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drawings/drawing3.xml" ContentType="application/vnd.openxmlformats-officedocument.drawing+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drawings/drawing4.xml" ContentType="application/vnd.openxmlformats-officedocument.drawing+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drawings/drawing5.xml" ContentType="application/vnd.openxmlformats-officedocument.drawing+xml"/>
  <Override PartName="/xl/charts/chart9.xml" ContentType="application/vnd.openxmlformats-officedocument.drawingml.chart+xml"/>
  <Override PartName="/xl/charts/style9.xml" ContentType="application/vnd.ms-office.chartstyle+xml"/>
  <Override PartName="/xl/charts/colors9.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623"/>
  <workbookPr/>
  <mc:AlternateContent xmlns:mc="http://schemas.openxmlformats.org/markup-compatibility/2006">
    <mc:Choice Requires="x15">
      <x15ac:absPath xmlns:x15ac="http://schemas.microsoft.com/office/spreadsheetml/2010/11/ac" url="https://sintef-my.sharepoint.com/personal/till_holmes_sintef_no/Documents/Desktop/FLXenabler/IMPRO/"/>
    </mc:Choice>
  </mc:AlternateContent>
  <xr:revisionPtr revIDLastSave="583" documentId="8_{117610BF-5B11-44EF-B4FC-BBB338519837}" xr6:coauthVersionLast="47" xr6:coauthVersionMax="47" xr10:uidLastSave="{929F74D8-7A25-4BB8-BA74-41046B5C29EB}"/>
  <bookViews>
    <workbookView xWindow="-120" yWindow="-120" windowWidth="29040" windowHeight="15720" activeTab="2" xr2:uid="{0BACD2F8-7B2E-48A9-8B72-52AA9319C627}"/>
  </bookViews>
  <sheets>
    <sheet name="Information" sheetId="4" r:id="rId1"/>
    <sheet name="Output" sheetId="5" r:id="rId2"/>
    <sheet name="Input" sheetId="3" r:id="rId3"/>
    <sheet name="Bühler" sheetId="2" r:id="rId4"/>
    <sheet name="Jesper" sheetId="1" r:id="rId5"/>
    <sheet name="Rehfeldt" sheetId="7" r:id="rId6"/>
    <sheet name="Standard Profiles" sheetId="8" r:id="rId7"/>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J4" i="7" l="1" a="1"/>
  <c r="J4" i="7" s="1"/>
  <c r="H5" i="3"/>
  <c r="H6" i="3"/>
  <c r="H7" i="3"/>
  <c r="H8" i="3"/>
  <c r="H4" i="3"/>
  <c r="C7" i="3"/>
  <c r="J33" i="1" s="1" a="1"/>
  <c r="J33" i="1" s="1"/>
  <c r="E18" i="8" s="1" a="1"/>
  <c r="E18" i="8" s="1"/>
  <c r="B10" i="1" s="1"/>
  <c r="K5" i="8"/>
  <c r="F12" i="8" a="1"/>
  <c r="F12" i="8" s="1"/>
  <c r="G18" i="8" s="1" a="1"/>
  <c r="G18" i="8" s="1"/>
  <c r="G5" i="8" a="1"/>
  <c r="G5" i="8" s="1"/>
  <c r="H5" i="8" s="1" a="1"/>
  <c r="H5" i="8" s="1"/>
  <c r="F5" i="8" a="1"/>
  <c r="F5" i="8" s="1"/>
  <c r="J23" i="1" a="1"/>
  <c r="J23" i="1" s="1"/>
  <c r="F18" i="8" s="1" a="1"/>
  <c r="F18" i="8" s="1"/>
  <c r="I18" i="8" l="1" a="1"/>
  <c r="I18" i="8" s="1"/>
  <c r="J2" i="1" s="1"/>
  <c r="B13" i="1"/>
  <c r="B12" i="1"/>
  <c r="B11" i="1"/>
  <c r="J4" i="1" l="1"/>
  <c r="J5" i="1"/>
  <c r="J6" i="1"/>
  <c r="J3" i="1"/>
  <c r="K6" i="8" l="1"/>
  <c r="K7" i="8"/>
  <c r="K8" i="8"/>
  <c r="K9" i="8"/>
  <c r="K10" i="8"/>
  <c r="K11" i="8"/>
  <c r="I6" i="8" l="1"/>
  <c r="I7" i="8"/>
  <c r="I8" i="8"/>
  <c r="I9" i="8"/>
  <c r="I10" i="8"/>
  <c r="I11" i="8"/>
  <c r="I5" i="8"/>
  <c r="G7" i="7"/>
  <c r="F5" i="7" l="1"/>
  <c r="F11" i="7" s="1" a="1"/>
  <c r="F11" i="7" s="1"/>
  <c r="F19" i="7" s="1" a="1"/>
  <c r="F19" i="7" s="1"/>
  <c r="E7" i="7"/>
  <c r="E11" i="7" s="1" a="1"/>
  <c r="E11" i="7" s="1"/>
  <c r="E19" i="7" s="1" a="1"/>
  <c r="E19" i="7" s="1"/>
  <c r="D7" i="7"/>
  <c r="D11" i="7" s="1" a="1"/>
  <c r="D11" i="7" s="1"/>
  <c r="D19" i="7" s="1" a="1"/>
  <c r="D19" i="7" s="1"/>
  <c r="H7" i="7"/>
  <c r="H11" i="7" s="1" a="1"/>
  <c r="H11" i="7" s="1"/>
  <c r="C19" i="7" s="1" a="1"/>
  <c r="C19" i="7" s="1"/>
  <c r="G11" i="7" a="1"/>
  <c r="G11" i="7" s="1"/>
  <c r="I19" i="7" s="1" a="1"/>
  <c r="I19" i="7" s="1"/>
  <c r="J11" i="7" a="1"/>
  <c r="J11" i="7" s="1"/>
  <c r="J19" i="7" s="1" a="1"/>
  <c r="J19" i="7" s="1"/>
  <c r="C11" i="7" a="1"/>
  <c r="C11" i="7" s="1"/>
  <c r="G19" i="7" s="1" a="1"/>
  <c r="G19" i="7" s="1"/>
  <c r="AB34" i="2"/>
  <c r="AB36" i="2"/>
  <c r="AC36" i="2"/>
  <c r="AD36" i="2"/>
  <c r="AE36" i="2"/>
  <c r="AF36" i="2"/>
  <c r="AG36" i="2"/>
  <c r="AB37" i="2"/>
  <c r="AB38" i="2"/>
  <c r="AB39" i="2"/>
  <c r="AB40" i="2"/>
  <c r="AB43" i="2"/>
  <c r="AB45" i="2"/>
  <c r="AC45" i="2"/>
  <c r="AD45" i="2"/>
  <c r="AE45" i="2"/>
  <c r="AF45" i="2"/>
  <c r="AG45" i="2"/>
  <c r="AB46" i="2"/>
  <c r="AB47" i="2"/>
  <c r="AB48" i="2"/>
  <c r="AB49" i="2"/>
  <c r="AB50" i="2"/>
  <c r="J22" i="7" l="1"/>
  <c r="F22" i="7"/>
  <c r="E22" i="7"/>
  <c r="G22" i="7"/>
  <c r="I22" i="7"/>
  <c r="D22" i="7"/>
  <c r="C22" i="7"/>
  <c r="P2" i="1"/>
  <c r="R2" i="1" s="1"/>
  <c r="Q2" i="1" a="1"/>
  <c r="Q2" i="1" s="1"/>
  <c r="F17" i="1" l="1"/>
  <c r="E17" i="1"/>
  <c r="D17" i="1"/>
  <c r="C17" i="1"/>
  <c r="B18" i="1"/>
  <c r="F18" i="1" s="1"/>
  <c r="B19" i="1" l="1"/>
  <c r="C18" i="1"/>
  <c r="D18" i="1"/>
  <c r="E18" i="1"/>
  <c r="C34" i="2" a="1"/>
  <c r="C34" i="2" s="1"/>
  <c r="F19" i="1" l="1"/>
  <c r="B20" i="1"/>
  <c r="E19" i="1"/>
  <c r="D19" i="1"/>
  <c r="C19" i="1"/>
  <c r="Q9" i="5"/>
  <c r="Q10" i="5"/>
  <c r="Q11" i="5"/>
  <c r="Q12" i="5"/>
  <c r="Q13" i="5"/>
  <c r="Q14" i="5"/>
  <c r="Q15" i="5"/>
  <c r="Q16" i="5"/>
  <c r="Q17" i="5"/>
  <c r="Q18" i="5"/>
  <c r="Q19" i="5"/>
  <c r="Q20" i="5"/>
  <c r="Q21" i="5"/>
  <c r="Q22" i="5"/>
  <c r="Q23" i="5"/>
  <c r="Q24" i="5"/>
  <c r="Q25" i="5"/>
  <c r="Q26" i="5"/>
  <c r="Q27" i="5"/>
  <c r="Q28" i="5"/>
  <c r="Q29" i="5"/>
  <c r="Q30" i="5"/>
  <c r="Q31" i="5"/>
  <c r="Q32" i="5"/>
  <c r="Q33" i="5"/>
  <c r="Q34" i="5"/>
  <c r="Q35" i="5"/>
  <c r="Q36" i="5"/>
  <c r="Q37" i="5"/>
  <c r="Q38" i="5"/>
  <c r="Q39" i="5"/>
  <c r="Q40" i="5"/>
  <c r="Q41" i="5"/>
  <c r="Q42" i="5"/>
  <c r="Q43" i="5"/>
  <c r="Q44" i="5"/>
  <c r="Q45" i="5"/>
  <c r="Q46" i="5"/>
  <c r="Q47" i="5"/>
  <c r="Q48" i="5"/>
  <c r="Q49" i="5"/>
  <c r="Q50" i="5"/>
  <c r="Q51" i="5"/>
  <c r="Q52" i="5"/>
  <c r="Q53" i="5"/>
  <c r="Q54" i="5"/>
  <c r="Q55" i="5"/>
  <c r="Q56" i="5"/>
  <c r="Q57" i="5"/>
  <c r="Q58" i="5"/>
  <c r="Q59" i="5"/>
  <c r="Q60" i="5"/>
  <c r="Q61" i="5"/>
  <c r="Q62" i="5"/>
  <c r="Q63" i="5"/>
  <c r="Q64" i="5"/>
  <c r="Q65" i="5"/>
  <c r="Q66" i="5"/>
  <c r="Q67" i="5"/>
  <c r="Q68" i="5"/>
  <c r="Q69" i="5"/>
  <c r="Q70" i="5"/>
  <c r="Q71" i="5"/>
  <c r="Q72" i="5"/>
  <c r="Q73" i="5"/>
  <c r="Q74" i="5"/>
  <c r="Q75" i="5"/>
  <c r="Q76" i="5"/>
  <c r="Q77" i="5"/>
  <c r="Q78" i="5"/>
  <c r="Q79" i="5"/>
  <c r="Q80" i="5"/>
  <c r="Q81" i="5"/>
  <c r="Q82" i="5"/>
  <c r="Q83" i="5"/>
  <c r="Q84" i="5"/>
  <c r="Q85" i="5"/>
  <c r="Q86" i="5"/>
  <c r="Q87" i="5"/>
  <c r="Q88" i="5"/>
  <c r="Q89" i="5"/>
  <c r="Q90" i="5"/>
  <c r="Q91" i="5"/>
  <c r="Q92" i="5"/>
  <c r="Q93" i="5"/>
  <c r="Q94" i="5"/>
  <c r="Q95" i="5"/>
  <c r="Q96" i="5"/>
  <c r="Q97" i="5"/>
  <c r="Q98" i="5"/>
  <c r="Q99" i="5"/>
  <c r="Q100" i="5"/>
  <c r="Q101" i="5"/>
  <c r="Q102" i="5"/>
  <c r="Q103" i="5"/>
  <c r="Q104" i="5"/>
  <c r="Q105" i="5"/>
  <c r="Q106" i="5"/>
  <c r="Q107" i="5"/>
  <c r="Q108" i="5"/>
  <c r="Q109" i="5"/>
  <c r="Q110" i="5"/>
  <c r="Q111" i="5"/>
  <c r="Q112" i="5"/>
  <c r="Q113" i="5"/>
  <c r="Q114" i="5"/>
  <c r="Q115" i="5"/>
  <c r="Q116" i="5"/>
  <c r="Q117" i="5"/>
  <c r="Q118" i="5"/>
  <c r="Q119" i="5"/>
  <c r="Q120" i="5"/>
  <c r="Q121" i="5"/>
  <c r="Q122" i="5"/>
  <c r="Q123" i="5"/>
  <c r="Q124" i="5"/>
  <c r="Q125" i="5"/>
  <c r="Q126" i="5"/>
  <c r="Q127" i="5"/>
  <c r="Q128" i="5"/>
  <c r="Q129" i="5"/>
  <c r="Q130" i="5"/>
  <c r="Q131" i="5"/>
  <c r="Q132" i="5"/>
  <c r="Q133" i="5"/>
  <c r="Q134" i="5"/>
  <c r="Q135" i="5"/>
  <c r="Q136" i="5"/>
  <c r="Q137" i="5"/>
  <c r="Q138" i="5"/>
  <c r="Q139" i="5"/>
  <c r="Q140" i="5"/>
  <c r="Q141" i="5"/>
  <c r="Q142" i="5"/>
  <c r="Q143" i="5"/>
  <c r="Q144" i="5"/>
  <c r="Q145" i="5"/>
  <c r="Q146" i="5"/>
  <c r="Q147" i="5"/>
  <c r="Q148" i="5"/>
  <c r="Q149" i="5"/>
  <c r="Q150" i="5"/>
  <c r="Q151" i="5"/>
  <c r="Q152" i="5"/>
  <c r="Q153" i="5"/>
  <c r="Q154" i="5"/>
  <c r="Q155" i="5"/>
  <c r="Q156" i="5"/>
  <c r="Q157" i="5"/>
  <c r="Q158" i="5"/>
  <c r="Q159" i="5"/>
  <c r="Q160" i="5"/>
  <c r="Q161" i="5"/>
  <c r="Q162" i="5"/>
  <c r="Q163" i="5"/>
  <c r="Q164" i="5"/>
  <c r="Q165" i="5"/>
  <c r="Q166" i="5"/>
  <c r="Q167" i="5"/>
  <c r="Q168" i="5"/>
  <c r="Q169" i="5"/>
  <c r="Q170" i="5"/>
  <c r="Q171" i="5"/>
  <c r="Q172" i="5"/>
  <c r="Q173" i="5"/>
  <c r="Q174" i="5"/>
  <c r="Q175" i="5"/>
  <c r="Q176" i="5"/>
  <c r="Q177" i="5"/>
  <c r="Q178" i="5"/>
  <c r="Q179" i="5"/>
  <c r="Q180" i="5"/>
  <c r="Q181" i="5"/>
  <c r="Q182" i="5"/>
  <c r="Q183" i="5"/>
  <c r="Q184" i="5"/>
  <c r="Q185" i="5"/>
  <c r="Q186" i="5"/>
  <c r="Q187" i="5"/>
  <c r="Q188" i="5"/>
  <c r="Q189" i="5"/>
  <c r="Q190" i="5"/>
  <c r="Q191" i="5"/>
  <c r="Q192" i="5"/>
  <c r="Q193" i="5"/>
  <c r="Q194" i="5"/>
  <c r="Q195" i="5"/>
  <c r="Q196" i="5"/>
  <c r="Q197" i="5"/>
  <c r="Q198" i="5"/>
  <c r="Q199" i="5"/>
  <c r="Q200" i="5"/>
  <c r="Q201" i="5"/>
  <c r="Q202" i="5"/>
  <c r="Q203" i="5"/>
  <c r="Q204" i="5"/>
  <c r="Q205" i="5"/>
  <c r="Q206" i="5"/>
  <c r="Q207" i="5"/>
  <c r="Q208" i="5"/>
  <c r="Q209" i="5"/>
  <c r="Q210" i="5"/>
  <c r="Q211" i="5"/>
  <c r="Q212" i="5"/>
  <c r="Q213" i="5"/>
  <c r="Q214" i="5"/>
  <c r="Q215" i="5"/>
  <c r="Q216" i="5"/>
  <c r="Q217" i="5"/>
  <c r="Q218" i="5"/>
  <c r="Q219" i="5"/>
  <c r="Q220" i="5"/>
  <c r="Q221" i="5"/>
  <c r="Q222" i="5"/>
  <c r="Q223" i="5"/>
  <c r="Q224" i="5"/>
  <c r="Q225" i="5"/>
  <c r="Q226" i="5"/>
  <c r="Q227" i="5"/>
  <c r="Q228" i="5"/>
  <c r="Q229" i="5"/>
  <c r="Q230" i="5"/>
  <c r="Q231" i="5"/>
  <c r="Q232" i="5"/>
  <c r="Q233" i="5"/>
  <c r="Q234" i="5"/>
  <c r="Q235" i="5"/>
  <c r="Q236" i="5"/>
  <c r="Q237" i="5"/>
  <c r="Q238" i="5"/>
  <c r="Q239" i="5"/>
  <c r="Q240" i="5"/>
  <c r="Q241" i="5"/>
  <c r="Q242" i="5"/>
  <c r="Q243" i="5"/>
  <c r="Q244" i="5"/>
  <c r="Q245" i="5"/>
  <c r="Q246" i="5"/>
  <c r="Q247" i="5"/>
  <c r="Q248" i="5"/>
  <c r="Q249" i="5"/>
  <c r="Q250" i="5"/>
  <c r="Q251" i="5"/>
  <c r="Q252" i="5"/>
  <c r="Q253" i="5"/>
  <c r="Q254" i="5"/>
  <c r="Q255" i="5"/>
  <c r="Q256" i="5"/>
  <c r="Q257" i="5"/>
  <c r="Q258" i="5"/>
  <c r="Q259" i="5"/>
  <c r="Q260" i="5"/>
  <c r="Q261" i="5"/>
  <c r="Q262" i="5"/>
  <c r="Q263" i="5"/>
  <c r="Q264" i="5"/>
  <c r="Q265" i="5"/>
  <c r="Q266" i="5"/>
  <c r="Q267" i="5"/>
  <c r="Q268" i="5"/>
  <c r="Q269" i="5"/>
  <c r="Q270" i="5"/>
  <c r="Q271" i="5"/>
  <c r="Q272" i="5"/>
  <c r="Q273" i="5"/>
  <c r="Q274" i="5"/>
  <c r="Q275" i="5"/>
  <c r="Q276" i="5"/>
  <c r="Q277" i="5"/>
  <c r="Q278" i="5"/>
  <c r="Q279" i="5"/>
  <c r="Q280" i="5"/>
  <c r="Q281" i="5"/>
  <c r="Q282" i="5"/>
  <c r="Q283" i="5"/>
  <c r="Q284" i="5"/>
  <c r="Q285" i="5"/>
  <c r="Q286" i="5"/>
  <c r="Q287" i="5"/>
  <c r="Q288" i="5"/>
  <c r="Q289" i="5"/>
  <c r="Q290" i="5"/>
  <c r="Q291" i="5"/>
  <c r="Q292" i="5"/>
  <c r="Q293" i="5"/>
  <c r="Q294" i="5"/>
  <c r="Q295" i="5"/>
  <c r="Q296" i="5"/>
  <c r="Q297" i="5"/>
  <c r="Q298" i="5"/>
  <c r="Q299" i="5"/>
  <c r="Q300" i="5"/>
  <c r="Q301" i="5"/>
  <c r="Q302" i="5"/>
  <c r="Q303" i="5"/>
  <c r="Q304" i="5"/>
  <c r="Q305" i="5"/>
  <c r="Q306" i="5"/>
  <c r="Q307" i="5"/>
  <c r="Q308" i="5"/>
  <c r="Q309" i="5"/>
  <c r="Q310" i="5"/>
  <c r="Q311" i="5"/>
  <c r="Q312" i="5"/>
  <c r="Q313" i="5"/>
  <c r="Q314" i="5"/>
  <c r="Q315" i="5"/>
  <c r="Q316" i="5"/>
  <c r="Q317" i="5"/>
  <c r="Q318" i="5"/>
  <c r="Q319" i="5"/>
  <c r="Q320" i="5"/>
  <c r="Q321" i="5"/>
  <c r="Q322" i="5"/>
  <c r="Q323" i="5"/>
  <c r="Q324" i="5"/>
  <c r="Q325" i="5"/>
  <c r="Q326" i="5"/>
  <c r="Q327" i="5"/>
  <c r="Q328" i="5"/>
  <c r="Q329" i="5"/>
  <c r="Q330" i="5"/>
  <c r="Q331" i="5"/>
  <c r="Q332" i="5"/>
  <c r="Q333" i="5"/>
  <c r="Q334" i="5"/>
  <c r="Q335" i="5"/>
  <c r="Q336" i="5"/>
  <c r="Q337" i="5"/>
  <c r="Q338" i="5"/>
  <c r="Q339" i="5"/>
  <c r="Q340" i="5"/>
  <c r="Q341" i="5"/>
  <c r="Q342" i="5"/>
  <c r="Q343" i="5"/>
  <c r="Q344" i="5"/>
  <c r="Q345" i="5"/>
  <c r="Q346" i="5"/>
  <c r="Q347" i="5"/>
  <c r="Q348" i="5"/>
  <c r="Q349" i="5"/>
  <c r="Q350" i="5"/>
  <c r="Q351" i="5"/>
  <c r="Q352" i="5"/>
  <c r="Q353" i="5"/>
  <c r="Q354" i="5"/>
  <c r="Q355" i="5"/>
  <c r="Q356" i="5"/>
  <c r="Q357" i="5"/>
  <c r="Q358" i="5"/>
  <c r="Q359" i="5"/>
  <c r="Q360" i="5"/>
  <c r="Q361" i="5"/>
  <c r="Q362" i="5"/>
  <c r="Q363" i="5"/>
  <c r="Q364" i="5"/>
  <c r="Q365" i="5"/>
  <c r="Q366" i="5"/>
  <c r="Q367" i="5"/>
  <c r="Q368" i="5"/>
  <c r="Q369" i="5"/>
  <c r="Q370" i="5"/>
  <c r="Q371" i="5"/>
  <c r="Q372" i="5"/>
  <c r="Q373" i="5"/>
  <c r="Q374" i="5"/>
  <c r="Q375" i="5"/>
  <c r="Q376" i="5"/>
  <c r="Q377" i="5"/>
  <c r="Q378" i="5"/>
  <c r="Q379" i="5"/>
  <c r="Q380" i="5"/>
  <c r="Q381" i="5"/>
  <c r="Q382" i="5"/>
  <c r="Q383" i="5"/>
  <c r="Q384" i="5"/>
  <c r="Q385" i="5"/>
  <c r="Q386" i="5"/>
  <c r="Q387" i="5"/>
  <c r="Q388" i="5"/>
  <c r="Q389" i="5"/>
  <c r="Q390" i="5"/>
  <c r="Q391" i="5"/>
  <c r="Q392" i="5"/>
  <c r="Q393" i="5"/>
  <c r="Q394" i="5"/>
  <c r="Q395" i="5"/>
  <c r="Q396" i="5"/>
  <c r="Q397" i="5"/>
  <c r="Q398" i="5"/>
  <c r="Q399" i="5"/>
  <c r="Q400" i="5"/>
  <c r="Q401" i="5"/>
  <c r="Q402" i="5"/>
  <c r="Q403" i="5"/>
  <c r="Q404" i="5"/>
  <c r="Q405" i="5"/>
  <c r="Q406" i="5"/>
  <c r="Q407" i="5"/>
  <c r="Q408" i="5"/>
  <c r="Q409" i="5"/>
  <c r="Q410" i="5"/>
  <c r="Q411" i="5"/>
  <c r="Q412" i="5"/>
  <c r="Q413" i="5"/>
  <c r="Q414" i="5"/>
  <c r="Q415" i="5"/>
  <c r="Q416" i="5"/>
  <c r="Q417" i="5"/>
  <c r="Q418" i="5"/>
  <c r="Q419" i="5"/>
  <c r="Q420" i="5"/>
  <c r="Q421" i="5"/>
  <c r="Q422" i="5"/>
  <c r="Q423" i="5"/>
  <c r="Q424" i="5"/>
  <c r="Q425" i="5"/>
  <c r="Q426" i="5"/>
  <c r="Q427" i="5"/>
  <c r="Q428" i="5"/>
  <c r="Q429" i="5"/>
  <c r="Q430" i="5"/>
  <c r="Q431" i="5"/>
  <c r="Q432" i="5"/>
  <c r="Q433" i="5"/>
  <c r="Q434" i="5"/>
  <c r="Q435" i="5"/>
  <c r="Q436" i="5"/>
  <c r="Q437" i="5"/>
  <c r="Q438" i="5"/>
  <c r="Q439" i="5"/>
  <c r="Q440" i="5"/>
  <c r="Q441" i="5"/>
  <c r="Q442" i="5"/>
  <c r="Q443" i="5"/>
  <c r="Q444" i="5"/>
  <c r="Q445" i="5"/>
  <c r="Q446" i="5"/>
  <c r="Q447" i="5"/>
  <c r="Q448" i="5"/>
  <c r="Q449" i="5"/>
  <c r="Q450" i="5"/>
  <c r="Q451" i="5"/>
  <c r="Q452" i="5"/>
  <c r="Q453" i="5"/>
  <c r="Q454" i="5"/>
  <c r="Q455" i="5"/>
  <c r="Q456" i="5"/>
  <c r="Q457" i="5"/>
  <c r="Q458" i="5"/>
  <c r="Q459" i="5"/>
  <c r="Q460" i="5"/>
  <c r="Q461" i="5"/>
  <c r="Q462" i="5"/>
  <c r="Q463" i="5"/>
  <c r="Q464" i="5"/>
  <c r="Q465" i="5"/>
  <c r="Q466" i="5"/>
  <c r="Q467" i="5"/>
  <c r="Q468" i="5"/>
  <c r="Q469" i="5"/>
  <c r="Q470" i="5"/>
  <c r="Q471" i="5"/>
  <c r="Q472" i="5"/>
  <c r="Q473" i="5"/>
  <c r="Q474" i="5"/>
  <c r="Q475" i="5"/>
  <c r="Q476" i="5"/>
  <c r="Q477" i="5"/>
  <c r="Q478" i="5"/>
  <c r="Q479" i="5"/>
  <c r="Q480" i="5"/>
  <c r="Q481" i="5"/>
  <c r="Q482" i="5"/>
  <c r="Q483" i="5"/>
  <c r="Q484" i="5"/>
  <c r="Q485" i="5"/>
  <c r="Q486" i="5"/>
  <c r="Q487" i="5"/>
  <c r="Q488" i="5"/>
  <c r="Q489" i="5"/>
  <c r="Q490" i="5"/>
  <c r="Q491" i="5"/>
  <c r="Q492" i="5"/>
  <c r="Q493" i="5"/>
  <c r="Q494" i="5"/>
  <c r="Q495" i="5"/>
  <c r="Q496" i="5"/>
  <c r="Q497" i="5"/>
  <c r="Q498" i="5"/>
  <c r="Q499" i="5"/>
  <c r="Q500" i="5"/>
  <c r="Q501" i="5"/>
  <c r="Q502" i="5"/>
  <c r="Q503" i="5"/>
  <c r="Q504" i="5"/>
  <c r="Q505" i="5"/>
  <c r="Q506" i="5"/>
  <c r="Q507" i="5"/>
  <c r="Q508" i="5"/>
  <c r="Q509" i="5"/>
  <c r="Q510" i="5"/>
  <c r="Q511" i="5"/>
  <c r="Q512" i="5"/>
  <c r="Q513" i="5"/>
  <c r="Q514" i="5"/>
  <c r="Q515" i="5"/>
  <c r="Q516" i="5"/>
  <c r="Q517" i="5"/>
  <c r="Q518" i="5"/>
  <c r="Q519" i="5"/>
  <c r="Q520" i="5"/>
  <c r="Q521" i="5"/>
  <c r="Q522" i="5"/>
  <c r="Q523" i="5"/>
  <c r="Q524" i="5"/>
  <c r="Q525" i="5"/>
  <c r="Q526" i="5"/>
  <c r="Q527" i="5"/>
  <c r="Q528" i="5"/>
  <c r="Q529" i="5"/>
  <c r="Q530" i="5"/>
  <c r="Q531" i="5"/>
  <c r="Q532" i="5"/>
  <c r="Q533" i="5"/>
  <c r="Q534" i="5"/>
  <c r="Q535" i="5"/>
  <c r="Q536" i="5"/>
  <c r="Q537" i="5"/>
  <c r="Q538" i="5"/>
  <c r="Q539" i="5"/>
  <c r="Q540" i="5"/>
  <c r="Q541" i="5"/>
  <c r="Q542" i="5"/>
  <c r="Q543" i="5"/>
  <c r="Q544" i="5"/>
  <c r="Q545" i="5"/>
  <c r="Q546" i="5"/>
  <c r="Q547" i="5"/>
  <c r="Q548" i="5"/>
  <c r="Q549" i="5"/>
  <c r="Q550" i="5"/>
  <c r="Q551" i="5"/>
  <c r="Q552" i="5"/>
  <c r="Q553" i="5"/>
  <c r="Q554" i="5"/>
  <c r="Q555" i="5"/>
  <c r="Q556" i="5"/>
  <c r="Q557" i="5"/>
  <c r="Q558" i="5"/>
  <c r="Q559" i="5"/>
  <c r="Q560" i="5"/>
  <c r="Q561" i="5"/>
  <c r="Q562" i="5"/>
  <c r="Q563" i="5"/>
  <c r="Q564" i="5"/>
  <c r="Q565" i="5"/>
  <c r="Q566" i="5"/>
  <c r="Q567" i="5"/>
  <c r="Q568" i="5"/>
  <c r="Q569" i="5"/>
  <c r="Q570" i="5"/>
  <c r="Q571" i="5"/>
  <c r="Q572" i="5"/>
  <c r="Q573" i="5"/>
  <c r="Q574" i="5"/>
  <c r="Q575" i="5"/>
  <c r="Q576" i="5"/>
  <c r="Q577" i="5"/>
  <c r="Q578" i="5"/>
  <c r="Q579" i="5"/>
  <c r="Q580" i="5"/>
  <c r="Q581" i="5"/>
  <c r="Q582" i="5"/>
  <c r="Q583" i="5"/>
  <c r="Q584" i="5"/>
  <c r="Q585" i="5"/>
  <c r="Q586" i="5"/>
  <c r="Q587" i="5"/>
  <c r="Q588" i="5"/>
  <c r="Q589" i="5"/>
  <c r="Q590" i="5"/>
  <c r="Q591" i="5"/>
  <c r="Q592" i="5"/>
  <c r="Q593" i="5"/>
  <c r="Q594" i="5"/>
  <c r="Q595" i="5"/>
  <c r="Q596" i="5"/>
  <c r="Q597" i="5"/>
  <c r="Q598" i="5"/>
  <c r="Q599" i="5"/>
  <c r="Q600" i="5"/>
  <c r="Q601" i="5"/>
  <c r="Q602" i="5"/>
  <c r="Q603" i="5"/>
  <c r="Q604" i="5"/>
  <c r="Q605" i="5"/>
  <c r="Q606" i="5"/>
  <c r="Q607" i="5"/>
  <c r="Q608" i="5"/>
  <c r="Q609" i="5"/>
  <c r="Q610" i="5"/>
  <c r="Q611" i="5"/>
  <c r="Q612" i="5"/>
  <c r="Q613" i="5"/>
  <c r="Q614" i="5"/>
  <c r="Q615" i="5"/>
  <c r="Q616" i="5"/>
  <c r="Q617" i="5"/>
  <c r="Q618" i="5"/>
  <c r="Q619" i="5"/>
  <c r="Q620" i="5"/>
  <c r="Q621" i="5"/>
  <c r="Q622" i="5"/>
  <c r="Q623" i="5"/>
  <c r="Q624" i="5"/>
  <c r="Q625" i="5"/>
  <c r="Q626" i="5"/>
  <c r="Q627" i="5"/>
  <c r="Q628" i="5"/>
  <c r="Q629" i="5"/>
  <c r="Q630" i="5"/>
  <c r="Q631" i="5"/>
  <c r="Q632" i="5"/>
  <c r="Q633" i="5"/>
  <c r="Q634" i="5"/>
  <c r="Q635" i="5"/>
  <c r="Q636" i="5"/>
  <c r="Q637" i="5"/>
  <c r="Q638" i="5"/>
  <c r="Q639" i="5"/>
  <c r="Q640" i="5"/>
  <c r="Q641" i="5"/>
  <c r="Q642" i="5"/>
  <c r="Q643" i="5"/>
  <c r="Q644" i="5"/>
  <c r="Q645" i="5"/>
  <c r="Q646" i="5"/>
  <c r="Q647" i="5"/>
  <c r="Q648" i="5"/>
  <c r="Q649" i="5"/>
  <c r="Q650" i="5"/>
  <c r="Q651" i="5"/>
  <c r="Q652" i="5"/>
  <c r="Q653" i="5"/>
  <c r="Q654" i="5"/>
  <c r="Q655" i="5"/>
  <c r="Q656" i="5"/>
  <c r="Q657" i="5"/>
  <c r="Q658" i="5"/>
  <c r="Q659" i="5"/>
  <c r="Q660" i="5"/>
  <c r="Q661" i="5"/>
  <c r="Q662" i="5"/>
  <c r="Q663" i="5"/>
  <c r="Q664" i="5"/>
  <c r="Q665" i="5"/>
  <c r="Q666" i="5"/>
  <c r="Q667" i="5"/>
  <c r="Q668" i="5"/>
  <c r="Q669" i="5"/>
  <c r="Q670" i="5"/>
  <c r="Q671" i="5"/>
  <c r="Q672" i="5"/>
  <c r="Q673" i="5"/>
  <c r="Q674" i="5"/>
  <c r="Q675" i="5"/>
  <c r="Q676" i="5"/>
  <c r="Q677" i="5"/>
  <c r="Q678" i="5"/>
  <c r="Q679" i="5"/>
  <c r="Q680" i="5"/>
  <c r="Q681" i="5"/>
  <c r="Q682" i="5"/>
  <c r="Q683" i="5"/>
  <c r="Q684" i="5"/>
  <c r="Q685" i="5"/>
  <c r="Q686" i="5"/>
  <c r="Q687" i="5"/>
  <c r="Q688" i="5"/>
  <c r="Q689" i="5"/>
  <c r="Q690" i="5"/>
  <c r="Q691" i="5"/>
  <c r="Q692" i="5"/>
  <c r="Q693" i="5"/>
  <c r="Q694" i="5"/>
  <c r="Q695" i="5"/>
  <c r="Q696" i="5"/>
  <c r="Q697" i="5"/>
  <c r="Q698" i="5"/>
  <c r="Q699" i="5"/>
  <c r="Q700" i="5"/>
  <c r="Q701" i="5"/>
  <c r="Q702" i="5"/>
  <c r="Q703" i="5"/>
  <c r="Q704" i="5"/>
  <c r="Q705" i="5"/>
  <c r="Q706" i="5"/>
  <c r="Q707" i="5"/>
  <c r="Q708" i="5"/>
  <c r="Q709" i="5"/>
  <c r="Q710" i="5"/>
  <c r="Q711" i="5"/>
  <c r="Q712" i="5"/>
  <c r="Q713" i="5"/>
  <c r="Q714" i="5"/>
  <c r="Q715" i="5"/>
  <c r="Q716" i="5"/>
  <c r="Q717" i="5"/>
  <c r="Q718" i="5"/>
  <c r="Q719" i="5"/>
  <c r="Q720" i="5"/>
  <c r="Q721" i="5"/>
  <c r="Q722" i="5"/>
  <c r="Q723" i="5"/>
  <c r="Q724" i="5"/>
  <c r="Q725" i="5"/>
  <c r="Q726" i="5"/>
  <c r="Q727" i="5"/>
  <c r="Q728" i="5"/>
  <c r="Q729" i="5"/>
  <c r="Q730" i="5"/>
  <c r="Q731" i="5"/>
  <c r="Q732" i="5"/>
  <c r="Q733" i="5"/>
  <c r="Q734" i="5"/>
  <c r="Q735" i="5"/>
  <c r="Q736" i="5"/>
  <c r="Q737" i="5"/>
  <c r="Q738" i="5"/>
  <c r="Q739" i="5"/>
  <c r="Q740" i="5"/>
  <c r="Q741" i="5"/>
  <c r="Q742" i="5"/>
  <c r="Q743" i="5"/>
  <c r="Q744" i="5"/>
  <c r="Q745" i="5"/>
  <c r="Q746" i="5"/>
  <c r="Q747" i="5"/>
  <c r="Q748" i="5"/>
  <c r="Q749" i="5"/>
  <c r="Q750" i="5"/>
  <c r="Q751" i="5"/>
  <c r="Q752" i="5"/>
  <c r="Q753" i="5"/>
  <c r="Q754" i="5"/>
  <c r="Q755" i="5"/>
  <c r="Q756" i="5"/>
  <c r="Q757" i="5"/>
  <c r="Q758" i="5"/>
  <c r="Q759" i="5"/>
  <c r="Q760" i="5"/>
  <c r="Q761" i="5"/>
  <c r="Q762" i="5"/>
  <c r="Q763" i="5"/>
  <c r="Q764" i="5"/>
  <c r="Q765" i="5"/>
  <c r="Q766" i="5"/>
  <c r="Q767" i="5"/>
  <c r="Q768" i="5"/>
  <c r="Q769" i="5"/>
  <c r="Q770" i="5"/>
  <c r="Q771" i="5"/>
  <c r="Q772" i="5"/>
  <c r="Q773" i="5"/>
  <c r="Q774" i="5"/>
  <c r="Q775" i="5"/>
  <c r="Q776" i="5"/>
  <c r="Q777" i="5"/>
  <c r="Q778" i="5"/>
  <c r="Q779" i="5"/>
  <c r="Q780" i="5"/>
  <c r="Q781" i="5"/>
  <c r="Q782" i="5"/>
  <c r="Q783" i="5"/>
  <c r="Q784" i="5"/>
  <c r="Q785" i="5"/>
  <c r="Q786" i="5"/>
  <c r="Q787" i="5"/>
  <c r="Q788" i="5"/>
  <c r="Q789" i="5"/>
  <c r="Q790" i="5"/>
  <c r="Q791" i="5"/>
  <c r="Q792" i="5"/>
  <c r="Q793" i="5"/>
  <c r="Q794" i="5"/>
  <c r="Q795" i="5"/>
  <c r="Q796" i="5"/>
  <c r="Q797" i="5"/>
  <c r="Q798" i="5"/>
  <c r="Q799" i="5"/>
  <c r="Q800" i="5"/>
  <c r="Q801" i="5"/>
  <c r="Q802" i="5"/>
  <c r="Q803" i="5"/>
  <c r="Q804" i="5"/>
  <c r="Q805" i="5"/>
  <c r="Q806" i="5"/>
  <c r="Q807" i="5"/>
  <c r="Q808" i="5"/>
  <c r="Q809" i="5"/>
  <c r="Q810" i="5"/>
  <c r="Q811" i="5"/>
  <c r="Q812" i="5"/>
  <c r="Q813" i="5"/>
  <c r="Q814" i="5"/>
  <c r="Q815" i="5"/>
  <c r="Q816" i="5"/>
  <c r="Q817" i="5"/>
  <c r="Q818" i="5"/>
  <c r="Q819" i="5"/>
  <c r="Q820" i="5"/>
  <c r="Q821" i="5"/>
  <c r="Q822" i="5"/>
  <c r="Q823" i="5"/>
  <c r="Q824" i="5"/>
  <c r="Q825" i="5"/>
  <c r="Q826" i="5"/>
  <c r="Q827" i="5"/>
  <c r="Q828" i="5"/>
  <c r="Q829" i="5"/>
  <c r="Q830" i="5"/>
  <c r="Q831" i="5"/>
  <c r="Q832" i="5"/>
  <c r="Q833" i="5"/>
  <c r="Q834" i="5"/>
  <c r="Q835" i="5"/>
  <c r="Q836" i="5"/>
  <c r="Q837" i="5"/>
  <c r="Q838" i="5"/>
  <c r="Q839" i="5"/>
  <c r="Q840" i="5"/>
  <c r="Q841" i="5"/>
  <c r="Q842" i="5"/>
  <c r="Q843" i="5"/>
  <c r="Q844" i="5"/>
  <c r="Q845" i="5"/>
  <c r="Q846" i="5"/>
  <c r="Q847" i="5"/>
  <c r="Q848" i="5"/>
  <c r="Q849" i="5"/>
  <c r="Q850" i="5"/>
  <c r="Q851" i="5"/>
  <c r="Q852" i="5"/>
  <c r="Q853" i="5"/>
  <c r="Q854" i="5"/>
  <c r="Q855" i="5"/>
  <c r="Q856" i="5"/>
  <c r="Q857" i="5"/>
  <c r="Q858" i="5"/>
  <c r="Q859" i="5"/>
  <c r="Q860" i="5"/>
  <c r="Q861" i="5"/>
  <c r="Q862" i="5"/>
  <c r="Q863" i="5"/>
  <c r="Q864" i="5"/>
  <c r="Q865" i="5"/>
  <c r="Q866" i="5"/>
  <c r="Q867" i="5"/>
  <c r="Q868" i="5"/>
  <c r="Q869" i="5"/>
  <c r="Q870" i="5"/>
  <c r="Q871" i="5"/>
  <c r="Q872" i="5"/>
  <c r="Q873" i="5"/>
  <c r="Q874" i="5"/>
  <c r="Q875" i="5"/>
  <c r="Q876" i="5"/>
  <c r="Q877" i="5"/>
  <c r="Q878" i="5"/>
  <c r="Q879" i="5"/>
  <c r="Q880" i="5"/>
  <c r="Q881" i="5"/>
  <c r="Q882" i="5"/>
  <c r="Q883" i="5"/>
  <c r="Q884" i="5"/>
  <c r="Q885" i="5"/>
  <c r="Q886" i="5"/>
  <c r="Q887" i="5"/>
  <c r="Q888" i="5"/>
  <c r="Q889" i="5"/>
  <c r="Q890" i="5"/>
  <c r="Q891" i="5"/>
  <c r="Q892" i="5"/>
  <c r="Q893" i="5"/>
  <c r="Q894" i="5"/>
  <c r="Q895" i="5"/>
  <c r="Q896" i="5"/>
  <c r="Q897" i="5"/>
  <c r="Q898" i="5"/>
  <c r="Q899" i="5"/>
  <c r="Q900" i="5"/>
  <c r="Q901" i="5"/>
  <c r="Q902" i="5"/>
  <c r="Q903" i="5"/>
  <c r="Q904" i="5"/>
  <c r="Q905" i="5"/>
  <c r="Q906" i="5"/>
  <c r="Q907" i="5"/>
  <c r="Q908" i="5"/>
  <c r="Q909" i="5"/>
  <c r="Q910" i="5"/>
  <c r="Q911" i="5"/>
  <c r="Q912" i="5"/>
  <c r="Q913" i="5"/>
  <c r="Q914" i="5"/>
  <c r="Q915" i="5"/>
  <c r="Q916" i="5"/>
  <c r="Q917" i="5"/>
  <c r="Q918" i="5"/>
  <c r="Q919" i="5"/>
  <c r="Q920" i="5"/>
  <c r="Q921" i="5"/>
  <c r="Q922" i="5"/>
  <c r="Q923" i="5"/>
  <c r="Q924" i="5"/>
  <c r="Q925" i="5"/>
  <c r="Q926" i="5"/>
  <c r="Q927" i="5"/>
  <c r="Q928" i="5"/>
  <c r="Q929" i="5"/>
  <c r="Q930" i="5"/>
  <c r="Q931" i="5"/>
  <c r="Q932" i="5"/>
  <c r="Q933" i="5"/>
  <c r="Q934" i="5"/>
  <c r="Q935" i="5"/>
  <c r="Q936" i="5"/>
  <c r="Q937" i="5"/>
  <c r="Q938" i="5"/>
  <c r="Q939" i="5"/>
  <c r="Q940" i="5"/>
  <c r="Q941" i="5"/>
  <c r="Q942" i="5"/>
  <c r="Q943" i="5"/>
  <c r="Q944" i="5"/>
  <c r="Q945" i="5"/>
  <c r="Q946" i="5"/>
  <c r="Q947" i="5"/>
  <c r="Q948" i="5"/>
  <c r="Q949" i="5"/>
  <c r="Q950" i="5"/>
  <c r="Q951" i="5"/>
  <c r="Q952" i="5"/>
  <c r="Q953" i="5"/>
  <c r="Q954" i="5"/>
  <c r="Q955" i="5"/>
  <c r="Q956" i="5"/>
  <c r="Q957" i="5"/>
  <c r="Q958" i="5"/>
  <c r="Q959" i="5"/>
  <c r="Q960" i="5"/>
  <c r="Q961" i="5"/>
  <c r="Q962" i="5"/>
  <c r="Q963" i="5"/>
  <c r="Q964" i="5"/>
  <c r="Q965" i="5"/>
  <c r="Q966" i="5"/>
  <c r="Q967" i="5"/>
  <c r="Q968" i="5"/>
  <c r="Q969" i="5"/>
  <c r="Q970" i="5"/>
  <c r="Q971" i="5"/>
  <c r="Q972" i="5"/>
  <c r="Q973" i="5"/>
  <c r="Q974" i="5"/>
  <c r="Q975" i="5"/>
  <c r="Q976" i="5"/>
  <c r="Q977" i="5"/>
  <c r="Q978" i="5"/>
  <c r="Q979" i="5"/>
  <c r="Q980" i="5"/>
  <c r="Q981" i="5"/>
  <c r="Q982" i="5"/>
  <c r="Q983" i="5"/>
  <c r="Q984" i="5"/>
  <c r="Q985" i="5"/>
  <c r="Q986" i="5"/>
  <c r="Q987" i="5"/>
  <c r="Q988" i="5"/>
  <c r="Q989" i="5"/>
  <c r="Q990" i="5"/>
  <c r="Q991" i="5"/>
  <c r="Q992" i="5"/>
  <c r="Q993" i="5"/>
  <c r="Q994" i="5"/>
  <c r="Q995" i="5"/>
  <c r="Q996" i="5"/>
  <c r="Q997" i="5"/>
  <c r="Q998" i="5"/>
  <c r="Q999" i="5"/>
  <c r="Q1000" i="5"/>
  <c r="Q1001" i="5"/>
  <c r="Q1002" i="5"/>
  <c r="Q1003" i="5"/>
  <c r="Q1004" i="5"/>
  <c r="Q1005" i="5"/>
  <c r="Q1006" i="5"/>
  <c r="Q1007" i="5"/>
  <c r="Q1008" i="5"/>
  <c r="Q1009" i="5"/>
  <c r="Q1010" i="5"/>
  <c r="Q1011" i="5"/>
  <c r="Q1012" i="5"/>
  <c r="Q1013" i="5"/>
  <c r="Q1014" i="5"/>
  <c r="Q1015" i="5"/>
  <c r="Q1016" i="5"/>
  <c r="Q1017" i="5"/>
  <c r="Q1018" i="5"/>
  <c r="Q1019" i="5"/>
  <c r="Q1020" i="5"/>
  <c r="Q1021" i="5"/>
  <c r="Q1022" i="5"/>
  <c r="Q1023" i="5"/>
  <c r="Q1024" i="5"/>
  <c r="Q1025" i="5"/>
  <c r="Q1026" i="5"/>
  <c r="Q1027" i="5"/>
  <c r="Q1028" i="5"/>
  <c r="Q1029" i="5"/>
  <c r="Q1030" i="5"/>
  <c r="Q1031" i="5"/>
  <c r="Q1032" i="5"/>
  <c r="Q1033" i="5"/>
  <c r="Q1034" i="5"/>
  <c r="Q1035" i="5"/>
  <c r="Q1036" i="5"/>
  <c r="Q1037" i="5"/>
  <c r="Q1038" i="5"/>
  <c r="Q1039" i="5"/>
  <c r="Q1040" i="5"/>
  <c r="Q1041" i="5"/>
  <c r="Q1042" i="5"/>
  <c r="Q1043" i="5"/>
  <c r="Q1044" i="5"/>
  <c r="Q1045" i="5"/>
  <c r="Q1046" i="5"/>
  <c r="Q1047" i="5"/>
  <c r="Q1048" i="5"/>
  <c r="Q1049" i="5"/>
  <c r="Q1050" i="5"/>
  <c r="Q1051" i="5"/>
  <c r="Q1052" i="5"/>
  <c r="Q1053" i="5"/>
  <c r="Q1054" i="5"/>
  <c r="Q1055" i="5"/>
  <c r="Q1056" i="5"/>
  <c r="Q1057" i="5"/>
  <c r="Q1058" i="5"/>
  <c r="Q1059" i="5"/>
  <c r="Q1060" i="5"/>
  <c r="Q1061" i="5"/>
  <c r="Q1062" i="5"/>
  <c r="Q1063" i="5"/>
  <c r="Q1064" i="5"/>
  <c r="Q1065" i="5"/>
  <c r="Q1066" i="5"/>
  <c r="Q1067" i="5"/>
  <c r="Q1068" i="5"/>
  <c r="Q1069" i="5"/>
  <c r="Q1070" i="5"/>
  <c r="Q1071" i="5"/>
  <c r="Q1072" i="5"/>
  <c r="Q1073" i="5"/>
  <c r="Q1074" i="5"/>
  <c r="Q1075" i="5"/>
  <c r="Q1076" i="5"/>
  <c r="Q1077" i="5"/>
  <c r="Q1078" i="5"/>
  <c r="Q1079" i="5"/>
  <c r="Q1080" i="5"/>
  <c r="Q1081" i="5"/>
  <c r="Q1082" i="5"/>
  <c r="Q1083" i="5"/>
  <c r="Q1084" i="5"/>
  <c r="Q1085" i="5"/>
  <c r="Q1086" i="5"/>
  <c r="Q1087" i="5"/>
  <c r="Q1088" i="5"/>
  <c r="Q1089" i="5"/>
  <c r="Q1090" i="5"/>
  <c r="Q1091" i="5"/>
  <c r="Q1092" i="5"/>
  <c r="Q1093" i="5"/>
  <c r="Q1094" i="5"/>
  <c r="Q1095" i="5"/>
  <c r="Q1096" i="5"/>
  <c r="Q1097" i="5"/>
  <c r="Q1098" i="5"/>
  <c r="Q1099" i="5"/>
  <c r="Q1100" i="5"/>
  <c r="Q1101" i="5"/>
  <c r="Q1102" i="5"/>
  <c r="Q1103" i="5"/>
  <c r="Q1104" i="5"/>
  <c r="Q1105" i="5"/>
  <c r="Q1106" i="5"/>
  <c r="Q1107" i="5"/>
  <c r="Q1108" i="5"/>
  <c r="Q1109" i="5"/>
  <c r="Q1110" i="5"/>
  <c r="Q1111" i="5"/>
  <c r="Q1112" i="5"/>
  <c r="Q1113" i="5"/>
  <c r="Q1114" i="5"/>
  <c r="Q1115" i="5"/>
  <c r="Q1116" i="5"/>
  <c r="Q1117" i="5"/>
  <c r="Q1118" i="5"/>
  <c r="Q1119" i="5"/>
  <c r="Q1120" i="5"/>
  <c r="Q1121" i="5"/>
  <c r="Q1122" i="5"/>
  <c r="Q1123" i="5"/>
  <c r="Q1124" i="5"/>
  <c r="Q1125" i="5"/>
  <c r="Q1126" i="5"/>
  <c r="Q1127" i="5"/>
  <c r="Q1128" i="5"/>
  <c r="Q1129" i="5"/>
  <c r="Q1130" i="5"/>
  <c r="Q1131" i="5"/>
  <c r="Q1132" i="5"/>
  <c r="Q1133" i="5"/>
  <c r="Q1134" i="5"/>
  <c r="Q1135" i="5"/>
  <c r="Q1136" i="5"/>
  <c r="Q1137" i="5"/>
  <c r="Q1138" i="5"/>
  <c r="Q1139" i="5"/>
  <c r="Q1140" i="5"/>
  <c r="Q1141" i="5"/>
  <c r="Q1142" i="5"/>
  <c r="Q1143" i="5"/>
  <c r="Q1144" i="5"/>
  <c r="Q1145" i="5"/>
  <c r="Q1146" i="5"/>
  <c r="Q1147" i="5"/>
  <c r="Q1148" i="5"/>
  <c r="Q1149" i="5"/>
  <c r="Q1150" i="5"/>
  <c r="Q1151" i="5"/>
  <c r="Q1152" i="5"/>
  <c r="Q1153" i="5"/>
  <c r="Q1154" i="5"/>
  <c r="Q1155" i="5"/>
  <c r="Q1156" i="5"/>
  <c r="Q1157" i="5"/>
  <c r="Q1158" i="5"/>
  <c r="Q1159" i="5"/>
  <c r="Q1160" i="5"/>
  <c r="Q1161" i="5"/>
  <c r="Q1162" i="5"/>
  <c r="Q1163" i="5"/>
  <c r="Q1164" i="5"/>
  <c r="Q1165" i="5"/>
  <c r="Q1166" i="5"/>
  <c r="Q1167" i="5"/>
  <c r="Q1168" i="5"/>
  <c r="Q1169" i="5"/>
  <c r="Q1170" i="5"/>
  <c r="Q1171" i="5"/>
  <c r="Q1172" i="5"/>
  <c r="Q1173" i="5"/>
  <c r="Q1174" i="5"/>
  <c r="Q1175" i="5"/>
  <c r="Q1176" i="5"/>
  <c r="Q1177" i="5"/>
  <c r="Q1178" i="5"/>
  <c r="Q1179" i="5"/>
  <c r="Q1180" i="5"/>
  <c r="Q1181" i="5"/>
  <c r="Q1182" i="5"/>
  <c r="Q1183" i="5"/>
  <c r="Q1184" i="5"/>
  <c r="Q1185" i="5"/>
  <c r="Q1186" i="5"/>
  <c r="Q1187" i="5"/>
  <c r="Q1188" i="5"/>
  <c r="Q1189" i="5"/>
  <c r="Q1190" i="5"/>
  <c r="Q1191" i="5"/>
  <c r="Q1192" i="5"/>
  <c r="Q1193" i="5"/>
  <c r="Q1194" i="5"/>
  <c r="Q1195" i="5"/>
  <c r="Q1196" i="5"/>
  <c r="Q1197" i="5"/>
  <c r="Q1198" i="5"/>
  <c r="Q1199" i="5"/>
  <c r="Q1200" i="5"/>
  <c r="Q1201" i="5"/>
  <c r="Q1202" i="5"/>
  <c r="Q1203" i="5"/>
  <c r="Q1204" i="5"/>
  <c r="Q1205" i="5"/>
  <c r="Q1206" i="5"/>
  <c r="Q1207" i="5"/>
  <c r="Q1208" i="5"/>
  <c r="Q1209" i="5"/>
  <c r="Q1210" i="5"/>
  <c r="Q1211" i="5"/>
  <c r="Q1212" i="5"/>
  <c r="Q1213" i="5"/>
  <c r="Q1214" i="5"/>
  <c r="Q1215" i="5"/>
  <c r="Q1216" i="5"/>
  <c r="Q1217" i="5"/>
  <c r="Q1218" i="5"/>
  <c r="Q1219" i="5"/>
  <c r="Q1220" i="5"/>
  <c r="Q1221" i="5"/>
  <c r="Q1222" i="5"/>
  <c r="Q1223" i="5"/>
  <c r="Q1224" i="5"/>
  <c r="Q1225" i="5"/>
  <c r="Q1226" i="5"/>
  <c r="Q1227" i="5"/>
  <c r="Q1228" i="5"/>
  <c r="Q1229" i="5"/>
  <c r="Q1230" i="5"/>
  <c r="Q1231" i="5"/>
  <c r="Q1232" i="5"/>
  <c r="Q1233" i="5"/>
  <c r="Q1234" i="5"/>
  <c r="Q1235" i="5"/>
  <c r="Q1236" i="5"/>
  <c r="Q1237" i="5"/>
  <c r="Q1238" i="5"/>
  <c r="Q1239" i="5"/>
  <c r="Q1240" i="5"/>
  <c r="Q1241" i="5"/>
  <c r="Q1242" i="5"/>
  <c r="Q1243" i="5"/>
  <c r="Q1244" i="5"/>
  <c r="Q1245" i="5"/>
  <c r="Q1246" i="5"/>
  <c r="Q1247" i="5"/>
  <c r="Q1248" i="5"/>
  <c r="Q1249" i="5"/>
  <c r="Q1250" i="5"/>
  <c r="Q1251" i="5"/>
  <c r="Q1252" i="5"/>
  <c r="Q1253" i="5"/>
  <c r="Q1254" i="5"/>
  <c r="Q1255" i="5"/>
  <c r="Q1256" i="5"/>
  <c r="Q1257" i="5"/>
  <c r="Q1258" i="5"/>
  <c r="Q1259" i="5"/>
  <c r="Q1260" i="5"/>
  <c r="Q1261" i="5"/>
  <c r="Q1262" i="5"/>
  <c r="Q1263" i="5"/>
  <c r="Q1264" i="5"/>
  <c r="Q1265" i="5"/>
  <c r="Q1266" i="5"/>
  <c r="Q1267" i="5"/>
  <c r="Q1268" i="5"/>
  <c r="Q1269" i="5"/>
  <c r="Q1270" i="5"/>
  <c r="Q1271" i="5"/>
  <c r="Q1272" i="5"/>
  <c r="Q1273" i="5"/>
  <c r="Q1274" i="5"/>
  <c r="Q1275" i="5"/>
  <c r="Q1276" i="5"/>
  <c r="Q1277" i="5"/>
  <c r="Q1278" i="5"/>
  <c r="Q1279" i="5"/>
  <c r="Q1280" i="5"/>
  <c r="Q1281" i="5"/>
  <c r="Q1282" i="5"/>
  <c r="Q1283" i="5"/>
  <c r="Q1284" i="5"/>
  <c r="Q1285" i="5"/>
  <c r="Q1286" i="5"/>
  <c r="Q1287" i="5"/>
  <c r="Q1288" i="5"/>
  <c r="Q1289" i="5"/>
  <c r="Q1290" i="5"/>
  <c r="Q1291" i="5"/>
  <c r="Q1292" i="5"/>
  <c r="Q1293" i="5"/>
  <c r="Q1294" i="5"/>
  <c r="Q1295" i="5"/>
  <c r="Q1296" i="5"/>
  <c r="Q1297" i="5"/>
  <c r="Q1298" i="5"/>
  <c r="Q1299" i="5"/>
  <c r="Q1300" i="5"/>
  <c r="Q1301" i="5"/>
  <c r="Q1302" i="5"/>
  <c r="Q1303" i="5"/>
  <c r="Q1304" i="5"/>
  <c r="Q1305" i="5"/>
  <c r="Q1306" i="5"/>
  <c r="Q1307" i="5"/>
  <c r="Q1308" i="5"/>
  <c r="Q1309" i="5"/>
  <c r="Q1310" i="5"/>
  <c r="Q1311" i="5"/>
  <c r="Q1312" i="5"/>
  <c r="Q1313" i="5"/>
  <c r="Q1314" i="5"/>
  <c r="Q1315" i="5"/>
  <c r="Q1316" i="5"/>
  <c r="Q1317" i="5"/>
  <c r="Q1318" i="5"/>
  <c r="Q1319" i="5"/>
  <c r="Q1320" i="5"/>
  <c r="Q1321" i="5"/>
  <c r="Q1322" i="5"/>
  <c r="Q1323" i="5"/>
  <c r="Q1324" i="5"/>
  <c r="Q1325" i="5"/>
  <c r="Q1326" i="5"/>
  <c r="Q1327" i="5"/>
  <c r="Q1328" i="5"/>
  <c r="Q1329" i="5"/>
  <c r="Q1330" i="5"/>
  <c r="Q1331" i="5"/>
  <c r="Q1332" i="5"/>
  <c r="Q1333" i="5"/>
  <c r="Q1334" i="5"/>
  <c r="Q1335" i="5"/>
  <c r="Q1336" i="5"/>
  <c r="Q1337" i="5"/>
  <c r="Q1338" i="5"/>
  <c r="Q1339" i="5"/>
  <c r="Q1340" i="5"/>
  <c r="Q1341" i="5"/>
  <c r="Q1342" i="5"/>
  <c r="Q1343" i="5"/>
  <c r="Q1344" i="5"/>
  <c r="Q1345" i="5"/>
  <c r="Q1346" i="5"/>
  <c r="Q1347" i="5"/>
  <c r="Q1348" i="5"/>
  <c r="Q1349" i="5"/>
  <c r="Q1350" i="5"/>
  <c r="Q1351" i="5"/>
  <c r="Q1352" i="5"/>
  <c r="Q1353" i="5"/>
  <c r="Q1354" i="5"/>
  <c r="Q1355" i="5"/>
  <c r="Q1356" i="5"/>
  <c r="Q1357" i="5"/>
  <c r="Q1358" i="5"/>
  <c r="Q1359" i="5"/>
  <c r="Q1360" i="5"/>
  <c r="Q1361" i="5"/>
  <c r="Q1362" i="5"/>
  <c r="Q1363" i="5"/>
  <c r="Q1364" i="5"/>
  <c r="Q1365" i="5"/>
  <c r="Q1366" i="5"/>
  <c r="Q1367" i="5"/>
  <c r="Q1368" i="5"/>
  <c r="Q1369" i="5"/>
  <c r="Q1370" i="5"/>
  <c r="Q1371" i="5"/>
  <c r="Q1372" i="5"/>
  <c r="Q1373" i="5"/>
  <c r="Q1374" i="5"/>
  <c r="Q1375" i="5"/>
  <c r="Q1376" i="5"/>
  <c r="Q1377" i="5"/>
  <c r="Q1378" i="5"/>
  <c r="Q1379" i="5"/>
  <c r="Q1380" i="5"/>
  <c r="Q1381" i="5"/>
  <c r="Q1382" i="5"/>
  <c r="Q1383" i="5"/>
  <c r="Q1384" i="5"/>
  <c r="Q1385" i="5"/>
  <c r="Q1386" i="5"/>
  <c r="Q1387" i="5"/>
  <c r="Q1388" i="5"/>
  <c r="Q1389" i="5"/>
  <c r="Q1390" i="5"/>
  <c r="Q1391" i="5"/>
  <c r="Q1392" i="5"/>
  <c r="Q1393" i="5"/>
  <c r="Q1394" i="5"/>
  <c r="Q1395" i="5"/>
  <c r="Q1396" i="5"/>
  <c r="Q1397" i="5"/>
  <c r="Q1398" i="5"/>
  <c r="Q1399" i="5"/>
  <c r="Q1400" i="5"/>
  <c r="Q1401" i="5"/>
  <c r="Q1402" i="5"/>
  <c r="Q1403" i="5"/>
  <c r="Q1404" i="5"/>
  <c r="Q1405" i="5"/>
  <c r="Q1406" i="5"/>
  <c r="Q1407" i="5"/>
  <c r="Q1408" i="5"/>
  <c r="Q1409" i="5"/>
  <c r="Q1410" i="5"/>
  <c r="Q1411" i="5"/>
  <c r="Q1412" i="5"/>
  <c r="Q1413" i="5"/>
  <c r="Q1414" i="5"/>
  <c r="Q1415" i="5"/>
  <c r="Q1416" i="5"/>
  <c r="Q1417" i="5"/>
  <c r="Q1418" i="5"/>
  <c r="Q1419" i="5"/>
  <c r="Q1420" i="5"/>
  <c r="Q1421" i="5"/>
  <c r="Q1422" i="5"/>
  <c r="Q1423" i="5"/>
  <c r="Q1424" i="5"/>
  <c r="Q1425" i="5"/>
  <c r="Q1426" i="5"/>
  <c r="Q1427" i="5"/>
  <c r="Q1428" i="5"/>
  <c r="Q1429" i="5"/>
  <c r="Q1430" i="5"/>
  <c r="Q1431" i="5"/>
  <c r="Q1432" i="5"/>
  <c r="Q1433" i="5"/>
  <c r="Q1434" i="5"/>
  <c r="Q1435" i="5"/>
  <c r="Q1436" i="5"/>
  <c r="Q1437" i="5"/>
  <c r="Q1438" i="5"/>
  <c r="Q1439" i="5"/>
  <c r="Q1440" i="5"/>
  <c r="Q1441" i="5"/>
  <c r="Q1442" i="5"/>
  <c r="Q1443" i="5"/>
  <c r="Q1444" i="5"/>
  <c r="Q1445" i="5"/>
  <c r="Q1446" i="5"/>
  <c r="Q1447" i="5"/>
  <c r="Q1448" i="5"/>
  <c r="Q1449" i="5"/>
  <c r="Q1450" i="5"/>
  <c r="Q1451" i="5"/>
  <c r="Q1452" i="5"/>
  <c r="Q1453" i="5"/>
  <c r="Q1454" i="5"/>
  <c r="Q1455" i="5"/>
  <c r="Q1456" i="5"/>
  <c r="Q1457" i="5"/>
  <c r="Q1458" i="5"/>
  <c r="Q1459" i="5"/>
  <c r="Q1460" i="5"/>
  <c r="Q1461" i="5"/>
  <c r="Q1462" i="5"/>
  <c r="Q1463" i="5"/>
  <c r="Q1464" i="5"/>
  <c r="Q1465" i="5"/>
  <c r="Q1466" i="5"/>
  <c r="Q1467" i="5"/>
  <c r="Q1468" i="5"/>
  <c r="Q1469" i="5"/>
  <c r="Q1470" i="5"/>
  <c r="Q1471" i="5"/>
  <c r="Q1472" i="5"/>
  <c r="Q1473" i="5"/>
  <c r="Q1474" i="5"/>
  <c r="Q1475" i="5"/>
  <c r="Q1476" i="5"/>
  <c r="Q1477" i="5"/>
  <c r="Q1478" i="5"/>
  <c r="Q1479" i="5"/>
  <c r="Q1480" i="5"/>
  <c r="Q1481" i="5"/>
  <c r="Q1482" i="5"/>
  <c r="Q1483" i="5"/>
  <c r="Q1484" i="5"/>
  <c r="Q1485" i="5"/>
  <c r="Q1486" i="5"/>
  <c r="Q1487" i="5"/>
  <c r="Q1488" i="5"/>
  <c r="Q1489" i="5"/>
  <c r="Q1490" i="5"/>
  <c r="Q1491" i="5"/>
  <c r="Q1492" i="5"/>
  <c r="Q1493" i="5"/>
  <c r="Q1494" i="5"/>
  <c r="Q1495" i="5"/>
  <c r="Q1496" i="5"/>
  <c r="Q1497" i="5"/>
  <c r="Q1498" i="5"/>
  <c r="Q1499" i="5"/>
  <c r="Q1500" i="5"/>
  <c r="Q1501" i="5"/>
  <c r="Q1502" i="5"/>
  <c r="Q1503" i="5"/>
  <c r="Q1504" i="5"/>
  <c r="Q1505" i="5"/>
  <c r="Q1506" i="5"/>
  <c r="Q1507" i="5"/>
  <c r="Q1508" i="5"/>
  <c r="Q1509" i="5"/>
  <c r="Q1510" i="5"/>
  <c r="Q1511" i="5"/>
  <c r="Q1512" i="5"/>
  <c r="Q1513" i="5"/>
  <c r="Q1514" i="5"/>
  <c r="Q1515" i="5"/>
  <c r="Q1516" i="5"/>
  <c r="Q1517" i="5"/>
  <c r="Q1518" i="5"/>
  <c r="Q1519" i="5"/>
  <c r="Q1520" i="5"/>
  <c r="Q1521" i="5"/>
  <c r="Q1522" i="5"/>
  <c r="Q1523" i="5"/>
  <c r="Q1524" i="5"/>
  <c r="Q1525" i="5"/>
  <c r="Q1526" i="5"/>
  <c r="Q1527" i="5"/>
  <c r="Q1528" i="5"/>
  <c r="Q1529" i="5"/>
  <c r="Q1530" i="5"/>
  <c r="Q1531" i="5"/>
  <c r="Q1532" i="5"/>
  <c r="Q1533" i="5"/>
  <c r="Q1534" i="5"/>
  <c r="Q1535" i="5"/>
  <c r="Q1536" i="5"/>
  <c r="Q1537" i="5"/>
  <c r="Q1538" i="5"/>
  <c r="Q1539" i="5"/>
  <c r="Q1540" i="5"/>
  <c r="Q1541" i="5"/>
  <c r="Q1542" i="5"/>
  <c r="Q1543" i="5"/>
  <c r="Q1544" i="5"/>
  <c r="Q1545" i="5"/>
  <c r="Q1546" i="5"/>
  <c r="Q1547" i="5"/>
  <c r="Q1548" i="5"/>
  <c r="Q1549" i="5"/>
  <c r="Q1550" i="5"/>
  <c r="Q1551" i="5"/>
  <c r="Q1552" i="5"/>
  <c r="Q1553" i="5"/>
  <c r="Q1554" i="5"/>
  <c r="Q1555" i="5"/>
  <c r="Q1556" i="5"/>
  <c r="Q1557" i="5"/>
  <c r="Q1558" i="5"/>
  <c r="Q1559" i="5"/>
  <c r="Q1560" i="5"/>
  <c r="Q1561" i="5"/>
  <c r="Q1562" i="5"/>
  <c r="Q1563" i="5"/>
  <c r="Q1564" i="5"/>
  <c r="Q1565" i="5"/>
  <c r="Q1566" i="5"/>
  <c r="Q1567" i="5"/>
  <c r="Q1568" i="5"/>
  <c r="Q1569" i="5"/>
  <c r="Q1570" i="5"/>
  <c r="Q1571" i="5"/>
  <c r="Q1572" i="5"/>
  <c r="Q1573" i="5"/>
  <c r="Q1574" i="5"/>
  <c r="Q1575" i="5"/>
  <c r="Q1576" i="5"/>
  <c r="Q1577" i="5"/>
  <c r="Q1578" i="5"/>
  <c r="Q1579" i="5"/>
  <c r="Q1580" i="5"/>
  <c r="Q1581" i="5"/>
  <c r="Q1582" i="5"/>
  <c r="Q1583" i="5"/>
  <c r="Q1584" i="5"/>
  <c r="Q1585" i="5"/>
  <c r="Q1586" i="5"/>
  <c r="Q1587" i="5"/>
  <c r="Q1588" i="5"/>
  <c r="Q1589" i="5"/>
  <c r="Q1590" i="5"/>
  <c r="Q1591" i="5"/>
  <c r="Q1592" i="5"/>
  <c r="Q1593" i="5"/>
  <c r="Q1594" i="5"/>
  <c r="Q1595" i="5"/>
  <c r="Q1596" i="5"/>
  <c r="Q1597" i="5"/>
  <c r="Q1598" i="5"/>
  <c r="Q1599" i="5"/>
  <c r="Q1600" i="5"/>
  <c r="Q1601" i="5"/>
  <c r="Q1602" i="5"/>
  <c r="Q1603" i="5"/>
  <c r="Q1604" i="5"/>
  <c r="Q1605" i="5"/>
  <c r="Q1606" i="5"/>
  <c r="Q1607" i="5"/>
  <c r="Q1608" i="5"/>
  <c r="Q1609" i="5"/>
  <c r="Q1610" i="5"/>
  <c r="Q1611" i="5"/>
  <c r="Q1612" i="5"/>
  <c r="Q1613" i="5"/>
  <c r="Q1614" i="5"/>
  <c r="Q1615" i="5"/>
  <c r="Q1616" i="5"/>
  <c r="Q1617" i="5"/>
  <c r="Q1618" i="5"/>
  <c r="Q1619" i="5"/>
  <c r="Q1620" i="5"/>
  <c r="Q1621" i="5"/>
  <c r="Q1622" i="5"/>
  <c r="Q1623" i="5"/>
  <c r="Q1624" i="5"/>
  <c r="Q1625" i="5"/>
  <c r="Q1626" i="5"/>
  <c r="Q1627" i="5"/>
  <c r="Q1628" i="5"/>
  <c r="Q1629" i="5"/>
  <c r="Q1630" i="5"/>
  <c r="Q1631" i="5"/>
  <c r="Q1632" i="5"/>
  <c r="Q1633" i="5"/>
  <c r="Q1634" i="5"/>
  <c r="Q1635" i="5"/>
  <c r="Q1636" i="5"/>
  <c r="Q1637" i="5"/>
  <c r="Q1638" i="5"/>
  <c r="Q1639" i="5"/>
  <c r="Q1640" i="5"/>
  <c r="Q1641" i="5"/>
  <c r="Q1642" i="5"/>
  <c r="Q1643" i="5"/>
  <c r="Q1644" i="5"/>
  <c r="Q1645" i="5"/>
  <c r="Q1646" i="5"/>
  <c r="Q1647" i="5"/>
  <c r="Q1648" i="5"/>
  <c r="Q1649" i="5"/>
  <c r="Q1650" i="5"/>
  <c r="Q1651" i="5"/>
  <c r="Q1652" i="5"/>
  <c r="Q1653" i="5"/>
  <c r="Q1654" i="5"/>
  <c r="Q1655" i="5"/>
  <c r="Q1656" i="5"/>
  <c r="Q1657" i="5"/>
  <c r="Q1658" i="5"/>
  <c r="Q1659" i="5"/>
  <c r="Q1660" i="5"/>
  <c r="Q1661" i="5"/>
  <c r="Q1662" i="5"/>
  <c r="Q1663" i="5"/>
  <c r="Q1664" i="5"/>
  <c r="Q1665" i="5"/>
  <c r="Q1666" i="5"/>
  <c r="Q1667" i="5"/>
  <c r="Q1668" i="5"/>
  <c r="Q1669" i="5"/>
  <c r="Q1670" i="5"/>
  <c r="Q1671" i="5"/>
  <c r="Q1672" i="5"/>
  <c r="Q1673" i="5"/>
  <c r="Q1674" i="5"/>
  <c r="Q1675" i="5"/>
  <c r="Q1676" i="5"/>
  <c r="Q1677" i="5"/>
  <c r="Q1678" i="5"/>
  <c r="Q1679" i="5"/>
  <c r="Q1680" i="5"/>
  <c r="Q1681" i="5"/>
  <c r="Q1682" i="5"/>
  <c r="Q1683" i="5"/>
  <c r="Q1684" i="5"/>
  <c r="Q1685" i="5"/>
  <c r="Q1686" i="5"/>
  <c r="Q1687" i="5"/>
  <c r="Q1688" i="5"/>
  <c r="Q1689" i="5"/>
  <c r="Q1690" i="5"/>
  <c r="Q1691" i="5"/>
  <c r="Q1692" i="5"/>
  <c r="Q1693" i="5"/>
  <c r="Q1694" i="5"/>
  <c r="Q1695" i="5"/>
  <c r="Q1696" i="5"/>
  <c r="Q1697" i="5"/>
  <c r="Q1698" i="5"/>
  <c r="Q1699" i="5"/>
  <c r="Q1700" i="5"/>
  <c r="Q1701" i="5"/>
  <c r="Q1702" i="5"/>
  <c r="Q1703" i="5"/>
  <c r="Q1704" i="5"/>
  <c r="Q1705" i="5"/>
  <c r="Q1706" i="5"/>
  <c r="Q1707" i="5"/>
  <c r="Q1708" i="5"/>
  <c r="Q1709" i="5"/>
  <c r="Q1710" i="5"/>
  <c r="Q1711" i="5"/>
  <c r="Q1712" i="5"/>
  <c r="Q1713" i="5"/>
  <c r="Q1714" i="5"/>
  <c r="Q1715" i="5"/>
  <c r="Q1716" i="5"/>
  <c r="Q1717" i="5"/>
  <c r="Q1718" i="5"/>
  <c r="Q1719" i="5"/>
  <c r="Q1720" i="5"/>
  <c r="Q1721" i="5"/>
  <c r="Q1722" i="5"/>
  <c r="Q1723" i="5"/>
  <c r="Q1724" i="5"/>
  <c r="Q1725" i="5"/>
  <c r="Q1726" i="5"/>
  <c r="Q1727" i="5"/>
  <c r="Q1728" i="5"/>
  <c r="Q1729" i="5"/>
  <c r="Q1730" i="5"/>
  <c r="Q1731" i="5"/>
  <c r="Q1732" i="5"/>
  <c r="Q1733" i="5"/>
  <c r="Q1734" i="5"/>
  <c r="Q1735" i="5"/>
  <c r="Q1736" i="5"/>
  <c r="Q1737" i="5"/>
  <c r="Q1738" i="5"/>
  <c r="Q1739" i="5"/>
  <c r="Q1740" i="5"/>
  <c r="Q1741" i="5"/>
  <c r="Q1742" i="5"/>
  <c r="Q1743" i="5"/>
  <c r="Q1744" i="5"/>
  <c r="Q1745" i="5"/>
  <c r="Q1746" i="5"/>
  <c r="Q1747" i="5"/>
  <c r="Q1748" i="5"/>
  <c r="Q1749" i="5"/>
  <c r="Q1750" i="5"/>
  <c r="Q1751" i="5"/>
  <c r="Q1752" i="5"/>
  <c r="Q1753" i="5"/>
  <c r="Q1754" i="5"/>
  <c r="Q1755" i="5"/>
  <c r="Q1756" i="5"/>
  <c r="Q1757" i="5"/>
  <c r="Q1758" i="5"/>
  <c r="Q1759" i="5"/>
  <c r="Q1760" i="5"/>
  <c r="Q1761" i="5"/>
  <c r="Q1762" i="5"/>
  <c r="Q1763" i="5"/>
  <c r="Q1764" i="5"/>
  <c r="Q1765" i="5"/>
  <c r="Q1766" i="5"/>
  <c r="Q1767" i="5"/>
  <c r="Q1768" i="5"/>
  <c r="Q1769" i="5"/>
  <c r="Q1770" i="5"/>
  <c r="Q1771" i="5"/>
  <c r="Q1772" i="5"/>
  <c r="Q1773" i="5"/>
  <c r="Q1774" i="5"/>
  <c r="Q1775" i="5"/>
  <c r="Q1776" i="5"/>
  <c r="Q1777" i="5"/>
  <c r="Q1778" i="5"/>
  <c r="Q1779" i="5"/>
  <c r="Q1780" i="5"/>
  <c r="Q1781" i="5"/>
  <c r="Q1782" i="5"/>
  <c r="Q1783" i="5"/>
  <c r="Q1784" i="5"/>
  <c r="Q1785" i="5"/>
  <c r="Q1786" i="5"/>
  <c r="Q1787" i="5"/>
  <c r="Q1788" i="5"/>
  <c r="Q1789" i="5"/>
  <c r="Q1790" i="5"/>
  <c r="Q1791" i="5"/>
  <c r="Q1792" i="5"/>
  <c r="Q1793" i="5"/>
  <c r="Q1794" i="5"/>
  <c r="Q1795" i="5"/>
  <c r="Q1796" i="5"/>
  <c r="Q1797" i="5"/>
  <c r="Q1798" i="5"/>
  <c r="Q1799" i="5"/>
  <c r="Q1800" i="5"/>
  <c r="Q1801" i="5"/>
  <c r="Q1802" i="5"/>
  <c r="Q1803" i="5"/>
  <c r="Q1804" i="5"/>
  <c r="Q1805" i="5"/>
  <c r="Q1806" i="5"/>
  <c r="Q1807" i="5"/>
  <c r="Q1808" i="5"/>
  <c r="Q1809" i="5"/>
  <c r="Q1810" i="5"/>
  <c r="Q1811" i="5"/>
  <c r="Q1812" i="5"/>
  <c r="Q1813" i="5"/>
  <c r="Q1814" i="5"/>
  <c r="Q1815" i="5"/>
  <c r="Q1816" i="5"/>
  <c r="Q1817" i="5"/>
  <c r="Q1818" i="5"/>
  <c r="Q1819" i="5"/>
  <c r="Q1820" i="5"/>
  <c r="Q1821" i="5"/>
  <c r="Q1822" i="5"/>
  <c r="Q1823" i="5"/>
  <c r="Q1824" i="5"/>
  <c r="Q1825" i="5"/>
  <c r="Q1826" i="5"/>
  <c r="Q1827" i="5"/>
  <c r="Q1828" i="5"/>
  <c r="Q1829" i="5"/>
  <c r="Q1830" i="5"/>
  <c r="Q1831" i="5"/>
  <c r="Q1832" i="5"/>
  <c r="Q1833" i="5"/>
  <c r="Q1834" i="5"/>
  <c r="Q1835" i="5"/>
  <c r="Q1836" i="5"/>
  <c r="Q1837" i="5"/>
  <c r="Q1838" i="5"/>
  <c r="Q1839" i="5"/>
  <c r="Q1840" i="5"/>
  <c r="Q1841" i="5"/>
  <c r="Q1842" i="5"/>
  <c r="Q1843" i="5"/>
  <c r="Q1844" i="5"/>
  <c r="Q1845" i="5"/>
  <c r="Q1846" i="5"/>
  <c r="Q1847" i="5"/>
  <c r="Q1848" i="5"/>
  <c r="Q1849" i="5"/>
  <c r="Q1850" i="5"/>
  <c r="Q1851" i="5"/>
  <c r="Q1852" i="5"/>
  <c r="Q1853" i="5"/>
  <c r="Q1854" i="5"/>
  <c r="Q1855" i="5"/>
  <c r="Q1856" i="5"/>
  <c r="Q1857" i="5"/>
  <c r="Q1858" i="5"/>
  <c r="Q1859" i="5"/>
  <c r="Q1860" i="5"/>
  <c r="Q1861" i="5"/>
  <c r="Q1862" i="5"/>
  <c r="Q1863" i="5"/>
  <c r="Q1864" i="5"/>
  <c r="Q1865" i="5"/>
  <c r="Q1866" i="5"/>
  <c r="Q1867" i="5"/>
  <c r="Q1868" i="5"/>
  <c r="Q1869" i="5"/>
  <c r="Q1870" i="5"/>
  <c r="Q1871" i="5"/>
  <c r="Q1872" i="5"/>
  <c r="Q1873" i="5"/>
  <c r="Q1874" i="5"/>
  <c r="Q1875" i="5"/>
  <c r="Q1876" i="5"/>
  <c r="Q1877" i="5"/>
  <c r="Q1878" i="5"/>
  <c r="Q1879" i="5"/>
  <c r="Q1880" i="5"/>
  <c r="Q1881" i="5"/>
  <c r="Q1882" i="5"/>
  <c r="Q1883" i="5"/>
  <c r="Q1884" i="5"/>
  <c r="Q1885" i="5"/>
  <c r="Q1886" i="5"/>
  <c r="Q1887" i="5"/>
  <c r="Q1888" i="5"/>
  <c r="Q1889" i="5"/>
  <c r="Q1890" i="5"/>
  <c r="Q1891" i="5"/>
  <c r="Q1892" i="5"/>
  <c r="Q1893" i="5"/>
  <c r="Q1894" i="5"/>
  <c r="Q1895" i="5"/>
  <c r="Q1896" i="5"/>
  <c r="Q1897" i="5"/>
  <c r="Q1898" i="5"/>
  <c r="Q1899" i="5"/>
  <c r="Q1900" i="5"/>
  <c r="Q1901" i="5"/>
  <c r="Q1902" i="5"/>
  <c r="Q1903" i="5"/>
  <c r="Q1904" i="5"/>
  <c r="Q1905" i="5"/>
  <c r="Q1906" i="5"/>
  <c r="Q1907" i="5"/>
  <c r="Q1908" i="5"/>
  <c r="Q1909" i="5"/>
  <c r="Q1910" i="5"/>
  <c r="Q1911" i="5"/>
  <c r="Q1912" i="5"/>
  <c r="Q1913" i="5"/>
  <c r="Q1914" i="5"/>
  <c r="Q1915" i="5"/>
  <c r="Q1916" i="5"/>
  <c r="Q1917" i="5"/>
  <c r="Q1918" i="5"/>
  <c r="Q1919" i="5"/>
  <c r="Q1920" i="5"/>
  <c r="Q1921" i="5"/>
  <c r="Q1922" i="5"/>
  <c r="Q1923" i="5"/>
  <c r="Q1924" i="5"/>
  <c r="Q1925" i="5"/>
  <c r="Q1926" i="5"/>
  <c r="Q1927" i="5"/>
  <c r="Q1928" i="5"/>
  <c r="Q1929" i="5"/>
  <c r="Q1930" i="5"/>
  <c r="Q1931" i="5"/>
  <c r="Q1932" i="5"/>
  <c r="Q1933" i="5"/>
  <c r="Q1934" i="5"/>
  <c r="Q1935" i="5"/>
  <c r="Q1936" i="5"/>
  <c r="Q1937" i="5"/>
  <c r="Q1938" i="5"/>
  <c r="Q1939" i="5"/>
  <c r="Q1940" i="5"/>
  <c r="Q1941" i="5"/>
  <c r="Q1942" i="5"/>
  <c r="Q1943" i="5"/>
  <c r="Q1944" i="5"/>
  <c r="Q1945" i="5"/>
  <c r="Q1946" i="5"/>
  <c r="Q1947" i="5"/>
  <c r="Q1948" i="5"/>
  <c r="Q1949" i="5"/>
  <c r="Q1950" i="5"/>
  <c r="Q1951" i="5"/>
  <c r="Q1952" i="5"/>
  <c r="Q1953" i="5"/>
  <c r="Q1954" i="5"/>
  <c r="Q1955" i="5"/>
  <c r="Q1956" i="5"/>
  <c r="Q1957" i="5"/>
  <c r="Q1958" i="5"/>
  <c r="Q1959" i="5"/>
  <c r="Q1960" i="5"/>
  <c r="Q1961" i="5"/>
  <c r="Q1962" i="5"/>
  <c r="Q1963" i="5"/>
  <c r="Q1964" i="5"/>
  <c r="Q1965" i="5"/>
  <c r="Q1966" i="5"/>
  <c r="Q1967" i="5"/>
  <c r="Q1968" i="5"/>
  <c r="Q1969" i="5"/>
  <c r="Q1970" i="5"/>
  <c r="Q1971" i="5"/>
  <c r="Q1972" i="5"/>
  <c r="Q1973" i="5"/>
  <c r="Q1974" i="5"/>
  <c r="Q1975" i="5"/>
  <c r="Q1976" i="5"/>
  <c r="Q1977" i="5"/>
  <c r="Q1978" i="5"/>
  <c r="Q1979" i="5"/>
  <c r="Q1980" i="5"/>
  <c r="Q1981" i="5"/>
  <c r="Q1982" i="5"/>
  <c r="Q1983" i="5"/>
  <c r="Q1984" i="5"/>
  <c r="Q1985" i="5"/>
  <c r="Q1986" i="5"/>
  <c r="Q1987" i="5"/>
  <c r="Q1988" i="5"/>
  <c r="Q1989" i="5"/>
  <c r="Q1990" i="5"/>
  <c r="Q1991" i="5"/>
  <c r="Q1992" i="5"/>
  <c r="Q1993" i="5"/>
  <c r="Q1994" i="5"/>
  <c r="Q1995" i="5"/>
  <c r="Q1996" i="5"/>
  <c r="Q1997" i="5"/>
  <c r="Q1998" i="5"/>
  <c r="Q1999" i="5"/>
  <c r="Q2000" i="5"/>
  <c r="Q2001" i="5"/>
  <c r="Q2002" i="5"/>
  <c r="Q2003" i="5"/>
  <c r="Q2004" i="5"/>
  <c r="Q2005" i="5"/>
  <c r="Q2006" i="5"/>
  <c r="Q2007" i="5"/>
  <c r="Q2008" i="5"/>
  <c r="Q2009" i="5"/>
  <c r="Q2010" i="5"/>
  <c r="Q2011" i="5"/>
  <c r="Q2012" i="5"/>
  <c r="Q2013" i="5"/>
  <c r="Q2014" i="5"/>
  <c r="Q2015" i="5"/>
  <c r="Q2016" i="5"/>
  <c r="Q2017" i="5"/>
  <c r="Q2018" i="5"/>
  <c r="Q2019" i="5"/>
  <c r="Q2020" i="5"/>
  <c r="Q2021" i="5"/>
  <c r="Q2022" i="5"/>
  <c r="Q2023" i="5"/>
  <c r="Q2024" i="5"/>
  <c r="Q2025" i="5"/>
  <c r="Q2026" i="5"/>
  <c r="Q2027" i="5"/>
  <c r="Q2028" i="5"/>
  <c r="Q2029" i="5"/>
  <c r="Q2030" i="5"/>
  <c r="Q2031" i="5"/>
  <c r="Q2032" i="5"/>
  <c r="Q2033" i="5"/>
  <c r="Q2034" i="5"/>
  <c r="Q2035" i="5"/>
  <c r="Q2036" i="5"/>
  <c r="Q2037" i="5"/>
  <c r="Q2038" i="5"/>
  <c r="Q2039" i="5"/>
  <c r="Q2040" i="5"/>
  <c r="Q2041" i="5"/>
  <c r="Q2042" i="5"/>
  <c r="Q2043" i="5"/>
  <c r="Q2044" i="5"/>
  <c r="Q2045" i="5"/>
  <c r="Q2046" i="5"/>
  <c r="Q2047" i="5"/>
  <c r="Q2048" i="5"/>
  <c r="Q2049" i="5"/>
  <c r="Q2050" i="5"/>
  <c r="Q2051" i="5"/>
  <c r="Q2052" i="5"/>
  <c r="Q2053" i="5"/>
  <c r="Q2054" i="5"/>
  <c r="Q2055" i="5"/>
  <c r="Q2056" i="5"/>
  <c r="Q2057" i="5"/>
  <c r="Q2058" i="5"/>
  <c r="Q2059" i="5"/>
  <c r="Q2060" i="5"/>
  <c r="Q2061" i="5"/>
  <c r="Q2062" i="5"/>
  <c r="Q2063" i="5"/>
  <c r="Q2064" i="5"/>
  <c r="Q2065" i="5"/>
  <c r="Q2066" i="5"/>
  <c r="Q2067" i="5"/>
  <c r="Q2068" i="5"/>
  <c r="Q2069" i="5"/>
  <c r="Q2070" i="5"/>
  <c r="Q2071" i="5"/>
  <c r="Q2072" i="5"/>
  <c r="Q2073" i="5"/>
  <c r="Q2074" i="5"/>
  <c r="Q2075" i="5"/>
  <c r="Q2076" i="5"/>
  <c r="Q2077" i="5"/>
  <c r="Q2078" i="5"/>
  <c r="Q2079" i="5"/>
  <c r="Q2080" i="5"/>
  <c r="Q2081" i="5"/>
  <c r="Q2082" i="5"/>
  <c r="Q2083" i="5"/>
  <c r="Q2084" i="5"/>
  <c r="Q2085" i="5"/>
  <c r="Q2086" i="5"/>
  <c r="Q2087" i="5"/>
  <c r="Q2088" i="5"/>
  <c r="Q2089" i="5"/>
  <c r="Q2090" i="5"/>
  <c r="Q2091" i="5"/>
  <c r="Q2092" i="5"/>
  <c r="Q2093" i="5"/>
  <c r="Q2094" i="5"/>
  <c r="Q2095" i="5"/>
  <c r="Q2096" i="5"/>
  <c r="Q2097" i="5"/>
  <c r="Q2098" i="5"/>
  <c r="Q2099" i="5"/>
  <c r="Q2100" i="5"/>
  <c r="Q2101" i="5"/>
  <c r="Q2102" i="5"/>
  <c r="Q2103" i="5"/>
  <c r="Q2104" i="5"/>
  <c r="Q2105" i="5"/>
  <c r="Q2106" i="5"/>
  <c r="Q2107" i="5"/>
  <c r="Q2108" i="5"/>
  <c r="Q2109" i="5"/>
  <c r="Q2110" i="5"/>
  <c r="Q2111" i="5"/>
  <c r="Q2112" i="5"/>
  <c r="Q2113" i="5"/>
  <c r="Q2114" i="5"/>
  <c r="Q2115" i="5"/>
  <c r="Q2116" i="5"/>
  <c r="Q2117" i="5"/>
  <c r="Q2118" i="5"/>
  <c r="Q2119" i="5"/>
  <c r="Q2120" i="5"/>
  <c r="Q2121" i="5"/>
  <c r="Q2122" i="5"/>
  <c r="Q2123" i="5"/>
  <c r="Q2124" i="5"/>
  <c r="Q2125" i="5"/>
  <c r="Q2126" i="5"/>
  <c r="Q2127" i="5"/>
  <c r="Q2128" i="5"/>
  <c r="Q2129" i="5"/>
  <c r="Q2130" i="5"/>
  <c r="Q2131" i="5"/>
  <c r="Q2132" i="5"/>
  <c r="Q2133" i="5"/>
  <c r="Q2134" i="5"/>
  <c r="Q2135" i="5"/>
  <c r="Q2136" i="5"/>
  <c r="Q2137" i="5"/>
  <c r="Q2138" i="5"/>
  <c r="Q2139" i="5"/>
  <c r="Q2140" i="5"/>
  <c r="Q2141" i="5"/>
  <c r="Q2142" i="5"/>
  <c r="Q2143" i="5"/>
  <c r="Q2144" i="5"/>
  <c r="Q2145" i="5"/>
  <c r="Q2146" i="5"/>
  <c r="Q2147" i="5"/>
  <c r="Q2148" i="5"/>
  <c r="Q2149" i="5"/>
  <c r="Q2150" i="5"/>
  <c r="Q2151" i="5"/>
  <c r="Q2152" i="5"/>
  <c r="Q2153" i="5"/>
  <c r="Q2154" i="5"/>
  <c r="Q2155" i="5"/>
  <c r="Q2156" i="5"/>
  <c r="Q2157" i="5"/>
  <c r="Q2158" i="5"/>
  <c r="Q2159" i="5"/>
  <c r="Q2160" i="5"/>
  <c r="Q2161" i="5"/>
  <c r="Q2162" i="5"/>
  <c r="Q2163" i="5"/>
  <c r="Q2164" i="5"/>
  <c r="Q2165" i="5"/>
  <c r="Q2166" i="5"/>
  <c r="Q2167" i="5"/>
  <c r="Q2168" i="5"/>
  <c r="Q2169" i="5"/>
  <c r="Q2170" i="5"/>
  <c r="Q2171" i="5"/>
  <c r="Q2172" i="5"/>
  <c r="Q2173" i="5"/>
  <c r="Q2174" i="5"/>
  <c r="Q2175" i="5"/>
  <c r="Q2176" i="5"/>
  <c r="Q2177" i="5"/>
  <c r="Q2178" i="5"/>
  <c r="Q2179" i="5"/>
  <c r="Q2180" i="5"/>
  <c r="Q2181" i="5"/>
  <c r="Q2182" i="5"/>
  <c r="Q2183" i="5"/>
  <c r="Q2184" i="5"/>
  <c r="Q2185" i="5"/>
  <c r="Q2186" i="5"/>
  <c r="Q2187" i="5"/>
  <c r="Q2188" i="5"/>
  <c r="Q2189" i="5"/>
  <c r="Q2190" i="5"/>
  <c r="Q2191" i="5"/>
  <c r="Q2192" i="5"/>
  <c r="Q2193" i="5"/>
  <c r="Q2194" i="5"/>
  <c r="Q2195" i="5"/>
  <c r="Q2196" i="5"/>
  <c r="Q2197" i="5"/>
  <c r="Q2198" i="5"/>
  <c r="Q2199" i="5"/>
  <c r="Q2200" i="5"/>
  <c r="Q2201" i="5"/>
  <c r="Q2202" i="5"/>
  <c r="Q2203" i="5"/>
  <c r="Q2204" i="5"/>
  <c r="Q2205" i="5"/>
  <c r="Q2206" i="5"/>
  <c r="Q2207" i="5"/>
  <c r="Q2208" i="5"/>
  <c r="Q2209" i="5"/>
  <c r="Q2210" i="5"/>
  <c r="Q2211" i="5"/>
  <c r="Q2212" i="5"/>
  <c r="Q2213" i="5"/>
  <c r="Q2214" i="5"/>
  <c r="Q2215" i="5"/>
  <c r="Q2216" i="5"/>
  <c r="Q2217" i="5"/>
  <c r="Q2218" i="5"/>
  <c r="Q2219" i="5"/>
  <c r="Q2220" i="5"/>
  <c r="Q2221" i="5"/>
  <c r="Q2222" i="5"/>
  <c r="Q2223" i="5"/>
  <c r="Q2224" i="5"/>
  <c r="Q2225" i="5"/>
  <c r="Q2226" i="5"/>
  <c r="Q2227" i="5"/>
  <c r="Q2228" i="5"/>
  <c r="Q2229" i="5"/>
  <c r="Q2230" i="5"/>
  <c r="Q2231" i="5"/>
  <c r="Q2232" i="5"/>
  <c r="Q2233" i="5"/>
  <c r="Q2234" i="5"/>
  <c r="Q2235" i="5"/>
  <c r="Q2236" i="5"/>
  <c r="Q2237" i="5"/>
  <c r="Q2238" i="5"/>
  <c r="Q2239" i="5"/>
  <c r="Q2240" i="5"/>
  <c r="Q2241" i="5"/>
  <c r="Q2242" i="5"/>
  <c r="Q2243" i="5"/>
  <c r="Q2244" i="5"/>
  <c r="Q2245" i="5"/>
  <c r="Q2246" i="5"/>
  <c r="Q2247" i="5"/>
  <c r="Q2248" i="5"/>
  <c r="Q2249" i="5"/>
  <c r="Q2250" i="5"/>
  <c r="Q2251" i="5"/>
  <c r="Q2252" i="5"/>
  <c r="Q2253" i="5"/>
  <c r="Q2254" i="5"/>
  <c r="Q2255" i="5"/>
  <c r="Q2256" i="5"/>
  <c r="Q2257" i="5"/>
  <c r="Q2258" i="5"/>
  <c r="Q2259" i="5"/>
  <c r="Q2260" i="5"/>
  <c r="Q2261" i="5"/>
  <c r="Q2262" i="5"/>
  <c r="Q2263" i="5"/>
  <c r="Q2264" i="5"/>
  <c r="Q2265" i="5"/>
  <c r="Q2266" i="5"/>
  <c r="Q2267" i="5"/>
  <c r="Q2268" i="5"/>
  <c r="Q2269" i="5"/>
  <c r="Q2270" i="5"/>
  <c r="Q2271" i="5"/>
  <c r="Q2272" i="5"/>
  <c r="Q2273" i="5"/>
  <c r="Q2274" i="5"/>
  <c r="Q2275" i="5"/>
  <c r="Q2276" i="5"/>
  <c r="Q2277" i="5"/>
  <c r="Q2278" i="5"/>
  <c r="Q2279" i="5"/>
  <c r="Q2280" i="5"/>
  <c r="Q2281" i="5"/>
  <c r="Q2282" i="5"/>
  <c r="Q2283" i="5"/>
  <c r="Q2284" i="5"/>
  <c r="Q2285" i="5"/>
  <c r="Q2286" i="5"/>
  <c r="Q2287" i="5"/>
  <c r="Q2288" i="5"/>
  <c r="Q2289" i="5"/>
  <c r="Q2290" i="5"/>
  <c r="Q2291" i="5"/>
  <c r="Q2292" i="5"/>
  <c r="Q2293" i="5"/>
  <c r="Q2294" i="5"/>
  <c r="Q2295" i="5"/>
  <c r="Q2296" i="5"/>
  <c r="Q2297" i="5"/>
  <c r="Q2298" i="5"/>
  <c r="Q2299" i="5"/>
  <c r="Q2300" i="5"/>
  <c r="Q2301" i="5"/>
  <c r="Q2302" i="5"/>
  <c r="Q2303" i="5"/>
  <c r="Q2304" i="5"/>
  <c r="Q2305" i="5"/>
  <c r="Q2306" i="5"/>
  <c r="Q2307" i="5"/>
  <c r="Q2308" i="5"/>
  <c r="Q2309" i="5"/>
  <c r="Q2310" i="5"/>
  <c r="Q2311" i="5"/>
  <c r="Q2312" i="5"/>
  <c r="Q2313" i="5"/>
  <c r="Q2314" i="5"/>
  <c r="Q2315" i="5"/>
  <c r="Q2316" i="5"/>
  <c r="Q2317" i="5"/>
  <c r="Q2318" i="5"/>
  <c r="Q2319" i="5"/>
  <c r="Q2320" i="5"/>
  <c r="Q2321" i="5"/>
  <c r="Q2322" i="5"/>
  <c r="Q2323" i="5"/>
  <c r="Q2324" i="5"/>
  <c r="Q2325" i="5"/>
  <c r="Q2326" i="5"/>
  <c r="Q2327" i="5"/>
  <c r="Q2328" i="5"/>
  <c r="Q2329" i="5"/>
  <c r="Q2330" i="5"/>
  <c r="Q2331" i="5"/>
  <c r="Q2332" i="5"/>
  <c r="Q2333" i="5"/>
  <c r="Q2334" i="5"/>
  <c r="Q2335" i="5"/>
  <c r="Q2336" i="5"/>
  <c r="Q2337" i="5"/>
  <c r="Q2338" i="5"/>
  <c r="Q2339" i="5"/>
  <c r="Q2340" i="5"/>
  <c r="Q2341" i="5"/>
  <c r="Q2342" i="5"/>
  <c r="Q2343" i="5"/>
  <c r="Q2344" i="5"/>
  <c r="Q2345" i="5"/>
  <c r="Q2346" i="5"/>
  <c r="Q2347" i="5"/>
  <c r="Q2348" i="5"/>
  <c r="Q2349" i="5"/>
  <c r="Q2350" i="5"/>
  <c r="Q2351" i="5"/>
  <c r="Q2352" i="5"/>
  <c r="Q2353" i="5"/>
  <c r="Q2354" i="5"/>
  <c r="Q2355" i="5"/>
  <c r="Q2356" i="5"/>
  <c r="Q2357" i="5"/>
  <c r="Q2358" i="5"/>
  <c r="Q2359" i="5"/>
  <c r="Q2360" i="5"/>
  <c r="Q2361" i="5"/>
  <c r="Q2362" i="5"/>
  <c r="Q2363" i="5"/>
  <c r="Q2364" i="5"/>
  <c r="Q2365" i="5"/>
  <c r="Q2366" i="5"/>
  <c r="Q2367" i="5"/>
  <c r="Q2368" i="5"/>
  <c r="Q2369" i="5"/>
  <c r="Q2370" i="5"/>
  <c r="Q2371" i="5"/>
  <c r="Q2372" i="5"/>
  <c r="Q2373" i="5"/>
  <c r="Q2374" i="5"/>
  <c r="Q2375" i="5"/>
  <c r="Q2376" i="5"/>
  <c r="Q2377" i="5"/>
  <c r="Q2378" i="5"/>
  <c r="Q2379" i="5"/>
  <c r="Q2380" i="5"/>
  <c r="Q2381" i="5"/>
  <c r="Q2382" i="5"/>
  <c r="Q2383" i="5"/>
  <c r="Q2384" i="5"/>
  <c r="Q2385" i="5"/>
  <c r="Q2386" i="5"/>
  <c r="Q2387" i="5"/>
  <c r="Q2388" i="5"/>
  <c r="Q2389" i="5"/>
  <c r="Q2390" i="5"/>
  <c r="Q2391" i="5"/>
  <c r="Q2392" i="5"/>
  <c r="Q2393" i="5"/>
  <c r="Q2394" i="5"/>
  <c r="Q2395" i="5"/>
  <c r="Q2396" i="5"/>
  <c r="Q2397" i="5"/>
  <c r="Q2398" i="5"/>
  <c r="Q2399" i="5"/>
  <c r="Q2400" i="5"/>
  <c r="Q2401" i="5"/>
  <c r="Q2402" i="5"/>
  <c r="Q2403" i="5"/>
  <c r="Q2404" i="5"/>
  <c r="Q2405" i="5"/>
  <c r="Q2406" i="5"/>
  <c r="Q2407" i="5"/>
  <c r="Q2408" i="5"/>
  <c r="Q2409" i="5"/>
  <c r="Q2410" i="5"/>
  <c r="Q2411" i="5"/>
  <c r="Q2412" i="5"/>
  <c r="Q2413" i="5"/>
  <c r="Q2414" i="5"/>
  <c r="Q2415" i="5"/>
  <c r="Q2416" i="5"/>
  <c r="Q2417" i="5"/>
  <c r="Q2418" i="5"/>
  <c r="Q2419" i="5"/>
  <c r="Q2420" i="5"/>
  <c r="Q2421" i="5"/>
  <c r="Q2422" i="5"/>
  <c r="Q2423" i="5"/>
  <c r="Q2424" i="5"/>
  <c r="Q2425" i="5"/>
  <c r="Q2426" i="5"/>
  <c r="Q2427" i="5"/>
  <c r="Q2428" i="5"/>
  <c r="Q2429" i="5"/>
  <c r="Q2430" i="5"/>
  <c r="Q2431" i="5"/>
  <c r="Q2432" i="5"/>
  <c r="Q2433" i="5"/>
  <c r="Q2434" i="5"/>
  <c r="Q2435" i="5"/>
  <c r="Q2436" i="5"/>
  <c r="Q2437" i="5"/>
  <c r="Q2438" i="5"/>
  <c r="Q2439" i="5"/>
  <c r="Q2440" i="5"/>
  <c r="Q2441" i="5"/>
  <c r="Q2442" i="5"/>
  <c r="Q2443" i="5"/>
  <c r="Q2444" i="5"/>
  <c r="Q2445" i="5"/>
  <c r="Q2446" i="5"/>
  <c r="Q2447" i="5"/>
  <c r="Q2448" i="5"/>
  <c r="Q2449" i="5"/>
  <c r="Q2450" i="5"/>
  <c r="Q2451" i="5"/>
  <c r="Q2452" i="5"/>
  <c r="Q2453" i="5"/>
  <c r="Q2454" i="5"/>
  <c r="Q2455" i="5"/>
  <c r="Q2456" i="5"/>
  <c r="Q2457" i="5"/>
  <c r="Q2458" i="5"/>
  <c r="Q2459" i="5"/>
  <c r="Q2460" i="5"/>
  <c r="Q2461" i="5"/>
  <c r="Q2462" i="5"/>
  <c r="Q2463" i="5"/>
  <c r="Q2464" i="5"/>
  <c r="Q2465" i="5"/>
  <c r="Q2466" i="5"/>
  <c r="Q2467" i="5"/>
  <c r="Q2468" i="5"/>
  <c r="Q2469" i="5"/>
  <c r="Q2470" i="5"/>
  <c r="Q2471" i="5"/>
  <c r="Q2472" i="5"/>
  <c r="Q2473" i="5"/>
  <c r="Q2474" i="5"/>
  <c r="Q2475" i="5"/>
  <c r="Q2476" i="5"/>
  <c r="Q2477" i="5"/>
  <c r="Q2478" i="5"/>
  <c r="Q2479" i="5"/>
  <c r="Q2480" i="5"/>
  <c r="Q2481" i="5"/>
  <c r="Q2482" i="5"/>
  <c r="Q2483" i="5"/>
  <c r="Q2484" i="5"/>
  <c r="Q2485" i="5"/>
  <c r="Q2486" i="5"/>
  <c r="Q2487" i="5"/>
  <c r="Q2488" i="5"/>
  <c r="Q2489" i="5"/>
  <c r="Q2490" i="5"/>
  <c r="Q2491" i="5"/>
  <c r="Q2492" i="5"/>
  <c r="Q2493" i="5"/>
  <c r="Q2494" i="5"/>
  <c r="Q2495" i="5"/>
  <c r="Q2496" i="5"/>
  <c r="Q2497" i="5"/>
  <c r="Q2498" i="5"/>
  <c r="Q2499" i="5"/>
  <c r="Q2500" i="5"/>
  <c r="Q2501" i="5"/>
  <c r="Q2502" i="5"/>
  <c r="Q2503" i="5"/>
  <c r="Q2504" i="5"/>
  <c r="Q2505" i="5"/>
  <c r="Q2506" i="5"/>
  <c r="Q2507" i="5"/>
  <c r="Q2508" i="5"/>
  <c r="Q2509" i="5"/>
  <c r="Q2510" i="5"/>
  <c r="Q2511" i="5"/>
  <c r="Q2512" i="5"/>
  <c r="Q2513" i="5"/>
  <c r="Q2514" i="5"/>
  <c r="Q2515" i="5"/>
  <c r="Q2516" i="5"/>
  <c r="Q2517" i="5"/>
  <c r="Q2518" i="5"/>
  <c r="Q2519" i="5"/>
  <c r="Q2520" i="5"/>
  <c r="Q2521" i="5"/>
  <c r="Q2522" i="5"/>
  <c r="Q2523" i="5"/>
  <c r="Q2524" i="5"/>
  <c r="Q2525" i="5"/>
  <c r="Q2526" i="5"/>
  <c r="Q2527" i="5"/>
  <c r="Q2528" i="5"/>
  <c r="Q2529" i="5"/>
  <c r="Q2530" i="5"/>
  <c r="Q2531" i="5"/>
  <c r="Q2532" i="5"/>
  <c r="Q2533" i="5"/>
  <c r="Q2534" i="5"/>
  <c r="Q2535" i="5"/>
  <c r="Q2536" i="5"/>
  <c r="Q2537" i="5"/>
  <c r="Q2538" i="5"/>
  <c r="Q2539" i="5"/>
  <c r="Q2540" i="5"/>
  <c r="Q2541" i="5"/>
  <c r="Q2542" i="5"/>
  <c r="Q2543" i="5"/>
  <c r="Q2544" i="5"/>
  <c r="Q2545" i="5"/>
  <c r="Q2546" i="5"/>
  <c r="Q2547" i="5"/>
  <c r="Q2548" i="5"/>
  <c r="Q2549" i="5"/>
  <c r="Q2550" i="5"/>
  <c r="Q2551" i="5"/>
  <c r="Q2552" i="5"/>
  <c r="Q2553" i="5"/>
  <c r="Q2554" i="5"/>
  <c r="Q2555" i="5"/>
  <c r="Q2556" i="5"/>
  <c r="Q2557" i="5"/>
  <c r="Q2558" i="5"/>
  <c r="Q2559" i="5"/>
  <c r="Q2560" i="5"/>
  <c r="Q2561" i="5"/>
  <c r="Q2562" i="5"/>
  <c r="Q2563" i="5"/>
  <c r="Q2564" i="5"/>
  <c r="Q2565" i="5"/>
  <c r="Q2566" i="5"/>
  <c r="Q2567" i="5"/>
  <c r="Q2568" i="5"/>
  <c r="Q2569" i="5"/>
  <c r="Q2570" i="5"/>
  <c r="Q2571" i="5"/>
  <c r="Q2572" i="5"/>
  <c r="Q2573" i="5"/>
  <c r="Q2574" i="5"/>
  <c r="Q2575" i="5"/>
  <c r="Q2576" i="5"/>
  <c r="Q2577" i="5"/>
  <c r="Q2578" i="5"/>
  <c r="Q2579" i="5"/>
  <c r="Q2580" i="5"/>
  <c r="Q2581" i="5"/>
  <c r="Q2582" i="5"/>
  <c r="Q2583" i="5"/>
  <c r="Q2584" i="5"/>
  <c r="Q2585" i="5"/>
  <c r="Q2586" i="5"/>
  <c r="Q2587" i="5"/>
  <c r="Q2588" i="5"/>
  <c r="Q2589" i="5"/>
  <c r="Q2590" i="5"/>
  <c r="Q2591" i="5"/>
  <c r="Q2592" i="5"/>
  <c r="Q2593" i="5"/>
  <c r="Q2594" i="5"/>
  <c r="Q2595" i="5"/>
  <c r="Q2596" i="5"/>
  <c r="Q2597" i="5"/>
  <c r="Q2598" i="5"/>
  <c r="Q2599" i="5"/>
  <c r="Q2600" i="5"/>
  <c r="Q2601" i="5"/>
  <c r="Q2602" i="5"/>
  <c r="Q2603" i="5"/>
  <c r="Q2604" i="5"/>
  <c r="Q2605" i="5"/>
  <c r="Q2606" i="5"/>
  <c r="Q2607" i="5"/>
  <c r="Q2608" i="5"/>
  <c r="Q2609" i="5"/>
  <c r="Q2610" i="5"/>
  <c r="Q2611" i="5"/>
  <c r="Q2612" i="5"/>
  <c r="Q2613" i="5"/>
  <c r="Q2614" i="5"/>
  <c r="Q2615" i="5"/>
  <c r="Q2616" i="5"/>
  <c r="Q2617" i="5"/>
  <c r="Q2618" i="5"/>
  <c r="Q2619" i="5"/>
  <c r="Q2620" i="5"/>
  <c r="Q2621" i="5"/>
  <c r="Q2622" i="5"/>
  <c r="Q2623" i="5"/>
  <c r="Q2624" i="5"/>
  <c r="Q2625" i="5"/>
  <c r="Q2626" i="5"/>
  <c r="Q2627" i="5"/>
  <c r="Q2628" i="5"/>
  <c r="Q2629" i="5"/>
  <c r="Q2630" i="5"/>
  <c r="Q2631" i="5"/>
  <c r="Q2632" i="5"/>
  <c r="Q2633" i="5"/>
  <c r="Q2634" i="5"/>
  <c r="Q2635" i="5"/>
  <c r="Q2636" i="5"/>
  <c r="Q2637" i="5"/>
  <c r="Q2638" i="5"/>
  <c r="Q2639" i="5"/>
  <c r="Q2640" i="5"/>
  <c r="Q2641" i="5"/>
  <c r="Q2642" i="5"/>
  <c r="Q2643" i="5"/>
  <c r="Q2644" i="5"/>
  <c r="Q2645" i="5"/>
  <c r="Q2646" i="5"/>
  <c r="Q2647" i="5"/>
  <c r="Q2648" i="5"/>
  <c r="Q2649" i="5"/>
  <c r="Q2650" i="5"/>
  <c r="Q2651" i="5"/>
  <c r="Q2652" i="5"/>
  <c r="Q2653" i="5"/>
  <c r="Q2654" i="5"/>
  <c r="Q2655" i="5"/>
  <c r="Q2656" i="5"/>
  <c r="Q2657" i="5"/>
  <c r="Q2658" i="5"/>
  <c r="Q2659" i="5"/>
  <c r="Q2660" i="5"/>
  <c r="Q2661" i="5"/>
  <c r="Q2662" i="5"/>
  <c r="Q2663" i="5"/>
  <c r="Q2664" i="5"/>
  <c r="Q2665" i="5"/>
  <c r="Q2666" i="5"/>
  <c r="Q2667" i="5"/>
  <c r="Q2668" i="5"/>
  <c r="Q2669" i="5"/>
  <c r="Q2670" i="5"/>
  <c r="Q2671" i="5"/>
  <c r="Q2672" i="5"/>
  <c r="Q2673" i="5"/>
  <c r="Q2674" i="5"/>
  <c r="Q2675" i="5"/>
  <c r="Q2676" i="5"/>
  <c r="Q2677" i="5"/>
  <c r="Q2678" i="5"/>
  <c r="Q2679" i="5"/>
  <c r="Q2680" i="5"/>
  <c r="Q2681" i="5"/>
  <c r="Q2682" i="5"/>
  <c r="Q2683" i="5"/>
  <c r="Q2684" i="5"/>
  <c r="Q2685" i="5"/>
  <c r="Q2686" i="5"/>
  <c r="Q2687" i="5"/>
  <c r="Q2688" i="5"/>
  <c r="Q2689" i="5"/>
  <c r="Q2690" i="5"/>
  <c r="Q2691" i="5"/>
  <c r="Q2692" i="5"/>
  <c r="Q2693" i="5"/>
  <c r="Q2694" i="5"/>
  <c r="Q2695" i="5"/>
  <c r="Q2696" i="5"/>
  <c r="Q2697" i="5"/>
  <c r="Q2698" i="5"/>
  <c r="Q2699" i="5"/>
  <c r="Q2700" i="5"/>
  <c r="Q2701" i="5"/>
  <c r="Q2702" i="5"/>
  <c r="Q2703" i="5"/>
  <c r="Q2704" i="5"/>
  <c r="Q2705" i="5"/>
  <c r="Q2706" i="5"/>
  <c r="Q2707" i="5"/>
  <c r="Q2708" i="5"/>
  <c r="Q2709" i="5"/>
  <c r="Q2710" i="5"/>
  <c r="Q2711" i="5"/>
  <c r="Q2712" i="5"/>
  <c r="Q2713" i="5"/>
  <c r="Q2714" i="5"/>
  <c r="Q2715" i="5"/>
  <c r="Q2716" i="5"/>
  <c r="Q2717" i="5"/>
  <c r="Q2718" i="5"/>
  <c r="Q2719" i="5"/>
  <c r="Q2720" i="5"/>
  <c r="Q2721" i="5"/>
  <c r="Q2722" i="5"/>
  <c r="Q2723" i="5"/>
  <c r="Q2724" i="5"/>
  <c r="Q2725" i="5"/>
  <c r="Q2726" i="5"/>
  <c r="Q2727" i="5"/>
  <c r="Q2728" i="5"/>
  <c r="Q2729" i="5"/>
  <c r="Q2730" i="5"/>
  <c r="Q2731" i="5"/>
  <c r="Q2732" i="5"/>
  <c r="Q2733" i="5"/>
  <c r="Q2734" i="5"/>
  <c r="Q2735" i="5"/>
  <c r="Q2736" i="5"/>
  <c r="Q2737" i="5"/>
  <c r="Q2738" i="5"/>
  <c r="Q2739" i="5"/>
  <c r="Q2740" i="5"/>
  <c r="Q2741" i="5"/>
  <c r="Q2742" i="5"/>
  <c r="Q2743" i="5"/>
  <c r="Q2744" i="5"/>
  <c r="Q2745" i="5"/>
  <c r="Q2746" i="5"/>
  <c r="Q2747" i="5"/>
  <c r="Q2748" i="5"/>
  <c r="Q2749" i="5"/>
  <c r="Q2750" i="5"/>
  <c r="Q2751" i="5"/>
  <c r="Q2752" i="5"/>
  <c r="Q2753" i="5"/>
  <c r="Q2754" i="5"/>
  <c r="Q2755" i="5"/>
  <c r="Q2756" i="5"/>
  <c r="Q2757" i="5"/>
  <c r="Q2758" i="5"/>
  <c r="Q2759" i="5"/>
  <c r="Q2760" i="5"/>
  <c r="Q2761" i="5"/>
  <c r="Q2762" i="5"/>
  <c r="Q2763" i="5"/>
  <c r="Q2764" i="5"/>
  <c r="Q2765" i="5"/>
  <c r="Q2766" i="5"/>
  <c r="Q2767" i="5"/>
  <c r="Q2768" i="5"/>
  <c r="Q2769" i="5"/>
  <c r="Q2770" i="5"/>
  <c r="Q2771" i="5"/>
  <c r="Q2772" i="5"/>
  <c r="Q2773" i="5"/>
  <c r="Q2774" i="5"/>
  <c r="Q2775" i="5"/>
  <c r="Q2776" i="5"/>
  <c r="Q2777" i="5"/>
  <c r="Q2778" i="5"/>
  <c r="Q2779" i="5"/>
  <c r="Q2780" i="5"/>
  <c r="Q2781" i="5"/>
  <c r="Q2782" i="5"/>
  <c r="Q2783" i="5"/>
  <c r="Q2784" i="5"/>
  <c r="Q2785" i="5"/>
  <c r="Q2786" i="5"/>
  <c r="Q2787" i="5"/>
  <c r="Q2788" i="5"/>
  <c r="Q2789" i="5"/>
  <c r="Q2790" i="5"/>
  <c r="Q2791" i="5"/>
  <c r="Q2792" i="5"/>
  <c r="Q2793" i="5"/>
  <c r="Q2794" i="5"/>
  <c r="Q2795" i="5"/>
  <c r="Q2796" i="5"/>
  <c r="Q2797" i="5"/>
  <c r="Q2798" i="5"/>
  <c r="Q2799" i="5"/>
  <c r="Q2800" i="5"/>
  <c r="Q2801" i="5"/>
  <c r="Q2802" i="5"/>
  <c r="Q2803" i="5"/>
  <c r="Q2804" i="5"/>
  <c r="Q2805" i="5"/>
  <c r="Q2806" i="5"/>
  <c r="Q2807" i="5"/>
  <c r="Q2808" i="5"/>
  <c r="Q2809" i="5"/>
  <c r="Q2810" i="5"/>
  <c r="Q2811" i="5"/>
  <c r="Q2812" i="5"/>
  <c r="Q2813" i="5"/>
  <c r="Q2814" i="5"/>
  <c r="Q2815" i="5"/>
  <c r="Q2816" i="5"/>
  <c r="Q2817" i="5"/>
  <c r="Q2818" i="5"/>
  <c r="Q2819" i="5"/>
  <c r="Q2820" i="5"/>
  <c r="Q2821" i="5"/>
  <c r="Q2822" i="5"/>
  <c r="Q2823" i="5"/>
  <c r="Q2824" i="5"/>
  <c r="Q2825" i="5"/>
  <c r="Q2826" i="5"/>
  <c r="Q2827" i="5"/>
  <c r="Q2828" i="5"/>
  <c r="Q2829" i="5"/>
  <c r="Q2830" i="5"/>
  <c r="Q2831" i="5"/>
  <c r="Q2832" i="5"/>
  <c r="Q2833" i="5"/>
  <c r="Q2834" i="5"/>
  <c r="Q2835" i="5"/>
  <c r="Q2836" i="5"/>
  <c r="Q2837" i="5"/>
  <c r="Q2838" i="5"/>
  <c r="Q2839" i="5"/>
  <c r="Q2840" i="5"/>
  <c r="Q2841" i="5"/>
  <c r="Q2842" i="5"/>
  <c r="Q2843" i="5"/>
  <c r="Q2844" i="5"/>
  <c r="Q2845" i="5"/>
  <c r="Q2846" i="5"/>
  <c r="Q2847" i="5"/>
  <c r="Q2848" i="5"/>
  <c r="Q2849" i="5"/>
  <c r="Q2850" i="5"/>
  <c r="Q2851" i="5"/>
  <c r="Q2852" i="5"/>
  <c r="Q2853" i="5"/>
  <c r="Q2854" i="5"/>
  <c r="Q2855" i="5"/>
  <c r="Q2856" i="5"/>
  <c r="Q2857" i="5"/>
  <c r="Q2858" i="5"/>
  <c r="Q2859" i="5"/>
  <c r="Q2860" i="5"/>
  <c r="Q2861" i="5"/>
  <c r="Q2862" i="5"/>
  <c r="Q2863" i="5"/>
  <c r="Q2864" i="5"/>
  <c r="Q2865" i="5"/>
  <c r="Q2866" i="5"/>
  <c r="Q2867" i="5"/>
  <c r="Q2868" i="5"/>
  <c r="Q2869" i="5"/>
  <c r="Q2870" i="5"/>
  <c r="Q2871" i="5"/>
  <c r="Q2872" i="5"/>
  <c r="Q2873" i="5"/>
  <c r="Q2874" i="5"/>
  <c r="Q2875" i="5"/>
  <c r="Q2876" i="5"/>
  <c r="Q2877" i="5"/>
  <c r="Q2878" i="5"/>
  <c r="Q2879" i="5"/>
  <c r="Q2880" i="5"/>
  <c r="Q2881" i="5"/>
  <c r="Q2882" i="5"/>
  <c r="Q2883" i="5"/>
  <c r="Q2884" i="5"/>
  <c r="Q2885" i="5"/>
  <c r="Q2886" i="5"/>
  <c r="Q2887" i="5"/>
  <c r="Q2888" i="5"/>
  <c r="Q2889" i="5"/>
  <c r="Q2890" i="5"/>
  <c r="Q2891" i="5"/>
  <c r="Q2892" i="5"/>
  <c r="Q2893" i="5"/>
  <c r="Q2894" i="5"/>
  <c r="Q2895" i="5"/>
  <c r="Q2896" i="5"/>
  <c r="Q2897" i="5"/>
  <c r="Q2898" i="5"/>
  <c r="Q2899" i="5"/>
  <c r="Q2900" i="5"/>
  <c r="Q2901" i="5"/>
  <c r="Q2902" i="5"/>
  <c r="Q2903" i="5"/>
  <c r="Q2904" i="5"/>
  <c r="Q2905" i="5"/>
  <c r="Q2906" i="5"/>
  <c r="Q2907" i="5"/>
  <c r="Q2908" i="5"/>
  <c r="Q2909" i="5"/>
  <c r="Q2910" i="5"/>
  <c r="Q2911" i="5"/>
  <c r="Q2912" i="5"/>
  <c r="Q2913" i="5"/>
  <c r="Q2914" i="5"/>
  <c r="Q2915" i="5"/>
  <c r="Q2916" i="5"/>
  <c r="Q2917" i="5"/>
  <c r="Q2918" i="5"/>
  <c r="Q2919" i="5"/>
  <c r="Q2920" i="5"/>
  <c r="Q2921" i="5"/>
  <c r="Q2922" i="5"/>
  <c r="Q2923" i="5"/>
  <c r="Q2924" i="5"/>
  <c r="Q2925" i="5"/>
  <c r="Q2926" i="5"/>
  <c r="Q2927" i="5"/>
  <c r="Q2928" i="5"/>
  <c r="Q2929" i="5"/>
  <c r="Q2930" i="5"/>
  <c r="Q2931" i="5"/>
  <c r="Q2932" i="5"/>
  <c r="Q2933" i="5"/>
  <c r="Q2934" i="5"/>
  <c r="Q2935" i="5"/>
  <c r="Q2936" i="5"/>
  <c r="Q2937" i="5"/>
  <c r="Q2938" i="5"/>
  <c r="Q2939" i="5"/>
  <c r="Q2940" i="5"/>
  <c r="Q2941" i="5"/>
  <c r="Q2942" i="5"/>
  <c r="Q2943" i="5"/>
  <c r="Q2944" i="5"/>
  <c r="Q2945" i="5"/>
  <c r="Q2946" i="5"/>
  <c r="Q2947" i="5"/>
  <c r="Q2948" i="5"/>
  <c r="Q2949" i="5"/>
  <c r="Q2950" i="5"/>
  <c r="Q2951" i="5"/>
  <c r="Q2952" i="5"/>
  <c r="Q2953" i="5"/>
  <c r="Q2954" i="5"/>
  <c r="Q2955" i="5"/>
  <c r="Q2956" i="5"/>
  <c r="Q2957" i="5"/>
  <c r="Q2958" i="5"/>
  <c r="Q2959" i="5"/>
  <c r="Q2960" i="5"/>
  <c r="Q2961" i="5"/>
  <c r="Q2962" i="5"/>
  <c r="Q2963" i="5"/>
  <c r="Q2964" i="5"/>
  <c r="Q2965" i="5"/>
  <c r="Q2966" i="5"/>
  <c r="Q2967" i="5"/>
  <c r="Q2968" i="5"/>
  <c r="Q2969" i="5"/>
  <c r="Q2970" i="5"/>
  <c r="Q2971" i="5"/>
  <c r="Q2972" i="5"/>
  <c r="Q2973" i="5"/>
  <c r="Q2974" i="5"/>
  <c r="Q2975" i="5"/>
  <c r="Q2976" i="5"/>
  <c r="Q2977" i="5"/>
  <c r="Q2978" i="5"/>
  <c r="Q2979" i="5"/>
  <c r="Q2980" i="5"/>
  <c r="Q2981" i="5"/>
  <c r="Q2982" i="5"/>
  <c r="Q2983" i="5"/>
  <c r="Q2984" i="5"/>
  <c r="Q2985" i="5"/>
  <c r="Q2986" i="5"/>
  <c r="Q2987" i="5"/>
  <c r="Q2988" i="5"/>
  <c r="Q2989" i="5"/>
  <c r="Q2990" i="5"/>
  <c r="Q2991" i="5"/>
  <c r="Q2992" i="5"/>
  <c r="Q2993" i="5"/>
  <c r="Q2994" i="5"/>
  <c r="Q2995" i="5"/>
  <c r="Q2996" i="5"/>
  <c r="Q2997" i="5"/>
  <c r="Q2998" i="5"/>
  <c r="Q2999" i="5"/>
  <c r="Q3000" i="5"/>
  <c r="Q3001" i="5"/>
  <c r="Q3002" i="5"/>
  <c r="Q3003" i="5"/>
  <c r="Q3004" i="5"/>
  <c r="Q3005" i="5"/>
  <c r="Q3006" i="5"/>
  <c r="Q3007" i="5"/>
  <c r="Q3008" i="5"/>
  <c r="Q3009" i="5"/>
  <c r="Q3010" i="5"/>
  <c r="Q3011" i="5"/>
  <c r="Q3012" i="5"/>
  <c r="Q3013" i="5"/>
  <c r="Q3014" i="5"/>
  <c r="Q3015" i="5"/>
  <c r="Q3016" i="5"/>
  <c r="Q3017" i="5"/>
  <c r="Q3018" i="5"/>
  <c r="Q3019" i="5"/>
  <c r="Q3020" i="5"/>
  <c r="Q3021" i="5"/>
  <c r="Q3022" i="5"/>
  <c r="Q3023" i="5"/>
  <c r="Q3024" i="5"/>
  <c r="Q3025" i="5"/>
  <c r="Q3026" i="5"/>
  <c r="Q3027" i="5"/>
  <c r="Q3028" i="5"/>
  <c r="Q3029" i="5"/>
  <c r="Q3030" i="5"/>
  <c r="Q3031" i="5"/>
  <c r="Q3032" i="5"/>
  <c r="Q3033" i="5"/>
  <c r="Q3034" i="5"/>
  <c r="Q3035" i="5"/>
  <c r="Q3036" i="5"/>
  <c r="Q3037" i="5"/>
  <c r="Q3038" i="5"/>
  <c r="Q3039" i="5"/>
  <c r="Q3040" i="5"/>
  <c r="Q3041" i="5"/>
  <c r="Q3042" i="5"/>
  <c r="Q3043" i="5"/>
  <c r="Q3044" i="5"/>
  <c r="Q3045" i="5"/>
  <c r="Q3046" i="5"/>
  <c r="Q3047" i="5"/>
  <c r="Q3048" i="5"/>
  <c r="Q3049" i="5"/>
  <c r="Q3050" i="5"/>
  <c r="Q3051" i="5"/>
  <c r="Q3052" i="5"/>
  <c r="Q3053" i="5"/>
  <c r="Q3054" i="5"/>
  <c r="Q3055" i="5"/>
  <c r="Q3056" i="5"/>
  <c r="Q3057" i="5"/>
  <c r="Q3058" i="5"/>
  <c r="Q3059" i="5"/>
  <c r="Q3060" i="5"/>
  <c r="Q3061" i="5"/>
  <c r="Q3062" i="5"/>
  <c r="Q3063" i="5"/>
  <c r="Q3064" i="5"/>
  <c r="Q3065" i="5"/>
  <c r="Q3066" i="5"/>
  <c r="Q3067" i="5"/>
  <c r="Q3068" i="5"/>
  <c r="Q3069" i="5"/>
  <c r="Q3070" i="5"/>
  <c r="Q3071" i="5"/>
  <c r="Q3072" i="5"/>
  <c r="Q3073" i="5"/>
  <c r="Q3074" i="5"/>
  <c r="Q3075" i="5"/>
  <c r="Q3076" i="5"/>
  <c r="Q3077" i="5"/>
  <c r="Q3078" i="5"/>
  <c r="Q3079" i="5"/>
  <c r="Q3080" i="5"/>
  <c r="Q3081" i="5"/>
  <c r="Q3082" i="5"/>
  <c r="Q3083" i="5"/>
  <c r="Q3084" i="5"/>
  <c r="Q3085" i="5"/>
  <c r="Q3086" i="5"/>
  <c r="Q3087" i="5"/>
  <c r="Q3088" i="5"/>
  <c r="Q3089" i="5"/>
  <c r="Q3090" i="5"/>
  <c r="Q3091" i="5"/>
  <c r="Q3092" i="5"/>
  <c r="Q3093" i="5"/>
  <c r="Q3094" i="5"/>
  <c r="Q3095" i="5"/>
  <c r="Q3096" i="5"/>
  <c r="Q3097" i="5"/>
  <c r="Q3098" i="5"/>
  <c r="Q3099" i="5"/>
  <c r="Q3100" i="5"/>
  <c r="Q3101" i="5"/>
  <c r="Q3102" i="5"/>
  <c r="Q3103" i="5"/>
  <c r="Q3104" i="5"/>
  <c r="Q3105" i="5"/>
  <c r="Q3106" i="5"/>
  <c r="Q3107" i="5"/>
  <c r="Q3108" i="5"/>
  <c r="Q3109" i="5"/>
  <c r="Q3110" i="5"/>
  <c r="Q3111" i="5"/>
  <c r="Q3112" i="5"/>
  <c r="Q3113" i="5"/>
  <c r="Q3114" i="5"/>
  <c r="Q3115" i="5"/>
  <c r="Q3116" i="5"/>
  <c r="Q3117" i="5"/>
  <c r="Q3118" i="5"/>
  <c r="Q3119" i="5"/>
  <c r="Q3120" i="5"/>
  <c r="Q3121" i="5"/>
  <c r="Q3122" i="5"/>
  <c r="Q3123" i="5"/>
  <c r="Q3124" i="5"/>
  <c r="Q3125" i="5"/>
  <c r="Q3126" i="5"/>
  <c r="Q3127" i="5"/>
  <c r="Q3128" i="5"/>
  <c r="Q3129" i="5"/>
  <c r="Q3130" i="5"/>
  <c r="Q3131" i="5"/>
  <c r="Q3132" i="5"/>
  <c r="Q3133" i="5"/>
  <c r="Q3134" i="5"/>
  <c r="Q3135" i="5"/>
  <c r="Q3136" i="5"/>
  <c r="Q3137" i="5"/>
  <c r="Q3138" i="5"/>
  <c r="Q3139" i="5"/>
  <c r="Q3140" i="5"/>
  <c r="Q3141" i="5"/>
  <c r="Q3142" i="5"/>
  <c r="Q3143" i="5"/>
  <c r="Q3144" i="5"/>
  <c r="Q3145" i="5"/>
  <c r="Q3146" i="5"/>
  <c r="Q3147" i="5"/>
  <c r="Q3148" i="5"/>
  <c r="Q3149" i="5"/>
  <c r="Q3150" i="5"/>
  <c r="Q3151" i="5"/>
  <c r="Q3152" i="5"/>
  <c r="Q3153" i="5"/>
  <c r="Q3154" i="5"/>
  <c r="Q3155" i="5"/>
  <c r="Q3156" i="5"/>
  <c r="Q3157" i="5"/>
  <c r="Q3158" i="5"/>
  <c r="Q3159" i="5"/>
  <c r="Q3160" i="5"/>
  <c r="Q3161" i="5"/>
  <c r="Q3162" i="5"/>
  <c r="Q3163" i="5"/>
  <c r="Q3164" i="5"/>
  <c r="Q3165" i="5"/>
  <c r="Q3166" i="5"/>
  <c r="Q3167" i="5"/>
  <c r="Q3168" i="5"/>
  <c r="Q3169" i="5"/>
  <c r="Q3170" i="5"/>
  <c r="Q3171" i="5"/>
  <c r="Q3172" i="5"/>
  <c r="Q3173" i="5"/>
  <c r="Q3174" i="5"/>
  <c r="Q3175" i="5"/>
  <c r="Q3176" i="5"/>
  <c r="Q3177" i="5"/>
  <c r="Q3178" i="5"/>
  <c r="Q3179" i="5"/>
  <c r="Q3180" i="5"/>
  <c r="Q3181" i="5"/>
  <c r="Q3182" i="5"/>
  <c r="Q3183" i="5"/>
  <c r="Q3184" i="5"/>
  <c r="Q3185" i="5"/>
  <c r="Q3186" i="5"/>
  <c r="Q3187" i="5"/>
  <c r="Q3188" i="5"/>
  <c r="Q3189" i="5"/>
  <c r="Q3190" i="5"/>
  <c r="Q3191" i="5"/>
  <c r="Q3192" i="5"/>
  <c r="Q3193" i="5"/>
  <c r="Q3194" i="5"/>
  <c r="Q3195" i="5"/>
  <c r="Q3196" i="5"/>
  <c r="Q3197" i="5"/>
  <c r="Q3198" i="5"/>
  <c r="Q3199" i="5"/>
  <c r="Q3200" i="5"/>
  <c r="Q3201" i="5"/>
  <c r="Q3202" i="5"/>
  <c r="Q3203" i="5"/>
  <c r="Q3204" i="5"/>
  <c r="Q3205" i="5"/>
  <c r="Q3206" i="5"/>
  <c r="Q3207" i="5"/>
  <c r="Q3208" i="5"/>
  <c r="Q3209" i="5"/>
  <c r="Q3210" i="5"/>
  <c r="Q3211" i="5"/>
  <c r="Q3212" i="5"/>
  <c r="Q3213" i="5"/>
  <c r="Q3214" i="5"/>
  <c r="Q3215" i="5"/>
  <c r="Q3216" i="5"/>
  <c r="Q3217" i="5"/>
  <c r="Q3218" i="5"/>
  <c r="Q3219" i="5"/>
  <c r="Q3220" i="5"/>
  <c r="Q3221" i="5"/>
  <c r="Q3222" i="5"/>
  <c r="Q3223" i="5"/>
  <c r="Q3224" i="5"/>
  <c r="Q3225" i="5"/>
  <c r="Q3226" i="5"/>
  <c r="Q3227" i="5"/>
  <c r="Q3228" i="5"/>
  <c r="Q3229" i="5"/>
  <c r="Q3230" i="5"/>
  <c r="Q3231" i="5"/>
  <c r="Q3232" i="5"/>
  <c r="Q3233" i="5"/>
  <c r="Q3234" i="5"/>
  <c r="Q3235" i="5"/>
  <c r="Q3236" i="5"/>
  <c r="Q3237" i="5"/>
  <c r="Q3238" i="5"/>
  <c r="Q3239" i="5"/>
  <c r="Q3240" i="5"/>
  <c r="Q3241" i="5"/>
  <c r="Q3242" i="5"/>
  <c r="Q3243" i="5"/>
  <c r="Q3244" i="5"/>
  <c r="Q3245" i="5"/>
  <c r="Q3246" i="5"/>
  <c r="Q3247" i="5"/>
  <c r="Q3248" i="5"/>
  <c r="Q3249" i="5"/>
  <c r="Q3250" i="5"/>
  <c r="Q3251" i="5"/>
  <c r="Q3252" i="5"/>
  <c r="Q3253" i="5"/>
  <c r="Q3254" i="5"/>
  <c r="Q3255" i="5"/>
  <c r="Q3256" i="5"/>
  <c r="Q3257" i="5"/>
  <c r="Q3258" i="5"/>
  <c r="Q3259" i="5"/>
  <c r="Q3260" i="5"/>
  <c r="Q3261" i="5"/>
  <c r="Q3262" i="5"/>
  <c r="Q3263" i="5"/>
  <c r="Q3264" i="5"/>
  <c r="Q3265" i="5"/>
  <c r="Q3266" i="5"/>
  <c r="Q3267" i="5"/>
  <c r="Q3268" i="5"/>
  <c r="Q3269" i="5"/>
  <c r="Q3270" i="5"/>
  <c r="Q3271" i="5"/>
  <c r="Q3272" i="5"/>
  <c r="Q3273" i="5"/>
  <c r="Q3274" i="5"/>
  <c r="Q3275" i="5"/>
  <c r="Q3276" i="5"/>
  <c r="Q3277" i="5"/>
  <c r="Q3278" i="5"/>
  <c r="Q3279" i="5"/>
  <c r="Q3280" i="5"/>
  <c r="Q3281" i="5"/>
  <c r="Q3282" i="5"/>
  <c r="Q3283" i="5"/>
  <c r="Q3284" i="5"/>
  <c r="Q3285" i="5"/>
  <c r="Q3286" i="5"/>
  <c r="Q3287" i="5"/>
  <c r="Q3288" i="5"/>
  <c r="Q3289" i="5"/>
  <c r="Q3290" i="5"/>
  <c r="Q3291" i="5"/>
  <c r="Q3292" i="5"/>
  <c r="Q3293" i="5"/>
  <c r="Q3294" i="5"/>
  <c r="Q3295" i="5"/>
  <c r="Q3296" i="5"/>
  <c r="Q3297" i="5"/>
  <c r="Q3298" i="5"/>
  <c r="Q3299" i="5"/>
  <c r="Q3300" i="5"/>
  <c r="Q3301" i="5"/>
  <c r="Q3302" i="5"/>
  <c r="Q3303" i="5"/>
  <c r="Q3304" i="5"/>
  <c r="Q3305" i="5"/>
  <c r="Q3306" i="5"/>
  <c r="Q3307" i="5"/>
  <c r="Q3308" i="5"/>
  <c r="Q3309" i="5"/>
  <c r="Q3310" i="5"/>
  <c r="Q3311" i="5"/>
  <c r="Q3312" i="5"/>
  <c r="Q3313" i="5"/>
  <c r="Q3314" i="5"/>
  <c r="Q3315" i="5"/>
  <c r="Q3316" i="5"/>
  <c r="Q3317" i="5"/>
  <c r="Q3318" i="5"/>
  <c r="Q3319" i="5"/>
  <c r="Q3320" i="5"/>
  <c r="Q3321" i="5"/>
  <c r="Q3322" i="5"/>
  <c r="Q3323" i="5"/>
  <c r="Q3324" i="5"/>
  <c r="Q3325" i="5"/>
  <c r="Q3326" i="5"/>
  <c r="Q3327" i="5"/>
  <c r="Q3328" i="5"/>
  <c r="Q3329" i="5"/>
  <c r="Q3330" i="5"/>
  <c r="Q3331" i="5"/>
  <c r="Q3332" i="5"/>
  <c r="Q3333" i="5"/>
  <c r="Q3334" i="5"/>
  <c r="Q3335" i="5"/>
  <c r="Q3336" i="5"/>
  <c r="Q3337" i="5"/>
  <c r="Q3338" i="5"/>
  <c r="Q3339" i="5"/>
  <c r="Q3340" i="5"/>
  <c r="Q3341" i="5"/>
  <c r="Q3342" i="5"/>
  <c r="Q3343" i="5"/>
  <c r="Q3344" i="5"/>
  <c r="Q3345" i="5"/>
  <c r="Q3346" i="5"/>
  <c r="Q3347" i="5"/>
  <c r="Q3348" i="5"/>
  <c r="Q3349" i="5"/>
  <c r="Q3350" i="5"/>
  <c r="Q3351" i="5"/>
  <c r="Q3352" i="5"/>
  <c r="Q3353" i="5"/>
  <c r="Q3354" i="5"/>
  <c r="Q3355" i="5"/>
  <c r="Q3356" i="5"/>
  <c r="Q3357" i="5"/>
  <c r="Q3358" i="5"/>
  <c r="Q3359" i="5"/>
  <c r="Q3360" i="5"/>
  <c r="Q3361" i="5"/>
  <c r="Q3362" i="5"/>
  <c r="Q3363" i="5"/>
  <c r="Q3364" i="5"/>
  <c r="Q3365" i="5"/>
  <c r="Q3366" i="5"/>
  <c r="Q3367" i="5"/>
  <c r="Q3368" i="5"/>
  <c r="Q3369" i="5"/>
  <c r="Q3370" i="5"/>
  <c r="Q3371" i="5"/>
  <c r="Q3372" i="5"/>
  <c r="Q3373" i="5"/>
  <c r="Q3374" i="5"/>
  <c r="Q3375" i="5"/>
  <c r="Q3376" i="5"/>
  <c r="Q3377" i="5"/>
  <c r="Q3378" i="5"/>
  <c r="Q3379" i="5"/>
  <c r="Q3380" i="5"/>
  <c r="Q3381" i="5"/>
  <c r="Q3382" i="5"/>
  <c r="Q3383" i="5"/>
  <c r="Q3384" i="5"/>
  <c r="Q3385" i="5"/>
  <c r="Q3386" i="5"/>
  <c r="Q3387" i="5"/>
  <c r="Q3388" i="5"/>
  <c r="Q3389" i="5"/>
  <c r="Q3390" i="5"/>
  <c r="Q3391" i="5"/>
  <c r="Q3392" i="5"/>
  <c r="Q3393" i="5"/>
  <c r="Q3394" i="5"/>
  <c r="Q3395" i="5"/>
  <c r="Q3396" i="5"/>
  <c r="Q3397" i="5"/>
  <c r="Q3398" i="5"/>
  <c r="Q3399" i="5"/>
  <c r="Q3400" i="5"/>
  <c r="Q3401" i="5"/>
  <c r="Q3402" i="5"/>
  <c r="Q3403" i="5"/>
  <c r="Q3404" i="5"/>
  <c r="Q3405" i="5"/>
  <c r="Q3406" i="5"/>
  <c r="Q3407" i="5"/>
  <c r="Q3408" i="5"/>
  <c r="Q3409" i="5"/>
  <c r="Q3410" i="5"/>
  <c r="Q3411" i="5"/>
  <c r="Q3412" i="5"/>
  <c r="Q3413" i="5"/>
  <c r="Q3414" i="5"/>
  <c r="Q3415" i="5"/>
  <c r="Q3416" i="5"/>
  <c r="Q3417" i="5"/>
  <c r="Q3418" i="5"/>
  <c r="Q3419" i="5"/>
  <c r="Q3420" i="5"/>
  <c r="Q3421" i="5"/>
  <c r="Q3422" i="5"/>
  <c r="Q3423" i="5"/>
  <c r="Q3424" i="5"/>
  <c r="Q3425" i="5"/>
  <c r="Q3426" i="5"/>
  <c r="Q3427" i="5"/>
  <c r="Q3428" i="5"/>
  <c r="Q3429" i="5"/>
  <c r="Q3430" i="5"/>
  <c r="Q3431" i="5"/>
  <c r="Q3432" i="5"/>
  <c r="Q3433" i="5"/>
  <c r="Q3434" i="5"/>
  <c r="Q3435" i="5"/>
  <c r="Q3436" i="5"/>
  <c r="Q3437" i="5"/>
  <c r="Q3438" i="5"/>
  <c r="Q3439" i="5"/>
  <c r="Q3440" i="5"/>
  <c r="Q3441" i="5"/>
  <c r="Q3442" i="5"/>
  <c r="Q3443" i="5"/>
  <c r="Q3444" i="5"/>
  <c r="Q3445" i="5"/>
  <c r="Q3446" i="5"/>
  <c r="Q3447" i="5"/>
  <c r="Q3448" i="5"/>
  <c r="Q3449" i="5"/>
  <c r="Q3450" i="5"/>
  <c r="Q3451" i="5"/>
  <c r="Q3452" i="5"/>
  <c r="Q3453" i="5"/>
  <c r="Q3454" i="5"/>
  <c r="Q3455" i="5"/>
  <c r="Q3456" i="5"/>
  <c r="Q3457" i="5"/>
  <c r="Q3458" i="5"/>
  <c r="Q3459" i="5"/>
  <c r="Q3460" i="5"/>
  <c r="Q3461" i="5"/>
  <c r="Q3462" i="5"/>
  <c r="Q3463" i="5"/>
  <c r="Q3464" i="5"/>
  <c r="Q3465" i="5"/>
  <c r="Q3466" i="5"/>
  <c r="Q3467" i="5"/>
  <c r="Q3468" i="5"/>
  <c r="Q3469" i="5"/>
  <c r="Q3470" i="5"/>
  <c r="Q3471" i="5"/>
  <c r="Q3472" i="5"/>
  <c r="Q3473" i="5"/>
  <c r="Q3474" i="5"/>
  <c r="Q3475" i="5"/>
  <c r="Q3476" i="5"/>
  <c r="Q3477" i="5"/>
  <c r="Q3478" i="5"/>
  <c r="Q3479" i="5"/>
  <c r="Q3480" i="5"/>
  <c r="Q3481" i="5"/>
  <c r="Q3482" i="5"/>
  <c r="Q3483" i="5"/>
  <c r="Q3484" i="5"/>
  <c r="Q3485" i="5"/>
  <c r="Q3486" i="5"/>
  <c r="Q3487" i="5"/>
  <c r="Q3488" i="5"/>
  <c r="Q3489" i="5"/>
  <c r="Q3490" i="5"/>
  <c r="Q3491" i="5"/>
  <c r="Q3492" i="5"/>
  <c r="Q3493" i="5"/>
  <c r="Q3494" i="5"/>
  <c r="Q3495" i="5"/>
  <c r="Q3496" i="5"/>
  <c r="Q3497" i="5"/>
  <c r="Q3498" i="5"/>
  <c r="Q3499" i="5"/>
  <c r="Q3500" i="5"/>
  <c r="Q3501" i="5"/>
  <c r="Q3502" i="5"/>
  <c r="Q3503" i="5"/>
  <c r="Q3504" i="5"/>
  <c r="Q3505" i="5"/>
  <c r="Q3506" i="5"/>
  <c r="Q3507" i="5"/>
  <c r="Q3508" i="5"/>
  <c r="Q3509" i="5"/>
  <c r="Q3510" i="5"/>
  <c r="Q3511" i="5"/>
  <c r="Q3512" i="5"/>
  <c r="Q3513" i="5"/>
  <c r="Q3514" i="5"/>
  <c r="Q3515" i="5"/>
  <c r="Q3516" i="5"/>
  <c r="Q3517" i="5"/>
  <c r="Q3518" i="5"/>
  <c r="Q3519" i="5"/>
  <c r="Q3520" i="5"/>
  <c r="Q3521" i="5"/>
  <c r="Q3522" i="5"/>
  <c r="Q3523" i="5"/>
  <c r="Q3524" i="5"/>
  <c r="Q3525" i="5"/>
  <c r="Q3526" i="5"/>
  <c r="Q3527" i="5"/>
  <c r="Q3528" i="5"/>
  <c r="Q3529" i="5"/>
  <c r="Q3530" i="5"/>
  <c r="Q3531" i="5"/>
  <c r="Q3532" i="5"/>
  <c r="Q3533" i="5"/>
  <c r="Q3534" i="5"/>
  <c r="Q3535" i="5"/>
  <c r="Q3536" i="5"/>
  <c r="Q3537" i="5"/>
  <c r="Q3538" i="5"/>
  <c r="Q3539" i="5"/>
  <c r="Q3540" i="5"/>
  <c r="Q3541" i="5"/>
  <c r="Q3542" i="5"/>
  <c r="Q3543" i="5"/>
  <c r="Q3544" i="5"/>
  <c r="Q3545" i="5"/>
  <c r="Q3546" i="5"/>
  <c r="Q3547" i="5"/>
  <c r="Q3548" i="5"/>
  <c r="Q3549" i="5"/>
  <c r="Q3550" i="5"/>
  <c r="Q3551" i="5"/>
  <c r="Q3552" i="5"/>
  <c r="Q3553" i="5"/>
  <c r="Q3554" i="5"/>
  <c r="Q3555" i="5"/>
  <c r="Q3556" i="5"/>
  <c r="Q3557" i="5"/>
  <c r="Q3558" i="5"/>
  <c r="Q3559" i="5"/>
  <c r="Q3560" i="5"/>
  <c r="Q3561" i="5"/>
  <c r="Q3562" i="5"/>
  <c r="Q3563" i="5"/>
  <c r="Q3564" i="5"/>
  <c r="Q3565" i="5"/>
  <c r="Q3566" i="5"/>
  <c r="Q3567" i="5"/>
  <c r="Q3568" i="5"/>
  <c r="Q3569" i="5"/>
  <c r="Q3570" i="5"/>
  <c r="Q3571" i="5"/>
  <c r="Q3572" i="5"/>
  <c r="Q3573" i="5"/>
  <c r="Q3574" i="5"/>
  <c r="Q3575" i="5"/>
  <c r="Q3576" i="5"/>
  <c r="Q3577" i="5"/>
  <c r="Q3578" i="5"/>
  <c r="Q3579" i="5"/>
  <c r="Q3580" i="5"/>
  <c r="Q3581" i="5"/>
  <c r="Q3582" i="5"/>
  <c r="Q3583" i="5"/>
  <c r="Q3584" i="5"/>
  <c r="Q3585" i="5"/>
  <c r="Q3586" i="5"/>
  <c r="Q3587" i="5"/>
  <c r="Q3588" i="5"/>
  <c r="Q3589" i="5"/>
  <c r="Q3590" i="5"/>
  <c r="Q3591" i="5"/>
  <c r="Q3592" i="5"/>
  <c r="Q3593" i="5"/>
  <c r="Q3594" i="5"/>
  <c r="Q3595" i="5"/>
  <c r="Q3596" i="5"/>
  <c r="Q3597" i="5"/>
  <c r="Q3598" i="5"/>
  <c r="Q3599" i="5"/>
  <c r="Q3600" i="5"/>
  <c r="Q3601" i="5"/>
  <c r="Q3602" i="5"/>
  <c r="Q3603" i="5"/>
  <c r="Q3604" i="5"/>
  <c r="Q3605" i="5"/>
  <c r="Q3606" i="5"/>
  <c r="Q3607" i="5"/>
  <c r="Q3608" i="5"/>
  <c r="Q3609" i="5"/>
  <c r="Q3610" i="5"/>
  <c r="Q3611" i="5"/>
  <c r="Q3612" i="5"/>
  <c r="Q3613" i="5"/>
  <c r="Q3614" i="5"/>
  <c r="Q3615" i="5"/>
  <c r="Q3616" i="5"/>
  <c r="Q3617" i="5"/>
  <c r="Q3618" i="5"/>
  <c r="Q3619" i="5"/>
  <c r="Q3620" i="5"/>
  <c r="Q3621" i="5"/>
  <c r="Q3622" i="5"/>
  <c r="Q3623" i="5"/>
  <c r="Q3624" i="5"/>
  <c r="Q3625" i="5"/>
  <c r="Q3626" i="5"/>
  <c r="Q3627" i="5"/>
  <c r="Q3628" i="5"/>
  <c r="Q3629" i="5"/>
  <c r="Q3630" i="5"/>
  <c r="Q3631" i="5"/>
  <c r="Q3632" i="5"/>
  <c r="Q3633" i="5"/>
  <c r="Q3634" i="5"/>
  <c r="Q3635" i="5"/>
  <c r="Q3636" i="5"/>
  <c r="Q3637" i="5"/>
  <c r="Q3638" i="5"/>
  <c r="Q3639" i="5"/>
  <c r="Q3640" i="5"/>
  <c r="Q3641" i="5"/>
  <c r="Q3642" i="5"/>
  <c r="Q3643" i="5"/>
  <c r="Q3644" i="5"/>
  <c r="Q3645" i="5"/>
  <c r="Q3646" i="5"/>
  <c r="Q3647" i="5"/>
  <c r="Q3648" i="5"/>
  <c r="Q3649" i="5"/>
  <c r="Q3650" i="5"/>
  <c r="Q3651" i="5"/>
  <c r="Q3652" i="5"/>
  <c r="Q3653" i="5"/>
  <c r="Q3654" i="5"/>
  <c r="Q3655" i="5"/>
  <c r="Q3656" i="5"/>
  <c r="Q3657" i="5"/>
  <c r="Q3658" i="5"/>
  <c r="Q3659" i="5"/>
  <c r="Q3660" i="5"/>
  <c r="Q3661" i="5"/>
  <c r="Q3662" i="5"/>
  <c r="Q3663" i="5"/>
  <c r="Q3664" i="5"/>
  <c r="Q3665" i="5"/>
  <c r="Q3666" i="5"/>
  <c r="Q3667" i="5"/>
  <c r="Q3668" i="5"/>
  <c r="Q3669" i="5"/>
  <c r="Q3670" i="5"/>
  <c r="Q3671" i="5"/>
  <c r="Q3672" i="5"/>
  <c r="Q3673" i="5"/>
  <c r="Q3674" i="5"/>
  <c r="Q3675" i="5"/>
  <c r="Q3676" i="5"/>
  <c r="Q3677" i="5"/>
  <c r="Q3678" i="5"/>
  <c r="Q3679" i="5"/>
  <c r="Q3680" i="5"/>
  <c r="Q3681" i="5"/>
  <c r="Q3682" i="5"/>
  <c r="Q3683" i="5"/>
  <c r="Q3684" i="5"/>
  <c r="Q3685" i="5"/>
  <c r="Q3686" i="5"/>
  <c r="Q3687" i="5"/>
  <c r="Q3688" i="5"/>
  <c r="Q3689" i="5"/>
  <c r="Q3690" i="5"/>
  <c r="Q3691" i="5"/>
  <c r="Q3692" i="5"/>
  <c r="Q3693" i="5"/>
  <c r="Q3694" i="5"/>
  <c r="Q3695" i="5"/>
  <c r="Q3696" i="5"/>
  <c r="Q3697" i="5"/>
  <c r="Q3698" i="5"/>
  <c r="Q3699" i="5"/>
  <c r="Q3700" i="5"/>
  <c r="Q3701" i="5"/>
  <c r="Q3702" i="5"/>
  <c r="Q3703" i="5"/>
  <c r="Q3704" i="5"/>
  <c r="Q3705" i="5"/>
  <c r="Q3706" i="5"/>
  <c r="Q3707" i="5"/>
  <c r="Q3708" i="5"/>
  <c r="Q3709" i="5"/>
  <c r="Q3710" i="5"/>
  <c r="Q3711" i="5"/>
  <c r="Q3712" i="5"/>
  <c r="Q3713" i="5"/>
  <c r="Q3714" i="5"/>
  <c r="Q3715" i="5"/>
  <c r="Q3716" i="5"/>
  <c r="Q3717" i="5"/>
  <c r="Q3718" i="5"/>
  <c r="Q3719" i="5"/>
  <c r="Q3720" i="5"/>
  <c r="Q3721" i="5"/>
  <c r="Q3722" i="5"/>
  <c r="Q3723" i="5"/>
  <c r="Q3724" i="5"/>
  <c r="Q3725" i="5"/>
  <c r="Q3726" i="5"/>
  <c r="Q3727" i="5"/>
  <c r="Q3728" i="5"/>
  <c r="Q3729" i="5"/>
  <c r="Q3730" i="5"/>
  <c r="Q3731" i="5"/>
  <c r="Q3732" i="5"/>
  <c r="Q3733" i="5"/>
  <c r="Q3734" i="5"/>
  <c r="Q3735" i="5"/>
  <c r="Q3736" i="5"/>
  <c r="Q3737" i="5"/>
  <c r="Q3738" i="5"/>
  <c r="Q3739" i="5"/>
  <c r="Q3740" i="5"/>
  <c r="Q3741" i="5"/>
  <c r="Q3742" i="5"/>
  <c r="Q3743" i="5"/>
  <c r="Q3744" i="5"/>
  <c r="Q3745" i="5"/>
  <c r="Q3746" i="5"/>
  <c r="Q3747" i="5"/>
  <c r="Q3748" i="5"/>
  <c r="Q3749" i="5"/>
  <c r="Q3750" i="5"/>
  <c r="Q3751" i="5"/>
  <c r="Q3752" i="5"/>
  <c r="Q3753" i="5"/>
  <c r="Q3754" i="5"/>
  <c r="Q3755" i="5"/>
  <c r="Q3756" i="5"/>
  <c r="Q3757" i="5"/>
  <c r="Q3758" i="5"/>
  <c r="Q3759" i="5"/>
  <c r="Q3760" i="5"/>
  <c r="Q3761" i="5"/>
  <c r="Q3762" i="5"/>
  <c r="Q3763" i="5"/>
  <c r="Q3764" i="5"/>
  <c r="Q3765" i="5"/>
  <c r="Q3766" i="5"/>
  <c r="Q3767" i="5"/>
  <c r="Q3768" i="5"/>
  <c r="Q3769" i="5"/>
  <c r="Q3770" i="5"/>
  <c r="Q3771" i="5"/>
  <c r="Q3772" i="5"/>
  <c r="Q3773" i="5"/>
  <c r="Q3774" i="5"/>
  <c r="Q3775" i="5"/>
  <c r="Q3776" i="5"/>
  <c r="Q3777" i="5"/>
  <c r="Q3778" i="5"/>
  <c r="Q3779" i="5"/>
  <c r="Q3780" i="5"/>
  <c r="Q3781" i="5"/>
  <c r="Q3782" i="5"/>
  <c r="Q3783" i="5"/>
  <c r="Q3784" i="5"/>
  <c r="Q3785" i="5"/>
  <c r="Q3786" i="5"/>
  <c r="Q3787" i="5"/>
  <c r="Q3788" i="5"/>
  <c r="Q3789" i="5"/>
  <c r="Q3790" i="5"/>
  <c r="Q3791" i="5"/>
  <c r="Q3792" i="5"/>
  <c r="Q3793" i="5"/>
  <c r="Q3794" i="5"/>
  <c r="Q3795" i="5"/>
  <c r="Q3796" i="5"/>
  <c r="Q3797" i="5"/>
  <c r="Q3798" i="5"/>
  <c r="Q3799" i="5"/>
  <c r="Q3800" i="5"/>
  <c r="Q3801" i="5"/>
  <c r="Q3802" i="5"/>
  <c r="Q3803" i="5"/>
  <c r="Q3804" i="5"/>
  <c r="Q3805" i="5"/>
  <c r="Q3806" i="5"/>
  <c r="Q3807" i="5"/>
  <c r="Q3808" i="5"/>
  <c r="Q3809" i="5"/>
  <c r="Q3810" i="5"/>
  <c r="Q3811" i="5"/>
  <c r="Q3812" i="5"/>
  <c r="Q3813" i="5"/>
  <c r="Q3814" i="5"/>
  <c r="Q3815" i="5"/>
  <c r="Q3816" i="5"/>
  <c r="Q3817" i="5"/>
  <c r="Q3818" i="5"/>
  <c r="Q3819" i="5"/>
  <c r="Q3820" i="5"/>
  <c r="Q3821" i="5"/>
  <c r="Q3822" i="5"/>
  <c r="Q3823" i="5"/>
  <c r="Q3824" i="5"/>
  <c r="Q3825" i="5"/>
  <c r="Q3826" i="5"/>
  <c r="Q3827" i="5"/>
  <c r="Q3828" i="5"/>
  <c r="Q3829" i="5"/>
  <c r="Q3830" i="5"/>
  <c r="Q3831" i="5"/>
  <c r="Q3832" i="5"/>
  <c r="Q3833" i="5"/>
  <c r="Q3834" i="5"/>
  <c r="Q3835" i="5"/>
  <c r="Q3836" i="5"/>
  <c r="Q3837" i="5"/>
  <c r="Q3838" i="5"/>
  <c r="Q3839" i="5"/>
  <c r="Q3840" i="5"/>
  <c r="Q3841" i="5"/>
  <c r="Q3842" i="5"/>
  <c r="Q3843" i="5"/>
  <c r="Q3844" i="5"/>
  <c r="Q3845" i="5"/>
  <c r="Q3846" i="5"/>
  <c r="Q3847" i="5"/>
  <c r="Q3848" i="5"/>
  <c r="Q3849" i="5"/>
  <c r="Q3850" i="5"/>
  <c r="Q3851" i="5"/>
  <c r="Q3852" i="5"/>
  <c r="Q3853" i="5"/>
  <c r="Q3854" i="5"/>
  <c r="Q3855" i="5"/>
  <c r="Q3856" i="5"/>
  <c r="Q3857" i="5"/>
  <c r="Q3858" i="5"/>
  <c r="Q3859" i="5"/>
  <c r="Q3860" i="5"/>
  <c r="Q3861" i="5"/>
  <c r="Q3862" i="5"/>
  <c r="Q3863" i="5"/>
  <c r="Q3864" i="5"/>
  <c r="Q3865" i="5"/>
  <c r="Q3866" i="5"/>
  <c r="Q3867" i="5"/>
  <c r="Q3868" i="5"/>
  <c r="Q3869" i="5"/>
  <c r="Q3870" i="5"/>
  <c r="Q3871" i="5"/>
  <c r="Q3872" i="5"/>
  <c r="Q3873" i="5"/>
  <c r="Q3874" i="5"/>
  <c r="Q3875" i="5"/>
  <c r="Q3876" i="5"/>
  <c r="Q3877" i="5"/>
  <c r="Q3878" i="5"/>
  <c r="Q3879" i="5"/>
  <c r="Q3880" i="5"/>
  <c r="Q3881" i="5"/>
  <c r="Q3882" i="5"/>
  <c r="Q3883" i="5"/>
  <c r="Q3884" i="5"/>
  <c r="Q3885" i="5"/>
  <c r="Q3886" i="5"/>
  <c r="Q3887" i="5"/>
  <c r="Q3888" i="5"/>
  <c r="Q3889" i="5"/>
  <c r="Q3890" i="5"/>
  <c r="Q3891" i="5"/>
  <c r="Q3892" i="5"/>
  <c r="Q3893" i="5"/>
  <c r="Q3894" i="5"/>
  <c r="Q3895" i="5"/>
  <c r="Q3896" i="5"/>
  <c r="Q3897" i="5"/>
  <c r="Q3898" i="5"/>
  <c r="Q3899" i="5"/>
  <c r="Q3900" i="5"/>
  <c r="Q3901" i="5"/>
  <c r="Q3902" i="5"/>
  <c r="Q3903" i="5"/>
  <c r="Q3904" i="5"/>
  <c r="Q3905" i="5"/>
  <c r="Q3906" i="5"/>
  <c r="Q3907" i="5"/>
  <c r="Q3908" i="5"/>
  <c r="Q3909" i="5"/>
  <c r="Q3910" i="5"/>
  <c r="Q3911" i="5"/>
  <c r="Q3912" i="5"/>
  <c r="Q3913" i="5"/>
  <c r="Q3914" i="5"/>
  <c r="Q3915" i="5"/>
  <c r="Q3916" i="5"/>
  <c r="Q3917" i="5"/>
  <c r="Q3918" i="5"/>
  <c r="Q3919" i="5"/>
  <c r="Q3920" i="5"/>
  <c r="Q3921" i="5"/>
  <c r="Q3922" i="5"/>
  <c r="Q3923" i="5"/>
  <c r="Q3924" i="5"/>
  <c r="Q3925" i="5"/>
  <c r="Q3926" i="5"/>
  <c r="Q3927" i="5"/>
  <c r="Q3928" i="5"/>
  <c r="Q3929" i="5"/>
  <c r="Q3930" i="5"/>
  <c r="Q3931" i="5"/>
  <c r="Q3932" i="5"/>
  <c r="Q3933" i="5"/>
  <c r="Q3934" i="5"/>
  <c r="Q3935" i="5"/>
  <c r="Q3936" i="5"/>
  <c r="Q3937" i="5"/>
  <c r="Q3938" i="5"/>
  <c r="Q3939" i="5"/>
  <c r="Q3940" i="5"/>
  <c r="Q3941" i="5"/>
  <c r="Q3942" i="5"/>
  <c r="Q3943" i="5"/>
  <c r="Q3944" i="5"/>
  <c r="Q3945" i="5"/>
  <c r="Q3946" i="5"/>
  <c r="Q3947" i="5"/>
  <c r="Q3948" i="5"/>
  <c r="Q3949" i="5"/>
  <c r="Q3950" i="5"/>
  <c r="Q3951" i="5"/>
  <c r="Q3952" i="5"/>
  <c r="Q3953" i="5"/>
  <c r="Q3954" i="5"/>
  <c r="Q3955" i="5"/>
  <c r="Q3956" i="5"/>
  <c r="Q3957" i="5"/>
  <c r="Q3958" i="5"/>
  <c r="Q3959" i="5"/>
  <c r="Q3960" i="5"/>
  <c r="Q3961" i="5"/>
  <c r="Q3962" i="5"/>
  <c r="Q3963" i="5"/>
  <c r="Q3964" i="5"/>
  <c r="Q3965" i="5"/>
  <c r="Q3966" i="5"/>
  <c r="Q3967" i="5"/>
  <c r="Q3968" i="5"/>
  <c r="Q3969" i="5"/>
  <c r="Q3970" i="5"/>
  <c r="Q3971" i="5"/>
  <c r="Q3972" i="5"/>
  <c r="Q3973" i="5"/>
  <c r="Q3974" i="5"/>
  <c r="Q3975" i="5"/>
  <c r="Q3976" i="5"/>
  <c r="Q3977" i="5"/>
  <c r="Q3978" i="5"/>
  <c r="Q3979" i="5"/>
  <c r="Q3980" i="5"/>
  <c r="Q3981" i="5"/>
  <c r="Q3982" i="5"/>
  <c r="Q3983" i="5"/>
  <c r="Q3984" i="5"/>
  <c r="Q3985" i="5"/>
  <c r="Q3986" i="5"/>
  <c r="Q3987" i="5"/>
  <c r="Q3988" i="5"/>
  <c r="Q3989" i="5"/>
  <c r="Q3990" i="5"/>
  <c r="Q3991" i="5"/>
  <c r="Q3992" i="5"/>
  <c r="Q3993" i="5"/>
  <c r="Q3994" i="5"/>
  <c r="Q3995" i="5"/>
  <c r="Q3996" i="5"/>
  <c r="Q3997" i="5"/>
  <c r="Q3998" i="5"/>
  <c r="Q3999" i="5"/>
  <c r="Q4000" i="5"/>
  <c r="Q4001" i="5"/>
  <c r="Q4002" i="5"/>
  <c r="Q4003" i="5"/>
  <c r="Q4004" i="5"/>
  <c r="Q4005" i="5"/>
  <c r="Q4006" i="5"/>
  <c r="Q4007" i="5"/>
  <c r="Q4008" i="5"/>
  <c r="Q4009" i="5"/>
  <c r="Q4010" i="5"/>
  <c r="Q4011" i="5"/>
  <c r="Q4012" i="5"/>
  <c r="Q4013" i="5"/>
  <c r="Q4014" i="5"/>
  <c r="Q4015" i="5"/>
  <c r="Q4016" i="5"/>
  <c r="Q4017" i="5"/>
  <c r="Q4018" i="5"/>
  <c r="Q4019" i="5"/>
  <c r="Q4020" i="5"/>
  <c r="Q4021" i="5"/>
  <c r="Q4022" i="5"/>
  <c r="Q4023" i="5"/>
  <c r="Q4024" i="5"/>
  <c r="Q4025" i="5"/>
  <c r="Q4026" i="5"/>
  <c r="Q4027" i="5"/>
  <c r="Q4028" i="5"/>
  <c r="Q4029" i="5"/>
  <c r="Q4030" i="5"/>
  <c r="Q4031" i="5"/>
  <c r="Q4032" i="5"/>
  <c r="Q4033" i="5"/>
  <c r="Q4034" i="5"/>
  <c r="Q4035" i="5"/>
  <c r="Q4036" i="5"/>
  <c r="Q4037" i="5"/>
  <c r="Q4038" i="5"/>
  <c r="Q4039" i="5"/>
  <c r="Q4040" i="5"/>
  <c r="Q4041" i="5"/>
  <c r="Q4042" i="5"/>
  <c r="Q4043" i="5"/>
  <c r="Q4044" i="5"/>
  <c r="Q4045" i="5"/>
  <c r="Q4046" i="5"/>
  <c r="Q4047" i="5"/>
  <c r="Q4048" i="5"/>
  <c r="Q4049" i="5"/>
  <c r="Q4050" i="5"/>
  <c r="Q4051" i="5"/>
  <c r="Q4052" i="5"/>
  <c r="Q4053" i="5"/>
  <c r="Q4054" i="5"/>
  <c r="Q4055" i="5"/>
  <c r="Q4056" i="5"/>
  <c r="Q4057" i="5"/>
  <c r="Q4058" i="5"/>
  <c r="Q4059" i="5"/>
  <c r="Q4060" i="5"/>
  <c r="Q4061" i="5"/>
  <c r="Q4062" i="5"/>
  <c r="Q4063" i="5"/>
  <c r="Q4064" i="5"/>
  <c r="Q4065" i="5"/>
  <c r="Q4066" i="5"/>
  <c r="Q4067" i="5"/>
  <c r="Q4068" i="5"/>
  <c r="Q4069" i="5"/>
  <c r="Q4070" i="5"/>
  <c r="Q4071" i="5"/>
  <c r="Q4072" i="5"/>
  <c r="Q4073" i="5"/>
  <c r="Q4074" i="5"/>
  <c r="Q4075" i="5"/>
  <c r="Q4076" i="5"/>
  <c r="Q4077" i="5"/>
  <c r="Q4078" i="5"/>
  <c r="Q4079" i="5"/>
  <c r="Q4080" i="5"/>
  <c r="Q4081" i="5"/>
  <c r="Q4082" i="5"/>
  <c r="Q4083" i="5"/>
  <c r="Q4084" i="5"/>
  <c r="Q4085" i="5"/>
  <c r="Q4086" i="5"/>
  <c r="Q4087" i="5"/>
  <c r="Q4088" i="5"/>
  <c r="Q4089" i="5"/>
  <c r="Q4090" i="5"/>
  <c r="Q4091" i="5"/>
  <c r="Q4092" i="5"/>
  <c r="Q4093" i="5"/>
  <c r="Q4094" i="5"/>
  <c r="Q4095" i="5"/>
  <c r="Q4096" i="5"/>
  <c r="Q4097" i="5"/>
  <c r="Q4098" i="5"/>
  <c r="Q4099" i="5"/>
  <c r="Q4100" i="5"/>
  <c r="Q4101" i="5"/>
  <c r="Q4102" i="5"/>
  <c r="Q4103" i="5"/>
  <c r="Q4104" i="5"/>
  <c r="Q4105" i="5"/>
  <c r="Q4106" i="5"/>
  <c r="Q4107" i="5"/>
  <c r="Q4108" i="5"/>
  <c r="Q4109" i="5"/>
  <c r="Q4110" i="5"/>
  <c r="Q4111" i="5"/>
  <c r="Q4112" i="5"/>
  <c r="Q4113" i="5"/>
  <c r="Q4114" i="5"/>
  <c r="Q4115" i="5"/>
  <c r="Q4116" i="5"/>
  <c r="Q4117" i="5"/>
  <c r="Q4118" i="5"/>
  <c r="Q4119" i="5"/>
  <c r="Q4120" i="5"/>
  <c r="Q4121" i="5"/>
  <c r="Q4122" i="5"/>
  <c r="Q4123" i="5"/>
  <c r="Q4124" i="5"/>
  <c r="Q4125" i="5"/>
  <c r="Q4126" i="5"/>
  <c r="Q4127" i="5"/>
  <c r="Q4128" i="5"/>
  <c r="Q4129" i="5"/>
  <c r="Q4130" i="5"/>
  <c r="Q4131" i="5"/>
  <c r="Q4132" i="5"/>
  <c r="Q4133" i="5"/>
  <c r="Q4134" i="5"/>
  <c r="Q4135" i="5"/>
  <c r="Q4136" i="5"/>
  <c r="Q4137" i="5"/>
  <c r="Q4138" i="5"/>
  <c r="Q4139" i="5"/>
  <c r="Q4140" i="5"/>
  <c r="Q4141" i="5"/>
  <c r="Q4142" i="5"/>
  <c r="Q4143" i="5"/>
  <c r="Q4144" i="5"/>
  <c r="Q4145" i="5"/>
  <c r="Q4146" i="5"/>
  <c r="Q4147" i="5"/>
  <c r="Q4148" i="5"/>
  <c r="Q4149" i="5"/>
  <c r="Q4150" i="5"/>
  <c r="Q4151" i="5"/>
  <c r="Q4152" i="5"/>
  <c r="Q4153" i="5"/>
  <c r="Q4154" i="5"/>
  <c r="Q4155" i="5"/>
  <c r="Q4156" i="5"/>
  <c r="Q4157" i="5"/>
  <c r="Q4158" i="5"/>
  <c r="Q4159" i="5"/>
  <c r="Q4160" i="5"/>
  <c r="Q4161" i="5"/>
  <c r="Q4162" i="5"/>
  <c r="Q4163" i="5"/>
  <c r="Q4164" i="5"/>
  <c r="Q4165" i="5"/>
  <c r="Q4166" i="5"/>
  <c r="Q4167" i="5"/>
  <c r="Q4168" i="5"/>
  <c r="Q4169" i="5"/>
  <c r="Q4170" i="5"/>
  <c r="Q4171" i="5"/>
  <c r="Q4172" i="5"/>
  <c r="Q4173" i="5"/>
  <c r="Q4174" i="5"/>
  <c r="Q4175" i="5"/>
  <c r="Q4176" i="5"/>
  <c r="Q4177" i="5"/>
  <c r="Q4178" i="5"/>
  <c r="Q4179" i="5"/>
  <c r="Q4180" i="5"/>
  <c r="Q4181" i="5"/>
  <c r="Q4182" i="5"/>
  <c r="Q4183" i="5"/>
  <c r="Q4184" i="5"/>
  <c r="Q4185" i="5"/>
  <c r="Q4186" i="5"/>
  <c r="Q4187" i="5"/>
  <c r="Q4188" i="5"/>
  <c r="Q4189" i="5"/>
  <c r="Q4190" i="5"/>
  <c r="Q4191" i="5"/>
  <c r="Q4192" i="5"/>
  <c r="Q4193" i="5"/>
  <c r="Q4194" i="5"/>
  <c r="Q4195" i="5"/>
  <c r="Q4196" i="5"/>
  <c r="Q4197" i="5"/>
  <c r="Q4198" i="5"/>
  <c r="Q4199" i="5"/>
  <c r="Q4200" i="5"/>
  <c r="Q4201" i="5"/>
  <c r="Q4202" i="5"/>
  <c r="Q4203" i="5"/>
  <c r="Q4204" i="5"/>
  <c r="Q4205" i="5"/>
  <c r="Q4206" i="5"/>
  <c r="Q4207" i="5"/>
  <c r="Q4208" i="5"/>
  <c r="Q4209" i="5"/>
  <c r="Q4210" i="5"/>
  <c r="Q4211" i="5"/>
  <c r="Q4212" i="5"/>
  <c r="Q4213" i="5"/>
  <c r="Q4214" i="5"/>
  <c r="Q4215" i="5"/>
  <c r="Q4216" i="5"/>
  <c r="Q4217" i="5"/>
  <c r="Q4218" i="5"/>
  <c r="Q4219" i="5"/>
  <c r="Q4220" i="5"/>
  <c r="Q4221" i="5"/>
  <c r="Q4222" i="5"/>
  <c r="Q4223" i="5"/>
  <c r="Q4224" i="5"/>
  <c r="Q4225" i="5"/>
  <c r="Q4226" i="5"/>
  <c r="Q4227" i="5"/>
  <c r="Q4228" i="5"/>
  <c r="Q4229" i="5"/>
  <c r="Q4230" i="5"/>
  <c r="Q4231" i="5"/>
  <c r="Q4232" i="5"/>
  <c r="Q4233" i="5"/>
  <c r="Q4234" i="5"/>
  <c r="Q4235" i="5"/>
  <c r="Q4236" i="5"/>
  <c r="Q4237" i="5"/>
  <c r="Q4238" i="5"/>
  <c r="Q4239" i="5"/>
  <c r="Q4240" i="5"/>
  <c r="Q4241" i="5"/>
  <c r="Q4242" i="5"/>
  <c r="Q4243" i="5"/>
  <c r="Q4244" i="5"/>
  <c r="Q4245" i="5"/>
  <c r="Q4246" i="5"/>
  <c r="Q4247" i="5"/>
  <c r="Q4248" i="5"/>
  <c r="Q4249" i="5"/>
  <c r="Q4250" i="5"/>
  <c r="Q4251" i="5"/>
  <c r="Q4252" i="5"/>
  <c r="Q4253" i="5"/>
  <c r="Q4254" i="5"/>
  <c r="Q4255" i="5"/>
  <c r="Q4256" i="5"/>
  <c r="Q4257" i="5"/>
  <c r="Q4258" i="5"/>
  <c r="Q4259" i="5"/>
  <c r="Q4260" i="5"/>
  <c r="Q4261" i="5"/>
  <c r="Q4262" i="5"/>
  <c r="Q4263" i="5"/>
  <c r="Q4264" i="5"/>
  <c r="Q4265" i="5"/>
  <c r="Q4266" i="5"/>
  <c r="Q4267" i="5"/>
  <c r="Q4268" i="5"/>
  <c r="Q4269" i="5"/>
  <c r="Q4270" i="5"/>
  <c r="Q4271" i="5"/>
  <c r="Q4272" i="5"/>
  <c r="Q4273" i="5"/>
  <c r="Q4274" i="5"/>
  <c r="Q4275" i="5"/>
  <c r="Q4276" i="5"/>
  <c r="Q4277" i="5"/>
  <c r="Q4278" i="5"/>
  <c r="Q4279" i="5"/>
  <c r="Q4280" i="5"/>
  <c r="Q4281" i="5"/>
  <c r="Q4282" i="5"/>
  <c r="Q4283" i="5"/>
  <c r="Q4284" i="5"/>
  <c r="Q4285" i="5"/>
  <c r="Q4286" i="5"/>
  <c r="Q4287" i="5"/>
  <c r="Q4288" i="5"/>
  <c r="Q4289" i="5"/>
  <c r="Q4290" i="5"/>
  <c r="Q4291" i="5"/>
  <c r="Q4292" i="5"/>
  <c r="Q4293" i="5"/>
  <c r="Q4294" i="5"/>
  <c r="Q4295" i="5"/>
  <c r="Q4296" i="5"/>
  <c r="Q4297" i="5"/>
  <c r="Q4298" i="5"/>
  <c r="Q4299" i="5"/>
  <c r="Q4300" i="5"/>
  <c r="Q4301" i="5"/>
  <c r="Q4302" i="5"/>
  <c r="Q4303" i="5"/>
  <c r="Q4304" i="5"/>
  <c r="Q4305" i="5"/>
  <c r="Q4306" i="5"/>
  <c r="Q4307" i="5"/>
  <c r="Q4308" i="5"/>
  <c r="Q4309" i="5"/>
  <c r="Q4310" i="5"/>
  <c r="Q4311" i="5"/>
  <c r="Q4312" i="5"/>
  <c r="Q4313" i="5"/>
  <c r="Q4314" i="5"/>
  <c r="Q4315" i="5"/>
  <c r="Q4316" i="5"/>
  <c r="Q4317" i="5"/>
  <c r="Q4318" i="5"/>
  <c r="Q4319" i="5"/>
  <c r="Q4320" i="5"/>
  <c r="Q4321" i="5"/>
  <c r="Q4322" i="5"/>
  <c r="Q4323" i="5"/>
  <c r="Q4324" i="5"/>
  <c r="Q4325" i="5"/>
  <c r="Q4326" i="5"/>
  <c r="Q4327" i="5"/>
  <c r="Q4328" i="5"/>
  <c r="Q4329" i="5"/>
  <c r="Q4330" i="5"/>
  <c r="Q4331" i="5"/>
  <c r="Q4332" i="5"/>
  <c r="Q4333" i="5"/>
  <c r="Q4334" i="5"/>
  <c r="Q4335" i="5"/>
  <c r="Q4336" i="5"/>
  <c r="Q4337" i="5"/>
  <c r="Q4338" i="5"/>
  <c r="Q4339" i="5"/>
  <c r="Q4340" i="5"/>
  <c r="Q4341" i="5"/>
  <c r="Q4342" i="5"/>
  <c r="Q4343" i="5"/>
  <c r="Q4344" i="5"/>
  <c r="Q4345" i="5"/>
  <c r="Q4346" i="5"/>
  <c r="Q4347" i="5"/>
  <c r="Q4348" i="5"/>
  <c r="Q4349" i="5"/>
  <c r="Q4350" i="5"/>
  <c r="Q4351" i="5"/>
  <c r="Q4352" i="5"/>
  <c r="Q4353" i="5"/>
  <c r="Q4354" i="5"/>
  <c r="Q4355" i="5"/>
  <c r="Q4356" i="5"/>
  <c r="Q4357" i="5"/>
  <c r="Q4358" i="5"/>
  <c r="Q4359" i="5"/>
  <c r="Q4360" i="5"/>
  <c r="Q4361" i="5"/>
  <c r="Q4362" i="5"/>
  <c r="Q4363" i="5"/>
  <c r="Q4364" i="5"/>
  <c r="Q4365" i="5"/>
  <c r="Q4366" i="5"/>
  <c r="Q4367" i="5"/>
  <c r="Q4368" i="5"/>
  <c r="Q4369" i="5"/>
  <c r="Q4370" i="5"/>
  <c r="Q4371" i="5"/>
  <c r="Q4372" i="5"/>
  <c r="Q4373" i="5"/>
  <c r="Q4374" i="5"/>
  <c r="Q4375" i="5"/>
  <c r="Q4376" i="5"/>
  <c r="Q4377" i="5"/>
  <c r="Q4378" i="5"/>
  <c r="Q4379" i="5"/>
  <c r="Q4380" i="5"/>
  <c r="Q4381" i="5"/>
  <c r="Q4382" i="5"/>
  <c r="Q4383" i="5"/>
  <c r="Q4384" i="5"/>
  <c r="Q4385" i="5"/>
  <c r="Q4386" i="5"/>
  <c r="Q4387" i="5"/>
  <c r="Q4388" i="5"/>
  <c r="Q4389" i="5"/>
  <c r="Q4390" i="5"/>
  <c r="Q4391" i="5"/>
  <c r="Q4392" i="5"/>
  <c r="Q4393" i="5"/>
  <c r="Q4394" i="5"/>
  <c r="Q4395" i="5"/>
  <c r="Q4396" i="5"/>
  <c r="Q4397" i="5"/>
  <c r="Q4398" i="5"/>
  <c r="Q4399" i="5"/>
  <c r="Q4400" i="5"/>
  <c r="Q4401" i="5"/>
  <c r="Q4402" i="5"/>
  <c r="Q4403" i="5"/>
  <c r="Q4404" i="5"/>
  <c r="Q4405" i="5"/>
  <c r="Q4406" i="5"/>
  <c r="Q4407" i="5"/>
  <c r="Q4408" i="5"/>
  <c r="Q4409" i="5"/>
  <c r="Q4410" i="5"/>
  <c r="Q4411" i="5"/>
  <c r="Q4412" i="5"/>
  <c r="Q4413" i="5"/>
  <c r="Q4414" i="5"/>
  <c r="Q4415" i="5"/>
  <c r="Q4416" i="5"/>
  <c r="Q4417" i="5"/>
  <c r="Q4418" i="5"/>
  <c r="Q4419" i="5"/>
  <c r="Q4420" i="5"/>
  <c r="Q4421" i="5"/>
  <c r="Q4422" i="5"/>
  <c r="Q4423" i="5"/>
  <c r="Q4424" i="5"/>
  <c r="Q4425" i="5"/>
  <c r="Q4426" i="5"/>
  <c r="Q4427" i="5"/>
  <c r="Q4428" i="5"/>
  <c r="Q4429" i="5"/>
  <c r="Q4430" i="5"/>
  <c r="Q4431" i="5"/>
  <c r="Q4432" i="5"/>
  <c r="Q4433" i="5"/>
  <c r="Q4434" i="5"/>
  <c r="Q4435" i="5"/>
  <c r="Q4436" i="5"/>
  <c r="Q4437" i="5"/>
  <c r="Q4438" i="5"/>
  <c r="Q4439" i="5"/>
  <c r="Q4440" i="5"/>
  <c r="Q4441" i="5"/>
  <c r="Q4442" i="5"/>
  <c r="Q4443" i="5"/>
  <c r="Q4444" i="5"/>
  <c r="Q4445" i="5"/>
  <c r="Q4446" i="5"/>
  <c r="Q4447" i="5"/>
  <c r="Q4448" i="5"/>
  <c r="Q4449" i="5"/>
  <c r="Q4450" i="5"/>
  <c r="Q4451" i="5"/>
  <c r="Q4452" i="5"/>
  <c r="Q4453" i="5"/>
  <c r="Q4454" i="5"/>
  <c r="Q4455" i="5"/>
  <c r="Q4456" i="5"/>
  <c r="Q4457" i="5"/>
  <c r="Q4458" i="5"/>
  <c r="Q4459" i="5"/>
  <c r="Q4460" i="5"/>
  <c r="Q4461" i="5"/>
  <c r="Q4462" i="5"/>
  <c r="Q4463" i="5"/>
  <c r="Q4464" i="5"/>
  <c r="Q4465" i="5"/>
  <c r="Q4466" i="5"/>
  <c r="Q4467" i="5"/>
  <c r="Q4468" i="5"/>
  <c r="Q4469" i="5"/>
  <c r="Q4470" i="5"/>
  <c r="Q4471" i="5"/>
  <c r="Q4472" i="5"/>
  <c r="Q4473" i="5"/>
  <c r="Q4474" i="5"/>
  <c r="Q4475" i="5"/>
  <c r="Q4476" i="5"/>
  <c r="Q4477" i="5"/>
  <c r="Q4478" i="5"/>
  <c r="Q4479" i="5"/>
  <c r="Q4480" i="5"/>
  <c r="Q4481" i="5"/>
  <c r="Q4482" i="5"/>
  <c r="Q4483" i="5"/>
  <c r="Q4484" i="5"/>
  <c r="Q4485" i="5"/>
  <c r="Q4486" i="5"/>
  <c r="Q4487" i="5"/>
  <c r="Q4488" i="5"/>
  <c r="Q4489" i="5"/>
  <c r="Q4490" i="5"/>
  <c r="Q4491" i="5"/>
  <c r="Q4492" i="5"/>
  <c r="Q4493" i="5"/>
  <c r="Q4494" i="5"/>
  <c r="Q4495" i="5"/>
  <c r="Q4496" i="5"/>
  <c r="Q4497" i="5"/>
  <c r="Q4498" i="5"/>
  <c r="Q4499" i="5"/>
  <c r="Q4500" i="5"/>
  <c r="Q4501" i="5"/>
  <c r="Q4502" i="5"/>
  <c r="Q4503" i="5"/>
  <c r="Q4504" i="5"/>
  <c r="Q4505" i="5"/>
  <c r="Q4506" i="5"/>
  <c r="Q4507" i="5"/>
  <c r="Q4508" i="5"/>
  <c r="Q4509" i="5"/>
  <c r="Q4510" i="5"/>
  <c r="Q4511" i="5"/>
  <c r="Q4512" i="5"/>
  <c r="Q4513" i="5"/>
  <c r="Q4514" i="5"/>
  <c r="Q4515" i="5"/>
  <c r="Q4516" i="5"/>
  <c r="Q4517" i="5"/>
  <c r="Q4518" i="5"/>
  <c r="Q4519" i="5"/>
  <c r="Q4520" i="5"/>
  <c r="Q4521" i="5"/>
  <c r="Q4522" i="5"/>
  <c r="Q4523" i="5"/>
  <c r="Q4524" i="5"/>
  <c r="Q4525" i="5"/>
  <c r="Q4526" i="5"/>
  <c r="Q4527" i="5"/>
  <c r="Q4528" i="5"/>
  <c r="Q4529" i="5"/>
  <c r="Q4530" i="5"/>
  <c r="Q4531" i="5"/>
  <c r="Q4532" i="5"/>
  <c r="Q4533" i="5"/>
  <c r="Q4534" i="5"/>
  <c r="Q4535" i="5"/>
  <c r="Q4536" i="5"/>
  <c r="Q4537" i="5"/>
  <c r="Q4538" i="5"/>
  <c r="Q4539" i="5"/>
  <c r="Q4540" i="5"/>
  <c r="Q4541" i="5"/>
  <c r="Q4542" i="5"/>
  <c r="Q4543" i="5"/>
  <c r="Q4544" i="5"/>
  <c r="Q4545" i="5"/>
  <c r="Q4546" i="5"/>
  <c r="Q4547" i="5"/>
  <c r="Q4548" i="5"/>
  <c r="Q4549" i="5"/>
  <c r="Q4550" i="5"/>
  <c r="Q4551" i="5"/>
  <c r="Q4552" i="5"/>
  <c r="Q4553" i="5"/>
  <c r="Q4554" i="5"/>
  <c r="Q4555" i="5"/>
  <c r="Q4556" i="5"/>
  <c r="Q4557" i="5"/>
  <c r="Q4558" i="5"/>
  <c r="Q4559" i="5"/>
  <c r="Q4560" i="5"/>
  <c r="Q4561" i="5"/>
  <c r="Q4562" i="5"/>
  <c r="Q4563" i="5"/>
  <c r="Q4564" i="5"/>
  <c r="Q4565" i="5"/>
  <c r="Q4566" i="5"/>
  <c r="Q4567" i="5"/>
  <c r="Q4568" i="5"/>
  <c r="Q4569" i="5"/>
  <c r="Q4570" i="5"/>
  <c r="Q4571" i="5"/>
  <c r="Q4572" i="5"/>
  <c r="Q4573" i="5"/>
  <c r="Q4574" i="5"/>
  <c r="Q4575" i="5"/>
  <c r="Q4576" i="5"/>
  <c r="Q4577" i="5"/>
  <c r="Q4578" i="5"/>
  <c r="Q4579" i="5"/>
  <c r="Q4580" i="5"/>
  <c r="Q4581" i="5"/>
  <c r="Q4582" i="5"/>
  <c r="Q4583" i="5"/>
  <c r="Q4584" i="5"/>
  <c r="Q4585" i="5"/>
  <c r="Q4586" i="5"/>
  <c r="Q4587" i="5"/>
  <c r="Q4588" i="5"/>
  <c r="Q4589" i="5"/>
  <c r="Q4590" i="5"/>
  <c r="Q4591" i="5"/>
  <c r="Q4592" i="5"/>
  <c r="Q4593" i="5"/>
  <c r="Q4594" i="5"/>
  <c r="Q4595" i="5"/>
  <c r="Q4596" i="5"/>
  <c r="Q4597" i="5"/>
  <c r="Q4598" i="5"/>
  <c r="Q4599" i="5"/>
  <c r="Q4600" i="5"/>
  <c r="Q4601" i="5"/>
  <c r="Q4602" i="5"/>
  <c r="Q4603" i="5"/>
  <c r="Q4604" i="5"/>
  <c r="Q4605" i="5"/>
  <c r="Q4606" i="5"/>
  <c r="Q4607" i="5"/>
  <c r="Q4608" i="5"/>
  <c r="Q4609" i="5"/>
  <c r="Q4610" i="5"/>
  <c r="Q4611" i="5"/>
  <c r="Q4612" i="5"/>
  <c r="Q4613" i="5"/>
  <c r="Q4614" i="5"/>
  <c r="Q4615" i="5"/>
  <c r="Q4616" i="5"/>
  <c r="Q4617" i="5"/>
  <c r="Q4618" i="5"/>
  <c r="Q4619" i="5"/>
  <c r="Q4620" i="5"/>
  <c r="Q4621" i="5"/>
  <c r="Q4622" i="5"/>
  <c r="Q4623" i="5"/>
  <c r="Q4624" i="5"/>
  <c r="Q4625" i="5"/>
  <c r="Q4626" i="5"/>
  <c r="Q4627" i="5"/>
  <c r="Q4628" i="5"/>
  <c r="Q4629" i="5"/>
  <c r="Q4630" i="5"/>
  <c r="Q4631" i="5"/>
  <c r="Q4632" i="5"/>
  <c r="Q4633" i="5"/>
  <c r="Q4634" i="5"/>
  <c r="Q4635" i="5"/>
  <c r="Q4636" i="5"/>
  <c r="Q4637" i="5"/>
  <c r="Q4638" i="5"/>
  <c r="Q4639" i="5"/>
  <c r="Q4640" i="5"/>
  <c r="Q4641" i="5"/>
  <c r="Q4642" i="5"/>
  <c r="Q4643" i="5"/>
  <c r="Q4644" i="5"/>
  <c r="Q4645" i="5"/>
  <c r="Q4646" i="5"/>
  <c r="Q4647" i="5"/>
  <c r="Q4648" i="5"/>
  <c r="Q4649" i="5"/>
  <c r="Q4650" i="5"/>
  <c r="Q4651" i="5"/>
  <c r="Q4652" i="5"/>
  <c r="Q4653" i="5"/>
  <c r="Q4654" i="5"/>
  <c r="Q4655" i="5"/>
  <c r="Q4656" i="5"/>
  <c r="Q4657" i="5"/>
  <c r="Q4658" i="5"/>
  <c r="Q4659" i="5"/>
  <c r="Q4660" i="5"/>
  <c r="Q4661" i="5"/>
  <c r="Q4662" i="5"/>
  <c r="Q4663" i="5"/>
  <c r="Q4664" i="5"/>
  <c r="Q4665" i="5"/>
  <c r="Q4666" i="5"/>
  <c r="Q4667" i="5"/>
  <c r="Q4668" i="5"/>
  <c r="Q4669" i="5"/>
  <c r="Q4670" i="5"/>
  <c r="Q4671" i="5"/>
  <c r="Q4672" i="5"/>
  <c r="Q4673" i="5"/>
  <c r="Q4674" i="5"/>
  <c r="Q4675" i="5"/>
  <c r="Q4676" i="5"/>
  <c r="Q4677" i="5"/>
  <c r="Q4678" i="5"/>
  <c r="Q4679" i="5"/>
  <c r="Q4680" i="5"/>
  <c r="Q4681" i="5"/>
  <c r="Q4682" i="5"/>
  <c r="Q4683" i="5"/>
  <c r="Q4684" i="5"/>
  <c r="Q4685" i="5"/>
  <c r="Q4686" i="5"/>
  <c r="Q4687" i="5"/>
  <c r="Q4688" i="5"/>
  <c r="Q4689" i="5"/>
  <c r="Q4690" i="5"/>
  <c r="Q4691" i="5"/>
  <c r="Q4692" i="5"/>
  <c r="Q4693" i="5"/>
  <c r="Q4694" i="5"/>
  <c r="Q4695" i="5"/>
  <c r="Q4696" i="5"/>
  <c r="Q4697" i="5"/>
  <c r="Q4698" i="5"/>
  <c r="Q4699" i="5"/>
  <c r="Q4700" i="5"/>
  <c r="Q4701" i="5"/>
  <c r="Q4702" i="5"/>
  <c r="Q4703" i="5"/>
  <c r="Q4704" i="5"/>
  <c r="Q4705" i="5"/>
  <c r="Q4706" i="5"/>
  <c r="Q4707" i="5"/>
  <c r="Q4708" i="5"/>
  <c r="Q4709" i="5"/>
  <c r="Q4710" i="5"/>
  <c r="Q4711" i="5"/>
  <c r="Q4712" i="5"/>
  <c r="Q4713" i="5"/>
  <c r="Q4714" i="5"/>
  <c r="Q4715" i="5"/>
  <c r="Q4716" i="5"/>
  <c r="Q4717" i="5"/>
  <c r="Q4718" i="5"/>
  <c r="Q4719" i="5"/>
  <c r="Q4720" i="5"/>
  <c r="Q4721" i="5"/>
  <c r="Q4722" i="5"/>
  <c r="Q4723" i="5"/>
  <c r="Q4724" i="5"/>
  <c r="Q4725" i="5"/>
  <c r="Q4726" i="5"/>
  <c r="Q4727" i="5"/>
  <c r="Q4728" i="5"/>
  <c r="Q4729" i="5"/>
  <c r="Q4730" i="5"/>
  <c r="Q4731" i="5"/>
  <c r="Q4732" i="5"/>
  <c r="Q4733" i="5"/>
  <c r="Q4734" i="5"/>
  <c r="Q4735" i="5"/>
  <c r="Q4736" i="5"/>
  <c r="Q4737" i="5"/>
  <c r="Q4738" i="5"/>
  <c r="Q4739" i="5"/>
  <c r="Q4740" i="5"/>
  <c r="Q4741" i="5"/>
  <c r="Q4742" i="5"/>
  <c r="Q4743" i="5"/>
  <c r="Q4744" i="5"/>
  <c r="Q4745" i="5"/>
  <c r="Q4746" i="5"/>
  <c r="Q4747" i="5"/>
  <c r="Q4748" i="5"/>
  <c r="Q4749" i="5"/>
  <c r="Q4750" i="5"/>
  <c r="Q4751" i="5"/>
  <c r="Q4752" i="5"/>
  <c r="Q4753" i="5"/>
  <c r="Q4754" i="5"/>
  <c r="Q4755" i="5"/>
  <c r="Q4756" i="5"/>
  <c r="Q4757" i="5"/>
  <c r="Q4758" i="5"/>
  <c r="Q4759" i="5"/>
  <c r="Q4760" i="5"/>
  <c r="Q4761" i="5"/>
  <c r="Q4762" i="5"/>
  <c r="Q4763" i="5"/>
  <c r="Q4764" i="5"/>
  <c r="Q4765" i="5"/>
  <c r="Q4766" i="5"/>
  <c r="Q4767" i="5"/>
  <c r="Q4768" i="5"/>
  <c r="Q4769" i="5"/>
  <c r="Q4770" i="5"/>
  <c r="Q4771" i="5"/>
  <c r="Q4772" i="5"/>
  <c r="Q4773" i="5"/>
  <c r="Q4774" i="5"/>
  <c r="Q4775" i="5"/>
  <c r="Q4776" i="5"/>
  <c r="Q4777" i="5"/>
  <c r="Q4778" i="5"/>
  <c r="Q4779" i="5"/>
  <c r="Q4780" i="5"/>
  <c r="Q4781" i="5"/>
  <c r="Q4782" i="5"/>
  <c r="Q4783" i="5"/>
  <c r="Q4784" i="5"/>
  <c r="Q4785" i="5"/>
  <c r="Q4786" i="5"/>
  <c r="Q4787" i="5"/>
  <c r="Q4788" i="5"/>
  <c r="Q4789" i="5"/>
  <c r="Q4790" i="5"/>
  <c r="Q4791" i="5"/>
  <c r="Q4792" i="5"/>
  <c r="Q4793" i="5"/>
  <c r="Q4794" i="5"/>
  <c r="Q4795" i="5"/>
  <c r="Q4796" i="5"/>
  <c r="Q4797" i="5"/>
  <c r="Q4798" i="5"/>
  <c r="Q4799" i="5"/>
  <c r="Q4800" i="5"/>
  <c r="Q4801" i="5"/>
  <c r="Q4802" i="5"/>
  <c r="Q4803" i="5"/>
  <c r="Q4804" i="5"/>
  <c r="Q4805" i="5"/>
  <c r="Q4806" i="5"/>
  <c r="Q4807" i="5"/>
  <c r="Q4808" i="5"/>
  <c r="Q4809" i="5"/>
  <c r="Q4810" i="5"/>
  <c r="Q4811" i="5"/>
  <c r="Q4812" i="5"/>
  <c r="Q4813" i="5"/>
  <c r="Q4814" i="5"/>
  <c r="Q4815" i="5"/>
  <c r="Q4816" i="5"/>
  <c r="Q4817" i="5"/>
  <c r="Q4818" i="5"/>
  <c r="Q4819" i="5"/>
  <c r="Q4820" i="5"/>
  <c r="Q4821" i="5"/>
  <c r="Q4822" i="5"/>
  <c r="Q4823" i="5"/>
  <c r="Q4824" i="5"/>
  <c r="Q4825" i="5"/>
  <c r="Q4826" i="5"/>
  <c r="Q4827" i="5"/>
  <c r="Q4828" i="5"/>
  <c r="Q4829" i="5"/>
  <c r="Q4830" i="5"/>
  <c r="Q4831" i="5"/>
  <c r="Q4832" i="5"/>
  <c r="Q4833" i="5"/>
  <c r="Q4834" i="5"/>
  <c r="Q4835" i="5"/>
  <c r="Q4836" i="5"/>
  <c r="Q4837" i="5"/>
  <c r="Q4838" i="5"/>
  <c r="Q4839" i="5"/>
  <c r="Q4840" i="5"/>
  <c r="Q4841" i="5"/>
  <c r="Q4842" i="5"/>
  <c r="Q4843" i="5"/>
  <c r="Q4844" i="5"/>
  <c r="Q4845" i="5"/>
  <c r="Q4846" i="5"/>
  <c r="Q4847" i="5"/>
  <c r="Q4848" i="5"/>
  <c r="Q4849" i="5"/>
  <c r="Q4850" i="5"/>
  <c r="Q4851" i="5"/>
  <c r="Q4852" i="5"/>
  <c r="Q4853" i="5"/>
  <c r="Q4854" i="5"/>
  <c r="Q4855" i="5"/>
  <c r="Q4856" i="5"/>
  <c r="Q4857" i="5"/>
  <c r="Q4858" i="5"/>
  <c r="Q4859" i="5"/>
  <c r="Q4860" i="5"/>
  <c r="Q4861" i="5"/>
  <c r="Q4862" i="5"/>
  <c r="Q4863" i="5"/>
  <c r="Q4864" i="5"/>
  <c r="Q4865" i="5"/>
  <c r="Q4866" i="5"/>
  <c r="Q4867" i="5"/>
  <c r="Q4868" i="5"/>
  <c r="Q4869" i="5"/>
  <c r="Q4870" i="5"/>
  <c r="Q4871" i="5"/>
  <c r="Q4872" i="5"/>
  <c r="Q4873" i="5"/>
  <c r="Q4874" i="5"/>
  <c r="Q4875" i="5"/>
  <c r="Q4876" i="5"/>
  <c r="Q4877" i="5"/>
  <c r="Q4878" i="5"/>
  <c r="Q4879" i="5"/>
  <c r="Q4880" i="5"/>
  <c r="Q4881" i="5"/>
  <c r="Q4882" i="5"/>
  <c r="Q4883" i="5"/>
  <c r="Q4884" i="5"/>
  <c r="Q4885" i="5"/>
  <c r="Q4886" i="5"/>
  <c r="Q4887" i="5"/>
  <c r="Q4888" i="5"/>
  <c r="Q4889" i="5"/>
  <c r="Q4890" i="5"/>
  <c r="Q4891" i="5"/>
  <c r="Q4892" i="5"/>
  <c r="Q4893" i="5"/>
  <c r="Q4894" i="5"/>
  <c r="Q4895" i="5"/>
  <c r="Q4896" i="5"/>
  <c r="Q4897" i="5"/>
  <c r="Q4898" i="5"/>
  <c r="Q4899" i="5"/>
  <c r="Q4900" i="5"/>
  <c r="Q4901" i="5"/>
  <c r="Q4902" i="5"/>
  <c r="Q4903" i="5"/>
  <c r="Q4904" i="5"/>
  <c r="Q4905" i="5"/>
  <c r="Q4906" i="5"/>
  <c r="Q4907" i="5"/>
  <c r="Q4908" i="5"/>
  <c r="Q4909" i="5"/>
  <c r="Q4910" i="5"/>
  <c r="Q4911" i="5"/>
  <c r="Q4912" i="5"/>
  <c r="Q4913" i="5"/>
  <c r="Q4914" i="5"/>
  <c r="Q4915" i="5"/>
  <c r="Q4916" i="5"/>
  <c r="Q4917" i="5"/>
  <c r="Q4918" i="5"/>
  <c r="Q4919" i="5"/>
  <c r="Q4920" i="5"/>
  <c r="Q4921" i="5"/>
  <c r="Q4922" i="5"/>
  <c r="Q4923" i="5"/>
  <c r="Q4924" i="5"/>
  <c r="Q4925" i="5"/>
  <c r="Q4926" i="5"/>
  <c r="Q4927" i="5"/>
  <c r="Q4928" i="5"/>
  <c r="Q4929" i="5"/>
  <c r="Q4930" i="5"/>
  <c r="Q4931" i="5"/>
  <c r="Q4932" i="5"/>
  <c r="Q4933" i="5"/>
  <c r="Q4934" i="5"/>
  <c r="Q4935" i="5"/>
  <c r="Q4936" i="5"/>
  <c r="Q4937" i="5"/>
  <c r="Q4938" i="5"/>
  <c r="Q4939" i="5"/>
  <c r="Q4940" i="5"/>
  <c r="Q4941" i="5"/>
  <c r="Q4942" i="5"/>
  <c r="Q4943" i="5"/>
  <c r="Q4944" i="5"/>
  <c r="Q4945" i="5"/>
  <c r="Q4946" i="5"/>
  <c r="Q4947" i="5"/>
  <c r="Q4948" i="5"/>
  <c r="Q4949" i="5"/>
  <c r="Q4950" i="5"/>
  <c r="Q4951" i="5"/>
  <c r="Q4952" i="5"/>
  <c r="Q4953" i="5"/>
  <c r="Q4954" i="5"/>
  <c r="Q4955" i="5"/>
  <c r="Q4956" i="5"/>
  <c r="Q4957" i="5"/>
  <c r="Q4958" i="5"/>
  <c r="Q4959" i="5"/>
  <c r="Q4960" i="5"/>
  <c r="Q4961" i="5"/>
  <c r="Q4962" i="5"/>
  <c r="Q4963" i="5"/>
  <c r="Q4964" i="5"/>
  <c r="Q4965" i="5"/>
  <c r="Q4966" i="5"/>
  <c r="Q4967" i="5"/>
  <c r="Q4968" i="5"/>
  <c r="Q4969" i="5"/>
  <c r="Q4970" i="5"/>
  <c r="Q4971" i="5"/>
  <c r="Q4972" i="5"/>
  <c r="Q4973" i="5"/>
  <c r="Q4974" i="5"/>
  <c r="Q4975" i="5"/>
  <c r="Q4976" i="5"/>
  <c r="Q4977" i="5"/>
  <c r="Q4978" i="5"/>
  <c r="Q4979" i="5"/>
  <c r="Q4980" i="5"/>
  <c r="Q4981" i="5"/>
  <c r="Q4982" i="5"/>
  <c r="Q4983" i="5"/>
  <c r="Q4984" i="5"/>
  <c r="Q4985" i="5"/>
  <c r="Q4986" i="5"/>
  <c r="Q4987" i="5"/>
  <c r="Q4988" i="5"/>
  <c r="Q4989" i="5"/>
  <c r="Q4990" i="5"/>
  <c r="Q4991" i="5"/>
  <c r="Q4992" i="5"/>
  <c r="Q4993" i="5"/>
  <c r="Q4994" i="5"/>
  <c r="Q4995" i="5"/>
  <c r="Q4996" i="5"/>
  <c r="Q4997" i="5"/>
  <c r="Q4998" i="5"/>
  <c r="Q4999" i="5"/>
  <c r="Q5000" i="5"/>
  <c r="Q5001" i="5"/>
  <c r="Q5002" i="5"/>
  <c r="Q5003" i="5"/>
  <c r="Q5004" i="5"/>
  <c r="Q5005" i="5"/>
  <c r="Q5006" i="5"/>
  <c r="Q5007" i="5"/>
  <c r="Q5008" i="5"/>
  <c r="Q5009" i="5"/>
  <c r="Q5010" i="5"/>
  <c r="Q5011" i="5"/>
  <c r="Q5012" i="5"/>
  <c r="Q5013" i="5"/>
  <c r="Q5014" i="5"/>
  <c r="Q5015" i="5"/>
  <c r="Q5016" i="5"/>
  <c r="Q5017" i="5"/>
  <c r="Q5018" i="5"/>
  <c r="Q5019" i="5"/>
  <c r="Q5020" i="5"/>
  <c r="Q5021" i="5"/>
  <c r="Q5022" i="5"/>
  <c r="Q5023" i="5"/>
  <c r="Q5024" i="5"/>
  <c r="Q5025" i="5"/>
  <c r="Q5026" i="5"/>
  <c r="Q5027" i="5"/>
  <c r="Q5028" i="5"/>
  <c r="Q5029" i="5"/>
  <c r="Q5030" i="5"/>
  <c r="Q5031" i="5"/>
  <c r="Q5032" i="5"/>
  <c r="Q5033" i="5"/>
  <c r="Q5034" i="5"/>
  <c r="Q5035" i="5"/>
  <c r="Q5036" i="5"/>
  <c r="Q5037" i="5"/>
  <c r="Q5038" i="5"/>
  <c r="Q5039" i="5"/>
  <c r="Q5040" i="5"/>
  <c r="Q5041" i="5"/>
  <c r="Q5042" i="5"/>
  <c r="Q5043" i="5"/>
  <c r="Q5044" i="5"/>
  <c r="Q5045" i="5"/>
  <c r="Q5046" i="5"/>
  <c r="Q5047" i="5"/>
  <c r="Q5048" i="5"/>
  <c r="Q5049" i="5"/>
  <c r="Q5050" i="5"/>
  <c r="Q5051" i="5"/>
  <c r="Q5052" i="5"/>
  <c r="Q5053" i="5"/>
  <c r="Q5054" i="5"/>
  <c r="Q5055" i="5"/>
  <c r="Q5056" i="5"/>
  <c r="Q5057" i="5"/>
  <c r="Q5058" i="5"/>
  <c r="Q5059" i="5"/>
  <c r="Q5060" i="5"/>
  <c r="Q5061" i="5"/>
  <c r="Q5062" i="5"/>
  <c r="Q5063" i="5"/>
  <c r="Q5064" i="5"/>
  <c r="Q5065" i="5"/>
  <c r="Q5066" i="5"/>
  <c r="Q5067" i="5"/>
  <c r="Q5068" i="5"/>
  <c r="Q5069" i="5"/>
  <c r="Q5070" i="5"/>
  <c r="Q5071" i="5"/>
  <c r="Q5072" i="5"/>
  <c r="Q5073" i="5"/>
  <c r="Q5074" i="5"/>
  <c r="Q5075" i="5"/>
  <c r="Q5076" i="5"/>
  <c r="Q5077" i="5"/>
  <c r="Q5078" i="5"/>
  <c r="Q5079" i="5"/>
  <c r="Q5080" i="5"/>
  <c r="Q5081" i="5"/>
  <c r="Q5082" i="5"/>
  <c r="Q5083" i="5"/>
  <c r="Q5084" i="5"/>
  <c r="Q5085" i="5"/>
  <c r="Q5086" i="5"/>
  <c r="Q5087" i="5"/>
  <c r="Q5088" i="5"/>
  <c r="Q5089" i="5"/>
  <c r="Q5090" i="5"/>
  <c r="Q5091" i="5"/>
  <c r="Q5092" i="5"/>
  <c r="Q5093" i="5"/>
  <c r="Q5094" i="5"/>
  <c r="Q5095" i="5"/>
  <c r="Q5096" i="5"/>
  <c r="Q5097" i="5"/>
  <c r="Q5098" i="5"/>
  <c r="Q5099" i="5"/>
  <c r="Q5100" i="5"/>
  <c r="Q5101" i="5"/>
  <c r="Q5102" i="5"/>
  <c r="Q5103" i="5"/>
  <c r="Q5104" i="5"/>
  <c r="Q5105" i="5"/>
  <c r="Q5106" i="5"/>
  <c r="Q5107" i="5"/>
  <c r="Q5108" i="5"/>
  <c r="Q5109" i="5"/>
  <c r="Q5110" i="5"/>
  <c r="Q5111" i="5"/>
  <c r="Q5112" i="5"/>
  <c r="Q5113" i="5"/>
  <c r="Q5114" i="5"/>
  <c r="Q5115" i="5"/>
  <c r="Q5116" i="5"/>
  <c r="Q5117" i="5"/>
  <c r="Q5118" i="5"/>
  <c r="Q5119" i="5"/>
  <c r="Q5120" i="5"/>
  <c r="Q5121" i="5"/>
  <c r="Q5122" i="5"/>
  <c r="Q5123" i="5"/>
  <c r="Q5124" i="5"/>
  <c r="Q5125" i="5"/>
  <c r="Q5126" i="5"/>
  <c r="Q5127" i="5"/>
  <c r="Q5128" i="5"/>
  <c r="Q5129" i="5"/>
  <c r="Q5130" i="5"/>
  <c r="Q5131" i="5"/>
  <c r="Q5132" i="5"/>
  <c r="Q5133" i="5"/>
  <c r="Q5134" i="5"/>
  <c r="Q5135" i="5"/>
  <c r="Q5136" i="5"/>
  <c r="Q5137" i="5"/>
  <c r="Q5138" i="5"/>
  <c r="Q5139" i="5"/>
  <c r="Q5140" i="5"/>
  <c r="Q5141" i="5"/>
  <c r="Q5142" i="5"/>
  <c r="Q5143" i="5"/>
  <c r="Q5144" i="5"/>
  <c r="Q5145" i="5"/>
  <c r="Q5146" i="5"/>
  <c r="Q5147" i="5"/>
  <c r="Q5148" i="5"/>
  <c r="Q5149" i="5"/>
  <c r="Q5150" i="5"/>
  <c r="Q5151" i="5"/>
  <c r="Q5152" i="5"/>
  <c r="Q5153" i="5"/>
  <c r="Q5154" i="5"/>
  <c r="Q5155" i="5"/>
  <c r="Q5156" i="5"/>
  <c r="Q5157" i="5"/>
  <c r="Q5158" i="5"/>
  <c r="Q5159" i="5"/>
  <c r="Q5160" i="5"/>
  <c r="Q5161" i="5"/>
  <c r="Q5162" i="5"/>
  <c r="Q5163" i="5"/>
  <c r="Q5164" i="5"/>
  <c r="Q5165" i="5"/>
  <c r="Q5166" i="5"/>
  <c r="Q5167" i="5"/>
  <c r="Q5168" i="5"/>
  <c r="Q5169" i="5"/>
  <c r="Q5170" i="5"/>
  <c r="Q5171" i="5"/>
  <c r="Q5172" i="5"/>
  <c r="Q5173" i="5"/>
  <c r="Q5174" i="5"/>
  <c r="Q5175" i="5"/>
  <c r="Q5176" i="5"/>
  <c r="Q5177" i="5"/>
  <c r="Q5178" i="5"/>
  <c r="Q5179" i="5"/>
  <c r="Q5180" i="5"/>
  <c r="Q5181" i="5"/>
  <c r="Q5182" i="5"/>
  <c r="Q5183" i="5"/>
  <c r="Q5184" i="5"/>
  <c r="Q5185" i="5"/>
  <c r="Q5186" i="5"/>
  <c r="Q5187" i="5"/>
  <c r="Q5188" i="5"/>
  <c r="Q5189" i="5"/>
  <c r="Q5190" i="5"/>
  <c r="Q5191" i="5"/>
  <c r="Q5192" i="5"/>
  <c r="Q5193" i="5"/>
  <c r="Q5194" i="5"/>
  <c r="Q5195" i="5"/>
  <c r="Q5196" i="5"/>
  <c r="Q5197" i="5"/>
  <c r="Q5198" i="5"/>
  <c r="Q5199" i="5"/>
  <c r="Q5200" i="5"/>
  <c r="Q5201" i="5"/>
  <c r="Q5202" i="5"/>
  <c r="Q5203" i="5"/>
  <c r="Q5204" i="5"/>
  <c r="Q5205" i="5"/>
  <c r="Q5206" i="5"/>
  <c r="Q5207" i="5"/>
  <c r="Q5208" i="5"/>
  <c r="Q5209" i="5"/>
  <c r="Q5210" i="5"/>
  <c r="Q5211" i="5"/>
  <c r="Q5212" i="5"/>
  <c r="Q5213" i="5"/>
  <c r="Q5214" i="5"/>
  <c r="Q5215" i="5"/>
  <c r="Q5216" i="5"/>
  <c r="Q5217" i="5"/>
  <c r="Q5218" i="5"/>
  <c r="Q5219" i="5"/>
  <c r="Q5220" i="5"/>
  <c r="Q5221" i="5"/>
  <c r="Q5222" i="5"/>
  <c r="Q5223" i="5"/>
  <c r="Q5224" i="5"/>
  <c r="Q5225" i="5"/>
  <c r="Q5226" i="5"/>
  <c r="Q5227" i="5"/>
  <c r="Q5228" i="5"/>
  <c r="Q5229" i="5"/>
  <c r="Q5230" i="5"/>
  <c r="Q5231" i="5"/>
  <c r="Q5232" i="5"/>
  <c r="Q5233" i="5"/>
  <c r="Q5234" i="5"/>
  <c r="Q5235" i="5"/>
  <c r="Q5236" i="5"/>
  <c r="Q5237" i="5"/>
  <c r="Q5238" i="5"/>
  <c r="Q5239" i="5"/>
  <c r="Q5240" i="5"/>
  <c r="Q5241" i="5"/>
  <c r="Q5242" i="5"/>
  <c r="Q5243" i="5"/>
  <c r="Q5244" i="5"/>
  <c r="Q5245" i="5"/>
  <c r="Q5246" i="5"/>
  <c r="Q5247" i="5"/>
  <c r="Q5248" i="5"/>
  <c r="Q5249" i="5"/>
  <c r="Q5250" i="5"/>
  <c r="Q5251" i="5"/>
  <c r="Q5252" i="5"/>
  <c r="Q5253" i="5"/>
  <c r="Q5254" i="5"/>
  <c r="Q5255" i="5"/>
  <c r="Q5256" i="5"/>
  <c r="Q5257" i="5"/>
  <c r="Q5258" i="5"/>
  <c r="Q5259" i="5"/>
  <c r="Q5260" i="5"/>
  <c r="Q5261" i="5"/>
  <c r="Q5262" i="5"/>
  <c r="Q5263" i="5"/>
  <c r="Q5264" i="5"/>
  <c r="Q5265" i="5"/>
  <c r="Q5266" i="5"/>
  <c r="Q5267" i="5"/>
  <c r="Q5268" i="5"/>
  <c r="Q5269" i="5"/>
  <c r="Q5270" i="5"/>
  <c r="Q5271" i="5"/>
  <c r="Q5272" i="5"/>
  <c r="Q5273" i="5"/>
  <c r="Q5274" i="5"/>
  <c r="Q5275" i="5"/>
  <c r="Q5276" i="5"/>
  <c r="Q5277" i="5"/>
  <c r="Q5278" i="5"/>
  <c r="Q5279" i="5"/>
  <c r="Q5280" i="5"/>
  <c r="Q5281" i="5"/>
  <c r="Q5282" i="5"/>
  <c r="Q5283" i="5"/>
  <c r="Q5284" i="5"/>
  <c r="Q5285" i="5"/>
  <c r="Q5286" i="5"/>
  <c r="Q5287" i="5"/>
  <c r="Q5288" i="5"/>
  <c r="Q5289" i="5"/>
  <c r="Q5290" i="5"/>
  <c r="Q5291" i="5"/>
  <c r="Q5292" i="5"/>
  <c r="Q5293" i="5"/>
  <c r="Q5294" i="5"/>
  <c r="Q5295" i="5"/>
  <c r="Q5296" i="5"/>
  <c r="Q5297" i="5"/>
  <c r="Q5298" i="5"/>
  <c r="Q5299" i="5"/>
  <c r="Q5300" i="5"/>
  <c r="Q5301" i="5"/>
  <c r="Q5302" i="5"/>
  <c r="Q5303" i="5"/>
  <c r="Q5304" i="5"/>
  <c r="Q5305" i="5"/>
  <c r="Q5306" i="5"/>
  <c r="Q5307" i="5"/>
  <c r="Q5308" i="5"/>
  <c r="Q5309" i="5"/>
  <c r="Q5310" i="5"/>
  <c r="Q5311" i="5"/>
  <c r="Q5312" i="5"/>
  <c r="Q5313" i="5"/>
  <c r="Q5314" i="5"/>
  <c r="Q5315" i="5"/>
  <c r="Q5316" i="5"/>
  <c r="Q5317" i="5"/>
  <c r="Q5318" i="5"/>
  <c r="Q5319" i="5"/>
  <c r="Q5320" i="5"/>
  <c r="Q5321" i="5"/>
  <c r="Q5322" i="5"/>
  <c r="Q5323" i="5"/>
  <c r="Q5324" i="5"/>
  <c r="Q5325" i="5"/>
  <c r="Q5326" i="5"/>
  <c r="Q5327" i="5"/>
  <c r="Q5328" i="5"/>
  <c r="Q5329" i="5"/>
  <c r="Q5330" i="5"/>
  <c r="Q5331" i="5"/>
  <c r="Q5332" i="5"/>
  <c r="Q5333" i="5"/>
  <c r="Q5334" i="5"/>
  <c r="Q5335" i="5"/>
  <c r="Q5336" i="5"/>
  <c r="Q5337" i="5"/>
  <c r="Q5338" i="5"/>
  <c r="Q5339" i="5"/>
  <c r="Q5340" i="5"/>
  <c r="Q5341" i="5"/>
  <c r="Q5342" i="5"/>
  <c r="Q5343" i="5"/>
  <c r="Q5344" i="5"/>
  <c r="Q5345" i="5"/>
  <c r="Q5346" i="5"/>
  <c r="Q5347" i="5"/>
  <c r="Q5348" i="5"/>
  <c r="Q5349" i="5"/>
  <c r="Q5350" i="5"/>
  <c r="Q5351" i="5"/>
  <c r="Q5352" i="5"/>
  <c r="Q5353" i="5"/>
  <c r="Q5354" i="5"/>
  <c r="Q5355" i="5"/>
  <c r="Q5356" i="5"/>
  <c r="Q5357" i="5"/>
  <c r="Q5358" i="5"/>
  <c r="Q5359" i="5"/>
  <c r="Q5360" i="5"/>
  <c r="Q5361" i="5"/>
  <c r="Q5362" i="5"/>
  <c r="Q5363" i="5"/>
  <c r="Q5364" i="5"/>
  <c r="Q5365" i="5"/>
  <c r="Q5366" i="5"/>
  <c r="Q5367" i="5"/>
  <c r="Q5368" i="5"/>
  <c r="Q5369" i="5"/>
  <c r="Q5370" i="5"/>
  <c r="Q5371" i="5"/>
  <c r="Q5372" i="5"/>
  <c r="Q5373" i="5"/>
  <c r="Q5374" i="5"/>
  <c r="Q5375" i="5"/>
  <c r="Q5376" i="5"/>
  <c r="Q5377" i="5"/>
  <c r="Q5378" i="5"/>
  <c r="Q5379" i="5"/>
  <c r="Q5380" i="5"/>
  <c r="Q5381" i="5"/>
  <c r="Q5382" i="5"/>
  <c r="Q5383" i="5"/>
  <c r="Q5384" i="5"/>
  <c r="Q5385" i="5"/>
  <c r="Q5386" i="5"/>
  <c r="Q5387" i="5"/>
  <c r="Q5388" i="5"/>
  <c r="Q5389" i="5"/>
  <c r="Q5390" i="5"/>
  <c r="Q5391" i="5"/>
  <c r="Q5392" i="5"/>
  <c r="Q5393" i="5"/>
  <c r="Q5394" i="5"/>
  <c r="Q5395" i="5"/>
  <c r="Q5396" i="5"/>
  <c r="Q5397" i="5"/>
  <c r="Q5398" i="5"/>
  <c r="Q5399" i="5"/>
  <c r="Q5400" i="5"/>
  <c r="Q5401" i="5"/>
  <c r="Q5402" i="5"/>
  <c r="Q5403" i="5"/>
  <c r="Q5404" i="5"/>
  <c r="Q5405" i="5"/>
  <c r="Q5406" i="5"/>
  <c r="Q5407" i="5"/>
  <c r="Q5408" i="5"/>
  <c r="Q5409" i="5"/>
  <c r="Q5410" i="5"/>
  <c r="Q5411" i="5"/>
  <c r="Q5412" i="5"/>
  <c r="Q5413" i="5"/>
  <c r="Q5414" i="5"/>
  <c r="Q5415" i="5"/>
  <c r="Q5416" i="5"/>
  <c r="Q5417" i="5"/>
  <c r="Q5418" i="5"/>
  <c r="Q5419" i="5"/>
  <c r="Q5420" i="5"/>
  <c r="Q5421" i="5"/>
  <c r="Q5422" i="5"/>
  <c r="Q5423" i="5"/>
  <c r="Q5424" i="5"/>
  <c r="Q5425" i="5"/>
  <c r="Q5426" i="5"/>
  <c r="Q5427" i="5"/>
  <c r="Q5428" i="5"/>
  <c r="Q5429" i="5"/>
  <c r="Q5430" i="5"/>
  <c r="Q5431" i="5"/>
  <c r="Q5432" i="5"/>
  <c r="Q5433" i="5"/>
  <c r="Q5434" i="5"/>
  <c r="Q5435" i="5"/>
  <c r="Q5436" i="5"/>
  <c r="Q5437" i="5"/>
  <c r="Q5438" i="5"/>
  <c r="Q5439" i="5"/>
  <c r="Q5440" i="5"/>
  <c r="Q5441" i="5"/>
  <c r="Q5442" i="5"/>
  <c r="Q5443" i="5"/>
  <c r="Q5444" i="5"/>
  <c r="Q5445" i="5"/>
  <c r="Q5446" i="5"/>
  <c r="Q5447" i="5"/>
  <c r="Q5448" i="5"/>
  <c r="Q5449" i="5"/>
  <c r="Q5450" i="5"/>
  <c r="Q5451" i="5"/>
  <c r="Q5452" i="5"/>
  <c r="Q5453" i="5"/>
  <c r="Q5454" i="5"/>
  <c r="Q5455" i="5"/>
  <c r="Q5456" i="5"/>
  <c r="Q5457" i="5"/>
  <c r="Q5458" i="5"/>
  <c r="Q5459" i="5"/>
  <c r="Q5460" i="5"/>
  <c r="Q5461" i="5"/>
  <c r="Q5462" i="5"/>
  <c r="Q5463" i="5"/>
  <c r="Q5464" i="5"/>
  <c r="Q5465" i="5"/>
  <c r="Q5466" i="5"/>
  <c r="Q5467" i="5"/>
  <c r="Q5468" i="5"/>
  <c r="Q5469" i="5"/>
  <c r="Q5470" i="5"/>
  <c r="Q5471" i="5"/>
  <c r="Q5472" i="5"/>
  <c r="Q5473" i="5"/>
  <c r="Q5474" i="5"/>
  <c r="Q5475" i="5"/>
  <c r="Q5476" i="5"/>
  <c r="Q5477" i="5"/>
  <c r="Q5478" i="5"/>
  <c r="Q5479" i="5"/>
  <c r="Q5480" i="5"/>
  <c r="Q5481" i="5"/>
  <c r="Q5482" i="5"/>
  <c r="Q5483" i="5"/>
  <c r="Q5484" i="5"/>
  <c r="Q5485" i="5"/>
  <c r="Q5486" i="5"/>
  <c r="Q5487" i="5"/>
  <c r="Q5488" i="5"/>
  <c r="Q5489" i="5"/>
  <c r="Q5490" i="5"/>
  <c r="Q5491" i="5"/>
  <c r="Q5492" i="5"/>
  <c r="Q5493" i="5"/>
  <c r="Q5494" i="5"/>
  <c r="Q5495" i="5"/>
  <c r="Q5496" i="5"/>
  <c r="Q5497" i="5"/>
  <c r="Q5498" i="5"/>
  <c r="Q5499" i="5"/>
  <c r="Q5500" i="5"/>
  <c r="Q5501" i="5"/>
  <c r="Q5502" i="5"/>
  <c r="Q5503" i="5"/>
  <c r="Q5504" i="5"/>
  <c r="Q5505" i="5"/>
  <c r="Q5506" i="5"/>
  <c r="Q5507" i="5"/>
  <c r="Q5508" i="5"/>
  <c r="Q5509" i="5"/>
  <c r="Q5510" i="5"/>
  <c r="Q5511" i="5"/>
  <c r="Q5512" i="5"/>
  <c r="Q5513" i="5"/>
  <c r="Q5514" i="5"/>
  <c r="Q5515" i="5"/>
  <c r="Q5516" i="5"/>
  <c r="Q5517" i="5"/>
  <c r="Q5518" i="5"/>
  <c r="Q5519" i="5"/>
  <c r="Q5520" i="5"/>
  <c r="Q5521" i="5"/>
  <c r="Q5522" i="5"/>
  <c r="Q5523" i="5"/>
  <c r="Q5524" i="5"/>
  <c r="Q5525" i="5"/>
  <c r="Q5526" i="5"/>
  <c r="Q5527" i="5"/>
  <c r="Q5528" i="5"/>
  <c r="Q5529" i="5"/>
  <c r="Q5530" i="5"/>
  <c r="Q5531" i="5"/>
  <c r="Q5532" i="5"/>
  <c r="Q5533" i="5"/>
  <c r="Q5534" i="5"/>
  <c r="Q5535" i="5"/>
  <c r="Q5536" i="5"/>
  <c r="Q5537" i="5"/>
  <c r="Q5538" i="5"/>
  <c r="Q5539" i="5"/>
  <c r="Q5540" i="5"/>
  <c r="Q5541" i="5"/>
  <c r="Q5542" i="5"/>
  <c r="Q5543" i="5"/>
  <c r="Q5544" i="5"/>
  <c r="Q5545" i="5"/>
  <c r="Q5546" i="5"/>
  <c r="Q5547" i="5"/>
  <c r="Q5548" i="5"/>
  <c r="Q5549" i="5"/>
  <c r="Q5550" i="5"/>
  <c r="Q5551" i="5"/>
  <c r="Q5552" i="5"/>
  <c r="Q5553" i="5"/>
  <c r="Q5554" i="5"/>
  <c r="Q5555" i="5"/>
  <c r="Q5556" i="5"/>
  <c r="Q5557" i="5"/>
  <c r="Q5558" i="5"/>
  <c r="Q5559" i="5"/>
  <c r="Q5560" i="5"/>
  <c r="Q5561" i="5"/>
  <c r="Q5562" i="5"/>
  <c r="Q5563" i="5"/>
  <c r="Q5564" i="5"/>
  <c r="Q5565" i="5"/>
  <c r="Q5566" i="5"/>
  <c r="Q5567" i="5"/>
  <c r="Q5568" i="5"/>
  <c r="Q5569" i="5"/>
  <c r="Q5570" i="5"/>
  <c r="Q5571" i="5"/>
  <c r="Q5572" i="5"/>
  <c r="Q5573" i="5"/>
  <c r="Q5574" i="5"/>
  <c r="Q5575" i="5"/>
  <c r="Q5576" i="5"/>
  <c r="Q5577" i="5"/>
  <c r="Q5578" i="5"/>
  <c r="Q5579" i="5"/>
  <c r="Q5580" i="5"/>
  <c r="Q5581" i="5"/>
  <c r="Q5582" i="5"/>
  <c r="Q5583" i="5"/>
  <c r="Q5584" i="5"/>
  <c r="Q5585" i="5"/>
  <c r="Q5586" i="5"/>
  <c r="Q5587" i="5"/>
  <c r="Q5588" i="5"/>
  <c r="Q5589" i="5"/>
  <c r="Q5590" i="5"/>
  <c r="Q5591" i="5"/>
  <c r="Q5592" i="5"/>
  <c r="Q5593" i="5"/>
  <c r="Q5594" i="5"/>
  <c r="Q5595" i="5"/>
  <c r="Q5596" i="5"/>
  <c r="Q5597" i="5"/>
  <c r="Q5598" i="5"/>
  <c r="Q5599" i="5"/>
  <c r="Q5600" i="5"/>
  <c r="Q5601" i="5"/>
  <c r="Q5602" i="5"/>
  <c r="Q5603" i="5"/>
  <c r="Q5604" i="5"/>
  <c r="Q5605" i="5"/>
  <c r="Q5606" i="5"/>
  <c r="Q5607" i="5"/>
  <c r="Q5608" i="5"/>
  <c r="Q5609" i="5"/>
  <c r="Q5610" i="5"/>
  <c r="Q5611" i="5"/>
  <c r="Q5612" i="5"/>
  <c r="Q5613" i="5"/>
  <c r="Q5614" i="5"/>
  <c r="Q5615" i="5"/>
  <c r="Q5616" i="5"/>
  <c r="Q5617" i="5"/>
  <c r="Q5618" i="5"/>
  <c r="Q5619" i="5"/>
  <c r="Q5620" i="5"/>
  <c r="Q5621" i="5"/>
  <c r="Q5622" i="5"/>
  <c r="Q5623" i="5"/>
  <c r="Q5624" i="5"/>
  <c r="Q5625" i="5"/>
  <c r="Q5626" i="5"/>
  <c r="Q5627" i="5"/>
  <c r="Q5628" i="5"/>
  <c r="Q5629" i="5"/>
  <c r="Q5630" i="5"/>
  <c r="Q5631" i="5"/>
  <c r="Q5632" i="5"/>
  <c r="Q5633" i="5"/>
  <c r="Q5634" i="5"/>
  <c r="Q5635" i="5"/>
  <c r="Q5636" i="5"/>
  <c r="Q5637" i="5"/>
  <c r="Q5638" i="5"/>
  <c r="Q5639" i="5"/>
  <c r="Q5640" i="5"/>
  <c r="Q5641" i="5"/>
  <c r="Q5642" i="5"/>
  <c r="Q5643" i="5"/>
  <c r="Q5644" i="5"/>
  <c r="Q5645" i="5"/>
  <c r="Q5646" i="5"/>
  <c r="Q5647" i="5"/>
  <c r="Q5648" i="5"/>
  <c r="Q5649" i="5"/>
  <c r="Q5650" i="5"/>
  <c r="Q5651" i="5"/>
  <c r="Q5652" i="5"/>
  <c r="Q5653" i="5"/>
  <c r="Q5654" i="5"/>
  <c r="Q5655" i="5"/>
  <c r="Q5656" i="5"/>
  <c r="Q5657" i="5"/>
  <c r="Q5658" i="5"/>
  <c r="Q5659" i="5"/>
  <c r="Q5660" i="5"/>
  <c r="Q5661" i="5"/>
  <c r="Q5662" i="5"/>
  <c r="Q5663" i="5"/>
  <c r="Q5664" i="5"/>
  <c r="Q5665" i="5"/>
  <c r="Q5666" i="5"/>
  <c r="Q5667" i="5"/>
  <c r="Q5668" i="5"/>
  <c r="Q5669" i="5"/>
  <c r="Q5670" i="5"/>
  <c r="Q5671" i="5"/>
  <c r="Q5672" i="5"/>
  <c r="Q5673" i="5"/>
  <c r="Q5674" i="5"/>
  <c r="Q5675" i="5"/>
  <c r="Q5676" i="5"/>
  <c r="Q5677" i="5"/>
  <c r="Q5678" i="5"/>
  <c r="Q5679" i="5"/>
  <c r="Q5680" i="5"/>
  <c r="Q5681" i="5"/>
  <c r="Q5682" i="5"/>
  <c r="Q5683" i="5"/>
  <c r="Q5684" i="5"/>
  <c r="Q5685" i="5"/>
  <c r="Q5686" i="5"/>
  <c r="Q5687" i="5"/>
  <c r="Q5688" i="5"/>
  <c r="Q5689" i="5"/>
  <c r="Q5690" i="5"/>
  <c r="Q5691" i="5"/>
  <c r="Q5692" i="5"/>
  <c r="Q5693" i="5"/>
  <c r="Q5694" i="5"/>
  <c r="Q5695" i="5"/>
  <c r="Q5696" i="5"/>
  <c r="Q5697" i="5"/>
  <c r="Q5698" i="5"/>
  <c r="Q5699" i="5"/>
  <c r="Q5700" i="5"/>
  <c r="Q5701" i="5"/>
  <c r="Q5702" i="5"/>
  <c r="Q5703" i="5"/>
  <c r="Q5704" i="5"/>
  <c r="Q5705" i="5"/>
  <c r="Q5706" i="5"/>
  <c r="Q5707" i="5"/>
  <c r="Q5708" i="5"/>
  <c r="Q5709" i="5"/>
  <c r="Q5710" i="5"/>
  <c r="Q5711" i="5"/>
  <c r="Q5712" i="5"/>
  <c r="Q5713" i="5"/>
  <c r="Q5714" i="5"/>
  <c r="Q5715" i="5"/>
  <c r="Q5716" i="5"/>
  <c r="Q5717" i="5"/>
  <c r="Q5718" i="5"/>
  <c r="Q5719" i="5"/>
  <c r="Q5720" i="5"/>
  <c r="Q5721" i="5"/>
  <c r="Q5722" i="5"/>
  <c r="Q5723" i="5"/>
  <c r="Q5724" i="5"/>
  <c r="Q5725" i="5"/>
  <c r="Q5726" i="5"/>
  <c r="Q5727" i="5"/>
  <c r="Q5728" i="5"/>
  <c r="Q5729" i="5"/>
  <c r="Q5730" i="5"/>
  <c r="Q5731" i="5"/>
  <c r="Q5732" i="5"/>
  <c r="Q5733" i="5"/>
  <c r="Q5734" i="5"/>
  <c r="Q5735" i="5"/>
  <c r="Q5736" i="5"/>
  <c r="Q5737" i="5"/>
  <c r="Q5738" i="5"/>
  <c r="Q5739" i="5"/>
  <c r="Q5740" i="5"/>
  <c r="Q5741" i="5"/>
  <c r="Q5742" i="5"/>
  <c r="Q5743" i="5"/>
  <c r="Q5744" i="5"/>
  <c r="Q5745" i="5"/>
  <c r="Q5746" i="5"/>
  <c r="Q5747" i="5"/>
  <c r="Q5748" i="5"/>
  <c r="Q5749" i="5"/>
  <c r="Q5750" i="5"/>
  <c r="Q5751" i="5"/>
  <c r="Q5752" i="5"/>
  <c r="Q5753" i="5"/>
  <c r="Q5754" i="5"/>
  <c r="Q5755" i="5"/>
  <c r="Q5756" i="5"/>
  <c r="Q5757" i="5"/>
  <c r="Q5758" i="5"/>
  <c r="Q5759" i="5"/>
  <c r="Q5760" i="5"/>
  <c r="Q5761" i="5"/>
  <c r="Q5762" i="5"/>
  <c r="Q5763" i="5"/>
  <c r="Q5764" i="5"/>
  <c r="Q5765" i="5"/>
  <c r="Q5766" i="5"/>
  <c r="Q5767" i="5"/>
  <c r="Q5768" i="5"/>
  <c r="Q5769" i="5"/>
  <c r="Q5770" i="5"/>
  <c r="Q5771" i="5"/>
  <c r="Q5772" i="5"/>
  <c r="Q5773" i="5"/>
  <c r="Q5774" i="5"/>
  <c r="Q5775" i="5"/>
  <c r="Q5776" i="5"/>
  <c r="Q5777" i="5"/>
  <c r="Q5778" i="5"/>
  <c r="Q5779" i="5"/>
  <c r="Q5780" i="5"/>
  <c r="Q5781" i="5"/>
  <c r="Q5782" i="5"/>
  <c r="Q5783" i="5"/>
  <c r="Q5784" i="5"/>
  <c r="Q5785" i="5"/>
  <c r="Q5786" i="5"/>
  <c r="Q5787" i="5"/>
  <c r="Q5788" i="5"/>
  <c r="Q5789" i="5"/>
  <c r="Q5790" i="5"/>
  <c r="Q5791" i="5"/>
  <c r="Q5792" i="5"/>
  <c r="Q5793" i="5"/>
  <c r="Q5794" i="5"/>
  <c r="Q5795" i="5"/>
  <c r="Q5796" i="5"/>
  <c r="Q5797" i="5"/>
  <c r="Q5798" i="5"/>
  <c r="Q5799" i="5"/>
  <c r="Q5800" i="5"/>
  <c r="Q5801" i="5"/>
  <c r="Q5802" i="5"/>
  <c r="Q5803" i="5"/>
  <c r="Q5804" i="5"/>
  <c r="Q5805" i="5"/>
  <c r="Q5806" i="5"/>
  <c r="Q5807" i="5"/>
  <c r="Q5808" i="5"/>
  <c r="Q5809" i="5"/>
  <c r="Q5810" i="5"/>
  <c r="Q5811" i="5"/>
  <c r="Q5812" i="5"/>
  <c r="Q5813" i="5"/>
  <c r="Q5814" i="5"/>
  <c r="Q5815" i="5"/>
  <c r="Q5816" i="5"/>
  <c r="Q5817" i="5"/>
  <c r="Q5818" i="5"/>
  <c r="Q5819" i="5"/>
  <c r="Q5820" i="5"/>
  <c r="Q5821" i="5"/>
  <c r="Q5822" i="5"/>
  <c r="Q5823" i="5"/>
  <c r="Q5824" i="5"/>
  <c r="Q5825" i="5"/>
  <c r="Q5826" i="5"/>
  <c r="Q5827" i="5"/>
  <c r="Q5828" i="5"/>
  <c r="Q5829" i="5"/>
  <c r="Q5830" i="5"/>
  <c r="Q5831" i="5"/>
  <c r="Q5832" i="5"/>
  <c r="Q5833" i="5"/>
  <c r="Q5834" i="5"/>
  <c r="Q5835" i="5"/>
  <c r="Q5836" i="5"/>
  <c r="Q5837" i="5"/>
  <c r="Q5838" i="5"/>
  <c r="Q5839" i="5"/>
  <c r="Q5840" i="5"/>
  <c r="Q5841" i="5"/>
  <c r="Q5842" i="5"/>
  <c r="Q5843" i="5"/>
  <c r="Q5844" i="5"/>
  <c r="Q5845" i="5"/>
  <c r="Q5846" i="5"/>
  <c r="Q5847" i="5"/>
  <c r="Q5848" i="5"/>
  <c r="Q5849" i="5"/>
  <c r="Q5850" i="5"/>
  <c r="Q5851" i="5"/>
  <c r="Q5852" i="5"/>
  <c r="Q5853" i="5"/>
  <c r="Q5854" i="5"/>
  <c r="Q5855" i="5"/>
  <c r="Q5856" i="5"/>
  <c r="Q5857" i="5"/>
  <c r="Q5858" i="5"/>
  <c r="Q5859" i="5"/>
  <c r="Q5860" i="5"/>
  <c r="Q5861" i="5"/>
  <c r="Q5862" i="5"/>
  <c r="Q5863" i="5"/>
  <c r="Q5864" i="5"/>
  <c r="Q5865" i="5"/>
  <c r="Q5866" i="5"/>
  <c r="Q5867" i="5"/>
  <c r="Q5868" i="5"/>
  <c r="Q5869" i="5"/>
  <c r="Q5870" i="5"/>
  <c r="Q5871" i="5"/>
  <c r="Q5872" i="5"/>
  <c r="Q5873" i="5"/>
  <c r="Q5874" i="5"/>
  <c r="Q5875" i="5"/>
  <c r="Q5876" i="5"/>
  <c r="Q5877" i="5"/>
  <c r="Q5878" i="5"/>
  <c r="Q5879" i="5"/>
  <c r="Q5880" i="5"/>
  <c r="Q5881" i="5"/>
  <c r="Q5882" i="5"/>
  <c r="Q5883" i="5"/>
  <c r="Q5884" i="5"/>
  <c r="Q5885" i="5"/>
  <c r="Q5886" i="5"/>
  <c r="Q5887" i="5"/>
  <c r="Q5888" i="5"/>
  <c r="Q5889" i="5"/>
  <c r="Q5890" i="5"/>
  <c r="Q5891" i="5"/>
  <c r="Q5892" i="5"/>
  <c r="Q5893" i="5"/>
  <c r="Q5894" i="5"/>
  <c r="Q5895" i="5"/>
  <c r="Q5896" i="5"/>
  <c r="Q5897" i="5"/>
  <c r="Q5898" i="5"/>
  <c r="Q5899" i="5"/>
  <c r="Q5900" i="5"/>
  <c r="Q5901" i="5"/>
  <c r="Q5902" i="5"/>
  <c r="Q5903" i="5"/>
  <c r="Q5904" i="5"/>
  <c r="Q5905" i="5"/>
  <c r="Q5906" i="5"/>
  <c r="Q5907" i="5"/>
  <c r="Q5908" i="5"/>
  <c r="Q5909" i="5"/>
  <c r="Q5910" i="5"/>
  <c r="Q5911" i="5"/>
  <c r="Q5912" i="5"/>
  <c r="Q5913" i="5"/>
  <c r="Q5914" i="5"/>
  <c r="Q5915" i="5"/>
  <c r="Q5916" i="5"/>
  <c r="Q5917" i="5"/>
  <c r="Q5918" i="5"/>
  <c r="Q5919" i="5"/>
  <c r="Q5920" i="5"/>
  <c r="Q5921" i="5"/>
  <c r="Q5922" i="5"/>
  <c r="Q5923" i="5"/>
  <c r="Q5924" i="5"/>
  <c r="Q5925" i="5"/>
  <c r="Q5926" i="5"/>
  <c r="Q5927" i="5"/>
  <c r="Q5928" i="5"/>
  <c r="Q5929" i="5"/>
  <c r="Q5930" i="5"/>
  <c r="Q5931" i="5"/>
  <c r="Q5932" i="5"/>
  <c r="Q5933" i="5"/>
  <c r="Q5934" i="5"/>
  <c r="Q5935" i="5"/>
  <c r="Q5936" i="5"/>
  <c r="Q5937" i="5"/>
  <c r="Q5938" i="5"/>
  <c r="Q5939" i="5"/>
  <c r="Q5940" i="5"/>
  <c r="Q5941" i="5"/>
  <c r="Q5942" i="5"/>
  <c r="Q5943" i="5"/>
  <c r="Q5944" i="5"/>
  <c r="Q5945" i="5"/>
  <c r="Q5946" i="5"/>
  <c r="Q5947" i="5"/>
  <c r="Q5948" i="5"/>
  <c r="Q5949" i="5"/>
  <c r="Q5950" i="5"/>
  <c r="Q5951" i="5"/>
  <c r="Q5952" i="5"/>
  <c r="Q5953" i="5"/>
  <c r="Q5954" i="5"/>
  <c r="Q5955" i="5"/>
  <c r="Q5956" i="5"/>
  <c r="Q5957" i="5"/>
  <c r="Q5958" i="5"/>
  <c r="Q5959" i="5"/>
  <c r="Q5960" i="5"/>
  <c r="Q5961" i="5"/>
  <c r="Q5962" i="5"/>
  <c r="Q5963" i="5"/>
  <c r="Q5964" i="5"/>
  <c r="Q5965" i="5"/>
  <c r="Q5966" i="5"/>
  <c r="Q5967" i="5"/>
  <c r="Q5968" i="5"/>
  <c r="Q5969" i="5"/>
  <c r="Q5970" i="5"/>
  <c r="Q5971" i="5"/>
  <c r="Q5972" i="5"/>
  <c r="Q5973" i="5"/>
  <c r="Q5974" i="5"/>
  <c r="Q5975" i="5"/>
  <c r="Q5976" i="5"/>
  <c r="Q5977" i="5"/>
  <c r="Q5978" i="5"/>
  <c r="Q5979" i="5"/>
  <c r="Q5980" i="5"/>
  <c r="Q5981" i="5"/>
  <c r="Q5982" i="5"/>
  <c r="Q5983" i="5"/>
  <c r="Q5984" i="5"/>
  <c r="Q5985" i="5"/>
  <c r="Q5986" i="5"/>
  <c r="Q5987" i="5"/>
  <c r="Q5988" i="5"/>
  <c r="Q5989" i="5"/>
  <c r="Q5990" i="5"/>
  <c r="Q5991" i="5"/>
  <c r="Q5992" i="5"/>
  <c r="Q5993" i="5"/>
  <c r="Q5994" i="5"/>
  <c r="Q5995" i="5"/>
  <c r="Q5996" i="5"/>
  <c r="Q5997" i="5"/>
  <c r="Q5998" i="5"/>
  <c r="Q5999" i="5"/>
  <c r="Q6000" i="5"/>
  <c r="Q6001" i="5"/>
  <c r="Q6002" i="5"/>
  <c r="Q6003" i="5"/>
  <c r="Q6004" i="5"/>
  <c r="Q6005" i="5"/>
  <c r="Q6006" i="5"/>
  <c r="Q6007" i="5"/>
  <c r="Q6008" i="5"/>
  <c r="Q6009" i="5"/>
  <c r="Q6010" i="5"/>
  <c r="Q6011" i="5"/>
  <c r="Q6012" i="5"/>
  <c r="Q6013" i="5"/>
  <c r="Q6014" i="5"/>
  <c r="Q6015" i="5"/>
  <c r="Q6016" i="5"/>
  <c r="Q6017" i="5"/>
  <c r="Q6018" i="5"/>
  <c r="Q6019" i="5"/>
  <c r="Q6020" i="5"/>
  <c r="Q6021" i="5"/>
  <c r="Q6022" i="5"/>
  <c r="Q6023" i="5"/>
  <c r="Q6024" i="5"/>
  <c r="Q6025" i="5"/>
  <c r="Q6026" i="5"/>
  <c r="Q6027" i="5"/>
  <c r="Q6028" i="5"/>
  <c r="Q6029" i="5"/>
  <c r="Q6030" i="5"/>
  <c r="Q6031" i="5"/>
  <c r="Q6032" i="5"/>
  <c r="Q6033" i="5"/>
  <c r="Q6034" i="5"/>
  <c r="Q6035" i="5"/>
  <c r="Q6036" i="5"/>
  <c r="Q6037" i="5"/>
  <c r="Q6038" i="5"/>
  <c r="Q6039" i="5"/>
  <c r="Q6040" i="5"/>
  <c r="Q6041" i="5"/>
  <c r="Q6042" i="5"/>
  <c r="Q6043" i="5"/>
  <c r="Q6044" i="5"/>
  <c r="Q6045" i="5"/>
  <c r="Q6046" i="5"/>
  <c r="Q6047" i="5"/>
  <c r="Q6048" i="5"/>
  <c r="Q6049" i="5"/>
  <c r="Q6050" i="5"/>
  <c r="Q6051" i="5"/>
  <c r="Q6052" i="5"/>
  <c r="Q6053" i="5"/>
  <c r="Q6054" i="5"/>
  <c r="Q6055" i="5"/>
  <c r="Q6056" i="5"/>
  <c r="Q6057" i="5"/>
  <c r="Q6058" i="5"/>
  <c r="Q6059" i="5"/>
  <c r="Q6060" i="5"/>
  <c r="Q6061" i="5"/>
  <c r="Q6062" i="5"/>
  <c r="Q6063" i="5"/>
  <c r="Q6064" i="5"/>
  <c r="Q6065" i="5"/>
  <c r="Q6066" i="5"/>
  <c r="Q6067" i="5"/>
  <c r="Q6068" i="5"/>
  <c r="Q6069" i="5"/>
  <c r="Q6070" i="5"/>
  <c r="Q6071" i="5"/>
  <c r="Q6072" i="5"/>
  <c r="Q6073" i="5"/>
  <c r="Q6074" i="5"/>
  <c r="Q6075" i="5"/>
  <c r="Q6076" i="5"/>
  <c r="Q6077" i="5"/>
  <c r="Q6078" i="5"/>
  <c r="Q6079" i="5"/>
  <c r="Q6080" i="5"/>
  <c r="Q6081" i="5"/>
  <c r="Q6082" i="5"/>
  <c r="Q6083" i="5"/>
  <c r="Q6084" i="5"/>
  <c r="Q6085" i="5"/>
  <c r="Q6086" i="5"/>
  <c r="Q6087" i="5"/>
  <c r="Q6088" i="5"/>
  <c r="Q6089" i="5"/>
  <c r="Q6090" i="5"/>
  <c r="Q6091" i="5"/>
  <c r="Q6092" i="5"/>
  <c r="Q6093" i="5"/>
  <c r="Q6094" i="5"/>
  <c r="Q6095" i="5"/>
  <c r="Q6096" i="5"/>
  <c r="Q6097" i="5"/>
  <c r="Q6098" i="5"/>
  <c r="Q6099" i="5"/>
  <c r="Q6100" i="5"/>
  <c r="Q6101" i="5"/>
  <c r="Q6102" i="5"/>
  <c r="Q6103" i="5"/>
  <c r="Q6104" i="5"/>
  <c r="Q6105" i="5"/>
  <c r="Q6106" i="5"/>
  <c r="Q6107" i="5"/>
  <c r="Q6108" i="5"/>
  <c r="Q6109" i="5"/>
  <c r="Q6110" i="5"/>
  <c r="Q6111" i="5"/>
  <c r="Q6112" i="5"/>
  <c r="Q6113" i="5"/>
  <c r="Q6114" i="5"/>
  <c r="Q6115" i="5"/>
  <c r="Q6116" i="5"/>
  <c r="Q6117" i="5"/>
  <c r="Q6118" i="5"/>
  <c r="Q6119" i="5"/>
  <c r="Q6120" i="5"/>
  <c r="Q6121" i="5"/>
  <c r="Q6122" i="5"/>
  <c r="Q6123" i="5"/>
  <c r="Q6124" i="5"/>
  <c r="Q6125" i="5"/>
  <c r="Q6126" i="5"/>
  <c r="Q6127" i="5"/>
  <c r="Q6128" i="5"/>
  <c r="Q6129" i="5"/>
  <c r="Q6130" i="5"/>
  <c r="Q6131" i="5"/>
  <c r="Q6132" i="5"/>
  <c r="Q6133" i="5"/>
  <c r="Q6134" i="5"/>
  <c r="Q6135" i="5"/>
  <c r="Q6136" i="5"/>
  <c r="Q6137" i="5"/>
  <c r="Q6138" i="5"/>
  <c r="Q6139" i="5"/>
  <c r="Q6140" i="5"/>
  <c r="Q6141" i="5"/>
  <c r="Q6142" i="5"/>
  <c r="Q6143" i="5"/>
  <c r="Q6144" i="5"/>
  <c r="Q6145" i="5"/>
  <c r="Q6146" i="5"/>
  <c r="Q6147" i="5"/>
  <c r="Q6148" i="5"/>
  <c r="Q6149" i="5"/>
  <c r="Q6150" i="5"/>
  <c r="Q6151" i="5"/>
  <c r="Q6152" i="5"/>
  <c r="Q6153" i="5"/>
  <c r="Q6154" i="5"/>
  <c r="Q6155" i="5"/>
  <c r="Q6156" i="5"/>
  <c r="Q6157" i="5"/>
  <c r="Q6158" i="5"/>
  <c r="Q6159" i="5"/>
  <c r="Q6160" i="5"/>
  <c r="Q6161" i="5"/>
  <c r="Q6162" i="5"/>
  <c r="Q6163" i="5"/>
  <c r="Q6164" i="5"/>
  <c r="Q6165" i="5"/>
  <c r="Q6166" i="5"/>
  <c r="Q6167" i="5"/>
  <c r="Q6168" i="5"/>
  <c r="Q6169" i="5"/>
  <c r="Q6170" i="5"/>
  <c r="Q6171" i="5"/>
  <c r="Q6172" i="5"/>
  <c r="Q6173" i="5"/>
  <c r="Q6174" i="5"/>
  <c r="Q6175" i="5"/>
  <c r="Q6176" i="5"/>
  <c r="Q6177" i="5"/>
  <c r="Q6178" i="5"/>
  <c r="Q6179" i="5"/>
  <c r="Q6180" i="5"/>
  <c r="Q6181" i="5"/>
  <c r="Q6182" i="5"/>
  <c r="Q6183" i="5"/>
  <c r="Q6184" i="5"/>
  <c r="Q6185" i="5"/>
  <c r="Q6186" i="5"/>
  <c r="Q6187" i="5"/>
  <c r="Q6188" i="5"/>
  <c r="Q6189" i="5"/>
  <c r="Q6190" i="5"/>
  <c r="Q6191" i="5"/>
  <c r="Q6192" i="5"/>
  <c r="Q6193" i="5"/>
  <c r="Q6194" i="5"/>
  <c r="Q6195" i="5"/>
  <c r="Q6196" i="5"/>
  <c r="Q6197" i="5"/>
  <c r="Q6198" i="5"/>
  <c r="Q6199" i="5"/>
  <c r="Q6200" i="5"/>
  <c r="Q6201" i="5"/>
  <c r="Q6202" i="5"/>
  <c r="Q6203" i="5"/>
  <c r="Q6204" i="5"/>
  <c r="Q6205" i="5"/>
  <c r="Q6206" i="5"/>
  <c r="Q6207" i="5"/>
  <c r="Q6208" i="5"/>
  <c r="Q6209" i="5"/>
  <c r="Q6210" i="5"/>
  <c r="Q6211" i="5"/>
  <c r="Q6212" i="5"/>
  <c r="Q6213" i="5"/>
  <c r="Q6214" i="5"/>
  <c r="Q6215" i="5"/>
  <c r="Q6216" i="5"/>
  <c r="Q6217" i="5"/>
  <c r="Q6218" i="5"/>
  <c r="Q6219" i="5"/>
  <c r="Q6220" i="5"/>
  <c r="Q6221" i="5"/>
  <c r="Q6222" i="5"/>
  <c r="Q6223" i="5"/>
  <c r="Q6224" i="5"/>
  <c r="Q6225" i="5"/>
  <c r="Q6226" i="5"/>
  <c r="Q6227" i="5"/>
  <c r="Q6228" i="5"/>
  <c r="Q6229" i="5"/>
  <c r="Q6230" i="5"/>
  <c r="Q6231" i="5"/>
  <c r="Q6232" i="5"/>
  <c r="Q6233" i="5"/>
  <c r="Q6234" i="5"/>
  <c r="Q6235" i="5"/>
  <c r="Q6236" i="5"/>
  <c r="Q6237" i="5"/>
  <c r="Q6238" i="5"/>
  <c r="Q6239" i="5"/>
  <c r="Q6240" i="5"/>
  <c r="Q6241" i="5"/>
  <c r="Q6242" i="5"/>
  <c r="Q6243" i="5"/>
  <c r="Q6244" i="5"/>
  <c r="Q6245" i="5"/>
  <c r="Q6246" i="5"/>
  <c r="Q6247" i="5"/>
  <c r="Q6248" i="5"/>
  <c r="Q6249" i="5"/>
  <c r="Q6250" i="5"/>
  <c r="Q6251" i="5"/>
  <c r="Q6252" i="5"/>
  <c r="Q6253" i="5"/>
  <c r="Q6254" i="5"/>
  <c r="Q6255" i="5"/>
  <c r="Q6256" i="5"/>
  <c r="Q6257" i="5"/>
  <c r="Q6258" i="5"/>
  <c r="Q6259" i="5"/>
  <c r="Q6260" i="5"/>
  <c r="Q6261" i="5"/>
  <c r="Q6262" i="5"/>
  <c r="Q6263" i="5"/>
  <c r="Q6264" i="5"/>
  <c r="Q6265" i="5"/>
  <c r="Q6266" i="5"/>
  <c r="Q6267" i="5"/>
  <c r="Q6268" i="5"/>
  <c r="Q6269" i="5"/>
  <c r="Q6270" i="5"/>
  <c r="Q6271" i="5"/>
  <c r="Q6272" i="5"/>
  <c r="Q6273" i="5"/>
  <c r="Q6274" i="5"/>
  <c r="Q6275" i="5"/>
  <c r="Q6276" i="5"/>
  <c r="Q6277" i="5"/>
  <c r="Q6278" i="5"/>
  <c r="Q6279" i="5"/>
  <c r="Q6280" i="5"/>
  <c r="Q6281" i="5"/>
  <c r="Q6282" i="5"/>
  <c r="Q6283" i="5"/>
  <c r="Q6284" i="5"/>
  <c r="Q6285" i="5"/>
  <c r="Q6286" i="5"/>
  <c r="Q6287" i="5"/>
  <c r="Q6288" i="5"/>
  <c r="Q6289" i="5"/>
  <c r="Q6290" i="5"/>
  <c r="Q6291" i="5"/>
  <c r="Q6292" i="5"/>
  <c r="Q6293" i="5"/>
  <c r="Q6294" i="5"/>
  <c r="Q6295" i="5"/>
  <c r="Q6296" i="5"/>
  <c r="Q6297" i="5"/>
  <c r="Q6298" i="5"/>
  <c r="Q6299" i="5"/>
  <c r="Q6300" i="5"/>
  <c r="Q6301" i="5"/>
  <c r="Q6302" i="5"/>
  <c r="Q6303" i="5"/>
  <c r="Q6304" i="5"/>
  <c r="Q6305" i="5"/>
  <c r="Q6306" i="5"/>
  <c r="Q6307" i="5"/>
  <c r="Q6308" i="5"/>
  <c r="Q6309" i="5"/>
  <c r="Q6310" i="5"/>
  <c r="Q6311" i="5"/>
  <c r="Q6312" i="5"/>
  <c r="Q6313" i="5"/>
  <c r="Q6314" i="5"/>
  <c r="Q6315" i="5"/>
  <c r="Q6316" i="5"/>
  <c r="Q6317" i="5"/>
  <c r="Q6318" i="5"/>
  <c r="Q6319" i="5"/>
  <c r="Q6320" i="5"/>
  <c r="Q6321" i="5"/>
  <c r="Q6322" i="5"/>
  <c r="Q6323" i="5"/>
  <c r="Q6324" i="5"/>
  <c r="Q6325" i="5"/>
  <c r="Q6326" i="5"/>
  <c r="Q6327" i="5"/>
  <c r="Q6328" i="5"/>
  <c r="Q6329" i="5"/>
  <c r="Q6330" i="5"/>
  <c r="Q6331" i="5"/>
  <c r="Q6332" i="5"/>
  <c r="Q6333" i="5"/>
  <c r="Q6334" i="5"/>
  <c r="Q6335" i="5"/>
  <c r="Q6336" i="5"/>
  <c r="Q6337" i="5"/>
  <c r="Q6338" i="5"/>
  <c r="Q6339" i="5"/>
  <c r="Q6340" i="5"/>
  <c r="Q6341" i="5"/>
  <c r="Q6342" i="5"/>
  <c r="Q6343" i="5"/>
  <c r="Q6344" i="5"/>
  <c r="Q6345" i="5"/>
  <c r="Q6346" i="5"/>
  <c r="Q6347" i="5"/>
  <c r="Q6348" i="5"/>
  <c r="Q6349" i="5"/>
  <c r="Q6350" i="5"/>
  <c r="Q6351" i="5"/>
  <c r="Q6352" i="5"/>
  <c r="Q6353" i="5"/>
  <c r="Q6354" i="5"/>
  <c r="Q6355" i="5"/>
  <c r="Q6356" i="5"/>
  <c r="Q6357" i="5"/>
  <c r="Q6358" i="5"/>
  <c r="Q6359" i="5"/>
  <c r="Q6360" i="5"/>
  <c r="Q6361" i="5"/>
  <c r="Q6362" i="5"/>
  <c r="Q6363" i="5"/>
  <c r="Q6364" i="5"/>
  <c r="Q6365" i="5"/>
  <c r="Q6366" i="5"/>
  <c r="Q6367" i="5"/>
  <c r="Q6368" i="5"/>
  <c r="Q6369" i="5"/>
  <c r="Q6370" i="5"/>
  <c r="Q6371" i="5"/>
  <c r="Q6372" i="5"/>
  <c r="Q6373" i="5"/>
  <c r="Q6374" i="5"/>
  <c r="Q6375" i="5"/>
  <c r="Q6376" i="5"/>
  <c r="Q6377" i="5"/>
  <c r="Q6378" i="5"/>
  <c r="Q6379" i="5"/>
  <c r="Q6380" i="5"/>
  <c r="Q6381" i="5"/>
  <c r="Q6382" i="5"/>
  <c r="Q6383" i="5"/>
  <c r="Q6384" i="5"/>
  <c r="Q6385" i="5"/>
  <c r="Q6386" i="5"/>
  <c r="Q6387" i="5"/>
  <c r="Q6388" i="5"/>
  <c r="Q6389" i="5"/>
  <c r="Q6390" i="5"/>
  <c r="Q6391" i="5"/>
  <c r="Q6392" i="5"/>
  <c r="Q6393" i="5"/>
  <c r="Q6394" i="5"/>
  <c r="Q6395" i="5"/>
  <c r="Q6396" i="5"/>
  <c r="Q6397" i="5"/>
  <c r="Q6398" i="5"/>
  <c r="Q6399" i="5"/>
  <c r="Q6400" i="5"/>
  <c r="Q6401" i="5"/>
  <c r="Q6402" i="5"/>
  <c r="Q6403" i="5"/>
  <c r="Q6404" i="5"/>
  <c r="Q6405" i="5"/>
  <c r="Q6406" i="5"/>
  <c r="Q6407" i="5"/>
  <c r="Q6408" i="5"/>
  <c r="Q6409" i="5"/>
  <c r="Q6410" i="5"/>
  <c r="Q6411" i="5"/>
  <c r="Q6412" i="5"/>
  <c r="Q6413" i="5"/>
  <c r="Q6414" i="5"/>
  <c r="Q6415" i="5"/>
  <c r="Q6416" i="5"/>
  <c r="Q6417" i="5"/>
  <c r="Q6418" i="5"/>
  <c r="Q6419" i="5"/>
  <c r="Q6420" i="5"/>
  <c r="Q6421" i="5"/>
  <c r="Q6422" i="5"/>
  <c r="Q6423" i="5"/>
  <c r="Q6424" i="5"/>
  <c r="Q6425" i="5"/>
  <c r="Q6426" i="5"/>
  <c r="Q6427" i="5"/>
  <c r="Q6428" i="5"/>
  <c r="Q6429" i="5"/>
  <c r="Q6430" i="5"/>
  <c r="Q6431" i="5"/>
  <c r="Q6432" i="5"/>
  <c r="Q6433" i="5"/>
  <c r="Q6434" i="5"/>
  <c r="Q6435" i="5"/>
  <c r="Q6436" i="5"/>
  <c r="Q6437" i="5"/>
  <c r="Q6438" i="5"/>
  <c r="Q6439" i="5"/>
  <c r="Q6440" i="5"/>
  <c r="Q6441" i="5"/>
  <c r="Q6442" i="5"/>
  <c r="Q6443" i="5"/>
  <c r="Q6444" i="5"/>
  <c r="Q6445" i="5"/>
  <c r="Q6446" i="5"/>
  <c r="Q6447" i="5"/>
  <c r="Q6448" i="5"/>
  <c r="Q6449" i="5"/>
  <c r="Q6450" i="5"/>
  <c r="Q6451" i="5"/>
  <c r="Q6452" i="5"/>
  <c r="Q6453" i="5"/>
  <c r="Q6454" i="5"/>
  <c r="Q6455" i="5"/>
  <c r="Q6456" i="5"/>
  <c r="Q6457" i="5"/>
  <c r="Q6458" i="5"/>
  <c r="Q6459" i="5"/>
  <c r="Q6460" i="5"/>
  <c r="Q6461" i="5"/>
  <c r="Q6462" i="5"/>
  <c r="Q6463" i="5"/>
  <c r="Q6464" i="5"/>
  <c r="Q6465" i="5"/>
  <c r="Q6466" i="5"/>
  <c r="Q6467" i="5"/>
  <c r="Q6468" i="5"/>
  <c r="Q6469" i="5"/>
  <c r="Q6470" i="5"/>
  <c r="Q6471" i="5"/>
  <c r="Q6472" i="5"/>
  <c r="Q6473" i="5"/>
  <c r="Q6474" i="5"/>
  <c r="Q6475" i="5"/>
  <c r="Q6476" i="5"/>
  <c r="Q6477" i="5"/>
  <c r="Q6478" i="5"/>
  <c r="Q6479" i="5"/>
  <c r="Q6480" i="5"/>
  <c r="Q6481" i="5"/>
  <c r="Q6482" i="5"/>
  <c r="Q6483" i="5"/>
  <c r="Q6484" i="5"/>
  <c r="Q6485" i="5"/>
  <c r="Q6486" i="5"/>
  <c r="Q6487" i="5"/>
  <c r="Q6488" i="5"/>
  <c r="Q6489" i="5"/>
  <c r="Q6490" i="5"/>
  <c r="Q6491" i="5"/>
  <c r="Q6492" i="5"/>
  <c r="Q6493" i="5"/>
  <c r="Q6494" i="5"/>
  <c r="Q6495" i="5"/>
  <c r="Q6496" i="5"/>
  <c r="Q6497" i="5"/>
  <c r="Q6498" i="5"/>
  <c r="Q6499" i="5"/>
  <c r="Q6500" i="5"/>
  <c r="Q6501" i="5"/>
  <c r="Q6502" i="5"/>
  <c r="Q6503" i="5"/>
  <c r="Q6504" i="5"/>
  <c r="Q6505" i="5"/>
  <c r="Q6506" i="5"/>
  <c r="Q6507" i="5"/>
  <c r="Q6508" i="5"/>
  <c r="Q6509" i="5"/>
  <c r="Q6510" i="5"/>
  <c r="Q6511" i="5"/>
  <c r="Q6512" i="5"/>
  <c r="Q6513" i="5"/>
  <c r="Q6514" i="5"/>
  <c r="Q6515" i="5"/>
  <c r="Q6516" i="5"/>
  <c r="Q6517" i="5"/>
  <c r="Q6518" i="5"/>
  <c r="Q6519" i="5"/>
  <c r="Q6520" i="5"/>
  <c r="Q6521" i="5"/>
  <c r="Q6522" i="5"/>
  <c r="Q6523" i="5"/>
  <c r="Q6524" i="5"/>
  <c r="Q6525" i="5"/>
  <c r="Q6526" i="5"/>
  <c r="Q6527" i="5"/>
  <c r="Q6528" i="5"/>
  <c r="Q6529" i="5"/>
  <c r="Q6530" i="5"/>
  <c r="Q6531" i="5"/>
  <c r="Q6532" i="5"/>
  <c r="Q6533" i="5"/>
  <c r="Q6534" i="5"/>
  <c r="Q6535" i="5"/>
  <c r="Q6536" i="5"/>
  <c r="Q6537" i="5"/>
  <c r="Q6538" i="5"/>
  <c r="Q6539" i="5"/>
  <c r="Q6540" i="5"/>
  <c r="Q6541" i="5"/>
  <c r="Q6542" i="5"/>
  <c r="Q6543" i="5"/>
  <c r="Q6544" i="5"/>
  <c r="Q6545" i="5"/>
  <c r="Q6546" i="5"/>
  <c r="Q6547" i="5"/>
  <c r="Q6548" i="5"/>
  <c r="Q6549" i="5"/>
  <c r="Q6550" i="5"/>
  <c r="Q6551" i="5"/>
  <c r="Q6552" i="5"/>
  <c r="Q6553" i="5"/>
  <c r="Q6554" i="5"/>
  <c r="Q6555" i="5"/>
  <c r="Q6556" i="5"/>
  <c r="Q6557" i="5"/>
  <c r="Q6558" i="5"/>
  <c r="Q6559" i="5"/>
  <c r="Q6560" i="5"/>
  <c r="Q6561" i="5"/>
  <c r="Q6562" i="5"/>
  <c r="Q6563" i="5"/>
  <c r="Q6564" i="5"/>
  <c r="Q6565" i="5"/>
  <c r="Q6566" i="5"/>
  <c r="Q6567" i="5"/>
  <c r="Q6568" i="5"/>
  <c r="Q6569" i="5"/>
  <c r="Q6570" i="5"/>
  <c r="Q6571" i="5"/>
  <c r="Q6572" i="5"/>
  <c r="Q6573" i="5"/>
  <c r="Q6574" i="5"/>
  <c r="Q6575" i="5"/>
  <c r="Q6576" i="5"/>
  <c r="Q6577" i="5"/>
  <c r="Q6578" i="5"/>
  <c r="Q6579" i="5"/>
  <c r="Q6580" i="5"/>
  <c r="Q6581" i="5"/>
  <c r="Q6582" i="5"/>
  <c r="Q6583" i="5"/>
  <c r="Q6584" i="5"/>
  <c r="Q6585" i="5"/>
  <c r="Q6586" i="5"/>
  <c r="Q6587" i="5"/>
  <c r="Q6588" i="5"/>
  <c r="Q6589" i="5"/>
  <c r="Q6590" i="5"/>
  <c r="Q6591" i="5"/>
  <c r="Q6592" i="5"/>
  <c r="Q6593" i="5"/>
  <c r="Q6594" i="5"/>
  <c r="Q6595" i="5"/>
  <c r="Q6596" i="5"/>
  <c r="Q6597" i="5"/>
  <c r="Q6598" i="5"/>
  <c r="Q6599" i="5"/>
  <c r="Q6600" i="5"/>
  <c r="Q6601" i="5"/>
  <c r="Q6602" i="5"/>
  <c r="Q6603" i="5"/>
  <c r="Q6604" i="5"/>
  <c r="Q6605" i="5"/>
  <c r="Q6606" i="5"/>
  <c r="Q6607" i="5"/>
  <c r="Q6608" i="5"/>
  <c r="Q6609" i="5"/>
  <c r="Q6610" i="5"/>
  <c r="Q6611" i="5"/>
  <c r="Q6612" i="5"/>
  <c r="Q6613" i="5"/>
  <c r="Q6614" i="5"/>
  <c r="Q6615" i="5"/>
  <c r="Q6616" i="5"/>
  <c r="Q6617" i="5"/>
  <c r="Q6618" i="5"/>
  <c r="Q6619" i="5"/>
  <c r="Q6620" i="5"/>
  <c r="Q6621" i="5"/>
  <c r="Q6622" i="5"/>
  <c r="Q6623" i="5"/>
  <c r="Q6624" i="5"/>
  <c r="Q6625" i="5"/>
  <c r="Q6626" i="5"/>
  <c r="Q6627" i="5"/>
  <c r="Q6628" i="5"/>
  <c r="Q6629" i="5"/>
  <c r="Q6630" i="5"/>
  <c r="Q6631" i="5"/>
  <c r="Q6632" i="5"/>
  <c r="Q6633" i="5"/>
  <c r="Q6634" i="5"/>
  <c r="Q6635" i="5"/>
  <c r="Q6636" i="5"/>
  <c r="Q6637" i="5"/>
  <c r="Q6638" i="5"/>
  <c r="Q6639" i="5"/>
  <c r="Q6640" i="5"/>
  <c r="Q6641" i="5"/>
  <c r="Q6642" i="5"/>
  <c r="Q6643" i="5"/>
  <c r="Q6644" i="5"/>
  <c r="Q6645" i="5"/>
  <c r="Q6646" i="5"/>
  <c r="Q6647" i="5"/>
  <c r="Q6648" i="5"/>
  <c r="Q6649" i="5"/>
  <c r="Q6650" i="5"/>
  <c r="Q6651" i="5"/>
  <c r="Q6652" i="5"/>
  <c r="Q6653" i="5"/>
  <c r="Q6654" i="5"/>
  <c r="Q6655" i="5"/>
  <c r="Q6656" i="5"/>
  <c r="Q6657" i="5"/>
  <c r="Q6658" i="5"/>
  <c r="Q6659" i="5"/>
  <c r="Q6660" i="5"/>
  <c r="Q6661" i="5"/>
  <c r="Q6662" i="5"/>
  <c r="Q6663" i="5"/>
  <c r="Q6664" i="5"/>
  <c r="Q6665" i="5"/>
  <c r="Q6666" i="5"/>
  <c r="Q6667" i="5"/>
  <c r="Q6668" i="5"/>
  <c r="Q6669" i="5"/>
  <c r="Q6670" i="5"/>
  <c r="Q6671" i="5"/>
  <c r="Q6672" i="5"/>
  <c r="Q6673" i="5"/>
  <c r="Q6674" i="5"/>
  <c r="Q6675" i="5"/>
  <c r="Q6676" i="5"/>
  <c r="Q6677" i="5"/>
  <c r="Q6678" i="5"/>
  <c r="Q6679" i="5"/>
  <c r="Q6680" i="5"/>
  <c r="Q6681" i="5"/>
  <c r="Q6682" i="5"/>
  <c r="Q6683" i="5"/>
  <c r="Q6684" i="5"/>
  <c r="Q6685" i="5"/>
  <c r="Q6686" i="5"/>
  <c r="Q6687" i="5"/>
  <c r="Q6688" i="5"/>
  <c r="Q6689" i="5"/>
  <c r="Q6690" i="5"/>
  <c r="Q6691" i="5"/>
  <c r="Q6692" i="5"/>
  <c r="Q6693" i="5"/>
  <c r="Q6694" i="5"/>
  <c r="Q6695" i="5"/>
  <c r="Q6696" i="5"/>
  <c r="Q6697" i="5"/>
  <c r="Q6698" i="5"/>
  <c r="Q6699" i="5"/>
  <c r="Q6700" i="5"/>
  <c r="Q6701" i="5"/>
  <c r="Q6702" i="5"/>
  <c r="Q6703" i="5"/>
  <c r="Q6704" i="5"/>
  <c r="Q6705" i="5"/>
  <c r="Q6706" i="5"/>
  <c r="Q6707" i="5"/>
  <c r="Q6708" i="5"/>
  <c r="Q6709" i="5"/>
  <c r="Q6710" i="5"/>
  <c r="Q6711" i="5"/>
  <c r="Q6712" i="5"/>
  <c r="Q6713" i="5"/>
  <c r="Q6714" i="5"/>
  <c r="Q6715" i="5"/>
  <c r="Q6716" i="5"/>
  <c r="Q6717" i="5"/>
  <c r="Q6718" i="5"/>
  <c r="Q6719" i="5"/>
  <c r="Q6720" i="5"/>
  <c r="Q6721" i="5"/>
  <c r="Q6722" i="5"/>
  <c r="Q6723" i="5"/>
  <c r="Q6724" i="5"/>
  <c r="Q6725" i="5"/>
  <c r="Q6726" i="5"/>
  <c r="Q6727" i="5"/>
  <c r="Q6728" i="5"/>
  <c r="Q6729" i="5"/>
  <c r="Q6730" i="5"/>
  <c r="Q6731" i="5"/>
  <c r="Q6732" i="5"/>
  <c r="Q6733" i="5"/>
  <c r="Q6734" i="5"/>
  <c r="Q6735" i="5"/>
  <c r="Q6736" i="5"/>
  <c r="Q6737" i="5"/>
  <c r="Q6738" i="5"/>
  <c r="Q6739" i="5"/>
  <c r="Q6740" i="5"/>
  <c r="Q6741" i="5"/>
  <c r="Q6742" i="5"/>
  <c r="Q6743" i="5"/>
  <c r="Q6744" i="5"/>
  <c r="Q6745" i="5"/>
  <c r="Q6746" i="5"/>
  <c r="Q6747" i="5"/>
  <c r="Q6748" i="5"/>
  <c r="Q6749" i="5"/>
  <c r="Q6750" i="5"/>
  <c r="Q6751" i="5"/>
  <c r="Q6752" i="5"/>
  <c r="Q6753" i="5"/>
  <c r="Q6754" i="5"/>
  <c r="Q6755" i="5"/>
  <c r="Q6756" i="5"/>
  <c r="Q6757" i="5"/>
  <c r="Q6758" i="5"/>
  <c r="Q6759" i="5"/>
  <c r="Q6760" i="5"/>
  <c r="Q6761" i="5"/>
  <c r="Q6762" i="5"/>
  <c r="Q6763" i="5"/>
  <c r="Q6764" i="5"/>
  <c r="Q6765" i="5"/>
  <c r="Q6766" i="5"/>
  <c r="Q6767" i="5"/>
  <c r="Q6768" i="5"/>
  <c r="Q6769" i="5"/>
  <c r="Q6770" i="5"/>
  <c r="Q6771" i="5"/>
  <c r="Q6772" i="5"/>
  <c r="Q6773" i="5"/>
  <c r="Q6774" i="5"/>
  <c r="Q6775" i="5"/>
  <c r="Q6776" i="5"/>
  <c r="Q6777" i="5"/>
  <c r="Q6778" i="5"/>
  <c r="Q6779" i="5"/>
  <c r="Q6780" i="5"/>
  <c r="Q6781" i="5"/>
  <c r="Q6782" i="5"/>
  <c r="Q6783" i="5"/>
  <c r="Q6784" i="5"/>
  <c r="Q6785" i="5"/>
  <c r="Q6786" i="5"/>
  <c r="Q6787" i="5"/>
  <c r="Q6788" i="5"/>
  <c r="Q6789" i="5"/>
  <c r="Q6790" i="5"/>
  <c r="Q6791" i="5"/>
  <c r="Q6792" i="5"/>
  <c r="Q6793" i="5"/>
  <c r="Q6794" i="5"/>
  <c r="Q6795" i="5"/>
  <c r="Q6796" i="5"/>
  <c r="Q6797" i="5"/>
  <c r="Q6798" i="5"/>
  <c r="Q6799" i="5"/>
  <c r="Q6800" i="5"/>
  <c r="Q6801" i="5"/>
  <c r="Q6802" i="5"/>
  <c r="Q6803" i="5"/>
  <c r="Q6804" i="5"/>
  <c r="Q6805" i="5"/>
  <c r="Q6806" i="5"/>
  <c r="Q6807" i="5"/>
  <c r="Q6808" i="5"/>
  <c r="Q6809" i="5"/>
  <c r="Q6810" i="5"/>
  <c r="Q6811" i="5"/>
  <c r="Q6812" i="5"/>
  <c r="Q6813" i="5"/>
  <c r="Q6814" i="5"/>
  <c r="Q6815" i="5"/>
  <c r="Q6816" i="5"/>
  <c r="Q6817" i="5"/>
  <c r="Q6818" i="5"/>
  <c r="Q6819" i="5"/>
  <c r="Q6820" i="5"/>
  <c r="Q6821" i="5"/>
  <c r="Q6822" i="5"/>
  <c r="Q6823" i="5"/>
  <c r="Q6824" i="5"/>
  <c r="Q6825" i="5"/>
  <c r="Q6826" i="5"/>
  <c r="Q6827" i="5"/>
  <c r="Q6828" i="5"/>
  <c r="Q6829" i="5"/>
  <c r="Q6830" i="5"/>
  <c r="Q6831" i="5"/>
  <c r="Q6832" i="5"/>
  <c r="Q6833" i="5"/>
  <c r="Q6834" i="5"/>
  <c r="Q6835" i="5"/>
  <c r="Q6836" i="5"/>
  <c r="Q6837" i="5"/>
  <c r="Q6838" i="5"/>
  <c r="Q6839" i="5"/>
  <c r="Q6840" i="5"/>
  <c r="Q6841" i="5"/>
  <c r="Q6842" i="5"/>
  <c r="Q6843" i="5"/>
  <c r="Q6844" i="5"/>
  <c r="Q6845" i="5"/>
  <c r="Q6846" i="5"/>
  <c r="Q6847" i="5"/>
  <c r="Q6848" i="5"/>
  <c r="Q6849" i="5"/>
  <c r="Q6850" i="5"/>
  <c r="Q6851" i="5"/>
  <c r="Q6852" i="5"/>
  <c r="Q6853" i="5"/>
  <c r="Q6854" i="5"/>
  <c r="Q6855" i="5"/>
  <c r="Q6856" i="5"/>
  <c r="Q6857" i="5"/>
  <c r="Q6858" i="5"/>
  <c r="Q6859" i="5"/>
  <c r="Q6860" i="5"/>
  <c r="Q6861" i="5"/>
  <c r="Q6862" i="5"/>
  <c r="Q6863" i="5"/>
  <c r="Q6864" i="5"/>
  <c r="Q6865" i="5"/>
  <c r="Q6866" i="5"/>
  <c r="Q6867" i="5"/>
  <c r="Q6868" i="5"/>
  <c r="Q6869" i="5"/>
  <c r="Q6870" i="5"/>
  <c r="Q6871" i="5"/>
  <c r="Q6872" i="5"/>
  <c r="Q6873" i="5"/>
  <c r="Q6874" i="5"/>
  <c r="Q6875" i="5"/>
  <c r="Q6876" i="5"/>
  <c r="Q6877" i="5"/>
  <c r="Q6878" i="5"/>
  <c r="Q6879" i="5"/>
  <c r="Q6880" i="5"/>
  <c r="Q6881" i="5"/>
  <c r="Q6882" i="5"/>
  <c r="Q6883" i="5"/>
  <c r="Q6884" i="5"/>
  <c r="Q6885" i="5"/>
  <c r="Q6886" i="5"/>
  <c r="Q6887" i="5"/>
  <c r="Q6888" i="5"/>
  <c r="Q6889" i="5"/>
  <c r="Q6890" i="5"/>
  <c r="Q6891" i="5"/>
  <c r="Q6892" i="5"/>
  <c r="Q6893" i="5"/>
  <c r="Q6894" i="5"/>
  <c r="Q6895" i="5"/>
  <c r="Q6896" i="5"/>
  <c r="Q6897" i="5"/>
  <c r="Q6898" i="5"/>
  <c r="Q6899" i="5"/>
  <c r="Q6900" i="5"/>
  <c r="Q6901" i="5"/>
  <c r="Q6902" i="5"/>
  <c r="Q6903" i="5"/>
  <c r="Q6904" i="5"/>
  <c r="Q6905" i="5"/>
  <c r="Q6906" i="5"/>
  <c r="Q6907" i="5"/>
  <c r="Q6908" i="5"/>
  <c r="Q6909" i="5"/>
  <c r="Q6910" i="5"/>
  <c r="Q6911" i="5"/>
  <c r="Q6912" i="5"/>
  <c r="Q6913" i="5"/>
  <c r="Q6914" i="5"/>
  <c r="Q6915" i="5"/>
  <c r="Q6916" i="5"/>
  <c r="Q6917" i="5"/>
  <c r="Q6918" i="5"/>
  <c r="Q6919" i="5"/>
  <c r="Q6920" i="5"/>
  <c r="Q6921" i="5"/>
  <c r="Q6922" i="5"/>
  <c r="Q6923" i="5"/>
  <c r="Q6924" i="5"/>
  <c r="Q6925" i="5"/>
  <c r="Q6926" i="5"/>
  <c r="Q6927" i="5"/>
  <c r="Q6928" i="5"/>
  <c r="Q6929" i="5"/>
  <c r="Q6930" i="5"/>
  <c r="Q6931" i="5"/>
  <c r="Q6932" i="5"/>
  <c r="Q6933" i="5"/>
  <c r="Q6934" i="5"/>
  <c r="Q6935" i="5"/>
  <c r="Q6936" i="5"/>
  <c r="Q6937" i="5"/>
  <c r="Q6938" i="5"/>
  <c r="Q6939" i="5"/>
  <c r="Q6940" i="5"/>
  <c r="Q6941" i="5"/>
  <c r="Q6942" i="5"/>
  <c r="Q6943" i="5"/>
  <c r="Q6944" i="5"/>
  <c r="Q6945" i="5"/>
  <c r="Q6946" i="5"/>
  <c r="Q6947" i="5"/>
  <c r="Q6948" i="5"/>
  <c r="Q6949" i="5"/>
  <c r="Q6950" i="5"/>
  <c r="Q6951" i="5"/>
  <c r="Q6952" i="5"/>
  <c r="Q6953" i="5"/>
  <c r="Q6954" i="5"/>
  <c r="Q6955" i="5"/>
  <c r="Q6956" i="5"/>
  <c r="Q6957" i="5"/>
  <c r="Q6958" i="5"/>
  <c r="Q6959" i="5"/>
  <c r="Q6960" i="5"/>
  <c r="Q6961" i="5"/>
  <c r="Q6962" i="5"/>
  <c r="Q6963" i="5"/>
  <c r="Q6964" i="5"/>
  <c r="Q6965" i="5"/>
  <c r="Q6966" i="5"/>
  <c r="Q6967" i="5"/>
  <c r="Q6968" i="5"/>
  <c r="Q6969" i="5"/>
  <c r="Q6970" i="5"/>
  <c r="Q6971" i="5"/>
  <c r="Q6972" i="5"/>
  <c r="Q6973" i="5"/>
  <c r="Q6974" i="5"/>
  <c r="Q6975" i="5"/>
  <c r="Q6976" i="5"/>
  <c r="Q6977" i="5"/>
  <c r="Q6978" i="5"/>
  <c r="Q6979" i="5"/>
  <c r="Q6980" i="5"/>
  <c r="Q6981" i="5"/>
  <c r="Q6982" i="5"/>
  <c r="Q6983" i="5"/>
  <c r="Q6984" i="5"/>
  <c r="Q6985" i="5"/>
  <c r="Q6986" i="5"/>
  <c r="Q6987" i="5"/>
  <c r="Q6988" i="5"/>
  <c r="Q6989" i="5"/>
  <c r="Q6990" i="5"/>
  <c r="Q6991" i="5"/>
  <c r="Q6992" i="5"/>
  <c r="Q6993" i="5"/>
  <c r="Q6994" i="5"/>
  <c r="Q6995" i="5"/>
  <c r="Q6996" i="5"/>
  <c r="Q6997" i="5"/>
  <c r="Q6998" i="5"/>
  <c r="Q6999" i="5"/>
  <c r="Q7000" i="5"/>
  <c r="Q7001" i="5"/>
  <c r="Q7002" i="5"/>
  <c r="Q7003" i="5"/>
  <c r="Q7004" i="5"/>
  <c r="Q7005" i="5"/>
  <c r="Q7006" i="5"/>
  <c r="Q7007" i="5"/>
  <c r="Q7008" i="5"/>
  <c r="Q7009" i="5"/>
  <c r="Q7010" i="5"/>
  <c r="Q7011" i="5"/>
  <c r="Q7012" i="5"/>
  <c r="Q7013" i="5"/>
  <c r="Q7014" i="5"/>
  <c r="Q7015" i="5"/>
  <c r="Q7016" i="5"/>
  <c r="Q7017" i="5"/>
  <c r="Q7018" i="5"/>
  <c r="Q7019" i="5"/>
  <c r="Q7020" i="5"/>
  <c r="Q7021" i="5"/>
  <c r="Q7022" i="5"/>
  <c r="Q7023" i="5"/>
  <c r="Q7024" i="5"/>
  <c r="Q7025" i="5"/>
  <c r="Q7026" i="5"/>
  <c r="Q7027" i="5"/>
  <c r="Q7028" i="5"/>
  <c r="Q7029" i="5"/>
  <c r="Q7030" i="5"/>
  <c r="Q7031" i="5"/>
  <c r="Q7032" i="5"/>
  <c r="Q7033" i="5"/>
  <c r="Q7034" i="5"/>
  <c r="Q7035" i="5"/>
  <c r="Q7036" i="5"/>
  <c r="Q7037" i="5"/>
  <c r="Q7038" i="5"/>
  <c r="Q7039" i="5"/>
  <c r="Q7040" i="5"/>
  <c r="Q7041" i="5"/>
  <c r="Q7042" i="5"/>
  <c r="Q7043" i="5"/>
  <c r="Q7044" i="5"/>
  <c r="Q7045" i="5"/>
  <c r="Q7046" i="5"/>
  <c r="Q7047" i="5"/>
  <c r="Q7048" i="5"/>
  <c r="Q7049" i="5"/>
  <c r="Q7050" i="5"/>
  <c r="Q7051" i="5"/>
  <c r="Q7052" i="5"/>
  <c r="Q7053" i="5"/>
  <c r="Q7054" i="5"/>
  <c r="Q7055" i="5"/>
  <c r="Q7056" i="5"/>
  <c r="Q7057" i="5"/>
  <c r="Q7058" i="5"/>
  <c r="Q7059" i="5"/>
  <c r="Q7060" i="5"/>
  <c r="Q7061" i="5"/>
  <c r="Q7062" i="5"/>
  <c r="Q7063" i="5"/>
  <c r="Q7064" i="5"/>
  <c r="Q7065" i="5"/>
  <c r="Q7066" i="5"/>
  <c r="Q7067" i="5"/>
  <c r="Q7068" i="5"/>
  <c r="Q7069" i="5"/>
  <c r="Q7070" i="5"/>
  <c r="Q7071" i="5"/>
  <c r="Q7072" i="5"/>
  <c r="Q7073" i="5"/>
  <c r="Q7074" i="5"/>
  <c r="Q7075" i="5"/>
  <c r="Q7076" i="5"/>
  <c r="Q7077" i="5"/>
  <c r="Q7078" i="5"/>
  <c r="Q7079" i="5"/>
  <c r="Q7080" i="5"/>
  <c r="Q7081" i="5"/>
  <c r="Q7082" i="5"/>
  <c r="Q7083" i="5"/>
  <c r="Q7084" i="5"/>
  <c r="Q7085" i="5"/>
  <c r="Q7086" i="5"/>
  <c r="Q7087" i="5"/>
  <c r="Q7088" i="5"/>
  <c r="Q7089" i="5"/>
  <c r="Q7090" i="5"/>
  <c r="Q7091" i="5"/>
  <c r="Q7092" i="5"/>
  <c r="Q7093" i="5"/>
  <c r="Q7094" i="5"/>
  <c r="Q7095" i="5"/>
  <c r="Q7096" i="5"/>
  <c r="Q7097" i="5"/>
  <c r="Q7098" i="5"/>
  <c r="Q7099" i="5"/>
  <c r="Q7100" i="5"/>
  <c r="Q7101" i="5"/>
  <c r="Q7102" i="5"/>
  <c r="Q7103" i="5"/>
  <c r="Q7104" i="5"/>
  <c r="Q7105" i="5"/>
  <c r="Q7106" i="5"/>
  <c r="Q7107" i="5"/>
  <c r="Q7108" i="5"/>
  <c r="Q7109" i="5"/>
  <c r="Q7110" i="5"/>
  <c r="Q7111" i="5"/>
  <c r="Q7112" i="5"/>
  <c r="Q7113" i="5"/>
  <c r="Q7114" i="5"/>
  <c r="Q7115" i="5"/>
  <c r="Q7116" i="5"/>
  <c r="Q7117" i="5"/>
  <c r="Q7118" i="5"/>
  <c r="Q7119" i="5"/>
  <c r="Q7120" i="5"/>
  <c r="Q7121" i="5"/>
  <c r="Q7122" i="5"/>
  <c r="Q7123" i="5"/>
  <c r="Q7124" i="5"/>
  <c r="Q7125" i="5"/>
  <c r="Q7126" i="5"/>
  <c r="Q7127" i="5"/>
  <c r="Q7128" i="5"/>
  <c r="Q7129" i="5"/>
  <c r="Q7130" i="5"/>
  <c r="Q7131" i="5"/>
  <c r="Q7132" i="5"/>
  <c r="Q7133" i="5"/>
  <c r="Q7134" i="5"/>
  <c r="Q7135" i="5"/>
  <c r="Q7136" i="5"/>
  <c r="Q7137" i="5"/>
  <c r="Q7138" i="5"/>
  <c r="Q7139" i="5"/>
  <c r="Q7140" i="5"/>
  <c r="Q7141" i="5"/>
  <c r="Q7142" i="5"/>
  <c r="Q7143" i="5"/>
  <c r="Q7144" i="5"/>
  <c r="Q7145" i="5"/>
  <c r="Q7146" i="5"/>
  <c r="Q7147" i="5"/>
  <c r="Q7148" i="5"/>
  <c r="Q7149" i="5"/>
  <c r="Q7150" i="5"/>
  <c r="Q7151" i="5"/>
  <c r="Q7152" i="5"/>
  <c r="Q7153" i="5"/>
  <c r="Q7154" i="5"/>
  <c r="Q7155" i="5"/>
  <c r="Q7156" i="5"/>
  <c r="Q7157" i="5"/>
  <c r="Q7158" i="5"/>
  <c r="Q7159" i="5"/>
  <c r="Q7160" i="5"/>
  <c r="Q7161" i="5"/>
  <c r="Q7162" i="5"/>
  <c r="Q7163" i="5"/>
  <c r="Q7164" i="5"/>
  <c r="Q7165" i="5"/>
  <c r="Q7166" i="5"/>
  <c r="Q7167" i="5"/>
  <c r="Q7168" i="5"/>
  <c r="Q7169" i="5"/>
  <c r="Q7170" i="5"/>
  <c r="Q7171" i="5"/>
  <c r="Q7172" i="5"/>
  <c r="Q7173" i="5"/>
  <c r="Q7174" i="5"/>
  <c r="Q7175" i="5"/>
  <c r="Q7176" i="5"/>
  <c r="Q7177" i="5"/>
  <c r="Q7178" i="5"/>
  <c r="Q7179" i="5"/>
  <c r="Q7180" i="5"/>
  <c r="Q7181" i="5"/>
  <c r="Q7182" i="5"/>
  <c r="Q7183" i="5"/>
  <c r="Q7184" i="5"/>
  <c r="Q7185" i="5"/>
  <c r="Q7186" i="5"/>
  <c r="Q7187" i="5"/>
  <c r="Q7188" i="5"/>
  <c r="Q7189" i="5"/>
  <c r="Q7190" i="5"/>
  <c r="Q7191" i="5"/>
  <c r="Q7192" i="5"/>
  <c r="Q7193" i="5"/>
  <c r="Q7194" i="5"/>
  <c r="Q7195" i="5"/>
  <c r="Q7196" i="5"/>
  <c r="Q7197" i="5"/>
  <c r="Q7198" i="5"/>
  <c r="Q7199" i="5"/>
  <c r="Q7200" i="5"/>
  <c r="Q7201" i="5"/>
  <c r="Q7202" i="5"/>
  <c r="Q7203" i="5"/>
  <c r="Q7204" i="5"/>
  <c r="Q7205" i="5"/>
  <c r="Q7206" i="5"/>
  <c r="Q7207" i="5"/>
  <c r="Q7208" i="5"/>
  <c r="Q7209" i="5"/>
  <c r="Q7210" i="5"/>
  <c r="Q7211" i="5"/>
  <c r="Q7212" i="5"/>
  <c r="Q7213" i="5"/>
  <c r="Q7214" i="5"/>
  <c r="Q7215" i="5"/>
  <c r="Q7216" i="5"/>
  <c r="Q7217" i="5"/>
  <c r="Q7218" i="5"/>
  <c r="Q7219" i="5"/>
  <c r="Q7220" i="5"/>
  <c r="Q7221" i="5"/>
  <c r="Q7222" i="5"/>
  <c r="Q7223" i="5"/>
  <c r="Q7224" i="5"/>
  <c r="Q7225" i="5"/>
  <c r="Q7226" i="5"/>
  <c r="Q7227" i="5"/>
  <c r="Q7228" i="5"/>
  <c r="Q7229" i="5"/>
  <c r="Q7230" i="5"/>
  <c r="Q7231" i="5"/>
  <c r="Q7232" i="5"/>
  <c r="Q7233" i="5"/>
  <c r="Q7234" i="5"/>
  <c r="Q7235" i="5"/>
  <c r="Q7236" i="5"/>
  <c r="Q7237" i="5"/>
  <c r="Q7238" i="5"/>
  <c r="Q7239" i="5"/>
  <c r="Q7240" i="5"/>
  <c r="Q7241" i="5"/>
  <c r="Q7242" i="5"/>
  <c r="Q7243" i="5"/>
  <c r="Q7244" i="5"/>
  <c r="Q7245" i="5"/>
  <c r="Q7246" i="5"/>
  <c r="Q7247" i="5"/>
  <c r="Q7248" i="5"/>
  <c r="Q7249" i="5"/>
  <c r="Q7250" i="5"/>
  <c r="Q7251" i="5"/>
  <c r="Q7252" i="5"/>
  <c r="Q7253" i="5"/>
  <c r="Q7254" i="5"/>
  <c r="Q7255" i="5"/>
  <c r="Q7256" i="5"/>
  <c r="Q7257" i="5"/>
  <c r="Q7258" i="5"/>
  <c r="Q7259" i="5"/>
  <c r="Q7260" i="5"/>
  <c r="Q7261" i="5"/>
  <c r="Q7262" i="5"/>
  <c r="Q7263" i="5"/>
  <c r="Q7264" i="5"/>
  <c r="Q7265" i="5"/>
  <c r="Q7266" i="5"/>
  <c r="Q7267" i="5"/>
  <c r="Q7268" i="5"/>
  <c r="Q7269" i="5"/>
  <c r="Q7270" i="5"/>
  <c r="Q7271" i="5"/>
  <c r="Q7272" i="5"/>
  <c r="Q7273" i="5"/>
  <c r="Q7274" i="5"/>
  <c r="Q7275" i="5"/>
  <c r="Q7276" i="5"/>
  <c r="Q7277" i="5"/>
  <c r="Q7278" i="5"/>
  <c r="Q7279" i="5"/>
  <c r="Q7280" i="5"/>
  <c r="Q7281" i="5"/>
  <c r="Q7282" i="5"/>
  <c r="Q7283" i="5"/>
  <c r="Q7284" i="5"/>
  <c r="Q7285" i="5"/>
  <c r="Q7286" i="5"/>
  <c r="Q7287" i="5"/>
  <c r="Q7288" i="5"/>
  <c r="Q7289" i="5"/>
  <c r="Q7290" i="5"/>
  <c r="Q7291" i="5"/>
  <c r="Q7292" i="5"/>
  <c r="Q7293" i="5"/>
  <c r="Q7294" i="5"/>
  <c r="Q7295" i="5"/>
  <c r="Q7296" i="5"/>
  <c r="Q7297" i="5"/>
  <c r="Q7298" i="5"/>
  <c r="Q7299" i="5"/>
  <c r="Q7300" i="5"/>
  <c r="Q7301" i="5"/>
  <c r="Q7302" i="5"/>
  <c r="Q7303" i="5"/>
  <c r="Q7304" i="5"/>
  <c r="Q7305" i="5"/>
  <c r="Q7306" i="5"/>
  <c r="Q7307" i="5"/>
  <c r="Q7308" i="5"/>
  <c r="Q7309" i="5"/>
  <c r="Q7310" i="5"/>
  <c r="Q7311" i="5"/>
  <c r="Q7312" i="5"/>
  <c r="Q7313" i="5"/>
  <c r="Q7314" i="5"/>
  <c r="Q7315" i="5"/>
  <c r="Q7316" i="5"/>
  <c r="Q7317" i="5"/>
  <c r="Q7318" i="5"/>
  <c r="Q7319" i="5"/>
  <c r="Q7320" i="5"/>
  <c r="Q7321" i="5"/>
  <c r="Q7322" i="5"/>
  <c r="Q7323" i="5"/>
  <c r="Q7324" i="5"/>
  <c r="Q7325" i="5"/>
  <c r="Q7326" i="5"/>
  <c r="Q7327" i="5"/>
  <c r="Q7328" i="5"/>
  <c r="Q7329" i="5"/>
  <c r="Q7330" i="5"/>
  <c r="Q7331" i="5"/>
  <c r="Q7332" i="5"/>
  <c r="Q7333" i="5"/>
  <c r="Q7334" i="5"/>
  <c r="Q7335" i="5"/>
  <c r="Q7336" i="5"/>
  <c r="Q7337" i="5"/>
  <c r="Q7338" i="5"/>
  <c r="Q7339" i="5"/>
  <c r="Q7340" i="5"/>
  <c r="Q7341" i="5"/>
  <c r="Q7342" i="5"/>
  <c r="Q7343" i="5"/>
  <c r="Q7344" i="5"/>
  <c r="Q7345" i="5"/>
  <c r="Q7346" i="5"/>
  <c r="Q7347" i="5"/>
  <c r="Q7348" i="5"/>
  <c r="Q7349" i="5"/>
  <c r="Q7350" i="5"/>
  <c r="Q7351" i="5"/>
  <c r="Q7352" i="5"/>
  <c r="Q7353" i="5"/>
  <c r="Q7354" i="5"/>
  <c r="Q7355" i="5"/>
  <c r="Q7356" i="5"/>
  <c r="Q7357" i="5"/>
  <c r="Q7358" i="5"/>
  <c r="Q7359" i="5"/>
  <c r="Q7360" i="5"/>
  <c r="Q7361" i="5"/>
  <c r="Q7362" i="5"/>
  <c r="Q7363" i="5"/>
  <c r="Q7364" i="5"/>
  <c r="Q7365" i="5"/>
  <c r="Q7366" i="5"/>
  <c r="Q7367" i="5"/>
  <c r="Q7368" i="5"/>
  <c r="Q7369" i="5"/>
  <c r="Q7370" i="5"/>
  <c r="Q7371" i="5"/>
  <c r="Q7372" i="5"/>
  <c r="Q7373" i="5"/>
  <c r="Q7374" i="5"/>
  <c r="Q7375" i="5"/>
  <c r="Q7376" i="5"/>
  <c r="Q7377" i="5"/>
  <c r="Q7378" i="5"/>
  <c r="Q7379" i="5"/>
  <c r="Q7380" i="5"/>
  <c r="Q7381" i="5"/>
  <c r="Q7382" i="5"/>
  <c r="Q7383" i="5"/>
  <c r="Q7384" i="5"/>
  <c r="Q7385" i="5"/>
  <c r="Q7386" i="5"/>
  <c r="Q7387" i="5"/>
  <c r="Q7388" i="5"/>
  <c r="Q7389" i="5"/>
  <c r="Q7390" i="5"/>
  <c r="Q7391" i="5"/>
  <c r="Q7392" i="5"/>
  <c r="Q7393" i="5"/>
  <c r="Q7394" i="5"/>
  <c r="Q7395" i="5"/>
  <c r="Q7396" i="5"/>
  <c r="Q7397" i="5"/>
  <c r="Q7398" i="5"/>
  <c r="Q7399" i="5"/>
  <c r="Q7400" i="5"/>
  <c r="Q7401" i="5"/>
  <c r="Q7402" i="5"/>
  <c r="Q7403" i="5"/>
  <c r="Q7404" i="5"/>
  <c r="Q7405" i="5"/>
  <c r="Q7406" i="5"/>
  <c r="Q7407" i="5"/>
  <c r="Q7408" i="5"/>
  <c r="Q7409" i="5"/>
  <c r="Q7410" i="5"/>
  <c r="Q7411" i="5"/>
  <c r="Q7412" i="5"/>
  <c r="Q7413" i="5"/>
  <c r="Q7414" i="5"/>
  <c r="Q7415" i="5"/>
  <c r="Q7416" i="5"/>
  <c r="Q7417" i="5"/>
  <c r="Q7418" i="5"/>
  <c r="Q7419" i="5"/>
  <c r="Q7420" i="5"/>
  <c r="Q7421" i="5"/>
  <c r="Q7422" i="5"/>
  <c r="Q7423" i="5"/>
  <c r="Q7424" i="5"/>
  <c r="Q7425" i="5"/>
  <c r="Q7426" i="5"/>
  <c r="Q7427" i="5"/>
  <c r="Q7428" i="5"/>
  <c r="Q7429" i="5"/>
  <c r="Q7430" i="5"/>
  <c r="Q7431" i="5"/>
  <c r="Q7432" i="5"/>
  <c r="Q7433" i="5"/>
  <c r="Q7434" i="5"/>
  <c r="Q7435" i="5"/>
  <c r="Q7436" i="5"/>
  <c r="Q7437" i="5"/>
  <c r="Q7438" i="5"/>
  <c r="Q7439" i="5"/>
  <c r="Q7440" i="5"/>
  <c r="Q7441" i="5"/>
  <c r="Q7442" i="5"/>
  <c r="Q7443" i="5"/>
  <c r="Q7444" i="5"/>
  <c r="Q7445" i="5"/>
  <c r="Q7446" i="5"/>
  <c r="Q7447" i="5"/>
  <c r="Q7448" i="5"/>
  <c r="Q7449" i="5"/>
  <c r="Q7450" i="5"/>
  <c r="Q7451" i="5"/>
  <c r="Q7452" i="5"/>
  <c r="Q7453" i="5"/>
  <c r="Q7454" i="5"/>
  <c r="Q7455" i="5"/>
  <c r="Q7456" i="5"/>
  <c r="Q7457" i="5"/>
  <c r="Q7458" i="5"/>
  <c r="Q7459" i="5"/>
  <c r="Q7460" i="5"/>
  <c r="Q7461" i="5"/>
  <c r="Q7462" i="5"/>
  <c r="Q7463" i="5"/>
  <c r="Q7464" i="5"/>
  <c r="Q7465" i="5"/>
  <c r="Q7466" i="5"/>
  <c r="Q7467" i="5"/>
  <c r="Q7468" i="5"/>
  <c r="Q7469" i="5"/>
  <c r="Q7470" i="5"/>
  <c r="Q7471" i="5"/>
  <c r="Q7472" i="5"/>
  <c r="Q7473" i="5"/>
  <c r="Q7474" i="5"/>
  <c r="Q7475" i="5"/>
  <c r="Q7476" i="5"/>
  <c r="Q7477" i="5"/>
  <c r="Q7478" i="5"/>
  <c r="Q7479" i="5"/>
  <c r="Q7480" i="5"/>
  <c r="Q7481" i="5"/>
  <c r="Q7482" i="5"/>
  <c r="Q7483" i="5"/>
  <c r="Q7484" i="5"/>
  <c r="Q7485" i="5"/>
  <c r="Q7486" i="5"/>
  <c r="Q7487" i="5"/>
  <c r="Q7488" i="5"/>
  <c r="Q7489" i="5"/>
  <c r="Q7490" i="5"/>
  <c r="Q7491" i="5"/>
  <c r="Q7492" i="5"/>
  <c r="Q7493" i="5"/>
  <c r="Q7494" i="5"/>
  <c r="Q7495" i="5"/>
  <c r="Q7496" i="5"/>
  <c r="Q7497" i="5"/>
  <c r="Q7498" i="5"/>
  <c r="Q7499" i="5"/>
  <c r="Q7500" i="5"/>
  <c r="Q7501" i="5"/>
  <c r="Q7502" i="5"/>
  <c r="Q7503" i="5"/>
  <c r="Q7504" i="5"/>
  <c r="Q7505" i="5"/>
  <c r="Q7506" i="5"/>
  <c r="Q7507" i="5"/>
  <c r="Q7508" i="5"/>
  <c r="Q7509" i="5"/>
  <c r="Q7510" i="5"/>
  <c r="Q7511" i="5"/>
  <c r="Q7512" i="5"/>
  <c r="Q7513" i="5"/>
  <c r="Q7514" i="5"/>
  <c r="Q7515" i="5"/>
  <c r="Q7516" i="5"/>
  <c r="Q7517" i="5"/>
  <c r="Q7518" i="5"/>
  <c r="Q7519" i="5"/>
  <c r="Q7520" i="5"/>
  <c r="Q7521" i="5"/>
  <c r="Q7522" i="5"/>
  <c r="Q7523" i="5"/>
  <c r="Q7524" i="5"/>
  <c r="Q7525" i="5"/>
  <c r="Q7526" i="5"/>
  <c r="Q7527" i="5"/>
  <c r="Q7528" i="5"/>
  <c r="Q7529" i="5"/>
  <c r="Q7530" i="5"/>
  <c r="Q7531" i="5"/>
  <c r="Q7532" i="5"/>
  <c r="Q7533" i="5"/>
  <c r="Q7534" i="5"/>
  <c r="Q7535" i="5"/>
  <c r="Q7536" i="5"/>
  <c r="Q7537" i="5"/>
  <c r="Q7538" i="5"/>
  <c r="Q7539" i="5"/>
  <c r="Q7540" i="5"/>
  <c r="Q7541" i="5"/>
  <c r="Q7542" i="5"/>
  <c r="Q7543" i="5"/>
  <c r="Q7544" i="5"/>
  <c r="Q7545" i="5"/>
  <c r="Q7546" i="5"/>
  <c r="Q7547" i="5"/>
  <c r="Q7548" i="5"/>
  <c r="Q7549" i="5"/>
  <c r="Q7550" i="5"/>
  <c r="Q7551" i="5"/>
  <c r="Q7552" i="5"/>
  <c r="Q7553" i="5"/>
  <c r="Q7554" i="5"/>
  <c r="Q7555" i="5"/>
  <c r="Q7556" i="5"/>
  <c r="Q7557" i="5"/>
  <c r="Q7558" i="5"/>
  <c r="Q7559" i="5"/>
  <c r="Q7560" i="5"/>
  <c r="Q7561" i="5"/>
  <c r="Q7562" i="5"/>
  <c r="Q7563" i="5"/>
  <c r="Q7564" i="5"/>
  <c r="Q7565" i="5"/>
  <c r="Q7566" i="5"/>
  <c r="Q7567" i="5"/>
  <c r="Q7568" i="5"/>
  <c r="Q7569" i="5"/>
  <c r="Q7570" i="5"/>
  <c r="Q7571" i="5"/>
  <c r="Q7572" i="5"/>
  <c r="Q7573" i="5"/>
  <c r="Q7574" i="5"/>
  <c r="Q7575" i="5"/>
  <c r="Q7576" i="5"/>
  <c r="Q7577" i="5"/>
  <c r="Q7578" i="5"/>
  <c r="Q7579" i="5"/>
  <c r="Q7580" i="5"/>
  <c r="Q7581" i="5"/>
  <c r="Q7582" i="5"/>
  <c r="Q7583" i="5"/>
  <c r="Q7584" i="5"/>
  <c r="Q7585" i="5"/>
  <c r="Q7586" i="5"/>
  <c r="Q7587" i="5"/>
  <c r="Q7588" i="5"/>
  <c r="Q7589" i="5"/>
  <c r="Q7590" i="5"/>
  <c r="Q7591" i="5"/>
  <c r="Q7592" i="5"/>
  <c r="Q7593" i="5"/>
  <c r="Q7594" i="5"/>
  <c r="Q7595" i="5"/>
  <c r="Q7596" i="5"/>
  <c r="Q7597" i="5"/>
  <c r="Q7598" i="5"/>
  <c r="Q7599" i="5"/>
  <c r="Q7600" i="5"/>
  <c r="Q7601" i="5"/>
  <c r="Q7602" i="5"/>
  <c r="Q7603" i="5"/>
  <c r="Q7604" i="5"/>
  <c r="Q7605" i="5"/>
  <c r="Q7606" i="5"/>
  <c r="Q7607" i="5"/>
  <c r="Q7608" i="5"/>
  <c r="Q7609" i="5"/>
  <c r="Q7610" i="5"/>
  <c r="Q7611" i="5"/>
  <c r="Q7612" i="5"/>
  <c r="Q7613" i="5"/>
  <c r="Q7614" i="5"/>
  <c r="Q7615" i="5"/>
  <c r="Q7616" i="5"/>
  <c r="Q7617" i="5"/>
  <c r="Q7618" i="5"/>
  <c r="Q7619" i="5"/>
  <c r="Q7620" i="5"/>
  <c r="Q7621" i="5"/>
  <c r="Q7622" i="5"/>
  <c r="Q7623" i="5"/>
  <c r="Q7624" i="5"/>
  <c r="Q7625" i="5"/>
  <c r="Q7626" i="5"/>
  <c r="Q7627" i="5"/>
  <c r="Q7628" i="5"/>
  <c r="Q7629" i="5"/>
  <c r="Q7630" i="5"/>
  <c r="Q7631" i="5"/>
  <c r="Q7632" i="5"/>
  <c r="Q7633" i="5"/>
  <c r="Q7634" i="5"/>
  <c r="Q7635" i="5"/>
  <c r="Q7636" i="5"/>
  <c r="Q7637" i="5"/>
  <c r="Q7638" i="5"/>
  <c r="Q7639" i="5"/>
  <c r="Q7640" i="5"/>
  <c r="Q7641" i="5"/>
  <c r="Q7642" i="5"/>
  <c r="Q7643" i="5"/>
  <c r="Q7644" i="5"/>
  <c r="Q7645" i="5"/>
  <c r="Q7646" i="5"/>
  <c r="Q7647" i="5"/>
  <c r="Q7648" i="5"/>
  <c r="Q7649" i="5"/>
  <c r="Q7650" i="5"/>
  <c r="Q7651" i="5"/>
  <c r="Q7652" i="5"/>
  <c r="Q7653" i="5"/>
  <c r="Q7654" i="5"/>
  <c r="Q7655" i="5"/>
  <c r="Q7656" i="5"/>
  <c r="Q7657" i="5"/>
  <c r="Q7658" i="5"/>
  <c r="Q7659" i="5"/>
  <c r="Q7660" i="5"/>
  <c r="Q7661" i="5"/>
  <c r="Q7662" i="5"/>
  <c r="Q7663" i="5"/>
  <c r="Q7664" i="5"/>
  <c r="Q7665" i="5"/>
  <c r="Q7666" i="5"/>
  <c r="Q7667" i="5"/>
  <c r="Q7668" i="5"/>
  <c r="Q7669" i="5"/>
  <c r="Q7670" i="5"/>
  <c r="Q7671" i="5"/>
  <c r="Q7672" i="5"/>
  <c r="Q7673" i="5"/>
  <c r="Q7674" i="5"/>
  <c r="Q7675" i="5"/>
  <c r="Q7676" i="5"/>
  <c r="Q7677" i="5"/>
  <c r="Q7678" i="5"/>
  <c r="Q7679" i="5"/>
  <c r="Q7680" i="5"/>
  <c r="Q7681" i="5"/>
  <c r="Q7682" i="5"/>
  <c r="Q7683" i="5"/>
  <c r="Q7684" i="5"/>
  <c r="Q7685" i="5"/>
  <c r="Q7686" i="5"/>
  <c r="Q7687" i="5"/>
  <c r="Q7688" i="5"/>
  <c r="Q7689" i="5"/>
  <c r="Q7690" i="5"/>
  <c r="Q7691" i="5"/>
  <c r="Q7692" i="5"/>
  <c r="Q7693" i="5"/>
  <c r="Q7694" i="5"/>
  <c r="Q7695" i="5"/>
  <c r="Q7696" i="5"/>
  <c r="Q7697" i="5"/>
  <c r="Q7698" i="5"/>
  <c r="Q7699" i="5"/>
  <c r="Q7700" i="5"/>
  <c r="Q7701" i="5"/>
  <c r="Q7702" i="5"/>
  <c r="Q7703" i="5"/>
  <c r="Q7704" i="5"/>
  <c r="Q7705" i="5"/>
  <c r="Q7706" i="5"/>
  <c r="Q7707" i="5"/>
  <c r="Q7708" i="5"/>
  <c r="Q7709" i="5"/>
  <c r="Q7710" i="5"/>
  <c r="Q7711" i="5"/>
  <c r="Q7712" i="5"/>
  <c r="Q7713" i="5"/>
  <c r="Q7714" i="5"/>
  <c r="Q7715" i="5"/>
  <c r="Q7716" i="5"/>
  <c r="Q7717" i="5"/>
  <c r="Q7718" i="5"/>
  <c r="Q7719" i="5"/>
  <c r="Q7720" i="5"/>
  <c r="Q7721" i="5"/>
  <c r="Q7722" i="5"/>
  <c r="Q7723" i="5"/>
  <c r="Q7724" i="5"/>
  <c r="Q7725" i="5"/>
  <c r="Q7726" i="5"/>
  <c r="Q7727" i="5"/>
  <c r="Q7728" i="5"/>
  <c r="Q7729" i="5"/>
  <c r="Q7730" i="5"/>
  <c r="Q7731" i="5"/>
  <c r="Q7732" i="5"/>
  <c r="Q7733" i="5"/>
  <c r="Q7734" i="5"/>
  <c r="Q7735" i="5"/>
  <c r="Q7736" i="5"/>
  <c r="Q7737" i="5"/>
  <c r="Q7738" i="5"/>
  <c r="Q7739" i="5"/>
  <c r="Q7740" i="5"/>
  <c r="Q7741" i="5"/>
  <c r="Q7742" i="5"/>
  <c r="Q7743" i="5"/>
  <c r="Q7744" i="5"/>
  <c r="Q7745" i="5"/>
  <c r="Q7746" i="5"/>
  <c r="Q7747" i="5"/>
  <c r="Q7748" i="5"/>
  <c r="Q7749" i="5"/>
  <c r="Q7750" i="5"/>
  <c r="Q7751" i="5"/>
  <c r="Q7752" i="5"/>
  <c r="Q7753" i="5"/>
  <c r="Q7754" i="5"/>
  <c r="Q7755" i="5"/>
  <c r="Q7756" i="5"/>
  <c r="Q7757" i="5"/>
  <c r="Q7758" i="5"/>
  <c r="Q7759" i="5"/>
  <c r="Q7760" i="5"/>
  <c r="Q7761" i="5"/>
  <c r="Q7762" i="5"/>
  <c r="Q7763" i="5"/>
  <c r="Q7764" i="5"/>
  <c r="Q7765" i="5"/>
  <c r="Q7766" i="5"/>
  <c r="Q7767" i="5"/>
  <c r="Q7768" i="5"/>
  <c r="Q7769" i="5"/>
  <c r="Q7770" i="5"/>
  <c r="Q7771" i="5"/>
  <c r="Q7772" i="5"/>
  <c r="Q7773" i="5"/>
  <c r="Q7774" i="5"/>
  <c r="Q7775" i="5"/>
  <c r="Q7776" i="5"/>
  <c r="Q7777" i="5"/>
  <c r="Q7778" i="5"/>
  <c r="Q7779" i="5"/>
  <c r="Q7780" i="5"/>
  <c r="Q7781" i="5"/>
  <c r="Q7782" i="5"/>
  <c r="Q7783" i="5"/>
  <c r="Q7784" i="5"/>
  <c r="Q7785" i="5"/>
  <c r="Q7786" i="5"/>
  <c r="Q7787" i="5"/>
  <c r="Q7788" i="5"/>
  <c r="Q7789" i="5"/>
  <c r="Q7790" i="5"/>
  <c r="Q7791" i="5"/>
  <c r="Q7792" i="5"/>
  <c r="Q7793" i="5"/>
  <c r="Q7794" i="5"/>
  <c r="Q7795" i="5"/>
  <c r="Q7796" i="5"/>
  <c r="Q7797" i="5"/>
  <c r="Q7798" i="5"/>
  <c r="Q7799" i="5"/>
  <c r="Q7800" i="5"/>
  <c r="Q7801" i="5"/>
  <c r="Q7802" i="5"/>
  <c r="Q7803" i="5"/>
  <c r="Q7804" i="5"/>
  <c r="Q7805" i="5"/>
  <c r="Q7806" i="5"/>
  <c r="Q7807" i="5"/>
  <c r="Q7808" i="5"/>
  <c r="Q7809" i="5"/>
  <c r="Q7810" i="5"/>
  <c r="Q7811" i="5"/>
  <c r="Q7812" i="5"/>
  <c r="Q7813" i="5"/>
  <c r="Q7814" i="5"/>
  <c r="Q7815" i="5"/>
  <c r="Q7816" i="5"/>
  <c r="Q7817" i="5"/>
  <c r="Q7818" i="5"/>
  <c r="Q7819" i="5"/>
  <c r="Q7820" i="5"/>
  <c r="Q7821" i="5"/>
  <c r="Q7822" i="5"/>
  <c r="Q7823" i="5"/>
  <c r="Q7824" i="5"/>
  <c r="Q7825" i="5"/>
  <c r="Q7826" i="5"/>
  <c r="Q7827" i="5"/>
  <c r="Q7828" i="5"/>
  <c r="Q7829" i="5"/>
  <c r="Q7830" i="5"/>
  <c r="Q7831" i="5"/>
  <c r="Q7832" i="5"/>
  <c r="Q7833" i="5"/>
  <c r="Q7834" i="5"/>
  <c r="Q7835" i="5"/>
  <c r="Q7836" i="5"/>
  <c r="Q7837" i="5"/>
  <c r="Q7838" i="5"/>
  <c r="Q7839" i="5"/>
  <c r="Q7840" i="5"/>
  <c r="Q7841" i="5"/>
  <c r="Q7842" i="5"/>
  <c r="Q7843" i="5"/>
  <c r="Q7844" i="5"/>
  <c r="Q7845" i="5"/>
  <c r="Q7846" i="5"/>
  <c r="Q7847" i="5"/>
  <c r="Q7848" i="5"/>
  <c r="Q7849" i="5"/>
  <c r="Q7850" i="5"/>
  <c r="Q7851" i="5"/>
  <c r="Q7852" i="5"/>
  <c r="Q7853" i="5"/>
  <c r="Q7854" i="5"/>
  <c r="Q7855" i="5"/>
  <c r="Q7856" i="5"/>
  <c r="Q7857" i="5"/>
  <c r="Q7858" i="5"/>
  <c r="Q7859" i="5"/>
  <c r="Q7860" i="5"/>
  <c r="Q7861" i="5"/>
  <c r="Q7862" i="5"/>
  <c r="Q7863" i="5"/>
  <c r="Q7864" i="5"/>
  <c r="Q7865" i="5"/>
  <c r="Q7866" i="5"/>
  <c r="Q7867" i="5"/>
  <c r="Q7868" i="5"/>
  <c r="Q7869" i="5"/>
  <c r="Q7870" i="5"/>
  <c r="Q7871" i="5"/>
  <c r="Q7872" i="5"/>
  <c r="Q7873" i="5"/>
  <c r="Q7874" i="5"/>
  <c r="Q7875" i="5"/>
  <c r="Q7876" i="5"/>
  <c r="Q7877" i="5"/>
  <c r="Q7878" i="5"/>
  <c r="Q7879" i="5"/>
  <c r="Q7880" i="5"/>
  <c r="Q7881" i="5"/>
  <c r="Q7882" i="5"/>
  <c r="Q7883" i="5"/>
  <c r="Q7884" i="5"/>
  <c r="Q7885" i="5"/>
  <c r="Q7886" i="5"/>
  <c r="Q7887" i="5"/>
  <c r="Q7888" i="5"/>
  <c r="Q7889" i="5"/>
  <c r="Q7890" i="5"/>
  <c r="Q7891" i="5"/>
  <c r="Q7892" i="5"/>
  <c r="Q7893" i="5"/>
  <c r="Q7894" i="5"/>
  <c r="Q7895" i="5"/>
  <c r="Q7896" i="5"/>
  <c r="Q7897" i="5"/>
  <c r="Q7898" i="5"/>
  <c r="Q7899" i="5"/>
  <c r="Q7900" i="5"/>
  <c r="Q7901" i="5"/>
  <c r="Q7902" i="5"/>
  <c r="Q7903" i="5"/>
  <c r="Q7904" i="5"/>
  <c r="Q7905" i="5"/>
  <c r="Q7906" i="5"/>
  <c r="Q7907" i="5"/>
  <c r="Q7908" i="5"/>
  <c r="Q7909" i="5"/>
  <c r="Q7910" i="5"/>
  <c r="Q7911" i="5"/>
  <c r="Q7912" i="5"/>
  <c r="Q7913" i="5"/>
  <c r="Q7914" i="5"/>
  <c r="Q7915" i="5"/>
  <c r="Q7916" i="5"/>
  <c r="Q7917" i="5"/>
  <c r="Q7918" i="5"/>
  <c r="Q7919" i="5"/>
  <c r="Q7920" i="5"/>
  <c r="Q7921" i="5"/>
  <c r="Q7922" i="5"/>
  <c r="Q7923" i="5"/>
  <c r="Q7924" i="5"/>
  <c r="Q7925" i="5"/>
  <c r="Q7926" i="5"/>
  <c r="Q7927" i="5"/>
  <c r="Q7928" i="5"/>
  <c r="Q7929" i="5"/>
  <c r="Q7930" i="5"/>
  <c r="Q7931" i="5"/>
  <c r="Q7932" i="5"/>
  <c r="Q7933" i="5"/>
  <c r="Q7934" i="5"/>
  <c r="Q7935" i="5"/>
  <c r="Q7936" i="5"/>
  <c r="Q7937" i="5"/>
  <c r="Q7938" i="5"/>
  <c r="Q7939" i="5"/>
  <c r="Q7940" i="5"/>
  <c r="Q7941" i="5"/>
  <c r="Q7942" i="5"/>
  <c r="Q7943" i="5"/>
  <c r="Q7944" i="5"/>
  <c r="Q7945" i="5"/>
  <c r="Q7946" i="5"/>
  <c r="Q7947" i="5"/>
  <c r="Q7948" i="5"/>
  <c r="Q7949" i="5"/>
  <c r="Q7950" i="5"/>
  <c r="Q7951" i="5"/>
  <c r="Q7952" i="5"/>
  <c r="Q7953" i="5"/>
  <c r="Q7954" i="5"/>
  <c r="Q7955" i="5"/>
  <c r="Q7956" i="5"/>
  <c r="Q7957" i="5"/>
  <c r="Q7958" i="5"/>
  <c r="Q7959" i="5"/>
  <c r="Q7960" i="5"/>
  <c r="Q7961" i="5"/>
  <c r="Q7962" i="5"/>
  <c r="Q7963" i="5"/>
  <c r="Q7964" i="5"/>
  <c r="Q7965" i="5"/>
  <c r="Q7966" i="5"/>
  <c r="Q7967" i="5"/>
  <c r="Q7968" i="5"/>
  <c r="Q7969" i="5"/>
  <c r="Q7970" i="5"/>
  <c r="Q7971" i="5"/>
  <c r="Q7972" i="5"/>
  <c r="Q7973" i="5"/>
  <c r="Q7974" i="5"/>
  <c r="Q7975" i="5"/>
  <c r="Q7976" i="5"/>
  <c r="Q7977" i="5"/>
  <c r="Q7978" i="5"/>
  <c r="Q7979" i="5"/>
  <c r="Q7980" i="5"/>
  <c r="Q7981" i="5"/>
  <c r="Q7982" i="5"/>
  <c r="Q7983" i="5"/>
  <c r="Q7984" i="5"/>
  <c r="Q7985" i="5"/>
  <c r="Q7986" i="5"/>
  <c r="Q7987" i="5"/>
  <c r="Q7988" i="5"/>
  <c r="Q7989" i="5"/>
  <c r="Q7990" i="5"/>
  <c r="Q7991" i="5"/>
  <c r="Q7992" i="5"/>
  <c r="Q7993" i="5"/>
  <c r="Q7994" i="5"/>
  <c r="Q7995" i="5"/>
  <c r="Q7996" i="5"/>
  <c r="Q7997" i="5"/>
  <c r="Q7998" i="5"/>
  <c r="Q7999" i="5"/>
  <c r="Q8000" i="5"/>
  <c r="Q8001" i="5"/>
  <c r="Q8002" i="5"/>
  <c r="Q8003" i="5"/>
  <c r="Q8004" i="5"/>
  <c r="Q8005" i="5"/>
  <c r="Q8006" i="5"/>
  <c r="Q8007" i="5"/>
  <c r="Q8008" i="5"/>
  <c r="Q8009" i="5"/>
  <c r="Q8010" i="5"/>
  <c r="Q8011" i="5"/>
  <c r="Q8012" i="5"/>
  <c r="Q8013" i="5"/>
  <c r="Q8014" i="5"/>
  <c r="Q8015" i="5"/>
  <c r="Q8016" i="5"/>
  <c r="Q8017" i="5"/>
  <c r="Q8018" i="5"/>
  <c r="Q8019" i="5"/>
  <c r="Q8020" i="5"/>
  <c r="Q8021" i="5"/>
  <c r="Q8022" i="5"/>
  <c r="Q8023" i="5"/>
  <c r="Q8024" i="5"/>
  <c r="Q8025" i="5"/>
  <c r="Q8026" i="5"/>
  <c r="Q8027" i="5"/>
  <c r="Q8028" i="5"/>
  <c r="Q8029" i="5"/>
  <c r="Q8030" i="5"/>
  <c r="Q8031" i="5"/>
  <c r="Q8032" i="5"/>
  <c r="Q8033" i="5"/>
  <c r="Q8034" i="5"/>
  <c r="Q8035" i="5"/>
  <c r="Q8036" i="5"/>
  <c r="Q8037" i="5"/>
  <c r="Q8038" i="5"/>
  <c r="Q8039" i="5"/>
  <c r="Q8040" i="5"/>
  <c r="Q8041" i="5"/>
  <c r="Q8042" i="5"/>
  <c r="Q8043" i="5"/>
  <c r="Q8044" i="5"/>
  <c r="Q8045" i="5"/>
  <c r="Q8046" i="5"/>
  <c r="Q8047" i="5"/>
  <c r="Q8048" i="5"/>
  <c r="Q8049" i="5"/>
  <c r="Q8050" i="5"/>
  <c r="Q8051" i="5"/>
  <c r="Q8052" i="5"/>
  <c r="Q8053" i="5"/>
  <c r="Q8054" i="5"/>
  <c r="Q8055" i="5"/>
  <c r="Q8056" i="5"/>
  <c r="Q8057" i="5"/>
  <c r="Q8058" i="5"/>
  <c r="Q8059" i="5"/>
  <c r="Q8060" i="5"/>
  <c r="Q8061" i="5"/>
  <c r="Q8062" i="5"/>
  <c r="Q8063" i="5"/>
  <c r="Q8064" i="5"/>
  <c r="Q8065" i="5"/>
  <c r="Q8066" i="5"/>
  <c r="Q8067" i="5"/>
  <c r="Q8068" i="5"/>
  <c r="Q8069" i="5"/>
  <c r="Q8070" i="5"/>
  <c r="Q8071" i="5"/>
  <c r="Q8072" i="5"/>
  <c r="Q8073" i="5"/>
  <c r="Q8074" i="5"/>
  <c r="Q8075" i="5"/>
  <c r="Q8076" i="5"/>
  <c r="Q8077" i="5"/>
  <c r="Q8078" i="5"/>
  <c r="Q8079" i="5"/>
  <c r="Q8080" i="5"/>
  <c r="Q8081" i="5"/>
  <c r="Q8082" i="5"/>
  <c r="Q8083" i="5"/>
  <c r="Q8084" i="5"/>
  <c r="Q8085" i="5"/>
  <c r="Q8086" i="5"/>
  <c r="Q8087" i="5"/>
  <c r="Q8088" i="5"/>
  <c r="Q8089" i="5"/>
  <c r="Q8090" i="5"/>
  <c r="Q8091" i="5"/>
  <c r="Q8092" i="5"/>
  <c r="Q8093" i="5"/>
  <c r="Q8094" i="5"/>
  <c r="Q8095" i="5"/>
  <c r="Q8096" i="5"/>
  <c r="Q8097" i="5"/>
  <c r="Q8098" i="5"/>
  <c r="Q8099" i="5"/>
  <c r="Q8100" i="5"/>
  <c r="Q8101" i="5"/>
  <c r="Q8102" i="5"/>
  <c r="Q8103" i="5"/>
  <c r="Q8104" i="5"/>
  <c r="Q8105" i="5"/>
  <c r="Q8106" i="5"/>
  <c r="Q8107" i="5"/>
  <c r="Q8108" i="5"/>
  <c r="Q8109" i="5"/>
  <c r="Q8110" i="5"/>
  <c r="Q8111" i="5"/>
  <c r="Q8112" i="5"/>
  <c r="Q8113" i="5"/>
  <c r="Q8114" i="5"/>
  <c r="Q8115" i="5"/>
  <c r="Q8116" i="5"/>
  <c r="Q8117" i="5"/>
  <c r="Q8118" i="5"/>
  <c r="Q8119" i="5"/>
  <c r="Q8120" i="5"/>
  <c r="Q8121" i="5"/>
  <c r="Q8122" i="5"/>
  <c r="Q8123" i="5"/>
  <c r="Q8124" i="5"/>
  <c r="Q8125" i="5"/>
  <c r="Q8126" i="5"/>
  <c r="Q8127" i="5"/>
  <c r="Q8128" i="5"/>
  <c r="Q8129" i="5"/>
  <c r="Q8130" i="5"/>
  <c r="Q8131" i="5"/>
  <c r="Q8132" i="5"/>
  <c r="Q8133" i="5"/>
  <c r="Q8134" i="5"/>
  <c r="Q8135" i="5"/>
  <c r="Q8136" i="5"/>
  <c r="Q8137" i="5"/>
  <c r="Q8138" i="5"/>
  <c r="Q8139" i="5"/>
  <c r="Q8140" i="5"/>
  <c r="Q8141" i="5"/>
  <c r="Q8142" i="5"/>
  <c r="Q8143" i="5"/>
  <c r="Q8144" i="5"/>
  <c r="Q8145" i="5"/>
  <c r="Q8146" i="5"/>
  <c r="Q8147" i="5"/>
  <c r="Q8148" i="5"/>
  <c r="Q8149" i="5"/>
  <c r="Q8150" i="5"/>
  <c r="Q8151" i="5"/>
  <c r="Q8152" i="5"/>
  <c r="Q8153" i="5"/>
  <c r="Q8154" i="5"/>
  <c r="Q8155" i="5"/>
  <c r="Q8156" i="5"/>
  <c r="Q8157" i="5"/>
  <c r="Q8158" i="5"/>
  <c r="Q8159" i="5"/>
  <c r="Q8160" i="5"/>
  <c r="Q8161" i="5"/>
  <c r="Q8162" i="5"/>
  <c r="Q8163" i="5"/>
  <c r="Q8164" i="5"/>
  <c r="Q8165" i="5"/>
  <c r="Q8166" i="5"/>
  <c r="Q8167" i="5"/>
  <c r="Q8168" i="5"/>
  <c r="Q8169" i="5"/>
  <c r="Q8170" i="5"/>
  <c r="Q8171" i="5"/>
  <c r="Q8172" i="5"/>
  <c r="Q8173" i="5"/>
  <c r="Q8174" i="5"/>
  <c r="Q8175" i="5"/>
  <c r="Q8176" i="5"/>
  <c r="Q8177" i="5"/>
  <c r="Q8178" i="5"/>
  <c r="Q8179" i="5"/>
  <c r="Q8180" i="5"/>
  <c r="Q8181" i="5"/>
  <c r="Q8182" i="5"/>
  <c r="Q8183" i="5"/>
  <c r="Q8184" i="5"/>
  <c r="Q8185" i="5"/>
  <c r="Q8186" i="5"/>
  <c r="Q8187" i="5"/>
  <c r="Q8188" i="5"/>
  <c r="Q8189" i="5"/>
  <c r="Q8190" i="5"/>
  <c r="Q8191" i="5"/>
  <c r="Q8192" i="5"/>
  <c r="Q8193" i="5"/>
  <c r="Q8194" i="5"/>
  <c r="Q8195" i="5"/>
  <c r="Q8196" i="5"/>
  <c r="Q8197" i="5"/>
  <c r="Q8198" i="5"/>
  <c r="Q8199" i="5"/>
  <c r="Q8200" i="5"/>
  <c r="Q8201" i="5"/>
  <c r="Q8202" i="5"/>
  <c r="Q8203" i="5"/>
  <c r="Q8204" i="5"/>
  <c r="Q8205" i="5"/>
  <c r="Q8206" i="5"/>
  <c r="Q8207" i="5"/>
  <c r="Q8208" i="5"/>
  <c r="Q8209" i="5"/>
  <c r="Q8210" i="5"/>
  <c r="Q8211" i="5"/>
  <c r="Q8212" i="5"/>
  <c r="Q8213" i="5"/>
  <c r="Q8214" i="5"/>
  <c r="Q8215" i="5"/>
  <c r="Q8216" i="5"/>
  <c r="Q8217" i="5"/>
  <c r="Q8218" i="5"/>
  <c r="Q8219" i="5"/>
  <c r="Q8220" i="5"/>
  <c r="Q8221" i="5"/>
  <c r="Q8222" i="5"/>
  <c r="Q8223" i="5"/>
  <c r="Q8224" i="5"/>
  <c r="Q8225" i="5"/>
  <c r="Q8226" i="5"/>
  <c r="Q8227" i="5"/>
  <c r="Q8228" i="5"/>
  <c r="Q8229" i="5"/>
  <c r="Q8230" i="5"/>
  <c r="Q8231" i="5"/>
  <c r="Q8232" i="5"/>
  <c r="Q8233" i="5"/>
  <c r="Q8234" i="5"/>
  <c r="Q8235" i="5"/>
  <c r="Q8236" i="5"/>
  <c r="Q8237" i="5"/>
  <c r="Q8238" i="5"/>
  <c r="Q8239" i="5"/>
  <c r="Q8240" i="5"/>
  <c r="Q8241" i="5"/>
  <c r="Q8242" i="5"/>
  <c r="Q8243" i="5"/>
  <c r="Q8244" i="5"/>
  <c r="Q8245" i="5"/>
  <c r="Q8246" i="5"/>
  <c r="Q8247" i="5"/>
  <c r="Q8248" i="5"/>
  <c r="Q8249" i="5"/>
  <c r="Q8250" i="5"/>
  <c r="Q8251" i="5"/>
  <c r="Q8252" i="5"/>
  <c r="Q8253" i="5"/>
  <c r="Q8254" i="5"/>
  <c r="Q8255" i="5"/>
  <c r="Q8256" i="5"/>
  <c r="Q8257" i="5"/>
  <c r="Q8258" i="5"/>
  <c r="Q8259" i="5"/>
  <c r="Q8260" i="5"/>
  <c r="Q8261" i="5"/>
  <c r="Q8262" i="5"/>
  <c r="Q8263" i="5"/>
  <c r="Q8264" i="5"/>
  <c r="Q8265" i="5"/>
  <c r="Q8266" i="5"/>
  <c r="Q8267" i="5"/>
  <c r="Q8268" i="5"/>
  <c r="Q8269" i="5"/>
  <c r="Q8270" i="5"/>
  <c r="Q8271" i="5"/>
  <c r="Q8272" i="5"/>
  <c r="Q8273" i="5"/>
  <c r="Q8274" i="5"/>
  <c r="Q8275" i="5"/>
  <c r="Q8276" i="5"/>
  <c r="Q8277" i="5"/>
  <c r="Q8278" i="5"/>
  <c r="Q8279" i="5"/>
  <c r="Q8280" i="5"/>
  <c r="Q8281" i="5"/>
  <c r="Q8282" i="5"/>
  <c r="Q8283" i="5"/>
  <c r="Q8284" i="5"/>
  <c r="Q8285" i="5"/>
  <c r="Q8286" i="5"/>
  <c r="Q8287" i="5"/>
  <c r="Q8288" i="5"/>
  <c r="Q8289" i="5"/>
  <c r="Q8290" i="5"/>
  <c r="Q8291" i="5"/>
  <c r="Q8292" i="5"/>
  <c r="Q8293" i="5"/>
  <c r="Q8294" i="5"/>
  <c r="Q8295" i="5"/>
  <c r="Q8296" i="5"/>
  <c r="Q8297" i="5"/>
  <c r="Q8298" i="5"/>
  <c r="Q8299" i="5"/>
  <c r="Q8300" i="5"/>
  <c r="Q8301" i="5"/>
  <c r="Q8302" i="5"/>
  <c r="Q8303" i="5"/>
  <c r="Q8304" i="5"/>
  <c r="Q8305" i="5"/>
  <c r="Q8306" i="5"/>
  <c r="Q8307" i="5"/>
  <c r="Q8308" i="5"/>
  <c r="Q8309" i="5"/>
  <c r="Q8310" i="5"/>
  <c r="Q8311" i="5"/>
  <c r="Q8312" i="5"/>
  <c r="Q8313" i="5"/>
  <c r="Q8314" i="5"/>
  <c r="Q8315" i="5"/>
  <c r="Q8316" i="5"/>
  <c r="Q8317" i="5"/>
  <c r="Q8318" i="5"/>
  <c r="Q8319" i="5"/>
  <c r="Q8320" i="5"/>
  <c r="Q8321" i="5"/>
  <c r="Q8322" i="5"/>
  <c r="Q8323" i="5"/>
  <c r="Q8324" i="5"/>
  <c r="Q8325" i="5"/>
  <c r="Q8326" i="5"/>
  <c r="Q8327" i="5"/>
  <c r="Q8328" i="5"/>
  <c r="Q8329" i="5"/>
  <c r="Q8330" i="5"/>
  <c r="Q8331" i="5"/>
  <c r="Q8332" i="5"/>
  <c r="Q8333" i="5"/>
  <c r="Q8334" i="5"/>
  <c r="Q8335" i="5"/>
  <c r="Q8336" i="5"/>
  <c r="Q8337" i="5"/>
  <c r="Q8338" i="5"/>
  <c r="Q8339" i="5"/>
  <c r="Q8340" i="5"/>
  <c r="Q8341" i="5"/>
  <c r="Q8342" i="5"/>
  <c r="Q8343" i="5"/>
  <c r="Q8344" i="5"/>
  <c r="Q8345" i="5"/>
  <c r="Q8346" i="5"/>
  <c r="Q8347" i="5"/>
  <c r="Q8348" i="5"/>
  <c r="Q8349" i="5"/>
  <c r="Q8350" i="5"/>
  <c r="Q8351" i="5"/>
  <c r="Q8352" i="5"/>
  <c r="Q8353" i="5"/>
  <c r="Q8354" i="5"/>
  <c r="Q8355" i="5"/>
  <c r="Q8356" i="5"/>
  <c r="Q8357" i="5"/>
  <c r="Q8358" i="5"/>
  <c r="Q8359" i="5"/>
  <c r="Q8360" i="5"/>
  <c r="Q8361" i="5"/>
  <c r="Q8362" i="5"/>
  <c r="Q8363" i="5"/>
  <c r="Q8364" i="5"/>
  <c r="Q8365" i="5"/>
  <c r="Q8366" i="5"/>
  <c r="Q8367" i="5"/>
  <c r="Q8368" i="5"/>
  <c r="Q8369" i="5"/>
  <c r="Q8370" i="5"/>
  <c r="Q8371" i="5"/>
  <c r="Q8372" i="5"/>
  <c r="Q8373" i="5"/>
  <c r="Q8374" i="5"/>
  <c r="Q8375" i="5"/>
  <c r="Q8376" i="5"/>
  <c r="Q8377" i="5"/>
  <c r="Q8378" i="5"/>
  <c r="Q8379" i="5"/>
  <c r="Q8380" i="5"/>
  <c r="Q8381" i="5"/>
  <c r="Q8382" i="5"/>
  <c r="Q8383" i="5"/>
  <c r="Q8384" i="5"/>
  <c r="Q8385" i="5"/>
  <c r="Q8386" i="5"/>
  <c r="Q8387" i="5"/>
  <c r="Q8388" i="5"/>
  <c r="Q8389" i="5"/>
  <c r="Q8390" i="5"/>
  <c r="Q8391" i="5"/>
  <c r="Q8392" i="5"/>
  <c r="Q8393" i="5"/>
  <c r="Q8394" i="5"/>
  <c r="Q8395" i="5"/>
  <c r="Q8396" i="5"/>
  <c r="Q8397" i="5"/>
  <c r="Q8398" i="5"/>
  <c r="Q8399" i="5"/>
  <c r="Q8400" i="5"/>
  <c r="Q8401" i="5"/>
  <c r="Q8402" i="5"/>
  <c r="Q8403" i="5"/>
  <c r="Q8404" i="5"/>
  <c r="Q8405" i="5"/>
  <c r="Q8406" i="5"/>
  <c r="Q8407" i="5"/>
  <c r="Q8408" i="5"/>
  <c r="Q8409" i="5"/>
  <c r="Q8410" i="5"/>
  <c r="Q8411" i="5"/>
  <c r="Q8412" i="5"/>
  <c r="Q8413" i="5"/>
  <c r="Q8414" i="5"/>
  <c r="Q8415" i="5"/>
  <c r="Q8416" i="5"/>
  <c r="Q8417" i="5"/>
  <c r="Q8418" i="5"/>
  <c r="Q8419" i="5"/>
  <c r="Q8420" i="5"/>
  <c r="Q8421" i="5"/>
  <c r="Q8422" i="5"/>
  <c r="Q8423" i="5"/>
  <c r="Q8424" i="5"/>
  <c r="Q8425" i="5"/>
  <c r="Q8426" i="5"/>
  <c r="Q8427" i="5"/>
  <c r="Q8428" i="5"/>
  <c r="Q8429" i="5"/>
  <c r="Q8430" i="5"/>
  <c r="Q8431" i="5"/>
  <c r="Q8432" i="5"/>
  <c r="Q8433" i="5"/>
  <c r="Q8434" i="5"/>
  <c r="Q8435" i="5"/>
  <c r="Q8436" i="5"/>
  <c r="Q8437" i="5"/>
  <c r="Q8438" i="5"/>
  <c r="Q8439" i="5"/>
  <c r="Q8440" i="5"/>
  <c r="Q8441" i="5"/>
  <c r="Q8442" i="5"/>
  <c r="Q8443" i="5"/>
  <c r="Q8444" i="5"/>
  <c r="Q8445" i="5"/>
  <c r="Q8446" i="5"/>
  <c r="Q8447" i="5"/>
  <c r="Q8448" i="5"/>
  <c r="Q8449" i="5"/>
  <c r="Q8450" i="5"/>
  <c r="Q8451" i="5"/>
  <c r="Q8452" i="5"/>
  <c r="Q8453" i="5"/>
  <c r="Q8454" i="5"/>
  <c r="Q8455" i="5"/>
  <c r="Q8456" i="5"/>
  <c r="Q8457" i="5"/>
  <c r="Q8458" i="5"/>
  <c r="Q8459" i="5"/>
  <c r="Q8460" i="5"/>
  <c r="Q8461" i="5"/>
  <c r="Q8462" i="5"/>
  <c r="Q8463" i="5"/>
  <c r="Q8464" i="5"/>
  <c r="Q8465" i="5"/>
  <c r="Q8466" i="5"/>
  <c r="Q8467" i="5"/>
  <c r="Q8468" i="5"/>
  <c r="Q8469" i="5"/>
  <c r="Q8470" i="5"/>
  <c r="Q8471" i="5"/>
  <c r="Q8472" i="5"/>
  <c r="Q8473" i="5"/>
  <c r="Q8474" i="5"/>
  <c r="Q8475" i="5"/>
  <c r="Q8476" i="5"/>
  <c r="Q8477" i="5"/>
  <c r="Q8478" i="5"/>
  <c r="Q8479" i="5"/>
  <c r="Q8480" i="5"/>
  <c r="Q8481" i="5"/>
  <c r="Q8482" i="5"/>
  <c r="Q8483" i="5"/>
  <c r="Q8484" i="5"/>
  <c r="Q8485" i="5"/>
  <c r="Q8486" i="5"/>
  <c r="Q8487" i="5"/>
  <c r="Q8488" i="5"/>
  <c r="Q8489" i="5"/>
  <c r="Q8490" i="5"/>
  <c r="Q8491" i="5"/>
  <c r="Q8492" i="5"/>
  <c r="Q8493" i="5"/>
  <c r="Q8494" i="5"/>
  <c r="Q8495" i="5"/>
  <c r="Q8496" i="5"/>
  <c r="Q8497" i="5"/>
  <c r="Q8498" i="5"/>
  <c r="Q8499" i="5"/>
  <c r="Q8500" i="5"/>
  <c r="Q8501" i="5"/>
  <c r="Q8502" i="5"/>
  <c r="Q8503" i="5"/>
  <c r="Q8504" i="5"/>
  <c r="Q8505" i="5"/>
  <c r="Q8506" i="5"/>
  <c r="Q8507" i="5"/>
  <c r="Q8508" i="5"/>
  <c r="Q8509" i="5"/>
  <c r="Q8510" i="5"/>
  <c r="Q8511" i="5"/>
  <c r="Q8512" i="5"/>
  <c r="Q8513" i="5"/>
  <c r="Q8514" i="5"/>
  <c r="Q8515" i="5"/>
  <c r="Q8516" i="5"/>
  <c r="Q8517" i="5"/>
  <c r="Q8518" i="5"/>
  <c r="Q8519" i="5"/>
  <c r="Q8520" i="5"/>
  <c r="Q8521" i="5"/>
  <c r="Q8522" i="5"/>
  <c r="Q8523" i="5"/>
  <c r="Q8524" i="5"/>
  <c r="Q8525" i="5"/>
  <c r="Q8526" i="5"/>
  <c r="Q8527" i="5"/>
  <c r="Q8528" i="5"/>
  <c r="Q8529" i="5"/>
  <c r="Q8530" i="5"/>
  <c r="Q8531" i="5"/>
  <c r="Q8532" i="5"/>
  <c r="Q8533" i="5"/>
  <c r="Q8534" i="5"/>
  <c r="Q8535" i="5"/>
  <c r="Q8536" i="5"/>
  <c r="Q8537" i="5"/>
  <c r="Q8538" i="5"/>
  <c r="Q8539" i="5"/>
  <c r="Q8540" i="5"/>
  <c r="Q8541" i="5"/>
  <c r="Q8542" i="5"/>
  <c r="Q8543" i="5"/>
  <c r="Q8544" i="5"/>
  <c r="Q8545" i="5"/>
  <c r="Q8546" i="5"/>
  <c r="Q8547" i="5"/>
  <c r="Q8548" i="5"/>
  <c r="Q8549" i="5"/>
  <c r="Q8550" i="5"/>
  <c r="Q8551" i="5"/>
  <c r="Q8552" i="5"/>
  <c r="Q8553" i="5"/>
  <c r="Q8554" i="5"/>
  <c r="Q8555" i="5"/>
  <c r="Q8556" i="5"/>
  <c r="Q8557" i="5"/>
  <c r="Q8558" i="5"/>
  <c r="Q8559" i="5"/>
  <c r="Q8560" i="5"/>
  <c r="Q8561" i="5"/>
  <c r="Q8562" i="5"/>
  <c r="Q8563" i="5"/>
  <c r="Q8564" i="5"/>
  <c r="Q8565" i="5"/>
  <c r="Q8566" i="5"/>
  <c r="Q8567" i="5"/>
  <c r="Q8568" i="5"/>
  <c r="Q8569" i="5"/>
  <c r="Q8570" i="5"/>
  <c r="Q8571" i="5"/>
  <c r="Q8572" i="5"/>
  <c r="Q8573" i="5"/>
  <c r="Q8574" i="5"/>
  <c r="Q8575" i="5"/>
  <c r="Q8576" i="5"/>
  <c r="Q8577" i="5"/>
  <c r="Q8578" i="5"/>
  <c r="Q8579" i="5"/>
  <c r="Q8580" i="5"/>
  <c r="Q8581" i="5"/>
  <c r="Q8582" i="5"/>
  <c r="Q8583" i="5"/>
  <c r="Q8584" i="5"/>
  <c r="Q8585" i="5"/>
  <c r="Q8586" i="5"/>
  <c r="Q8587" i="5"/>
  <c r="Q8588" i="5"/>
  <c r="Q8589" i="5"/>
  <c r="Q8590" i="5"/>
  <c r="Q8591" i="5"/>
  <c r="Q8592" i="5"/>
  <c r="Q8593" i="5"/>
  <c r="Q8594" i="5"/>
  <c r="Q8595" i="5"/>
  <c r="Q8596" i="5"/>
  <c r="Q8597" i="5"/>
  <c r="Q8598" i="5"/>
  <c r="Q8599" i="5"/>
  <c r="Q8600" i="5"/>
  <c r="Q8601" i="5"/>
  <c r="Q8602" i="5"/>
  <c r="Q8603" i="5"/>
  <c r="Q8604" i="5"/>
  <c r="Q8605" i="5"/>
  <c r="Q8606" i="5"/>
  <c r="Q8607" i="5"/>
  <c r="Q8608" i="5"/>
  <c r="Q8609" i="5"/>
  <c r="Q8610" i="5"/>
  <c r="Q8611" i="5"/>
  <c r="Q8612" i="5"/>
  <c r="Q8613" i="5"/>
  <c r="Q8614" i="5"/>
  <c r="Q8615" i="5"/>
  <c r="Q8616" i="5"/>
  <c r="Q8617" i="5"/>
  <c r="Q8618" i="5"/>
  <c r="Q8619" i="5"/>
  <c r="Q8620" i="5"/>
  <c r="Q8621" i="5"/>
  <c r="Q8622" i="5"/>
  <c r="Q8623" i="5"/>
  <c r="Q8624" i="5"/>
  <c r="Q8625" i="5"/>
  <c r="Q8626" i="5"/>
  <c r="Q8627" i="5"/>
  <c r="Q8628" i="5"/>
  <c r="Q8629" i="5"/>
  <c r="Q8630" i="5"/>
  <c r="Q8631" i="5"/>
  <c r="Q8632" i="5"/>
  <c r="Q8633" i="5"/>
  <c r="Q8634" i="5"/>
  <c r="Q8635" i="5"/>
  <c r="Q8636" i="5"/>
  <c r="Q8637" i="5"/>
  <c r="Q8638" i="5"/>
  <c r="Q8639" i="5"/>
  <c r="Q8640" i="5"/>
  <c r="Q8641" i="5"/>
  <c r="Q8642" i="5"/>
  <c r="Q8643" i="5"/>
  <c r="Q8644" i="5"/>
  <c r="Q8645" i="5"/>
  <c r="Q8646" i="5"/>
  <c r="Q8647" i="5"/>
  <c r="Q8648" i="5"/>
  <c r="Q8649" i="5"/>
  <c r="Q8650" i="5"/>
  <c r="Q8651" i="5"/>
  <c r="Q8652" i="5"/>
  <c r="Q8653" i="5"/>
  <c r="Q8654" i="5"/>
  <c r="Q8655" i="5"/>
  <c r="Q8656" i="5"/>
  <c r="Q8657" i="5"/>
  <c r="Q8658" i="5"/>
  <c r="Q8659" i="5"/>
  <c r="Q8660" i="5"/>
  <c r="Q8661" i="5"/>
  <c r="Q8662" i="5"/>
  <c r="Q8663" i="5"/>
  <c r="Q8664" i="5"/>
  <c r="Q8665" i="5"/>
  <c r="Q8666" i="5"/>
  <c r="Q8667" i="5"/>
  <c r="Q8668" i="5"/>
  <c r="Q8669" i="5"/>
  <c r="Q8670" i="5"/>
  <c r="Q8671" i="5"/>
  <c r="Q8672" i="5"/>
  <c r="Q8673" i="5"/>
  <c r="Q8674" i="5"/>
  <c r="Q8675" i="5"/>
  <c r="Q8676" i="5"/>
  <c r="Q8677" i="5"/>
  <c r="Q8678" i="5"/>
  <c r="Q8679" i="5"/>
  <c r="Q8680" i="5"/>
  <c r="Q8681" i="5"/>
  <c r="Q8682" i="5"/>
  <c r="Q8683" i="5"/>
  <c r="Q8684" i="5"/>
  <c r="Q8685" i="5"/>
  <c r="Q8686" i="5"/>
  <c r="Q8687" i="5"/>
  <c r="Q8688" i="5"/>
  <c r="Q8689" i="5"/>
  <c r="Q8690" i="5"/>
  <c r="Q8691" i="5"/>
  <c r="Q8692" i="5"/>
  <c r="Q8693" i="5"/>
  <c r="Q8694" i="5"/>
  <c r="Q8695" i="5"/>
  <c r="Q8696" i="5"/>
  <c r="Q8697" i="5"/>
  <c r="Q8698" i="5"/>
  <c r="Q8699" i="5"/>
  <c r="Q8700" i="5"/>
  <c r="Q8701" i="5"/>
  <c r="Q8702" i="5"/>
  <c r="Q8703" i="5"/>
  <c r="Q8704" i="5"/>
  <c r="Q8705" i="5"/>
  <c r="Q8706" i="5"/>
  <c r="Q8707" i="5"/>
  <c r="Q8708" i="5"/>
  <c r="Q8709" i="5"/>
  <c r="Q8710" i="5"/>
  <c r="Q8711" i="5"/>
  <c r="Q8712" i="5"/>
  <c r="Q8713" i="5"/>
  <c r="Q8714" i="5"/>
  <c r="Q8715" i="5"/>
  <c r="Q8716" i="5"/>
  <c r="Q8717" i="5"/>
  <c r="Q8718" i="5"/>
  <c r="Q8719" i="5"/>
  <c r="Q8720" i="5"/>
  <c r="Q8721" i="5"/>
  <c r="Q8722" i="5"/>
  <c r="Q8723" i="5"/>
  <c r="Q8724" i="5"/>
  <c r="Q8725" i="5"/>
  <c r="Q8726" i="5"/>
  <c r="Q8727" i="5"/>
  <c r="Q8728" i="5"/>
  <c r="Q8729" i="5"/>
  <c r="Q8730" i="5"/>
  <c r="Q8731" i="5"/>
  <c r="Q8732" i="5"/>
  <c r="Q8733" i="5"/>
  <c r="Q8734" i="5"/>
  <c r="Q8735" i="5"/>
  <c r="Q8736" i="5"/>
  <c r="Q8737" i="5"/>
  <c r="Q8738" i="5"/>
  <c r="Q8739" i="5"/>
  <c r="Q8740" i="5"/>
  <c r="Q8741" i="5"/>
  <c r="Q8742" i="5"/>
  <c r="Q8743" i="5"/>
  <c r="Q8744" i="5"/>
  <c r="Q8745" i="5"/>
  <c r="Q8746" i="5"/>
  <c r="Q8747" i="5"/>
  <c r="Q8748" i="5"/>
  <c r="Q8749" i="5"/>
  <c r="Q8750" i="5"/>
  <c r="Q8751" i="5"/>
  <c r="Q8752" i="5"/>
  <c r="Q8753" i="5"/>
  <c r="Q8754" i="5"/>
  <c r="Q8755" i="5"/>
  <c r="Q8756" i="5"/>
  <c r="Q8757" i="5"/>
  <c r="Q8758" i="5"/>
  <c r="Q8759" i="5"/>
  <c r="Q8760" i="5"/>
  <c r="Q8761" i="5"/>
  <c r="Q8762" i="5"/>
  <c r="Q8763" i="5"/>
  <c r="Q8764" i="5"/>
  <c r="Q8765" i="5"/>
  <c r="Q8766" i="5"/>
  <c r="Q8767" i="5"/>
  <c r="Q8" i="5"/>
  <c r="B21" i="1" l="1"/>
  <c r="C20" i="1"/>
  <c r="F20" i="1"/>
  <c r="E20" i="1"/>
  <c r="D20" i="1"/>
  <c r="K22" i="3"/>
  <c r="N34" i="2"/>
  <c r="B34" i="2" s="1"/>
  <c r="AC30" i="2"/>
  <c r="AD30" i="2"/>
  <c r="AE30" i="2"/>
  <c r="AF30" i="2"/>
  <c r="AG30" i="2"/>
  <c r="AH30" i="2"/>
  <c r="AI30" i="2"/>
  <c r="AJ30" i="2"/>
  <c r="AK30" i="2"/>
  <c r="AL30" i="2"/>
  <c r="AM30" i="2"/>
  <c r="AN30" i="2"/>
  <c r="AP30" i="2"/>
  <c r="AQ30" i="2"/>
  <c r="AR30" i="2"/>
  <c r="AS30" i="2"/>
  <c r="AT30" i="2"/>
  <c r="AU30" i="2"/>
  <c r="AV30" i="2"/>
  <c r="AW30" i="2"/>
  <c r="AX30" i="2"/>
  <c r="AY30" i="2"/>
  <c r="AZ30" i="2"/>
  <c r="BA30" i="2"/>
  <c r="BB30" i="2"/>
  <c r="BC30" i="2"/>
  <c r="BD30" i="2"/>
  <c r="BE30" i="2"/>
  <c r="BG30" i="2"/>
  <c r="BH30" i="2"/>
  <c r="BM30" i="2"/>
  <c r="BN30" i="2"/>
  <c r="BO30" i="2"/>
  <c r="BQ30" i="2"/>
  <c r="BR30" i="2"/>
  <c r="BS30" i="2"/>
  <c r="BT30" i="2"/>
  <c r="BU30" i="2"/>
  <c r="BV30" i="2"/>
  <c r="BW30" i="2"/>
  <c r="BX30" i="2"/>
  <c r="BY30" i="2"/>
  <c r="CE30" i="2"/>
  <c r="CF30" i="2"/>
  <c r="CG30" i="2"/>
  <c r="CH30" i="2"/>
  <c r="CI30" i="2"/>
  <c r="CJ30" i="2"/>
  <c r="CK30" i="2"/>
  <c r="CM30" i="2"/>
  <c r="CO30" i="2"/>
  <c r="CP30" i="2"/>
  <c r="CQ30" i="2"/>
  <c r="CR30" i="2"/>
  <c r="CS30" i="2"/>
  <c r="CX30" i="2"/>
  <c r="DA30" i="2"/>
  <c r="DB30" i="2"/>
  <c r="DC30" i="2"/>
  <c r="DE30" i="2"/>
  <c r="DF30" i="2"/>
  <c r="DG30" i="2"/>
  <c r="DH30" i="2"/>
  <c r="DI30" i="2"/>
  <c r="DJ30" i="2"/>
  <c r="DK30" i="2"/>
  <c r="DL30" i="2"/>
  <c r="DM30" i="2"/>
  <c r="DO30" i="2"/>
  <c r="DU30" i="2"/>
  <c r="DV30" i="2"/>
  <c r="DW30" i="2"/>
  <c r="EA30" i="2"/>
  <c r="EB30" i="2"/>
  <c r="EC30" i="2"/>
  <c r="ED30" i="2"/>
  <c r="EE30" i="2"/>
  <c r="EF30" i="2"/>
  <c r="EG30" i="2"/>
  <c r="EJ30" i="2"/>
  <c r="EM30" i="2"/>
  <c r="EO30" i="2"/>
  <c r="EP30" i="2"/>
  <c r="EQ30" i="2"/>
  <c r="ES30" i="2"/>
  <c r="EW30" i="2"/>
  <c r="EX30" i="2"/>
  <c r="EY30" i="2"/>
  <c r="EZ30" i="2"/>
  <c r="FA30" i="2"/>
  <c r="FG30" i="2"/>
  <c r="FH30" i="2"/>
  <c r="FI30" i="2"/>
  <c r="FJ30" i="2"/>
  <c r="FK30" i="2"/>
  <c r="FO30" i="2"/>
  <c r="FP30" i="2" s="1"/>
  <c r="CM12" i="2"/>
  <c r="AC12" i="2"/>
  <c r="AD12" i="2"/>
  <c r="AE12" i="2"/>
  <c r="AF12" i="2"/>
  <c r="AG12" i="2"/>
  <c r="AH12" i="2"/>
  <c r="AI12" i="2"/>
  <c r="AJ12" i="2"/>
  <c r="AK12" i="2"/>
  <c r="AL12" i="2"/>
  <c r="AM12" i="2"/>
  <c r="AN12" i="2"/>
  <c r="AO12" i="2"/>
  <c r="AP12" i="2"/>
  <c r="AQ12" i="2"/>
  <c r="AR12" i="2"/>
  <c r="AS12" i="2"/>
  <c r="AT12" i="2"/>
  <c r="AU12" i="2"/>
  <c r="AV12" i="2"/>
  <c r="AW12" i="2"/>
  <c r="AX12" i="2"/>
  <c r="AY12" i="2"/>
  <c r="BA12" i="2"/>
  <c r="BB12" i="2"/>
  <c r="BC12" i="2"/>
  <c r="BD12" i="2"/>
  <c r="BE12" i="2"/>
  <c r="BF12" i="2"/>
  <c r="BG12" i="2"/>
  <c r="BH12" i="2"/>
  <c r="BI12" i="2"/>
  <c r="BJ12" i="2"/>
  <c r="BK12" i="2"/>
  <c r="BL12" i="2"/>
  <c r="BO12" i="2"/>
  <c r="BP12" i="2"/>
  <c r="BQ12" i="2"/>
  <c r="BR12" i="2"/>
  <c r="BS12" i="2"/>
  <c r="BT12" i="2"/>
  <c r="BU12" i="2"/>
  <c r="BV12" i="2"/>
  <c r="BW12" i="2"/>
  <c r="BX12" i="2"/>
  <c r="BY12" i="2"/>
  <c r="BZ12" i="2"/>
  <c r="CB12" i="2"/>
  <c r="CC12" i="2"/>
  <c r="CD12" i="2"/>
  <c r="CE12" i="2"/>
  <c r="CH12" i="2"/>
  <c r="CI12" i="2"/>
  <c r="CJ12" i="2"/>
  <c r="CK12" i="2"/>
  <c r="CL12" i="2"/>
  <c r="CN12" i="2"/>
  <c r="CO12" i="2"/>
  <c r="CP12" i="2"/>
  <c r="CQ12" i="2"/>
  <c r="CR12" i="2"/>
  <c r="CS12" i="2"/>
  <c r="CT12" i="2"/>
  <c r="CV12" i="2"/>
  <c r="CW12" i="2"/>
  <c r="CX12" i="2"/>
  <c r="CY12" i="2"/>
  <c r="CZ12" i="2"/>
  <c r="DA12" i="2"/>
  <c r="DB12" i="2"/>
  <c r="DC12" i="2"/>
  <c r="DD12" i="2"/>
  <c r="DE12" i="2"/>
  <c r="DF12" i="2"/>
  <c r="DG12" i="2"/>
  <c r="DH12" i="2"/>
  <c r="DI12" i="2"/>
  <c r="DJ12" i="2"/>
  <c r="DK12" i="2"/>
  <c r="DL12" i="2"/>
  <c r="DM12" i="2"/>
  <c r="DN12" i="2"/>
  <c r="DO12" i="2"/>
  <c r="DP12" i="2"/>
  <c r="DQ12" i="2"/>
  <c r="DR12" i="2"/>
  <c r="DS12" i="2"/>
  <c r="DT12" i="2"/>
  <c r="EC12" i="2"/>
  <c r="ED12" i="2"/>
  <c r="EE12" i="2"/>
  <c r="EF12" i="2"/>
  <c r="EG12" i="2"/>
  <c r="EH12" i="2"/>
  <c r="EX12" i="2"/>
  <c r="EY12" i="2"/>
  <c r="EZ12" i="2"/>
  <c r="FA12" i="2"/>
  <c r="FB12" i="2"/>
  <c r="FH12" i="2"/>
  <c r="AB12" i="2"/>
  <c r="AZ12" i="2"/>
  <c r="BN12" i="2"/>
  <c r="CF12" i="2"/>
  <c r="CG12" i="2"/>
  <c r="DW12" i="2"/>
  <c r="DX12" i="2"/>
  <c r="DY12" i="2"/>
  <c r="DZ12" i="2"/>
  <c r="EA12" i="2"/>
  <c r="EB12" i="2"/>
  <c r="EJ12" i="2"/>
  <c r="EK12" i="2"/>
  <c r="EL12" i="2"/>
  <c r="EM12" i="2"/>
  <c r="EN12" i="2"/>
  <c r="EO12" i="2"/>
  <c r="EP12" i="2"/>
  <c r="EQ12" i="2"/>
  <c r="ER12" i="2"/>
  <c r="ES12" i="2"/>
  <c r="ET12" i="2"/>
  <c r="EU12" i="2"/>
  <c r="EV12" i="2"/>
  <c r="EW12" i="2"/>
  <c r="FG12" i="2"/>
  <c r="FI12" i="2"/>
  <c r="FJ12" i="2"/>
  <c r="FK12" i="2"/>
  <c r="FL12" i="2"/>
  <c r="FM12" i="2"/>
  <c r="FN12" i="2"/>
  <c r="FO12" i="2"/>
  <c r="FP12" i="2" s="1"/>
  <c r="FN30" i="2"/>
  <c r="FM30" i="2"/>
  <c r="FL30" i="2"/>
  <c r="FF30" i="2"/>
  <c r="FE30" i="2"/>
  <c r="FD30" i="2"/>
  <c r="FC30" i="2"/>
  <c r="FB30" i="2"/>
  <c r="EV30" i="2"/>
  <c r="EU30" i="2"/>
  <c r="ET30" i="2"/>
  <c r="ER30" i="2"/>
  <c r="EN30" i="2"/>
  <c r="EL30" i="2"/>
  <c r="EK30" i="2"/>
  <c r="EI30" i="2"/>
  <c r="EH30" i="2"/>
  <c r="DZ30" i="2"/>
  <c r="DY30" i="2"/>
  <c r="DX30" i="2"/>
  <c r="DT30" i="2"/>
  <c r="DS30" i="2"/>
  <c r="DR30" i="2"/>
  <c r="DQ30" i="2"/>
  <c r="DP30" i="2"/>
  <c r="DN30" i="2"/>
  <c r="DD30" i="2"/>
  <c r="CZ30" i="2"/>
  <c r="CY30" i="2"/>
  <c r="CW30" i="2"/>
  <c r="CV30" i="2"/>
  <c r="CU30" i="2"/>
  <c r="CT30" i="2"/>
  <c r="CN30" i="2"/>
  <c r="CL30" i="2"/>
  <c r="CD30" i="2"/>
  <c r="CC30" i="2"/>
  <c r="CB30" i="2"/>
  <c r="CA30" i="2"/>
  <c r="BZ30" i="2"/>
  <c r="BP30" i="2"/>
  <c r="BL30" i="2"/>
  <c r="BK30" i="2"/>
  <c r="BJ30" i="2"/>
  <c r="BI30" i="2"/>
  <c r="BF30" i="2"/>
  <c r="AO30" i="2"/>
  <c r="AB30" i="2"/>
  <c r="FO21" i="2"/>
  <c r="FP21" i="2" s="1"/>
  <c r="FN21" i="2"/>
  <c r="FM21" i="2"/>
  <c r="FL21" i="2"/>
  <c r="FK21" i="2"/>
  <c r="FJ21" i="2"/>
  <c r="FI21" i="2"/>
  <c r="FH21" i="2"/>
  <c r="FG21" i="2"/>
  <c r="FF21" i="2"/>
  <c r="FE21" i="2"/>
  <c r="FD21" i="2"/>
  <c r="FC21" i="2"/>
  <c r="FB21" i="2"/>
  <c r="FA21" i="2"/>
  <c r="EZ21" i="2"/>
  <c r="EY21" i="2"/>
  <c r="EX21" i="2"/>
  <c r="EW21" i="2"/>
  <c r="EV21" i="2"/>
  <c r="EU21" i="2"/>
  <c r="ET21" i="2"/>
  <c r="ES21" i="2"/>
  <c r="ER21" i="2"/>
  <c r="EQ21" i="2"/>
  <c r="EP21" i="2"/>
  <c r="EO21" i="2"/>
  <c r="EN21" i="2"/>
  <c r="EM21" i="2"/>
  <c r="EL21" i="2"/>
  <c r="EK21" i="2"/>
  <c r="EJ21" i="2"/>
  <c r="EI21" i="2"/>
  <c r="EH21" i="2"/>
  <c r="EG21" i="2"/>
  <c r="EF21" i="2"/>
  <c r="EE21" i="2"/>
  <c r="ED21" i="2"/>
  <c r="EC21" i="2"/>
  <c r="EB21" i="2"/>
  <c r="EA21" i="2"/>
  <c r="DZ21" i="2"/>
  <c r="DY21" i="2"/>
  <c r="DX21" i="2"/>
  <c r="DW21" i="2"/>
  <c r="DV21" i="2"/>
  <c r="DU21" i="2"/>
  <c r="DT21" i="2"/>
  <c r="DS21" i="2"/>
  <c r="DR21" i="2"/>
  <c r="DQ21" i="2"/>
  <c r="DP21" i="2"/>
  <c r="DO21" i="2"/>
  <c r="DN21" i="2"/>
  <c r="DM21" i="2"/>
  <c r="DL21" i="2"/>
  <c r="DK21" i="2"/>
  <c r="DJ21" i="2"/>
  <c r="DI21" i="2"/>
  <c r="DH21" i="2"/>
  <c r="DG21" i="2"/>
  <c r="DF21" i="2"/>
  <c r="DE21" i="2"/>
  <c r="DD21" i="2"/>
  <c r="DC21" i="2"/>
  <c r="DB21" i="2"/>
  <c r="DA21" i="2"/>
  <c r="CZ21" i="2"/>
  <c r="CY21" i="2"/>
  <c r="CX21" i="2"/>
  <c r="CW21" i="2"/>
  <c r="CV21" i="2"/>
  <c r="CU21" i="2"/>
  <c r="CT21" i="2"/>
  <c r="CS21" i="2"/>
  <c r="CR21" i="2"/>
  <c r="CQ21" i="2"/>
  <c r="CP21" i="2"/>
  <c r="CO21" i="2"/>
  <c r="CN21" i="2"/>
  <c r="CM21" i="2"/>
  <c r="CL21" i="2"/>
  <c r="CK21" i="2"/>
  <c r="CJ21" i="2"/>
  <c r="CI21" i="2"/>
  <c r="CH21" i="2"/>
  <c r="CG21" i="2"/>
  <c r="CF21" i="2"/>
  <c r="CE21" i="2"/>
  <c r="CD21" i="2"/>
  <c r="CC21" i="2"/>
  <c r="CB21" i="2"/>
  <c r="CA21" i="2"/>
  <c r="BZ21" i="2"/>
  <c r="BY21" i="2"/>
  <c r="BX21" i="2"/>
  <c r="BW21" i="2"/>
  <c r="BV21" i="2"/>
  <c r="BU21" i="2"/>
  <c r="BT21" i="2"/>
  <c r="BS21" i="2"/>
  <c r="BR21" i="2"/>
  <c r="BQ21" i="2"/>
  <c r="BP21" i="2"/>
  <c r="BO21" i="2"/>
  <c r="BN21" i="2"/>
  <c r="BM21" i="2"/>
  <c r="BL21" i="2"/>
  <c r="BK21" i="2"/>
  <c r="BJ21" i="2"/>
  <c r="BI21" i="2"/>
  <c r="BH21" i="2"/>
  <c r="BG21" i="2"/>
  <c r="BF21" i="2"/>
  <c r="BE21" i="2"/>
  <c r="BD21" i="2"/>
  <c r="BC21" i="2"/>
  <c r="BB21" i="2"/>
  <c r="BA21" i="2"/>
  <c r="AZ21" i="2"/>
  <c r="AY21" i="2"/>
  <c r="AX21" i="2"/>
  <c r="AW21" i="2"/>
  <c r="AV21" i="2"/>
  <c r="AU21" i="2"/>
  <c r="AT21" i="2"/>
  <c r="AS21" i="2"/>
  <c r="AR21" i="2"/>
  <c r="AQ21" i="2"/>
  <c r="AP21" i="2"/>
  <c r="AO21" i="2"/>
  <c r="AN21" i="2"/>
  <c r="AM21" i="2"/>
  <c r="AL21" i="2"/>
  <c r="AK21" i="2"/>
  <c r="AJ21" i="2"/>
  <c r="AI21" i="2"/>
  <c r="AH21" i="2"/>
  <c r="AG21" i="2"/>
  <c r="AF21" i="2"/>
  <c r="AE21" i="2"/>
  <c r="AD21" i="2"/>
  <c r="AC21" i="2"/>
  <c r="AB21" i="2"/>
  <c r="FC12" i="2"/>
  <c r="FD12" i="2"/>
  <c r="FE12" i="2"/>
  <c r="FF12" i="2"/>
  <c r="DU12" i="2"/>
  <c r="DV12" i="2"/>
  <c r="EI12" i="2"/>
  <c r="CA12" i="2"/>
  <c r="CU12" i="2"/>
  <c r="BM12" i="2"/>
  <c r="B22" i="1" l="1"/>
  <c r="C21" i="1"/>
  <c r="F21" i="1"/>
  <c r="E21" i="1"/>
  <c r="D21" i="1"/>
  <c r="N35" i="2"/>
  <c r="AR3" i="2"/>
  <c r="BP3" i="2"/>
  <c r="CN3" i="2"/>
  <c r="CF3" i="2"/>
  <c r="BH3" i="2"/>
  <c r="AJ3" i="2"/>
  <c r="H13" i="1" l="1"/>
  <c r="H12" i="1"/>
  <c r="H11" i="1"/>
  <c r="AY4" i="1"/>
  <c r="AY5" i="1" s="1"/>
  <c r="H10" i="1"/>
  <c r="B35" i="2"/>
  <c r="B23" i="1"/>
  <c r="E22" i="1"/>
  <c r="F22" i="1"/>
  <c r="D22" i="1"/>
  <c r="C22" i="1"/>
  <c r="N36" i="2"/>
  <c r="B36" i="2" s="1"/>
  <c r="P3" i="1"/>
  <c r="R3" i="1" s="1"/>
  <c r="AX4" i="1" l="1"/>
  <c r="AW4" i="1" s="1"/>
  <c r="AY6" i="1"/>
  <c r="B24" i="1"/>
  <c r="F23" i="1"/>
  <c r="E23" i="1"/>
  <c r="D23" i="1"/>
  <c r="C23" i="1"/>
  <c r="N37" i="2"/>
  <c r="W2" i="1"/>
  <c r="AB2" i="1"/>
  <c r="X2" i="1"/>
  <c r="V2" i="1"/>
  <c r="AA2" i="1"/>
  <c r="S2" i="1"/>
  <c r="Z2" i="1"/>
  <c r="U2" i="1"/>
  <c r="T2" i="1"/>
  <c r="Y2" i="1"/>
  <c r="P4" i="1"/>
  <c r="R4" i="1" s="1"/>
  <c r="AX5" i="1" l="1"/>
  <c r="AX6" i="1" s="1"/>
  <c r="B37" i="2"/>
  <c r="AV4" i="1"/>
  <c r="AY7" i="1"/>
  <c r="B25" i="1"/>
  <c r="F24" i="1"/>
  <c r="E24" i="1"/>
  <c r="D24" i="1"/>
  <c r="C24" i="1"/>
  <c r="N38" i="2"/>
  <c r="B38" i="2" s="1"/>
  <c r="AC2" i="1"/>
  <c r="AE2" i="1"/>
  <c r="AB3" i="1"/>
  <c r="W3" i="1"/>
  <c r="AD2" i="1"/>
  <c r="AF2" i="1"/>
  <c r="AG2" i="1"/>
  <c r="Z3" i="1"/>
  <c r="X3" i="1"/>
  <c r="AA3" i="1"/>
  <c r="V3" i="1"/>
  <c r="U3" i="1"/>
  <c r="Y3" i="1"/>
  <c r="T3" i="1"/>
  <c r="S3" i="1"/>
  <c r="P5" i="1"/>
  <c r="R5" i="1" s="1"/>
  <c r="AW5" i="1" l="1"/>
  <c r="AV5" i="1" s="1"/>
  <c r="AY9" i="1"/>
  <c r="AU4" i="1"/>
  <c r="AX7" i="1"/>
  <c r="B26" i="1"/>
  <c r="F25" i="1"/>
  <c r="E25" i="1"/>
  <c r="D25" i="1"/>
  <c r="C25" i="1"/>
  <c r="AC3" i="1"/>
  <c r="N39" i="2"/>
  <c r="B39" i="2" s="1"/>
  <c r="AG3" i="1"/>
  <c r="AF3" i="1"/>
  <c r="AE3" i="1"/>
  <c r="AB4" i="1"/>
  <c r="W4" i="1"/>
  <c r="AD3" i="1"/>
  <c r="Z4" i="1"/>
  <c r="AA4" i="1"/>
  <c r="U4" i="1"/>
  <c r="Y4" i="1"/>
  <c r="V4" i="1"/>
  <c r="T4" i="1"/>
  <c r="S4" i="1"/>
  <c r="X4" i="1"/>
  <c r="P6" i="1"/>
  <c r="R6" i="1" s="1"/>
  <c r="AW6" i="1" l="1"/>
  <c r="AW7" i="1" s="1"/>
  <c r="AZ4" i="1"/>
  <c r="AX9" i="1"/>
  <c r="AU5" i="1"/>
  <c r="B27" i="1"/>
  <c r="F26" i="1"/>
  <c r="E26" i="1"/>
  <c r="D26" i="1"/>
  <c r="C26" i="1"/>
  <c r="N40" i="2"/>
  <c r="B40" i="2" s="1"/>
  <c r="AE4" i="1"/>
  <c r="AF4" i="1"/>
  <c r="AB5" i="1"/>
  <c r="W5" i="1"/>
  <c r="AC4" i="1"/>
  <c r="AG4" i="1"/>
  <c r="AD4" i="1"/>
  <c r="Z5" i="1"/>
  <c r="Y5" i="1"/>
  <c r="X5" i="1"/>
  <c r="U5" i="1"/>
  <c r="AA5" i="1"/>
  <c r="V5" i="1"/>
  <c r="T5" i="1"/>
  <c r="S5" i="1"/>
  <c r="P7" i="1"/>
  <c r="R7" i="1" s="1"/>
  <c r="AV6" i="1" l="1"/>
  <c r="AU6" i="1" s="1"/>
  <c r="AY22" i="1"/>
  <c r="AG37" i="2" s="1"/>
  <c r="AX22" i="1"/>
  <c r="AF37" i="2" s="1"/>
  <c r="AW22" i="1"/>
  <c r="AE37" i="2" s="1"/>
  <c r="AV22" i="1"/>
  <c r="AD37" i="2" s="1"/>
  <c r="AU22" i="1"/>
  <c r="AC37" i="2" s="1"/>
  <c r="AW9" i="1"/>
  <c r="AZ5" i="1"/>
  <c r="B28" i="1"/>
  <c r="F27" i="1"/>
  <c r="E27" i="1"/>
  <c r="D27" i="1"/>
  <c r="C27" i="1"/>
  <c r="N41" i="2"/>
  <c r="B41" i="2" s="1"/>
  <c r="AG5" i="1"/>
  <c r="AC5" i="1"/>
  <c r="AF5" i="1"/>
  <c r="AE5" i="1"/>
  <c r="AD5" i="1"/>
  <c r="AB6" i="1"/>
  <c r="W6" i="1"/>
  <c r="Z6" i="1"/>
  <c r="Y6" i="1"/>
  <c r="X6" i="1"/>
  <c r="U6" i="1"/>
  <c r="AA6" i="1"/>
  <c r="V6" i="1"/>
  <c r="S6" i="1"/>
  <c r="T6" i="1"/>
  <c r="P8" i="1"/>
  <c r="R8" i="1" s="1"/>
  <c r="AV7" i="1" l="1"/>
  <c r="AV9" i="1" s="1"/>
  <c r="AZ22" i="1"/>
  <c r="AZ6" i="1"/>
  <c r="AY23" i="1"/>
  <c r="AG38" i="2" s="1"/>
  <c r="AX23" i="1"/>
  <c r="AF38" i="2" s="1"/>
  <c r="AW23" i="1"/>
  <c r="AE38" i="2" s="1"/>
  <c r="AV23" i="1"/>
  <c r="AD38" i="2" s="1"/>
  <c r="AU23" i="1"/>
  <c r="AC38" i="2" s="1"/>
  <c r="B29" i="1"/>
  <c r="C28" i="1"/>
  <c r="F28" i="1"/>
  <c r="E28" i="1"/>
  <c r="D28" i="1"/>
  <c r="N42" i="2"/>
  <c r="B42" i="2" s="1"/>
  <c r="AD6" i="1"/>
  <c r="AC6" i="1"/>
  <c r="AG6" i="1"/>
  <c r="AB7" i="1"/>
  <c r="W7" i="1"/>
  <c r="AF6" i="1"/>
  <c r="AE6" i="1"/>
  <c r="Z7" i="1"/>
  <c r="Y7" i="1"/>
  <c r="X7" i="1"/>
  <c r="U7" i="1"/>
  <c r="V7" i="1"/>
  <c r="T7" i="1"/>
  <c r="S7" i="1"/>
  <c r="AA7" i="1"/>
  <c r="P9" i="1"/>
  <c r="R9" i="1" s="1"/>
  <c r="AU7" i="1" l="1"/>
  <c r="BG4" i="1" s="1" a="1"/>
  <c r="BG4" i="1" s="1"/>
  <c r="AU24" i="1"/>
  <c r="AC39" i="2" s="1"/>
  <c r="AY24" i="1"/>
  <c r="AG39" i="2" s="1"/>
  <c r="AX24" i="1"/>
  <c r="AF39" i="2" s="1"/>
  <c r="AW24" i="1"/>
  <c r="AE39" i="2" s="1"/>
  <c r="AV24" i="1"/>
  <c r="AZ23" i="1"/>
  <c r="B30" i="1"/>
  <c r="D29" i="1"/>
  <c r="E29" i="1"/>
  <c r="F29" i="1"/>
  <c r="C29" i="1"/>
  <c r="N43" i="2"/>
  <c r="B43" i="2" s="1"/>
  <c r="AB8" i="1"/>
  <c r="W8" i="1"/>
  <c r="Z8" i="1"/>
  <c r="X8" i="1"/>
  <c r="AA8" i="1"/>
  <c r="V8" i="1"/>
  <c r="T8" i="1"/>
  <c r="S8" i="1"/>
  <c r="Y8" i="1"/>
  <c r="U8" i="1"/>
  <c r="P10" i="1"/>
  <c r="R10" i="1" s="1"/>
  <c r="AU9" i="1" l="1"/>
  <c r="AZ7" i="1"/>
  <c r="AU25" i="1" s="1"/>
  <c r="AC40" i="2" s="1"/>
  <c r="AZ24" i="1"/>
  <c r="AD39" i="2"/>
  <c r="AV25" i="1"/>
  <c r="AD40" i="2" s="1"/>
  <c r="B31" i="1"/>
  <c r="D30" i="1"/>
  <c r="F30" i="1"/>
  <c r="E30" i="1"/>
  <c r="C30" i="1"/>
  <c r="N44" i="2"/>
  <c r="B44" i="2" s="1"/>
  <c r="AB9" i="1"/>
  <c r="W9" i="1"/>
  <c r="AA9" i="1"/>
  <c r="Y9" i="1"/>
  <c r="V9" i="1"/>
  <c r="X9" i="1"/>
  <c r="U9" i="1"/>
  <c r="Z9" i="1"/>
  <c r="S9" i="1"/>
  <c r="T9" i="1"/>
  <c r="P11" i="1"/>
  <c r="R11" i="1" s="1"/>
  <c r="AX25" i="1" l="1"/>
  <c r="AF40" i="2" s="1"/>
  <c r="AW25" i="1"/>
  <c r="AE40" i="2" s="1"/>
  <c r="AY25" i="1"/>
  <c r="AG40" i="2" s="1"/>
  <c r="AU26" i="1"/>
  <c r="AV26" i="1"/>
  <c r="B32" i="1"/>
  <c r="E31" i="1"/>
  <c r="D31" i="1"/>
  <c r="F31" i="1"/>
  <c r="C31" i="1"/>
  <c r="N45" i="2"/>
  <c r="B45" i="2" s="1"/>
  <c r="AD9" i="1"/>
  <c r="AG9" i="1"/>
  <c r="AF9" i="1"/>
  <c r="AB10" i="1"/>
  <c r="W10" i="1"/>
  <c r="AC9" i="1"/>
  <c r="AE9" i="1"/>
  <c r="AA10" i="1"/>
  <c r="Z10" i="1"/>
  <c r="X10" i="1"/>
  <c r="S10" i="1"/>
  <c r="Y10" i="1"/>
  <c r="V10" i="1"/>
  <c r="U10" i="1"/>
  <c r="T10" i="1"/>
  <c r="P12" i="1"/>
  <c r="R12" i="1" s="1"/>
  <c r="AX26" i="1" l="1"/>
  <c r="AW26" i="1"/>
  <c r="AZ25" i="1"/>
  <c r="AY26" i="1"/>
  <c r="C32" i="1"/>
  <c r="E32" i="1"/>
  <c r="B33" i="1"/>
  <c r="D32" i="1"/>
  <c r="F32" i="1"/>
  <c r="AG10" i="1"/>
  <c r="N46" i="2"/>
  <c r="B46" i="2" s="1"/>
  <c r="AE10" i="1"/>
  <c r="AF10" i="1"/>
  <c r="AD10" i="1"/>
  <c r="AB11" i="1"/>
  <c r="W11" i="1"/>
  <c r="AC10" i="1"/>
  <c r="AA11" i="1"/>
  <c r="Z11" i="1"/>
  <c r="X11" i="1"/>
  <c r="T11" i="1"/>
  <c r="S11" i="1"/>
  <c r="Y11" i="1"/>
  <c r="V11" i="1"/>
  <c r="U11" i="1"/>
  <c r="P13" i="1"/>
  <c r="R13" i="1" s="1"/>
  <c r="B34" i="1" l="1"/>
  <c r="D33" i="1"/>
  <c r="F33" i="1"/>
  <c r="E33" i="1"/>
  <c r="C33" i="1"/>
  <c r="N47" i="2"/>
  <c r="B47" i="2" s="1"/>
  <c r="AG11" i="1"/>
  <c r="AF11" i="1"/>
  <c r="AC11" i="1"/>
  <c r="AE11" i="1"/>
  <c r="AB12" i="1"/>
  <c r="W12" i="1"/>
  <c r="AD11" i="1"/>
  <c r="Z12" i="1"/>
  <c r="V12" i="1"/>
  <c r="S12" i="1"/>
  <c r="Y12" i="1"/>
  <c r="X12" i="1"/>
  <c r="T12" i="1"/>
  <c r="U12" i="1"/>
  <c r="AA12" i="1"/>
  <c r="P14" i="1"/>
  <c r="R14" i="1" s="1"/>
  <c r="B35" i="1" l="1"/>
  <c r="F34" i="1"/>
  <c r="C34" i="1"/>
  <c r="E34" i="1"/>
  <c r="D34" i="1"/>
  <c r="N48" i="2"/>
  <c r="B48" i="2" s="1"/>
  <c r="AG12" i="1"/>
  <c r="AE12" i="1"/>
  <c r="W13" i="1"/>
  <c r="AB13" i="1"/>
  <c r="AD12" i="1"/>
  <c r="AC12" i="1"/>
  <c r="AF12" i="1"/>
  <c r="U13" i="1"/>
  <c r="AA13" i="1"/>
  <c r="Y13" i="1"/>
  <c r="X13" i="1"/>
  <c r="S13" i="1"/>
  <c r="T13" i="1"/>
  <c r="Z13" i="1"/>
  <c r="V13" i="1"/>
  <c r="P15" i="1"/>
  <c r="R15" i="1" s="1"/>
  <c r="C35" i="1" l="1"/>
  <c r="B36" i="1"/>
  <c r="D35" i="1"/>
  <c r="E35" i="1"/>
  <c r="F35" i="1"/>
  <c r="N49" i="2"/>
  <c r="B49" i="2" s="1"/>
  <c r="AF13" i="1"/>
  <c r="AD13" i="1"/>
  <c r="AB14" i="1"/>
  <c r="W14" i="1"/>
  <c r="AG13" i="1"/>
  <c r="AC13" i="1"/>
  <c r="AE13" i="1"/>
  <c r="AA14" i="1"/>
  <c r="Z14" i="1"/>
  <c r="Y14" i="1"/>
  <c r="V14" i="1"/>
  <c r="X14" i="1"/>
  <c r="S14" i="1"/>
  <c r="U14" i="1"/>
  <c r="T14" i="1"/>
  <c r="P16" i="1"/>
  <c r="R16" i="1" s="1"/>
  <c r="D36" i="1" l="1"/>
  <c r="C36" i="1"/>
  <c r="B37" i="1"/>
  <c r="F36" i="1"/>
  <c r="E36" i="1"/>
  <c r="N50" i="2"/>
  <c r="B50" i="2" s="1"/>
  <c r="AB15" i="1"/>
  <c r="W15" i="1"/>
  <c r="X15" i="1"/>
  <c r="AA15" i="1"/>
  <c r="Z15" i="1"/>
  <c r="V15" i="1"/>
  <c r="U15" i="1"/>
  <c r="Y15" i="1"/>
  <c r="T15" i="1"/>
  <c r="S15" i="1"/>
  <c r="P17" i="1"/>
  <c r="R17" i="1" s="1"/>
  <c r="E37" i="1" l="1"/>
  <c r="D37" i="1"/>
  <c r="F37" i="1"/>
  <c r="C37" i="1"/>
  <c r="B38" i="1"/>
  <c r="N51" i="2"/>
  <c r="B51" i="2" s="1"/>
  <c r="W16" i="1"/>
  <c r="AB16" i="1"/>
  <c r="AA16" i="1"/>
  <c r="Z16" i="1"/>
  <c r="V16" i="1"/>
  <c r="Y16" i="1"/>
  <c r="U16" i="1"/>
  <c r="T16" i="1"/>
  <c r="S16" i="1"/>
  <c r="X16" i="1"/>
  <c r="P18" i="1"/>
  <c r="R18" i="1" s="1"/>
  <c r="F38" i="1" l="1"/>
  <c r="D38" i="1"/>
  <c r="E38" i="1"/>
  <c r="C38" i="1"/>
  <c r="B39" i="1"/>
  <c r="N52" i="2"/>
  <c r="B52" i="2" s="1"/>
  <c r="AG16" i="1"/>
  <c r="AD16" i="1"/>
  <c r="AF16" i="1"/>
  <c r="AE16" i="1"/>
  <c r="AB17" i="1"/>
  <c r="W17" i="1"/>
  <c r="AC16" i="1"/>
  <c r="AA17" i="1"/>
  <c r="Y17" i="1"/>
  <c r="V17" i="1"/>
  <c r="S17" i="1"/>
  <c r="X17" i="1"/>
  <c r="T17" i="1"/>
  <c r="U17" i="1"/>
  <c r="Z17" i="1"/>
  <c r="P19" i="1"/>
  <c r="R19" i="1" s="1"/>
  <c r="F39" i="1" l="1"/>
  <c r="E39" i="1"/>
  <c r="D39" i="1"/>
  <c r="C39" i="1"/>
  <c r="B40" i="1"/>
  <c r="N53" i="2"/>
  <c r="B53" i="2" s="1"/>
  <c r="AG17" i="1"/>
  <c r="AD17" i="1"/>
  <c r="AF17" i="1"/>
  <c r="AB18" i="1"/>
  <c r="W18" i="1"/>
  <c r="AC17" i="1"/>
  <c r="AE17" i="1"/>
  <c r="AA18" i="1"/>
  <c r="Y18" i="1"/>
  <c r="X18" i="1"/>
  <c r="V18" i="1"/>
  <c r="S18" i="1"/>
  <c r="Z18" i="1"/>
  <c r="U18" i="1"/>
  <c r="T18" i="1"/>
  <c r="P20" i="1"/>
  <c r="R20" i="1" s="1"/>
  <c r="F40" i="1" l="1"/>
  <c r="E40" i="1"/>
  <c r="D40" i="1"/>
  <c r="C40" i="1"/>
  <c r="B41" i="1"/>
  <c r="AG18" i="1"/>
  <c r="N54" i="2"/>
  <c r="B54" i="2" s="1"/>
  <c r="AC18" i="1"/>
  <c r="AF18" i="1"/>
  <c r="AB19" i="1"/>
  <c r="W19" i="1"/>
  <c r="AD18" i="1"/>
  <c r="AE18" i="1"/>
  <c r="AA19" i="1"/>
  <c r="Y19" i="1"/>
  <c r="Z19" i="1"/>
  <c r="S19" i="1"/>
  <c r="X19" i="1"/>
  <c r="T19" i="1"/>
  <c r="V19" i="1"/>
  <c r="U19" i="1"/>
  <c r="P21" i="1"/>
  <c r="R21" i="1" s="1"/>
  <c r="D41" i="1" l="1"/>
  <c r="C41" i="1"/>
  <c r="F41" i="1"/>
  <c r="E41" i="1"/>
  <c r="B42" i="1"/>
  <c r="N55" i="2"/>
  <c r="B55" i="2" s="1"/>
  <c r="AB20" i="1"/>
  <c r="W20" i="1"/>
  <c r="AC19" i="1"/>
  <c r="AF19" i="1"/>
  <c r="AD19" i="1"/>
  <c r="AE19" i="1"/>
  <c r="AG19" i="1"/>
  <c r="Y20" i="1"/>
  <c r="X20" i="1"/>
  <c r="AA20" i="1"/>
  <c r="Z20" i="1"/>
  <c r="V20" i="1"/>
  <c r="T20" i="1"/>
  <c r="U20" i="1"/>
  <c r="S20" i="1"/>
  <c r="P22" i="1"/>
  <c r="R22" i="1" s="1"/>
  <c r="D42" i="1" l="1"/>
  <c r="E42" i="1"/>
  <c r="F42" i="1"/>
  <c r="B43" i="1"/>
  <c r="C42" i="1"/>
  <c r="AG20" i="1"/>
  <c r="N56" i="2"/>
  <c r="B56" i="2" s="1"/>
  <c r="AF20" i="1"/>
  <c r="AD20" i="1"/>
  <c r="AB21" i="1"/>
  <c r="W21" i="1"/>
  <c r="AC20" i="1"/>
  <c r="AE20" i="1"/>
  <c r="Y21" i="1"/>
  <c r="AA21" i="1"/>
  <c r="S21" i="1"/>
  <c r="X21" i="1"/>
  <c r="T21" i="1"/>
  <c r="V21" i="1"/>
  <c r="Z21" i="1"/>
  <c r="U21" i="1"/>
  <c r="P23" i="1"/>
  <c r="R23" i="1" s="1"/>
  <c r="E43" i="1" l="1"/>
  <c r="B44" i="1"/>
  <c r="F43" i="1"/>
  <c r="D43" i="1"/>
  <c r="C43" i="1"/>
  <c r="N57" i="2"/>
  <c r="B57" i="2" s="1"/>
  <c r="AB22" i="1"/>
  <c r="W22" i="1"/>
  <c r="X22" i="1"/>
  <c r="Y22" i="1"/>
  <c r="Z22" i="1"/>
  <c r="T22" i="1"/>
  <c r="AA22" i="1"/>
  <c r="V22" i="1"/>
  <c r="U22" i="1"/>
  <c r="S22" i="1"/>
  <c r="P24" i="1"/>
  <c r="R24" i="1" s="1"/>
  <c r="B45" i="1" l="1"/>
  <c r="F44" i="1"/>
  <c r="E44" i="1"/>
  <c r="D44" i="1"/>
  <c r="C44" i="1"/>
  <c r="N58" i="2"/>
  <c r="B58" i="2" s="1"/>
  <c r="AB23" i="1"/>
  <c r="W23" i="1"/>
  <c r="X23" i="1"/>
  <c r="Y23" i="1"/>
  <c r="Z23" i="1"/>
  <c r="U23" i="1"/>
  <c r="V23" i="1"/>
  <c r="T23" i="1"/>
  <c r="AA23" i="1"/>
  <c r="S23" i="1"/>
  <c r="P25" i="1"/>
  <c r="R25" i="1" s="1"/>
  <c r="B46" i="1" l="1"/>
  <c r="F45" i="1"/>
  <c r="E45" i="1"/>
  <c r="D45" i="1"/>
  <c r="C45" i="1"/>
  <c r="AG23" i="1"/>
  <c r="N59" i="2"/>
  <c r="B59" i="2" s="1"/>
  <c r="AD23" i="1"/>
  <c r="AE23" i="1"/>
  <c r="AC23" i="1"/>
  <c r="AB24" i="1"/>
  <c r="W24" i="1"/>
  <c r="AF23" i="1"/>
  <c r="Z24" i="1"/>
  <c r="X24" i="1"/>
  <c r="AA24" i="1"/>
  <c r="V24" i="1"/>
  <c r="U24" i="1"/>
  <c r="T24" i="1"/>
  <c r="S24" i="1"/>
  <c r="Y24" i="1"/>
  <c r="P26" i="1"/>
  <c r="R26" i="1" s="1"/>
  <c r="B47" i="1" l="1"/>
  <c r="C46" i="1"/>
  <c r="F46" i="1"/>
  <c r="E46" i="1"/>
  <c r="D46" i="1"/>
  <c r="N60" i="2"/>
  <c r="B60" i="2" s="1"/>
  <c r="AG24" i="1"/>
  <c r="AC24" i="1"/>
  <c r="AE24" i="1"/>
  <c r="AB25" i="1"/>
  <c r="W25" i="1"/>
  <c r="AF24" i="1"/>
  <c r="AD24" i="1"/>
  <c r="Z25" i="1"/>
  <c r="Y25" i="1"/>
  <c r="X25" i="1"/>
  <c r="AA25" i="1"/>
  <c r="U25" i="1"/>
  <c r="T25" i="1"/>
  <c r="V25" i="1"/>
  <c r="S25" i="1"/>
  <c r="P27" i="1"/>
  <c r="R27" i="1" s="1"/>
  <c r="B48" i="1" l="1"/>
  <c r="D47" i="1"/>
  <c r="C47" i="1"/>
  <c r="F47" i="1"/>
  <c r="E47" i="1"/>
  <c r="N61" i="2"/>
  <c r="B61" i="2" s="1"/>
  <c r="AG25" i="1"/>
  <c r="AD25" i="1"/>
  <c r="AE25" i="1"/>
  <c r="AC25" i="1"/>
  <c r="AF25" i="1"/>
  <c r="AB26" i="1"/>
  <c r="W26" i="1"/>
  <c r="AA26" i="1"/>
  <c r="Z26" i="1"/>
  <c r="Y26" i="1"/>
  <c r="U26" i="1"/>
  <c r="T26" i="1"/>
  <c r="X26" i="1"/>
  <c r="V26" i="1"/>
  <c r="S26" i="1"/>
  <c r="P28" i="1"/>
  <c r="R28" i="1" s="1"/>
  <c r="D48" i="1" l="1"/>
  <c r="B49" i="1"/>
  <c r="F48" i="1"/>
  <c r="E48" i="1"/>
  <c r="C48" i="1"/>
  <c r="AC26" i="1"/>
  <c r="N62" i="2"/>
  <c r="B62" i="2" s="1"/>
  <c r="AG26" i="1"/>
  <c r="AF26" i="1"/>
  <c r="AB27" i="1"/>
  <c r="W27" i="1"/>
  <c r="AE26" i="1"/>
  <c r="AD26" i="1"/>
  <c r="AA27" i="1"/>
  <c r="Z27" i="1"/>
  <c r="Y27" i="1"/>
  <c r="U27" i="1"/>
  <c r="V27" i="1"/>
  <c r="S27" i="1"/>
  <c r="T27" i="1"/>
  <c r="X27" i="1"/>
  <c r="P29" i="1"/>
  <c r="R29" i="1" s="1"/>
  <c r="E49" i="1" l="1"/>
  <c r="C49" i="1"/>
  <c r="B50" i="1"/>
  <c r="D49" i="1"/>
  <c r="F49" i="1"/>
  <c r="N63" i="2"/>
  <c r="B63" i="2" s="1"/>
  <c r="AG27" i="1"/>
  <c r="AF27" i="1"/>
  <c r="AD27" i="1"/>
  <c r="AB28" i="1"/>
  <c r="W28" i="1"/>
  <c r="AE27" i="1"/>
  <c r="AC27" i="1"/>
  <c r="V28" i="1"/>
  <c r="Z28" i="1"/>
  <c r="Y28" i="1"/>
  <c r="T28" i="1"/>
  <c r="X28" i="1"/>
  <c r="U28" i="1"/>
  <c r="S28" i="1"/>
  <c r="AA28" i="1"/>
  <c r="P30" i="1"/>
  <c r="R30" i="1" s="1"/>
  <c r="F50" i="1" l="1"/>
  <c r="E50" i="1"/>
  <c r="C50" i="1"/>
  <c r="B51" i="1"/>
  <c r="D50" i="1"/>
  <c r="N64" i="2"/>
  <c r="B64" i="2" s="1"/>
  <c r="AB29" i="1"/>
  <c r="W29" i="1"/>
  <c r="AA29" i="1"/>
  <c r="Z29" i="1"/>
  <c r="Y29" i="1"/>
  <c r="U29" i="1"/>
  <c r="T29" i="1"/>
  <c r="X29" i="1"/>
  <c r="V29" i="1"/>
  <c r="S29" i="1"/>
  <c r="P31" i="1"/>
  <c r="R31" i="1" s="1"/>
  <c r="F51" i="1" l="1"/>
  <c r="D51" i="1"/>
  <c r="B52" i="1"/>
  <c r="C51" i="1"/>
  <c r="E51" i="1"/>
  <c r="N65" i="2"/>
  <c r="B65" i="2" s="1"/>
  <c r="AB30" i="1"/>
  <c r="W30" i="1"/>
  <c r="AA30" i="1"/>
  <c r="Z30" i="1"/>
  <c r="X30" i="1"/>
  <c r="V30" i="1"/>
  <c r="Y30" i="1"/>
  <c r="U30" i="1"/>
  <c r="T30" i="1"/>
  <c r="S30" i="1"/>
  <c r="P32" i="1"/>
  <c r="R32" i="1" s="1"/>
  <c r="E52" i="1" l="1"/>
  <c r="D52" i="1"/>
  <c r="B53" i="1"/>
  <c r="F52" i="1"/>
  <c r="C52" i="1"/>
  <c r="N66" i="2"/>
  <c r="B66" i="2" s="1"/>
  <c r="AF30" i="1"/>
  <c r="AC30" i="1"/>
  <c r="AE30" i="1"/>
  <c r="AD30" i="1"/>
  <c r="AB31" i="1"/>
  <c r="W31" i="1"/>
  <c r="AG30" i="1"/>
  <c r="Z31" i="1"/>
  <c r="AA31" i="1"/>
  <c r="Y31" i="1"/>
  <c r="U31" i="1"/>
  <c r="S31" i="1"/>
  <c r="X31" i="1"/>
  <c r="T31" i="1"/>
  <c r="V31" i="1"/>
  <c r="P33" i="1"/>
  <c r="R33" i="1" s="1"/>
  <c r="E53" i="1" l="1"/>
  <c r="D53" i="1"/>
  <c r="B54" i="1"/>
  <c r="F53" i="1"/>
  <c r="C53" i="1"/>
  <c r="AG31" i="1"/>
  <c r="N67" i="2"/>
  <c r="B67" i="2" s="1"/>
  <c r="AD31" i="1"/>
  <c r="AF31" i="1"/>
  <c r="AB32" i="1"/>
  <c r="W32" i="1"/>
  <c r="AE31" i="1"/>
  <c r="AC31" i="1"/>
  <c r="Z32" i="1"/>
  <c r="AA32" i="1"/>
  <c r="X32" i="1"/>
  <c r="Y32" i="1"/>
  <c r="T32" i="1"/>
  <c r="U32" i="1"/>
  <c r="S32" i="1"/>
  <c r="V32" i="1"/>
  <c r="P34" i="1"/>
  <c r="R34" i="1" s="1"/>
  <c r="D54" i="1" l="1"/>
  <c r="F54" i="1"/>
  <c r="C54" i="1"/>
  <c r="B55" i="1"/>
  <c r="E54" i="1"/>
  <c r="N68" i="2"/>
  <c r="B68" i="2" s="1"/>
  <c r="AE32" i="1"/>
  <c r="AF32" i="1"/>
  <c r="AC32" i="1"/>
  <c r="W33" i="1"/>
  <c r="AB33" i="1"/>
  <c r="AD32" i="1"/>
  <c r="AG32" i="1"/>
  <c r="Z33" i="1"/>
  <c r="AA33" i="1"/>
  <c r="U33" i="1"/>
  <c r="V33" i="1"/>
  <c r="S33" i="1"/>
  <c r="Y33" i="1"/>
  <c r="X33" i="1"/>
  <c r="T33" i="1"/>
  <c r="P35" i="1"/>
  <c r="R35" i="1" s="1"/>
  <c r="C55" i="1" l="1"/>
  <c r="F55" i="1"/>
  <c r="E55" i="1"/>
  <c r="B56" i="1"/>
  <c r="D55" i="1"/>
  <c r="N69" i="2"/>
  <c r="B69" i="2" s="1"/>
  <c r="AG33" i="1"/>
  <c r="AF33" i="1"/>
  <c r="AE33" i="1"/>
  <c r="AD33" i="1"/>
  <c r="AB34" i="1"/>
  <c r="W34" i="1"/>
  <c r="AC33" i="1"/>
  <c r="Z34" i="1"/>
  <c r="X34" i="1"/>
  <c r="AA34" i="1"/>
  <c r="Y34" i="1"/>
  <c r="U34" i="1"/>
  <c r="S34" i="1"/>
  <c r="T34" i="1"/>
  <c r="V34" i="1"/>
  <c r="P36" i="1"/>
  <c r="R36" i="1" s="1"/>
  <c r="D56" i="1" l="1"/>
  <c r="C56" i="1"/>
  <c r="E56" i="1"/>
  <c r="B57" i="1"/>
  <c r="F56" i="1"/>
  <c r="N70" i="2"/>
  <c r="B70" i="2" s="1"/>
  <c r="AF34" i="1"/>
  <c r="AE34" i="1"/>
  <c r="AD34" i="1"/>
  <c r="AC34" i="1"/>
  <c r="AB35" i="1"/>
  <c r="W35" i="1"/>
  <c r="AG34" i="1"/>
  <c r="X35" i="1"/>
  <c r="AA35" i="1"/>
  <c r="Z35" i="1"/>
  <c r="V35" i="1"/>
  <c r="Y35" i="1"/>
  <c r="U35" i="1"/>
  <c r="T35" i="1"/>
  <c r="S35" i="1"/>
  <c r="P37" i="1"/>
  <c r="R37" i="1" s="1"/>
  <c r="E57" i="1" l="1"/>
  <c r="D57" i="1"/>
  <c r="C57" i="1"/>
  <c r="F57" i="1"/>
  <c r="N71" i="2"/>
  <c r="B71" i="2" s="1"/>
  <c r="W36" i="1"/>
  <c r="AB36" i="1"/>
  <c r="AA36" i="1"/>
  <c r="Z36" i="1"/>
  <c r="X36" i="1"/>
  <c r="V36" i="1"/>
  <c r="U36" i="1"/>
  <c r="T36" i="1"/>
  <c r="S36" i="1"/>
  <c r="Y36" i="1"/>
  <c r="P38" i="1"/>
  <c r="R38" i="1" s="1"/>
  <c r="N72" i="2" l="1"/>
  <c r="B72" i="2" s="1"/>
  <c r="AB37" i="1"/>
  <c r="W37" i="1"/>
  <c r="Y37" i="1"/>
  <c r="AA37" i="1"/>
  <c r="Z37" i="1"/>
  <c r="X37" i="1"/>
  <c r="V37" i="1"/>
  <c r="U37" i="1"/>
  <c r="T37" i="1"/>
  <c r="S37" i="1"/>
  <c r="P39" i="1"/>
  <c r="R39" i="1" s="1"/>
  <c r="N73" i="2" l="1"/>
  <c r="B73" i="2" s="1"/>
  <c r="AF37" i="1"/>
  <c r="AG37" i="1"/>
  <c r="AD37" i="1"/>
  <c r="AC37" i="1"/>
  <c r="AE37" i="1"/>
  <c r="AB38" i="1"/>
  <c r="W38" i="1"/>
  <c r="Z38" i="1"/>
  <c r="AA38" i="1"/>
  <c r="X38" i="1"/>
  <c r="V38" i="1"/>
  <c r="S38" i="1"/>
  <c r="Y38" i="1"/>
  <c r="T38" i="1"/>
  <c r="U38" i="1"/>
  <c r="P40" i="1"/>
  <c r="R40" i="1" s="1"/>
  <c r="N74" i="2" l="1"/>
  <c r="B74" i="2" s="1"/>
  <c r="AE38" i="1"/>
  <c r="AF38" i="1"/>
  <c r="AC38" i="1"/>
  <c r="AG38" i="1"/>
  <c r="AB39" i="1"/>
  <c r="W39" i="1"/>
  <c r="AD38" i="1"/>
  <c r="AA39" i="1"/>
  <c r="Y39" i="1"/>
  <c r="Z39" i="1"/>
  <c r="X39" i="1"/>
  <c r="S39" i="1"/>
  <c r="V39" i="1"/>
  <c r="U39" i="1"/>
  <c r="T39" i="1"/>
  <c r="P41" i="1"/>
  <c r="R41" i="1" s="1"/>
  <c r="AG39" i="1" l="1"/>
  <c r="N75" i="2"/>
  <c r="B75" i="2" s="1"/>
  <c r="AF39" i="1"/>
  <c r="AD39" i="1"/>
  <c r="AE39" i="1"/>
  <c r="AC39" i="1"/>
  <c r="W40" i="1"/>
  <c r="AB40" i="1"/>
  <c r="Y40" i="1"/>
  <c r="X40" i="1"/>
  <c r="AA40" i="1"/>
  <c r="Z40" i="1"/>
  <c r="V40" i="1"/>
  <c r="T40" i="1"/>
  <c r="S40" i="1"/>
  <c r="U40" i="1"/>
  <c r="P42" i="1"/>
  <c r="R42" i="1" s="1"/>
  <c r="N76" i="2" l="1"/>
  <c r="B76" i="2" s="1"/>
  <c r="AD40" i="1"/>
  <c r="AE40" i="1"/>
  <c r="AG40" i="1"/>
  <c r="AC40" i="1"/>
  <c r="AB41" i="1"/>
  <c r="W41" i="1"/>
  <c r="AF40" i="1"/>
  <c r="Y41" i="1"/>
  <c r="AA41" i="1"/>
  <c r="Z41" i="1"/>
  <c r="X41" i="1"/>
  <c r="V41" i="1"/>
  <c r="T41" i="1"/>
  <c r="S41" i="1"/>
  <c r="U41" i="1"/>
  <c r="P43" i="1"/>
  <c r="R43" i="1" s="1"/>
  <c r="AG41" i="1" l="1"/>
  <c r="N77" i="2"/>
  <c r="B77" i="2" s="1"/>
  <c r="AE41" i="1"/>
  <c r="AD41" i="1"/>
  <c r="AC41" i="1"/>
  <c r="AF41" i="1"/>
  <c r="AB42" i="1"/>
  <c r="W42" i="1"/>
  <c r="AA42" i="1"/>
  <c r="Z42" i="1"/>
  <c r="Y42" i="1"/>
  <c r="U42" i="1"/>
  <c r="S42" i="1"/>
  <c r="V42" i="1"/>
  <c r="T42" i="1"/>
  <c r="X42" i="1"/>
  <c r="P44" i="1"/>
  <c r="R44" i="1" s="1"/>
  <c r="N78" i="2" l="1"/>
  <c r="B78" i="2" s="1"/>
  <c r="W43" i="1"/>
  <c r="AB43" i="1"/>
  <c r="AA43" i="1"/>
  <c r="Y43" i="1"/>
  <c r="U43" i="1"/>
  <c r="X43" i="1"/>
  <c r="V43" i="1"/>
  <c r="T43" i="1"/>
  <c r="Z43" i="1"/>
  <c r="S43" i="1"/>
  <c r="P45" i="1"/>
  <c r="R45" i="1" s="1"/>
  <c r="N79" i="2" l="1"/>
  <c r="B79" i="2" s="1"/>
  <c r="W44" i="1"/>
  <c r="AB44" i="1"/>
  <c r="Z44" i="1"/>
  <c r="X44" i="1"/>
  <c r="AA44" i="1"/>
  <c r="Y44" i="1"/>
  <c r="U44" i="1"/>
  <c r="V44" i="1"/>
  <c r="T44" i="1"/>
  <c r="S44" i="1"/>
  <c r="P46" i="1"/>
  <c r="R46" i="1" s="1"/>
  <c r="N80" i="2" l="1"/>
  <c r="B80" i="2" s="1"/>
  <c r="AG44" i="1"/>
  <c r="AC44" i="1"/>
  <c r="AF44" i="1"/>
  <c r="AE44" i="1"/>
  <c r="W45" i="1"/>
  <c r="AB45" i="1"/>
  <c r="AD44" i="1"/>
  <c r="Z45" i="1"/>
  <c r="Y45" i="1"/>
  <c r="X45" i="1"/>
  <c r="AA45" i="1"/>
  <c r="V45" i="1"/>
  <c r="U45" i="1"/>
  <c r="T45" i="1"/>
  <c r="S45" i="1"/>
  <c r="P47" i="1"/>
  <c r="R47" i="1" s="1"/>
  <c r="N81" i="2" l="1"/>
  <c r="B81" i="2" s="1"/>
  <c r="AG45" i="1"/>
  <c r="AE45" i="1"/>
  <c r="AD45" i="1"/>
  <c r="AC45" i="1"/>
  <c r="W46" i="1"/>
  <c r="AB46" i="1"/>
  <c r="AF45" i="1"/>
  <c r="Y46" i="1"/>
  <c r="X46" i="1"/>
  <c r="AA46" i="1"/>
  <c r="Z46" i="1"/>
  <c r="U46" i="1"/>
  <c r="V46" i="1"/>
  <c r="T46" i="1"/>
  <c r="S46" i="1"/>
  <c r="P48" i="1"/>
  <c r="R48" i="1" s="1"/>
  <c r="N82" i="2" l="1"/>
  <c r="B82" i="2" s="1"/>
  <c r="AD46" i="1"/>
  <c r="AG46" i="1"/>
  <c r="AF46" i="1"/>
  <c r="AE46" i="1"/>
  <c r="AB47" i="1"/>
  <c r="W47" i="1"/>
  <c r="AC46" i="1"/>
  <c r="Y47" i="1"/>
  <c r="X47" i="1"/>
  <c r="AA47" i="1"/>
  <c r="U47" i="1"/>
  <c r="Z47" i="1"/>
  <c r="V47" i="1"/>
  <c r="T47" i="1"/>
  <c r="S47" i="1"/>
  <c r="P49" i="1"/>
  <c r="R49" i="1" s="1"/>
  <c r="N83" i="2" l="1"/>
  <c r="B83" i="2" s="1"/>
  <c r="AG47" i="1"/>
  <c r="AC47" i="1"/>
  <c r="W48" i="1"/>
  <c r="AB48" i="1"/>
  <c r="AF47" i="1"/>
  <c r="AE47" i="1"/>
  <c r="AD47" i="1"/>
  <c r="V48" i="1"/>
  <c r="T48" i="1"/>
  <c r="AA48" i="1"/>
  <c r="Z48" i="1"/>
  <c r="X48" i="1"/>
  <c r="Y48" i="1"/>
  <c r="U48" i="1"/>
  <c r="S48" i="1"/>
  <c r="P50" i="1"/>
  <c r="R50" i="1" s="1"/>
  <c r="AG48" i="1" l="1"/>
  <c r="N84" i="2"/>
  <c r="B84" i="2" s="1"/>
  <c r="AB49" i="1"/>
  <c r="W49" i="1"/>
  <c r="AD48" i="1"/>
  <c r="AF48" i="1"/>
  <c r="AC48" i="1"/>
  <c r="AE48" i="1"/>
  <c r="AA49" i="1"/>
  <c r="Y49" i="1"/>
  <c r="U49" i="1"/>
  <c r="Z49" i="1"/>
  <c r="X49" i="1"/>
  <c r="V49" i="1"/>
  <c r="T49" i="1"/>
  <c r="S49" i="1"/>
  <c r="P51" i="1"/>
  <c r="R51" i="1" s="1"/>
  <c r="N85" i="2" l="1"/>
  <c r="B85" i="2" s="1"/>
  <c r="W50" i="1"/>
  <c r="AB50" i="1"/>
  <c r="AA50" i="1"/>
  <c r="Z50" i="1"/>
  <c r="X50" i="1"/>
  <c r="V50" i="1"/>
  <c r="T50" i="1"/>
  <c r="Y50" i="1"/>
  <c r="U50" i="1"/>
  <c r="S50" i="1"/>
  <c r="P52" i="1"/>
  <c r="R52" i="1" s="1"/>
  <c r="N86" i="2" l="1"/>
  <c r="B86" i="2" s="1"/>
  <c r="AB51" i="1"/>
  <c r="W51" i="1"/>
  <c r="Z51" i="1"/>
  <c r="X51" i="1"/>
  <c r="V51" i="1"/>
  <c r="S51" i="1"/>
  <c r="Y51" i="1"/>
  <c r="T51" i="1"/>
  <c r="AA51" i="1"/>
  <c r="U51" i="1"/>
  <c r="P53" i="1"/>
  <c r="R53" i="1" s="1"/>
  <c r="N87" i="2" l="1"/>
  <c r="B87" i="2" s="1"/>
  <c r="AC51" i="1"/>
  <c r="AG51" i="1"/>
  <c r="AB52" i="1"/>
  <c r="W52" i="1"/>
  <c r="AF51" i="1"/>
  <c r="AE51" i="1"/>
  <c r="AD51" i="1"/>
  <c r="AA52" i="1"/>
  <c r="Y52" i="1"/>
  <c r="X52" i="1"/>
  <c r="Z52" i="1"/>
  <c r="S52" i="1"/>
  <c r="V52" i="1"/>
  <c r="T52" i="1"/>
  <c r="U52" i="1"/>
  <c r="P54" i="1"/>
  <c r="R54" i="1" s="1"/>
  <c r="N88" i="2" l="1"/>
  <c r="B88" i="2" s="1"/>
  <c r="AG52" i="1"/>
  <c r="AF52" i="1"/>
  <c r="AE52" i="1"/>
  <c r="AD52" i="1"/>
  <c r="W53" i="1"/>
  <c r="AB53" i="1"/>
  <c r="AC52" i="1"/>
  <c r="AA53" i="1"/>
  <c r="Z53" i="1"/>
  <c r="U53" i="1"/>
  <c r="Y53" i="1"/>
  <c r="T53" i="1"/>
  <c r="X53" i="1"/>
  <c r="S53" i="1"/>
  <c r="V53" i="1"/>
  <c r="P55" i="1"/>
  <c r="R55" i="1" s="1"/>
  <c r="N89" i="2" l="1"/>
  <c r="B89" i="2" s="1"/>
  <c r="AG53" i="1"/>
  <c r="AF53" i="1"/>
  <c r="AC53" i="1"/>
  <c r="AD53" i="1"/>
  <c r="AB54" i="1"/>
  <c r="W54" i="1"/>
  <c r="AE53" i="1"/>
  <c r="AA54" i="1"/>
  <c r="Z54" i="1"/>
  <c r="V54" i="1"/>
  <c r="X54" i="1"/>
  <c r="S54" i="1"/>
  <c r="T54" i="1"/>
  <c r="Y54" i="1"/>
  <c r="U54" i="1"/>
  <c r="P56" i="1"/>
  <c r="R56" i="1" s="1"/>
  <c r="N90" i="2" l="1"/>
  <c r="B90" i="2" s="1"/>
  <c r="AC54" i="1"/>
  <c r="AE54" i="1"/>
  <c r="AB55" i="1"/>
  <c r="W55" i="1"/>
  <c r="AF54" i="1"/>
  <c r="AD54" i="1"/>
  <c r="AG54" i="1"/>
  <c r="X55" i="1"/>
  <c r="AA55" i="1"/>
  <c r="Z55" i="1"/>
  <c r="S55" i="1"/>
  <c r="T55" i="1"/>
  <c r="U55" i="1"/>
  <c r="V55" i="1"/>
  <c r="Y55" i="1"/>
  <c r="P57" i="1"/>
  <c r="R57" i="1" s="1"/>
  <c r="N91" i="2" l="1"/>
  <c r="B91" i="2" s="1"/>
  <c r="AE55" i="1"/>
  <c r="AB56" i="1"/>
  <c r="W56" i="1"/>
  <c r="AG55" i="1"/>
  <c r="AF55" i="1"/>
  <c r="AD55" i="1"/>
  <c r="AC55" i="1"/>
  <c r="AA56" i="1"/>
  <c r="Z56" i="1"/>
  <c r="Y56" i="1"/>
  <c r="V56" i="1"/>
  <c r="X56" i="1"/>
  <c r="U56" i="1"/>
  <c r="S56" i="1"/>
  <c r="T56" i="1"/>
  <c r="P58" i="1"/>
  <c r="R58" i="1" s="1"/>
  <c r="N92" i="2" l="1"/>
  <c r="B92" i="2" s="1"/>
  <c r="AB57" i="1"/>
  <c r="W57" i="1"/>
  <c r="Z57" i="1"/>
  <c r="Y57" i="1"/>
  <c r="V57" i="1"/>
  <c r="AA57" i="1"/>
  <c r="U57" i="1"/>
  <c r="X57" i="1"/>
  <c r="S57" i="1"/>
  <c r="T57" i="1"/>
  <c r="P59" i="1"/>
  <c r="R59" i="1" s="1"/>
  <c r="N93" i="2" l="1"/>
  <c r="B93" i="2" s="1"/>
  <c r="AB58" i="1"/>
  <c r="W58" i="1"/>
  <c r="Z58" i="1"/>
  <c r="X58" i="1"/>
  <c r="V58" i="1"/>
  <c r="AA58" i="1"/>
  <c r="U58" i="1"/>
  <c r="Y58" i="1"/>
  <c r="S58" i="1"/>
  <c r="T58" i="1"/>
  <c r="P60" i="1"/>
  <c r="R60" i="1" s="1"/>
  <c r="N94" i="2" l="1"/>
  <c r="B94" i="2" s="1"/>
  <c r="AD58" i="1"/>
  <c r="AG58" i="1"/>
  <c r="AC58" i="1"/>
  <c r="AE58" i="1"/>
  <c r="AB59" i="1"/>
  <c r="W59" i="1"/>
  <c r="AF58" i="1"/>
  <c r="AA59" i="1"/>
  <c r="Y59" i="1"/>
  <c r="S59" i="1"/>
  <c r="V59" i="1"/>
  <c r="Z59" i="1"/>
  <c r="U59" i="1"/>
  <c r="X59" i="1"/>
  <c r="T59" i="1"/>
  <c r="P61" i="1"/>
  <c r="R61" i="1" s="1"/>
  <c r="AG59" i="1" l="1"/>
  <c r="N95" i="2"/>
  <c r="B95" i="2" s="1"/>
  <c r="AD59" i="1"/>
  <c r="AE59" i="1"/>
  <c r="AF59" i="1"/>
  <c r="W60" i="1"/>
  <c r="AB60" i="1"/>
  <c r="AC59" i="1"/>
  <c r="Y60" i="1"/>
  <c r="X60" i="1"/>
  <c r="V60" i="1"/>
  <c r="AA60" i="1"/>
  <c r="Z60" i="1"/>
  <c r="U60" i="1"/>
  <c r="S60" i="1"/>
  <c r="T60" i="1"/>
  <c r="P62" i="1"/>
  <c r="R62" i="1" s="1"/>
  <c r="N96" i="2" l="1"/>
  <c r="B96" i="2" s="1"/>
  <c r="AG60" i="1"/>
  <c r="AC60" i="1"/>
  <c r="AD60" i="1"/>
  <c r="AB61" i="1"/>
  <c r="W61" i="1"/>
  <c r="AE60" i="1"/>
  <c r="AF60" i="1"/>
  <c r="Z61" i="1"/>
  <c r="Y61" i="1"/>
  <c r="T61" i="1"/>
  <c r="AA61" i="1"/>
  <c r="U61" i="1"/>
  <c r="X61" i="1"/>
  <c r="S61" i="1"/>
  <c r="V61" i="1"/>
  <c r="P63" i="1"/>
  <c r="R63" i="1" s="1"/>
  <c r="AC61" i="1" l="1"/>
  <c r="AG61" i="1"/>
  <c r="N97" i="2"/>
  <c r="B97" i="2" s="1"/>
  <c r="AE61" i="1"/>
  <c r="AD61" i="1"/>
  <c r="AF61" i="1"/>
  <c r="AB62" i="1"/>
  <c r="W62" i="1"/>
  <c r="Z62" i="1"/>
  <c r="AA62" i="1"/>
  <c r="X62" i="1"/>
  <c r="Y62" i="1"/>
  <c r="V62" i="1"/>
  <c r="T62" i="1"/>
  <c r="U62" i="1"/>
  <c r="S62" i="1"/>
  <c r="P64" i="1"/>
  <c r="R64" i="1" s="1"/>
  <c r="AG62" i="1" l="1"/>
  <c r="N98" i="2"/>
  <c r="B98" i="2" s="1"/>
  <c r="AD62" i="1"/>
  <c r="AE62" i="1"/>
  <c r="AF62" i="1"/>
  <c r="AC62" i="1"/>
  <c r="AB63" i="1"/>
  <c r="W63" i="1"/>
  <c r="Z63" i="1"/>
  <c r="AA63" i="1"/>
  <c r="U63" i="1"/>
  <c r="Y63" i="1"/>
  <c r="V63" i="1"/>
  <c r="S63" i="1"/>
  <c r="T63" i="1"/>
  <c r="X63" i="1"/>
  <c r="P65" i="1"/>
  <c r="R65" i="1" s="1"/>
  <c r="N99" i="2" l="1"/>
  <c r="B99" i="2" s="1"/>
  <c r="W64" i="1"/>
  <c r="AB64" i="1"/>
  <c r="Z64" i="1"/>
  <c r="X64" i="1"/>
  <c r="U64" i="1"/>
  <c r="Y64" i="1"/>
  <c r="AA64" i="1"/>
  <c r="T64" i="1"/>
  <c r="V64" i="1"/>
  <c r="S64" i="1"/>
  <c r="P66" i="1"/>
  <c r="R66" i="1" s="1"/>
  <c r="N100" i="2" l="1"/>
  <c r="B100" i="2" s="1"/>
  <c r="W65" i="1"/>
  <c r="AB65" i="1"/>
  <c r="Z65" i="1"/>
  <c r="Y65" i="1"/>
  <c r="X65" i="1"/>
  <c r="U65" i="1"/>
  <c r="AA65" i="1"/>
  <c r="T65" i="1"/>
  <c r="V65" i="1"/>
  <c r="S65" i="1"/>
  <c r="P67" i="1"/>
  <c r="R67" i="1" s="1"/>
  <c r="N101" i="2" l="1"/>
  <c r="B101" i="2" s="1"/>
  <c r="AG65" i="1"/>
  <c r="AE65" i="1"/>
  <c r="W66" i="1"/>
  <c r="AB66" i="1"/>
  <c r="AF65" i="1"/>
  <c r="AC65" i="1"/>
  <c r="AD65" i="1"/>
  <c r="X66" i="1"/>
  <c r="AA66" i="1"/>
  <c r="Z66" i="1"/>
  <c r="V66" i="1"/>
  <c r="U66" i="1"/>
  <c r="Y66" i="1"/>
  <c r="T66" i="1"/>
  <c r="S66" i="1"/>
  <c r="P68" i="1"/>
  <c r="R68" i="1" s="1"/>
  <c r="N102" i="2" l="1"/>
  <c r="B102" i="2" s="1"/>
  <c r="AC66" i="1"/>
  <c r="AE66" i="1"/>
  <c r="AG66" i="1"/>
  <c r="AD66" i="1"/>
  <c r="AB67" i="1"/>
  <c r="W67" i="1"/>
  <c r="AF66" i="1"/>
  <c r="Y67" i="1"/>
  <c r="X67" i="1"/>
  <c r="AA67" i="1"/>
  <c r="U67" i="1"/>
  <c r="Z67" i="1"/>
  <c r="T67" i="1"/>
  <c r="V67" i="1"/>
  <c r="S67" i="1"/>
  <c r="P69" i="1"/>
  <c r="R69" i="1" s="1"/>
  <c r="N103" i="2" l="1"/>
  <c r="B103" i="2" s="1"/>
  <c r="AC67" i="1"/>
  <c r="AD67" i="1"/>
  <c r="AB68" i="1"/>
  <c r="W68" i="1"/>
  <c r="AF67" i="1"/>
  <c r="AE67" i="1"/>
  <c r="AG67" i="1"/>
  <c r="AA68" i="1"/>
  <c r="Y68" i="1"/>
  <c r="X68" i="1"/>
  <c r="V68" i="1"/>
  <c r="Z68" i="1"/>
  <c r="T68" i="1"/>
  <c r="U68" i="1"/>
  <c r="S68" i="1"/>
  <c r="P70" i="1"/>
  <c r="R70" i="1" s="1"/>
  <c r="N104" i="2" l="1"/>
  <c r="B104" i="2" s="1"/>
  <c r="AD68" i="1"/>
  <c r="AG68" i="1"/>
  <c r="AF68" i="1"/>
  <c r="AC68" i="1"/>
  <c r="AB69" i="1"/>
  <c r="W69" i="1"/>
  <c r="AE68" i="1"/>
  <c r="AA69" i="1"/>
  <c r="Y69" i="1"/>
  <c r="X69" i="1"/>
  <c r="Z69" i="1"/>
  <c r="U69" i="1"/>
  <c r="T69" i="1"/>
  <c r="V69" i="1"/>
  <c r="S69" i="1"/>
  <c r="P71" i="1"/>
  <c r="R71" i="1" s="1"/>
  <c r="N105" i="2" l="1"/>
  <c r="B105" i="2" s="1"/>
  <c r="AF69" i="1"/>
  <c r="AD69" i="1"/>
  <c r="AG69" i="1"/>
  <c r="AB70" i="1"/>
  <c r="W70" i="1"/>
  <c r="AE69" i="1"/>
  <c r="AC69" i="1"/>
  <c r="AA70" i="1"/>
  <c r="Z70" i="1"/>
  <c r="Y70" i="1"/>
  <c r="X70" i="1"/>
  <c r="U70" i="1"/>
  <c r="S70" i="1"/>
  <c r="V70" i="1"/>
  <c r="T70" i="1"/>
  <c r="P72" i="1"/>
  <c r="R72" i="1" s="1"/>
  <c r="N106" i="2" l="1"/>
  <c r="B106" i="2" s="1"/>
  <c r="AB71" i="1"/>
  <c r="W71" i="1"/>
  <c r="AA71" i="1"/>
  <c r="X71" i="1"/>
  <c r="Z71" i="1"/>
  <c r="T71" i="1"/>
  <c r="V71" i="1"/>
  <c r="Y71" i="1"/>
  <c r="S71" i="1"/>
  <c r="U71" i="1"/>
  <c r="P73" i="1"/>
  <c r="R73" i="1" s="1"/>
  <c r="N107" i="2" l="1"/>
  <c r="B107" i="2" s="1"/>
  <c r="AB72" i="1"/>
  <c r="W72" i="1"/>
  <c r="AA72" i="1"/>
  <c r="Y72" i="1"/>
  <c r="V72" i="1"/>
  <c r="X72" i="1"/>
  <c r="Z72" i="1"/>
  <c r="U72" i="1"/>
  <c r="T72" i="1"/>
  <c r="S72" i="1"/>
  <c r="P74" i="1"/>
  <c r="R74" i="1" s="1"/>
  <c r="N108" i="2" l="1"/>
  <c r="B108" i="2" s="1"/>
  <c r="AG72" i="1"/>
  <c r="AF72" i="1"/>
  <c r="AD72" i="1"/>
  <c r="W73" i="1"/>
  <c r="AB73" i="1"/>
  <c r="AC72" i="1"/>
  <c r="AE72" i="1"/>
  <c r="AA73" i="1"/>
  <c r="Z73" i="1"/>
  <c r="U73" i="1"/>
  <c r="X73" i="1"/>
  <c r="Y73" i="1"/>
  <c r="S73" i="1"/>
  <c r="V73" i="1"/>
  <c r="T73" i="1"/>
  <c r="P75" i="1"/>
  <c r="R75" i="1" s="1"/>
  <c r="N109" i="2" l="1"/>
  <c r="B109" i="2" s="1"/>
  <c r="AD73" i="1"/>
  <c r="AC73" i="1"/>
  <c r="AB74" i="1"/>
  <c r="W74" i="1"/>
  <c r="AE73" i="1"/>
  <c r="AF73" i="1"/>
  <c r="AG73" i="1"/>
  <c r="X74" i="1"/>
  <c r="Z74" i="1"/>
  <c r="Y74" i="1"/>
  <c r="T74" i="1"/>
  <c r="V74" i="1"/>
  <c r="AA74" i="1"/>
  <c r="S74" i="1"/>
  <c r="U74" i="1"/>
  <c r="P76" i="1"/>
  <c r="R76" i="1" s="1"/>
  <c r="N110" i="2" l="1"/>
  <c r="B110" i="2" s="1"/>
  <c r="AG74" i="1"/>
  <c r="AB75" i="1"/>
  <c r="W75" i="1"/>
  <c r="AD74" i="1"/>
  <c r="AE74" i="1"/>
  <c r="AC74" i="1"/>
  <c r="AF74" i="1"/>
  <c r="X75" i="1"/>
  <c r="AA75" i="1"/>
  <c r="Y75" i="1"/>
  <c r="V75" i="1"/>
  <c r="S75" i="1"/>
  <c r="Z75" i="1"/>
  <c r="U75" i="1"/>
  <c r="T75" i="1"/>
  <c r="P77" i="1"/>
  <c r="R77" i="1" s="1"/>
  <c r="N111" i="2" l="1"/>
  <c r="B111" i="2" s="1"/>
  <c r="AE75" i="1"/>
  <c r="AD75" i="1"/>
  <c r="AB76" i="1"/>
  <c r="W76" i="1"/>
  <c r="AC75" i="1"/>
  <c r="AG75" i="1"/>
  <c r="AF75" i="1"/>
  <c r="AA76" i="1"/>
  <c r="U76" i="1"/>
  <c r="Y76" i="1"/>
  <c r="V76" i="1"/>
  <c r="S76" i="1"/>
  <c r="Z76" i="1"/>
  <c r="X76" i="1"/>
  <c r="T76" i="1"/>
  <c r="P78" i="1"/>
  <c r="R78" i="1" s="1"/>
  <c r="AG76" i="1" l="1"/>
  <c r="N112" i="2"/>
  <c r="B112" i="2" s="1"/>
  <c r="AF76" i="1"/>
  <c r="AD76" i="1"/>
  <c r="AB77" i="1"/>
  <c r="W77" i="1"/>
  <c r="AE76" i="1"/>
  <c r="AC76" i="1"/>
  <c r="Z77" i="1"/>
  <c r="AA77" i="1"/>
  <c r="V77" i="1"/>
  <c r="X77" i="1"/>
  <c r="Y77" i="1"/>
  <c r="U77" i="1"/>
  <c r="T77" i="1"/>
  <c r="S77" i="1"/>
  <c r="P79" i="1"/>
  <c r="R79" i="1" s="1"/>
  <c r="N113" i="2" l="1"/>
  <c r="B113" i="2" s="1"/>
  <c r="AB78" i="1"/>
  <c r="W78" i="1"/>
  <c r="Z78" i="1"/>
  <c r="Y78" i="1"/>
  <c r="AA78" i="1"/>
  <c r="V78" i="1"/>
  <c r="X78" i="1"/>
  <c r="U78" i="1"/>
  <c r="T78" i="1"/>
  <c r="S78" i="1"/>
  <c r="P80" i="1"/>
  <c r="R80" i="1" s="1"/>
  <c r="N114" i="2" l="1"/>
  <c r="B114" i="2" s="1"/>
  <c r="AB79" i="1"/>
  <c r="W79" i="1"/>
  <c r="Y79" i="1"/>
  <c r="Z79" i="1"/>
  <c r="AA79" i="1"/>
  <c r="S79" i="1"/>
  <c r="V79" i="1"/>
  <c r="U79" i="1"/>
  <c r="X79" i="1"/>
  <c r="T79" i="1"/>
  <c r="P81" i="1"/>
  <c r="R81" i="1" s="1"/>
  <c r="N115" i="2" l="1"/>
  <c r="B115" i="2" s="1"/>
  <c r="AG79" i="1"/>
  <c r="W80" i="1"/>
  <c r="AB80" i="1"/>
  <c r="AC79" i="1"/>
  <c r="AF79" i="1"/>
  <c r="AD79" i="1"/>
  <c r="AE79" i="1"/>
  <c r="Y80" i="1"/>
  <c r="X80" i="1"/>
  <c r="Z80" i="1"/>
  <c r="AA80" i="1"/>
  <c r="V80" i="1"/>
  <c r="S80" i="1"/>
  <c r="T80" i="1"/>
  <c r="U80" i="1"/>
  <c r="P82" i="1"/>
  <c r="R82" i="1" s="1"/>
  <c r="N116" i="2" l="1"/>
  <c r="B116" i="2" s="1"/>
  <c r="AG80" i="1"/>
  <c r="AD80" i="1"/>
  <c r="AC80" i="1"/>
  <c r="AF80" i="1"/>
  <c r="AB81" i="1"/>
  <c r="W81" i="1"/>
  <c r="AE80" i="1"/>
  <c r="Z81" i="1"/>
  <c r="AA81" i="1"/>
  <c r="Y81" i="1"/>
  <c r="V81" i="1"/>
  <c r="S81" i="1"/>
  <c r="X81" i="1"/>
  <c r="U81" i="1"/>
  <c r="T81" i="1"/>
  <c r="P83" i="1"/>
  <c r="R83" i="1" s="1"/>
  <c r="AG81" i="1" l="1"/>
  <c r="N117" i="2"/>
  <c r="B117" i="2" s="1"/>
  <c r="AE81" i="1"/>
  <c r="AF81" i="1"/>
  <c r="AB82" i="1"/>
  <c r="W82" i="1"/>
  <c r="AC81" i="1"/>
  <c r="AD81" i="1"/>
  <c r="X82" i="1"/>
  <c r="Z82" i="1"/>
  <c r="T82" i="1"/>
  <c r="Y82" i="1"/>
  <c r="V82" i="1"/>
  <c r="AA82" i="1"/>
  <c r="S82" i="1"/>
  <c r="U82" i="1"/>
  <c r="P84" i="1"/>
  <c r="R84" i="1" s="1"/>
  <c r="AG82" i="1" l="1"/>
  <c r="N118" i="2"/>
  <c r="B118" i="2" s="1"/>
  <c r="AC82" i="1"/>
  <c r="AE82" i="1"/>
  <c r="W83" i="1"/>
  <c r="AB83" i="1"/>
  <c r="AF82" i="1"/>
  <c r="AD82" i="1"/>
  <c r="AA83" i="1"/>
  <c r="U83" i="1"/>
  <c r="V83" i="1"/>
  <c r="X83" i="1"/>
  <c r="T83" i="1"/>
  <c r="Y83" i="1"/>
  <c r="Z83" i="1"/>
  <c r="S83" i="1"/>
  <c r="P85" i="1"/>
  <c r="R85" i="1" s="1"/>
  <c r="N119" i="2" l="1"/>
  <c r="B119" i="2" s="1"/>
  <c r="AC83" i="1"/>
  <c r="W84" i="1"/>
  <c r="AB84" i="1"/>
  <c r="AG83" i="1"/>
  <c r="AD83" i="1"/>
  <c r="AF83" i="1"/>
  <c r="AE83" i="1"/>
  <c r="Z84" i="1"/>
  <c r="AA84" i="1"/>
  <c r="U84" i="1"/>
  <c r="S84" i="1"/>
  <c r="X84" i="1"/>
  <c r="T84" i="1"/>
  <c r="V84" i="1"/>
  <c r="Y84" i="1"/>
  <c r="P86" i="1"/>
  <c r="R86" i="1" s="1"/>
  <c r="N120" i="2" l="1"/>
  <c r="B120" i="2" s="1"/>
  <c r="W85" i="1"/>
  <c r="AB85" i="1"/>
  <c r="Z85" i="1"/>
  <c r="Y85" i="1"/>
  <c r="U85" i="1"/>
  <c r="T85" i="1"/>
  <c r="V85" i="1"/>
  <c r="AA85" i="1"/>
  <c r="S85" i="1"/>
  <c r="X85" i="1"/>
  <c r="P87" i="1"/>
  <c r="R87" i="1" s="1"/>
  <c r="N121" i="2" l="1"/>
  <c r="B121" i="2" s="1"/>
  <c r="W86" i="1"/>
  <c r="AB86" i="1"/>
  <c r="Z86" i="1"/>
  <c r="U86" i="1"/>
  <c r="T86" i="1"/>
  <c r="Y86" i="1"/>
  <c r="V86" i="1"/>
  <c r="AA86" i="1"/>
  <c r="S86" i="1"/>
  <c r="X86" i="1"/>
  <c r="P88" i="1"/>
  <c r="R88" i="1" s="1"/>
  <c r="N122" i="2" l="1"/>
  <c r="B122" i="2" s="1"/>
  <c r="AG86" i="1"/>
  <c r="AE86" i="1"/>
  <c r="AB87" i="1"/>
  <c r="W87" i="1"/>
  <c r="AC86" i="1"/>
  <c r="AF86" i="1"/>
  <c r="AD86" i="1"/>
  <c r="Z87" i="1"/>
  <c r="AA87" i="1"/>
  <c r="V87" i="1"/>
  <c r="Y87" i="1"/>
  <c r="X87" i="1"/>
  <c r="U87" i="1"/>
  <c r="T87" i="1"/>
  <c r="S87" i="1"/>
  <c r="P89" i="1"/>
  <c r="R89" i="1" s="1"/>
  <c r="N123" i="2" l="1"/>
  <c r="B123" i="2" s="1"/>
  <c r="AG87" i="1"/>
  <c r="AD87" i="1"/>
  <c r="AE87" i="1"/>
  <c r="AF87" i="1"/>
  <c r="AC87" i="1"/>
  <c r="AB88" i="1"/>
  <c r="W88" i="1"/>
  <c r="X88" i="1"/>
  <c r="Z88" i="1"/>
  <c r="V88" i="1"/>
  <c r="Y88" i="1"/>
  <c r="T88" i="1"/>
  <c r="AA88" i="1"/>
  <c r="S88" i="1"/>
  <c r="U88" i="1"/>
  <c r="P90" i="1"/>
  <c r="R90" i="1" s="1"/>
  <c r="N124" i="2" l="1"/>
  <c r="B124" i="2" s="1"/>
  <c r="AE88" i="1"/>
  <c r="AC88" i="1"/>
  <c r="AG88" i="1"/>
  <c r="AB89" i="1"/>
  <c r="W89" i="1"/>
  <c r="AD88" i="1"/>
  <c r="AF88" i="1"/>
  <c r="AA89" i="1"/>
  <c r="X89" i="1"/>
  <c r="Z89" i="1"/>
  <c r="U89" i="1"/>
  <c r="Y89" i="1"/>
  <c r="V89" i="1"/>
  <c r="T89" i="1"/>
  <c r="S89" i="1"/>
  <c r="P91" i="1"/>
  <c r="R91" i="1" s="1"/>
  <c r="N125" i="2" l="1"/>
  <c r="B125" i="2" s="1"/>
  <c r="AF89" i="1"/>
  <c r="AC89" i="1"/>
  <c r="AG89" i="1"/>
  <c r="AB90" i="1"/>
  <c r="W90" i="1"/>
  <c r="AE89" i="1"/>
  <c r="AD89" i="1"/>
  <c r="AA90" i="1"/>
  <c r="Z90" i="1"/>
  <c r="Y90" i="1"/>
  <c r="X90" i="1"/>
  <c r="U90" i="1"/>
  <c r="V90" i="1"/>
  <c r="T90" i="1"/>
  <c r="S90" i="1"/>
  <c r="P92" i="1"/>
  <c r="R92" i="1" s="1"/>
  <c r="N126" i="2" l="1"/>
  <c r="B126" i="2" s="1"/>
  <c r="AG90" i="1"/>
  <c r="AC90" i="1"/>
  <c r="AD90" i="1"/>
  <c r="AF90" i="1"/>
  <c r="AE90" i="1"/>
  <c r="AB91" i="1"/>
  <c r="W91" i="1"/>
  <c r="Y91" i="1"/>
  <c r="X91" i="1"/>
  <c r="Z91" i="1"/>
  <c r="U91" i="1"/>
  <c r="T91" i="1"/>
  <c r="S91" i="1"/>
  <c r="AA91" i="1"/>
  <c r="V91" i="1"/>
  <c r="P93" i="1"/>
  <c r="R93" i="1" s="1"/>
  <c r="N127" i="2" l="1"/>
  <c r="B127" i="2" s="1"/>
  <c r="AB92" i="1"/>
  <c r="W92" i="1"/>
  <c r="Y92" i="1"/>
  <c r="AA92" i="1"/>
  <c r="Z92" i="1"/>
  <c r="U92" i="1"/>
  <c r="V92" i="1"/>
  <c r="T92" i="1"/>
  <c r="X92" i="1"/>
  <c r="S92" i="1"/>
  <c r="P94" i="1"/>
  <c r="R94" i="1" s="1"/>
  <c r="N128" i="2" l="1"/>
  <c r="B128" i="2" s="1"/>
  <c r="W93" i="1"/>
  <c r="AB93" i="1"/>
  <c r="Y93" i="1"/>
  <c r="U93" i="1"/>
  <c r="V93" i="1"/>
  <c r="AA93" i="1"/>
  <c r="Z93" i="1"/>
  <c r="S93" i="1"/>
  <c r="X93" i="1"/>
  <c r="T93" i="1"/>
  <c r="P95" i="1"/>
  <c r="R95" i="1" s="1"/>
  <c r="N129" i="2" l="1"/>
  <c r="B129" i="2" s="1"/>
  <c r="AG93" i="1"/>
  <c r="AD93" i="1"/>
  <c r="AB94" i="1"/>
  <c r="W94" i="1"/>
  <c r="AC93" i="1"/>
  <c r="AF93" i="1"/>
  <c r="AE93" i="1"/>
  <c r="AA94" i="1"/>
  <c r="X94" i="1"/>
  <c r="Z94" i="1"/>
  <c r="S94" i="1"/>
  <c r="U94" i="1"/>
  <c r="Y94" i="1"/>
  <c r="V94" i="1"/>
  <c r="T94" i="1"/>
  <c r="P96" i="1"/>
  <c r="R96" i="1" s="1"/>
  <c r="AG94" i="1" l="1"/>
  <c r="N130" i="2"/>
  <c r="B130" i="2" s="1"/>
  <c r="AC94" i="1"/>
  <c r="AB95" i="1"/>
  <c r="W95" i="1"/>
  <c r="AD94" i="1"/>
  <c r="AF94" i="1"/>
  <c r="AE94" i="1"/>
  <c r="AA95" i="1"/>
  <c r="Z95" i="1"/>
  <c r="Y95" i="1"/>
  <c r="T95" i="1"/>
  <c r="U95" i="1"/>
  <c r="V95" i="1"/>
  <c r="X95" i="1"/>
  <c r="S95" i="1"/>
  <c r="P97" i="1"/>
  <c r="R97" i="1" s="1"/>
  <c r="AG95" i="1" l="1"/>
  <c r="N131" i="2"/>
  <c r="B131" i="2" s="1"/>
  <c r="AF95" i="1"/>
  <c r="AE95" i="1"/>
  <c r="AD95" i="1"/>
  <c r="AB96" i="1"/>
  <c r="W96" i="1"/>
  <c r="AC95" i="1"/>
  <c r="AA96" i="1"/>
  <c r="X96" i="1"/>
  <c r="Z96" i="1"/>
  <c r="V96" i="1"/>
  <c r="S96" i="1"/>
  <c r="U96" i="1"/>
  <c r="T96" i="1"/>
  <c r="Y96" i="1"/>
  <c r="P98" i="1"/>
  <c r="R98" i="1" s="1"/>
  <c r="AG96" i="1" l="1"/>
  <c r="N132" i="2"/>
  <c r="B132" i="2" s="1"/>
  <c r="AE96" i="1"/>
  <c r="AC96" i="1"/>
  <c r="AF96" i="1"/>
  <c r="AB97" i="1"/>
  <c r="W97" i="1"/>
  <c r="AD96" i="1"/>
  <c r="AA97" i="1"/>
  <c r="Y97" i="1"/>
  <c r="X97" i="1"/>
  <c r="V97" i="1"/>
  <c r="S97" i="1"/>
  <c r="U97" i="1"/>
  <c r="Z97" i="1"/>
  <c r="T97" i="1"/>
  <c r="P99" i="1"/>
  <c r="R99" i="1" s="1"/>
  <c r="N133" i="2" l="1"/>
  <c r="B133" i="2" s="1"/>
  <c r="AC97" i="1"/>
  <c r="AG97" i="1"/>
  <c r="AF97" i="1"/>
  <c r="AD97" i="1"/>
  <c r="AB98" i="1"/>
  <c r="W98" i="1"/>
  <c r="AE97" i="1"/>
  <c r="AA98" i="1"/>
  <c r="Y98" i="1"/>
  <c r="Z98" i="1"/>
  <c r="V98" i="1"/>
  <c r="X98" i="1"/>
  <c r="U98" i="1"/>
  <c r="S98" i="1"/>
  <c r="T98" i="1"/>
  <c r="P100" i="1"/>
  <c r="R100" i="1" s="1"/>
  <c r="N134" i="2" l="1"/>
  <c r="B134" i="2" s="1"/>
  <c r="AB99" i="1"/>
  <c r="W99" i="1"/>
  <c r="Y99" i="1"/>
  <c r="AA99" i="1"/>
  <c r="X99" i="1"/>
  <c r="Z99" i="1"/>
  <c r="S99" i="1"/>
  <c r="V99" i="1"/>
  <c r="U99" i="1"/>
  <c r="T99" i="1"/>
  <c r="P101" i="1"/>
  <c r="R101" i="1" s="1"/>
  <c r="N135" i="2" l="1"/>
  <c r="B135" i="2" s="1"/>
  <c r="AB100" i="1"/>
  <c r="W100" i="1"/>
  <c r="Y100" i="1"/>
  <c r="X100" i="1"/>
  <c r="AA100" i="1"/>
  <c r="Z100" i="1"/>
  <c r="V100" i="1"/>
  <c r="S100" i="1"/>
  <c r="U100" i="1"/>
  <c r="T100" i="1"/>
  <c r="P102" i="1"/>
  <c r="R102" i="1" s="1"/>
  <c r="N136" i="2" l="1"/>
  <c r="B136" i="2" s="1"/>
  <c r="AG100" i="1"/>
  <c r="AC100" i="1"/>
  <c r="AD100" i="1"/>
  <c r="AF100" i="1"/>
  <c r="AE100" i="1"/>
  <c r="AB101" i="1"/>
  <c r="W101" i="1"/>
  <c r="Z101" i="1"/>
  <c r="Y101" i="1"/>
  <c r="AA101" i="1"/>
  <c r="X101" i="1"/>
  <c r="V101" i="1"/>
  <c r="T101" i="1"/>
  <c r="S101" i="1"/>
  <c r="U101" i="1"/>
  <c r="P103" i="1"/>
  <c r="R103" i="1" s="1"/>
  <c r="N137" i="2" l="1"/>
  <c r="B137" i="2" s="1"/>
  <c r="AE101" i="1"/>
  <c r="AG101" i="1"/>
  <c r="AC101" i="1"/>
  <c r="AF101" i="1"/>
  <c r="AD101" i="1"/>
  <c r="AB102" i="1"/>
  <c r="W102" i="1"/>
  <c r="Z102" i="1"/>
  <c r="Y102" i="1"/>
  <c r="AA102" i="1"/>
  <c r="X102" i="1"/>
  <c r="V102" i="1"/>
  <c r="U102" i="1"/>
  <c r="S102" i="1"/>
  <c r="T102" i="1"/>
  <c r="P104" i="1"/>
  <c r="R104" i="1" s="1"/>
  <c r="AC102" i="1" l="1"/>
  <c r="N138" i="2"/>
  <c r="B138" i="2" s="1"/>
  <c r="AD102" i="1"/>
  <c r="AF102" i="1"/>
  <c r="AE102" i="1"/>
  <c r="W103" i="1"/>
  <c r="AB103" i="1"/>
  <c r="AG102" i="1"/>
  <c r="Z103" i="1"/>
  <c r="AA103" i="1"/>
  <c r="Y103" i="1"/>
  <c r="U103" i="1"/>
  <c r="X103" i="1"/>
  <c r="T103" i="1"/>
  <c r="V103" i="1"/>
  <c r="S103" i="1"/>
  <c r="P105" i="1"/>
  <c r="R105" i="1" s="1"/>
  <c r="N139" i="2" l="1"/>
  <c r="B139" i="2" s="1"/>
  <c r="AE103" i="1"/>
  <c r="AF103" i="1"/>
  <c r="AD103" i="1"/>
  <c r="W104" i="1"/>
  <c r="AB104" i="1"/>
  <c r="AC103" i="1"/>
  <c r="AG103" i="1"/>
  <c r="Z104" i="1"/>
  <c r="AA104" i="1"/>
  <c r="Y104" i="1"/>
  <c r="V104" i="1"/>
  <c r="T104" i="1"/>
  <c r="X104" i="1"/>
  <c r="U104" i="1"/>
  <c r="S104" i="1"/>
  <c r="P106" i="1"/>
  <c r="R106" i="1" s="1"/>
  <c r="N140" i="2" l="1"/>
  <c r="B140" i="2" s="1"/>
  <c r="AG104" i="1"/>
  <c r="AF104" i="1"/>
  <c r="AD104" i="1"/>
  <c r="AE104" i="1"/>
  <c r="AC104" i="1"/>
  <c r="W105" i="1"/>
  <c r="AB105" i="1"/>
  <c r="Z105" i="1"/>
  <c r="Y105" i="1"/>
  <c r="U105" i="1"/>
  <c r="AA105" i="1"/>
  <c r="X105" i="1"/>
  <c r="S105" i="1"/>
  <c r="T105" i="1"/>
  <c r="V105" i="1"/>
  <c r="P107" i="1"/>
  <c r="R107" i="1" s="1"/>
  <c r="N141" i="2" l="1"/>
  <c r="B141" i="2" s="1"/>
  <c r="W106" i="1"/>
  <c r="AB106" i="1"/>
  <c r="Z106" i="1"/>
  <c r="AA106" i="1"/>
  <c r="U106" i="1"/>
  <c r="Y106" i="1"/>
  <c r="X106" i="1"/>
  <c r="T106" i="1"/>
  <c r="S106" i="1"/>
  <c r="V106" i="1"/>
  <c r="P108" i="1"/>
  <c r="R108" i="1" s="1"/>
  <c r="N142" i="2" l="1"/>
  <c r="B142" i="2" s="1"/>
  <c r="AB107" i="1"/>
  <c r="W107" i="1"/>
  <c r="AA107" i="1"/>
  <c r="Z107" i="1"/>
  <c r="X107" i="1"/>
  <c r="T107" i="1"/>
  <c r="Y107" i="1"/>
  <c r="U107" i="1"/>
  <c r="S107" i="1"/>
  <c r="V107" i="1"/>
  <c r="P109" i="1"/>
  <c r="R109" i="1" s="1"/>
  <c r="N143" i="2" l="1"/>
  <c r="B143" i="2" s="1"/>
  <c r="AF107" i="1"/>
  <c r="AC107" i="1"/>
  <c r="AG107" i="1"/>
  <c r="AE107" i="1"/>
  <c r="W108" i="1"/>
  <c r="AB108" i="1"/>
  <c r="AD107" i="1"/>
  <c r="V108" i="1"/>
  <c r="Z108" i="1"/>
  <c r="T108" i="1"/>
  <c r="Y108" i="1"/>
  <c r="X108" i="1"/>
  <c r="AA108" i="1"/>
  <c r="S108" i="1"/>
  <c r="U108" i="1"/>
  <c r="P110" i="1"/>
  <c r="R110" i="1" s="1"/>
  <c r="AG108" i="1" l="1"/>
  <c r="N144" i="2"/>
  <c r="B144" i="2" s="1"/>
  <c r="AC108" i="1"/>
  <c r="AE108" i="1"/>
  <c r="AB109" i="1"/>
  <c r="W109" i="1"/>
  <c r="AD108" i="1"/>
  <c r="AF108" i="1"/>
  <c r="AA109" i="1"/>
  <c r="X109" i="1"/>
  <c r="Y109" i="1"/>
  <c r="V109" i="1"/>
  <c r="Z109" i="1"/>
  <c r="T109" i="1"/>
  <c r="S109" i="1"/>
  <c r="U109" i="1"/>
  <c r="P111" i="1"/>
  <c r="R111" i="1" s="1"/>
  <c r="N145" i="2" l="1"/>
  <c r="B145" i="2" s="1"/>
  <c r="AD109" i="1"/>
  <c r="AG109" i="1"/>
  <c r="AF109" i="1"/>
  <c r="AC109" i="1"/>
  <c r="AE109" i="1"/>
  <c r="W110" i="1"/>
  <c r="AB110" i="1"/>
  <c r="AA110" i="1"/>
  <c r="Z110" i="1"/>
  <c r="X110" i="1"/>
  <c r="Y110" i="1"/>
  <c r="T110" i="1"/>
  <c r="S110" i="1"/>
  <c r="V110" i="1"/>
  <c r="U110" i="1"/>
  <c r="P112" i="1"/>
  <c r="R112" i="1" s="1"/>
  <c r="N146" i="2" l="1"/>
  <c r="B146" i="2" s="1"/>
  <c r="AF110" i="1"/>
  <c r="AG110" i="1"/>
  <c r="AE110" i="1"/>
  <c r="W111" i="1"/>
  <c r="AB111" i="1"/>
  <c r="AD110" i="1"/>
  <c r="AC110" i="1"/>
  <c r="X111" i="1"/>
  <c r="Z111" i="1"/>
  <c r="AA111" i="1"/>
  <c r="T111" i="1"/>
  <c r="U111" i="1"/>
  <c r="Y111" i="1"/>
  <c r="S111" i="1"/>
  <c r="V111" i="1"/>
  <c r="P113" i="1"/>
  <c r="R113" i="1" s="1"/>
  <c r="N147" i="2" l="1"/>
  <c r="B147" i="2" s="1"/>
  <c r="AG111" i="1"/>
  <c r="AE111" i="1"/>
  <c r="AF111" i="1"/>
  <c r="AC111" i="1"/>
  <c r="W112" i="1"/>
  <c r="AB112" i="1"/>
  <c r="AD111" i="1"/>
  <c r="X112" i="1"/>
  <c r="Z112" i="1"/>
  <c r="AA112" i="1"/>
  <c r="U112" i="1"/>
  <c r="Y112" i="1"/>
  <c r="S112" i="1"/>
  <c r="V112" i="1"/>
  <c r="T112" i="1"/>
  <c r="P114" i="1"/>
  <c r="R114" i="1" s="1"/>
  <c r="N148" i="2" l="1"/>
  <c r="B148" i="2" s="1"/>
  <c r="W113" i="1"/>
  <c r="AB113" i="1"/>
  <c r="Y113" i="1"/>
  <c r="AA113" i="1"/>
  <c r="X113" i="1"/>
  <c r="U113" i="1"/>
  <c r="V113" i="1"/>
  <c r="T113" i="1"/>
  <c r="Z113" i="1"/>
  <c r="S113" i="1"/>
  <c r="P115" i="1"/>
  <c r="R115" i="1" s="1"/>
  <c r="N149" i="2" l="1"/>
  <c r="B149" i="2" s="1"/>
  <c r="W114" i="1"/>
  <c r="AB114" i="1"/>
  <c r="Y114" i="1"/>
  <c r="V114" i="1"/>
  <c r="AA114" i="1"/>
  <c r="U114" i="1"/>
  <c r="X114" i="1"/>
  <c r="T114" i="1"/>
  <c r="Z114" i="1"/>
  <c r="S114" i="1"/>
  <c r="P116" i="1"/>
  <c r="R116" i="1" s="1"/>
  <c r="N150" i="2" l="1"/>
  <c r="B150" i="2" s="1"/>
  <c r="AG114" i="1"/>
  <c r="AC114" i="1"/>
  <c r="AD114" i="1"/>
  <c r="W115" i="1"/>
  <c r="AB115" i="1"/>
  <c r="AE114" i="1"/>
  <c r="AF114" i="1"/>
  <c r="AA115" i="1"/>
  <c r="Y115" i="1"/>
  <c r="Z115" i="1"/>
  <c r="V115" i="1"/>
  <c r="U115" i="1"/>
  <c r="S115" i="1"/>
  <c r="X115" i="1"/>
  <c r="T115" i="1"/>
  <c r="P117" i="1"/>
  <c r="R117" i="1" s="1"/>
  <c r="N151" i="2" l="1"/>
  <c r="B151" i="2" s="1"/>
  <c r="AG115" i="1"/>
  <c r="AD115" i="1"/>
  <c r="AE115" i="1"/>
  <c r="AF115" i="1"/>
  <c r="W116" i="1"/>
  <c r="AB116" i="1"/>
  <c r="AC115" i="1"/>
  <c r="AA116" i="1"/>
  <c r="Y116" i="1"/>
  <c r="Z116" i="1"/>
  <c r="T116" i="1"/>
  <c r="V116" i="1"/>
  <c r="U116" i="1"/>
  <c r="X116" i="1"/>
  <c r="S116" i="1"/>
  <c r="P118" i="1"/>
  <c r="R118" i="1" s="1"/>
  <c r="N152" i="2" l="1"/>
  <c r="B152" i="2" s="1"/>
  <c r="AG116" i="1"/>
  <c r="AE116" i="1"/>
  <c r="AD116" i="1"/>
  <c r="AF116" i="1"/>
  <c r="W117" i="1"/>
  <c r="AB117" i="1"/>
  <c r="AC116" i="1"/>
  <c r="X117" i="1"/>
  <c r="AA117" i="1"/>
  <c r="Y117" i="1"/>
  <c r="V117" i="1"/>
  <c r="Z117" i="1"/>
  <c r="U117" i="1"/>
  <c r="S117" i="1"/>
  <c r="T117" i="1"/>
  <c r="P119" i="1"/>
  <c r="R119" i="1" s="1"/>
  <c r="N153" i="2" l="1"/>
  <c r="B153" i="2" s="1"/>
  <c r="AD117" i="1"/>
  <c r="AC117" i="1"/>
  <c r="AB118" i="1"/>
  <c r="W118" i="1"/>
  <c r="AF117" i="1"/>
  <c r="AE117" i="1"/>
  <c r="AG117" i="1"/>
  <c r="AA118" i="1"/>
  <c r="Y118" i="1"/>
  <c r="Z118" i="1"/>
  <c r="V118" i="1"/>
  <c r="U118" i="1"/>
  <c r="X118" i="1"/>
  <c r="S118" i="1"/>
  <c r="T118" i="1"/>
  <c r="P120" i="1"/>
  <c r="R120" i="1" s="1"/>
  <c r="N154" i="2" l="1"/>
  <c r="B154" i="2" s="1"/>
  <c r="AG118" i="1"/>
  <c r="AD118" i="1"/>
  <c r="AC118" i="1"/>
  <c r="AB119" i="1"/>
  <c r="W119" i="1"/>
  <c r="AF118" i="1"/>
  <c r="AE118" i="1"/>
  <c r="Y119" i="1"/>
  <c r="S119" i="1"/>
  <c r="X119" i="1"/>
  <c r="V119" i="1"/>
  <c r="U119" i="1"/>
  <c r="AA119" i="1"/>
  <c r="T119" i="1"/>
  <c r="Z119" i="1"/>
  <c r="P121" i="1"/>
  <c r="R121" i="1" s="1"/>
  <c r="N155" i="2" l="1"/>
  <c r="B155" i="2" s="1"/>
  <c r="AB120" i="1"/>
  <c r="W120" i="1"/>
  <c r="Y120" i="1"/>
  <c r="X120" i="1"/>
  <c r="AA120" i="1"/>
  <c r="Z120" i="1"/>
  <c r="V120" i="1"/>
  <c r="U120" i="1"/>
  <c r="T120" i="1"/>
  <c r="S120" i="1"/>
  <c r="P122" i="1"/>
  <c r="R122" i="1" s="1"/>
  <c r="N156" i="2" l="1"/>
  <c r="B156" i="2" s="1"/>
  <c r="AB121" i="1"/>
  <c r="W121" i="1"/>
  <c r="AA121" i="1"/>
  <c r="V121" i="1"/>
  <c r="Y121" i="1"/>
  <c r="X121" i="1"/>
  <c r="U121" i="1"/>
  <c r="Z121" i="1"/>
  <c r="T121" i="1"/>
  <c r="S121" i="1"/>
  <c r="P123" i="1"/>
  <c r="R123" i="1" s="1"/>
  <c r="N157" i="2" l="1"/>
  <c r="B157" i="2" s="1"/>
  <c r="AG121" i="1"/>
  <c r="AD121" i="1"/>
  <c r="AC121" i="1"/>
  <c r="AB122" i="1"/>
  <c r="W122" i="1"/>
  <c r="AE121" i="1"/>
  <c r="AF121" i="1"/>
  <c r="AA122" i="1"/>
  <c r="Y122" i="1"/>
  <c r="Z122" i="1"/>
  <c r="V122" i="1"/>
  <c r="X122" i="1"/>
  <c r="S122" i="1"/>
  <c r="T122" i="1"/>
  <c r="U122" i="1"/>
  <c r="P124" i="1"/>
  <c r="R124" i="1" s="1"/>
  <c r="N158" i="2" l="1"/>
  <c r="B158" i="2" s="1"/>
  <c r="AF122" i="1"/>
  <c r="AD122" i="1"/>
  <c r="AC122" i="1"/>
  <c r="AE122" i="1"/>
  <c r="W123" i="1"/>
  <c r="AB123" i="1"/>
  <c r="AG122" i="1"/>
  <c r="AA123" i="1"/>
  <c r="Y123" i="1"/>
  <c r="X123" i="1"/>
  <c r="U123" i="1"/>
  <c r="V123" i="1"/>
  <c r="Z123" i="1"/>
  <c r="T123" i="1"/>
  <c r="S123" i="1"/>
  <c r="P125" i="1"/>
  <c r="R125" i="1" s="1"/>
  <c r="N159" i="2" l="1"/>
  <c r="B159" i="2" s="1"/>
  <c r="AG123" i="1"/>
  <c r="AF123" i="1"/>
  <c r="W124" i="1"/>
  <c r="AB124" i="1"/>
  <c r="AE123" i="1"/>
  <c r="AC123" i="1"/>
  <c r="AD123" i="1"/>
  <c r="Z124" i="1"/>
  <c r="T124" i="1"/>
  <c r="V124" i="1"/>
  <c r="U124" i="1"/>
  <c r="X124" i="1"/>
  <c r="AA124" i="1"/>
  <c r="Y124" i="1"/>
  <c r="S124" i="1"/>
  <c r="P126" i="1"/>
  <c r="R126" i="1" s="1"/>
  <c r="N160" i="2" l="1"/>
  <c r="B160" i="2" s="1"/>
  <c r="AE124" i="1"/>
  <c r="AC124" i="1"/>
  <c r="W125" i="1"/>
  <c r="AB125" i="1"/>
  <c r="AF124" i="1"/>
  <c r="AG124" i="1"/>
  <c r="AD124" i="1"/>
  <c r="Z125" i="1"/>
  <c r="Y125" i="1"/>
  <c r="AA125" i="1"/>
  <c r="X125" i="1"/>
  <c r="U125" i="1"/>
  <c r="V125" i="1"/>
  <c r="T125" i="1"/>
  <c r="S125" i="1"/>
  <c r="P127" i="1"/>
  <c r="R127" i="1" s="1"/>
  <c r="N161" i="2" l="1"/>
  <c r="B161" i="2" s="1"/>
  <c r="AG125" i="1"/>
  <c r="W126" i="1"/>
  <c r="AB126" i="1"/>
  <c r="AD125" i="1"/>
  <c r="AC125" i="1"/>
  <c r="AF125" i="1"/>
  <c r="AE125" i="1"/>
  <c r="Z126" i="1"/>
  <c r="X126" i="1"/>
  <c r="AA126" i="1"/>
  <c r="U126" i="1"/>
  <c r="S126" i="1"/>
  <c r="T126" i="1"/>
  <c r="V126" i="1"/>
  <c r="Y126" i="1"/>
  <c r="P128" i="1"/>
  <c r="R128" i="1" s="1"/>
  <c r="N162" i="2" l="1"/>
  <c r="B162" i="2" s="1"/>
  <c r="AB127" i="1"/>
  <c r="W127" i="1"/>
  <c r="Z127" i="1"/>
  <c r="AA127" i="1"/>
  <c r="Y127" i="1"/>
  <c r="X127" i="1"/>
  <c r="T127" i="1"/>
  <c r="V127" i="1"/>
  <c r="U127" i="1"/>
  <c r="S127" i="1"/>
  <c r="P129" i="1"/>
  <c r="R129" i="1" s="1"/>
  <c r="N163" i="2" l="1"/>
  <c r="B163" i="2" s="1"/>
  <c r="W128" i="1"/>
  <c r="AB128" i="1"/>
  <c r="Z128" i="1"/>
  <c r="AA128" i="1"/>
  <c r="V128" i="1"/>
  <c r="T128" i="1"/>
  <c r="X128" i="1"/>
  <c r="S128" i="1"/>
  <c r="U128" i="1"/>
  <c r="Y128" i="1"/>
  <c r="P130" i="1"/>
  <c r="R130" i="1" s="1"/>
  <c r="AG128" i="1" l="1"/>
  <c r="N164" i="2"/>
  <c r="B164" i="2" s="1"/>
  <c r="AC128" i="1"/>
  <c r="AB129" i="1"/>
  <c r="W129" i="1"/>
  <c r="AD128" i="1"/>
  <c r="AF128" i="1"/>
  <c r="AE128" i="1"/>
  <c r="AA129" i="1"/>
  <c r="Z129" i="1"/>
  <c r="X129" i="1"/>
  <c r="U129" i="1"/>
  <c r="T129" i="1"/>
  <c r="V129" i="1"/>
  <c r="Y129" i="1"/>
  <c r="S129" i="1"/>
  <c r="P131" i="1"/>
  <c r="R131" i="1" s="1"/>
  <c r="N165" i="2" l="1"/>
  <c r="B165" i="2" s="1"/>
  <c r="AG129" i="1"/>
  <c r="W130" i="1"/>
  <c r="AB130" i="1"/>
  <c r="AE129" i="1"/>
  <c r="AD129" i="1"/>
  <c r="AC129" i="1"/>
  <c r="AF129" i="1"/>
  <c r="AA130" i="1"/>
  <c r="Z130" i="1"/>
  <c r="X130" i="1"/>
  <c r="V130" i="1"/>
  <c r="Y130" i="1"/>
  <c r="T130" i="1"/>
  <c r="U130" i="1"/>
  <c r="S130" i="1"/>
  <c r="P132" i="1"/>
  <c r="R132" i="1" s="1"/>
  <c r="N166" i="2" l="1"/>
  <c r="B166" i="2" s="1"/>
  <c r="AC130" i="1"/>
  <c r="AE130" i="1"/>
  <c r="AF130" i="1"/>
  <c r="AD130" i="1"/>
  <c r="W131" i="1"/>
  <c r="AB131" i="1"/>
  <c r="AG130" i="1"/>
  <c r="X131" i="1"/>
  <c r="Z131" i="1"/>
  <c r="AA131" i="1"/>
  <c r="T131" i="1"/>
  <c r="S131" i="1"/>
  <c r="U131" i="1"/>
  <c r="Y131" i="1"/>
  <c r="V131" i="1"/>
  <c r="P133" i="1"/>
  <c r="R133" i="1" s="1"/>
  <c r="N167" i="2" l="1"/>
  <c r="B167" i="2" s="1"/>
  <c r="AG131" i="1"/>
  <c r="AC131" i="1"/>
  <c r="AE131" i="1"/>
  <c r="W132" i="1"/>
  <c r="AB132" i="1"/>
  <c r="AD131" i="1"/>
  <c r="AF131" i="1"/>
  <c r="X132" i="1"/>
  <c r="Y132" i="1"/>
  <c r="Z132" i="1"/>
  <c r="AA132" i="1"/>
  <c r="T132" i="1"/>
  <c r="V132" i="1"/>
  <c r="S132" i="1"/>
  <c r="U132" i="1"/>
  <c r="P134" i="1"/>
  <c r="R134" i="1" s="1"/>
  <c r="AG132" i="1" l="1"/>
  <c r="N168" i="2"/>
  <c r="B168" i="2" s="1"/>
  <c r="AE132" i="1"/>
  <c r="AC132" i="1"/>
  <c r="AD132" i="1"/>
  <c r="AF132" i="1"/>
  <c r="W133" i="1"/>
  <c r="AB133" i="1"/>
  <c r="X133" i="1"/>
  <c r="U133" i="1"/>
  <c r="Y133" i="1"/>
  <c r="S133" i="1"/>
  <c r="Z133" i="1"/>
  <c r="T133" i="1"/>
  <c r="V133" i="1"/>
  <c r="AA133" i="1"/>
  <c r="P135" i="1"/>
  <c r="R135" i="1" s="1"/>
  <c r="N169" i="2" l="1"/>
  <c r="B169" i="2" s="1"/>
  <c r="W134" i="1"/>
  <c r="AB134" i="1"/>
  <c r="Z134" i="1"/>
  <c r="AA134" i="1"/>
  <c r="Y134" i="1"/>
  <c r="X134" i="1"/>
  <c r="T134" i="1"/>
  <c r="S134" i="1"/>
  <c r="U134" i="1"/>
  <c r="V134" i="1"/>
  <c r="P136" i="1"/>
  <c r="R136" i="1" s="1"/>
  <c r="N170" i="2" l="1"/>
  <c r="B170" i="2" s="1"/>
  <c r="W135" i="1"/>
  <c r="AB135" i="1"/>
  <c r="AA135" i="1"/>
  <c r="Z135" i="1"/>
  <c r="V135" i="1"/>
  <c r="Y135" i="1"/>
  <c r="X135" i="1"/>
  <c r="S135" i="1"/>
  <c r="U135" i="1"/>
  <c r="T135" i="1"/>
  <c r="P137" i="1"/>
  <c r="R137" i="1" s="1"/>
  <c r="N171" i="2" l="1"/>
  <c r="B171" i="2" s="1"/>
  <c r="AD135" i="1"/>
  <c r="AE135" i="1"/>
  <c r="AC135" i="1"/>
  <c r="W136" i="1"/>
  <c r="AB136" i="1"/>
  <c r="AF135" i="1"/>
  <c r="AG135" i="1"/>
  <c r="AA136" i="1"/>
  <c r="Y136" i="1"/>
  <c r="Z136" i="1"/>
  <c r="X136" i="1"/>
  <c r="V136" i="1"/>
  <c r="S136" i="1"/>
  <c r="U136" i="1"/>
  <c r="T136" i="1"/>
  <c r="P138" i="1"/>
  <c r="R138" i="1" s="1"/>
  <c r="N172" i="2" l="1"/>
  <c r="B172" i="2" s="1"/>
  <c r="AC136" i="1"/>
  <c r="W137" i="1"/>
  <c r="AB137" i="1"/>
  <c r="AE136" i="1"/>
  <c r="AD136" i="1"/>
  <c r="AG136" i="1"/>
  <c r="AF136" i="1"/>
  <c r="Y137" i="1"/>
  <c r="Z137" i="1"/>
  <c r="X137" i="1"/>
  <c r="T137" i="1"/>
  <c r="V137" i="1"/>
  <c r="AA137" i="1"/>
  <c r="S137" i="1"/>
  <c r="U137" i="1"/>
  <c r="P139" i="1"/>
  <c r="R139" i="1" s="1"/>
  <c r="N173" i="2" l="1"/>
  <c r="B173" i="2" s="1"/>
  <c r="AD137" i="1"/>
  <c r="AE137" i="1"/>
  <c r="AG137" i="1"/>
  <c r="AC137" i="1"/>
  <c r="W138" i="1"/>
  <c r="AB138" i="1"/>
  <c r="AF137" i="1"/>
  <c r="Y138" i="1"/>
  <c r="X138" i="1"/>
  <c r="Z138" i="1"/>
  <c r="AA138" i="1"/>
  <c r="V138" i="1"/>
  <c r="U138" i="1"/>
  <c r="S138" i="1"/>
  <c r="T138" i="1"/>
  <c r="P140" i="1"/>
  <c r="R140" i="1" s="1"/>
  <c r="N174" i="2" l="1"/>
  <c r="B174" i="2" s="1"/>
  <c r="AC138" i="1"/>
  <c r="AE138" i="1"/>
  <c r="AG138" i="1"/>
  <c r="AD138" i="1"/>
  <c r="AB139" i="1"/>
  <c r="W139" i="1"/>
  <c r="AF138" i="1"/>
  <c r="Y139" i="1"/>
  <c r="S139" i="1"/>
  <c r="Z139" i="1"/>
  <c r="U139" i="1"/>
  <c r="V139" i="1"/>
  <c r="T139" i="1"/>
  <c r="AA139" i="1"/>
  <c r="X139" i="1"/>
  <c r="P141" i="1"/>
  <c r="R141" i="1" s="1"/>
  <c r="N175" i="2" l="1"/>
  <c r="B175" i="2" s="1"/>
  <c r="AG139" i="1"/>
  <c r="AE139" i="1"/>
  <c r="AD139" i="1"/>
  <c r="AB140" i="1"/>
  <c r="W140" i="1"/>
  <c r="AF139" i="1"/>
  <c r="AC139" i="1"/>
  <c r="Y140" i="1"/>
  <c r="X140" i="1"/>
  <c r="AA140" i="1"/>
  <c r="Z140" i="1"/>
  <c r="V140" i="1"/>
  <c r="U140" i="1"/>
  <c r="S140" i="1"/>
  <c r="T140" i="1"/>
  <c r="P142" i="1"/>
  <c r="R142" i="1" s="1"/>
  <c r="N176" i="2" l="1"/>
  <c r="B176" i="2" s="1"/>
  <c r="AB141" i="1"/>
  <c r="W141" i="1"/>
  <c r="Y141" i="1"/>
  <c r="AA141" i="1"/>
  <c r="V141" i="1"/>
  <c r="U141" i="1"/>
  <c r="S141" i="1"/>
  <c r="T141" i="1"/>
  <c r="X141" i="1"/>
  <c r="Z141" i="1"/>
  <c r="P143" i="1"/>
  <c r="R143" i="1" s="1"/>
  <c r="N177" i="2" l="1"/>
  <c r="B177" i="2" s="1"/>
  <c r="AB142" i="1"/>
  <c r="W142" i="1"/>
  <c r="X142" i="1"/>
  <c r="Z142" i="1"/>
  <c r="V142" i="1"/>
  <c r="Y142" i="1"/>
  <c r="U142" i="1"/>
  <c r="AA142" i="1"/>
  <c r="S142" i="1"/>
  <c r="T142" i="1"/>
  <c r="P144" i="1"/>
  <c r="R144" i="1" s="1"/>
  <c r="N178" i="2" l="1"/>
  <c r="B178" i="2" s="1"/>
  <c r="AG142" i="1"/>
  <c r="AC142" i="1"/>
  <c r="AD142" i="1"/>
  <c r="AE142" i="1"/>
  <c r="AB143" i="1"/>
  <c r="W143" i="1"/>
  <c r="AF142" i="1"/>
  <c r="Y143" i="1"/>
  <c r="AA143" i="1"/>
  <c r="U143" i="1"/>
  <c r="Z143" i="1"/>
  <c r="V143" i="1"/>
  <c r="X143" i="1"/>
  <c r="T143" i="1"/>
  <c r="S143" i="1"/>
  <c r="P145" i="1"/>
  <c r="R145" i="1" s="1"/>
  <c r="N179" i="2" l="1"/>
  <c r="B179" i="2" s="1"/>
  <c r="AD143" i="1"/>
  <c r="AC143" i="1"/>
  <c r="AF143" i="1"/>
  <c r="AB144" i="1"/>
  <c r="W144" i="1"/>
  <c r="AE143" i="1"/>
  <c r="AG143" i="1"/>
  <c r="Z144" i="1"/>
  <c r="AA144" i="1"/>
  <c r="Y144" i="1"/>
  <c r="V144" i="1"/>
  <c r="X144" i="1"/>
  <c r="U144" i="1"/>
  <c r="S144" i="1"/>
  <c r="T144" i="1"/>
  <c r="P146" i="1"/>
  <c r="R146" i="1" s="1"/>
  <c r="N180" i="2" l="1"/>
  <c r="B180" i="2" s="1"/>
  <c r="AG144" i="1"/>
  <c r="AE144" i="1"/>
  <c r="AC144" i="1"/>
  <c r="AD144" i="1"/>
  <c r="W145" i="1"/>
  <c r="AB145" i="1"/>
  <c r="AF144" i="1"/>
  <c r="Z145" i="1"/>
  <c r="Y145" i="1"/>
  <c r="AA145" i="1"/>
  <c r="U145" i="1"/>
  <c r="T145" i="1"/>
  <c r="S145" i="1"/>
  <c r="X145" i="1"/>
  <c r="V145" i="1"/>
  <c r="P147" i="1"/>
  <c r="R147" i="1" s="1"/>
  <c r="N181" i="2" l="1"/>
  <c r="B181" i="2" s="1"/>
  <c r="AG145" i="1"/>
  <c r="AB146" i="1"/>
  <c r="W146" i="1"/>
  <c r="AE145" i="1"/>
  <c r="AC145" i="1"/>
  <c r="AF145" i="1"/>
  <c r="AD145" i="1"/>
  <c r="AA146" i="1"/>
  <c r="Z146" i="1"/>
  <c r="U146" i="1"/>
  <c r="V146" i="1"/>
  <c r="T146" i="1"/>
  <c r="X146" i="1"/>
  <c r="Y146" i="1"/>
  <c r="S146" i="1"/>
  <c r="P148" i="1"/>
  <c r="R148" i="1" s="1"/>
  <c r="N182" i="2" l="1"/>
  <c r="B182" i="2" s="1"/>
  <c r="AC146" i="1"/>
  <c r="AB147" i="1"/>
  <c r="W147" i="1"/>
  <c r="AG146" i="1"/>
  <c r="AF146" i="1"/>
  <c r="AD146" i="1"/>
  <c r="AE146" i="1"/>
  <c r="AA147" i="1"/>
  <c r="Y147" i="1"/>
  <c r="X147" i="1"/>
  <c r="Z147" i="1"/>
  <c r="S147" i="1"/>
  <c r="T147" i="1"/>
  <c r="U147" i="1"/>
  <c r="V147" i="1"/>
  <c r="P149" i="1"/>
  <c r="R149" i="1" s="1"/>
  <c r="N183" i="2" l="1"/>
  <c r="B183" i="2" s="1"/>
  <c r="AB148" i="1"/>
  <c r="W148" i="1"/>
  <c r="V148" i="1"/>
  <c r="AA148" i="1"/>
  <c r="T148" i="1"/>
  <c r="Z148" i="1"/>
  <c r="Y148" i="1"/>
  <c r="U148" i="1"/>
  <c r="S148" i="1"/>
  <c r="X148" i="1"/>
  <c r="P150" i="1"/>
  <c r="R150" i="1" s="1"/>
  <c r="N184" i="2" l="1"/>
  <c r="B184" i="2" s="1"/>
  <c r="AB149" i="1"/>
  <c r="W149" i="1"/>
  <c r="AA149" i="1"/>
  <c r="Z149" i="1"/>
  <c r="Y149" i="1"/>
  <c r="T149" i="1"/>
  <c r="U149" i="1"/>
  <c r="X149" i="1"/>
  <c r="V149" i="1"/>
  <c r="S149" i="1"/>
  <c r="P151" i="1"/>
  <c r="R151" i="1" s="1"/>
  <c r="N185" i="2" l="1"/>
  <c r="B185" i="2" s="1"/>
  <c r="AG149" i="1"/>
  <c r="AF149" i="1"/>
  <c r="AE149" i="1"/>
  <c r="W150" i="1"/>
  <c r="AB150" i="1"/>
  <c r="AD149" i="1"/>
  <c r="AC149" i="1"/>
  <c r="AA150" i="1"/>
  <c r="Z150" i="1"/>
  <c r="X150" i="1"/>
  <c r="Y150" i="1"/>
  <c r="T150" i="1"/>
  <c r="U150" i="1"/>
  <c r="V150" i="1"/>
  <c r="S150" i="1"/>
  <c r="P152" i="1"/>
  <c r="R152" i="1" s="1"/>
  <c r="AG150" i="1" l="1"/>
  <c r="N186" i="2"/>
  <c r="B186" i="2" s="1"/>
  <c r="W151" i="1"/>
  <c r="AB151" i="1"/>
  <c r="AD150" i="1"/>
  <c r="AC150" i="1"/>
  <c r="AF150" i="1"/>
  <c r="AE150" i="1"/>
  <c r="X151" i="1"/>
  <c r="Z151" i="1"/>
  <c r="AA151" i="1"/>
  <c r="V151" i="1"/>
  <c r="Y151" i="1"/>
  <c r="T151" i="1"/>
  <c r="S151" i="1"/>
  <c r="U151" i="1"/>
  <c r="P153" i="1"/>
  <c r="R153" i="1" s="1"/>
  <c r="N187" i="2" l="1"/>
  <c r="B187" i="2" s="1"/>
  <c r="AG151" i="1"/>
  <c r="AC151" i="1"/>
  <c r="AF151" i="1"/>
  <c r="W152" i="1"/>
  <c r="AB152" i="1"/>
  <c r="AE151" i="1"/>
  <c r="AD151" i="1"/>
  <c r="X152" i="1"/>
  <c r="Z152" i="1"/>
  <c r="Y152" i="1"/>
  <c r="AA152" i="1"/>
  <c r="T152" i="1"/>
  <c r="V152" i="1"/>
  <c r="U152" i="1"/>
  <c r="S152" i="1"/>
  <c r="P154" i="1"/>
  <c r="R154" i="1" s="1"/>
  <c r="N188" i="2" l="1"/>
  <c r="B188" i="2" s="1"/>
  <c r="AB153" i="1"/>
  <c r="W153" i="1"/>
  <c r="AD152" i="1"/>
  <c r="AF152" i="1"/>
  <c r="AE152" i="1"/>
  <c r="AC152" i="1"/>
  <c r="AG152" i="1"/>
  <c r="X153" i="1"/>
  <c r="Z153" i="1"/>
  <c r="AA153" i="1"/>
  <c r="Y153" i="1"/>
  <c r="U153" i="1"/>
  <c r="V153" i="1"/>
  <c r="T153" i="1"/>
  <c r="S153" i="1"/>
  <c r="P155" i="1"/>
  <c r="R155" i="1" s="1"/>
  <c r="N189" i="2" l="1"/>
  <c r="B189" i="2" s="1"/>
  <c r="AE153" i="1"/>
  <c r="AG153" i="1"/>
  <c r="AD153" i="1"/>
  <c r="AF153" i="1"/>
  <c r="AB154" i="1"/>
  <c r="W154" i="1"/>
  <c r="AC153" i="1"/>
  <c r="X154" i="1"/>
  <c r="AA154" i="1"/>
  <c r="Z154" i="1"/>
  <c r="U154" i="1"/>
  <c r="V154" i="1"/>
  <c r="Y154" i="1"/>
  <c r="S154" i="1"/>
  <c r="T154" i="1"/>
  <c r="P156" i="1"/>
  <c r="R156" i="1" s="1"/>
  <c r="N190" i="2" l="1"/>
  <c r="B190" i="2" s="1"/>
  <c r="AB155" i="1"/>
  <c r="W155" i="1"/>
  <c r="AA155" i="1"/>
  <c r="V155" i="1"/>
  <c r="Y155" i="1"/>
  <c r="T155" i="1"/>
  <c r="U155" i="1"/>
  <c r="X155" i="1"/>
  <c r="S155" i="1"/>
  <c r="Z155" i="1"/>
  <c r="P157" i="1"/>
  <c r="R157" i="1" s="1"/>
  <c r="N191" i="2" l="1"/>
  <c r="B191" i="2" s="1"/>
  <c r="AB156" i="1"/>
  <c r="W156" i="1"/>
  <c r="AA156" i="1"/>
  <c r="X156" i="1"/>
  <c r="Z156" i="1"/>
  <c r="V156" i="1"/>
  <c r="Y156" i="1"/>
  <c r="U156" i="1"/>
  <c r="T156" i="1"/>
  <c r="S156" i="1"/>
  <c r="P158" i="1"/>
  <c r="R158" i="1" s="1"/>
  <c r="N192" i="2" l="1"/>
  <c r="B192" i="2" s="1"/>
  <c r="AE156" i="1"/>
  <c r="AG156" i="1"/>
  <c r="AD156" i="1"/>
  <c r="AC156" i="1"/>
  <c r="AB157" i="1"/>
  <c r="W157" i="1"/>
  <c r="AF156" i="1"/>
  <c r="Z157" i="1"/>
  <c r="AA157" i="1"/>
  <c r="X157" i="1"/>
  <c r="S157" i="1"/>
  <c r="V157" i="1"/>
  <c r="Y157" i="1"/>
  <c r="T157" i="1"/>
  <c r="U157" i="1"/>
  <c r="P159" i="1"/>
  <c r="R159" i="1" s="1"/>
  <c r="AG157" i="1" l="1"/>
  <c r="N193" i="2"/>
  <c r="B193" i="2" s="1"/>
  <c r="AE157" i="1"/>
  <c r="AF157" i="1"/>
  <c r="AD157" i="1"/>
  <c r="AB158" i="1"/>
  <c r="W158" i="1"/>
  <c r="AC157" i="1"/>
  <c r="Z158" i="1"/>
  <c r="Y158" i="1"/>
  <c r="X158" i="1"/>
  <c r="T158" i="1"/>
  <c r="V158" i="1"/>
  <c r="S158" i="1"/>
  <c r="AA158" i="1"/>
  <c r="U158" i="1"/>
  <c r="P160" i="1"/>
  <c r="R160" i="1" s="1"/>
  <c r="N194" i="2" l="1"/>
  <c r="B194" i="2" s="1"/>
  <c r="AG158" i="1"/>
  <c r="AE158" i="1"/>
  <c r="AD158" i="1"/>
  <c r="AC158" i="1"/>
  <c r="AB159" i="1"/>
  <c r="W159" i="1"/>
  <c r="AF158" i="1"/>
  <c r="Y159" i="1"/>
  <c r="X159" i="1"/>
  <c r="S159" i="1"/>
  <c r="V159" i="1"/>
  <c r="AA159" i="1"/>
  <c r="Z159" i="1"/>
  <c r="T159" i="1"/>
  <c r="U159" i="1"/>
  <c r="P161" i="1"/>
  <c r="R161" i="1" s="1"/>
  <c r="N195" i="2" l="1"/>
  <c r="B195" i="2" s="1"/>
  <c r="AE159" i="1"/>
  <c r="AC159" i="1"/>
  <c r="AB160" i="1"/>
  <c r="W160" i="1"/>
  <c r="AF159" i="1"/>
  <c r="AG159" i="1"/>
  <c r="AD159" i="1"/>
  <c r="Y160" i="1"/>
  <c r="X160" i="1"/>
  <c r="AA160" i="1"/>
  <c r="Z160" i="1"/>
  <c r="S160" i="1"/>
  <c r="V160" i="1"/>
  <c r="U160" i="1"/>
  <c r="T160" i="1"/>
  <c r="P162" i="1"/>
  <c r="R162" i="1" s="1"/>
  <c r="N196" i="2" l="1"/>
  <c r="B196" i="2" s="1"/>
  <c r="AG160" i="1"/>
  <c r="AC160" i="1"/>
  <c r="AD160" i="1"/>
  <c r="AE160" i="1"/>
  <c r="AF160" i="1"/>
  <c r="AB161" i="1"/>
  <c r="W161" i="1"/>
  <c r="Y161" i="1"/>
  <c r="AA161" i="1"/>
  <c r="V161" i="1"/>
  <c r="X161" i="1"/>
  <c r="Z161" i="1"/>
  <c r="S161" i="1"/>
  <c r="U161" i="1"/>
  <c r="T161" i="1"/>
  <c r="P163" i="1"/>
  <c r="R163" i="1" s="1"/>
  <c r="N197" i="2" l="1"/>
  <c r="B197" i="2" s="1"/>
  <c r="AB162" i="1"/>
  <c r="W162" i="1"/>
  <c r="Y162" i="1"/>
  <c r="Z162" i="1"/>
  <c r="V162" i="1"/>
  <c r="AA162" i="1"/>
  <c r="X162" i="1"/>
  <c r="U162" i="1"/>
  <c r="S162" i="1"/>
  <c r="T162" i="1"/>
  <c r="P164" i="1"/>
  <c r="R164" i="1" s="1"/>
  <c r="N198" i="2" l="1"/>
  <c r="B198" i="2" s="1"/>
  <c r="AB163" i="1"/>
  <c r="W163" i="1"/>
  <c r="Y163" i="1"/>
  <c r="Z163" i="1"/>
  <c r="U163" i="1"/>
  <c r="V163" i="1"/>
  <c r="AA163" i="1"/>
  <c r="X163" i="1"/>
  <c r="S163" i="1"/>
  <c r="T163" i="1"/>
  <c r="P165" i="1"/>
  <c r="R165" i="1" s="1"/>
  <c r="N199" i="2" l="1"/>
  <c r="B199" i="2" s="1"/>
  <c r="AG163" i="1"/>
  <c r="AD163" i="1"/>
  <c r="AC163" i="1"/>
  <c r="W164" i="1"/>
  <c r="AB164" i="1"/>
  <c r="AE163" i="1"/>
  <c r="AF163" i="1"/>
  <c r="Z164" i="1"/>
  <c r="Y164" i="1"/>
  <c r="V164" i="1"/>
  <c r="AA164" i="1"/>
  <c r="U164" i="1"/>
  <c r="X164" i="1"/>
  <c r="S164" i="1"/>
  <c r="T164" i="1"/>
  <c r="P166" i="1"/>
  <c r="R166" i="1" s="1"/>
  <c r="N200" i="2" l="1"/>
  <c r="B200" i="2" s="1"/>
  <c r="AE164" i="1"/>
  <c r="AC164" i="1"/>
  <c r="AD164" i="1"/>
  <c r="W165" i="1"/>
  <c r="AB165" i="1"/>
  <c r="AG164" i="1"/>
  <c r="AF164" i="1"/>
  <c r="Z165" i="1"/>
  <c r="Y165" i="1"/>
  <c r="U165" i="1"/>
  <c r="V165" i="1"/>
  <c r="X165" i="1"/>
  <c r="AA165" i="1"/>
  <c r="S165" i="1"/>
  <c r="T165" i="1"/>
  <c r="P167" i="1"/>
  <c r="R167" i="1" s="1"/>
  <c r="AG165" i="1" l="1"/>
  <c r="N201" i="2"/>
  <c r="B201" i="2" s="1"/>
  <c r="AE165" i="1"/>
  <c r="AD165" i="1"/>
  <c r="AC165" i="1"/>
  <c r="W166" i="1"/>
  <c r="AB166" i="1"/>
  <c r="AF165" i="1"/>
  <c r="AA166" i="1"/>
  <c r="U166" i="1"/>
  <c r="X166" i="1"/>
  <c r="T166" i="1"/>
  <c r="Z166" i="1"/>
  <c r="Y166" i="1"/>
  <c r="V166" i="1"/>
  <c r="S166" i="1"/>
  <c r="P168" i="1"/>
  <c r="R168" i="1" s="1"/>
  <c r="N202" i="2" l="1"/>
  <c r="AG166" i="1"/>
  <c r="AC166" i="1"/>
  <c r="AF166" i="1"/>
  <c r="W167" i="1"/>
  <c r="AB167" i="1"/>
  <c r="AE166" i="1"/>
  <c r="AD166" i="1"/>
  <c r="Y167" i="1"/>
  <c r="Z167" i="1"/>
  <c r="AA167" i="1"/>
  <c r="V167" i="1"/>
  <c r="X167" i="1"/>
  <c r="T167" i="1"/>
  <c r="U167" i="1"/>
  <c r="S167" i="1"/>
  <c r="P169" i="1"/>
  <c r="R169" i="1" s="1"/>
  <c r="B202" i="2" l="1"/>
  <c r="N203" i="2"/>
  <c r="AG167" i="1"/>
  <c r="AE167" i="1"/>
  <c r="AD167" i="1"/>
  <c r="AC167" i="1"/>
  <c r="AF167" i="1"/>
  <c r="W168" i="1"/>
  <c r="AB168" i="1"/>
  <c r="AA168" i="1"/>
  <c r="V168" i="1"/>
  <c r="Z168" i="1"/>
  <c r="T168" i="1"/>
  <c r="S168" i="1"/>
  <c r="X168" i="1"/>
  <c r="U168" i="1"/>
  <c r="Y168" i="1"/>
  <c r="P170" i="1"/>
  <c r="R170" i="1" s="1"/>
  <c r="B203" i="2" l="1"/>
  <c r="N204" i="2"/>
  <c r="AB169" i="1"/>
  <c r="W169" i="1"/>
  <c r="AA169" i="1"/>
  <c r="Z169" i="1"/>
  <c r="X169" i="1"/>
  <c r="Y169" i="1"/>
  <c r="T169" i="1"/>
  <c r="U169" i="1"/>
  <c r="V169" i="1"/>
  <c r="S169" i="1"/>
  <c r="P171" i="1"/>
  <c r="R171" i="1" s="1"/>
  <c r="B204" i="2" l="1"/>
  <c r="N205" i="2"/>
  <c r="W170" i="1"/>
  <c r="AB170" i="1"/>
  <c r="AA170" i="1"/>
  <c r="Z170" i="1"/>
  <c r="Y170" i="1"/>
  <c r="X170" i="1"/>
  <c r="T170" i="1"/>
  <c r="U170" i="1"/>
  <c r="S170" i="1"/>
  <c r="V170" i="1"/>
  <c r="P172" i="1"/>
  <c r="R172" i="1" s="1"/>
  <c r="B205" i="2" l="1"/>
  <c r="N206" i="2"/>
  <c r="AF170" i="1"/>
  <c r="AC170" i="1"/>
  <c r="AE170" i="1"/>
  <c r="AG170" i="1"/>
  <c r="AD170" i="1"/>
  <c r="W171" i="1"/>
  <c r="AB171" i="1"/>
  <c r="AA171" i="1"/>
  <c r="Z171" i="1"/>
  <c r="X171" i="1"/>
  <c r="T171" i="1"/>
  <c r="U171" i="1"/>
  <c r="V171" i="1"/>
  <c r="Y171" i="1"/>
  <c r="S171" i="1"/>
  <c r="P173" i="1"/>
  <c r="R173" i="1" s="1"/>
  <c r="B206" i="2" l="1"/>
  <c r="N207" i="2"/>
  <c r="AG171" i="1"/>
  <c r="AE171" i="1"/>
  <c r="AF171" i="1"/>
  <c r="AC171" i="1"/>
  <c r="AB172" i="1"/>
  <c r="W172" i="1"/>
  <c r="AD171" i="1"/>
  <c r="X172" i="1"/>
  <c r="AA172" i="1"/>
  <c r="Z172" i="1"/>
  <c r="V172" i="1"/>
  <c r="Y172" i="1"/>
  <c r="T172" i="1"/>
  <c r="U172" i="1"/>
  <c r="S172" i="1"/>
  <c r="P174" i="1"/>
  <c r="R174" i="1" s="1"/>
  <c r="B207" i="2" l="1"/>
  <c r="N208" i="2"/>
  <c r="AG172" i="1"/>
  <c r="AE172" i="1"/>
  <c r="AC172" i="1"/>
  <c r="AD172" i="1"/>
  <c r="AF172" i="1"/>
  <c r="AB173" i="1"/>
  <c r="W173" i="1"/>
  <c r="Z173" i="1"/>
  <c r="X173" i="1"/>
  <c r="AA173" i="1"/>
  <c r="U173" i="1"/>
  <c r="Y173" i="1"/>
  <c r="T173" i="1"/>
  <c r="S173" i="1"/>
  <c r="V173" i="1"/>
  <c r="P175" i="1"/>
  <c r="R175" i="1" s="1"/>
  <c r="B208" i="2" l="1"/>
  <c r="N209" i="2"/>
  <c r="AG173" i="1"/>
  <c r="AC173" i="1"/>
  <c r="AF173" i="1"/>
  <c r="AE173" i="1"/>
  <c r="AB174" i="1"/>
  <c r="W174" i="1"/>
  <c r="AD173" i="1"/>
  <c r="Z174" i="1"/>
  <c r="X174" i="1"/>
  <c r="Y174" i="1"/>
  <c r="AA174" i="1"/>
  <c r="T174" i="1"/>
  <c r="V174" i="1"/>
  <c r="U174" i="1"/>
  <c r="S174" i="1"/>
  <c r="P176" i="1"/>
  <c r="R176" i="1" s="1"/>
  <c r="B209" i="2" l="1"/>
  <c r="N210" i="2"/>
  <c r="AE174" i="1"/>
  <c r="AC174" i="1"/>
  <c r="AF174" i="1"/>
  <c r="AD174" i="1"/>
  <c r="AG174" i="1"/>
  <c r="AB175" i="1"/>
  <c r="W175" i="1"/>
  <c r="AA175" i="1"/>
  <c r="Z175" i="1"/>
  <c r="X175" i="1"/>
  <c r="Y175" i="1"/>
  <c r="V175" i="1"/>
  <c r="U175" i="1"/>
  <c r="T175" i="1"/>
  <c r="S175" i="1"/>
  <c r="P177" i="1"/>
  <c r="R177" i="1" s="1"/>
  <c r="B210" i="2" l="1"/>
  <c r="N211" i="2"/>
  <c r="AB176" i="1"/>
  <c r="W176" i="1"/>
  <c r="AA176" i="1"/>
  <c r="Z176" i="1"/>
  <c r="Y176" i="1"/>
  <c r="X176" i="1"/>
  <c r="T176" i="1"/>
  <c r="U176" i="1"/>
  <c r="V176" i="1"/>
  <c r="S176" i="1"/>
  <c r="P178" i="1"/>
  <c r="R178" i="1" s="1"/>
  <c r="B211" i="2" l="1"/>
  <c r="N212" i="2"/>
  <c r="AB177" i="1"/>
  <c r="W177" i="1"/>
  <c r="V177" i="1"/>
  <c r="AA177" i="1"/>
  <c r="Z177" i="1"/>
  <c r="X177" i="1"/>
  <c r="Y177" i="1"/>
  <c r="U177" i="1"/>
  <c r="T177" i="1"/>
  <c r="S177" i="1"/>
  <c r="P179" i="1"/>
  <c r="R179" i="1" s="1"/>
  <c r="B212" i="2" l="1"/>
  <c r="N213" i="2"/>
  <c r="AC177" i="1"/>
  <c r="AG177" i="1"/>
  <c r="AE177" i="1"/>
  <c r="AD177" i="1"/>
  <c r="AB178" i="1"/>
  <c r="W178" i="1"/>
  <c r="AF177" i="1"/>
  <c r="AA178" i="1"/>
  <c r="X178" i="1"/>
  <c r="Y178" i="1"/>
  <c r="U178" i="1"/>
  <c r="S178" i="1"/>
  <c r="Z178" i="1"/>
  <c r="V178" i="1"/>
  <c r="T178" i="1"/>
  <c r="P180" i="1"/>
  <c r="R180" i="1" s="1"/>
  <c r="B213" i="2" l="1"/>
  <c r="N214" i="2"/>
  <c r="AG178" i="1"/>
  <c r="AF178" i="1"/>
  <c r="AD178" i="1"/>
  <c r="AC178" i="1"/>
  <c r="AB179" i="1"/>
  <c r="W179" i="1"/>
  <c r="AE178" i="1"/>
  <c r="Y179" i="1"/>
  <c r="AA179" i="1"/>
  <c r="S179" i="1"/>
  <c r="T179" i="1"/>
  <c r="Z179" i="1"/>
  <c r="X179" i="1"/>
  <c r="U179" i="1"/>
  <c r="V179" i="1"/>
  <c r="P181" i="1"/>
  <c r="R181" i="1" s="1"/>
  <c r="B214" i="2" l="1"/>
  <c r="AG179" i="1"/>
  <c r="N215" i="2"/>
  <c r="AF179" i="1"/>
  <c r="AD179" i="1"/>
  <c r="AE179" i="1"/>
  <c r="AB180" i="1"/>
  <c r="W180" i="1"/>
  <c r="AC179" i="1"/>
  <c r="Y180" i="1"/>
  <c r="X180" i="1"/>
  <c r="Z180" i="1"/>
  <c r="AA180" i="1"/>
  <c r="T180" i="1"/>
  <c r="S180" i="1"/>
  <c r="U180" i="1"/>
  <c r="V180" i="1"/>
  <c r="P182" i="1"/>
  <c r="R182" i="1" s="1"/>
  <c r="B215" i="2" l="1"/>
  <c r="N216" i="2"/>
  <c r="AD180" i="1"/>
  <c r="AC180" i="1"/>
  <c r="AE180" i="1"/>
  <c r="AF180" i="1"/>
  <c r="AB181" i="1"/>
  <c r="W181" i="1"/>
  <c r="AG180" i="1"/>
  <c r="Z181" i="1"/>
  <c r="X181" i="1"/>
  <c r="AA181" i="1"/>
  <c r="Y181" i="1"/>
  <c r="S181" i="1"/>
  <c r="T181" i="1"/>
  <c r="U181" i="1"/>
  <c r="V181" i="1"/>
  <c r="P183" i="1"/>
  <c r="R183" i="1" s="1"/>
  <c r="B216" i="2" l="1"/>
  <c r="N217" i="2"/>
  <c r="AG181" i="1"/>
  <c r="AF181" i="1"/>
  <c r="AD181" i="1"/>
  <c r="AE181" i="1"/>
  <c r="AC181" i="1"/>
  <c r="AB182" i="1"/>
  <c r="W182" i="1"/>
  <c r="Z182" i="1"/>
  <c r="Y182" i="1"/>
  <c r="V182" i="1"/>
  <c r="AA182" i="1"/>
  <c r="S182" i="1"/>
  <c r="X182" i="1"/>
  <c r="U182" i="1"/>
  <c r="T182" i="1"/>
  <c r="P184" i="1"/>
  <c r="R184" i="1" s="1"/>
  <c r="B217" i="2" l="1"/>
  <c r="N218" i="2"/>
  <c r="AB183" i="1"/>
  <c r="W183" i="1"/>
  <c r="AA183" i="1"/>
  <c r="X183" i="1"/>
  <c r="U183" i="1"/>
  <c r="V183" i="1"/>
  <c r="Z183" i="1"/>
  <c r="Y183" i="1"/>
  <c r="T183" i="1"/>
  <c r="S183" i="1"/>
  <c r="P185" i="1"/>
  <c r="R185" i="1" s="1"/>
  <c r="B218" i="2" l="1"/>
  <c r="N219" i="2"/>
  <c r="AB184" i="1"/>
  <c r="W184" i="1"/>
  <c r="Z184" i="1"/>
  <c r="Y184" i="1"/>
  <c r="X184" i="1"/>
  <c r="AA184" i="1"/>
  <c r="V184" i="1"/>
  <c r="U184" i="1"/>
  <c r="T184" i="1"/>
  <c r="S184" i="1"/>
  <c r="P186" i="1"/>
  <c r="R186" i="1" s="1"/>
  <c r="B219" i="2" l="1"/>
  <c r="N220" i="2"/>
  <c r="AG184" i="1"/>
  <c r="W185" i="1"/>
  <c r="AB185" i="1"/>
  <c r="AD184" i="1"/>
  <c r="AC184" i="1"/>
  <c r="AE184" i="1"/>
  <c r="AF184" i="1"/>
  <c r="Z185" i="1"/>
  <c r="Y185" i="1"/>
  <c r="AA185" i="1"/>
  <c r="U185" i="1"/>
  <c r="V185" i="1"/>
  <c r="T185" i="1"/>
  <c r="S185" i="1"/>
  <c r="X185" i="1"/>
  <c r="P187" i="1"/>
  <c r="R187" i="1" s="1"/>
  <c r="B220" i="2" l="1"/>
  <c r="N221" i="2"/>
  <c r="AE185" i="1"/>
  <c r="AF185" i="1"/>
  <c r="AD185" i="1"/>
  <c r="W186" i="1"/>
  <c r="AB186" i="1"/>
  <c r="AC185" i="1"/>
  <c r="AG185" i="1"/>
  <c r="Y186" i="1"/>
  <c r="AA186" i="1"/>
  <c r="Z186" i="1"/>
  <c r="X186" i="1"/>
  <c r="U186" i="1"/>
  <c r="V186" i="1"/>
  <c r="S186" i="1"/>
  <c r="T186" i="1"/>
  <c r="P188" i="1"/>
  <c r="R188" i="1" s="1"/>
  <c r="B221" i="2" l="1"/>
  <c r="N222" i="2"/>
  <c r="AG186" i="1"/>
  <c r="AF186" i="1"/>
  <c r="AC186" i="1"/>
  <c r="W187" i="1"/>
  <c r="AB187" i="1"/>
  <c r="AE186" i="1"/>
  <c r="AD186" i="1"/>
  <c r="Y187" i="1"/>
  <c r="AA187" i="1"/>
  <c r="X187" i="1"/>
  <c r="T187" i="1"/>
  <c r="Z187" i="1"/>
  <c r="S187" i="1"/>
  <c r="V187" i="1"/>
  <c r="U187" i="1"/>
  <c r="P189" i="1"/>
  <c r="R189" i="1" s="1"/>
  <c r="B222" i="2" l="1"/>
  <c r="N223" i="2"/>
  <c r="AG187" i="1"/>
  <c r="AE187" i="1"/>
  <c r="AF187" i="1"/>
  <c r="AD187" i="1"/>
  <c r="AC187" i="1"/>
  <c r="W188" i="1"/>
  <c r="AB188" i="1"/>
  <c r="Y188" i="1"/>
  <c r="V188" i="1"/>
  <c r="T188" i="1"/>
  <c r="X188" i="1"/>
  <c r="AA188" i="1"/>
  <c r="Z188" i="1"/>
  <c r="S188" i="1"/>
  <c r="U188" i="1"/>
  <c r="P190" i="1"/>
  <c r="R190" i="1" s="1"/>
  <c r="B223" i="2" l="1"/>
  <c r="N224" i="2"/>
  <c r="AG188" i="1"/>
  <c r="AE188" i="1"/>
  <c r="AC188" i="1"/>
  <c r="AB189" i="1"/>
  <c r="W189" i="1"/>
  <c r="AD188" i="1"/>
  <c r="AF188" i="1"/>
  <c r="AA189" i="1"/>
  <c r="Z189" i="1"/>
  <c r="X189" i="1"/>
  <c r="V189" i="1"/>
  <c r="S189" i="1"/>
  <c r="U189" i="1"/>
  <c r="T189" i="1"/>
  <c r="Y189" i="1"/>
  <c r="P191" i="1"/>
  <c r="R191" i="1" s="1"/>
  <c r="B224" i="2" l="1"/>
  <c r="N225" i="2"/>
  <c r="W190" i="1"/>
  <c r="AB190" i="1"/>
  <c r="AA190" i="1"/>
  <c r="Z190" i="1"/>
  <c r="Y190" i="1"/>
  <c r="X190" i="1"/>
  <c r="U190" i="1"/>
  <c r="T190" i="1"/>
  <c r="S190" i="1"/>
  <c r="V190" i="1"/>
  <c r="P192" i="1"/>
  <c r="R192" i="1" s="1"/>
  <c r="B225" i="2" l="1"/>
  <c r="N226" i="2"/>
  <c r="W191" i="1"/>
  <c r="AB191" i="1"/>
  <c r="Z191" i="1"/>
  <c r="Y191" i="1"/>
  <c r="V191" i="1"/>
  <c r="U191" i="1"/>
  <c r="AA191" i="1"/>
  <c r="T191" i="1"/>
  <c r="X191" i="1"/>
  <c r="S191" i="1"/>
  <c r="P193" i="1"/>
  <c r="R193" i="1" s="1"/>
  <c r="B226" i="2" l="1"/>
  <c r="N227" i="2"/>
  <c r="AG191" i="1"/>
  <c r="AD191" i="1"/>
  <c r="AE191" i="1"/>
  <c r="W192" i="1"/>
  <c r="AB192" i="1"/>
  <c r="AC191" i="1"/>
  <c r="AF191" i="1"/>
  <c r="X192" i="1"/>
  <c r="Y192" i="1"/>
  <c r="V192" i="1"/>
  <c r="U192" i="1"/>
  <c r="AA192" i="1"/>
  <c r="T192" i="1"/>
  <c r="Z192" i="1"/>
  <c r="S192" i="1"/>
  <c r="P194" i="1"/>
  <c r="R194" i="1" s="1"/>
  <c r="B227" i="2" l="1"/>
  <c r="AG192" i="1"/>
  <c r="N228" i="2"/>
  <c r="AD192" i="1"/>
  <c r="AC192" i="1"/>
  <c r="AB193" i="1"/>
  <c r="W193" i="1"/>
  <c r="AE192" i="1"/>
  <c r="AF192" i="1"/>
  <c r="X193" i="1"/>
  <c r="Y193" i="1"/>
  <c r="AA193" i="1"/>
  <c r="V193" i="1"/>
  <c r="U193" i="1"/>
  <c r="Z193" i="1"/>
  <c r="T193" i="1"/>
  <c r="S193" i="1"/>
  <c r="P195" i="1"/>
  <c r="R195" i="1" s="1"/>
  <c r="B228" i="2" l="1"/>
  <c r="N229" i="2"/>
  <c r="AG193" i="1"/>
  <c r="AD193" i="1"/>
  <c r="AC193" i="1"/>
  <c r="W194" i="1"/>
  <c r="AB194" i="1"/>
  <c r="AF193" i="1"/>
  <c r="AE193" i="1"/>
  <c r="AA194" i="1"/>
  <c r="X194" i="1"/>
  <c r="Z194" i="1"/>
  <c r="V194" i="1"/>
  <c r="U194" i="1"/>
  <c r="T194" i="1"/>
  <c r="S194" i="1"/>
  <c r="Y194" i="1"/>
  <c r="P196" i="1"/>
  <c r="R196" i="1" s="1"/>
  <c r="B229" i="2" l="1"/>
  <c r="AG194" i="1"/>
  <c r="N230" i="2"/>
  <c r="AC194" i="1"/>
  <c r="AF194" i="1"/>
  <c r="AE194" i="1"/>
  <c r="W195" i="1"/>
  <c r="AB195" i="1"/>
  <c r="AD194" i="1"/>
  <c r="AA195" i="1"/>
  <c r="X195" i="1"/>
  <c r="Z195" i="1"/>
  <c r="V195" i="1"/>
  <c r="U195" i="1"/>
  <c r="T195" i="1"/>
  <c r="Y195" i="1"/>
  <c r="S195" i="1"/>
  <c r="P197" i="1"/>
  <c r="R197" i="1" s="1"/>
  <c r="B230" i="2" l="1"/>
  <c r="N231" i="2"/>
  <c r="AF195" i="1"/>
  <c r="AG195" i="1"/>
  <c r="AC195" i="1"/>
  <c r="AE195" i="1"/>
  <c r="AB196" i="1"/>
  <c r="W196" i="1"/>
  <c r="AD195" i="1"/>
  <c r="AA196" i="1"/>
  <c r="Z196" i="1"/>
  <c r="X196" i="1"/>
  <c r="Y196" i="1"/>
  <c r="V196" i="1"/>
  <c r="U196" i="1"/>
  <c r="S196" i="1"/>
  <c r="T196" i="1"/>
  <c r="P198" i="1"/>
  <c r="R198" i="1" s="1"/>
  <c r="B231" i="2" l="1"/>
  <c r="N232" i="2"/>
  <c r="AB197" i="1"/>
  <c r="W197" i="1"/>
  <c r="AA197" i="1"/>
  <c r="Z197" i="1"/>
  <c r="Y197" i="1"/>
  <c r="X197" i="1"/>
  <c r="V197" i="1"/>
  <c r="U197" i="1"/>
  <c r="T197" i="1"/>
  <c r="S197" i="1"/>
  <c r="P199" i="1"/>
  <c r="R199" i="1" s="1"/>
  <c r="B232" i="2" l="1"/>
  <c r="N233" i="2"/>
  <c r="AB198" i="1"/>
  <c r="W198" i="1"/>
  <c r="AA198" i="1"/>
  <c r="Z198" i="1"/>
  <c r="V198" i="1"/>
  <c r="S198" i="1"/>
  <c r="Y198" i="1"/>
  <c r="T198" i="1"/>
  <c r="X198" i="1"/>
  <c r="U198" i="1"/>
  <c r="P200" i="1"/>
  <c r="R200" i="1" s="1"/>
  <c r="B233" i="2" l="1"/>
  <c r="N234" i="2"/>
  <c r="AG198" i="1"/>
  <c r="AE198" i="1"/>
  <c r="AD198" i="1"/>
  <c r="AB199" i="1"/>
  <c r="W199" i="1"/>
  <c r="AF198" i="1"/>
  <c r="AC198" i="1"/>
  <c r="Y199" i="1"/>
  <c r="AA199" i="1"/>
  <c r="Z199" i="1"/>
  <c r="S199" i="1"/>
  <c r="V199" i="1"/>
  <c r="U199" i="1"/>
  <c r="T199" i="1"/>
  <c r="X199" i="1"/>
  <c r="P201" i="1"/>
  <c r="R201" i="1" s="1"/>
  <c r="B234" i="2" l="1"/>
  <c r="AG199" i="1"/>
  <c r="N235" i="2"/>
  <c r="AD199" i="1"/>
  <c r="AE199" i="1"/>
  <c r="AF199" i="1"/>
  <c r="AB200" i="1"/>
  <c r="W200" i="1"/>
  <c r="AC199" i="1"/>
  <c r="Y200" i="1"/>
  <c r="X200" i="1"/>
  <c r="Z200" i="1"/>
  <c r="T200" i="1"/>
  <c r="S200" i="1"/>
  <c r="AA200" i="1"/>
  <c r="V200" i="1"/>
  <c r="U200" i="1"/>
  <c r="P202" i="1"/>
  <c r="R202" i="1" s="1"/>
  <c r="B235" i="2" l="1"/>
  <c r="N236" i="2"/>
  <c r="AD200" i="1"/>
  <c r="AB201" i="1"/>
  <c r="W201" i="1"/>
  <c r="AF200" i="1"/>
  <c r="AE200" i="1"/>
  <c r="AG200" i="1"/>
  <c r="AC200" i="1"/>
  <c r="Z201" i="1"/>
  <c r="X201" i="1"/>
  <c r="AA201" i="1"/>
  <c r="T201" i="1"/>
  <c r="V201" i="1"/>
  <c r="S201" i="1"/>
  <c r="Y201" i="1"/>
  <c r="U201" i="1"/>
  <c r="P203" i="1"/>
  <c r="R203" i="1" s="1"/>
  <c r="B236" i="2" l="1"/>
  <c r="N237" i="2"/>
  <c r="AG201" i="1"/>
  <c r="AF201" i="1"/>
  <c r="AB202" i="1"/>
  <c r="W202" i="1"/>
  <c r="AD201" i="1"/>
  <c r="AE201" i="1"/>
  <c r="AC201" i="1"/>
  <c r="X202" i="1"/>
  <c r="Z202" i="1"/>
  <c r="Y202" i="1"/>
  <c r="U202" i="1"/>
  <c r="S202" i="1"/>
  <c r="AA202" i="1"/>
  <c r="V202" i="1"/>
  <c r="T202" i="1"/>
  <c r="P204" i="1"/>
  <c r="R204" i="1" s="1"/>
  <c r="B237" i="2" l="1"/>
  <c r="N238" i="2"/>
  <c r="AD202" i="1"/>
  <c r="AF202" i="1"/>
  <c r="AB203" i="1"/>
  <c r="W203" i="1"/>
  <c r="AE202" i="1"/>
  <c r="AG202" i="1"/>
  <c r="AC202" i="1"/>
  <c r="AA203" i="1"/>
  <c r="Z203" i="1"/>
  <c r="V203" i="1"/>
  <c r="U203" i="1"/>
  <c r="X203" i="1"/>
  <c r="S203" i="1"/>
  <c r="T203" i="1"/>
  <c r="Y203" i="1"/>
  <c r="P205" i="1"/>
  <c r="R205" i="1" s="1"/>
  <c r="B238" i="2" l="1"/>
  <c r="N239" i="2"/>
  <c r="AB204" i="1"/>
  <c r="W204" i="1"/>
  <c r="Z204" i="1"/>
  <c r="AA204" i="1"/>
  <c r="Y204" i="1"/>
  <c r="V204" i="1"/>
  <c r="X204" i="1"/>
  <c r="U204" i="1"/>
  <c r="T204" i="1"/>
  <c r="S204" i="1"/>
  <c r="P206" i="1"/>
  <c r="R206" i="1" s="1"/>
  <c r="B239" i="2" l="1"/>
  <c r="N240" i="2"/>
  <c r="W205" i="1"/>
  <c r="AB205" i="1"/>
  <c r="Z205" i="1"/>
  <c r="Y205" i="1"/>
  <c r="V205" i="1"/>
  <c r="U205" i="1"/>
  <c r="AA205" i="1"/>
  <c r="X205" i="1"/>
  <c r="T205" i="1"/>
  <c r="S205" i="1"/>
  <c r="P207" i="1"/>
  <c r="R207" i="1" s="1"/>
  <c r="B240" i="2" l="1"/>
  <c r="N241" i="2"/>
  <c r="AG205" i="1"/>
  <c r="AD205" i="1"/>
  <c r="AE205" i="1"/>
  <c r="AC205" i="1"/>
  <c r="W206" i="1"/>
  <c r="AB206" i="1"/>
  <c r="AF205" i="1"/>
  <c r="Z206" i="1"/>
  <c r="AA206" i="1"/>
  <c r="Y206" i="1"/>
  <c r="V206" i="1"/>
  <c r="U206" i="1"/>
  <c r="T206" i="1"/>
  <c r="X206" i="1"/>
  <c r="S206" i="1"/>
  <c r="P208" i="1"/>
  <c r="R208" i="1" s="1"/>
  <c r="B241" i="2" l="1"/>
  <c r="N242" i="2"/>
  <c r="AF206" i="1"/>
  <c r="AG206" i="1"/>
  <c r="AE206" i="1"/>
  <c r="AD206" i="1"/>
  <c r="W207" i="1"/>
  <c r="AB207" i="1"/>
  <c r="AC206" i="1"/>
  <c r="Z207" i="1"/>
  <c r="X207" i="1"/>
  <c r="AA207" i="1"/>
  <c r="Y207" i="1"/>
  <c r="V207" i="1"/>
  <c r="U207" i="1"/>
  <c r="S207" i="1"/>
  <c r="T207" i="1"/>
  <c r="P209" i="1"/>
  <c r="R209" i="1" s="1"/>
  <c r="B242" i="2" l="1"/>
  <c r="N243" i="2"/>
  <c r="AG207" i="1"/>
  <c r="AE207" i="1"/>
  <c r="AF207" i="1"/>
  <c r="AC207" i="1"/>
  <c r="AD207" i="1"/>
  <c r="W208" i="1"/>
  <c r="AB208" i="1"/>
  <c r="Y208" i="1"/>
  <c r="V208" i="1"/>
  <c r="T208" i="1"/>
  <c r="Z208" i="1"/>
  <c r="X208" i="1"/>
  <c r="AA208" i="1"/>
  <c r="S208" i="1"/>
  <c r="U208" i="1"/>
  <c r="P210" i="1"/>
  <c r="R210" i="1" s="1"/>
  <c r="AE208" i="1" l="1"/>
  <c r="B243" i="2"/>
  <c r="N244" i="2"/>
  <c r="AG208" i="1"/>
  <c r="AD208" i="1"/>
  <c r="AC208" i="1"/>
  <c r="AB209" i="1"/>
  <c r="W209" i="1"/>
  <c r="AF208" i="1"/>
  <c r="AA209" i="1"/>
  <c r="Y209" i="1"/>
  <c r="Z209" i="1"/>
  <c r="T209" i="1"/>
  <c r="X209" i="1"/>
  <c r="S209" i="1"/>
  <c r="U209" i="1"/>
  <c r="V209" i="1"/>
  <c r="P211" i="1"/>
  <c r="R211" i="1" s="1"/>
  <c r="B244" i="2" l="1"/>
  <c r="AG209" i="1"/>
  <c r="N245" i="2"/>
  <c r="AD209" i="1"/>
  <c r="AE209" i="1"/>
  <c r="AF209" i="1"/>
  <c r="AC209" i="1"/>
  <c r="W210" i="1"/>
  <c r="AB210" i="1"/>
  <c r="AA210" i="1"/>
  <c r="Z210" i="1"/>
  <c r="Y210" i="1"/>
  <c r="X210" i="1"/>
  <c r="V210" i="1"/>
  <c r="S210" i="1"/>
  <c r="T210" i="1"/>
  <c r="U210" i="1"/>
  <c r="P212" i="1"/>
  <c r="R212" i="1" s="1"/>
  <c r="B245" i="2" l="1"/>
  <c r="N246" i="2"/>
  <c r="W211" i="1"/>
  <c r="AB211" i="1"/>
  <c r="Y211" i="1"/>
  <c r="X211" i="1"/>
  <c r="AA211" i="1"/>
  <c r="Z211" i="1"/>
  <c r="T211" i="1"/>
  <c r="U211" i="1"/>
  <c r="S211" i="1"/>
  <c r="V211" i="1"/>
  <c r="P213" i="1"/>
  <c r="R213" i="1" s="1"/>
  <c r="B246" i="2" l="1"/>
  <c r="N247" i="2"/>
  <c r="W212" i="1"/>
  <c r="AB212" i="1"/>
  <c r="AA212" i="1"/>
  <c r="Y212" i="1"/>
  <c r="Z212" i="1"/>
  <c r="V212" i="1"/>
  <c r="T212" i="1"/>
  <c r="U212" i="1"/>
  <c r="S212" i="1"/>
  <c r="X212" i="1"/>
  <c r="P214" i="1"/>
  <c r="R214" i="1" s="1"/>
  <c r="B247" i="2" l="1"/>
  <c r="AG212" i="1"/>
  <c r="N248" i="2"/>
  <c r="AD212" i="1"/>
  <c r="AF212" i="1"/>
  <c r="AE212" i="1"/>
  <c r="AB213" i="1"/>
  <c r="W213" i="1"/>
  <c r="AC212" i="1"/>
  <c r="AA213" i="1"/>
  <c r="U213" i="1"/>
  <c r="X213" i="1"/>
  <c r="Y213" i="1"/>
  <c r="T213" i="1"/>
  <c r="Z213" i="1"/>
  <c r="V213" i="1"/>
  <c r="S213" i="1"/>
  <c r="P215" i="1"/>
  <c r="R215" i="1" s="1"/>
  <c r="B248" i="2" l="1"/>
  <c r="N249" i="2"/>
  <c r="AF213" i="1"/>
  <c r="W214" i="1"/>
  <c r="AB214" i="1"/>
  <c r="AD213" i="1"/>
  <c r="AC213" i="1"/>
  <c r="AG213" i="1"/>
  <c r="AE213" i="1"/>
  <c r="X214" i="1"/>
  <c r="Z214" i="1"/>
  <c r="V214" i="1"/>
  <c r="AA214" i="1"/>
  <c r="U214" i="1"/>
  <c r="T214" i="1"/>
  <c r="S214" i="1"/>
  <c r="Y214" i="1"/>
  <c r="P216" i="1"/>
  <c r="R216" i="1" s="1"/>
  <c r="B249" i="2" l="1"/>
  <c r="N250" i="2"/>
  <c r="AG214" i="1"/>
  <c r="AC214" i="1"/>
  <c r="AE214" i="1"/>
  <c r="W215" i="1"/>
  <c r="AB215" i="1"/>
  <c r="AD214" i="1"/>
  <c r="AF214" i="1"/>
  <c r="AA215" i="1"/>
  <c r="X215" i="1"/>
  <c r="Y215" i="1"/>
  <c r="Z215" i="1"/>
  <c r="U215" i="1"/>
  <c r="T215" i="1"/>
  <c r="V215" i="1"/>
  <c r="S215" i="1"/>
  <c r="P217" i="1"/>
  <c r="R217" i="1" s="1"/>
  <c r="B250" i="2" l="1"/>
  <c r="N251" i="2"/>
  <c r="AG215" i="1"/>
  <c r="AF215" i="1"/>
  <c r="AD215" i="1"/>
  <c r="AC215" i="1"/>
  <c r="W216" i="1"/>
  <c r="AB216" i="1"/>
  <c r="AE215" i="1"/>
  <c r="AA216" i="1"/>
  <c r="X216" i="1"/>
  <c r="Y216" i="1"/>
  <c r="Z216" i="1"/>
  <c r="U216" i="1"/>
  <c r="T216" i="1"/>
  <c r="S216" i="1"/>
  <c r="V216" i="1"/>
  <c r="P218" i="1"/>
  <c r="R218" i="1" s="1"/>
  <c r="B251" i="2" l="1"/>
  <c r="N252" i="2"/>
  <c r="AG216" i="1"/>
  <c r="AF216" i="1"/>
  <c r="AD216" i="1"/>
  <c r="AE216" i="1"/>
  <c r="AC216" i="1"/>
  <c r="W217" i="1"/>
  <c r="AB217" i="1"/>
  <c r="X217" i="1"/>
  <c r="AA217" i="1"/>
  <c r="Y217" i="1"/>
  <c r="U217" i="1"/>
  <c r="Z217" i="1"/>
  <c r="S217" i="1"/>
  <c r="T217" i="1"/>
  <c r="V217" i="1"/>
  <c r="P219" i="1"/>
  <c r="R219" i="1" s="1"/>
  <c r="B252" i="2" l="1"/>
  <c r="N253" i="2"/>
  <c r="W218" i="1"/>
  <c r="AB218" i="1"/>
  <c r="AA218" i="1"/>
  <c r="X218" i="1"/>
  <c r="Y218" i="1"/>
  <c r="U218" i="1"/>
  <c r="T218" i="1"/>
  <c r="S218" i="1"/>
  <c r="V218" i="1"/>
  <c r="Z218" i="1"/>
  <c r="P220" i="1"/>
  <c r="R220" i="1" s="1"/>
  <c r="B253" i="2" l="1"/>
  <c r="N254" i="2"/>
  <c r="AB219" i="1"/>
  <c r="W219" i="1"/>
  <c r="Y219" i="1"/>
  <c r="Z219" i="1"/>
  <c r="AA219" i="1"/>
  <c r="S219" i="1"/>
  <c r="V219" i="1"/>
  <c r="X219" i="1"/>
  <c r="U219" i="1"/>
  <c r="T219" i="1"/>
  <c r="P221" i="1"/>
  <c r="R221" i="1" s="1"/>
  <c r="B254" i="2" l="1"/>
  <c r="AG219" i="1"/>
  <c r="N255" i="2"/>
  <c r="AD219" i="1"/>
  <c r="AE219" i="1"/>
  <c r="AB220" i="1"/>
  <c r="W220" i="1"/>
  <c r="AF219" i="1"/>
  <c r="AC219" i="1"/>
  <c r="Y220" i="1"/>
  <c r="X220" i="1"/>
  <c r="AA220" i="1"/>
  <c r="Z220" i="1"/>
  <c r="U220" i="1"/>
  <c r="V220" i="1"/>
  <c r="S220" i="1"/>
  <c r="T220" i="1"/>
  <c r="P222" i="1"/>
  <c r="R222" i="1" s="1"/>
  <c r="B255" i="2" l="1"/>
  <c r="AG220" i="1"/>
  <c r="N256" i="2"/>
  <c r="AF220" i="1"/>
  <c r="AE220" i="1"/>
  <c r="AC220" i="1"/>
  <c r="AD220" i="1"/>
  <c r="AB221" i="1"/>
  <c r="W221" i="1"/>
  <c r="AA221" i="1"/>
  <c r="Z221" i="1"/>
  <c r="X221" i="1"/>
  <c r="T221" i="1"/>
  <c r="Y221" i="1"/>
  <c r="S221" i="1"/>
  <c r="U221" i="1"/>
  <c r="V221" i="1"/>
  <c r="P223" i="1"/>
  <c r="R223" i="1" s="1"/>
  <c r="B256" i="2" l="1"/>
  <c r="N257" i="2"/>
  <c r="AG221" i="1"/>
  <c r="AF221" i="1"/>
  <c r="AE221" i="1"/>
  <c r="AC221" i="1"/>
  <c r="AB222" i="1"/>
  <c r="W222" i="1"/>
  <c r="AD221" i="1"/>
  <c r="AA222" i="1"/>
  <c r="Z222" i="1"/>
  <c r="X222" i="1"/>
  <c r="V222" i="1"/>
  <c r="Y222" i="1"/>
  <c r="T222" i="1"/>
  <c r="S222" i="1"/>
  <c r="U222" i="1"/>
  <c r="P224" i="1"/>
  <c r="R224" i="1" s="1"/>
  <c r="B257" i="2" l="1"/>
  <c r="N258" i="2"/>
  <c r="AF222" i="1"/>
  <c r="AC222" i="1"/>
  <c r="AD222" i="1"/>
  <c r="AB223" i="1"/>
  <c r="W223" i="1"/>
  <c r="AE222" i="1"/>
  <c r="AG222" i="1"/>
  <c r="AA223" i="1"/>
  <c r="X223" i="1"/>
  <c r="Z223" i="1"/>
  <c r="Y223" i="1"/>
  <c r="V223" i="1"/>
  <c r="S223" i="1"/>
  <c r="U223" i="1"/>
  <c r="T223" i="1"/>
  <c r="P225" i="1"/>
  <c r="R225" i="1" s="1"/>
  <c r="B258" i="2" l="1"/>
  <c r="AG223" i="1"/>
  <c r="N259" i="2"/>
  <c r="AF223" i="1"/>
  <c r="AC223" i="1"/>
  <c r="AD223" i="1"/>
  <c r="AE223" i="1"/>
  <c r="AB224" i="1"/>
  <c r="W224" i="1"/>
  <c r="Z224" i="1"/>
  <c r="V224" i="1"/>
  <c r="AA224" i="1"/>
  <c r="Y224" i="1"/>
  <c r="S224" i="1"/>
  <c r="U224" i="1"/>
  <c r="X224" i="1"/>
  <c r="T224" i="1"/>
  <c r="P226" i="1"/>
  <c r="R226" i="1" s="1"/>
  <c r="B259" i="2" l="1"/>
  <c r="N260" i="2"/>
  <c r="W225" i="1"/>
  <c r="AB225" i="1"/>
  <c r="Z225" i="1"/>
  <c r="Y225" i="1"/>
  <c r="AA225" i="1"/>
  <c r="V225" i="1"/>
  <c r="U225" i="1"/>
  <c r="X225" i="1"/>
  <c r="S225" i="1"/>
  <c r="T225" i="1"/>
  <c r="P227" i="1"/>
  <c r="R227" i="1" s="1"/>
  <c r="B260" i="2" l="1"/>
  <c r="N261" i="2"/>
  <c r="W226" i="1"/>
  <c r="AB226" i="1"/>
  <c r="Z226" i="1"/>
  <c r="V226" i="1"/>
  <c r="AA226" i="1"/>
  <c r="U226" i="1"/>
  <c r="X226" i="1"/>
  <c r="Y226" i="1"/>
  <c r="S226" i="1"/>
  <c r="T226" i="1"/>
  <c r="P228" i="1"/>
  <c r="R228" i="1" s="1"/>
  <c r="B261" i="2" l="1"/>
  <c r="AD226" i="1"/>
  <c r="N262" i="2"/>
  <c r="AG226" i="1"/>
  <c r="AC226" i="1"/>
  <c r="AE226" i="1"/>
  <c r="W227" i="1"/>
  <c r="AB227" i="1"/>
  <c r="AF226" i="1"/>
  <c r="AA227" i="1"/>
  <c r="Y227" i="1"/>
  <c r="V227" i="1"/>
  <c r="Z227" i="1"/>
  <c r="X227" i="1"/>
  <c r="S227" i="1"/>
  <c r="T227" i="1"/>
  <c r="U227" i="1"/>
  <c r="P229" i="1"/>
  <c r="R229" i="1" s="1"/>
  <c r="B262" i="2" l="1"/>
  <c r="N263" i="2"/>
  <c r="AG227" i="1"/>
  <c r="AD227" i="1"/>
  <c r="AE227" i="1"/>
  <c r="AF227" i="1"/>
  <c r="W228" i="1"/>
  <c r="AB228" i="1"/>
  <c r="AC227" i="1"/>
  <c r="Z228" i="1"/>
  <c r="AA228" i="1"/>
  <c r="V228" i="1"/>
  <c r="T228" i="1"/>
  <c r="U228" i="1"/>
  <c r="X228" i="1"/>
  <c r="Y228" i="1"/>
  <c r="S228" i="1"/>
  <c r="P230" i="1"/>
  <c r="R230" i="1" s="1"/>
  <c r="B263" i="2" l="1"/>
  <c r="N264" i="2"/>
  <c r="AE228" i="1"/>
  <c r="AB229" i="1"/>
  <c r="W229" i="1"/>
  <c r="AF228" i="1"/>
  <c r="AC228" i="1"/>
  <c r="AD228" i="1"/>
  <c r="AG228" i="1"/>
  <c r="AA229" i="1"/>
  <c r="Z229" i="1"/>
  <c r="X229" i="1"/>
  <c r="V229" i="1"/>
  <c r="Y229" i="1"/>
  <c r="U229" i="1"/>
  <c r="S229" i="1"/>
  <c r="T229" i="1"/>
  <c r="P231" i="1"/>
  <c r="R231" i="1" s="1"/>
  <c r="B264" i="2" l="1"/>
  <c r="AG229" i="1"/>
  <c r="N265" i="2"/>
  <c r="AF229" i="1"/>
  <c r="AC229" i="1"/>
  <c r="AE229" i="1"/>
  <c r="W230" i="1"/>
  <c r="AB230" i="1"/>
  <c r="AD229" i="1"/>
  <c r="AA230" i="1"/>
  <c r="Z230" i="1"/>
  <c r="Y230" i="1"/>
  <c r="T230" i="1"/>
  <c r="X230" i="1"/>
  <c r="V230" i="1"/>
  <c r="U230" i="1"/>
  <c r="S230" i="1"/>
  <c r="P232" i="1"/>
  <c r="R232" i="1" s="1"/>
  <c r="B265" i="2" l="1"/>
  <c r="N266" i="2"/>
  <c r="AG230" i="1"/>
  <c r="AE230" i="1"/>
  <c r="AC230" i="1"/>
  <c r="AF230" i="1"/>
  <c r="W231" i="1"/>
  <c r="AB231" i="1"/>
  <c r="AD230" i="1"/>
  <c r="Y231" i="1"/>
  <c r="AA231" i="1"/>
  <c r="V231" i="1"/>
  <c r="S231" i="1"/>
  <c r="Z231" i="1"/>
  <c r="T231" i="1"/>
  <c r="X231" i="1"/>
  <c r="U231" i="1"/>
  <c r="P233" i="1"/>
  <c r="R233" i="1" s="1"/>
  <c r="B266" i="2" l="1"/>
  <c r="N267" i="2"/>
  <c r="W232" i="1"/>
  <c r="AB232" i="1"/>
  <c r="Y232" i="1"/>
  <c r="Z232" i="1"/>
  <c r="T232" i="1"/>
  <c r="V232" i="1"/>
  <c r="X232" i="1"/>
  <c r="AA232" i="1"/>
  <c r="U232" i="1"/>
  <c r="S232" i="1"/>
  <c r="P234" i="1"/>
  <c r="R234" i="1" s="1"/>
  <c r="B267" i="2" l="1"/>
  <c r="N268" i="2"/>
  <c r="AB233" i="1"/>
  <c r="W233" i="1"/>
  <c r="Y233" i="1"/>
  <c r="AA233" i="1"/>
  <c r="Z233" i="1"/>
  <c r="U233" i="1"/>
  <c r="T233" i="1"/>
  <c r="V233" i="1"/>
  <c r="X233" i="1"/>
  <c r="S233" i="1"/>
  <c r="P235" i="1"/>
  <c r="R235" i="1" s="1"/>
  <c r="B268" i="2" l="1"/>
  <c r="AE233" i="1"/>
  <c r="N269" i="2"/>
  <c r="AF233" i="1"/>
  <c r="AG233" i="1"/>
  <c r="AD233" i="1"/>
  <c r="W234" i="1"/>
  <c r="AB234" i="1"/>
  <c r="AC233" i="1"/>
  <c r="Y234" i="1"/>
  <c r="X234" i="1"/>
  <c r="AA234" i="1"/>
  <c r="T234" i="1"/>
  <c r="V234" i="1"/>
  <c r="U234" i="1"/>
  <c r="S234" i="1"/>
  <c r="Z234" i="1"/>
  <c r="P236" i="1"/>
  <c r="R236" i="1" s="1"/>
  <c r="B269" i="2" l="1"/>
  <c r="AF234" i="1"/>
  <c r="AE234" i="1"/>
  <c r="N270" i="2"/>
  <c r="AC234" i="1"/>
  <c r="AD234" i="1"/>
  <c r="AG234" i="1"/>
  <c r="W235" i="1"/>
  <c r="AB235" i="1"/>
  <c r="AA235" i="1"/>
  <c r="X235" i="1"/>
  <c r="Z235" i="1"/>
  <c r="V235" i="1"/>
  <c r="T235" i="1"/>
  <c r="Y235" i="1"/>
  <c r="U235" i="1"/>
  <c r="S235" i="1"/>
  <c r="P237" i="1"/>
  <c r="R237" i="1" s="1"/>
  <c r="B270" i="2" l="1"/>
  <c r="AC235" i="1"/>
  <c r="AE235" i="1"/>
  <c r="AF235" i="1"/>
  <c r="N271" i="2"/>
  <c r="AG235" i="1"/>
  <c r="W236" i="1"/>
  <c r="AB236" i="1"/>
  <c r="AD235" i="1"/>
  <c r="AA236" i="1"/>
  <c r="X236" i="1"/>
  <c r="Z236" i="1"/>
  <c r="V236" i="1"/>
  <c r="T236" i="1"/>
  <c r="Y236" i="1"/>
  <c r="S236" i="1"/>
  <c r="U236" i="1"/>
  <c r="P238" i="1"/>
  <c r="R238" i="1" s="1"/>
  <c r="AE236" i="1" l="1"/>
  <c r="B271" i="2"/>
  <c r="AF236" i="1"/>
  <c r="AG236" i="1"/>
  <c r="N272" i="2"/>
  <c r="AC236" i="1"/>
  <c r="W237" i="1"/>
  <c r="AB237" i="1"/>
  <c r="AD236" i="1"/>
  <c r="X237" i="1"/>
  <c r="Z237" i="1"/>
  <c r="Y237" i="1"/>
  <c r="AA237" i="1"/>
  <c r="U237" i="1"/>
  <c r="V237" i="1"/>
  <c r="T237" i="1"/>
  <c r="S237" i="1"/>
  <c r="P239" i="1"/>
  <c r="R239" i="1" s="1"/>
  <c r="B272" i="2" l="1"/>
  <c r="AF237" i="1"/>
  <c r="AE237" i="1"/>
  <c r="AG237" i="1"/>
  <c r="N273" i="2"/>
  <c r="AC237" i="1"/>
  <c r="AD237" i="1"/>
  <c r="W238" i="1"/>
  <c r="AB238" i="1"/>
  <c r="X238" i="1"/>
  <c r="U238" i="1"/>
  <c r="Y238" i="1"/>
  <c r="S238" i="1"/>
  <c r="AA238" i="1"/>
  <c r="Z238" i="1"/>
  <c r="T238" i="1"/>
  <c r="V238" i="1"/>
  <c r="P240" i="1"/>
  <c r="R240" i="1" s="1"/>
  <c r="B273" i="2" l="1"/>
  <c r="N274" i="2"/>
  <c r="AB239" i="1"/>
  <c r="W239" i="1"/>
  <c r="Y239" i="1"/>
  <c r="Z239" i="1"/>
  <c r="S239" i="1"/>
  <c r="U239" i="1"/>
  <c r="X239" i="1"/>
  <c r="V239" i="1"/>
  <c r="T239" i="1"/>
  <c r="AA239" i="1"/>
  <c r="P241" i="1"/>
  <c r="R241" i="1" s="1"/>
  <c r="B274" i="2" l="1"/>
  <c r="N275" i="2"/>
  <c r="W240" i="1"/>
  <c r="AB240" i="1"/>
  <c r="Y240" i="1"/>
  <c r="X240" i="1"/>
  <c r="AA240" i="1"/>
  <c r="Z240" i="1"/>
  <c r="V240" i="1"/>
  <c r="U240" i="1"/>
  <c r="T240" i="1"/>
  <c r="S240" i="1"/>
  <c r="P242" i="1"/>
  <c r="R242" i="1" s="1"/>
  <c r="B275" i="2" l="1"/>
  <c r="AE240" i="1"/>
  <c r="N276" i="2"/>
  <c r="AC240" i="1"/>
  <c r="AD240" i="1"/>
  <c r="AF240" i="1"/>
  <c r="W241" i="1"/>
  <c r="AB241" i="1"/>
  <c r="AG240" i="1"/>
  <c r="X241" i="1"/>
  <c r="AA241" i="1"/>
  <c r="Y241" i="1"/>
  <c r="U241" i="1"/>
  <c r="Z241" i="1"/>
  <c r="V241" i="1"/>
  <c r="T241" i="1"/>
  <c r="S241" i="1"/>
  <c r="P243" i="1"/>
  <c r="R243" i="1" s="1"/>
  <c r="B276" i="2" l="1"/>
  <c r="AE241" i="1"/>
  <c r="N277" i="2"/>
  <c r="AG241" i="1"/>
  <c r="AC241" i="1"/>
  <c r="AF241" i="1"/>
  <c r="AD241" i="1"/>
  <c r="AB242" i="1"/>
  <c r="W242" i="1"/>
  <c r="Z242" i="1"/>
  <c r="Y242" i="1"/>
  <c r="AA242" i="1"/>
  <c r="T242" i="1"/>
  <c r="S242" i="1"/>
  <c r="U242" i="1"/>
  <c r="X242" i="1"/>
  <c r="V242" i="1"/>
  <c r="P244" i="1"/>
  <c r="R244" i="1" s="1"/>
  <c r="B277" i="2" l="1"/>
  <c r="N278" i="2"/>
  <c r="AG242" i="1"/>
  <c r="AD242" i="1"/>
  <c r="AF242" i="1"/>
  <c r="AE242" i="1"/>
  <c r="AB243" i="1"/>
  <c r="W243" i="1"/>
  <c r="AC242" i="1"/>
  <c r="Z243" i="1"/>
  <c r="X243" i="1"/>
  <c r="Y243" i="1"/>
  <c r="V243" i="1"/>
  <c r="AA243" i="1"/>
  <c r="U243" i="1"/>
  <c r="T243" i="1"/>
  <c r="S243" i="1"/>
  <c r="P245" i="1"/>
  <c r="R245" i="1" s="1"/>
  <c r="B278" i="2" l="1"/>
  <c r="AG243" i="1"/>
  <c r="N279" i="2"/>
  <c r="AC243" i="1"/>
  <c r="AD243" i="1"/>
  <c r="AE243" i="1"/>
  <c r="AB244" i="1"/>
  <c r="W244" i="1"/>
  <c r="AF243" i="1"/>
  <c r="Z244" i="1"/>
  <c r="AA244" i="1"/>
  <c r="X244" i="1"/>
  <c r="Y244" i="1"/>
  <c r="S244" i="1"/>
  <c r="U244" i="1"/>
  <c r="V244" i="1"/>
  <c r="T244" i="1"/>
  <c r="P246" i="1"/>
  <c r="R246" i="1" s="1"/>
  <c r="B279" i="2" l="1"/>
  <c r="N280" i="2"/>
  <c r="AG244" i="1"/>
  <c r="AC244" i="1"/>
  <c r="AE244" i="1"/>
  <c r="AF244" i="1"/>
  <c r="AD244" i="1"/>
  <c r="W245" i="1"/>
  <c r="AB245" i="1"/>
  <c r="Z245" i="1"/>
  <c r="Y245" i="1"/>
  <c r="AA245" i="1"/>
  <c r="V245" i="1"/>
  <c r="S245" i="1"/>
  <c r="T245" i="1"/>
  <c r="U245" i="1"/>
  <c r="X245" i="1"/>
  <c r="P247" i="1"/>
  <c r="R247" i="1" s="1"/>
  <c r="B280" i="2" l="1"/>
  <c r="N281" i="2"/>
  <c r="W246" i="1"/>
  <c r="AB246" i="1"/>
  <c r="AA246" i="1"/>
  <c r="Z246" i="1"/>
  <c r="Y246" i="1"/>
  <c r="X246" i="1"/>
  <c r="V246" i="1"/>
  <c r="U246" i="1"/>
  <c r="T246" i="1"/>
  <c r="S246" i="1"/>
  <c r="P248" i="1"/>
  <c r="R248" i="1" s="1"/>
  <c r="B281" i="2" l="1"/>
  <c r="N282" i="2"/>
  <c r="AB247" i="1"/>
  <c r="W247" i="1"/>
  <c r="AA247" i="1"/>
  <c r="Z247" i="1"/>
  <c r="X247" i="1"/>
  <c r="V247" i="1"/>
  <c r="Y247" i="1"/>
  <c r="S247" i="1"/>
  <c r="T247" i="1"/>
  <c r="U247" i="1"/>
  <c r="P249" i="1"/>
  <c r="R249" i="1" s="1"/>
  <c r="B282" i="2" l="1"/>
  <c r="N283" i="2"/>
  <c r="AF247" i="1"/>
  <c r="AE247" i="1"/>
  <c r="AC247" i="1"/>
  <c r="W248" i="1"/>
  <c r="AB248" i="1"/>
  <c r="AD247" i="1"/>
  <c r="AG247" i="1"/>
  <c r="V248" i="1"/>
  <c r="AA248" i="1"/>
  <c r="T248" i="1"/>
  <c r="X248" i="1"/>
  <c r="Y248" i="1"/>
  <c r="Z248" i="1"/>
  <c r="S248" i="1"/>
  <c r="U248" i="1"/>
  <c r="P250" i="1"/>
  <c r="R250" i="1" s="1"/>
  <c r="B283" i="2" l="1"/>
  <c r="N284" i="2"/>
  <c r="AC248" i="1"/>
  <c r="AB249" i="1"/>
  <c r="W249" i="1"/>
  <c r="AE248" i="1"/>
  <c r="AG248" i="1"/>
  <c r="AF248" i="1"/>
  <c r="AD248" i="1"/>
  <c r="AA249" i="1"/>
  <c r="Z249" i="1"/>
  <c r="X249" i="1"/>
  <c r="V249" i="1"/>
  <c r="Y249" i="1"/>
  <c r="U249" i="1"/>
  <c r="T249" i="1"/>
  <c r="S249" i="1"/>
  <c r="P251" i="1"/>
  <c r="R251" i="1" s="1"/>
  <c r="B284" i="2" l="1"/>
  <c r="N285" i="2"/>
  <c r="AG249" i="1"/>
  <c r="AF249" i="1"/>
  <c r="AD249" i="1"/>
  <c r="AE249" i="1"/>
  <c r="W250" i="1"/>
  <c r="AB250" i="1"/>
  <c r="AC249" i="1"/>
  <c r="AA250" i="1"/>
  <c r="Z250" i="1"/>
  <c r="X250" i="1"/>
  <c r="V250" i="1"/>
  <c r="Y250" i="1"/>
  <c r="U250" i="1"/>
  <c r="T250" i="1"/>
  <c r="S250" i="1"/>
  <c r="P252" i="1"/>
  <c r="R252" i="1" s="1"/>
  <c r="B285" i="2" l="1"/>
  <c r="N286" i="2"/>
  <c r="AE250" i="1"/>
  <c r="AF250" i="1"/>
  <c r="AG250" i="1"/>
  <c r="AC250" i="1"/>
  <c r="AB251" i="1"/>
  <c r="W251" i="1"/>
  <c r="AD250" i="1"/>
  <c r="AA251" i="1"/>
  <c r="Z251" i="1"/>
  <c r="T251" i="1"/>
  <c r="X251" i="1"/>
  <c r="U251" i="1"/>
  <c r="Y251" i="1"/>
  <c r="V251" i="1"/>
  <c r="S251" i="1"/>
  <c r="P253" i="1"/>
  <c r="R253" i="1" s="1"/>
  <c r="B286" i="2" l="1"/>
  <c r="N287" i="2"/>
  <c r="AF251" i="1"/>
  <c r="AE251" i="1"/>
  <c r="AG251" i="1"/>
  <c r="AC251" i="1"/>
  <c r="W252" i="1"/>
  <c r="AB252" i="1"/>
  <c r="AD251" i="1"/>
  <c r="X252" i="1"/>
  <c r="V252" i="1"/>
  <c r="S252" i="1"/>
  <c r="T252" i="1"/>
  <c r="AA252" i="1"/>
  <c r="Z252" i="1"/>
  <c r="Y252" i="1"/>
  <c r="U252" i="1"/>
  <c r="P254" i="1"/>
  <c r="R254" i="1" s="1"/>
  <c r="B287" i="2" l="1"/>
  <c r="N288" i="2"/>
  <c r="AB253" i="1"/>
  <c r="W253" i="1"/>
  <c r="Y253" i="1"/>
  <c r="AA253" i="1"/>
  <c r="Z253" i="1"/>
  <c r="U253" i="1"/>
  <c r="X253" i="1"/>
  <c r="T253" i="1"/>
  <c r="S253" i="1"/>
  <c r="V253" i="1"/>
  <c r="P255" i="1"/>
  <c r="R255" i="1" s="1"/>
  <c r="B288" i="2" l="1"/>
  <c r="N289" i="2"/>
  <c r="W254" i="1"/>
  <c r="AB254" i="1"/>
  <c r="Y254" i="1"/>
  <c r="AA254" i="1"/>
  <c r="Z254" i="1"/>
  <c r="T254" i="1"/>
  <c r="X254" i="1"/>
  <c r="V254" i="1"/>
  <c r="S254" i="1"/>
  <c r="U254" i="1"/>
  <c r="P256" i="1"/>
  <c r="R256" i="1" s="1"/>
  <c r="B289" i="2" l="1"/>
  <c r="N290" i="2"/>
  <c r="AG254" i="1"/>
  <c r="AF254" i="1"/>
  <c r="AE254" i="1"/>
  <c r="AC254" i="1"/>
  <c r="AD254" i="1"/>
  <c r="AB255" i="1"/>
  <c r="W255" i="1"/>
  <c r="AA255" i="1"/>
  <c r="Y255" i="1"/>
  <c r="Z255" i="1"/>
  <c r="T255" i="1"/>
  <c r="X255" i="1"/>
  <c r="V255" i="1"/>
  <c r="U255" i="1"/>
  <c r="S255" i="1"/>
  <c r="P257" i="1"/>
  <c r="R257" i="1" s="1"/>
  <c r="B290" i="2" l="1"/>
  <c r="N291" i="2"/>
  <c r="AF255" i="1"/>
  <c r="AE255" i="1"/>
  <c r="AG255" i="1"/>
  <c r="AD255" i="1"/>
  <c r="AC255" i="1"/>
  <c r="AB256" i="1"/>
  <c r="W256" i="1"/>
  <c r="AA256" i="1"/>
  <c r="X256" i="1"/>
  <c r="Y256" i="1"/>
  <c r="Z256" i="1"/>
  <c r="V256" i="1"/>
  <c r="T256" i="1"/>
  <c r="U256" i="1"/>
  <c r="S256" i="1"/>
  <c r="P258" i="1"/>
  <c r="R258" i="1" s="1"/>
  <c r="B291" i="2" l="1"/>
  <c r="N292" i="2"/>
  <c r="AC256" i="1"/>
  <c r="AE256" i="1"/>
  <c r="AD256" i="1"/>
  <c r="AF256" i="1"/>
  <c r="AB257" i="1"/>
  <c r="W257" i="1"/>
  <c r="AG256" i="1"/>
  <c r="X257" i="1"/>
  <c r="AA257" i="1"/>
  <c r="Y257" i="1"/>
  <c r="Z257" i="1"/>
  <c r="T257" i="1"/>
  <c r="V257" i="1"/>
  <c r="U257" i="1"/>
  <c r="S257" i="1"/>
  <c r="P259" i="1"/>
  <c r="R259" i="1" s="1"/>
  <c r="B292" i="2" l="1"/>
  <c r="AG257" i="1"/>
  <c r="N293" i="2"/>
  <c r="AC257" i="1"/>
  <c r="AE257" i="1"/>
  <c r="AF257" i="1"/>
  <c r="AD257" i="1"/>
  <c r="AB258" i="1"/>
  <c r="W258" i="1"/>
  <c r="X258" i="1"/>
  <c r="Y258" i="1"/>
  <c r="AA258" i="1"/>
  <c r="Z258" i="1"/>
  <c r="U258" i="1"/>
  <c r="T258" i="1"/>
  <c r="S258" i="1"/>
  <c r="V258" i="1"/>
  <c r="P260" i="1"/>
  <c r="R260" i="1" s="1"/>
  <c r="B293" i="2" l="1"/>
  <c r="AG258" i="1"/>
  <c r="N294" i="2"/>
  <c r="AF258" i="1"/>
  <c r="AC258" i="1"/>
  <c r="AD258" i="1"/>
  <c r="AE258" i="1"/>
  <c r="AB259" i="1"/>
  <c r="W259" i="1"/>
  <c r="X259" i="1"/>
  <c r="AA259" i="1"/>
  <c r="S259" i="1"/>
  <c r="Z259" i="1"/>
  <c r="Y259" i="1"/>
  <c r="V259" i="1"/>
  <c r="U259" i="1"/>
  <c r="T259" i="1"/>
  <c r="P261" i="1"/>
  <c r="R261" i="1" s="1"/>
  <c r="B294" i="2" l="1"/>
  <c r="N295" i="2"/>
  <c r="AB260" i="1"/>
  <c r="W260" i="1"/>
  <c r="Y260" i="1"/>
  <c r="Z260" i="1"/>
  <c r="X260" i="1"/>
  <c r="V260" i="1"/>
  <c r="U260" i="1"/>
  <c r="T260" i="1"/>
  <c r="AA260" i="1"/>
  <c r="S260" i="1"/>
  <c r="P262" i="1"/>
  <c r="R262" i="1" s="1"/>
  <c r="B295" i="2" l="1"/>
  <c r="N296" i="2"/>
  <c r="AB261" i="1"/>
  <c r="W261" i="1"/>
  <c r="Z261" i="1"/>
  <c r="AA261" i="1"/>
  <c r="V261" i="1"/>
  <c r="X261" i="1"/>
  <c r="Y261" i="1"/>
  <c r="U261" i="1"/>
  <c r="S261" i="1"/>
  <c r="T261" i="1"/>
  <c r="P263" i="1"/>
  <c r="R263" i="1" s="1"/>
  <c r="B296" i="2" l="1"/>
  <c r="N297" i="2"/>
  <c r="AG261" i="1"/>
  <c r="AC261" i="1"/>
  <c r="AF261" i="1"/>
  <c r="AD261" i="1"/>
  <c r="AE261" i="1"/>
  <c r="AB262" i="1"/>
  <c r="W262" i="1"/>
  <c r="Y262" i="1"/>
  <c r="AA262" i="1"/>
  <c r="X262" i="1"/>
  <c r="V262" i="1"/>
  <c r="U262" i="1"/>
  <c r="Z262" i="1"/>
  <c r="S262" i="1"/>
  <c r="T262" i="1"/>
  <c r="P264" i="1"/>
  <c r="R264" i="1" s="1"/>
  <c r="B297" i="2" l="1"/>
  <c r="N298" i="2"/>
  <c r="AD262" i="1"/>
  <c r="AF262" i="1"/>
  <c r="AG262" i="1"/>
  <c r="AC262" i="1"/>
  <c r="W263" i="1"/>
  <c r="AB263" i="1"/>
  <c r="AE262" i="1"/>
  <c r="Z263" i="1"/>
  <c r="T263" i="1"/>
  <c r="S263" i="1"/>
  <c r="V263" i="1"/>
  <c r="U263" i="1"/>
  <c r="Y263" i="1"/>
  <c r="X263" i="1"/>
  <c r="AA263" i="1"/>
  <c r="P265" i="1"/>
  <c r="R265" i="1" s="1"/>
  <c r="B298" i="2" l="1"/>
  <c r="N299" i="2"/>
  <c r="AE263" i="1"/>
  <c r="W264" i="1"/>
  <c r="AB264" i="1"/>
  <c r="AF263" i="1"/>
  <c r="AD263" i="1"/>
  <c r="AG263" i="1"/>
  <c r="AC263" i="1"/>
  <c r="Z264" i="1"/>
  <c r="X264" i="1"/>
  <c r="V264" i="1"/>
  <c r="U264" i="1"/>
  <c r="T264" i="1"/>
  <c r="Y264" i="1"/>
  <c r="S264" i="1"/>
  <c r="AA264" i="1"/>
  <c r="P266" i="1"/>
  <c r="R266" i="1" s="1"/>
  <c r="B299" i="2" l="1"/>
  <c r="N300" i="2"/>
  <c r="AG264" i="1"/>
  <c r="AE264" i="1"/>
  <c r="AC264" i="1"/>
  <c r="W265" i="1"/>
  <c r="AB265" i="1"/>
  <c r="AD264" i="1"/>
  <c r="AF264" i="1"/>
  <c r="Z265" i="1"/>
  <c r="Y265" i="1"/>
  <c r="AA265" i="1"/>
  <c r="S265" i="1"/>
  <c r="V265" i="1"/>
  <c r="U265" i="1"/>
  <c r="T265" i="1"/>
  <c r="X265" i="1"/>
  <c r="P267" i="1"/>
  <c r="R267" i="1" s="1"/>
  <c r="B300" i="2" l="1"/>
  <c r="N301" i="2"/>
  <c r="AG265" i="1"/>
  <c r="AE265" i="1"/>
  <c r="AD265" i="1"/>
  <c r="AB266" i="1"/>
  <c r="W266" i="1"/>
  <c r="AF265" i="1"/>
  <c r="AC265" i="1"/>
  <c r="Z266" i="1"/>
  <c r="Y266" i="1"/>
  <c r="X266" i="1"/>
  <c r="AA266" i="1"/>
  <c r="V266" i="1"/>
  <c r="S266" i="1"/>
  <c r="T266" i="1"/>
  <c r="U266" i="1"/>
  <c r="P268" i="1"/>
  <c r="R268" i="1" s="1"/>
  <c r="B301" i="2" l="1"/>
  <c r="N302" i="2"/>
  <c r="AB267" i="1"/>
  <c r="W267" i="1"/>
  <c r="Z267" i="1"/>
  <c r="X267" i="1"/>
  <c r="V267" i="1"/>
  <c r="U267" i="1"/>
  <c r="AA267" i="1"/>
  <c r="Y267" i="1"/>
  <c r="S267" i="1"/>
  <c r="T267" i="1"/>
  <c r="P269" i="1"/>
  <c r="R269" i="1" s="1"/>
  <c r="B302" i="2" l="1"/>
  <c r="N303" i="2"/>
  <c r="AB268" i="1"/>
  <c r="W268" i="1"/>
  <c r="AA268" i="1"/>
  <c r="Z268" i="1"/>
  <c r="V268" i="1"/>
  <c r="T268" i="1"/>
  <c r="U268" i="1"/>
  <c r="Y268" i="1"/>
  <c r="S268" i="1"/>
  <c r="X268" i="1"/>
  <c r="P270" i="1"/>
  <c r="R270" i="1" s="1"/>
  <c r="B303" i="2" l="1"/>
  <c r="N304" i="2"/>
  <c r="AG268" i="1"/>
  <c r="AE268" i="1"/>
  <c r="AF268" i="1"/>
  <c r="AB269" i="1"/>
  <c r="W269" i="1"/>
  <c r="AD268" i="1"/>
  <c r="AC268" i="1"/>
  <c r="AA269" i="1"/>
  <c r="Z269" i="1"/>
  <c r="Y269" i="1"/>
  <c r="V269" i="1"/>
  <c r="X269" i="1"/>
  <c r="U269" i="1"/>
  <c r="S269" i="1"/>
  <c r="T269" i="1"/>
  <c r="P271" i="1"/>
  <c r="R271" i="1" s="1"/>
  <c r="B304" i="2" l="1"/>
  <c r="N305" i="2"/>
  <c r="AG269" i="1"/>
  <c r="AF269" i="1"/>
  <c r="AD269" i="1"/>
  <c r="AC269" i="1"/>
  <c r="AE269" i="1"/>
  <c r="W270" i="1"/>
  <c r="AB270" i="1"/>
  <c r="AA270" i="1"/>
  <c r="Z270" i="1"/>
  <c r="X270" i="1"/>
  <c r="V270" i="1"/>
  <c r="U270" i="1"/>
  <c r="T270" i="1"/>
  <c r="Y270" i="1"/>
  <c r="S270" i="1"/>
  <c r="P272" i="1"/>
  <c r="R272" i="1" s="1"/>
  <c r="B305" i="2" l="1"/>
  <c r="N306" i="2"/>
  <c r="AG270" i="1"/>
  <c r="AE270" i="1"/>
  <c r="AC270" i="1"/>
  <c r="W271" i="1"/>
  <c r="AB271" i="1"/>
  <c r="AF270" i="1"/>
  <c r="AD270" i="1"/>
  <c r="AA271" i="1"/>
  <c r="Z271" i="1"/>
  <c r="Y271" i="1"/>
  <c r="V271" i="1"/>
  <c r="X271" i="1"/>
  <c r="U271" i="1"/>
  <c r="S271" i="1"/>
  <c r="T271" i="1"/>
  <c r="P273" i="1"/>
  <c r="R273" i="1" s="1"/>
  <c r="B306" i="2" l="1"/>
  <c r="AG271" i="1"/>
  <c r="N307" i="2"/>
  <c r="AD271" i="1"/>
  <c r="AC271" i="1"/>
  <c r="AB272" i="1"/>
  <c r="W272" i="1"/>
  <c r="AE271" i="1"/>
  <c r="AF271" i="1"/>
  <c r="AA272" i="1"/>
  <c r="Z272" i="1"/>
  <c r="X272" i="1"/>
  <c r="Y272" i="1"/>
  <c r="T272" i="1"/>
  <c r="V272" i="1"/>
  <c r="U272" i="1"/>
  <c r="S272" i="1"/>
  <c r="P274" i="1"/>
  <c r="R274" i="1" s="1"/>
  <c r="B307" i="2" l="1"/>
  <c r="N308" i="2"/>
  <c r="AG272" i="1"/>
  <c r="AE272" i="1"/>
  <c r="AC272" i="1"/>
  <c r="AF272" i="1"/>
  <c r="AD272" i="1"/>
  <c r="AB273" i="1"/>
  <c r="W273" i="1"/>
  <c r="AA273" i="1"/>
  <c r="Y273" i="1"/>
  <c r="U273" i="1"/>
  <c r="X273" i="1"/>
  <c r="Z273" i="1"/>
  <c r="V273" i="1"/>
  <c r="S273" i="1"/>
  <c r="T273" i="1"/>
  <c r="P275" i="1"/>
  <c r="R275" i="1" s="1"/>
  <c r="B308" i="2" l="1"/>
  <c r="N309" i="2"/>
  <c r="AB274" i="1"/>
  <c r="W274" i="1"/>
  <c r="AA274" i="1"/>
  <c r="Y274" i="1"/>
  <c r="X274" i="1"/>
  <c r="Z274" i="1"/>
  <c r="T274" i="1"/>
  <c r="V274" i="1"/>
  <c r="U274" i="1"/>
  <c r="S274" i="1"/>
  <c r="P276" i="1"/>
  <c r="R276" i="1" s="1"/>
  <c r="B309" i="2" l="1"/>
  <c r="N310" i="2"/>
  <c r="AB275" i="1"/>
  <c r="W275" i="1"/>
  <c r="AA275" i="1"/>
  <c r="Y275" i="1"/>
  <c r="X275" i="1"/>
  <c r="Z275" i="1"/>
  <c r="T275" i="1"/>
  <c r="U275" i="1"/>
  <c r="V275" i="1"/>
  <c r="S275" i="1"/>
  <c r="P277" i="1"/>
  <c r="R277" i="1" s="1"/>
  <c r="B310" i="2" l="1"/>
  <c r="N311" i="2"/>
  <c r="AF275" i="1"/>
  <c r="AG275" i="1"/>
  <c r="AC275" i="1"/>
  <c r="AD275" i="1"/>
  <c r="AB276" i="1"/>
  <c r="W276" i="1"/>
  <c r="AE275" i="1"/>
  <c r="AA276" i="1"/>
  <c r="X276" i="1"/>
  <c r="Y276" i="1"/>
  <c r="Z276" i="1"/>
  <c r="T276" i="1"/>
  <c r="V276" i="1"/>
  <c r="U276" i="1"/>
  <c r="S276" i="1"/>
  <c r="P278" i="1"/>
  <c r="R278" i="1" s="1"/>
  <c r="B311" i="2" l="1"/>
  <c r="N312" i="2"/>
  <c r="AC276" i="1"/>
  <c r="AE276" i="1"/>
  <c r="AD276" i="1"/>
  <c r="AG276" i="1"/>
  <c r="AF276" i="1"/>
  <c r="AB277" i="1"/>
  <c r="W277" i="1"/>
  <c r="X277" i="1"/>
  <c r="Y277" i="1"/>
  <c r="V277" i="1"/>
  <c r="AA277" i="1"/>
  <c r="Z277" i="1"/>
  <c r="T277" i="1"/>
  <c r="U277" i="1"/>
  <c r="S277" i="1"/>
  <c r="P279" i="1"/>
  <c r="R279" i="1" s="1"/>
  <c r="B312" i="2" l="1"/>
  <c r="N313" i="2"/>
  <c r="AC277" i="1"/>
  <c r="AD277" i="1"/>
  <c r="AE277" i="1"/>
  <c r="AB278" i="1"/>
  <c r="W278" i="1"/>
  <c r="AG277" i="1"/>
  <c r="AF277" i="1"/>
  <c r="X278" i="1"/>
  <c r="Y278" i="1"/>
  <c r="AA278" i="1"/>
  <c r="Z278" i="1"/>
  <c r="T278" i="1"/>
  <c r="S278" i="1"/>
  <c r="U278" i="1"/>
  <c r="V278" i="1"/>
  <c r="P280" i="1"/>
  <c r="R280" i="1" s="1"/>
  <c r="B313" i="2" l="1"/>
  <c r="AG278" i="1"/>
  <c r="N314" i="2"/>
  <c r="AF278" i="1"/>
  <c r="AD278" i="1"/>
  <c r="AE278" i="1"/>
  <c r="AC278" i="1"/>
  <c r="AB279" i="1"/>
  <c r="W279" i="1"/>
  <c r="X279" i="1"/>
  <c r="AA279" i="1"/>
  <c r="Z279" i="1"/>
  <c r="Y279" i="1"/>
  <c r="U279" i="1"/>
  <c r="T279" i="1"/>
  <c r="V279" i="1"/>
  <c r="S279" i="1"/>
  <c r="P281" i="1"/>
  <c r="R281" i="1" s="1"/>
  <c r="B314" i="2" l="1"/>
  <c r="AG279" i="1"/>
  <c r="N315" i="2"/>
  <c r="AC279" i="1"/>
  <c r="AF279" i="1"/>
  <c r="AE279" i="1"/>
  <c r="AD279" i="1"/>
  <c r="AB280" i="1"/>
  <c r="W280" i="1"/>
  <c r="Y280" i="1"/>
  <c r="AA280" i="1"/>
  <c r="X280" i="1"/>
  <c r="V280" i="1"/>
  <c r="U280" i="1"/>
  <c r="Z280" i="1"/>
  <c r="T280" i="1"/>
  <c r="S280" i="1"/>
  <c r="P282" i="1"/>
  <c r="R282" i="1" s="1"/>
  <c r="B315" i="2" l="1"/>
  <c r="N316" i="2"/>
  <c r="AB281" i="1"/>
  <c r="W281" i="1"/>
  <c r="AA281" i="1"/>
  <c r="Y281" i="1"/>
  <c r="U281" i="1"/>
  <c r="Z281" i="1"/>
  <c r="T281" i="1"/>
  <c r="V281" i="1"/>
  <c r="X281" i="1"/>
  <c r="S281" i="1"/>
  <c r="P283" i="1"/>
  <c r="R283" i="1" s="1"/>
  <c r="B316" i="2" l="1"/>
  <c r="N317" i="2"/>
  <c r="AB282" i="1"/>
  <c r="W282" i="1"/>
  <c r="V282" i="1"/>
  <c r="AA282" i="1"/>
  <c r="X282" i="1"/>
  <c r="U282" i="1"/>
  <c r="Z282" i="1"/>
  <c r="T282" i="1"/>
  <c r="Y282" i="1"/>
  <c r="S282" i="1"/>
  <c r="P284" i="1"/>
  <c r="R284" i="1" s="1"/>
  <c r="B317" i="2" l="1"/>
  <c r="N318" i="2"/>
  <c r="AG282" i="1"/>
  <c r="AC282" i="1"/>
  <c r="AB283" i="1"/>
  <c r="W283" i="1"/>
  <c r="AE282" i="1"/>
  <c r="AF282" i="1"/>
  <c r="AD282" i="1"/>
  <c r="AA283" i="1"/>
  <c r="Y283" i="1"/>
  <c r="X283" i="1"/>
  <c r="S283" i="1"/>
  <c r="U283" i="1"/>
  <c r="Z283" i="1"/>
  <c r="V283" i="1"/>
  <c r="T283" i="1"/>
  <c r="P285" i="1"/>
  <c r="R285" i="1" s="1"/>
  <c r="B318" i="2" l="1"/>
  <c r="N319" i="2"/>
  <c r="AG283" i="1"/>
  <c r="AD283" i="1"/>
  <c r="AF283" i="1"/>
  <c r="AB284" i="1"/>
  <c r="W284" i="1"/>
  <c r="AC283" i="1"/>
  <c r="AE283" i="1"/>
  <c r="Z284" i="1"/>
  <c r="Y284" i="1"/>
  <c r="X284" i="1"/>
  <c r="AA284" i="1"/>
  <c r="T284" i="1"/>
  <c r="U284" i="1"/>
  <c r="S284" i="1"/>
  <c r="V284" i="1"/>
  <c r="P286" i="1"/>
  <c r="R286" i="1" s="1"/>
  <c r="B319" i="2" l="1"/>
  <c r="N320" i="2"/>
  <c r="AG284" i="1"/>
  <c r="AF284" i="1"/>
  <c r="AE284" i="1"/>
  <c r="AD284" i="1"/>
  <c r="AC284" i="1"/>
  <c r="W285" i="1"/>
  <c r="AB285" i="1"/>
  <c r="Z285" i="1"/>
  <c r="Y285" i="1"/>
  <c r="AA285" i="1"/>
  <c r="X285" i="1"/>
  <c r="S285" i="1"/>
  <c r="U285" i="1"/>
  <c r="T285" i="1"/>
  <c r="V285" i="1"/>
  <c r="P287" i="1"/>
  <c r="R287" i="1" s="1"/>
  <c r="B320" i="2" l="1"/>
  <c r="N321" i="2"/>
  <c r="AG285" i="1"/>
  <c r="AF285" i="1"/>
  <c r="AD285" i="1"/>
  <c r="AE285" i="1"/>
  <c r="AC285" i="1"/>
  <c r="W286" i="1"/>
  <c r="AB286" i="1"/>
  <c r="Z286" i="1"/>
  <c r="Y286" i="1"/>
  <c r="X286" i="1"/>
  <c r="S286" i="1"/>
  <c r="U286" i="1"/>
  <c r="AA286" i="1"/>
  <c r="T286" i="1"/>
  <c r="V286" i="1"/>
  <c r="P288" i="1"/>
  <c r="R288" i="1" s="1"/>
  <c r="B321" i="2" l="1"/>
  <c r="N322" i="2"/>
  <c r="AG286" i="1"/>
  <c r="AE286" i="1"/>
  <c r="AF286" i="1"/>
  <c r="AC286" i="1"/>
  <c r="W287" i="1"/>
  <c r="AB287" i="1"/>
  <c r="AD286" i="1"/>
  <c r="AA287" i="1"/>
  <c r="X287" i="1"/>
  <c r="Z287" i="1"/>
  <c r="V287" i="1"/>
  <c r="Y287" i="1"/>
  <c r="T287" i="1"/>
  <c r="U287" i="1"/>
  <c r="S287" i="1"/>
  <c r="P289" i="1"/>
  <c r="R289" i="1" s="1"/>
  <c r="B322" i="2" l="1"/>
  <c r="N323" i="2"/>
  <c r="W288" i="1"/>
  <c r="AB288" i="1"/>
  <c r="Y288" i="1"/>
  <c r="V288" i="1"/>
  <c r="AA288" i="1"/>
  <c r="T288" i="1"/>
  <c r="X288" i="1"/>
  <c r="Z288" i="1"/>
  <c r="U288" i="1"/>
  <c r="S288" i="1"/>
  <c r="P290" i="1"/>
  <c r="R290" i="1" s="1"/>
  <c r="B323" i="2" l="1"/>
  <c r="N324" i="2"/>
  <c r="AB289" i="1"/>
  <c r="W289" i="1"/>
  <c r="AA289" i="1"/>
  <c r="V289" i="1"/>
  <c r="Y289" i="1"/>
  <c r="X289" i="1"/>
  <c r="Z289" i="1"/>
  <c r="S289" i="1"/>
  <c r="T289" i="1"/>
  <c r="U289" i="1"/>
  <c r="P291" i="1"/>
  <c r="R291" i="1" s="1"/>
  <c r="B324" i="2" l="1"/>
  <c r="AC289" i="1"/>
  <c r="N325" i="2"/>
  <c r="AG289" i="1"/>
  <c r="AD289" i="1"/>
  <c r="AF289" i="1"/>
  <c r="AE289" i="1"/>
  <c r="AB290" i="1"/>
  <c r="W290" i="1"/>
  <c r="AA290" i="1"/>
  <c r="Z290" i="1"/>
  <c r="Y290" i="1"/>
  <c r="V290" i="1"/>
  <c r="X290" i="1"/>
  <c r="S290" i="1"/>
  <c r="T290" i="1"/>
  <c r="U290" i="1"/>
  <c r="P292" i="1"/>
  <c r="R292" i="1" s="1"/>
  <c r="B325" i="2" l="1"/>
  <c r="N326" i="2"/>
  <c r="AG290" i="1"/>
  <c r="AF290" i="1"/>
  <c r="AE290" i="1"/>
  <c r="AB291" i="1"/>
  <c r="W291" i="1"/>
  <c r="AD290" i="1"/>
  <c r="AC290" i="1"/>
  <c r="Z291" i="1"/>
  <c r="AA291" i="1"/>
  <c r="V291" i="1"/>
  <c r="U291" i="1"/>
  <c r="Y291" i="1"/>
  <c r="X291" i="1"/>
  <c r="S291" i="1"/>
  <c r="T291" i="1"/>
  <c r="P293" i="1"/>
  <c r="R293" i="1" s="1"/>
  <c r="B326" i="2" l="1"/>
  <c r="N327" i="2"/>
  <c r="AG291" i="1"/>
  <c r="AD291" i="1"/>
  <c r="AE291" i="1"/>
  <c r="AC291" i="1"/>
  <c r="AF291" i="1"/>
  <c r="W292" i="1"/>
  <c r="AB292" i="1"/>
  <c r="Z292" i="1"/>
  <c r="X292" i="1"/>
  <c r="V292" i="1"/>
  <c r="AA292" i="1"/>
  <c r="Y292" i="1"/>
  <c r="U292" i="1"/>
  <c r="S292" i="1"/>
  <c r="T292" i="1"/>
  <c r="P294" i="1"/>
  <c r="R294" i="1" s="1"/>
  <c r="B327" i="2" l="1"/>
  <c r="N328" i="2"/>
  <c r="AE292" i="1"/>
  <c r="AG292" i="1"/>
  <c r="AC292" i="1"/>
  <c r="AB293" i="1"/>
  <c r="W293" i="1"/>
  <c r="AD292" i="1"/>
  <c r="AF292" i="1"/>
  <c r="Z293" i="1"/>
  <c r="AA293" i="1"/>
  <c r="U293" i="1"/>
  <c r="X293" i="1"/>
  <c r="S293" i="1"/>
  <c r="T293" i="1"/>
  <c r="Y293" i="1"/>
  <c r="V293" i="1"/>
  <c r="P295" i="1"/>
  <c r="R295" i="1" s="1"/>
  <c r="B328" i="2" l="1"/>
  <c r="N329" i="2"/>
  <c r="AG293" i="1"/>
  <c r="AF293" i="1"/>
  <c r="AE293" i="1"/>
  <c r="AB294" i="1"/>
  <c r="W294" i="1"/>
  <c r="AC293" i="1"/>
  <c r="AD293" i="1"/>
  <c r="AA294" i="1"/>
  <c r="Z294" i="1"/>
  <c r="V294" i="1"/>
  <c r="Y294" i="1"/>
  <c r="X294" i="1"/>
  <c r="U294" i="1"/>
  <c r="S294" i="1"/>
  <c r="T294" i="1"/>
  <c r="P296" i="1"/>
  <c r="R296" i="1" s="1"/>
  <c r="B329" i="2" l="1"/>
  <c r="N330" i="2"/>
  <c r="AB295" i="1"/>
  <c r="W295" i="1"/>
  <c r="AA295" i="1"/>
  <c r="Z295" i="1"/>
  <c r="Y295" i="1"/>
  <c r="T295" i="1"/>
  <c r="X295" i="1"/>
  <c r="V295" i="1"/>
  <c r="S295" i="1"/>
  <c r="U295" i="1"/>
  <c r="P297" i="1"/>
  <c r="R297" i="1" s="1"/>
  <c r="B330" i="2" l="1"/>
  <c r="N331" i="2"/>
  <c r="AB296" i="1"/>
  <c r="W296" i="1"/>
  <c r="AA296" i="1"/>
  <c r="X296" i="1"/>
  <c r="Z296" i="1"/>
  <c r="V296" i="1"/>
  <c r="T296" i="1"/>
  <c r="Y296" i="1"/>
  <c r="S296" i="1"/>
  <c r="U296" i="1"/>
  <c r="P298" i="1"/>
  <c r="R298" i="1" s="1"/>
  <c r="B331" i="2" l="1"/>
  <c r="AG296" i="1"/>
  <c r="N332" i="2"/>
  <c r="AE296" i="1"/>
  <c r="AC296" i="1"/>
  <c r="AF296" i="1"/>
  <c r="AB297" i="1"/>
  <c r="W297" i="1"/>
  <c r="AD296" i="1"/>
  <c r="Y297" i="1"/>
  <c r="AA297" i="1"/>
  <c r="Z297" i="1"/>
  <c r="X297" i="1"/>
  <c r="V297" i="1"/>
  <c r="T297" i="1"/>
  <c r="S297" i="1"/>
  <c r="U297" i="1"/>
  <c r="P299" i="1"/>
  <c r="R299" i="1" s="1"/>
  <c r="B332" i="2" l="1"/>
  <c r="N333" i="2"/>
  <c r="AG297" i="1"/>
  <c r="AE297" i="1"/>
  <c r="AC297" i="1"/>
  <c r="AF297" i="1"/>
  <c r="AD297" i="1"/>
  <c r="AB298" i="1"/>
  <c r="W298" i="1"/>
  <c r="Y298" i="1"/>
  <c r="AA298" i="1"/>
  <c r="X298" i="1"/>
  <c r="Z298" i="1"/>
  <c r="V298" i="1"/>
  <c r="T298" i="1"/>
  <c r="U298" i="1"/>
  <c r="S298" i="1"/>
  <c r="P300" i="1"/>
  <c r="R300" i="1" s="1"/>
  <c r="B333" i="2" l="1"/>
  <c r="N334" i="2"/>
  <c r="AG298" i="1"/>
  <c r="AC298" i="1"/>
  <c r="AF298" i="1"/>
  <c r="AD298" i="1"/>
  <c r="AE298" i="1"/>
  <c r="AB299" i="1"/>
  <c r="W299" i="1"/>
  <c r="Y299" i="1"/>
  <c r="AA299" i="1"/>
  <c r="X299" i="1"/>
  <c r="Z299" i="1"/>
  <c r="V299" i="1"/>
  <c r="T299" i="1"/>
  <c r="U299" i="1"/>
  <c r="S299" i="1"/>
  <c r="P301" i="1"/>
  <c r="R301" i="1" s="1"/>
  <c r="B334" i="2" l="1"/>
  <c r="AG299" i="1"/>
  <c r="N335" i="2"/>
  <c r="AC299" i="1"/>
  <c r="AE299" i="1"/>
  <c r="AF299" i="1"/>
  <c r="AD299" i="1"/>
  <c r="AB300" i="1"/>
  <c r="W300" i="1"/>
  <c r="Y300" i="1"/>
  <c r="Z300" i="1"/>
  <c r="AA300" i="1"/>
  <c r="U300" i="1"/>
  <c r="V300" i="1"/>
  <c r="T300" i="1"/>
  <c r="X300" i="1"/>
  <c r="S300" i="1"/>
  <c r="P302" i="1"/>
  <c r="R302" i="1" s="1"/>
  <c r="B335" i="2" l="1"/>
  <c r="N336" i="2"/>
  <c r="AG300" i="1"/>
  <c r="AD300" i="1"/>
  <c r="AF300" i="1"/>
  <c r="AC300" i="1"/>
  <c r="AB301" i="1"/>
  <c r="W301" i="1"/>
  <c r="AE300" i="1"/>
  <c r="Y301" i="1"/>
  <c r="Z301" i="1"/>
  <c r="X301" i="1"/>
  <c r="AA301" i="1"/>
  <c r="U301" i="1"/>
  <c r="V301" i="1"/>
  <c r="T301" i="1"/>
  <c r="S301" i="1"/>
  <c r="P303" i="1"/>
  <c r="R303" i="1" s="1"/>
  <c r="B336" i="2" l="1"/>
  <c r="N337" i="2"/>
  <c r="AB302" i="1"/>
  <c r="W302" i="1"/>
  <c r="X302" i="1"/>
  <c r="AA302" i="1"/>
  <c r="U302" i="1"/>
  <c r="V302" i="1"/>
  <c r="Y302" i="1"/>
  <c r="T302" i="1"/>
  <c r="S302" i="1"/>
  <c r="Z302" i="1"/>
  <c r="P304" i="1"/>
  <c r="R304" i="1" s="1"/>
  <c r="B337" i="2" l="1"/>
  <c r="N338" i="2"/>
  <c r="AB303" i="1"/>
  <c r="W303" i="1"/>
  <c r="AA303" i="1"/>
  <c r="V303" i="1"/>
  <c r="Y303" i="1"/>
  <c r="Z303" i="1"/>
  <c r="X303" i="1"/>
  <c r="U303" i="1"/>
  <c r="T303" i="1"/>
  <c r="S303" i="1"/>
  <c r="P305" i="1"/>
  <c r="R305" i="1" s="1"/>
  <c r="B338" i="2" l="1"/>
  <c r="N339" i="2"/>
  <c r="AG303" i="1"/>
  <c r="AF303" i="1"/>
  <c r="AE303" i="1"/>
  <c r="AD303" i="1"/>
  <c r="AC303" i="1"/>
  <c r="AB304" i="1"/>
  <c r="W304" i="1"/>
  <c r="Z304" i="1"/>
  <c r="AA304" i="1"/>
  <c r="X304" i="1"/>
  <c r="U304" i="1"/>
  <c r="V304" i="1"/>
  <c r="T304" i="1"/>
  <c r="Y304" i="1"/>
  <c r="S304" i="1"/>
  <c r="P306" i="1"/>
  <c r="R306" i="1" s="1"/>
  <c r="B339" i="2" l="1"/>
  <c r="N340" i="2"/>
  <c r="AG304" i="1"/>
  <c r="AC304" i="1"/>
  <c r="AF304" i="1"/>
  <c r="AE304" i="1"/>
  <c r="W305" i="1"/>
  <c r="AB305" i="1"/>
  <c r="AD304" i="1"/>
  <c r="Z305" i="1"/>
  <c r="Y305" i="1"/>
  <c r="AA305" i="1"/>
  <c r="X305" i="1"/>
  <c r="T305" i="1"/>
  <c r="S305" i="1"/>
  <c r="U305" i="1"/>
  <c r="V305" i="1"/>
  <c r="P307" i="1"/>
  <c r="R307" i="1" s="1"/>
  <c r="B340" i="2" l="1"/>
  <c r="N341" i="2"/>
  <c r="AG305" i="1"/>
  <c r="AD305" i="1"/>
  <c r="AC305" i="1"/>
  <c r="AF305" i="1"/>
  <c r="AE305" i="1"/>
  <c r="W306" i="1"/>
  <c r="AB306" i="1"/>
  <c r="Y306" i="1"/>
  <c r="AA306" i="1"/>
  <c r="Z306" i="1"/>
  <c r="X306" i="1"/>
  <c r="S306" i="1"/>
  <c r="U306" i="1"/>
  <c r="T306" i="1"/>
  <c r="V306" i="1"/>
  <c r="P308" i="1"/>
  <c r="R308" i="1" s="1"/>
  <c r="B341" i="2" l="1"/>
  <c r="N342" i="2"/>
  <c r="AG306" i="1"/>
  <c r="AD306" i="1"/>
  <c r="AF306" i="1"/>
  <c r="AC306" i="1"/>
  <c r="W307" i="1"/>
  <c r="AB307" i="1"/>
  <c r="AE306" i="1"/>
  <c r="Y307" i="1"/>
  <c r="Z307" i="1"/>
  <c r="AA307" i="1"/>
  <c r="U307" i="1"/>
  <c r="X307" i="1"/>
  <c r="V307" i="1"/>
  <c r="S307" i="1"/>
  <c r="T307" i="1"/>
  <c r="P309" i="1"/>
  <c r="R309" i="1" s="1"/>
  <c r="B342" i="2" l="1"/>
  <c r="N343" i="2"/>
  <c r="AG307" i="1"/>
  <c r="AE307" i="1"/>
  <c r="AD307" i="1"/>
  <c r="W308" i="1"/>
  <c r="AB308" i="1"/>
  <c r="AC307" i="1"/>
  <c r="AF307" i="1"/>
  <c r="T308" i="1"/>
  <c r="Y308" i="1"/>
  <c r="V308" i="1"/>
  <c r="Z308" i="1"/>
  <c r="X308" i="1"/>
  <c r="AA308" i="1"/>
  <c r="S308" i="1"/>
  <c r="U308" i="1"/>
  <c r="P310" i="1"/>
  <c r="R310" i="1" s="1"/>
  <c r="B343" i="2" l="1"/>
  <c r="N344" i="2"/>
  <c r="W309" i="1"/>
  <c r="AB309" i="1"/>
  <c r="AA309" i="1"/>
  <c r="Z309" i="1"/>
  <c r="Y309" i="1"/>
  <c r="V309" i="1"/>
  <c r="X309" i="1"/>
  <c r="U309" i="1"/>
  <c r="S309" i="1"/>
  <c r="T309" i="1"/>
  <c r="P311" i="1"/>
  <c r="R311" i="1" s="1"/>
  <c r="B344" i="2" l="1"/>
  <c r="N345" i="2"/>
  <c r="W310" i="1"/>
  <c r="AB310" i="1"/>
  <c r="AA310" i="1"/>
  <c r="Z310" i="1"/>
  <c r="Y310" i="1"/>
  <c r="V310" i="1"/>
  <c r="U310" i="1"/>
  <c r="X310" i="1"/>
  <c r="S310" i="1"/>
  <c r="T310" i="1"/>
  <c r="P312" i="1"/>
  <c r="R312" i="1" s="1"/>
  <c r="B345" i="2" l="1"/>
  <c r="AG310" i="1"/>
  <c r="N346" i="2"/>
  <c r="AF310" i="1"/>
  <c r="AE310" i="1"/>
  <c r="AD310" i="1"/>
  <c r="W311" i="1"/>
  <c r="AB311" i="1"/>
  <c r="AC310" i="1"/>
  <c r="Y311" i="1"/>
  <c r="V311" i="1"/>
  <c r="Z311" i="1"/>
  <c r="AA311" i="1"/>
  <c r="T311" i="1"/>
  <c r="U311" i="1"/>
  <c r="X311" i="1"/>
  <c r="S311" i="1"/>
  <c r="P313" i="1"/>
  <c r="R313" i="1" s="1"/>
  <c r="B346" i="2" l="1"/>
  <c r="N347" i="2"/>
  <c r="AG311" i="1"/>
  <c r="AC311" i="1"/>
  <c r="AD311" i="1"/>
  <c r="AE311" i="1"/>
  <c r="AB312" i="1"/>
  <c r="W312" i="1"/>
  <c r="AF311" i="1"/>
  <c r="AA312" i="1"/>
  <c r="X312" i="1"/>
  <c r="Y312" i="1"/>
  <c r="V312" i="1"/>
  <c r="U312" i="1"/>
  <c r="Z312" i="1"/>
  <c r="S312" i="1"/>
  <c r="T312" i="1"/>
  <c r="P314" i="1"/>
  <c r="R314" i="1" s="1"/>
  <c r="B347" i="2" l="1"/>
  <c r="N348" i="2"/>
  <c r="AG312" i="1"/>
  <c r="AD312" i="1"/>
  <c r="AC312" i="1"/>
  <c r="AF312" i="1"/>
  <c r="AB313" i="1"/>
  <c r="W313" i="1"/>
  <c r="AE312" i="1"/>
  <c r="U313" i="1"/>
  <c r="Z313" i="1"/>
  <c r="X313" i="1"/>
  <c r="S313" i="1"/>
  <c r="AA313" i="1"/>
  <c r="Y313" i="1"/>
  <c r="V313" i="1"/>
  <c r="T313" i="1"/>
  <c r="P315" i="1"/>
  <c r="R315" i="1" s="1"/>
  <c r="B348" i="2" l="1"/>
  <c r="N349" i="2"/>
  <c r="AF313" i="1"/>
  <c r="AG313" i="1"/>
  <c r="AD313" i="1"/>
  <c r="AB314" i="1"/>
  <c r="W314" i="1"/>
  <c r="AC313" i="1"/>
  <c r="AE313" i="1"/>
  <c r="Z314" i="1"/>
  <c r="AA314" i="1"/>
  <c r="Y314" i="1"/>
  <c r="V314" i="1"/>
  <c r="X314" i="1"/>
  <c r="T314" i="1"/>
  <c r="S314" i="1"/>
  <c r="U314" i="1"/>
  <c r="P316" i="1"/>
  <c r="R316" i="1" s="1"/>
  <c r="B349" i="2" l="1"/>
  <c r="N350" i="2"/>
  <c r="AC314" i="1"/>
  <c r="AB315" i="1"/>
  <c r="W315" i="1"/>
  <c r="AE314" i="1"/>
  <c r="AD314" i="1"/>
  <c r="AF314" i="1"/>
  <c r="AG314" i="1"/>
  <c r="AA315" i="1"/>
  <c r="Z315" i="1"/>
  <c r="Y315" i="1"/>
  <c r="T315" i="1"/>
  <c r="U315" i="1"/>
  <c r="V315" i="1"/>
  <c r="S315" i="1"/>
  <c r="X315" i="1"/>
  <c r="P317" i="1"/>
  <c r="R317" i="1" s="1"/>
  <c r="B350" i="2" l="1"/>
  <c r="N351" i="2"/>
  <c r="AB316" i="1"/>
  <c r="W316" i="1"/>
  <c r="AA316" i="1"/>
  <c r="X316" i="1"/>
  <c r="Z316" i="1"/>
  <c r="Y316" i="1"/>
  <c r="V316" i="1"/>
  <c r="T316" i="1"/>
  <c r="U316" i="1"/>
  <c r="S316" i="1"/>
  <c r="P318" i="1"/>
  <c r="R318" i="1" s="1"/>
  <c r="B351" i="2" l="1"/>
  <c r="N352" i="2"/>
  <c r="AB317" i="1"/>
  <c r="W317" i="1"/>
  <c r="Z317" i="1"/>
  <c r="X317" i="1"/>
  <c r="T317" i="1"/>
  <c r="AA317" i="1"/>
  <c r="V317" i="1"/>
  <c r="S317" i="1"/>
  <c r="Y317" i="1"/>
  <c r="U317" i="1"/>
  <c r="P319" i="1"/>
  <c r="R319" i="1" s="1"/>
  <c r="B352" i="2" l="1"/>
  <c r="N353" i="2"/>
  <c r="AG317" i="1"/>
  <c r="AE317" i="1"/>
  <c r="AC317" i="1"/>
  <c r="AB318" i="1"/>
  <c r="W318" i="1"/>
  <c r="AF317" i="1"/>
  <c r="AD317" i="1"/>
  <c r="X318" i="1"/>
  <c r="AA318" i="1"/>
  <c r="V318" i="1"/>
  <c r="Z318" i="1"/>
  <c r="T318" i="1"/>
  <c r="S318" i="1"/>
  <c r="U318" i="1"/>
  <c r="Y318" i="1"/>
  <c r="P320" i="1"/>
  <c r="R320" i="1" s="1"/>
  <c r="B353" i="2" l="1"/>
  <c r="N354" i="2"/>
  <c r="AG318" i="1"/>
  <c r="AC318" i="1"/>
  <c r="AF318" i="1"/>
  <c r="AB319" i="1"/>
  <c r="W319" i="1"/>
  <c r="AE318" i="1"/>
  <c r="AD318" i="1"/>
  <c r="Y319" i="1"/>
  <c r="X319" i="1"/>
  <c r="Z319" i="1"/>
  <c r="AA319" i="1"/>
  <c r="T319" i="1"/>
  <c r="V319" i="1"/>
  <c r="S319" i="1"/>
  <c r="U319" i="1"/>
  <c r="P321" i="1"/>
  <c r="R321" i="1" s="1"/>
  <c r="B354" i="2" l="1"/>
  <c r="N355" i="2"/>
  <c r="AG319" i="1"/>
  <c r="AD319" i="1"/>
  <c r="AC319" i="1"/>
  <c r="AE319" i="1"/>
  <c r="AF319" i="1"/>
  <c r="AB320" i="1"/>
  <c r="W320" i="1"/>
  <c r="Y320" i="1"/>
  <c r="AA320" i="1"/>
  <c r="T320" i="1"/>
  <c r="Z320" i="1"/>
  <c r="X320" i="1"/>
  <c r="V320" i="1"/>
  <c r="S320" i="1"/>
  <c r="U320" i="1"/>
  <c r="P322" i="1"/>
  <c r="R322" i="1" s="1"/>
  <c r="B355" i="2" l="1"/>
  <c r="N356" i="2"/>
  <c r="AE320" i="1"/>
  <c r="AF320" i="1"/>
  <c r="AG320" i="1"/>
  <c r="AD320" i="1"/>
  <c r="AB321" i="1"/>
  <c r="W321" i="1"/>
  <c r="AC320" i="1"/>
  <c r="AA321" i="1"/>
  <c r="Y321" i="1"/>
  <c r="X321" i="1"/>
  <c r="U321" i="1"/>
  <c r="T321" i="1"/>
  <c r="Z321" i="1"/>
  <c r="V321" i="1"/>
  <c r="S321" i="1"/>
  <c r="P323" i="1"/>
  <c r="R323" i="1" s="1"/>
  <c r="B356" i="2" l="1"/>
  <c r="N357" i="2"/>
  <c r="AG321" i="1"/>
  <c r="AC321" i="1"/>
  <c r="AF321" i="1"/>
  <c r="AD321" i="1"/>
  <c r="AB322" i="1"/>
  <c r="W322" i="1"/>
  <c r="AE321" i="1"/>
  <c r="AA322" i="1"/>
  <c r="Y322" i="1"/>
  <c r="Z322" i="1"/>
  <c r="U322" i="1"/>
  <c r="T322" i="1"/>
  <c r="X322" i="1"/>
  <c r="V322" i="1"/>
  <c r="S322" i="1"/>
  <c r="P324" i="1"/>
  <c r="R324" i="1" s="1"/>
  <c r="B357" i="2" l="1"/>
  <c r="N358" i="2"/>
  <c r="AB323" i="1"/>
  <c r="W323" i="1"/>
  <c r="AA323" i="1"/>
  <c r="Y323" i="1"/>
  <c r="Z323" i="1"/>
  <c r="V323" i="1"/>
  <c r="U323" i="1"/>
  <c r="T323" i="1"/>
  <c r="X323" i="1"/>
  <c r="S323" i="1"/>
  <c r="P325" i="1"/>
  <c r="R325" i="1" s="1"/>
  <c r="B358" i="2" l="1"/>
  <c r="N359" i="2"/>
  <c r="AB324" i="1"/>
  <c r="W324" i="1"/>
  <c r="Z324" i="1"/>
  <c r="X324" i="1"/>
  <c r="Y324" i="1"/>
  <c r="U324" i="1"/>
  <c r="AA324" i="1"/>
  <c r="T324" i="1"/>
  <c r="V324" i="1"/>
  <c r="S324" i="1"/>
  <c r="P326" i="1"/>
  <c r="R326" i="1" s="1"/>
  <c r="B359" i="2" l="1"/>
  <c r="N360" i="2"/>
  <c r="AE324" i="1"/>
  <c r="AG324" i="1"/>
  <c r="AD324" i="1"/>
  <c r="AC324" i="1"/>
  <c r="AF324" i="1"/>
  <c r="W325" i="1"/>
  <c r="AB325" i="1"/>
  <c r="Z325" i="1"/>
  <c r="Y325" i="1"/>
  <c r="AA325" i="1"/>
  <c r="X325" i="1"/>
  <c r="U325" i="1"/>
  <c r="S325" i="1"/>
  <c r="T325" i="1"/>
  <c r="V325" i="1"/>
  <c r="P327" i="1"/>
  <c r="R327" i="1" s="1"/>
  <c r="B360" i="2" l="1"/>
  <c r="N361" i="2"/>
  <c r="AG325" i="1"/>
  <c r="AD325" i="1"/>
  <c r="AF325" i="1"/>
  <c r="AE325" i="1"/>
  <c r="W326" i="1"/>
  <c r="AB326" i="1"/>
  <c r="AC325" i="1"/>
  <c r="Z326" i="1"/>
  <c r="AA326" i="1"/>
  <c r="Y326" i="1"/>
  <c r="T326" i="1"/>
  <c r="V326" i="1"/>
  <c r="U326" i="1"/>
  <c r="S326" i="1"/>
  <c r="X326" i="1"/>
  <c r="P328" i="1"/>
  <c r="R328" i="1" s="1"/>
  <c r="B361" i="2" l="1"/>
  <c r="AG326" i="1"/>
  <c r="N362" i="2"/>
  <c r="AE326" i="1"/>
  <c r="AF326" i="1"/>
  <c r="W327" i="1"/>
  <c r="AB327" i="1"/>
  <c r="AC326" i="1"/>
  <c r="AD326" i="1"/>
  <c r="AA327" i="1"/>
  <c r="Z327" i="1"/>
  <c r="X327" i="1"/>
  <c r="Y327" i="1"/>
  <c r="V327" i="1"/>
  <c r="U327" i="1"/>
  <c r="T327" i="1"/>
  <c r="S327" i="1"/>
  <c r="P329" i="1"/>
  <c r="R329" i="1" s="1"/>
  <c r="B362" i="2" l="1"/>
  <c r="N363" i="2"/>
  <c r="AG327" i="1"/>
  <c r="AC327" i="1"/>
  <c r="AE327" i="1"/>
  <c r="AF327" i="1"/>
  <c r="AD327" i="1"/>
  <c r="W328" i="1"/>
  <c r="AB328" i="1"/>
  <c r="AA328" i="1"/>
  <c r="T328" i="1"/>
  <c r="V328" i="1"/>
  <c r="X328" i="1"/>
  <c r="Z328" i="1"/>
  <c r="U328" i="1"/>
  <c r="Y328" i="1"/>
  <c r="S328" i="1"/>
  <c r="P330" i="1"/>
  <c r="R330" i="1" s="1"/>
  <c r="B363" i="2" l="1"/>
  <c r="N364" i="2"/>
  <c r="AC328" i="1"/>
  <c r="W329" i="1"/>
  <c r="AB329" i="1"/>
  <c r="AE328" i="1"/>
  <c r="AD328" i="1"/>
  <c r="AG328" i="1"/>
  <c r="AF328" i="1"/>
  <c r="AA329" i="1"/>
  <c r="Y329" i="1"/>
  <c r="Z329" i="1"/>
  <c r="V329" i="1"/>
  <c r="X329" i="1"/>
  <c r="T329" i="1"/>
  <c r="U329" i="1"/>
  <c r="S329" i="1"/>
  <c r="P331" i="1"/>
  <c r="R331" i="1" s="1"/>
  <c r="B364" i="2" l="1"/>
  <c r="N365" i="2"/>
  <c r="W330" i="1"/>
  <c r="AB330" i="1"/>
  <c r="AA330" i="1"/>
  <c r="Z330" i="1"/>
  <c r="V330" i="1"/>
  <c r="X330" i="1"/>
  <c r="U330" i="1"/>
  <c r="T330" i="1"/>
  <c r="S330" i="1"/>
  <c r="Y330" i="1"/>
  <c r="P332" i="1"/>
  <c r="R332" i="1" s="1"/>
  <c r="B365" i="2" l="1"/>
  <c r="N366" i="2"/>
  <c r="W331" i="1"/>
  <c r="AB331" i="1"/>
  <c r="Z331" i="1"/>
  <c r="AA331" i="1"/>
  <c r="Y331" i="1"/>
  <c r="V331" i="1"/>
  <c r="X331" i="1"/>
  <c r="S331" i="1"/>
  <c r="T331" i="1"/>
  <c r="U331" i="1"/>
  <c r="P333" i="1"/>
  <c r="R333" i="1" s="1"/>
  <c r="B366" i="2" l="1"/>
  <c r="N367" i="2"/>
  <c r="AE331" i="1"/>
  <c r="AG331" i="1"/>
  <c r="AF331" i="1"/>
  <c r="AD331" i="1"/>
  <c r="AC331" i="1"/>
  <c r="W332" i="1"/>
  <c r="AB332" i="1"/>
  <c r="Z332" i="1"/>
  <c r="AA332" i="1"/>
  <c r="V332" i="1"/>
  <c r="X332" i="1"/>
  <c r="T332" i="1"/>
  <c r="U332" i="1"/>
  <c r="S332" i="1"/>
  <c r="Y332" i="1"/>
  <c r="P334" i="1"/>
  <c r="R334" i="1" s="1"/>
  <c r="B367" i="2" l="1"/>
  <c r="N368" i="2"/>
  <c r="AG332" i="1"/>
  <c r="AE332" i="1"/>
  <c r="AF332" i="1"/>
  <c r="AC332" i="1"/>
  <c r="AB333" i="1"/>
  <c r="W333" i="1"/>
  <c r="AD332" i="1"/>
  <c r="AA333" i="1"/>
  <c r="U333" i="1"/>
  <c r="X333" i="1"/>
  <c r="S333" i="1"/>
  <c r="Z333" i="1"/>
  <c r="V333" i="1"/>
  <c r="Y333" i="1"/>
  <c r="T333" i="1"/>
  <c r="P335" i="1"/>
  <c r="R335" i="1" s="1"/>
  <c r="B368" i="2" l="1"/>
  <c r="N369" i="2"/>
  <c r="AF333" i="1"/>
  <c r="AD333" i="1"/>
  <c r="W334" i="1"/>
  <c r="AB334" i="1"/>
  <c r="AC333" i="1"/>
  <c r="AE333" i="1"/>
  <c r="AG333" i="1"/>
  <c r="Y334" i="1"/>
  <c r="V334" i="1"/>
  <c r="X334" i="1"/>
  <c r="U334" i="1"/>
  <c r="Z334" i="1"/>
  <c r="AA334" i="1"/>
  <c r="T334" i="1"/>
  <c r="S334" i="1"/>
  <c r="P336" i="1"/>
  <c r="R336" i="1" s="1"/>
  <c r="B369" i="2" l="1"/>
  <c r="N370" i="2"/>
  <c r="AG334" i="1"/>
  <c r="AD334" i="1"/>
  <c r="AC334" i="1"/>
  <c r="AB335" i="1"/>
  <c r="W335" i="1"/>
  <c r="AE334" i="1"/>
  <c r="AF334" i="1"/>
  <c r="AA335" i="1"/>
  <c r="X335" i="1"/>
  <c r="T335" i="1"/>
  <c r="V335" i="1"/>
  <c r="U335" i="1"/>
  <c r="Y335" i="1"/>
  <c r="S335" i="1"/>
  <c r="Z335" i="1"/>
  <c r="P337" i="1"/>
  <c r="R337" i="1" s="1"/>
  <c r="B370" i="2" l="1"/>
  <c r="N371" i="2"/>
  <c r="AF335" i="1"/>
  <c r="AG335" i="1"/>
  <c r="AC335" i="1"/>
  <c r="AB336" i="1"/>
  <c r="W336" i="1"/>
  <c r="AE335" i="1"/>
  <c r="AD335" i="1"/>
  <c r="AA336" i="1"/>
  <c r="X336" i="1"/>
  <c r="Z336" i="1"/>
  <c r="Y336" i="1"/>
  <c r="V336" i="1"/>
  <c r="U336" i="1"/>
  <c r="S336" i="1"/>
  <c r="T336" i="1"/>
  <c r="P338" i="1"/>
  <c r="R338" i="1" s="1"/>
  <c r="B371" i="2" l="1"/>
  <c r="N372" i="2"/>
  <c r="AB337" i="1"/>
  <c r="W337" i="1"/>
  <c r="Z337" i="1"/>
  <c r="AA337" i="1"/>
  <c r="Y337" i="1"/>
  <c r="X337" i="1"/>
  <c r="T337" i="1"/>
  <c r="V337" i="1"/>
  <c r="S337" i="1"/>
  <c r="U337" i="1"/>
  <c r="P339" i="1"/>
  <c r="R339" i="1" s="1"/>
  <c r="B372" i="2" l="1"/>
  <c r="N373" i="2"/>
  <c r="AB338" i="1"/>
  <c r="W338" i="1"/>
  <c r="Z338" i="1"/>
  <c r="X338" i="1"/>
  <c r="V338" i="1"/>
  <c r="AA338" i="1"/>
  <c r="Y338" i="1"/>
  <c r="T338" i="1"/>
  <c r="S338" i="1"/>
  <c r="U338" i="1"/>
  <c r="P340" i="1"/>
  <c r="R340" i="1" s="1"/>
  <c r="B373" i="2" l="1"/>
  <c r="N374" i="2"/>
  <c r="AG338" i="1"/>
  <c r="AC338" i="1"/>
  <c r="AE338" i="1"/>
  <c r="AB339" i="1"/>
  <c r="W339" i="1"/>
  <c r="AD338" i="1"/>
  <c r="AF338" i="1"/>
  <c r="Z339" i="1"/>
  <c r="X339" i="1"/>
  <c r="AA339" i="1"/>
  <c r="Y339" i="1"/>
  <c r="T339" i="1"/>
  <c r="V339" i="1"/>
  <c r="S339" i="1"/>
  <c r="U339" i="1"/>
  <c r="P341" i="1"/>
  <c r="R341" i="1" s="1"/>
  <c r="B374" i="2" l="1"/>
  <c r="AG339" i="1"/>
  <c r="N375" i="2"/>
  <c r="AE339" i="1"/>
  <c r="AF339" i="1"/>
  <c r="AC339" i="1"/>
  <c r="AD339" i="1"/>
  <c r="AB340" i="1"/>
  <c r="W340" i="1"/>
  <c r="Y340" i="1"/>
  <c r="Z340" i="1"/>
  <c r="X340" i="1"/>
  <c r="AA340" i="1"/>
  <c r="T340" i="1"/>
  <c r="V340" i="1"/>
  <c r="U340" i="1"/>
  <c r="S340" i="1"/>
  <c r="P342" i="1"/>
  <c r="R342" i="1" s="1"/>
  <c r="B375" i="2" l="1"/>
  <c r="N376" i="2"/>
  <c r="AD340" i="1"/>
  <c r="AF340" i="1"/>
  <c r="AG340" i="1"/>
  <c r="AE340" i="1"/>
  <c r="AC340" i="1"/>
  <c r="AB341" i="1"/>
  <c r="W341" i="1"/>
  <c r="AA341" i="1"/>
  <c r="Y341" i="1"/>
  <c r="X341" i="1"/>
  <c r="T341" i="1"/>
  <c r="Z341" i="1"/>
  <c r="S341" i="1"/>
  <c r="V341" i="1"/>
  <c r="U341" i="1"/>
  <c r="P343" i="1"/>
  <c r="R343" i="1" s="1"/>
  <c r="B376" i="2" l="1"/>
  <c r="N377" i="2"/>
  <c r="AG341" i="1"/>
  <c r="AF341" i="1"/>
  <c r="AD341" i="1"/>
  <c r="AE341" i="1"/>
  <c r="AC341" i="1"/>
  <c r="AB342" i="1"/>
  <c r="W342" i="1"/>
  <c r="Y342" i="1"/>
  <c r="Z342" i="1"/>
  <c r="AA342" i="1"/>
  <c r="U342" i="1"/>
  <c r="X342" i="1"/>
  <c r="T342" i="1"/>
  <c r="V342" i="1"/>
  <c r="S342" i="1"/>
  <c r="P344" i="1"/>
  <c r="R344" i="1" s="1"/>
  <c r="B377" i="2" l="1"/>
  <c r="AC342" i="1"/>
  <c r="AG342" i="1"/>
  <c r="N378" i="2"/>
  <c r="AD342" i="1"/>
  <c r="AE342" i="1"/>
  <c r="AF342" i="1"/>
  <c r="AB343" i="1"/>
  <c r="W343" i="1"/>
  <c r="Y343" i="1"/>
  <c r="X343" i="1"/>
  <c r="V343" i="1"/>
  <c r="U343" i="1"/>
  <c r="AA343" i="1"/>
  <c r="T343" i="1"/>
  <c r="Z343" i="1"/>
  <c r="S343" i="1"/>
  <c r="P345" i="1"/>
  <c r="R345" i="1" s="1"/>
  <c r="B378" i="2" l="1"/>
  <c r="N379" i="2"/>
  <c r="AB344" i="1"/>
  <c r="W344" i="1"/>
  <c r="Z344" i="1"/>
  <c r="AA344" i="1"/>
  <c r="Y344" i="1"/>
  <c r="X344" i="1"/>
  <c r="U344" i="1"/>
  <c r="T344" i="1"/>
  <c r="V344" i="1"/>
  <c r="S344" i="1"/>
  <c r="P346" i="1"/>
  <c r="R346" i="1" s="1"/>
  <c r="B379" i="2" l="1"/>
  <c r="N380" i="2"/>
  <c r="W345" i="1"/>
  <c r="AB345" i="1"/>
  <c r="Z345" i="1"/>
  <c r="Y345" i="1"/>
  <c r="AA345" i="1"/>
  <c r="U345" i="1"/>
  <c r="X345" i="1"/>
  <c r="T345" i="1"/>
  <c r="S345" i="1"/>
  <c r="V345" i="1"/>
  <c r="P347" i="1"/>
  <c r="R347" i="1" s="1"/>
  <c r="B380" i="2" l="1"/>
  <c r="N381" i="2"/>
  <c r="AF345" i="1"/>
  <c r="AD345" i="1"/>
  <c r="AG345" i="1"/>
  <c r="AC345" i="1"/>
  <c r="AE345" i="1"/>
  <c r="W346" i="1"/>
  <c r="AB346" i="1"/>
  <c r="AA346" i="1"/>
  <c r="Y346" i="1"/>
  <c r="Z346" i="1"/>
  <c r="V346" i="1"/>
  <c r="U346" i="1"/>
  <c r="X346" i="1"/>
  <c r="T346" i="1"/>
  <c r="S346" i="1"/>
  <c r="P348" i="1"/>
  <c r="R348" i="1" s="1"/>
  <c r="B381" i="2" l="1"/>
  <c r="AC346" i="1"/>
  <c r="N382" i="2"/>
  <c r="AG346" i="1"/>
  <c r="AF346" i="1"/>
  <c r="AE346" i="1"/>
  <c r="AD346" i="1"/>
  <c r="W347" i="1"/>
  <c r="AB347" i="1"/>
  <c r="AA347" i="1"/>
  <c r="Z347" i="1"/>
  <c r="X347" i="1"/>
  <c r="T347" i="1"/>
  <c r="U347" i="1"/>
  <c r="V347" i="1"/>
  <c r="S347" i="1"/>
  <c r="Y347" i="1"/>
  <c r="P349" i="1"/>
  <c r="R349" i="1" s="1"/>
  <c r="B382" i="2" l="1"/>
  <c r="N383" i="2"/>
  <c r="AF347" i="1"/>
  <c r="AG347" i="1"/>
  <c r="AE347" i="1"/>
  <c r="AC347" i="1"/>
  <c r="W348" i="1"/>
  <c r="AB348" i="1"/>
  <c r="AD347" i="1"/>
  <c r="Y348" i="1"/>
  <c r="AA348" i="1"/>
  <c r="T348" i="1"/>
  <c r="V348" i="1"/>
  <c r="X348" i="1"/>
  <c r="U348" i="1"/>
  <c r="Z348" i="1"/>
  <c r="S348" i="1"/>
  <c r="P350" i="1"/>
  <c r="R350" i="1" s="1"/>
  <c r="B383" i="2" l="1"/>
  <c r="N384" i="2"/>
  <c r="AD348" i="1"/>
  <c r="AG348" i="1"/>
  <c r="AF348" i="1"/>
  <c r="AC348" i="1"/>
  <c r="W349" i="1"/>
  <c r="AB349" i="1"/>
  <c r="AE348" i="1"/>
  <c r="AA349" i="1"/>
  <c r="Z349" i="1"/>
  <c r="V349" i="1"/>
  <c r="Y349" i="1"/>
  <c r="X349" i="1"/>
  <c r="U349" i="1"/>
  <c r="S349" i="1"/>
  <c r="T349" i="1"/>
  <c r="P351" i="1"/>
  <c r="R351" i="1" s="1"/>
  <c r="B384" i="2" l="1"/>
  <c r="N385" i="2"/>
  <c r="AF349" i="1"/>
  <c r="AC349" i="1"/>
  <c r="AE349" i="1"/>
  <c r="AD349" i="1"/>
  <c r="W350" i="1"/>
  <c r="AB350" i="1"/>
  <c r="AG349" i="1"/>
  <c r="AA350" i="1"/>
  <c r="Z350" i="1"/>
  <c r="X350" i="1"/>
  <c r="V350" i="1"/>
  <c r="Y350" i="1"/>
  <c r="S350" i="1"/>
  <c r="T350" i="1"/>
  <c r="U350" i="1"/>
  <c r="P352" i="1"/>
  <c r="R352" i="1" s="1"/>
  <c r="B385" i="2" l="1"/>
  <c r="N386" i="2"/>
  <c r="W351" i="1"/>
  <c r="AB351" i="1"/>
  <c r="Y351" i="1"/>
  <c r="Z351" i="1"/>
  <c r="V351" i="1"/>
  <c r="AA351" i="1"/>
  <c r="U351" i="1"/>
  <c r="T351" i="1"/>
  <c r="X351" i="1"/>
  <c r="S351" i="1"/>
  <c r="P353" i="1"/>
  <c r="R353" i="1" s="1"/>
  <c r="B386" i="2" l="1"/>
  <c r="N387" i="2"/>
  <c r="W352" i="1"/>
  <c r="AB352" i="1"/>
  <c r="X352" i="1"/>
  <c r="Z352" i="1"/>
  <c r="V352" i="1"/>
  <c r="AA352" i="1"/>
  <c r="Y352" i="1"/>
  <c r="S352" i="1"/>
  <c r="U352" i="1"/>
  <c r="T352" i="1"/>
  <c r="P354" i="1"/>
  <c r="R354" i="1" s="1"/>
  <c r="B387" i="2" l="1"/>
  <c r="N388" i="2"/>
  <c r="AE352" i="1"/>
  <c r="AC352" i="1"/>
  <c r="AD352" i="1"/>
  <c r="AB353" i="1"/>
  <c r="W353" i="1"/>
  <c r="AF352" i="1"/>
  <c r="AG352" i="1"/>
  <c r="AA353" i="1"/>
  <c r="U353" i="1"/>
  <c r="X353" i="1"/>
  <c r="Z353" i="1"/>
  <c r="S353" i="1"/>
  <c r="Y353" i="1"/>
  <c r="V353" i="1"/>
  <c r="T353" i="1"/>
  <c r="P355" i="1"/>
  <c r="R355" i="1" s="1"/>
  <c r="B388" i="2" l="1"/>
  <c r="AG353" i="1"/>
  <c r="N389" i="2"/>
  <c r="AD353" i="1"/>
  <c r="AF353" i="1"/>
  <c r="AC353" i="1"/>
  <c r="W354" i="1"/>
  <c r="AB354" i="1"/>
  <c r="AE353" i="1"/>
  <c r="AA354" i="1"/>
  <c r="Y354" i="1"/>
  <c r="X354" i="1"/>
  <c r="Z354" i="1"/>
  <c r="V354" i="1"/>
  <c r="T354" i="1"/>
  <c r="U354" i="1"/>
  <c r="S354" i="1"/>
  <c r="P356" i="1"/>
  <c r="R356" i="1" s="1"/>
  <c r="B389" i="2" l="1"/>
  <c r="N390" i="2"/>
  <c r="AF354" i="1"/>
  <c r="AG354" i="1"/>
  <c r="AD354" i="1"/>
  <c r="AE354" i="1"/>
  <c r="AC354" i="1"/>
  <c r="W355" i="1"/>
  <c r="AB355" i="1"/>
  <c r="AA355" i="1"/>
  <c r="Z355" i="1"/>
  <c r="X355" i="1"/>
  <c r="U355" i="1"/>
  <c r="Y355" i="1"/>
  <c r="T355" i="1"/>
  <c r="S355" i="1"/>
  <c r="V355" i="1"/>
  <c r="P357" i="1"/>
  <c r="R357" i="1" s="1"/>
  <c r="B390" i="2" l="1"/>
  <c r="N391" i="2"/>
  <c r="AC355" i="1"/>
  <c r="AF355" i="1"/>
  <c r="AE355" i="1"/>
  <c r="AD355" i="1"/>
  <c r="W356" i="1"/>
  <c r="AB356" i="1"/>
  <c r="AG355" i="1"/>
  <c r="AA356" i="1"/>
  <c r="X356" i="1"/>
  <c r="Z356" i="1"/>
  <c r="T356" i="1"/>
  <c r="Y356" i="1"/>
  <c r="S356" i="1"/>
  <c r="U356" i="1"/>
  <c r="V356" i="1"/>
  <c r="P358" i="1"/>
  <c r="R358" i="1" s="1"/>
  <c r="B391" i="2" l="1"/>
  <c r="N392" i="2"/>
  <c r="AG356" i="1"/>
  <c r="AC356" i="1"/>
  <c r="AF356" i="1"/>
  <c r="AE356" i="1"/>
  <c r="AB357" i="1"/>
  <c r="W357" i="1"/>
  <c r="AD356" i="1"/>
  <c r="Z357" i="1"/>
  <c r="X357" i="1"/>
  <c r="Y357" i="1"/>
  <c r="S357" i="1"/>
  <c r="U357" i="1"/>
  <c r="T357" i="1"/>
  <c r="V357" i="1"/>
  <c r="AA357" i="1"/>
  <c r="P359" i="1"/>
  <c r="R359" i="1" s="1"/>
  <c r="B392" i="2" l="1"/>
  <c r="N393" i="2"/>
  <c r="AB358" i="1"/>
  <c r="W358" i="1"/>
  <c r="X358" i="1"/>
  <c r="AA358" i="1"/>
  <c r="Z358" i="1"/>
  <c r="V358" i="1"/>
  <c r="T358" i="1"/>
  <c r="Y358" i="1"/>
  <c r="S358" i="1"/>
  <c r="U358" i="1"/>
  <c r="P360" i="1"/>
  <c r="R360" i="1" s="1"/>
  <c r="B393" i="2" l="1"/>
  <c r="N394" i="2"/>
  <c r="AB359" i="1"/>
  <c r="W359" i="1"/>
  <c r="X359" i="1"/>
  <c r="AA359" i="1"/>
  <c r="Y359" i="1"/>
  <c r="T359" i="1"/>
  <c r="V359" i="1"/>
  <c r="U359" i="1"/>
  <c r="Z359" i="1"/>
  <c r="S359" i="1"/>
  <c r="P361" i="1"/>
  <c r="R361" i="1" s="1"/>
  <c r="B394" i="2" l="1"/>
  <c r="AG359" i="1"/>
  <c r="N395" i="2"/>
  <c r="AC359" i="1"/>
  <c r="AD359" i="1"/>
  <c r="AF359" i="1"/>
  <c r="AB360" i="1"/>
  <c r="W360" i="1"/>
  <c r="AE359" i="1"/>
  <c r="Y360" i="1"/>
  <c r="Z360" i="1"/>
  <c r="T360" i="1"/>
  <c r="X360" i="1"/>
  <c r="V360" i="1"/>
  <c r="S360" i="1"/>
  <c r="U360" i="1"/>
  <c r="AA360" i="1"/>
  <c r="P362" i="1"/>
  <c r="R362" i="1" s="1"/>
  <c r="B395" i="2" l="1"/>
  <c r="N396" i="2"/>
  <c r="AD360" i="1"/>
  <c r="AG360" i="1"/>
  <c r="AE360" i="1"/>
  <c r="AC360" i="1"/>
  <c r="AB361" i="1"/>
  <c r="W361" i="1"/>
  <c r="AF360" i="1"/>
  <c r="Z361" i="1"/>
  <c r="AA361" i="1"/>
  <c r="X361" i="1"/>
  <c r="V361" i="1"/>
  <c r="T361" i="1"/>
  <c r="Y361" i="1"/>
  <c r="U361" i="1"/>
  <c r="S361" i="1"/>
  <c r="P363" i="1"/>
  <c r="R363" i="1" s="1"/>
  <c r="B396" i="2" l="1"/>
  <c r="N397" i="2"/>
  <c r="AC361" i="1"/>
  <c r="AF361" i="1"/>
  <c r="AG361" i="1"/>
  <c r="AE361" i="1"/>
  <c r="AB362" i="1"/>
  <c r="W362" i="1"/>
  <c r="AD361" i="1"/>
  <c r="Z362" i="1"/>
  <c r="AA362" i="1"/>
  <c r="X362" i="1"/>
  <c r="V362" i="1"/>
  <c r="T362" i="1"/>
  <c r="Y362" i="1"/>
  <c r="S362" i="1"/>
  <c r="U362" i="1"/>
  <c r="P364" i="1"/>
  <c r="R364" i="1" s="1"/>
  <c r="B397" i="2" l="1"/>
  <c r="N398" i="2"/>
  <c r="AG362" i="1"/>
  <c r="AE362" i="1"/>
  <c r="AF362" i="1"/>
  <c r="AC362" i="1"/>
  <c r="AB363" i="1"/>
  <c r="W363" i="1"/>
  <c r="AD362" i="1"/>
  <c r="Z363" i="1"/>
  <c r="AA363" i="1"/>
  <c r="Y363" i="1"/>
  <c r="U363" i="1"/>
  <c r="V363" i="1"/>
  <c r="T363" i="1"/>
  <c r="S363" i="1"/>
  <c r="X363" i="1"/>
  <c r="P365" i="1"/>
  <c r="R365" i="1" s="1"/>
  <c r="B398" i="2" l="1"/>
  <c r="N399" i="2"/>
  <c r="AD363" i="1"/>
  <c r="AE363" i="1"/>
  <c r="AF363" i="1"/>
  <c r="AB364" i="1"/>
  <c r="W364" i="1"/>
  <c r="AG363" i="1"/>
  <c r="AC363" i="1"/>
  <c r="Z364" i="1"/>
  <c r="Y364" i="1"/>
  <c r="X364" i="1"/>
  <c r="AA364" i="1"/>
  <c r="U364" i="1"/>
  <c r="V364" i="1"/>
  <c r="T364" i="1"/>
  <c r="S364" i="1"/>
  <c r="P366" i="1"/>
  <c r="R366" i="1" s="1"/>
  <c r="B399" i="2" l="1"/>
  <c r="N400" i="2"/>
  <c r="W365" i="1"/>
  <c r="AB365" i="1"/>
  <c r="Z365" i="1"/>
  <c r="Y365" i="1"/>
  <c r="AA365" i="1"/>
  <c r="U365" i="1"/>
  <c r="V365" i="1"/>
  <c r="T365" i="1"/>
  <c r="S365" i="1"/>
  <c r="X365" i="1"/>
  <c r="P367" i="1"/>
  <c r="R367" i="1" s="1"/>
  <c r="B400" i="2" l="1"/>
  <c r="N401" i="2"/>
  <c r="W366" i="1"/>
  <c r="AB366" i="1"/>
  <c r="Y366" i="1"/>
  <c r="X366" i="1"/>
  <c r="Z366" i="1"/>
  <c r="AA366" i="1"/>
  <c r="U366" i="1"/>
  <c r="V366" i="1"/>
  <c r="T366" i="1"/>
  <c r="S366" i="1"/>
  <c r="B401" i="2" l="1"/>
  <c r="N402" i="2"/>
  <c r="AG366" i="1"/>
  <c r="AE366" i="1"/>
  <c r="AD366" i="1"/>
  <c r="AF366" i="1"/>
  <c r="W367" i="1"/>
  <c r="AB367" i="1"/>
  <c r="AC366" i="1"/>
  <c r="Y367" i="1"/>
  <c r="Z367" i="1"/>
  <c r="X367" i="1"/>
  <c r="AA367" i="1"/>
  <c r="AG367" i="1"/>
  <c r="U367" i="1"/>
  <c r="V367" i="1"/>
  <c r="T367" i="1"/>
  <c r="S367" i="1"/>
  <c r="B402" i="2" l="1"/>
  <c r="N403" i="2"/>
  <c r="AE367" i="1"/>
  <c r="AD367" i="1"/>
  <c r="AF367" i="1"/>
  <c r="AC367" i="1"/>
  <c r="B403" i="2" l="1"/>
  <c r="N404" i="2"/>
  <c r="B404" i="2" l="1"/>
  <c r="N405" i="2"/>
  <c r="B405" i="2" l="1"/>
  <c r="N406" i="2"/>
  <c r="B406" i="2" l="1"/>
  <c r="N407" i="2"/>
  <c r="B407" i="2" l="1"/>
  <c r="N408" i="2"/>
  <c r="B408" i="2" l="1"/>
  <c r="N409" i="2"/>
  <c r="B409" i="2" l="1"/>
  <c r="N410" i="2"/>
  <c r="B410" i="2" l="1"/>
  <c r="N411" i="2"/>
  <c r="B411" i="2" l="1"/>
  <c r="N412" i="2"/>
  <c r="B412" i="2" l="1"/>
  <c r="N413" i="2"/>
  <c r="B413" i="2" l="1"/>
  <c r="N414" i="2"/>
  <c r="B414" i="2" l="1"/>
  <c r="N415" i="2"/>
  <c r="B415" i="2" l="1"/>
  <c r="N416" i="2"/>
  <c r="B416" i="2" l="1"/>
  <c r="N417" i="2"/>
  <c r="B417" i="2" l="1"/>
  <c r="N418" i="2"/>
  <c r="B418" i="2" l="1"/>
  <c r="N419" i="2"/>
  <c r="B419" i="2" l="1"/>
  <c r="N420" i="2"/>
  <c r="B420" i="2" l="1"/>
  <c r="N421" i="2"/>
  <c r="B421" i="2" l="1"/>
  <c r="N422" i="2"/>
  <c r="B422" i="2" l="1"/>
  <c r="N423" i="2"/>
  <c r="B423" i="2" l="1"/>
  <c r="N424" i="2"/>
  <c r="B424" i="2" l="1"/>
  <c r="N425" i="2"/>
  <c r="B425" i="2" l="1"/>
  <c r="N426" i="2"/>
  <c r="B426" i="2" l="1"/>
  <c r="N427" i="2"/>
  <c r="B427" i="2" l="1"/>
  <c r="N428" i="2"/>
  <c r="B428" i="2" l="1"/>
  <c r="N429" i="2"/>
  <c r="B429" i="2" l="1"/>
  <c r="N430" i="2"/>
  <c r="B430" i="2" l="1"/>
  <c r="N431" i="2"/>
  <c r="B431" i="2" l="1"/>
  <c r="N432" i="2"/>
  <c r="B432" i="2" l="1"/>
  <c r="N433" i="2"/>
  <c r="B433" i="2" l="1"/>
  <c r="N434" i="2"/>
  <c r="B434" i="2" l="1"/>
  <c r="N435" i="2"/>
  <c r="B435" i="2" l="1"/>
  <c r="N436" i="2"/>
  <c r="B436" i="2" l="1"/>
  <c r="N437" i="2"/>
  <c r="B437" i="2" l="1"/>
  <c r="N438" i="2"/>
  <c r="B438" i="2" l="1"/>
  <c r="N439" i="2"/>
  <c r="B439" i="2" l="1"/>
  <c r="N440" i="2"/>
  <c r="B440" i="2" l="1"/>
  <c r="N441" i="2"/>
  <c r="B441" i="2" l="1"/>
  <c r="N442" i="2"/>
  <c r="B442" i="2" l="1"/>
  <c r="N443" i="2"/>
  <c r="B443" i="2" l="1"/>
  <c r="N444" i="2"/>
  <c r="B444" i="2" l="1"/>
  <c r="N445" i="2"/>
  <c r="B445" i="2" l="1"/>
  <c r="N446" i="2"/>
  <c r="B446" i="2" l="1"/>
  <c r="N447" i="2"/>
  <c r="B447" i="2" l="1"/>
  <c r="N448" i="2"/>
  <c r="B448" i="2" l="1"/>
  <c r="N449" i="2"/>
  <c r="B449" i="2" l="1"/>
  <c r="N450" i="2"/>
  <c r="B450" i="2" l="1"/>
  <c r="N451" i="2"/>
  <c r="B451" i="2" l="1"/>
  <c r="N452" i="2"/>
  <c r="B452" i="2" l="1"/>
  <c r="N453" i="2"/>
  <c r="B453" i="2" l="1"/>
  <c r="N454" i="2"/>
  <c r="B454" i="2" l="1"/>
  <c r="N455" i="2"/>
  <c r="B455" i="2" l="1"/>
  <c r="N456" i="2"/>
  <c r="B456" i="2" l="1"/>
  <c r="N457" i="2"/>
  <c r="B457" i="2" l="1"/>
  <c r="N458" i="2"/>
  <c r="B458" i="2" l="1"/>
  <c r="N459" i="2"/>
  <c r="B459" i="2" l="1"/>
  <c r="N460" i="2"/>
  <c r="B460" i="2" l="1"/>
  <c r="N461" i="2"/>
  <c r="B461" i="2" l="1"/>
  <c r="N462" i="2"/>
  <c r="B462" i="2" l="1"/>
  <c r="N463" i="2"/>
  <c r="B463" i="2" l="1"/>
  <c r="N464" i="2"/>
  <c r="B464" i="2" l="1"/>
  <c r="N465" i="2"/>
  <c r="B465" i="2" l="1"/>
  <c r="N466" i="2"/>
  <c r="B466" i="2" l="1"/>
  <c r="N467" i="2"/>
  <c r="B467" i="2" l="1"/>
  <c r="N468" i="2"/>
  <c r="B468" i="2" l="1"/>
  <c r="N469" i="2"/>
  <c r="B469" i="2" l="1"/>
  <c r="N470" i="2"/>
  <c r="B470" i="2" l="1"/>
  <c r="N471" i="2"/>
  <c r="B471" i="2" l="1"/>
  <c r="N472" i="2"/>
  <c r="B472" i="2" l="1"/>
  <c r="N473" i="2"/>
  <c r="B473" i="2" l="1"/>
  <c r="N474" i="2"/>
  <c r="B474" i="2" l="1"/>
  <c r="N475" i="2"/>
  <c r="B475" i="2" l="1"/>
  <c r="N476" i="2"/>
  <c r="B476" i="2" l="1"/>
  <c r="N477" i="2"/>
  <c r="B477" i="2" l="1"/>
  <c r="N478" i="2"/>
  <c r="B478" i="2" l="1"/>
  <c r="N479" i="2"/>
  <c r="B479" i="2" l="1"/>
  <c r="N480" i="2"/>
  <c r="B480" i="2" l="1"/>
  <c r="N481" i="2"/>
  <c r="B481" i="2" l="1"/>
  <c r="N482" i="2"/>
  <c r="B482" i="2" l="1"/>
  <c r="N483" i="2"/>
  <c r="B483" i="2" l="1"/>
  <c r="N484" i="2"/>
  <c r="B484" i="2" l="1"/>
  <c r="N485" i="2"/>
  <c r="B485" i="2" l="1"/>
  <c r="N486" i="2"/>
  <c r="B486" i="2" l="1"/>
  <c r="N487" i="2"/>
  <c r="B487" i="2" l="1"/>
  <c r="N488" i="2"/>
  <c r="B488" i="2" l="1"/>
  <c r="N489" i="2"/>
  <c r="B489" i="2" l="1"/>
  <c r="N490" i="2"/>
  <c r="B490" i="2" l="1"/>
  <c r="N491" i="2"/>
  <c r="B491" i="2" l="1"/>
  <c r="N492" i="2"/>
  <c r="B492" i="2" l="1"/>
  <c r="N493" i="2"/>
  <c r="B493" i="2" l="1"/>
  <c r="N494" i="2"/>
  <c r="B494" i="2" l="1"/>
  <c r="N495" i="2"/>
  <c r="B495" i="2" l="1"/>
  <c r="N496" i="2"/>
  <c r="B496" i="2" l="1"/>
  <c r="N497" i="2"/>
  <c r="B497" i="2" l="1"/>
  <c r="N498" i="2"/>
  <c r="B498" i="2" l="1"/>
  <c r="N499" i="2"/>
  <c r="B499" i="2" l="1"/>
  <c r="N500" i="2"/>
  <c r="B500" i="2" l="1"/>
  <c r="N501" i="2"/>
  <c r="B501" i="2" l="1"/>
  <c r="N502" i="2"/>
  <c r="B502" i="2" l="1"/>
  <c r="N503" i="2"/>
  <c r="B503" i="2" l="1"/>
  <c r="N504" i="2"/>
  <c r="B504" i="2" l="1"/>
  <c r="N505" i="2"/>
  <c r="B505" i="2" l="1"/>
  <c r="N506" i="2"/>
  <c r="B506" i="2" l="1"/>
  <c r="N507" i="2"/>
  <c r="B507" i="2" l="1"/>
  <c r="N508" i="2"/>
  <c r="B508" i="2" l="1"/>
  <c r="N509" i="2"/>
  <c r="B509" i="2" l="1"/>
  <c r="N510" i="2"/>
  <c r="B510" i="2" l="1"/>
  <c r="N511" i="2"/>
  <c r="B511" i="2" l="1"/>
  <c r="N512" i="2"/>
  <c r="B512" i="2" l="1"/>
  <c r="N513" i="2"/>
  <c r="B513" i="2" l="1"/>
  <c r="N514" i="2"/>
  <c r="B514" i="2" l="1"/>
  <c r="N515" i="2"/>
  <c r="B515" i="2" l="1"/>
  <c r="N516" i="2"/>
  <c r="B516" i="2" l="1"/>
  <c r="N517" i="2"/>
  <c r="B517" i="2" l="1"/>
  <c r="N518" i="2"/>
  <c r="B518" i="2" l="1"/>
  <c r="N519" i="2"/>
  <c r="B519" i="2" l="1"/>
  <c r="N520" i="2"/>
  <c r="B520" i="2" l="1"/>
  <c r="N521" i="2"/>
  <c r="B521" i="2" l="1"/>
  <c r="N522" i="2"/>
  <c r="B522" i="2" l="1"/>
  <c r="N523" i="2"/>
  <c r="B523" i="2" l="1"/>
  <c r="N524" i="2"/>
  <c r="B524" i="2" l="1"/>
  <c r="N525" i="2"/>
  <c r="B525" i="2" l="1"/>
  <c r="N526" i="2"/>
  <c r="B526" i="2" l="1"/>
  <c r="N527" i="2"/>
  <c r="B527" i="2" l="1"/>
  <c r="N528" i="2"/>
  <c r="B528" i="2" l="1"/>
  <c r="N529" i="2"/>
  <c r="B529" i="2" l="1"/>
  <c r="N530" i="2"/>
  <c r="B530" i="2" l="1"/>
  <c r="N531" i="2"/>
  <c r="B531" i="2" l="1"/>
  <c r="N532" i="2"/>
  <c r="B532" i="2" l="1"/>
  <c r="N533" i="2"/>
  <c r="B533" i="2" l="1"/>
  <c r="N534" i="2"/>
  <c r="B534" i="2" l="1"/>
  <c r="N535" i="2"/>
  <c r="B535" i="2" l="1"/>
  <c r="N536" i="2"/>
  <c r="B536" i="2" l="1"/>
  <c r="N537" i="2"/>
  <c r="B537" i="2" l="1"/>
  <c r="N538" i="2"/>
  <c r="B538" i="2" l="1"/>
  <c r="N539" i="2"/>
  <c r="B539" i="2" l="1"/>
  <c r="N540" i="2"/>
  <c r="B540" i="2" l="1"/>
  <c r="N541" i="2"/>
  <c r="B541" i="2" l="1"/>
  <c r="N542" i="2"/>
  <c r="B542" i="2" l="1"/>
  <c r="N543" i="2"/>
  <c r="B543" i="2" l="1"/>
  <c r="N544" i="2"/>
  <c r="B544" i="2" l="1"/>
  <c r="N545" i="2"/>
  <c r="B545" i="2" l="1"/>
  <c r="N546" i="2"/>
  <c r="B546" i="2" l="1"/>
  <c r="N547" i="2"/>
  <c r="B547" i="2" l="1"/>
  <c r="N548" i="2"/>
  <c r="B548" i="2" l="1"/>
  <c r="N549" i="2"/>
  <c r="B549" i="2" l="1"/>
  <c r="N550" i="2"/>
  <c r="B550" i="2" l="1"/>
  <c r="N551" i="2"/>
  <c r="B551" i="2" l="1"/>
  <c r="N552" i="2"/>
  <c r="B552" i="2" l="1"/>
  <c r="N553" i="2"/>
  <c r="B553" i="2" l="1"/>
  <c r="N554" i="2"/>
  <c r="B554" i="2" l="1"/>
  <c r="N555" i="2"/>
  <c r="B555" i="2" l="1"/>
  <c r="N556" i="2"/>
  <c r="B556" i="2" l="1"/>
  <c r="N557" i="2"/>
  <c r="B557" i="2" l="1"/>
  <c r="N558" i="2"/>
  <c r="B558" i="2" l="1"/>
  <c r="N559" i="2"/>
  <c r="B559" i="2" l="1"/>
  <c r="N560" i="2"/>
  <c r="B560" i="2" l="1"/>
  <c r="N561" i="2"/>
  <c r="B561" i="2" l="1"/>
  <c r="N562" i="2"/>
  <c r="B562" i="2" l="1"/>
  <c r="N563" i="2"/>
  <c r="B563" i="2" l="1"/>
  <c r="N564" i="2"/>
  <c r="B564" i="2" l="1"/>
  <c r="N565" i="2"/>
  <c r="B565" i="2" l="1"/>
  <c r="N566" i="2"/>
  <c r="B566" i="2" l="1"/>
  <c r="N567" i="2"/>
  <c r="B567" i="2" l="1"/>
  <c r="N568" i="2"/>
  <c r="B568" i="2" l="1"/>
  <c r="N569" i="2"/>
  <c r="B569" i="2" l="1"/>
  <c r="N570" i="2"/>
  <c r="B570" i="2" l="1"/>
  <c r="N571" i="2"/>
  <c r="B571" i="2" l="1"/>
  <c r="N572" i="2"/>
  <c r="B572" i="2" l="1"/>
  <c r="N573" i="2"/>
  <c r="B573" i="2" l="1"/>
  <c r="N574" i="2"/>
  <c r="B574" i="2" l="1"/>
  <c r="N575" i="2"/>
  <c r="B575" i="2" l="1"/>
  <c r="N576" i="2"/>
  <c r="B576" i="2" l="1"/>
  <c r="N577" i="2"/>
  <c r="B577" i="2" l="1"/>
  <c r="N578" i="2"/>
  <c r="B578" i="2" l="1"/>
  <c r="N579" i="2"/>
  <c r="B579" i="2" l="1"/>
  <c r="N580" i="2"/>
  <c r="B580" i="2" l="1"/>
  <c r="N581" i="2"/>
  <c r="B581" i="2" l="1"/>
  <c r="N582" i="2"/>
  <c r="B582" i="2" l="1"/>
  <c r="N583" i="2"/>
  <c r="B583" i="2" l="1"/>
  <c r="N584" i="2"/>
  <c r="B584" i="2" l="1"/>
  <c r="N585" i="2"/>
  <c r="B585" i="2" l="1"/>
  <c r="N586" i="2"/>
  <c r="B586" i="2" l="1"/>
  <c r="N587" i="2"/>
  <c r="B587" i="2" l="1"/>
  <c r="N588" i="2"/>
  <c r="B588" i="2" l="1"/>
  <c r="N589" i="2"/>
  <c r="B589" i="2" l="1"/>
  <c r="N590" i="2"/>
  <c r="B590" i="2" l="1"/>
  <c r="N591" i="2"/>
  <c r="B591" i="2" l="1"/>
  <c r="N592" i="2"/>
  <c r="B592" i="2" l="1"/>
  <c r="N593" i="2"/>
  <c r="B593" i="2" l="1"/>
  <c r="N594" i="2"/>
  <c r="B594" i="2" l="1"/>
  <c r="N595" i="2"/>
  <c r="B595" i="2" l="1"/>
  <c r="N596" i="2"/>
  <c r="B596" i="2" l="1"/>
  <c r="N597" i="2"/>
  <c r="B597" i="2" l="1"/>
  <c r="N598" i="2"/>
  <c r="B598" i="2" l="1"/>
  <c r="N599" i="2"/>
  <c r="B599" i="2" l="1"/>
  <c r="N600" i="2"/>
  <c r="B600" i="2" l="1"/>
  <c r="N601" i="2"/>
  <c r="B601" i="2" l="1"/>
  <c r="N602" i="2"/>
  <c r="B602" i="2" l="1"/>
  <c r="N603" i="2"/>
  <c r="B603" i="2" l="1"/>
  <c r="N604" i="2"/>
  <c r="B604" i="2" l="1"/>
  <c r="N605" i="2"/>
  <c r="B605" i="2" l="1"/>
  <c r="N606" i="2"/>
  <c r="B606" i="2" l="1"/>
  <c r="N607" i="2"/>
  <c r="B607" i="2" l="1"/>
  <c r="N608" i="2"/>
  <c r="B608" i="2" l="1"/>
  <c r="N609" i="2"/>
  <c r="B609" i="2" l="1"/>
  <c r="N610" i="2"/>
  <c r="B610" i="2" l="1"/>
  <c r="N611" i="2"/>
  <c r="B611" i="2" l="1"/>
  <c r="N612" i="2"/>
  <c r="B612" i="2" l="1"/>
  <c r="N613" i="2"/>
  <c r="B613" i="2" l="1"/>
  <c r="N614" i="2"/>
  <c r="B614" i="2" l="1"/>
  <c r="N615" i="2"/>
  <c r="B615" i="2" l="1"/>
  <c r="N616" i="2"/>
  <c r="B616" i="2" l="1"/>
  <c r="N617" i="2"/>
  <c r="B617" i="2" l="1"/>
  <c r="N618" i="2"/>
  <c r="B618" i="2" l="1"/>
  <c r="N619" i="2"/>
  <c r="B619" i="2" l="1"/>
  <c r="N620" i="2"/>
  <c r="B620" i="2" l="1"/>
  <c r="N621" i="2"/>
  <c r="B621" i="2" l="1"/>
  <c r="N622" i="2"/>
  <c r="B622" i="2" l="1"/>
  <c r="N623" i="2"/>
  <c r="B623" i="2" l="1"/>
  <c r="N624" i="2"/>
  <c r="B624" i="2" l="1"/>
  <c r="N625" i="2"/>
  <c r="B625" i="2" l="1"/>
  <c r="N626" i="2"/>
  <c r="B626" i="2" l="1"/>
  <c r="N627" i="2"/>
  <c r="B627" i="2" l="1"/>
  <c r="N628" i="2"/>
  <c r="B628" i="2" l="1"/>
  <c r="N629" i="2"/>
  <c r="B629" i="2" l="1"/>
  <c r="N630" i="2"/>
  <c r="B630" i="2" l="1"/>
  <c r="N631" i="2"/>
  <c r="B631" i="2" l="1"/>
  <c r="N632" i="2"/>
  <c r="B632" i="2" l="1"/>
  <c r="N633" i="2"/>
  <c r="B633" i="2" l="1"/>
  <c r="N634" i="2"/>
  <c r="B634" i="2" l="1"/>
  <c r="N635" i="2"/>
  <c r="B635" i="2" l="1"/>
  <c r="N636" i="2"/>
  <c r="B636" i="2" l="1"/>
  <c r="N637" i="2"/>
  <c r="B637" i="2" l="1"/>
  <c r="N638" i="2"/>
  <c r="B638" i="2" l="1"/>
  <c r="N639" i="2"/>
  <c r="B639" i="2" l="1"/>
  <c r="N640" i="2"/>
  <c r="B640" i="2" l="1"/>
  <c r="N641" i="2"/>
  <c r="B641" i="2" l="1"/>
  <c r="N642" i="2"/>
  <c r="B642" i="2" l="1"/>
  <c r="N643" i="2"/>
  <c r="B643" i="2" l="1"/>
  <c r="N644" i="2"/>
  <c r="B644" i="2" l="1"/>
  <c r="N645" i="2"/>
  <c r="B645" i="2" l="1"/>
  <c r="N646" i="2"/>
  <c r="B646" i="2" l="1"/>
  <c r="N647" i="2"/>
  <c r="B647" i="2" l="1"/>
  <c r="N648" i="2"/>
  <c r="B648" i="2" l="1"/>
  <c r="N649" i="2"/>
  <c r="B649" i="2" l="1"/>
  <c r="N650" i="2"/>
  <c r="B650" i="2" l="1"/>
  <c r="N651" i="2"/>
  <c r="B651" i="2" l="1"/>
  <c r="N652" i="2"/>
  <c r="B652" i="2" l="1"/>
  <c r="N653" i="2"/>
  <c r="B653" i="2" l="1"/>
  <c r="N654" i="2"/>
  <c r="B654" i="2" l="1"/>
  <c r="N655" i="2"/>
  <c r="B655" i="2" l="1"/>
  <c r="N656" i="2"/>
  <c r="B656" i="2" l="1"/>
  <c r="N657" i="2"/>
  <c r="B657" i="2" l="1"/>
  <c r="N658" i="2"/>
  <c r="B658" i="2" l="1"/>
  <c r="N659" i="2"/>
  <c r="B659" i="2" l="1"/>
  <c r="N660" i="2"/>
  <c r="B660" i="2" l="1"/>
  <c r="N661" i="2"/>
  <c r="B661" i="2" l="1"/>
  <c r="N662" i="2"/>
  <c r="B662" i="2" l="1"/>
  <c r="N663" i="2"/>
  <c r="B663" i="2" l="1"/>
  <c r="N664" i="2"/>
  <c r="B664" i="2" l="1"/>
  <c r="N665" i="2"/>
  <c r="B665" i="2" l="1"/>
  <c r="N666" i="2"/>
  <c r="B666" i="2" l="1"/>
  <c r="N667" i="2"/>
  <c r="B667" i="2" l="1"/>
  <c r="N668" i="2"/>
  <c r="B668" i="2" l="1"/>
  <c r="N669" i="2"/>
  <c r="B669" i="2" l="1"/>
  <c r="N670" i="2"/>
  <c r="B670" i="2" l="1"/>
  <c r="N671" i="2"/>
  <c r="B671" i="2" l="1"/>
  <c r="N672" i="2"/>
  <c r="B672" i="2" l="1"/>
  <c r="N673" i="2"/>
  <c r="B673" i="2" l="1"/>
  <c r="N674" i="2"/>
  <c r="B674" i="2" l="1"/>
  <c r="N675" i="2"/>
  <c r="B675" i="2" l="1"/>
  <c r="N676" i="2"/>
  <c r="B676" i="2" l="1"/>
  <c r="N677" i="2"/>
  <c r="B677" i="2" l="1"/>
  <c r="N678" i="2"/>
  <c r="B678" i="2" l="1"/>
  <c r="N679" i="2"/>
  <c r="B679" i="2" l="1"/>
  <c r="N680" i="2"/>
  <c r="B680" i="2" l="1"/>
  <c r="N681" i="2"/>
  <c r="B681" i="2" l="1"/>
  <c r="N682" i="2"/>
  <c r="B682" i="2" l="1"/>
  <c r="N683" i="2"/>
  <c r="B683" i="2" l="1"/>
  <c r="N684" i="2"/>
  <c r="B684" i="2" l="1"/>
  <c r="N685" i="2"/>
  <c r="B685" i="2" l="1"/>
  <c r="N686" i="2"/>
  <c r="B686" i="2" l="1"/>
  <c r="N687" i="2"/>
  <c r="B687" i="2" l="1"/>
  <c r="N688" i="2"/>
  <c r="B688" i="2" l="1"/>
  <c r="N689" i="2"/>
  <c r="B689" i="2" l="1"/>
  <c r="N690" i="2"/>
  <c r="B690" i="2" l="1"/>
  <c r="N691" i="2"/>
  <c r="B691" i="2" l="1"/>
  <c r="N692" i="2"/>
  <c r="B692" i="2" l="1"/>
  <c r="N693" i="2"/>
  <c r="B693" i="2" l="1"/>
  <c r="N694" i="2"/>
  <c r="B694" i="2" l="1"/>
  <c r="N695" i="2"/>
  <c r="B695" i="2" l="1"/>
  <c r="N696" i="2"/>
  <c r="B696" i="2" l="1"/>
  <c r="N697" i="2"/>
  <c r="B697" i="2" l="1"/>
  <c r="N698" i="2"/>
  <c r="B698" i="2" l="1"/>
  <c r="N699" i="2"/>
  <c r="B699" i="2" l="1"/>
  <c r="N700" i="2"/>
  <c r="B700" i="2" l="1"/>
  <c r="N701" i="2"/>
  <c r="B701" i="2" l="1"/>
  <c r="N702" i="2"/>
  <c r="B702" i="2" l="1"/>
  <c r="N703" i="2"/>
  <c r="B703" i="2" l="1"/>
  <c r="N704" i="2"/>
  <c r="B704" i="2" l="1"/>
  <c r="N705" i="2"/>
  <c r="B705" i="2" l="1"/>
  <c r="N706" i="2"/>
  <c r="B706" i="2" l="1"/>
  <c r="N707" i="2"/>
  <c r="B707" i="2" l="1"/>
  <c r="N708" i="2"/>
  <c r="B708" i="2" l="1"/>
  <c r="N709" i="2"/>
  <c r="B709" i="2" l="1"/>
  <c r="N710" i="2"/>
  <c r="B710" i="2" l="1"/>
  <c r="N711" i="2"/>
  <c r="B711" i="2" l="1"/>
  <c r="N712" i="2"/>
  <c r="B712" i="2" l="1"/>
  <c r="N713" i="2"/>
  <c r="B713" i="2" l="1"/>
  <c r="N714" i="2"/>
  <c r="B714" i="2" l="1"/>
  <c r="N715" i="2"/>
  <c r="B715" i="2" l="1"/>
  <c r="N716" i="2"/>
  <c r="B716" i="2" l="1"/>
  <c r="N717" i="2"/>
  <c r="B717" i="2" l="1"/>
  <c r="N718" i="2"/>
  <c r="B718" i="2" l="1"/>
  <c r="N719" i="2"/>
  <c r="B719" i="2" l="1"/>
  <c r="N720" i="2"/>
  <c r="B720" i="2" l="1"/>
  <c r="N721" i="2"/>
  <c r="B721" i="2" l="1"/>
  <c r="N722" i="2"/>
  <c r="B722" i="2" l="1"/>
  <c r="N723" i="2"/>
  <c r="B723" i="2" l="1"/>
  <c r="N724" i="2"/>
  <c r="B724" i="2" l="1"/>
  <c r="N725" i="2"/>
  <c r="B725" i="2" l="1"/>
  <c r="N726" i="2"/>
  <c r="B726" i="2" l="1"/>
  <c r="N727" i="2"/>
  <c r="B727" i="2" l="1"/>
  <c r="N728" i="2"/>
  <c r="B728" i="2" l="1"/>
  <c r="N729" i="2"/>
  <c r="B729" i="2" l="1"/>
  <c r="N730" i="2"/>
  <c r="B730" i="2" l="1"/>
  <c r="N731" i="2"/>
  <c r="B731" i="2" l="1"/>
  <c r="N732" i="2"/>
  <c r="B732" i="2" l="1"/>
  <c r="N733" i="2"/>
  <c r="B733" i="2" l="1"/>
  <c r="N734" i="2"/>
  <c r="B734" i="2" l="1"/>
  <c r="N735" i="2"/>
  <c r="B735" i="2" l="1"/>
  <c r="N736" i="2"/>
  <c r="B736" i="2" l="1"/>
  <c r="N737" i="2"/>
  <c r="B737" i="2" l="1"/>
  <c r="N738" i="2"/>
  <c r="B738" i="2" l="1"/>
  <c r="N739" i="2"/>
  <c r="B739" i="2" l="1"/>
  <c r="N740" i="2"/>
  <c r="B740" i="2" l="1"/>
  <c r="N741" i="2"/>
  <c r="B741" i="2" l="1"/>
  <c r="N742" i="2"/>
  <c r="B742" i="2" l="1"/>
  <c r="N743" i="2"/>
  <c r="B743" i="2" l="1"/>
  <c r="N744" i="2"/>
  <c r="B744" i="2" l="1"/>
  <c r="N745" i="2"/>
  <c r="B745" i="2" l="1"/>
  <c r="N746" i="2"/>
  <c r="B746" i="2" l="1"/>
  <c r="N747" i="2"/>
  <c r="B747" i="2" l="1"/>
  <c r="N748" i="2"/>
  <c r="B748" i="2" l="1"/>
  <c r="N749" i="2"/>
  <c r="B749" i="2" l="1"/>
  <c r="N750" i="2"/>
  <c r="B750" i="2" l="1"/>
  <c r="N751" i="2"/>
  <c r="B751" i="2" l="1"/>
  <c r="N752" i="2"/>
  <c r="B752" i="2" l="1"/>
  <c r="N753" i="2"/>
  <c r="B753" i="2" l="1"/>
  <c r="N754" i="2"/>
  <c r="B754" i="2" l="1"/>
  <c r="N755" i="2"/>
  <c r="B755" i="2" l="1"/>
  <c r="N756" i="2"/>
  <c r="B756" i="2" l="1"/>
  <c r="N757" i="2"/>
  <c r="B757" i="2" l="1"/>
  <c r="N758" i="2"/>
  <c r="B758" i="2" l="1"/>
  <c r="N759" i="2"/>
  <c r="B759" i="2" l="1"/>
  <c r="N760" i="2"/>
  <c r="B760" i="2" l="1"/>
  <c r="N761" i="2"/>
  <c r="B761" i="2" l="1"/>
  <c r="N762" i="2"/>
  <c r="B762" i="2" l="1"/>
  <c r="N763" i="2"/>
  <c r="B763" i="2" l="1"/>
  <c r="N764" i="2"/>
  <c r="B764" i="2" l="1"/>
  <c r="N765" i="2"/>
  <c r="B765" i="2" l="1"/>
  <c r="N766" i="2"/>
  <c r="B766" i="2" l="1"/>
  <c r="N767" i="2"/>
  <c r="B767" i="2" l="1"/>
  <c r="N768" i="2"/>
  <c r="B768" i="2" l="1"/>
  <c r="N769" i="2"/>
  <c r="B769" i="2" l="1"/>
  <c r="N770" i="2"/>
  <c r="B770" i="2" l="1"/>
  <c r="N771" i="2"/>
  <c r="B771" i="2" l="1"/>
  <c r="N772" i="2"/>
  <c r="B772" i="2" l="1"/>
  <c r="N773" i="2"/>
  <c r="B773" i="2" l="1"/>
  <c r="N774" i="2"/>
  <c r="B774" i="2" l="1"/>
  <c r="N775" i="2"/>
  <c r="B775" i="2" l="1"/>
  <c r="N776" i="2"/>
  <c r="B776" i="2" l="1"/>
  <c r="N777" i="2"/>
  <c r="B777" i="2" l="1"/>
  <c r="N778" i="2"/>
  <c r="B778" i="2" l="1"/>
  <c r="N779" i="2"/>
  <c r="B779" i="2" l="1"/>
  <c r="N780" i="2"/>
  <c r="B780" i="2" l="1"/>
  <c r="N781" i="2"/>
  <c r="B781" i="2" l="1"/>
  <c r="N782" i="2"/>
  <c r="B782" i="2" l="1"/>
  <c r="N783" i="2"/>
  <c r="B783" i="2" l="1"/>
  <c r="N784" i="2"/>
  <c r="B784" i="2" l="1"/>
  <c r="N785" i="2"/>
  <c r="B785" i="2" l="1"/>
  <c r="N786" i="2"/>
  <c r="B786" i="2" l="1"/>
  <c r="N787" i="2"/>
  <c r="B787" i="2" l="1"/>
  <c r="N788" i="2"/>
  <c r="B788" i="2" l="1"/>
  <c r="N789" i="2"/>
  <c r="B789" i="2" l="1"/>
  <c r="N790" i="2"/>
  <c r="B790" i="2" l="1"/>
  <c r="N791" i="2"/>
  <c r="B791" i="2" l="1"/>
  <c r="N792" i="2"/>
  <c r="B792" i="2" l="1"/>
  <c r="N793" i="2"/>
  <c r="B793" i="2" l="1"/>
  <c r="N794" i="2"/>
  <c r="B794" i="2" l="1"/>
  <c r="N795" i="2"/>
  <c r="B795" i="2" l="1"/>
  <c r="N796" i="2"/>
  <c r="B796" i="2" l="1"/>
  <c r="N797" i="2"/>
  <c r="B797" i="2" l="1"/>
  <c r="N798" i="2"/>
  <c r="B798" i="2" l="1"/>
  <c r="N799" i="2"/>
  <c r="B799" i="2" l="1"/>
  <c r="N800" i="2"/>
  <c r="B800" i="2" l="1"/>
  <c r="N801" i="2"/>
  <c r="B801" i="2" l="1"/>
  <c r="N802" i="2"/>
  <c r="B802" i="2" l="1"/>
  <c r="N803" i="2"/>
  <c r="B803" i="2" l="1"/>
  <c r="N804" i="2"/>
  <c r="B804" i="2" l="1"/>
  <c r="N805" i="2"/>
  <c r="B805" i="2" l="1"/>
  <c r="N806" i="2"/>
  <c r="B806" i="2" l="1"/>
  <c r="N807" i="2"/>
  <c r="B807" i="2" l="1"/>
  <c r="N808" i="2"/>
  <c r="B808" i="2" l="1"/>
  <c r="N809" i="2"/>
  <c r="B809" i="2" l="1"/>
  <c r="N810" i="2"/>
  <c r="B810" i="2" l="1"/>
  <c r="N811" i="2"/>
  <c r="B811" i="2" l="1"/>
  <c r="N812" i="2"/>
  <c r="B812" i="2" l="1"/>
  <c r="N813" i="2"/>
  <c r="B813" i="2" l="1"/>
  <c r="N814" i="2"/>
  <c r="B814" i="2" l="1"/>
  <c r="N815" i="2"/>
  <c r="B815" i="2" l="1"/>
  <c r="N816" i="2"/>
  <c r="B816" i="2" l="1"/>
  <c r="N817" i="2"/>
  <c r="B817" i="2" l="1"/>
  <c r="N818" i="2"/>
  <c r="B818" i="2" l="1"/>
  <c r="N819" i="2"/>
  <c r="B819" i="2" l="1"/>
  <c r="N820" i="2"/>
  <c r="B820" i="2" l="1"/>
  <c r="N821" i="2"/>
  <c r="B821" i="2" l="1"/>
  <c r="N822" i="2"/>
  <c r="B822" i="2" l="1"/>
  <c r="N823" i="2"/>
  <c r="B823" i="2" l="1"/>
  <c r="N824" i="2"/>
  <c r="B824" i="2" l="1"/>
  <c r="N825" i="2"/>
  <c r="B825" i="2" l="1"/>
  <c r="N826" i="2"/>
  <c r="B826" i="2" l="1"/>
  <c r="N827" i="2"/>
  <c r="B827" i="2" l="1"/>
  <c r="N828" i="2"/>
  <c r="B828" i="2" l="1"/>
  <c r="N829" i="2"/>
  <c r="B829" i="2" l="1"/>
  <c r="N830" i="2"/>
  <c r="B830" i="2" l="1"/>
  <c r="N831" i="2"/>
  <c r="B831" i="2" l="1"/>
  <c r="N832" i="2"/>
  <c r="B832" i="2" l="1"/>
  <c r="N833" i="2"/>
  <c r="B833" i="2" l="1"/>
  <c r="N834" i="2"/>
  <c r="B834" i="2" l="1"/>
  <c r="N835" i="2"/>
  <c r="B835" i="2" l="1"/>
  <c r="N836" i="2"/>
  <c r="B836" i="2" l="1"/>
  <c r="N837" i="2"/>
  <c r="B837" i="2" l="1"/>
  <c r="N838" i="2"/>
  <c r="B838" i="2" l="1"/>
  <c r="N839" i="2"/>
  <c r="B839" i="2" l="1"/>
  <c r="N840" i="2"/>
  <c r="B840" i="2" l="1"/>
  <c r="N841" i="2"/>
  <c r="B841" i="2" l="1"/>
  <c r="N842" i="2"/>
  <c r="B842" i="2" l="1"/>
  <c r="N843" i="2"/>
  <c r="B843" i="2" l="1"/>
  <c r="N844" i="2"/>
  <c r="B844" i="2" l="1"/>
  <c r="N845" i="2"/>
  <c r="B845" i="2" l="1"/>
  <c r="N846" i="2"/>
  <c r="B846" i="2" l="1"/>
  <c r="N847" i="2"/>
  <c r="B847" i="2" l="1"/>
  <c r="N848" i="2"/>
  <c r="B848" i="2" l="1"/>
  <c r="N849" i="2"/>
  <c r="B849" i="2" l="1"/>
  <c r="N850" i="2"/>
  <c r="B850" i="2" l="1"/>
  <c r="N851" i="2"/>
  <c r="B851" i="2" l="1"/>
  <c r="N852" i="2"/>
  <c r="B852" i="2" l="1"/>
  <c r="N853" i="2"/>
  <c r="B853" i="2" l="1"/>
  <c r="N854" i="2"/>
  <c r="B854" i="2" l="1"/>
  <c r="N855" i="2"/>
  <c r="B855" i="2" l="1"/>
  <c r="N856" i="2"/>
  <c r="B856" i="2" l="1"/>
  <c r="N857" i="2"/>
  <c r="B857" i="2" l="1"/>
  <c r="N858" i="2"/>
  <c r="B858" i="2" l="1"/>
  <c r="N859" i="2"/>
  <c r="B859" i="2" l="1"/>
  <c r="N860" i="2"/>
  <c r="B860" i="2" l="1"/>
  <c r="N861" i="2"/>
  <c r="B861" i="2" l="1"/>
  <c r="N862" i="2"/>
  <c r="B862" i="2" l="1"/>
  <c r="N863" i="2"/>
  <c r="B863" i="2" l="1"/>
  <c r="N864" i="2"/>
  <c r="B864" i="2" l="1"/>
  <c r="N865" i="2"/>
  <c r="B865" i="2" l="1"/>
  <c r="N866" i="2"/>
  <c r="B866" i="2" l="1"/>
  <c r="N867" i="2"/>
  <c r="B867" i="2" l="1"/>
  <c r="N868" i="2"/>
  <c r="B868" i="2" l="1"/>
  <c r="N869" i="2"/>
  <c r="B869" i="2" l="1"/>
  <c r="N870" i="2"/>
  <c r="B870" i="2" l="1"/>
  <c r="N871" i="2"/>
  <c r="B871" i="2" l="1"/>
  <c r="N872" i="2"/>
  <c r="B872" i="2" l="1"/>
  <c r="N873" i="2"/>
  <c r="B873" i="2" l="1"/>
  <c r="N874" i="2"/>
  <c r="B874" i="2" l="1"/>
  <c r="N875" i="2"/>
  <c r="B875" i="2" l="1"/>
  <c r="N876" i="2"/>
  <c r="B876" i="2" l="1"/>
  <c r="N877" i="2"/>
  <c r="B877" i="2" l="1"/>
  <c r="N878" i="2"/>
  <c r="B878" i="2" l="1"/>
  <c r="N879" i="2"/>
  <c r="B879" i="2" l="1"/>
  <c r="N880" i="2"/>
  <c r="B880" i="2" l="1"/>
  <c r="N881" i="2"/>
  <c r="B881" i="2" l="1"/>
  <c r="N882" i="2"/>
  <c r="B882" i="2" l="1"/>
  <c r="N883" i="2"/>
  <c r="B883" i="2" l="1"/>
  <c r="N884" i="2"/>
  <c r="B884" i="2" l="1"/>
  <c r="N885" i="2"/>
  <c r="B885" i="2" l="1"/>
  <c r="N886" i="2"/>
  <c r="B886" i="2" l="1"/>
  <c r="N887" i="2"/>
  <c r="B887" i="2" l="1"/>
  <c r="N888" i="2"/>
  <c r="B888" i="2" l="1"/>
  <c r="N889" i="2"/>
  <c r="B889" i="2" l="1"/>
  <c r="N890" i="2"/>
  <c r="B890" i="2" l="1"/>
  <c r="N891" i="2"/>
  <c r="B891" i="2" l="1"/>
  <c r="N892" i="2"/>
  <c r="B892" i="2" l="1"/>
  <c r="N893" i="2"/>
  <c r="B893" i="2" l="1"/>
  <c r="N894" i="2"/>
  <c r="B894" i="2" l="1"/>
  <c r="N895" i="2"/>
  <c r="B895" i="2" l="1"/>
  <c r="N896" i="2"/>
  <c r="B896" i="2" l="1"/>
  <c r="N897" i="2"/>
  <c r="B897" i="2" l="1"/>
  <c r="N898" i="2"/>
  <c r="B898" i="2" l="1"/>
  <c r="N899" i="2"/>
  <c r="B899" i="2" l="1"/>
  <c r="N900" i="2"/>
  <c r="B900" i="2" l="1"/>
  <c r="N901" i="2"/>
  <c r="B901" i="2" l="1"/>
  <c r="N902" i="2"/>
  <c r="B902" i="2" l="1"/>
  <c r="N903" i="2"/>
  <c r="B903" i="2" l="1"/>
  <c r="N904" i="2"/>
  <c r="B904" i="2" l="1"/>
  <c r="N905" i="2"/>
  <c r="B905" i="2" l="1"/>
  <c r="N906" i="2"/>
  <c r="B906" i="2" l="1"/>
  <c r="N907" i="2"/>
  <c r="B907" i="2" l="1"/>
  <c r="N908" i="2"/>
  <c r="B908" i="2" l="1"/>
  <c r="N909" i="2"/>
  <c r="B909" i="2" l="1"/>
  <c r="N910" i="2"/>
  <c r="B910" i="2" l="1"/>
  <c r="N911" i="2"/>
  <c r="B911" i="2" l="1"/>
  <c r="N912" i="2"/>
  <c r="B912" i="2" l="1"/>
  <c r="N913" i="2"/>
  <c r="B913" i="2" l="1"/>
  <c r="N914" i="2"/>
  <c r="B914" i="2" l="1"/>
  <c r="N915" i="2"/>
  <c r="B915" i="2" l="1"/>
  <c r="N916" i="2"/>
  <c r="B916" i="2" l="1"/>
  <c r="N917" i="2"/>
  <c r="B917" i="2" l="1"/>
  <c r="N918" i="2"/>
  <c r="B918" i="2" l="1"/>
  <c r="N919" i="2"/>
  <c r="B919" i="2" l="1"/>
  <c r="N920" i="2"/>
  <c r="B920" i="2" l="1"/>
  <c r="N921" i="2"/>
  <c r="B921" i="2" l="1"/>
  <c r="N922" i="2"/>
  <c r="B922" i="2" l="1"/>
  <c r="N923" i="2"/>
  <c r="B923" i="2" l="1"/>
  <c r="N924" i="2"/>
  <c r="B924" i="2" l="1"/>
  <c r="N925" i="2"/>
  <c r="B925" i="2" l="1"/>
  <c r="N926" i="2"/>
  <c r="B926" i="2" l="1"/>
  <c r="N927" i="2"/>
  <c r="B927" i="2" l="1"/>
  <c r="N928" i="2"/>
  <c r="B928" i="2" l="1"/>
  <c r="N929" i="2"/>
  <c r="B929" i="2" l="1"/>
  <c r="N930" i="2"/>
  <c r="B930" i="2" l="1"/>
  <c r="N931" i="2"/>
  <c r="B931" i="2" l="1"/>
  <c r="N932" i="2"/>
  <c r="B932" i="2" l="1"/>
  <c r="N933" i="2"/>
  <c r="B933" i="2" l="1"/>
  <c r="N934" i="2"/>
  <c r="B934" i="2" l="1"/>
  <c r="N935" i="2"/>
  <c r="B935" i="2" l="1"/>
  <c r="N936" i="2"/>
  <c r="B936" i="2" l="1"/>
  <c r="N937" i="2"/>
  <c r="B937" i="2" l="1"/>
  <c r="N938" i="2"/>
  <c r="B938" i="2" l="1"/>
  <c r="N939" i="2"/>
  <c r="B939" i="2" l="1"/>
  <c r="N940" i="2"/>
  <c r="B940" i="2" l="1"/>
  <c r="N941" i="2"/>
  <c r="B941" i="2" l="1"/>
  <c r="N942" i="2"/>
  <c r="B942" i="2" l="1"/>
  <c r="N943" i="2"/>
  <c r="B943" i="2" l="1"/>
  <c r="N944" i="2"/>
  <c r="B944" i="2" l="1"/>
  <c r="N945" i="2"/>
  <c r="B945" i="2" l="1"/>
  <c r="N946" i="2"/>
  <c r="B946" i="2" l="1"/>
  <c r="N947" i="2"/>
  <c r="B947" i="2" l="1"/>
  <c r="N948" i="2"/>
  <c r="B948" i="2" l="1"/>
  <c r="N949" i="2"/>
  <c r="B949" i="2" l="1"/>
  <c r="N950" i="2"/>
  <c r="B950" i="2" l="1"/>
  <c r="N951" i="2"/>
  <c r="B951" i="2" l="1"/>
  <c r="N952" i="2"/>
  <c r="B952" i="2" l="1"/>
  <c r="N953" i="2"/>
  <c r="B953" i="2" l="1"/>
  <c r="N954" i="2"/>
  <c r="B954" i="2" l="1"/>
  <c r="N955" i="2"/>
  <c r="B955" i="2" l="1"/>
  <c r="N956" i="2"/>
  <c r="B956" i="2" l="1"/>
  <c r="N957" i="2"/>
  <c r="B957" i="2" l="1"/>
  <c r="N958" i="2"/>
  <c r="B958" i="2" l="1"/>
  <c r="N959" i="2"/>
  <c r="B959" i="2" l="1"/>
  <c r="N960" i="2"/>
  <c r="B960" i="2" l="1"/>
  <c r="N961" i="2"/>
  <c r="B961" i="2" l="1"/>
  <c r="N962" i="2"/>
  <c r="B962" i="2" l="1"/>
  <c r="N963" i="2"/>
  <c r="B963" i="2" l="1"/>
  <c r="N964" i="2"/>
  <c r="B964" i="2" l="1"/>
  <c r="N965" i="2"/>
  <c r="B965" i="2" l="1"/>
  <c r="N966" i="2"/>
  <c r="B966" i="2" l="1"/>
  <c r="N967" i="2"/>
  <c r="B967" i="2" l="1"/>
  <c r="N968" i="2"/>
  <c r="B968" i="2" l="1"/>
  <c r="N969" i="2"/>
  <c r="B969" i="2" l="1"/>
  <c r="N970" i="2"/>
  <c r="B970" i="2" l="1"/>
  <c r="N971" i="2"/>
  <c r="B971" i="2" l="1"/>
  <c r="N972" i="2"/>
  <c r="B972" i="2" l="1"/>
  <c r="N973" i="2"/>
  <c r="B973" i="2" l="1"/>
  <c r="N974" i="2"/>
  <c r="B974" i="2" l="1"/>
  <c r="N975" i="2"/>
  <c r="B975" i="2" l="1"/>
  <c r="N976" i="2"/>
  <c r="B976" i="2" l="1"/>
  <c r="N977" i="2"/>
  <c r="B977" i="2" l="1"/>
  <c r="N978" i="2"/>
  <c r="B978" i="2" l="1"/>
  <c r="N979" i="2"/>
  <c r="B979" i="2" l="1"/>
  <c r="N980" i="2"/>
  <c r="B980" i="2" l="1"/>
  <c r="N981" i="2"/>
  <c r="B981" i="2" l="1"/>
  <c r="N982" i="2"/>
  <c r="B982" i="2" l="1"/>
  <c r="N983" i="2"/>
  <c r="B983" i="2" l="1"/>
  <c r="N984" i="2"/>
  <c r="B984" i="2" l="1"/>
  <c r="N985" i="2"/>
  <c r="B985" i="2" l="1"/>
  <c r="N986" i="2"/>
  <c r="B986" i="2" l="1"/>
  <c r="N987" i="2"/>
  <c r="B987" i="2" l="1"/>
  <c r="N988" i="2"/>
  <c r="B988" i="2" l="1"/>
  <c r="N989" i="2"/>
  <c r="B989" i="2" l="1"/>
  <c r="N990" i="2"/>
  <c r="B990" i="2" l="1"/>
  <c r="N991" i="2"/>
  <c r="B991" i="2" l="1"/>
  <c r="N992" i="2"/>
  <c r="B992" i="2" l="1"/>
  <c r="N993" i="2"/>
  <c r="B993" i="2" l="1"/>
  <c r="N994" i="2"/>
  <c r="B994" i="2" l="1"/>
  <c r="N995" i="2"/>
  <c r="B995" i="2" l="1"/>
  <c r="N996" i="2"/>
  <c r="B996" i="2" l="1"/>
  <c r="N997" i="2"/>
  <c r="B997" i="2" l="1"/>
  <c r="N998" i="2"/>
  <c r="B998" i="2" l="1"/>
  <c r="N999" i="2"/>
  <c r="B999" i="2" l="1"/>
  <c r="N1000" i="2"/>
  <c r="B1000" i="2" l="1"/>
  <c r="N1001" i="2"/>
  <c r="B1001" i="2" l="1"/>
  <c r="N1002" i="2"/>
  <c r="B1002" i="2" l="1"/>
  <c r="N1003" i="2"/>
  <c r="B1003" i="2" l="1"/>
  <c r="N1004" i="2"/>
  <c r="B1004" i="2" l="1"/>
  <c r="N1005" i="2"/>
  <c r="B1005" i="2" l="1"/>
  <c r="N1006" i="2"/>
  <c r="B1006" i="2" l="1"/>
  <c r="N1007" i="2"/>
  <c r="B1007" i="2" l="1"/>
  <c r="N1008" i="2"/>
  <c r="B1008" i="2" l="1"/>
  <c r="N1009" i="2"/>
  <c r="B1009" i="2" l="1"/>
  <c r="N1010" i="2"/>
  <c r="B1010" i="2" l="1"/>
  <c r="N1011" i="2"/>
  <c r="B1011" i="2" l="1"/>
  <c r="N1012" i="2"/>
  <c r="B1012" i="2" l="1"/>
  <c r="N1013" i="2"/>
  <c r="B1013" i="2" l="1"/>
  <c r="N1014" i="2"/>
  <c r="B1014" i="2" l="1"/>
  <c r="N1015" i="2"/>
  <c r="B1015" i="2" l="1"/>
  <c r="N1016" i="2"/>
  <c r="B1016" i="2" l="1"/>
  <c r="N1017" i="2"/>
  <c r="B1017" i="2" l="1"/>
  <c r="N1018" i="2"/>
  <c r="B1018" i="2" l="1"/>
  <c r="N1019" i="2"/>
  <c r="B1019" i="2" l="1"/>
  <c r="N1020" i="2"/>
  <c r="B1020" i="2" l="1"/>
  <c r="N1021" i="2"/>
  <c r="B1021" i="2" l="1"/>
  <c r="N1022" i="2"/>
  <c r="B1022" i="2" l="1"/>
  <c r="N1023" i="2"/>
  <c r="B1023" i="2" l="1"/>
  <c r="N1024" i="2"/>
  <c r="B1024" i="2" l="1"/>
  <c r="N1025" i="2"/>
  <c r="B1025" i="2" l="1"/>
  <c r="N1026" i="2"/>
  <c r="B1026" i="2" l="1"/>
  <c r="N1027" i="2"/>
  <c r="B1027" i="2" l="1"/>
  <c r="N1028" i="2"/>
  <c r="B1028" i="2" l="1"/>
  <c r="N1029" i="2"/>
  <c r="B1029" i="2" l="1"/>
  <c r="N1030" i="2"/>
  <c r="B1030" i="2" l="1"/>
  <c r="N1031" i="2"/>
  <c r="B1031" i="2" l="1"/>
  <c r="N1032" i="2"/>
  <c r="B1032" i="2" l="1"/>
  <c r="N1033" i="2"/>
  <c r="B1033" i="2" l="1"/>
  <c r="N1034" i="2"/>
  <c r="B1034" i="2" l="1"/>
  <c r="N1035" i="2"/>
  <c r="B1035" i="2" l="1"/>
  <c r="N1036" i="2"/>
  <c r="B1036" i="2" l="1"/>
  <c r="N1037" i="2"/>
  <c r="B1037" i="2" l="1"/>
  <c r="N1038" i="2"/>
  <c r="B1038" i="2" l="1"/>
  <c r="N1039" i="2"/>
  <c r="B1039" i="2" l="1"/>
  <c r="N1040" i="2"/>
  <c r="B1040" i="2" l="1"/>
  <c r="N1041" i="2"/>
  <c r="B1041" i="2" l="1"/>
  <c r="N1042" i="2"/>
  <c r="B1042" i="2" l="1"/>
  <c r="N1043" i="2"/>
  <c r="B1043" i="2" l="1"/>
  <c r="N1044" i="2"/>
  <c r="B1044" i="2" l="1"/>
  <c r="N1045" i="2"/>
  <c r="B1045" i="2" l="1"/>
  <c r="N1046" i="2"/>
  <c r="B1046" i="2" l="1"/>
  <c r="N1047" i="2"/>
  <c r="B1047" i="2" l="1"/>
  <c r="N1048" i="2"/>
  <c r="B1048" i="2" l="1"/>
  <c r="N1049" i="2"/>
  <c r="B1049" i="2" l="1"/>
  <c r="N1050" i="2"/>
  <c r="B1050" i="2" l="1"/>
  <c r="N1051" i="2"/>
  <c r="B1051" i="2" l="1"/>
  <c r="N1052" i="2"/>
  <c r="B1052" i="2" l="1"/>
  <c r="N1053" i="2"/>
  <c r="B1053" i="2" l="1"/>
  <c r="N1054" i="2"/>
  <c r="B1054" i="2" l="1"/>
  <c r="N1055" i="2"/>
  <c r="B1055" i="2" l="1"/>
  <c r="N1056" i="2"/>
  <c r="B1056" i="2" l="1"/>
  <c r="N1057" i="2"/>
  <c r="B1057" i="2" l="1"/>
  <c r="N1058" i="2"/>
  <c r="B1058" i="2" l="1"/>
  <c r="N1059" i="2"/>
  <c r="B1059" i="2" l="1"/>
  <c r="N1060" i="2"/>
  <c r="B1060" i="2" l="1"/>
  <c r="N1061" i="2"/>
  <c r="B1061" i="2" l="1"/>
  <c r="N1062" i="2"/>
  <c r="B1062" i="2" l="1"/>
  <c r="N1063" i="2"/>
  <c r="B1063" i="2" l="1"/>
  <c r="N1064" i="2"/>
  <c r="B1064" i="2" l="1"/>
  <c r="N1065" i="2"/>
  <c r="B1065" i="2" l="1"/>
  <c r="N1066" i="2"/>
  <c r="B1066" i="2" l="1"/>
  <c r="N1067" i="2"/>
  <c r="B1067" i="2" l="1"/>
  <c r="N1068" i="2"/>
  <c r="B1068" i="2" l="1"/>
  <c r="N1069" i="2"/>
  <c r="B1069" i="2" l="1"/>
  <c r="N1070" i="2"/>
  <c r="B1070" i="2" l="1"/>
  <c r="N1071" i="2"/>
  <c r="B1071" i="2" l="1"/>
  <c r="N1072" i="2"/>
  <c r="B1072" i="2" l="1"/>
  <c r="N1073" i="2"/>
  <c r="B1073" i="2" l="1"/>
  <c r="N1074" i="2"/>
  <c r="B1074" i="2" l="1"/>
  <c r="N1075" i="2"/>
  <c r="B1075" i="2" l="1"/>
  <c r="N1076" i="2"/>
  <c r="B1076" i="2" l="1"/>
  <c r="N1077" i="2"/>
  <c r="B1077" i="2" l="1"/>
  <c r="N1078" i="2"/>
  <c r="B1078" i="2" l="1"/>
  <c r="N1079" i="2"/>
  <c r="B1079" i="2" l="1"/>
  <c r="N1080" i="2"/>
  <c r="B1080" i="2" l="1"/>
  <c r="N1081" i="2"/>
  <c r="B1081" i="2" l="1"/>
  <c r="N1082" i="2"/>
  <c r="B1082" i="2" l="1"/>
  <c r="N1083" i="2"/>
  <c r="B1083" i="2" l="1"/>
  <c r="N1084" i="2"/>
  <c r="B1084" i="2" l="1"/>
  <c r="N1085" i="2"/>
  <c r="B1085" i="2" l="1"/>
  <c r="N1086" i="2"/>
  <c r="B1086" i="2" l="1"/>
  <c r="N1087" i="2"/>
  <c r="B1087" i="2" l="1"/>
  <c r="N1088" i="2"/>
  <c r="B1088" i="2" l="1"/>
  <c r="N1089" i="2"/>
  <c r="B1089" i="2" l="1"/>
  <c r="N1090" i="2"/>
  <c r="B1090" i="2" l="1"/>
  <c r="N1091" i="2"/>
  <c r="B1091" i="2" l="1"/>
  <c r="N1092" i="2"/>
  <c r="B1092" i="2" l="1"/>
  <c r="N1093" i="2"/>
  <c r="B1093" i="2" l="1"/>
  <c r="N1094" i="2"/>
  <c r="B1094" i="2" l="1"/>
  <c r="N1095" i="2"/>
  <c r="B1095" i="2" l="1"/>
  <c r="N1096" i="2"/>
  <c r="B1096" i="2" l="1"/>
  <c r="N1097" i="2"/>
  <c r="B1097" i="2" l="1"/>
  <c r="N1098" i="2"/>
  <c r="B1098" i="2" l="1"/>
  <c r="N1099" i="2"/>
  <c r="B1099" i="2" l="1"/>
  <c r="N1100" i="2"/>
  <c r="B1100" i="2" l="1"/>
  <c r="N1101" i="2"/>
  <c r="B1101" i="2" l="1"/>
  <c r="N1102" i="2"/>
  <c r="B1102" i="2" l="1"/>
  <c r="N1103" i="2"/>
  <c r="B1103" i="2" l="1"/>
  <c r="N1104" i="2"/>
  <c r="B1104" i="2" l="1"/>
  <c r="N1105" i="2"/>
  <c r="B1105" i="2" l="1"/>
  <c r="N1106" i="2"/>
  <c r="B1106" i="2" l="1"/>
  <c r="N1107" i="2"/>
  <c r="B1107" i="2" l="1"/>
  <c r="N1108" i="2"/>
  <c r="B1108" i="2" l="1"/>
  <c r="N1109" i="2"/>
  <c r="B1109" i="2" l="1"/>
  <c r="N1110" i="2"/>
  <c r="B1110" i="2" l="1"/>
  <c r="N1111" i="2"/>
  <c r="B1111" i="2" l="1"/>
  <c r="N1112" i="2"/>
  <c r="B1112" i="2" l="1"/>
  <c r="N1113" i="2"/>
  <c r="B1113" i="2" l="1"/>
  <c r="N1114" i="2"/>
  <c r="B1114" i="2" l="1"/>
  <c r="N1115" i="2"/>
  <c r="B1115" i="2" l="1"/>
  <c r="N1116" i="2"/>
  <c r="B1116" i="2" l="1"/>
  <c r="N1117" i="2"/>
  <c r="B1117" i="2" l="1"/>
  <c r="N1118" i="2"/>
  <c r="B1118" i="2" l="1"/>
  <c r="N1119" i="2"/>
  <c r="B1119" i="2" l="1"/>
  <c r="N1120" i="2"/>
  <c r="B1120" i="2" l="1"/>
  <c r="N1121" i="2"/>
  <c r="B1121" i="2" l="1"/>
  <c r="N1122" i="2"/>
  <c r="B1122" i="2" l="1"/>
  <c r="N1123" i="2"/>
  <c r="B1123" i="2" l="1"/>
  <c r="N1124" i="2"/>
  <c r="B1124" i="2" l="1"/>
  <c r="N1125" i="2"/>
  <c r="B1125" i="2" l="1"/>
  <c r="N1126" i="2"/>
  <c r="B1126" i="2" l="1"/>
  <c r="N1127" i="2"/>
  <c r="B1127" i="2" l="1"/>
  <c r="N1128" i="2"/>
  <c r="B1128" i="2" l="1"/>
  <c r="N1129" i="2"/>
  <c r="B1129" i="2" l="1"/>
  <c r="N1130" i="2"/>
  <c r="B1130" i="2" l="1"/>
  <c r="N1131" i="2"/>
  <c r="B1131" i="2" l="1"/>
  <c r="N1132" i="2"/>
  <c r="B1132" i="2" l="1"/>
  <c r="N1133" i="2"/>
  <c r="B1133" i="2" l="1"/>
  <c r="N1134" i="2"/>
  <c r="B1134" i="2" l="1"/>
  <c r="N1135" i="2"/>
  <c r="B1135" i="2" l="1"/>
  <c r="N1136" i="2"/>
  <c r="B1136" i="2" l="1"/>
  <c r="N1137" i="2"/>
  <c r="B1137" i="2" l="1"/>
  <c r="N1138" i="2"/>
  <c r="B1138" i="2" l="1"/>
  <c r="N1139" i="2"/>
  <c r="B1139" i="2" l="1"/>
  <c r="N1140" i="2"/>
  <c r="B1140" i="2" l="1"/>
  <c r="N1141" i="2"/>
  <c r="B1141" i="2" l="1"/>
  <c r="N1142" i="2"/>
  <c r="B1142" i="2" l="1"/>
  <c r="N1143" i="2"/>
  <c r="B1143" i="2" l="1"/>
  <c r="N1144" i="2"/>
  <c r="B1144" i="2" l="1"/>
  <c r="N1145" i="2"/>
  <c r="B1145" i="2" l="1"/>
  <c r="N1146" i="2"/>
  <c r="B1146" i="2" l="1"/>
  <c r="N1147" i="2"/>
  <c r="B1147" i="2" l="1"/>
  <c r="N1148" i="2"/>
  <c r="B1148" i="2" l="1"/>
  <c r="N1149" i="2"/>
  <c r="B1149" i="2" l="1"/>
  <c r="N1150" i="2"/>
  <c r="B1150" i="2" l="1"/>
  <c r="N1151" i="2"/>
  <c r="B1151" i="2" l="1"/>
  <c r="N1152" i="2"/>
  <c r="B1152" i="2" l="1"/>
  <c r="N1153" i="2"/>
  <c r="B1153" i="2" l="1"/>
  <c r="N1154" i="2"/>
  <c r="B1154" i="2" l="1"/>
  <c r="N1155" i="2"/>
  <c r="B1155" i="2" l="1"/>
  <c r="N1156" i="2"/>
  <c r="B1156" i="2" l="1"/>
  <c r="N1157" i="2"/>
  <c r="B1157" i="2" l="1"/>
  <c r="N1158" i="2"/>
  <c r="B1158" i="2" l="1"/>
  <c r="N1159" i="2"/>
  <c r="B1159" i="2" l="1"/>
  <c r="N1160" i="2"/>
  <c r="B1160" i="2" l="1"/>
  <c r="N1161" i="2"/>
  <c r="B1161" i="2" l="1"/>
  <c r="N1162" i="2"/>
  <c r="B1162" i="2" l="1"/>
  <c r="N1163" i="2"/>
  <c r="B1163" i="2" l="1"/>
  <c r="N1164" i="2"/>
  <c r="B1164" i="2" l="1"/>
  <c r="N1165" i="2"/>
  <c r="B1165" i="2" l="1"/>
  <c r="N1166" i="2"/>
  <c r="B1166" i="2" l="1"/>
  <c r="N1167" i="2"/>
  <c r="B1167" i="2" l="1"/>
  <c r="N1168" i="2"/>
  <c r="B1168" i="2" l="1"/>
  <c r="N1169" i="2"/>
  <c r="B1169" i="2" l="1"/>
  <c r="N1170" i="2"/>
  <c r="B1170" i="2" l="1"/>
  <c r="N1171" i="2"/>
  <c r="B1171" i="2" l="1"/>
  <c r="N1172" i="2"/>
  <c r="B1172" i="2" l="1"/>
  <c r="N1173" i="2"/>
  <c r="B1173" i="2" l="1"/>
  <c r="N1174" i="2"/>
  <c r="B1174" i="2" l="1"/>
  <c r="N1175" i="2"/>
  <c r="B1175" i="2" l="1"/>
  <c r="N1176" i="2"/>
  <c r="B1176" i="2" l="1"/>
  <c r="N1177" i="2"/>
  <c r="B1177" i="2" l="1"/>
  <c r="N1178" i="2"/>
  <c r="B1178" i="2" l="1"/>
  <c r="N1179" i="2"/>
  <c r="B1179" i="2" l="1"/>
  <c r="N1180" i="2"/>
  <c r="B1180" i="2" l="1"/>
  <c r="N1181" i="2"/>
  <c r="B1181" i="2" l="1"/>
  <c r="N1182" i="2"/>
  <c r="B1182" i="2" l="1"/>
  <c r="N1183" i="2"/>
  <c r="B1183" i="2" l="1"/>
  <c r="N1184" i="2"/>
  <c r="B1184" i="2" l="1"/>
  <c r="N1185" i="2"/>
  <c r="B1185" i="2" l="1"/>
  <c r="N1186" i="2"/>
  <c r="B1186" i="2" l="1"/>
  <c r="N1187" i="2"/>
  <c r="B1187" i="2" l="1"/>
  <c r="N1188" i="2"/>
  <c r="B1188" i="2" l="1"/>
  <c r="N1189" i="2"/>
  <c r="B1189" i="2" l="1"/>
  <c r="N1190" i="2"/>
  <c r="B1190" i="2" l="1"/>
  <c r="N1191" i="2"/>
  <c r="B1191" i="2" l="1"/>
  <c r="N1192" i="2"/>
  <c r="B1192" i="2" l="1"/>
  <c r="N1193" i="2"/>
  <c r="B1193" i="2" l="1"/>
  <c r="N1194" i="2"/>
  <c r="B1194" i="2" l="1"/>
  <c r="N1195" i="2"/>
  <c r="B1195" i="2" l="1"/>
  <c r="N1196" i="2"/>
  <c r="B1196" i="2" l="1"/>
  <c r="N1197" i="2"/>
  <c r="B1197" i="2" l="1"/>
  <c r="N1198" i="2"/>
  <c r="B1198" i="2" l="1"/>
  <c r="N1199" i="2"/>
  <c r="B1199" i="2" l="1"/>
  <c r="N1200" i="2"/>
  <c r="B1200" i="2" l="1"/>
  <c r="N1201" i="2"/>
  <c r="B1201" i="2" l="1"/>
  <c r="N1202" i="2"/>
  <c r="B1202" i="2" l="1"/>
  <c r="N1203" i="2"/>
  <c r="B1203" i="2" l="1"/>
  <c r="N1204" i="2"/>
  <c r="B1204" i="2" l="1"/>
  <c r="N1205" i="2"/>
  <c r="B1205" i="2" l="1"/>
  <c r="N1206" i="2"/>
  <c r="B1206" i="2" l="1"/>
  <c r="N1207" i="2"/>
  <c r="B1207" i="2" l="1"/>
  <c r="N1208" i="2"/>
  <c r="B1208" i="2" l="1"/>
  <c r="N1209" i="2"/>
  <c r="B1209" i="2" l="1"/>
  <c r="N1210" i="2"/>
  <c r="B1210" i="2" l="1"/>
  <c r="N1211" i="2"/>
  <c r="B1211" i="2" l="1"/>
  <c r="N1212" i="2"/>
  <c r="B1212" i="2" l="1"/>
  <c r="N1213" i="2"/>
  <c r="B1213" i="2" l="1"/>
  <c r="N1214" i="2"/>
  <c r="B1214" i="2" l="1"/>
  <c r="N1215" i="2"/>
  <c r="B1215" i="2" l="1"/>
  <c r="N1216" i="2"/>
  <c r="B1216" i="2" l="1"/>
  <c r="N1217" i="2"/>
  <c r="B1217" i="2" l="1"/>
  <c r="N1218" i="2"/>
  <c r="B1218" i="2" l="1"/>
  <c r="N1219" i="2"/>
  <c r="B1219" i="2" l="1"/>
  <c r="N1220" i="2"/>
  <c r="B1220" i="2" l="1"/>
  <c r="N1221" i="2"/>
  <c r="B1221" i="2" l="1"/>
  <c r="N1222" i="2"/>
  <c r="B1222" i="2" l="1"/>
  <c r="N1223" i="2"/>
  <c r="B1223" i="2" l="1"/>
  <c r="N1224" i="2"/>
  <c r="B1224" i="2" l="1"/>
  <c r="N1225" i="2"/>
  <c r="B1225" i="2" l="1"/>
  <c r="N1226" i="2"/>
  <c r="B1226" i="2" l="1"/>
  <c r="N1227" i="2"/>
  <c r="B1227" i="2" l="1"/>
  <c r="N1228" i="2"/>
  <c r="B1228" i="2" l="1"/>
  <c r="N1229" i="2"/>
  <c r="B1229" i="2" l="1"/>
  <c r="N1230" i="2"/>
  <c r="B1230" i="2" l="1"/>
  <c r="N1231" i="2"/>
  <c r="B1231" i="2" l="1"/>
  <c r="N1232" i="2"/>
  <c r="B1232" i="2" l="1"/>
  <c r="N1233" i="2"/>
  <c r="B1233" i="2" l="1"/>
  <c r="N1234" i="2"/>
  <c r="B1234" i="2" l="1"/>
  <c r="N1235" i="2"/>
  <c r="B1235" i="2" l="1"/>
  <c r="N1236" i="2"/>
  <c r="B1236" i="2" l="1"/>
  <c r="N1237" i="2"/>
  <c r="B1237" i="2" l="1"/>
  <c r="N1238" i="2"/>
  <c r="B1238" i="2" l="1"/>
  <c r="N1239" i="2"/>
  <c r="B1239" i="2" l="1"/>
  <c r="N1240" i="2"/>
  <c r="B1240" i="2" l="1"/>
  <c r="N1241" i="2"/>
  <c r="B1241" i="2" l="1"/>
  <c r="N1242" i="2"/>
  <c r="B1242" i="2" l="1"/>
  <c r="N1243" i="2"/>
  <c r="B1243" i="2" l="1"/>
  <c r="N1244" i="2"/>
  <c r="B1244" i="2" l="1"/>
  <c r="N1245" i="2"/>
  <c r="B1245" i="2" l="1"/>
  <c r="N1246" i="2"/>
  <c r="B1246" i="2" l="1"/>
  <c r="N1247" i="2"/>
  <c r="B1247" i="2" l="1"/>
  <c r="N1248" i="2"/>
  <c r="B1248" i="2" l="1"/>
  <c r="N1249" i="2"/>
  <c r="B1249" i="2" l="1"/>
  <c r="N1250" i="2"/>
  <c r="B1250" i="2" l="1"/>
  <c r="N1251" i="2"/>
  <c r="B1251" i="2" l="1"/>
  <c r="N1252" i="2"/>
  <c r="B1252" i="2" l="1"/>
  <c r="N1253" i="2"/>
  <c r="B1253" i="2" l="1"/>
  <c r="N1254" i="2"/>
  <c r="B1254" i="2" l="1"/>
  <c r="N1255" i="2"/>
  <c r="B1255" i="2" l="1"/>
  <c r="N1256" i="2"/>
  <c r="B1256" i="2" l="1"/>
  <c r="N1257" i="2"/>
  <c r="B1257" i="2" l="1"/>
  <c r="N1258" i="2"/>
  <c r="B1258" i="2" l="1"/>
  <c r="N1259" i="2"/>
  <c r="B1259" i="2" l="1"/>
  <c r="N1260" i="2"/>
  <c r="B1260" i="2" l="1"/>
  <c r="N1261" i="2"/>
  <c r="B1261" i="2" l="1"/>
  <c r="N1262" i="2"/>
  <c r="B1262" i="2" l="1"/>
  <c r="N1263" i="2"/>
  <c r="B1263" i="2" l="1"/>
  <c r="N1264" i="2"/>
  <c r="B1264" i="2" l="1"/>
  <c r="N1265" i="2"/>
  <c r="B1265" i="2" l="1"/>
  <c r="N1266" i="2"/>
  <c r="B1266" i="2" l="1"/>
  <c r="N1267" i="2"/>
  <c r="B1267" i="2" l="1"/>
  <c r="N1268" i="2"/>
  <c r="B1268" i="2" l="1"/>
  <c r="N1269" i="2"/>
  <c r="B1269" i="2" l="1"/>
  <c r="N1270" i="2"/>
  <c r="B1270" i="2" l="1"/>
  <c r="N1271" i="2"/>
  <c r="B1271" i="2" l="1"/>
  <c r="N1272" i="2"/>
  <c r="B1272" i="2" l="1"/>
  <c r="N1273" i="2"/>
  <c r="B1273" i="2" l="1"/>
  <c r="N1274" i="2"/>
  <c r="B1274" i="2" l="1"/>
  <c r="N1275" i="2"/>
  <c r="B1275" i="2" l="1"/>
  <c r="N1276" i="2"/>
  <c r="B1276" i="2" l="1"/>
  <c r="N1277" i="2"/>
  <c r="B1277" i="2" l="1"/>
  <c r="N1278" i="2"/>
  <c r="B1278" i="2" l="1"/>
  <c r="N1279" i="2"/>
  <c r="B1279" i="2" l="1"/>
  <c r="N1280" i="2"/>
  <c r="B1280" i="2" l="1"/>
  <c r="N1281" i="2"/>
  <c r="B1281" i="2" l="1"/>
  <c r="N1282" i="2"/>
  <c r="B1282" i="2" l="1"/>
  <c r="N1283" i="2"/>
  <c r="B1283" i="2" l="1"/>
  <c r="N1284" i="2"/>
  <c r="B1284" i="2" l="1"/>
  <c r="N1285" i="2"/>
  <c r="B1285" i="2" l="1"/>
  <c r="N1286" i="2"/>
  <c r="B1286" i="2" l="1"/>
  <c r="N1287" i="2"/>
  <c r="B1287" i="2" l="1"/>
  <c r="N1288" i="2"/>
  <c r="B1288" i="2" l="1"/>
  <c r="N1289" i="2"/>
  <c r="B1289" i="2" l="1"/>
  <c r="N1290" i="2"/>
  <c r="B1290" i="2" l="1"/>
  <c r="N1291" i="2"/>
  <c r="B1291" i="2" l="1"/>
  <c r="N1292" i="2"/>
  <c r="B1292" i="2" l="1"/>
  <c r="N1293" i="2"/>
  <c r="B1293" i="2" l="1"/>
  <c r="N1294" i="2"/>
  <c r="B1294" i="2" l="1"/>
  <c r="N1295" i="2"/>
  <c r="B1295" i="2" l="1"/>
  <c r="N1296" i="2"/>
  <c r="B1296" i="2" l="1"/>
  <c r="N1297" i="2"/>
  <c r="B1297" i="2" l="1"/>
  <c r="N1298" i="2"/>
  <c r="B1298" i="2" l="1"/>
  <c r="N1299" i="2"/>
  <c r="B1299" i="2" l="1"/>
  <c r="N1300" i="2"/>
  <c r="B1300" i="2" l="1"/>
  <c r="N1301" i="2"/>
  <c r="B1301" i="2" l="1"/>
  <c r="N1302" i="2"/>
  <c r="B1302" i="2" l="1"/>
  <c r="N1303" i="2"/>
  <c r="B1303" i="2" l="1"/>
  <c r="N1304" i="2"/>
  <c r="B1304" i="2" l="1"/>
  <c r="N1305" i="2"/>
  <c r="B1305" i="2" l="1"/>
  <c r="N1306" i="2"/>
  <c r="B1306" i="2" l="1"/>
  <c r="N1307" i="2"/>
  <c r="B1307" i="2" l="1"/>
  <c r="N1308" i="2"/>
  <c r="B1308" i="2" l="1"/>
  <c r="N1309" i="2"/>
  <c r="B1309" i="2" l="1"/>
  <c r="N1310" i="2"/>
  <c r="B1310" i="2" l="1"/>
  <c r="N1311" i="2"/>
  <c r="B1311" i="2" l="1"/>
  <c r="N1312" i="2"/>
  <c r="B1312" i="2" l="1"/>
  <c r="N1313" i="2"/>
  <c r="B1313" i="2" l="1"/>
  <c r="N1314" i="2"/>
  <c r="B1314" i="2" l="1"/>
  <c r="N1315" i="2"/>
  <c r="B1315" i="2" l="1"/>
  <c r="N1316" i="2"/>
  <c r="B1316" i="2" l="1"/>
  <c r="N1317" i="2"/>
  <c r="B1317" i="2" l="1"/>
  <c r="N1318" i="2"/>
  <c r="B1318" i="2" l="1"/>
  <c r="N1319" i="2"/>
  <c r="B1319" i="2" l="1"/>
  <c r="N1320" i="2"/>
  <c r="B1320" i="2" l="1"/>
  <c r="N1321" i="2"/>
  <c r="B1321" i="2" l="1"/>
  <c r="N1322" i="2"/>
  <c r="B1322" i="2" l="1"/>
  <c r="N1323" i="2"/>
  <c r="B1323" i="2" l="1"/>
  <c r="N1324" i="2"/>
  <c r="B1324" i="2" l="1"/>
  <c r="N1325" i="2"/>
  <c r="B1325" i="2" l="1"/>
  <c r="N1326" i="2"/>
  <c r="B1326" i="2" l="1"/>
  <c r="N1327" i="2"/>
  <c r="B1327" i="2" l="1"/>
  <c r="N1328" i="2"/>
  <c r="B1328" i="2" l="1"/>
  <c r="N1329" i="2"/>
  <c r="B1329" i="2" l="1"/>
  <c r="N1330" i="2"/>
  <c r="B1330" i="2" l="1"/>
  <c r="N1331" i="2"/>
  <c r="B1331" i="2" l="1"/>
  <c r="N1332" i="2"/>
  <c r="B1332" i="2" l="1"/>
  <c r="N1333" i="2"/>
  <c r="B1333" i="2" l="1"/>
  <c r="N1334" i="2"/>
  <c r="B1334" i="2" l="1"/>
  <c r="N1335" i="2"/>
  <c r="B1335" i="2" l="1"/>
  <c r="N1336" i="2"/>
  <c r="B1336" i="2" l="1"/>
  <c r="N1337" i="2"/>
  <c r="B1337" i="2" l="1"/>
  <c r="N1338" i="2"/>
  <c r="B1338" i="2" l="1"/>
  <c r="N1339" i="2"/>
  <c r="B1339" i="2" l="1"/>
  <c r="N1340" i="2"/>
  <c r="B1340" i="2" l="1"/>
  <c r="N1341" i="2"/>
  <c r="B1341" i="2" l="1"/>
  <c r="N1342" i="2"/>
  <c r="B1342" i="2" l="1"/>
  <c r="N1343" i="2"/>
  <c r="B1343" i="2" l="1"/>
  <c r="N1344" i="2"/>
  <c r="B1344" i="2" l="1"/>
  <c r="N1345" i="2"/>
  <c r="B1345" i="2" l="1"/>
  <c r="N1346" i="2"/>
  <c r="B1346" i="2" l="1"/>
  <c r="N1347" i="2"/>
  <c r="B1347" i="2" l="1"/>
  <c r="N1348" i="2"/>
  <c r="B1348" i="2" l="1"/>
  <c r="N1349" i="2"/>
  <c r="B1349" i="2" l="1"/>
  <c r="N1350" i="2"/>
  <c r="B1350" i="2" l="1"/>
  <c r="N1351" i="2"/>
  <c r="B1351" i="2" l="1"/>
  <c r="N1352" i="2"/>
  <c r="B1352" i="2" l="1"/>
  <c r="N1353" i="2"/>
  <c r="B1353" i="2" l="1"/>
  <c r="N1354" i="2"/>
  <c r="B1354" i="2" l="1"/>
  <c r="N1355" i="2"/>
  <c r="B1355" i="2" l="1"/>
  <c r="N1356" i="2"/>
  <c r="B1356" i="2" l="1"/>
  <c r="N1357" i="2"/>
  <c r="B1357" i="2" l="1"/>
  <c r="N1358" i="2"/>
  <c r="B1358" i="2" l="1"/>
  <c r="N1359" i="2"/>
  <c r="B1359" i="2" l="1"/>
  <c r="N1360" i="2"/>
  <c r="B1360" i="2" l="1"/>
  <c r="N1361" i="2"/>
  <c r="B1361" i="2" l="1"/>
  <c r="N1362" i="2"/>
  <c r="B1362" i="2" l="1"/>
  <c r="N1363" i="2"/>
  <c r="B1363" i="2" l="1"/>
  <c r="N1364" i="2"/>
  <c r="B1364" i="2" l="1"/>
  <c r="N1365" i="2"/>
  <c r="B1365" i="2" l="1"/>
  <c r="N1366" i="2"/>
  <c r="B1366" i="2" l="1"/>
  <c r="N1367" i="2"/>
  <c r="B1367" i="2" l="1"/>
  <c r="N1368" i="2"/>
  <c r="B1368" i="2" l="1"/>
  <c r="N1369" i="2"/>
  <c r="B1369" i="2" l="1"/>
  <c r="N1370" i="2"/>
  <c r="B1370" i="2" l="1"/>
  <c r="N1371" i="2"/>
  <c r="B1371" i="2" l="1"/>
  <c r="N1372" i="2"/>
  <c r="B1372" i="2" l="1"/>
  <c r="N1373" i="2"/>
  <c r="B1373" i="2" l="1"/>
  <c r="N1374" i="2"/>
  <c r="B1374" i="2" l="1"/>
  <c r="N1375" i="2"/>
  <c r="B1375" i="2" l="1"/>
  <c r="N1376" i="2"/>
  <c r="B1376" i="2" l="1"/>
  <c r="N1377" i="2"/>
  <c r="B1377" i="2" l="1"/>
  <c r="N1378" i="2"/>
  <c r="B1378" i="2" l="1"/>
  <c r="N1379" i="2"/>
  <c r="B1379" i="2" l="1"/>
  <c r="N1380" i="2"/>
  <c r="B1380" i="2" l="1"/>
  <c r="N1381" i="2"/>
  <c r="B1381" i="2" l="1"/>
  <c r="N1382" i="2"/>
  <c r="B1382" i="2" l="1"/>
  <c r="N1383" i="2"/>
  <c r="B1383" i="2" l="1"/>
  <c r="N1384" i="2"/>
  <c r="B1384" i="2" l="1"/>
  <c r="N1385" i="2"/>
  <c r="B1385" i="2" l="1"/>
  <c r="N1386" i="2"/>
  <c r="B1386" i="2" l="1"/>
  <c r="N1387" i="2"/>
  <c r="B1387" i="2" l="1"/>
  <c r="N1388" i="2"/>
  <c r="B1388" i="2" l="1"/>
  <c r="N1389" i="2"/>
  <c r="B1389" i="2" l="1"/>
  <c r="N1390" i="2"/>
  <c r="B1390" i="2" l="1"/>
  <c r="N1391" i="2"/>
  <c r="B1391" i="2" l="1"/>
  <c r="N1392" i="2"/>
  <c r="B1392" i="2" l="1"/>
  <c r="N1393" i="2"/>
  <c r="B1393" i="2" l="1"/>
  <c r="N1394" i="2"/>
  <c r="B1394" i="2" l="1"/>
  <c r="N1395" i="2"/>
  <c r="B1395" i="2" l="1"/>
  <c r="N1396" i="2"/>
  <c r="B1396" i="2" l="1"/>
  <c r="N1397" i="2"/>
  <c r="B1397" i="2" l="1"/>
  <c r="N1398" i="2"/>
  <c r="B1398" i="2" l="1"/>
  <c r="N1399" i="2"/>
  <c r="B1399" i="2" l="1"/>
  <c r="N1400" i="2"/>
  <c r="B1400" i="2" l="1"/>
  <c r="N1401" i="2"/>
  <c r="B1401" i="2" l="1"/>
  <c r="N1402" i="2"/>
  <c r="B1402" i="2" l="1"/>
  <c r="N1403" i="2"/>
  <c r="B1403" i="2" l="1"/>
  <c r="N1404" i="2"/>
  <c r="B1404" i="2" l="1"/>
  <c r="N1405" i="2"/>
  <c r="B1405" i="2" l="1"/>
  <c r="N1406" i="2"/>
  <c r="B1406" i="2" l="1"/>
  <c r="N1407" i="2"/>
  <c r="B1407" i="2" l="1"/>
  <c r="N1408" i="2"/>
  <c r="B1408" i="2" l="1"/>
  <c r="N1409" i="2"/>
  <c r="B1409" i="2" l="1"/>
  <c r="N1410" i="2"/>
  <c r="B1410" i="2" l="1"/>
  <c r="N1411" i="2"/>
  <c r="B1411" i="2" l="1"/>
  <c r="N1412" i="2"/>
  <c r="B1412" i="2" l="1"/>
  <c r="N1413" i="2"/>
  <c r="B1413" i="2" l="1"/>
  <c r="N1414" i="2"/>
  <c r="B1414" i="2" l="1"/>
  <c r="N1415" i="2"/>
  <c r="B1415" i="2" l="1"/>
  <c r="N1416" i="2"/>
  <c r="B1416" i="2" l="1"/>
  <c r="N1417" i="2"/>
  <c r="B1417" i="2" l="1"/>
  <c r="N1418" i="2"/>
  <c r="B1418" i="2" l="1"/>
  <c r="N1419" i="2"/>
  <c r="B1419" i="2" l="1"/>
  <c r="N1420" i="2"/>
  <c r="B1420" i="2" l="1"/>
  <c r="N1421" i="2"/>
  <c r="B1421" i="2" l="1"/>
  <c r="N1422" i="2"/>
  <c r="B1422" i="2" l="1"/>
  <c r="N1423" i="2"/>
  <c r="B1423" i="2" l="1"/>
  <c r="N1424" i="2"/>
  <c r="B1424" i="2" l="1"/>
  <c r="N1425" i="2"/>
  <c r="B1425" i="2" l="1"/>
  <c r="N1426" i="2"/>
  <c r="B1426" i="2" l="1"/>
  <c r="N1427" i="2"/>
  <c r="B1427" i="2" l="1"/>
  <c r="N1428" i="2"/>
  <c r="B1428" i="2" l="1"/>
  <c r="N1429" i="2"/>
  <c r="B1429" i="2" l="1"/>
  <c r="N1430" i="2"/>
  <c r="B1430" i="2" l="1"/>
  <c r="N1431" i="2"/>
  <c r="B1431" i="2" l="1"/>
  <c r="N1432" i="2"/>
  <c r="B1432" i="2" l="1"/>
  <c r="N1433" i="2"/>
  <c r="B1433" i="2" l="1"/>
  <c r="N1434" i="2"/>
  <c r="B1434" i="2" l="1"/>
  <c r="N1435" i="2"/>
  <c r="B1435" i="2" l="1"/>
  <c r="N1436" i="2"/>
  <c r="B1436" i="2" l="1"/>
  <c r="N1437" i="2"/>
  <c r="B1437" i="2" l="1"/>
  <c r="N1438" i="2"/>
  <c r="B1438" i="2" l="1"/>
  <c r="N1439" i="2"/>
  <c r="B1439" i="2" l="1"/>
  <c r="N1440" i="2"/>
  <c r="B1440" i="2" l="1"/>
  <c r="N1441" i="2"/>
  <c r="B1441" i="2" l="1"/>
  <c r="N1442" i="2"/>
  <c r="B1442" i="2" l="1"/>
  <c r="N1443" i="2"/>
  <c r="B1443" i="2" l="1"/>
  <c r="N1444" i="2"/>
  <c r="B1444" i="2" l="1"/>
  <c r="N1445" i="2"/>
  <c r="B1445" i="2" l="1"/>
  <c r="N1446" i="2"/>
  <c r="B1446" i="2" l="1"/>
  <c r="N1447" i="2"/>
  <c r="B1447" i="2" l="1"/>
  <c r="N1448" i="2"/>
  <c r="B1448" i="2" l="1"/>
  <c r="N1449" i="2"/>
  <c r="B1449" i="2" l="1"/>
  <c r="N1450" i="2"/>
  <c r="B1450" i="2" l="1"/>
  <c r="N1451" i="2"/>
  <c r="B1451" i="2" l="1"/>
  <c r="N1452" i="2"/>
  <c r="B1452" i="2" l="1"/>
  <c r="N1453" i="2"/>
  <c r="B1453" i="2" l="1"/>
  <c r="N1454" i="2"/>
  <c r="B1454" i="2" l="1"/>
  <c r="N1455" i="2"/>
  <c r="B1455" i="2" l="1"/>
  <c r="N1456" i="2"/>
  <c r="B1456" i="2" l="1"/>
  <c r="N1457" i="2"/>
  <c r="B1457" i="2" l="1"/>
  <c r="N1458" i="2"/>
  <c r="B1458" i="2" l="1"/>
  <c r="N1459" i="2"/>
  <c r="B1459" i="2" l="1"/>
  <c r="N1460" i="2"/>
  <c r="B1460" i="2" l="1"/>
  <c r="N1461" i="2"/>
  <c r="B1461" i="2" l="1"/>
  <c r="N1462" i="2"/>
  <c r="B1462" i="2" l="1"/>
  <c r="N1463" i="2"/>
  <c r="B1463" i="2" l="1"/>
  <c r="N1464" i="2"/>
  <c r="B1464" i="2" l="1"/>
  <c r="N1465" i="2"/>
  <c r="B1465" i="2" l="1"/>
  <c r="N1466" i="2"/>
  <c r="B1466" i="2" l="1"/>
  <c r="N1467" i="2"/>
  <c r="B1467" i="2" l="1"/>
  <c r="N1468" i="2"/>
  <c r="B1468" i="2" l="1"/>
  <c r="N1469" i="2"/>
  <c r="B1469" i="2" l="1"/>
  <c r="N1470" i="2"/>
  <c r="B1470" i="2" l="1"/>
  <c r="N1471" i="2"/>
  <c r="B1471" i="2" l="1"/>
  <c r="N1472" i="2"/>
  <c r="B1472" i="2" l="1"/>
  <c r="N1473" i="2"/>
  <c r="B1473" i="2" l="1"/>
  <c r="N1474" i="2"/>
  <c r="B1474" i="2" l="1"/>
  <c r="N1475" i="2"/>
  <c r="B1475" i="2" l="1"/>
  <c r="N1476" i="2"/>
  <c r="B1476" i="2" l="1"/>
  <c r="N1477" i="2"/>
  <c r="B1477" i="2" l="1"/>
  <c r="N1478" i="2"/>
  <c r="B1478" i="2" l="1"/>
  <c r="N1479" i="2"/>
  <c r="B1479" i="2" l="1"/>
  <c r="N1480" i="2"/>
  <c r="B1480" i="2" l="1"/>
  <c r="N1481" i="2"/>
  <c r="B1481" i="2" l="1"/>
  <c r="N1482" i="2"/>
  <c r="B1482" i="2" l="1"/>
  <c r="N1483" i="2"/>
  <c r="B1483" i="2" l="1"/>
  <c r="N1484" i="2"/>
  <c r="B1484" i="2" l="1"/>
  <c r="N1485" i="2"/>
  <c r="B1485" i="2" l="1"/>
  <c r="N1486" i="2"/>
  <c r="B1486" i="2" l="1"/>
  <c r="N1487" i="2"/>
  <c r="B1487" i="2" l="1"/>
  <c r="N1488" i="2"/>
  <c r="B1488" i="2" l="1"/>
  <c r="N1489" i="2"/>
  <c r="B1489" i="2" l="1"/>
  <c r="N1490" i="2"/>
  <c r="B1490" i="2" l="1"/>
  <c r="N1491" i="2"/>
  <c r="B1491" i="2" l="1"/>
  <c r="N1492" i="2"/>
  <c r="B1492" i="2" l="1"/>
  <c r="N1493" i="2"/>
  <c r="B1493" i="2" l="1"/>
  <c r="N1494" i="2"/>
  <c r="B1494" i="2" l="1"/>
  <c r="N1495" i="2"/>
  <c r="B1495" i="2" l="1"/>
  <c r="N1496" i="2"/>
  <c r="B1496" i="2" l="1"/>
  <c r="N1497" i="2"/>
  <c r="B1497" i="2" l="1"/>
  <c r="N1498" i="2"/>
  <c r="B1498" i="2" l="1"/>
  <c r="N1499" i="2"/>
  <c r="B1499" i="2" l="1"/>
  <c r="N1500" i="2"/>
  <c r="B1500" i="2" l="1"/>
  <c r="N1501" i="2"/>
  <c r="B1501" i="2" l="1"/>
  <c r="N1502" i="2"/>
  <c r="B1502" i="2" l="1"/>
  <c r="N1503" i="2"/>
  <c r="B1503" i="2" l="1"/>
  <c r="N1504" i="2"/>
  <c r="B1504" i="2" l="1"/>
  <c r="N1505" i="2"/>
  <c r="B1505" i="2" l="1"/>
  <c r="N1506" i="2"/>
  <c r="B1506" i="2" l="1"/>
  <c r="N1507" i="2"/>
  <c r="B1507" i="2" l="1"/>
  <c r="N1508" i="2"/>
  <c r="B1508" i="2" l="1"/>
  <c r="N1509" i="2"/>
  <c r="B1509" i="2" l="1"/>
  <c r="N1510" i="2"/>
  <c r="B1510" i="2" l="1"/>
  <c r="N1511" i="2"/>
  <c r="B1511" i="2" l="1"/>
  <c r="N1512" i="2"/>
  <c r="B1512" i="2" l="1"/>
  <c r="N1513" i="2"/>
  <c r="B1513" i="2" l="1"/>
  <c r="N1514" i="2"/>
  <c r="B1514" i="2" l="1"/>
  <c r="N1515" i="2"/>
  <c r="B1515" i="2" l="1"/>
  <c r="N1516" i="2"/>
  <c r="B1516" i="2" l="1"/>
  <c r="N1517" i="2"/>
  <c r="B1517" i="2" l="1"/>
  <c r="N1518" i="2"/>
  <c r="B1518" i="2" l="1"/>
  <c r="N1519" i="2"/>
  <c r="B1519" i="2" l="1"/>
  <c r="N1520" i="2"/>
  <c r="B1520" i="2" l="1"/>
  <c r="N1521" i="2"/>
  <c r="B1521" i="2" l="1"/>
  <c r="N1522" i="2"/>
  <c r="B1522" i="2" l="1"/>
  <c r="N1523" i="2"/>
  <c r="B1523" i="2" l="1"/>
  <c r="N1524" i="2"/>
  <c r="B1524" i="2" l="1"/>
  <c r="N1525" i="2"/>
  <c r="B1525" i="2" l="1"/>
  <c r="N1526" i="2"/>
  <c r="B1526" i="2" l="1"/>
  <c r="N1527" i="2"/>
  <c r="B1527" i="2" l="1"/>
  <c r="N1528" i="2"/>
  <c r="B1528" i="2" l="1"/>
  <c r="N1529" i="2"/>
  <c r="B1529" i="2" l="1"/>
  <c r="N1530" i="2"/>
  <c r="B1530" i="2" l="1"/>
  <c r="N1531" i="2"/>
  <c r="B1531" i="2" l="1"/>
  <c r="N1532" i="2"/>
  <c r="B1532" i="2" l="1"/>
  <c r="N1533" i="2"/>
  <c r="B1533" i="2" l="1"/>
  <c r="N1534" i="2"/>
  <c r="B1534" i="2" l="1"/>
  <c r="N1535" i="2"/>
  <c r="B1535" i="2" l="1"/>
  <c r="N1536" i="2"/>
  <c r="B1536" i="2" l="1"/>
  <c r="N1537" i="2"/>
  <c r="B1537" i="2" l="1"/>
  <c r="N1538" i="2"/>
  <c r="B1538" i="2" l="1"/>
  <c r="N1539" i="2"/>
  <c r="B1539" i="2" l="1"/>
  <c r="N1540" i="2"/>
  <c r="B1540" i="2" l="1"/>
  <c r="N1541" i="2"/>
  <c r="B1541" i="2" l="1"/>
  <c r="N1542" i="2"/>
  <c r="B1542" i="2" l="1"/>
  <c r="N1543" i="2"/>
  <c r="B1543" i="2" l="1"/>
  <c r="N1544" i="2"/>
  <c r="B1544" i="2" l="1"/>
  <c r="N1545" i="2"/>
  <c r="B1545" i="2" l="1"/>
  <c r="N1546" i="2"/>
  <c r="B1546" i="2" s="1"/>
  <c r="N1547" i="2" l="1"/>
  <c r="B1547" i="2" l="1"/>
  <c r="N1548" i="2"/>
  <c r="B1548" i="2" s="1"/>
  <c r="N1549" i="2" l="1"/>
  <c r="B1549" i="2" l="1"/>
  <c r="N1550" i="2"/>
  <c r="B1550" i="2" s="1"/>
  <c r="N1551" i="2" l="1"/>
  <c r="B1551" i="2" l="1"/>
  <c r="N1552" i="2"/>
  <c r="B1552" i="2" s="1"/>
  <c r="N1553" i="2" l="1"/>
  <c r="B1553" i="2" l="1"/>
  <c r="N1554" i="2"/>
  <c r="B1554" i="2" s="1"/>
  <c r="N1555" i="2" l="1"/>
  <c r="B1555" i="2" l="1"/>
  <c r="N1556" i="2"/>
  <c r="B1556" i="2" l="1"/>
  <c r="N1557" i="2"/>
  <c r="B1557" i="2" l="1"/>
  <c r="N1558" i="2"/>
  <c r="B1558" i="2" l="1"/>
  <c r="N1559" i="2"/>
  <c r="B1559" i="2" l="1"/>
  <c r="N1560" i="2"/>
  <c r="B1560" i="2" l="1"/>
  <c r="N1561" i="2"/>
  <c r="B1561" i="2" l="1"/>
  <c r="N1562" i="2"/>
  <c r="B1562" i="2" l="1"/>
  <c r="N1563" i="2"/>
  <c r="B1563" i="2" l="1"/>
  <c r="N1564" i="2"/>
  <c r="B1564" i="2" l="1"/>
  <c r="N1565" i="2"/>
  <c r="B1565" i="2" s="1"/>
  <c r="N1566" i="2" l="1"/>
  <c r="B1566" i="2" l="1"/>
  <c r="N1567" i="2"/>
  <c r="B1567" i="2" s="1"/>
  <c r="N1568" i="2" l="1"/>
  <c r="B1568" i="2" l="1"/>
  <c r="N1569" i="2"/>
  <c r="B1569" i="2" s="1"/>
  <c r="N1570" i="2" l="1"/>
  <c r="B1570" i="2" l="1"/>
  <c r="N1571" i="2"/>
  <c r="B1571" i="2" s="1"/>
  <c r="N1572" i="2" l="1"/>
  <c r="B1572" i="2" l="1"/>
  <c r="N1573" i="2"/>
  <c r="B1573" i="2" s="1"/>
  <c r="N1574" i="2" l="1"/>
  <c r="B1574" i="2" l="1"/>
  <c r="N1575" i="2"/>
  <c r="B1575" i="2" s="1"/>
  <c r="N1576" i="2" l="1"/>
  <c r="B1576" i="2" l="1"/>
  <c r="N1577" i="2"/>
  <c r="B1577" i="2" s="1"/>
  <c r="N1578" i="2" l="1"/>
  <c r="B1578" i="2" l="1"/>
  <c r="N1579" i="2"/>
  <c r="B1579" i="2" s="1"/>
  <c r="N1580" i="2" l="1"/>
  <c r="B1580" i="2" l="1"/>
  <c r="N1581" i="2"/>
  <c r="B1581" i="2" s="1"/>
  <c r="N1582" i="2" l="1"/>
  <c r="B1582" i="2" l="1"/>
  <c r="N1583" i="2"/>
  <c r="B1583" i="2" s="1"/>
  <c r="N1584" i="2" l="1"/>
  <c r="B1584" i="2" l="1"/>
  <c r="N1585" i="2"/>
  <c r="B1585" i="2" s="1"/>
  <c r="N1586" i="2" l="1"/>
  <c r="B1586" i="2" l="1"/>
  <c r="N1587" i="2"/>
  <c r="B1587" i="2" s="1"/>
  <c r="N1588" i="2" l="1"/>
  <c r="B1588" i="2" l="1"/>
  <c r="N1589" i="2"/>
  <c r="B1589" i="2" s="1"/>
  <c r="N1590" i="2" l="1"/>
  <c r="B1590" i="2" l="1"/>
  <c r="N1591" i="2"/>
  <c r="B1591" i="2" s="1"/>
  <c r="N1592" i="2" l="1"/>
  <c r="B1592" i="2" l="1"/>
  <c r="N1593" i="2"/>
  <c r="B1593" i="2" s="1"/>
  <c r="N1594" i="2" l="1"/>
  <c r="B1594" i="2" l="1"/>
  <c r="N1595" i="2"/>
  <c r="B1595" i="2" s="1"/>
  <c r="N1596" i="2" l="1"/>
  <c r="B1596" i="2" l="1"/>
  <c r="N1597" i="2"/>
  <c r="B1597" i="2" s="1"/>
  <c r="N1598" i="2" l="1"/>
  <c r="B1598" i="2" l="1"/>
  <c r="N1599" i="2"/>
  <c r="B1599" i="2" s="1"/>
  <c r="N1600" i="2" l="1"/>
  <c r="B1600" i="2" l="1"/>
  <c r="N1601" i="2"/>
  <c r="B1601" i="2" s="1"/>
  <c r="N1602" i="2" l="1"/>
  <c r="B1602" i="2" l="1"/>
  <c r="N1603" i="2"/>
  <c r="B1603" i="2" s="1"/>
  <c r="N1604" i="2" l="1"/>
  <c r="B1604" i="2" l="1"/>
  <c r="N1605" i="2"/>
  <c r="B1605" i="2" s="1"/>
  <c r="N1606" i="2" l="1"/>
  <c r="B1606" i="2" l="1"/>
  <c r="N1607" i="2"/>
  <c r="B1607" i="2" s="1"/>
  <c r="N1608" i="2" l="1"/>
  <c r="B1608" i="2" l="1"/>
  <c r="N1609" i="2"/>
  <c r="B1609" i="2" s="1"/>
  <c r="N1610" i="2" l="1"/>
  <c r="B1610" i="2" l="1"/>
  <c r="N1611" i="2"/>
  <c r="B1611" i="2" s="1"/>
  <c r="N1612" i="2" l="1"/>
  <c r="B1612" i="2" l="1"/>
  <c r="N1613" i="2"/>
  <c r="B1613" i="2" s="1"/>
  <c r="N1614" i="2" l="1"/>
  <c r="B1614" i="2" l="1"/>
  <c r="N1615" i="2"/>
  <c r="B1615" i="2" s="1"/>
  <c r="N1616" i="2" l="1"/>
  <c r="B1616" i="2" l="1"/>
  <c r="N1617" i="2"/>
  <c r="B1617" i="2" s="1"/>
  <c r="N1618" i="2" l="1"/>
  <c r="B1618" i="2" l="1"/>
  <c r="N1619" i="2"/>
  <c r="B1619" i="2" s="1"/>
  <c r="N1620" i="2" l="1"/>
  <c r="B1620" i="2" l="1"/>
  <c r="N1621" i="2"/>
  <c r="B1621" i="2" s="1"/>
  <c r="N1622" i="2" l="1"/>
  <c r="B1622" i="2" l="1"/>
  <c r="N1623" i="2"/>
  <c r="B1623" i="2" s="1"/>
  <c r="N1624" i="2" l="1"/>
  <c r="B1624" i="2" l="1"/>
  <c r="N1625" i="2"/>
  <c r="B1625" i="2" s="1"/>
  <c r="N1626" i="2" l="1"/>
  <c r="B1626" i="2" l="1"/>
  <c r="N1627" i="2"/>
  <c r="B1627" i="2" s="1"/>
  <c r="N1628" i="2" l="1"/>
  <c r="B1628" i="2" l="1"/>
  <c r="N1629" i="2"/>
  <c r="B1629" i="2" s="1"/>
  <c r="N1630" i="2" l="1"/>
  <c r="B1630" i="2" l="1"/>
  <c r="N1631" i="2"/>
  <c r="B1631" i="2" s="1"/>
  <c r="N1632" i="2" l="1"/>
  <c r="B1632" i="2" l="1"/>
  <c r="N1633" i="2"/>
  <c r="B1633" i="2" s="1"/>
  <c r="N1634" i="2" l="1"/>
  <c r="B1634" i="2" l="1"/>
  <c r="N1635" i="2"/>
  <c r="B1635" i="2" s="1"/>
  <c r="N1636" i="2" l="1"/>
  <c r="B1636" i="2" l="1"/>
  <c r="N1637" i="2"/>
  <c r="B1637" i="2" s="1"/>
  <c r="N1638" i="2" l="1"/>
  <c r="B1638" i="2" l="1"/>
  <c r="N1639" i="2"/>
  <c r="B1639" i="2" s="1"/>
  <c r="N1640" i="2" l="1"/>
  <c r="B1640" i="2" l="1"/>
  <c r="N1641" i="2"/>
  <c r="B1641" i="2" s="1"/>
  <c r="N1642" i="2" l="1"/>
  <c r="B1642" i="2" l="1"/>
  <c r="N1643" i="2"/>
  <c r="B1643" i="2" s="1"/>
  <c r="N1644" i="2" l="1"/>
  <c r="B1644" i="2" l="1"/>
  <c r="N1645" i="2"/>
  <c r="B1645" i="2" s="1"/>
  <c r="N1646" i="2" l="1"/>
  <c r="B1646" i="2" l="1"/>
  <c r="N1647" i="2"/>
  <c r="B1647" i="2" s="1"/>
  <c r="N1648" i="2" l="1"/>
  <c r="B1648" i="2" l="1"/>
  <c r="N1649" i="2"/>
  <c r="B1649" i="2" s="1"/>
  <c r="N1650" i="2" l="1"/>
  <c r="B1650" i="2" l="1"/>
  <c r="N1651" i="2"/>
  <c r="B1651" i="2" s="1"/>
  <c r="N1652" i="2" l="1"/>
  <c r="B1652" i="2" l="1"/>
  <c r="N1653" i="2"/>
  <c r="B1653" i="2" s="1"/>
  <c r="N1654" i="2" l="1"/>
  <c r="B1654" i="2" l="1"/>
  <c r="N1655" i="2"/>
  <c r="B1655" i="2" s="1"/>
  <c r="N1656" i="2" l="1"/>
  <c r="B1656" i="2" l="1"/>
  <c r="N1657" i="2"/>
  <c r="B1657" i="2" s="1"/>
  <c r="N1658" i="2" l="1"/>
  <c r="B1658" i="2" l="1"/>
  <c r="N1659" i="2"/>
  <c r="B1659" i="2" s="1"/>
  <c r="N1660" i="2" l="1"/>
  <c r="B1660" i="2" l="1"/>
  <c r="N1661" i="2"/>
  <c r="B1661" i="2" s="1"/>
  <c r="N1662" i="2" l="1"/>
  <c r="B1662" i="2" l="1"/>
  <c r="N1663" i="2"/>
  <c r="B1663" i="2" s="1"/>
  <c r="N1664" i="2" l="1"/>
  <c r="B1664" i="2" l="1"/>
  <c r="N1665" i="2"/>
  <c r="B1665" i="2" s="1"/>
  <c r="N1666" i="2" l="1"/>
  <c r="B1666" i="2" l="1"/>
  <c r="N1667" i="2"/>
  <c r="B1667" i="2" s="1"/>
  <c r="N1668" i="2" l="1"/>
  <c r="B1668" i="2" l="1"/>
  <c r="N1669" i="2"/>
  <c r="B1669" i="2" s="1"/>
  <c r="N1670" i="2" l="1"/>
  <c r="B1670" i="2" l="1"/>
  <c r="N1671" i="2"/>
  <c r="B1671" i="2" s="1"/>
  <c r="N1672" i="2" l="1"/>
  <c r="B1672" i="2" l="1"/>
  <c r="N1673" i="2"/>
  <c r="B1673" i="2" s="1"/>
  <c r="N1674" i="2" l="1"/>
  <c r="B1674" i="2" l="1"/>
  <c r="N1675" i="2"/>
  <c r="B1675" i="2" s="1"/>
  <c r="N1676" i="2" l="1"/>
  <c r="B1676" i="2" l="1"/>
  <c r="N1677" i="2"/>
  <c r="B1677" i="2" s="1"/>
  <c r="N1678" i="2" l="1"/>
  <c r="B1678" i="2" l="1"/>
  <c r="N1679" i="2"/>
  <c r="B1679" i="2" s="1"/>
  <c r="N1680" i="2" l="1"/>
  <c r="B1680" i="2" l="1"/>
  <c r="N1681" i="2"/>
  <c r="B1681" i="2" s="1"/>
  <c r="N1682" i="2" l="1"/>
  <c r="B1682" i="2" l="1"/>
  <c r="N1683" i="2"/>
  <c r="B1683" i="2" s="1"/>
  <c r="N1684" i="2" l="1"/>
  <c r="B1684" i="2" l="1"/>
  <c r="N1685" i="2"/>
  <c r="B1685" i="2" s="1"/>
  <c r="N1686" i="2" l="1"/>
  <c r="B1686" i="2" l="1"/>
  <c r="N1687" i="2"/>
  <c r="B1687" i="2" s="1"/>
  <c r="N1688" i="2" l="1"/>
  <c r="B1688" i="2" l="1"/>
  <c r="N1689" i="2"/>
  <c r="B1689" i="2" s="1"/>
  <c r="N1690" i="2" l="1"/>
  <c r="B1690" i="2" l="1"/>
  <c r="N1691" i="2"/>
  <c r="B1691" i="2" s="1"/>
  <c r="N1692" i="2" l="1"/>
  <c r="B1692" i="2" l="1"/>
  <c r="N1693" i="2"/>
  <c r="B1693" i="2" s="1"/>
  <c r="N1694" i="2" l="1"/>
  <c r="B1694" i="2" l="1"/>
  <c r="N1695" i="2"/>
  <c r="B1695" i="2" s="1"/>
  <c r="N1696" i="2" l="1"/>
  <c r="B1696" i="2" l="1"/>
  <c r="N1697" i="2"/>
  <c r="B1697" i="2" s="1"/>
  <c r="N1698" i="2" l="1"/>
  <c r="B1698" i="2" l="1"/>
  <c r="N1699" i="2"/>
  <c r="B1699" i="2" s="1"/>
  <c r="N1700" i="2" l="1"/>
  <c r="B1700" i="2" l="1"/>
  <c r="N1701" i="2"/>
  <c r="B1701" i="2" s="1"/>
  <c r="N1702" i="2" l="1"/>
  <c r="B1702" i="2" l="1"/>
  <c r="N1703" i="2"/>
  <c r="B1703" i="2" s="1"/>
  <c r="N1704" i="2" l="1"/>
  <c r="B1704" i="2" l="1"/>
  <c r="N1705" i="2"/>
  <c r="B1705" i="2" s="1"/>
  <c r="N1706" i="2" l="1"/>
  <c r="B1706" i="2" l="1"/>
  <c r="N1707" i="2"/>
  <c r="B1707" i="2" s="1"/>
  <c r="N1708" i="2" l="1"/>
  <c r="B1708" i="2" l="1"/>
  <c r="N1709" i="2"/>
  <c r="B1709" i="2" s="1"/>
  <c r="N1710" i="2" l="1"/>
  <c r="B1710" i="2" l="1"/>
  <c r="N1711" i="2"/>
  <c r="B1711" i="2" s="1"/>
  <c r="N1712" i="2" l="1"/>
  <c r="B1712" i="2" l="1"/>
  <c r="N1713" i="2"/>
  <c r="B1713" i="2" s="1"/>
  <c r="N1714" i="2" l="1"/>
  <c r="B1714" i="2" l="1"/>
  <c r="N1715" i="2"/>
  <c r="B1715" i="2" l="1"/>
  <c r="N1716" i="2"/>
  <c r="B1716" i="2" l="1"/>
  <c r="N1717" i="2"/>
  <c r="B1717" i="2" l="1"/>
  <c r="N1718" i="2"/>
  <c r="B1718" i="2" l="1"/>
  <c r="N1719" i="2"/>
  <c r="B1719" i="2" l="1"/>
  <c r="N1720" i="2"/>
  <c r="B1720" i="2" l="1"/>
  <c r="N1721" i="2"/>
  <c r="B1721" i="2" l="1"/>
  <c r="N1722" i="2"/>
  <c r="B1722" i="2" l="1"/>
  <c r="N1723" i="2"/>
  <c r="B1723" i="2" l="1"/>
  <c r="N1724" i="2"/>
  <c r="B1724" i="2" l="1"/>
  <c r="N1725" i="2"/>
  <c r="B1725" i="2" l="1"/>
  <c r="N1726" i="2"/>
  <c r="B1726" i="2" l="1"/>
  <c r="N1727" i="2"/>
  <c r="B1727" i="2" l="1"/>
  <c r="N1728" i="2"/>
  <c r="B1728" i="2" l="1"/>
  <c r="N1729" i="2"/>
  <c r="B1729" i="2" l="1"/>
  <c r="N1730" i="2"/>
  <c r="B1730" i="2" l="1"/>
  <c r="N1731" i="2"/>
  <c r="B1731" i="2" l="1"/>
  <c r="N1732" i="2"/>
  <c r="B1732" i="2" l="1"/>
  <c r="N1733" i="2"/>
  <c r="B1733" i="2" l="1"/>
  <c r="N1734" i="2"/>
  <c r="B1734" i="2" l="1"/>
  <c r="N1735" i="2"/>
  <c r="B1735" i="2" l="1"/>
  <c r="N1736" i="2"/>
  <c r="B1736" i="2" l="1"/>
  <c r="N1737" i="2"/>
  <c r="B1737" i="2" l="1"/>
  <c r="N1738" i="2"/>
  <c r="B1738" i="2" l="1"/>
  <c r="N1739" i="2"/>
  <c r="B1739" i="2" l="1"/>
  <c r="N1740" i="2"/>
  <c r="B1740" i="2" l="1"/>
  <c r="N1741" i="2"/>
  <c r="B1741" i="2" l="1"/>
  <c r="N1742" i="2"/>
  <c r="B1742" i="2" l="1"/>
  <c r="N1743" i="2"/>
  <c r="B1743" i="2" l="1"/>
  <c r="N1744" i="2"/>
  <c r="B1744" i="2" l="1"/>
  <c r="N1745" i="2"/>
  <c r="B1745" i="2" l="1"/>
  <c r="N1746" i="2"/>
  <c r="B1746" i="2" l="1"/>
  <c r="N1747" i="2"/>
  <c r="B1747" i="2" l="1"/>
  <c r="N1748" i="2"/>
  <c r="B1748" i="2" l="1"/>
  <c r="N1749" i="2"/>
  <c r="B1749" i="2" l="1"/>
  <c r="N1750" i="2"/>
  <c r="B1750" i="2" l="1"/>
  <c r="N1751" i="2"/>
  <c r="B1751" i="2" l="1"/>
  <c r="N1752" i="2"/>
  <c r="B1752" i="2" l="1"/>
  <c r="N1753" i="2"/>
  <c r="B1753" i="2" l="1"/>
  <c r="N1754" i="2"/>
  <c r="B1754" i="2" l="1"/>
  <c r="N1755" i="2"/>
  <c r="B1755" i="2" l="1"/>
  <c r="N1756" i="2"/>
  <c r="B1756" i="2" l="1"/>
  <c r="N1757" i="2"/>
  <c r="B1757" i="2" l="1"/>
  <c r="N1758" i="2"/>
  <c r="B1758" i="2" l="1"/>
  <c r="N1759" i="2"/>
  <c r="B1759" i="2" l="1"/>
  <c r="N1760" i="2"/>
  <c r="B1760" i="2" l="1"/>
  <c r="N1761" i="2"/>
  <c r="B1761" i="2" l="1"/>
  <c r="N1762" i="2"/>
  <c r="B1762" i="2" l="1"/>
  <c r="N1763" i="2"/>
  <c r="B1763" i="2" l="1"/>
  <c r="N1764" i="2"/>
  <c r="B1764" i="2" l="1"/>
  <c r="N1765" i="2"/>
  <c r="B1765" i="2" l="1"/>
  <c r="N1766" i="2"/>
  <c r="B1766" i="2" l="1"/>
  <c r="N1767" i="2"/>
  <c r="B1767" i="2" l="1"/>
  <c r="N1768" i="2"/>
  <c r="B1768" i="2" l="1"/>
  <c r="N1769" i="2"/>
  <c r="B1769" i="2" l="1"/>
  <c r="N1770" i="2"/>
  <c r="B1770" i="2" l="1"/>
  <c r="N1771" i="2"/>
  <c r="B1771" i="2" l="1"/>
  <c r="N1772" i="2"/>
  <c r="B1772" i="2" l="1"/>
  <c r="N1773" i="2"/>
  <c r="B1773" i="2" l="1"/>
  <c r="N1774" i="2"/>
  <c r="B1774" i="2" l="1"/>
  <c r="N1775" i="2"/>
  <c r="B1775" i="2" l="1"/>
  <c r="N1776" i="2"/>
  <c r="B1776" i="2" l="1"/>
  <c r="N1777" i="2"/>
  <c r="B1777" i="2" l="1"/>
  <c r="N1778" i="2"/>
  <c r="B1778" i="2" l="1"/>
  <c r="N1779" i="2"/>
  <c r="B1779" i="2" l="1"/>
  <c r="N1780" i="2"/>
  <c r="B1780" i="2" l="1"/>
  <c r="N1781" i="2"/>
  <c r="B1781" i="2" l="1"/>
  <c r="N1782" i="2"/>
  <c r="B1782" i="2" l="1"/>
  <c r="N1783" i="2"/>
  <c r="B1783" i="2" l="1"/>
  <c r="N1784" i="2"/>
  <c r="B1784" i="2" l="1"/>
  <c r="N1785" i="2"/>
  <c r="B1785" i="2" l="1"/>
  <c r="N1786" i="2"/>
  <c r="B1786" i="2" l="1"/>
  <c r="N1787" i="2"/>
  <c r="B1787" i="2" l="1"/>
  <c r="N1788" i="2"/>
  <c r="B1788" i="2" l="1"/>
  <c r="N1789" i="2"/>
  <c r="B1789" i="2" l="1"/>
  <c r="N1790" i="2"/>
  <c r="B1790" i="2" l="1"/>
  <c r="N1791" i="2"/>
  <c r="B1791" i="2" l="1"/>
  <c r="N1792" i="2"/>
  <c r="B1792" i="2" l="1"/>
  <c r="N1793" i="2"/>
  <c r="B1793" i="2" l="1"/>
  <c r="N1794" i="2"/>
  <c r="B1794" i="2" l="1"/>
  <c r="N1795" i="2"/>
  <c r="B1795" i="2" l="1"/>
  <c r="N1796" i="2"/>
  <c r="B1796" i="2" l="1"/>
  <c r="N1797" i="2"/>
  <c r="B1797" i="2" l="1"/>
  <c r="N1798" i="2"/>
  <c r="B1798" i="2" l="1"/>
  <c r="N1799" i="2"/>
  <c r="B1799" i="2" l="1"/>
  <c r="N1800" i="2"/>
  <c r="B1800" i="2" l="1"/>
  <c r="N1801" i="2"/>
  <c r="B1801" i="2" l="1"/>
  <c r="N1802" i="2"/>
  <c r="B1802" i="2" l="1"/>
  <c r="N1803" i="2"/>
  <c r="B1803" i="2" l="1"/>
  <c r="N1804" i="2"/>
  <c r="B1804" i="2" l="1"/>
  <c r="N1805" i="2"/>
  <c r="B1805" i="2" l="1"/>
  <c r="N1806" i="2"/>
  <c r="B1806" i="2" l="1"/>
  <c r="N1807" i="2"/>
  <c r="B1807" i="2" l="1"/>
  <c r="N1808" i="2"/>
  <c r="B1808" i="2" l="1"/>
  <c r="N1809" i="2"/>
  <c r="B1809" i="2" l="1"/>
  <c r="N1810" i="2"/>
  <c r="B1810" i="2" l="1"/>
  <c r="N1811" i="2"/>
  <c r="B1811" i="2" l="1"/>
  <c r="N1812" i="2"/>
  <c r="B1812" i="2" l="1"/>
  <c r="N1813" i="2"/>
  <c r="B1813" i="2" l="1"/>
  <c r="N1814" i="2"/>
  <c r="B1814" i="2" l="1"/>
  <c r="N1815" i="2"/>
  <c r="B1815" i="2" l="1"/>
  <c r="N1816" i="2"/>
  <c r="B1816" i="2" l="1"/>
  <c r="N1817" i="2"/>
  <c r="B1817" i="2" l="1"/>
  <c r="N1818" i="2"/>
  <c r="B1818" i="2" l="1"/>
  <c r="N1819" i="2"/>
  <c r="B1819" i="2" l="1"/>
  <c r="N1820" i="2"/>
  <c r="B1820" i="2" l="1"/>
  <c r="N1821" i="2"/>
  <c r="B1821" i="2" l="1"/>
  <c r="N1822" i="2"/>
  <c r="B1822" i="2" l="1"/>
  <c r="N1823" i="2"/>
  <c r="B1823" i="2" l="1"/>
  <c r="N1824" i="2"/>
  <c r="B1824" i="2" l="1"/>
  <c r="N1825" i="2"/>
  <c r="B1825" i="2" l="1"/>
  <c r="N1826" i="2"/>
  <c r="B1826" i="2" l="1"/>
  <c r="N1827" i="2"/>
  <c r="B1827" i="2" l="1"/>
  <c r="N1828" i="2"/>
  <c r="B1828" i="2" l="1"/>
  <c r="N1829" i="2"/>
  <c r="B1829" i="2" l="1"/>
  <c r="N1830" i="2"/>
  <c r="B1830" i="2" l="1"/>
  <c r="N1831" i="2"/>
  <c r="B1831" i="2" l="1"/>
  <c r="N1832" i="2"/>
  <c r="B1832" i="2" l="1"/>
  <c r="N1833" i="2"/>
  <c r="B1833" i="2" l="1"/>
  <c r="N1834" i="2"/>
  <c r="B1834" i="2" l="1"/>
  <c r="N1835" i="2"/>
  <c r="B1835" i="2" l="1"/>
  <c r="N1836" i="2"/>
  <c r="B1836" i="2" l="1"/>
  <c r="N1837" i="2"/>
  <c r="B1837" i="2" l="1"/>
  <c r="N1838" i="2"/>
  <c r="B1838" i="2" l="1"/>
  <c r="N1839" i="2"/>
  <c r="B1839" i="2" l="1"/>
  <c r="N1840" i="2"/>
  <c r="B1840" i="2" l="1"/>
  <c r="N1841" i="2"/>
  <c r="B1841" i="2" l="1"/>
  <c r="N1842" i="2"/>
  <c r="B1842" i="2" l="1"/>
  <c r="N1843" i="2"/>
  <c r="B1843" i="2" l="1"/>
  <c r="N1844" i="2"/>
  <c r="B1844" i="2" l="1"/>
  <c r="N1845" i="2"/>
  <c r="B1845" i="2" l="1"/>
  <c r="N1846" i="2"/>
  <c r="B1846" i="2" l="1"/>
  <c r="N1847" i="2"/>
  <c r="B1847" i="2" l="1"/>
  <c r="N1848" i="2"/>
  <c r="B1848" i="2" l="1"/>
  <c r="N1849" i="2"/>
  <c r="B1849" i="2" l="1"/>
  <c r="N1850" i="2"/>
  <c r="B1850" i="2" l="1"/>
  <c r="N1851" i="2"/>
  <c r="B1851" i="2" l="1"/>
  <c r="N1852" i="2"/>
  <c r="B1852" i="2" l="1"/>
  <c r="N1853" i="2"/>
  <c r="B1853" i="2" l="1"/>
  <c r="N1854" i="2"/>
  <c r="B1854" i="2" l="1"/>
  <c r="N1855" i="2"/>
  <c r="B1855" i="2" l="1"/>
  <c r="N1856" i="2"/>
  <c r="B1856" i="2" l="1"/>
  <c r="N1857" i="2"/>
  <c r="B1857" i="2" l="1"/>
  <c r="N1858" i="2"/>
  <c r="B1858" i="2" l="1"/>
  <c r="N1859" i="2"/>
  <c r="B1859" i="2" l="1"/>
  <c r="N1860" i="2"/>
  <c r="B1860" i="2" l="1"/>
  <c r="N1861" i="2"/>
  <c r="B1861" i="2" l="1"/>
  <c r="N1862" i="2"/>
  <c r="B1862" i="2" l="1"/>
  <c r="N1863" i="2"/>
  <c r="B1863" i="2" l="1"/>
  <c r="N1864" i="2"/>
  <c r="B1864" i="2" l="1"/>
  <c r="N1865" i="2"/>
  <c r="B1865" i="2" l="1"/>
  <c r="N1866" i="2"/>
  <c r="B1866" i="2" l="1"/>
  <c r="N1867" i="2"/>
  <c r="B1867" i="2" l="1"/>
  <c r="N1868" i="2"/>
  <c r="B1868" i="2" l="1"/>
  <c r="N1869" i="2"/>
  <c r="B1869" i="2" l="1"/>
  <c r="N1870" i="2"/>
  <c r="B1870" i="2" l="1"/>
  <c r="N1871" i="2"/>
  <c r="B1871" i="2" l="1"/>
  <c r="N1872" i="2"/>
  <c r="B1872" i="2" l="1"/>
  <c r="N1873" i="2"/>
  <c r="B1873" i="2" l="1"/>
  <c r="N1874" i="2"/>
  <c r="B1874" i="2" l="1"/>
  <c r="N1875" i="2"/>
  <c r="B1875" i="2" l="1"/>
  <c r="N1876" i="2"/>
  <c r="B1876" i="2" l="1"/>
  <c r="N1877" i="2"/>
  <c r="B1877" i="2" l="1"/>
  <c r="N1878" i="2"/>
  <c r="B1878" i="2" l="1"/>
  <c r="N1879" i="2"/>
  <c r="B1879" i="2" l="1"/>
  <c r="N1880" i="2"/>
  <c r="B1880" i="2" l="1"/>
  <c r="N1881" i="2"/>
  <c r="B1881" i="2" l="1"/>
  <c r="N1882" i="2"/>
  <c r="B1882" i="2" l="1"/>
  <c r="N1883" i="2"/>
  <c r="B1883" i="2" l="1"/>
  <c r="N1884" i="2"/>
  <c r="B1884" i="2" l="1"/>
  <c r="N1885" i="2"/>
  <c r="B1885" i="2" l="1"/>
  <c r="N1886" i="2"/>
  <c r="B1886" i="2" l="1"/>
  <c r="N1887" i="2"/>
  <c r="B1887" i="2" l="1"/>
  <c r="N1888" i="2"/>
  <c r="B1888" i="2" l="1"/>
  <c r="N1889" i="2"/>
  <c r="B1889" i="2" l="1"/>
  <c r="N1890" i="2"/>
  <c r="B1890" i="2" l="1"/>
  <c r="N1891" i="2"/>
  <c r="B1891" i="2" l="1"/>
  <c r="N1892" i="2"/>
  <c r="B1892" i="2" l="1"/>
  <c r="N1893" i="2"/>
  <c r="B1893" i="2" l="1"/>
  <c r="N1894" i="2"/>
  <c r="B1894" i="2" l="1"/>
  <c r="N1895" i="2"/>
  <c r="B1895" i="2" l="1"/>
  <c r="N1896" i="2"/>
  <c r="B1896" i="2" l="1"/>
  <c r="N1897" i="2"/>
  <c r="B1897" i="2" l="1"/>
  <c r="N1898" i="2"/>
  <c r="B1898" i="2" l="1"/>
  <c r="N1899" i="2"/>
  <c r="B1899" i="2" l="1"/>
  <c r="N1900" i="2"/>
  <c r="B1900" i="2" l="1"/>
  <c r="N1901" i="2"/>
  <c r="B1901" i="2" l="1"/>
  <c r="N1902" i="2"/>
  <c r="B1902" i="2" l="1"/>
  <c r="N1903" i="2"/>
  <c r="B1903" i="2" l="1"/>
  <c r="N1904" i="2"/>
  <c r="B1904" i="2" l="1"/>
  <c r="N1905" i="2"/>
  <c r="B1905" i="2" l="1"/>
  <c r="N1906" i="2"/>
  <c r="B1906" i="2" l="1"/>
  <c r="N1907" i="2"/>
  <c r="B1907" i="2" l="1"/>
  <c r="N1908" i="2"/>
  <c r="B1908" i="2" l="1"/>
  <c r="N1909" i="2"/>
  <c r="B1909" i="2" l="1"/>
  <c r="N1910" i="2"/>
  <c r="B1910" i="2" l="1"/>
  <c r="N1911" i="2"/>
  <c r="B1911" i="2" l="1"/>
  <c r="N1912" i="2"/>
  <c r="B1912" i="2" l="1"/>
  <c r="N1913" i="2"/>
  <c r="B1913" i="2" l="1"/>
  <c r="N1914" i="2"/>
  <c r="B1914" i="2" l="1"/>
  <c r="N1915" i="2"/>
  <c r="B1915" i="2" l="1"/>
  <c r="N1916" i="2"/>
  <c r="B1916" i="2" l="1"/>
  <c r="N1917" i="2"/>
  <c r="B1917" i="2" l="1"/>
  <c r="N1918" i="2"/>
  <c r="B1918" i="2" l="1"/>
  <c r="N1919" i="2"/>
  <c r="B1919" i="2" l="1"/>
  <c r="N1920" i="2"/>
  <c r="B1920" i="2" l="1"/>
  <c r="N1921" i="2"/>
  <c r="B1921" i="2" l="1"/>
  <c r="N1922" i="2"/>
  <c r="B1922" i="2" l="1"/>
  <c r="N1923" i="2"/>
  <c r="B1923" i="2" l="1"/>
  <c r="N1924" i="2"/>
  <c r="B1924" i="2" l="1"/>
  <c r="N1925" i="2"/>
  <c r="B1925" i="2" l="1"/>
  <c r="N1926" i="2"/>
  <c r="B1926" i="2" l="1"/>
  <c r="N1927" i="2"/>
  <c r="B1927" i="2" l="1"/>
  <c r="N1928" i="2"/>
  <c r="B1928" i="2" l="1"/>
  <c r="N1929" i="2"/>
  <c r="B1929" i="2" l="1"/>
  <c r="N1930" i="2"/>
  <c r="B1930" i="2" l="1"/>
  <c r="N1931" i="2"/>
  <c r="B1931" i="2" l="1"/>
  <c r="N1932" i="2"/>
  <c r="B1932" i="2" l="1"/>
  <c r="N1933" i="2"/>
  <c r="B1933" i="2" l="1"/>
  <c r="N1934" i="2"/>
  <c r="B1934" i="2" l="1"/>
  <c r="N1935" i="2"/>
  <c r="B1935" i="2" l="1"/>
  <c r="N1936" i="2"/>
  <c r="B1936" i="2" l="1"/>
  <c r="N1937" i="2"/>
  <c r="B1937" i="2" l="1"/>
  <c r="N1938" i="2"/>
  <c r="B1938" i="2" l="1"/>
  <c r="N1939" i="2"/>
  <c r="B1939" i="2" l="1"/>
  <c r="N1940" i="2"/>
  <c r="B1940" i="2" l="1"/>
  <c r="N1941" i="2"/>
  <c r="B1941" i="2" l="1"/>
  <c r="N1942" i="2"/>
  <c r="B1942" i="2" l="1"/>
  <c r="N1943" i="2"/>
  <c r="B1943" i="2" l="1"/>
  <c r="N1944" i="2"/>
  <c r="B1944" i="2" l="1"/>
  <c r="N1945" i="2"/>
  <c r="B1945" i="2" l="1"/>
  <c r="N1946" i="2"/>
  <c r="B1946" i="2" l="1"/>
  <c r="N1947" i="2"/>
  <c r="B1947" i="2" l="1"/>
  <c r="N1948" i="2"/>
  <c r="B1948" i="2" l="1"/>
  <c r="N1949" i="2"/>
  <c r="B1949" i="2" l="1"/>
  <c r="N1950" i="2"/>
  <c r="B1950" i="2" l="1"/>
  <c r="N1951" i="2"/>
  <c r="B1951" i="2" l="1"/>
  <c r="N1952" i="2"/>
  <c r="B1952" i="2" l="1"/>
  <c r="N1953" i="2"/>
  <c r="B1953" i="2" l="1"/>
  <c r="N1954" i="2"/>
  <c r="B1954" i="2" l="1"/>
  <c r="N1955" i="2"/>
  <c r="B1955" i="2" l="1"/>
  <c r="N1956" i="2"/>
  <c r="B1956" i="2" l="1"/>
  <c r="N1957" i="2"/>
  <c r="B1957" i="2" l="1"/>
  <c r="N1958" i="2"/>
  <c r="B1958" i="2" l="1"/>
  <c r="N1959" i="2"/>
  <c r="B1959" i="2" l="1"/>
  <c r="N1960" i="2"/>
  <c r="B1960" i="2" l="1"/>
  <c r="N1961" i="2"/>
  <c r="B1961" i="2" l="1"/>
  <c r="N1962" i="2"/>
  <c r="B1962" i="2" l="1"/>
  <c r="N1963" i="2"/>
  <c r="B1963" i="2" l="1"/>
  <c r="N1964" i="2"/>
  <c r="B1964" i="2" l="1"/>
  <c r="N1965" i="2"/>
  <c r="B1965" i="2" l="1"/>
  <c r="N1966" i="2"/>
  <c r="B1966" i="2" l="1"/>
  <c r="N1967" i="2"/>
  <c r="B1967" i="2" l="1"/>
  <c r="N1968" i="2"/>
  <c r="B1968" i="2" l="1"/>
  <c r="N1969" i="2"/>
  <c r="B1969" i="2" l="1"/>
  <c r="N1970" i="2"/>
  <c r="B1970" i="2" l="1"/>
  <c r="N1971" i="2"/>
  <c r="B1971" i="2" l="1"/>
  <c r="N1972" i="2"/>
  <c r="B1972" i="2" l="1"/>
  <c r="N1973" i="2"/>
  <c r="B1973" i="2" l="1"/>
  <c r="N1974" i="2"/>
  <c r="B1974" i="2" l="1"/>
  <c r="N1975" i="2"/>
  <c r="B1975" i="2" l="1"/>
  <c r="N1976" i="2"/>
  <c r="B1976" i="2" l="1"/>
  <c r="N1977" i="2"/>
  <c r="B1977" i="2" l="1"/>
  <c r="N1978" i="2"/>
  <c r="B1978" i="2" l="1"/>
  <c r="N1979" i="2"/>
  <c r="B1979" i="2" l="1"/>
  <c r="N1980" i="2"/>
  <c r="B1980" i="2" l="1"/>
  <c r="N1981" i="2"/>
  <c r="B1981" i="2" l="1"/>
  <c r="N1982" i="2"/>
  <c r="B1982" i="2" l="1"/>
  <c r="N1983" i="2"/>
  <c r="B1983" i="2" l="1"/>
  <c r="N1984" i="2"/>
  <c r="B1984" i="2" l="1"/>
  <c r="N1985" i="2"/>
  <c r="B1985" i="2" l="1"/>
  <c r="N1986" i="2"/>
  <c r="B1986" i="2" l="1"/>
  <c r="N1987" i="2"/>
  <c r="B1987" i="2" l="1"/>
  <c r="N1988" i="2"/>
  <c r="B1988" i="2" l="1"/>
  <c r="N1989" i="2"/>
  <c r="B1989" i="2" l="1"/>
  <c r="N1990" i="2"/>
  <c r="B1990" i="2" l="1"/>
  <c r="N1991" i="2"/>
  <c r="B1991" i="2" l="1"/>
  <c r="N1992" i="2"/>
  <c r="B1992" i="2" l="1"/>
  <c r="N1993" i="2"/>
  <c r="B1993" i="2" l="1"/>
  <c r="N1994" i="2"/>
  <c r="B1994" i="2" l="1"/>
  <c r="N1995" i="2"/>
  <c r="B1995" i="2" l="1"/>
  <c r="N1996" i="2"/>
  <c r="B1996" i="2" l="1"/>
  <c r="N1997" i="2"/>
  <c r="B1997" i="2" l="1"/>
  <c r="N1998" i="2"/>
  <c r="B1998" i="2" l="1"/>
  <c r="N1999" i="2"/>
  <c r="B1999" i="2" l="1"/>
  <c r="N2000" i="2"/>
  <c r="B2000" i="2" l="1"/>
  <c r="N2001" i="2"/>
  <c r="B2001" i="2" l="1"/>
  <c r="N2002" i="2"/>
  <c r="B2002" i="2" l="1"/>
  <c r="N2003" i="2"/>
  <c r="B2003" i="2" l="1"/>
  <c r="N2004" i="2"/>
  <c r="B2004" i="2" l="1"/>
  <c r="N2005" i="2"/>
  <c r="B2005" i="2" l="1"/>
  <c r="N2006" i="2"/>
  <c r="B2006" i="2" l="1"/>
  <c r="N2007" i="2"/>
  <c r="B2007" i="2" l="1"/>
  <c r="N2008" i="2"/>
  <c r="B2008" i="2" l="1"/>
  <c r="N2009" i="2"/>
  <c r="B2009" i="2" l="1"/>
  <c r="N2010" i="2"/>
  <c r="B2010" i="2" l="1"/>
  <c r="N2011" i="2"/>
  <c r="B2011" i="2" l="1"/>
  <c r="N2012" i="2"/>
  <c r="B2012" i="2" l="1"/>
  <c r="N2013" i="2"/>
  <c r="B2013" i="2" l="1"/>
  <c r="N2014" i="2"/>
  <c r="B2014" i="2" l="1"/>
  <c r="N2015" i="2"/>
  <c r="B2015" i="2" l="1"/>
  <c r="N2016" i="2"/>
  <c r="B2016" i="2" l="1"/>
  <c r="N2017" i="2"/>
  <c r="B2017" i="2" l="1"/>
  <c r="N2018" i="2"/>
  <c r="B2018" i="2" l="1"/>
  <c r="N2019" i="2"/>
  <c r="B2019" i="2" l="1"/>
  <c r="N2020" i="2"/>
  <c r="B2020" i="2" l="1"/>
  <c r="N2021" i="2"/>
  <c r="B2021" i="2" l="1"/>
  <c r="N2022" i="2"/>
  <c r="B2022" i="2" l="1"/>
  <c r="N2023" i="2"/>
  <c r="B2023" i="2" l="1"/>
  <c r="N2024" i="2"/>
  <c r="B2024" i="2" l="1"/>
  <c r="N2025" i="2"/>
  <c r="B2025" i="2" l="1"/>
  <c r="N2026" i="2"/>
  <c r="B2026" i="2" l="1"/>
  <c r="N2027" i="2"/>
  <c r="B2027" i="2" l="1"/>
  <c r="N2028" i="2"/>
  <c r="B2028" i="2" l="1"/>
  <c r="N2029" i="2"/>
  <c r="B2029" i="2" l="1"/>
  <c r="N2030" i="2"/>
  <c r="B2030" i="2" l="1"/>
  <c r="N2031" i="2"/>
  <c r="B2031" i="2" l="1"/>
  <c r="N2032" i="2"/>
  <c r="B2032" i="2" l="1"/>
  <c r="N2033" i="2"/>
  <c r="B2033" i="2" l="1"/>
  <c r="N2034" i="2"/>
  <c r="B2034" i="2" l="1"/>
  <c r="N2035" i="2"/>
  <c r="B2035" i="2" l="1"/>
  <c r="N2036" i="2"/>
  <c r="B2036" i="2" l="1"/>
  <c r="N2037" i="2"/>
  <c r="B2037" i="2" l="1"/>
  <c r="N2038" i="2"/>
  <c r="B2038" i="2" l="1"/>
  <c r="N2039" i="2"/>
  <c r="B2039" i="2" l="1"/>
  <c r="N2040" i="2"/>
  <c r="B2040" i="2" l="1"/>
  <c r="N2041" i="2"/>
  <c r="B2041" i="2" l="1"/>
  <c r="N2042" i="2"/>
  <c r="B2042" i="2" l="1"/>
  <c r="N2043" i="2"/>
  <c r="B2043" i="2" l="1"/>
  <c r="N2044" i="2"/>
  <c r="B2044" i="2" l="1"/>
  <c r="N2045" i="2"/>
  <c r="B2045" i="2" l="1"/>
  <c r="N2046" i="2"/>
  <c r="B2046" i="2" l="1"/>
  <c r="N2047" i="2"/>
  <c r="B2047" i="2" l="1"/>
  <c r="N2048" i="2"/>
  <c r="B2048" i="2" l="1"/>
  <c r="N2049" i="2"/>
  <c r="B2049" i="2" l="1"/>
  <c r="N2050" i="2"/>
  <c r="B2050" i="2" l="1"/>
  <c r="N2051" i="2"/>
  <c r="B2051" i="2" l="1"/>
  <c r="N2052" i="2"/>
  <c r="B2052" i="2" l="1"/>
  <c r="N2053" i="2"/>
  <c r="B2053" i="2" l="1"/>
  <c r="N2054" i="2"/>
  <c r="B2054" i="2" l="1"/>
  <c r="N2055" i="2"/>
  <c r="B2055" i="2" l="1"/>
  <c r="N2056" i="2"/>
  <c r="B2056" i="2" l="1"/>
  <c r="N2057" i="2"/>
  <c r="B2057" i="2" l="1"/>
  <c r="N2058" i="2"/>
  <c r="B2058" i="2" l="1"/>
  <c r="N2059" i="2"/>
  <c r="B2059" i="2" l="1"/>
  <c r="N2060" i="2"/>
  <c r="B2060" i="2" l="1"/>
  <c r="N2061" i="2"/>
  <c r="B2061" i="2" l="1"/>
  <c r="N2062" i="2"/>
  <c r="B2062" i="2" l="1"/>
  <c r="N2063" i="2"/>
  <c r="B2063" i="2" l="1"/>
  <c r="N2064" i="2"/>
  <c r="B2064" i="2" l="1"/>
  <c r="N2065" i="2"/>
  <c r="B2065" i="2" l="1"/>
  <c r="N2066" i="2"/>
  <c r="B2066" i="2" l="1"/>
  <c r="N2067" i="2"/>
  <c r="B2067" i="2" l="1"/>
  <c r="N2068" i="2"/>
  <c r="B2068" i="2" l="1"/>
  <c r="N2069" i="2"/>
  <c r="B2069" i="2" l="1"/>
  <c r="N2070" i="2"/>
  <c r="B2070" i="2" l="1"/>
  <c r="N2071" i="2"/>
  <c r="B2071" i="2" l="1"/>
  <c r="N2072" i="2"/>
  <c r="B2072" i="2" l="1"/>
  <c r="N2073" i="2"/>
  <c r="B2073" i="2" l="1"/>
  <c r="N2074" i="2"/>
  <c r="B2074" i="2" l="1"/>
  <c r="N2075" i="2"/>
  <c r="B2075" i="2" l="1"/>
  <c r="N2076" i="2"/>
  <c r="B2076" i="2" l="1"/>
  <c r="N2077" i="2"/>
  <c r="B2077" i="2" l="1"/>
  <c r="N2078" i="2"/>
  <c r="B2078" i="2" l="1"/>
  <c r="N2079" i="2"/>
  <c r="B2079" i="2" l="1"/>
  <c r="N2080" i="2"/>
  <c r="B2080" i="2" l="1"/>
  <c r="N2081" i="2"/>
  <c r="B2081" i="2" l="1"/>
  <c r="N2082" i="2"/>
  <c r="B2082" i="2" l="1"/>
  <c r="N2083" i="2"/>
  <c r="B2083" i="2" l="1"/>
  <c r="N2084" i="2"/>
  <c r="B2084" i="2" l="1"/>
  <c r="N2085" i="2"/>
  <c r="B2085" i="2" l="1"/>
  <c r="N2086" i="2"/>
  <c r="B2086" i="2" l="1"/>
  <c r="N2087" i="2"/>
  <c r="B2087" i="2" l="1"/>
  <c r="N2088" i="2"/>
  <c r="B2088" i="2" l="1"/>
  <c r="N2089" i="2"/>
  <c r="B2089" i="2" l="1"/>
  <c r="N2090" i="2"/>
  <c r="B2090" i="2" l="1"/>
  <c r="N2091" i="2"/>
  <c r="B2091" i="2" l="1"/>
  <c r="N2092" i="2"/>
  <c r="B2092" i="2" l="1"/>
  <c r="N2093" i="2"/>
  <c r="B2093" i="2" l="1"/>
  <c r="N2094" i="2"/>
  <c r="B2094" i="2" l="1"/>
  <c r="N2095" i="2"/>
  <c r="B2095" i="2" l="1"/>
  <c r="N2096" i="2"/>
  <c r="B2096" i="2" l="1"/>
  <c r="N2097" i="2"/>
  <c r="B2097" i="2" l="1"/>
  <c r="N2098" i="2"/>
  <c r="B2098" i="2" l="1"/>
  <c r="N2099" i="2"/>
  <c r="B2099" i="2" l="1"/>
  <c r="N2100" i="2"/>
  <c r="B2100" i="2" l="1"/>
  <c r="N2101" i="2"/>
  <c r="B2101" i="2" l="1"/>
  <c r="N2102" i="2"/>
  <c r="B2102" i="2" l="1"/>
  <c r="N2103" i="2"/>
  <c r="B2103" i="2" l="1"/>
  <c r="N2104" i="2"/>
  <c r="B2104" i="2" l="1"/>
  <c r="N2105" i="2"/>
  <c r="B2105" i="2" l="1"/>
  <c r="N2106" i="2"/>
  <c r="B2106" i="2" l="1"/>
  <c r="N2107" i="2"/>
  <c r="B2107" i="2" l="1"/>
  <c r="N2108" i="2"/>
  <c r="B2108" i="2" l="1"/>
  <c r="N2109" i="2"/>
  <c r="B2109" i="2" l="1"/>
  <c r="N2110" i="2"/>
  <c r="B2110" i="2" l="1"/>
  <c r="N2111" i="2"/>
  <c r="B2111" i="2" l="1"/>
  <c r="N2112" i="2"/>
  <c r="B2112" i="2" l="1"/>
  <c r="N2113" i="2"/>
  <c r="B2113" i="2" l="1"/>
  <c r="N2114" i="2"/>
  <c r="B2114" i="2" l="1"/>
  <c r="N2115" i="2"/>
  <c r="B2115" i="2" l="1"/>
  <c r="N2116" i="2"/>
  <c r="B2116" i="2" l="1"/>
  <c r="N2117" i="2"/>
  <c r="B2117" i="2" l="1"/>
  <c r="N2118" i="2"/>
  <c r="B2118" i="2" l="1"/>
  <c r="N2119" i="2"/>
  <c r="B2119" i="2" l="1"/>
  <c r="N2120" i="2"/>
  <c r="B2120" i="2" l="1"/>
  <c r="N2121" i="2"/>
  <c r="B2121" i="2" l="1"/>
  <c r="N2122" i="2"/>
  <c r="B2122" i="2" l="1"/>
  <c r="N2123" i="2"/>
  <c r="B2123" i="2" l="1"/>
  <c r="N2124" i="2"/>
  <c r="B2124" i="2" l="1"/>
  <c r="N2125" i="2"/>
  <c r="B2125" i="2" l="1"/>
  <c r="N2126" i="2"/>
  <c r="B2126" i="2" l="1"/>
  <c r="N2127" i="2"/>
  <c r="B2127" i="2" l="1"/>
  <c r="N2128" i="2"/>
  <c r="B2128" i="2" l="1"/>
  <c r="N2129" i="2"/>
  <c r="B2129" i="2" l="1"/>
  <c r="N2130" i="2"/>
  <c r="B2130" i="2" l="1"/>
  <c r="N2131" i="2"/>
  <c r="B2131" i="2" l="1"/>
  <c r="N2132" i="2"/>
  <c r="B2132" i="2" l="1"/>
  <c r="N2133" i="2"/>
  <c r="B2133" i="2" l="1"/>
  <c r="N2134" i="2"/>
  <c r="B2134" i="2" l="1"/>
  <c r="N2135" i="2"/>
  <c r="B2135" i="2" l="1"/>
  <c r="N2136" i="2"/>
  <c r="B2136" i="2" l="1"/>
  <c r="N2137" i="2"/>
  <c r="B2137" i="2" l="1"/>
  <c r="N2138" i="2"/>
  <c r="B2138" i="2" l="1"/>
  <c r="N2139" i="2"/>
  <c r="B2139" i="2" l="1"/>
  <c r="N2140" i="2"/>
  <c r="B2140" i="2" l="1"/>
  <c r="N2141" i="2"/>
  <c r="B2141" i="2" l="1"/>
  <c r="N2142" i="2"/>
  <c r="B2142" i="2" l="1"/>
  <c r="N2143" i="2"/>
  <c r="B2143" i="2" l="1"/>
  <c r="N2144" i="2"/>
  <c r="B2144" i="2" l="1"/>
  <c r="N2145" i="2"/>
  <c r="B2145" i="2" l="1"/>
  <c r="N2146" i="2"/>
  <c r="B2146" i="2" l="1"/>
  <c r="N2147" i="2"/>
  <c r="B2147" i="2" l="1"/>
  <c r="N2148" i="2"/>
  <c r="B2148" i="2" l="1"/>
  <c r="N2149" i="2"/>
  <c r="B2149" i="2" l="1"/>
  <c r="N2150" i="2"/>
  <c r="B2150" i="2" l="1"/>
  <c r="N2151" i="2"/>
  <c r="B2151" i="2" l="1"/>
  <c r="N2152" i="2"/>
  <c r="B2152" i="2" l="1"/>
  <c r="N2153" i="2"/>
  <c r="B2153" i="2" l="1"/>
  <c r="N2154" i="2"/>
  <c r="B2154" i="2" l="1"/>
  <c r="N2155" i="2"/>
  <c r="B2155" i="2" l="1"/>
  <c r="N2156" i="2"/>
  <c r="B2156" i="2" l="1"/>
  <c r="N2157" i="2"/>
  <c r="B2157" i="2" l="1"/>
  <c r="N2158" i="2"/>
  <c r="B2158" i="2" l="1"/>
  <c r="N2159" i="2"/>
  <c r="B2159" i="2" l="1"/>
  <c r="N2160" i="2"/>
  <c r="B2160" i="2" l="1"/>
  <c r="N2161" i="2"/>
  <c r="B2161" i="2" l="1"/>
  <c r="N2162" i="2"/>
  <c r="B2162" i="2" l="1"/>
  <c r="N2163" i="2"/>
  <c r="B2163" i="2" l="1"/>
  <c r="N2164" i="2"/>
  <c r="B2164" i="2" l="1"/>
  <c r="N2165" i="2"/>
  <c r="B2165" i="2" l="1"/>
  <c r="N2166" i="2"/>
  <c r="B2166" i="2" l="1"/>
  <c r="N2167" i="2"/>
  <c r="B2167" i="2" l="1"/>
  <c r="N2168" i="2"/>
  <c r="B2168" i="2" l="1"/>
  <c r="N2169" i="2"/>
  <c r="B2169" i="2" l="1"/>
  <c r="N2170" i="2"/>
  <c r="B2170" i="2" l="1"/>
  <c r="N2171" i="2"/>
  <c r="B2171" i="2" l="1"/>
  <c r="N2172" i="2"/>
  <c r="B2172" i="2" l="1"/>
  <c r="N2173" i="2"/>
  <c r="B2173" i="2" l="1"/>
  <c r="N2174" i="2"/>
  <c r="B2174" i="2" l="1"/>
  <c r="N2175" i="2"/>
  <c r="B2175" i="2" l="1"/>
  <c r="N2176" i="2"/>
  <c r="B2176" i="2" l="1"/>
  <c r="N2177" i="2"/>
  <c r="B2177" i="2" l="1"/>
  <c r="N2178" i="2"/>
  <c r="B2178" i="2" l="1"/>
  <c r="N2179" i="2"/>
  <c r="B2179" i="2" l="1"/>
  <c r="N2180" i="2"/>
  <c r="B2180" i="2" l="1"/>
  <c r="N2181" i="2"/>
  <c r="B2181" i="2" l="1"/>
  <c r="N2182" i="2"/>
  <c r="B2182" i="2" l="1"/>
  <c r="N2183" i="2"/>
  <c r="B2183" i="2" l="1"/>
  <c r="N2184" i="2"/>
  <c r="B2184" i="2" l="1"/>
  <c r="N2185" i="2"/>
  <c r="B2185" i="2" l="1"/>
  <c r="N2186" i="2"/>
  <c r="B2186" i="2" l="1"/>
  <c r="N2187" i="2"/>
  <c r="B2187" i="2" l="1"/>
  <c r="N2188" i="2"/>
  <c r="B2188" i="2" l="1"/>
  <c r="N2189" i="2"/>
  <c r="B2189" i="2" l="1"/>
  <c r="N2190" i="2"/>
  <c r="B2190" i="2" l="1"/>
  <c r="N2191" i="2"/>
  <c r="B2191" i="2" l="1"/>
  <c r="N2192" i="2"/>
  <c r="B2192" i="2" l="1"/>
  <c r="N2193" i="2"/>
  <c r="B2193" i="2" l="1"/>
  <c r="N2194" i="2"/>
  <c r="B2194" i="2" l="1"/>
  <c r="N2195" i="2"/>
  <c r="B2195" i="2" l="1"/>
  <c r="N2196" i="2"/>
  <c r="B2196" i="2" l="1"/>
  <c r="N2197" i="2"/>
  <c r="B2197" i="2" l="1"/>
  <c r="N2198" i="2"/>
  <c r="B2198" i="2" l="1"/>
  <c r="N2199" i="2"/>
  <c r="B2199" i="2" l="1"/>
  <c r="N2200" i="2"/>
  <c r="B2200" i="2" l="1"/>
  <c r="N2201" i="2"/>
  <c r="B2201" i="2" l="1"/>
  <c r="N2202" i="2"/>
  <c r="B2202" i="2" l="1"/>
  <c r="N2203" i="2"/>
  <c r="B2203" i="2" l="1"/>
  <c r="N2204" i="2"/>
  <c r="B2204" i="2" l="1"/>
  <c r="N2205" i="2"/>
  <c r="B2205" i="2" l="1"/>
  <c r="N2206" i="2"/>
  <c r="B2206" i="2" l="1"/>
  <c r="N2207" i="2"/>
  <c r="B2207" i="2" l="1"/>
  <c r="N2208" i="2"/>
  <c r="B2208" i="2" l="1"/>
  <c r="N2209" i="2"/>
  <c r="B2209" i="2" l="1"/>
  <c r="N2210" i="2"/>
  <c r="B2210" i="2" l="1"/>
  <c r="N2211" i="2"/>
  <c r="B2211" i="2" l="1"/>
  <c r="N2212" i="2"/>
  <c r="B2212" i="2" l="1"/>
  <c r="N2213" i="2"/>
  <c r="B2213" i="2" l="1"/>
  <c r="N2214" i="2"/>
  <c r="B2214" i="2" l="1"/>
  <c r="N2215" i="2"/>
  <c r="B2215" i="2" l="1"/>
  <c r="N2216" i="2"/>
  <c r="B2216" i="2" l="1"/>
  <c r="N2217" i="2"/>
  <c r="B2217" i="2" l="1"/>
  <c r="N2218" i="2"/>
  <c r="B2218" i="2" l="1"/>
  <c r="N2219" i="2"/>
  <c r="B2219" i="2" l="1"/>
  <c r="N2220" i="2"/>
  <c r="B2220" i="2" l="1"/>
  <c r="N2221" i="2"/>
  <c r="B2221" i="2" l="1"/>
  <c r="N2222" i="2"/>
  <c r="B2222" i="2" l="1"/>
  <c r="N2223" i="2"/>
  <c r="B2223" i="2" l="1"/>
  <c r="N2224" i="2"/>
  <c r="B2224" i="2" l="1"/>
  <c r="N2225" i="2"/>
  <c r="B2225" i="2" l="1"/>
  <c r="N2226" i="2"/>
  <c r="B2226" i="2" l="1"/>
  <c r="N2227" i="2"/>
  <c r="B2227" i="2" l="1"/>
  <c r="N2228" i="2"/>
  <c r="B2228" i="2" l="1"/>
  <c r="N2229" i="2"/>
  <c r="B2229" i="2" l="1"/>
  <c r="N2230" i="2"/>
  <c r="B2230" i="2" l="1"/>
  <c r="N2231" i="2"/>
  <c r="B2231" i="2" l="1"/>
  <c r="N2232" i="2"/>
  <c r="B2232" i="2" l="1"/>
  <c r="N2233" i="2"/>
  <c r="B2233" i="2" l="1"/>
  <c r="N2234" i="2"/>
  <c r="B2234" i="2" l="1"/>
  <c r="N2235" i="2"/>
  <c r="B2235" i="2" l="1"/>
  <c r="N2236" i="2"/>
  <c r="B2236" i="2" l="1"/>
  <c r="N2237" i="2"/>
  <c r="B2237" i="2" l="1"/>
  <c r="N2238" i="2"/>
  <c r="B2238" i="2" l="1"/>
  <c r="N2239" i="2"/>
  <c r="B2239" i="2" l="1"/>
  <c r="N2240" i="2"/>
  <c r="B2240" i="2" l="1"/>
  <c r="N2241" i="2"/>
  <c r="B2241" i="2" l="1"/>
  <c r="N2242" i="2"/>
  <c r="B2242" i="2" l="1"/>
  <c r="N2243" i="2"/>
  <c r="B2243" i="2" l="1"/>
  <c r="N2244" i="2"/>
  <c r="B2244" i="2" l="1"/>
  <c r="N2245" i="2"/>
  <c r="B2245" i="2" l="1"/>
  <c r="N2246" i="2"/>
  <c r="B2246" i="2" l="1"/>
  <c r="N2247" i="2"/>
  <c r="B2247" i="2" l="1"/>
  <c r="N2248" i="2"/>
  <c r="B2248" i="2" l="1"/>
  <c r="N2249" i="2"/>
  <c r="B2249" i="2" l="1"/>
  <c r="N2250" i="2"/>
  <c r="B2250" i="2" l="1"/>
  <c r="N2251" i="2"/>
  <c r="B2251" i="2" l="1"/>
  <c r="N2252" i="2"/>
  <c r="B2252" i="2" l="1"/>
  <c r="N2253" i="2"/>
  <c r="B2253" i="2" l="1"/>
  <c r="N2254" i="2"/>
  <c r="B2254" i="2" l="1"/>
  <c r="N2255" i="2"/>
  <c r="B2255" i="2" l="1"/>
  <c r="N2256" i="2"/>
  <c r="B2256" i="2" l="1"/>
  <c r="N2257" i="2"/>
  <c r="B2257" i="2" l="1"/>
  <c r="N2258" i="2"/>
  <c r="B2258" i="2" l="1"/>
  <c r="N2259" i="2"/>
  <c r="B2259" i="2" l="1"/>
  <c r="N2260" i="2"/>
  <c r="B2260" i="2" l="1"/>
  <c r="N2261" i="2"/>
  <c r="B2261" i="2" l="1"/>
  <c r="N2262" i="2"/>
  <c r="B2262" i="2" l="1"/>
  <c r="N2263" i="2"/>
  <c r="B2263" i="2" l="1"/>
  <c r="N2264" i="2"/>
  <c r="B2264" i="2" l="1"/>
  <c r="N2265" i="2"/>
  <c r="B2265" i="2" l="1"/>
  <c r="N2266" i="2"/>
  <c r="B2266" i="2" l="1"/>
  <c r="N2267" i="2"/>
  <c r="B2267" i="2" l="1"/>
  <c r="N2268" i="2"/>
  <c r="B2268" i="2" l="1"/>
  <c r="N2269" i="2"/>
  <c r="B2269" i="2" l="1"/>
  <c r="N2270" i="2"/>
  <c r="B2270" i="2" l="1"/>
  <c r="N2271" i="2"/>
  <c r="B2271" i="2" l="1"/>
  <c r="N2272" i="2"/>
  <c r="B2272" i="2" l="1"/>
  <c r="N2273" i="2"/>
  <c r="B2273" i="2" l="1"/>
  <c r="N2274" i="2"/>
  <c r="B2274" i="2" l="1"/>
  <c r="N2275" i="2"/>
  <c r="B2275" i="2" l="1"/>
  <c r="N2276" i="2"/>
  <c r="B2276" i="2" l="1"/>
  <c r="N2277" i="2"/>
  <c r="B2277" i="2" l="1"/>
  <c r="N2278" i="2"/>
  <c r="B2278" i="2" l="1"/>
  <c r="N2279" i="2"/>
  <c r="B2279" i="2" l="1"/>
  <c r="N2280" i="2"/>
  <c r="B2280" i="2" l="1"/>
  <c r="N2281" i="2"/>
  <c r="B2281" i="2" l="1"/>
  <c r="N2282" i="2"/>
  <c r="B2282" i="2" l="1"/>
  <c r="N2283" i="2"/>
  <c r="B2283" i="2" l="1"/>
  <c r="N2284" i="2"/>
  <c r="B2284" i="2" l="1"/>
  <c r="N2285" i="2"/>
  <c r="B2285" i="2" l="1"/>
  <c r="N2286" i="2"/>
  <c r="B2286" i="2" l="1"/>
  <c r="N2287" i="2"/>
  <c r="B2287" i="2" l="1"/>
  <c r="N2288" i="2"/>
  <c r="B2288" i="2" l="1"/>
  <c r="N2289" i="2"/>
  <c r="B2289" i="2" l="1"/>
  <c r="N2290" i="2"/>
  <c r="B2290" i="2" l="1"/>
  <c r="N2291" i="2"/>
  <c r="B2291" i="2" l="1"/>
  <c r="N2292" i="2"/>
  <c r="B2292" i="2" l="1"/>
  <c r="N2293" i="2"/>
  <c r="B2293" i="2" l="1"/>
  <c r="N2294" i="2"/>
  <c r="B2294" i="2" l="1"/>
  <c r="N2295" i="2"/>
  <c r="B2295" i="2" l="1"/>
  <c r="N2296" i="2"/>
  <c r="B2296" i="2" l="1"/>
  <c r="N2297" i="2"/>
  <c r="B2297" i="2" l="1"/>
  <c r="N2298" i="2"/>
  <c r="B2298" i="2" l="1"/>
  <c r="N2299" i="2"/>
  <c r="B2299" i="2" l="1"/>
  <c r="N2300" i="2"/>
  <c r="B2300" i="2" l="1"/>
  <c r="N2301" i="2"/>
  <c r="B2301" i="2" l="1"/>
  <c r="N2302" i="2"/>
  <c r="B2302" i="2" l="1"/>
  <c r="N2303" i="2"/>
  <c r="B2303" i="2" l="1"/>
  <c r="N2304" i="2"/>
  <c r="B2304" i="2" l="1"/>
  <c r="N2305" i="2"/>
  <c r="B2305" i="2" l="1"/>
  <c r="N2306" i="2"/>
  <c r="B2306" i="2" l="1"/>
  <c r="N2307" i="2"/>
  <c r="B2307" i="2" l="1"/>
  <c r="N2308" i="2"/>
  <c r="B2308" i="2" l="1"/>
  <c r="N2309" i="2"/>
  <c r="B2309" i="2" l="1"/>
  <c r="N2310" i="2"/>
  <c r="B2310" i="2" l="1"/>
  <c r="N2311" i="2"/>
  <c r="B2311" i="2" l="1"/>
  <c r="N2312" i="2"/>
  <c r="B2312" i="2" l="1"/>
  <c r="N2313" i="2"/>
  <c r="B2313" i="2" l="1"/>
  <c r="N2314" i="2"/>
  <c r="B2314" i="2" l="1"/>
  <c r="N2315" i="2"/>
  <c r="B2315" i="2" l="1"/>
  <c r="N2316" i="2"/>
  <c r="B2316" i="2" l="1"/>
  <c r="N2317" i="2"/>
  <c r="B2317" i="2" l="1"/>
  <c r="N2318" i="2"/>
  <c r="B2318" i="2" l="1"/>
  <c r="N2319" i="2"/>
  <c r="B2319" i="2" l="1"/>
  <c r="N2320" i="2"/>
  <c r="B2320" i="2" l="1"/>
  <c r="N2321" i="2"/>
  <c r="B2321" i="2" l="1"/>
  <c r="N2322" i="2"/>
  <c r="B2322" i="2" l="1"/>
  <c r="N2323" i="2"/>
  <c r="B2323" i="2" l="1"/>
  <c r="N2324" i="2"/>
  <c r="B2324" i="2" l="1"/>
  <c r="N2325" i="2"/>
  <c r="B2325" i="2" l="1"/>
  <c r="N2326" i="2"/>
  <c r="B2326" i="2" l="1"/>
  <c r="N2327" i="2"/>
  <c r="B2327" i="2" l="1"/>
  <c r="N2328" i="2"/>
  <c r="B2328" i="2" l="1"/>
  <c r="N2329" i="2"/>
  <c r="B2329" i="2" l="1"/>
  <c r="N2330" i="2"/>
  <c r="B2330" i="2" l="1"/>
  <c r="N2331" i="2"/>
  <c r="B2331" i="2" l="1"/>
  <c r="N2332" i="2"/>
  <c r="B2332" i="2" l="1"/>
  <c r="N2333" i="2"/>
  <c r="B2333" i="2" l="1"/>
  <c r="N2334" i="2"/>
  <c r="B2334" i="2" l="1"/>
  <c r="N2335" i="2"/>
  <c r="B2335" i="2" l="1"/>
  <c r="N2336" i="2"/>
  <c r="B2336" i="2" l="1"/>
  <c r="N2337" i="2"/>
  <c r="B2337" i="2" l="1"/>
  <c r="N2338" i="2"/>
  <c r="B2338" i="2" l="1"/>
  <c r="N2339" i="2"/>
  <c r="B2339" i="2" l="1"/>
  <c r="N2340" i="2"/>
  <c r="B2340" i="2" l="1"/>
  <c r="N2341" i="2"/>
  <c r="B2341" i="2" l="1"/>
  <c r="N2342" i="2"/>
  <c r="B2342" i="2" l="1"/>
  <c r="N2343" i="2"/>
  <c r="B2343" i="2" l="1"/>
  <c r="N2344" i="2"/>
  <c r="B2344" i="2" l="1"/>
  <c r="N2345" i="2"/>
  <c r="B2345" i="2" l="1"/>
  <c r="N2346" i="2"/>
  <c r="B2346" i="2" l="1"/>
  <c r="N2347" i="2"/>
  <c r="B2347" i="2" l="1"/>
  <c r="N2348" i="2"/>
  <c r="B2348" i="2" l="1"/>
  <c r="N2349" i="2"/>
  <c r="B2349" i="2" l="1"/>
  <c r="N2350" i="2"/>
  <c r="B2350" i="2" l="1"/>
  <c r="N2351" i="2"/>
  <c r="B2351" i="2" l="1"/>
  <c r="N2352" i="2"/>
  <c r="B2352" i="2" l="1"/>
  <c r="N2353" i="2"/>
  <c r="B2353" i="2" l="1"/>
  <c r="N2354" i="2"/>
  <c r="B2354" i="2" l="1"/>
  <c r="N2355" i="2"/>
  <c r="B2355" i="2" l="1"/>
  <c r="N2356" i="2"/>
  <c r="B2356" i="2" l="1"/>
  <c r="N2357" i="2"/>
  <c r="B2357" i="2" l="1"/>
  <c r="N2358" i="2"/>
  <c r="B2358" i="2" l="1"/>
  <c r="N2359" i="2"/>
  <c r="B2359" i="2" l="1"/>
  <c r="N2360" i="2"/>
  <c r="B2360" i="2" l="1"/>
  <c r="N2361" i="2"/>
  <c r="B2361" i="2" l="1"/>
  <c r="N2362" i="2"/>
  <c r="B2362" i="2" l="1"/>
  <c r="N2363" i="2"/>
  <c r="B2363" i="2" l="1"/>
  <c r="N2364" i="2"/>
  <c r="B2364" i="2" l="1"/>
  <c r="N2365" i="2"/>
  <c r="B2365" i="2" l="1"/>
  <c r="N2366" i="2"/>
  <c r="B2366" i="2" l="1"/>
  <c r="N2367" i="2"/>
  <c r="B2367" i="2" l="1"/>
  <c r="N2368" i="2"/>
  <c r="B2368" i="2" l="1"/>
  <c r="N2369" i="2"/>
  <c r="B2369" i="2" l="1"/>
  <c r="N2370" i="2"/>
  <c r="B2370" i="2" l="1"/>
  <c r="N2371" i="2"/>
  <c r="B2371" i="2" l="1"/>
  <c r="N2372" i="2"/>
  <c r="B2372" i="2" l="1"/>
  <c r="N2373" i="2"/>
  <c r="B2373" i="2" l="1"/>
  <c r="N2374" i="2"/>
  <c r="B2374" i="2" l="1"/>
  <c r="N2375" i="2"/>
  <c r="B2375" i="2" l="1"/>
  <c r="N2376" i="2"/>
  <c r="B2376" i="2" l="1"/>
  <c r="N2377" i="2"/>
  <c r="B2377" i="2" l="1"/>
  <c r="N2378" i="2"/>
  <c r="B2378" i="2" l="1"/>
  <c r="N2379" i="2"/>
  <c r="B2379" i="2" l="1"/>
  <c r="N2380" i="2"/>
  <c r="B2380" i="2" l="1"/>
  <c r="N2381" i="2"/>
  <c r="B2381" i="2" l="1"/>
  <c r="N2382" i="2"/>
  <c r="B2382" i="2" l="1"/>
  <c r="N2383" i="2"/>
  <c r="B2383" i="2" l="1"/>
  <c r="N2384" i="2"/>
  <c r="B2384" i="2" l="1"/>
  <c r="N2385" i="2"/>
  <c r="B2385" i="2" l="1"/>
  <c r="N2386" i="2"/>
  <c r="B2386" i="2" l="1"/>
  <c r="N2387" i="2"/>
  <c r="B2387" i="2" l="1"/>
  <c r="N2388" i="2"/>
  <c r="B2388" i="2" l="1"/>
  <c r="N2389" i="2"/>
  <c r="B2389" i="2" l="1"/>
  <c r="N2390" i="2"/>
  <c r="B2390" i="2" l="1"/>
  <c r="N2391" i="2"/>
  <c r="B2391" i="2" l="1"/>
  <c r="N2392" i="2"/>
  <c r="B2392" i="2" l="1"/>
  <c r="N2393" i="2"/>
  <c r="B2393" i="2" l="1"/>
  <c r="N2394" i="2"/>
  <c r="B2394" i="2" l="1"/>
  <c r="N2395" i="2"/>
  <c r="B2395" i="2" l="1"/>
  <c r="N2396" i="2"/>
  <c r="B2396" i="2" l="1"/>
  <c r="N2397" i="2"/>
  <c r="B2397" i="2" l="1"/>
  <c r="N2398" i="2"/>
  <c r="B2398" i="2" l="1"/>
  <c r="N2399" i="2"/>
  <c r="B2399" i="2" l="1"/>
  <c r="N2400" i="2"/>
  <c r="B2400" i="2" l="1"/>
  <c r="N2401" i="2"/>
  <c r="B2401" i="2" l="1"/>
  <c r="N2402" i="2"/>
  <c r="B2402" i="2" l="1"/>
  <c r="N2403" i="2"/>
  <c r="B2403" i="2" l="1"/>
  <c r="N2404" i="2"/>
  <c r="B2404" i="2" l="1"/>
  <c r="N2405" i="2"/>
  <c r="B2405" i="2" l="1"/>
  <c r="N2406" i="2"/>
  <c r="B2406" i="2" l="1"/>
  <c r="N2407" i="2"/>
  <c r="B2407" i="2" l="1"/>
  <c r="N2408" i="2"/>
  <c r="B2408" i="2" l="1"/>
  <c r="N2409" i="2"/>
  <c r="B2409" i="2" l="1"/>
  <c r="N2410" i="2"/>
  <c r="B2410" i="2" l="1"/>
  <c r="N2411" i="2"/>
  <c r="B2411" i="2" l="1"/>
  <c r="N2412" i="2"/>
  <c r="B2412" i="2" l="1"/>
  <c r="N2413" i="2"/>
  <c r="B2413" i="2" l="1"/>
  <c r="N2414" i="2"/>
  <c r="B2414" i="2" l="1"/>
  <c r="N2415" i="2"/>
  <c r="B2415" i="2" l="1"/>
  <c r="N2416" i="2"/>
  <c r="B2416" i="2" l="1"/>
  <c r="N2417" i="2"/>
  <c r="B2417" i="2" l="1"/>
  <c r="N2418" i="2"/>
  <c r="B2418" i="2" l="1"/>
  <c r="N2419" i="2"/>
  <c r="B2419" i="2" l="1"/>
  <c r="N2420" i="2"/>
  <c r="B2420" i="2" l="1"/>
  <c r="N2421" i="2"/>
  <c r="B2421" i="2" l="1"/>
  <c r="N2422" i="2"/>
  <c r="B2422" i="2" l="1"/>
  <c r="N2423" i="2"/>
  <c r="B2423" i="2" l="1"/>
  <c r="N2424" i="2"/>
  <c r="B2424" i="2" l="1"/>
  <c r="N2425" i="2"/>
  <c r="B2425" i="2" l="1"/>
  <c r="N2426" i="2"/>
  <c r="B2426" i="2" l="1"/>
  <c r="N2427" i="2"/>
  <c r="B2427" i="2" l="1"/>
  <c r="N2428" i="2"/>
  <c r="B2428" i="2" l="1"/>
  <c r="N2429" i="2"/>
  <c r="B2429" i="2" l="1"/>
  <c r="N2430" i="2"/>
  <c r="B2430" i="2" l="1"/>
  <c r="N2431" i="2"/>
  <c r="B2431" i="2" l="1"/>
  <c r="N2432" i="2"/>
  <c r="B2432" i="2" l="1"/>
  <c r="N2433" i="2"/>
  <c r="B2433" i="2" l="1"/>
  <c r="N2434" i="2"/>
  <c r="B2434" i="2" l="1"/>
  <c r="N2435" i="2"/>
  <c r="B2435" i="2" l="1"/>
  <c r="N2436" i="2"/>
  <c r="B2436" i="2" l="1"/>
  <c r="N2437" i="2"/>
  <c r="B2437" i="2" l="1"/>
  <c r="N2438" i="2"/>
  <c r="B2438" i="2" l="1"/>
  <c r="N2439" i="2"/>
  <c r="B2439" i="2" l="1"/>
  <c r="N2440" i="2"/>
  <c r="B2440" i="2" l="1"/>
  <c r="N2441" i="2"/>
  <c r="B2441" i="2" l="1"/>
  <c r="N2442" i="2"/>
  <c r="B2442" i="2" l="1"/>
  <c r="N2443" i="2"/>
  <c r="B2443" i="2" l="1"/>
  <c r="N2444" i="2"/>
  <c r="B2444" i="2" l="1"/>
  <c r="N2445" i="2"/>
  <c r="B2445" i="2" l="1"/>
  <c r="N2446" i="2"/>
  <c r="B2446" i="2" l="1"/>
  <c r="N2447" i="2"/>
  <c r="B2447" i="2" l="1"/>
  <c r="N2448" i="2"/>
  <c r="B2448" i="2" l="1"/>
  <c r="N2449" i="2"/>
  <c r="B2449" i="2" l="1"/>
  <c r="N2450" i="2"/>
  <c r="B2450" i="2" l="1"/>
  <c r="N2451" i="2"/>
  <c r="B2451" i="2" l="1"/>
  <c r="N2452" i="2"/>
  <c r="B2452" i="2" l="1"/>
  <c r="N2453" i="2"/>
  <c r="B2453" i="2" l="1"/>
  <c r="N2454" i="2"/>
  <c r="B2454" i="2" l="1"/>
  <c r="N2455" i="2"/>
  <c r="B2455" i="2" l="1"/>
  <c r="N2456" i="2"/>
  <c r="B2456" i="2" l="1"/>
  <c r="N2457" i="2"/>
  <c r="B2457" i="2" l="1"/>
  <c r="N2458" i="2"/>
  <c r="B2458" i="2" l="1"/>
  <c r="N2459" i="2"/>
  <c r="B2459" i="2" l="1"/>
  <c r="N2460" i="2"/>
  <c r="B2460" i="2" l="1"/>
  <c r="N2461" i="2"/>
  <c r="B2461" i="2" l="1"/>
  <c r="N2462" i="2"/>
  <c r="B2462" i="2" l="1"/>
  <c r="N2463" i="2"/>
  <c r="B2463" i="2" l="1"/>
  <c r="N2464" i="2"/>
  <c r="B2464" i="2" l="1"/>
  <c r="N2465" i="2"/>
  <c r="B2465" i="2" l="1"/>
  <c r="N2466" i="2"/>
  <c r="B2466" i="2" l="1"/>
  <c r="N2467" i="2"/>
  <c r="B2467" i="2" l="1"/>
  <c r="N2468" i="2"/>
  <c r="B2468" i="2" l="1"/>
  <c r="N2469" i="2"/>
  <c r="B2469" i="2" l="1"/>
  <c r="N2470" i="2"/>
  <c r="B2470" i="2" l="1"/>
  <c r="N2471" i="2"/>
  <c r="B2471" i="2" l="1"/>
  <c r="N2472" i="2"/>
  <c r="B2472" i="2" l="1"/>
  <c r="N2473" i="2"/>
  <c r="B2473" i="2" l="1"/>
  <c r="N2474" i="2"/>
  <c r="B2474" i="2" l="1"/>
  <c r="N2475" i="2"/>
  <c r="B2475" i="2" l="1"/>
  <c r="N2476" i="2"/>
  <c r="B2476" i="2" l="1"/>
  <c r="N2477" i="2"/>
  <c r="B2477" i="2" l="1"/>
  <c r="N2478" i="2"/>
  <c r="B2478" i="2" l="1"/>
  <c r="N2479" i="2"/>
  <c r="B2479" i="2" l="1"/>
  <c r="N2480" i="2"/>
  <c r="B2480" i="2" l="1"/>
  <c r="N2481" i="2"/>
  <c r="B2481" i="2" l="1"/>
  <c r="N2482" i="2"/>
  <c r="B2482" i="2" l="1"/>
  <c r="N2483" i="2"/>
  <c r="B2483" i="2" l="1"/>
  <c r="N2484" i="2"/>
  <c r="B2484" i="2" l="1"/>
  <c r="N2485" i="2"/>
  <c r="B2485" i="2" l="1"/>
  <c r="N2486" i="2"/>
  <c r="B2486" i="2" l="1"/>
  <c r="N2487" i="2"/>
  <c r="B2487" i="2" l="1"/>
  <c r="N2488" i="2"/>
  <c r="B2488" i="2" l="1"/>
  <c r="N2489" i="2"/>
  <c r="B2489" i="2" l="1"/>
  <c r="N2490" i="2"/>
  <c r="B2490" i="2" l="1"/>
  <c r="N2491" i="2"/>
  <c r="B2491" i="2" l="1"/>
  <c r="N2492" i="2"/>
  <c r="B2492" i="2" l="1"/>
  <c r="N2493" i="2"/>
  <c r="B2493" i="2" l="1"/>
  <c r="N2494" i="2"/>
  <c r="B2494" i="2" l="1"/>
  <c r="N2495" i="2"/>
  <c r="B2495" i="2" l="1"/>
  <c r="N2496" i="2"/>
  <c r="B2496" i="2" l="1"/>
  <c r="N2497" i="2"/>
  <c r="B2497" i="2" l="1"/>
  <c r="N2498" i="2"/>
  <c r="B2498" i="2" l="1"/>
  <c r="N2499" i="2"/>
  <c r="B2499" i="2" l="1"/>
  <c r="N2500" i="2"/>
  <c r="B2500" i="2" l="1"/>
  <c r="N2501" i="2"/>
  <c r="B2501" i="2" l="1"/>
  <c r="N2502" i="2"/>
  <c r="B2502" i="2" l="1"/>
  <c r="N2503" i="2"/>
  <c r="B2503" i="2" l="1"/>
  <c r="N2504" i="2"/>
  <c r="B2504" i="2" l="1"/>
  <c r="N2505" i="2"/>
  <c r="B2505" i="2" l="1"/>
  <c r="N2506" i="2"/>
  <c r="B2506" i="2" l="1"/>
  <c r="N2507" i="2"/>
  <c r="B2507" i="2" l="1"/>
  <c r="N2508" i="2"/>
  <c r="B2508" i="2" l="1"/>
  <c r="N2509" i="2"/>
  <c r="B2509" i="2" l="1"/>
  <c r="N2510" i="2"/>
  <c r="B2510" i="2" l="1"/>
  <c r="N2511" i="2"/>
  <c r="B2511" i="2" l="1"/>
  <c r="N2512" i="2"/>
  <c r="B2512" i="2" l="1"/>
  <c r="N2513" i="2"/>
  <c r="B2513" i="2" l="1"/>
  <c r="N2514" i="2"/>
  <c r="B2514" i="2" l="1"/>
  <c r="N2515" i="2"/>
  <c r="B2515" i="2" l="1"/>
  <c r="N2516" i="2"/>
  <c r="B2516" i="2" l="1"/>
  <c r="N2517" i="2"/>
  <c r="B2517" i="2" l="1"/>
  <c r="N2518" i="2"/>
  <c r="B2518" i="2" l="1"/>
  <c r="N2519" i="2"/>
  <c r="B2519" i="2" l="1"/>
  <c r="N2520" i="2"/>
  <c r="B2520" i="2" l="1"/>
  <c r="N2521" i="2"/>
  <c r="B2521" i="2" l="1"/>
  <c r="N2522" i="2"/>
  <c r="B2522" i="2" l="1"/>
  <c r="N2523" i="2"/>
  <c r="B2523" i="2" l="1"/>
  <c r="N2524" i="2"/>
  <c r="B2524" i="2" l="1"/>
  <c r="N2525" i="2"/>
  <c r="B2525" i="2" l="1"/>
  <c r="N2526" i="2"/>
  <c r="B2526" i="2" l="1"/>
  <c r="N2527" i="2"/>
  <c r="B2527" i="2" l="1"/>
  <c r="N2528" i="2"/>
  <c r="B2528" i="2" l="1"/>
  <c r="N2529" i="2"/>
  <c r="B2529" i="2" l="1"/>
  <c r="N2530" i="2"/>
  <c r="B2530" i="2" l="1"/>
  <c r="N2531" i="2"/>
  <c r="B2531" i="2" l="1"/>
  <c r="N2532" i="2"/>
  <c r="B2532" i="2" l="1"/>
  <c r="N2533" i="2"/>
  <c r="B2533" i="2" l="1"/>
  <c r="N2534" i="2"/>
  <c r="B2534" i="2" l="1"/>
  <c r="N2535" i="2"/>
  <c r="B2535" i="2" l="1"/>
  <c r="N2536" i="2"/>
  <c r="B2536" i="2" l="1"/>
  <c r="N2537" i="2"/>
  <c r="B2537" i="2" l="1"/>
  <c r="N2538" i="2"/>
  <c r="B2538" i="2" l="1"/>
  <c r="N2539" i="2"/>
  <c r="B2539" i="2" l="1"/>
  <c r="N2540" i="2"/>
  <c r="B2540" i="2" l="1"/>
  <c r="N2541" i="2"/>
  <c r="B2541" i="2" l="1"/>
  <c r="N2542" i="2"/>
  <c r="B2542" i="2" l="1"/>
  <c r="N2543" i="2"/>
  <c r="B2543" i="2" l="1"/>
  <c r="N2544" i="2"/>
  <c r="B2544" i="2" l="1"/>
  <c r="N2545" i="2"/>
  <c r="B2545" i="2" l="1"/>
  <c r="N2546" i="2"/>
  <c r="B2546" i="2" l="1"/>
  <c r="N2547" i="2"/>
  <c r="B2547" i="2" l="1"/>
  <c r="N2548" i="2"/>
  <c r="B2548" i="2" l="1"/>
  <c r="N2549" i="2"/>
  <c r="B2549" i="2" l="1"/>
  <c r="N2550" i="2"/>
  <c r="B2550" i="2" l="1"/>
  <c r="N2551" i="2"/>
  <c r="B2551" i="2" l="1"/>
  <c r="N2552" i="2"/>
  <c r="B2552" i="2" l="1"/>
  <c r="N2553" i="2"/>
  <c r="B2553" i="2" l="1"/>
  <c r="N2554" i="2"/>
  <c r="B2554" i="2" l="1"/>
  <c r="N2555" i="2"/>
  <c r="B2555" i="2" l="1"/>
  <c r="N2556" i="2"/>
  <c r="B2556" i="2" l="1"/>
  <c r="N2557" i="2"/>
  <c r="B2557" i="2" l="1"/>
  <c r="N2558" i="2"/>
  <c r="B2558" i="2" l="1"/>
  <c r="N2559" i="2"/>
  <c r="B2559" i="2" l="1"/>
  <c r="N2560" i="2"/>
  <c r="B2560" i="2" l="1"/>
  <c r="N2561" i="2"/>
  <c r="B2561" i="2" l="1"/>
  <c r="N2562" i="2"/>
  <c r="B2562" i="2" l="1"/>
  <c r="N2563" i="2"/>
  <c r="B2563" i="2" l="1"/>
  <c r="N2564" i="2"/>
  <c r="B2564" i="2" l="1"/>
  <c r="N2565" i="2"/>
  <c r="B2565" i="2" l="1"/>
  <c r="N2566" i="2"/>
  <c r="B2566" i="2" l="1"/>
  <c r="N2567" i="2"/>
  <c r="B2567" i="2" l="1"/>
  <c r="N2568" i="2"/>
  <c r="B2568" i="2" l="1"/>
  <c r="N2569" i="2"/>
  <c r="B2569" i="2" l="1"/>
  <c r="N2570" i="2"/>
  <c r="B2570" i="2" l="1"/>
  <c r="N2571" i="2"/>
  <c r="B2571" i="2" l="1"/>
  <c r="N2572" i="2"/>
  <c r="B2572" i="2" l="1"/>
  <c r="N2573" i="2"/>
  <c r="B2573" i="2" l="1"/>
  <c r="N2574" i="2"/>
  <c r="B2574" i="2" l="1"/>
  <c r="N2575" i="2"/>
  <c r="B2575" i="2" l="1"/>
  <c r="N2576" i="2"/>
  <c r="B2576" i="2" l="1"/>
  <c r="N2577" i="2"/>
  <c r="B2577" i="2" l="1"/>
  <c r="N2578" i="2"/>
  <c r="B2578" i="2" l="1"/>
  <c r="N2579" i="2"/>
  <c r="B2579" i="2" l="1"/>
  <c r="N2580" i="2"/>
  <c r="B2580" i="2" l="1"/>
  <c r="N2581" i="2"/>
  <c r="B2581" i="2" l="1"/>
  <c r="N2582" i="2"/>
  <c r="B2582" i="2" l="1"/>
  <c r="N2583" i="2"/>
  <c r="B2583" i="2" l="1"/>
  <c r="N2584" i="2"/>
  <c r="B2584" i="2" l="1"/>
  <c r="N2585" i="2"/>
  <c r="B2585" i="2" l="1"/>
  <c r="N2586" i="2"/>
  <c r="B2586" i="2" l="1"/>
  <c r="N2587" i="2"/>
  <c r="B2587" i="2" l="1"/>
  <c r="N2588" i="2"/>
  <c r="B2588" i="2" l="1"/>
  <c r="N2589" i="2"/>
  <c r="B2589" i="2" l="1"/>
  <c r="N2590" i="2"/>
  <c r="B2590" i="2" l="1"/>
  <c r="N2591" i="2"/>
  <c r="B2591" i="2" l="1"/>
  <c r="N2592" i="2"/>
  <c r="B2592" i="2" l="1"/>
  <c r="N2593" i="2"/>
  <c r="B2593" i="2" l="1"/>
  <c r="N2594" i="2"/>
  <c r="B2594" i="2" l="1"/>
  <c r="N2595" i="2"/>
  <c r="B2595" i="2" l="1"/>
  <c r="N2596" i="2"/>
  <c r="B2596" i="2" l="1"/>
  <c r="N2597" i="2"/>
  <c r="B2597" i="2" l="1"/>
  <c r="N2598" i="2"/>
  <c r="B2598" i="2" l="1"/>
  <c r="N2599" i="2"/>
  <c r="B2599" i="2" l="1"/>
  <c r="N2600" i="2"/>
  <c r="B2600" i="2" l="1"/>
  <c r="N2601" i="2"/>
  <c r="B2601" i="2" l="1"/>
  <c r="N2602" i="2"/>
  <c r="B2602" i="2" l="1"/>
  <c r="N2603" i="2"/>
  <c r="B2603" i="2" l="1"/>
  <c r="N2604" i="2"/>
  <c r="B2604" i="2" l="1"/>
  <c r="N2605" i="2"/>
  <c r="B2605" i="2" l="1"/>
  <c r="N2606" i="2"/>
  <c r="B2606" i="2" l="1"/>
  <c r="N2607" i="2"/>
  <c r="B2607" i="2" l="1"/>
  <c r="N2608" i="2"/>
  <c r="B2608" i="2" l="1"/>
  <c r="N2609" i="2"/>
  <c r="B2609" i="2" l="1"/>
  <c r="N2610" i="2"/>
  <c r="B2610" i="2" l="1"/>
  <c r="N2611" i="2"/>
  <c r="B2611" i="2" l="1"/>
  <c r="N2612" i="2"/>
  <c r="B2612" i="2" l="1"/>
  <c r="N2613" i="2"/>
  <c r="B2613" i="2" l="1"/>
  <c r="N2614" i="2"/>
  <c r="B2614" i="2" l="1"/>
  <c r="N2615" i="2"/>
  <c r="B2615" i="2" l="1"/>
  <c r="N2616" i="2"/>
  <c r="B2616" i="2" l="1"/>
  <c r="N2617" i="2"/>
  <c r="B2617" i="2" l="1"/>
  <c r="N2618" i="2"/>
  <c r="B2618" i="2" l="1"/>
  <c r="N2619" i="2"/>
  <c r="B2619" i="2" l="1"/>
  <c r="N2620" i="2"/>
  <c r="B2620" i="2" l="1"/>
  <c r="N2621" i="2"/>
  <c r="B2621" i="2" l="1"/>
  <c r="N2622" i="2"/>
  <c r="B2622" i="2" l="1"/>
  <c r="N2623" i="2"/>
  <c r="B2623" i="2" l="1"/>
  <c r="N2624" i="2"/>
  <c r="B2624" i="2" l="1"/>
  <c r="N2625" i="2"/>
  <c r="B2625" i="2" l="1"/>
  <c r="N2626" i="2"/>
  <c r="B2626" i="2" l="1"/>
  <c r="N2627" i="2"/>
  <c r="B2627" i="2" l="1"/>
  <c r="N2628" i="2"/>
  <c r="B2628" i="2" l="1"/>
  <c r="N2629" i="2"/>
  <c r="B2629" i="2" l="1"/>
  <c r="N2630" i="2"/>
  <c r="B2630" i="2" l="1"/>
  <c r="N2631" i="2"/>
  <c r="B2631" i="2" l="1"/>
  <c r="N2632" i="2"/>
  <c r="B2632" i="2" l="1"/>
  <c r="N2633" i="2"/>
  <c r="B2633" i="2" l="1"/>
  <c r="N2634" i="2"/>
  <c r="B2634" i="2" l="1"/>
  <c r="N2635" i="2"/>
  <c r="B2635" i="2" l="1"/>
  <c r="N2636" i="2"/>
  <c r="B2636" i="2" l="1"/>
  <c r="N2637" i="2"/>
  <c r="B2637" i="2" l="1"/>
  <c r="N2638" i="2"/>
  <c r="B2638" i="2" l="1"/>
  <c r="N2639" i="2"/>
  <c r="B2639" i="2" l="1"/>
  <c r="N2640" i="2"/>
  <c r="B2640" i="2" l="1"/>
  <c r="N2641" i="2"/>
  <c r="B2641" i="2" l="1"/>
  <c r="N2642" i="2"/>
  <c r="B2642" i="2" l="1"/>
  <c r="N2643" i="2"/>
  <c r="B2643" i="2" l="1"/>
  <c r="N2644" i="2"/>
  <c r="B2644" i="2" l="1"/>
  <c r="N2645" i="2"/>
  <c r="B2645" i="2" l="1"/>
  <c r="N2646" i="2"/>
  <c r="B2646" i="2" l="1"/>
  <c r="N2647" i="2"/>
  <c r="B2647" i="2" l="1"/>
  <c r="N2648" i="2"/>
  <c r="B2648" i="2" l="1"/>
  <c r="N2649" i="2"/>
  <c r="B2649" i="2" l="1"/>
  <c r="N2650" i="2"/>
  <c r="B2650" i="2" l="1"/>
  <c r="N2651" i="2"/>
  <c r="B2651" i="2" l="1"/>
  <c r="N2652" i="2"/>
  <c r="B2652" i="2" l="1"/>
  <c r="N2653" i="2"/>
  <c r="B2653" i="2" l="1"/>
  <c r="N2654" i="2"/>
  <c r="B2654" i="2" l="1"/>
  <c r="N2655" i="2"/>
  <c r="B2655" i="2" l="1"/>
  <c r="N2656" i="2"/>
  <c r="B2656" i="2" l="1"/>
  <c r="N2657" i="2"/>
  <c r="B2657" i="2" l="1"/>
  <c r="N2658" i="2"/>
  <c r="B2658" i="2" l="1"/>
  <c r="N2659" i="2"/>
  <c r="B2659" i="2" l="1"/>
  <c r="N2660" i="2"/>
  <c r="B2660" i="2" l="1"/>
  <c r="N2661" i="2"/>
  <c r="B2661" i="2" l="1"/>
  <c r="N2662" i="2"/>
  <c r="B2662" i="2" l="1"/>
  <c r="N2663" i="2"/>
  <c r="B2663" i="2" l="1"/>
  <c r="N2664" i="2"/>
  <c r="B2664" i="2" l="1"/>
  <c r="N2665" i="2"/>
  <c r="B2665" i="2" l="1"/>
  <c r="N2666" i="2"/>
  <c r="B2666" i="2" l="1"/>
  <c r="N2667" i="2"/>
  <c r="B2667" i="2" l="1"/>
  <c r="N2668" i="2"/>
  <c r="B2668" i="2" l="1"/>
  <c r="N2669" i="2"/>
  <c r="B2669" i="2" l="1"/>
  <c r="N2670" i="2"/>
  <c r="B2670" i="2" l="1"/>
  <c r="N2671" i="2"/>
  <c r="B2671" i="2" l="1"/>
  <c r="N2672" i="2"/>
  <c r="B2672" i="2" l="1"/>
  <c r="N2673" i="2"/>
  <c r="B2673" i="2" l="1"/>
  <c r="N2674" i="2"/>
  <c r="B2674" i="2" l="1"/>
  <c r="N2675" i="2"/>
  <c r="B2675" i="2" l="1"/>
  <c r="N2676" i="2"/>
  <c r="B2676" i="2" l="1"/>
  <c r="N2677" i="2"/>
  <c r="B2677" i="2" l="1"/>
  <c r="N2678" i="2"/>
  <c r="B2678" i="2" l="1"/>
  <c r="N2679" i="2"/>
  <c r="B2679" i="2" l="1"/>
  <c r="N2680" i="2"/>
  <c r="B2680" i="2" l="1"/>
  <c r="N2681" i="2"/>
  <c r="B2681" i="2" l="1"/>
  <c r="N2682" i="2"/>
  <c r="B2682" i="2" l="1"/>
  <c r="N2683" i="2"/>
  <c r="B2683" i="2" l="1"/>
  <c r="N2684" i="2"/>
  <c r="B2684" i="2" l="1"/>
  <c r="N2685" i="2"/>
  <c r="B2685" i="2" l="1"/>
  <c r="N2686" i="2"/>
  <c r="B2686" i="2" l="1"/>
  <c r="N2687" i="2"/>
  <c r="B2687" i="2" l="1"/>
  <c r="N2688" i="2"/>
  <c r="B2688" i="2" l="1"/>
  <c r="N2689" i="2"/>
  <c r="B2689" i="2" l="1"/>
  <c r="N2690" i="2"/>
  <c r="B2690" i="2" l="1"/>
  <c r="N2691" i="2"/>
  <c r="B2691" i="2" l="1"/>
  <c r="N2692" i="2"/>
  <c r="B2692" i="2" l="1"/>
  <c r="N2693" i="2"/>
  <c r="B2693" i="2" l="1"/>
  <c r="N2694" i="2"/>
  <c r="B2694" i="2" l="1"/>
  <c r="N2695" i="2"/>
  <c r="B2695" i="2" l="1"/>
  <c r="N2696" i="2"/>
  <c r="B2696" i="2" l="1"/>
  <c r="N2697" i="2"/>
  <c r="B2697" i="2" l="1"/>
  <c r="N2698" i="2"/>
  <c r="B2698" i="2" l="1"/>
  <c r="N2699" i="2"/>
  <c r="B2699" i="2" l="1"/>
  <c r="N2700" i="2"/>
  <c r="B2700" i="2" l="1"/>
  <c r="N2701" i="2"/>
  <c r="B2701" i="2" l="1"/>
  <c r="N2702" i="2"/>
  <c r="B2702" i="2" l="1"/>
  <c r="N2703" i="2"/>
  <c r="B2703" i="2" l="1"/>
  <c r="N2704" i="2"/>
  <c r="B2704" i="2" l="1"/>
  <c r="N2705" i="2"/>
  <c r="B2705" i="2" l="1"/>
  <c r="N2706" i="2"/>
  <c r="B2706" i="2" l="1"/>
  <c r="N2707" i="2"/>
  <c r="B2707" i="2" l="1"/>
  <c r="N2708" i="2"/>
  <c r="B2708" i="2" l="1"/>
  <c r="N2709" i="2"/>
  <c r="B2709" i="2" l="1"/>
  <c r="N2710" i="2"/>
  <c r="B2710" i="2" l="1"/>
  <c r="N2711" i="2"/>
  <c r="B2711" i="2" l="1"/>
  <c r="N2712" i="2"/>
  <c r="B2712" i="2" l="1"/>
  <c r="N2713" i="2"/>
  <c r="B2713" i="2" l="1"/>
  <c r="N2714" i="2"/>
  <c r="B2714" i="2" l="1"/>
  <c r="N2715" i="2"/>
  <c r="B2715" i="2" l="1"/>
  <c r="N2716" i="2"/>
  <c r="B2716" i="2" l="1"/>
  <c r="N2717" i="2"/>
  <c r="B2717" i="2" l="1"/>
  <c r="N2718" i="2"/>
  <c r="B2718" i="2" l="1"/>
  <c r="N2719" i="2"/>
  <c r="B2719" i="2" l="1"/>
  <c r="N2720" i="2"/>
  <c r="B2720" i="2" l="1"/>
  <c r="N2721" i="2"/>
  <c r="B2721" i="2" l="1"/>
  <c r="N2722" i="2"/>
  <c r="B2722" i="2" l="1"/>
  <c r="N2723" i="2"/>
  <c r="B2723" i="2" l="1"/>
  <c r="N2724" i="2"/>
  <c r="B2724" i="2" l="1"/>
  <c r="N2725" i="2"/>
  <c r="B2725" i="2" l="1"/>
  <c r="N2726" i="2"/>
  <c r="B2726" i="2" l="1"/>
  <c r="N2727" i="2"/>
  <c r="B2727" i="2" l="1"/>
  <c r="N2728" i="2"/>
  <c r="B2728" i="2" l="1"/>
  <c r="N2729" i="2"/>
  <c r="B2729" i="2" l="1"/>
  <c r="N2730" i="2"/>
  <c r="B2730" i="2" l="1"/>
  <c r="N2731" i="2"/>
  <c r="B2731" i="2" l="1"/>
  <c r="N2732" i="2"/>
  <c r="B2732" i="2" l="1"/>
  <c r="N2733" i="2"/>
  <c r="B2733" i="2" l="1"/>
  <c r="N2734" i="2"/>
  <c r="B2734" i="2" l="1"/>
  <c r="N2735" i="2"/>
  <c r="B2735" i="2" l="1"/>
  <c r="N2736" i="2"/>
  <c r="B2736" i="2" l="1"/>
  <c r="N2737" i="2"/>
  <c r="B2737" i="2" l="1"/>
  <c r="N2738" i="2"/>
  <c r="B2738" i="2" l="1"/>
  <c r="N2739" i="2"/>
  <c r="B2739" i="2" l="1"/>
  <c r="N2740" i="2"/>
  <c r="B2740" i="2" l="1"/>
  <c r="N2741" i="2"/>
  <c r="B2741" i="2" l="1"/>
  <c r="N2742" i="2"/>
  <c r="B2742" i="2" l="1"/>
  <c r="N2743" i="2"/>
  <c r="B2743" i="2" l="1"/>
  <c r="N2744" i="2"/>
  <c r="B2744" i="2" l="1"/>
  <c r="N2745" i="2"/>
  <c r="B2745" i="2" l="1"/>
  <c r="N2746" i="2"/>
  <c r="B2746" i="2" l="1"/>
  <c r="N2747" i="2"/>
  <c r="B2747" i="2" l="1"/>
  <c r="N2748" i="2"/>
  <c r="B2748" i="2" l="1"/>
  <c r="N2749" i="2"/>
  <c r="B2749" i="2" l="1"/>
  <c r="N2750" i="2"/>
  <c r="B2750" i="2" l="1"/>
  <c r="N2751" i="2"/>
  <c r="B2751" i="2" l="1"/>
  <c r="N2752" i="2"/>
  <c r="B2752" i="2" l="1"/>
  <c r="N2753" i="2"/>
  <c r="B2753" i="2" l="1"/>
  <c r="N2754" i="2"/>
  <c r="B2754" i="2" l="1"/>
  <c r="N2755" i="2"/>
  <c r="B2755" i="2" l="1"/>
  <c r="N2756" i="2"/>
  <c r="B2756" i="2" l="1"/>
  <c r="N2757" i="2"/>
  <c r="B2757" i="2" l="1"/>
  <c r="N2758" i="2"/>
  <c r="B2758" i="2" l="1"/>
  <c r="N2759" i="2"/>
  <c r="B2759" i="2" l="1"/>
  <c r="N2760" i="2"/>
  <c r="B2760" i="2" l="1"/>
  <c r="N2761" i="2"/>
  <c r="B2761" i="2" l="1"/>
  <c r="N2762" i="2"/>
  <c r="B2762" i="2" l="1"/>
  <c r="N2763" i="2"/>
  <c r="B2763" i="2" l="1"/>
  <c r="N2764" i="2"/>
  <c r="B2764" i="2" l="1"/>
  <c r="N2765" i="2"/>
  <c r="B2765" i="2" l="1"/>
  <c r="N2766" i="2"/>
  <c r="B2766" i="2" l="1"/>
  <c r="N2767" i="2"/>
  <c r="B2767" i="2" l="1"/>
  <c r="N2768" i="2"/>
  <c r="B2768" i="2" l="1"/>
  <c r="N2769" i="2"/>
  <c r="B2769" i="2" l="1"/>
  <c r="N2770" i="2"/>
  <c r="B2770" i="2" l="1"/>
  <c r="N2771" i="2"/>
  <c r="B2771" i="2" l="1"/>
  <c r="N2772" i="2"/>
  <c r="B2772" i="2" l="1"/>
  <c r="N2773" i="2"/>
  <c r="B2773" i="2" l="1"/>
  <c r="N2774" i="2"/>
  <c r="B2774" i="2" l="1"/>
  <c r="N2775" i="2"/>
  <c r="B2775" i="2" l="1"/>
  <c r="N2776" i="2"/>
  <c r="B2776" i="2" l="1"/>
  <c r="N2777" i="2"/>
  <c r="B2777" i="2" l="1"/>
  <c r="N2778" i="2"/>
  <c r="B2778" i="2" l="1"/>
  <c r="N2779" i="2"/>
  <c r="B2779" i="2" l="1"/>
  <c r="N2780" i="2"/>
  <c r="B2780" i="2" l="1"/>
  <c r="N2781" i="2"/>
  <c r="B2781" i="2" l="1"/>
  <c r="N2782" i="2"/>
  <c r="B2782" i="2" l="1"/>
  <c r="N2783" i="2"/>
  <c r="B2783" i="2" l="1"/>
  <c r="N2784" i="2"/>
  <c r="B2784" i="2" l="1"/>
  <c r="N2785" i="2"/>
  <c r="B2785" i="2" l="1"/>
  <c r="N2786" i="2"/>
  <c r="B2786" i="2" l="1"/>
  <c r="N2787" i="2"/>
  <c r="B2787" i="2" l="1"/>
  <c r="N2788" i="2"/>
  <c r="B2788" i="2" l="1"/>
  <c r="N2789" i="2"/>
  <c r="B2789" i="2" l="1"/>
  <c r="N2790" i="2"/>
  <c r="B2790" i="2" l="1"/>
  <c r="N2791" i="2"/>
  <c r="B2791" i="2" l="1"/>
  <c r="N2792" i="2"/>
  <c r="B2792" i="2" l="1"/>
  <c r="N2793" i="2"/>
  <c r="B2793" i="2" l="1"/>
  <c r="N2794" i="2"/>
  <c r="B2794" i="2" l="1"/>
  <c r="N2795" i="2"/>
  <c r="B2795" i="2" l="1"/>
  <c r="N2796" i="2"/>
  <c r="B2796" i="2" l="1"/>
  <c r="N2797" i="2"/>
  <c r="B2797" i="2" l="1"/>
  <c r="N2798" i="2"/>
  <c r="B2798" i="2" l="1"/>
  <c r="N2799" i="2"/>
  <c r="B2799" i="2" l="1"/>
  <c r="N2800" i="2"/>
  <c r="B2800" i="2" l="1"/>
  <c r="N2801" i="2"/>
  <c r="B2801" i="2" l="1"/>
  <c r="N2802" i="2"/>
  <c r="B2802" i="2" l="1"/>
  <c r="N2803" i="2"/>
  <c r="B2803" i="2" l="1"/>
  <c r="N2804" i="2"/>
  <c r="B2804" i="2" l="1"/>
  <c r="N2805" i="2"/>
  <c r="B2805" i="2" l="1"/>
  <c r="N2806" i="2"/>
  <c r="B2806" i="2" l="1"/>
  <c r="N2807" i="2"/>
  <c r="B2807" i="2" l="1"/>
  <c r="N2808" i="2"/>
  <c r="B2808" i="2" l="1"/>
  <c r="N2809" i="2"/>
  <c r="B2809" i="2" l="1"/>
  <c r="N2810" i="2"/>
  <c r="B2810" i="2" l="1"/>
  <c r="N2811" i="2"/>
  <c r="B2811" i="2" l="1"/>
  <c r="N2812" i="2"/>
  <c r="B2812" i="2" l="1"/>
  <c r="N2813" i="2"/>
  <c r="B2813" i="2" l="1"/>
  <c r="N2814" i="2"/>
  <c r="B2814" i="2" l="1"/>
  <c r="N2815" i="2"/>
  <c r="B2815" i="2" l="1"/>
  <c r="N2816" i="2"/>
  <c r="B2816" i="2" l="1"/>
  <c r="N2817" i="2"/>
  <c r="B2817" i="2" l="1"/>
  <c r="N2818" i="2"/>
  <c r="B2818" i="2" l="1"/>
  <c r="N2819" i="2"/>
  <c r="B2819" i="2" l="1"/>
  <c r="N2820" i="2"/>
  <c r="B2820" i="2" l="1"/>
  <c r="N2821" i="2"/>
  <c r="B2821" i="2" l="1"/>
  <c r="N2822" i="2"/>
  <c r="B2822" i="2" l="1"/>
  <c r="N2823" i="2"/>
  <c r="B2823" i="2" l="1"/>
  <c r="N2824" i="2"/>
  <c r="B2824" i="2" l="1"/>
  <c r="N2825" i="2"/>
  <c r="B2825" i="2" l="1"/>
  <c r="N2826" i="2"/>
  <c r="B2826" i="2" l="1"/>
  <c r="N2827" i="2"/>
  <c r="B2827" i="2" l="1"/>
  <c r="N2828" i="2"/>
  <c r="B2828" i="2" l="1"/>
  <c r="N2829" i="2"/>
  <c r="B2829" i="2" l="1"/>
  <c r="N2830" i="2"/>
  <c r="B2830" i="2" l="1"/>
  <c r="N2831" i="2"/>
  <c r="B2831" i="2" l="1"/>
  <c r="N2832" i="2"/>
  <c r="B2832" i="2" l="1"/>
  <c r="N2833" i="2"/>
  <c r="B2833" i="2" l="1"/>
  <c r="N2834" i="2"/>
  <c r="B2834" i="2" l="1"/>
  <c r="N2835" i="2"/>
  <c r="B2835" i="2" l="1"/>
  <c r="N2836" i="2"/>
  <c r="B2836" i="2" l="1"/>
  <c r="N2837" i="2"/>
  <c r="B2837" i="2" l="1"/>
  <c r="N2838" i="2"/>
  <c r="B2838" i="2" l="1"/>
  <c r="N2839" i="2"/>
  <c r="B2839" i="2" l="1"/>
  <c r="N2840" i="2"/>
  <c r="B2840" i="2" l="1"/>
  <c r="N2841" i="2"/>
  <c r="B2841" i="2" l="1"/>
  <c r="N2842" i="2"/>
  <c r="B2842" i="2" l="1"/>
  <c r="N2843" i="2"/>
  <c r="B2843" i="2" l="1"/>
  <c r="N2844" i="2"/>
  <c r="B2844" i="2" l="1"/>
  <c r="N2845" i="2"/>
  <c r="B2845" i="2" l="1"/>
  <c r="N2846" i="2"/>
  <c r="B2846" i="2" l="1"/>
  <c r="N2847" i="2"/>
  <c r="B2847" i="2" l="1"/>
  <c r="N2848" i="2"/>
  <c r="B2848" i="2" l="1"/>
  <c r="N2849" i="2"/>
  <c r="B2849" i="2" l="1"/>
  <c r="N2850" i="2"/>
  <c r="B2850" i="2" l="1"/>
  <c r="N2851" i="2"/>
  <c r="B2851" i="2" l="1"/>
  <c r="N2852" i="2"/>
  <c r="B2852" i="2" l="1"/>
  <c r="N2853" i="2"/>
  <c r="B2853" i="2" l="1"/>
  <c r="N2854" i="2"/>
  <c r="B2854" i="2" l="1"/>
  <c r="N2855" i="2"/>
  <c r="B2855" i="2" l="1"/>
  <c r="N2856" i="2"/>
  <c r="B2856" i="2" l="1"/>
  <c r="N2857" i="2"/>
  <c r="B2857" i="2" l="1"/>
  <c r="N2858" i="2"/>
  <c r="B2858" i="2" l="1"/>
  <c r="N2859" i="2"/>
  <c r="B2859" i="2" l="1"/>
  <c r="N2860" i="2"/>
  <c r="B2860" i="2" l="1"/>
  <c r="N2861" i="2"/>
  <c r="B2861" i="2" l="1"/>
  <c r="N2862" i="2"/>
  <c r="B2862" i="2" l="1"/>
  <c r="N2863" i="2"/>
  <c r="B2863" i="2" l="1"/>
  <c r="N2864" i="2"/>
  <c r="B2864" i="2" l="1"/>
  <c r="N2865" i="2"/>
  <c r="B2865" i="2" l="1"/>
  <c r="N2866" i="2"/>
  <c r="B2866" i="2" l="1"/>
  <c r="N2867" i="2"/>
  <c r="B2867" i="2" l="1"/>
  <c r="N2868" i="2"/>
  <c r="B2868" i="2" l="1"/>
  <c r="N2869" i="2"/>
  <c r="B2869" i="2" l="1"/>
  <c r="N2870" i="2"/>
  <c r="B2870" i="2" l="1"/>
  <c r="N2871" i="2"/>
  <c r="B2871" i="2" l="1"/>
  <c r="N2872" i="2"/>
  <c r="B2872" i="2" l="1"/>
  <c r="N2873" i="2"/>
  <c r="B2873" i="2" l="1"/>
  <c r="N2874" i="2"/>
  <c r="B2874" i="2" l="1"/>
  <c r="N2875" i="2"/>
  <c r="B2875" i="2" l="1"/>
  <c r="N2876" i="2"/>
  <c r="B2876" i="2" l="1"/>
  <c r="N2877" i="2"/>
  <c r="B2877" i="2" l="1"/>
  <c r="N2878" i="2"/>
  <c r="B2878" i="2" l="1"/>
  <c r="N2879" i="2"/>
  <c r="B2879" i="2" l="1"/>
  <c r="N2880" i="2"/>
  <c r="B2880" i="2" l="1"/>
  <c r="N2881" i="2"/>
  <c r="B2881" i="2" l="1"/>
  <c r="N2882" i="2"/>
  <c r="B2882" i="2" l="1"/>
  <c r="N2883" i="2"/>
  <c r="B2883" i="2" l="1"/>
  <c r="N2884" i="2"/>
  <c r="B2884" i="2" l="1"/>
  <c r="N2885" i="2"/>
  <c r="B2885" i="2" l="1"/>
  <c r="N2886" i="2"/>
  <c r="B2886" i="2" l="1"/>
  <c r="N2887" i="2"/>
  <c r="B2887" i="2" l="1"/>
  <c r="N2888" i="2"/>
  <c r="B2888" i="2" l="1"/>
  <c r="N2889" i="2"/>
  <c r="B2889" i="2" l="1"/>
  <c r="N2890" i="2"/>
  <c r="B2890" i="2" l="1"/>
  <c r="N2891" i="2"/>
  <c r="B2891" i="2" l="1"/>
  <c r="N2892" i="2"/>
  <c r="B2892" i="2" l="1"/>
  <c r="N2893" i="2"/>
  <c r="B2893" i="2" l="1"/>
  <c r="N2894" i="2"/>
  <c r="B2894" i="2" l="1"/>
  <c r="N2895" i="2"/>
  <c r="B2895" i="2" l="1"/>
  <c r="N2896" i="2"/>
  <c r="B2896" i="2" l="1"/>
  <c r="N2897" i="2"/>
  <c r="B2897" i="2" l="1"/>
  <c r="N2898" i="2"/>
  <c r="B2898" i="2" l="1"/>
  <c r="N2899" i="2"/>
  <c r="B2899" i="2" l="1"/>
  <c r="N2900" i="2"/>
  <c r="B2900" i="2" l="1"/>
  <c r="N2901" i="2"/>
  <c r="B2901" i="2" l="1"/>
  <c r="N2902" i="2"/>
  <c r="B2902" i="2" l="1"/>
  <c r="N2903" i="2"/>
  <c r="B2903" i="2" l="1"/>
  <c r="N2904" i="2"/>
  <c r="B2904" i="2" l="1"/>
  <c r="N2905" i="2"/>
  <c r="B2905" i="2" l="1"/>
  <c r="N2906" i="2"/>
  <c r="B2906" i="2" l="1"/>
  <c r="N2907" i="2"/>
  <c r="B2907" i="2" l="1"/>
  <c r="N2908" i="2"/>
  <c r="B2908" i="2" l="1"/>
  <c r="N2909" i="2"/>
  <c r="B2909" i="2" l="1"/>
  <c r="N2910" i="2"/>
  <c r="B2910" i="2" l="1"/>
  <c r="N2911" i="2"/>
  <c r="B2911" i="2" l="1"/>
  <c r="N2912" i="2"/>
  <c r="B2912" i="2" l="1"/>
  <c r="N2913" i="2"/>
  <c r="B2913" i="2" l="1"/>
  <c r="N2914" i="2"/>
  <c r="B2914" i="2" l="1"/>
  <c r="N2915" i="2"/>
  <c r="B2915" i="2" l="1"/>
  <c r="N2916" i="2"/>
  <c r="B2916" i="2" l="1"/>
  <c r="N2917" i="2"/>
  <c r="B2917" i="2" l="1"/>
  <c r="N2918" i="2"/>
  <c r="B2918" i="2" l="1"/>
  <c r="N2919" i="2"/>
  <c r="B2919" i="2" l="1"/>
  <c r="N2920" i="2"/>
  <c r="B2920" i="2" l="1"/>
  <c r="N2921" i="2"/>
  <c r="B2921" i="2" l="1"/>
  <c r="N2922" i="2"/>
  <c r="B2922" i="2" l="1"/>
  <c r="N2923" i="2"/>
  <c r="B2923" i="2" l="1"/>
  <c r="N2924" i="2"/>
  <c r="B2924" i="2" l="1"/>
  <c r="N2925" i="2"/>
  <c r="B2925" i="2" l="1"/>
  <c r="N2926" i="2"/>
  <c r="B2926" i="2" l="1"/>
  <c r="N2927" i="2"/>
  <c r="B2927" i="2" l="1"/>
  <c r="N2928" i="2"/>
  <c r="B2928" i="2" l="1"/>
  <c r="N2929" i="2"/>
  <c r="B2929" i="2" l="1"/>
  <c r="N2930" i="2"/>
  <c r="B2930" i="2" l="1"/>
  <c r="N2931" i="2"/>
  <c r="B2931" i="2" l="1"/>
  <c r="N2932" i="2"/>
  <c r="B2932" i="2" l="1"/>
  <c r="N2933" i="2"/>
  <c r="B2933" i="2" l="1"/>
  <c r="N2934" i="2"/>
  <c r="B2934" i="2" l="1"/>
  <c r="N2935" i="2"/>
  <c r="B2935" i="2" l="1"/>
  <c r="N2936" i="2"/>
  <c r="B2936" i="2" l="1"/>
  <c r="N2937" i="2"/>
  <c r="B2937" i="2" l="1"/>
  <c r="N2938" i="2"/>
  <c r="B2938" i="2" l="1"/>
  <c r="N2939" i="2"/>
  <c r="B2939" i="2" l="1"/>
  <c r="N2940" i="2"/>
  <c r="B2940" i="2" l="1"/>
  <c r="N2941" i="2"/>
  <c r="B2941" i="2" l="1"/>
  <c r="N2942" i="2"/>
  <c r="B2942" i="2" l="1"/>
  <c r="N2943" i="2"/>
  <c r="B2943" i="2" l="1"/>
  <c r="N2944" i="2"/>
  <c r="B2944" i="2" l="1"/>
  <c r="N2945" i="2"/>
  <c r="B2945" i="2" l="1"/>
  <c r="N2946" i="2"/>
  <c r="B2946" i="2" l="1"/>
  <c r="N2947" i="2"/>
  <c r="B2947" i="2" l="1"/>
  <c r="N2948" i="2"/>
  <c r="B2948" i="2" l="1"/>
  <c r="N2949" i="2"/>
  <c r="B2949" i="2" l="1"/>
  <c r="N2950" i="2"/>
  <c r="B2950" i="2" l="1"/>
  <c r="N2951" i="2"/>
  <c r="B2951" i="2" l="1"/>
  <c r="N2952" i="2"/>
  <c r="B2952" i="2" l="1"/>
  <c r="N2953" i="2"/>
  <c r="B2953" i="2" l="1"/>
  <c r="N2954" i="2"/>
  <c r="B2954" i="2" l="1"/>
  <c r="N2955" i="2"/>
  <c r="B2955" i="2" l="1"/>
  <c r="N2956" i="2"/>
  <c r="B2956" i="2" l="1"/>
  <c r="N2957" i="2"/>
  <c r="B2957" i="2" l="1"/>
  <c r="N2958" i="2"/>
  <c r="B2958" i="2" l="1"/>
  <c r="N2959" i="2"/>
  <c r="B2959" i="2" l="1"/>
  <c r="N2960" i="2"/>
  <c r="B2960" i="2" l="1"/>
  <c r="N2961" i="2"/>
  <c r="B2961" i="2" l="1"/>
  <c r="N2962" i="2"/>
  <c r="B2962" i="2" l="1"/>
  <c r="N2963" i="2"/>
  <c r="B2963" i="2" l="1"/>
  <c r="N2964" i="2"/>
  <c r="B2964" i="2" l="1"/>
  <c r="N2965" i="2"/>
  <c r="B2965" i="2" l="1"/>
  <c r="N2966" i="2"/>
  <c r="B2966" i="2" l="1"/>
  <c r="N2967" i="2"/>
  <c r="B2967" i="2" l="1"/>
  <c r="N2968" i="2"/>
  <c r="B2968" i="2" l="1"/>
  <c r="N2969" i="2"/>
  <c r="B2969" i="2" l="1"/>
  <c r="N2970" i="2"/>
  <c r="B2970" i="2" l="1"/>
  <c r="N2971" i="2"/>
  <c r="B2971" i="2" l="1"/>
  <c r="N2972" i="2"/>
  <c r="B2972" i="2" l="1"/>
  <c r="N2973" i="2"/>
  <c r="B2973" i="2" l="1"/>
  <c r="N2974" i="2"/>
  <c r="B2974" i="2" l="1"/>
  <c r="N2975" i="2"/>
  <c r="B2975" i="2" l="1"/>
  <c r="N2976" i="2"/>
  <c r="B2976" i="2" l="1"/>
  <c r="N2977" i="2"/>
  <c r="B2977" i="2" l="1"/>
  <c r="N2978" i="2"/>
  <c r="B2978" i="2" l="1"/>
  <c r="N2979" i="2"/>
  <c r="B2979" i="2" l="1"/>
  <c r="N2980" i="2"/>
  <c r="B2980" i="2" l="1"/>
  <c r="N2981" i="2"/>
  <c r="B2981" i="2" l="1"/>
  <c r="N2982" i="2"/>
  <c r="B2982" i="2" l="1"/>
  <c r="N2983" i="2"/>
  <c r="B2983" i="2" l="1"/>
  <c r="N2984" i="2"/>
  <c r="B2984" i="2" l="1"/>
  <c r="N2985" i="2"/>
  <c r="B2985" i="2" l="1"/>
  <c r="N2986" i="2"/>
  <c r="B2986" i="2" l="1"/>
  <c r="N2987" i="2"/>
  <c r="B2987" i="2" l="1"/>
  <c r="N2988" i="2"/>
  <c r="B2988" i="2" l="1"/>
  <c r="N2989" i="2"/>
  <c r="B2989" i="2" l="1"/>
  <c r="N2990" i="2"/>
  <c r="B2990" i="2" l="1"/>
  <c r="N2991" i="2"/>
  <c r="B2991" i="2" l="1"/>
  <c r="N2992" i="2"/>
  <c r="B2992" i="2" l="1"/>
  <c r="N2993" i="2"/>
  <c r="B2993" i="2" l="1"/>
  <c r="N2994" i="2"/>
  <c r="B2994" i="2" l="1"/>
  <c r="N2995" i="2"/>
  <c r="B2995" i="2" l="1"/>
  <c r="N2996" i="2"/>
  <c r="B2996" i="2" l="1"/>
  <c r="N2997" i="2"/>
  <c r="B2997" i="2" l="1"/>
  <c r="N2998" i="2"/>
  <c r="B2998" i="2" l="1"/>
  <c r="N2999" i="2"/>
  <c r="B2999" i="2" l="1"/>
  <c r="N3000" i="2"/>
  <c r="B3000" i="2" l="1"/>
  <c r="N3001" i="2"/>
  <c r="B3001" i="2" l="1"/>
  <c r="N3002" i="2"/>
  <c r="B3002" i="2" l="1"/>
  <c r="N3003" i="2"/>
  <c r="B3003" i="2" l="1"/>
  <c r="N3004" i="2"/>
  <c r="B3004" i="2" l="1"/>
  <c r="N3005" i="2"/>
  <c r="B3005" i="2" l="1"/>
  <c r="N3006" i="2"/>
  <c r="B3006" i="2" l="1"/>
  <c r="N3007" i="2"/>
  <c r="B3007" i="2" l="1"/>
  <c r="N3008" i="2"/>
  <c r="B3008" i="2" l="1"/>
  <c r="N3009" i="2"/>
  <c r="B3009" i="2" l="1"/>
  <c r="N3010" i="2"/>
  <c r="B3010" i="2" l="1"/>
  <c r="N3011" i="2"/>
  <c r="B3011" i="2" l="1"/>
  <c r="N3012" i="2"/>
  <c r="B3012" i="2" l="1"/>
  <c r="N3013" i="2"/>
  <c r="B3013" i="2" l="1"/>
  <c r="N3014" i="2"/>
  <c r="B3014" i="2" l="1"/>
  <c r="N3015" i="2"/>
  <c r="B3015" i="2" l="1"/>
  <c r="N3016" i="2"/>
  <c r="B3016" i="2" l="1"/>
  <c r="N3017" i="2"/>
  <c r="B3017" i="2" l="1"/>
  <c r="N3018" i="2"/>
  <c r="B3018" i="2" l="1"/>
  <c r="N3019" i="2"/>
  <c r="B3019" i="2" l="1"/>
  <c r="N3020" i="2"/>
  <c r="B3020" i="2" l="1"/>
  <c r="N3021" i="2"/>
  <c r="B3021" i="2" l="1"/>
  <c r="N3022" i="2"/>
  <c r="B3022" i="2" l="1"/>
  <c r="N3023" i="2"/>
  <c r="B3023" i="2" l="1"/>
  <c r="N3024" i="2"/>
  <c r="B3024" i="2" l="1"/>
  <c r="N3025" i="2"/>
  <c r="B3025" i="2" l="1"/>
  <c r="N3026" i="2"/>
  <c r="B3026" i="2" l="1"/>
  <c r="N3027" i="2"/>
  <c r="B3027" i="2" l="1"/>
  <c r="N3028" i="2"/>
  <c r="B3028" i="2" l="1"/>
  <c r="N3029" i="2"/>
  <c r="B3029" i="2" l="1"/>
  <c r="N3030" i="2"/>
  <c r="B3030" i="2" l="1"/>
  <c r="N3031" i="2"/>
  <c r="B3031" i="2" l="1"/>
  <c r="N3032" i="2"/>
  <c r="B3032" i="2" l="1"/>
  <c r="N3033" i="2"/>
  <c r="B3033" i="2" l="1"/>
  <c r="N3034" i="2"/>
  <c r="B3034" i="2" l="1"/>
  <c r="N3035" i="2"/>
  <c r="B3035" i="2" l="1"/>
  <c r="N3036" i="2"/>
  <c r="B3036" i="2" l="1"/>
  <c r="N3037" i="2"/>
  <c r="B3037" i="2" l="1"/>
  <c r="N3038" i="2"/>
  <c r="B3038" i="2" l="1"/>
  <c r="N3039" i="2"/>
  <c r="B3039" i="2" l="1"/>
  <c r="N3040" i="2"/>
  <c r="B3040" i="2" l="1"/>
  <c r="N3041" i="2"/>
  <c r="B3041" i="2" l="1"/>
  <c r="N3042" i="2"/>
  <c r="B3042" i="2" l="1"/>
  <c r="N3043" i="2"/>
  <c r="B3043" i="2" l="1"/>
  <c r="N3044" i="2"/>
  <c r="B3044" i="2" l="1"/>
  <c r="N3045" i="2"/>
  <c r="B3045" i="2" l="1"/>
  <c r="N3046" i="2"/>
  <c r="B3046" i="2" l="1"/>
  <c r="N3047" i="2"/>
  <c r="B3047" i="2" l="1"/>
  <c r="N3048" i="2"/>
  <c r="B3048" i="2" l="1"/>
  <c r="N3049" i="2"/>
  <c r="B3049" i="2" l="1"/>
  <c r="N3050" i="2"/>
  <c r="B3050" i="2" l="1"/>
  <c r="N3051" i="2"/>
  <c r="B3051" i="2" l="1"/>
  <c r="N3052" i="2"/>
  <c r="B3052" i="2" l="1"/>
  <c r="N3053" i="2"/>
  <c r="B3053" i="2" l="1"/>
  <c r="N3054" i="2"/>
  <c r="B3054" i="2" l="1"/>
  <c r="N3055" i="2"/>
  <c r="B3055" i="2" l="1"/>
  <c r="N3056" i="2"/>
  <c r="B3056" i="2" l="1"/>
  <c r="N3057" i="2"/>
  <c r="B3057" i="2" l="1"/>
  <c r="N3058" i="2"/>
  <c r="B3058" i="2" l="1"/>
  <c r="N3059" i="2"/>
  <c r="B3059" i="2" l="1"/>
  <c r="N3060" i="2"/>
  <c r="B3060" i="2" l="1"/>
  <c r="N3061" i="2"/>
  <c r="B3061" i="2" l="1"/>
  <c r="N3062" i="2"/>
  <c r="B3062" i="2" l="1"/>
  <c r="N3063" i="2"/>
  <c r="B3063" i="2" l="1"/>
  <c r="N3064" i="2"/>
  <c r="B3064" i="2" l="1"/>
  <c r="N3065" i="2"/>
  <c r="B3065" i="2" l="1"/>
  <c r="N3066" i="2"/>
  <c r="B3066" i="2" l="1"/>
  <c r="N3067" i="2"/>
  <c r="B3067" i="2" l="1"/>
  <c r="N3068" i="2"/>
  <c r="B3068" i="2" l="1"/>
  <c r="N3069" i="2"/>
  <c r="B3069" i="2" l="1"/>
  <c r="N3070" i="2"/>
  <c r="B3070" i="2" l="1"/>
  <c r="N3071" i="2"/>
  <c r="B3071" i="2" l="1"/>
  <c r="N3072" i="2"/>
  <c r="B3072" i="2" l="1"/>
  <c r="N3073" i="2"/>
  <c r="B3073" i="2" l="1"/>
  <c r="N3074" i="2"/>
  <c r="B3074" i="2" l="1"/>
  <c r="N3075" i="2"/>
  <c r="B3075" i="2" l="1"/>
  <c r="N3076" i="2"/>
  <c r="B3076" i="2" l="1"/>
  <c r="N3077" i="2"/>
  <c r="B3077" i="2" l="1"/>
  <c r="N3078" i="2"/>
  <c r="B3078" i="2" l="1"/>
  <c r="N3079" i="2"/>
  <c r="B3079" i="2" l="1"/>
  <c r="N3080" i="2"/>
  <c r="B3080" i="2" l="1"/>
  <c r="N3081" i="2"/>
  <c r="B3081" i="2" l="1"/>
  <c r="N3082" i="2"/>
  <c r="B3082" i="2" l="1"/>
  <c r="N3083" i="2"/>
  <c r="B3083" i="2" l="1"/>
  <c r="N3084" i="2"/>
  <c r="B3084" i="2" l="1"/>
  <c r="N3085" i="2"/>
  <c r="B3085" i="2" l="1"/>
  <c r="N3086" i="2"/>
  <c r="B3086" i="2" l="1"/>
  <c r="N3087" i="2"/>
  <c r="B3087" i="2" l="1"/>
  <c r="N3088" i="2"/>
  <c r="B3088" i="2" l="1"/>
  <c r="N3089" i="2"/>
  <c r="B3089" i="2" l="1"/>
  <c r="N3090" i="2"/>
  <c r="B3090" i="2" l="1"/>
  <c r="N3091" i="2"/>
  <c r="B3091" i="2" l="1"/>
  <c r="N3092" i="2"/>
  <c r="B3092" i="2" l="1"/>
  <c r="N3093" i="2"/>
  <c r="B3093" i="2" l="1"/>
  <c r="N3094" i="2"/>
  <c r="B3094" i="2" l="1"/>
  <c r="N3095" i="2"/>
  <c r="B3095" i="2" l="1"/>
  <c r="N3096" i="2"/>
  <c r="B3096" i="2" l="1"/>
  <c r="N3097" i="2"/>
  <c r="B3097" i="2" l="1"/>
  <c r="N3098" i="2"/>
  <c r="B3098" i="2" l="1"/>
  <c r="N3099" i="2"/>
  <c r="B3099" i="2" l="1"/>
  <c r="N3100" i="2"/>
  <c r="B3100" i="2" l="1"/>
  <c r="N3101" i="2"/>
  <c r="B3101" i="2" l="1"/>
  <c r="N3102" i="2"/>
  <c r="B3102" i="2" l="1"/>
  <c r="N3103" i="2"/>
  <c r="B3103" i="2" l="1"/>
  <c r="N3104" i="2"/>
  <c r="B3104" i="2" l="1"/>
  <c r="N3105" i="2"/>
  <c r="B3105" i="2" l="1"/>
  <c r="N3106" i="2"/>
  <c r="B3106" i="2" l="1"/>
  <c r="N3107" i="2"/>
  <c r="B3107" i="2" l="1"/>
  <c r="N3108" i="2"/>
  <c r="B3108" i="2" l="1"/>
  <c r="N3109" i="2"/>
  <c r="B3109" i="2" l="1"/>
  <c r="N3110" i="2"/>
  <c r="B3110" i="2" l="1"/>
  <c r="N3111" i="2"/>
  <c r="B3111" i="2" l="1"/>
  <c r="N3112" i="2"/>
  <c r="B3112" i="2" l="1"/>
  <c r="N3113" i="2"/>
  <c r="B3113" i="2" l="1"/>
  <c r="N3114" i="2"/>
  <c r="B3114" i="2" l="1"/>
  <c r="N3115" i="2"/>
  <c r="B3115" i="2" l="1"/>
  <c r="N3116" i="2"/>
  <c r="B3116" i="2" l="1"/>
  <c r="N3117" i="2"/>
  <c r="B3117" i="2" l="1"/>
  <c r="N3118" i="2"/>
  <c r="B3118" i="2" l="1"/>
  <c r="N3119" i="2"/>
  <c r="B3119" i="2" l="1"/>
  <c r="N3120" i="2"/>
  <c r="B3120" i="2" l="1"/>
  <c r="N3121" i="2"/>
  <c r="B3121" i="2" l="1"/>
  <c r="N3122" i="2"/>
  <c r="B3122" i="2" l="1"/>
  <c r="N3123" i="2"/>
  <c r="B3123" i="2" l="1"/>
  <c r="N3124" i="2"/>
  <c r="B3124" i="2" l="1"/>
  <c r="N3125" i="2"/>
  <c r="B3125" i="2" l="1"/>
  <c r="N3126" i="2"/>
  <c r="B3126" i="2" l="1"/>
  <c r="N3127" i="2"/>
  <c r="B3127" i="2" l="1"/>
  <c r="N3128" i="2"/>
  <c r="B3128" i="2" l="1"/>
  <c r="N3129" i="2"/>
  <c r="B3129" i="2" l="1"/>
  <c r="N3130" i="2"/>
  <c r="B3130" i="2" l="1"/>
  <c r="N3131" i="2"/>
  <c r="B3131" i="2" l="1"/>
  <c r="N3132" i="2"/>
  <c r="B3132" i="2" l="1"/>
  <c r="N3133" i="2"/>
  <c r="B3133" i="2" l="1"/>
  <c r="N3134" i="2"/>
  <c r="B3134" i="2" l="1"/>
  <c r="N3135" i="2"/>
  <c r="B3135" i="2" l="1"/>
  <c r="N3136" i="2"/>
  <c r="B3136" i="2" l="1"/>
  <c r="N3137" i="2"/>
  <c r="B3137" i="2" l="1"/>
  <c r="N3138" i="2"/>
  <c r="B3138" i="2" l="1"/>
  <c r="N3139" i="2"/>
  <c r="B3139" i="2" l="1"/>
  <c r="N3140" i="2"/>
  <c r="B3140" i="2" l="1"/>
  <c r="N3141" i="2"/>
  <c r="B3141" i="2" l="1"/>
  <c r="N3142" i="2"/>
  <c r="B3142" i="2" l="1"/>
  <c r="N3143" i="2"/>
  <c r="B3143" i="2" l="1"/>
  <c r="N3144" i="2"/>
  <c r="B3144" i="2" l="1"/>
  <c r="N3145" i="2"/>
  <c r="B3145" i="2" l="1"/>
  <c r="N3146" i="2"/>
  <c r="B3146" i="2" l="1"/>
  <c r="N3147" i="2"/>
  <c r="B3147" i="2" l="1"/>
  <c r="N3148" i="2"/>
  <c r="B3148" i="2" l="1"/>
  <c r="N3149" i="2"/>
  <c r="B3149" i="2" l="1"/>
  <c r="N3150" i="2"/>
  <c r="B3150" i="2" l="1"/>
  <c r="N3151" i="2"/>
  <c r="B3151" i="2" l="1"/>
  <c r="N3152" i="2"/>
  <c r="B3152" i="2" l="1"/>
  <c r="N3153" i="2"/>
  <c r="B3153" i="2" l="1"/>
  <c r="N3154" i="2"/>
  <c r="B3154" i="2" l="1"/>
  <c r="N3155" i="2"/>
  <c r="B3155" i="2" l="1"/>
  <c r="N3156" i="2"/>
  <c r="B3156" i="2" l="1"/>
  <c r="N3157" i="2"/>
  <c r="B3157" i="2" l="1"/>
  <c r="N3158" i="2"/>
  <c r="B3158" i="2" l="1"/>
  <c r="N3159" i="2"/>
  <c r="B3159" i="2" l="1"/>
  <c r="N3160" i="2"/>
  <c r="B3160" i="2" l="1"/>
  <c r="N3161" i="2"/>
  <c r="B3161" i="2" l="1"/>
  <c r="N3162" i="2"/>
  <c r="B3162" i="2" l="1"/>
  <c r="N3163" i="2"/>
  <c r="B3163" i="2" l="1"/>
  <c r="N3164" i="2"/>
  <c r="B3164" i="2" l="1"/>
  <c r="N3165" i="2"/>
  <c r="B3165" i="2" l="1"/>
  <c r="N3166" i="2"/>
  <c r="B3166" i="2" l="1"/>
  <c r="N3167" i="2"/>
  <c r="B3167" i="2" l="1"/>
  <c r="N3168" i="2"/>
  <c r="B3168" i="2" l="1"/>
  <c r="N3169" i="2"/>
  <c r="B3169" i="2" l="1"/>
  <c r="N3170" i="2"/>
  <c r="B3170" i="2" l="1"/>
  <c r="N3171" i="2"/>
  <c r="B3171" i="2" l="1"/>
  <c r="N3172" i="2"/>
  <c r="B3172" i="2" l="1"/>
  <c r="N3173" i="2"/>
  <c r="B3173" i="2" l="1"/>
  <c r="N3174" i="2"/>
  <c r="B3174" i="2" l="1"/>
  <c r="N3175" i="2"/>
  <c r="B3175" i="2" l="1"/>
  <c r="N3176" i="2"/>
  <c r="B3176" i="2" l="1"/>
  <c r="N3177" i="2"/>
  <c r="B3177" i="2" l="1"/>
  <c r="N3178" i="2"/>
  <c r="B3178" i="2" l="1"/>
  <c r="N3179" i="2"/>
  <c r="B3179" i="2" l="1"/>
  <c r="N3180" i="2"/>
  <c r="B3180" i="2" l="1"/>
  <c r="N3181" i="2"/>
  <c r="B3181" i="2" l="1"/>
  <c r="N3182" i="2"/>
  <c r="B3182" i="2" l="1"/>
  <c r="N3183" i="2"/>
  <c r="B3183" i="2" l="1"/>
  <c r="N3184" i="2"/>
  <c r="B3184" i="2" l="1"/>
  <c r="N3185" i="2"/>
  <c r="B3185" i="2" l="1"/>
  <c r="N3186" i="2"/>
  <c r="B3186" i="2" l="1"/>
  <c r="N3187" i="2"/>
  <c r="B3187" i="2" l="1"/>
  <c r="N3188" i="2"/>
  <c r="B3188" i="2" l="1"/>
  <c r="N3189" i="2"/>
  <c r="B3189" i="2" l="1"/>
  <c r="N3190" i="2"/>
  <c r="B3190" i="2" l="1"/>
  <c r="N3191" i="2"/>
  <c r="B3191" i="2" l="1"/>
  <c r="N3192" i="2"/>
  <c r="B3192" i="2" l="1"/>
  <c r="N3193" i="2"/>
  <c r="B3193" i="2" l="1"/>
  <c r="N3194" i="2"/>
  <c r="B3194" i="2" l="1"/>
  <c r="N3195" i="2"/>
  <c r="B3195" i="2" l="1"/>
  <c r="N3196" i="2"/>
  <c r="B3196" i="2" l="1"/>
  <c r="N3197" i="2"/>
  <c r="B3197" i="2" l="1"/>
  <c r="N3198" i="2"/>
  <c r="B3198" i="2" l="1"/>
  <c r="N3199" i="2"/>
  <c r="B3199" i="2" l="1"/>
  <c r="N3200" i="2"/>
  <c r="B3200" i="2" l="1"/>
  <c r="N3201" i="2"/>
  <c r="B3201" i="2" l="1"/>
  <c r="N3202" i="2"/>
  <c r="B3202" i="2" l="1"/>
  <c r="N3203" i="2"/>
  <c r="B3203" i="2" l="1"/>
  <c r="N3204" i="2"/>
  <c r="B3204" i="2" l="1"/>
  <c r="N3205" i="2"/>
  <c r="B3205" i="2" l="1"/>
  <c r="N3206" i="2"/>
  <c r="B3206" i="2" l="1"/>
  <c r="N3207" i="2"/>
  <c r="B3207" i="2" l="1"/>
  <c r="N3208" i="2"/>
  <c r="B3208" i="2" l="1"/>
  <c r="N3209" i="2"/>
  <c r="B3209" i="2" l="1"/>
  <c r="N3210" i="2"/>
  <c r="B3210" i="2" l="1"/>
  <c r="N3211" i="2"/>
  <c r="B3211" i="2" l="1"/>
  <c r="N3212" i="2"/>
  <c r="B3212" i="2" l="1"/>
  <c r="N3213" i="2"/>
  <c r="B3213" i="2" l="1"/>
  <c r="N3214" i="2"/>
  <c r="B3214" i="2" l="1"/>
  <c r="N3215" i="2"/>
  <c r="B3215" i="2" l="1"/>
  <c r="N3216" i="2"/>
  <c r="B3216" i="2" l="1"/>
  <c r="N3217" i="2"/>
  <c r="B3217" i="2" l="1"/>
  <c r="N3218" i="2"/>
  <c r="B3218" i="2" l="1"/>
  <c r="N3219" i="2"/>
  <c r="B3219" i="2" l="1"/>
  <c r="N3220" i="2"/>
  <c r="B3220" i="2" l="1"/>
  <c r="N3221" i="2"/>
  <c r="B3221" i="2" l="1"/>
  <c r="N3222" i="2"/>
  <c r="B3222" i="2" l="1"/>
  <c r="N3223" i="2"/>
  <c r="B3223" i="2" l="1"/>
  <c r="N3224" i="2"/>
  <c r="B3224" i="2" l="1"/>
  <c r="N3225" i="2"/>
  <c r="B3225" i="2" l="1"/>
  <c r="N3226" i="2"/>
  <c r="B3226" i="2" l="1"/>
  <c r="N3227" i="2"/>
  <c r="B3227" i="2" l="1"/>
  <c r="N3228" i="2"/>
  <c r="B3228" i="2" l="1"/>
  <c r="N3229" i="2"/>
  <c r="B3229" i="2" l="1"/>
  <c r="N3230" i="2"/>
  <c r="B3230" i="2" l="1"/>
  <c r="N3231" i="2"/>
  <c r="B3231" i="2" l="1"/>
  <c r="N3232" i="2"/>
  <c r="B3232" i="2" l="1"/>
  <c r="N3233" i="2"/>
  <c r="B3233" i="2" l="1"/>
  <c r="N3234" i="2"/>
  <c r="B3234" i="2" l="1"/>
  <c r="N3235" i="2"/>
  <c r="B3235" i="2" l="1"/>
  <c r="N3236" i="2"/>
  <c r="B3236" i="2" l="1"/>
  <c r="N3237" i="2"/>
  <c r="B3237" i="2" l="1"/>
  <c r="N3238" i="2"/>
  <c r="B3238" i="2" l="1"/>
  <c r="N3239" i="2"/>
  <c r="B3239" i="2" l="1"/>
  <c r="N3240" i="2"/>
  <c r="B3240" i="2" l="1"/>
  <c r="N3241" i="2"/>
  <c r="B3241" i="2" l="1"/>
  <c r="N3242" i="2"/>
  <c r="B3242" i="2" l="1"/>
  <c r="N3243" i="2"/>
  <c r="B3243" i="2" l="1"/>
  <c r="N3244" i="2"/>
  <c r="B3244" i="2" l="1"/>
  <c r="N3245" i="2"/>
  <c r="B3245" i="2" l="1"/>
  <c r="N3246" i="2"/>
  <c r="B3246" i="2" l="1"/>
  <c r="N3247" i="2"/>
  <c r="B3247" i="2" l="1"/>
  <c r="N3248" i="2"/>
  <c r="B3248" i="2" l="1"/>
  <c r="N3249" i="2"/>
  <c r="B3249" i="2" l="1"/>
  <c r="N3250" i="2"/>
  <c r="B3250" i="2" l="1"/>
  <c r="N3251" i="2"/>
  <c r="B3251" i="2" l="1"/>
  <c r="N3252" i="2"/>
  <c r="B3252" i="2" l="1"/>
  <c r="N3253" i="2"/>
  <c r="B3253" i="2" l="1"/>
  <c r="N3254" i="2"/>
  <c r="B3254" i="2" l="1"/>
  <c r="N3255" i="2"/>
  <c r="B3255" i="2" l="1"/>
  <c r="N3256" i="2"/>
  <c r="B3256" i="2" l="1"/>
  <c r="N3257" i="2"/>
  <c r="B3257" i="2" l="1"/>
  <c r="N3258" i="2"/>
  <c r="B3258" i="2" l="1"/>
  <c r="N3259" i="2"/>
  <c r="B3259" i="2" l="1"/>
  <c r="N3260" i="2"/>
  <c r="B3260" i="2" l="1"/>
  <c r="N3261" i="2"/>
  <c r="B3261" i="2" l="1"/>
  <c r="N3262" i="2"/>
  <c r="B3262" i="2" l="1"/>
  <c r="N3263" i="2"/>
  <c r="B3263" i="2" l="1"/>
  <c r="N3264" i="2"/>
  <c r="B3264" i="2" l="1"/>
  <c r="N3265" i="2"/>
  <c r="B3265" i="2" l="1"/>
  <c r="N3266" i="2"/>
  <c r="B3266" i="2" l="1"/>
  <c r="N3267" i="2"/>
  <c r="B3267" i="2" l="1"/>
  <c r="N3268" i="2"/>
  <c r="B3268" i="2" l="1"/>
  <c r="N3269" i="2"/>
  <c r="B3269" i="2" l="1"/>
  <c r="N3270" i="2"/>
  <c r="B3270" i="2" l="1"/>
  <c r="N3271" i="2"/>
  <c r="B3271" i="2" l="1"/>
  <c r="N3272" i="2"/>
  <c r="B3272" i="2" l="1"/>
  <c r="N3273" i="2"/>
  <c r="B3273" i="2" l="1"/>
  <c r="N3274" i="2"/>
  <c r="B3274" i="2" l="1"/>
  <c r="N3275" i="2"/>
  <c r="B3275" i="2" l="1"/>
  <c r="N3276" i="2"/>
  <c r="B3276" i="2" l="1"/>
  <c r="N3277" i="2"/>
  <c r="B3277" i="2" l="1"/>
  <c r="N3278" i="2"/>
  <c r="B3278" i="2" l="1"/>
  <c r="N3279" i="2"/>
  <c r="B3279" i="2" l="1"/>
  <c r="N3280" i="2"/>
  <c r="B3280" i="2" l="1"/>
  <c r="N3281" i="2"/>
  <c r="B3281" i="2" l="1"/>
  <c r="N3282" i="2"/>
  <c r="B3282" i="2" l="1"/>
  <c r="N3283" i="2"/>
  <c r="B3283" i="2" l="1"/>
  <c r="N3284" i="2"/>
  <c r="B3284" i="2" l="1"/>
  <c r="N3285" i="2"/>
  <c r="B3285" i="2" l="1"/>
  <c r="N3286" i="2"/>
  <c r="B3286" i="2" l="1"/>
  <c r="N3287" i="2"/>
  <c r="B3287" i="2" l="1"/>
  <c r="N3288" i="2"/>
  <c r="B3288" i="2" l="1"/>
  <c r="N3289" i="2"/>
  <c r="B3289" i="2" l="1"/>
  <c r="N3290" i="2"/>
  <c r="B3290" i="2" l="1"/>
  <c r="N3291" i="2"/>
  <c r="B3291" i="2" l="1"/>
  <c r="N3292" i="2"/>
  <c r="B3292" i="2" l="1"/>
  <c r="N3293" i="2"/>
  <c r="B3293" i="2" l="1"/>
  <c r="N3294" i="2"/>
  <c r="B3294" i="2" l="1"/>
  <c r="N3295" i="2"/>
  <c r="B3295" i="2" l="1"/>
  <c r="N3296" i="2"/>
  <c r="B3296" i="2" l="1"/>
  <c r="N3297" i="2"/>
  <c r="B3297" i="2" l="1"/>
  <c r="N3298" i="2"/>
  <c r="B3298" i="2" l="1"/>
  <c r="N3299" i="2"/>
  <c r="B3299" i="2" l="1"/>
  <c r="N3300" i="2"/>
  <c r="B3300" i="2" l="1"/>
  <c r="N3301" i="2"/>
  <c r="B3301" i="2" l="1"/>
  <c r="N3302" i="2"/>
  <c r="B3302" i="2" l="1"/>
  <c r="N3303" i="2"/>
  <c r="B3303" i="2" l="1"/>
  <c r="N3304" i="2"/>
  <c r="B3304" i="2" l="1"/>
  <c r="N3305" i="2"/>
  <c r="B3305" i="2" l="1"/>
  <c r="N3306" i="2"/>
  <c r="B3306" i="2" l="1"/>
  <c r="N3307" i="2"/>
  <c r="B3307" i="2" l="1"/>
  <c r="N3308" i="2"/>
  <c r="B3308" i="2" l="1"/>
  <c r="N3309" i="2"/>
  <c r="B3309" i="2" l="1"/>
  <c r="N3310" i="2"/>
  <c r="B3310" i="2" l="1"/>
  <c r="N3311" i="2"/>
  <c r="B3311" i="2" l="1"/>
  <c r="N3312" i="2"/>
  <c r="B3312" i="2" l="1"/>
  <c r="N3313" i="2"/>
  <c r="B3313" i="2" l="1"/>
  <c r="N3314" i="2"/>
  <c r="B3314" i="2" l="1"/>
  <c r="N3315" i="2"/>
  <c r="B3315" i="2" l="1"/>
  <c r="N3316" i="2"/>
  <c r="B3316" i="2" l="1"/>
  <c r="N3317" i="2"/>
  <c r="B3317" i="2" l="1"/>
  <c r="N3318" i="2"/>
  <c r="B3318" i="2" l="1"/>
  <c r="N3319" i="2"/>
  <c r="B3319" i="2" l="1"/>
  <c r="N3320" i="2"/>
  <c r="B3320" i="2" l="1"/>
  <c r="N3321" i="2"/>
  <c r="B3321" i="2" l="1"/>
  <c r="N3322" i="2"/>
  <c r="B3322" i="2" l="1"/>
  <c r="N3323" i="2"/>
  <c r="B3323" i="2" l="1"/>
  <c r="N3324" i="2"/>
  <c r="B3324" i="2" l="1"/>
  <c r="N3325" i="2"/>
  <c r="B3325" i="2" l="1"/>
  <c r="N3326" i="2"/>
  <c r="B3326" i="2" l="1"/>
  <c r="N3327" i="2"/>
  <c r="B3327" i="2" l="1"/>
  <c r="N3328" i="2"/>
  <c r="B3328" i="2" l="1"/>
  <c r="N3329" i="2"/>
  <c r="B3329" i="2" l="1"/>
  <c r="N3330" i="2"/>
  <c r="B3330" i="2" l="1"/>
  <c r="N3331" i="2"/>
  <c r="B3331" i="2" l="1"/>
  <c r="N3332" i="2"/>
  <c r="B3332" i="2" l="1"/>
  <c r="N3333" i="2"/>
  <c r="B3333" i="2" l="1"/>
  <c r="N3334" i="2"/>
  <c r="B3334" i="2" l="1"/>
  <c r="N3335" i="2"/>
  <c r="B3335" i="2" l="1"/>
  <c r="N3336" i="2"/>
  <c r="B3336" i="2" l="1"/>
  <c r="N3337" i="2"/>
  <c r="B3337" i="2" l="1"/>
  <c r="N3338" i="2"/>
  <c r="B3338" i="2" l="1"/>
  <c r="N3339" i="2"/>
  <c r="B3339" i="2" l="1"/>
  <c r="N3340" i="2"/>
  <c r="B3340" i="2" l="1"/>
  <c r="N3341" i="2"/>
  <c r="B3341" i="2" l="1"/>
  <c r="N3342" i="2"/>
  <c r="B3342" i="2" l="1"/>
  <c r="N3343" i="2"/>
  <c r="B3343" i="2" l="1"/>
  <c r="N3344" i="2"/>
  <c r="B3344" i="2" l="1"/>
  <c r="N3345" i="2"/>
  <c r="B3345" i="2" l="1"/>
  <c r="N3346" i="2"/>
  <c r="B3346" i="2" l="1"/>
  <c r="N3347" i="2"/>
  <c r="B3347" i="2" l="1"/>
  <c r="N3348" i="2"/>
  <c r="B3348" i="2" l="1"/>
  <c r="N3349" i="2"/>
  <c r="B3349" i="2" l="1"/>
  <c r="N3350" i="2"/>
  <c r="B3350" i="2" l="1"/>
  <c r="N3351" i="2"/>
  <c r="B3351" i="2" l="1"/>
  <c r="N3352" i="2"/>
  <c r="B3352" i="2" l="1"/>
  <c r="N3353" i="2"/>
  <c r="B3353" i="2" l="1"/>
  <c r="N3354" i="2"/>
  <c r="B3354" i="2" l="1"/>
  <c r="N3355" i="2"/>
  <c r="B3355" i="2" l="1"/>
  <c r="N3356" i="2"/>
  <c r="B3356" i="2" l="1"/>
  <c r="N3357" i="2"/>
  <c r="B3357" i="2" l="1"/>
  <c r="N3358" i="2"/>
  <c r="B3358" i="2" l="1"/>
  <c r="N3359" i="2"/>
  <c r="B3359" i="2" l="1"/>
  <c r="N3360" i="2"/>
  <c r="B3360" i="2" l="1"/>
  <c r="N3361" i="2"/>
  <c r="B3361" i="2" l="1"/>
  <c r="N3362" i="2"/>
  <c r="B3362" i="2" l="1"/>
  <c r="N3363" i="2"/>
  <c r="B3363" i="2" l="1"/>
  <c r="N3364" i="2"/>
  <c r="B3364" i="2" l="1"/>
  <c r="N3365" i="2"/>
  <c r="B3365" i="2" l="1"/>
  <c r="N3366" i="2"/>
  <c r="B3366" i="2" l="1"/>
  <c r="N3367" i="2"/>
  <c r="B3367" i="2" l="1"/>
  <c r="N3368" i="2"/>
  <c r="B3368" i="2" l="1"/>
  <c r="N3369" i="2"/>
  <c r="B3369" i="2" l="1"/>
  <c r="N3370" i="2"/>
  <c r="B3370" i="2" l="1"/>
  <c r="N3371" i="2"/>
  <c r="B3371" i="2" l="1"/>
  <c r="N3372" i="2"/>
  <c r="B3372" i="2" l="1"/>
  <c r="N3373" i="2"/>
  <c r="B3373" i="2" l="1"/>
  <c r="N3374" i="2"/>
  <c r="B3374" i="2" l="1"/>
  <c r="N3375" i="2"/>
  <c r="B3375" i="2" l="1"/>
  <c r="N3376" i="2"/>
  <c r="B3376" i="2" l="1"/>
  <c r="N3377" i="2"/>
  <c r="B3377" i="2" l="1"/>
  <c r="N3378" i="2"/>
  <c r="B3378" i="2" l="1"/>
  <c r="N3379" i="2"/>
  <c r="B3379" i="2" l="1"/>
  <c r="N3380" i="2"/>
  <c r="B3380" i="2" l="1"/>
  <c r="N3381" i="2"/>
  <c r="B3381" i="2" l="1"/>
  <c r="N3382" i="2"/>
  <c r="B3382" i="2" l="1"/>
  <c r="N3383" i="2"/>
  <c r="B3383" i="2" l="1"/>
  <c r="N3384" i="2"/>
  <c r="B3384" i="2" l="1"/>
  <c r="N3385" i="2"/>
  <c r="B3385" i="2" l="1"/>
  <c r="N3386" i="2"/>
  <c r="B3386" i="2" l="1"/>
  <c r="N3387" i="2"/>
  <c r="B3387" i="2" l="1"/>
  <c r="N3388" i="2"/>
  <c r="B3388" i="2" l="1"/>
  <c r="N3389" i="2"/>
  <c r="B3389" i="2" l="1"/>
  <c r="N3390" i="2"/>
  <c r="B3390" i="2" l="1"/>
  <c r="N3391" i="2"/>
  <c r="B3391" i="2" l="1"/>
  <c r="N3392" i="2"/>
  <c r="B3392" i="2" l="1"/>
  <c r="N3393" i="2"/>
  <c r="B3393" i="2" l="1"/>
  <c r="N3394" i="2"/>
  <c r="B3394" i="2" l="1"/>
  <c r="N3395" i="2"/>
  <c r="B3395" i="2" l="1"/>
  <c r="N3396" i="2"/>
  <c r="B3396" i="2" l="1"/>
  <c r="N3397" i="2"/>
  <c r="B3397" i="2" l="1"/>
  <c r="N3398" i="2"/>
  <c r="B3398" i="2" l="1"/>
  <c r="N3399" i="2"/>
  <c r="B3399" i="2" l="1"/>
  <c r="N3400" i="2"/>
  <c r="B3400" i="2" l="1"/>
  <c r="N3401" i="2"/>
  <c r="B3401" i="2" l="1"/>
  <c r="N3402" i="2"/>
  <c r="B3402" i="2" l="1"/>
  <c r="N3403" i="2"/>
  <c r="B3403" i="2" l="1"/>
  <c r="N3404" i="2"/>
  <c r="B3404" i="2" l="1"/>
  <c r="N3405" i="2"/>
  <c r="B3405" i="2" l="1"/>
  <c r="N3406" i="2"/>
  <c r="B3406" i="2" l="1"/>
  <c r="N3407" i="2"/>
  <c r="B3407" i="2" l="1"/>
  <c r="N3408" i="2"/>
  <c r="B3408" i="2" l="1"/>
  <c r="N3409" i="2"/>
  <c r="B3409" i="2" l="1"/>
  <c r="N3410" i="2"/>
  <c r="B3410" i="2" l="1"/>
  <c r="N3411" i="2"/>
  <c r="B3411" i="2" l="1"/>
  <c r="N3412" i="2"/>
  <c r="B3412" i="2" l="1"/>
  <c r="N3413" i="2"/>
  <c r="B3413" i="2" l="1"/>
  <c r="N3414" i="2"/>
  <c r="B3414" i="2" l="1"/>
  <c r="N3415" i="2"/>
  <c r="B3415" i="2" l="1"/>
  <c r="N3416" i="2"/>
  <c r="B3416" i="2" l="1"/>
  <c r="N3417" i="2"/>
  <c r="B3417" i="2" l="1"/>
  <c r="N3418" i="2"/>
  <c r="B3418" i="2" l="1"/>
  <c r="N3419" i="2"/>
  <c r="B3419" i="2" l="1"/>
  <c r="N3420" i="2"/>
  <c r="B3420" i="2" l="1"/>
  <c r="N3421" i="2"/>
  <c r="B3421" i="2" l="1"/>
  <c r="N3422" i="2"/>
  <c r="B3422" i="2" l="1"/>
  <c r="N3423" i="2"/>
  <c r="B3423" i="2" l="1"/>
  <c r="N3424" i="2"/>
  <c r="B3424" i="2" l="1"/>
  <c r="N3425" i="2"/>
  <c r="B3425" i="2" l="1"/>
  <c r="N3426" i="2"/>
  <c r="B3426" i="2" l="1"/>
  <c r="N3427" i="2"/>
  <c r="B3427" i="2" l="1"/>
  <c r="N3428" i="2"/>
  <c r="B3428" i="2" l="1"/>
  <c r="N3429" i="2"/>
  <c r="B3429" i="2" l="1"/>
  <c r="N3430" i="2"/>
  <c r="B3430" i="2" l="1"/>
  <c r="N3431" i="2"/>
  <c r="B3431" i="2" l="1"/>
  <c r="N3432" i="2"/>
  <c r="B3432" i="2" l="1"/>
  <c r="N3433" i="2"/>
  <c r="B3433" i="2" l="1"/>
  <c r="N3434" i="2"/>
  <c r="B3434" i="2" l="1"/>
  <c r="N3435" i="2"/>
  <c r="B3435" i="2" l="1"/>
  <c r="N3436" i="2"/>
  <c r="B3436" i="2" l="1"/>
  <c r="N3437" i="2"/>
  <c r="B3437" i="2" l="1"/>
  <c r="N3438" i="2"/>
  <c r="B3438" i="2" l="1"/>
  <c r="N3439" i="2"/>
  <c r="B3439" i="2" l="1"/>
  <c r="N3440" i="2"/>
  <c r="B3440" i="2" l="1"/>
  <c r="N3441" i="2"/>
  <c r="B3441" i="2" l="1"/>
  <c r="N3442" i="2"/>
  <c r="B3442" i="2" l="1"/>
  <c r="N3443" i="2"/>
  <c r="B3443" i="2" l="1"/>
  <c r="N3444" i="2"/>
  <c r="B3444" i="2" l="1"/>
  <c r="N3445" i="2"/>
  <c r="B3445" i="2" l="1"/>
  <c r="N3446" i="2"/>
  <c r="B3446" i="2" l="1"/>
  <c r="N3447" i="2"/>
  <c r="B3447" i="2" l="1"/>
  <c r="N3448" i="2"/>
  <c r="B3448" i="2" l="1"/>
  <c r="N3449" i="2"/>
  <c r="B3449" i="2" l="1"/>
  <c r="N3450" i="2"/>
  <c r="B3450" i="2" l="1"/>
  <c r="N3451" i="2"/>
  <c r="B3451" i="2" l="1"/>
  <c r="N3452" i="2"/>
  <c r="B3452" i="2" l="1"/>
  <c r="N3453" i="2"/>
  <c r="B3453" i="2" l="1"/>
  <c r="N3454" i="2"/>
  <c r="B3454" i="2" l="1"/>
  <c r="N3455" i="2"/>
  <c r="B3455" i="2" l="1"/>
  <c r="N3456" i="2"/>
  <c r="B3456" i="2" l="1"/>
  <c r="N3457" i="2"/>
  <c r="B3457" i="2" l="1"/>
  <c r="N3458" i="2"/>
  <c r="B3458" i="2" l="1"/>
  <c r="N3459" i="2"/>
  <c r="B3459" i="2" l="1"/>
  <c r="N3460" i="2"/>
  <c r="B3460" i="2" l="1"/>
  <c r="N3461" i="2"/>
  <c r="B3461" i="2" l="1"/>
  <c r="N3462" i="2"/>
  <c r="B3462" i="2" l="1"/>
  <c r="N3463" i="2"/>
  <c r="B3463" i="2" l="1"/>
  <c r="N3464" i="2"/>
  <c r="B3464" i="2" l="1"/>
  <c r="N3465" i="2"/>
  <c r="B3465" i="2" l="1"/>
  <c r="N3466" i="2"/>
  <c r="B3466" i="2" l="1"/>
  <c r="N3467" i="2"/>
  <c r="B3467" i="2" l="1"/>
  <c r="N3468" i="2"/>
  <c r="B3468" i="2" l="1"/>
  <c r="N3469" i="2"/>
  <c r="B3469" i="2" l="1"/>
  <c r="N3470" i="2"/>
  <c r="B3470" i="2" l="1"/>
  <c r="N3471" i="2"/>
  <c r="B3471" i="2" l="1"/>
  <c r="N3472" i="2"/>
  <c r="B3472" i="2" l="1"/>
  <c r="N3473" i="2"/>
  <c r="B3473" i="2" l="1"/>
  <c r="N3474" i="2"/>
  <c r="B3474" i="2" l="1"/>
  <c r="N3475" i="2"/>
  <c r="B3475" i="2" l="1"/>
  <c r="N3476" i="2"/>
  <c r="B3476" i="2" l="1"/>
  <c r="N3477" i="2"/>
  <c r="B3477" i="2" l="1"/>
  <c r="N3478" i="2"/>
  <c r="B3478" i="2" l="1"/>
  <c r="N3479" i="2"/>
  <c r="B3479" i="2" l="1"/>
  <c r="N3480" i="2"/>
  <c r="B3480" i="2" l="1"/>
  <c r="N3481" i="2"/>
  <c r="B3481" i="2" l="1"/>
  <c r="N3482" i="2"/>
  <c r="B3482" i="2" l="1"/>
  <c r="N3483" i="2"/>
  <c r="B3483" i="2" l="1"/>
  <c r="N3484" i="2"/>
  <c r="B3484" i="2" l="1"/>
  <c r="N3485" i="2"/>
  <c r="B3485" i="2" l="1"/>
  <c r="N3486" i="2"/>
  <c r="B3486" i="2" l="1"/>
  <c r="N3487" i="2"/>
  <c r="B3487" i="2" l="1"/>
  <c r="N3488" i="2"/>
  <c r="B3488" i="2" l="1"/>
  <c r="N3489" i="2"/>
  <c r="B3489" i="2" l="1"/>
  <c r="N3490" i="2"/>
  <c r="B3490" i="2" l="1"/>
  <c r="N3491" i="2"/>
  <c r="B3491" i="2" l="1"/>
  <c r="N3492" i="2"/>
  <c r="B3492" i="2" l="1"/>
  <c r="N3493" i="2"/>
  <c r="B3493" i="2" l="1"/>
  <c r="N3494" i="2"/>
  <c r="B3494" i="2" l="1"/>
  <c r="N3495" i="2"/>
  <c r="B3495" i="2" l="1"/>
  <c r="N3496" i="2"/>
  <c r="B3496" i="2" l="1"/>
  <c r="N3497" i="2"/>
  <c r="B3497" i="2" l="1"/>
  <c r="N3498" i="2"/>
  <c r="B3498" i="2" l="1"/>
  <c r="N3499" i="2"/>
  <c r="B3499" i="2" l="1"/>
  <c r="N3500" i="2"/>
  <c r="B3500" i="2" l="1"/>
  <c r="N3501" i="2"/>
  <c r="B3501" i="2" l="1"/>
  <c r="N3502" i="2"/>
  <c r="B3502" i="2" l="1"/>
  <c r="N3503" i="2"/>
  <c r="B3503" i="2" l="1"/>
  <c r="N3504" i="2"/>
  <c r="B3504" i="2" l="1"/>
  <c r="N3505" i="2"/>
  <c r="B3505" i="2" l="1"/>
  <c r="N3506" i="2"/>
  <c r="B3506" i="2" l="1"/>
  <c r="N3507" i="2"/>
  <c r="B3507" i="2" l="1"/>
  <c r="N3508" i="2"/>
  <c r="B3508" i="2" l="1"/>
  <c r="N3509" i="2"/>
  <c r="B3509" i="2" l="1"/>
  <c r="N3510" i="2"/>
  <c r="B3510" i="2" l="1"/>
  <c r="N3511" i="2"/>
  <c r="B3511" i="2" l="1"/>
  <c r="N3512" i="2"/>
  <c r="B3512" i="2" l="1"/>
  <c r="N3513" i="2"/>
  <c r="B3513" i="2" l="1"/>
  <c r="N3514" i="2"/>
  <c r="B3514" i="2" l="1"/>
  <c r="N3515" i="2"/>
  <c r="B3515" i="2" l="1"/>
  <c r="N3516" i="2"/>
  <c r="B3516" i="2" l="1"/>
  <c r="N3517" i="2"/>
  <c r="B3517" i="2" l="1"/>
  <c r="N3518" i="2"/>
  <c r="B3518" i="2" l="1"/>
  <c r="N3519" i="2"/>
  <c r="B3519" i="2" l="1"/>
  <c r="N3520" i="2"/>
  <c r="B3520" i="2" l="1"/>
  <c r="N3521" i="2"/>
  <c r="B3521" i="2" l="1"/>
  <c r="N3522" i="2"/>
  <c r="B3522" i="2" l="1"/>
  <c r="N3523" i="2"/>
  <c r="B3523" i="2" l="1"/>
  <c r="N3524" i="2"/>
  <c r="B3524" i="2" l="1"/>
  <c r="N3525" i="2"/>
  <c r="B3525" i="2" l="1"/>
  <c r="N3526" i="2"/>
  <c r="B3526" i="2" l="1"/>
  <c r="N3527" i="2"/>
  <c r="B3527" i="2" l="1"/>
  <c r="N3528" i="2"/>
  <c r="B3528" i="2" l="1"/>
  <c r="N3529" i="2"/>
  <c r="B3529" i="2" l="1"/>
  <c r="N3530" i="2"/>
  <c r="B3530" i="2" l="1"/>
  <c r="N3531" i="2"/>
  <c r="B3531" i="2" l="1"/>
  <c r="N3532" i="2"/>
  <c r="B3532" i="2" l="1"/>
  <c r="N3533" i="2"/>
  <c r="B3533" i="2" l="1"/>
  <c r="N3534" i="2"/>
  <c r="B3534" i="2" l="1"/>
  <c r="N3535" i="2"/>
  <c r="B3535" i="2" l="1"/>
  <c r="N3536" i="2"/>
  <c r="B3536" i="2" l="1"/>
  <c r="N3537" i="2"/>
  <c r="B3537" i="2" l="1"/>
  <c r="N3538" i="2"/>
  <c r="B3538" i="2" l="1"/>
  <c r="N3539" i="2"/>
  <c r="B3539" i="2" l="1"/>
  <c r="N3540" i="2"/>
  <c r="B3540" i="2" l="1"/>
  <c r="N3541" i="2"/>
  <c r="B3541" i="2" l="1"/>
  <c r="N3542" i="2"/>
  <c r="B3542" i="2" l="1"/>
  <c r="N3543" i="2"/>
  <c r="B3543" i="2" l="1"/>
  <c r="N3544" i="2"/>
  <c r="B3544" i="2" l="1"/>
  <c r="N3545" i="2"/>
  <c r="B3545" i="2" l="1"/>
  <c r="N3546" i="2"/>
  <c r="B3546" i="2" l="1"/>
  <c r="N3547" i="2"/>
  <c r="B3547" i="2" l="1"/>
  <c r="N3548" i="2"/>
  <c r="B3548" i="2" l="1"/>
  <c r="N3549" i="2"/>
  <c r="B3549" i="2" l="1"/>
  <c r="N3550" i="2"/>
  <c r="B3550" i="2" l="1"/>
  <c r="N3551" i="2"/>
  <c r="B3551" i="2" l="1"/>
  <c r="N3552" i="2"/>
  <c r="B3552" i="2" l="1"/>
  <c r="N3553" i="2"/>
  <c r="B3553" i="2" l="1"/>
  <c r="N3554" i="2"/>
  <c r="B3554" i="2" l="1"/>
  <c r="N3555" i="2"/>
  <c r="B3555" i="2" l="1"/>
  <c r="N3556" i="2"/>
  <c r="B3556" i="2" l="1"/>
  <c r="N3557" i="2"/>
  <c r="B3557" i="2" l="1"/>
  <c r="N3558" i="2"/>
  <c r="B3558" i="2" l="1"/>
  <c r="N3559" i="2"/>
  <c r="B3559" i="2" l="1"/>
  <c r="N3560" i="2"/>
  <c r="B3560" i="2" l="1"/>
  <c r="N3561" i="2"/>
  <c r="B3561" i="2" l="1"/>
  <c r="N3562" i="2"/>
  <c r="B3562" i="2" l="1"/>
  <c r="N3563" i="2"/>
  <c r="B3563" i="2" l="1"/>
  <c r="N3564" i="2"/>
  <c r="B3564" i="2" l="1"/>
  <c r="N3565" i="2"/>
  <c r="B3565" i="2" l="1"/>
  <c r="N3566" i="2"/>
  <c r="B3566" i="2" l="1"/>
  <c r="N3567" i="2"/>
  <c r="B3567" i="2" l="1"/>
  <c r="N3568" i="2"/>
  <c r="B3568" i="2" l="1"/>
  <c r="N3569" i="2"/>
  <c r="B3569" i="2" l="1"/>
  <c r="N3570" i="2"/>
  <c r="B3570" i="2" l="1"/>
  <c r="N3571" i="2"/>
  <c r="B3571" i="2" l="1"/>
  <c r="N3572" i="2"/>
  <c r="B3572" i="2" l="1"/>
  <c r="N3573" i="2"/>
  <c r="B3573" i="2" l="1"/>
  <c r="N3574" i="2"/>
  <c r="B3574" i="2" l="1"/>
  <c r="N3575" i="2"/>
  <c r="B3575" i="2" l="1"/>
  <c r="N3576" i="2"/>
  <c r="B3576" i="2" l="1"/>
  <c r="N3577" i="2"/>
  <c r="B3577" i="2" l="1"/>
  <c r="N3578" i="2"/>
  <c r="B3578" i="2" l="1"/>
  <c r="N3579" i="2"/>
  <c r="B3579" i="2" l="1"/>
  <c r="N3580" i="2"/>
  <c r="B3580" i="2" l="1"/>
  <c r="N3581" i="2"/>
  <c r="B3581" i="2" l="1"/>
  <c r="N3582" i="2"/>
  <c r="B3582" i="2" l="1"/>
  <c r="N3583" i="2"/>
  <c r="B3583" i="2" l="1"/>
  <c r="N3584" i="2"/>
  <c r="B3584" i="2" l="1"/>
  <c r="N3585" i="2"/>
  <c r="B3585" i="2" l="1"/>
  <c r="N3586" i="2"/>
  <c r="B3586" i="2" l="1"/>
  <c r="N3587" i="2"/>
  <c r="B3587" i="2" l="1"/>
  <c r="N3588" i="2"/>
  <c r="B3588" i="2" l="1"/>
  <c r="N3589" i="2"/>
  <c r="B3589" i="2" l="1"/>
  <c r="N3590" i="2"/>
  <c r="B3590" i="2" l="1"/>
  <c r="N3591" i="2"/>
  <c r="B3591" i="2" l="1"/>
  <c r="N3592" i="2"/>
  <c r="B3592" i="2" l="1"/>
  <c r="N3593" i="2"/>
  <c r="B3593" i="2" l="1"/>
  <c r="N3594" i="2"/>
  <c r="B3594" i="2" l="1"/>
  <c r="N3595" i="2"/>
  <c r="B3595" i="2" l="1"/>
  <c r="N3596" i="2"/>
  <c r="B3596" i="2" l="1"/>
  <c r="N3597" i="2"/>
  <c r="B3597" i="2" l="1"/>
  <c r="N3598" i="2"/>
  <c r="B3598" i="2" l="1"/>
  <c r="N3599" i="2"/>
  <c r="B3599" i="2" l="1"/>
  <c r="N3600" i="2"/>
  <c r="B3600" i="2" l="1"/>
  <c r="N3601" i="2"/>
  <c r="B3601" i="2" l="1"/>
  <c r="N3602" i="2"/>
  <c r="B3602" i="2" l="1"/>
  <c r="N3603" i="2"/>
  <c r="B3603" i="2" l="1"/>
  <c r="N3604" i="2"/>
  <c r="B3604" i="2" l="1"/>
  <c r="N3605" i="2"/>
  <c r="B3605" i="2" l="1"/>
  <c r="N3606" i="2"/>
  <c r="B3606" i="2" l="1"/>
  <c r="N3607" i="2"/>
  <c r="B3607" i="2" l="1"/>
  <c r="N3608" i="2"/>
  <c r="B3608" i="2" l="1"/>
  <c r="N3609" i="2"/>
  <c r="B3609" i="2" l="1"/>
  <c r="N3610" i="2"/>
  <c r="B3610" i="2" l="1"/>
  <c r="N3611" i="2"/>
  <c r="B3611" i="2" l="1"/>
  <c r="N3612" i="2"/>
  <c r="B3612" i="2" l="1"/>
  <c r="N3613" i="2"/>
  <c r="B3613" i="2" l="1"/>
  <c r="N3614" i="2"/>
  <c r="B3614" i="2" l="1"/>
  <c r="N3615" i="2"/>
  <c r="B3615" i="2" l="1"/>
  <c r="N3616" i="2"/>
  <c r="B3616" i="2" l="1"/>
  <c r="N3617" i="2"/>
  <c r="B3617" i="2" l="1"/>
  <c r="N3618" i="2"/>
  <c r="B3618" i="2" l="1"/>
  <c r="N3619" i="2"/>
  <c r="B3619" i="2" l="1"/>
  <c r="N3620" i="2"/>
  <c r="B3620" i="2" l="1"/>
  <c r="N3621" i="2"/>
  <c r="B3621" i="2" l="1"/>
  <c r="N3622" i="2"/>
  <c r="B3622" i="2" l="1"/>
  <c r="N3623" i="2"/>
  <c r="B3623" i="2" l="1"/>
  <c r="N3624" i="2"/>
  <c r="B3624" i="2" l="1"/>
  <c r="N3625" i="2"/>
  <c r="B3625" i="2" l="1"/>
  <c r="N3626" i="2"/>
  <c r="B3626" i="2" l="1"/>
  <c r="N3627" i="2"/>
  <c r="B3627" i="2" l="1"/>
  <c r="N3628" i="2"/>
  <c r="B3628" i="2" l="1"/>
  <c r="N3629" i="2"/>
  <c r="B3629" i="2" l="1"/>
  <c r="N3630" i="2"/>
  <c r="B3630" i="2" l="1"/>
  <c r="N3631" i="2"/>
  <c r="B3631" i="2" l="1"/>
  <c r="N3632" i="2"/>
  <c r="B3632" i="2" l="1"/>
  <c r="N3633" i="2"/>
  <c r="B3633" i="2" l="1"/>
  <c r="N3634" i="2"/>
  <c r="B3634" i="2" l="1"/>
  <c r="N3635" i="2"/>
  <c r="B3635" i="2" l="1"/>
  <c r="N3636" i="2"/>
  <c r="B3636" i="2" l="1"/>
  <c r="N3637" i="2"/>
  <c r="B3637" i="2" l="1"/>
  <c r="N3638" i="2"/>
  <c r="B3638" i="2" l="1"/>
  <c r="N3639" i="2"/>
  <c r="B3639" i="2" l="1"/>
  <c r="N3640" i="2"/>
  <c r="B3640" i="2" l="1"/>
  <c r="N3641" i="2"/>
  <c r="B3641" i="2" l="1"/>
  <c r="N3642" i="2"/>
  <c r="B3642" i="2" l="1"/>
  <c r="N3643" i="2"/>
  <c r="B3643" i="2" l="1"/>
  <c r="N3644" i="2"/>
  <c r="B3644" i="2" l="1"/>
  <c r="N3645" i="2"/>
  <c r="B3645" i="2" l="1"/>
  <c r="N3646" i="2"/>
  <c r="B3646" i="2" l="1"/>
  <c r="N3647" i="2"/>
  <c r="B3647" i="2" l="1"/>
  <c r="N3648" i="2"/>
  <c r="B3648" i="2" l="1"/>
  <c r="N3649" i="2"/>
  <c r="B3649" i="2" l="1"/>
  <c r="N3650" i="2"/>
  <c r="B3650" i="2" l="1"/>
  <c r="N3651" i="2"/>
  <c r="B3651" i="2" l="1"/>
  <c r="N3652" i="2"/>
  <c r="B3652" i="2" l="1"/>
  <c r="N3653" i="2"/>
  <c r="B3653" i="2" l="1"/>
  <c r="N3654" i="2"/>
  <c r="B3654" i="2" l="1"/>
  <c r="N3655" i="2"/>
  <c r="B3655" i="2" l="1"/>
  <c r="N3656" i="2"/>
  <c r="B3656" i="2" l="1"/>
  <c r="N3657" i="2"/>
  <c r="B3657" i="2" l="1"/>
  <c r="N3658" i="2"/>
  <c r="B3658" i="2" l="1"/>
  <c r="N3659" i="2"/>
  <c r="B3659" i="2" l="1"/>
  <c r="N3660" i="2"/>
  <c r="B3660" i="2" l="1"/>
  <c r="N3661" i="2"/>
  <c r="B3661" i="2" l="1"/>
  <c r="N3662" i="2"/>
  <c r="B3662" i="2" l="1"/>
  <c r="N3663" i="2"/>
  <c r="B3663" i="2" l="1"/>
  <c r="N3664" i="2"/>
  <c r="B3664" i="2" l="1"/>
  <c r="N3665" i="2"/>
  <c r="B3665" i="2" l="1"/>
  <c r="N3666" i="2"/>
  <c r="B3666" i="2" l="1"/>
  <c r="N3667" i="2"/>
  <c r="B3667" i="2" l="1"/>
  <c r="N3668" i="2"/>
  <c r="B3668" i="2" l="1"/>
  <c r="N3669" i="2"/>
  <c r="B3669" i="2" l="1"/>
  <c r="N3670" i="2"/>
  <c r="B3670" i="2" l="1"/>
  <c r="N3671" i="2"/>
  <c r="B3671" i="2" l="1"/>
  <c r="N3672" i="2"/>
  <c r="B3672" i="2" l="1"/>
  <c r="N3673" i="2"/>
  <c r="B3673" i="2" l="1"/>
  <c r="N3674" i="2"/>
  <c r="B3674" i="2" l="1"/>
  <c r="N3675" i="2"/>
  <c r="B3675" i="2" l="1"/>
  <c r="N3676" i="2"/>
  <c r="B3676" i="2" l="1"/>
  <c r="N3677" i="2"/>
  <c r="B3677" i="2" l="1"/>
  <c r="N3678" i="2"/>
  <c r="B3678" i="2" l="1"/>
  <c r="N3679" i="2"/>
  <c r="B3679" i="2" l="1"/>
  <c r="N3680" i="2"/>
  <c r="B3680" i="2" l="1"/>
  <c r="N3681" i="2"/>
  <c r="B3681" i="2" l="1"/>
  <c r="N3682" i="2"/>
  <c r="B3682" i="2" l="1"/>
  <c r="N3683" i="2"/>
  <c r="B3683" i="2" l="1"/>
  <c r="N3684" i="2"/>
  <c r="B3684" i="2" l="1"/>
  <c r="N3685" i="2"/>
  <c r="B3685" i="2" l="1"/>
  <c r="N3686" i="2"/>
  <c r="B3686" i="2" l="1"/>
  <c r="N3687" i="2"/>
  <c r="B3687" i="2" l="1"/>
  <c r="N3688" i="2"/>
  <c r="B3688" i="2" l="1"/>
  <c r="N3689" i="2"/>
  <c r="B3689" i="2" l="1"/>
  <c r="N3690" i="2"/>
  <c r="B3690" i="2" l="1"/>
  <c r="N3691" i="2"/>
  <c r="B3691" i="2" l="1"/>
  <c r="N3692" i="2"/>
  <c r="B3692" i="2" l="1"/>
  <c r="N3693" i="2"/>
  <c r="B3693" i="2" l="1"/>
  <c r="N3694" i="2"/>
  <c r="B3694" i="2" l="1"/>
  <c r="N3695" i="2"/>
  <c r="B3695" i="2" l="1"/>
  <c r="N3696" i="2"/>
  <c r="B3696" i="2" l="1"/>
  <c r="N3697" i="2"/>
  <c r="B3697" i="2" l="1"/>
  <c r="N3698" i="2"/>
  <c r="B3698" i="2" l="1"/>
  <c r="N3699" i="2"/>
  <c r="B3699" i="2" l="1"/>
  <c r="N3700" i="2"/>
  <c r="B3700" i="2" l="1"/>
  <c r="N3701" i="2"/>
  <c r="B3701" i="2" l="1"/>
  <c r="N3702" i="2"/>
  <c r="B3702" i="2" l="1"/>
  <c r="N3703" i="2"/>
  <c r="B3703" i="2" l="1"/>
  <c r="N3704" i="2"/>
  <c r="B3704" i="2" l="1"/>
  <c r="N3705" i="2"/>
  <c r="B3705" i="2" l="1"/>
  <c r="N3706" i="2"/>
  <c r="B3706" i="2" l="1"/>
  <c r="N3707" i="2"/>
  <c r="B3707" i="2" l="1"/>
  <c r="N3708" i="2"/>
  <c r="B3708" i="2" l="1"/>
  <c r="N3709" i="2"/>
  <c r="B3709" i="2" l="1"/>
  <c r="N3710" i="2"/>
  <c r="B3710" i="2" l="1"/>
  <c r="N3711" i="2"/>
  <c r="B3711" i="2" l="1"/>
  <c r="N3712" i="2"/>
  <c r="B3712" i="2" l="1"/>
  <c r="N3713" i="2"/>
  <c r="B3713" i="2" l="1"/>
  <c r="N3714" i="2"/>
  <c r="B3714" i="2" l="1"/>
  <c r="N3715" i="2"/>
  <c r="B3715" i="2" l="1"/>
  <c r="N3716" i="2"/>
  <c r="B3716" i="2" l="1"/>
  <c r="N3717" i="2"/>
  <c r="B3717" i="2" l="1"/>
  <c r="N3718" i="2"/>
  <c r="B3718" i="2" l="1"/>
  <c r="N3719" i="2"/>
  <c r="B3719" i="2" l="1"/>
  <c r="N3720" i="2"/>
  <c r="B3720" i="2" l="1"/>
  <c r="N3721" i="2"/>
  <c r="B3721" i="2" l="1"/>
  <c r="N3722" i="2"/>
  <c r="B3722" i="2" l="1"/>
  <c r="N3723" i="2"/>
  <c r="B3723" i="2" l="1"/>
  <c r="N3724" i="2"/>
  <c r="B3724" i="2" l="1"/>
  <c r="N3725" i="2"/>
  <c r="B3725" i="2" l="1"/>
  <c r="N3726" i="2"/>
  <c r="B3726" i="2" l="1"/>
  <c r="N3727" i="2"/>
  <c r="B3727" i="2" l="1"/>
  <c r="N3728" i="2"/>
  <c r="B3728" i="2" l="1"/>
  <c r="N3729" i="2"/>
  <c r="B3729" i="2" l="1"/>
  <c r="N3730" i="2"/>
  <c r="B3730" i="2" l="1"/>
  <c r="N3731" i="2"/>
  <c r="B3731" i="2" l="1"/>
  <c r="N3732" i="2"/>
  <c r="B3732" i="2" l="1"/>
  <c r="N3733" i="2"/>
  <c r="B3733" i="2" l="1"/>
  <c r="N3734" i="2"/>
  <c r="B3734" i="2" l="1"/>
  <c r="N3735" i="2"/>
  <c r="B3735" i="2" l="1"/>
  <c r="N3736" i="2"/>
  <c r="B3736" i="2" l="1"/>
  <c r="N3737" i="2"/>
  <c r="B3737" i="2" l="1"/>
  <c r="N3738" i="2"/>
  <c r="B3738" i="2" l="1"/>
  <c r="N3739" i="2"/>
  <c r="B3739" i="2" l="1"/>
  <c r="N3740" i="2"/>
  <c r="B3740" i="2" l="1"/>
  <c r="N3741" i="2"/>
  <c r="B3741" i="2" l="1"/>
  <c r="N3742" i="2"/>
  <c r="B3742" i="2" l="1"/>
  <c r="N3743" i="2"/>
  <c r="B3743" i="2" l="1"/>
  <c r="N3744" i="2"/>
  <c r="B3744" i="2" l="1"/>
  <c r="N3745" i="2"/>
  <c r="B3745" i="2" l="1"/>
  <c r="N3746" i="2"/>
  <c r="B3746" i="2" l="1"/>
  <c r="N3747" i="2"/>
  <c r="B3747" i="2" l="1"/>
  <c r="N3748" i="2"/>
  <c r="B3748" i="2" l="1"/>
  <c r="N3749" i="2"/>
  <c r="B3749" i="2" l="1"/>
  <c r="N3750" i="2"/>
  <c r="B3750" i="2" l="1"/>
  <c r="N3751" i="2"/>
  <c r="B3751" i="2" l="1"/>
  <c r="N3752" i="2"/>
  <c r="B3752" i="2" l="1"/>
  <c r="N3753" i="2"/>
  <c r="B3753" i="2" l="1"/>
  <c r="N3754" i="2"/>
  <c r="B3754" i="2" l="1"/>
  <c r="N3755" i="2"/>
  <c r="B3755" i="2" l="1"/>
  <c r="N3756" i="2"/>
  <c r="B3756" i="2" l="1"/>
  <c r="N3757" i="2"/>
  <c r="B3757" i="2" l="1"/>
  <c r="N3758" i="2"/>
  <c r="B3758" i="2" l="1"/>
  <c r="N3759" i="2"/>
  <c r="B3759" i="2" l="1"/>
  <c r="N3760" i="2"/>
  <c r="B3760" i="2" l="1"/>
  <c r="N3761" i="2"/>
  <c r="B3761" i="2" l="1"/>
  <c r="N3762" i="2"/>
  <c r="B3762" i="2" l="1"/>
  <c r="N3763" i="2"/>
  <c r="B3763" i="2" l="1"/>
  <c r="N3764" i="2"/>
  <c r="B3764" i="2" l="1"/>
  <c r="N3765" i="2"/>
  <c r="B3765" i="2" l="1"/>
  <c r="N3766" i="2"/>
  <c r="B3766" i="2" l="1"/>
  <c r="N3767" i="2"/>
  <c r="B3767" i="2" l="1"/>
  <c r="N3768" i="2"/>
  <c r="B3768" i="2" l="1"/>
  <c r="N3769" i="2"/>
  <c r="B3769" i="2" l="1"/>
  <c r="N3770" i="2"/>
  <c r="B3770" i="2" l="1"/>
  <c r="N3771" i="2"/>
  <c r="B3771" i="2" l="1"/>
  <c r="N3772" i="2"/>
  <c r="B3772" i="2" l="1"/>
  <c r="N3773" i="2"/>
  <c r="B3773" i="2" l="1"/>
  <c r="N3774" i="2"/>
  <c r="B3774" i="2" l="1"/>
  <c r="N3775" i="2"/>
  <c r="B3775" i="2" l="1"/>
  <c r="N3776" i="2"/>
  <c r="B3776" i="2" l="1"/>
  <c r="N3777" i="2"/>
  <c r="B3777" i="2" l="1"/>
  <c r="N3778" i="2"/>
  <c r="B3778" i="2" l="1"/>
  <c r="N3779" i="2"/>
  <c r="B3779" i="2" l="1"/>
  <c r="N3780" i="2"/>
  <c r="B3780" i="2" l="1"/>
  <c r="N3781" i="2"/>
  <c r="B3781" i="2" l="1"/>
  <c r="N3782" i="2"/>
  <c r="B3782" i="2" l="1"/>
  <c r="N3783" i="2"/>
  <c r="B3783" i="2" l="1"/>
  <c r="N3784" i="2"/>
  <c r="B3784" i="2" l="1"/>
  <c r="N3785" i="2"/>
  <c r="B3785" i="2" l="1"/>
  <c r="N3786" i="2"/>
  <c r="B3786" i="2" l="1"/>
  <c r="N3787" i="2"/>
  <c r="B3787" i="2" l="1"/>
  <c r="N3788" i="2"/>
  <c r="B3788" i="2" l="1"/>
  <c r="N3789" i="2"/>
  <c r="B3789" i="2" l="1"/>
  <c r="N3790" i="2"/>
  <c r="B3790" i="2" l="1"/>
  <c r="N3791" i="2"/>
  <c r="B3791" i="2" l="1"/>
  <c r="N3792" i="2"/>
  <c r="B3792" i="2" l="1"/>
  <c r="N3793" i="2"/>
  <c r="B3793" i="2" l="1"/>
  <c r="N3794" i="2"/>
  <c r="B3794" i="2" l="1"/>
  <c r="N3795" i="2"/>
  <c r="B3795" i="2" l="1"/>
  <c r="N3796" i="2"/>
  <c r="B3796" i="2" l="1"/>
  <c r="N3797" i="2"/>
  <c r="B3797" i="2" l="1"/>
  <c r="N3798" i="2"/>
  <c r="B3798" i="2" l="1"/>
  <c r="N3799" i="2"/>
  <c r="B3799" i="2" l="1"/>
  <c r="N3800" i="2"/>
  <c r="B3800" i="2" l="1"/>
  <c r="N3801" i="2"/>
  <c r="B3801" i="2" l="1"/>
  <c r="N3802" i="2"/>
  <c r="B3802" i="2" l="1"/>
  <c r="N3803" i="2"/>
  <c r="B3803" i="2" l="1"/>
  <c r="N3804" i="2"/>
  <c r="B3804" i="2" l="1"/>
  <c r="N3805" i="2"/>
  <c r="B3805" i="2" l="1"/>
  <c r="N3806" i="2"/>
  <c r="B3806" i="2" l="1"/>
  <c r="N3807" i="2"/>
  <c r="B3807" i="2" l="1"/>
  <c r="N3808" i="2"/>
  <c r="B3808" i="2" l="1"/>
  <c r="N3809" i="2"/>
  <c r="B3809" i="2" l="1"/>
  <c r="N3810" i="2"/>
  <c r="B3810" i="2" l="1"/>
  <c r="N3811" i="2"/>
  <c r="B3811" i="2" l="1"/>
  <c r="N3812" i="2"/>
  <c r="B3812" i="2" l="1"/>
  <c r="N3813" i="2"/>
  <c r="B3813" i="2" l="1"/>
  <c r="N3814" i="2"/>
  <c r="B3814" i="2" l="1"/>
  <c r="N3815" i="2"/>
  <c r="B3815" i="2" l="1"/>
  <c r="N3816" i="2"/>
  <c r="B3816" i="2" l="1"/>
  <c r="N3817" i="2"/>
  <c r="B3817" i="2" l="1"/>
  <c r="N3818" i="2"/>
  <c r="B3818" i="2" l="1"/>
  <c r="N3819" i="2"/>
  <c r="B3819" i="2" l="1"/>
  <c r="N3820" i="2"/>
  <c r="B3820" i="2" l="1"/>
  <c r="N3821" i="2"/>
  <c r="B3821" i="2" l="1"/>
  <c r="N3822" i="2"/>
  <c r="B3822" i="2" l="1"/>
  <c r="N3823" i="2"/>
  <c r="B3823" i="2" l="1"/>
  <c r="N3824" i="2"/>
  <c r="B3824" i="2" l="1"/>
  <c r="N3825" i="2"/>
  <c r="B3825" i="2" l="1"/>
  <c r="N3826" i="2"/>
  <c r="B3826" i="2" l="1"/>
  <c r="N3827" i="2"/>
  <c r="B3827" i="2" l="1"/>
  <c r="N3828" i="2"/>
  <c r="B3828" i="2" l="1"/>
  <c r="N3829" i="2"/>
  <c r="B3829" i="2" l="1"/>
  <c r="N3830" i="2"/>
  <c r="B3830" i="2" l="1"/>
  <c r="N3831" i="2"/>
  <c r="B3831" i="2" l="1"/>
  <c r="N3832" i="2"/>
  <c r="B3832" i="2" l="1"/>
  <c r="N3833" i="2"/>
  <c r="B3833" i="2" l="1"/>
  <c r="N3834" i="2"/>
  <c r="B3834" i="2" l="1"/>
  <c r="N3835" i="2"/>
  <c r="B3835" i="2" l="1"/>
  <c r="N3836" i="2"/>
  <c r="B3836" i="2" l="1"/>
  <c r="N3837" i="2"/>
  <c r="B3837" i="2" l="1"/>
  <c r="N3838" i="2"/>
  <c r="B3838" i="2" l="1"/>
  <c r="N3839" i="2"/>
  <c r="B3839" i="2" l="1"/>
  <c r="N3840" i="2"/>
  <c r="B3840" i="2" l="1"/>
  <c r="N3841" i="2"/>
  <c r="B3841" i="2" l="1"/>
  <c r="N3842" i="2"/>
  <c r="B3842" i="2" l="1"/>
  <c r="N3843" i="2"/>
  <c r="B3843" i="2" l="1"/>
  <c r="N3844" i="2"/>
  <c r="B3844" i="2" l="1"/>
  <c r="N3845" i="2"/>
  <c r="B3845" i="2" l="1"/>
  <c r="N3846" i="2"/>
  <c r="B3846" i="2" l="1"/>
  <c r="N3847" i="2"/>
  <c r="B3847" i="2" l="1"/>
  <c r="N3848" i="2"/>
  <c r="B3848" i="2" l="1"/>
  <c r="N3849" i="2"/>
  <c r="B3849" i="2" l="1"/>
  <c r="N3850" i="2"/>
  <c r="B3850" i="2" l="1"/>
  <c r="N3851" i="2"/>
  <c r="B3851" i="2" l="1"/>
  <c r="N3852" i="2"/>
  <c r="B3852" i="2" l="1"/>
  <c r="N3853" i="2"/>
  <c r="B3853" i="2" l="1"/>
  <c r="N3854" i="2"/>
  <c r="B3854" i="2" l="1"/>
  <c r="N3855" i="2"/>
  <c r="B3855" i="2" l="1"/>
  <c r="N3856" i="2"/>
  <c r="B3856" i="2" l="1"/>
  <c r="N3857" i="2"/>
  <c r="B3857" i="2" l="1"/>
  <c r="N3858" i="2"/>
  <c r="B3858" i="2" l="1"/>
  <c r="N3859" i="2"/>
  <c r="B3859" i="2" l="1"/>
  <c r="N3860" i="2"/>
  <c r="B3860" i="2" l="1"/>
  <c r="N3861" i="2"/>
  <c r="B3861" i="2" l="1"/>
  <c r="N3862" i="2"/>
  <c r="B3862" i="2" l="1"/>
  <c r="N3863" i="2"/>
  <c r="B3863" i="2" l="1"/>
  <c r="N3864" i="2"/>
  <c r="B3864" i="2" l="1"/>
  <c r="N3865" i="2"/>
  <c r="B3865" i="2" l="1"/>
  <c r="N3866" i="2"/>
  <c r="B3866" i="2" l="1"/>
  <c r="N3867" i="2"/>
  <c r="B3867" i="2" l="1"/>
  <c r="N3868" i="2"/>
  <c r="B3868" i="2" l="1"/>
  <c r="N3869" i="2"/>
  <c r="B3869" i="2" l="1"/>
  <c r="N3870" i="2"/>
  <c r="B3870" i="2" l="1"/>
  <c r="N3871" i="2"/>
  <c r="B3871" i="2" l="1"/>
  <c r="N3872" i="2"/>
  <c r="B3872" i="2" l="1"/>
  <c r="N3873" i="2"/>
  <c r="B3873" i="2" l="1"/>
  <c r="N3874" i="2"/>
  <c r="B3874" i="2" l="1"/>
  <c r="N3875" i="2"/>
  <c r="B3875" i="2" l="1"/>
  <c r="N3876" i="2"/>
  <c r="B3876" i="2" l="1"/>
  <c r="N3877" i="2"/>
  <c r="B3877" i="2" l="1"/>
  <c r="N3878" i="2"/>
  <c r="B3878" i="2" l="1"/>
  <c r="N3879" i="2"/>
  <c r="B3879" i="2" l="1"/>
  <c r="N3880" i="2"/>
  <c r="B3880" i="2" l="1"/>
  <c r="N3881" i="2"/>
  <c r="B3881" i="2" l="1"/>
  <c r="N3882" i="2"/>
  <c r="B3882" i="2" l="1"/>
  <c r="N3883" i="2"/>
  <c r="B3883" i="2" l="1"/>
  <c r="N3884" i="2"/>
  <c r="B3884" i="2" l="1"/>
  <c r="N3885" i="2"/>
  <c r="B3885" i="2" l="1"/>
  <c r="N3886" i="2"/>
  <c r="B3886" i="2" l="1"/>
  <c r="N3887" i="2"/>
  <c r="B3887" i="2" l="1"/>
  <c r="N3888" i="2"/>
  <c r="B3888" i="2" l="1"/>
  <c r="N3889" i="2"/>
  <c r="B3889" i="2" l="1"/>
  <c r="N3890" i="2"/>
  <c r="B3890" i="2" l="1"/>
  <c r="N3891" i="2"/>
  <c r="B3891" i="2" l="1"/>
  <c r="N3892" i="2"/>
  <c r="B3892" i="2" l="1"/>
  <c r="N3893" i="2"/>
  <c r="B3893" i="2" l="1"/>
  <c r="N3894" i="2"/>
  <c r="B3894" i="2" l="1"/>
  <c r="N3895" i="2"/>
  <c r="B3895" i="2" l="1"/>
  <c r="N3896" i="2"/>
  <c r="B3896" i="2" l="1"/>
  <c r="N3897" i="2"/>
  <c r="B3897" i="2" l="1"/>
  <c r="N3898" i="2"/>
  <c r="B3898" i="2" l="1"/>
  <c r="N3899" i="2"/>
  <c r="B3899" i="2" l="1"/>
  <c r="N3900" i="2"/>
  <c r="B3900" i="2" l="1"/>
  <c r="N3901" i="2"/>
  <c r="B3901" i="2" l="1"/>
  <c r="N3902" i="2"/>
  <c r="B3902" i="2" l="1"/>
  <c r="N3903" i="2"/>
  <c r="B3903" i="2" l="1"/>
  <c r="N3904" i="2"/>
  <c r="B3904" i="2" l="1"/>
  <c r="N3905" i="2"/>
  <c r="B3905" i="2" l="1"/>
  <c r="N3906" i="2"/>
  <c r="B3906" i="2" l="1"/>
  <c r="N3907" i="2"/>
  <c r="B3907" i="2" l="1"/>
  <c r="N3908" i="2"/>
  <c r="B3908" i="2" l="1"/>
  <c r="N3909" i="2"/>
  <c r="B3909" i="2" l="1"/>
  <c r="N3910" i="2"/>
  <c r="B3910" i="2" l="1"/>
  <c r="N3911" i="2"/>
  <c r="B3911" i="2" l="1"/>
  <c r="N3912" i="2"/>
  <c r="B3912" i="2" l="1"/>
  <c r="N3913" i="2"/>
  <c r="B3913" i="2" l="1"/>
  <c r="N3914" i="2"/>
  <c r="B3914" i="2" l="1"/>
  <c r="N3915" i="2"/>
  <c r="B3915" i="2" l="1"/>
  <c r="N3916" i="2"/>
  <c r="B3916" i="2" l="1"/>
  <c r="N3917" i="2"/>
  <c r="B3917" i="2" l="1"/>
  <c r="N3918" i="2"/>
  <c r="B3918" i="2" l="1"/>
  <c r="N3919" i="2"/>
  <c r="B3919" i="2" l="1"/>
  <c r="N3920" i="2"/>
  <c r="B3920" i="2" l="1"/>
  <c r="N3921" i="2"/>
  <c r="B3921" i="2" l="1"/>
  <c r="N3922" i="2"/>
  <c r="B3922" i="2" l="1"/>
  <c r="N3923" i="2"/>
  <c r="B3923" i="2" l="1"/>
  <c r="N3924" i="2"/>
  <c r="B3924" i="2" l="1"/>
  <c r="N3925" i="2"/>
  <c r="B3925" i="2" l="1"/>
  <c r="N3926" i="2"/>
  <c r="B3926" i="2" l="1"/>
  <c r="N3927" i="2"/>
  <c r="B3927" i="2" l="1"/>
  <c r="N3928" i="2"/>
  <c r="B3928" i="2" l="1"/>
  <c r="N3929" i="2"/>
  <c r="B3929" i="2" l="1"/>
  <c r="N3930" i="2"/>
  <c r="B3930" i="2" l="1"/>
  <c r="N3931" i="2"/>
  <c r="B3931" i="2" l="1"/>
  <c r="N3932" i="2"/>
  <c r="B3932" i="2" l="1"/>
  <c r="N3933" i="2"/>
  <c r="B3933" i="2" l="1"/>
  <c r="N3934" i="2"/>
  <c r="B3934" i="2" l="1"/>
  <c r="N3935" i="2"/>
  <c r="B3935" i="2" l="1"/>
  <c r="N3936" i="2"/>
  <c r="B3936" i="2" l="1"/>
  <c r="N3937" i="2"/>
  <c r="B3937" i="2" l="1"/>
  <c r="N3938" i="2"/>
  <c r="B3938" i="2" l="1"/>
  <c r="N3939" i="2"/>
  <c r="B3939" i="2" l="1"/>
  <c r="N3940" i="2"/>
  <c r="B3940" i="2" l="1"/>
  <c r="N3941" i="2"/>
  <c r="B3941" i="2" l="1"/>
  <c r="N3942" i="2"/>
  <c r="B3942" i="2" l="1"/>
  <c r="N3943" i="2"/>
  <c r="B3943" i="2" l="1"/>
  <c r="N3944" i="2"/>
  <c r="B3944" i="2" l="1"/>
  <c r="N3945" i="2"/>
  <c r="B3945" i="2" l="1"/>
  <c r="N3946" i="2"/>
  <c r="B3946" i="2" l="1"/>
  <c r="N3947" i="2"/>
  <c r="B3947" i="2" l="1"/>
  <c r="N3948" i="2"/>
  <c r="B3948" i="2" l="1"/>
  <c r="N3949" i="2"/>
  <c r="B3949" i="2" l="1"/>
  <c r="N3950" i="2"/>
  <c r="B3950" i="2" l="1"/>
  <c r="N3951" i="2"/>
  <c r="B3951" i="2" l="1"/>
  <c r="N3952" i="2"/>
  <c r="B3952" i="2" l="1"/>
  <c r="N3953" i="2"/>
  <c r="B3953" i="2" l="1"/>
  <c r="N3954" i="2"/>
  <c r="B3954" i="2" l="1"/>
  <c r="N3955" i="2"/>
  <c r="B3955" i="2" l="1"/>
  <c r="N3956" i="2"/>
  <c r="B3956" i="2" l="1"/>
  <c r="N3957" i="2"/>
  <c r="B3957" i="2" l="1"/>
  <c r="N3958" i="2"/>
  <c r="B3958" i="2" l="1"/>
  <c r="N3959" i="2"/>
  <c r="B3959" i="2" l="1"/>
  <c r="N3960" i="2"/>
  <c r="B3960" i="2" l="1"/>
  <c r="N3961" i="2"/>
  <c r="B3961" i="2" l="1"/>
  <c r="N3962" i="2"/>
  <c r="B3962" i="2" l="1"/>
  <c r="N3963" i="2"/>
  <c r="B3963" i="2" l="1"/>
  <c r="N3964" i="2"/>
  <c r="B3964" i="2" l="1"/>
  <c r="N3965" i="2"/>
  <c r="B3965" i="2" l="1"/>
  <c r="N3966" i="2"/>
  <c r="B3966" i="2" l="1"/>
  <c r="N3967" i="2"/>
  <c r="B3967" i="2" l="1"/>
  <c r="N3968" i="2"/>
  <c r="B3968" i="2" l="1"/>
  <c r="N3969" i="2"/>
  <c r="B3969" i="2" l="1"/>
  <c r="N3970" i="2"/>
  <c r="B3970" i="2" l="1"/>
  <c r="N3971" i="2"/>
  <c r="B3971" i="2" l="1"/>
  <c r="N3972" i="2"/>
  <c r="B3972" i="2" l="1"/>
  <c r="N3973" i="2"/>
  <c r="B3973" i="2" l="1"/>
  <c r="N3974" i="2"/>
  <c r="B3974" i="2" l="1"/>
  <c r="N3975" i="2"/>
  <c r="B3975" i="2" l="1"/>
  <c r="N3976" i="2"/>
  <c r="B3976" i="2" l="1"/>
  <c r="N3977" i="2"/>
  <c r="B3977" i="2" l="1"/>
  <c r="N3978" i="2"/>
  <c r="B3978" i="2" l="1"/>
  <c r="N3979" i="2"/>
  <c r="B3979" i="2" l="1"/>
  <c r="N3980" i="2"/>
  <c r="B3980" i="2" l="1"/>
  <c r="N3981" i="2"/>
  <c r="B3981" i="2" l="1"/>
  <c r="N3982" i="2"/>
  <c r="B3982" i="2" l="1"/>
  <c r="N3983" i="2"/>
  <c r="B3983" i="2" l="1"/>
  <c r="N3984" i="2"/>
  <c r="B3984" i="2" l="1"/>
  <c r="N3985" i="2"/>
  <c r="B3985" i="2" l="1"/>
  <c r="N3986" i="2"/>
  <c r="B3986" i="2" l="1"/>
  <c r="N3987" i="2"/>
  <c r="B3987" i="2" l="1"/>
  <c r="N3988" i="2"/>
  <c r="B3988" i="2" l="1"/>
  <c r="N3989" i="2"/>
  <c r="B3989" i="2" l="1"/>
  <c r="N3990" i="2"/>
  <c r="B3990" i="2" l="1"/>
  <c r="N3991" i="2"/>
  <c r="B3991" i="2" l="1"/>
  <c r="N3992" i="2"/>
  <c r="B3992" i="2" l="1"/>
  <c r="N3993" i="2"/>
  <c r="B3993" i="2" l="1"/>
  <c r="N3994" i="2"/>
  <c r="B3994" i="2" l="1"/>
  <c r="N3995" i="2"/>
  <c r="B3995" i="2" l="1"/>
  <c r="N3996" i="2"/>
  <c r="B3996" i="2" l="1"/>
  <c r="N3997" i="2"/>
  <c r="B3997" i="2" l="1"/>
  <c r="N3998" i="2"/>
  <c r="B3998" i="2" l="1"/>
  <c r="N3999" i="2"/>
  <c r="B3999" i="2" l="1"/>
  <c r="N4000" i="2"/>
  <c r="B4000" i="2" l="1"/>
  <c r="N4001" i="2"/>
  <c r="B4001" i="2" l="1"/>
  <c r="N4002" i="2"/>
  <c r="B4002" i="2" l="1"/>
  <c r="N4003" i="2"/>
  <c r="B4003" i="2" l="1"/>
  <c r="N4004" i="2"/>
  <c r="B4004" i="2" l="1"/>
  <c r="N4005" i="2"/>
  <c r="B4005" i="2" l="1"/>
  <c r="N4006" i="2"/>
  <c r="B4006" i="2" l="1"/>
  <c r="N4007" i="2"/>
  <c r="B4007" i="2" l="1"/>
  <c r="N4008" i="2"/>
  <c r="B4008" i="2" l="1"/>
  <c r="N4009" i="2"/>
  <c r="B4009" i="2" l="1"/>
  <c r="N4010" i="2"/>
  <c r="B4010" i="2" l="1"/>
  <c r="N4011" i="2"/>
  <c r="B4011" i="2" l="1"/>
  <c r="N4012" i="2"/>
  <c r="B4012" i="2" l="1"/>
  <c r="N4013" i="2"/>
  <c r="B4013" i="2" l="1"/>
  <c r="N4014" i="2"/>
  <c r="B4014" i="2" l="1"/>
  <c r="N4015" i="2"/>
  <c r="B4015" i="2" l="1"/>
  <c r="N4016" i="2"/>
  <c r="B4016" i="2" l="1"/>
  <c r="N4017" i="2"/>
  <c r="B4017" i="2" l="1"/>
  <c r="N4018" i="2"/>
  <c r="B4018" i="2" l="1"/>
  <c r="N4019" i="2"/>
  <c r="B4019" i="2" l="1"/>
  <c r="N4020" i="2"/>
  <c r="B4020" i="2" l="1"/>
  <c r="N4021" i="2"/>
  <c r="B4021" i="2" l="1"/>
  <c r="N4022" i="2"/>
  <c r="B4022" i="2" l="1"/>
  <c r="N4023" i="2"/>
  <c r="B4023" i="2" l="1"/>
  <c r="N4024" i="2"/>
  <c r="B4024" i="2" l="1"/>
  <c r="N4025" i="2"/>
  <c r="B4025" i="2" l="1"/>
  <c r="N4026" i="2"/>
  <c r="B4026" i="2" l="1"/>
  <c r="N4027" i="2"/>
  <c r="B4027" i="2" l="1"/>
  <c r="N4028" i="2"/>
  <c r="B4028" i="2" l="1"/>
  <c r="N4029" i="2"/>
  <c r="B4029" i="2" l="1"/>
  <c r="N4030" i="2"/>
  <c r="B4030" i="2" l="1"/>
  <c r="N4031" i="2"/>
  <c r="B4031" i="2" l="1"/>
  <c r="N4032" i="2"/>
  <c r="B4032" i="2" l="1"/>
  <c r="N4033" i="2"/>
  <c r="B4033" i="2" l="1"/>
  <c r="N4034" i="2"/>
  <c r="B4034" i="2" l="1"/>
  <c r="N4035" i="2"/>
  <c r="B4035" i="2" l="1"/>
  <c r="N4036" i="2"/>
  <c r="B4036" i="2" l="1"/>
  <c r="N4037" i="2"/>
  <c r="B4037" i="2" l="1"/>
  <c r="N4038" i="2"/>
  <c r="B4038" i="2" l="1"/>
  <c r="N4039" i="2"/>
  <c r="B4039" i="2" l="1"/>
  <c r="N4040" i="2"/>
  <c r="B4040" i="2" l="1"/>
  <c r="N4041" i="2"/>
  <c r="B4041" i="2" l="1"/>
  <c r="N4042" i="2"/>
  <c r="B4042" i="2" l="1"/>
  <c r="N4043" i="2"/>
  <c r="B4043" i="2" l="1"/>
  <c r="N4044" i="2"/>
  <c r="B4044" i="2" l="1"/>
  <c r="N4045" i="2"/>
  <c r="B4045" i="2" l="1"/>
  <c r="N4046" i="2"/>
  <c r="B4046" i="2" l="1"/>
  <c r="N4047" i="2"/>
  <c r="B4047" i="2" l="1"/>
  <c r="N4048" i="2"/>
  <c r="B4048" i="2" l="1"/>
  <c r="N4049" i="2"/>
  <c r="B4049" i="2" l="1"/>
  <c r="N4050" i="2"/>
  <c r="B4050" i="2" l="1"/>
  <c r="N4051" i="2"/>
  <c r="B4051" i="2" l="1"/>
  <c r="N4052" i="2"/>
  <c r="B4052" i="2" l="1"/>
  <c r="N4053" i="2"/>
  <c r="B4053" i="2" l="1"/>
  <c r="N4054" i="2"/>
  <c r="B4054" i="2" l="1"/>
  <c r="N4055" i="2"/>
  <c r="B4055" i="2" l="1"/>
  <c r="N4056" i="2"/>
  <c r="B4056" i="2" l="1"/>
  <c r="N4057" i="2"/>
  <c r="B4057" i="2" l="1"/>
  <c r="N4058" i="2"/>
  <c r="B4058" i="2" l="1"/>
  <c r="N4059" i="2"/>
  <c r="B4059" i="2" l="1"/>
  <c r="N4060" i="2"/>
  <c r="B4060" i="2" l="1"/>
  <c r="N4061" i="2"/>
  <c r="B4061" i="2" l="1"/>
  <c r="N4062" i="2"/>
  <c r="B4062" i="2" l="1"/>
  <c r="N4063" i="2"/>
  <c r="B4063" i="2" l="1"/>
  <c r="N4064" i="2"/>
  <c r="B4064" i="2" l="1"/>
  <c r="N4065" i="2"/>
  <c r="B4065" i="2" l="1"/>
  <c r="N4066" i="2"/>
  <c r="B4066" i="2" l="1"/>
  <c r="N4067" i="2"/>
  <c r="B4067" i="2" l="1"/>
  <c r="N4068" i="2"/>
  <c r="B4068" i="2" l="1"/>
  <c r="N4069" i="2"/>
  <c r="B4069" i="2" l="1"/>
  <c r="N4070" i="2"/>
  <c r="B4070" i="2" l="1"/>
  <c r="N4071" i="2"/>
  <c r="B4071" i="2" l="1"/>
  <c r="N4072" i="2"/>
  <c r="B4072" i="2" l="1"/>
  <c r="N4073" i="2"/>
  <c r="B4073" i="2" l="1"/>
  <c r="N4074" i="2"/>
  <c r="B4074" i="2" l="1"/>
  <c r="N4075" i="2"/>
  <c r="B4075" i="2" l="1"/>
  <c r="N4076" i="2"/>
  <c r="B4076" i="2" l="1"/>
  <c r="N4077" i="2"/>
  <c r="B4077" i="2" l="1"/>
  <c r="N4078" i="2"/>
  <c r="B4078" i="2" l="1"/>
  <c r="N4079" i="2"/>
  <c r="B4079" i="2" l="1"/>
  <c r="N4080" i="2"/>
  <c r="B4080" i="2" l="1"/>
  <c r="N4081" i="2"/>
  <c r="B4081" i="2" l="1"/>
  <c r="N4082" i="2"/>
  <c r="B4082" i="2" l="1"/>
  <c r="N4083" i="2"/>
  <c r="B4083" i="2" l="1"/>
  <c r="N4084" i="2"/>
  <c r="B4084" i="2" l="1"/>
  <c r="N4085" i="2"/>
  <c r="B4085" i="2" l="1"/>
  <c r="N4086" i="2"/>
  <c r="B4086" i="2" l="1"/>
  <c r="N4087" i="2"/>
  <c r="B4087" i="2" l="1"/>
  <c r="N4088" i="2"/>
  <c r="B4088" i="2" l="1"/>
  <c r="N4089" i="2"/>
  <c r="B4089" i="2" l="1"/>
  <c r="N4090" i="2"/>
  <c r="B4090" i="2" l="1"/>
  <c r="N4091" i="2"/>
  <c r="B4091" i="2" l="1"/>
  <c r="N4092" i="2"/>
  <c r="B4092" i="2" l="1"/>
  <c r="N4093" i="2"/>
  <c r="B4093" i="2" l="1"/>
  <c r="N4094" i="2"/>
  <c r="B4094" i="2" l="1"/>
  <c r="N4095" i="2"/>
  <c r="B4095" i="2" l="1"/>
  <c r="N4096" i="2"/>
  <c r="B4096" i="2" l="1"/>
  <c r="N4097" i="2"/>
  <c r="B4097" i="2" l="1"/>
  <c r="N4098" i="2"/>
  <c r="B4098" i="2" l="1"/>
  <c r="N4099" i="2"/>
  <c r="B4099" i="2" l="1"/>
  <c r="N4100" i="2"/>
  <c r="B4100" i="2" l="1"/>
  <c r="N4101" i="2"/>
  <c r="B4101" i="2" l="1"/>
  <c r="N4102" i="2"/>
  <c r="B4102" i="2" l="1"/>
  <c r="N4103" i="2"/>
  <c r="B4103" i="2" l="1"/>
  <c r="N4104" i="2"/>
  <c r="B4104" i="2" l="1"/>
  <c r="N4105" i="2"/>
  <c r="B4105" i="2" l="1"/>
  <c r="N4106" i="2"/>
  <c r="B4106" i="2" l="1"/>
  <c r="N4107" i="2"/>
  <c r="B4107" i="2" l="1"/>
  <c r="N4108" i="2"/>
  <c r="B4108" i="2" l="1"/>
  <c r="N4109" i="2"/>
  <c r="B4109" i="2" l="1"/>
  <c r="N4110" i="2"/>
  <c r="B4110" i="2" l="1"/>
  <c r="N4111" i="2"/>
  <c r="B4111" i="2" l="1"/>
  <c r="N4112" i="2"/>
  <c r="B4112" i="2" l="1"/>
  <c r="N4113" i="2"/>
  <c r="B4113" i="2" l="1"/>
  <c r="N4114" i="2"/>
  <c r="B4114" i="2" l="1"/>
  <c r="N4115" i="2"/>
  <c r="B4115" i="2" l="1"/>
  <c r="N4116" i="2"/>
  <c r="B4116" i="2" l="1"/>
  <c r="N4117" i="2"/>
  <c r="B4117" i="2" l="1"/>
  <c r="N4118" i="2"/>
  <c r="B4118" i="2" l="1"/>
  <c r="N4119" i="2"/>
  <c r="B4119" i="2" l="1"/>
  <c r="N4120" i="2"/>
  <c r="B4120" i="2" l="1"/>
  <c r="N4121" i="2"/>
  <c r="B4121" i="2" l="1"/>
  <c r="N4122" i="2"/>
  <c r="B4122" i="2" l="1"/>
  <c r="N4123" i="2"/>
  <c r="B4123" i="2" l="1"/>
  <c r="N4124" i="2"/>
  <c r="B4124" i="2" l="1"/>
  <c r="N4125" i="2"/>
  <c r="B4125" i="2" l="1"/>
  <c r="N4126" i="2"/>
  <c r="B4126" i="2" l="1"/>
  <c r="N4127" i="2"/>
  <c r="B4127" i="2" l="1"/>
  <c r="N4128" i="2"/>
  <c r="B4128" i="2" l="1"/>
  <c r="N4129" i="2"/>
  <c r="B4129" i="2" l="1"/>
  <c r="N4130" i="2"/>
  <c r="B4130" i="2" l="1"/>
  <c r="N4131" i="2"/>
  <c r="B4131" i="2" l="1"/>
  <c r="N4132" i="2"/>
  <c r="B4132" i="2" l="1"/>
  <c r="N4133" i="2"/>
  <c r="B4133" i="2" l="1"/>
  <c r="N4134" i="2"/>
  <c r="B4134" i="2" l="1"/>
  <c r="N4135" i="2"/>
  <c r="B4135" i="2" l="1"/>
  <c r="N4136" i="2"/>
  <c r="B4136" i="2" l="1"/>
  <c r="N4137" i="2"/>
  <c r="B4137" i="2" l="1"/>
  <c r="N4138" i="2"/>
  <c r="B4138" i="2" l="1"/>
  <c r="N4139" i="2"/>
  <c r="B4139" i="2" l="1"/>
  <c r="N4140" i="2"/>
  <c r="B4140" i="2" l="1"/>
  <c r="N4141" i="2"/>
  <c r="B4141" i="2" l="1"/>
  <c r="N4142" i="2"/>
  <c r="B4142" i="2" l="1"/>
  <c r="N4143" i="2"/>
  <c r="B4143" i="2" l="1"/>
  <c r="N4144" i="2"/>
  <c r="B4144" i="2" l="1"/>
  <c r="N4145" i="2"/>
  <c r="B4145" i="2" l="1"/>
  <c r="N4146" i="2"/>
  <c r="B4146" i="2" l="1"/>
  <c r="N4147" i="2"/>
  <c r="B4147" i="2" l="1"/>
  <c r="N4148" i="2"/>
  <c r="B4148" i="2" l="1"/>
  <c r="N4149" i="2"/>
  <c r="B4149" i="2" l="1"/>
  <c r="N4150" i="2"/>
  <c r="B4150" i="2" l="1"/>
  <c r="N4151" i="2"/>
  <c r="B4151" i="2" l="1"/>
  <c r="N4152" i="2"/>
  <c r="B4152" i="2" l="1"/>
  <c r="N4153" i="2"/>
  <c r="B4153" i="2" l="1"/>
  <c r="N4154" i="2"/>
  <c r="B4154" i="2" l="1"/>
  <c r="N4155" i="2"/>
  <c r="B4155" i="2" l="1"/>
  <c r="N4156" i="2"/>
  <c r="B4156" i="2" l="1"/>
  <c r="N4157" i="2"/>
  <c r="B4157" i="2" l="1"/>
  <c r="N4158" i="2"/>
  <c r="B4158" i="2" l="1"/>
  <c r="N4159" i="2"/>
  <c r="B4159" i="2" l="1"/>
  <c r="N4160" i="2"/>
  <c r="B4160" i="2" l="1"/>
  <c r="N4161" i="2"/>
  <c r="B4161" i="2" l="1"/>
  <c r="N4162" i="2"/>
  <c r="B4162" i="2" l="1"/>
  <c r="N4163" i="2"/>
  <c r="B4163" i="2" l="1"/>
  <c r="N4164" i="2"/>
  <c r="B4164" i="2" l="1"/>
  <c r="N4165" i="2"/>
  <c r="B4165" i="2" l="1"/>
  <c r="N4166" i="2"/>
  <c r="B4166" i="2" l="1"/>
  <c r="N4167" i="2"/>
  <c r="B4167" i="2" l="1"/>
  <c r="N4168" i="2"/>
  <c r="B4168" i="2" l="1"/>
  <c r="N4169" i="2"/>
  <c r="B4169" i="2" l="1"/>
  <c r="N4170" i="2"/>
  <c r="B4170" i="2" l="1"/>
  <c r="N4171" i="2"/>
  <c r="B4171" i="2" l="1"/>
  <c r="N4172" i="2"/>
  <c r="B4172" i="2" l="1"/>
  <c r="N4173" i="2"/>
  <c r="B4173" i="2" l="1"/>
  <c r="N4174" i="2"/>
  <c r="B4174" i="2" l="1"/>
  <c r="N4175" i="2"/>
  <c r="B4175" i="2" l="1"/>
  <c r="N4176" i="2"/>
  <c r="B4176" i="2" l="1"/>
  <c r="N4177" i="2"/>
  <c r="B4177" i="2" l="1"/>
  <c r="N4178" i="2"/>
  <c r="B4178" i="2" l="1"/>
  <c r="N4179" i="2"/>
  <c r="B4179" i="2" l="1"/>
  <c r="N4180" i="2"/>
  <c r="B4180" i="2" l="1"/>
  <c r="N4181" i="2"/>
  <c r="B4181" i="2" l="1"/>
  <c r="N4182" i="2"/>
  <c r="B4182" i="2" l="1"/>
  <c r="N4183" i="2"/>
  <c r="B4183" i="2" l="1"/>
  <c r="N4184" i="2"/>
  <c r="B4184" i="2" l="1"/>
  <c r="N4185" i="2"/>
  <c r="B4185" i="2" l="1"/>
  <c r="N4186" i="2"/>
  <c r="B4186" i="2" l="1"/>
  <c r="N4187" i="2"/>
  <c r="B4187" i="2" l="1"/>
  <c r="N4188" i="2"/>
  <c r="B4188" i="2" l="1"/>
  <c r="N4189" i="2"/>
  <c r="B4189" i="2" l="1"/>
  <c r="N4190" i="2"/>
  <c r="B4190" i="2" l="1"/>
  <c r="N4191" i="2"/>
  <c r="B4191" i="2" l="1"/>
  <c r="N4192" i="2"/>
  <c r="B4192" i="2" l="1"/>
  <c r="N4193" i="2"/>
  <c r="B4193" i="2" l="1"/>
  <c r="N4194" i="2"/>
  <c r="B4194" i="2" l="1"/>
  <c r="N4195" i="2"/>
  <c r="B4195" i="2" l="1"/>
  <c r="N4196" i="2"/>
  <c r="B4196" i="2" l="1"/>
  <c r="N4197" i="2"/>
  <c r="B4197" i="2" l="1"/>
  <c r="N4198" i="2"/>
  <c r="B4198" i="2" l="1"/>
  <c r="N4199" i="2"/>
  <c r="B4199" i="2" l="1"/>
  <c r="N4200" i="2"/>
  <c r="B4200" i="2" l="1"/>
  <c r="N4201" i="2"/>
  <c r="B4201" i="2" l="1"/>
  <c r="N4202" i="2"/>
  <c r="B4202" i="2" l="1"/>
  <c r="N4203" i="2"/>
  <c r="B4203" i="2" l="1"/>
  <c r="N4204" i="2"/>
  <c r="B4204" i="2" l="1"/>
  <c r="N4205" i="2"/>
  <c r="B4205" i="2" l="1"/>
  <c r="N4206" i="2"/>
  <c r="B4206" i="2" l="1"/>
  <c r="N4207" i="2"/>
  <c r="B4207" i="2" l="1"/>
  <c r="N4208" i="2"/>
  <c r="B4208" i="2" l="1"/>
  <c r="N4209" i="2"/>
  <c r="B4209" i="2" l="1"/>
  <c r="N4210" i="2"/>
  <c r="B4210" i="2" l="1"/>
  <c r="N4211" i="2"/>
  <c r="B4211" i="2" l="1"/>
  <c r="N4212" i="2"/>
  <c r="B4212" i="2" l="1"/>
  <c r="N4213" i="2"/>
  <c r="B4213" i="2" l="1"/>
  <c r="N4214" i="2"/>
  <c r="B4214" i="2" l="1"/>
  <c r="N4215" i="2"/>
  <c r="B4215" i="2" l="1"/>
  <c r="N4216" i="2"/>
  <c r="B4216" i="2" l="1"/>
  <c r="N4217" i="2"/>
  <c r="B4217" i="2" l="1"/>
  <c r="N4218" i="2"/>
  <c r="B4218" i="2" l="1"/>
  <c r="N4219" i="2"/>
  <c r="B4219" i="2" l="1"/>
  <c r="N4220" i="2"/>
  <c r="B4220" i="2" l="1"/>
  <c r="N4221" i="2"/>
  <c r="B4221" i="2" l="1"/>
  <c r="N4222" i="2"/>
  <c r="B4222" i="2" l="1"/>
  <c r="N4223" i="2"/>
  <c r="B4223" i="2" l="1"/>
  <c r="N4224" i="2"/>
  <c r="B4224" i="2" l="1"/>
  <c r="N4225" i="2"/>
  <c r="B4225" i="2" l="1"/>
  <c r="N4226" i="2"/>
  <c r="B4226" i="2" l="1"/>
  <c r="N4227" i="2"/>
  <c r="B4227" i="2" l="1"/>
  <c r="N4228" i="2"/>
  <c r="B4228" i="2" l="1"/>
  <c r="N4229" i="2"/>
  <c r="B4229" i="2" l="1"/>
  <c r="N4230" i="2"/>
  <c r="B4230" i="2" l="1"/>
  <c r="N4231" i="2"/>
  <c r="B4231" i="2" l="1"/>
  <c r="N4232" i="2"/>
  <c r="B4232" i="2" l="1"/>
  <c r="N4233" i="2"/>
  <c r="B4233" i="2" l="1"/>
  <c r="N4234" i="2"/>
  <c r="B4234" i="2" l="1"/>
  <c r="N4235" i="2"/>
  <c r="B4235" i="2" l="1"/>
  <c r="N4236" i="2"/>
  <c r="B4236" i="2" l="1"/>
  <c r="N4237" i="2"/>
  <c r="B4237" i="2" l="1"/>
  <c r="N4238" i="2"/>
  <c r="B4238" i="2" l="1"/>
  <c r="N4239" i="2"/>
  <c r="B4239" i="2" l="1"/>
  <c r="N4240" i="2"/>
  <c r="B4240" i="2" l="1"/>
  <c r="N4241" i="2"/>
  <c r="B4241" i="2" l="1"/>
  <c r="N4242" i="2"/>
  <c r="B4242" i="2" l="1"/>
  <c r="N4243" i="2"/>
  <c r="B4243" i="2" l="1"/>
  <c r="N4244" i="2"/>
  <c r="B4244" i="2" l="1"/>
  <c r="N4245" i="2"/>
  <c r="B4245" i="2" l="1"/>
  <c r="N4246" i="2"/>
  <c r="B4246" i="2" l="1"/>
  <c r="N4247" i="2"/>
  <c r="B4247" i="2" l="1"/>
  <c r="N4248" i="2"/>
  <c r="B4248" i="2" l="1"/>
  <c r="N4249" i="2"/>
  <c r="B4249" i="2" l="1"/>
  <c r="N4250" i="2"/>
  <c r="B4250" i="2" l="1"/>
  <c r="N4251" i="2"/>
  <c r="B4251" i="2" l="1"/>
  <c r="N4252" i="2"/>
  <c r="B4252" i="2" l="1"/>
  <c r="N4253" i="2"/>
  <c r="B4253" i="2" l="1"/>
  <c r="N4254" i="2"/>
  <c r="B4254" i="2" l="1"/>
  <c r="N4255" i="2"/>
  <c r="B4255" i="2" l="1"/>
  <c r="N4256" i="2"/>
  <c r="B4256" i="2" l="1"/>
  <c r="N4257" i="2"/>
  <c r="B4257" i="2" l="1"/>
  <c r="N4258" i="2"/>
  <c r="B4258" i="2" l="1"/>
  <c r="N4259" i="2"/>
  <c r="B4259" i="2" l="1"/>
  <c r="N4260" i="2"/>
  <c r="B4260" i="2" l="1"/>
  <c r="N4261" i="2"/>
  <c r="B4261" i="2" l="1"/>
  <c r="N4262" i="2"/>
  <c r="B4262" i="2" l="1"/>
  <c r="N4263" i="2"/>
  <c r="B4263" i="2" l="1"/>
  <c r="N4264" i="2"/>
  <c r="B4264" i="2" l="1"/>
  <c r="N4265" i="2"/>
  <c r="B4265" i="2" l="1"/>
  <c r="N4266" i="2"/>
  <c r="B4266" i="2" l="1"/>
  <c r="N4267" i="2"/>
  <c r="B4267" i="2" l="1"/>
  <c r="N4268" i="2"/>
  <c r="B4268" i="2" l="1"/>
  <c r="N4269" i="2"/>
  <c r="B4269" i="2" l="1"/>
  <c r="N4270" i="2"/>
  <c r="B4270" i="2" l="1"/>
  <c r="N4271" i="2"/>
  <c r="B4271" i="2" l="1"/>
  <c r="N4272" i="2"/>
  <c r="B4272" i="2" l="1"/>
  <c r="N4273" i="2"/>
  <c r="B4273" i="2" l="1"/>
  <c r="N4274" i="2"/>
  <c r="B4274" i="2" l="1"/>
  <c r="N4275" i="2"/>
  <c r="B4275" i="2" l="1"/>
  <c r="N4276" i="2"/>
  <c r="B4276" i="2" l="1"/>
  <c r="N4277" i="2"/>
  <c r="B4277" i="2" l="1"/>
  <c r="N4278" i="2"/>
  <c r="B4278" i="2" l="1"/>
  <c r="N4279" i="2"/>
  <c r="B4279" i="2" l="1"/>
  <c r="N4280" i="2"/>
  <c r="B4280" i="2" l="1"/>
  <c r="N4281" i="2"/>
  <c r="B4281" i="2" l="1"/>
  <c r="N4282" i="2"/>
  <c r="B4282" i="2" l="1"/>
  <c r="N4283" i="2"/>
  <c r="B4283" i="2" l="1"/>
  <c r="N4284" i="2"/>
  <c r="B4284" i="2" l="1"/>
  <c r="N4285" i="2"/>
  <c r="B4285" i="2" l="1"/>
  <c r="N4286" i="2"/>
  <c r="B4286" i="2" l="1"/>
  <c r="N4287" i="2"/>
  <c r="B4287" i="2" l="1"/>
  <c r="N4288" i="2"/>
  <c r="B4288" i="2" l="1"/>
  <c r="N4289" i="2"/>
  <c r="B4289" i="2" l="1"/>
  <c r="N4290" i="2"/>
  <c r="B4290" i="2" l="1"/>
  <c r="N4291" i="2"/>
  <c r="B4291" i="2" l="1"/>
  <c r="N4292" i="2"/>
  <c r="B4292" i="2" l="1"/>
  <c r="N4293" i="2"/>
  <c r="B4293" i="2" l="1"/>
  <c r="N4294" i="2"/>
  <c r="B4294" i="2" l="1"/>
  <c r="N4295" i="2"/>
  <c r="B4295" i="2" l="1"/>
  <c r="N4296" i="2"/>
  <c r="B4296" i="2" l="1"/>
  <c r="N4297" i="2"/>
  <c r="B4297" i="2" l="1"/>
  <c r="N4298" i="2"/>
  <c r="B4298" i="2" l="1"/>
  <c r="N4299" i="2"/>
  <c r="B4299" i="2" l="1"/>
  <c r="N4300" i="2"/>
  <c r="B4300" i="2" l="1"/>
  <c r="N4301" i="2"/>
  <c r="B4301" i="2" l="1"/>
  <c r="N4302" i="2"/>
  <c r="B4302" i="2" l="1"/>
  <c r="N4303" i="2"/>
  <c r="B4303" i="2" l="1"/>
  <c r="N4304" i="2"/>
  <c r="B4304" i="2" l="1"/>
  <c r="N4305" i="2"/>
  <c r="B4305" i="2" l="1"/>
  <c r="N4306" i="2"/>
  <c r="B4306" i="2" l="1"/>
  <c r="N4307" i="2"/>
  <c r="B4307" i="2" l="1"/>
  <c r="N4308" i="2"/>
  <c r="B4308" i="2" l="1"/>
  <c r="N4309" i="2"/>
  <c r="B4309" i="2" l="1"/>
  <c r="N4310" i="2"/>
  <c r="B4310" i="2" l="1"/>
  <c r="N4311" i="2"/>
  <c r="B4311" i="2" l="1"/>
  <c r="N4312" i="2"/>
  <c r="B4312" i="2" l="1"/>
  <c r="N4313" i="2"/>
  <c r="B4313" i="2" l="1"/>
  <c r="N4314" i="2"/>
  <c r="B4314" i="2" l="1"/>
  <c r="N4315" i="2"/>
  <c r="B4315" i="2" l="1"/>
  <c r="N4316" i="2"/>
  <c r="B4316" i="2" l="1"/>
  <c r="N4317" i="2"/>
  <c r="B4317" i="2" l="1"/>
  <c r="N4318" i="2"/>
  <c r="B4318" i="2" l="1"/>
  <c r="N4319" i="2"/>
  <c r="B4319" i="2" l="1"/>
  <c r="N4320" i="2"/>
  <c r="B4320" i="2" l="1"/>
  <c r="N4321" i="2"/>
  <c r="B4321" i="2" l="1"/>
  <c r="N4322" i="2"/>
  <c r="B4322" i="2" l="1"/>
  <c r="N4323" i="2"/>
  <c r="B4323" i="2" l="1"/>
  <c r="N4324" i="2"/>
  <c r="B4324" i="2" l="1"/>
  <c r="N4325" i="2"/>
  <c r="B4325" i="2" l="1"/>
  <c r="N4326" i="2"/>
  <c r="B4326" i="2" l="1"/>
  <c r="N4327" i="2"/>
  <c r="B4327" i="2" l="1"/>
  <c r="N4328" i="2"/>
  <c r="B4328" i="2" l="1"/>
  <c r="N4329" i="2"/>
  <c r="B4329" i="2" l="1"/>
  <c r="N4330" i="2"/>
  <c r="B4330" i="2" l="1"/>
  <c r="N4331" i="2"/>
  <c r="B4331" i="2" l="1"/>
  <c r="N4332" i="2"/>
  <c r="B4332" i="2" l="1"/>
  <c r="N4333" i="2"/>
  <c r="B4333" i="2" l="1"/>
  <c r="N4334" i="2"/>
  <c r="B4334" i="2" l="1"/>
  <c r="N4335" i="2"/>
  <c r="B4335" i="2" l="1"/>
  <c r="N4336" i="2"/>
  <c r="B4336" i="2" l="1"/>
  <c r="N4337" i="2"/>
  <c r="B4337" i="2" l="1"/>
  <c r="N4338" i="2"/>
  <c r="B4338" i="2" l="1"/>
  <c r="N4339" i="2"/>
  <c r="B4339" i="2" l="1"/>
  <c r="N4340" i="2"/>
  <c r="B4340" i="2" l="1"/>
  <c r="N4341" i="2"/>
  <c r="B4341" i="2" l="1"/>
  <c r="N4342" i="2"/>
  <c r="B4342" i="2" l="1"/>
  <c r="N4343" i="2"/>
  <c r="B4343" i="2" l="1"/>
  <c r="N4344" i="2"/>
  <c r="B4344" i="2" l="1"/>
  <c r="N4345" i="2"/>
  <c r="B4345" i="2" l="1"/>
  <c r="N4346" i="2"/>
  <c r="B4346" i="2" l="1"/>
  <c r="N4347" i="2"/>
  <c r="B4347" i="2" l="1"/>
  <c r="N4348" i="2"/>
  <c r="B4348" i="2" l="1"/>
  <c r="N4349" i="2"/>
  <c r="B4349" i="2" l="1"/>
  <c r="N4350" i="2"/>
  <c r="B4350" i="2" l="1"/>
  <c r="N4351" i="2"/>
  <c r="B4351" i="2" l="1"/>
  <c r="N4352" i="2"/>
  <c r="B4352" i="2" l="1"/>
  <c r="N4353" i="2"/>
  <c r="B4353" i="2" l="1"/>
  <c r="N4354" i="2"/>
  <c r="B4354" i="2" l="1"/>
  <c r="N4355" i="2"/>
  <c r="B4355" i="2" l="1"/>
  <c r="N4356" i="2"/>
  <c r="B4356" i="2" l="1"/>
  <c r="N4357" i="2"/>
  <c r="B4357" i="2" l="1"/>
  <c r="N4358" i="2"/>
  <c r="B4358" i="2" l="1"/>
  <c r="N4359" i="2"/>
  <c r="B4359" i="2" l="1"/>
  <c r="N4360" i="2"/>
  <c r="B4360" i="2" l="1"/>
  <c r="N4361" i="2"/>
  <c r="B4361" i="2" l="1"/>
  <c r="N4362" i="2"/>
  <c r="B4362" i="2" l="1"/>
  <c r="N4363" i="2"/>
  <c r="B4363" i="2" l="1"/>
  <c r="N4364" i="2"/>
  <c r="B4364" i="2" l="1"/>
  <c r="N4365" i="2"/>
  <c r="B4365" i="2" l="1"/>
  <c r="N4366" i="2"/>
  <c r="B4366" i="2" l="1"/>
  <c r="N4367" i="2"/>
  <c r="B4367" i="2" l="1"/>
  <c r="N4368" i="2"/>
  <c r="B4368" i="2" l="1"/>
  <c r="N4369" i="2"/>
  <c r="B4369" i="2" l="1"/>
  <c r="N4370" i="2"/>
  <c r="B4370" i="2" l="1"/>
  <c r="N4371" i="2"/>
  <c r="B4371" i="2" l="1"/>
  <c r="N4372" i="2"/>
  <c r="B4372" i="2" l="1"/>
  <c r="N4373" i="2"/>
  <c r="B4373" i="2" l="1"/>
  <c r="N4374" i="2"/>
  <c r="B4374" i="2" l="1"/>
  <c r="N4375" i="2"/>
  <c r="B4375" i="2" l="1"/>
  <c r="N4376" i="2"/>
  <c r="B4376" i="2" l="1"/>
  <c r="N4377" i="2"/>
  <c r="B4377" i="2" l="1"/>
  <c r="N4378" i="2"/>
  <c r="B4378" i="2" l="1"/>
  <c r="N4379" i="2"/>
  <c r="B4379" i="2" l="1"/>
  <c r="N4380" i="2"/>
  <c r="B4380" i="2" l="1"/>
  <c r="N4381" i="2"/>
  <c r="B4381" i="2" l="1"/>
  <c r="N4382" i="2"/>
  <c r="B4382" i="2" l="1"/>
  <c r="N4383" i="2"/>
  <c r="B4383" i="2" l="1"/>
  <c r="N4384" i="2"/>
  <c r="B4384" i="2" l="1"/>
  <c r="N4385" i="2"/>
  <c r="B4385" i="2" l="1"/>
  <c r="N4386" i="2"/>
  <c r="B4386" i="2" l="1"/>
  <c r="N4387" i="2"/>
  <c r="B4387" i="2" l="1"/>
  <c r="N4388" i="2"/>
  <c r="B4388" i="2" l="1"/>
  <c r="N4389" i="2"/>
  <c r="B4389" i="2" l="1"/>
  <c r="N4390" i="2"/>
  <c r="B4390" i="2" l="1"/>
  <c r="N4391" i="2"/>
  <c r="B4391" i="2" l="1"/>
  <c r="N4392" i="2"/>
  <c r="B4392" i="2" l="1"/>
  <c r="N4393" i="2"/>
  <c r="B4393" i="2" l="1"/>
  <c r="N4394" i="2"/>
  <c r="B4394" i="2" l="1"/>
  <c r="N4395" i="2"/>
  <c r="B4395" i="2" l="1"/>
  <c r="N4396" i="2"/>
  <c r="B4396" i="2" l="1"/>
  <c r="N4397" i="2"/>
  <c r="B4397" i="2" l="1"/>
  <c r="N4398" i="2"/>
  <c r="B4398" i="2" l="1"/>
  <c r="N4399" i="2"/>
  <c r="B4399" i="2" l="1"/>
  <c r="N4400" i="2"/>
  <c r="B4400" i="2" l="1"/>
  <c r="N4401" i="2"/>
  <c r="B4401" i="2" l="1"/>
  <c r="N4402" i="2"/>
  <c r="B4402" i="2" l="1"/>
  <c r="N4403" i="2"/>
  <c r="B4403" i="2" l="1"/>
  <c r="N4404" i="2"/>
  <c r="B4404" i="2" l="1"/>
  <c r="N4405" i="2"/>
  <c r="B4405" i="2" l="1"/>
  <c r="N4406" i="2"/>
  <c r="B4406" i="2" l="1"/>
  <c r="N4407" i="2"/>
  <c r="B4407" i="2" l="1"/>
  <c r="N4408" i="2"/>
  <c r="B4408" i="2" l="1"/>
  <c r="N4409" i="2"/>
  <c r="B4409" i="2" l="1"/>
  <c r="N4410" i="2"/>
  <c r="B4410" i="2" l="1"/>
  <c r="N4411" i="2"/>
  <c r="B4411" i="2" l="1"/>
  <c r="N4412" i="2"/>
  <c r="B4412" i="2" l="1"/>
  <c r="N4413" i="2"/>
  <c r="B4413" i="2" l="1"/>
  <c r="N4414" i="2"/>
  <c r="B4414" i="2" l="1"/>
  <c r="N4415" i="2"/>
  <c r="B4415" i="2" l="1"/>
  <c r="N4416" i="2"/>
  <c r="B4416" i="2" l="1"/>
  <c r="N4417" i="2"/>
  <c r="B4417" i="2" l="1"/>
  <c r="N4418" i="2"/>
  <c r="B4418" i="2" l="1"/>
  <c r="N4419" i="2"/>
  <c r="B4419" i="2" l="1"/>
  <c r="N4420" i="2"/>
  <c r="B4420" i="2" l="1"/>
  <c r="N4421" i="2"/>
  <c r="B4421" i="2" l="1"/>
  <c r="N4422" i="2"/>
  <c r="B4422" i="2" l="1"/>
  <c r="N4423" i="2"/>
  <c r="B4423" i="2" l="1"/>
  <c r="N4424" i="2"/>
  <c r="B4424" i="2" l="1"/>
  <c r="N4425" i="2"/>
  <c r="B4425" i="2" l="1"/>
  <c r="N4426" i="2"/>
  <c r="B4426" i="2" l="1"/>
  <c r="N4427" i="2"/>
  <c r="B4427" i="2" l="1"/>
  <c r="N4428" i="2"/>
  <c r="B4428" i="2" l="1"/>
  <c r="N4429" i="2"/>
  <c r="B4429" i="2" l="1"/>
  <c r="N4430" i="2"/>
  <c r="B4430" i="2" l="1"/>
  <c r="N4431" i="2"/>
  <c r="B4431" i="2" l="1"/>
  <c r="N4432" i="2"/>
  <c r="B4432" i="2" l="1"/>
  <c r="N4433" i="2"/>
  <c r="B4433" i="2" l="1"/>
  <c r="N4434" i="2"/>
  <c r="B4434" i="2" l="1"/>
  <c r="N4435" i="2"/>
  <c r="B4435" i="2" l="1"/>
  <c r="N4436" i="2"/>
  <c r="B4436" i="2" l="1"/>
  <c r="N4437" i="2"/>
  <c r="B4437" i="2" l="1"/>
  <c r="N4438" i="2"/>
  <c r="B4438" i="2" l="1"/>
  <c r="N4439" i="2"/>
  <c r="B4439" i="2" l="1"/>
  <c r="N4440" i="2"/>
  <c r="B4440" i="2" l="1"/>
  <c r="N4441" i="2"/>
  <c r="B4441" i="2" l="1"/>
  <c r="N4442" i="2"/>
  <c r="B4442" i="2" l="1"/>
  <c r="N4443" i="2"/>
  <c r="B4443" i="2" l="1"/>
  <c r="N4444" i="2"/>
  <c r="B4444" i="2" l="1"/>
  <c r="N4445" i="2"/>
  <c r="B4445" i="2" l="1"/>
  <c r="N4446" i="2"/>
  <c r="B4446" i="2" l="1"/>
  <c r="N4447" i="2"/>
  <c r="B4447" i="2" l="1"/>
  <c r="N4448" i="2"/>
  <c r="B4448" i="2" l="1"/>
  <c r="N4449" i="2"/>
  <c r="B4449" i="2" l="1"/>
  <c r="N4450" i="2"/>
  <c r="B4450" i="2" l="1"/>
  <c r="N4451" i="2"/>
  <c r="B4451" i="2" l="1"/>
  <c r="N4452" i="2"/>
  <c r="B4452" i="2" l="1"/>
  <c r="N4453" i="2"/>
  <c r="B4453" i="2" l="1"/>
  <c r="N4454" i="2"/>
  <c r="B4454" i="2" l="1"/>
  <c r="N4455" i="2"/>
  <c r="B4455" i="2" l="1"/>
  <c r="N4456" i="2"/>
  <c r="B4456" i="2" l="1"/>
  <c r="N4457" i="2"/>
  <c r="B4457" i="2" l="1"/>
  <c r="N4458" i="2"/>
  <c r="B4458" i="2" l="1"/>
  <c r="N4459" i="2"/>
  <c r="B4459" i="2" l="1"/>
  <c r="N4460" i="2"/>
  <c r="B4460" i="2" l="1"/>
  <c r="N4461" i="2"/>
  <c r="B4461" i="2" l="1"/>
  <c r="N4462" i="2"/>
  <c r="B4462" i="2" l="1"/>
  <c r="N4463" i="2"/>
  <c r="B4463" i="2" l="1"/>
  <c r="N4464" i="2"/>
  <c r="B4464" i="2" l="1"/>
  <c r="N4465" i="2"/>
  <c r="B4465" i="2" l="1"/>
  <c r="N4466" i="2"/>
  <c r="B4466" i="2" l="1"/>
  <c r="N4467" i="2"/>
  <c r="B4467" i="2" l="1"/>
  <c r="N4468" i="2"/>
  <c r="B4468" i="2" l="1"/>
  <c r="N4469" i="2"/>
  <c r="B4469" i="2" l="1"/>
  <c r="N4470" i="2"/>
  <c r="B4470" i="2" l="1"/>
  <c r="N4471" i="2"/>
  <c r="B4471" i="2" l="1"/>
  <c r="N4472" i="2"/>
  <c r="B4472" i="2" l="1"/>
  <c r="N4473" i="2"/>
  <c r="B4473" i="2" l="1"/>
  <c r="N4474" i="2"/>
  <c r="B4474" i="2" l="1"/>
  <c r="N4475" i="2"/>
  <c r="B4475" i="2" l="1"/>
  <c r="N4476" i="2"/>
  <c r="B4476" i="2" l="1"/>
  <c r="N4477" i="2"/>
  <c r="B4477" i="2" l="1"/>
  <c r="N4478" i="2"/>
  <c r="B4478" i="2" l="1"/>
  <c r="N4479" i="2"/>
  <c r="B4479" i="2" l="1"/>
  <c r="N4480" i="2"/>
  <c r="B4480" i="2" l="1"/>
  <c r="N4481" i="2"/>
  <c r="B4481" i="2" l="1"/>
  <c r="N4482" i="2"/>
  <c r="B4482" i="2" l="1"/>
  <c r="N4483" i="2"/>
  <c r="B4483" i="2" l="1"/>
  <c r="N4484" i="2"/>
  <c r="B4484" i="2" l="1"/>
  <c r="N4485" i="2"/>
  <c r="B4485" i="2" l="1"/>
  <c r="N4486" i="2"/>
  <c r="B4486" i="2" l="1"/>
  <c r="N4487" i="2"/>
  <c r="B4487" i="2" l="1"/>
  <c r="N4488" i="2"/>
  <c r="B4488" i="2" l="1"/>
  <c r="N4489" i="2"/>
  <c r="B4489" i="2" l="1"/>
  <c r="N4490" i="2"/>
  <c r="B4490" i="2" l="1"/>
  <c r="N4491" i="2"/>
  <c r="B4491" i="2" l="1"/>
  <c r="N4492" i="2"/>
  <c r="B4492" i="2" l="1"/>
  <c r="N4493" i="2"/>
  <c r="B4493" i="2" l="1"/>
  <c r="N4494" i="2"/>
  <c r="B4494" i="2" l="1"/>
  <c r="N4495" i="2"/>
  <c r="B4495" i="2" l="1"/>
  <c r="N4496" i="2"/>
  <c r="B4496" i="2" l="1"/>
  <c r="N4497" i="2"/>
  <c r="B4497" i="2" l="1"/>
  <c r="N4498" i="2"/>
  <c r="B4498" i="2" l="1"/>
  <c r="N4499" i="2"/>
  <c r="B4499" i="2" l="1"/>
  <c r="N4500" i="2"/>
  <c r="B4500" i="2" l="1"/>
  <c r="N4501" i="2"/>
  <c r="B4501" i="2" l="1"/>
  <c r="N4502" i="2"/>
  <c r="B4502" i="2" l="1"/>
  <c r="N4503" i="2"/>
  <c r="B4503" i="2" l="1"/>
  <c r="N4504" i="2"/>
  <c r="B4504" i="2" l="1"/>
  <c r="N4505" i="2"/>
  <c r="B4505" i="2" l="1"/>
  <c r="N4506" i="2"/>
  <c r="B4506" i="2" l="1"/>
  <c r="N4507" i="2"/>
  <c r="B4507" i="2" l="1"/>
  <c r="N4508" i="2"/>
  <c r="B4508" i="2" l="1"/>
  <c r="N4509" i="2"/>
  <c r="B4509" i="2" l="1"/>
  <c r="N4510" i="2"/>
  <c r="B4510" i="2" l="1"/>
  <c r="N4511" i="2"/>
  <c r="B4511" i="2" l="1"/>
  <c r="N4512" i="2"/>
  <c r="B4512" i="2" l="1"/>
  <c r="N4513" i="2"/>
  <c r="B4513" i="2" l="1"/>
  <c r="N4514" i="2"/>
  <c r="B4514" i="2" l="1"/>
  <c r="N4515" i="2"/>
  <c r="B4515" i="2" l="1"/>
  <c r="N4516" i="2"/>
  <c r="B4516" i="2" l="1"/>
  <c r="N4517" i="2"/>
  <c r="B4517" i="2" l="1"/>
  <c r="N4518" i="2"/>
  <c r="B4518" i="2" l="1"/>
  <c r="N4519" i="2"/>
  <c r="B4519" i="2" l="1"/>
  <c r="N4520" i="2"/>
  <c r="B4520" i="2" l="1"/>
  <c r="N4521" i="2"/>
  <c r="B4521" i="2" l="1"/>
  <c r="N4522" i="2"/>
  <c r="B4522" i="2" l="1"/>
  <c r="N4523" i="2"/>
  <c r="B4523" i="2" l="1"/>
  <c r="N4524" i="2"/>
  <c r="B4524" i="2" l="1"/>
  <c r="N4525" i="2"/>
  <c r="B4525" i="2" l="1"/>
  <c r="N4526" i="2"/>
  <c r="B4526" i="2" l="1"/>
  <c r="N4527" i="2"/>
  <c r="B4527" i="2" l="1"/>
  <c r="N4528" i="2"/>
  <c r="B4528" i="2" l="1"/>
  <c r="N4529" i="2"/>
  <c r="B4529" i="2" l="1"/>
  <c r="N4530" i="2"/>
  <c r="B4530" i="2" l="1"/>
  <c r="N4531" i="2"/>
  <c r="B4531" i="2" l="1"/>
  <c r="N4532" i="2"/>
  <c r="B4532" i="2" l="1"/>
  <c r="N4533" i="2"/>
  <c r="B4533" i="2" l="1"/>
  <c r="N4534" i="2"/>
  <c r="B4534" i="2" l="1"/>
  <c r="N4535" i="2"/>
  <c r="B4535" i="2" l="1"/>
  <c r="N4536" i="2"/>
  <c r="B4536" i="2" l="1"/>
  <c r="N4537" i="2"/>
  <c r="B4537" i="2" l="1"/>
  <c r="N4538" i="2"/>
  <c r="B4538" i="2" l="1"/>
  <c r="N4539" i="2"/>
  <c r="B4539" i="2" l="1"/>
  <c r="N4540" i="2"/>
  <c r="B4540" i="2" l="1"/>
  <c r="N4541" i="2"/>
  <c r="B4541" i="2" l="1"/>
  <c r="N4542" i="2"/>
  <c r="B4542" i="2" l="1"/>
  <c r="N4543" i="2"/>
  <c r="B4543" i="2" l="1"/>
  <c r="N4544" i="2"/>
  <c r="B4544" i="2" l="1"/>
  <c r="N4545" i="2"/>
  <c r="B4545" i="2" l="1"/>
  <c r="N4546" i="2"/>
  <c r="B4546" i="2" l="1"/>
  <c r="N4547" i="2"/>
  <c r="B4547" i="2" l="1"/>
  <c r="N4548" i="2"/>
  <c r="B4548" i="2" l="1"/>
  <c r="N4549" i="2"/>
  <c r="B4549" i="2" l="1"/>
  <c r="N4550" i="2"/>
  <c r="B4550" i="2" l="1"/>
  <c r="N4551" i="2"/>
  <c r="B4551" i="2" l="1"/>
  <c r="N4552" i="2"/>
  <c r="B4552" i="2" l="1"/>
  <c r="N4553" i="2"/>
  <c r="B4553" i="2" l="1"/>
  <c r="N4554" i="2"/>
  <c r="B4554" i="2" l="1"/>
  <c r="N4555" i="2"/>
  <c r="B4555" i="2" l="1"/>
  <c r="N4556" i="2"/>
  <c r="B4556" i="2" l="1"/>
  <c r="N4557" i="2"/>
  <c r="B4557" i="2" l="1"/>
  <c r="N4558" i="2"/>
  <c r="B4558" i="2" l="1"/>
  <c r="N4559" i="2"/>
  <c r="B4559" i="2" l="1"/>
  <c r="N4560" i="2"/>
  <c r="B4560" i="2" l="1"/>
  <c r="N4561" i="2"/>
  <c r="B4561" i="2" l="1"/>
  <c r="N4562" i="2"/>
  <c r="B4562" i="2" l="1"/>
  <c r="N4563" i="2"/>
  <c r="B4563" i="2" l="1"/>
  <c r="N4564" i="2"/>
  <c r="B4564" i="2" l="1"/>
  <c r="N4565" i="2"/>
  <c r="B4565" i="2" l="1"/>
  <c r="N4566" i="2"/>
  <c r="B4566" i="2" l="1"/>
  <c r="N4567" i="2"/>
  <c r="B4567" i="2" l="1"/>
  <c r="N4568" i="2"/>
  <c r="B4568" i="2" l="1"/>
  <c r="N4569" i="2"/>
  <c r="B4569" i="2" l="1"/>
  <c r="N4570" i="2"/>
  <c r="B4570" i="2" l="1"/>
  <c r="N4571" i="2"/>
  <c r="B4571" i="2" l="1"/>
  <c r="N4572" i="2"/>
  <c r="B4572" i="2" l="1"/>
  <c r="N4573" i="2"/>
  <c r="B4573" i="2" l="1"/>
  <c r="N4574" i="2"/>
  <c r="B4574" i="2" l="1"/>
  <c r="N4575" i="2"/>
  <c r="B4575" i="2" l="1"/>
  <c r="N4576" i="2"/>
  <c r="B4576" i="2" l="1"/>
  <c r="N4577" i="2"/>
  <c r="B4577" i="2" l="1"/>
  <c r="N4578" i="2"/>
  <c r="B4578" i="2" l="1"/>
  <c r="N4579" i="2"/>
  <c r="B4579" i="2" l="1"/>
  <c r="N4580" i="2"/>
  <c r="B4580" i="2" l="1"/>
  <c r="N4581" i="2"/>
  <c r="B4581" i="2" l="1"/>
  <c r="N4582" i="2"/>
  <c r="B4582" i="2" l="1"/>
  <c r="N4583" i="2"/>
  <c r="B4583" i="2" l="1"/>
  <c r="N4584" i="2"/>
  <c r="B4584" i="2" l="1"/>
  <c r="N4585" i="2"/>
  <c r="B4585" i="2" l="1"/>
  <c r="N4586" i="2"/>
  <c r="B4586" i="2" l="1"/>
  <c r="N4587" i="2"/>
  <c r="B4587" i="2" l="1"/>
  <c r="N4588" i="2"/>
  <c r="B4588" i="2" l="1"/>
  <c r="N4589" i="2"/>
  <c r="B4589" i="2" l="1"/>
  <c r="N4590" i="2"/>
  <c r="B4590" i="2" l="1"/>
  <c r="N4591" i="2"/>
  <c r="B4591" i="2" l="1"/>
  <c r="N4592" i="2"/>
  <c r="B4592" i="2" l="1"/>
  <c r="N4593" i="2"/>
  <c r="B4593" i="2" l="1"/>
  <c r="N4594" i="2"/>
  <c r="B4594" i="2" l="1"/>
  <c r="N4595" i="2"/>
  <c r="B4595" i="2" l="1"/>
  <c r="N4596" i="2"/>
  <c r="B4596" i="2" l="1"/>
  <c r="N4597" i="2"/>
  <c r="B4597" i="2" l="1"/>
  <c r="N4598" i="2"/>
  <c r="B4598" i="2" l="1"/>
  <c r="N4599" i="2"/>
  <c r="B4599" i="2" l="1"/>
  <c r="N4600" i="2"/>
  <c r="B4600" i="2" l="1"/>
  <c r="N4601" i="2"/>
  <c r="B4601" i="2" l="1"/>
  <c r="N4602" i="2"/>
  <c r="B4602" i="2" l="1"/>
  <c r="N4603" i="2"/>
  <c r="B4603" i="2" l="1"/>
  <c r="N4604" i="2"/>
  <c r="B4604" i="2" l="1"/>
  <c r="N4605" i="2"/>
  <c r="B4605" i="2" l="1"/>
  <c r="N4606" i="2"/>
  <c r="B4606" i="2" l="1"/>
  <c r="N4607" i="2"/>
  <c r="B4607" i="2" l="1"/>
  <c r="N4608" i="2"/>
  <c r="B4608" i="2" l="1"/>
  <c r="N4609" i="2"/>
  <c r="B4609" i="2" l="1"/>
  <c r="N4610" i="2"/>
  <c r="B4610" i="2" l="1"/>
  <c r="N4611" i="2"/>
  <c r="B4611" i="2" l="1"/>
  <c r="N4612" i="2"/>
  <c r="B4612" i="2" l="1"/>
  <c r="N4613" i="2"/>
  <c r="B4613" i="2" l="1"/>
  <c r="N4614" i="2"/>
  <c r="B4614" i="2" l="1"/>
  <c r="N4615" i="2"/>
  <c r="B4615" i="2" l="1"/>
  <c r="N4616" i="2"/>
  <c r="B4616" i="2" l="1"/>
  <c r="N4617" i="2"/>
  <c r="B4617" i="2" l="1"/>
  <c r="N4618" i="2"/>
  <c r="B4618" i="2" l="1"/>
  <c r="N4619" i="2"/>
  <c r="B4619" i="2" l="1"/>
  <c r="N4620" i="2"/>
  <c r="B4620" i="2" l="1"/>
  <c r="N4621" i="2"/>
  <c r="B4621" i="2" l="1"/>
  <c r="N4622" i="2"/>
  <c r="B4622" i="2" l="1"/>
  <c r="N4623" i="2"/>
  <c r="B4623" i="2" l="1"/>
  <c r="N4624" i="2"/>
  <c r="B4624" i="2" l="1"/>
  <c r="N4625" i="2"/>
  <c r="B4625" i="2" l="1"/>
  <c r="N4626" i="2"/>
  <c r="B4626" i="2" l="1"/>
  <c r="N4627" i="2"/>
  <c r="B4627" i="2" l="1"/>
  <c r="N4628" i="2"/>
  <c r="B4628" i="2" l="1"/>
  <c r="N4629" i="2"/>
  <c r="B4629" i="2" l="1"/>
  <c r="N4630" i="2"/>
  <c r="B4630" i="2" l="1"/>
  <c r="N4631" i="2"/>
  <c r="B4631" i="2" l="1"/>
  <c r="N4632" i="2"/>
  <c r="B4632" i="2" l="1"/>
  <c r="N4633" i="2"/>
  <c r="B4633" i="2" l="1"/>
  <c r="N4634" i="2"/>
  <c r="B4634" i="2" l="1"/>
  <c r="N4635" i="2"/>
  <c r="B4635" i="2" l="1"/>
  <c r="N4636" i="2"/>
  <c r="B4636" i="2" l="1"/>
  <c r="N4637" i="2"/>
  <c r="B4637" i="2" l="1"/>
  <c r="N4638" i="2"/>
  <c r="B4638" i="2" l="1"/>
  <c r="N4639" i="2"/>
  <c r="B4639" i="2" l="1"/>
  <c r="N4640" i="2"/>
  <c r="B4640" i="2" l="1"/>
  <c r="N4641" i="2"/>
  <c r="B4641" i="2" l="1"/>
  <c r="N4642" i="2"/>
  <c r="B4642" i="2" l="1"/>
  <c r="N4643" i="2"/>
  <c r="B4643" i="2" l="1"/>
  <c r="N4644" i="2"/>
  <c r="B4644" i="2" l="1"/>
  <c r="N4645" i="2"/>
  <c r="B4645" i="2" l="1"/>
  <c r="N4646" i="2"/>
  <c r="B4646" i="2" l="1"/>
  <c r="N4647" i="2"/>
  <c r="B4647" i="2" l="1"/>
  <c r="N4648" i="2"/>
  <c r="B4648" i="2" l="1"/>
  <c r="N4649" i="2"/>
  <c r="B4649" i="2" l="1"/>
  <c r="N4650" i="2"/>
  <c r="B4650" i="2" l="1"/>
  <c r="N4651" i="2"/>
  <c r="B4651" i="2" l="1"/>
  <c r="N4652" i="2"/>
  <c r="B4652" i="2" l="1"/>
  <c r="N4653" i="2"/>
  <c r="B4653" i="2" l="1"/>
  <c r="N4654" i="2"/>
  <c r="B4654" i="2" l="1"/>
  <c r="N4655" i="2"/>
  <c r="B4655" i="2" l="1"/>
  <c r="N4656" i="2"/>
  <c r="B4656" i="2" l="1"/>
  <c r="N4657" i="2"/>
  <c r="B4657" i="2" l="1"/>
  <c r="N4658" i="2"/>
  <c r="B4658" i="2" l="1"/>
  <c r="N4659" i="2"/>
  <c r="B4659" i="2" l="1"/>
  <c r="N4660" i="2"/>
  <c r="B4660" i="2" l="1"/>
  <c r="N4661" i="2"/>
  <c r="B4661" i="2" l="1"/>
  <c r="N4662" i="2"/>
  <c r="B4662" i="2" l="1"/>
  <c r="N4663" i="2"/>
  <c r="B4663" i="2" l="1"/>
  <c r="N4664" i="2"/>
  <c r="B4664" i="2" l="1"/>
  <c r="N4665" i="2"/>
  <c r="B4665" i="2" l="1"/>
  <c r="N4666" i="2"/>
  <c r="B4666" i="2" l="1"/>
  <c r="N4667" i="2"/>
  <c r="B4667" i="2" l="1"/>
  <c r="N4668" i="2"/>
  <c r="B4668" i="2" l="1"/>
  <c r="N4669" i="2"/>
  <c r="B4669" i="2" l="1"/>
  <c r="N4670" i="2"/>
  <c r="B4670" i="2" l="1"/>
  <c r="N4671" i="2"/>
  <c r="B4671" i="2" l="1"/>
  <c r="N4672" i="2"/>
  <c r="B4672" i="2" l="1"/>
  <c r="N4673" i="2"/>
  <c r="B4673" i="2" l="1"/>
  <c r="N4674" i="2"/>
  <c r="B4674" i="2" l="1"/>
  <c r="N4675" i="2"/>
  <c r="B4675" i="2" l="1"/>
  <c r="N4676" i="2"/>
  <c r="B4676" i="2" l="1"/>
  <c r="N4677" i="2"/>
  <c r="B4677" i="2" l="1"/>
  <c r="N4678" i="2"/>
  <c r="B4678" i="2" l="1"/>
  <c r="N4679" i="2"/>
  <c r="B4679" i="2" l="1"/>
  <c r="N4680" i="2"/>
  <c r="B4680" i="2" l="1"/>
  <c r="N4681" i="2"/>
  <c r="B4681" i="2" l="1"/>
  <c r="N4682" i="2"/>
  <c r="B4682" i="2" l="1"/>
  <c r="N4683" i="2"/>
  <c r="B4683" i="2" l="1"/>
  <c r="N4684" i="2"/>
  <c r="B4684" i="2" l="1"/>
  <c r="N4685" i="2"/>
  <c r="B4685" i="2" l="1"/>
  <c r="N4686" i="2"/>
  <c r="B4686" i="2" l="1"/>
  <c r="N4687" i="2"/>
  <c r="B4687" i="2" l="1"/>
  <c r="N4688" i="2"/>
  <c r="B4688" i="2" l="1"/>
  <c r="N4689" i="2"/>
  <c r="B4689" i="2" l="1"/>
  <c r="N4690" i="2"/>
  <c r="B4690" i="2" l="1"/>
  <c r="N4691" i="2"/>
  <c r="B4691" i="2" l="1"/>
  <c r="N4692" i="2"/>
  <c r="B4692" i="2" l="1"/>
  <c r="N4693" i="2"/>
  <c r="B4693" i="2" l="1"/>
  <c r="N4694" i="2"/>
  <c r="B4694" i="2" l="1"/>
  <c r="N4695" i="2"/>
  <c r="B4695" i="2" l="1"/>
  <c r="N4696" i="2"/>
  <c r="B4696" i="2" l="1"/>
  <c r="N4697" i="2"/>
  <c r="B4697" i="2" l="1"/>
  <c r="N4698" i="2"/>
  <c r="B4698" i="2" l="1"/>
  <c r="N4699" i="2"/>
  <c r="B4699" i="2" l="1"/>
  <c r="N4700" i="2"/>
  <c r="B4700" i="2" l="1"/>
  <c r="N4701" i="2"/>
  <c r="B4701" i="2" l="1"/>
  <c r="N4702" i="2"/>
  <c r="B4702" i="2" l="1"/>
  <c r="N4703" i="2"/>
  <c r="B4703" i="2" l="1"/>
  <c r="N4704" i="2"/>
  <c r="B4704" i="2" l="1"/>
  <c r="N4705" i="2"/>
  <c r="B4705" i="2" l="1"/>
  <c r="N4706" i="2"/>
  <c r="B4706" i="2" l="1"/>
  <c r="N4707" i="2"/>
  <c r="B4707" i="2" l="1"/>
  <c r="N4708" i="2"/>
  <c r="B4708" i="2" l="1"/>
  <c r="N4709" i="2"/>
  <c r="B4709" i="2" l="1"/>
  <c r="N4710" i="2"/>
  <c r="B4710" i="2" l="1"/>
  <c r="N4711" i="2"/>
  <c r="B4711" i="2" l="1"/>
  <c r="N4712" i="2"/>
  <c r="B4712" i="2" l="1"/>
  <c r="N4713" i="2"/>
  <c r="B4713" i="2" l="1"/>
  <c r="N4714" i="2"/>
  <c r="B4714" i="2" l="1"/>
  <c r="N4715" i="2"/>
  <c r="B4715" i="2" l="1"/>
  <c r="N4716" i="2"/>
  <c r="B4716" i="2" l="1"/>
  <c r="N4717" i="2"/>
  <c r="B4717" i="2" l="1"/>
  <c r="N4718" i="2"/>
  <c r="B4718" i="2" l="1"/>
  <c r="N4719" i="2"/>
  <c r="B4719" i="2" l="1"/>
  <c r="N4720" i="2"/>
  <c r="B4720" i="2" l="1"/>
  <c r="N4721" i="2"/>
  <c r="B4721" i="2" l="1"/>
  <c r="N4722" i="2"/>
  <c r="B4722" i="2" l="1"/>
  <c r="N4723" i="2"/>
  <c r="B4723" i="2" l="1"/>
  <c r="N4724" i="2"/>
  <c r="B4724" i="2" l="1"/>
  <c r="N4725" i="2"/>
  <c r="B4725" i="2" l="1"/>
  <c r="N4726" i="2"/>
  <c r="B4726" i="2" l="1"/>
  <c r="N4727" i="2"/>
  <c r="B4727" i="2" l="1"/>
  <c r="N4728" i="2"/>
  <c r="B4728" i="2" l="1"/>
  <c r="N4729" i="2"/>
  <c r="B4729" i="2" l="1"/>
  <c r="N4730" i="2"/>
  <c r="B4730" i="2" l="1"/>
  <c r="N4731" i="2"/>
  <c r="B4731" i="2" l="1"/>
  <c r="N4732" i="2"/>
  <c r="B4732" i="2" l="1"/>
  <c r="N4733" i="2"/>
  <c r="B4733" i="2" l="1"/>
  <c r="N4734" i="2"/>
  <c r="B4734" i="2" l="1"/>
  <c r="N4735" i="2"/>
  <c r="B4735" i="2" l="1"/>
  <c r="N4736" i="2"/>
  <c r="B4736" i="2" l="1"/>
  <c r="N4737" i="2"/>
  <c r="B4737" i="2" l="1"/>
  <c r="N4738" i="2"/>
  <c r="B4738" i="2" l="1"/>
  <c r="N4739" i="2"/>
  <c r="B4739" i="2" l="1"/>
  <c r="N4740" i="2"/>
  <c r="B4740" i="2" l="1"/>
  <c r="N4741" i="2"/>
  <c r="B4741" i="2" l="1"/>
  <c r="N4742" i="2"/>
  <c r="B4742" i="2" l="1"/>
  <c r="N4743" i="2"/>
  <c r="B4743" i="2" l="1"/>
  <c r="N4744" i="2"/>
  <c r="B4744" i="2" l="1"/>
  <c r="N4745" i="2"/>
  <c r="B4745" i="2" l="1"/>
  <c r="N4746" i="2"/>
  <c r="B4746" i="2" l="1"/>
  <c r="N4747" i="2"/>
  <c r="B4747" i="2" l="1"/>
  <c r="N4748" i="2"/>
  <c r="B4748" i="2" l="1"/>
  <c r="N4749" i="2"/>
  <c r="B4749" i="2" l="1"/>
  <c r="N4750" i="2"/>
  <c r="B4750" i="2" l="1"/>
  <c r="N4751" i="2"/>
  <c r="B4751" i="2" l="1"/>
  <c r="N4752" i="2"/>
  <c r="B4752" i="2" l="1"/>
  <c r="N4753" i="2"/>
  <c r="B4753" i="2" l="1"/>
  <c r="N4754" i="2"/>
  <c r="B4754" i="2" l="1"/>
  <c r="N4755" i="2"/>
  <c r="B4755" i="2" l="1"/>
  <c r="N4756" i="2"/>
  <c r="B4756" i="2" l="1"/>
  <c r="N4757" i="2"/>
  <c r="B4757" i="2" l="1"/>
  <c r="N4758" i="2"/>
  <c r="B4758" i="2" l="1"/>
  <c r="N4759" i="2"/>
  <c r="B4759" i="2" l="1"/>
  <c r="N4760" i="2"/>
  <c r="B4760" i="2" l="1"/>
  <c r="N4761" i="2"/>
  <c r="B4761" i="2" l="1"/>
  <c r="N4762" i="2"/>
  <c r="B4762" i="2" l="1"/>
  <c r="N4763" i="2"/>
  <c r="B4763" i="2" l="1"/>
  <c r="N4764" i="2"/>
  <c r="B4764" i="2" l="1"/>
  <c r="N4765" i="2"/>
  <c r="B4765" i="2" l="1"/>
  <c r="N4766" i="2"/>
  <c r="B4766" i="2" l="1"/>
  <c r="N4767" i="2"/>
  <c r="B4767" i="2" l="1"/>
  <c r="N4768" i="2"/>
  <c r="B4768" i="2" l="1"/>
  <c r="N4769" i="2"/>
  <c r="B4769" i="2" l="1"/>
  <c r="N4770" i="2"/>
  <c r="B4770" i="2" l="1"/>
  <c r="N4771" i="2"/>
  <c r="B4771" i="2" l="1"/>
  <c r="N4772" i="2"/>
  <c r="B4772" i="2" l="1"/>
  <c r="N4773" i="2"/>
  <c r="B4773" i="2" l="1"/>
  <c r="N4774" i="2"/>
  <c r="B4774" i="2" l="1"/>
  <c r="N4775" i="2"/>
  <c r="B4775" i="2" l="1"/>
  <c r="N4776" i="2"/>
  <c r="B4776" i="2" l="1"/>
  <c r="N4777" i="2"/>
  <c r="B4777" i="2" l="1"/>
  <c r="N4778" i="2"/>
  <c r="B4778" i="2" l="1"/>
  <c r="N4779" i="2"/>
  <c r="B4779" i="2" l="1"/>
  <c r="N4780" i="2"/>
  <c r="B4780" i="2" l="1"/>
  <c r="N4781" i="2"/>
  <c r="B4781" i="2" l="1"/>
  <c r="N4782" i="2"/>
  <c r="B4782" i="2" l="1"/>
  <c r="N4783" i="2"/>
  <c r="B4783" i="2" l="1"/>
  <c r="N4784" i="2"/>
  <c r="B4784" i="2" l="1"/>
  <c r="N4785" i="2"/>
  <c r="B4785" i="2" l="1"/>
  <c r="N4786" i="2"/>
  <c r="B4786" i="2" l="1"/>
  <c r="N4787" i="2"/>
  <c r="B4787" i="2" l="1"/>
  <c r="N4788" i="2"/>
  <c r="B4788" i="2" l="1"/>
  <c r="N4789" i="2"/>
  <c r="B4789" i="2" l="1"/>
  <c r="N4790" i="2"/>
  <c r="B4790" i="2" l="1"/>
  <c r="N4791" i="2"/>
  <c r="B4791" i="2" l="1"/>
  <c r="N4792" i="2"/>
  <c r="B4792" i="2" l="1"/>
  <c r="N4793" i="2"/>
  <c r="B4793" i="2" l="1"/>
  <c r="N4794" i="2"/>
  <c r="B4794" i="2" l="1"/>
  <c r="N4795" i="2"/>
  <c r="B4795" i="2" l="1"/>
  <c r="N4796" i="2"/>
  <c r="B4796" i="2" l="1"/>
  <c r="N4797" i="2"/>
  <c r="B4797" i="2" l="1"/>
  <c r="N4798" i="2"/>
  <c r="B4798" i="2" l="1"/>
  <c r="N4799" i="2"/>
  <c r="B4799" i="2" l="1"/>
  <c r="N4800" i="2"/>
  <c r="B4800" i="2" l="1"/>
  <c r="N4801" i="2"/>
  <c r="B4801" i="2" l="1"/>
  <c r="N4802" i="2"/>
  <c r="B4802" i="2" l="1"/>
  <c r="N4803" i="2"/>
  <c r="B4803" i="2" l="1"/>
  <c r="N4804" i="2"/>
  <c r="B4804" i="2" l="1"/>
  <c r="N4805" i="2"/>
  <c r="B4805" i="2" l="1"/>
  <c r="N4806" i="2"/>
  <c r="B4806" i="2" l="1"/>
  <c r="N4807" i="2"/>
  <c r="B4807" i="2" l="1"/>
  <c r="N4808" i="2"/>
  <c r="B4808" i="2" l="1"/>
  <c r="N4809" i="2"/>
  <c r="B4809" i="2" l="1"/>
  <c r="N4810" i="2"/>
  <c r="B4810" i="2" l="1"/>
  <c r="N4811" i="2"/>
  <c r="B4811" i="2" l="1"/>
  <c r="N4812" i="2"/>
  <c r="B4812" i="2" l="1"/>
  <c r="N4813" i="2"/>
  <c r="B4813" i="2" l="1"/>
  <c r="N4814" i="2"/>
  <c r="B4814" i="2" l="1"/>
  <c r="N4815" i="2"/>
  <c r="B4815" i="2" l="1"/>
  <c r="N4816" i="2"/>
  <c r="B4816" i="2" l="1"/>
  <c r="N4817" i="2"/>
  <c r="B4817" i="2" l="1"/>
  <c r="N4818" i="2"/>
  <c r="B4818" i="2" l="1"/>
  <c r="N4819" i="2"/>
  <c r="B4819" i="2" l="1"/>
  <c r="N4820" i="2"/>
  <c r="B4820" i="2" l="1"/>
  <c r="N4821" i="2"/>
  <c r="B4821" i="2" l="1"/>
  <c r="N4822" i="2"/>
  <c r="B4822" i="2" l="1"/>
  <c r="N4823" i="2"/>
  <c r="B4823" i="2" l="1"/>
  <c r="N4824" i="2"/>
  <c r="B4824" i="2" l="1"/>
  <c r="N4825" i="2"/>
  <c r="B4825" i="2" l="1"/>
  <c r="N4826" i="2"/>
  <c r="B4826" i="2" l="1"/>
  <c r="N4827" i="2"/>
  <c r="B4827" i="2" l="1"/>
  <c r="N4828" i="2"/>
  <c r="B4828" i="2" l="1"/>
  <c r="N4829" i="2"/>
  <c r="B4829" i="2" l="1"/>
  <c r="N4830" i="2"/>
  <c r="B4830" i="2" l="1"/>
  <c r="N4831" i="2"/>
  <c r="B4831" i="2" l="1"/>
  <c r="N4832" i="2"/>
  <c r="B4832" i="2" l="1"/>
  <c r="N4833" i="2"/>
  <c r="B4833" i="2" l="1"/>
  <c r="N4834" i="2"/>
  <c r="B4834" i="2" l="1"/>
  <c r="N4835" i="2"/>
  <c r="B4835" i="2" l="1"/>
  <c r="N4836" i="2"/>
  <c r="B4836" i="2" l="1"/>
  <c r="N4837" i="2"/>
  <c r="B4837" i="2" l="1"/>
  <c r="N4838" i="2"/>
  <c r="B4838" i="2" l="1"/>
  <c r="N4839" i="2"/>
  <c r="B4839" i="2" l="1"/>
  <c r="N4840" i="2"/>
  <c r="B4840" i="2" l="1"/>
  <c r="N4841" i="2"/>
  <c r="B4841" i="2" l="1"/>
  <c r="N4842" i="2"/>
  <c r="B4842" i="2" l="1"/>
  <c r="N4843" i="2"/>
  <c r="B4843" i="2" l="1"/>
  <c r="N4844" i="2"/>
  <c r="B4844" i="2" l="1"/>
  <c r="N4845" i="2"/>
  <c r="B4845" i="2" l="1"/>
  <c r="N4846" i="2"/>
  <c r="B4846" i="2" l="1"/>
  <c r="N4847" i="2"/>
  <c r="B4847" i="2" l="1"/>
  <c r="N4848" i="2"/>
  <c r="B4848" i="2" l="1"/>
  <c r="N4849" i="2"/>
  <c r="B4849" i="2" l="1"/>
  <c r="N4850" i="2"/>
  <c r="B4850" i="2" l="1"/>
  <c r="N4851" i="2"/>
  <c r="B4851" i="2" l="1"/>
  <c r="N4852" i="2"/>
  <c r="B4852" i="2" l="1"/>
  <c r="N4853" i="2"/>
  <c r="B4853" i="2" l="1"/>
  <c r="N4854" i="2"/>
  <c r="B4854" i="2" l="1"/>
  <c r="N4855" i="2"/>
  <c r="B4855" i="2" l="1"/>
  <c r="N4856" i="2"/>
  <c r="B4856" i="2" l="1"/>
  <c r="N4857" i="2"/>
  <c r="B4857" i="2" l="1"/>
  <c r="N4858" i="2"/>
  <c r="B4858" i="2" l="1"/>
  <c r="N4859" i="2"/>
  <c r="B4859" i="2" l="1"/>
  <c r="N4860" i="2"/>
  <c r="B4860" i="2" l="1"/>
  <c r="N4861" i="2"/>
  <c r="B4861" i="2" l="1"/>
  <c r="N4862" i="2"/>
  <c r="B4862" i="2" l="1"/>
  <c r="N4863" i="2"/>
  <c r="B4863" i="2" l="1"/>
  <c r="N4864" i="2"/>
  <c r="B4864" i="2" l="1"/>
  <c r="N4865" i="2"/>
  <c r="B4865" i="2" l="1"/>
  <c r="N4866" i="2"/>
  <c r="B4866" i="2" l="1"/>
  <c r="N4867" i="2"/>
  <c r="B4867" i="2" l="1"/>
  <c r="N4868" i="2"/>
  <c r="B4868" i="2" l="1"/>
  <c r="N4869" i="2"/>
  <c r="B4869" i="2" l="1"/>
  <c r="N4870" i="2"/>
  <c r="B4870" i="2" l="1"/>
  <c r="N4871" i="2"/>
  <c r="B4871" i="2" l="1"/>
  <c r="N4872" i="2"/>
  <c r="B4872" i="2" l="1"/>
  <c r="N4873" i="2"/>
  <c r="B4873" i="2" l="1"/>
  <c r="N4874" i="2"/>
  <c r="B4874" i="2" l="1"/>
  <c r="N4875" i="2"/>
  <c r="B4875" i="2" l="1"/>
  <c r="N4876" i="2"/>
  <c r="B4876" i="2" l="1"/>
  <c r="N4877" i="2"/>
  <c r="B4877" i="2" l="1"/>
  <c r="N4878" i="2"/>
  <c r="B4878" i="2" l="1"/>
  <c r="N4879" i="2"/>
  <c r="B4879" i="2" l="1"/>
  <c r="N4880" i="2"/>
  <c r="B4880" i="2" l="1"/>
  <c r="N4881" i="2"/>
  <c r="B4881" i="2" l="1"/>
  <c r="N4882" i="2"/>
  <c r="B4882" i="2" l="1"/>
  <c r="N4883" i="2"/>
  <c r="B4883" i="2" l="1"/>
  <c r="N4884" i="2"/>
  <c r="B4884" i="2" l="1"/>
  <c r="N4885" i="2"/>
  <c r="B4885" i="2" l="1"/>
  <c r="N4886" i="2"/>
  <c r="B4886" i="2" l="1"/>
  <c r="N4887" i="2"/>
  <c r="B4887" i="2" l="1"/>
  <c r="N4888" i="2"/>
  <c r="B4888" i="2" l="1"/>
  <c r="N4889" i="2"/>
  <c r="B4889" i="2" l="1"/>
  <c r="N4890" i="2"/>
  <c r="B4890" i="2" l="1"/>
  <c r="N4891" i="2"/>
  <c r="B4891" i="2" l="1"/>
  <c r="N4892" i="2"/>
  <c r="B4892" i="2" l="1"/>
  <c r="N4893" i="2"/>
  <c r="B4893" i="2" l="1"/>
  <c r="N4894" i="2"/>
  <c r="B4894" i="2" l="1"/>
  <c r="N4895" i="2"/>
  <c r="B4895" i="2" l="1"/>
  <c r="N4896" i="2"/>
  <c r="B4896" i="2" l="1"/>
  <c r="N4897" i="2"/>
  <c r="B4897" i="2" l="1"/>
  <c r="N4898" i="2"/>
  <c r="B4898" i="2" l="1"/>
  <c r="N4899" i="2"/>
  <c r="B4899" i="2" l="1"/>
  <c r="N4900" i="2"/>
  <c r="B4900" i="2" l="1"/>
  <c r="N4901" i="2"/>
  <c r="B4901" i="2" l="1"/>
  <c r="N4902" i="2"/>
  <c r="B4902" i="2" l="1"/>
  <c r="N4903" i="2"/>
  <c r="B4903" i="2" l="1"/>
  <c r="N4904" i="2"/>
  <c r="B4904" i="2" l="1"/>
  <c r="N4905" i="2"/>
  <c r="B4905" i="2" l="1"/>
  <c r="N4906" i="2"/>
  <c r="B4906" i="2" l="1"/>
  <c r="N4907" i="2"/>
  <c r="B4907" i="2" l="1"/>
  <c r="N4908" i="2"/>
  <c r="B4908" i="2" l="1"/>
  <c r="N4909" i="2"/>
  <c r="B4909" i="2" l="1"/>
  <c r="N4910" i="2"/>
  <c r="B4910" i="2" l="1"/>
  <c r="N4911" i="2"/>
  <c r="B4911" i="2" l="1"/>
  <c r="N4912" i="2"/>
  <c r="B4912" i="2" l="1"/>
  <c r="N4913" i="2"/>
  <c r="B4913" i="2" l="1"/>
  <c r="N4914" i="2"/>
  <c r="B4914" i="2" l="1"/>
  <c r="N4915" i="2"/>
  <c r="B4915" i="2" l="1"/>
  <c r="N4916" i="2"/>
  <c r="B4916" i="2" l="1"/>
  <c r="N4917" i="2"/>
  <c r="B4917" i="2" l="1"/>
  <c r="N4918" i="2"/>
  <c r="B4918" i="2" l="1"/>
  <c r="N4919" i="2"/>
  <c r="B4919" i="2" l="1"/>
  <c r="N4920" i="2"/>
  <c r="B4920" i="2" l="1"/>
  <c r="N4921" i="2"/>
  <c r="B4921" i="2" l="1"/>
  <c r="N4922" i="2"/>
  <c r="B4922" i="2" l="1"/>
  <c r="N4923" i="2"/>
  <c r="B4923" i="2" l="1"/>
  <c r="N4924" i="2"/>
  <c r="B4924" i="2" l="1"/>
  <c r="N4925" i="2"/>
  <c r="B4925" i="2" l="1"/>
  <c r="N4926" i="2"/>
  <c r="B4926" i="2" l="1"/>
  <c r="N4927" i="2"/>
  <c r="B4927" i="2" l="1"/>
  <c r="N4928" i="2"/>
  <c r="B4928" i="2" l="1"/>
  <c r="N4929" i="2"/>
  <c r="B4929" i="2" l="1"/>
  <c r="N4930" i="2"/>
  <c r="B4930" i="2" l="1"/>
  <c r="N4931" i="2"/>
  <c r="B4931" i="2" l="1"/>
  <c r="N4932" i="2"/>
  <c r="B4932" i="2" l="1"/>
  <c r="N4933" i="2"/>
  <c r="B4933" i="2" l="1"/>
  <c r="N4934" i="2"/>
  <c r="B4934" i="2" l="1"/>
  <c r="N4935" i="2"/>
  <c r="B4935" i="2" l="1"/>
  <c r="N4936" i="2"/>
  <c r="B4936" i="2" l="1"/>
  <c r="N4937" i="2"/>
  <c r="B4937" i="2" l="1"/>
  <c r="N4938" i="2"/>
  <c r="B4938" i="2" l="1"/>
  <c r="N4939" i="2"/>
  <c r="B4939" i="2" l="1"/>
  <c r="N4940" i="2"/>
  <c r="B4940" i="2" l="1"/>
  <c r="N4941" i="2"/>
  <c r="B4941" i="2" l="1"/>
  <c r="N4942" i="2"/>
  <c r="B4942" i="2" l="1"/>
  <c r="N4943" i="2"/>
  <c r="B4943" i="2" l="1"/>
  <c r="N4944" i="2"/>
  <c r="B4944" i="2" l="1"/>
  <c r="N4945" i="2"/>
  <c r="B4945" i="2" l="1"/>
  <c r="N4946" i="2"/>
  <c r="B4946" i="2" l="1"/>
  <c r="N4947" i="2"/>
  <c r="B4947" i="2" l="1"/>
  <c r="N4948" i="2"/>
  <c r="B4948" i="2" l="1"/>
  <c r="N4949" i="2"/>
  <c r="B4949" i="2" l="1"/>
  <c r="N4950" i="2"/>
  <c r="B4950" i="2" l="1"/>
  <c r="N4951" i="2"/>
  <c r="B4951" i="2" l="1"/>
  <c r="N4952" i="2"/>
  <c r="B4952" i="2" l="1"/>
  <c r="N4953" i="2"/>
  <c r="B4953" i="2" l="1"/>
  <c r="N4954" i="2"/>
  <c r="B4954" i="2" l="1"/>
  <c r="N4955" i="2"/>
  <c r="B4955" i="2" l="1"/>
  <c r="N4956" i="2"/>
  <c r="B4956" i="2" l="1"/>
  <c r="N4957" i="2"/>
  <c r="B4957" i="2" l="1"/>
  <c r="N4958" i="2"/>
  <c r="B4958" i="2" l="1"/>
  <c r="N4959" i="2"/>
  <c r="B4959" i="2" l="1"/>
  <c r="N4960" i="2"/>
  <c r="B4960" i="2" l="1"/>
  <c r="N4961" i="2"/>
  <c r="B4961" i="2" l="1"/>
  <c r="N4962" i="2"/>
  <c r="B4962" i="2" l="1"/>
  <c r="N4963" i="2"/>
  <c r="B4963" i="2" l="1"/>
  <c r="N4964" i="2"/>
  <c r="B4964" i="2" l="1"/>
  <c r="N4965" i="2"/>
  <c r="B4965" i="2" l="1"/>
  <c r="N4966" i="2"/>
  <c r="B4966" i="2" l="1"/>
  <c r="N4967" i="2"/>
  <c r="B4967" i="2" l="1"/>
  <c r="N4968" i="2"/>
  <c r="B4968" i="2" l="1"/>
  <c r="N4969" i="2"/>
  <c r="B4969" i="2" l="1"/>
  <c r="N4970" i="2"/>
  <c r="B4970" i="2" l="1"/>
  <c r="N4971" i="2"/>
  <c r="B4971" i="2" l="1"/>
  <c r="N4972" i="2"/>
  <c r="B4972" i="2" l="1"/>
  <c r="N4973" i="2"/>
  <c r="B4973" i="2" l="1"/>
  <c r="N4974" i="2"/>
  <c r="B4974" i="2" l="1"/>
  <c r="N4975" i="2"/>
  <c r="B4975" i="2" l="1"/>
  <c r="N4976" i="2"/>
  <c r="B4976" i="2" l="1"/>
  <c r="N4977" i="2"/>
  <c r="B4977" i="2" l="1"/>
  <c r="N4978" i="2"/>
  <c r="B4978" i="2" l="1"/>
  <c r="N4979" i="2"/>
  <c r="B4979" i="2" l="1"/>
  <c r="N4980" i="2"/>
  <c r="B4980" i="2" l="1"/>
  <c r="N4981" i="2"/>
  <c r="B4981" i="2" l="1"/>
  <c r="N4982" i="2"/>
  <c r="B4982" i="2" l="1"/>
  <c r="N4983" i="2"/>
  <c r="B4983" i="2" l="1"/>
  <c r="N4984" i="2"/>
  <c r="B4984" i="2" l="1"/>
  <c r="N4985" i="2"/>
  <c r="B4985" i="2" l="1"/>
  <c r="N4986" i="2"/>
  <c r="B4986" i="2" l="1"/>
  <c r="N4987" i="2"/>
  <c r="B4987" i="2" l="1"/>
  <c r="N4988" i="2"/>
  <c r="B4988" i="2" l="1"/>
  <c r="N4989" i="2"/>
  <c r="B4989" i="2" l="1"/>
  <c r="N4990" i="2"/>
  <c r="B4990" i="2" l="1"/>
  <c r="N4991" i="2"/>
  <c r="B4991" i="2" l="1"/>
  <c r="N4992" i="2"/>
  <c r="B4992" i="2" l="1"/>
  <c r="N4993" i="2"/>
  <c r="B4993" i="2" l="1"/>
  <c r="N4994" i="2"/>
  <c r="B4994" i="2" l="1"/>
  <c r="N4995" i="2"/>
  <c r="B4995" i="2" l="1"/>
  <c r="N4996" i="2"/>
  <c r="B4996" i="2" l="1"/>
  <c r="N4997" i="2"/>
  <c r="B4997" i="2" l="1"/>
  <c r="N4998" i="2"/>
  <c r="B4998" i="2" l="1"/>
  <c r="N4999" i="2"/>
  <c r="B4999" i="2" l="1"/>
  <c r="N5000" i="2"/>
  <c r="B5000" i="2" l="1"/>
  <c r="N5001" i="2"/>
  <c r="B5001" i="2" l="1"/>
  <c r="N5002" i="2"/>
  <c r="B5002" i="2" l="1"/>
  <c r="N5003" i="2"/>
  <c r="B5003" i="2" l="1"/>
  <c r="N5004" i="2"/>
  <c r="B5004" i="2" l="1"/>
  <c r="N5005" i="2"/>
  <c r="B5005" i="2" l="1"/>
  <c r="N5006" i="2"/>
  <c r="B5006" i="2" l="1"/>
  <c r="N5007" i="2"/>
  <c r="B5007" i="2" l="1"/>
  <c r="N5008" i="2"/>
  <c r="B5008" i="2" l="1"/>
  <c r="N5009" i="2"/>
  <c r="B5009" i="2" l="1"/>
  <c r="N5010" i="2"/>
  <c r="B5010" i="2" l="1"/>
  <c r="N5011" i="2"/>
  <c r="B5011" i="2" l="1"/>
  <c r="N5012" i="2"/>
  <c r="B5012" i="2" l="1"/>
  <c r="N5013" i="2"/>
  <c r="B5013" i="2" l="1"/>
  <c r="N5014" i="2"/>
  <c r="B5014" i="2" l="1"/>
  <c r="N5015" i="2"/>
  <c r="B5015" i="2" l="1"/>
  <c r="N5016" i="2"/>
  <c r="B5016" i="2" l="1"/>
  <c r="N5017" i="2"/>
  <c r="B5017" i="2" l="1"/>
  <c r="N5018" i="2"/>
  <c r="B5018" i="2" l="1"/>
  <c r="N5019" i="2"/>
  <c r="B5019" i="2" l="1"/>
  <c r="N5020" i="2"/>
  <c r="B5020" i="2" l="1"/>
  <c r="N5021" i="2"/>
  <c r="B5021" i="2" l="1"/>
  <c r="N5022" i="2"/>
  <c r="B5022" i="2" l="1"/>
  <c r="N5023" i="2"/>
  <c r="B5023" i="2" l="1"/>
  <c r="N5024" i="2"/>
  <c r="B5024" i="2" l="1"/>
  <c r="N5025" i="2"/>
  <c r="B5025" i="2" l="1"/>
  <c r="N5026" i="2"/>
  <c r="B5026" i="2" l="1"/>
  <c r="N5027" i="2"/>
  <c r="B5027" i="2" l="1"/>
  <c r="N5028" i="2"/>
  <c r="B5028" i="2" l="1"/>
  <c r="N5029" i="2"/>
  <c r="B5029" i="2" l="1"/>
  <c r="N5030" i="2"/>
  <c r="B5030" i="2" l="1"/>
  <c r="N5031" i="2"/>
  <c r="B5031" i="2" l="1"/>
  <c r="N5032" i="2"/>
  <c r="B5032" i="2" l="1"/>
  <c r="N5033" i="2"/>
  <c r="B5033" i="2" l="1"/>
  <c r="N5034" i="2"/>
  <c r="B5034" i="2" l="1"/>
  <c r="N5035" i="2"/>
  <c r="B5035" i="2" l="1"/>
  <c r="N5036" i="2"/>
  <c r="B5036" i="2" l="1"/>
  <c r="N5037" i="2"/>
  <c r="B5037" i="2" l="1"/>
  <c r="N5038" i="2"/>
  <c r="B5038" i="2" l="1"/>
  <c r="N5039" i="2"/>
  <c r="B5039" i="2" l="1"/>
  <c r="N5040" i="2"/>
  <c r="B5040" i="2" l="1"/>
  <c r="N5041" i="2"/>
  <c r="B5041" i="2" l="1"/>
  <c r="N5042" i="2"/>
  <c r="B5042" i="2" l="1"/>
  <c r="N5043" i="2"/>
  <c r="B5043" i="2" l="1"/>
  <c r="N5044" i="2"/>
  <c r="B5044" i="2" l="1"/>
  <c r="N5045" i="2"/>
  <c r="B5045" i="2" l="1"/>
  <c r="N5046" i="2"/>
  <c r="B5046" i="2" l="1"/>
  <c r="N5047" i="2"/>
  <c r="B5047" i="2" l="1"/>
  <c r="N5048" i="2"/>
  <c r="B5048" i="2" l="1"/>
  <c r="N5049" i="2"/>
  <c r="B5049" i="2" l="1"/>
  <c r="N5050" i="2"/>
  <c r="B5050" i="2" l="1"/>
  <c r="N5051" i="2"/>
  <c r="B5051" i="2" l="1"/>
  <c r="N5052" i="2"/>
  <c r="B5052" i="2" l="1"/>
  <c r="N5053" i="2"/>
  <c r="B5053" i="2" l="1"/>
  <c r="N5054" i="2"/>
  <c r="B5054" i="2" l="1"/>
  <c r="N5055" i="2"/>
  <c r="B5055" i="2" l="1"/>
  <c r="N5056" i="2"/>
  <c r="B5056" i="2" l="1"/>
  <c r="N5057" i="2"/>
  <c r="B5057" i="2" l="1"/>
  <c r="N5058" i="2"/>
  <c r="B5058" i="2" l="1"/>
  <c r="N5059" i="2"/>
  <c r="B5059" i="2" l="1"/>
  <c r="N5060" i="2"/>
  <c r="B5060" i="2" l="1"/>
  <c r="N5061" i="2"/>
  <c r="B5061" i="2" l="1"/>
  <c r="N5062" i="2"/>
  <c r="B5062" i="2" l="1"/>
  <c r="N5063" i="2"/>
  <c r="B5063" i="2" l="1"/>
  <c r="N5064" i="2"/>
  <c r="B5064" i="2" l="1"/>
  <c r="N5065" i="2"/>
  <c r="B5065" i="2" l="1"/>
  <c r="N5066" i="2"/>
  <c r="B5066" i="2" l="1"/>
  <c r="N5067" i="2"/>
  <c r="B5067" i="2" l="1"/>
  <c r="N5068" i="2"/>
  <c r="B5068" i="2" l="1"/>
  <c r="N5069" i="2"/>
  <c r="B5069" i="2" l="1"/>
  <c r="N5070" i="2"/>
  <c r="B5070" i="2" l="1"/>
  <c r="N5071" i="2"/>
  <c r="B5071" i="2" l="1"/>
  <c r="N5072" i="2"/>
  <c r="B5072" i="2" l="1"/>
  <c r="N5073" i="2"/>
  <c r="B5073" i="2" l="1"/>
  <c r="N5074" i="2"/>
  <c r="B5074" i="2" l="1"/>
  <c r="N5075" i="2"/>
  <c r="B5075" i="2" l="1"/>
  <c r="N5076" i="2"/>
  <c r="B5076" i="2" l="1"/>
  <c r="N5077" i="2"/>
  <c r="B5077" i="2" l="1"/>
  <c r="N5078" i="2"/>
  <c r="B5078" i="2" l="1"/>
  <c r="N5079" i="2"/>
  <c r="B5079" i="2" l="1"/>
  <c r="N5080" i="2"/>
  <c r="B5080" i="2" l="1"/>
  <c r="N5081" i="2"/>
  <c r="B5081" i="2" l="1"/>
  <c r="N5082" i="2"/>
  <c r="B5082" i="2" l="1"/>
  <c r="N5083" i="2"/>
  <c r="B5083" i="2" l="1"/>
  <c r="N5084" i="2"/>
  <c r="B5084" i="2" l="1"/>
  <c r="N5085" i="2"/>
  <c r="B5085" i="2" l="1"/>
  <c r="N5086" i="2"/>
  <c r="B5086" i="2" l="1"/>
  <c r="N5087" i="2"/>
  <c r="B5087" i="2" l="1"/>
  <c r="N5088" i="2"/>
  <c r="B5088" i="2" l="1"/>
  <c r="N5089" i="2"/>
  <c r="B5089" i="2" l="1"/>
  <c r="N5090" i="2"/>
  <c r="B5090" i="2" l="1"/>
  <c r="N5091" i="2"/>
  <c r="B5091" i="2" l="1"/>
  <c r="N5092" i="2"/>
  <c r="B5092" i="2" l="1"/>
  <c r="N5093" i="2"/>
  <c r="B5093" i="2" l="1"/>
  <c r="N5094" i="2"/>
  <c r="B5094" i="2" l="1"/>
  <c r="N5095" i="2"/>
  <c r="B5095" i="2" l="1"/>
  <c r="N5096" i="2"/>
  <c r="B5096" i="2" l="1"/>
  <c r="N5097" i="2"/>
  <c r="B5097" i="2" l="1"/>
  <c r="N5098" i="2"/>
  <c r="B5098" i="2" l="1"/>
  <c r="N5099" i="2"/>
  <c r="B5099" i="2" l="1"/>
  <c r="N5100" i="2"/>
  <c r="B5100" i="2" l="1"/>
  <c r="N5101" i="2"/>
  <c r="B5101" i="2" l="1"/>
  <c r="N5102" i="2"/>
  <c r="B5102" i="2" l="1"/>
  <c r="N5103" i="2"/>
  <c r="B5103" i="2" l="1"/>
  <c r="N5104" i="2"/>
  <c r="B5104" i="2" l="1"/>
  <c r="N5105" i="2"/>
  <c r="B5105" i="2" l="1"/>
  <c r="N5106" i="2"/>
  <c r="B5106" i="2" l="1"/>
  <c r="N5107" i="2"/>
  <c r="B5107" i="2" l="1"/>
  <c r="N5108" i="2"/>
  <c r="B5108" i="2" l="1"/>
  <c r="N5109" i="2"/>
  <c r="B5109" i="2" l="1"/>
  <c r="N5110" i="2"/>
  <c r="B5110" i="2" l="1"/>
  <c r="N5111" i="2"/>
  <c r="B5111" i="2" l="1"/>
  <c r="N5112" i="2"/>
  <c r="B5112" i="2" l="1"/>
  <c r="N5113" i="2"/>
  <c r="B5113" i="2" l="1"/>
  <c r="N5114" i="2"/>
  <c r="B5114" i="2" l="1"/>
  <c r="N5115" i="2"/>
  <c r="B5115" i="2" l="1"/>
  <c r="N5116" i="2"/>
  <c r="B5116" i="2" l="1"/>
  <c r="N5117" i="2"/>
  <c r="B5117" i="2" l="1"/>
  <c r="N5118" i="2"/>
  <c r="B5118" i="2" l="1"/>
  <c r="N5119" i="2"/>
  <c r="B5119" i="2" l="1"/>
  <c r="N5120" i="2"/>
  <c r="B5120" i="2" l="1"/>
  <c r="N5121" i="2"/>
  <c r="B5121" i="2" l="1"/>
  <c r="N5122" i="2"/>
  <c r="B5122" i="2" l="1"/>
  <c r="N5123" i="2"/>
  <c r="B5123" i="2" l="1"/>
  <c r="N5124" i="2"/>
  <c r="B5124" i="2" l="1"/>
  <c r="N5125" i="2"/>
  <c r="B5125" i="2" l="1"/>
  <c r="N5126" i="2"/>
  <c r="B5126" i="2" l="1"/>
  <c r="N5127" i="2"/>
  <c r="B5127" i="2" l="1"/>
  <c r="N5128" i="2"/>
  <c r="B5128" i="2" l="1"/>
  <c r="N5129" i="2"/>
  <c r="B5129" i="2" l="1"/>
  <c r="N5130" i="2"/>
  <c r="B5130" i="2" l="1"/>
  <c r="N5131" i="2"/>
  <c r="B5131" i="2" l="1"/>
  <c r="N5132" i="2"/>
  <c r="B5132" i="2" l="1"/>
  <c r="N5133" i="2"/>
  <c r="B5133" i="2" l="1"/>
  <c r="N5134" i="2"/>
  <c r="B5134" i="2" l="1"/>
  <c r="N5135" i="2"/>
  <c r="B5135" i="2" l="1"/>
  <c r="N5136" i="2"/>
  <c r="B5136" i="2" l="1"/>
  <c r="N5137" i="2"/>
  <c r="B5137" i="2" l="1"/>
  <c r="N5138" i="2"/>
  <c r="B5138" i="2" l="1"/>
  <c r="N5139" i="2"/>
  <c r="B5139" i="2" l="1"/>
  <c r="N5140" i="2"/>
  <c r="B5140" i="2" l="1"/>
  <c r="N5141" i="2"/>
  <c r="B5141" i="2" l="1"/>
  <c r="N5142" i="2"/>
  <c r="B5142" i="2" l="1"/>
  <c r="N5143" i="2"/>
  <c r="B5143" i="2" l="1"/>
  <c r="N5144" i="2"/>
  <c r="B5144" i="2" l="1"/>
  <c r="N5145" i="2"/>
  <c r="B5145" i="2" l="1"/>
  <c r="N5146" i="2"/>
  <c r="B5146" i="2" l="1"/>
  <c r="N5147" i="2"/>
  <c r="B5147" i="2" l="1"/>
  <c r="N5148" i="2"/>
  <c r="B5148" i="2" l="1"/>
  <c r="N5149" i="2"/>
  <c r="B5149" i="2" l="1"/>
  <c r="N5150" i="2"/>
  <c r="B5150" i="2" l="1"/>
  <c r="N5151" i="2"/>
  <c r="B5151" i="2" l="1"/>
  <c r="N5152" i="2"/>
  <c r="B5152" i="2" l="1"/>
  <c r="N5153" i="2"/>
  <c r="B5153" i="2" l="1"/>
  <c r="N5154" i="2"/>
  <c r="B5154" i="2" l="1"/>
  <c r="N5155" i="2"/>
  <c r="B5155" i="2" l="1"/>
  <c r="N5156" i="2"/>
  <c r="B5156" i="2" l="1"/>
  <c r="N5157" i="2"/>
  <c r="B5157" i="2" l="1"/>
  <c r="N5158" i="2"/>
  <c r="B5158" i="2" l="1"/>
  <c r="N5159" i="2"/>
  <c r="B5159" i="2" l="1"/>
  <c r="N5160" i="2"/>
  <c r="B5160" i="2" l="1"/>
  <c r="N5161" i="2"/>
  <c r="B5161" i="2" l="1"/>
  <c r="N5162" i="2"/>
  <c r="B5162" i="2" l="1"/>
  <c r="N5163" i="2"/>
  <c r="B5163" i="2" l="1"/>
  <c r="N5164" i="2"/>
  <c r="B5164" i="2" l="1"/>
  <c r="N5165" i="2"/>
  <c r="B5165" i="2" l="1"/>
  <c r="N5166" i="2"/>
  <c r="B5166" i="2" l="1"/>
  <c r="N5167" i="2"/>
  <c r="B5167" i="2" l="1"/>
  <c r="N5168" i="2"/>
  <c r="B5168" i="2" l="1"/>
  <c r="N5169" i="2"/>
  <c r="B5169" i="2" l="1"/>
  <c r="N5170" i="2"/>
  <c r="B5170" i="2" l="1"/>
  <c r="N5171" i="2"/>
  <c r="B5171" i="2" l="1"/>
  <c r="N5172" i="2"/>
  <c r="B5172" i="2" l="1"/>
  <c r="N5173" i="2"/>
  <c r="B5173" i="2" l="1"/>
  <c r="N5174" i="2"/>
  <c r="B5174" i="2" l="1"/>
  <c r="N5175" i="2"/>
  <c r="B5175" i="2" l="1"/>
  <c r="N5176" i="2"/>
  <c r="B5176" i="2" l="1"/>
  <c r="N5177" i="2"/>
  <c r="B5177" i="2" l="1"/>
  <c r="N5178" i="2"/>
  <c r="B5178" i="2" l="1"/>
  <c r="N5179" i="2"/>
  <c r="B5179" i="2" l="1"/>
  <c r="N5180" i="2"/>
  <c r="B5180" i="2" l="1"/>
  <c r="N5181" i="2"/>
  <c r="B5181" i="2" l="1"/>
  <c r="N5182" i="2"/>
  <c r="B5182" i="2" l="1"/>
  <c r="N5183" i="2"/>
  <c r="B5183" i="2" l="1"/>
  <c r="N5184" i="2"/>
  <c r="B5184" i="2" l="1"/>
  <c r="N5185" i="2"/>
  <c r="B5185" i="2" l="1"/>
  <c r="N5186" i="2"/>
  <c r="B5186" i="2" l="1"/>
  <c r="N5187" i="2"/>
  <c r="B5187" i="2" l="1"/>
  <c r="N5188" i="2"/>
  <c r="B5188" i="2" l="1"/>
  <c r="N5189" i="2"/>
  <c r="B5189" i="2" l="1"/>
  <c r="N5190" i="2"/>
  <c r="B5190" i="2" l="1"/>
  <c r="N5191" i="2"/>
  <c r="B5191" i="2" l="1"/>
  <c r="N5192" i="2"/>
  <c r="B5192" i="2" l="1"/>
  <c r="N5193" i="2"/>
  <c r="B5193" i="2" l="1"/>
  <c r="N5194" i="2"/>
  <c r="B5194" i="2" l="1"/>
  <c r="N5195" i="2"/>
  <c r="B5195" i="2" l="1"/>
  <c r="N5196" i="2"/>
  <c r="B5196" i="2" l="1"/>
  <c r="N5197" i="2"/>
  <c r="B5197" i="2" l="1"/>
  <c r="N5198" i="2"/>
  <c r="B5198" i="2" l="1"/>
  <c r="N5199" i="2"/>
  <c r="B5199" i="2" l="1"/>
  <c r="N5200" i="2"/>
  <c r="B5200" i="2" l="1"/>
  <c r="N5201" i="2"/>
  <c r="B5201" i="2" l="1"/>
  <c r="N5202" i="2"/>
  <c r="B5202" i="2" l="1"/>
  <c r="N5203" i="2"/>
  <c r="B5203" i="2" l="1"/>
  <c r="N5204" i="2"/>
  <c r="B5204" i="2" l="1"/>
  <c r="N5205" i="2"/>
  <c r="B5205" i="2" l="1"/>
  <c r="N5206" i="2"/>
  <c r="B5206" i="2" l="1"/>
  <c r="N5207" i="2"/>
  <c r="B5207" i="2" l="1"/>
  <c r="N5208" i="2"/>
  <c r="B5208" i="2" l="1"/>
  <c r="N5209" i="2"/>
  <c r="B5209" i="2" l="1"/>
  <c r="N5210" i="2"/>
  <c r="B5210" i="2" l="1"/>
  <c r="N5211" i="2"/>
  <c r="B5211" i="2" l="1"/>
  <c r="N5212" i="2"/>
  <c r="B5212" i="2" l="1"/>
  <c r="N5213" i="2"/>
  <c r="B5213" i="2" l="1"/>
  <c r="N5214" i="2"/>
  <c r="B5214" i="2" l="1"/>
  <c r="N5215" i="2"/>
  <c r="B5215" i="2" l="1"/>
  <c r="N5216" i="2"/>
  <c r="B5216" i="2" l="1"/>
  <c r="N5217" i="2"/>
  <c r="B5217" i="2" l="1"/>
  <c r="N5218" i="2"/>
  <c r="B5218" i="2" l="1"/>
  <c r="N5219" i="2"/>
  <c r="B5219" i="2" l="1"/>
  <c r="N5220" i="2"/>
  <c r="B5220" i="2" l="1"/>
  <c r="N5221" i="2"/>
  <c r="B5221" i="2" l="1"/>
  <c r="N5222" i="2"/>
  <c r="B5222" i="2" l="1"/>
  <c r="N5223" i="2"/>
  <c r="B5223" i="2" l="1"/>
  <c r="N5224" i="2"/>
  <c r="B5224" i="2" l="1"/>
  <c r="N5225" i="2"/>
  <c r="B5225" i="2" l="1"/>
  <c r="N5226" i="2"/>
  <c r="B5226" i="2" l="1"/>
  <c r="N5227" i="2"/>
  <c r="B5227" i="2" l="1"/>
  <c r="N5228" i="2"/>
  <c r="B5228" i="2" l="1"/>
  <c r="N5229" i="2"/>
  <c r="B5229" i="2" l="1"/>
  <c r="N5230" i="2"/>
  <c r="B5230" i="2" l="1"/>
  <c r="N5231" i="2"/>
  <c r="B5231" i="2" l="1"/>
  <c r="N5232" i="2"/>
  <c r="B5232" i="2" l="1"/>
  <c r="N5233" i="2"/>
  <c r="B5233" i="2" l="1"/>
  <c r="N5234" i="2"/>
  <c r="B5234" i="2" l="1"/>
  <c r="N5235" i="2"/>
  <c r="B5235" i="2" l="1"/>
  <c r="N5236" i="2"/>
  <c r="B5236" i="2" l="1"/>
  <c r="N5237" i="2"/>
  <c r="B5237" i="2" l="1"/>
  <c r="N5238" i="2"/>
  <c r="B5238" i="2" l="1"/>
  <c r="N5239" i="2"/>
  <c r="B5239" i="2" l="1"/>
  <c r="N5240" i="2"/>
  <c r="B5240" i="2" l="1"/>
  <c r="N5241" i="2"/>
  <c r="B5241" i="2" l="1"/>
  <c r="N5242" i="2"/>
  <c r="B5242" i="2" l="1"/>
  <c r="N5243" i="2"/>
  <c r="B5243" i="2" l="1"/>
  <c r="N5244" i="2"/>
  <c r="B5244" i="2" l="1"/>
  <c r="N5245" i="2"/>
  <c r="B5245" i="2" l="1"/>
  <c r="N5246" i="2"/>
  <c r="B5246" i="2" l="1"/>
  <c r="N5247" i="2"/>
  <c r="B5247" i="2" l="1"/>
  <c r="N5248" i="2"/>
  <c r="B5248" i="2" l="1"/>
  <c r="N5249" i="2"/>
  <c r="B5249" i="2" l="1"/>
  <c r="N5250" i="2"/>
  <c r="B5250" i="2" l="1"/>
  <c r="N5251" i="2"/>
  <c r="B5251" i="2" l="1"/>
  <c r="N5252" i="2"/>
  <c r="B5252" i="2" l="1"/>
  <c r="N5253" i="2"/>
  <c r="B5253" i="2" l="1"/>
  <c r="N5254" i="2"/>
  <c r="B5254" i="2" l="1"/>
  <c r="N5255" i="2"/>
  <c r="B5255" i="2" l="1"/>
  <c r="N5256" i="2"/>
  <c r="B5256" i="2" l="1"/>
  <c r="N5257" i="2"/>
  <c r="B5257" i="2" l="1"/>
  <c r="N5258" i="2"/>
  <c r="B5258" i="2" l="1"/>
  <c r="N5259" i="2"/>
  <c r="B5259" i="2" l="1"/>
  <c r="N5260" i="2"/>
  <c r="B5260" i="2" l="1"/>
  <c r="N5261" i="2"/>
  <c r="B5261" i="2" l="1"/>
  <c r="N5262" i="2"/>
  <c r="B5262" i="2" l="1"/>
  <c r="N5263" i="2"/>
  <c r="B5263" i="2" l="1"/>
  <c r="N5264" i="2"/>
  <c r="B5264" i="2" l="1"/>
  <c r="N5265" i="2"/>
  <c r="B5265" i="2" l="1"/>
  <c r="N5266" i="2"/>
  <c r="B5266" i="2" l="1"/>
  <c r="N5267" i="2"/>
  <c r="B5267" i="2" l="1"/>
  <c r="N5268" i="2"/>
  <c r="B5268" i="2" l="1"/>
  <c r="N5269" i="2"/>
  <c r="B5269" i="2" l="1"/>
  <c r="N5270" i="2"/>
  <c r="B5270" i="2" l="1"/>
  <c r="N5271" i="2"/>
  <c r="B5271" i="2" l="1"/>
  <c r="N5272" i="2"/>
  <c r="B5272" i="2" l="1"/>
  <c r="N5273" i="2"/>
  <c r="B5273" i="2" l="1"/>
  <c r="N5274" i="2"/>
  <c r="B5274" i="2" l="1"/>
  <c r="N5275" i="2"/>
  <c r="B5275" i="2" l="1"/>
  <c r="N5276" i="2"/>
  <c r="B5276" i="2" l="1"/>
  <c r="N5277" i="2"/>
  <c r="B5277" i="2" l="1"/>
  <c r="N5278" i="2"/>
  <c r="B5278" i="2" l="1"/>
  <c r="N5279" i="2"/>
  <c r="B5279" i="2" l="1"/>
  <c r="N5280" i="2"/>
  <c r="B5280" i="2" l="1"/>
  <c r="N5281" i="2"/>
  <c r="B5281" i="2" l="1"/>
  <c r="N5282" i="2"/>
  <c r="B5282" i="2" l="1"/>
  <c r="N5283" i="2"/>
  <c r="B5283" i="2" l="1"/>
  <c r="N5284" i="2"/>
  <c r="B5284" i="2" l="1"/>
  <c r="N5285" i="2"/>
  <c r="B5285" i="2" l="1"/>
  <c r="N5286" i="2"/>
  <c r="B5286" i="2" l="1"/>
  <c r="N5287" i="2"/>
  <c r="B5287" i="2" l="1"/>
  <c r="N5288" i="2"/>
  <c r="B5288" i="2" l="1"/>
  <c r="N5289" i="2"/>
  <c r="B5289" i="2" l="1"/>
  <c r="N5290" i="2"/>
  <c r="B5290" i="2" l="1"/>
  <c r="N5291" i="2"/>
  <c r="B5291" i="2" l="1"/>
  <c r="N5292" i="2"/>
  <c r="B5292" i="2" l="1"/>
  <c r="N5293" i="2"/>
  <c r="B5293" i="2" l="1"/>
  <c r="N5294" i="2"/>
  <c r="B5294" i="2" l="1"/>
  <c r="N5295" i="2"/>
  <c r="B5295" i="2" l="1"/>
  <c r="N5296" i="2"/>
  <c r="B5296" i="2" l="1"/>
  <c r="N5297" i="2"/>
  <c r="B5297" i="2" l="1"/>
  <c r="N5298" i="2"/>
  <c r="B5298" i="2" l="1"/>
  <c r="N5299" i="2"/>
  <c r="B5299" i="2" l="1"/>
  <c r="N5300" i="2"/>
  <c r="B5300" i="2" l="1"/>
  <c r="N5301" i="2"/>
  <c r="B5301" i="2" l="1"/>
  <c r="N5302" i="2"/>
  <c r="B5302" i="2" l="1"/>
  <c r="N5303" i="2"/>
  <c r="B5303" i="2" l="1"/>
  <c r="N5304" i="2"/>
  <c r="B5304" i="2" l="1"/>
  <c r="N5305" i="2"/>
  <c r="B5305" i="2" l="1"/>
  <c r="N5306" i="2"/>
  <c r="B5306" i="2" l="1"/>
  <c r="N5307" i="2"/>
  <c r="B5307" i="2" l="1"/>
  <c r="N5308" i="2"/>
  <c r="B5308" i="2" l="1"/>
  <c r="N5309" i="2"/>
  <c r="B5309" i="2" l="1"/>
  <c r="N5310" i="2"/>
  <c r="B5310" i="2" l="1"/>
  <c r="N5311" i="2"/>
  <c r="B5311" i="2" l="1"/>
  <c r="N5312" i="2"/>
  <c r="B5312" i="2" l="1"/>
  <c r="N5313" i="2"/>
  <c r="B5313" i="2" l="1"/>
  <c r="N5314" i="2"/>
  <c r="B5314" i="2" l="1"/>
  <c r="N5315" i="2"/>
  <c r="B5315" i="2" l="1"/>
  <c r="N5316" i="2"/>
  <c r="B5316" i="2" l="1"/>
  <c r="N5317" i="2"/>
  <c r="B5317" i="2" l="1"/>
  <c r="N5318" i="2"/>
  <c r="B5318" i="2" l="1"/>
  <c r="N5319" i="2"/>
  <c r="B5319" i="2" l="1"/>
  <c r="N5320" i="2"/>
  <c r="B5320" i="2" l="1"/>
  <c r="N5321" i="2"/>
  <c r="B5321" i="2" l="1"/>
  <c r="N5322" i="2"/>
  <c r="B5322" i="2" l="1"/>
  <c r="N5323" i="2"/>
  <c r="B5323" i="2" l="1"/>
  <c r="N5324" i="2"/>
  <c r="B5324" i="2" l="1"/>
  <c r="N5325" i="2"/>
  <c r="B5325" i="2" l="1"/>
  <c r="N5326" i="2"/>
  <c r="B5326" i="2" l="1"/>
  <c r="N5327" i="2"/>
  <c r="B5327" i="2" l="1"/>
  <c r="N5328" i="2"/>
  <c r="B5328" i="2" l="1"/>
  <c r="N5329" i="2"/>
  <c r="B5329" i="2" l="1"/>
  <c r="N5330" i="2"/>
  <c r="B5330" i="2" l="1"/>
  <c r="N5331" i="2"/>
  <c r="B5331" i="2" l="1"/>
  <c r="N5332" i="2"/>
  <c r="B5332" i="2" l="1"/>
  <c r="N5333" i="2"/>
  <c r="B5333" i="2" l="1"/>
  <c r="N5334" i="2"/>
  <c r="B5334" i="2" l="1"/>
  <c r="N5335" i="2"/>
  <c r="B5335" i="2" l="1"/>
  <c r="N5336" i="2"/>
  <c r="B5336" i="2" l="1"/>
  <c r="N5337" i="2"/>
  <c r="B5337" i="2" l="1"/>
  <c r="N5338" i="2"/>
  <c r="B5338" i="2" l="1"/>
  <c r="N5339" i="2"/>
  <c r="B5339" i="2" l="1"/>
  <c r="N5340" i="2"/>
  <c r="B5340" i="2" l="1"/>
  <c r="N5341" i="2"/>
  <c r="B5341" i="2" l="1"/>
  <c r="N5342" i="2"/>
  <c r="B5342" i="2" l="1"/>
  <c r="N5343" i="2"/>
  <c r="B5343" i="2" l="1"/>
  <c r="N5344" i="2"/>
  <c r="B5344" i="2" l="1"/>
  <c r="N5345" i="2"/>
  <c r="B5345" i="2" l="1"/>
  <c r="N5346" i="2"/>
  <c r="B5346" i="2" l="1"/>
  <c r="N5347" i="2"/>
  <c r="B5347" i="2" l="1"/>
  <c r="N5348" i="2"/>
  <c r="B5348" i="2" l="1"/>
  <c r="N5349" i="2"/>
  <c r="B5349" i="2" l="1"/>
  <c r="N5350" i="2"/>
  <c r="B5350" i="2" l="1"/>
  <c r="N5351" i="2"/>
  <c r="B5351" i="2" l="1"/>
  <c r="N5352" i="2"/>
  <c r="B5352" i="2" l="1"/>
  <c r="N5353" i="2"/>
  <c r="B5353" i="2" l="1"/>
  <c r="N5354" i="2"/>
  <c r="B5354" i="2" l="1"/>
  <c r="N5355" i="2"/>
  <c r="B5355" i="2" l="1"/>
  <c r="N5356" i="2"/>
  <c r="B5356" i="2" l="1"/>
  <c r="N5357" i="2"/>
  <c r="B5357" i="2" l="1"/>
  <c r="N5358" i="2"/>
  <c r="B5358" i="2" l="1"/>
  <c r="N5359" i="2"/>
  <c r="B5359" i="2" l="1"/>
  <c r="N5360" i="2"/>
  <c r="B5360" i="2" l="1"/>
  <c r="N5361" i="2"/>
  <c r="B5361" i="2" l="1"/>
  <c r="N5362" i="2"/>
  <c r="B5362" i="2" l="1"/>
  <c r="N5363" i="2"/>
  <c r="B5363" i="2" l="1"/>
  <c r="N5364" i="2"/>
  <c r="B5364" i="2" l="1"/>
  <c r="N5365" i="2"/>
  <c r="B5365" i="2" l="1"/>
  <c r="N5366" i="2"/>
  <c r="B5366" i="2" l="1"/>
  <c r="N5367" i="2"/>
  <c r="B5367" i="2" l="1"/>
  <c r="N5368" i="2"/>
  <c r="B5368" i="2" l="1"/>
  <c r="N5369" i="2"/>
  <c r="B5369" i="2" l="1"/>
  <c r="N5370" i="2"/>
  <c r="B5370" i="2" l="1"/>
  <c r="N5371" i="2"/>
  <c r="B5371" i="2" l="1"/>
  <c r="N5372" i="2"/>
  <c r="B5372" i="2" l="1"/>
  <c r="N5373" i="2"/>
  <c r="B5373" i="2" l="1"/>
  <c r="N5374" i="2"/>
  <c r="B5374" i="2" l="1"/>
  <c r="N5375" i="2"/>
  <c r="B5375" i="2" l="1"/>
  <c r="N5376" i="2"/>
  <c r="B5376" i="2" l="1"/>
  <c r="N5377" i="2"/>
  <c r="B5377" i="2" l="1"/>
  <c r="N5378" i="2"/>
  <c r="B5378" i="2" l="1"/>
  <c r="N5379" i="2"/>
  <c r="B5379" i="2" l="1"/>
  <c r="N5380" i="2"/>
  <c r="B5380" i="2" l="1"/>
  <c r="N5381" i="2"/>
  <c r="B5381" i="2" l="1"/>
  <c r="N5382" i="2"/>
  <c r="B5382" i="2" l="1"/>
  <c r="N5383" i="2"/>
  <c r="B5383" i="2" l="1"/>
  <c r="N5384" i="2"/>
  <c r="B5384" i="2" l="1"/>
  <c r="N5385" i="2"/>
  <c r="B5385" i="2" l="1"/>
  <c r="N5386" i="2"/>
  <c r="B5386" i="2" l="1"/>
  <c r="N5387" i="2"/>
  <c r="B5387" i="2" l="1"/>
  <c r="N5388" i="2"/>
  <c r="B5388" i="2" l="1"/>
  <c r="N5389" i="2"/>
  <c r="B5389" i="2" l="1"/>
  <c r="N5390" i="2"/>
  <c r="B5390" i="2" l="1"/>
  <c r="N5391" i="2"/>
  <c r="B5391" i="2" l="1"/>
  <c r="N5392" i="2"/>
  <c r="B5392" i="2" l="1"/>
  <c r="N5393" i="2"/>
  <c r="B5393" i="2" l="1"/>
  <c r="N5394" i="2"/>
  <c r="B5394" i="2" l="1"/>
  <c r="N5395" i="2"/>
  <c r="B5395" i="2" l="1"/>
  <c r="N5396" i="2"/>
  <c r="B5396" i="2" l="1"/>
  <c r="N5397" i="2"/>
  <c r="B5397" i="2" l="1"/>
  <c r="N5398" i="2"/>
  <c r="B5398" i="2" l="1"/>
  <c r="N5399" i="2"/>
  <c r="B5399" i="2" l="1"/>
  <c r="N5400" i="2"/>
  <c r="B5400" i="2" l="1"/>
  <c r="N5401" i="2"/>
  <c r="B5401" i="2" l="1"/>
  <c r="N5402" i="2"/>
  <c r="B5402" i="2" l="1"/>
  <c r="N5403" i="2"/>
  <c r="B5403" i="2" l="1"/>
  <c r="N5404" i="2"/>
  <c r="B5404" i="2" l="1"/>
  <c r="N5405" i="2"/>
  <c r="B5405" i="2" l="1"/>
  <c r="N5406" i="2"/>
  <c r="B5406" i="2" l="1"/>
  <c r="N5407" i="2"/>
  <c r="B5407" i="2" l="1"/>
  <c r="N5408" i="2"/>
  <c r="B5408" i="2" l="1"/>
  <c r="N5409" i="2"/>
  <c r="B5409" i="2" l="1"/>
  <c r="N5410" i="2"/>
  <c r="B5410" i="2" l="1"/>
  <c r="N5411" i="2"/>
  <c r="B5411" i="2" l="1"/>
  <c r="N5412" i="2"/>
  <c r="B5412" i="2" l="1"/>
  <c r="N5413" i="2"/>
  <c r="B5413" i="2" l="1"/>
  <c r="N5414" i="2"/>
  <c r="B5414" i="2" l="1"/>
  <c r="N5415" i="2"/>
  <c r="B5415" i="2" l="1"/>
  <c r="N5416" i="2"/>
  <c r="B5416" i="2" l="1"/>
  <c r="N5417" i="2"/>
  <c r="B5417" i="2" l="1"/>
  <c r="N5418" i="2"/>
  <c r="B5418" i="2" l="1"/>
  <c r="N5419" i="2"/>
  <c r="B5419" i="2" l="1"/>
  <c r="N5420" i="2"/>
  <c r="B5420" i="2" l="1"/>
  <c r="N5421" i="2"/>
  <c r="B5421" i="2" l="1"/>
  <c r="N5422" i="2"/>
  <c r="B5422" i="2" l="1"/>
  <c r="N5423" i="2"/>
  <c r="B5423" i="2" l="1"/>
  <c r="N5424" i="2"/>
  <c r="B5424" i="2" l="1"/>
  <c r="N5425" i="2"/>
  <c r="B5425" i="2" l="1"/>
  <c r="N5426" i="2"/>
  <c r="B5426" i="2" l="1"/>
  <c r="N5427" i="2"/>
  <c r="B5427" i="2" l="1"/>
  <c r="N5428" i="2"/>
  <c r="B5428" i="2" l="1"/>
  <c r="N5429" i="2"/>
  <c r="B5429" i="2" l="1"/>
  <c r="N5430" i="2"/>
  <c r="B5430" i="2" l="1"/>
  <c r="N5431" i="2"/>
  <c r="B5431" i="2" l="1"/>
  <c r="N5432" i="2"/>
  <c r="B5432" i="2" l="1"/>
  <c r="N5433" i="2"/>
  <c r="B5433" i="2" l="1"/>
  <c r="N5434" i="2"/>
  <c r="B5434" i="2" l="1"/>
  <c r="N5435" i="2"/>
  <c r="B5435" i="2" l="1"/>
  <c r="N5436" i="2"/>
  <c r="B5436" i="2" l="1"/>
  <c r="N5437" i="2"/>
  <c r="B5437" i="2" l="1"/>
  <c r="N5438" i="2"/>
  <c r="B5438" i="2" l="1"/>
  <c r="N5439" i="2"/>
  <c r="B5439" i="2" l="1"/>
  <c r="N5440" i="2"/>
  <c r="B5440" i="2" l="1"/>
  <c r="N5441" i="2"/>
  <c r="B5441" i="2" l="1"/>
  <c r="N5442" i="2"/>
  <c r="B5442" i="2" l="1"/>
  <c r="N5443" i="2"/>
  <c r="B5443" i="2" l="1"/>
  <c r="N5444" i="2"/>
  <c r="B5444" i="2" l="1"/>
  <c r="N5445" i="2"/>
  <c r="B5445" i="2" l="1"/>
  <c r="N5446" i="2"/>
  <c r="B5446" i="2" l="1"/>
  <c r="N5447" i="2"/>
  <c r="B5447" i="2" l="1"/>
  <c r="N5448" i="2"/>
  <c r="B5448" i="2" l="1"/>
  <c r="N5449" i="2"/>
  <c r="B5449" i="2" l="1"/>
  <c r="N5450" i="2"/>
  <c r="B5450" i="2" l="1"/>
  <c r="N5451" i="2"/>
  <c r="B5451" i="2" l="1"/>
  <c r="N5452" i="2"/>
  <c r="B5452" i="2" l="1"/>
  <c r="N5453" i="2"/>
  <c r="B5453" i="2" l="1"/>
  <c r="N5454" i="2"/>
  <c r="B5454" i="2" l="1"/>
  <c r="N5455" i="2"/>
  <c r="B5455" i="2" l="1"/>
  <c r="N5456" i="2"/>
  <c r="B5456" i="2" l="1"/>
  <c r="N5457" i="2"/>
  <c r="B5457" i="2" l="1"/>
  <c r="N5458" i="2"/>
  <c r="B5458" i="2" l="1"/>
  <c r="N5459" i="2"/>
  <c r="B5459" i="2" l="1"/>
  <c r="N5460" i="2"/>
  <c r="B5460" i="2" l="1"/>
  <c r="N5461" i="2"/>
  <c r="B5461" i="2" l="1"/>
  <c r="N5462" i="2"/>
  <c r="B5462" i="2" l="1"/>
  <c r="N5463" i="2"/>
  <c r="B5463" i="2" l="1"/>
  <c r="N5464" i="2"/>
  <c r="B5464" i="2" l="1"/>
  <c r="N5465" i="2"/>
  <c r="B5465" i="2" l="1"/>
  <c r="N5466" i="2"/>
  <c r="B5466" i="2" l="1"/>
  <c r="N5467" i="2"/>
  <c r="B5467" i="2" l="1"/>
  <c r="N5468" i="2"/>
  <c r="B5468" i="2" l="1"/>
  <c r="N5469" i="2"/>
  <c r="B5469" i="2" l="1"/>
  <c r="N5470" i="2"/>
  <c r="B5470" i="2" l="1"/>
  <c r="N5471" i="2"/>
  <c r="B5471" i="2" l="1"/>
  <c r="N5472" i="2"/>
  <c r="B5472" i="2" l="1"/>
  <c r="N5473" i="2"/>
  <c r="B5473" i="2" l="1"/>
  <c r="N5474" i="2"/>
  <c r="B5474" i="2" l="1"/>
  <c r="N5475" i="2"/>
  <c r="B5475" i="2" l="1"/>
  <c r="N5476" i="2"/>
  <c r="B5476" i="2" l="1"/>
  <c r="N5477" i="2"/>
  <c r="B5477" i="2" l="1"/>
  <c r="N5478" i="2"/>
  <c r="B5478" i="2" l="1"/>
  <c r="N5479" i="2"/>
  <c r="B5479" i="2" l="1"/>
  <c r="N5480" i="2"/>
  <c r="B5480" i="2" l="1"/>
  <c r="N5481" i="2"/>
  <c r="B5481" i="2" l="1"/>
  <c r="N5482" i="2"/>
  <c r="B5482" i="2" l="1"/>
  <c r="N5483" i="2"/>
  <c r="B5483" i="2" l="1"/>
  <c r="N5484" i="2"/>
  <c r="B5484" i="2" l="1"/>
  <c r="N5485" i="2"/>
  <c r="B5485" i="2" l="1"/>
  <c r="N5486" i="2"/>
  <c r="B5486" i="2" l="1"/>
  <c r="N5487" i="2"/>
  <c r="B5487" i="2" l="1"/>
  <c r="N5488" i="2"/>
  <c r="B5488" i="2" l="1"/>
  <c r="N5489" i="2"/>
  <c r="B5489" i="2" l="1"/>
  <c r="N5490" i="2"/>
  <c r="B5490" i="2" l="1"/>
  <c r="N5491" i="2"/>
  <c r="B5491" i="2" l="1"/>
  <c r="N5492" i="2"/>
  <c r="B5492" i="2" l="1"/>
  <c r="N5493" i="2"/>
  <c r="B5493" i="2" l="1"/>
  <c r="N5494" i="2"/>
  <c r="B5494" i="2" l="1"/>
  <c r="N5495" i="2"/>
  <c r="B5495" i="2" l="1"/>
  <c r="N5496" i="2"/>
  <c r="B5496" i="2" l="1"/>
  <c r="N5497" i="2"/>
  <c r="B5497" i="2" l="1"/>
  <c r="N5498" i="2"/>
  <c r="B5498" i="2" l="1"/>
  <c r="N5499" i="2"/>
  <c r="B5499" i="2" l="1"/>
  <c r="N5500" i="2"/>
  <c r="B5500" i="2" l="1"/>
  <c r="N5501" i="2"/>
  <c r="B5501" i="2" l="1"/>
  <c r="N5502" i="2"/>
  <c r="B5502" i="2" l="1"/>
  <c r="N5503" i="2"/>
  <c r="B5503" i="2" l="1"/>
  <c r="N5504" i="2"/>
  <c r="B5504" i="2" l="1"/>
  <c r="N5505" i="2"/>
  <c r="B5505" i="2" l="1"/>
  <c r="N5506" i="2"/>
  <c r="B5506" i="2" l="1"/>
  <c r="N5507" i="2"/>
  <c r="B5507" i="2" l="1"/>
  <c r="N5508" i="2"/>
  <c r="B5508" i="2" l="1"/>
  <c r="N5509" i="2"/>
  <c r="B5509" i="2" l="1"/>
  <c r="N5510" i="2"/>
  <c r="B5510" i="2" l="1"/>
  <c r="N5511" i="2"/>
  <c r="B5511" i="2" l="1"/>
  <c r="N5512" i="2"/>
  <c r="B5512" i="2" l="1"/>
  <c r="N5513" i="2"/>
  <c r="B5513" i="2" l="1"/>
  <c r="N5514" i="2"/>
  <c r="B5514" i="2" l="1"/>
  <c r="N5515" i="2"/>
  <c r="B5515" i="2" l="1"/>
  <c r="N5516" i="2"/>
  <c r="B5516" i="2" l="1"/>
  <c r="N5517" i="2"/>
  <c r="B5517" i="2" l="1"/>
  <c r="N5518" i="2"/>
  <c r="B5518" i="2" l="1"/>
  <c r="N5519" i="2"/>
  <c r="B5519" i="2" l="1"/>
  <c r="N5520" i="2"/>
  <c r="B5520" i="2" l="1"/>
  <c r="N5521" i="2"/>
  <c r="B5521" i="2" l="1"/>
  <c r="N5522" i="2"/>
  <c r="B5522" i="2" l="1"/>
  <c r="N5523" i="2"/>
  <c r="B5523" i="2" l="1"/>
  <c r="N5524" i="2"/>
  <c r="B5524" i="2" l="1"/>
  <c r="N5525" i="2"/>
  <c r="B5525" i="2" l="1"/>
  <c r="N5526" i="2"/>
  <c r="B5526" i="2" l="1"/>
  <c r="N5527" i="2"/>
  <c r="B5527" i="2" l="1"/>
  <c r="N5528" i="2"/>
  <c r="B5528" i="2" l="1"/>
  <c r="N5529" i="2"/>
  <c r="B5529" i="2" l="1"/>
  <c r="N5530" i="2"/>
  <c r="B5530" i="2" l="1"/>
  <c r="N5531" i="2"/>
  <c r="B5531" i="2" l="1"/>
  <c r="N5532" i="2"/>
  <c r="B5532" i="2" l="1"/>
  <c r="N5533" i="2"/>
  <c r="B5533" i="2" l="1"/>
  <c r="N5534" i="2"/>
  <c r="B5534" i="2" l="1"/>
  <c r="N5535" i="2"/>
  <c r="B5535" i="2" l="1"/>
  <c r="N5536" i="2"/>
  <c r="B5536" i="2" l="1"/>
  <c r="N5537" i="2"/>
  <c r="B5537" i="2" l="1"/>
  <c r="N5538" i="2"/>
  <c r="B5538" i="2" l="1"/>
  <c r="N5539" i="2"/>
  <c r="B5539" i="2" l="1"/>
  <c r="N5540" i="2"/>
  <c r="B5540" i="2" l="1"/>
  <c r="N5541" i="2"/>
  <c r="B5541" i="2" l="1"/>
  <c r="N5542" i="2"/>
  <c r="B5542" i="2" l="1"/>
  <c r="N5543" i="2"/>
  <c r="B5543" i="2" l="1"/>
  <c r="N5544" i="2"/>
  <c r="B5544" i="2" l="1"/>
  <c r="N5545" i="2"/>
  <c r="B5545" i="2" l="1"/>
  <c r="N5546" i="2"/>
  <c r="B5546" i="2" l="1"/>
  <c r="N5547" i="2"/>
  <c r="B5547" i="2" l="1"/>
  <c r="N5548" i="2"/>
  <c r="B5548" i="2" l="1"/>
  <c r="N5549" i="2"/>
  <c r="B5549" i="2" l="1"/>
  <c r="N5550" i="2"/>
  <c r="B5550" i="2" l="1"/>
  <c r="N5551" i="2"/>
  <c r="B5551" i="2" l="1"/>
  <c r="N5552" i="2"/>
  <c r="B5552" i="2" l="1"/>
  <c r="N5553" i="2"/>
  <c r="B5553" i="2" l="1"/>
  <c r="N5554" i="2"/>
  <c r="B5554" i="2" l="1"/>
  <c r="N5555" i="2"/>
  <c r="B5555" i="2" l="1"/>
  <c r="N5556" i="2"/>
  <c r="B5556" i="2" l="1"/>
  <c r="N5557" i="2"/>
  <c r="B5557" i="2" l="1"/>
  <c r="N5558" i="2"/>
  <c r="B5558" i="2" l="1"/>
  <c r="N5559" i="2"/>
  <c r="B5559" i="2" l="1"/>
  <c r="N5560" i="2"/>
  <c r="B5560" i="2" l="1"/>
  <c r="N5561" i="2"/>
  <c r="B5561" i="2" l="1"/>
  <c r="N5562" i="2"/>
  <c r="B5562" i="2" l="1"/>
  <c r="N5563" i="2"/>
  <c r="B5563" i="2" l="1"/>
  <c r="N5564" i="2"/>
  <c r="B5564" i="2" l="1"/>
  <c r="N5565" i="2"/>
  <c r="B5565" i="2" l="1"/>
  <c r="N5566" i="2"/>
  <c r="B5566" i="2" l="1"/>
  <c r="N5567" i="2"/>
  <c r="B5567" i="2" l="1"/>
  <c r="N5568" i="2"/>
  <c r="B5568" i="2" l="1"/>
  <c r="N5569" i="2"/>
  <c r="B5569" i="2" l="1"/>
  <c r="N5570" i="2"/>
  <c r="B5570" i="2" l="1"/>
  <c r="N5571" i="2"/>
  <c r="B5571" i="2" l="1"/>
  <c r="N5572" i="2"/>
  <c r="B5572" i="2" l="1"/>
  <c r="N5573" i="2"/>
  <c r="B5573" i="2" l="1"/>
  <c r="N5574" i="2"/>
  <c r="B5574" i="2" l="1"/>
  <c r="N5575" i="2"/>
  <c r="B5575" i="2" l="1"/>
  <c r="N5576" i="2"/>
  <c r="B5576" i="2" l="1"/>
  <c r="N5577" i="2"/>
  <c r="B5577" i="2" l="1"/>
  <c r="N5578" i="2"/>
  <c r="B5578" i="2" l="1"/>
  <c r="N5579" i="2"/>
  <c r="B5579" i="2" l="1"/>
  <c r="N5580" i="2"/>
  <c r="B5580" i="2" l="1"/>
  <c r="N5581" i="2"/>
  <c r="B5581" i="2" l="1"/>
  <c r="N5582" i="2"/>
  <c r="B5582" i="2" l="1"/>
  <c r="N5583" i="2"/>
  <c r="B5583" i="2" l="1"/>
  <c r="N5584" i="2"/>
  <c r="B5584" i="2" l="1"/>
  <c r="N5585" i="2"/>
  <c r="B5585" i="2" l="1"/>
  <c r="N5586" i="2"/>
  <c r="B5586" i="2" l="1"/>
  <c r="N5587" i="2"/>
  <c r="B5587" i="2" l="1"/>
  <c r="N5588" i="2"/>
  <c r="B5588" i="2" l="1"/>
  <c r="N5589" i="2"/>
  <c r="B5589" i="2" l="1"/>
  <c r="N5590" i="2"/>
  <c r="B5590" i="2" l="1"/>
  <c r="N5591" i="2"/>
  <c r="B5591" i="2" l="1"/>
  <c r="N5592" i="2"/>
  <c r="B5592" i="2" l="1"/>
  <c r="N5593" i="2"/>
  <c r="B5593" i="2" l="1"/>
  <c r="N5594" i="2"/>
  <c r="B5594" i="2" l="1"/>
  <c r="N5595" i="2"/>
  <c r="B5595" i="2" l="1"/>
  <c r="N5596" i="2"/>
  <c r="B5596" i="2" l="1"/>
  <c r="N5597" i="2"/>
  <c r="B5597" i="2" l="1"/>
  <c r="N5598" i="2"/>
  <c r="B5598" i="2" l="1"/>
  <c r="N5599" i="2"/>
  <c r="B5599" i="2" l="1"/>
  <c r="N5600" i="2"/>
  <c r="B5600" i="2" l="1"/>
  <c r="N5601" i="2"/>
  <c r="B5601" i="2" l="1"/>
  <c r="N5602" i="2"/>
  <c r="B5602" i="2" l="1"/>
  <c r="N5603" i="2"/>
  <c r="B5603" i="2" l="1"/>
  <c r="N5604" i="2"/>
  <c r="B5604" i="2" l="1"/>
  <c r="N5605" i="2"/>
  <c r="B5605" i="2" l="1"/>
  <c r="N5606" i="2"/>
  <c r="B5606" i="2" l="1"/>
  <c r="N5607" i="2"/>
  <c r="B5607" i="2" l="1"/>
  <c r="N5608" i="2"/>
  <c r="B5608" i="2" l="1"/>
  <c r="N5609" i="2"/>
  <c r="B5609" i="2" l="1"/>
  <c r="N5610" i="2"/>
  <c r="B5610" i="2" l="1"/>
  <c r="N5611" i="2"/>
  <c r="B5611" i="2" l="1"/>
  <c r="N5612" i="2"/>
  <c r="B5612" i="2" l="1"/>
  <c r="N5613" i="2"/>
  <c r="B5613" i="2" l="1"/>
  <c r="N5614" i="2"/>
  <c r="B5614" i="2" l="1"/>
  <c r="N5615" i="2"/>
  <c r="B5615" i="2" l="1"/>
  <c r="N5616" i="2"/>
  <c r="B5616" i="2" l="1"/>
  <c r="N5617" i="2"/>
  <c r="B5617" i="2" l="1"/>
  <c r="N5618" i="2"/>
  <c r="B5618" i="2" l="1"/>
  <c r="N5619" i="2"/>
  <c r="B5619" i="2" l="1"/>
  <c r="N5620" i="2"/>
  <c r="B5620" i="2" l="1"/>
  <c r="N5621" i="2"/>
  <c r="B5621" i="2" l="1"/>
  <c r="N5622" i="2"/>
  <c r="B5622" i="2" l="1"/>
  <c r="N5623" i="2"/>
  <c r="B5623" i="2" l="1"/>
  <c r="N5624" i="2"/>
  <c r="B5624" i="2" l="1"/>
  <c r="N5625" i="2"/>
  <c r="B5625" i="2" l="1"/>
  <c r="N5626" i="2"/>
  <c r="B5626" i="2" l="1"/>
  <c r="N5627" i="2"/>
  <c r="B5627" i="2" l="1"/>
  <c r="N5628" i="2"/>
  <c r="B5628" i="2" l="1"/>
  <c r="N5629" i="2"/>
  <c r="B5629" i="2" l="1"/>
  <c r="N5630" i="2"/>
  <c r="B5630" i="2" l="1"/>
  <c r="N5631" i="2"/>
  <c r="B5631" i="2" l="1"/>
  <c r="N5632" i="2"/>
  <c r="B5632" i="2" l="1"/>
  <c r="N5633" i="2"/>
  <c r="B5633" i="2" l="1"/>
  <c r="N5634" i="2"/>
  <c r="B5634" i="2" l="1"/>
  <c r="N5635" i="2"/>
  <c r="B5635" i="2" l="1"/>
  <c r="N5636" i="2"/>
  <c r="B5636" i="2" l="1"/>
  <c r="N5637" i="2"/>
  <c r="B5637" i="2" l="1"/>
  <c r="N5638" i="2"/>
  <c r="B5638" i="2" l="1"/>
  <c r="N5639" i="2"/>
  <c r="B5639" i="2" l="1"/>
  <c r="N5640" i="2"/>
  <c r="B5640" i="2" l="1"/>
  <c r="N5641" i="2"/>
  <c r="B5641" i="2" l="1"/>
  <c r="N5642" i="2"/>
  <c r="B5642" i="2" l="1"/>
  <c r="N5643" i="2"/>
  <c r="B5643" i="2" l="1"/>
  <c r="N5644" i="2"/>
  <c r="B5644" i="2" l="1"/>
  <c r="N5645" i="2"/>
  <c r="B5645" i="2" l="1"/>
  <c r="N5646" i="2"/>
  <c r="B5646" i="2" l="1"/>
  <c r="N5647" i="2"/>
  <c r="B5647" i="2" l="1"/>
  <c r="N5648" i="2"/>
  <c r="B5648" i="2" l="1"/>
  <c r="N5649" i="2"/>
  <c r="B5649" i="2" l="1"/>
  <c r="N5650" i="2"/>
  <c r="B5650" i="2" l="1"/>
  <c r="N5651" i="2"/>
  <c r="B5651" i="2" l="1"/>
  <c r="N5652" i="2"/>
  <c r="B5652" i="2" l="1"/>
  <c r="N5653" i="2"/>
  <c r="B5653" i="2" l="1"/>
  <c r="N5654" i="2"/>
  <c r="B5654" i="2" l="1"/>
  <c r="N5655" i="2"/>
  <c r="B5655" i="2" l="1"/>
  <c r="N5656" i="2"/>
  <c r="B5656" i="2" l="1"/>
  <c r="N5657" i="2"/>
  <c r="B5657" i="2" l="1"/>
  <c r="N5658" i="2"/>
  <c r="B5658" i="2" l="1"/>
  <c r="N5659" i="2"/>
  <c r="B5659" i="2" l="1"/>
  <c r="N5660" i="2"/>
  <c r="B5660" i="2" l="1"/>
  <c r="N5661" i="2"/>
  <c r="B5661" i="2" l="1"/>
  <c r="N5662" i="2"/>
  <c r="B5662" i="2" l="1"/>
  <c r="N5663" i="2"/>
  <c r="B5663" i="2" l="1"/>
  <c r="N5664" i="2"/>
  <c r="B5664" i="2" l="1"/>
  <c r="N5665" i="2"/>
  <c r="B5665" i="2" l="1"/>
  <c r="N5666" i="2"/>
  <c r="B5666" i="2" l="1"/>
  <c r="N5667" i="2"/>
  <c r="B5667" i="2" l="1"/>
  <c r="N5668" i="2"/>
  <c r="B5668" i="2" l="1"/>
  <c r="N5669" i="2"/>
  <c r="B5669" i="2" l="1"/>
  <c r="N5670" i="2"/>
  <c r="B5670" i="2" l="1"/>
  <c r="N5671" i="2"/>
  <c r="B5671" i="2" l="1"/>
  <c r="N5672" i="2"/>
  <c r="B5672" i="2" l="1"/>
  <c r="N5673" i="2"/>
  <c r="B5673" i="2" l="1"/>
  <c r="N5674" i="2"/>
  <c r="B5674" i="2" l="1"/>
  <c r="N5675" i="2"/>
  <c r="B5675" i="2" l="1"/>
  <c r="N5676" i="2"/>
  <c r="B5676" i="2" l="1"/>
  <c r="N5677" i="2"/>
  <c r="B5677" i="2" l="1"/>
  <c r="N5678" i="2"/>
  <c r="B5678" i="2" l="1"/>
  <c r="N5679" i="2"/>
  <c r="B5679" i="2" l="1"/>
  <c r="N5680" i="2"/>
  <c r="B5680" i="2" l="1"/>
  <c r="N5681" i="2"/>
  <c r="B5681" i="2" l="1"/>
  <c r="N5682" i="2"/>
  <c r="B5682" i="2" l="1"/>
  <c r="N5683" i="2"/>
  <c r="B5683" i="2" l="1"/>
  <c r="N5684" i="2"/>
  <c r="B5684" i="2" l="1"/>
  <c r="N5685" i="2"/>
  <c r="B5685" i="2" l="1"/>
  <c r="N5686" i="2"/>
  <c r="B5686" i="2" l="1"/>
  <c r="N5687" i="2"/>
  <c r="B5687" i="2" l="1"/>
  <c r="N5688" i="2"/>
  <c r="B5688" i="2" l="1"/>
  <c r="N5689" i="2"/>
  <c r="B5689" i="2" l="1"/>
  <c r="N5690" i="2"/>
  <c r="B5690" i="2" l="1"/>
  <c r="N5691" i="2"/>
  <c r="B5691" i="2" l="1"/>
  <c r="N5692" i="2"/>
  <c r="B5692" i="2" l="1"/>
  <c r="N5693" i="2"/>
  <c r="B5693" i="2" l="1"/>
  <c r="N5694" i="2"/>
  <c r="B5694" i="2" l="1"/>
  <c r="N5695" i="2"/>
  <c r="B5695" i="2" l="1"/>
  <c r="N5696" i="2"/>
  <c r="B5696" i="2" l="1"/>
  <c r="N5697" i="2"/>
  <c r="B5697" i="2" l="1"/>
  <c r="N5698" i="2"/>
  <c r="B5698" i="2" l="1"/>
  <c r="N5699" i="2"/>
  <c r="B5699" i="2" l="1"/>
  <c r="N5700" i="2"/>
  <c r="B5700" i="2" l="1"/>
  <c r="N5701" i="2"/>
  <c r="B5701" i="2" l="1"/>
  <c r="N5702" i="2"/>
  <c r="B5702" i="2" l="1"/>
  <c r="N5703" i="2"/>
  <c r="B5703" i="2" l="1"/>
  <c r="N5704" i="2"/>
  <c r="B5704" i="2" l="1"/>
  <c r="N5705" i="2"/>
  <c r="B5705" i="2" l="1"/>
  <c r="N5706" i="2"/>
  <c r="B5706" i="2" l="1"/>
  <c r="N5707" i="2"/>
  <c r="B5707" i="2" l="1"/>
  <c r="N5708" i="2"/>
  <c r="B5708" i="2" l="1"/>
  <c r="N5709" i="2"/>
  <c r="B5709" i="2" l="1"/>
  <c r="N5710" i="2"/>
  <c r="B5710" i="2" l="1"/>
  <c r="N5711" i="2"/>
  <c r="B5711" i="2" l="1"/>
  <c r="N5712" i="2"/>
  <c r="B5712" i="2" l="1"/>
  <c r="N5713" i="2"/>
  <c r="B5713" i="2" l="1"/>
  <c r="N5714" i="2"/>
  <c r="B5714" i="2" l="1"/>
  <c r="N5715" i="2"/>
  <c r="B5715" i="2" l="1"/>
  <c r="N5716" i="2"/>
  <c r="B5716" i="2" l="1"/>
  <c r="N5717" i="2"/>
  <c r="B5717" i="2" l="1"/>
  <c r="N5718" i="2"/>
  <c r="B5718" i="2" l="1"/>
  <c r="N5719" i="2"/>
  <c r="B5719" i="2" l="1"/>
  <c r="N5720" i="2"/>
  <c r="B5720" i="2" l="1"/>
  <c r="N5721" i="2"/>
  <c r="B5721" i="2" l="1"/>
  <c r="N5722" i="2"/>
  <c r="B5722" i="2" l="1"/>
  <c r="N5723" i="2"/>
  <c r="B5723" i="2" l="1"/>
  <c r="N5724" i="2"/>
  <c r="B5724" i="2" l="1"/>
  <c r="N5725" i="2"/>
  <c r="B5725" i="2" l="1"/>
  <c r="N5726" i="2"/>
  <c r="B5726" i="2" l="1"/>
  <c r="N5727" i="2"/>
  <c r="B5727" i="2" l="1"/>
  <c r="N5728" i="2"/>
  <c r="B5728" i="2" l="1"/>
  <c r="N5729" i="2"/>
  <c r="B5729" i="2" l="1"/>
  <c r="N5730" i="2"/>
  <c r="B5730" i="2" l="1"/>
  <c r="N5731" i="2"/>
  <c r="B5731" i="2" l="1"/>
  <c r="N5732" i="2"/>
  <c r="B5732" i="2" l="1"/>
  <c r="N5733" i="2"/>
  <c r="B5733" i="2" l="1"/>
  <c r="N5734" i="2"/>
  <c r="B5734" i="2" l="1"/>
  <c r="N5735" i="2"/>
  <c r="B5735" i="2" l="1"/>
  <c r="N5736" i="2"/>
  <c r="B5736" i="2" l="1"/>
  <c r="N5737" i="2"/>
  <c r="B5737" i="2" l="1"/>
  <c r="N5738" i="2"/>
  <c r="B5738" i="2" l="1"/>
  <c r="N5739" i="2"/>
  <c r="B5739" i="2" l="1"/>
  <c r="N5740" i="2"/>
  <c r="B5740" i="2" l="1"/>
  <c r="N5741" i="2"/>
  <c r="B5741" i="2" l="1"/>
  <c r="N5742" i="2"/>
  <c r="B5742" i="2" l="1"/>
  <c r="N5743" i="2"/>
  <c r="B5743" i="2" l="1"/>
  <c r="N5744" i="2"/>
  <c r="B5744" i="2" l="1"/>
  <c r="N5745" i="2"/>
  <c r="B5745" i="2" l="1"/>
  <c r="N5746" i="2"/>
  <c r="B5746" i="2" l="1"/>
  <c r="N5747" i="2"/>
  <c r="B5747" i="2" l="1"/>
  <c r="N5748" i="2"/>
  <c r="B5748" i="2" l="1"/>
  <c r="N5749" i="2"/>
  <c r="B5749" i="2" l="1"/>
  <c r="N5750" i="2"/>
  <c r="B5750" i="2" l="1"/>
  <c r="N5751" i="2"/>
  <c r="B5751" i="2" l="1"/>
  <c r="N5752" i="2"/>
  <c r="B5752" i="2" l="1"/>
  <c r="N5753" i="2"/>
  <c r="B5753" i="2" l="1"/>
  <c r="N5754" i="2"/>
  <c r="B5754" i="2" l="1"/>
  <c r="N5755" i="2"/>
  <c r="B5755" i="2" l="1"/>
  <c r="N5756" i="2"/>
  <c r="B5756" i="2" l="1"/>
  <c r="N5757" i="2"/>
  <c r="B5757" i="2" l="1"/>
  <c r="N5758" i="2"/>
  <c r="B5758" i="2" l="1"/>
  <c r="N5759" i="2"/>
  <c r="B5759" i="2" l="1"/>
  <c r="N5760" i="2"/>
  <c r="B5760" i="2" l="1"/>
  <c r="N5761" i="2"/>
  <c r="B5761" i="2" l="1"/>
  <c r="N5762" i="2"/>
  <c r="B5762" i="2" l="1"/>
  <c r="N5763" i="2"/>
  <c r="B5763" i="2" l="1"/>
  <c r="N5764" i="2"/>
  <c r="B5764" i="2" l="1"/>
  <c r="N5765" i="2"/>
  <c r="B5765" i="2" l="1"/>
  <c r="N5766" i="2"/>
  <c r="B5766" i="2" l="1"/>
  <c r="N5767" i="2"/>
  <c r="B5767" i="2" l="1"/>
  <c r="N5768" i="2"/>
  <c r="B5768" i="2" l="1"/>
  <c r="N5769" i="2"/>
  <c r="B5769" i="2" l="1"/>
  <c r="N5770" i="2"/>
  <c r="B5770" i="2" l="1"/>
  <c r="N5771" i="2"/>
  <c r="B5771" i="2" l="1"/>
  <c r="N5772" i="2"/>
  <c r="B5772" i="2" l="1"/>
  <c r="N5773" i="2"/>
  <c r="B5773" i="2" l="1"/>
  <c r="N5774" i="2"/>
  <c r="B5774" i="2" l="1"/>
  <c r="N5775" i="2"/>
  <c r="B5775" i="2" l="1"/>
  <c r="N5776" i="2"/>
  <c r="B5776" i="2" l="1"/>
  <c r="N5777" i="2"/>
  <c r="B5777" i="2" l="1"/>
  <c r="N5778" i="2"/>
  <c r="B5778" i="2" l="1"/>
  <c r="N5779" i="2"/>
  <c r="B5779" i="2" l="1"/>
  <c r="N5780" i="2"/>
  <c r="B5780" i="2" l="1"/>
  <c r="N5781" i="2"/>
  <c r="B5781" i="2" l="1"/>
  <c r="N5782" i="2"/>
  <c r="B5782" i="2" l="1"/>
  <c r="N5783" i="2"/>
  <c r="B5783" i="2" l="1"/>
  <c r="N5784" i="2"/>
  <c r="B5784" i="2" l="1"/>
  <c r="N5785" i="2"/>
  <c r="B5785" i="2" l="1"/>
  <c r="N5786" i="2"/>
  <c r="B5786" i="2" l="1"/>
  <c r="N5787" i="2"/>
  <c r="B5787" i="2" l="1"/>
  <c r="N5788" i="2"/>
  <c r="B5788" i="2" l="1"/>
  <c r="N5789" i="2"/>
  <c r="B5789" i="2" l="1"/>
  <c r="N5790" i="2"/>
  <c r="B5790" i="2" l="1"/>
  <c r="N5791" i="2"/>
  <c r="B5791" i="2" l="1"/>
  <c r="N5792" i="2"/>
  <c r="B5792" i="2" l="1"/>
  <c r="N5793" i="2"/>
  <c r="B5793" i="2" l="1"/>
  <c r="N5794" i="2"/>
  <c r="B5794" i="2" l="1"/>
  <c r="N5795" i="2"/>
  <c r="B5795" i="2" l="1"/>
  <c r="N5796" i="2"/>
  <c r="B5796" i="2" l="1"/>
  <c r="N5797" i="2"/>
  <c r="B5797" i="2" l="1"/>
  <c r="N5798" i="2"/>
  <c r="B5798" i="2" l="1"/>
  <c r="N5799" i="2"/>
  <c r="B5799" i="2" l="1"/>
  <c r="N5800" i="2"/>
  <c r="B5800" i="2" l="1"/>
  <c r="N5801" i="2"/>
  <c r="B5801" i="2" l="1"/>
  <c r="N5802" i="2"/>
  <c r="B5802" i="2" l="1"/>
  <c r="N5803" i="2"/>
  <c r="B5803" i="2" l="1"/>
  <c r="N5804" i="2"/>
  <c r="B5804" i="2" l="1"/>
  <c r="N5805" i="2"/>
  <c r="B5805" i="2" l="1"/>
  <c r="N5806" i="2"/>
  <c r="B5806" i="2" l="1"/>
  <c r="N5807" i="2"/>
  <c r="B5807" i="2" l="1"/>
  <c r="N5808" i="2"/>
  <c r="B5808" i="2" l="1"/>
  <c r="N5809" i="2"/>
  <c r="B5809" i="2" l="1"/>
  <c r="N5810" i="2"/>
  <c r="B5810" i="2" l="1"/>
  <c r="N5811" i="2"/>
  <c r="B5811" i="2" l="1"/>
  <c r="N5812" i="2"/>
  <c r="B5812" i="2" l="1"/>
  <c r="N5813" i="2"/>
  <c r="B5813" i="2" l="1"/>
  <c r="N5814" i="2"/>
  <c r="B5814" i="2" l="1"/>
  <c r="N5815" i="2"/>
  <c r="B5815" i="2" l="1"/>
  <c r="N5816" i="2"/>
  <c r="B5816" i="2" l="1"/>
  <c r="N5817" i="2"/>
  <c r="B5817" i="2" l="1"/>
  <c r="N5818" i="2"/>
  <c r="B5818" i="2" l="1"/>
  <c r="N5819" i="2"/>
  <c r="B5819" i="2" l="1"/>
  <c r="N5820" i="2"/>
  <c r="B5820" i="2" l="1"/>
  <c r="N5821" i="2"/>
  <c r="B5821" i="2" l="1"/>
  <c r="N5822" i="2"/>
  <c r="B5822" i="2" l="1"/>
  <c r="N5823" i="2"/>
  <c r="B5823" i="2" l="1"/>
  <c r="N5824" i="2"/>
  <c r="B5824" i="2" l="1"/>
  <c r="N5825" i="2"/>
  <c r="B5825" i="2" l="1"/>
  <c r="N5826" i="2"/>
  <c r="B5826" i="2" l="1"/>
  <c r="N5827" i="2"/>
  <c r="B5827" i="2" l="1"/>
  <c r="N5828" i="2"/>
  <c r="B5828" i="2" l="1"/>
  <c r="N5829" i="2"/>
  <c r="B5829" i="2" l="1"/>
  <c r="N5830" i="2"/>
  <c r="B5830" i="2" l="1"/>
  <c r="N5831" i="2"/>
  <c r="B5831" i="2" l="1"/>
  <c r="N5832" i="2"/>
  <c r="B5832" i="2" l="1"/>
  <c r="N5833" i="2"/>
  <c r="B5833" i="2" l="1"/>
  <c r="N5834" i="2"/>
  <c r="B5834" i="2" l="1"/>
  <c r="N5835" i="2"/>
  <c r="B5835" i="2" l="1"/>
  <c r="N5836" i="2"/>
  <c r="B5836" i="2" l="1"/>
  <c r="N5837" i="2"/>
  <c r="B5837" i="2" l="1"/>
  <c r="N5838" i="2"/>
  <c r="B5838" i="2" l="1"/>
  <c r="N5839" i="2"/>
  <c r="B5839" i="2" l="1"/>
  <c r="N5840" i="2"/>
  <c r="B5840" i="2" l="1"/>
  <c r="N5841" i="2"/>
  <c r="B5841" i="2" l="1"/>
  <c r="N5842" i="2"/>
  <c r="B5842" i="2" l="1"/>
  <c r="N5843" i="2"/>
  <c r="B5843" i="2" l="1"/>
  <c r="N5844" i="2"/>
  <c r="B5844" i="2" l="1"/>
  <c r="N5845" i="2"/>
  <c r="B5845" i="2" l="1"/>
  <c r="N5846" i="2"/>
  <c r="B5846" i="2" l="1"/>
  <c r="N5847" i="2"/>
  <c r="B5847" i="2" l="1"/>
  <c r="N5848" i="2"/>
  <c r="B5848" i="2" l="1"/>
  <c r="N5849" i="2"/>
  <c r="B5849" i="2" l="1"/>
  <c r="N5850" i="2"/>
  <c r="B5850" i="2" l="1"/>
  <c r="N5851" i="2"/>
  <c r="B5851" i="2" l="1"/>
  <c r="N5852" i="2"/>
  <c r="B5852" i="2" l="1"/>
  <c r="N5853" i="2"/>
  <c r="B5853" i="2" l="1"/>
  <c r="N5854" i="2"/>
  <c r="B5854" i="2" l="1"/>
  <c r="N5855" i="2"/>
  <c r="B5855" i="2" l="1"/>
  <c r="N5856" i="2"/>
  <c r="B5856" i="2" l="1"/>
  <c r="N5857" i="2"/>
  <c r="B5857" i="2" l="1"/>
  <c r="N5858" i="2"/>
  <c r="B5858" i="2" l="1"/>
  <c r="N5859" i="2"/>
  <c r="B5859" i="2" l="1"/>
  <c r="N5860" i="2"/>
  <c r="B5860" i="2" l="1"/>
  <c r="N5861" i="2"/>
  <c r="B5861" i="2" l="1"/>
  <c r="N5862" i="2"/>
  <c r="B5862" i="2" l="1"/>
  <c r="N5863" i="2"/>
  <c r="B5863" i="2" l="1"/>
  <c r="N5864" i="2"/>
  <c r="B5864" i="2" l="1"/>
  <c r="N5865" i="2"/>
  <c r="B5865" i="2" l="1"/>
  <c r="N5866" i="2"/>
  <c r="B5866" i="2" l="1"/>
  <c r="N5867" i="2"/>
  <c r="B5867" i="2" l="1"/>
  <c r="N5868" i="2"/>
  <c r="B5868" i="2" l="1"/>
  <c r="N5869" i="2"/>
  <c r="B5869" i="2" l="1"/>
  <c r="N5870" i="2"/>
  <c r="B5870" i="2" l="1"/>
  <c r="N5871" i="2"/>
  <c r="B5871" i="2" l="1"/>
  <c r="N5872" i="2"/>
  <c r="B5872" i="2" l="1"/>
  <c r="N5873" i="2"/>
  <c r="B5873" i="2" l="1"/>
  <c r="N5874" i="2"/>
  <c r="B5874" i="2" l="1"/>
  <c r="N5875" i="2"/>
  <c r="B5875" i="2" l="1"/>
  <c r="N5876" i="2"/>
  <c r="B5876" i="2" l="1"/>
  <c r="N5877" i="2"/>
  <c r="B5877" i="2" l="1"/>
  <c r="N5878" i="2"/>
  <c r="B5878" i="2" l="1"/>
  <c r="N5879" i="2"/>
  <c r="B5879" i="2" l="1"/>
  <c r="N5880" i="2"/>
  <c r="B5880" i="2" l="1"/>
  <c r="N5881" i="2"/>
  <c r="B5881" i="2" l="1"/>
  <c r="N5882" i="2"/>
  <c r="B5882" i="2" l="1"/>
  <c r="N5883" i="2"/>
  <c r="B5883" i="2" l="1"/>
  <c r="N5884" i="2"/>
  <c r="B5884" i="2" l="1"/>
  <c r="N5885" i="2"/>
  <c r="B5885" i="2" l="1"/>
  <c r="N5886" i="2"/>
  <c r="B5886" i="2" l="1"/>
  <c r="N5887" i="2"/>
  <c r="B5887" i="2" l="1"/>
  <c r="N5888" i="2"/>
  <c r="B5888" i="2" l="1"/>
  <c r="N5889" i="2"/>
  <c r="B5889" i="2" l="1"/>
  <c r="N5890" i="2"/>
  <c r="B5890" i="2" l="1"/>
  <c r="N5891" i="2"/>
  <c r="B5891" i="2" l="1"/>
  <c r="N5892" i="2"/>
  <c r="B5892" i="2" l="1"/>
  <c r="N5893" i="2"/>
  <c r="B5893" i="2" l="1"/>
  <c r="N5894" i="2"/>
  <c r="B5894" i="2" l="1"/>
  <c r="N5895" i="2"/>
  <c r="B5895" i="2" l="1"/>
  <c r="N5896" i="2"/>
  <c r="B5896" i="2" l="1"/>
  <c r="N5897" i="2"/>
  <c r="B5897" i="2" l="1"/>
  <c r="N5898" i="2"/>
  <c r="B5898" i="2" l="1"/>
  <c r="N5899" i="2"/>
  <c r="B5899" i="2" l="1"/>
  <c r="N5900" i="2"/>
  <c r="B5900" i="2" l="1"/>
  <c r="N5901" i="2"/>
  <c r="B5901" i="2" l="1"/>
  <c r="N5902" i="2"/>
  <c r="B5902" i="2" l="1"/>
  <c r="N5903" i="2"/>
  <c r="B5903" i="2" l="1"/>
  <c r="N5904" i="2"/>
  <c r="B5904" i="2" l="1"/>
  <c r="N5905" i="2"/>
  <c r="B5905" i="2" l="1"/>
  <c r="N5906" i="2"/>
  <c r="B5906" i="2" l="1"/>
  <c r="N5907" i="2"/>
  <c r="B5907" i="2" l="1"/>
  <c r="N5908" i="2"/>
  <c r="B5908" i="2" l="1"/>
  <c r="N5909" i="2"/>
  <c r="B5909" i="2" l="1"/>
  <c r="N5910" i="2"/>
  <c r="B5910" i="2" l="1"/>
  <c r="N5911" i="2"/>
  <c r="B5911" i="2" l="1"/>
  <c r="N5912" i="2"/>
  <c r="B5912" i="2" l="1"/>
  <c r="N5913" i="2"/>
  <c r="B5913" i="2" l="1"/>
  <c r="N5914" i="2"/>
  <c r="B5914" i="2" l="1"/>
  <c r="N5915" i="2"/>
  <c r="B5915" i="2" l="1"/>
  <c r="N5916" i="2"/>
  <c r="B5916" i="2" l="1"/>
  <c r="N5917" i="2"/>
  <c r="B5917" i="2" l="1"/>
  <c r="N5918" i="2"/>
  <c r="B5918" i="2" l="1"/>
  <c r="N5919" i="2"/>
  <c r="B5919" i="2" l="1"/>
  <c r="N5920" i="2"/>
  <c r="B5920" i="2" l="1"/>
  <c r="N5921" i="2"/>
  <c r="B5921" i="2" l="1"/>
  <c r="N5922" i="2"/>
  <c r="B5922" i="2" l="1"/>
  <c r="N5923" i="2"/>
  <c r="B5923" i="2" l="1"/>
  <c r="N5924" i="2"/>
  <c r="B5924" i="2" l="1"/>
  <c r="N5925" i="2"/>
  <c r="B5925" i="2" l="1"/>
  <c r="N5926" i="2"/>
  <c r="B5926" i="2" l="1"/>
  <c r="N5927" i="2"/>
  <c r="B5927" i="2" l="1"/>
  <c r="N5928" i="2"/>
  <c r="B5928" i="2" l="1"/>
  <c r="N5929" i="2"/>
  <c r="B5929" i="2" l="1"/>
  <c r="N5930" i="2"/>
  <c r="B5930" i="2" l="1"/>
  <c r="N5931" i="2"/>
  <c r="B5931" i="2" l="1"/>
  <c r="N5932" i="2"/>
  <c r="B5932" i="2" l="1"/>
  <c r="N5933" i="2"/>
  <c r="B5933" i="2" l="1"/>
  <c r="N5934" i="2"/>
  <c r="B5934" i="2" l="1"/>
  <c r="N5935" i="2"/>
  <c r="B5935" i="2" l="1"/>
  <c r="N5936" i="2"/>
  <c r="B5936" i="2" l="1"/>
  <c r="N5937" i="2"/>
  <c r="B5937" i="2" l="1"/>
  <c r="N5938" i="2"/>
  <c r="B5938" i="2" l="1"/>
  <c r="N5939" i="2"/>
  <c r="B5939" i="2" l="1"/>
  <c r="N5940" i="2"/>
  <c r="B5940" i="2" l="1"/>
  <c r="N5941" i="2"/>
  <c r="B5941" i="2" l="1"/>
  <c r="N5942" i="2"/>
  <c r="B5942" i="2" l="1"/>
  <c r="N5943" i="2"/>
  <c r="B5943" i="2" l="1"/>
  <c r="N5944" i="2"/>
  <c r="B5944" i="2" l="1"/>
  <c r="N5945" i="2"/>
  <c r="B5945" i="2" l="1"/>
  <c r="N5946" i="2"/>
  <c r="B5946" i="2" l="1"/>
  <c r="N5947" i="2"/>
  <c r="B5947" i="2" l="1"/>
  <c r="N5948" i="2"/>
  <c r="B5948" i="2" l="1"/>
  <c r="N5949" i="2"/>
  <c r="B5949" i="2" l="1"/>
  <c r="N5950" i="2"/>
  <c r="B5950" i="2" l="1"/>
  <c r="N5951" i="2"/>
  <c r="B5951" i="2" l="1"/>
  <c r="N5952" i="2"/>
  <c r="B5952" i="2" l="1"/>
  <c r="N5953" i="2"/>
  <c r="B5953" i="2" l="1"/>
  <c r="N5954" i="2"/>
  <c r="B5954" i="2" l="1"/>
  <c r="N5955" i="2"/>
  <c r="B5955" i="2" l="1"/>
  <c r="N5956" i="2"/>
  <c r="B5956" i="2" l="1"/>
  <c r="N5957" i="2"/>
  <c r="B5957" i="2" l="1"/>
  <c r="N5958" i="2"/>
  <c r="B5958" i="2" l="1"/>
  <c r="N5959" i="2"/>
  <c r="B5959" i="2" l="1"/>
  <c r="N5960" i="2"/>
  <c r="B5960" i="2" l="1"/>
  <c r="N5961" i="2"/>
  <c r="B5961" i="2" l="1"/>
  <c r="N5962" i="2"/>
  <c r="B5962" i="2" l="1"/>
  <c r="N5963" i="2"/>
  <c r="B5963" i="2" l="1"/>
  <c r="N5964" i="2"/>
  <c r="B5964" i="2" l="1"/>
  <c r="N5965" i="2"/>
  <c r="B5965" i="2" l="1"/>
  <c r="N5966" i="2"/>
  <c r="B5966" i="2" l="1"/>
  <c r="N5967" i="2"/>
  <c r="B5967" i="2" l="1"/>
  <c r="N5968" i="2"/>
  <c r="B5968" i="2" l="1"/>
  <c r="N5969" i="2"/>
  <c r="B5969" i="2" l="1"/>
  <c r="N5970" i="2"/>
  <c r="B5970" i="2" l="1"/>
  <c r="N5971" i="2"/>
  <c r="B5971" i="2" l="1"/>
  <c r="N5972" i="2"/>
  <c r="B5972" i="2" l="1"/>
  <c r="N5973" i="2"/>
  <c r="B5973" i="2" l="1"/>
  <c r="N5974" i="2"/>
  <c r="B5974" i="2" l="1"/>
  <c r="N5975" i="2"/>
  <c r="B5975" i="2" l="1"/>
  <c r="N5976" i="2"/>
  <c r="B5976" i="2" l="1"/>
  <c r="N5977" i="2"/>
  <c r="B5977" i="2" l="1"/>
  <c r="N5978" i="2"/>
  <c r="B5978" i="2" l="1"/>
  <c r="N5979" i="2"/>
  <c r="B5979" i="2" l="1"/>
  <c r="N5980" i="2"/>
  <c r="B5980" i="2" l="1"/>
  <c r="N5981" i="2"/>
  <c r="B5981" i="2" l="1"/>
  <c r="N5982" i="2"/>
  <c r="B5982" i="2" l="1"/>
  <c r="N5983" i="2"/>
  <c r="B5983" i="2" l="1"/>
  <c r="N5984" i="2"/>
  <c r="B5984" i="2" l="1"/>
  <c r="N5985" i="2"/>
  <c r="B5985" i="2" l="1"/>
  <c r="N5986" i="2"/>
  <c r="B5986" i="2" l="1"/>
  <c r="N5987" i="2"/>
  <c r="B5987" i="2" l="1"/>
  <c r="N5988" i="2"/>
  <c r="B5988" i="2" l="1"/>
  <c r="N5989" i="2"/>
  <c r="B5989" i="2" l="1"/>
  <c r="N5990" i="2"/>
  <c r="B5990" i="2" l="1"/>
  <c r="N5991" i="2"/>
  <c r="B5991" i="2" l="1"/>
  <c r="N5992" i="2"/>
  <c r="B5992" i="2" l="1"/>
  <c r="N5993" i="2"/>
  <c r="B5993" i="2" l="1"/>
  <c r="N5994" i="2"/>
  <c r="B5994" i="2" l="1"/>
  <c r="N5995" i="2"/>
  <c r="B5995" i="2" l="1"/>
  <c r="N5996" i="2"/>
  <c r="B5996" i="2" l="1"/>
  <c r="N5997" i="2"/>
  <c r="B5997" i="2" l="1"/>
  <c r="N5998" i="2"/>
  <c r="B5998" i="2" l="1"/>
  <c r="N5999" i="2"/>
  <c r="B5999" i="2" l="1"/>
  <c r="N6000" i="2"/>
  <c r="B6000" i="2" l="1"/>
  <c r="N6001" i="2"/>
  <c r="B6001" i="2" l="1"/>
  <c r="N6002" i="2"/>
  <c r="B6002" i="2" l="1"/>
  <c r="N6003" i="2"/>
  <c r="B6003" i="2" l="1"/>
  <c r="N6004" i="2"/>
  <c r="B6004" i="2" l="1"/>
  <c r="N6005" i="2"/>
  <c r="B6005" i="2" l="1"/>
  <c r="N6006" i="2"/>
  <c r="B6006" i="2" l="1"/>
  <c r="N6007" i="2"/>
  <c r="B6007" i="2" l="1"/>
  <c r="N6008" i="2"/>
  <c r="B6008" i="2" l="1"/>
  <c r="N6009" i="2"/>
  <c r="B6009" i="2" l="1"/>
  <c r="N6010" i="2"/>
  <c r="B6010" i="2" l="1"/>
  <c r="N6011" i="2"/>
  <c r="B6011" i="2" l="1"/>
  <c r="N6012" i="2"/>
  <c r="B6012" i="2" l="1"/>
  <c r="N6013" i="2"/>
  <c r="B6013" i="2" l="1"/>
  <c r="N6014" i="2"/>
  <c r="B6014" i="2" l="1"/>
  <c r="N6015" i="2"/>
  <c r="B6015" i="2" l="1"/>
  <c r="N6016" i="2"/>
  <c r="B6016" i="2" l="1"/>
  <c r="N6017" i="2"/>
  <c r="B6017" i="2" l="1"/>
  <c r="N6018" i="2"/>
  <c r="B6018" i="2" l="1"/>
  <c r="N6019" i="2"/>
  <c r="B6019" i="2" l="1"/>
  <c r="N6020" i="2"/>
  <c r="B6020" i="2" l="1"/>
  <c r="N6021" i="2"/>
  <c r="B6021" i="2" l="1"/>
  <c r="N6022" i="2"/>
  <c r="B6022" i="2" l="1"/>
  <c r="N6023" i="2"/>
  <c r="B6023" i="2" l="1"/>
  <c r="N6024" i="2"/>
  <c r="B6024" i="2" l="1"/>
  <c r="N6025" i="2"/>
  <c r="B6025" i="2" l="1"/>
  <c r="N6026" i="2"/>
  <c r="B6026" i="2" l="1"/>
  <c r="N6027" i="2"/>
  <c r="B6027" i="2" l="1"/>
  <c r="N6028" i="2"/>
  <c r="B6028" i="2" l="1"/>
  <c r="N6029" i="2"/>
  <c r="B6029" i="2" l="1"/>
  <c r="N6030" i="2"/>
  <c r="B6030" i="2" l="1"/>
  <c r="N6031" i="2"/>
  <c r="B6031" i="2" l="1"/>
  <c r="N6032" i="2"/>
  <c r="B6032" i="2" l="1"/>
  <c r="N6033" i="2"/>
  <c r="B6033" i="2" l="1"/>
  <c r="N6034" i="2"/>
  <c r="B6034" i="2" l="1"/>
  <c r="N6035" i="2"/>
  <c r="B6035" i="2" l="1"/>
  <c r="N6036" i="2"/>
  <c r="B6036" i="2" l="1"/>
  <c r="N6037" i="2"/>
  <c r="B6037" i="2" l="1"/>
  <c r="N6038" i="2"/>
  <c r="B6038" i="2" l="1"/>
  <c r="N6039" i="2"/>
  <c r="B6039" i="2" l="1"/>
  <c r="N6040" i="2"/>
  <c r="B6040" i="2" l="1"/>
  <c r="N6041" i="2"/>
  <c r="B6041" i="2" l="1"/>
  <c r="N6042" i="2"/>
  <c r="B6042" i="2" l="1"/>
  <c r="N6043" i="2"/>
  <c r="B6043" i="2" l="1"/>
  <c r="N6044" i="2"/>
  <c r="B6044" i="2" l="1"/>
  <c r="N6045" i="2"/>
  <c r="B6045" i="2" l="1"/>
  <c r="N6046" i="2"/>
  <c r="B6046" i="2" l="1"/>
  <c r="N6047" i="2"/>
  <c r="B6047" i="2" l="1"/>
  <c r="N6048" i="2"/>
  <c r="B6048" i="2" l="1"/>
  <c r="N6049" i="2"/>
  <c r="B6049" i="2" l="1"/>
  <c r="N6050" i="2"/>
  <c r="B6050" i="2" l="1"/>
  <c r="N6051" i="2"/>
  <c r="B6051" i="2" l="1"/>
  <c r="N6052" i="2"/>
  <c r="B6052" i="2" l="1"/>
  <c r="N6053" i="2"/>
  <c r="B6053" i="2" l="1"/>
  <c r="N6054" i="2"/>
  <c r="B6054" i="2" l="1"/>
  <c r="N6055" i="2"/>
  <c r="B6055" i="2" l="1"/>
  <c r="N6056" i="2"/>
  <c r="B6056" i="2" l="1"/>
  <c r="N6057" i="2"/>
  <c r="B6057" i="2" l="1"/>
  <c r="N6058" i="2"/>
  <c r="B6058" i="2" l="1"/>
  <c r="N6059" i="2"/>
  <c r="B6059" i="2" l="1"/>
  <c r="N6060" i="2"/>
  <c r="B6060" i="2" l="1"/>
  <c r="N6061" i="2"/>
  <c r="B6061" i="2" l="1"/>
  <c r="N6062" i="2"/>
  <c r="B6062" i="2" l="1"/>
  <c r="N6063" i="2"/>
  <c r="B6063" i="2" l="1"/>
  <c r="N6064" i="2"/>
  <c r="B6064" i="2" l="1"/>
  <c r="N6065" i="2"/>
  <c r="B6065" i="2" l="1"/>
  <c r="N6066" i="2"/>
  <c r="B6066" i="2" l="1"/>
  <c r="N6067" i="2"/>
  <c r="B6067" i="2" l="1"/>
  <c r="N6068" i="2"/>
  <c r="B6068" i="2" l="1"/>
  <c r="N6069" i="2"/>
  <c r="B6069" i="2" l="1"/>
  <c r="N6070" i="2"/>
  <c r="B6070" i="2" l="1"/>
  <c r="N6071" i="2"/>
  <c r="B6071" i="2" l="1"/>
  <c r="N6072" i="2"/>
  <c r="B6072" i="2" l="1"/>
  <c r="N6073" i="2"/>
  <c r="B6073" i="2" l="1"/>
  <c r="N6074" i="2"/>
  <c r="B6074" i="2" l="1"/>
  <c r="N6075" i="2"/>
  <c r="B6075" i="2" l="1"/>
  <c r="N6076" i="2"/>
  <c r="B6076" i="2" l="1"/>
  <c r="N6077" i="2"/>
  <c r="B6077" i="2" l="1"/>
  <c r="N6078" i="2"/>
  <c r="B6078" i="2" l="1"/>
  <c r="N6079" i="2"/>
  <c r="B6079" i="2" l="1"/>
  <c r="N6080" i="2"/>
  <c r="B6080" i="2" l="1"/>
  <c r="N6081" i="2"/>
  <c r="B6081" i="2" l="1"/>
  <c r="N6082" i="2"/>
  <c r="B6082" i="2" l="1"/>
  <c r="N6083" i="2"/>
  <c r="B6083" i="2" l="1"/>
  <c r="N6084" i="2"/>
  <c r="B6084" i="2" l="1"/>
  <c r="N6085" i="2"/>
  <c r="B6085" i="2" l="1"/>
  <c r="N6086" i="2"/>
  <c r="B6086" i="2" l="1"/>
  <c r="N6087" i="2"/>
  <c r="B6087" i="2" l="1"/>
  <c r="N6088" i="2"/>
  <c r="B6088" i="2" l="1"/>
  <c r="N6089" i="2"/>
  <c r="B6089" i="2" l="1"/>
  <c r="N6090" i="2"/>
  <c r="B6090" i="2" l="1"/>
  <c r="N6091" i="2"/>
  <c r="B6091" i="2" l="1"/>
  <c r="N6092" i="2"/>
  <c r="B6092" i="2" l="1"/>
  <c r="N6093" i="2"/>
  <c r="B6093" i="2" l="1"/>
  <c r="N6094" i="2"/>
  <c r="B6094" i="2" l="1"/>
  <c r="N6095" i="2"/>
  <c r="B6095" i="2" l="1"/>
  <c r="N6096" i="2"/>
  <c r="B6096" i="2" l="1"/>
  <c r="N6097" i="2"/>
  <c r="B6097" i="2" l="1"/>
  <c r="N6098" i="2"/>
  <c r="B6098" i="2" l="1"/>
  <c r="N6099" i="2"/>
  <c r="B6099" i="2" l="1"/>
  <c r="N6100" i="2"/>
  <c r="B6100" i="2" l="1"/>
  <c r="N6101" i="2"/>
  <c r="B6101" i="2" l="1"/>
  <c r="N6102" i="2"/>
  <c r="B6102" i="2" l="1"/>
  <c r="N6103" i="2"/>
  <c r="B6103" i="2" l="1"/>
  <c r="N6104" i="2"/>
  <c r="B6104" i="2" l="1"/>
  <c r="N6105" i="2"/>
  <c r="B6105" i="2" l="1"/>
  <c r="N6106" i="2"/>
  <c r="B6106" i="2" l="1"/>
  <c r="N6107" i="2"/>
  <c r="B6107" i="2" l="1"/>
  <c r="N6108" i="2"/>
  <c r="B6108" i="2" l="1"/>
  <c r="N6109" i="2"/>
  <c r="B6109" i="2" l="1"/>
  <c r="N6110" i="2"/>
  <c r="B6110" i="2" l="1"/>
  <c r="N6111" i="2"/>
  <c r="B6111" i="2" l="1"/>
  <c r="N6112" i="2"/>
  <c r="B6112" i="2" l="1"/>
  <c r="N6113" i="2"/>
  <c r="B6113" i="2" l="1"/>
  <c r="N6114" i="2"/>
  <c r="B6114" i="2" l="1"/>
  <c r="N6115" i="2"/>
  <c r="B6115" i="2" l="1"/>
  <c r="N6116" i="2"/>
  <c r="B6116" i="2" l="1"/>
  <c r="N6117" i="2"/>
  <c r="B6117" i="2" l="1"/>
  <c r="N6118" i="2"/>
  <c r="B6118" i="2" l="1"/>
  <c r="N6119" i="2"/>
  <c r="B6119" i="2" l="1"/>
  <c r="N6120" i="2"/>
  <c r="B6120" i="2" l="1"/>
  <c r="N6121" i="2"/>
  <c r="B6121" i="2" l="1"/>
  <c r="N6122" i="2"/>
  <c r="B6122" i="2" l="1"/>
  <c r="N6123" i="2"/>
  <c r="B6123" i="2" l="1"/>
  <c r="N6124" i="2"/>
  <c r="B6124" i="2" l="1"/>
  <c r="N6125" i="2"/>
  <c r="B6125" i="2" l="1"/>
  <c r="N6126" i="2"/>
  <c r="B6126" i="2" l="1"/>
  <c r="N6127" i="2"/>
  <c r="B6127" i="2" l="1"/>
  <c r="N6128" i="2"/>
  <c r="B6128" i="2" l="1"/>
  <c r="N6129" i="2"/>
  <c r="B6129" i="2" l="1"/>
  <c r="N6130" i="2"/>
  <c r="B6130" i="2" l="1"/>
  <c r="N6131" i="2"/>
  <c r="B6131" i="2" l="1"/>
  <c r="N6132" i="2"/>
  <c r="B6132" i="2" l="1"/>
  <c r="N6133" i="2"/>
  <c r="B6133" i="2" l="1"/>
  <c r="N6134" i="2"/>
  <c r="B6134" i="2" l="1"/>
  <c r="N6135" i="2"/>
  <c r="B6135" i="2" l="1"/>
  <c r="N6136" i="2"/>
  <c r="B6136" i="2" l="1"/>
  <c r="N6137" i="2"/>
  <c r="B6137" i="2" l="1"/>
  <c r="N6138" i="2"/>
  <c r="B6138" i="2" l="1"/>
  <c r="N6139" i="2"/>
  <c r="B6139" i="2" l="1"/>
  <c r="N6140" i="2"/>
  <c r="B6140" i="2" l="1"/>
  <c r="N6141" i="2"/>
  <c r="B6141" i="2" l="1"/>
  <c r="N6142" i="2"/>
  <c r="B6142" i="2" l="1"/>
  <c r="N6143" i="2"/>
  <c r="B6143" i="2" l="1"/>
  <c r="N6144" i="2"/>
  <c r="B6144" i="2" l="1"/>
  <c r="N6145" i="2"/>
  <c r="B6145" i="2" l="1"/>
  <c r="N6146" i="2"/>
  <c r="B6146" i="2" l="1"/>
  <c r="N6147" i="2"/>
  <c r="B6147" i="2" l="1"/>
  <c r="N6148" i="2"/>
  <c r="B6148" i="2" l="1"/>
  <c r="N6149" i="2"/>
  <c r="B6149" i="2" l="1"/>
  <c r="N6150" i="2"/>
  <c r="B6150" i="2" l="1"/>
  <c r="N6151" i="2"/>
  <c r="B6151" i="2" l="1"/>
  <c r="N6152" i="2"/>
  <c r="B6152" i="2" l="1"/>
  <c r="N6153" i="2"/>
  <c r="B6153" i="2" l="1"/>
  <c r="N6154" i="2"/>
  <c r="B6154" i="2" l="1"/>
  <c r="N6155" i="2"/>
  <c r="B6155" i="2" l="1"/>
  <c r="N6156" i="2"/>
  <c r="B6156" i="2" l="1"/>
  <c r="N6157" i="2"/>
  <c r="B6157" i="2" l="1"/>
  <c r="N6158" i="2"/>
  <c r="B6158" i="2" l="1"/>
  <c r="N6159" i="2"/>
  <c r="B6159" i="2" l="1"/>
  <c r="N6160" i="2"/>
  <c r="B6160" i="2" l="1"/>
  <c r="N6161" i="2"/>
  <c r="B6161" i="2" l="1"/>
  <c r="N6162" i="2"/>
  <c r="B6162" i="2" l="1"/>
  <c r="N6163" i="2"/>
  <c r="B6163" i="2" l="1"/>
  <c r="N6164" i="2"/>
  <c r="B6164" i="2" l="1"/>
  <c r="N6165" i="2"/>
  <c r="B6165" i="2" l="1"/>
  <c r="N6166" i="2"/>
  <c r="B6166" i="2" l="1"/>
  <c r="N6167" i="2"/>
  <c r="B6167" i="2" l="1"/>
  <c r="N6168" i="2"/>
  <c r="B6168" i="2" l="1"/>
  <c r="N6169" i="2"/>
  <c r="B6169" i="2" l="1"/>
  <c r="N6170" i="2"/>
  <c r="B6170" i="2" l="1"/>
  <c r="N6171" i="2"/>
  <c r="B6171" i="2" l="1"/>
  <c r="N6172" i="2"/>
  <c r="B6172" i="2" l="1"/>
  <c r="N6173" i="2"/>
  <c r="B6173" i="2" l="1"/>
  <c r="N6174" i="2"/>
  <c r="B6174" i="2" l="1"/>
  <c r="N6175" i="2"/>
  <c r="B6175" i="2" l="1"/>
  <c r="N6176" i="2"/>
  <c r="B6176" i="2" l="1"/>
  <c r="N6177" i="2"/>
  <c r="B6177" i="2" l="1"/>
  <c r="N6178" i="2"/>
  <c r="B6178" i="2" l="1"/>
  <c r="N6179" i="2"/>
  <c r="B6179" i="2" l="1"/>
  <c r="N6180" i="2"/>
  <c r="B6180" i="2" l="1"/>
  <c r="N6181" i="2"/>
  <c r="B6181" i="2" l="1"/>
  <c r="N6182" i="2"/>
  <c r="B6182" i="2" l="1"/>
  <c r="N6183" i="2"/>
  <c r="B6183" i="2" l="1"/>
  <c r="N6184" i="2"/>
  <c r="B6184" i="2" l="1"/>
  <c r="N6185" i="2"/>
  <c r="B6185" i="2" l="1"/>
  <c r="N6186" i="2"/>
  <c r="B6186" i="2" l="1"/>
  <c r="N6187" i="2"/>
  <c r="B6187" i="2" l="1"/>
  <c r="N6188" i="2"/>
  <c r="B6188" i="2" l="1"/>
  <c r="N6189" i="2"/>
  <c r="B6189" i="2" l="1"/>
  <c r="N6190" i="2"/>
  <c r="B6190" i="2" l="1"/>
  <c r="N6191" i="2"/>
  <c r="B6191" i="2" l="1"/>
  <c r="N6192" i="2"/>
  <c r="B6192" i="2" l="1"/>
  <c r="N6193" i="2"/>
  <c r="B6193" i="2" l="1"/>
  <c r="N6194" i="2"/>
  <c r="B6194" i="2" l="1"/>
  <c r="N6195" i="2"/>
  <c r="B6195" i="2" l="1"/>
  <c r="N6196" i="2"/>
  <c r="B6196" i="2" l="1"/>
  <c r="N6197" i="2"/>
  <c r="B6197" i="2" l="1"/>
  <c r="N6198" i="2"/>
  <c r="B6198" i="2" l="1"/>
  <c r="N6199" i="2"/>
  <c r="B6199" i="2" l="1"/>
  <c r="N6200" i="2"/>
  <c r="B6200" i="2" l="1"/>
  <c r="N6201" i="2"/>
  <c r="B6201" i="2" l="1"/>
  <c r="N6202" i="2"/>
  <c r="B6202" i="2" l="1"/>
  <c r="N6203" i="2"/>
  <c r="B6203" i="2" l="1"/>
  <c r="N6204" i="2"/>
  <c r="B6204" i="2" l="1"/>
  <c r="N6205" i="2"/>
  <c r="B6205" i="2" l="1"/>
  <c r="N6206" i="2"/>
  <c r="B6206" i="2" l="1"/>
  <c r="N6207" i="2"/>
  <c r="B6207" i="2" l="1"/>
  <c r="N6208" i="2"/>
  <c r="B6208" i="2" l="1"/>
  <c r="N6209" i="2"/>
  <c r="B6209" i="2" l="1"/>
  <c r="N6210" i="2"/>
  <c r="B6210" i="2" l="1"/>
  <c r="N6211" i="2"/>
  <c r="B6211" i="2" l="1"/>
  <c r="N6212" i="2"/>
  <c r="B6212" i="2" l="1"/>
  <c r="N6213" i="2"/>
  <c r="B6213" i="2" l="1"/>
  <c r="N6214" i="2"/>
  <c r="B6214" i="2" l="1"/>
  <c r="N6215" i="2"/>
  <c r="B6215" i="2" l="1"/>
  <c r="N6216" i="2"/>
  <c r="B6216" i="2" l="1"/>
  <c r="N6217" i="2"/>
  <c r="B6217" i="2" l="1"/>
  <c r="N6218" i="2"/>
  <c r="B6218" i="2" l="1"/>
  <c r="N6219" i="2"/>
  <c r="B6219" i="2" l="1"/>
  <c r="N6220" i="2"/>
  <c r="B6220" i="2" l="1"/>
  <c r="N6221" i="2"/>
  <c r="B6221" i="2" l="1"/>
  <c r="N6222" i="2"/>
  <c r="B6222" i="2" l="1"/>
  <c r="N6223" i="2"/>
  <c r="B6223" i="2" l="1"/>
  <c r="N6224" i="2"/>
  <c r="B6224" i="2" l="1"/>
  <c r="N6225" i="2"/>
  <c r="B6225" i="2" l="1"/>
  <c r="N6226" i="2"/>
  <c r="B6226" i="2" l="1"/>
  <c r="N6227" i="2"/>
  <c r="B6227" i="2" l="1"/>
  <c r="N6228" i="2"/>
  <c r="B6228" i="2" l="1"/>
  <c r="N6229" i="2"/>
  <c r="B6229" i="2" l="1"/>
  <c r="N6230" i="2"/>
  <c r="B6230" i="2" l="1"/>
  <c r="N6231" i="2"/>
  <c r="B6231" i="2" l="1"/>
  <c r="N6232" i="2"/>
  <c r="B6232" i="2" l="1"/>
  <c r="N6233" i="2"/>
  <c r="B6233" i="2" l="1"/>
  <c r="N6234" i="2"/>
  <c r="B6234" i="2" l="1"/>
  <c r="N6235" i="2"/>
  <c r="B6235" i="2" l="1"/>
  <c r="N6236" i="2"/>
  <c r="B6236" i="2" l="1"/>
  <c r="N6237" i="2"/>
  <c r="B6237" i="2" l="1"/>
  <c r="N6238" i="2"/>
  <c r="B6238" i="2" l="1"/>
  <c r="N6239" i="2"/>
  <c r="B6239" i="2" l="1"/>
  <c r="N6240" i="2"/>
  <c r="B6240" i="2" l="1"/>
  <c r="N6241" i="2"/>
  <c r="B6241" i="2" l="1"/>
  <c r="N6242" i="2"/>
  <c r="B6242" i="2" l="1"/>
  <c r="N6243" i="2"/>
  <c r="B6243" i="2" l="1"/>
  <c r="N6244" i="2"/>
  <c r="B6244" i="2" l="1"/>
  <c r="N6245" i="2"/>
  <c r="B6245" i="2" l="1"/>
  <c r="N6246" i="2"/>
  <c r="B6246" i="2" l="1"/>
  <c r="N6247" i="2"/>
  <c r="B6247" i="2" l="1"/>
  <c r="N6248" i="2"/>
  <c r="B6248" i="2" l="1"/>
  <c r="N6249" i="2"/>
  <c r="B6249" i="2" l="1"/>
  <c r="N6250" i="2"/>
  <c r="B6250" i="2" l="1"/>
  <c r="N6251" i="2"/>
  <c r="B6251" i="2" l="1"/>
  <c r="N6252" i="2"/>
  <c r="B6252" i="2" l="1"/>
  <c r="N6253" i="2"/>
  <c r="B6253" i="2" l="1"/>
  <c r="N6254" i="2"/>
  <c r="B6254" i="2" l="1"/>
  <c r="N6255" i="2"/>
  <c r="B6255" i="2" l="1"/>
  <c r="N6256" i="2"/>
  <c r="B6256" i="2" l="1"/>
  <c r="N6257" i="2"/>
  <c r="B6257" i="2" l="1"/>
  <c r="N6258" i="2"/>
  <c r="B6258" i="2" l="1"/>
  <c r="N6259" i="2"/>
  <c r="B6259" i="2" l="1"/>
  <c r="N6260" i="2"/>
  <c r="B6260" i="2" l="1"/>
  <c r="N6261" i="2"/>
  <c r="B6261" i="2" l="1"/>
  <c r="N6262" i="2"/>
  <c r="B6262" i="2" l="1"/>
  <c r="N6263" i="2"/>
  <c r="B6263" i="2" l="1"/>
  <c r="N6264" i="2"/>
  <c r="B6264" i="2" l="1"/>
  <c r="N6265" i="2"/>
  <c r="B6265" i="2" l="1"/>
  <c r="N6266" i="2"/>
  <c r="B6266" i="2" l="1"/>
  <c r="N6267" i="2"/>
  <c r="B6267" i="2" l="1"/>
  <c r="N6268" i="2"/>
  <c r="B6268" i="2" l="1"/>
  <c r="N6269" i="2"/>
  <c r="B6269" i="2" l="1"/>
  <c r="N6270" i="2"/>
  <c r="B6270" i="2" l="1"/>
  <c r="N6271" i="2"/>
  <c r="B6271" i="2" l="1"/>
  <c r="N6272" i="2"/>
  <c r="B6272" i="2" l="1"/>
  <c r="N6273" i="2"/>
  <c r="B6273" i="2" l="1"/>
  <c r="N6274" i="2"/>
  <c r="B6274" i="2" l="1"/>
  <c r="N6275" i="2"/>
  <c r="B6275" i="2" l="1"/>
  <c r="N6276" i="2"/>
  <c r="B6276" i="2" l="1"/>
  <c r="N6277" i="2"/>
  <c r="B6277" i="2" l="1"/>
  <c r="N6278" i="2"/>
  <c r="B6278" i="2" l="1"/>
  <c r="N6279" i="2"/>
  <c r="B6279" i="2" l="1"/>
  <c r="N6280" i="2"/>
  <c r="B6280" i="2" l="1"/>
  <c r="N6281" i="2"/>
  <c r="B6281" i="2" l="1"/>
  <c r="N6282" i="2"/>
  <c r="B6282" i="2" l="1"/>
  <c r="N6283" i="2"/>
  <c r="B6283" i="2" l="1"/>
  <c r="N6284" i="2"/>
  <c r="B6284" i="2" l="1"/>
  <c r="N6285" i="2"/>
  <c r="B6285" i="2" l="1"/>
  <c r="N6286" i="2"/>
  <c r="B6286" i="2" l="1"/>
  <c r="N6287" i="2"/>
  <c r="B6287" i="2" l="1"/>
  <c r="N6288" i="2"/>
  <c r="B6288" i="2" l="1"/>
  <c r="N6289" i="2"/>
  <c r="B6289" i="2" l="1"/>
  <c r="N6290" i="2"/>
  <c r="B6290" i="2" l="1"/>
  <c r="N6291" i="2"/>
  <c r="B6291" i="2" l="1"/>
  <c r="N6292" i="2"/>
  <c r="B6292" i="2" l="1"/>
  <c r="N6293" i="2"/>
  <c r="B6293" i="2" l="1"/>
  <c r="N6294" i="2"/>
  <c r="B6294" i="2" l="1"/>
  <c r="N6295" i="2"/>
  <c r="B6295" i="2" l="1"/>
  <c r="N6296" i="2"/>
  <c r="B6296" i="2" l="1"/>
  <c r="N6297" i="2"/>
  <c r="B6297" i="2" l="1"/>
  <c r="N6298" i="2"/>
  <c r="B6298" i="2" l="1"/>
  <c r="N6299" i="2"/>
  <c r="B6299" i="2" l="1"/>
  <c r="N6300" i="2"/>
  <c r="B6300" i="2" l="1"/>
  <c r="N6301" i="2"/>
  <c r="B6301" i="2" l="1"/>
  <c r="N6302" i="2"/>
  <c r="B6302" i="2" l="1"/>
  <c r="N6303" i="2"/>
  <c r="B6303" i="2" l="1"/>
  <c r="N6304" i="2"/>
  <c r="B6304" i="2" l="1"/>
  <c r="N6305" i="2"/>
  <c r="B6305" i="2" l="1"/>
  <c r="N6306" i="2"/>
  <c r="B6306" i="2" l="1"/>
  <c r="N6307" i="2"/>
  <c r="B6307" i="2" l="1"/>
  <c r="N6308" i="2"/>
  <c r="B6308" i="2" l="1"/>
  <c r="N6309" i="2"/>
  <c r="B6309" i="2" l="1"/>
  <c r="N6310" i="2"/>
  <c r="B6310" i="2" l="1"/>
  <c r="N6311" i="2"/>
  <c r="B6311" i="2" l="1"/>
  <c r="N6312" i="2"/>
  <c r="B6312" i="2" l="1"/>
  <c r="N6313" i="2"/>
  <c r="B6313" i="2" l="1"/>
  <c r="N6314" i="2"/>
  <c r="B6314" i="2" l="1"/>
  <c r="N6315" i="2"/>
  <c r="B6315" i="2" l="1"/>
  <c r="N6316" i="2"/>
  <c r="B6316" i="2" l="1"/>
  <c r="N6317" i="2"/>
  <c r="B6317" i="2" l="1"/>
  <c r="N6318" i="2"/>
  <c r="B6318" i="2" l="1"/>
  <c r="N6319" i="2"/>
  <c r="B6319" i="2" l="1"/>
  <c r="N6320" i="2"/>
  <c r="B6320" i="2" l="1"/>
  <c r="N6321" i="2"/>
  <c r="B6321" i="2" l="1"/>
  <c r="N6322" i="2"/>
  <c r="B6322" i="2" l="1"/>
  <c r="N6323" i="2"/>
  <c r="B6323" i="2" l="1"/>
  <c r="N6324" i="2"/>
  <c r="B6324" i="2" l="1"/>
  <c r="N6325" i="2"/>
  <c r="B6325" i="2" l="1"/>
  <c r="N6326" i="2"/>
  <c r="B6326" i="2" l="1"/>
  <c r="N6327" i="2"/>
  <c r="B6327" i="2" l="1"/>
  <c r="N6328" i="2"/>
  <c r="B6328" i="2" l="1"/>
  <c r="N6329" i="2"/>
  <c r="B6329" i="2" l="1"/>
  <c r="N6330" i="2"/>
  <c r="B6330" i="2" l="1"/>
  <c r="N6331" i="2"/>
  <c r="B6331" i="2" l="1"/>
  <c r="N6332" i="2"/>
  <c r="B6332" i="2" l="1"/>
  <c r="N6333" i="2"/>
  <c r="B6333" i="2" l="1"/>
  <c r="N6334" i="2"/>
  <c r="B6334" i="2" l="1"/>
  <c r="N6335" i="2"/>
  <c r="B6335" i="2" l="1"/>
  <c r="N6336" i="2"/>
  <c r="B6336" i="2" l="1"/>
  <c r="N6337" i="2"/>
  <c r="B6337" i="2" l="1"/>
  <c r="N6338" i="2"/>
  <c r="B6338" i="2" l="1"/>
  <c r="N6339" i="2"/>
  <c r="B6339" i="2" l="1"/>
  <c r="N6340" i="2"/>
  <c r="B6340" i="2" l="1"/>
  <c r="N6341" i="2"/>
  <c r="B6341" i="2" l="1"/>
  <c r="N6342" i="2"/>
  <c r="B6342" i="2" l="1"/>
  <c r="N6343" i="2"/>
  <c r="B6343" i="2" l="1"/>
  <c r="N6344" i="2"/>
  <c r="B6344" i="2" l="1"/>
  <c r="N6345" i="2"/>
  <c r="B6345" i="2" l="1"/>
  <c r="N6346" i="2"/>
  <c r="B6346" i="2" l="1"/>
  <c r="N6347" i="2"/>
  <c r="B6347" i="2" l="1"/>
  <c r="N6348" i="2"/>
  <c r="B6348" i="2" l="1"/>
  <c r="N6349" i="2"/>
  <c r="B6349" i="2" l="1"/>
  <c r="N6350" i="2"/>
  <c r="B6350" i="2" l="1"/>
  <c r="N6351" i="2"/>
  <c r="B6351" i="2" l="1"/>
  <c r="N6352" i="2"/>
  <c r="B6352" i="2" l="1"/>
  <c r="N6353" i="2"/>
  <c r="B6353" i="2" l="1"/>
  <c r="N6354" i="2"/>
  <c r="B6354" i="2" l="1"/>
  <c r="N6355" i="2"/>
  <c r="B6355" i="2" l="1"/>
  <c r="N6356" i="2"/>
  <c r="B6356" i="2" l="1"/>
  <c r="N6357" i="2"/>
  <c r="B6357" i="2" l="1"/>
  <c r="N6358" i="2"/>
  <c r="B6358" i="2" l="1"/>
  <c r="N6359" i="2"/>
  <c r="B6359" i="2" l="1"/>
  <c r="N6360" i="2"/>
  <c r="B6360" i="2" l="1"/>
  <c r="N6361" i="2"/>
  <c r="B6361" i="2" l="1"/>
  <c r="N6362" i="2"/>
  <c r="B6362" i="2" l="1"/>
  <c r="N6363" i="2"/>
  <c r="B6363" i="2" l="1"/>
  <c r="N6364" i="2"/>
  <c r="B6364" i="2" l="1"/>
  <c r="N6365" i="2"/>
  <c r="B6365" i="2" l="1"/>
  <c r="N6366" i="2"/>
  <c r="B6366" i="2" l="1"/>
  <c r="N6367" i="2"/>
  <c r="B6367" i="2" l="1"/>
  <c r="N6368" i="2"/>
  <c r="B6368" i="2" l="1"/>
  <c r="N6369" i="2"/>
  <c r="B6369" i="2" l="1"/>
  <c r="N6370" i="2"/>
  <c r="B6370" i="2" l="1"/>
  <c r="N6371" i="2"/>
  <c r="B6371" i="2" l="1"/>
  <c r="N6372" i="2"/>
  <c r="B6372" i="2" l="1"/>
  <c r="N6373" i="2"/>
  <c r="B6373" i="2" l="1"/>
  <c r="N6374" i="2"/>
  <c r="B6374" i="2" l="1"/>
  <c r="N6375" i="2"/>
  <c r="B6375" i="2" l="1"/>
  <c r="N6376" i="2"/>
  <c r="B6376" i="2" l="1"/>
  <c r="N6377" i="2"/>
  <c r="B6377" i="2" l="1"/>
  <c r="N6378" i="2"/>
  <c r="B6378" i="2" l="1"/>
  <c r="N6379" i="2"/>
  <c r="B6379" i="2" l="1"/>
  <c r="N6380" i="2"/>
  <c r="B6380" i="2" l="1"/>
  <c r="N6381" i="2"/>
  <c r="B6381" i="2" l="1"/>
  <c r="N6382" i="2"/>
  <c r="B6382" i="2" l="1"/>
  <c r="N6383" i="2"/>
  <c r="B6383" i="2" l="1"/>
  <c r="N6384" i="2"/>
  <c r="B6384" i="2" l="1"/>
  <c r="N6385" i="2"/>
  <c r="B6385" i="2" l="1"/>
  <c r="N6386" i="2"/>
  <c r="B6386" i="2" l="1"/>
  <c r="N6387" i="2"/>
  <c r="B6387" i="2" l="1"/>
  <c r="N6388" i="2"/>
  <c r="B6388" i="2" l="1"/>
  <c r="N6389" i="2"/>
  <c r="B6389" i="2" l="1"/>
  <c r="N6390" i="2"/>
  <c r="B6390" i="2" l="1"/>
  <c r="N6391" i="2"/>
  <c r="B6391" i="2" l="1"/>
  <c r="N6392" i="2"/>
  <c r="B6392" i="2" l="1"/>
  <c r="N6393" i="2"/>
  <c r="B6393" i="2" l="1"/>
  <c r="N6394" i="2"/>
  <c r="B6394" i="2" l="1"/>
  <c r="N6395" i="2"/>
  <c r="B6395" i="2" l="1"/>
  <c r="N6396" i="2"/>
  <c r="B6396" i="2" l="1"/>
  <c r="N6397" i="2"/>
  <c r="B6397" i="2" l="1"/>
  <c r="N6398" i="2"/>
  <c r="B6398" i="2" l="1"/>
  <c r="N6399" i="2"/>
  <c r="B6399" i="2" l="1"/>
  <c r="N6400" i="2"/>
  <c r="B6400" i="2" l="1"/>
  <c r="N6401" i="2"/>
  <c r="B6401" i="2" l="1"/>
  <c r="N6402" i="2"/>
  <c r="B6402" i="2" l="1"/>
  <c r="N6403" i="2"/>
  <c r="B6403" i="2" l="1"/>
  <c r="N6404" i="2"/>
  <c r="B6404" i="2" l="1"/>
  <c r="N6405" i="2"/>
  <c r="B6405" i="2" l="1"/>
  <c r="N6406" i="2"/>
  <c r="B6406" i="2" l="1"/>
  <c r="N6407" i="2"/>
  <c r="B6407" i="2" l="1"/>
  <c r="N6408" i="2"/>
  <c r="B6408" i="2" l="1"/>
  <c r="N6409" i="2"/>
  <c r="B6409" i="2" l="1"/>
  <c r="N6410" i="2"/>
  <c r="B6410" i="2" l="1"/>
  <c r="N6411" i="2"/>
  <c r="B6411" i="2" l="1"/>
  <c r="N6412" i="2"/>
  <c r="B6412" i="2" l="1"/>
  <c r="N6413" i="2"/>
  <c r="B6413" i="2" l="1"/>
  <c r="N6414" i="2"/>
  <c r="B6414" i="2" l="1"/>
  <c r="N6415" i="2"/>
  <c r="B6415" i="2" l="1"/>
  <c r="N6416" i="2"/>
  <c r="B6416" i="2" l="1"/>
  <c r="N6417" i="2"/>
  <c r="B6417" i="2" l="1"/>
  <c r="N6418" i="2"/>
  <c r="B6418" i="2" l="1"/>
  <c r="N6419" i="2"/>
  <c r="B6419" i="2" l="1"/>
  <c r="N6420" i="2"/>
  <c r="B6420" i="2" l="1"/>
  <c r="N6421" i="2"/>
  <c r="B6421" i="2" l="1"/>
  <c r="N6422" i="2"/>
  <c r="B6422" i="2" l="1"/>
  <c r="N6423" i="2"/>
  <c r="B6423" i="2" l="1"/>
  <c r="N6424" i="2"/>
  <c r="B6424" i="2" l="1"/>
  <c r="N6425" i="2"/>
  <c r="B6425" i="2" l="1"/>
  <c r="N6426" i="2"/>
  <c r="B6426" i="2" l="1"/>
  <c r="N6427" i="2"/>
  <c r="B6427" i="2" l="1"/>
  <c r="N6428" i="2"/>
  <c r="B6428" i="2" l="1"/>
  <c r="N6429" i="2"/>
  <c r="B6429" i="2" l="1"/>
  <c r="N6430" i="2"/>
  <c r="B6430" i="2" l="1"/>
  <c r="N6431" i="2"/>
  <c r="B6431" i="2" l="1"/>
  <c r="N6432" i="2"/>
  <c r="B6432" i="2" l="1"/>
  <c r="N6433" i="2"/>
  <c r="B6433" i="2" l="1"/>
  <c r="N6434" i="2"/>
  <c r="B6434" i="2" l="1"/>
  <c r="N6435" i="2"/>
  <c r="B6435" i="2" l="1"/>
  <c r="N6436" i="2"/>
  <c r="B6436" i="2" l="1"/>
  <c r="N6437" i="2"/>
  <c r="B6437" i="2" l="1"/>
  <c r="N6438" i="2"/>
  <c r="B6438" i="2" l="1"/>
  <c r="N6439" i="2"/>
  <c r="B6439" i="2" l="1"/>
  <c r="N6440" i="2"/>
  <c r="B6440" i="2" l="1"/>
  <c r="N6441" i="2"/>
  <c r="B6441" i="2" l="1"/>
  <c r="N6442" i="2"/>
  <c r="B6442" i="2" l="1"/>
  <c r="N6443" i="2"/>
  <c r="B6443" i="2" l="1"/>
  <c r="N6444" i="2"/>
  <c r="B6444" i="2" l="1"/>
  <c r="N6445" i="2"/>
  <c r="B6445" i="2" l="1"/>
  <c r="N6446" i="2"/>
  <c r="B6446" i="2" l="1"/>
  <c r="N6447" i="2"/>
  <c r="B6447" i="2" l="1"/>
  <c r="N6448" i="2"/>
  <c r="B6448" i="2" l="1"/>
  <c r="N6449" i="2"/>
  <c r="B6449" i="2" l="1"/>
  <c r="N6450" i="2"/>
  <c r="B6450" i="2" l="1"/>
  <c r="N6451" i="2"/>
  <c r="B6451" i="2" l="1"/>
  <c r="N6452" i="2"/>
  <c r="B6452" i="2" l="1"/>
  <c r="N6453" i="2"/>
  <c r="B6453" i="2" l="1"/>
  <c r="N6454" i="2"/>
  <c r="B6454" i="2" l="1"/>
  <c r="N6455" i="2"/>
  <c r="B6455" i="2" l="1"/>
  <c r="N6456" i="2"/>
  <c r="B6456" i="2" l="1"/>
  <c r="N6457" i="2"/>
  <c r="B6457" i="2" l="1"/>
  <c r="N6458" i="2"/>
  <c r="B6458" i="2" l="1"/>
  <c r="N6459" i="2"/>
  <c r="B6459" i="2" l="1"/>
  <c r="N6460" i="2"/>
  <c r="B6460" i="2" l="1"/>
  <c r="N6461" i="2"/>
  <c r="B6461" i="2" l="1"/>
  <c r="N6462" i="2"/>
  <c r="B6462" i="2" l="1"/>
  <c r="N6463" i="2"/>
  <c r="B6463" i="2" l="1"/>
  <c r="N6464" i="2"/>
  <c r="B6464" i="2" l="1"/>
  <c r="N6465" i="2"/>
  <c r="B6465" i="2" l="1"/>
  <c r="N6466" i="2"/>
  <c r="B6466" i="2" l="1"/>
  <c r="N6467" i="2"/>
  <c r="B6467" i="2" l="1"/>
  <c r="N6468" i="2"/>
  <c r="B6468" i="2" l="1"/>
  <c r="N6469" i="2"/>
  <c r="B6469" i="2" l="1"/>
  <c r="N6470" i="2"/>
  <c r="B6470" i="2" l="1"/>
  <c r="N6471" i="2"/>
  <c r="B6471" i="2" l="1"/>
  <c r="N6472" i="2"/>
  <c r="B6472" i="2" l="1"/>
  <c r="N6473" i="2"/>
  <c r="B6473" i="2" l="1"/>
  <c r="N6474" i="2"/>
  <c r="B6474" i="2" l="1"/>
  <c r="N6475" i="2"/>
  <c r="B6475" i="2" l="1"/>
  <c r="N6476" i="2"/>
  <c r="B6476" i="2" l="1"/>
  <c r="N6477" i="2"/>
  <c r="B6477" i="2" l="1"/>
  <c r="N6478" i="2"/>
  <c r="B6478" i="2" l="1"/>
  <c r="N6479" i="2"/>
  <c r="B6479" i="2" l="1"/>
  <c r="N6480" i="2"/>
  <c r="B6480" i="2" l="1"/>
  <c r="N6481" i="2"/>
  <c r="B6481" i="2" l="1"/>
  <c r="N6482" i="2"/>
  <c r="B6482" i="2" l="1"/>
  <c r="N6483" i="2"/>
  <c r="B6483" i="2" l="1"/>
  <c r="N6484" i="2"/>
  <c r="B6484" i="2" l="1"/>
  <c r="N6485" i="2"/>
  <c r="B6485" i="2" l="1"/>
  <c r="N6486" i="2"/>
  <c r="B6486" i="2" l="1"/>
  <c r="N6487" i="2"/>
  <c r="B6487" i="2" l="1"/>
  <c r="N6488" i="2"/>
  <c r="B6488" i="2" l="1"/>
  <c r="N6489" i="2"/>
  <c r="B6489" i="2" l="1"/>
  <c r="N6490" i="2"/>
  <c r="B6490" i="2" l="1"/>
  <c r="N6491" i="2"/>
  <c r="B6491" i="2" l="1"/>
  <c r="N6492" i="2"/>
  <c r="B6492" i="2" l="1"/>
  <c r="N6493" i="2"/>
  <c r="B6493" i="2" l="1"/>
  <c r="N6494" i="2"/>
  <c r="B6494" i="2" l="1"/>
  <c r="N6495" i="2"/>
  <c r="B6495" i="2" l="1"/>
  <c r="N6496" i="2"/>
  <c r="B6496" i="2" l="1"/>
  <c r="N6497" i="2"/>
  <c r="B6497" i="2" l="1"/>
  <c r="N6498" i="2"/>
  <c r="B6498" i="2" l="1"/>
  <c r="N6499" i="2"/>
  <c r="B6499" i="2" l="1"/>
  <c r="N6500" i="2"/>
  <c r="B6500" i="2" l="1"/>
  <c r="N6501" i="2"/>
  <c r="B6501" i="2" l="1"/>
  <c r="N6502" i="2"/>
  <c r="B6502" i="2" l="1"/>
  <c r="N6503" i="2"/>
  <c r="B6503" i="2" l="1"/>
  <c r="N6504" i="2"/>
  <c r="B6504" i="2" l="1"/>
  <c r="N6505" i="2"/>
  <c r="B6505" i="2" l="1"/>
  <c r="N6506" i="2"/>
  <c r="B6506" i="2" l="1"/>
  <c r="N6507" i="2"/>
  <c r="B6507" i="2" l="1"/>
  <c r="N6508" i="2"/>
  <c r="B6508" i="2" l="1"/>
  <c r="N6509" i="2"/>
  <c r="B6509" i="2" l="1"/>
  <c r="N6510" i="2"/>
  <c r="B6510" i="2" l="1"/>
  <c r="N6511" i="2"/>
  <c r="B6511" i="2" l="1"/>
  <c r="N6512" i="2"/>
  <c r="B6512" i="2" l="1"/>
  <c r="N6513" i="2"/>
  <c r="B6513" i="2" l="1"/>
  <c r="N6514" i="2"/>
  <c r="B6514" i="2" l="1"/>
  <c r="N6515" i="2"/>
  <c r="B6515" i="2" l="1"/>
  <c r="N6516" i="2"/>
  <c r="B6516" i="2" l="1"/>
  <c r="N6517" i="2"/>
  <c r="B6517" i="2" l="1"/>
  <c r="N6518" i="2"/>
  <c r="B6518" i="2" l="1"/>
  <c r="N6519" i="2"/>
  <c r="B6519" i="2" l="1"/>
  <c r="N6520" i="2"/>
  <c r="B6520" i="2" l="1"/>
  <c r="N6521" i="2"/>
  <c r="B6521" i="2" l="1"/>
  <c r="N6522" i="2"/>
  <c r="B6522" i="2" l="1"/>
  <c r="N6523" i="2"/>
  <c r="B6523" i="2" l="1"/>
  <c r="N6524" i="2"/>
  <c r="B6524" i="2" l="1"/>
  <c r="N6525" i="2"/>
  <c r="B6525" i="2" l="1"/>
  <c r="N6526" i="2"/>
  <c r="B6526" i="2" l="1"/>
  <c r="N6527" i="2"/>
  <c r="B6527" i="2" l="1"/>
  <c r="N6528" i="2"/>
  <c r="B6528" i="2" l="1"/>
  <c r="N6529" i="2"/>
  <c r="B6529" i="2" l="1"/>
  <c r="N6530" i="2"/>
  <c r="B6530" i="2" l="1"/>
  <c r="N6531" i="2"/>
  <c r="B6531" i="2" l="1"/>
  <c r="N6532" i="2"/>
  <c r="B6532" i="2" l="1"/>
  <c r="N6533" i="2"/>
  <c r="B6533" i="2" l="1"/>
  <c r="N6534" i="2"/>
  <c r="B6534" i="2" l="1"/>
  <c r="N6535" i="2"/>
  <c r="B6535" i="2" l="1"/>
  <c r="N6536" i="2"/>
  <c r="B6536" i="2" l="1"/>
  <c r="N6537" i="2"/>
  <c r="B6537" i="2" l="1"/>
  <c r="N6538" i="2"/>
  <c r="B6538" i="2" l="1"/>
  <c r="N6539" i="2"/>
  <c r="B6539" i="2" l="1"/>
  <c r="N6540" i="2"/>
  <c r="B6540" i="2" l="1"/>
  <c r="N6541" i="2"/>
  <c r="B6541" i="2" l="1"/>
  <c r="N6542" i="2"/>
  <c r="B6542" i="2" l="1"/>
  <c r="N6543" i="2"/>
  <c r="B6543" i="2" l="1"/>
  <c r="N6544" i="2"/>
  <c r="B6544" i="2" l="1"/>
  <c r="N6545" i="2"/>
  <c r="B6545" i="2" l="1"/>
  <c r="N6546" i="2"/>
  <c r="B6546" i="2" l="1"/>
  <c r="N6547" i="2"/>
  <c r="B6547" i="2" l="1"/>
  <c r="N6548" i="2"/>
  <c r="B6548" i="2" l="1"/>
  <c r="N6549" i="2"/>
  <c r="B6549" i="2" l="1"/>
  <c r="N6550" i="2"/>
  <c r="B6550" i="2" l="1"/>
  <c r="N6551" i="2"/>
  <c r="B6551" i="2" l="1"/>
  <c r="N6552" i="2"/>
  <c r="B6552" i="2" l="1"/>
  <c r="N6553" i="2"/>
  <c r="B6553" i="2" l="1"/>
  <c r="N6554" i="2"/>
  <c r="B6554" i="2" l="1"/>
  <c r="N6555" i="2"/>
  <c r="B6555" i="2" l="1"/>
  <c r="N6556" i="2"/>
  <c r="B6556" i="2" l="1"/>
  <c r="N6557" i="2"/>
  <c r="B6557" i="2" l="1"/>
  <c r="N6558" i="2"/>
  <c r="B6558" i="2" l="1"/>
  <c r="N6559" i="2"/>
  <c r="B6559" i="2" l="1"/>
  <c r="N6560" i="2"/>
  <c r="B6560" i="2" l="1"/>
  <c r="N6561" i="2"/>
  <c r="B6561" i="2" l="1"/>
  <c r="N6562" i="2"/>
  <c r="B6562" i="2" l="1"/>
  <c r="N6563" i="2"/>
  <c r="B6563" i="2" l="1"/>
  <c r="N6564" i="2"/>
  <c r="B6564" i="2" l="1"/>
  <c r="N6565" i="2"/>
  <c r="B6565" i="2" l="1"/>
  <c r="N6566" i="2"/>
  <c r="B6566" i="2" l="1"/>
  <c r="N6567" i="2"/>
  <c r="B6567" i="2" l="1"/>
  <c r="N6568" i="2"/>
  <c r="B6568" i="2" l="1"/>
  <c r="N6569" i="2"/>
  <c r="B6569" i="2" l="1"/>
  <c r="N6570" i="2"/>
  <c r="B6570" i="2" l="1"/>
  <c r="N6571" i="2"/>
  <c r="B6571" i="2" l="1"/>
  <c r="N6572" i="2"/>
  <c r="B6572" i="2" l="1"/>
  <c r="N6573" i="2"/>
  <c r="B6573" i="2" l="1"/>
  <c r="N6574" i="2"/>
  <c r="B6574" i="2" l="1"/>
  <c r="N6575" i="2"/>
  <c r="B6575" i="2" l="1"/>
  <c r="N6576" i="2"/>
  <c r="B6576" i="2" l="1"/>
  <c r="N6577" i="2"/>
  <c r="B6577" i="2" l="1"/>
  <c r="N6578" i="2"/>
  <c r="B6578" i="2" l="1"/>
  <c r="N6579" i="2"/>
  <c r="B6579" i="2" l="1"/>
  <c r="N6580" i="2"/>
  <c r="B6580" i="2" l="1"/>
  <c r="N6581" i="2"/>
  <c r="B6581" i="2" l="1"/>
  <c r="N6582" i="2"/>
  <c r="B6582" i="2" l="1"/>
  <c r="N6583" i="2"/>
  <c r="B6583" i="2" l="1"/>
  <c r="N6584" i="2"/>
  <c r="B6584" i="2" l="1"/>
  <c r="N6585" i="2"/>
  <c r="B6585" i="2" l="1"/>
  <c r="N6586" i="2"/>
  <c r="B6586" i="2" l="1"/>
  <c r="N6587" i="2"/>
  <c r="B6587" i="2" l="1"/>
  <c r="N6588" i="2"/>
  <c r="B6588" i="2" l="1"/>
  <c r="N6589" i="2"/>
  <c r="B6589" i="2" l="1"/>
  <c r="N6590" i="2"/>
  <c r="B6590" i="2" l="1"/>
  <c r="N6591" i="2"/>
  <c r="B6591" i="2" l="1"/>
  <c r="N6592" i="2"/>
  <c r="B6592" i="2" l="1"/>
  <c r="N6593" i="2"/>
  <c r="B6593" i="2" l="1"/>
  <c r="N6594" i="2"/>
  <c r="B6594" i="2" l="1"/>
  <c r="N6595" i="2"/>
  <c r="B6595" i="2" l="1"/>
  <c r="N6596" i="2"/>
  <c r="B6596" i="2" l="1"/>
  <c r="N6597" i="2"/>
  <c r="B6597" i="2" l="1"/>
  <c r="N6598" i="2"/>
  <c r="B6598" i="2" l="1"/>
  <c r="N6599" i="2"/>
  <c r="B6599" i="2" l="1"/>
  <c r="N6600" i="2"/>
  <c r="B6600" i="2" l="1"/>
  <c r="N6601" i="2"/>
  <c r="B6601" i="2" l="1"/>
  <c r="N6602" i="2"/>
  <c r="B6602" i="2" l="1"/>
  <c r="N6603" i="2"/>
  <c r="B6603" i="2" l="1"/>
  <c r="N6604" i="2"/>
  <c r="B6604" i="2" l="1"/>
  <c r="N6605" i="2"/>
  <c r="B6605" i="2" l="1"/>
  <c r="N6606" i="2"/>
  <c r="B6606" i="2" l="1"/>
  <c r="N6607" i="2"/>
  <c r="B6607" i="2" l="1"/>
  <c r="N6608" i="2"/>
  <c r="B6608" i="2" l="1"/>
  <c r="N6609" i="2"/>
  <c r="B6609" i="2" l="1"/>
  <c r="N6610" i="2"/>
  <c r="B6610" i="2" l="1"/>
  <c r="N6611" i="2"/>
  <c r="B6611" i="2" l="1"/>
  <c r="N6612" i="2"/>
  <c r="B6612" i="2" l="1"/>
  <c r="N6613" i="2"/>
  <c r="B6613" i="2" l="1"/>
  <c r="N6614" i="2"/>
  <c r="B6614" i="2" l="1"/>
  <c r="N6615" i="2"/>
  <c r="B6615" i="2" l="1"/>
  <c r="N6616" i="2"/>
  <c r="B6616" i="2" l="1"/>
  <c r="N6617" i="2"/>
  <c r="B6617" i="2" l="1"/>
  <c r="N6618" i="2"/>
  <c r="B6618" i="2" l="1"/>
  <c r="N6619" i="2"/>
  <c r="B6619" i="2" l="1"/>
  <c r="N6620" i="2"/>
  <c r="B6620" i="2" l="1"/>
  <c r="N6621" i="2"/>
  <c r="B6621" i="2" l="1"/>
  <c r="N6622" i="2"/>
  <c r="B6622" i="2" l="1"/>
  <c r="N6623" i="2"/>
  <c r="B6623" i="2" l="1"/>
  <c r="N6624" i="2"/>
  <c r="B6624" i="2" l="1"/>
  <c r="N6625" i="2"/>
  <c r="B6625" i="2" l="1"/>
  <c r="N6626" i="2"/>
  <c r="B6626" i="2" l="1"/>
  <c r="N6627" i="2"/>
  <c r="B6627" i="2" l="1"/>
  <c r="N6628" i="2"/>
  <c r="B6628" i="2" l="1"/>
  <c r="N6629" i="2"/>
  <c r="B6629" i="2" l="1"/>
  <c r="N6630" i="2"/>
  <c r="B6630" i="2" l="1"/>
  <c r="N6631" i="2"/>
  <c r="B6631" i="2" l="1"/>
  <c r="N6632" i="2"/>
  <c r="B6632" i="2" l="1"/>
  <c r="N6633" i="2"/>
  <c r="B6633" i="2" l="1"/>
  <c r="N6634" i="2"/>
  <c r="B6634" i="2" l="1"/>
  <c r="N6635" i="2"/>
  <c r="B6635" i="2" l="1"/>
  <c r="N6636" i="2"/>
  <c r="B6636" i="2" l="1"/>
  <c r="N6637" i="2"/>
  <c r="B6637" i="2" l="1"/>
  <c r="N6638" i="2"/>
  <c r="B6638" i="2" l="1"/>
  <c r="N6639" i="2"/>
  <c r="B6639" i="2" l="1"/>
  <c r="N6640" i="2"/>
  <c r="B6640" i="2" l="1"/>
  <c r="N6641" i="2"/>
  <c r="B6641" i="2" l="1"/>
  <c r="N6642" i="2"/>
  <c r="B6642" i="2" l="1"/>
  <c r="N6643" i="2"/>
  <c r="B6643" i="2" l="1"/>
  <c r="N6644" i="2"/>
  <c r="B6644" i="2" l="1"/>
  <c r="N6645" i="2"/>
  <c r="B6645" i="2" l="1"/>
  <c r="N6646" i="2"/>
  <c r="B6646" i="2" l="1"/>
  <c r="N6647" i="2"/>
  <c r="B6647" i="2" l="1"/>
  <c r="N6648" i="2"/>
  <c r="B6648" i="2" l="1"/>
  <c r="N6649" i="2"/>
  <c r="B6649" i="2" l="1"/>
  <c r="N6650" i="2"/>
  <c r="B6650" i="2" l="1"/>
  <c r="N6651" i="2"/>
  <c r="B6651" i="2" l="1"/>
  <c r="N6652" i="2"/>
  <c r="B6652" i="2" l="1"/>
  <c r="N6653" i="2"/>
  <c r="B6653" i="2" l="1"/>
  <c r="N6654" i="2"/>
  <c r="B6654" i="2" l="1"/>
  <c r="N6655" i="2"/>
  <c r="B6655" i="2" l="1"/>
  <c r="N6656" i="2"/>
  <c r="B6656" i="2" l="1"/>
  <c r="N6657" i="2"/>
  <c r="B6657" i="2" l="1"/>
  <c r="N6658" i="2"/>
  <c r="B6658" i="2" l="1"/>
  <c r="N6659" i="2"/>
  <c r="B6659" i="2" l="1"/>
  <c r="N6660" i="2"/>
  <c r="B6660" i="2" l="1"/>
  <c r="N6661" i="2"/>
  <c r="B6661" i="2" l="1"/>
  <c r="N6662" i="2"/>
  <c r="B6662" i="2" l="1"/>
  <c r="N6663" i="2"/>
  <c r="B6663" i="2" l="1"/>
  <c r="N6664" i="2"/>
  <c r="B6664" i="2" l="1"/>
  <c r="N6665" i="2"/>
  <c r="B6665" i="2" l="1"/>
  <c r="N6666" i="2"/>
  <c r="B6666" i="2" l="1"/>
  <c r="N6667" i="2"/>
  <c r="B6667" i="2" l="1"/>
  <c r="N6668" i="2"/>
  <c r="B6668" i="2" l="1"/>
  <c r="N6669" i="2"/>
  <c r="B6669" i="2" l="1"/>
  <c r="N6670" i="2"/>
  <c r="B6670" i="2" l="1"/>
  <c r="N6671" i="2"/>
  <c r="B6671" i="2" l="1"/>
  <c r="N6672" i="2"/>
  <c r="B6672" i="2" l="1"/>
  <c r="N6673" i="2"/>
  <c r="B6673" i="2" l="1"/>
  <c r="N6674" i="2"/>
  <c r="B6674" i="2" l="1"/>
  <c r="N6675" i="2"/>
  <c r="B6675" i="2" l="1"/>
  <c r="N6676" i="2"/>
  <c r="B6676" i="2" l="1"/>
  <c r="N6677" i="2"/>
  <c r="B6677" i="2" l="1"/>
  <c r="N6678" i="2"/>
  <c r="B6678" i="2" l="1"/>
  <c r="N6679" i="2"/>
  <c r="B6679" i="2" l="1"/>
  <c r="N6680" i="2"/>
  <c r="B6680" i="2" l="1"/>
  <c r="N6681" i="2"/>
  <c r="B6681" i="2" l="1"/>
  <c r="N6682" i="2"/>
  <c r="B6682" i="2" l="1"/>
  <c r="N6683" i="2"/>
  <c r="B6683" i="2" l="1"/>
  <c r="N6684" i="2"/>
  <c r="B6684" i="2" l="1"/>
  <c r="N6685" i="2"/>
  <c r="B6685" i="2" l="1"/>
  <c r="N6686" i="2"/>
  <c r="B6686" i="2" l="1"/>
  <c r="N6687" i="2"/>
  <c r="B6687" i="2" l="1"/>
  <c r="N6688" i="2"/>
  <c r="B6688" i="2" l="1"/>
  <c r="N6689" i="2"/>
  <c r="B6689" i="2" l="1"/>
  <c r="N6690" i="2"/>
  <c r="B6690" i="2" l="1"/>
  <c r="N6691" i="2"/>
  <c r="B6691" i="2" l="1"/>
  <c r="N6692" i="2"/>
  <c r="B6692" i="2" l="1"/>
  <c r="N6693" i="2"/>
  <c r="B6693" i="2" l="1"/>
  <c r="N6694" i="2"/>
  <c r="B6694" i="2" l="1"/>
  <c r="N6695" i="2"/>
  <c r="B6695" i="2" l="1"/>
  <c r="N6696" i="2"/>
  <c r="B6696" i="2" l="1"/>
  <c r="N6697" i="2"/>
  <c r="B6697" i="2" l="1"/>
  <c r="N6698" i="2"/>
  <c r="B6698" i="2" l="1"/>
  <c r="N6699" i="2"/>
  <c r="B6699" i="2" l="1"/>
  <c r="N6700" i="2"/>
  <c r="B6700" i="2" l="1"/>
  <c r="N6701" i="2"/>
  <c r="B6701" i="2" l="1"/>
  <c r="N6702" i="2"/>
  <c r="B6702" i="2" l="1"/>
  <c r="N6703" i="2"/>
  <c r="B6703" i="2" l="1"/>
  <c r="N6704" i="2"/>
  <c r="B6704" i="2" l="1"/>
  <c r="N6705" i="2"/>
  <c r="B6705" i="2" l="1"/>
  <c r="N6706" i="2"/>
  <c r="B6706" i="2" l="1"/>
  <c r="N6707" i="2"/>
  <c r="B6707" i="2" l="1"/>
  <c r="N6708" i="2"/>
  <c r="B6708" i="2" l="1"/>
  <c r="N6709" i="2"/>
  <c r="B6709" i="2" l="1"/>
  <c r="N6710" i="2"/>
  <c r="B6710" i="2" l="1"/>
  <c r="N6711" i="2"/>
  <c r="B6711" i="2" l="1"/>
  <c r="N6712" i="2"/>
  <c r="B6712" i="2" l="1"/>
  <c r="N6713" i="2"/>
  <c r="B6713" i="2" l="1"/>
  <c r="N6714" i="2"/>
  <c r="B6714" i="2" l="1"/>
  <c r="N6715" i="2"/>
  <c r="B6715" i="2" l="1"/>
  <c r="N6716" i="2"/>
  <c r="B6716" i="2" l="1"/>
  <c r="N6717" i="2"/>
  <c r="B6717" i="2" l="1"/>
  <c r="N6718" i="2"/>
  <c r="B6718" i="2" l="1"/>
  <c r="N6719" i="2"/>
  <c r="B6719" i="2" l="1"/>
  <c r="N6720" i="2"/>
  <c r="B6720" i="2" l="1"/>
  <c r="N6721" i="2"/>
  <c r="B6721" i="2" l="1"/>
  <c r="N6722" i="2"/>
  <c r="B6722" i="2" l="1"/>
  <c r="N6723" i="2"/>
  <c r="B6723" i="2" l="1"/>
  <c r="N6724" i="2"/>
  <c r="B6724" i="2" l="1"/>
  <c r="N6725" i="2"/>
  <c r="B6725" i="2" l="1"/>
  <c r="N6726" i="2"/>
  <c r="B6726" i="2" l="1"/>
  <c r="N6727" i="2"/>
  <c r="B6727" i="2" l="1"/>
  <c r="N6728" i="2"/>
  <c r="B6728" i="2" l="1"/>
  <c r="N6729" i="2"/>
  <c r="B6729" i="2" l="1"/>
  <c r="N6730" i="2"/>
  <c r="B6730" i="2" l="1"/>
  <c r="N6731" i="2"/>
  <c r="B6731" i="2" l="1"/>
  <c r="N6732" i="2"/>
  <c r="B6732" i="2" l="1"/>
  <c r="N6733" i="2"/>
  <c r="B6733" i="2" l="1"/>
  <c r="N6734" i="2"/>
  <c r="B6734" i="2" l="1"/>
  <c r="N6735" i="2"/>
  <c r="B6735" i="2" l="1"/>
  <c r="N6736" i="2"/>
  <c r="B6736" i="2" l="1"/>
  <c r="N6737" i="2"/>
  <c r="B6737" i="2" l="1"/>
  <c r="N6738" i="2"/>
  <c r="B6738" i="2" l="1"/>
  <c r="N6739" i="2"/>
  <c r="B6739" i="2" l="1"/>
  <c r="N6740" i="2"/>
  <c r="B6740" i="2" l="1"/>
  <c r="N6741" i="2"/>
  <c r="B6741" i="2" l="1"/>
  <c r="N6742" i="2"/>
  <c r="B6742" i="2" l="1"/>
  <c r="N6743" i="2"/>
  <c r="B6743" i="2" l="1"/>
  <c r="N6744" i="2"/>
  <c r="B6744" i="2" l="1"/>
  <c r="N6745" i="2"/>
  <c r="B6745" i="2" l="1"/>
  <c r="N6746" i="2"/>
  <c r="B6746" i="2" l="1"/>
  <c r="N6747" i="2"/>
  <c r="B6747" i="2" l="1"/>
  <c r="N6748" i="2"/>
  <c r="B6748" i="2" l="1"/>
  <c r="N6749" i="2"/>
  <c r="B6749" i="2" l="1"/>
  <c r="N6750" i="2"/>
  <c r="B6750" i="2" l="1"/>
  <c r="N6751" i="2"/>
  <c r="B6751" i="2" l="1"/>
  <c r="N6752" i="2"/>
  <c r="B6752" i="2" l="1"/>
  <c r="N6753" i="2"/>
  <c r="B6753" i="2" l="1"/>
  <c r="N6754" i="2"/>
  <c r="B6754" i="2" l="1"/>
  <c r="N6755" i="2"/>
  <c r="B6755" i="2" l="1"/>
  <c r="N6756" i="2"/>
  <c r="B6756" i="2" l="1"/>
  <c r="N6757" i="2"/>
  <c r="B6757" i="2" l="1"/>
  <c r="N6758" i="2"/>
  <c r="B6758" i="2" l="1"/>
  <c r="N6759" i="2"/>
  <c r="B6759" i="2" l="1"/>
  <c r="N6760" i="2"/>
  <c r="B6760" i="2" l="1"/>
  <c r="N6761" i="2"/>
  <c r="B6761" i="2" l="1"/>
  <c r="N6762" i="2"/>
  <c r="B6762" i="2" l="1"/>
  <c r="N6763" i="2"/>
  <c r="B6763" i="2" l="1"/>
  <c r="N6764" i="2"/>
  <c r="B6764" i="2" l="1"/>
  <c r="N6765" i="2"/>
  <c r="B6765" i="2" l="1"/>
  <c r="N6766" i="2"/>
  <c r="B6766" i="2" l="1"/>
  <c r="N6767" i="2"/>
  <c r="B6767" i="2" l="1"/>
  <c r="N6768" i="2"/>
  <c r="B6768" i="2" l="1"/>
  <c r="N6769" i="2"/>
  <c r="B6769" i="2" l="1"/>
  <c r="N6770" i="2"/>
  <c r="B6770" i="2" l="1"/>
  <c r="N6771" i="2"/>
  <c r="B6771" i="2" l="1"/>
  <c r="N6772" i="2"/>
  <c r="B6772" i="2" l="1"/>
  <c r="N6773" i="2"/>
  <c r="B6773" i="2" l="1"/>
  <c r="N6774" i="2"/>
  <c r="B6774" i="2" l="1"/>
  <c r="N6775" i="2"/>
  <c r="B6775" i="2" l="1"/>
  <c r="N6776" i="2"/>
  <c r="B6776" i="2" l="1"/>
  <c r="N6777" i="2"/>
  <c r="B6777" i="2" l="1"/>
  <c r="N6778" i="2"/>
  <c r="B6778" i="2" l="1"/>
  <c r="N6779" i="2"/>
  <c r="B6779" i="2" l="1"/>
  <c r="N6780" i="2"/>
  <c r="B6780" i="2" l="1"/>
  <c r="N6781" i="2"/>
  <c r="B6781" i="2" l="1"/>
  <c r="N6782" i="2"/>
  <c r="B6782" i="2" l="1"/>
  <c r="N6783" i="2"/>
  <c r="B6783" i="2" l="1"/>
  <c r="N6784" i="2"/>
  <c r="B6784" i="2" l="1"/>
  <c r="N6785" i="2"/>
  <c r="B6785" i="2" l="1"/>
  <c r="N6786" i="2"/>
  <c r="B6786" i="2" l="1"/>
  <c r="N6787" i="2"/>
  <c r="B6787" i="2" l="1"/>
  <c r="N6788" i="2"/>
  <c r="B6788" i="2" l="1"/>
  <c r="N6789" i="2"/>
  <c r="B6789" i="2" l="1"/>
  <c r="N6790" i="2"/>
  <c r="B6790" i="2" l="1"/>
  <c r="N6791" i="2"/>
  <c r="B6791" i="2" l="1"/>
  <c r="N6792" i="2"/>
  <c r="B6792" i="2" l="1"/>
  <c r="N6793" i="2"/>
  <c r="B6793" i="2" l="1"/>
  <c r="N6794" i="2"/>
  <c r="B6794" i="2" l="1"/>
  <c r="N6795" i="2"/>
  <c r="B6795" i="2" l="1"/>
  <c r="N6796" i="2"/>
  <c r="B6796" i="2" l="1"/>
  <c r="N6797" i="2"/>
  <c r="B6797" i="2" l="1"/>
  <c r="N6798" i="2"/>
  <c r="B6798" i="2" l="1"/>
  <c r="N6799" i="2"/>
  <c r="B6799" i="2" l="1"/>
  <c r="N6800" i="2"/>
  <c r="B6800" i="2" l="1"/>
  <c r="N6801" i="2"/>
  <c r="B6801" i="2" l="1"/>
  <c r="N6802" i="2"/>
  <c r="B6802" i="2" l="1"/>
  <c r="N6803" i="2"/>
  <c r="B6803" i="2" l="1"/>
  <c r="N6804" i="2"/>
  <c r="B6804" i="2" l="1"/>
  <c r="N6805" i="2"/>
  <c r="B6805" i="2" l="1"/>
  <c r="N6806" i="2"/>
  <c r="B6806" i="2" l="1"/>
  <c r="N6807" i="2"/>
  <c r="B6807" i="2" l="1"/>
  <c r="N6808" i="2"/>
  <c r="B6808" i="2" l="1"/>
  <c r="N6809" i="2"/>
  <c r="B6809" i="2" l="1"/>
  <c r="N6810" i="2"/>
  <c r="B6810" i="2" l="1"/>
  <c r="N6811" i="2"/>
  <c r="B6811" i="2" l="1"/>
  <c r="N6812" i="2"/>
  <c r="B6812" i="2" l="1"/>
  <c r="N6813" i="2"/>
  <c r="B6813" i="2" l="1"/>
  <c r="N6814" i="2"/>
  <c r="B6814" i="2" l="1"/>
  <c r="N6815" i="2"/>
  <c r="B6815" i="2" l="1"/>
  <c r="N6816" i="2"/>
  <c r="B6816" i="2" l="1"/>
  <c r="N6817" i="2"/>
  <c r="B6817" i="2" l="1"/>
  <c r="N6818" i="2"/>
  <c r="B6818" i="2" l="1"/>
  <c r="N6819" i="2"/>
  <c r="B6819" i="2" l="1"/>
  <c r="N6820" i="2"/>
  <c r="B6820" i="2" l="1"/>
  <c r="N6821" i="2"/>
  <c r="B6821" i="2" l="1"/>
  <c r="N6822" i="2"/>
  <c r="B6822" i="2" l="1"/>
  <c r="N6823" i="2"/>
  <c r="B6823" i="2" l="1"/>
  <c r="N6824" i="2"/>
  <c r="B6824" i="2" l="1"/>
  <c r="N6825" i="2"/>
  <c r="B6825" i="2" l="1"/>
  <c r="N6826" i="2"/>
  <c r="B6826" i="2" l="1"/>
  <c r="N6827" i="2"/>
  <c r="B6827" i="2" l="1"/>
  <c r="N6828" i="2"/>
  <c r="B6828" i="2" l="1"/>
  <c r="N6829" i="2"/>
  <c r="B6829" i="2" l="1"/>
  <c r="N6830" i="2"/>
  <c r="B6830" i="2" l="1"/>
  <c r="N6831" i="2"/>
  <c r="B6831" i="2" l="1"/>
  <c r="N6832" i="2"/>
  <c r="B6832" i="2" l="1"/>
  <c r="N6833" i="2"/>
  <c r="B6833" i="2" l="1"/>
  <c r="N6834" i="2"/>
  <c r="B6834" i="2" l="1"/>
  <c r="N6835" i="2"/>
  <c r="B6835" i="2" l="1"/>
  <c r="N6836" i="2"/>
  <c r="B6836" i="2" l="1"/>
  <c r="N6837" i="2"/>
  <c r="B6837" i="2" l="1"/>
  <c r="N6838" i="2"/>
  <c r="B6838" i="2" l="1"/>
  <c r="N6839" i="2"/>
  <c r="B6839" i="2" l="1"/>
  <c r="N6840" i="2"/>
  <c r="B6840" i="2" l="1"/>
  <c r="N6841" i="2"/>
  <c r="B6841" i="2" l="1"/>
  <c r="N6842" i="2"/>
  <c r="B6842" i="2" l="1"/>
  <c r="N6843" i="2"/>
  <c r="B6843" i="2" l="1"/>
  <c r="N6844" i="2"/>
  <c r="B6844" i="2" l="1"/>
  <c r="N6845" i="2"/>
  <c r="B6845" i="2" l="1"/>
  <c r="N6846" i="2"/>
  <c r="B6846" i="2" l="1"/>
  <c r="N6847" i="2"/>
  <c r="B6847" i="2" l="1"/>
  <c r="N6848" i="2"/>
  <c r="B6848" i="2" l="1"/>
  <c r="N6849" i="2"/>
  <c r="B6849" i="2" l="1"/>
  <c r="N6850" i="2"/>
  <c r="B6850" i="2" l="1"/>
  <c r="N6851" i="2"/>
  <c r="B6851" i="2" l="1"/>
  <c r="N6852" i="2"/>
  <c r="B6852" i="2" l="1"/>
  <c r="N6853" i="2"/>
  <c r="B6853" i="2" l="1"/>
  <c r="N6854" i="2"/>
  <c r="B6854" i="2" l="1"/>
  <c r="N6855" i="2"/>
  <c r="B6855" i="2" l="1"/>
  <c r="N6856" i="2"/>
  <c r="B6856" i="2" l="1"/>
  <c r="N6857" i="2"/>
  <c r="B6857" i="2" l="1"/>
  <c r="N6858" i="2"/>
  <c r="B6858" i="2" l="1"/>
  <c r="N6859" i="2"/>
  <c r="B6859" i="2" l="1"/>
  <c r="N6860" i="2"/>
  <c r="B6860" i="2" l="1"/>
  <c r="N6861" i="2"/>
  <c r="B6861" i="2" l="1"/>
  <c r="N6862" i="2"/>
  <c r="B6862" i="2" l="1"/>
  <c r="N6863" i="2"/>
  <c r="B6863" i="2" l="1"/>
  <c r="N6864" i="2"/>
  <c r="B6864" i="2" l="1"/>
  <c r="N6865" i="2"/>
  <c r="B6865" i="2" l="1"/>
  <c r="N6866" i="2"/>
  <c r="B6866" i="2" l="1"/>
  <c r="N6867" i="2"/>
  <c r="B6867" i="2" l="1"/>
  <c r="N6868" i="2"/>
  <c r="B6868" i="2" l="1"/>
  <c r="N6869" i="2"/>
  <c r="B6869" i="2" l="1"/>
  <c r="N6870" i="2"/>
  <c r="B6870" i="2" l="1"/>
  <c r="N6871" i="2"/>
  <c r="B6871" i="2" l="1"/>
  <c r="N6872" i="2"/>
  <c r="B6872" i="2" l="1"/>
  <c r="N6873" i="2"/>
  <c r="B6873" i="2" l="1"/>
  <c r="N6874" i="2"/>
  <c r="B6874" i="2" l="1"/>
  <c r="N6875" i="2"/>
  <c r="B6875" i="2" l="1"/>
  <c r="N6876" i="2"/>
  <c r="B6876" i="2" l="1"/>
  <c r="N6877" i="2"/>
  <c r="B6877" i="2" l="1"/>
  <c r="N6878" i="2"/>
  <c r="B6878" i="2" l="1"/>
  <c r="N6879" i="2"/>
  <c r="B6879" i="2" l="1"/>
  <c r="N6880" i="2"/>
  <c r="B6880" i="2" l="1"/>
  <c r="N6881" i="2"/>
  <c r="B6881" i="2" l="1"/>
  <c r="N6882" i="2"/>
  <c r="B6882" i="2" l="1"/>
  <c r="N6883" i="2"/>
  <c r="B6883" i="2" l="1"/>
  <c r="N6884" i="2"/>
  <c r="B6884" i="2" l="1"/>
  <c r="N6885" i="2"/>
  <c r="B6885" i="2" l="1"/>
  <c r="N6886" i="2"/>
  <c r="B6886" i="2" l="1"/>
  <c r="N6887" i="2"/>
  <c r="B6887" i="2" l="1"/>
  <c r="N6888" i="2"/>
  <c r="B6888" i="2" l="1"/>
  <c r="N6889" i="2"/>
  <c r="B6889" i="2" l="1"/>
  <c r="N6890" i="2"/>
  <c r="B6890" i="2" l="1"/>
  <c r="N6891" i="2"/>
  <c r="B6891" i="2" l="1"/>
  <c r="N6892" i="2"/>
  <c r="B6892" i="2" l="1"/>
  <c r="N6893" i="2"/>
  <c r="B6893" i="2" l="1"/>
  <c r="N6894" i="2"/>
  <c r="B6894" i="2" l="1"/>
  <c r="N6895" i="2"/>
  <c r="B6895" i="2" l="1"/>
  <c r="N6896" i="2"/>
  <c r="B6896" i="2" l="1"/>
  <c r="N6897" i="2"/>
  <c r="B6897" i="2" l="1"/>
  <c r="N6898" i="2"/>
  <c r="B6898" i="2" l="1"/>
  <c r="N6899" i="2"/>
  <c r="B6899" i="2" l="1"/>
  <c r="N6900" i="2"/>
  <c r="B6900" i="2" l="1"/>
  <c r="N6901" i="2"/>
  <c r="B6901" i="2" l="1"/>
  <c r="N6902" i="2"/>
  <c r="B6902" i="2" l="1"/>
  <c r="N6903" i="2"/>
  <c r="B6903" i="2" l="1"/>
  <c r="N6904" i="2"/>
  <c r="B6904" i="2" l="1"/>
  <c r="N6905" i="2"/>
  <c r="B6905" i="2" l="1"/>
  <c r="N6906" i="2"/>
  <c r="B6906" i="2" l="1"/>
  <c r="N6907" i="2"/>
  <c r="B6907" i="2" l="1"/>
  <c r="N6908" i="2"/>
  <c r="B6908" i="2" l="1"/>
  <c r="N6909" i="2"/>
  <c r="B6909" i="2" l="1"/>
  <c r="N6910" i="2"/>
  <c r="B6910" i="2" l="1"/>
  <c r="N6911" i="2"/>
  <c r="B6911" i="2" l="1"/>
  <c r="N6912" i="2"/>
  <c r="B6912" i="2" l="1"/>
  <c r="N6913" i="2"/>
  <c r="B6913" i="2" l="1"/>
  <c r="N6914" i="2"/>
  <c r="B6914" i="2" l="1"/>
  <c r="N6915" i="2"/>
  <c r="B6915" i="2" l="1"/>
  <c r="N6916" i="2"/>
  <c r="B6916" i="2" l="1"/>
  <c r="N6917" i="2"/>
  <c r="B6917" i="2" l="1"/>
  <c r="N6918" i="2"/>
  <c r="B6918" i="2" l="1"/>
  <c r="N6919" i="2"/>
  <c r="B6919" i="2" l="1"/>
  <c r="N6920" i="2"/>
  <c r="B6920" i="2" l="1"/>
  <c r="N6921" i="2"/>
  <c r="B6921" i="2" l="1"/>
  <c r="N6922" i="2"/>
  <c r="B6922" i="2" l="1"/>
  <c r="N6923" i="2"/>
  <c r="B6923" i="2" l="1"/>
  <c r="N6924" i="2"/>
  <c r="B6924" i="2" l="1"/>
  <c r="N6925" i="2"/>
  <c r="B6925" i="2" l="1"/>
  <c r="N6926" i="2"/>
  <c r="B6926" i="2" l="1"/>
  <c r="N6927" i="2"/>
  <c r="B6927" i="2" l="1"/>
  <c r="N6928" i="2"/>
  <c r="B6928" i="2" l="1"/>
  <c r="N6929" i="2"/>
  <c r="B6929" i="2" l="1"/>
  <c r="N6930" i="2"/>
  <c r="B6930" i="2" l="1"/>
  <c r="N6931" i="2"/>
  <c r="B6931" i="2" l="1"/>
  <c r="N6932" i="2"/>
  <c r="B6932" i="2" l="1"/>
  <c r="N6933" i="2"/>
  <c r="B6933" i="2" l="1"/>
  <c r="N6934" i="2"/>
  <c r="B6934" i="2" l="1"/>
  <c r="N6935" i="2"/>
  <c r="B6935" i="2" l="1"/>
  <c r="N6936" i="2"/>
  <c r="B6936" i="2" l="1"/>
  <c r="N6937" i="2"/>
  <c r="B6937" i="2" l="1"/>
  <c r="N6938" i="2"/>
  <c r="B6938" i="2" l="1"/>
  <c r="N6939" i="2"/>
  <c r="B6939" i="2" l="1"/>
  <c r="N6940" i="2"/>
  <c r="B6940" i="2" l="1"/>
  <c r="N6941" i="2"/>
  <c r="B6941" i="2" l="1"/>
  <c r="N6942" i="2"/>
  <c r="B6942" i="2" l="1"/>
  <c r="N6943" i="2"/>
  <c r="B6943" i="2" l="1"/>
  <c r="N6944" i="2"/>
  <c r="B6944" i="2" l="1"/>
  <c r="N6945" i="2"/>
  <c r="B6945" i="2" l="1"/>
  <c r="N6946" i="2"/>
  <c r="B6946" i="2" l="1"/>
  <c r="N6947" i="2"/>
  <c r="B6947" i="2" l="1"/>
  <c r="N6948" i="2"/>
  <c r="B6948" i="2" l="1"/>
  <c r="N6949" i="2"/>
  <c r="B6949" i="2" l="1"/>
  <c r="N6950" i="2"/>
  <c r="B6950" i="2" l="1"/>
  <c r="N6951" i="2"/>
  <c r="B6951" i="2" l="1"/>
  <c r="N6952" i="2"/>
  <c r="B6952" i="2" l="1"/>
  <c r="N6953" i="2"/>
  <c r="B6953" i="2" l="1"/>
  <c r="N6954" i="2"/>
  <c r="B6954" i="2" l="1"/>
  <c r="N6955" i="2"/>
  <c r="B6955" i="2" l="1"/>
  <c r="N6956" i="2"/>
  <c r="B6956" i="2" l="1"/>
  <c r="N6957" i="2"/>
  <c r="B6957" i="2" l="1"/>
  <c r="N6958" i="2"/>
  <c r="B6958" i="2" l="1"/>
  <c r="N6959" i="2"/>
  <c r="B6959" i="2" l="1"/>
  <c r="N6960" i="2"/>
  <c r="B6960" i="2" l="1"/>
  <c r="N6961" i="2"/>
  <c r="B6961" i="2" l="1"/>
  <c r="N6962" i="2"/>
  <c r="B6962" i="2" l="1"/>
  <c r="N6963" i="2"/>
  <c r="B6963" i="2" l="1"/>
  <c r="N6964" i="2"/>
  <c r="B6964" i="2" l="1"/>
  <c r="N6965" i="2"/>
  <c r="B6965" i="2" l="1"/>
  <c r="N6966" i="2"/>
  <c r="B6966" i="2" l="1"/>
  <c r="N6967" i="2"/>
  <c r="B6967" i="2" l="1"/>
  <c r="N6968" i="2"/>
  <c r="B6968" i="2" l="1"/>
  <c r="N6969" i="2"/>
  <c r="B6969" i="2" l="1"/>
  <c r="N6970" i="2"/>
  <c r="B6970" i="2" l="1"/>
  <c r="N6971" i="2"/>
  <c r="B6971" i="2" l="1"/>
  <c r="N6972" i="2"/>
  <c r="B6972" i="2" l="1"/>
  <c r="N6973" i="2"/>
  <c r="B6973" i="2" l="1"/>
  <c r="N6974" i="2"/>
  <c r="B6974" i="2" l="1"/>
  <c r="N6975" i="2"/>
  <c r="B6975" i="2" l="1"/>
  <c r="N6976" i="2"/>
  <c r="B6976" i="2" l="1"/>
  <c r="N6977" i="2"/>
  <c r="B6977" i="2" l="1"/>
  <c r="N6978" i="2"/>
  <c r="B6978" i="2" l="1"/>
  <c r="N6979" i="2"/>
  <c r="B6979" i="2" l="1"/>
  <c r="N6980" i="2"/>
  <c r="B6980" i="2" l="1"/>
  <c r="N6981" i="2"/>
  <c r="B6981" i="2" l="1"/>
  <c r="N6982" i="2"/>
  <c r="B6982" i="2" l="1"/>
  <c r="N6983" i="2"/>
  <c r="B6983" i="2" l="1"/>
  <c r="N6984" i="2"/>
  <c r="B6984" i="2" l="1"/>
  <c r="N6985" i="2"/>
  <c r="B6985" i="2" l="1"/>
  <c r="N6986" i="2"/>
  <c r="B6986" i="2" l="1"/>
  <c r="N6987" i="2"/>
  <c r="B6987" i="2" l="1"/>
  <c r="N6988" i="2"/>
  <c r="B6988" i="2" l="1"/>
  <c r="N6989" i="2"/>
  <c r="B6989" i="2" l="1"/>
  <c r="N6990" i="2"/>
  <c r="B6990" i="2" l="1"/>
  <c r="N6991" i="2"/>
  <c r="B6991" i="2" l="1"/>
  <c r="N6992" i="2"/>
  <c r="B6992" i="2" l="1"/>
  <c r="N6993" i="2"/>
  <c r="B6993" i="2" l="1"/>
  <c r="N6994" i="2"/>
  <c r="B6994" i="2" l="1"/>
  <c r="N6995" i="2"/>
  <c r="B6995" i="2" l="1"/>
  <c r="N6996" i="2"/>
  <c r="B6996" i="2" l="1"/>
  <c r="N6997" i="2"/>
  <c r="B6997" i="2" l="1"/>
  <c r="N6998" i="2"/>
  <c r="B6998" i="2" l="1"/>
  <c r="N6999" i="2"/>
  <c r="B6999" i="2" l="1"/>
  <c r="N7000" i="2"/>
  <c r="B7000" i="2" l="1"/>
  <c r="N7001" i="2"/>
  <c r="B7001" i="2" l="1"/>
  <c r="N7002" i="2"/>
  <c r="B7002" i="2" l="1"/>
  <c r="N7003" i="2"/>
  <c r="B7003" i="2" l="1"/>
  <c r="N7004" i="2"/>
  <c r="B7004" i="2" l="1"/>
  <c r="N7005" i="2"/>
  <c r="B7005" i="2" l="1"/>
  <c r="N7006" i="2"/>
  <c r="B7006" i="2" l="1"/>
  <c r="N7007" i="2"/>
  <c r="B7007" i="2" l="1"/>
  <c r="N7008" i="2"/>
  <c r="B7008" i="2" l="1"/>
  <c r="N7009" i="2"/>
  <c r="B7009" i="2" l="1"/>
  <c r="N7010" i="2"/>
  <c r="B7010" i="2" l="1"/>
  <c r="N7011" i="2"/>
  <c r="B7011" i="2" l="1"/>
  <c r="N7012" i="2"/>
  <c r="B7012" i="2" l="1"/>
  <c r="N7013" i="2"/>
  <c r="B7013" i="2" l="1"/>
  <c r="N7014" i="2"/>
  <c r="B7014" i="2" l="1"/>
  <c r="N7015" i="2"/>
  <c r="B7015" i="2" l="1"/>
  <c r="N7016" i="2"/>
  <c r="B7016" i="2" l="1"/>
  <c r="N7017" i="2"/>
  <c r="B7017" i="2" l="1"/>
  <c r="N7018" i="2"/>
  <c r="B7018" i="2" l="1"/>
  <c r="N7019" i="2"/>
  <c r="B7019" i="2" l="1"/>
  <c r="N7020" i="2"/>
  <c r="B7020" i="2" l="1"/>
  <c r="N7021" i="2"/>
  <c r="B7021" i="2" l="1"/>
  <c r="N7022" i="2"/>
  <c r="B7022" i="2" l="1"/>
  <c r="N7023" i="2"/>
  <c r="B7023" i="2" l="1"/>
  <c r="N7024" i="2"/>
  <c r="B7024" i="2" l="1"/>
  <c r="N7025" i="2"/>
  <c r="B7025" i="2" l="1"/>
  <c r="N7026" i="2"/>
  <c r="B7026" i="2" l="1"/>
  <c r="N7027" i="2"/>
  <c r="B7027" i="2" l="1"/>
  <c r="N7028" i="2"/>
  <c r="B7028" i="2" l="1"/>
  <c r="N7029" i="2"/>
  <c r="B7029" i="2" l="1"/>
  <c r="N7030" i="2"/>
  <c r="B7030" i="2" l="1"/>
  <c r="N7031" i="2"/>
  <c r="B7031" i="2" l="1"/>
  <c r="N7032" i="2"/>
  <c r="B7032" i="2" l="1"/>
  <c r="N7033" i="2"/>
  <c r="B7033" i="2" l="1"/>
  <c r="N7034" i="2"/>
  <c r="B7034" i="2" l="1"/>
  <c r="N7035" i="2"/>
  <c r="B7035" i="2" l="1"/>
  <c r="N7036" i="2"/>
  <c r="B7036" i="2" l="1"/>
  <c r="N7037" i="2"/>
  <c r="B7037" i="2" l="1"/>
  <c r="N7038" i="2"/>
  <c r="B7038" i="2" l="1"/>
  <c r="N7039" i="2"/>
  <c r="B7039" i="2" l="1"/>
  <c r="N7040" i="2"/>
  <c r="B7040" i="2" l="1"/>
  <c r="N7041" i="2"/>
  <c r="B7041" i="2" l="1"/>
  <c r="N7042" i="2"/>
  <c r="B7042" i="2" l="1"/>
  <c r="N7043" i="2"/>
  <c r="B7043" i="2" l="1"/>
  <c r="N7044" i="2"/>
  <c r="B7044" i="2" l="1"/>
  <c r="N7045" i="2"/>
  <c r="B7045" i="2" l="1"/>
  <c r="N7046" i="2"/>
  <c r="B7046" i="2" l="1"/>
  <c r="N7047" i="2"/>
  <c r="B7047" i="2" l="1"/>
  <c r="N7048" i="2"/>
  <c r="B7048" i="2" l="1"/>
  <c r="N7049" i="2"/>
  <c r="B7049" i="2" l="1"/>
  <c r="N7050" i="2"/>
  <c r="B7050" i="2" l="1"/>
  <c r="N7051" i="2"/>
  <c r="B7051" i="2" l="1"/>
  <c r="N7052" i="2"/>
  <c r="B7052" i="2" l="1"/>
  <c r="N7053" i="2"/>
  <c r="B7053" i="2" l="1"/>
  <c r="N7054" i="2"/>
  <c r="B7054" i="2" l="1"/>
  <c r="N7055" i="2"/>
  <c r="B7055" i="2" l="1"/>
  <c r="N7056" i="2"/>
  <c r="B7056" i="2" l="1"/>
  <c r="N7057" i="2"/>
  <c r="B7057" i="2" l="1"/>
  <c r="N7058" i="2"/>
  <c r="B7058" i="2" l="1"/>
  <c r="N7059" i="2"/>
  <c r="B7059" i="2" l="1"/>
  <c r="N7060" i="2"/>
  <c r="B7060" i="2" l="1"/>
  <c r="N7061" i="2"/>
  <c r="B7061" i="2" l="1"/>
  <c r="N7062" i="2"/>
  <c r="B7062" i="2" l="1"/>
  <c r="N7063" i="2"/>
  <c r="B7063" i="2" l="1"/>
  <c r="N7064" i="2"/>
  <c r="B7064" i="2" l="1"/>
  <c r="N7065" i="2"/>
  <c r="B7065" i="2" l="1"/>
  <c r="N7066" i="2"/>
  <c r="B7066" i="2" l="1"/>
  <c r="N7067" i="2"/>
  <c r="B7067" i="2" l="1"/>
  <c r="N7068" i="2"/>
  <c r="B7068" i="2" l="1"/>
  <c r="N7069" i="2"/>
  <c r="B7069" i="2" l="1"/>
  <c r="N7070" i="2"/>
  <c r="B7070" i="2" l="1"/>
  <c r="N7071" i="2"/>
  <c r="B7071" i="2" l="1"/>
  <c r="N7072" i="2"/>
  <c r="B7072" i="2" l="1"/>
  <c r="N7073" i="2"/>
  <c r="B7073" i="2" l="1"/>
  <c r="N7074" i="2"/>
  <c r="B7074" i="2" l="1"/>
  <c r="N7075" i="2"/>
  <c r="B7075" i="2" l="1"/>
  <c r="N7076" i="2"/>
  <c r="B7076" i="2" l="1"/>
  <c r="N7077" i="2"/>
  <c r="B7077" i="2" l="1"/>
  <c r="N7078" i="2"/>
  <c r="B7078" i="2" l="1"/>
  <c r="N7079" i="2"/>
  <c r="B7079" i="2" l="1"/>
  <c r="N7080" i="2"/>
  <c r="B7080" i="2" l="1"/>
  <c r="N7081" i="2"/>
  <c r="B7081" i="2" l="1"/>
  <c r="N7082" i="2"/>
  <c r="B7082" i="2" l="1"/>
  <c r="N7083" i="2"/>
  <c r="B7083" i="2" l="1"/>
  <c r="N7084" i="2"/>
  <c r="B7084" i="2" l="1"/>
  <c r="N7085" i="2"/>
  <c r="B7085" i="2" l="1"/>
  <c r="N7086" i="2"/>
  <c r="B7086" i="2" l="1"/>
  <c r="N7087" i="2"/>
  <c r="B7087" i="2" l="1"/>
  <c r="N7088" i="2"/>
  <c r="B7088" i="2" l="1"/>
  <c r="N7089" i="2"/>
  <c r="B7089" i="2" l="1"/>
  <c r="N7090" i="2"/>
  <c r="B7090" i="2" l="1"/>
  <c r="N7091" i="2"/>
  <c r="B7091" i="2" l="1"/>
  <c r="N7092" i="2"/>
  <c r="B7092" i="2" l="1"/>
  <c r="N7093" i="2"/>
  <c r="B7093" i="2" l="1"/>
  <c r="N7094" i="2"/>
  <c r="B7094" i="2" l="1"/>
  <c r="N7095" i="2"/>
  <c r="B7095" i="2" l="1"/>
  <c r="N7096" i="2"/>
  <c r="B7096" i="2" l="1"/>
  <c r="N7097" i="2"/>
  <c r="B7097" i="2" l="1"/>
  <c r="N7098" i="2"/>
  <c r="B7098" i="2" l="1"/>
  <c r="N7099" i="2"/>
  <c r="B7099" i="2" l="1"/>
  <c r="N7100" i="2"/>
  <c r="B7100" i="2" l="1"/>
  <c r="N7101" i="2"/>
  <c r="B7101" i="2" l="1"/>
  <c r="N7102" i="2"/>
  <c r="B7102" i="2" l="1"/>
  <c r="N7103" i="2"/>
  <c r="B7103" i="2" l="1"/>
  <c r="N7104" i="2"/>
  <c r="B7104" i="2" l="1"/>
  <c r="N7105" i="2"/>
  <c r="B7105" i="2" l="1"/>
  <c r="N7106" i="2"/>
  <c r="B7106" i="2" l="1"/>
  <c r="N7107" i="2"/>
  <c r="B7107" i="2" l="1"/>
  <c r="N7108" i="2"/>
  <c r="B7108" i="2" l="1"/>
  <c r="N7109" i="2"/>
  <c r="B7109" i="2" l="1"/>
  <c r="N7110" i="2"/>
  <c r="B7110" i="2" l="1"/>
  <c r="N7111" i="2"/>
  <c r="B7111" i="2" l="1"/>
  <c r="N7112" i="2"/>
  <c r="B7112" i="2" l="1"/>
  <c r="N7113" i="2"/>
  <c r="B7113" i="2" l="1"/>
  <c r="N7114" i="2"/>
  <c r="B7114" i="2" l="1"/>
  <c r="N7115" i="2"/>
  <c r="B7115" i="2" l="1"/>
  <c r="N7116" i="2"/>
  <c r="B7116" i="2" l="1"/>
  <c r="N7117" i="2"/>
  <c r="B7117" i="2" l="1"/>
  <c r="N7118" i="2"/>
  <c r="B7118" i="2" l="1"/>
  <c r="N7119" i="2"/>
  <c r="B7119" i="2" l="1"/>
  <c r="N7120" i="2"/>
  <c r="B7120" i="2" l="1"/>
  <c r="N7121" i="2"/>
  <c r="B7121" i="2" l="1"/>
  <c r="N7122" i="2"/>
  <c r="B7122" i="2" l="1"/>
  <c r="N7123" i="2"/>
  <c r="B7123" i="2" l="1"/>
  <c r="N7124" i="2"/>
  <c r="B7124" i="2" l="1"/>
  <c r="N7125" i="2"/>
  <c r="B7125" i="2" l="1"/>
  <c r="N7126" i="2"/>
  <c r="B7126" i="2" l="1"/>
  <c r="N7127" i="2"/>
  <c r="B7127" i="2" l="1"/>
  <c r="N7128" i="2"/>
  <c r="B7128" i="2" l="1"/>
  <c r="N7129" i="2"/>
  <c r="B7129" i="2" l="1"/>
  <c r="N7130" i="2"/>
  <c r="B7130" i="2" l="1"/>
  <c r="N7131" i="2"/>
  <c r="B7131" i="2" l="1"/>
  <c r="N7132" i="2"/>
  <c r="B7132" i="2" l="1"/>
  <c r="N7133" i="2"/>
  <c r="B7133" i="2" l="1"/>
  <c r="N7134" i="2"/>
  <c r="B7134" i="2" l="1"/>
  <c r="N7135" i="2"/>
  <c r="B7135" i="2" l="1"/>
  <c r="N7136" i="2"/>
  <c r="B7136" i="2" l="1"/>
  <c r="N7137" i="2"/>
  <c r="B7137" i="2" l="1"/>
  <c r="N7138" i="2"/>
  <c r="B7138" i="2" l="1"/>
  <c r="N7139" i="2"/>
  <c r="B7139" i="2" l="1"/>
  <c r="N7140" i="2"/>
  <c r="B7140" i="2" l="1"/>
  <c r="N7141" i="2"/>
  <c r="B7141" i="2" l="1"/>
  <c r="N7142" i="2"/>
  <c r="B7142" i="2" l="1"/>
  <c r="N7143" i="2"/>
  <c r="B7143" i="2" l="1"/>
  <c r="N7144" i="2"/>
  <c r="B7144" i="2" l="1"/>
  <c r="N7145" i="2"/>
  <c r="B7145" i="2" l="1"/>
  <c r="N7146" i="2"/>
  <c r="B7146" i="2" l="1"/>
  <c r="N7147" i="2"/>
  <c r="B7147" i="2" l="1"/>
  <c r="N7148" i="2"/>
  <c r="B7148" i="2" l="1"/>
  <c r="N7149" i="2"/>
  <c r="B7149" i="2" l="1"/>
  <c r="N7150" i="2"/>
  <c r="B7150" i="2" l="1"/>
  <c r="N7151" i="2"/>
  <c r="B7151" i="2" l="1"/>
  <c r="N7152" i="2"/>
  <c r="B7152" i="2" l="1"/>
  <c r="N7153" i="2"/>
  <c r="B7153" i="2" l="1"/>
  <c r="N7154" i="2"/>
  <c r="B7154" i="2" l="1"/>
  <c r="N7155" i="2"/>
  <c r="B7155" i="2" l="1"/>
  <c r="N7156" i="2"/>
  <c r="B7156" i="2" l="1"/>
  <c r="N7157" i="2"/>
  <c r="B7157" i="2" l="1"/>
  <c r="N7158" i="2"/>
  <c r="B7158" i="2" l="1"/>
  <c r="N7159" i="2"/>
  <c r="B7159" i="2" l="1"/>
  <c r="N7160" i="2"/>
  <c r="B7160" i="2" l="1"/>
  <c r="N7161" i="2"/>
  <c r="B7161" i="2" l="1"/>
  <c r="N7162" i="2"/>
  <c r="B7162" i="2" l="1"/>
  <c r="N7163" i="2"/>
  <c r="B7163" i="2" l="1"/>
  <c r="N7164" i="2"/>
  <c r="B7164" i="2" l="1"/>
  <c r="N7165" i="2"/>
  <c r="B7165" i="2" l="1"/>
  <c r="N7166" i="2"/>
  <c r="B7166" i="2" l="1"/>
  <c r="N7167" i="2"/>
  <c r="B7167" i="2" l="1"/>
  <c r="N7168" i="2"/>
  <c r="B7168" i="2" l="1"/>
  <c r="N7169" i="2"/>
  <c r="B7169" i="2" l="1"/>
  <c r="N7170" i="2"/>
  <c r="B7170" i="2" l="1"/>
  <c r="N7171" i="2"/>
  <c r="B7171" i="2" l="1"/>
  <c r="N7172" i="2"/>
  <c r="B7172" i="2" l="1"/>
  <c r="N7173" i="2"/>
  <c r="B7173" i="2" l="1"/>
  <c r="N7174" i="2"/>
  <c r="B7174" i="2" l="1"/>
  <c r="N7175" i="2"/>
  <c r="B7175" i="2" l="1"/>
  <c r="N7176" i="2"/>
  <c r="B7176" i="2" l="1"/>
  <c r="N7177" i="2"/>
  <c r="B7177" i="2" l="1"/>
  <c r="N7178" i="2"/>
  <c r="B7178" i="2" l="1"/>
  <c r="N7179" i="2"/>
  <c r="B7179" i="2" l="1"/>
  <c r="N7180" i="2"/>
  <c r="B7180" i="2" l="1"/>
  <c r="N7181" i="2"/>
  <c r="B7181" i="2" l="1"/>
  <c r="N7182" i="2"/>
  <c r="B7182" i="2" l="1"/>
  <c r="N7183" i="2"/>
  <c r="B7183" i="2" l="1"/>
  <c r="N7184" i="2"/>
  <c r="B7184" i="2" l="1"/>
  <c r="N7185" i="2"/>
  <c r="B7185" i="2" l="1"/>
  <c r="N7186" i="2"/>
  <c r="B7186" i="2" l="1"/>
  <c r="N7187" i="2"/>
  <c r="B7187" i="2" l="1"/>
  <c r="N7188" i="2"/>
  <c r="B7188" i="2" l="1"/>
  <c r="N7189" i="2"/>
  <c r="B7189" i="2" l="1"/>
  <c r="N7190" i="2"/>
  <c r="B7190" i="2" l="1"/>
  <c r="N7191" i="2"/>
  <c r="B7191" i="2" l="1"/>
  <c r="N7192" i="2"/>
  <c r="B7192" i="2" l="1"/>
  <c r="N7193" i="2"/>
  <c r="B7193" i="2" l="1"/>
  <c r="N7194" i="2"/>
  <c r="B7194" i="2" l="1"/>
  <c r="N7195" i="2"/>
  <c r="B7195" i="2" l="1"/>
  <c r="N7196" i="2"/>
  <c r="B7196" i="2" l="1"/>
  <c r="N7197" i="2"/>
  <c r="B7197" i="2" l="1"/>
  <c r="N7198" i="2"/>
  <c r="B7198" i="2" l="1"/>
  <c r="N7199" i="2"/>
  <c r="B7199" i="2" l="1"/>
  <c r="N7200" i="2"/>
  <c r="B7200" i="2" l="1"/>
  <c r="N7201" i="2"/>
  <c r="B7201" i="2" l="1"/>
  <c r="N7202" i="2"/>
  <c r="B7202" i="2" l="1"/>
  <c r="N7203" i="2"/>
  <c r="B7203" i="2" l="1"/>
  <c r="N7204" i="2"/>
  <c r="B7204" i="2" l="1"/>
  <c r="N7205" i="2"/>
  <c r="B7205" i="2" l="1"/>
  <c r="N7206" i="2"/>
  <c r="B7206" i="2" l="1"/>
  <c r="N7207" i="2"/>
  <c r="B7207" i="2" l="1"/>
  <c r="N7208" i="2"/>
  <c r="B7208" i="2" l="1"/>
  <c r="N7209" i="2"/>
  <c r="B7209" i="2" l="1"/>
  <c r="N7210" i="2"/>
  <c r="B7210" i="2" l="1"/>
  <c r="N7211" i="2"/>
  <c r="B7211" i="2" l="1"/>
  <c r="N7212" i="2"/>
  <c r="B7212" i="2" l="1"/>
  <c r="N7213" i="2"/>
  <c r="B7213" i="2" l="1"/>
  <c r="N7214" i="2"/>
  <c r="B7214" i="2" l="1"/>
  <c r="N7215" i="2"/>
  <c r="B7215" i="2" l="1"/>
  <c r="N7216" i="2"/>
  <c r="B7216" i="2" l="1"/>
  <c r="N7217" i="2"/>
  <c r="B7217" i="2" l="1"/>
  <c r="N7218" i="2"/>
  <c r="B7218" i="2" l="1"/>
  <c r="N7219" i="2"/>
  <c r="B7219" i="2" l="1"/>
  <c r="N7220" i="2"/>
  <c r="B7220" i="2" l="1"/>
  <c r="N7221" i="2"/>
  <c r="B7221" i="2" l="1"/>
  <c r="N7222" i="2"/>
  <c r="B7222" i="2" l="1"/>
  <c r="N7223" i="2"/>
  <c r="B7223" i="2" l="1"/>
  <c r="N7224" i="2"/>
  <c r="B7224" i="2" l="1"/>
  <c r="N7225" i="2"/>
  <c r="B7225" i="2" l="1"/>
  <c r="N7226" i="2"/>
  <c r="B7226" i="2" l="1"/>
  <c r="N7227" i="2"/>
  <c r="B7227" i="2" l="1"/>
  <c r="N7228" i="2"/>
  <c r="B7228" i="2" l="1"/>
  <c r="N7229" i="2"/>
  <c r="B7229" i="2" l="1"/>
  <c r="N7230" i="2"/>
  <c r="B7230" i="2" l="1"/>
  <c r="N7231" i="2"/>
  <c r="B7231" i="2" l="1"/>
  <c r="N7232" i="2"/>
  <c r="B7232" i="2" l="1"/>
  <c r="N7233" i="2"/>
  <c r="B7233" i="2" l="1"/>
  <c r="N7234" i="2"/>
  <c r="B7234" i="2" l="1"/>
  <c r="N7235" i="2"/>
  <c r="B7235" i="2" l="1"/>
  <c r="N7236" i="2"/>
  <c r="B7236" i="2" l="1"/>
  <c r="N7237" i="2"/>
  <c r="B7237" i="2" l="1"/>
  <c r="N7238" i="2"/>
  <c r="B7238" i="2" l="1"/>
  <c r="N7239" i="2"/>
  <c r="B7239" i="2" l="1"/>
  <c r="N7240" i="2"/>
  <c r="B7240" i="2" l="1"/>
  <c r="N7241" i="2"/>
  <c r="B7241" i="2" l="1"/>
  <c r="N7242" i="2"/>
  <c r="B7242" i="2" l="1"/>
  <c r="N7243" i="2"/>
  <c r="B7243" i="2" l="1"/>
  <c r="N7244" i="2"/>
  <c r="B7244" i="2" l="1"/>
  <c r="N7245" i="2"/>
  <c r="B7245" i="2" l="1"/>
  <c r="N7246" i="2"/>
  <c r="B7246" i="2" l="1"/>
  <c r="N7247" i="2"/>
  <c r="B7247" i="2" l="1"/>
  <c r="N7248" i="2"/>
  <c r="B7248" i="2" l="1"/>
  <c r="N7249" i="2"/>
  <c r="B7249" i="2" l="1"/>
  <c r="N7250" i="2"/>
  <c r="B7250" i="2" l="1"/>
  <c r="N7251" i="2"/>
  <c r="B7251" i="2" l="1"/>
  <c r="N7252" i="2"/>
  <c r="B7252" i="2" l="1"/>
  <c r="N7253" i="2"/>
  <c r="B7253" i="2" l="1"/>
  <c r="N7254" i="2"/>
  <c r="B7254" i="2" l="1"/>
  <c r="N7255" i="2"/>
  <c r="B7255" i="2" l="1"/>
  <c r="N7256" i="2"/>
  <c r="B7256" i="2" l="1"/>
  <c r="N7257" i="2"/>
  <c r="B7257" i="2" l="1"/>
  <c r="N7258" i="2"/>
  <c r="B7258" i="2" l="1"/>
  <c r="N7259" i="2"/>
  <c r="B7259" i="2" l="1"/>
  <c r="N7260" i="2"/>
  <c r="B7260" i="2" l="1"/>
  <c r="N7261" i="2"/>
  <c r="B7261" i="2" l="1"/>
  <c r="N7262" i="2"/>
  <c r="B7262" i="2" l="1"/>
  <c r="N7263" i="2"/>
  <c r="B7263" i="2" l="1"/>
  <c r="N7264" i="2"/>
  <c r="B7264" i="2" l="1"/>
  <c r="N7265" i="2"/>
  <c r="B7265" i="2" l="1"/>
  <c r="N7266" i="2"/>
  <c r="B7266" i="2" l="1"/>
  <c r="N7267" i="2"/>
  <c r="B7267" i="2" l="1"/>
  <c r="N7268" i="2"/>
  <c r="B7268" i="2" l="1"/>
  <c r="N7269" i="2"/>
  <c r="B7269" i="2" l="1"/>
  <c r="N7270" i="2"/>
  <c r="B7270" i="2" l="1"/>
  <c r="N7271" i="2"/>
  <c r="B7271" i="2" l="1"/>
  <c r="N7272" i="2"/>
  <c r="B7272" i="2" l="1"/>
  <c r="N7273" i="2"/>
  <c r="B7273" i="2" l="1"/>
  <c r="N7274" i="2"/>
  <c r="B7274" i="2" l="1"/>
  <c r="N7275" i="2"/>
  <c r="B7275" i="2" l="1"/>
  <c r="N7276" i="2"/>
  <c r="B7276" i="2" l="1"/>
  <c r="N7277" i="2"/>
  <c r="B7277" i="2" l="1"/>
  <c r="N7278" i="2"/>
  <c r="B7278" i="2" l="1"/>
  <c r="N7279" i="2"/>
  <c r="B7279" i="2" l="1"/>
  <c r="N7280" i="2"/>
  <c r="B7280" i="2" l="1"/>
  <c r="N7281" i="2"/>
  <c r="B7281" i="2" l="1"/>
  <c r="N7282" i="2"/>
  <c r="B7282" i="2" l="1"/>
  <c r="N7283" i="2"/>
  <c r="B7283" i="2" l="1"/>
  <c r="N7284" i="2"/>
  <c r="B7284" i="2" l="1"/>
  <c r="N7285" i="2"/>
  <c r="B7285" i="2" l="1"/>
  <c r="N7286" i="2"/>
  <c r="B7286" i="2" l="1"/>
  <c r="N7287" i="2"/>
  <c r="B7287" i="2" l="1"/>
  <c r="N7288" i="2"/>
  <c r="B7288" i="2" l="1"/>
  <c r="N7289" i="2"/>
  <c r="B7289" i="2" l="1"/>
  <c r="N7290" i="2"/>
  <c r="B7290" i="2" l="1"/>
  <c r="N7291" i="2"/>
  <c r="B7291" i="2" l="1"/>
  <c r="N7292" i="2"/>
  <c r="B7292" i="2" l="1"/>
  <c r="N7293" i="2"/>
  <c r="B7293" i="2" l="1"/>
  <c r="N7294" i="2"/>
  <c r="B7294" i="2" l="1"/>
  <c r="N7295" i="2"/>
  <c r="B7295" i="2" l="1"/>
  <c r="N7296" i="2"/>
  <c r="B7296" i="2" l="1"/>
  <c r="N7297" i="2"/>
  <c r="B7297" i="2" l="1"/>
  <c r="N7298" i="2"/>
  <c r="B7298" i="2" l="1"/>
  <c r="N7299" i="2"/>
  <c r="B7299" i="2" l="1"/>
  <c r="N7300" i="2"/>
  <c r="B7300" i="2" l="1"/>
  <c r="N7301" i="2"/>
  <c r="B7301" i="2" l="1"/>
  <c r="N7302" i="2"/>
  <c r="B7302" i="2" l="1"/>
  <c r="N7303" i="2"/>
  <c r="B7303" i="2" l="1"/>
  <c r="N7304" i="2"/>
  <c r="B7304" i="2" l="1"/>
  <c r="N7305" i="2"/>
  <c r="B7305" i="2" l="1"/>
  <c r="N7306" i="2"/>
  <c r="B7306" i="2" l="1"/>
  <c r="N7307" i="2"/>
  <c r="B7307" i="2" l="1"/>
  <c r="N7308" i="2"/>
  <c r="B7308" i="2" l="1"/>
  <c r="N7309" i="2"/>
  <c r="B7309" i="2" l="1"/>
  <c r="N7310" i="2"/>
  <c r="B7310" i="2" l="1"/>
  <c r="N7311" i="2"/>
  <c r="B7311" i="2" l="1"/>
  <c r="N7312" i="2"/>
  <c r="B7312" i="2" l="1"/>
  <c r="N7313" i="2"/>
  <c r="B7313" i="2" l="1"/>
  <c r="N7314" i="2"/>
  <c r="B7314" i="2" l="1"/>
  <c r="N7315" i="2"/>
  <c r="B7315" i="2" l="1"/>
  <c r="N7316" i="2"/>
  <c r="B7316" i="2" l="1"/>
  <c r="N7317" i="2"/>
  <c r="B7317" i="2" l="1"/>
  <c r="N7318" i="2"/>
  <c r="B7318" i="2" l="1"/>
  <c r="N7319" i="2"/>
  <c r="B7319" i="2" l="1"/>
  <c r="N7320" i="2"/>
  <c r="B7320" i="2" l="1"/>
  <c r="N7321" i="2"/>
  <c r="B7321" i="2" l="1"/>
  <c r="N7322" i="2"/>
  <c r="B7322" i="2" l="1"/>
  <c r="N7323" i="2"/>
  <c r="B7323" i="2" l="1"/>
  <c r="N7324" i="2"/>
  <c r="B7324" i="2" l="1"/>
  <c r="N7325" i="2"/>
  <c r="B7325" i="2" l="1"/>
  <c r="N7326" i="2"/>
  <c r="B7326" i="2" l="1"/>
  <c r="N7327" i="2"/>
  <c r="B7327" i="2" l="1"/>
  <c r="N7328" i="2"/>
  <c r="B7328" i="2" l="1"/>
  <c r="N7329" i="2"/>
  <c r="B7329" i="2" l="1"/>
  <c r="N7330" i="2"/>
  <c r="B7330" i="2" l="1"/>
  <c r="N7331" i="2"/>
  <c r="B7331" i="2" l="1"/>
  <c r="N7332" i="2"/>
  <c r="B7332" i="2" l="1"/>
  <c r="N7333" i="2"/>
  <c r="B7333" i="2" l="1"/>
  <c r="N7334" i="2"/>
  <c r="B7334" i="2" l="1"/>
  <c r="N7335" i="2"/>
  <c r="B7335" i="2" l="1"/>
  <c r="N7336" i="2"/>
  <c r="B7336" i="2" l="1"/>
  <c r="N7337" i="2"/>
  <c r="B7337" i="2" l="1"/>
  <c r="N7338" i="2"/>
  <c r="B7338" i="2" l="1"/>
  <c r="N7339" i="2"/>
  <c r="B7339" i="2" l="1"/>
  <c r="N7340" i="2"/>
  <c r="B7340" i="2" l="1"/>
  <c r="N7341" i="2"/>
  <c r="B7341" i="2" l="1"/>
  <c r="N7342" i="2"/>
  <c r="B7342" i="2" l="1"/>
  <c r="N7343" i="2"/>
  <c r="B7343" i="2" l="1"/>
  <c r="N7344" i="2"/>
  <c r="B7344" i="2" l="1"/>
  <c r="N7345" i="2"/>
  <c r="B7345" i="2" l="1"/>
  <c r="N7346" i="2"/>
  <c r="B7346" i="2" l="1"/>
  <c r="N7347" i="2"/>
  <c r="B7347" i="2" l="1"/>
  <c r="N7348" i="2"/>
  <c r="B7348" i="2" l="1"/>
  <c r="N7349" i="2"/>
  <c r="B7349" i="2" l="1"/>
  <c r="N7350" i="2"/>
  <c r="B7350" i="2" l="1"/>
  <c r="N7351" i="2"/>
  <c r="B7351" i="2" l="1"/>
  <c r="N7352" i="2"/>
  <c r="B7352" i="2" l="1"/>
  <c r="N7353" i="2"/>
  <c r="B7353" i="2" l="1"/>
  <c r="N7354" i="2"/>
  <c r="B7354" i="2" l="1"/>
  <c r="N7355" i="2"/>
  <c r="B7355" i="2" l="1"/>
  <c r="N7356" i="2"/>
  <c r="B7356" i="2" l="1"/>
  <c r="N7357" i="2"/>
  <c r="B7357" i="2" l="1"/>
  <c r="N7358" i="2"/>
  <c r="B7358" i="2" l="1"/>
  <c r="N7359" i="2"/>
  <c r="B7359" i="2" l="1"/>
  <c r="N7360" i="2"/>
  <c r="B7360" i="2" l="1"/>
  <c r="N7361" i="2"/>
  <c r="B7361" i="2" l="1"/>
  <c r="N7362" i="2"/>
  <c r="B7362" i="2" l="1"/>
  <c r="N7363" i="2"/>
  <c r="B7363" i="2" l="1"/>
  <c r="N7364" i="2"/>
  <c r="B7364" i="2" l="1"/>
  <c r="N7365" i="2"/>
  <c r="B7365" i="2" l="1"/>
  <c r="N7366" i="2"/>
  <c r="B7366" i="2" l="1"/>
  <c r="N7367" i="2"/>
  <c r="B7367" i="2" l="1"/>
  <c r="N7368" i="2"/>
  <c r="B7368" i="2" l="1"/>
  <c r="N7369" i="2"/>
  <c r="B7369" i="2" l="1"/>
  <c r="N7370" i="2"/>
  <c r="B7370" i="2" l="1"/>
  <c r="N7371" i="2"/>
  <c r="B7371" i="2" l="1"/>
  <c r="N7372" i="2"/>
  <c r="B7372" i="2" l="1"/>
  <c r="N7373" i="2"/>
  <c r="B7373" i="2" l="1"/>
  <c r="N7374" i="2"/>
  <c r="B7374" i="2" l="1"/>
  <c r="N7375" i="2"/>
  <c r="B7375" i="2" l="1"/>
  <c r="N7376" i="2"/>
  <c r="B7376" i="2" l="1"/>
  <c r="N7377" i="2"/>
  <c r="B7377" i="2" l="1"/>
  <c r="N7378" i="2"/>
  <c r="B7378" i="2" l="1"/>
  <c r="N7379" i="2"/>
  <c r="B7379" i="2" l="1"/>
  <c r="N7380" i="2"/>
  <c r="B7380" i="2" l="1"/>
  <c r="N7381" i="2"/>
  <c r="B7381" i="2" l="1"/>
  <c r="N7382" i="2"/>
  <c r="B7382" i="2" l="1"/>
  <c r="N7383" i="2"/>
  <c r="B7383" i="2" l="1"/>
  <c r="N7384" i="2"/>
  <c r="B7384" i="2" l="1"/>
  <c r="N7385" i="2"/>
  <c r="B7385" i="2" l="1"/>
  <c r="N7386" i="2"/>
  <c r="B7386" i="2" l="1"/>
  <c r="N7387" i="2"/>
  <c r="B7387" i="2" l="1"/>
  <c r="N7388" i="2"/>
  <c r="B7388" i="2" l="1"/>
  <c r="N7389" i="2"/>
  <c r="B7389" i="2" l="1"/>
  <c r="N7390" i="2"/>
  <c r="B7390" i="2" l="1"/>
  <c r="N7391" i="2"/>
  <c r="B7391" i="2" l="1"/>
  <c r="N7392" i="2"/>
  <c r="B7392" i="2" l="1"/>
  <c r="N7393" i="2"/>
  <c r="B7393" i="2" l="1"/>
  <c r="N7394" i="2"/>
  <c r="B7394" i="2" l="1"/>
  <c r="N7395" i="2"/>
  <c r="B7395" i="2" l="1"/>
  <c r="N7396" i="2"/>
  <c r="B7396" i="2" l="1"/>
  <c r="N7397" i="2"/>
  <c r="B7397" i="2" l="1"/>
  <c r="N7398" i="2"/>
  <c r="B7398" i="2" l="1"/>
  <c r="N7399" i="2"/>
  <c r="B7399" i="2" l="1"/>
  <c r="N7400" i="2"/>
  <c r="B7400" i="2" l="1"/>
  <c r="N7401" i="2"/>
  <c r="B7401" i="2" l="1"/>
  <c r="N7402" i="2"/>
  <c r="B7402" i="2" l="1"/>
  <c r="N7403" i="2"/>
  <c r="B7403" i="2" l="1"/>
  <c r="N7404" i="2"/>
  <c r="B7404" i="2" l="1"/>
  <c r="N7405" i="2"/>
  <c r="B7405" i="2" l="1"/>
  <c r="N7406" i="2"/>
  <c r="B7406" i="2" l="1"/>
  <c r="N7407" i="2"/>
  <c r="B7407" i="2" l="1"/>
  <c r="N7408" i="2"/>
  <c r="B7408" i="2" l="1"/>
  <c r="N7409" i="2"/>
  <c r="B7409" i="2" l="1"/>
  <c r="N7410" i="2"/>
  <c r="B7410" i="2" l="1"/>
  <c r="N7411" i="2"/>
  <c r="B7411" i="2" l="1"/>
  <c r="N7412" i="2"/>
  <c r="B7412" i="2" l="1"/>
  <c r="N7413" i="2"/>
  <c r="B7413" i="2" l="1"/>
  <c r="N7414" i="2"/>
  <c r="B7414" i="2" l="1"/>
  <c r="N7415" i="2"/>
  <c r="B7415" i="2" l="1"/>
  <c r="N7416" i="2"/>
  <c r="B7416" i="2" l="1"/>
  <c r="N7417" i="2"/>
  <c r="B7417" i="2" l="1"/>
  <c r="N7418" i="2"/>
  <c r="B7418" i="2" l="1"/>
  <c r="N7419" i="2"/>
  <c r="B7419" i="2" l="1"/>
  <c r="N7420" i="2"/>
  <c r="B7420" i="2" l="1"/>
  <c r="N7421" i="2"/>
  <c r="B7421" i="2" l="1"/>
  <c r="N7422" i="2"/>
  <c r="B7422" i="2" l="1"/>
  <c r="N7423" i="2"/>
  <c r="B7423" i="2" l="1"/>
  <c r="N7424" i="2"/>
  <c r="B7424" i="2" l="1"/>
  <c r="N7425" i="2"/>
  <c r="B7425" i="2" l="1"/>
  <c r="N7426" i="2"/>
  <c r="B7426" i="2" l="1"/>
  <c r="N7427" i="2"/>
  <c r="B7427" i="2" l="1"/>
  <c r="N7428" i="2"/>
  <c r="B7428" i="2" l="1"/>
  <c r="N7429" i="2"/>
  <c r="B7429" i="2" l="1"/>
  <c r="N7430" i="2"/>
  <c r="B7430" i="2" l="1"/>
  <c r="N7431" i="2"/>
  <c r="B7431" i="2" l="1"/>
  <c r="N7432" i="2"/>
  <c r="B7432" i="2" l="1"/>
  <c r="N7433" i="2"/>
  <c r="B7433" i="2" l="1"/>
  <c r="N7434" i="2"/>
  <c r="B7434" i="2" l="1"/>
  <c r="N7435" i="2"/>
  <c r="B7435" i="2" l="1"/>
  <c r="N7436" i="2"/>
  <c r="B7436" i="2" l="1"/>
  <c r="N7437" i="2"/>
  <c r="B7437" i="2" l="1"/>
  <c r="N7438" i="2"/>
  <c r="B7438" i="2" l="1"/>
  <c r="N7439" i="2"/>
  <c r="B7439" i="2" l="1"/>
  <c r="N7440" i="2"/>
  <c r="B7440" i="2" l="1"/>
  <c r="N7441" i="2"/>
  <c r="B7441" i="2" l="1"/>
  <c r="N7442" i="2"/>
  <c r="B7442" i="2" l="1"/>
  <c r="N7443" i="2"/>
  <c r="B7443" i="2" l="1"/>
  <c r="N7444" i="2"/>
  <c r="B7444" i="2" l="1"/>
  <c r="N7445" i="2"/>
  <c r="B7445" i="2" l="1"/>
  <c r="N7446" i="2"/>
  <c r="B7446" i="2" l="1"/>
  <c r="N7447" i="2"/>
  <c r="B7447" i="2" l="1"/>
  <c r="N7448" i="2"/>
  <c r="B7448" i="2" l="1"/>
  <c r="N7449" i="2"/>
  <c r="B7449" i="2" l="1"/>
  <c r="N7450" i="2"/>
  <c r="B7450" i="2" l="1"/>
  <c r="N7451" i="2"/>
  <c r="B7451" i="2" l="1"/>
  <c r="N7452" i="2"/>
  <c r="B7452" i="2" l="1"/>
  <c r="N7453" i="2"/>
  <c r="B7453" i="2" l="1"/>
  <c r="N7454" i="2"/>
  <c r="B7454" i="2" l="1"/>
  <c r="N7455" i="2"/>
  <c r="B7455" i="2" l="1"/>
  <c r="N7456" i="2"/>
  <c r="B7456" i="2" l="1"/>
  <c r="N7457" i="2"/>
  <c r="B7457" i="2" l="1"/>
  <c r="N7458" i="2"/>
  <c r="B7458" i="2" l="1"/>
  <c r="N7459" i="2"/>
  <c r="B7459" i="2" l="1"/>
  <c r="N7460" i="2"/>
  <c r="B7460" i="2" l="1"/>
  <c r="N7461" i="2"/>
  <c r="B7461" i="2" l="1"/>
  <c r="N7462" i="2"/>
  <c r="B7462" i="2" l="1"/>
  <c r="N7463" i="2"/>
  <c r="B7463" i="2" l="1"/>
  <c r="N7464" i="2"/>
  <c r="B7464" i="2" l="1"/>
  <c r="N7465" i="2"/>
  <c r="B7465" i="2" l="1"/>
  <c r="N7466" i="2"/>
  <c r="B7466" i="2" l="1"/>
  <c r="N7467" i="2"/>
  <c r="B7467" i="2" l="1"/>
  <c r="N7468" i="2"/>
  <c r="B7468" i="2" l="1"/>
  <c r="N7469" i="2"/>
  <c r="B7469" i="2" l="1"/>
  <c r="N7470" i="2"/>
  <c r="B7470" i="2" l="1"/>
  <c r="N7471" i="2"/>
  <c r="B7471" i="2" l="1"/>
  <c r="N7472" i="2"/>
  <c r="B7472" i="2" l="1"/>
  <c r="N7473" i="2"/>
  <c r="B7473" i="2" l="1"/>
  <c r="N7474" i="2"/>
  <c r="B7474" i="2" l="1"/>
  <c r="N7475" i="2"/>
  <c r="B7475" i="2" l="1"/>
  <c r="N7476" i="2"/>
  <c r="B7476" i="2" l="1"/>
  <c r="N7477" i="2"/>
  <c r="B7477" i="2" l="1"/>
  <c r="N7478" i="2"/>
  <c r="B7478" i="2" l="1"/>
  <c r="N7479" i="2"/>
  <c r="B7479" i="2" l="1"/>
  <c r="N7480" i="2"/>
  <c r="B7480" i="2" l="1"/>
  <c r="N7481" i="2"/>
  <c r="B7481" i="2" l="1"/>
  <c r="N7482" i="2"/>
  <c r="B7482" i="2" l="1"/>
  <c r="N7483" i="2"/>
  <c r="B7483" i="2" l="1"/>
  <c r="N7484" i="2"/>
  <c r="B7484" i="2" l="1"/>
  <c r="N7485" i="2"/>
  <c r="B7485" i="2" l="1"/>
  <c r="N7486" i="2"/>
  <c r="B7486" i="2" l="1"/>
  <c r="N7487" i="2"/>
  <c r="B7487" i="2" l="1"/>
  <c r="N7488" i="2"/>
  <c r="B7488" i="2" l="1"/>
  <c r="N7489" i="2"/>
  <c r="B7489" i="2" l="1"/>
  <c r="N7490" i="2"/>
  <c r="B7490" i="2" l="1"/>
  <c r="N7491" i="2"/>
  <c r="B7491" i="2" l="1"/>
  <c r="N7492" i="2"/>
  <c r="B7492" i="2" l="1"/>
  <c r="N7493" i="2"/>
  <c r="B7493" i="2" l="1"/>
  <c r="N7494" i="2"/>
  <c r="B7494" i="2" l="1"/>
  <c r="N7495" i="2"/>
  <c r="B7495" i="2" l="1"/>
  <c r="N7496" i="2"/>
  <c r="B7496" i="2" l="1"/>
  <c r="N7497" i="2"/>
  <c r="B7497" i="2" l="1"/>
  <c r="N7498" i="2"/>
  <c r="B7498" i="2" l="1"/>
  <c r="N7499" i="2"/>
  <c r="B7499" i="2" l="1"/>
  <c r="N7500" i="2"/>
  <c r="B7500" i="2" l="1"/>
  <c r="N7501" i="2"/>
  <c r="B7501" i="2" l="1"/>
  <c r="N7502" i="2"/>
  <c r="B7502" i="2" l="1"/>
  <c r="N7503" i="2"/>
  <c r="B7503" i="2" l="1"/>
  <c r="N7504" i="2"/>
  <c r="B7504" i="2" l="1"/>
  <c r="N7505" i="2"/>
  <c r="B7505" i="2" l="1"/>
  <c r="N7506" i="2"/>
  <c r="B7506" i="2" l="1"/>
  <c r="N7507" i="2"/>
  <c r="B7507" i="2" l="1"/>
  <c r="N7508" i="2"/>
  <c r="B7508" i="2" l="1"/>
  <c r="N7509" i="2"/>
  <c r="B7509" i="2" l="1"/>
  <c r="N7510" i="2"/>
  <c r="B7510" i="2" l="1"/>
  <c r="N7511" i="2"/>
  <c r="B7511" i="2" l="1"/>
  <c r="N7512" i="2"/>
  <c r="B7512" i="2" l="1"/>
  <c r="N7513" i="2"/>
  <c r="B7513" i="2" l="1"/>
  <c r="N7514" i="2"/>
  <c r="B7514" i="2" l="1"/>
  <c r="N7515" i="2"/>
  <c r="B7515" i="2" l="1"/>
  <c r="N7516" i="2"/>
  <c r="B7516" i="2" l="1"/>
  <c r="N7517" i="2"/>
  <c r="B7517" i="2" l="1"/>
  <c r="N7518" i="2"/>
  <c r="B7518" i="2" l="1"/>
  <c r="N7519" i="2"/>
  <c r="B7519" i="2" l="1"/>
  <c r="N7520" i="2"/>
  <c r="B7520" i="2" l="1"/>
  <c r="N7521" i="2"/>
  <c r="B7521" i="2" l="1"/>
  <c r="N7522" i="2"/>
  <c r="B7522" i="2" l="1"/>
  <c r="N7523" i="2"/>
  <c r="B7523" i="2" l="1"/>
  <c r="N7524" i="2"/>
  <c r="B7524" i="2" l="1"/>
  <c r="N7525" i="2"/>
  <c r="B7525" i="2" l="1"/>
  <c r="N7526" i="2"/>
  <c r="B7526" i="2" l="1"/>
  <c r="N7527" i="2"/>
  <c r="B7527" i="2" l="1"/>
  <c r="N7528" i="2"/>
  <c r="B7528" i="2" l="1"/>
  <c r="N7529" i="2"/>
  <c r="B7529" i="2" l="1"/>
  <c r="N7530" i="2"/>
  <c r="B7530" i="2" l="1"/>
  <c r="N7531" i="2"/>
  <c r="B7531" i="2" l="1"/>
  <c r="N7532" i="2"/>
  <c r="B7532" i="2" l="1"/>
  <c r="N7533" i="2"/>
  <c r="B7533" i="2" l="1"/>
  <c r="N7534" i="2"/>
  <c r="B7534" i="2" l="1"/>
  <c r="N7535" i="2"/>
  <c r="B7535" i="2" l="1"/>
  <c r="N7536" i="2"/>
  <c r="B7536" i="2" l="1"/>
  <c r="N7537" i="2"/>
  <c r="B7537" i="2" l="1"/>
  <c r="N7538" i="2"/>
  <c r="B7538" i="2" l="1"/>
  <c r="N7539" i="2"/>
  <c r="B7539" i="2" l="1"/>
  <c r="N7540" i="2"/>
  <c r="B7540" i="2" l="1"/>
  <c r="N7541" i="2"/>
  <c r="B7541" i="2" l="1"/>
  <c r="N7542" i="2"/>
  <c r="B7542" i="2" l="1"/>
  <c r="N7543" i="2"/>
  <c r="B7543" i="2" l="1"/>
  <c r="N7544" i="2"/>
  <c r="B7544" i="2" l="1"/>
  <c r="N7545" i="2"/>
  <c r="B7545" i="2" l="1"/>
  <c r="N7546" i="2"/>
  <c r="B7546" i="2" l="1"/>
  <c r="N7547" i="2"/>
  <c r="B7547" i="2" l="1"/>
  <c r="N7548" i="2"/>
  <c r="B7548" i="2" l="1"/>
  <c r="N7549" i="2"/>
  <c r="B7549" i="2" l="1"/>
  <c r="N7550" i="2"/>
  <c r="B7550" i="2" l="1"/>
  <c r="N7551" i="2"/>
  <c r="B7551" i="2" l="1"/>
  <c r="N7552" i="2"/>
  <c r="B7552" i="2" l="1"/>
  <c r="N7553" i="2"/>
  <c r="B7553" i="2" l="1"/>
  <c r="N7554" i="2"/>
  <c r="B7554" i="2" l="1"/>
  <c r="N7555" i="2"/>
  <c r="B7555" i="2" l="1"/>
  <c r="N7556" i="2"/>
  <c r="B7556" i="2" l="1"/>
  <c r="N7557" i="2"/>
  <c r="B7557" i="2" l="1"/>
  <c r="N7558" i="2"/>
  <c r="B7558" i="2" l="1"/>
  <c r="N7559" i="2"/>
  <c r="B7559" i="2" l="1"/>
  <c r="N7560" i="2"/>
  <c r="B7560" i="2" l="1"/>
  <c r="N7561" i="2"/>
  <c r="B7561" i="2" l="1"/>
  <c r="N7562" i="2"/>
  <c r="B7562" i="2" l="1"/>
  <c r="N7563" i="2"/>
  <c r="B7563" i="2" l="1"/>
  <c r="N7564" i="2"/>
  <c r="B7564" i="2" l="1"/>
  <c r="N7565" i="2"/>
  <c r="B7565" i="2" l="1"/>
  <c r="N7566" i="2"/>
  <c r="B7566" i="2" l="1"/>
  <c r="N7567" i="2"/>
  <c r="B7567" i="2" l="1"/>
  <c r="N7568" i="2"/>
  <c r="B7568" i="2" l="1"/>
  <c r="N7569" i="2"/>
  <c r="B7569" i="2" l="1"/>
  <c r="N7570" i="2"/>
  <c r="B7570" i="2" l="1"/>
  <c r="N7571" i="2"/>
  <c r="B7571" i="2" l="1"/>
  <c r="N7572" i="2"/>
  <c r="B7572" i="2" l="1"/>
  <c r="N7573" i="2"/>
  <c r="B7573" i="2" l="1"/>
  <c r="N7574" i="2"/>
  <c r="B7574" i="2" l="1"/>
  <c r="N7575" i="2"/>
  <c r="B7575" i="2" l="1"/>
  <c r="N7576" i="2"/>
  <c r="B7576" i="2" l="1"/>
  <c r="N7577" i="2"/>
  <c r="B7577" i="2" l="1"/>
  <c r="N7578" i="2"/>
  <c r="B7578" i="2" l="1"/>
  <c r="N7579" i="2"/>
  <c r="B7579" i="2" l="1"/>
  <c r="N7580" i="2"/>
  <c r="B7580" i="2" l="1"/>
  <c r="N7581" i="2"/>
  <c r="B7581" i="2" l="1"/>
  <c r="N7582" i="2"/>
  <c r="B7582" i="2" l="1"/>
  <c r="N7583" i="2"/>
  <c r="B7583" i="2" l="1"/>
  <c r="N7584" i="2"/>
  <c r="B7584" i="2" l="1"/>
  <c r="N7585" i="2"/>
  <c r="B7585" i="2" l="1"/>
  <c r="N7586" i="2"/>
  <c r="B7586" i="2" l="1"/>
  <c r="N7587" i="2"/>
  <c r="B7587" i="2" l="1"/>
  <c r="N7588" i="2"/>
  <c r="B7588" i="2" l="1"/>
  <c r="N7589" i="2"/>
  <c r="B7589" i="2" l="1"/>
  <c r="N7590" i="2"/>
  <c r="B7590" i="2" l="1"/>
  <c r="N7591" i="2"/>
  <c r="B7591" i="2" l="1"/>
  <c r="N7592" i="2"/>
  <c r="B7592" i="2" l="1"/>
  <c r="N7593" i="2"/>
  <c r="B7593" i="2" l="1"/>
  <c r="N7594" i="2"/>
  <c r="B7594" i="2" l="1"/>
  <c r="N7595" i="2"/>
  <c r="B7595" i="2" l="1"/>
  <c r="N7596" i="2"/>
  <c r="B7596" i="2" l="1"/>
  <c r="N7597" i="2"/>
  <c r="B7597" i="2" l="1"/>
  <c r="N7598" i="2"/>
  <c r="B7598" i="2" l="1"/>
  <c r="N7599" i="2"/>
  <c r="B7599" i="2" l="1"/>
  <c r="N7600" i="2"/>
  <c r="B7600" i="2" l="1"/>
  <c r="N7601" i="2"/>
  <c r="B7601" i="2" l="1"/>
  <c r="N7602" i="2"/>
  <c r="B7602" i="2" l="1"/>
  <c r="N7603" i="2"/>
  <c r="B7603" i="2" l="1"/>
  <c r="N7604" i="2"/>
  <c r="B7604" i="2" l="1"/>
  <c r="N7605" i="2"/>
  <c r="B7605" i="2" l="1"/>
  <c r="N7606" i="2"/>
  <c r="B7606" i="2" l="1"/>
  <c r="N7607" i="2"/>
  <c r="B7607" i="2" l="1"/>
  <c r="N7608" i="2"/>
  <c r="B7608" i="2" l="1"/>
  <c r="N7609" i="2"/>
  <c r="B7609" i="2" l="1"/>
  <c r="N7610" i="2"/>
  <c r="B7610" i="2" l="1"/>
  <c r="N7611" i="2"/>
  <c r="B7611" i="2" l="1"/>
  <c r="N7612" i="2"/>
  <c r="B7612" i="2" l="1"/>
  <c r="N7613" i="2"/>
  <c r="B7613" i="2" l="1"/>
  <c r="N7614" i="2"/>
  <c r="B7614" i="2" l="1"/>
  <c r="N7615" i="2"/>
  <c r="B7615" i="2" l="1"/>
  <c r="N7616" i="2"/>
  <c r="B7616" i="2" l="1"/>
  <c r="N7617" i="2"/>
  <c r="B7617" i="2" l="1"/>
  <c r="N7618" i="2"/>
  <c r="B7618" i="2" l="1"/>
  <c r="N7619" i="2"/>
  <c r="B7619" i="2" l="1"/>
  <c r="N7620" i="2"/>
  <c r="B7620" i="2" l="1"/>
  <c r="N7621" i="2"/>
  <c r="B7621" i="2" l="1"/>
  <c r="N7622" i="2"/>
  <c r="B7622" i="2" l="1"/>
  <c r="N7623" i="2"/>
  <c r="B7623" i="2" l="1"/>
  <c r="N7624" i="2"/>
  <c r="B7624" i="2" l="1"/>
  <c r="N7625" i="2"/>
  <c r="B7625" i="2" l="1"/>
  <c r="N7626" i="2"/>
  <c r="B7626" i="2" l="1"/>
  <c r="N7627" i="2"/>
  <c r="B7627" i="2" l="1"/>
  <c r="N7628" i="2"/>
  <c r="B7628" i="2" l="1"/>
  <c r="N7629" i="2"/>
  <c r="B7629" i="2" l="1"/>
  <c r="N7630" i="2"/>
  <c r="B7630" i="2" l="1"/>
  <c r="N7631" i="2"/>
  <c r="B7631" i="2" l="1"/>
  <c r="N7632" i="2"/>
  <c r="B7632" i="2" l="1"/>
  <c r="N7633" i="2"/>
  <c r="B7633" i="2" l="1"/>
  <c r="N7634" i="2"/>
  <c r="B7634" i="2" l="1"/>
  <c r="N7635" i="2"/>
  <c r="B7635" i="2" l="1"/>
  <c r="N7636" i="2"/>
  <c r="B7636" i="2" l="1"/>
  <c r="N7637" i="2"/>
  <c r="B7637" i="2" l="1"/>
  <c r="N7638" i="2"/>
  <c r="B7638" i="2" l="1"/>
  <c r="N7639" i="2"/>
  <c r="B7639" i="2" l="1"/>
  <c r="N7640" i="2"/>
  <c r="B7640" i="2" l="1"/>
  <c r="N7641" i="2"/>
  <c r="B7641" i="2" l="1"/>
  <c r="N7642" i="2"/>
  <c r="B7642" i="2" l="1"/>
  <c r="N7643" i="2"/>
  <c r="B7643" i="2" l="1"/>
  <c r="N7644" i="2"/>
  <c r="B7644" i="2" l="1"/>
  <c r="N7645" i="2"/>
  <c r="B7645" i="2" l="1"/>
  <c r="N7646" i="2"/>
  <c r="B7646" i="2" l="1"/>
  <c r="N7647" i="2"/>
  <c r="B7647" i="2" l="1"/>
  <c r="N7648" i="2"/>
  <c r="B7648" i="2" l="1"/>
  <c r="N7649" i="2"/>
  <c r="B7649" i="2" l="1"/>
  <c r="N7650" i="2"/>
  <c r="B7650" i="2" l="1"/>
  <c r="N7651" i="2"/>
  <c r="B7651" i="2" l="1"/>
  <c r="N7652" i="2"/>
  <c r="B7652" i="2" l="1"/>
  <c r="N7653" i="2"/>
  <c r="B7653" i="2" l="1"/>
  <c r="N7654" i="2"/>
  <c r="B7654" i="2" l="1"/>
  <c r="N7655" i="2"/>
  <c r="B7655" i="2" l="1"/>
  <c r="N7656" i="2"/>
  <c r="B7656" i="2" l="1"/>
  <c r="N7657" i="2"/>
  <c r="B7657" i="2" l="1"/>
  <c r="N7658" i="2"/>
  <c r="B7658" i="2" l="1"/>
  <c r="N7659" i="2"/>
  <c r="B7659" i="2" l="1"/>
  <c r="N7660" i="2"/>
  <c r="B7660" i="2" l="1"/>
  <c r="N7661" i="2"/>
  <c r="B7661" i="2" l="1"/>
  <c r="N7662" i="2"/>
  <c r="B7662" i="2" l="1"/>
  <c r="N7663" i="2"/>
  <c r="B7663" i="2" l="1"/>
  <c r="N7664" i="2"/>
  <c r="B7664" i="2" l="1"/>
  <c r="N7665" i="2"/>
  <c r="B7665" i="2" l="1"/>
  <c r="N7666" i="2"/>
  <c r="B7666" i="2" l="1"/>
  <c r="N7667" i="2"/>
  <c r="B7667" i="2" l="1"/>
  <c r="N7668" i="2"/>
  <c r="B7668" i="2" l="1"/>
  <c r="N7669" i="2"/>
  <c r="B7669" i="2" l="1"/>
  <c r="N7670" i="2"/>
  <c r="B7670" i="2" l="1"/>
  <c r="N7671" i="2"/>
  <c r="B7671" i="2" l="1"/>
  <c r="N7672" i="2"/>
  <c r="B7672" i="2" l="1"/>
  <c r="N7673" i="2"/>
  <c r="B7673" i="2" l="1"/>
  <c r="N7674" i="2"/>
  <c r="B7674" i="2" l="1"/>
  <c r="N7675" i="2"/>
  <c r="B7675" i="2" l="1"/>
  <c r="N7676" i="2"/>
  <c r="B7676" i="2" l="1"/>
  <c r="N7677" i="2"/>
  <c r="B7677" i="2" l="1"/>
  <c r="N7678" i="2"/>
  <c r="B7678" i="2" l="1"/>
  <c r="N7679" i="2"/>
  <c r="B7679" i="2" l="1"/>
  <c r="N7680" i="2"/>
  <c r="B7680" i="2" l="1"/>
  <c r="N7681" i="2"/>
  <c r="B7681" i="2" l="1"/>
  <c r="N7682" i="2"/>
  <c r="B7682" i="2" l="1"/>
  <c r="N7683" i="2"/>
  <c r="B7683" i="2" l="1"/>
  <c r="N7684" i="2"/>
  <c r="B7684" i="2" l="1"/>
  <c r="N7685" i="2"/>
  <c r="B7685" i="2" l="1"/>
  <c r="N7686" i="2"/>
  <c r="B7686" i="2" l="1"/>
  <c r="N7687" i="2"/>
  <c r="B7687" i="2" l="1"/>
  <c r="N7688" i="2"/>
  <c r="B7688" i="2" l="1"/>
  <c r="N7689" i="2"/>
  <c r="B7689" i="2" l="1"/>
  <c r="N7690" i="2"/>
  <c r="B7690" i="2" l="1"/>
  <c r="N7691" i="2"/>
  <c r="B7691" i="2" l="1"/>
  <c r="N7692" i="2"/>
  <c r="B7692" i="2" l="1"/>
  <c r="N7693" i="2"/>
  <c r="B7693" i="2" l="1"/>
  <c r="N7694" i="2"/>
  <c r="B7694" i="2" l="1"/>
  <c r="N7695" i="2"/>
  <c r="B7695" i="2" l="1"/>
  <c r="N7696" i="2"/>
  <c r="B7696" i="2" l="1"/>
  <c r="N7697" i="2"/>
  <c r="B7697" i="2" l="1"/>
  <c r="N7698" i="2"/>
  <c r="B7698" i="2" l="1"/>
  <c r="N7699" i="2"/>
  <c r="B7699" i="2" l="1"/>
  <c r="N7700" i="2"/>
  <c r="B7700" i="2" l="1"/>
  <c r="N7701" i="2"/>
  <c r="B7701" i="2" l="1"/>
  <c r="N7702" i="2"/>
  <c r="B7702" i="2" l="1"/>
  <c r="N7703" i="2"/>
  <c r="B7703" i="2" l="1"/>
  <c r="N7704" i="2"/>
  <c r="B7704" i="2" l="1"/>
  <c r="N7705" i="2"/>
  <c r="B7705" i="2" l="1"/>
  <c r="N7706" i="2"/>
  <c r="B7706" i="2" l="1"/>
  <c r="N7707" i="2"/>
  <c r="B7707" i="2" l="1"/>
  <c r="N7708" i="2"/>
  <c r="B7708" i="2" l="1"/>
  <c r="N7709" i="2"/>
  <c r="B7709" i="2" l="1"/>
  <c r="N7710" i="2"/>
  <c r="B7710" i="2" l="1"/>
  <c r="N7711" i="2"/>
  <c r="B7711" i="2" l="1"/>
  <c r="N7712" i="2"/>
  <c r="B7712" i="2" l="1"/>
  <c r="N7713" i="2"/>
  <c r="B7713" i="2" l="1"/>
  <c r="N7714" i="2"/>
  <c r="B7714" i="2" l="1"/>
  <c r="N7715" i="2"/>
  <c r="B7715" i="2" l="1"/>
  <c r="N7716" i="2"/>
  <c r="B7716" i="2" l="1"/>
  <c r="N7717" i="2"/>
  <c r="B7717" i="2" l="1"/>
  <c r="N7718" i="2"/>
  <c r="B7718" i="2" l="1"/>
  <c r="N7719" i="2"/>
  <c r="B7719" i="2" l="1"/>
  <c r="N7720" i="2"/>
  <c r="B7720" i="2" l="1"/>
  <c r="N7721" i="2"/>
  <c r="B7721" i="2" l="1"/>
  <c r="N7722" i="2"/>
  <c r="B7722" i="2" l="1"/>
  <c r="N7723" i="2"/>
  <c r="B7723" i="2" l="1"/>
  <c r="N7724" i="2"/>
  <c r="B7724" i="2" l="1"/>
  <c r="N7725" i="2"/>
  <c r="B7725" i="2" l="1"/>
  <c r="N7726" i="2"/>
  <c r="B7726" i="2" l="1"/>
  <c r="N7727" i="2"/>
  <c r="B7727" i="2" l="1"/>
  <c r="N7728" i="2"/>
  <c r="B7728" i="2" l="1"/>
  <c r="N7729" i="2"/>
  <c r="B7729" i="2" l="1"/>
  <c r="N7730" i="2"/>
  <c r="B7730" i="2" l="1"/>
  <c r="N7731" i="2"/>
  <c r="B7731" i="2" l="1"/>
  <c r="N7732" i="2"/>
  <c r="B7732" i="2" l="1"/>
  <c r="N7733" i="2"/>
  <c r="B7733" i="2" l="1"/>
  <c r="N7734" i="2"/>
  <c r="B7734" i="2" l="1"/>
  <c r="N7735" i="2"/>
  <c r="B7735" i="2" l="1"/>
  <c r="N7736" i="2"/>
  <c r="B7736" i="2" l="1"/>
  <c r="N7737" i="2"/>
  <c r="B7737" i="2" l="1"/>
  <c r="N7738" i="2"/>
  <c r="B7738" i="2" l="1"/>
  <c r="N7739" i="2"/>
  <c r="B7739" i="2" l="1"/>
  <c r="N7740" i="2"/>
  <c r="B7740" i="2" l="1"/>
  <c r="N7741" i="2"/>
  <c r="B7741" i="2" l="1"/>
  <c r="N7742" i="2"/>
  <c r="B7742" i="2" l="1"/>
  <c r="N7743" i="2"/>
  <c r="B7743" i="2" l="1"/>
  <c r="N7744" i="2"/>
  <c r="B7744" i="2" l="1"/>
  <c r="N7745" i="2"/>
  <c r="B7745" i="2" l="1"/>
  <c r="N7746" i="2"/>
  <c r="B7746" i="2" l="1"/>
  <c r="N7747" i="2"/>
  <c r="B7747" i="2" l="1"/>
  <c r="N7748" i="2"/>
  <c r="B7748" i="2" l="1"/>
  <c r="N7749" i="2"/>
  <c r="B7749" i="2" l="1"/>
  <c r="N7750" i="2"/>
  <c r="B7750" i="2" l="1"/>
  <c r="N7751" i="2"/>
  <c r="B7751" i="2" l="1"/>
  <c r="N7752" i="2"/>
  <c r="B7752" i="2" l="1"/>
  <c r="N7753" i="2"/>
  <c r="B7753" i="2" l="1"/>
  <c r="N7754" i="2"/>
  <c r="B7754" i="2" l="1"/>
  <c r="N7755" i="2"/>
  <c r="B7755" i="2" l="1"/>
  <c r="N7756" i="2"/>
  <c r="B7756" i="2" l="1"/>
  <c r="N7757" i="2"/>
  <c r="B7757" i="2" l="1"/>
  <c r="N7758" i="2"/>
  <c r="B7758" i="2" l="1"/>
  <c r="N7759" i="2"/>
  <c r="B7759" i="2" l="1"/>
  <c r="N7760" i="2"/>
  <c r="B7760" i="2" l="1"/>
  <c r="N7761" i="2"/>
  <c r="B7761" i="2" l="1"/>
  <c r="N7762" i="2"/>
  <c r="B7762" i="2" l="1"/>
  <c r="N7763" i="2"/>
  <c r="B7763" i="2" l="1"/>
  <c r="N7764" i="2"/>
  <c r="B7764" i="2" l="1"/>
  <c r="N7765" i="2"/>
  <c r="B7765" i="2" l="1"/>
  <c r="N7766" i="2"/>
  <c r="B7766" i="2" l="1"/>
  <c r="N7767" i="2"/>
  <c r="B7767" i="2" l="1"/>
  <c r="N7768" i="2"/>
  <c r="B7768" i="2" l="1"/>
  <c r="N7769" i="2"/>
  <c r="B7769" i="2" l="1"/>
  <c r="N7770" i="2"/>
  <c r="B7770" i="2" l="1"/>
  <c r="N7771" i="2"/>
  <c r="B7771" i="2" l="1"/>
  <c r="N7772" i="2"/>
  <c r="B7772" i="2" l="1"/>
  <c r="N7773" i="2"/>
  <c r="B7773" i="2" l="1"/>
  <c r="N7774" i="2"/>
  <c r="B7774" i="2" l="1"/>
  <c r="N7775" i="2"/>
  <c r="B7775" i="2" l="1"/>
  <c r="N7776" i="2"/>
  <c r="B7776" i="2" l="1"/>
  <c r="N7777" i="2"/>
  <c r="B7777" i="2" l="1"/>
  <c r="N7778" i="2"/>
  <c r="B7778" i="2" l="1"/>
  <c r="N7779" i="2"/>
  <c r="B7779" i="2" l="1"/>
  <c r="N7780" i="2"/>
  <c r="B7780" i="2" l="1"/>
  <c r="N7781" i="2"/>
  <c r="B7781" i="2" l="1"/>
  <c r="N7782" i="2"/>
  <c r="B7782" i="2" l="1"/>
  <c r="N7783" i="2"/>
  <c r="B7783" i="2" l="1"/>
  <c r="N7784" i="2"/>
  <c r="B7784" i="2" l="1"/>
  <c r="N7785" i="2"/>
  <c r="B7785" i="2" l="1"/>
  <c r="N7786" i="2"/>
  <c r="B7786" i="2" l="1"/>
  <c r="N7787" i="2"/>
  <c r="B7787" i="2" l="1"/>
  <c r="N7788" i="2"/>
  <c r="B7788" i="2" l="1"/>
  <c r="N7789" i="2"/>
  <c r="B7789" i="2" l="1"/>
  <c r="N7790" i="2"/>
  <c r="B7790" i="2" l="1"/>
  <c r="N7791" i="2"/>
  <c r="B7791" i="2" l="1"/>
  <c r="N7792" i="2"/>
  <c r="B7792" i="2" l="1"/>
  <c r="N7793" i="2"/>
  <c r="B7793" i="2" l="1"/>
  <c r="N7794" i="2"/>
  <c r="B7794" i="2" l="1"/>
  <c r="N7795" i="2"/>
  <c r="B7795" i="2" l="1"/>
  <c r="N7796" i="2"/>
  <c r="B7796" i="2" l="1"/>
  <c r="N7797" i="2"/>
  <c r="B7797" i="2" l="1"/>
  <c r="N7798" i="2"/>
  <c r="B7798" i="2" l="1"/>
  <c r="N7799" i="2"/>
  <c r="B7799" i="2" l="1"/>
  <c r="N7800" i="2"/>
  <c r="B7800" i="2" l="1"/>
  <c r="N7801" i="2"/>
  <c r="B7801" i="2" l="1"/>
  <c r="N7802" i="2"/>
  <c r="B7802" i="2" l="1"/>
  <c r="N7803" i="2"/>
  <c r="B7803" i="2" l="1"/>
  <c r="N7804" i="2"/>
  <c r="B7804" i="2" l="1"/>
  <c r="N7805" i="2"/>
  <c r="B7805" i="2" l="1"/>
  <c r="N7806" i="2"/>
  <c r="B7806" i="2" l="1"/>
  <c r="N7807" i="2"/>
  <c r="B7807" i="2" l="1"/>
  <c r="N7808" i="2"/>
  <c r="B7808" i="2" l="1"/>
  <c r="N7809" i="2"/>
  <c r="B7809" i="2" l="1"/>
  <c r="N7810" i="2"/>
  <c r="B7810" i="2" l="1"/>
  <c r="N7811" i="2"/>
  <c r="B7811" i="2" l="1"/>
  <c r="N7812" i="2"/>
  <c r="B7812" i="2" l="1"/>
  <c r="N7813" i="2"/>
  <c r="B7813" i="2" l="1"/>
  <c r="N7814" i="2"/>
  <c r="B7814" i="2" l="1"/>
  <c r="N7815" i="2"/>
  <c r="B7815" i="2" l="1"/>
  <c r="N7816" i="2"/>
  <c r="B7816" i="2" l="1"/>
  <c r="N7817" i="2"/>
  <c r="B7817" i="2" l="1"/>
  <c r="N7818" i="2"/>
  <c r="B7818" i="2" l="1"/>
  <c r="N7819" i="2"/>
  <c r="B7819" i="2" l="1"/>
  <c r="N7820" i="2"/>
  <c r="B7820" i="2" l="1"/>
  <c r="N7821" i="2"/>
  <c r="B7821" i="2" l="1"/>
  <c r="N7822" i="2"/>
  <c r="B7822" i="2" l="1"/>
  <c r="N7823" i="2"/>
  <c r="B7823" i="2" l="1"/>
  <c r="N7824" i="2"/>
  <c r="B7824" i="2" l="1"/>
  <c r="N7825" i="2"/>
  <c r="B7825" i="2" l="1"/>
  <c r="N7826" i="2"/>
  <c r="B7826" i="2" l="1"/>
  <c r="N7827" i="2"/>
  <c r="B7827" i="2" l="1"/>
  <c r="N7828" i="2"/>
  <c r="B7828" i="2" l="1"/>
  <c r="N7829" i="2"/>
  <c r="B7829" i="2" l="1"/>
  <c r="N7830" i="2"/>
  <c r="B7830" i="2" l="1"/>
  <c r="N7831" i="2"/>
  <c r="B7831" i="2" l="1"/>
  <c r="N7832" i="2"/>
  <c r="B7832" i="2" l="1"/>
  <c r="N7833" i="2"/>
  <c r="B7833" i="2" l="1"/>
  <c r="N7834" i="2"/>
  <c r="B7834" i="2" l="1"/>
  <c r="N7835" i="2"/>
  <c r="B7835" i="2" l="1"/>
  <c r="N7836" i="2"/>
  <c r="B7836" i="2" l="1"/>
  <c r="N7837" i="2"/>
  <c r="B7837" i="2" l="1"/>
  <c r="N7838" i="2"/>
  <c r="B7838" i="2" l="1"/>
  <c r="N7839" i="2"/>
  <c r="B7839" i="2" l="1"/>
  <c r="N7840" i="2"/>
  <c r="B7840" i="2" l="1"/>
  <c r="N7841" i="2"/>
  <c r="B7841" i="2" l="1"/>
  <c r="N7842" i="2"/>
  <c r="B7842" i="2" l="1"/>
  <c r="N7843" i="2"/>
  <c r="B7843" i="2" l="1"/>
  <c r="N7844" i="2"/>
  <c r="B7844" i="2" l="1"/>
  <c r="N7845" i="2"/>
  <c r="B7845" i="2" l="1"/>
  <c r="N7846" i="2"/>
  <c r="B7846" i="2" l="1"/>
  <c r="N7847" i="2"/>
  <c r="B7847" i="2" l="1"/>
  <c r="N7848" i="2"/>
  <c r="B7848" i="2" l="1"/>
  <c r="N7849" i="2"/>
  <c r="B7849" i="2" l="1"/>
  <c r="N7850" i="2"/>
  <c r="B7850" i="2" l="1"/>
  <c r="N7851" i="2"/>
  <c r="B7851" i="2" l="1"/>
  <c r="N7852" i="2"/>
  <c r="B7852" i="2" l="1"/>
  <c r="N7853" i="2"/>
  <c r="B7853" i="2" l="1"/>
  <c r="N7854" i="2"/>
  <c r="B7854" i="2" l="1"/>
  <c r="N7855" i="2"/>
  <c r="B7855" i="2" l="1"/>
  <c r="N7856" i="2"/>
  <c r="B7856" i="2" l="1"/>
  <c r="N7857" i="2"/>
  <c r="B7857" i="2" l="1"/>
  <c r="N7858" i="2"/>
  <c r="B7858" i="2" l="1"/>
  <c r="N7859" i="2"/>
  <c r="B7859" i="2" l="1"/>
  <c r="N7860" i="2"/>
  <c r="B7860" i="2" l="1"/>
  <c r="N7861" i="2"/>
  <c r="B7861" i="2" l="1"/>
  <c r="N7862" i="2"/>
  <c r="B7862" i="2" l="1"/>
  <c r="N7863" i="2"/>
  <c r="B7863" i="2" l="1"/>
  <c r="N7864" i="2"/>
  <c r="B7864" i="2" l="1"/>
  <c r="N7865" i="2"/>
  <c r="B7865" i="2" l="1"/>
  <c r="N7866" i="2"/>
  <c r="B7866" i="2" l="1"/>
  <c r="N7867" i="2"/>
  <c r="B7867" i="2" l="1"/>
  <c r="N7868" i="2"/>
  <c r="B7868" i="2" l="1"/>
  <c r="N7869" i="2"/>
  <c r="B7869" i="2" l="1"/>
  <c r="N7870" i="2"/>
  <c r="B7870" i="2" l="1"/>
  <c r="N7871" i="2"/>
  <c r="B7871" i="2" l="1"/>
  <c r="N7872" i="2"/>
  <c r="B7872" i="2" l="1"/>
  <c r="N7873" i="2"/>
  <c r="B7873" i="2" l="1"/>
  <c r="N7874" i="2"/>
  <c r="B7874" i="2" l="1"/>
  <c r="N7875" i="2"/>
  <c r="B7875" i="2" l="1"/>
  <c r="N7876" i="2"/>
  <c r="B7876" i="2" l="1"/>
  <c r="N7877" i="2"/>
  <c r="B7877" i="2" l="1"/>
  <c r="N7878" i="2"/>
  <c r="B7878" i="2" l="1"/>
  <c r="N7879" i="2"/>
  <c r="B7879" i="2" l="1"/>
  <c r="N7880" i="2"/>
  <c r="B7880" i="2" l="1"/>
  <c r="N7881" i="2"/>
  <c r="B7881" i="2" l="1"/>
  <c r="N7882" i="2"/>
  <c r="B7882" i="2" l="1"/>
  <c r="N7883" i="2"/>
  <c r="B7883" i="2" l="1"/>
  <c r="N7884" i="2"/>
  <c r="B7884" i="2" l="1"/>
  <c r="N7885" i="2"/>
  <c r="B7885" i="2" l="1"/>
  <c r="N7886" i="2"/>
  <c r="B7886" i="2" l="1"/>
  <c r="N7887" i="2"/>
  <c r="B7887" i="2" l="1"/>
  <c r="N7888" i="2"/>
  <c r="B7888" i="2" l="1"/>
  <c r="N7889" i="2"/>
  <c r="B7889" i="2" l="1"/>
  <c r="N7890" i="2"/>
  <c r="B7890" i="2" l="1"/>
  <c r="N7891" i="2"/>
  <c r="B7891" i="2" l="1"/>
  <c r="N7892" i="2"/>
  <c r="B7892" i="2" l="1"/>
  <c r="N7893" i="2"/>
  <c r="B7893" i="2" l="1"/>
  <c r="N7894" i="2"/>
  <c r="B7894" i="2" l="1"/>
  <c r="N7895" i="2"/>
  <c r="B7895" i="2" l="1"/>
  <c r="N7896" i="2"/>
  <c r="B7896" i="2" l="1"/>
  <c r="N7897" i="2"/>
  <c r="B7897" i="2" l="1"/>
  <c r="N7898" i="2"/>
  <c r="B7898" i="2" l="1"/>
  <c r="N7899" i="2"/>
  <c r="B7899" i="2" l="1"/>
  <c r="N7900" i="2"/>
  <c r="B7900" i="2" l="1"/>
  <c r="N7901" i="2"/>
  <c r="B7901" i="2" l="1"/>
  <c r="N7902" i="2"/>
  <c r="B7902" i="2" l="1"/>
  <c r="N7903" i="2"/>
  <c r="B7903" i="2" l="1"/>
  <c r="N7904" i="2"/>
  <c r="B7904" i="2" l="1"/>
  <c r="N7905" i="2"/>
  <c r="B7905" i="2" l="1"/>
  <c r="N7906" i="2"/>
  <c r="B7906" i="2" l="1"/>
  <c r="N7907" i="2"/>
  <c r="B7907" i="2" l="1"/>
  <c r="N7908" i="2"/>
  <c r="B7908" i="2" l="1"/>
  <c r="N7909" i="2"/>
  <c r="B7909" i="2" l="1"/>
  <c r="N7910" i="2"/>
  <c r="B7910" i="2" l="1"/>
  <c r="N7911" i="2"/>
  <c r="B7911" i="2" l="1"/>
  <c r="N7912" i="2"/>
  <c r="B7912" i="2" l="1"/>
  <c r="N7913" i="2"/>
  <c r="B7913" i="2" l="1"/>
  <c r="N7914" i="2"/>
  <c r="B7914" i="2" l="1"/>
  <c r="N7915" i="2"/>
  <c r="B7915" i="2" l="1"/>
  <c r="N7916" i="2"/>
  <c r="B7916" i="2" l="1"/>
  <c r="N7917" i="2"/>
  <c r="B7917" i="2" l="1"/>
  <c r="N7918" i="2"/>
  <c r="B7918" i="2" l="1"/>
  <c r="N7919" i="2"/>
  <c r="B7919" i="2" l="1"/>
  <c r="N7920" i="2"/>
  <c r="B7920" i="2" l="1"/>
  <c r="N7921" i="2"/>
  <c r="B7921" i="2" l="1"/>
  <c r="N7922" i="2"/>
  <c r="B7922" i="2" l="1"/>
  <c r="N7923" i="2"/>
  <c r="B7923" i="2" l="1"/>
  <c r="N7924" i="2"/>
  <c r="B7924" i="2" l="1"/>
  <c r="N7925" i="2"/>
  <c r="B7925" i="2" l="1"/>
  <c r="N7926" i="2"/>
  <c r="B7926" i="2" l="1"/>
  <c r="N7927" i="2"/>
  <c r="B7927" i="2" l="1"/>
  <c r="N7928" i="2"/>
  <c r="B7928" i="2" l="1"/>
  <c r="N7929" i="2"/>
  <c r="B7929" i="2" l="1"/>
  <c r="N7930" i="2"/>
  <c r="B7930" i="2" l="1"/>
  <c r="N7931" i="2"/>
  <c r="B7931" i="2" l="1"/>
  <c r="N7932" i="2"/>
  <c r="B7932" i="2" l="1"/>
  <c r="N7933" i="2"/>
  <c r="B7933" i="2" l="1"/>
  <c r="N7934" i="2"/>
  <c r="B7934" i="2" l="1"/>
  <c r="N7935" i="2"/>
  <c r="B7935" i="2" l="1"/>
  <c r="N7936" i="2"/>
  <c r="B7936" i="2" l="1"/>
  <c r="N7937" i="2"/>
  <c r="B7937" i="2" l="1"/>
  <c r="N7938" i="2"/>
  <c r="B7938" i="2" l="1"/>
  <c r="N7939" i="2"/>
  <c r="B7939" i="2" l="1"/>
  <c r="N7940" i="2"/>
  <c r="B7940" i="2" l="1"/>
  <c r="N7941" i="2"/>
  <c r="B7941" i="2" l="1"/>
  <c r="N7942" i="2"/>
  <c r="B7942" i="2" l="1"/>
  <c r="N7943" i="2"/>
  <c r="B7943" i="2" l="1"/>
  <c r="N7944" i="2"/>
  <c r="B7944" i="2" l="1"/>
  <c r="N7945" i="2"/>
  <c r="B7945" i="2" l="1"/>
  <c r="N7946" i="2"/>
  <c r="B7946" i="2" l="1"/>
  <c r="N7947" i="2"/>
  <c r="B7947" i="2" l="1"/>
  <c r="N7948" i="2"/>
  <c r="B7948" i="2" l="1"/>
  <c r="N7949" i="2"/>
  <c r="B7949" i="2" l="1"/>
  <c r="N7950" i="2"/>
  <c r="B7950" i="2" l="1"/>
  <c r="N7951" i="2"/>
  <c r="B7951" i="2" l="1"/>
  <c r="N7952" i="2"/>
  <c r="B7952" i="2" l="1"/>
  <c r="N7953" i="2"/>
  <c r="B7953" i="2" l="1"/>
  <c r="N7954" i="2"/>
  <c r="B7954" i="2" l="1"/>
  <c r="N7955" i="2"/>
  <c r="B7955" i="2" l="1"/>
  <c r="N7956" i="2"/>
  <c r="B7956" i="2" l="1"/>
  <c r="N7957" i="2"/>
  <c r="B7957" i="2" l="1"/>
  <c r="N7958" i="2"/>
  <c r="B7958" i="2" l="1"/>
  <c r="N7959" i="2"/>
  <c r="B7959" i="2" l="1"/>
  <c r="N7960" i="2"/>
  <c r="B7960" i="2" l="1"/>
  <c r="N7961" i="2"/>
  <c r="B7961" i="2" l="1"/>
  <c r="N7962" i="2"/>
  <c r="B7962" i="2" l="1"/>
  <c r="N7963" i="2"/>
  <c r="B7963" i="2" l="1"/>
  <c r="N7964" i="2"/>
  <c r="B7964" i="2" l="1"/>
  <c r="N7965" i="2"/>
  <c r="B7965" i="2" l="1"/>
  <c r="N7966" i="2"/>
  <c r="B7966" i="2" l="1"/>
  <c r="N7967" i="2"/>
  <c r="B7967" i="2" l="1"/>
  <c r="N7968" i="2"/>
  <c r="B7968" i="2" l="1"/>
  <c r="N7969" i="2"/>
  <c r="B7969" i="2" l="1"/>
  <c r="N7970" i="2"/>
  <c r="B7970" i="2" l="1"/>
  <c r="N7971" i="2"/>
  <c r="B7971" i="2" l="1"/>
  <c r="N7972" i="2"/>
  <c r="B7972" i="2" l="1"/>
  <c r="N7973" i="2"/>
  <c r="B7973" i="2" l="1"/>
  <c r="N7974" i="2"/>
  <c r="B7974" i="2" l="1"/>
  <c r="N7975" i="2"/>
  <c r="B7975" i="2" l="1"/>
  <c r="N7976" i="2"/>
  <c r="B7976" i="2" l="1"/>
  <c r="N7977" i="2"/>
  <c r="B7977" i="2" l="1"/>
  <c r="N7978" i="2"/>
  <c r="B7978" i="2" l="1"/>
  <c r="N7979" i="2"/>
  <c r="B7979" i="2" l="1"/>
  <c r="N7980" i="2"/>
  <c r="B7980" i="2" l="1"/>
  <c r="N7981" i="2"/>
  <c r="B7981" i="2" l="1"/>
  <c r="N7982" i="2"/>
  <c r="B7982" i="2" l="1"/>
  <c r="N7983" i="2"/>
  <c r="B7983" i="2" l="1"/>
  <c r="N7984" i="2"/>
  <c r="B7984" i="2" l="1"/>
  <c r="N7985" i="2"/>
  <c r="B7985" i="2" l="1"/>
  <c r="N7986" i="2"/>
  <c r="B7986" i="2" l="1"/>
  <c r="N7987" i="2"/>
  <c r="B7987" i="2" l="1"/>
  <c r="N7988" i="2"/>
  <c r="B7988" i="2" l="1"/>
  <c r="N7989" i="2"/>
  <c r="B7989" i="2" l="1"/>
  <c r="N7990" i="2"/>
  <c r="B7990" i="2" l="1"/>
  <c r="N7991" i="2"/>
  <c r="B7991" i="2" l="1"/>
  <c r="N7992" i="2"/>
  <c r="B7992" i="2" l="1"/>
  <c r="N7993" i="2"/>
  <c r="B7993" i="2" l="1"/>
  <c r="N7994" i="2"/>
  <c r="B7994" i="2" l="1"/>
  <c r="N7995" i="2"/>
  <c r="B7995" i="2" l="1"/>
  <c r="N7996" i="2"/>
  <c r="B7996" i="2" l="1"/>
  <c r="N7997" i="2"/>
  <c r="B7997" i="2" l="1"/>
  <c r="N7998" i="2"/>
  <c r="B7998" i="2" l="1"/>
  <c r="N7999" i="2"/>
  <c r="B7999" i="2" l="1"/>
  <c r="N8000" i="2"/>
  <c r="B8000" i="2" l="1"/>
  <c r="N8001" i="2"/>
  <c r="B8001" i="2" l="1"/>
  <c r="N8002" i="2"/>
  <c r="B8002" i="2" l="1"/>
  <c r="N8003" i="2"/>
  <c r="B8003" i="2" l="1"/>
  <c r="N8004" i="2"/>
  <c r="B8004" i="2" l="1"/>
  <c r="N8005" i="2"/>
  <c r="B8005" i="2" l="1"/>
  <c r="N8006" i="2"/>
  <c r="B8006" i="2" l="1"/>
  <c r="N8007" i="2"/>
  <c r="B8007" i="2" l="1"/>
  <c r="N8008" i="2"/>
  <c r="B8008" i="2" l="1"/>
  <c r="N8009" i="2"/>
  <c r="B8009" i="2" l="1"/>
  <c r="N8010" i="2"/>
  <c r="B8010" i="2" l="1"/>
  <c r="N8011" i="2"/>
  <c r="B8011" i="2" l="1"/>
  <c r="N8012" i="2"/>
  <c r="B8012" i="2" l="1"/>
  <c r="N8013" i="2"/>
  <c r="B8013" i="2" l="1"/>
  <c r="N8014" i="2"/>
  <c r="B8014" i="2" l="1"/>
  <c r="N8015" i="2"/>
  <c r="B8015" i="2" l="1"/>
  <c r="N8016" i="2"/>
  <c r="B8016" i="2" l="1"/>
  <c r="N8017" i="2"/>
  <c r="B8017" i="2" l="1"/>
  <c r="N8018" i="2"/>
  <c r="B8018" i="2" l="1"/>
  <c r="N8019" i="2"/>
  <c r="B8019" i="2" l="1"/>
  <c r="N8020" i="2"/>
  <c r="B8020" i="2" l="1"/>
  <c r="N8021" i="2"/>
  <c r="B8021" i="2" l="1"/>
  <c r="N8022" i="2"/>
  <c r="B8022" i="2" l="1"/>
  <c r="N8023" i="2"/>
  <c r="B8023" i="2" l="1"/>
  <c r="N8024" i="2"/>
  <c r="B8024" i="2" l="1"/>
  <c r="N8025" i="2"/>
  <c r="B8025" i="2" l="1"/>
  <c r="N8026" i="2"/>
  <c r="B8026" i="2" l="1"/>
  <c r="N8027" i="2"/>
  <c r="B8027" i="2" l="1"/>
  <c r="N8028" i="2"/>
  <c r="B8028" i="2" l="1"/>
  <c r="N8029" i="2"/>
  <c r="B8029" i="2" l="1"/>
  <c r="N8030" i="2"/>
  <c r="B8030" i="2" l="1"/>
  <c r="N8031" i="2"/>
  <c r="B8031" i="2" l="1"/>
  <c r="N8032" i="2"/>
  <c r="B8032" i="2" l="1"/>
  <c r="N8033" i="2"/>
  <c r="B8033" i="2" l="1"/>
  <c r="N8034" i="2"/>
  <c r="B8034" i="2" l="1"/>
  <c r="N8035" i="2"/>
  <c r="B8035" i="2" l="1"/>
  <c r="N8036" i="2"/>
  <c r="B8036" i="2" l="1"/>
  <c r="N8037" i="2"/>
  <c r="B8037" i="2" l="1"/>
  <c r="N8038" i="2"/>
  <c r="B8038" i="2" l="1"/>
  <c r="N8039" i="2"/>
  <c r="B8039" i="2" l="1"/>
  <c r="N8040" i="2"/>
  <c r="B8040" i="2" l="1"/>
  <c r="N8041" i="2"/>
  <c r="B8041" i="2" l="1"/>
  <c r="N8042" i="2"/>
  <c r="B8042" i="2" l="1"/>
  <c r="N8043" i="2"/>
  <c r="B8043" i="2" l="1"/>
  <c r="N8044" i="2"/>
  <c r="B8044" i="2" l="1"/>
  <c r="N8045" i="2"/>
  <c r="B8045" i="2" l="1"/>
  <c r="N8046" i="2"/>
  <c r="B8046" i="2" l="1"/>
  <c r="N8047" i="2"/>
  <c r="B8047" i="2" l="1"/>
  <c r="N8048" i="2"/>
  <c r="B8048" i="2" l="1"/>
  <c r="N8049" i="2"/>
  <c r="B8049" i="2" l="1"/>
  <c r="N8050" i="2"/>
  <c r="B8050" i="2" l="1"/>
  <c r="N8051" i="2"/>
  <c r="B8051" i="2" l="1"/>
  <c r="N8052" i="2"/>
  <c r="B8052" i="2" l="1"/>
  <c r="N8053" i="2"/>
  <c r="B8053" i="2" l="1"/>
  <c r="N8054" i="2"/>
  <c r="B8054" i="2" l="1"/>
  <c r="N8055" i="2"/>
  <c r="B8055" i="2" l="1"/>
  <c r="N8056" i="2"/>
  <c r="B8056" i="2" l="1"/>
  <c r="N8057" i="2"/>
  <c r="B8057" i="2" l="1"/>
  <c r="N8058" i="2"/>
  <c r="B8058" i="2" l="1"/>
  <c r="N8059" i="2"/>
  <c r="B8059" i="2" l="1"/>
  <c r="N8060" i="2"/>
  <c r="B8060" i="2" l="1"/>
  <c r="N8061" i="2"/>
  <c r="B8061" i="2" l="1"/>
  <c r="N8062" i="2"/>
  <c r="B8062" i="2" l="1"/>
  <c r="N8063" i="2"/>
  <c r="B8063" i="2" l="1"/>
  <c r="N8064" i="2"/>
  <c r="B8064" i="2" l="1"/>
  <c r="N8065" i="2"/>
  <c r="B8065" i="2" l="1"/>
  <c r="N8066" i="2"/>
  <c r="B8066" i="2" l="1"/>
  <c r="N8067" i="2"/>
  <c r="B8067" i="2" l="1"/>
  <c r="N8068" i="2"/>
  <c r="B8068" i="2" l="1"/>
  <c r="N8069" i="2"/>
  <c r="B8069" i="2" l="1"/>
  <c r="N8070" i="2"/>
  <c r="B8070" i="2" l="1"/>
  <c r="N8071" i="2"/>
  <c r="B8071" i="2" l="1"/>
  <c r="N8072" i="2"/>
  <c r="B8072" i="2" l="1"/>
  <c r="N8073" i="2"/>
  <c r="B8073" i="2" l="1"/>
  <c r="N8074" i="2"/>
  <c r="B8074" i="2" l="1"/>
  <c r="N8075" i="2"/>
  <c r="B8075" i="2" l="1"/>
  <c r="N8076" i="2"/>
  <c r="B8076" i="2" l="1"/>
  <c r="N8077" i="2"/>
  <c r="B8077" i="2" l="1"/>
  <c r="N8078" i="2"/>
  <c r="B8078" i="2" l="1"/>
  <c r="N8079" i="2"/>
  <c r="B8079" i="2" l="1"/>
  <c r="N8080" i="2"/>
  <c r="B8080" i="2" l="1"/>
  <c r="N8081" i="2"/>
  <c r="B8081" i="2" l="1"/>
  <c r="N8082" i="2"/>
  <c r="B8082" i="2" l="1"/>
  <c r="N8083" i="2"/>
  <c r="B8083" i="2" l="1"/>
  <c r="N8084" i="2"/>
  <c r="B8084" i="2" l="1"/>
  <c r="N8085" i="2"/>
  <c r="B8085" i="2" l="1"/>
  <c r="N8086" i="2"/>
  <c r="B8086" i="2" l="1"/>
  <c r="N8087" i="2"/>
  <c r="B8087" i="2" l="1"/>
  <c r="N8088" i="2"/>
  <c r="B8088" i="2" l="1"/>
  <c r="N8089" i="2"/>
  <c r="B8089" i="2" l="1"/>
  <c r="N8090" i="2"/>
  <c r="B8090" i="2" l="1"/>
  <c r="N8091" i="2"/>
  <c r="B8091" i="2" l="1"/>
  <c r="N8092" i="2"/>
  <c r="B8092" i="2" l="1"/>
  <c r="N8093" i="2"/>
  <c r="B8093" i="2" l="1"/>
  <c r="N8094" i="2"/>
  <c r="B8094" i="2" l="1"/>
  <c r="N8095" i="2"/>
  <c r="B8095" i="2" l="1"/>
  <c r="N8096" i="2"/>
  <c r="B8096" i="2" l="1"/>
  <c r="N8097" i="2"/>
  <c r="B8097" i="2" l="1"/>
  <c r="N8098" i="2"/>
  <c r="B8098" i="2" l="1"/>
  <c r="N8099" i="2"/>
  <c r="B8099" i="2" l="1"/>
  <c r="N8100" i="2"/>
  <c r="B8100" i="2" l="1"/>
  <c r="N8101" i="2"/>
  <c r="B8101" i="2" l="1"/>
  <c r="N8102" i="2"/>
  <c r="B8102" i="2" l="1"/>
  <c r="N8103" i="2"/>
  <c r="B8103" i="2" l="1"/>
  <c r="N8104" i="2"/>
  <c r="B8104" i="2" l="1"/>
  <c r="N8105" i="2"/>
  <c r="B8105" i="2" l="1"/>
  <c r="N8106" i="2"/>
  <c r="B8106" i="2" l="1"/>
  <c r="N8107" i="2"/>
  <c r="B8107" i="2" l="1"/>
  <c r="N8108" i="2"/>
  <c r="B8108" i="2" l="1"/>
  <c r="N8109" i="2"/>
  <c r="B8109" i="2" l="1"/>
  <c r="N8110" i="2"/>
  <c r="B8110" i="2" l="1"/>
  <c r="N8111" i="2"/>
  <c r="B8111" i="2" l="1"/>
  <c r="N8112" i="2"/>
  <c r="B8112" i="2" l="1"/>
  <c r="N8113" i="2"/>
  <c r="B8113" i="2" l="1"/>
  <c r="N8114" i="2"/>
  <c r="B8114" i="2" l="1"/>
  <c r="N8115" i="2"/>
  <c r="B8115" i="2" l="1"/>
  <c r="N8116" i="2"/>
  <c r="B8116" i="2" l="1"/>
  <c r="N8117" i="2"/>
  <c r="B8117" i="2" l="1"/>
  <c r="N8118" i="2"/>
  <c r="B8118" i="2" l="1"/>
  <c r="N8119" i="2"/>
  <c r="B8119" i="2" l="1"/>
  <c r="N8120" i="2"/>
  <c r="B8120" i="2" l="1"/>
  <c r="N8121" i="2"/>
  <c r="B8121" i="2" l="1"/>
  <c r="N8122" i="2"/>
  <c r="B8122" i="2" l="1"/>
  <c r="N8123" i="2"/>
  <c r="B8123" i="2" l="1"/>
  <c r="N8124" i="2"/>
  <c r="B8124" i="2" l="1"/>
  <c r="N8125" i="2"/>
  <c r="B8125" i="2" l="1"/>
  <c r="N8126" i="2"/>
  <c r="B8126" i="2" l="1"/>
  <c r="N8127" i="2"/>
  <c r="B8127" i="2" l="1"/>
  <c r="N8128" i="2"/>
  <c r="B8128" i="2" l="1"/>
  <c r="N8129" i="2"/>
  <c r="B8129" i="2" l="1"/>
  <c r="N8130" i="2"/>
  <c r="B8130" i="2" l="1"/>
  <c r="N8131" i="2"/>
  <c r="B8131" i="2" l="1"/>
  <c r="N8132" i="2"/>
  <c r="B8132" i="2" l="1"/>
  <c r="N8133" i="2"/>
  <c r="B8133" i="2" l="1"/>
  <c r="N8134" i="2"/>
  <c r="B8134" i="2" l="1"/>
  <c r="N8135" i="2"/>
  <c r="B8135" i="2" l="1"/>
  <c r="N8136" i="2"/>
  <c r="B8136" i="2" l="1"/>
  <c r="N8137" i="2"/>
  <c r="B8137" i="2" l="1"/>
  <c r="N8138" i="2"/>
  <c r="B8138" i="2" l="1"/>
  <c r="N8139" i="2"/>
  <c r="B8139" i="2" l="1"/>
  <c r="N8140" i="2"/>
  <c r="B8140" i="2" l="1"/>
  <c r="N8141" i="2"/>
  <c r="B8141" i="2" l="1"/>
  <c r="N8142" i="2"/>
  <c r="B8142" i="2" l="1"/>
  <c r="N8143" i="2"/>
  <c r="B8143" i="2" l="1"/>
  <c r="N8144" i="2"/>
  <c r="B8144" i="2" l="1"/>
  <c r="N8145" i="2"/>
  <c r="B8145" i="2" l="1"/>
  <c r="N8146" i="2"/>
  <c r="B8146" i="2" l="1"/>
  <c r="N8147" i="2"/>
  <c r="B8147" i="2" l="1"/>
  <c r="N8148" i="2"/>
  <c r="B8148" i="2" l="1"/>
  <c r="N8149" i="2"/>
  <c r="B8149" i="2" l="1"/>
  <c r="N8150" i="2"/>
  <c r="B8150" i="2" l="1"/>
  <c r="N8151" i="2"/>
  <c r="B8151" i="2" l="1"/>
  <c r="N8152" i="2"/>
  <c r="B8152" i="2" l="1"/>
  <c r="N8153" i="2"/>
  <c r="B8153" i="2" l="1"/>
  <c r="N8154" i="2"/>
  <c r="B8154" i="2" l="1"/>
  <c r="N8155" i="2"/>
  <c r="B8155" i="2" l="1"/>
  <c r="N8156" i="2"/>
  <c r="B8156" i="2" l="1"/>
  <c r="N8157" i="2"/>
  <c r="B8157" i="2" l="1"/>
  <c r="N8158" i="2"/>
  <c r="B8158" i="2" l="1"/>
  <c r="N8159" i="2"/>
  <c r="B8159" i="2" l="1"/>
  <c r="N8160" i="2"/>
  <c r="B8160" i="2" l="1"/>
  <c r="N8161" i="2"/>
  <c r="B8161" i="2" l="1"/>
  <c r="N8162" i="2"/>
  <c r="B8162" i="2" l="1"/>
  <c r="N8163" i="2"/>
  <c r="B8163" i="2" l="1"/>
  <c r="N8164" i="2"/>
  <c r="B8164" i="2" l="1"/>
  <c r="N8165" i="2"/>
  <c r="B8165" i="2" l="1"/>
  <c r="N8166" i="2"/>
  <c r="B8166" i="2" l="1"/>
  <c r="N8167" i="2"/>
  <c r="B8167" i="2" l="1"/>
  <c r="N8168" i="2"/>
  <c r="B8168" i="2" l="1"/>
  <c r="N8169" i="2"/>
  <c r="B8169" i="2" l="1"/>
  <c r="N8170" i="2"/>
  <c r="B8170" i="2" l="1"/>
  <c r="N8171" i="2"/>
  <c r="B8171" i="2" l="1"/>
  <c r="N8172" i="2"/>
  <c r="B8172" i="2" l="1"/>
  <c r="N8173" i="2"/>
  <c r="B8173" i="2" l="1"/>
  <c r="N8174" i="2"/>
  <c r="B8174" i="2" l="1"/>
  <c r="N8175" i="2"/>
  <c r="B8175" i="2" l="1"/>
  <c r="N8176" i="2"/>
  <c r="B8176" i="2" l="1"/>
  <c r="N8177" i="2"/>
  <c r="B8177" i="2" l="1"/>
  <c r="N8178" i="2"/>
  <c r="B8178" i="2" l="1"/>
  <c r="N8179" i="2"/>
  <c r="B8179" i="2" l="1"/>
  <c r="N8180" i="2"/>
  <c r="B8180" i="2" l="1"/>
  <c r="N8181" i="2"/>
  <c r="B8181" i="2" l="1"/>
  <c r="N8182" i="2"/>
  <c r="B8182" i="2" l="1"/>
  <c r="N8183" i="2"/>
  <c r="B8183" i="2" l="1"/>
  <c r="N8184" i="2"/>
  <c r="B8184" i="2" l="1"/>
  <c r="N8185" i="2"/>
  <c r="B8185" i="2" l="1"/>
  <c r="N8186" i="2"/>
  <c r="B8186" i="2" l="1"/>
  <c r="N8187" i="2"/>
  <c r="B8187" i="2" l="1"/>
  <c r="N8188" i="2"/>
  <c r="B8188" i="2" l="1"/>
  <c r="N8189" i="2"/>
  <c r="B8189" i="2" l="1"/>
  <c r="N8190" i="2"/>
  <c r="B8190" i="2" l="1"/>
  <c r="N8191" i="2"/>
  <c r="B8191" i="2" l="1"/>
  <c r="N8192" i="2"/>
  <c r="B8192" i="2" l="1"/>
  <c r="N8193" i="2"/>
  <c r="B8193" i="2" l="1"/>
  <c r="N8194" i="2"/>
  <c r="B8194" i="2" l="1"/>
  <c r="N8195" i="2"/>
  <c r="B8195" i="2" l="1"/>
  <c r="N8196" i="2"/>
  <c r="B8196" i="2" l="1"/>
  <c r="N8197" i="2"/>
  <c r="B8197" i="2" l="1"/>
  <c r="N8198" i="2"/>
  <c r="B8198" i="2" l="1"/>
  <c r="N8199" i="2"/>
  <c r="B8199" i="2" l="1"/>
  <c r="N8200" i="2"/>
  <c r="B8200" i="2" l="1"/>
  <c r="N8201" i="2"/>
  <c r="B8201" i="2" l="1"/>
  <c r="N8202" i="2"/>
  <c r="B8202" i="2" l="1"/>
  <c r="N8203" i="2"/>
  <c r="B8203" i="2" l="1"/>
  <c r="N8204" i="2"/>
  <c r="B8204" i="2" l="1"/>
  <c r="N8205" i="2"/>
  <c r="B8205" i="2" l="1"/>
  <c r="N8206" i="2"/>
  <c r="B8206" i="2" l="1"/>
  <c r="N8207" i="2"/>
  <c r="B8207" i="2" l="1"/>
  <c r="N8208" i="2"/>
  <c r="B8208" i="2" l="1"/>
  <c r="N8209" i="2"/>
  <c r="B8209" i="2" l="1"/>
  <c r="N8210" i="2"/>
  <c r="B8210" i="2" l="1"/>
  <c r="N8211" i="2"/>
  <c r="B8211" i="2" l="1"/>
  <c r="N8212" i="2"/>
  <c r="B8212" i="2" l="1"/>
  <c r="N8213" i="2"/>
  <c r="B8213" i="2" l="1"/>
  <c r="N8214" i="2"/>
  <c r="B8214" i="2" l="1"/>
  <c r="N8215" i="2"/>
  <c r="B8215" i="2" l="1"/>
  <c r="N8216" i="2"/>
  <c r="B8216" i="2" l="1"/>
  <c r="N8217" i="2"/>
  <c r="B8217" i="2" l="1"/>
  <c r="N8218" i="2"/>
  <c r="B8218" i="2" l="1"/>
  <c r="N8219" i="2"/>
  <c r="B8219" i="2" l="1"/>
  <c r="N8220" i="2"/>
  <c r="B8220" i="2" l="1"/>
  <c r="N8221" i="2"/>
  <c r="B8221" i="2" l="1"/>
  <c r="N8222" i="2"/>
  <c r="B8222" i="2" l="1"/>
  <c r="N8223" i="2"/>
  <c r="B8223" i="2" l="1"/>
  <c r="N8224" i="2"/>
  <c r="B8224" i="2" l="1"/>
  <c r="N8225" i="2"/>
  <c r="B8225" i="2" l="1"/>
  <c r="N8226" i="2"/>
  <c r="B8226" i="2" l="1"/>
  <c r="N8227" i="2"/>
  <c r="B8227" i="2" l="1"/>
  <c r="N8228" i="2"/>
  <c r="B8228" i="2" l="1"/>
  <c r="N8229" i="2"/>
  <c r="B8229" i="2" l="1"/>
  <c r="N8230" i="2"/>
  <c r="B8230" i="2" l="1"/>
  <c r="N8231" i="2"/>
  <c r="B8231" i="2" l="1"/>
  <c r="N8232" i="2"/>
  <c r="B8232" i="2" l="1"/>
  <c r="N8233" i="2"/>
  <c r="B8233" i="2" l="1"/>
  <c r="N8234" i="2"/>
  <c r="B8234" i="2" l="1"/>
  <c r="N8235" i="2"/>
  <c r="B8235" i="2" l="1"/>
  <c r="N8236" i="2"/>
  <c r="B8236" i="2" l="1"/>
  <c r="N8237" i="2"/>
  <c r="B8237" i="2" l="1"/>
  <c r="N8238" i="2"/>
  <c r="B8238" i="2" l="1"/>
  <c r="N8239" i="2"/>
  <c r="B8239" i="2" l="1"/>
  <c r="N8240" i="2"/>
  <c r="B8240" i="2" l="1"/>
  <c r="N8241" i="2"/>
  <c r="B8241" i="2" l="1"/>
  <c r="N8242" i="2"/>
  <c r="B8242" i="2" l="1"/>
  <c r="N8243" i="2"/>
  <c r="B8243" i="2" l="1"/>
  <c r="N8244" i="2"/>
  <c r="B8244" i="2" l="1"/>
  <c r="N8245" i="2"/>
  <c r="B8245" i="2" l="1"/>
  <c r="N8246" i="2"/>
  <c r="B8246" i="2" l="1"/>
  <c r="N8247" i="2"/>
  <c r="B8247" i="2" l="1"/>
  <c r="N8248" i="2"/>
  <c r="B8248" i="2" l="1"/>
  <c r="N8249" i="2"/>
  <c r="B8249" i="2" l="1"/>
  <c r="N8250" i="2"/>
  <c r="B8250" i="2" l="1"/>
  <c r="N8251" i="2"/>
  <c r="B8251" i="2" l="1"/>
  <c r="N8252" i="2"/>
  <c r="B8252" i="2" l="1"/>
  <c r="N8253" i="2"/>
  <c r="B8253" i="2" l="1"/>
  <c r="N8254" i="2"/>
  <c r="B8254" i="2" l="1"/>
  <c r="N8255" i="2"/>
  <c r="B8255" i="2" l="1"/>
  <c r="N8256" i="2"/>
  <c r="B8256" i="2" l="1"/>
  <c r="N8257" i="2"/>
  <c r="B8257" i="2" l="1"/>
  <c r="N8258" i="2"/>
  <c r="B8258" i="2" l="1"/>
  <c r="N8259" i="2"/>
  <c r="B8259" i="2" l="1"/>
  <c r="N8260" i="2"/>
  <c r="B8260" i="2" l="1"/>
  <c r="N8261" i="2"/>
  <c r="B8261" i="2" l="1"/>
  <c r="N8262" i="2"/>
  <c r="B8262" i="2" l="1"/>
  <c r="N8263" i="2"/>
  <c r="B8263" i="2" l="1"/>
  <c r="N8264" i="2"/>
  <c r="B8264" i="2" l="1"/>
  <c r="N8265" i="2"/>
  <c r="B8265" i="2" l="1"/>
  <c r="N8266" i="2"/>
  <c r="B8266" i="2" s="1"/>
  <c r="N8267" i="2" l="1"/>
  <c r="B8267" i="2" l="1"/>
  <c r="N8268" i="2"/>
  <c r="B8268" i="2" s="1"/>
  <c r="N8269" i="2" l="1"/>
  <c r="B8269" i="2" l="1"/>
  <c r="N8270" i="2"/>
  <c r="B8270" i="2" s="1"/>
  <c r="N8271" i="2" l="1"/>
  <c r="B8271" i="2" l="1"/>
  <c r="N8272" i="2"/>
  <c r="B8272" i="2" s="1"/>
  <c r="N8273" i="2" l="1"/>
  <c r="B8273" i="2" l="1"/>
  <c r="N8274" i="2"/>
  <c r="B8274" i="2" s="1"/>
  <c r="N8275" i="2" l="1"/>
  <c r="B8275" i="2" l="1"/>
  <c r="N8276" i="2"/>
  <c r="B8276" i="2" s="1"/>
  <c r="N8277" i="2" l="1"/>
  <c r="B8277" i="2" l="1"/>
  <c r="N8278" i="2"/>
  <c r="B8278" i="2" s="1"/>
  <c r="N8279" i="2" l="1"/>
  <c r="B8279" i="2" l="1"/>
  <c r="N8280" i="2"/>
  <c r="B8280" i="2" s="1"/>
  <c r="N8281" i="2" l="1"/>
  <c r="B8281" i="2" l="1"/>
  <c r="N8282" i="2"/>
  <c r="B8282" i="2" s="1"/>
  <c r="N8283" i="2" l="1"/>
  <c r="B8283" i="2" l="1"/>
  <c r="N8284" i="2"/>
  <c r="B8284" i="2" s="1"/>
  <c r="N8285" i="2" l="1"/>
  <c r="B8285" i="2" l="1"/>
  <c r="N8286" i="2"/>
  <c r="B8286" i="2" s="1"/>
  <c r="N8287" i="2" l="1"/>
  <c r="B8287" i="2" l="1"/>
  <c r="N8288" i="2"/>
  <c r="B8288" i="2" s="1"/>
  <c r="N8289" i="2" l="1"/>
  <c r="B8289" i="2" l="1"/>
  <c r="N8290" i="2"/>
  <c r="B8290" i="2" s="1"/>
  <c r="N8291" i="2" l="1"/>
  <c r="B8291" i="2" l="1"/>
  <c r="N8292" i="2"/>
  <c r="B8292" i="2" s="1"/>
  <c r="N8293" i="2" l="1"/>
  <c r="B8293" i="2" l="1"/>
  <c r="N8294" i="2"/>
  <c r="B8294" i="2" s="1"/>
  <c r="N8295" i="2" l="1"/>
  <c r="B8295" i="2" l="1"/>
  <c r="N8296" i="2"/>
  <c r="B8296" i="2" s="1"/>
  <c r="N8297" i="2" l="1"/>
  <c r="B8297" i="2" l="1"/>
  <c r="N8298" i="2"/>
  <c r="B8298" i="2" s="1"/>
  <c r="N8299" i="2" l="1"/>
  <c r="B8299" i="2" l="1"/>
  <c r="N8300" i="2"/>
  <c r="B8300" i="2" s="1"/>
  <c r="N8301" i="2" l="1"/>
  <c r="B8301" i="2" l="1"/>
  <c r="N8302" i="2"/>
  <c r="B8302" i="2" s="1"/>
  <c r="N8303" i="2" l="1"/>
  <c r="B8303" i="2" l="1"/>
  <c r="N8304" i="2"/>
  <c r="B8304" i="2" s="1"/>
  <c r="N8305" i="2" l="1"/>
  <c r="B8305" i="2" l="1"/>
  <c r="N8306" i="2"/>
  <c r="B8306" i="2" s="1"/>
  <c r="N8307" i="2" l="1"/>
  <c r="B8307" i="2" l="1"/>
  <c r="N8308" i="2"/>
  <c r="B8308" i="2" s="1"/>
  <c r="N8309" i="2" l="1"/>
  <c r="B8309" i="2" l="1"/>
  <c r="N8310" i="2"/>
  <c r="B8310" i="2" s="1"/>
  <c r="N8311" i="2" l="1"/>
  <c r="B8311" i="2" l="1"/>
  <c r="N8312" i="2"/>
  <c r="B8312" i="2" s="1"/>
  <c r="N8313" i="2" l="1"/>
  <c r="B8313" i="2" l="1"/>
  <c r="N8314" i="2"/>
  <c r="B8314" i="2" s="1"/>
  <c r="N8315" i="2" l="1"/>
  <c r="B8315" i="2" l="1"/>
  <c r="N8316" i="2"/>
  <c r="B8316" i="2" s="1"/>
  <c r="N8317" i="2" l="1"/>
  <c r="B8317" i="2" l="1"/>
  <c r="N8318" i="2"/>
  <c r="B8318" i="2" s="1"/>
  <c r="N8319" i="2" l="1"/>
  <c r="B8319" i="2" l="1"/>
  <c r="N8320" i="2"/>
  <c r="B8320" i="2" s="1"/>
  <c r="N8321" i="2" l="1"/>
  <c r="B8321" i="2" l="1"/>
  <c r="N8322" i="2"/>
  <c r="B8322" i="2" s="1"/>
  <c r="N8323" i="2" l="1"/>
  <c r="B8323" i="2" l="1"/>
  <c r="N8324" i="2"/>
  <c r="B8324" i="2" s="1"/>
  <c r="N8325" i="2" l="1"/>
  <c r="B8325" i="2" l="1"/>
  <c r="N8326" i="2"/>
  <c r="B8326" i="2" s="1"/>
  <c r="N8327" i="2" l="1"/>
  <c r="B8327" i="2" l="1"/>
  <c r="N8328" i="2"/>
  <c r="B8328" i="2" s="1"/>
  <c r="N8329" i="2" l="1"/>
  <c r="B8329" i="2" l="1"/>
  <c r="N8330" i="2"/>
  <c r="B8330" i="2" s="1"/>
  <c r="N8331" i="2" l="1"/>
  <c r="B8331" i="2" l="1"/>
  <c r="N8332" i="2"/>
  <c r="B8332" i="2" s="1"/>
  <c r="N8333" i="2" l="1"/>
  <c r="B8333" i="2" l="1"/>
  <c r="N8334" i="2"/>
  <c r="B8334" i="2" s="1"/>
  <c r="N8335" i="2" l="1"/>
  <c r="B8335" i="2" l="1"/>
  <c r="N8336" i="2"/>
  <c r="B8336" i="2" s="1"/>
  <c r="N8337" i="2" l="1"/>
  <c r="B8337" i="2" l="1"/>
  <c r="N8338" i="2"/>
  <c r="B8338" i="2" s="1"/>
  <c r="N8339" i="2" l="1"/>
  <c r="B8339" i="2" l="1"/>
  <c r="N8340" i="2"/>
  <c r="B8340" i="2" s="1"/>
  <c r="N8341" i="2" l="1"/>
  <c r="B8341" i="2" l="1"/>
  <c r="N8342" i="2"/>
  <c r="B8342" i="2" s="1"/>
  <c r="N8343" i="2" l="1"/>
  <c r="B8343" i="2" l="1"/>
  <c r="N8344" i="2"/>
  <c r="B8344" i="2" s="1"/>
  <c r="N8345" i="2" l="1"/>
  <c r="B8345" i="2" l="1"/>
  <c r="N8346" i="2"/>
  <c r="B8346" i="2" s="1"/>
  <c r="N8347" i="2" l="1"/>
  <c r="B8347" i="2" l="1"/>
  <c r="N8348" i="2"/>
  <c r="B8348" i="2" s="1"/>
  <c r="N8349" i="2" l="1"/>
  <c r="B8349" i="2" l="1"/>
  <c r="N8350" i="2"/>
  <c r="B8350" i="2" s="1"/>
  <c r="N8351" i="2" l="1"/>
  <c r="B8351" i="2" l="1"/>
  <c r="N8352" i="2"/>
  <c r="B8352" i="2" s="1"/>
  <c r="N8353" i="2" l="1"/>
  <c r="B8353" i="2" l="1"/>
  <c r="N8354" i="2"/>
  <c r="B8354" i="2" s="1"/>
  <c r="N8355" i="2" l="1"/>
  <c r="B8355" i="2" l="1"/>
  <c r="N8356" i="2"/>
  <c r="B8356" i="2" s="1"/>
  <c r="N8357" i="2" l="1"/>
  <c r="B8357" i="2" l="1"/>
  <c r="N8358" i="2"/>
  <c r="B8358" i="2" s="1"/>
  <c r="N8359" i="2" l="1"/>
  <c r="B8359" i="2" l="1"/>
  <c r="N8360" i="2"/>
  <c r="B8360" i="2" s="1"/>
  <c r="N8361" i="2" l="1"/>
  <c r="B8361" i="2" l="1"/>
  <c r="N8362" i="2"/>
  <c r="B8362" i="2" s="1"/>
  <c r="N8363" i="2" l="1"/>
  <c r="B8363" i="2" l="1"/>
  <c r="N8364" i="2"/>
  <c r="B8364" i="2" s="1"/>
  <c r="N8365" i="2" l="1"/>
  <c r="B8365" i="2" l="1"/>
  <c r="N8366" i="2"/>
  <c r="B8366" i="2" s="1"/>
  <c r="N8367" i="2" l="1"/>
  <c r="B8367" i="2" l="1"/>
  <c r="N8368" i="2"/>
  <c r="B8368" i="2" s="1"/>
  <c r="N8369" i="2" l="1"/>
  <c r="B8369" i="2" l="1"/>
  <c r="N8370" i="2"/>
  <c r="B8370" i="2" s="1"/>
  <c r="N8371" i="2" l="1"/>
  <c r="B8371" i="2" l="1"/>
  <c r="N8372" i="2"/>
  <c r="B8372" i="2" s="1"/>
  <c r="N8373" i="2" l="1"/>
  <c r="B8373" i="2" l="1"/>
  <c r="N8374" i="2"/>
  <c r="B8374" i="2" s="1"/>
  <c r="N8375" i="2" l="1"/>
  <c r="B8375" i="2" l="1"/>
  <c r="N8376" i="2"/>
  <c r="B8376" i="2" s="1"/>
  <c r="N8377" i="2" l="1"/>
  <c r="B8377" i="2" l="1"/>
  <c r="N8378" i="2"/>
  <c r="B8378" i="2" s="1"/>
  <c r="N8379" i="2" l="1"/>
  <c r="B8379" i="2" l="1"/>
  <c r="N8380" i="2"/>
  <c r="B8380" i="2" s="1"/>
  <c r="N8381" i="2" l="1"/>
  <c r="B8381" i="2" l="1"/>
  <c r="N8382" i="2"/>
  <c r="B8382" i="2" s="1"/>
  <c r="N8383" i="2" l="1"/>
  <c r="B8383" i="2" l="1"/>
  <c r="N8384" i="2"/>
  <c r="B8384" i="2" s="1"/>
  <c r="N8385" i="2" l="1"/>
  <c r="B8385" i="2" l="1"/>
  <c r="N8386" i="2"/>
  <c r="B8386" i="2" s="1"/>
  <c r="N8387" i="2" l="1"/>
  <c r="B8387" i="2" l="1"/>
  <c r="N8388" i="2"/>
  <c r="B8388" i="2" s="1"/>
  <c r="N8389" i="2" l="1"/>
  <c r="B8389" i="2" l="1"/>
  <c r="N8390" i="2"/>
  <c r="B8390" i="2" s="1"/>
  <c r="N8391" i="2" l="1"/>
  <c r="B8391" i="2" l="1"/>
  <c r="N8392" i="2"/>
  <c r="B8392" i="2" s="1"/>
  <c r="N8393" i="2" l="1"/>
  <c r="B8393" i="2" l="1"/>
  <c r="N8394" i="2"/>
  <c r="B8394" i="2" s="1"/>
  <c r="N8395" i="2" l="1"/>
  <c r="B8395" i="2" l="1"/>
  <c r="N8396" i="2"/>
  <c r="B8396" i="2" s="1"/>
  <c r="N8397" i="2" l="1"/>
  <c r="B8397" i="2" l="1"/>
  <c r="N8398" i="2"/>
  <c r="B8398" i="2" s="1"/>
  <c r="N8399" i="2" l="1"/>
  <c r="B8399" i="2" l="1"/>
  <c r="N8400" i="2"/>
  <c r="B8400" i="2" s="1"/>
  <c r="N8401" i="2" l="1"/>
  <c r="B8401" i="2" l="1"/>
  <c r="N8402" i="2"/>
  <c r="B8402" i="2" s="1"/>
  <c r="N8403" i="2" l="1"/>
  <c r="B8403" i="2" l="1"/>
  <c r="N8404" i="2"/>
  <c r="B8404" i="2" s="1"/>
  <c r="N8405" i="2" l="1"/>
  <c r="B8405" i="2" l="1"/>
  <c r="N8406" i="2"/>
  <c r="B8406" i="2" s="1"/>
  <c r="N8407" i="2" l="1"/>
  <c r="B8407" i="2" l="1"/>
  <c r="N8408" i="2"/>
  <c r="B8408" i="2" s="1"/>
  <c r="N8409" i="2" l="1"/>
  <c r="B8409" i="2" l="1"/>
  <c r="N8410" i="2"/>
  <c r="B8410" i="2" s="1"/>
  <c r="N8411" i="2" l="1"/>
  <c r="B8411" i="2" l="1"/>
  <c r="N8412" i="2"/>
  <c r="B8412" i="2" s="1"/>
  <c r="N8413" i="2" l="1"/>
  <c r="B8413" i="2" l="1"/>
  <c r="N8414" i="2"/>
  <c r="B8414" i="2" s="1"/>
  <c r="N8415" i="2" l="1"/>
  <c r="B8415" i="2" l="1"/>
  <c r="N8416" i="2"/>
  <c r="B8416" i="2" s="1"/>
  <c r="N8417" i="2" l="1"/>
  <c r="B8417" i="2" l="1"/>
  <c r="N8418" i="2"/>
  <c r="B8418" i="2" s="1"/>
  <c r="N8419" i="2" l="1"/>
  <c r="B8419" i="2" l="1"/>
  <c r="N8420" i="2"/>
  <c r="B8420" i="2" s="1"/>
  <c r="N8421" i="2" l="1"/>
  <c r="B8421" i="2" l="1"/>
  <c r="N8422" i="2"/>
  <c r="B8422" i="2" s="1"/>
  <c r="N8423" i="2" l="1"/>
  <c r="B8423" i="2" l="1"/>
  <c r="N8424" i="2"/>
  <c r="B8424" i="2" s="1"/>
  <c r="N8425" i="2" l="1"/>
  <c r="B8425" i="2" l="1"/>
  <c r="N8426" i="2"/>
  <c r="B8426" i="2" s="1"/>
  <c r="N8427" i="2" l="1"/>
  <c r="B8427" i="2" l="1"/>
  <c r="N8428" i="2"/>
  <c r="B8428" i="2" s="1"/>
  <c r="N8429" i="2" l="1"/>
  <c r="B8429" i="2" l="1"/>
  <c r="N8430" i="2"/>
  <c r="B8430" i="2" s="1"/>
  <c r="N8431" i="2" l="1"/>
  <c r="B8431" i="2" l="1"/>
  <c r="N8432" i="2"/>
  <c r="B8432" i="2" s="1"/>
  <c r="T34" i="2" l="1" a="1"/>
  <c r="N8433" i="2"/>
  <c r="B8433" i="2" l="1"/>
  <c r="K27" i="3"/>
  <c r="U117" i="2"/>
  <c r="U45" i="2"/>
  <c r="T34" i="2"/>
  <c r="I27" i="3" s="1"/>
  <c r="U69" i="2"/>
  <c r="U189" i="2"/>
  <c r="U141" i="2"/>
  <c r="U93" i="2"/>
  <c r="U165" i="2"/>
  <c r="N8434" i="2"/>
  <c r="B8434" i="2" l="1"/>
  <c r="N8435" i="2"/>
  <c r="B8435" i="2" l="1"/>
  <c r="N8436" i="2"/>
  <c r="B8436" i="2" l="1"/>
  <c r="N8437" i="2"/>
  <c r="B8437" i="2" l="1"/>
  <c r="N8438" i="2"/>
  <c r="B8438" i="2" l="1"/>
  <c r="N8439" i="2"/>
  <c r="B8439" i="2" l="1"/>
  <c r="N8440" i="2"/>
  <c r="B8440" i="2" l="1"/>
  <c r="N8441" i="2"/>
  <c r="B8441" i="2" l="1"/>
  <c r="N8442" i="2"/>
  <c r="B8442" i="2" l="1"/>
  <c r="N8443" i="2"/>
  <c r="B8443" i="2" l="1"/>
  <c r="N8444" i="2"/>
  <c r="B8444" i="2" l="1"/>
  <c r="N8445" i="2"/>
  <c r="B8445" i="2" l="1"/>
  <c r="N8446" i="2"/>
  <c r="B8446" i="2" l="1"/>
  <c r="N8447" i="2"/>
  <c r="B8447" i="2" l="1"/>
  <c r="N8448" i="2"/>
  <c r="B8448" i="2" l="1"/>
  <c r="N8449" i="2"/>
  <c r="B8449" i="2" l="1"/>
  <c r="N8450" i="2"/>
  <c r="B8450" i="2" l="1"/>
  <c r="N8451" i="2"/>
  <c r="B8451" i="2" l="1"/>
  <c r="N8452" i="2"/>
  <c r="B8452" i="2" l="1"/>
  <c r="N8453" i="2"/>
  <c r="B8453" i="2" l="1"/>
  <c r="N8454" i="2"/>
  <c r="B8454" i="2" l="1"/>
  <c r="N8455" i="2"/>
  <c r="B8455" i="2" l="1"/>
  <c r="N8456" i="2"/>
  <c r="B8456" i="2" l="1"/>
  <c r="N8457" i="2"/>
  <c r="B8457" i="2" l="1"/>
  <c r="N8458" i="2"/>
  <c r="B8458" i="2" l="1"/>
  <c r="N8459" i="2"/>
  <c r="B8459" i="2" l="1"/>
  <c r="N8460" i="2"/>
  <c r="B8460" i="2" l="1"/>
  <c r="N8461" i="2"/>
  <c r="B8461" i="2" l="1"/>
  <c r="N8462" i="2"/>
  <c r="B8462" i="2" l="1"/>
  <c r="N8463" i="2"/>
  <c r="B8463" i="2" l="1"/>
  <c r="N8464" i="2"/>
  <c r="B8464" i="2" l="1"/>
  <c r="N8465" i="2"/>
  <c r="B8465" i="2" l="1"/>
  <c r="N8466" i="2"/>
  <c r="B8466" i="2" l="1"/>
  <c r="N8467" i="2"/>
  <c r="B8467" i="2" l="1"/>
  <c r="N8468" i="2"/>
  <c r="B8468" i="2" l="1"/>
  <c r="N8469" i="2"/>
  <c r="B8469" i="2" l="1"/>
  <c r="N8470" i="2"/>
  <c r="B8470" i="2" l="1"/>
  <c r="N8471" i="2"/>
  <c r="B8471" i="2" l="1"/>
  <c r="N8472" i="2"/>
  <c r="B8472" i="2" l="1"/>
  <c r="N8473" i="2"/>
  <c r="B8473" i="2" l="1"/>
  <c r="N8474" i="2"/>
  <c r="B8474" i="2" l="1"/>
  <c r="N8475" i="2"/>
  <c r="B8475" i="2" l="1"/>
  <c r="N8476" i="2"/>
  <c r="B8476" i="2" l="1"/>
  <c r="N8477" i="2"/>
  <c r="B8477" i="2" l="1"/>
  <c r="N8478" i="2"/>
  <c r="B8478" i="2" l="1"/>
  <c r="N8479" i="2"/>
  <c r="B8479" i="2" l="1"/>
  <c r="N8480" i="2"/>
  <c r="B8480" i="2" l="1"/>
  <c r="N8481" i="2"/>
  <c r="B8481" i="2" l="1"/>
  <c r="N8482" i="2"/>
  <c r="B8482" i="2" l="1"/>
  <c r="N8483" i="2"/>
  <c r="B8483" i="2" l="1"/>
  <c r="N8484" i="2"/>
  <c r="B8484" i="2" l="1"/>
  <c r="N8485" i="2"/>
  <c r="B8485" i="2" l="1"/>
  <c r="N8486" i="2"/>
  <c r="B8486" i="2" l="1"/>
  <c r="N8487" i="2"/>
  <c r="B8487" i="2" l="1"/>
  <c r="N8488" i="2"/>
  <c r="B8488" i="2" l="1"/>
  <c r="N8489" i="2"/>
  <c r="B8489" i="2" l="1"/>
  <c r="N8490" i="2"/>
  <c r="B8490" i="2" l="1"/>
  <c r="N8491" i="2"/>
  <c r="B8491" i="2" l="1"/>
  <c r="N8492" i="2"/>
  <c r="B8492" i="2" l="1"/>
  <c r="N8493" i="2"/>
  <c r="B8493" i="2" l="1"/>
  <c r="N8494" i="2"/>
  <c r="B8494" i="2" l="1"/>
  <c r="N8495" i="2"/>
  <c r="B8495" i="2" l="1"/>
  <c r="N8496" i="2"/>
  <c r="B8496" i="2" l="1"/>
  <c r="N8497" i="2"/>
  <c r="B8497" i="2" l="1"/>
  <c r="N8498" i="2"/>
  <c r="B8498" i="2" l="1"/>
  <c r="N8499" i="2"/>
  <c r="B8499" i="2" l="1"/>
  <c r="N8500" i="2"/>
  <c r="B8500" i="2" l="1"/>
  <c r="N8501" i="2"/>
  <c r="B8501" i="2" l="1"/>
  <c r="N8502" i="2"/>
  <c r="B8502" i="2" l="1"/>
  <c r="N8503" i="2"/>
  <c r="B8503" i="2" l="1"/>
  <c r="N8504" i="2"/>
  <c r="B8504" i="2" l="1"/>
  <c r="N8505" i="2"/>
  <c r="B8505" i="2" l="1"/>
  <c r="N8506" i="2"/>
  <c r="B8506" i="2" l="1"/>
  <c r="N8507" i="2"/>
  <c r="B8507" i="2" l="1"/>
  <c r="N8508" i="2"/>
  <c r="B8508" i="2" l="1"/>
  <c r="N8509" i="2"/>
  <c r="B8509" i="2" l="1"/>
  <c r="N8510" i="2"/>
  <c r="B8510" i="2" l="1"/>
  <c r="N8511" i="2"/>
  <c r="B8511" i="2" l="1"/>
  <c r="N8512" i="2"/>
  <c r="B8512" i="2" l="1"/>
  <c r="N8513" i="2"/>
  <c r="B8513" i="2" l="1"/>
  <c r="N8514" i="2"/>
  <c r="B8514" i="2" l="1"/>
  <c r="N8515" i="2"/>
  <c r="B8515" i="2" l="1"/>
  <c r="N8516" i="2"/>
  <c r="B8516" i="2" l="1"/>
  <c r="N8517" i="2"/>
  <c r="B8517" i="2" l="1"/>
  <c r="N8518" i="2"/>
  <c r="B8518" i="2" l="1"/>
  <c r="N8519" i="2"/>
  <c r="B8519" i="2" l="1"/>
  <c r="N8520" i="2"/>
  <c r="B8520" i="2" l="1"/>
  <c r="N8521" i="2"/>
  <c r="B8521" i="2" l="1"/>
  <c r="N8522" i="2"/>
  <c r="B8522" i="2" l="1"/>
  <c r="N8523" i="2"/>
  <c r="B8523" i="2" l="1"/>
  <c r="N8524" i="2"/>
  <c r="B8524" i="2" l="1"/>
  <c r="N8525" i="2"/>
  <c r="B8525" i="2" l="1"/>
  <c r="N8526" i="2"/>
  <c r="B8526" i="2" l="1"/>
  <c r="N8527" i="2"/>
  <c r="B8527" i="2" l="1"/>
  <c r="N8528" i="2"/>
  <c r="B8528" i="2" l="1"/>
  <c r="N8529" i="2"/>
  <c r="B8529" i="2" l="1"/>
  <c r="N8530" i="2"/>
  <c r="B8530" i="2" l="1"/>
  <c r="N8531" i="2"/>
  <c r="B8531" i="2" l="1"/>
  <c r="N8532" i="2"/>
  <c r="B8532" i="2" l="1"/>
  <c r="N8533" i="2"/>
  <c r="B8533" i="2" l="1"/>
  <c r="N8534" i="2"/>
  <c r="B8534" i="2" l="1"/>
  <c r="N8535" i="2"/>
  <c r="B8535" i="2" l="1"/>
  <c r="N8536" i="2"/>
  <c r="B8536" i="2" l="1"/>
  <c r="N8537" i="2"/>
  <c r="B8537" i="2" l="1"/>
  <c r="N8538" i="2"/>
  <c r="B8538" i="2" l="1"/>
  <c r="N8539" i="2"/>
  <c r="B8539" i="2" l="1"/>
  <c r="N8540" i="2"/>
  <c r="B8540" i="2" l="1"/>
  <c r="N8541" i="2"/>
  <c r="B8541" i="2" l="1"/>
  <c r="N8542" i="2"/>
  <c r="B8542" i="2" l="1"/>
  <c r="N8543" i="2"/>
  <c r="B8543" i="2" l="1"/>
  <c r="N8544" i="2"/>
  <c r="B8544" i="2" l="1"/>
  <c r="N8545" i="2"/>
  <c r="B8545" i="2" l="1"/>
  <c r="N8546" i="2"/>
  <c r="B8546" i="2" l="1"/>
  <c r="N8547" i="2"/>
  <c r="B8547" i="2" l="1"/>
  <c r="N8548" i="2"/>
  <c r="B8548" i="2" l="1"/>
  <c r="N8549" i="2"/>
  <c r="B8549" i="2" l="1"/>
  <c r="N8550" i="2"/>
  <c r="B8550" i="2" l="1"/>
  <c r="N8551" i="2"/>
  <c r="B8551" i="2" l="1"/>
  <c r="N8552" i="2"/>
  <c r="B8552" i="2" l="1"/>
  <c r="N8553" i="2"/>
  <c r="B8553" i="2" l="1"/>
  <c r="N8554" i="2"/>
  <c r="B8554" i="2" l="1"/>
  <c r="N8555" i="2"/>
  <c r="B8555" i="2" l="1"/>
  <c r="N8556" i="2"/>
  <c r="B8556" i="2" l="1"/>
  <c r="N8557" i="2"/>
  <c r="B8557" i="2" l="1"/>
  <c r="N8558" i="2"/>
  <c r="B8558" i="2" l="1"/>
  <c r="N8559" i="2"/>
  <c r="B8559" i="2" l="1"/>
  <c r="N8560" i="2"/>
  <c r="B8560" i="2" l="1"/>
  <c r="N8561" i="2"/>
  <c r="B8561" i="2" l="1"/>
  <c r="N8562" i="2"/>
  <c r="B8562" i="2" l="1"/>
  <c r="N8563" i="2"/>
  <c r="B8563" i="2" l="1"/>
  <c r="N8564" i="2"/>
  <c r="B8564" i="2" l="1"/>
  <c r="N8565" i="2"/>
  <c r="B8565" i="2" l="1"/>
  <c r="N8566" i="2"/>
  <c r="B8566" i="2" l="1"/>
  <c r="N8567" i="2"/>
  <c r="B8567" i="2" l="1"/>
  <c r="N8568" i="2"/>
  <c r="B8568" i="2" l="1"/>
  <c r="N8569" i="2"/>
  <c r="B8569" i="2" l="1"/>
  <c r="N8570" i="2"/>
  <c r="B8570" i="2" l="1"/>
  <c r="N8571" i="2"/>
  <c r="B8571" i="2" l="1"/>
  <c r="N8572" i="2"/>
  <c r="B8572" i="2" l="1"/>
  <c r="N8573" i="2"/>
  <c r="B8573" i="2" l="1"/>
  <c r="N8574" i="2"/>
  <c r="B8574" i="2" l="1"/>
  <c r="N8575" i="2"/>
  <c r="B8575" i="2" l="1"/>
  <c r="N8576" i="2"/>
  <c r="B8576" i="2" l="1"/>
  <c r="N8577" i="2"/>
  <c r="B8577" i="2" l="1"/>
  <c r="N8578" i="2"/>
  <c r="B8578" i="2" l="1"/>
  <c r="N8579" i="2"/>
  <c r="B8579" i="2" l="1"/>
  <c r="N8580" i="2"/>
  <c r="B8580" i="2" l="1"/>
  <c r="N8581" i="2"/>
  <c r="B8581" i="2" l="1"/>
  <c r="N8582" i="2"/>
  <c r="B8582" i="2" l="1"/>
  <c r="N8583" i="2"/>
  <c r="B8583" i="2" l="1"/>
  <c r="N8584" i="2"/>
  <c r="B8584" i="2" l="1"/>
  <c r="N8585" i="2"/>
  <c r="B8585" i="2" l="1"/>
  <c r="N8586" i="2"/>
  <c r="B8586" i="2" l="1"/>
  <c r="N8587" i="2"/>
  <c r="B8587" i="2" l="1"/>
  <c r="N8588" i="2"/>
  <c r="B8588" i="2" l="1"/>
  <c r="N8589" i="2"/>
  <c r="B8589" i="2" l="1"/>
  <c r="N8590" i="2"/>
  <c r="B8590" i="2" l="1"/>
  <c r="N8591" i="2"/>
  <c r="B8591" i="2" l="1"/>
  <c r="N8592" i="2"/>
  <c r="B8592" i="2" l="1"/>
  <c r="N8593" i="2"/>
  <c r="B8593" i="2" l="1"/>
  <c r="N8594" i="2"/>
  <c r="B8594" i="2" l="1"/>
  <c r="N8595" i="2"/>
  <c r="B8595" i="2" l="1"/>
  <c r="N8596" i="2"/>
  <c r="B8596" i="2" l="1"/>
  <c r="N8597" i="2"/>
  <c r="B8597" i="2" l="1"/>
  <c r="N8598" i="2"/>
  <c r="B8598" i="2" l="1"/>
  <c r="N8599" i="2"/>
  <c r="B8599" i="2" l="1"/>
  <c r="N8600" i="2"/>
  <c r="B8600" i="2" l="1"/>
  <c r="N8601" i="2"/>
  <c r="B8601" i="2" l="1"/>
  <c r="N8602" i="2"/>
  <c r="B8602" i="2" l="1"/>
  <c r="N8603" i="2"/>
  <c r="B8603" i="2" l="1"/>
  <c r="N8604" i="2"/>
  <c r="B8604" i="2" l="1"/>
  <c r="N8605" i="2"/>
  <c r="B8605" i="2" l="1"/>
  <c r="N8606" i="2"/>
  <c r="B8606" i="2" l="1"/>
  <c r="N8607" i="2"/>
  <c r="B8607" i="2" l="1"/>
  <c r="N8608" i="2"/>
  <c r="B8608" i="2" l="1"/>
  <c r="N8609" i="2"/>
  <c r="B8609" i="2" l="1"/>
  <c r="N8610" i="2"/>
  <c r="B8610" i="2" l="1"/>
  <c r="N8611" i="2"/>
  <c r="B8611" i="2" l="1"/>
  <c r="N8612" i="2"/>
  <c r="B8612" i="2" l="1"/>
  <c r="N8613" i="2"/>
  <c r="B8613" i="2" l="1"/>
  <c r="N8614" i="2"/>
  <c r="B8614" i="2" l="1"/>
  <c r="N8615" i="2"/>
  <c r="B8615" i="2" l="1"/>
  <c r="N8616" i="2"/>
  <c r="B8616" i="2" l="1"/>
  <c r="N8617" i="2"/>
  <c r="B8617" i="2" l="1"/>
  <c r="N8618" i="2"/>
  <c r="B8618" i="2" l="1"/>
  <c r="N8619" i="2"/>
  <c r="B8619" i="2" l="1"/>
  <c r="N8620" i="2"/>
  <c r="B8620" i="2" l="1"/>
  <c r="N8621" i="2"/>
  <c r="B8621" i="2" l="1"/>
  <c r="N8622" i="2"/>
  <c r="B8622" i="2" l="1"/>
  <c r="N8623" i="2"/>
  <c r="B8623" i="2" l="1"/>
  <c r="N8624" i="2"/>
  <c r="B8624" i="2" l="1"/>
  <c r="N8625" i="2"/>
  <c r="B8625" i="2" l="1"/>
  <c r="N8626" i="2"/>
  <c r="B8626" i="2" l="1"/>
  <c r="N8627" i="2"/>
  <c r="B8627" i="2" l="1"/>
  <c r="N8628" i="2"/>
  <c r="B8628" i="2" l="1"/>
  <c r="N8629" i="2"/>
  <c r="B8629" i="2" l="1"/>
  <c r="N8630" i="2"/>
  <c r="B8630" i="2" l="1"/>
  <c r="N8631" i="2"/>
  <c r="B8631" i="2" l="1"/>
  <c r="N8632" i="2"/>
  <c r="B8632" i="2" l="1"/>
  <c r="N8633" i="2"/>
  <c r="B8633" i="2" l="1"/>
  <c r="N8634" i="2"/>
  <c r="B8634" i="2" l="1"/>
  <c r="N8635" i="2"/>
  <c r="B8635" i="2" l="1"/>
  <c r="N8636" i="2"/>
  <c r="B8636" i="2" l="1"/>
  <c r="N8637" i="2"/>
  <c r="B8637" i="2" l="1"/>
  <c r="N8638" i="2"/>
  <c r="B8638" i="2" l="1"/>
  <c r="N8639" i="2"/>
  <c r="B8639" i="2" l="1"/>
  <c r="N8640" i="2"/>
  <c r="B8640" i="2" l="1"/>
  <c r="N8641" i="2"/>
  <c r="B8641" i="2" l="1"/>
  <c r="N8642" i="2"/>
  <c r="B8642" i="2" l="1"/>
  <c r="N8643" i="2"/>
  <c r="B8643" i="2" l="1"/>
  <c r="N8644" i="2"/>
  <c r="B8644" i="2" l="1"/>
  <c r="N8645" i="2"/>
  <c r="B8645" i="2" l="1"/>
  <c r="N8646" i="2"/>
  <c r="B8646" i="2" l="1"/>
  <c r="N8647" i="2"/>
  <c r="B8647" i="2" l="1"/>
  <c r="N8648" i="2"/>
  <c r="B8648" i="2" l="1"/>
  <c r="N8649" i="2"/>
  <c r="B8649" i="2" l="1"/>
  <c r="N8650" i="2"/>
  <c r="B8650" i="2" l="1"/>
  <c r="N8651" i="2"/>
  <c r="B8651" i="2" l="1"/>
  <c r="N8652" i="2"/>
  <c r="B8652" i="2" l="1"/>
  <c r="N8653" i="2"/>
  <c r="B8653" i="2" l="1"/>
  <c r="N8654" i="2"/>
  <c r="B8654" i="2" l="1"/>
  <c r="N8655" i="2"/>
  <c r="B8655" i="2" l="1"/>
  <c r="N8656" i="2"/>
  <c r="B8656" i="2" l="1"/>
  <c r="N8657" i="2"/>
  <c r="B8657" i="2" l="1"/>
  <c r="N8658" i="2"/>
  <c r="B8658" i="2" l="1"/>
  <c r="N8659" i="2"/>
  <c r="B8659" i="2" l="1"/>
  <c r="N8660" i="2"/>
  <c r="B8660" i="2" l="1"/>
  <c r="N8661" i="2"/>
  <c r="B8661" i="2" l="1"/>
  <c r="N8662" i="2"/>
  <c r="B8662" i="2" l="1"/>
  <c r="N8663" i="2"/>
  <c r="B8663" i="2" l="1"/>
  <c r="N8664" i="2"/>
  <c r="B8664" i="2" l="1"/>
  <c r="N8665" i="2"/>
  <c r="B8665" i="2" l="1"/>
  <c r="N8666" i="2"/>
  <c r="B8666" i="2" l="1"/>
  <c r="N8667" i="2"/>
  <c r="B8667" i="2" l="1"/>
  <c r="N8668" i="2"/>
  <c r="B8668" i="2" l="1"/>
  <c r="N8669" i="2"/>
  <c r="B8669" i="2" l="1"/>
  <c r="N8670" i="2"/>
  <c r="B8670" i="2" l="1"/>
  <c r="N8671" i="2"/>
  <c r="B8671" i="2" l="1"/>
  <c r="N8672" i="2"/>
  <c r="B8672" i="2" l="1"/>
  <c r="N8673" i="2"/>
  <c r="B8673" i="2" l="1"/>
  <c r="N8674" i="2"/>
  <c r="B8674" i="2" l="1"/>
  <c r="N8675" i="2"/>
  <c r="B8675" i="2" l="1"/>
  <c r="N8676" i="2"/>
  <c r="B8676" i="2" l="1"/>
  <c r="N8677" i="2"/>
  <c r="B8677" i="2" l="1"/>
  <c r="N8678" i="2"/>
  <c r="B8678" i="2" l="1"/>
  <c r="N8679" i="2"/>
  <c r="B8679" i="2" l="1"/>
  <c r="N8680" i="2"/>
  <c r="B8680" i="2" l="1"/>
  <c r="N8681" i="2"/>
  <c r="B8681" i="2" l="1"/>
  <c r="N8682" i="2"/>
  <c r="B8682" i="2" l="1"/>
  <c r="N8683" i="2"/>
  <c r="B8683" i="2" l="1"/>
  <c r="N8684" i="2"/>
  <c r="B8684" i="2" l="1"/>
  <c r="N8685" i="2"/>
  <c r="B8685" i="2" l="1"/>
  <c r="N8686" i="2"/>
  <c r="B8686" i="2" l="1"/>
  <c r="N8687" i="2"/>
  <c r="B8687" i="2" l="1"/>
  <c r="N8688" i="2"/>
  <c r="B8688" i="2" l="1"/>
  <c r="N8689" i="2"/>
  <c r="B8689" i="2" l="1"/>
  <c r="N8690" i="2"/>
  <c r="B8690" i="2" l="1"/>
  <c r="N8691" i="2"/>
  <c r="B8691" i="2" l="1"/>
  <c r="N8692" i="2"/>
  <c r="B8692" i="2" l="1"/>
  <c r="N8693" i="2"/>
  <c r="B8693" i="2" l="1"/>
  <c r="N8694" i="2"/>
  <c r="B8694" i="2" l="1"/>
  <c r="N8695" i="2"/>
  <c r="B8695" i="2" l="1"/>
  <c r="N8696" i="2"/>
  <c r="B8696" i="2" l="1"/>
  <c r="N8697" i="2"/>
  <c r="B8697" i="2" l="1"/>
  <c r="N8698" i="2"/>
  <c r="B8698" i="2" l="1"/>
  <c r="N8699" i="2"/>
  <c r="B8699" i="2" l="1"/>
  <c r="N8700" i="2"/>
  <c r="B8700" i="2" l="1"/>
  <c r="N8701" i="2"/>
  <c r="B8701" i="2" l="1"/>
  <c r="N8702" i="2"/>
  <c r="B8702" i="2" l="1"/>
  <c r="N8703" i="2"/>
  <c r="B8703" i="2" l="1"/>
  <c r="N8704" i="2"/>
  <c r="B8704" i="2" l="1"/>
  <c r="N8705" i="2"/>
  <c r="B8705" i="2" l="1"/>
  <c r="N8706" i="2"/>
  <c r="B8706" i="2" l="1"/>
  <c r="N8707" i="2"/>
  <c r="B8707" i="2" l="1"/>
  <c r="N8708" i="2"/>
  <c r="B8708" i="2" l="1"/>
  <c r="N8709" i="2"/>
  <c r="B8709" i="2" l="1"/>
  <c r="N8710" i="2"/>
  <c r="B8710" i="2" l="1"/>
  <c r="N8711" i="2"/>
  <c r="B8711" i="2" l="1"/>
  <c r="N8712" i="2"/>
  <c r="B8712" i="2" l="1"/>
  <c r="N8713" i="2"/>
  <c r="B8713" i="2" l="1"/>
  <c r="N8714" i="2"/>
  <c r="B8714" i="2" l="1"/>
  <c r="N8715" i="2"/>
  <c r="B8715" i="2" l="1"/>
  <c r="N8716" i="2"/>
  <c r="B8716" i="2" l="1"/>
  <c r="N8717" i="2"/>
  <c r="B8717" i="2" l="1"/>
  <c r="N8718" i="2"/>
  <c r="B8718" i="2" l="1"/>
  <c r="N8719" i="2"/>
  <c r="B8719" i="2" l="1"/>
  <c r="N8720" i="2"/>
  <c r="B8720" i="2" l="1"/>
  <c r="N8721" i="2"/>
  <c r="B8721" i="2" l="1"/>
  <c r="N8722" i="2"/>
  <c r="B8722" i="2" l="1"/>
  <c r="N8723" i="2"/>
  <c r="B8723" i="2" l="1"/>
  <c r="N8724" i="2"/>
  <c r="B8724" i="2" l="1"/>
  <c r="N8725" i="2"/>
  <c r="B8725" i="2" l="1"/>
  <c r="N8726" i="2"/>
  <c r="B8726" i="2" l="1"/>
  <c r="N8727" i="2"/>
  <c r="B8727" i="2" l="1"/>
  <c r="N8728" i="2"/>
  <c r="B8728" i="2" l="1"/>
  <c r="N8729" i="2"/>
  <c r="B8729" i="2" l="1"/>
  <c r="N8730" i="2"/>
  <c r="B8730" i="2" l="1"/>
  <c r="N8731" i="2"/>
  <c r="B8731" i="2" l="1"/>
  <c r="N8732" i="2"/>
  <c r="B8732" i="2" l="1"/>
  <c r="N8733" i="2"/>
  <c r="B8733" i="2" l="1"/>
  <c r="N8734" i="2"/>
  <c r="B8734" i="2" l="1"/>
  <c r="N8735" i="2"/>
  <c r="B8735" i="2" l="1"/>
  <c r="N8736" i="2"/>
  <c r="B8736" i="2" l="1"/>
  <c r="N8737" i="2"/>
  <c r="B8737" i="2" l="1"/>
  <c r="N8738" i="2"/>
  <c r="B8738" i="2" l="1"/>
  <c r="N8739" i="2"/>
  <c r="B8739" i="2" l="1"/>
  <c r="N8740" i="2"/>
  <c r="B8740" i="2" l="1"/>
  <c r="N8741" i="2"/>
  <c r="B8741" i="2" l="1"/>
  <c r="N8742" i="2"/>
  <c r="B8742" i="2" l="1"/>
  <c r="N8743" i="2"/>
  <c r="B8743" i="2" l="1"/>
  <c r="N8744" i="2"/>
  <c r="B8744" i="2" l="1"/>
  <c r="N8745" i="2"/>
  <c r="B8745" i="2" l="1"/>
  <c r="N8746" i="2"/>
  <c r="B8746" i="2" l="1"/>
  <c r="N8747" i="2"/>
  <c r="B8747" i="2" l="1"/>
  <c r="N8748" i="2"/>
  <c r="B8748" i="2" l="1"/>
  <c r="N8749" i="2"/>
  <c r="B8749" i="2" l="1"/>
  <c r="N8750" i="2"/>
  <c r="B8750" i="2" l="1"/>
  <c r="N8751" i="2"/>
  <c r="B8751" i="2" l="1"/>
  <c r="N8752" i="2"/>
  <c r="B8752" i="2" l="1"/>
  <c r="N8753" i="2"/>
  <c r="B8753" i="2" l="1"/>
  <c r="N8754" i="2"/>
  <c r="B8754" i="2" l="1"/>
  <c r="N8755" i="2"/>
  <c r="B8755" i="2" l="1"/>
  <c r="N8756" i="2"/>
  <c r="B8756" i="2" l="1"/>
  <c r="N8757" i="2"/>
  <c r="B8757" i="2" l="1"/>
  <c r="N8758" i="2"/>
  <c r="B8758" i="2" l="1"/>
  <c r="N8759" i="2"/>
  <c r="B8759" i="2" l="1"/>
  <c r="N8760" i="2"/>
  <c r="B8760" i="2" l="1"/>
  <c r="N8761" i="2"/>
  <c r="B8761" i="2" l="1"/>
  <c r="N8762" i="2"/>
  <c r="B8762" i="2" l="1"/>
  <c r="N8763" i="2"/>
  <c r="B8763" i="2" l="1"/>
  <c r="N8764" i="2"/>
  <c r="B8764" i="2" l="1"/>
  <c r="N8765" i="2"/>
  <c r="B8765" i="2" l="1"/>
  <c r="N8766" i="2"/>
  <c r="B8766" i="2" l="1"/>
  <c r="N8767" i="2"/>
  <c r="B8767" i="2" l="1"/>
  <c r="N8768" i="2"/>
  <c r="B8768" i="2" l="1"/>
  <c r="N8769" i="2"/>
  <c r="B8769" i="2" l="1"/>
  <c r="N8770" i="2"/>
  <c r="B8770" i="2" l="1"/>
  <c r="N8771" i="2"/>
  <c r="B8771" i="2" l="1"/>
  <c r="N8772" i="2"/>
  <c r="B8772" i="2" l="1"/>
  <c r="N8773" i="2"/>
  <c r="B8773" i="2" l="1"/>
  <c r="N8774" i="2"/>
  <c r="B8774" i="2" l="1"/>
  <c r="N8775" i="2"/>
  <c r="B8775" i="2" l="1"/>
  <c r="N8776" i="2"/>
  <c r="B8776" i="2" l="1"/>
  <c r="N8777" i="2"/>
  <c r="B8777" i="2" l="1"/>
  <c r="N8778" i="2"/>
  <c r="B8778" i="2" l="1"/>
  <c r="N8779" i="2"/>
  <c r="B8779" i="2" l="1"/>
  <c r="N8780" i="2"/>
  <c r="B8780" i="2" l="1"/>
  <c r="N8781" i="2"/>
  <c r="B8781" i="2" l="1"/>
  <c r="N8782" i="2"/>
  <c r="B8782" i="2" l="1"/>
  <c r="N8783" i="2"/>
  <c r="B8783" i="2" l="1"/>
  <c r="N8784" i="2"/>
  <c r="B8784" i="2" l="1"/>
  <c r="N8785" i="2"/>
  <c r="B8785" i="2" l="1"/>
  <c r="N8786" i="2"/>
  <c r="B8786" i="2" l="1"/>
  <c r="N8787" i="2"/>
  <c r="B8787" i="2" l="1"/>
  <c r="N8788" i="2"/>
  <c r="B8788" i="2" l="1"/>
  <c r="N8789" i="2"/>
  <c r="B8789" i="2" l="1"/>
  <c r="N8790" i="2"/>
  <c r="B8790" i="2" l="1"/>
  <c r="N8791" i="2"/>
  <c r="B8791" i="2" l="1"/>
  <c r="N8792" i="2"/>
  <c r="B8792" i="2" l="1"/>
  <c r="N8793" i="2"/>
  <c r="B8793" i="2" l="1"/>
  <c r="I5" i="7" l="1"/>
  <c r="I11" i="7" s="1" a="1"/>
  <c r="I11" i="7" l="1"/>
  <c r="H19" i="7" s="1" a="1"/>
  <c r="H19" i="7" s="1"/>
  <c r="H22" i="7"/>
  <c r="K12" i="8" l="1"/>
  <c r="F16" i="8" l="1"/>
  <c r="B7" i="1" s="1"/>
  <c r="B4" i="1" l="1"/>
  <c r="B6" i="1"/>
  <c r="AF281" i="1" s="1"/>
  <c r="B5" i="1"/>
  <c r="AE253" i="1" s="1"/>
  <c r="K2" i="1"/>
  <c r="K3" i="1"/>
  <c r="K5" i="1"/>
  <c r="K4" i="1"/>
  <c r="K6" i="1"/>
  <c r="B3" i="1"/>
  <c r="AE50" i="1"/>
  <c r="AE147" i="1"/>
  <c r="AE302" i="1"/>
  <c r="AE169" i="1"/>
  <c r="AE133" i="1"/>
  <c r="AE224" i="1"/>
  <c r="AE98" i="1"/>
  <c r="AE57" i="1"/>
  <c r="AE14" i="1"/>
  <c r="AE8" i="1"/>
  <c r="AE113" i="1"/>
  <c r="AG105" i="1"/>
  <c r="AG301" i="1"/>
  <c r="AG294" i="1"/>
  <c r="AG182" i="1"/>
  <c r="AG217" i="1"/>
  <c r="AG57" i="1"/>
  <c r="AG21" i="1"/>
  <c r="AG323" i="1"/>
  <c r="AG28" i="1"/>
  <c r="AG351" i="1"/>
  <c r="AG43" i="1"/>
  <c r="AG336" i="1"/>
  <c r="AG127" i="1"/>
  <c r="AG365" i="1"/>
  <c r="AG183" i="1"/>
  <c r="AG106" i="1"/>
  <c r="AG329" i="1"/>
  <c r="AG364" i="1"/>
  <c r="AG134" i="1"/>
  <c r="AG8" i="1"/>
  <c r="AG70" i="1"/>
  <c r="AG288" i="1"/>
  <c r="AG71" i="1"/>
  <c r="AG113" i="1"/>
  <c r="AG99" i="1"/>
  <c r="AG189" i="1"/>
  <c r="AG197" i="1"/>
  <c r="AG77" i="1"/>
  <c r="AG64" i="1"/>
  <c r="AG56" i="1"/>
  <c r="AG119" i="1"/>
  <c r="AG190" i="1"/>
  <c r="AG302" i="1"/>
  <c r="AG154" i="1"/>
  <c r="AG259" i="1"/>
  <c r="AG267" i="1"/>
  <c r="AG266" i="1"/>
  <c r="AG50" i="1"/>
  <c r="AG246" i="1"/>
  <c r="AG92" i="1"/>
  <c r="AG169" i="1"/>
  <c r="AG175" i="1"/>
  <c r="AG358" i="1"/>
  <c r="AG344" i="1"/>
  <c r="AG350" i="1"/>
  <c r="AG273" i="1"/>
  <c r="AG343" i="1"/>
  <c r="AG176" i="1"/>
  <c r="AG225" i="1"/>
  <c r="AG147" i="1"/>
  <c r="AG196" i="1"/>
  <c r="AG252" i="1"/>
  <c r="AG337" i="1"/>
  <c r="AG245" i="1"/>
  <c r="AG281" i="1"/>
  <c r="AG42" i="1"/>
  <c r="AG162" i="1"/>
  <c r="AG315" i="1"/>
  <c r="AG168" i="1"/>
  <c r="AG15" i="1"/>
  <c r="AG253" i="1"/>
  <c r="AG36" i="1"/>
  <c r="AG161" i="1"/>
  <c r="AG218" i="1"/>
  <c r="AG63" i="1"/>
  <c r="AG295" i="1"/>
  <c r="AG260" i="1"/>
  <c r="AG357" i="1"/>
  <c r="AG14" i="1"/>
  <c r="AG155" i="1"/>
  <c r="AG309" i="1"/>
  <c r="AG133" i="1"/>
  <c r="AG203" i="1"/>
  <c r="AG22" i="1"/>
  <c r="AG126" i="1"/>
  <c r="AG141" i="1"/>
  <c r="AG7" i="1"/>
  <c r="AG316" i="1"/>
  <c r="AG98" i="1"/>
  <c r="AG140" i="1"/>
  <c r="AG211" i="1"/>
  <c r="AG322" i="1"/>
  <c r="AG287" i="1"/>
  <c r="AG238" i="1"/>
  <c r="AG280" i="1"/>
  <c r="AG91" i="1"/>
  <c r="AG232" i="1"/>
  <c r="AG239" i="1"/>
  <c r="AG274" i="1"/>
  <c r="AG85" i="1"/>
  <c r="AG84" i="1"/>
  <c r="AG330" i="1"/>
  <c r="AG204" i="1"/>
  <c r="AG308" i="1"/>
  <c r="AG35" i="1"/>
  <c r="AG78" i="1"/>
  <c r="AG112" i="1"/>
  <c r="AG210" i="1"/>
  <c r="AG29" i="1"/>
  <c r="AG231" i="1"/>
  <c r="AG224" i="1"/>
  <c r="AG148" i="1"/>
  <c r="AG120" i="1"/>
  <c r="AG49" i="1"/>
  <c r="AF203" i="1"/>
  <c r="AF267" i="1"/>
  <c r="AF169" i="1"/>
  <c r="AF36" i="1"/>
  <c r="AF190" i="1"/>
  <c r="AF336" i="1"/>
  <c r="AF343" i="1"/>
  <c r="AF344" i="1"/>
  <c r="AF358" i="1"/>
  <c r="AF84" i="1"/>
  <c r="AF22" i="1"/>
  <c r="AF364" i="1"/>
  <c r="AF252" i="1"/>
  <c r="AF253" i="1"/>
  <c r="AF225" i="1"/>
  <c r="AF98" i="1"/>
  <c r="AF204" i="1"/>
  <c r="AF273" i="1"/>
  <c r="AF316" i="1"/>
  <c r="AF57" i="1"/>
  <c r="AF176" i="1"/>
  <c r="AF357" i="1"/>
  <c r="AF42" i="1"/>
  <c r="AF182" i="1"/>
  <c r="AF63" i="1"/>
  <c r="AF239" i="1"/>
  <c r="AF162" i="1"/>
  <c r="AF43" i="1"/>
  <c r="AF308" i="1"/>
  <c r="AF154" i="1"/>
  <c r="AF56" i="1"/>
  <c r="AF175" i="1"/>
  <c r="AF8" i="1"/>
  <c r="AF218" i="1"/>
  <c r="AF329" i="1"/>
  <c r="AF112" i="1"/>
  <c r="AF196" i="1"/>
  <c r="AF35" i="1"/>
  <c r="AF231" i="1"/>
  <c r="AF7" i="1"/>
  <c r="AF315" i="1"/>
  <c r="AF119" i="1"/>
  <c r="AF351" i="1"/>
  <c r="AF217" i="1"/>
  <c r="AF322" i="1"/>
  <c r="AF106" i="1"/>
  <c r="AF21" i="1"/>
  <c r="AF183" i="1"/>
  <c r="AF147" i="1"/>
  <c r="AF126" i="1"/>
  <c r="AF71" i="1"/>
  <c r="AF113" i="1"/>
  <c r="AF15" i="1"/>
  <c r="AF238" i="1"/>
  <c r="AF211" i="1"/>
  <c r="AF288" i="1"/>
  <c r="AD225" i="1"/>
  <c r="AD140" i="1"/>
  <c r="AD189" i="1"/>
  <c r="AD280" i="1"/>
  <c r="AD364" i="1"/>
  <c r="AD308" i="1"/>
  <c r="AD365" i="1"/>
  <c r="AD196" i="1"/>
  <c r="AD85" i="1"/>
  <c r="AD14" i="1"/>
  <c r="AD245" i="1"/>
  <c r="AD147" i="1"/>
  <c r="AD182" i="1"/>
  <c r="AD161" i="1"/>
  <c r="AD224" i="1"/>
  <c r="AD294" i="1"/>
  <c r="AD78" i="1"/>
  <c r="AD217" i="1"/>
  <c r="AD35" i="1"/>
  <c r="AD36" i="1"/>
  <c r="AD106" i="1"/>
  <c r="AD231" i="1"/>
  <c r="AD203" i="1"/>
  <c r="AD91" i="1"/>
  <c r="AD119" i="1"/>
  <c r="AD350" i="1"/>
  <c r="AD22" i="1"/>
  <c r="AD274" i="1"/>
  <c r="AD92" i="1"/>
  <c r="AD120" i="1"/>
  <c r="AD126" i="1"/>
  <c r="AD336" i="1"/>
  <c r="AD113" i="1"/>
  <c r="AD105" i="1"/>
  <c r="AD8" i="1"/>
  <c r="AD28" i="1"/>
  <c r="AD84" i="1"/>
  <c r="AD253" i="1"/>
  <c r="AD99" i="1"/>
  <c r="AD260" i="1"/>
  <c r="AD287" i="1"/>
  <c r="AD322" i="1"/>
  <c r="AD204" i="1"/>
  <c r="AD295" i="1"/>
  <c r="AD357" i="1"/>
  <c r="AD57" i="1"/>
  <c r="AD316" i="1"/>
  <c r="AD21" i="1"/>
  <c r="AD273" i="1"/>
  <c r="AD127" i="1"/>
  <c r="AD141" i="1"/>
  <c r="AD29" i="1"/>
  <c r="AD162" i="1"/>
  <c r="AD183" i="1"/>
  <c r="AD7" i="1"/>
  <c r="AD266" i="1"/>
  <c r="AD155" i="1"/>
  <c r="AD49" i="1"/>
  <c r="AD50" i="1"/>
  <c r="AD238" i="1"/>
  <c r="AD175" i="1"/>
  <c r="AD210" i="1"/>
  <c r="AD190" i="1"/>
  <c r="AD246" i="1"/>
  <c r="AD15" i="1"/>
  <c r="AD148" i="1"/>
  <c r="AD330" i="1"/>
  <c r="AD197" i="1"/>
  <c r="AD329" i="1"/>
  <c r="AD133" i="1"/>
  <c r="AD63" i="1"/>
  <c r="AD351" i="1"/>
  <c r="AD259" i="1"/>
  <c r="AD315" i="1"/>
  <c r="AD71" i="1"/>
  <c r="AD288" i="1"/>
  <c r="AD64" i="1"/>
  <c r="AD281" i="1"/>
  <c r="AD252" i="1"/>
  <c r="AD56" i="1"/>
  <c r="AD267" i="1"/>
  <c r="AD302" i="1"/>
  <c r="AD42" i="1"/>
  <c r="AD343" i="1"/>
  <c r="AD154" i="1"/>
  <c r="AD232" i="1"/>
  <c r="AD98" i="1"/>
  <c r="AD337" i="1"/>
  <c r="AD77" i="1"/>
  <c r="AD211" i="1"/>
  <c r="AD134" i="1"/>
  <c r="AD344" i="1"/>
  <c r="AD323" i="1"/>
  <c r="AD43" i="1"/>
  <c r="AD301" i="1"/>
  <c r="AD168" i="1"/>
  <c r="AD309" i="1"/>
  <c r="AD112" i="1"/>
  <c r="AD169" i="1"/>
  <c r="AD70" i="1"/>
  <c r="AD218" i="1"/>
  <c r="AD176" i="1"/>
  <c r="AD358" i="1"/>
  <c r="AD239" i="1"/>
  <c r="AE112" i="1" l="1"/>
  <c r="AE316" i="1"/>
  <c r="AE295" i="1"/>
  <c r="AE120" i="1"/>
  <c r="AE203" i="1"/>
  <c r="AE175" i="1"/>
  <c r="AE280" i="1"/>
  <c r="AE71" i="1"/>
  <c r="AE343" i="1"/>
  <c r="AE15" i="1"/>
  <c r="AE365" i="1"/>
  <c r="AE29" i="1"/>
  <c r="AE245" i="1"/>
  <c r="AE309" i="1"/>
  <c r="AE330" i="1"/>
  <c r="AE148" i="1"/>
  <c r="AE315" i="1"/>
  <c r="AE197" i="1"/>
  <c r="AE196" i="1"/>
  <c r="AE287" i="1"/>
  <c r="AE232" i="1"/>
  <c r="AE21" i="1"/>
  <c r="AE288" i="1"/>
  <c r="AE260" i="1"/>
  <c r="AE162" i="1"/>
  <c r="AE183" i="1"/>
  <c r="AE154" i="1"/>
  <c r="AE63" i="1"/>
  <c r="AE252" i="1"/>
  <c r="AE358" i="1"/>
  <c r="AE127" i="1"/>
  <c r="AE91" i="1"/>
  <c r="AE211" i="1"/>
  <c r="AE155" i="1"/>
  <c r="AE161" i="1"/>
  <c r="AE64" i="1"/>
  <c r="AE168" i="1"/>
  <c r="AE99" i="1"/>
  <c r="AE217" i="1"/>
  <c r="AE119" i="1"/>
  <c r="AE42" i="1"/>
  <c r="AE351" i="1"/>
  <c r="AE204" i="1"/>
  <c r="AE7" i="1"/>
  <c r="AE246" i="1"/>
  <c r="AE231" i="1"/>
  <c r="AE308" i="1"/>
  <c r="AE140" i="1"/>
  <c r="AE357" i="1"/>
  <c r="AE322" i="1"/>
  <c r="AE134" i="1"/>
  <c r="AE329" i="1"/>
  <c r="AE92" i="1"/>
  <c r="AE266" i="1"/>
  <c r="AE126" i="1"/>
  <c r="AE189" i="1"/>
  <c r="AE70" i="1"/>
  <c r="AE267" i="1"/>
  <c r="AE182" i="1"/>
  <c r="AE190" i="1"/>
  <c r="AE28" i="1"/>
  <c r="AE176" i="1"/>
  <c r="AE22" i="1"/>
  <c r="AE77" i="1"/>
  <c r="AE49" i="1"/>
  <c r="AE218" i="1"/>
  <c r="AE36" i="1"/>
  <c r="AE35" i="1"/>
  <c r="AE105" i="1"/>
  <c r="AE106" i="1"/>
  <c r="AE364" i="1"/>
  <c r="AE294" i="1"/>
  <c r="AE84" i="1"/>
  <c r="AE301" i="1"/>
  <c r="AF133" i="1"/>
  <c r="AF141" i="1"/>
  <c r="AF294" i="1"/>
  <c r="AF301" i="1"/>
  <c r="AF365" i="1"/>
  <c r="AF78" i="1"/>
  <c r="AF260" i="1"/>
  <c r="AF259" i="1"/>
  <c r="AF85" i="1"/>
  <c r="AF245" i="1"/>
  <c r="AF105" i="1"/>
  <c r="AF246" i="1"/>
  <c r="AF99" i="1"/>
  <c r="AF127" i="1"/>
  <c r="AF210" i="1"/>
  <c r="AF287" i="1"/>
  <c r="AF224" i="1"/>
  <c r="AF350" i="1"/>
  <c r="AF266" i="1"/>
  <c r="AF134" i="1"/>
  <c r="AF337" i="1"/>
  <c r="AF120" i="1"/>
  <c r="AF91" i="1"/>
  <c r="AF49" i="1"/>
  <c r="H4" i="1"/>
  <c r="AF77" i="1"/>
  <c r="AF140" i="1"/>
  <c r="AF161" i="1"/>
  <c r="AF280" i="1"/>
  <c r="AF330" i="1"/>
  <c r="AF70" i="1"/>
  <c r="AF274" i="1"/>
  <c r="AF148" i="1"/>
  <c r="AF28" i="1"/>
  <c r="AF29" i="1"/>
  <c r="AF197" i="1"/>
  <c r="AF92" i="1"/>
  <c r="AF295" i="1"/>
  <c r="AF64" i="1"/>
  <c r="AF232" i="1"/>
  <c r="AF309" i="1"/>
  <c r="AF155" i="1"/>
  <c r="AF14" i="1"/>
  <c r="AF189" i="1"/>
  <c r="AF50" i="1"/>
  <c r="AF323" i="1"/>
  <c r="AF168" i="1"/>
  <c r="AF302" i="1"/>
  <c r="AE323" i="1"/>
  <c r="AE238" i="1"/>
  <c r="AE350" i="1"/>
  <c r="AE274" i="1"/>
  <c r="AE259" i="1"/>
  <c r="AE56" i="1"/>
  <c r="H6" i="1"/>
  <c r="AE210" i="1"/>
  <c r="AE239" i="1"/>
  <c r="H5" i="1"/>
  <c r="AE336" i="1"/>
  <c r="AE273" i="1"/>
  <c r="H7" i="1"/>
  <c r="AE78" i="1"/>
  <c r="AE337" i="1"/>
  <c r="AE281" i="1"/>
  <c r="AE85" i="1"/>
  <c r="AE43" i="1"/>
  <c r="H3" i="1"/>
  <c r="AE141" i="1"/>
  <c r="AE344" i="1"/>
  <c r="AE225" i="1"/>
  <c r="AC7" i="1"/>
  <c r="AC127" i="1"/>
  <c r="AC162" i="1"/>
  <c r="AC196" i="1"/>
  <c r="AC273" i="1"/>
  <c r="AC288" i="1"/>
  <c r="AC210" i="1"/>
  <c r="AC155" i="1"/>
  <c r="AC190" i="1"/>
  <c r="AC239" i="1"/>
  <c r="AC112" i="1"/>
  <c r="AC91" i="1"/>
  <c r="AC77" i="1"/>
  <c r="AY13" i="1"/>
  <c r="AC232" i="1"/>
  <c r="AC14" i="1"/>
  <c r="AC49" i="1"/>
  <c r="AC22" i="1"/>
  <c r="AC266" i="1"/>
  <c r="AC231" i="1"/>
  <c r="AC141" i="1"/>
  <c r="AC78" i="1"/>
  <c r="AC168" i="1"/>
  <c r="AC84" i="1"/>
  <c r="AC99" i="1"/>
  <c r="AC336" i="1"/>
  <c r="AC189" i="1"/>
  <c r="AC35" i="1"/>
  <c r="AC126" i="1"/>
  <c r="AC259" i="1"/>
  <c r="AC323" i="1"/>
  <c r="AC267" i="1"/>
  <c r="AC204" i="1"/>
  <c r="AC309" i="1"/>
  <c r="AC43" i="1"/>
  <c r="AC343" i="1"/>
  <c r="AC287" i="1"/>
  <c r="AC225" i="1"/>
  <c r="AC15" i="1"/>
  <c r="AC134" i="1"/>
  <c r="AC105" i="1"/>
  <c r="AC21" i="1"/>
  <c r="AC183" i="1"/>
  <c r="AC92" i="1"/>
  <c r="AC56" i="1"/>
  <c r="AC71" i="1"/>
  <c r="AC113" i="1"/>
  <c r="AC294" i="1"/>
  <c r="AC295" i="1"/>
  <c r="AC182" i="1"/>
  <c r="AC8" i="1"/>
  <c r="AC350" i="1"/>
  <c r="AC148" i="1"/>
  <c r="AC245" i="1"/>
  <c r="AC42" i="1"/>
  <c r="AC119" i="1"/>
  <c r="AC329" i="1"/>
  <c r="AC140" i="1"/>
  <c r="AC280" i="1"/>
  <c r="AC302" i="1"/>
  <c r="AC301" i="1"/>
  <c r="AC281" i="1"/>
  <c r="AC203" i="1"/>
  <c r="AC365" i="1"/>
  <c r="AC322" i="1"/>
  <c r="AC175" i="1"/>
  <c r="AC217" i="1"/>
  <c r="AC197" i="1"/>
  <c r="AC50" i="1"/>
  <c r="AC344" i="1"/>
  <c r="AC29" i="1"/>
  <c r="AC308" i="1"/>
  <c r="AC98" i="1"/>
  <c r="AC211" i="1"/>
  <c r="AC224" i="1"/>
  <c r="AC169" i="1"/>
  <c r="AC351" i="1"/>
  <c r="AC330" i="1"/>
  <c r="AC337" i="1"/>
  <c r="AC358" i="1"/>
  <c r="AC120" i="1"/>
  <c r="AC133" i="1"/>
  <c r="AC253" i="1"/>
  <c r="AC106" i="1"/>
  <c r="AC364" i="1"/>
  <c r="AC161" i="1"/>
  <c r="AC154" i="1"/>
  <c r="AC252" i="1"/>
  <c r="AC28" i="1"/>
  <c r="AC246" i="1"/>
  <c r="AC85" i="1"/>
  <c r="AC57" i="1"/>
  <c r="AC63" i="1"/>
  <c r="AC36" i="1"/>
  <c r="AC260" i="1"/>
  <c r="AC316" i="1"/>
  <c r="AC315" i="1"/>
  <c r="AC147" i="1"/>
  <c r="AC218" i="1"/>
  <c r="AC70" i="1"/>
  <c r="AC176" i="1"/>
  <c r="AC64" i="1"/>
  <c r="AC238" i="1"/>
  <c r="AC357" i="1"/>
  <c r="AC274" i="1"/>
  <c r="AK17" i="1" l="1"/>
  <c r="AH70" i="1"/>
  <c r="AH358" i="1"/>
  <c r="AH302" i="1"/>
  <c r="AH134" i="1"/>
  <c r="D3209" i="2" s="1" a="1"/>
  <c r="D3209" i="2" s="1"/>
  <c r="AK269" i="1"/>
  <c r="G6451" i="2" s="1" a="1"/>
  <c r="G6451" i="2" s="1"/>
  <c r="AL109" i="1"/>
  <c r="H2610" i="2" s="1" a="1"/>
  <c r="H2610" i="2" s="1"/>
  <c r="AL150" i="1"/>
  <c r="H3602" i="2" s="1" a="1"/>
  <c r="H3602" i="2" s="1"/>
  <c r="AH330" i="1"/>
  <c r="AH231" i="1"/>
  <c r="D5550" i="2" s="1" a="1"/>
  <c r="D5550" i="2" s="1"/>
  <c r="AI327" i="1"/>
  <c r="AH204" i="1"/>
  <c r="AI231" i="1"/>
  <c r="AH291" i="1"/>
  <c r="D6992" i="2" s="1" a="1"/>
  <c r="D6992" i="2" s="1"/>
  <c r="AI236" i="1"/>
  <c r="E5655" i="2" s="1" a="1"/>
  <c r="E5655" i="2" s="1"/>
  <c r="AH77" i="1"/>
  <c r="AJ64" i="1"/>
  <c r="AH111" i="1"/>
  <c r="AK346" i="1"/>
  <c r="AL233" i="1"/>
  <c r="AJ308" i="1"/>
  <c r="AK35" i="1"/>
  <c r="AK288" i="1"/>
  <c r="AH280" i="1"/>
  <c r="AI361" i="1"/>
  <c r="E8658" i="2" s="1" a="1"/>
  <c r="E8658" i="2" s="1"/>
  <c r="AJ156" i="1"/>
  <c r="AI107" i="1"/>
  <c r="E2568" i="2" s="1" a="1"/>
  <c r="E2568" i="2" s="1"/>
  <c r="AH337" i="1"/>
  <c r="D8082" i="2" s="1" a="1"/>
  <c r="D8082" i="2" s="1"/>
  <c r="AH140" i="1"/>
  <c r="AL220" i="1"/>
  <c r="H5284" i="2" s="1" a="1"/>
  <c r="H5284" i="2" s="1"/>
  <c r="AK15" i="1"/>
  <c r="G366" i="2" s="1" a="1"/>
  <c r="G366" i="2" s="1"/>
  <c r="AH329" i="1"/>
  <c r="D7895" i="2" s="1" a="1"/>
  <c r="D7895" i="2" s="1"/>
  <c r="AH123" i="1"/>
  <c r="AL37" i="1"/>
  <c r="H879" i="2" s="1" a="1"/>
  <c r="H879" i="2" s="1"/>
  <c r="AK328" i="1"/>
  <c r="G7879" i="2" s="1" a="1"/>
  <c r="G7879" i="2" s="1"/>
  <c r="AK65" i="1"/>
  <c r="AI341" i="1"/>
  <c r="AH267" i="1"/>
  <c r="AJ112" i="1"/>
  <c r="AH218" i="1"/>
  <c r="AH15" i="1"/>
  <c r="AI334" i="1"/>
  <c r="AI282" i="1"/>
  <c r="AJ219" i="1"/>
  <c r="AJ216" i="1"/>
  <c r="F5185" i="2" s="1" a="1"/>
  <c r="F5185" i="2" s="1"/>
  <c r="AJ251" i="1"/>
  <c r="AI24" i="1"/>
  <c r="E584" i="2" s="1" a="1"/>
  <c r="E584" i="2" s="1"/>
  <c r="AK331" i="1"/>
  <c r="AH138" i="1"/>
  <c r="D3317" i="2" s="1" a="1"/>
  <c r="D3317" i="2" s="1"/>
  <c r="AK295" i="1"/>
  <c r="G7076" i="2" s="1" a="1"/>
  <c r="G7076" i="2" s="1"/>
  <c r="AI183" i="1"/>
  <c r="AK315" i="1"/>
  <c r="G7567" i="2" s="1" a="1"/>
  <c r="G7567" i="2" s="1"/>
  <c r="AL66" i="1"/>
  <c r="AI86" i="1"/>
  <c r="AJ139" i="1"/>
  <c r="AI293" i="1"/>
  <c r="AK39" i="1"/>
  <c r="AL13" i="1"/>
  <c r="H302" i="2" s="1" a="1"/>
  <c r="H302" i="2" s="1"/>
  <c r="AJ160" i="1"/>
  <c r="AH208" i="1"/>
  <c r="D4987" i="2" s="1" a="1"/>
  <c r="D4987" i="2" s="1"/>
  <c r="AL148" i="1"/>
  <c r="AJ231" i="1"/>
  <c r="AI33" i="1"/>
  <c r="AK327" i="1"/>
  <c r="AJ222" i="1"/>
  <c r="F5324" i="2" s="1" a="1"/>
  <c r="F5324" i="2" s="1"/>
  <c r="AJ292" i="1"/>
  <c r="AI34" i="1"/>
  <c r="E803" i="2" s="1" a="1"/>
  <c r="E803" i="2" s="1"/>
  <c r="AK276" i="1"/>
  <c r="G6610" i="2" s="1" a="1"/>
  <c r="G6610" i="2" s="1"/>
  <c r="AJ162" i="1"/>
  <c r="AI96" i="1"/>
  <c r="AL317" i="1"/>
  <c r="H7601" i="2" s="1" a="1"/>
  <c r="H7601" i="2" s="1"/>
  <c r="AK198" i="1"/>
  <c r="AL40" i="1"/>
  <c r="H947" i="2" s="1" a="1"/>
  <c r="H947" i="2" s="1"/>
  <c r="AI355" i="1"/>
  <c r="E8515" i="2" s="1" a="1"/>
  <c r="E8515" i="2" s="1"/>
  <c r="AL296" i="1"/>
  <c r="H7103" i="2" s="1" a="1"/>
  <c r="H7103" i="2" s="1"/>
  <c r="AL147" i="1"/>
  <c r="H3533" i="2" s="1" a="1"/>
  <c r="H3533" i="2" s="1"/>
  <c r="AK147" i="1"/>
  <c r="AJ353" i="1"/>
  <c r="AH19" i="1"/>
  <c r="AI110" i="1"/>
  <c r="AJ348" i="1"/>
  <c r="AH245" i="1"/>
  <c r="D5879" i="2" s="1" a="1"/>
  <c r="D5879" i="2" s="1"/>
  <c r="AK163" i="1"/>
  <c r="AK38" i="1"/>
  <c r="AH283" i="1"/>
  <c r="D6783" i="2" s="1" a="1"/>
  <c r="D6783" i="2" s="1"/>
  <c r="AL59" i="1"/>
  <c r="AI251" i="1"/>
  <c r="E6026" i="2" s="1" a="1"/>
  <c r="E6026" i="2" s="1"/>
  <c r="AI130" i="1"/>
  <c r="E3113" i="2" s="1" a="1"/>
  <c r="E3113" i="2" s="1"/>
  <c r="AI45" i="1"/>
  <c r="AH262" i="1"/>
  <c r="D6295" i="2" s="1" a="1"/>
  <c r="D6295" i="2" s="1"/>
  <c r="AL308" i="1"/>
  <c r="H7391" i="2" s="1" a="1"/>
  <c r="H7391" i="2" s="1"/>
  <c r="AI105" i="1"/>
  <c r="E2509" i="2" s="1" a="1"/>
  <c r="E2509" i="2" s="1"/>
  <c r="AK154" i="1"/>
  <c r="AH363" i="1"/>
  <c r="D8705" i="2" s="1" a="1"/>
  <c r="D8705" i="2" s="1"/>
  <c r="AI177" i="1"/>
  <c r="E4254" i="2" s="1" a="1"/>
  <c r="E4254" i="2" s="1"/>
  <c r="AI223" i="1"/>
  <c r="AH202" i="1"/>
  <c r="AL271" i="1"/>
  <c r="H6509" i="2" s="1" a="1"/>
  <c r="H6509" i="2" s="1"/>
  <c r="AJ103" i="1"/>
  <c r="F2461" i="2" s="1" a="1"/>
  <c r="F2461" i="2" s="1"/>
  <c r="AL219" i="1"/>
  <c r="AJ247" i="1"/>
  <c r="AL274" i="1"/>
  <c r="AK99" i="1"/>
  <c r="AI119" i="1"/>
  <c r="AJ173" i="1"/>
  <c r="F4156" i="2" s="1" a="1"/>
  <c r="F4156" i="2" s="1"/>
  <c r="AK188" i="1"/>
  <c r="AI292" i="1"/>
  <c r="E7004" i="2" s="1" a="1"/>
  <c r="E7004" i="2" s="1"/>
  <c r="AH33" i="1"/>
  <c r="AL142" i="1"/>
  <c r="AL20" i="1"/>
  <c r="AI153" i="1"/>
  <c r="E3667" i="2" s="1" a="1"/>
  <c r="E3667" i="2" s="1"/>
  <c r="AL14" i="1"/>
  <c r="H343" i="2" s="1" a="1"/>
  <c r="H343" i="2" s="1"/>
  <c r="AH71" i="1"/>
  <c r="AJ20" i="1"/>
  <c r="AH345" i="1"/>
  <c r="D8266" i="2" s="1" a="1"/>
  <c r="D8266" i="2" s="1"/>
  <c r="AI285" i="1"/>
  <c r="E6845" i="2" s="1" a="1"/>
  <c r="E6845" i="2" s="1"/>
  <c r="AL36" i="1"/>
  <c r="AK249" i="1"/>
  <c r="AJ349" i="1"/>
  <c r="AK122" i="1"/>
  <c r="AH244" i="1"/>
  <c r="AJ37" i="1"/>
  <c r="AH93" i="1"/>
  <c r="AI222" i="1"/>
  <c r="AL64" i="1"/>
  <c r="H1525" i="2" s="1" a="1"/>
  <c r="H1525" i="2" s="1"/>
  <c r="AL39" i="1"/>
  <c r="H940" i="2" s="1" a="1"/>
  <c r="H940" i="2" s="1"/>
  <c r="AJ128" i="1"/>
  <c r="F3065" i="2" s="1" a="1"/>
  <c r="F3065" i="2" s="1"/>
  <c r="AJ296" i="1"/>
  <c r="AL213" i="1"/>
  <c r="AJ352" i="1"/>
  <c r="AI242" i="1"/>
  <c r="E5814" i="2" s="1" a="1"/>
  <c r="E5814" i="2" s="1"/>
  <c r="AL265" i="1"/>
  <c r="AK59" i="1"/>
  <c r="AL365" i="1"/>
  <c r="H8762" i="2" s="1" a="1"/>
  <c r="H8762" i="2" s="1"/>
  <c r="AH14" i="1"/>
  <c r="AK316" i="1"/>
  <c r="G7575" i="2" s="1" a="1"/>
  <c r="G7575" i="2" s="1"/>
  <c r="AK60" i="1"/>
  <c r="AH361" i="1"/>
  <c r="AI52" i="1"/>
  <c r="AJ63" i="1"/>
  <c r="AI92" i="1"/>
  <c r="AI325" i="1"/>
  <c r="AK362" i="1"/>
  <c r="AJ355" i="1"/>
  <c r="AL94" i="1"/>
  <c r="AJ35" i="1"/>
  <c r="F833" i="2" s="1" a="1"/>
  <c r="F833" i="2" s="1"/>
  <c r="AK210" i="1"/>
  <c r="AK246" i="1"/>
  <c r="AJ141" i="1"/>
  <c r="AH94" i="1"/>
  <c r="D2256" i="2" s="1" a="1"/>
  <c r="D2256" i="2" s="1"/>
  <c r="AL303" i="1"/>
  <c r="H7260" i="2" s="1" a="1"/>
  <c r="H7260" i="2" s="1"/>
  <c r="AJ122" i="1"/>
  <c r="F2934" i="2" s="1" a="1"/>
  <c r="F2934" i="2" s="1"/>
  <c r="AL48" i="1"/>
  <c r="AI102" i="1"/>
  <c r="E2437" i="2" s="1" a="1"/>
  <c r="E2437" i="2" s="1"/>
  <c r="AH54" i="1"/>
  <c r="AI8" i="1"/>
  <c r="E183" i="2" s="1" a="1"/>
  <c r="E183" i="2" s="1"/>
  <c r="AH92" i="1"/>
  <c r="AL270" i="1"/>
  <c r="H6482" i="2" s="1" a="1"/>
  <c r="H6482" i="2" s="1"/>
  <c r="AI229" i="1"/>
  <c r="AL93" i="1"/>
  <c r="AL327" i="1"/>
  <c r="AH65" i="1"/>
  <c r="AK82" i="1"/>
  <c r="AL56" i="1"/>
  <c r="AJ293" i="1"/>
  <c r="F7027" i="2" s="1" a="1"/>
  <c r="F7027" i="2" s="1"/>
  <c r="AJ163" i="1"/>
  <c r="AI254" i="1"/>
  <c r="E6097" i="2" s="1" a="1"/>
  <c r="E6097" i="2" s="1"/>
  <c r="AJ177" i="1"/>
  <c r="AL4" i="1"/>
  <c r="AK325" i="1"/>
  <c r="G7793" i="2" s="1" a="1"/>
  <c r="G7793" i="2" s="1"/>
  <c r="AK76" i="1"/>
  <c r="G1822" i="2" s="1" a="1"/>
  <c r="G1822" i="2" s="1"/>
  <c r="AH133" i="1"/>
  <c r="D3181" i="2" s="1" a="1"/>
  <c r="D3181" i="2" s="1"/>
  <c r="AK238" i="1"/>
  <c r="AK358" i="1"/>
  <c r="G8584" i="2" s="1" a="1"/>
  <c r="G8584" i="2" s="1"/>
  <c r="AL267" i="1"/>
  <c r="AK234" i="1"/>
  <c r="G5613" i="2" s="1" a="1"/>
  <c r="G5613" i="2" s="1"/>
  <c r="AK73" i="1"/>
  <c r="AI90" i="1"/>
  <c r="AJ87" i="1"/>
  <c r="AI220" i="1"/>
  <c r="AK119" i="1"/>
  <c r="AI245" i="1"/>
  <c r="E5877" i="2" s="1" a="1"/>
  <c r="E5877" i="2" s="1"/>
  <c r="AI358" i="1"/>
  <c r="AJ339" i="1"/>
  <c r="AH156" i="1"/>
  <c r="AK97" i="1"/>
  <c r="G2334" i="2" s="1" a="1"/>
  <c r="G2334" i="2" s="1"/>
  <c r="AH11" i="1"/>
  <c r="D258" i="2" s="1" a="1"/>
  <c r="D258" i="2" s="1"/>
  <c r="AI146" i="1"/>
  <c r="AL102" i="1"/>
  <c r="H2444" i="2" s="1" a="1"/>
  <c r="H2444" i="2" s="1"/>
  <c r="AK56" i="1"/>
  <c r="AL322" i="1"/>
  <c r="AI270" i="1"/>
  <c r="AL348" i="1"/>
  <c r="H8339" i="2" s="1" a="1"/>
  <c r="H8339" i="2" s="1"/>
  <c r="AK283" i="1"/>
  <c r="G6790" i="2" s="1" a="1"/>
  <c r="G6790" i="2" s="1"/>
  <c r="AH87" i="1"/>
  <c r="D2089" i="2" s="1" a="1"/>
  <c r="D2089" i="2" s="1"/>
  <c r="AI207" i="1"/>
  <c r="AL165" i="1"/>
  <c r="AL306" i="1"/>
  <c r="AL225" i="1"/>
  <c r="H5396" i="2" s="1" a="1"/>
  <c r="H5396" i="2" s="1"/>
  <c r="AK231" i="1"/>
  <c r="G5535" i="2" s="1" a="1"/>
  <c r="G5535" i="2" s="1"/>
  <c r="AL224" i="1"/>
  <c r="AH224" i="1"/>
  <c r="AK187" i="1"/>
  <c r="AH272" i="1"/>
  <c r="D6523" i="2" s="1" a="1"/>
  <c r="D6523" i="2" s="1"/>
  <c r="AJ5" i="1"/>
  <c r="F108" i="2" s="1" a="1"/>
  <c r="F108" i="2" s="1"/>
  <c r="AL101" i="1"/>
  <c r="AJ137" i="1"/>
  <c r="AH100" i="1"/>
  <c r="D2386" i="2" s="1" a="1"/>
  <c r="D2386" i="2" s="1"/>
  <c r="AI63" i="1"/>
  <c r="AI273" i="1"/>
  <c r="E6559" i="2" s="1" a="1"/>
  <c r="E6559" i="2" s="1"/>
  <c r="AJ182" i="1"/>
  <c r="F4357" i="2" s="1" a="1"/>
  <c r="F4357" i="2" s="1"/>
  <c r="AI154" i="1"/>
  <c r="E3685" i="2" s="1" a="1"/>
  <c r="E3685" i="2" s="1"/>
  <c r="AL105" i="1"/>
  <c r="AJ365" i="1"/>
  <c r="F8752" i="2" s="1" a="1"/>
  <c r="F8752" i="2" s="1"/>
  <c r="AL227" i="1"/>
  <c r="AK152" i="1"/>
  <c r="G3636" i="2" s="1" a="1"/>
  <c r="G3636" i="2" s="1"/>
  <c r="AL228" i="1"/>
  <c r="AI38" i="1"/>
  <c r="AL285" i="1"/>
  <c r="AK205" i="1"/>
  <c r="AJ71" i="1"/>
  <c r="AH58" i="1"/>
  <c r="AL236" i="1"/>
  <c r="AI256" i="1"/>
  <c r="AI326" i="1"/>
  <c r="E7824" i="2" s="1" a="1"/>
  <c r="E7824" i="2" s="1"/>
  <c r="AI346" i="1"/>
  <c r="E8309" i="2" s="1" a="1"/>
  <c r="E8309" i="2" s="1"/>
  <c r="AL145" i="1"/>
  <c r="AH255" i="1"/>
  <c r="D6120" i="2" s="1" a="1"/>
  <c r="D6120" i="2" s="1"/>
  <c r="AK71" i="1"/>
  <c r="G1696" i="2" s="1" a="1"/>
  <c r="G1696" i="2" s="1"/>
  <c r="AI204" i="1"/>
  <c r="AH234" i="1"/>
  <c r="AH139" i="1"/>
  <c r="AL191" i="1"/>
  <c r="AL200" i="1"/>
  <c r="AL156" i="1"/>
  <c r="AH74" i="1"/>
  <c r="AK355" i="1"/>
  <c r="AK287" i="1"/>
  <c r="AJ351" i="1"/>
  <c r="F8433" i="2" s="1" a="1"/>
  <c r="F8433" i="2" s="1"/>
  <c r="AH269" i="1"/>
  <c r="D6450" i="2" s="1" a="1"/>
  <c r="D6450" i="2" s="1"/>
  <c r="AH7" i="1"/>
  <c r="AH37" i="1"/>
  <c r="AJ228" i="1"/>
  <c r="AJ233" i="1"/>
  <c r="AL242" i="1"/>
  <c r="H5799" i="2" s="1" a="1"/>
  <c r="H5799" i="2" s="1"/>
  <c r="AK168" i="1"/>
  <c r="AH64" i="1"/>
  <c r="AJ70" i="1"/>
  <c r="F1688" i="2" s="1" a="1"/>
  <c r="F1688" i="2" s="1"/>
  <c r="AJ287" i="1"/>
  <c r="AJ147" i="1"/>
  <c r="AK106" i="1"/>
  <c r="G2531" i="2" s="1" a="1"/>
  <c r="G2531" i="2" s="1"/>
  <c r="AI294" i="1"/>
  <c r="AI187" i="1"/>
  <c r="AL324" i="1"/>
  <c r="H7763" i="2" s="1" a="1"/>
  <c r="H7763" i="2" s="1"/>
  <c r="AI303" i="1"/>
  <c r="AK340" i="1"/>
  <c r="G8164" i="2" s="1" a="1"/>
  <c r="G8164" i="2" s="1"/>
  <c r="AK93" i="1"/>
  <c r="AJ184" i="1"/>
  <c r="AI20" i="1"/>
  <c r="AK55" i="1"/>
  <c r="G1321" i="2" s="1" a="1"/>
  <c r="G1321" i="2" s="1"/>
  <c r="AK178" i="1"/>
  <c r="AJ33" i="1"/>
  <c r="AJ171" i="1"/>
  <c r="AJ172" i="1"/>
  <c r="AK74" i="1"/>
  <c r="G1771" i="2" s="1" a="1"/>
  <c r="G1771" i="2" s="1"/>
  <c r="AJ285" i="1"/>
  <c r="AL130" i="1"/>
  <c r="AJ242" i="1"/>
  <c r="F5796" i="2" s="1" a="1"/>
  <c r="F5796" i="2" s="1"/>
  <c r="AH9" i="1"/>
  <c r="AK236" i="1"/>
  <c r="AH101" i="1"/>
  <c r="D2431" i="2" s="1" a="1"/>
  <c r="D2431" i="2" s="1"/>
  <c r="AI247" i="1"/>
  <c r="E5916" i="2" s="1" a="1"/>
  <c r="E5916" i="2" s="1"/>
  <c r="AJ97" i="1"/>
  <c r="AH178" i="1"/>
  <c r="AK285" i="1"/>
  <c r="G6827" i="2" s="1" a="1"/>
  <c r="G6827" i="2" s="1"/>
  <c r="AH66" i="1"/>
  <c r="AJ314" i="1"/>
  <c r="F7543" i="2" s="1" a="1"/>
  <c r="F7543" i="2" s="1"/>
  <c r="AH257" i="1"/>
  <c r="AK319" i="1"/>
  <c r="G7657" i="2" s="1" a="1"/>
  <c r="G7657" i="2" s="1"/>
  <c r="AH55" i="1"/>
  <c r="AL221" i="1"/>
  <c r="AL84" i="1"/>
  <c r="AK175" i="1"/>
  <c r="AJ309" i="1"/>
  <c r="F7408" i="2" s="1" a="1"/>
  <c r="F7408" i="2" s="1"/>
  <c r="AJ322" i="1"/>
  <c r="F7726" i="2" s="1" a="1"/>
  <c r="F7726" i="2" s="1"/>
  <c r="AH85" i="1"/>
  <c r="AL8" i="1"/>
  <c r="H185" i="2" s="1" a="1"/>
  <c r="H185" i="2" s="1"/>
  <c r="AJ259" i="1"/>
  <c r="F6205" i="2" s="1" a="1"/>
  <c r="F6205" i="2" s="1"/>
  <c r="AJ168" i="1"/>
  <c r="F4040" i="2" s="1" a="1"/>
  <c r="F4040" i="2" s="1"/>
  <c r="AL15" i="1"/>
  <c r="H348" i="2" s="1" a="1"/>
  <c r="H348" i="2" s="1"/>
  <c r="AJ176" i="1"/>
  <c r="F4211" i="2" s="1" a="1"/>
  <c r="F4211" i="2" s="1"/>
  <c r="AK252" i="1"/>
  <c r="G6042" i="2" s="1" a="1"/>
  <c r="G6042" i="2" s="1"/>
  <c r="AI225" i="1"/>
  <c r="AJ248" i="1"/>
  <c r="F5947" i="2" s="1" a="1"/>
  <c r="F5947" i="2" s="1"/>
  <c r="AK265" i="1"/>
  <c r="G6369" i="2" s="1" a="1"/>
  <c r="G6369" i="2" s="1"/>
  <c r="AL179" i="1"/>
  <c r="H4301" i="2" s="1" a="1"/>
  <c r="H4301" i="2" s="1"/>
  <c r="AI185" i="1"/>
  <c r="AK46" i="1"/>
  <c r="G1099" i="2" s="1" a="1"/>
  <c r="G1099" i="2" s="1"/>
  <c r="AL174" i="1"/>
  <c r="H4174" i="2" s="1" a="1"/>
  <c r="H4174" i="2" s="1"/>
  <c r="AI240" i="1"/>
  <c r="AK19" i="1"/>
  <c r="AK159" i="1"/>
  <c r="G3824" i="2" s="1" a="1"/>
  <c r="G3824" i="2" s="1"/>
  <c r="AL256" i="1"/>
  <c r="AK80" i="1"/>
  <c r="AJ125" i="1"/>
  <c r="F3000" i="2" s="1" a="1"/>
  <c r="F3000" i="2" s="1"/>
  <c r="AK117" i="1"/>
  <c r="AK251" i="1"/>
  <c r="G6018" i="2" s="1" a="1"/>
  <c r="G6018" i="2" s="1"/>
  <c r="AI94" i="1"/>
  <c r="AJ331" i="1"/>
  <c r="AJ101" i="1"/>
  <c r="AK311" i="1"/>
  <c r="G7453" i="2" s="1" a="1"/>
  <c r="G7453" i="2" s="1"/>
  <c r="AL132" i="1"/>
  <c r="AL170" i="1"/>
  <c r="AJ54" i="1"/>
  <c r="AH20" i="1"/>
  <c r="D468" i="2" s="1" a="1"/>
  <c r="D468" i="2" s="1"/>
  <c r="AK53" i="1"/>
  <c r="AH146" i="1"/>
  <c r="AI186" i="1"/>
  <c r="E4456" i="2" s="1" a="1"/>
  <c r="E4456" i="2" s="1"/>
  <c r="AI39" i="1"/>
  <c r="AK44" i="1"/>
  <c r="G1050" i="2" s="1" a="1"/>
  <c r="G1050" i="2" s="1"/>
  <c r="AH67" i="1"/>
  <c r="AI180" i="1"/>
  <c r="AL309" i="1"/>
  <c r="AJ217" i="1"/>
  <c r="AH106" i="1"/>
  <c r="D2538" i="2" s="1" a="1"/>
  <c r="D2538" i="2" s="1"/>
  <c r="AI274" i="1"/>
  <c r="E6563" i="2" s="1" a="1"/>
  <c r="E6563" i="2" s="1"/>
  <c r="AJ273" i="1"/>
  <c r="F6546" i="2" s="1" a="1"/>
  <c r="F6546" i="2" s="1"/>
  <c r="AJ280" i="1"/>
  <c r="AJ77" i="1"/>
  <c r="AJ358" i="1"/>
  <c r="F8586" i="2" s="1" a="1"/>
  <c r="F8586" i="2" s="1"/>
  <c r="AK170" i="1"/>
  <c r="AL138" i="1"/>
  <c r="AJ240" i="1"/>
  <c r="F5756" i="2" s="1" a="1"/>
  <c r="F5756" i="2" s="1"/>
  <c r="AK271" i="1"/>
  <c r="AH81" i="1"/>
  <c r="D1937" i="2" s="1" a="1"/>
  <c r="D1937" i="2" s="1"/>
  <c r="AJ165" i="1"/>
  <c r="AH222" i="1"/>
  <c r="AI73" i="1"/>
  <c r="AL293" i="1"/>
  <c r="AK160" i="1"/>
  <c r="G3827" i="2" s="1" a="1"/>
  <c r="G3827" i="2" s="1"/>
  <c r="AL177" i="1"/>
  <c r="AI237" i="1"/>
  <c r="E5683" i="2" s="1" a="1"/>
  <c r="E5683" i="2" s="1"/>
  <c r="AI275" i="1"/>
  <c r="AJ193" i="1"/>
  <c r="AK81" i="1"/>
  <c r="G1951" i="2" s="1" a="1"/>
  <c r="G1951" i="2" s="1"/>
  <c r="AL87" i="1"/>
  <c r="AI82" i="1"/>
  <c r="E1964" i="2" s="1" a="1"/>
  <c r="E1964" i="2" s="1"/>
  <c r="AH26" i="1"/>
  <c r="AL198" i="1"/>
  <c r="AH16" i="1"/>
  <c r="AJ95" i="1"/>
  <c r="AL223" i="1"/>
  <c r="H5351" i="2" s="1" a="1"/>
  <c r="H5351" i="2" s="1"/>
  <c r="AL118" i="1"/>
  <c r="H2819" i="2" s="1" a="1"/>
  <c r="H2819" i="2" s="1"/>
  <c r="AH248" i="1"/>
  <c r="D5949" i="2" s="1" a="1"/>
  <c r="D5949" i="2" s="1"/>
  <c r="AI93" i="1"/>
  <c r="E2241" i="2" s="1" a="1"/>
  <c r="E2241" i="2" s="1"/>
  <c r="AH75" i="1"/>
  <c r="AK25" i="1"/>
  <c r="AI323" i="1"/>
  <c r="AI68" i="1"/>
  <c r="AI55" i="1"/>
  <c r="AK157" i="1"/>
  <c r="AI173" i="1"/>
  <c r="AL291" i="1"/>
  <c r="AI201" i="1"/>
  <c r="E4830" i="2" s="1" a="1"/>
  <c r="E4830" i="2" s="1"/>
  <c r="AI288" i="1"/>
  <c r="E6917" i="2" s="1" a="1"/>
  <c r="E6917" i="2" s="1"/>
  <c r="AL71" i="1"/>
  <c r="AH147" i="1"/>
  <c r="AH225" i="1"/>
  <c r="D5394" i="2" s="1" a="1"/>
  <c r="D5394" i="2" s="1"/>
  <c r="AJ225" i="1"/>
  <c r="AH360" i="1"/>
  <c r="D8634" i="2" s="1" a="1"/>
  <c r="D8634" i="2" s="1"/>
  <c r="AH214" i="1"/>
  <c r="D5131" i="2" s="1" a="1"/>
  <c r="D5131" i="2" s="1"/>
  <c r="AI360" i="1"/>
  <c r="AH263" i="1"/>
  <c r="D6321" i="2" s="1" a="1"/>
  <c r="D6321" i="2" s="1"/>
  <c r="AI149" i="1"/>
  <c r="E3568" i="2" s="1" a="1"/>
  <c r="E3568" i="2" s="1"/>
  <c r="AH341" i="1"/>
  <c r="AI70" i="1"/>
  <c r="AI344" i="1"/>
  <c r="AH351" i="1"/>
  <c r="AH287" i="1"/>
  <c r="D6893" i="2" s="1" a="1"/>
  <c r="D6893" i="2" s="1"/>
  <c r="AJ364" i="1"/>
  <c r="AH249" i="1"/>
  <c r="AH121" i="1"/>
  <c r="AJ174" i="1"/>
  <c r="AK248" i="1"/>
  <c r="G5956" i="2" s="1" a="1"/>
  <c r="G5956" i="2" s="1"/>
  <c r="AK54" i="1"/>
  <c r="G1295" i="2" s="1" a="1"/>
  <c r="G1295" i="2" s="1"/>
  <c r="AK301" i="1"/>
  <c r="G7232" i="2" s="1" a="1"/>
  <c r="G7232" i="2" s="1"/>
  <c r="AJ253" i="1"/>
  <c r="AH219" i="1"/>
  <c r="D5257" i="2" s="1" a="1"/>
  <c r="D5257" i="2" s="1"/>
  <c r="AI66" i="1"/>
  <c r="AH179" i="1"/>
  <c r="AH115" i="1"/>
  <c r="AJ47" i="1"/>
  <c r="AI194" i="1"/>
  <c r="AJ264" i="1"/>
  <c r="AL116" i="1"/>
  <c r="H2770" i="2" s="1" a="1"/>
  <c r="H2770" i="2" s="1"/>
  <c r="AI118" i="1"/>
  <c r="E2838" i="2" s="1" a="1"/>
  <c r="E2838" i="2" s="1"/>
  <c r="AI349" i="1"/>
  <c r="AK45" i="1"/>
  <c r="AI129" i="1"/>
  <c r="AH353" i="1"/>
  <c r="D8472" i="2" s="1" a="1"/>
  <c r="D8472" i="2" s="1"/>
  <c r="AH253" i="1"/>
  <c r="AK141" i="1"/>
  <c r="G3372" i="2" s="1" a="1"/>
  <c r="G3372" i="2" s="1"/>
  <c r="AJ57" i="1"/>
  <c r="AJ88" i="1"/>
  <c r="F2112" i="2" s="1" a="1"/>
  <c r="F2112" i="2" s="1"/>
  <c r="AJ271" i="1"/>
  <c r="AL86" i="1"/>
  <c r="AI184" i="1"/>
  <c r="AL321" i="1"/>
  <c r="AH342" i="1"/>
  <c r="AI302" i="1"/>
  <c r="E7239" i="2" s="1" a="1"/>
  <c r="E7239" i="2" s="1"/>
  <c r="AH183" i="1"/>
  <c r="D4382" i="2" s="1" a="1"/>
  <c r="D4382" i="2" s="1"/>
  <c r="AH266" i="1"/>
  <c r="D6390" i="2" s="1" a="1"/>
  <c r="D6390" i="2" s="1"/>
  <c r="AH348" i="1"/>
  <c r="AL151" i="1"/>
  <c r="AJ317" i="1"/>
  <c r="AK201" i="1"/>
  <c r="G4828" i="2" s="1" a="1"/>
  <c r="G4828" i="2" s="1"/>
  <c r="AJ4" i="1"/>
  <c r="AI345" i="1"/>
  <c r="E8277" i="2" s="1" a="1"/>
  <c r="E8277" i="2" s="1"/>
  <c r="AK62" i="1"/>
  <c r="AI56" i="1"/>
  <c r="AH365" i="1"/>
  <c r="AH22" i="1"/>
  <c r="AH326" i="1"/>
  <c r="AL65" i="1"/>
  <c r="H1563" i="2" s="1" a="1"/>
  <c r="H1563" i="2" s="1"/>
  <c r="AJ150" i="1"/>
  <c r="F3591" i="2" s="1" a="1"/>
  <c r="F3591" i="2" s="1"/>
  <c r="AI265" i="1"/>
  <c r="E6352" i="2" s="1" a="1"/>
  <c r="E6352" i="2" s="1"/>
  <c r="AL68" i="1"/>
  <c r="AL80" i="1"/>
  <c r="AK123" i="1"/>
  <c r="AH35" i="1"/>
  <c r="AL238" i="1"/>
  <c r="H5708" i="2" s="1" a="1"/>
  <c r="H5708" i="2" s="1"/>
  <c r="AH315" i="1"/>
  <c r="AH49" i="1"/>
  <c r="D1166" i="2" s="1" a="1"/>
  <c r="D1166" i="2" s="1"/>
  <c r="AH350" i="1"/>
  <c r="D8399" i="2" s="1" a="1"/>
  <c r="D8399" i="2" s="1"/>
  <c r="AH317" i="1"/>
  <c r="AH170" i="1"/>
  <c r="AL186" i="1"/>
  <c r="AL278" i="1"/>
  <c r="AH53" i="1"/>
  <c r="D1276" i="2" s="1" a="1"/>
  <c r="D1276" i="2" s="1"/>
  <c r="AI272" i="1"/>
  <c r="E6523" i="2" s="1" a="1"/>
  <c r="E6523" i="2" s="1"/>
  <c r="AL23" i="1"/>
  <c r="AK317" i="1"/>
  <c r="AL245" i="1"/>
  <c r="AJ140" i="1"/>
  <c r="AJ294" i="1"/>
  <c r="AH78" i="1"/>
  <c r="D1877" i="2" s="1" a="1"/>
  <c r="D1877" i="2" s="1"/>
  <c r="AH172" i="1"/>
  <c r="D4115" i="2" s="1" a="1"/>
  <c r="D4115" i="2" s="1"/>
  <c r="AJ75" i="1"/>
  <c r="AH142" i="1"/>
  <c r="AK75" i="1"/>
  <c r="AI244" i="1"/>
  <c r="E5844" i="2" s="1" a="1"/>
  <c r="E5844" i="2" s="1"/>
  <c r="AJ181" i="1"/>
  <c r="F4346" i="2" s="1" a="1"/>
  <c r="F4346" i="2" s="1"/>
  <c r="AK207" i="1"/>
  <c r="AK90" i="1"/>
  <c r="G2163" i="2" s="1" a="1"/>
  <c r="G2163" i="2" s="1"/>
  <c r="AJ235" i="1"/>
  <c r="F5644" i="2" s="1" a="1"/>
  <c r="F5644" i="2" s="1"/>
  <c r="AJ58" i="1"/>
  <c r="AJ3" i="1"/>
  <c r="AL10" i="1"/>
  <c r="AH69" i="1"/>
  <c r="AH316" i="1"/>
  <c r="AH29" i="1"/>
  <c r="AK43" i="1"/>
  <c r="AL131" i="1"/>
  <c r="AH98" i="1"/>
  <c r="AK300" i="1"/>
  <c r="G7202" i="2" s="1" a="1"/>
  <c r="G7202" i="2" s="1"/>
  <c r="AK30" i="1"/>
  <c r="AH344" i="1"/>
  <c r="D8260" i="2" s="1" a="1"/>
  <c r="D8260" i="2" s="1"/>
  <c r="AI259" i="1"/>
  <c r="AL43" i="1"/>
  <c r="AK156" i="1"/>
  <c r="AH39" i="1"/>
  <c r="AJ78" i="1"/>
  <c r="F1877" i="2" s="1" a="1"/>
  <c r="F1877" i="2" s="1"/>
  <c r="AL119" i="1"/>
  <c r="H2857" i="2" s="1" a="1"/>
  <c r="H2857" i="2" s="1"/>
  <c r="AJ108" i="1"/>
  <c r="F2593" i="2" s="1" a="1"/>
  <c r="F2593" i="2" s="1"/>
  <c r="AH12" i="1"/>
  <c r="D289" i="2" s="1" a="1"/>
  <c r="D289" i="2" s="1"/>
  <c r="AL77" i="1"/>
  <c r="AI160" i="1"/>
  <c r="AJ40" i="1"/>
  <c r="F949" i="2" s="1" a="1"/>
  <c r="F949" i="2" s="1"/>
  <c r="AI367" i="1"/>
  <c r="AI22" i="1"/>
  <c r="AH18" i="1"/>
  <c r="AK221" i="1"/>
  <c r="G5311" i="2" s="1" a="1"/>
  <c r="G5311" i="2" s="1"/>
  <c r="AK228" i="1"/>
  <c r="AK199" i="1"/>
  <c r="G4770" i="2" s="1" a="1"/>
  <c r="G4770" i="2" s="1"/>
  <c r="AK286" i="1"/>
  <c r="G6858" i="2" s="1" a="1"/>
  <c r="G6858" i="2" s="1"/>
  <c r="AL263" i="1"/>
  <c r="AI147" i="1"/>
  <c r="AK72" i="1"/>
  <c r="AI43" i="1"/>
  <c r="AL307" i="1"/>
  <c r="H7360" i="2" s="1" a="1"/>
  <c r="H7360" i="2" s="1"/>
  <c r="AI271" i="1"/>
  <c r="E6497" i="2" s="1" a="1"/>
  <c r="E6497" i="2" s="1"/>
  <c r="AH184" i="1"/>
  <c r="D4425" i="2" s="1" a="1"/>
  <c r="D4425" i="2" s="1"/>
  <c r="AH8" i="1"/>
  <c r="AK145" i="1"/>
  <c r="G3466" i="2" s="1" a="1"/>
  <c r="G3466" i="2" s="1"/>
  <c r="AH258" i="1"/>
  <c r="D6195" i="2" s="1" a="1"/>
  <c r="D6195" i="2" s="1"/>
  <c r="AK229" i="1"/>
  <c r="AL183" i="1"/>
  <c r="AK67" i="1"/>
  <c r="AI221" i="1"/>
  <c r="E5303" i="2" s="1" a="1"/>
  <c r="E5303" i="2" s="1"/>
  <c r="AK341" i="1"/>
  <c r="G8191" i="2" s="1" a="1"/>
  <c r="G8191" i="2" s="1"/>
  <c r="AI301" i="1"/>
  <c r="AK128" i="1"/>
  <c r="G3073" i="2" s="1" a="1"/>
  <c r="G3073" i="2" s="1"/>
  <c r="AH63" i="1"/>
  <c r="AJ269" i="1"/>
  <c r="F6453" i="2" s="1" a="1"/>
  <c r="F6453" i="2" s="1"/>
  <c r="AK281" i="1"/>
  <c r="G6741" i="2" s="1" a="1"/>
  <c r="G6741" i="2" s="1"/>
  <c r="AJ157" i="1"/>
  <c r="AH246" i="1"/>
  <c r="AL16" i="1"/>
  <c r="AK11" i="1"/>
  <c r="G272" i="2" s="1" a="1"/>
  <c r="G272" i="2" s="1"/>
  <c r="AH230" i="1"/>
  <c r="AI321" i="1"/>
  <c r="E7695" i="2" s="1" a="1"/>
  <c r="E7695" i="2" s="1"/>
  <c r="AH286" i="1"/>
  <c r="D6856" i="2" s="1" a="1"/>
  <c r="D6856" i="2" s="1"/>
  <c r="AJ9" i="1"/>
  <c r="AL259" i="1"/>
  <c r="H6220" i="2" s="1" a="1"/>
  <c r="H6220" i="2" s="1"/>
  <c r="AK195" i="1"/>
  <c r="AI322" i="1"/>
  <c r="AL347" i="1"/>
  <c r="H8322" i="2" s="1" a="1"/>
  <c r="H8322" i="2" s="1"/>
  <c r="AI286" i="1"/>
  <c r="AJ82" i="1"/>
  <c r="AJ124" i="1"/>
  <c r="AH261" i="1"/>
  <c r="AI213" i="1"/>
  <c r="AJ72" i="1"/>
  <c r="AI252" i="1"/>
  <c r="E6041" i="2" s="1" a="1"/>
  <c r="E6041" i="2" s="1"/>
  <c r="AI176" i="1"/>
  <c r="E4233" i="2" s="1" a="1"/>
  <c r="E4233" i="2" s="1"/>
  <c r="AL280" i="1"/>
  <c r="AK233" i="1"/>
  <c r="G5588" i="2" s="1" a="1"/>
  <c r="G5588" i="2" s="1"/>
  <c r="AH152" i="1"/>
  <c r="D3639" i="2" s="1" a="1"/>
  <c r="D3639" i="2" s="1"/>
  <c r="AJ46" i="1"/>
  <c r="AL257" i="1"/>
  <c r="H6154" i="2" s="1" a="1"/>
  <c r="H6154" i="2" s="1"/>
  <c r="AH148" i="1"/>
  <c r="D3545" i="2" s="1" a="1"/>
  <c r="D3545" i="2" s="1"/>
  <c r="AH129" i="1"/>
  <c r="D3092" i="2" s="1" a="1"/>
  <c r="D3092" i="2" s="1"/>
  <c r="AK149" i="1"/>
  <c r="AK277" i="1"/>
  <c r="AH189" i="1"/>
  <c r="AL196" i="1"/>
  <c r="AL159" i="1"/>
  <c r="AK143" i="1"/>
  <c r="AL351" i="1"/>
  <c r="AJ278" i="1"/>
  <c r="AH306" i="1"/>
  <c r="AJ81" i="1"/>
  <c r="AH215" i="1"/>
  <c r="AI330" i="1"/>
  <c r="E7913" i="2" s="1" a="1"/>
  <c r="E7913" i="2" s="1"/>
  <c r="AH259" i="1"/>
  <c r="AK302" i="1"/>
  <c r="AJ153" i="1"/>
  <c r="F3665" i="2" s="1" a="1"/>
  <c r="F3665" i="2" s="1"/>
  <c r="AH226" i="1"/>
  <c r="D5410" i="2" s="1" a="1"/>
  <c r="D5410" i="2" s="1"/>
  <c r="AH187" i="1"/>
  <c r="AK47" i="1"/>
  <c r="AH175" i="1"/>
  <c r="D4206" i="2" s="1" a="1"/>
  <c r="D4206" i="2" s="1"/>
  <c r="AL202" i="1"/>
  <c r="H4842" i="2" s="1" a="1"/>
  <c r="H4842" i="2" s="1"/>
  <c r="AJ138" i="1"/>
  <c r="AH157" i="1"/>
  <c r="AL315" i="1"/>
  <c r="AH238" i="1"/>
  <c r="AJ132" i="1"/>
  <c r="AI268" i="1"/>
  <c r="AH135" i="1"/>
  <c r="AH56" i="1"/>
  <c r="D1336" i="2" s="1" a="1"/>
  <c r="D1336" i="2" s="1"/>
  <c r="AH180" i="1"/>
  <c r="AH177" i="1"/>
  <c r="D4251" i="2" s="1" a="1"/>
  <c r="D4251" i="2" s="1"/>
  <c r="AI41" i="1"/>
  <c r="AH103" i="1"/>
  <c r="D2461" i="2" s="1" a="1"/>
  <c r="D2461" i="2" s="1"/>
  <c r="AJ224" i="1"/>
  <c r="F5383" i="2" s="1" a="1"/>
  <c r="F5383" i="2" s="1"/>
  <c r="AH336" i="1"/>
  <c r="AK268" i="1"/>
  <c r="AH118" i="1"/>
  <c r="AJ105" i="1"/>
  <c r="AJ268" i="1"/>
  <c r="F6438" i="2" s="1" a="1"/>
  <c r="F6438" i="2" s="1"/>
  <c r="AK153" i="1"/>
  <c r="AK125" i="1"/>
  <c r="G2992" i="2" s="1" a="1"/>
  <c r="G2992" i="2" s="1"/>
  <c r="AL44" i="1"/>
  <c r="H1063" i="2" s="1" a="1"/>
  <c r="H1063" i="2" s="1"/>
  <c r="AK88" i="1"/>
  <c r="G2119" i="2" s="1" a="1"/>
  <c r="G2119" i="2" s="1"/>
  <c r="AH97" i="1"/>
  <c r="D2329" i="2" s="1" a="1"/>
  <c r="D2329" i="2" s="1"/>
  <c r="AI212" i="1"/>
  <c r="AI331" i="1"/>
  <c r="AI366" i="1"/>
  <c r="AJ366" i="1"/>
  <c r="AH237" i="1"/>
  <c r="AL334" i="1"/>
  <c r="AJ201" i="1"/>
  <c r="F4828" i="2" s="1" a="1"/>
  <c r="F4828" i="2" s="1"/>
  <c r="AI169" i="1"/>
  <c r="AJ21" i="1"/>
  <c r="AK225" i="1"/>
  <c r="G5389" i="2" s="1" a="1"/>
  <c r="G5389" i="2" s="1"/>
  <c r="AJ357" i="1"/>
  <c r="F8567" i="2" s="1" a="1"/>
  <c r="F8567" i="2" s="1"/>
  <c r="AH124" i="1"/>
  <c r="AJ185" i="1"/>
  <c r="AH41" i="1"/>
  <c r="AJ316" i="1"/>
  <c r="F7589" i="2" s="1" a="1"/>
  <c r="F7589" i="2" s="1"/>
  <c r="AL194" i="1"/>
  <c r="AK177" i="1"/>
  <c r="AJ354" i="1"/>
  <c r="AL294" i="1"/>
  <c r="H7044" i="2" s="1" a="1"/>
  <c r="H7044" i="2" s="1"/>
  <c r="AH116" i="1"/>
  <c r="AJ243" i="1"/>
  <c r="F5825" i="2" s="1" a="1"/>
  <c r="F5825" i="2" s="1"/>
  <c r="AI65" i="1"/>
  <c r="E1563" i="2" s="1" a="1"/>
  <c r="E1563" i="2" s="1"/>
  <c r="AK244" i="1"/>
  <c r="AL176" i="1"/>
  <c r="H4228" i="2" s="1" a="1"/>
  <c r="H4228" i="2" s="1"/>
  <c r="AJ145" i="1"/>
  <c r="AH182" i="1"/>
  <c r="AI315" i="1"/>
  <c r="E7547" i="2" s="1" a="1"/>
  <c r="E7547" i="2" s="1"/>
  <c r="AL181" i="1"/>
  <c r="AL90" i="1"/>
  <c r="H2169" i="2" s="1" a="1"/>
  <c r="H2169" i="2" s="1"/>
  <c r="AL352" i="1"/>
  <c r="H8436" i="2" s="1" a="1"/>
  <c r="H8436" i="2" s="1"/>
  <c r="AH169" i="1"/>
  <c r="AH46" i="1"/>
  <c r="D1105" i="2" s="1" a="1"/>
  <c r="D1105" i="2" s="1"/>
  <c r="AH327" i="1"/>
  <c r="D7849" i="2" s="1" a="1"/>
  <c r="D7849" i="2" s="1"/>
  <c r="AK107" i="1"/>
  <c r="AK200" i="1"/>
  <c r="AI29" i="1"/>
  <c r="AL258" i="1"/>
  <c r="H6182" i="2" s="1" a="1"/>
  <c r="H6182" i="2" s="1"/>
  <c r="AJ321" i="1"/>
  <c r="AH48" i="1"/>
  <c r="AK294" i="1"/>
  <c r="G7058" i="2" s="1" a="1"/>
  <c r="G7058" i="2" s="1"/>
  <c r="AL355" i="1"/>
  <c r="H8517" i="2" s="1" a="1"/>
  <c r="H8517" i="2" s="1"/>
  <c r="AH264" i="1"/>
  <c r="D6323" i="2" s="1" a="1"/>
  <c r="D6323" i="2" s="1"/>
  <c r="AH347" i="1"/>
  <c r="D8324" i="2" s="1" a="1"/>
  <c r="D8324" i="2" s="1"/>
  <c r="AI27" i="1"/>
  <c r="AL345" i="1"/>
  <c r="AH256" i="1"/>
  <c r="AK363" i="1"/>
  <c r="G8721" i="2" s="1" a="1"/>
  <c r="G8721" i="2" s="1"/>
  <c r="AL51" i="1"/>
  <c r="AK12" i="1"/>
  <c r="AH221" i="1"/>
  <c r="D5312" i="2" s="1" a="1"/>
  <c r="D5312" i="2" s="1"/>
  <c r="AJ211" i="1"/>
  <c r="AL205" i="1"/>
  <c r="AJ41" i="1"/>
  <c r="AI6" i="1"/>
  <c r="AH278" i="1"/>
  <c r="D6667" i="2" s="1" a="1"/>
  <c r="D6667" i="2" s="1"/>
  <c r="AI278" i="1"/>
  <c r="E6678" i="2" s="1" a="1"/>
  <c r="E6678" i="2" s="1"/>
  <c r="AH73" i="1"/>
  <c r="D1759" i="2" s="1" a="1"/>
  <c r="D1759" i="2" s="1"/>
  <c r="AK89" i="1"/>
  <c r="AJ116" i="1"/>
  <c r="AL275" i="1"/>
  <c r="H6608" i="2" s="1" a="1"/>
  <c r="H6608" i="2" s="1"/>
  <c r="AL333" i="1"/>
  <c r="AH171" i="1"/>
  <c r="AI314" i="1"/>
  <c r="AJ324" i="1"/>
  <c r="AH295" i="1"/>
  <c r="AH301" i="1"/>
  <c r="AJ113" i="1"/>
  <c r="AK98" i="1"/>
  <c r="AJ149" i="1"/>
  <c r="F3580" i="2" s="1" a="1"/>
  <c r="F3580" i="2" s="1"/>
  <c r="AH339" i="1"/>
  <c r="AJ34" i="1"/>
  <c r="AJ100" i="1"/>
  <c r="AL323" i="1"/>
  <c r="H7742" i="2" s="1" a="1"/>
  <c r="H7742" i="2" s="1"/>
  <c r="AJ91" i="1"/>
  <c r="AI109" i="1"/>
  <c r="E2611" i="2" s="1" a="1"/>
  <c r="E2611" i="2" s="1"/>
  <c r="AH91" i="1"/>
  <c r="D2170" i="2" s="1" a="1"/>
  <c r="D2170" i="2" s="1"/>
  <c r="AH160" i="1"/>
  <c r="D3841" i="2" s="1" a="1"/>
  <c r="D3841" i="2" s="1"/>
  <c r="AH307" i="1"/>
  <c r="AK332" i="1"/>
  <c r="G7973" i="2" s="1" a="1"/>
  <c r="G7973" i="2" s="1"/>
  <c r="AI202" i="1"/>
  <c r="AI150" i="1"/>
  <c r="E3594" i="2" s="1" a="1"/>
  <c r="E3594" i="2" s="1"/>
  <c r="AH239" i="1"/>
  <c r="AI174" i="1"/>
  <c r="AH352" i="1"/>
  <c r="AL185" i="1"/>
  <c r="AK220" i="1"/>
  <c r="AI336" i="1"/>
  <c r="E8063" i="2" s="1" a="1"/>
  <c r="E8063" i="2" s="1"/>
  <c r="AK213" i="1"/>
  <c r="AL340" i="1"/>
  <c r="H8146" i="2" s="1" a="1"/>
  <c r="H8146" i="2" s="1"/>
  <c r="AH158" i="1"/>
  <c r="D3788" i="2" s="1" a="1"/>
  <c r="D3788" i="2" s="1"/>
  <c r="AH107" i="1"/>
  <c r="AJ56" i="1"/>
  <c r="F1332" i="2" s="1" a="1"/>
  <c r="F1332" i="2" s="1"/>
  <c r="AI51" i="1"/>
  <c r="E1232" i="2" s="1" a="1"/>
  <c r="E1232" i="2" s="1"/>
  <c r="AK5" i="1"/>
  <c r="AI353" i="1"/>
  <c r="AK250" i="1"/>
  <c r="AI246" i="1"/>
  <c r="AH324" i="1"/>
  <c r="AH206" i="1"/>
  <c r="AL305" i="1"/>
  <c r="H7323" i="2" s="1" a="1"/>
  <c r="H7323" i="2" s="1"/>
  <c r="AI192" i="1"/>
  <c r="E4596" i="2" s="1" a="1"/>
  <c r="E4596" i="2" s="1"/>
  <c r="AK133" i="1"/>
  <c r="AL79" i="1"/>
  <c r="AI258" i="1"/>
  <c r="E6180" i="2" s="1" a="1"/>
  <c r="E6180" i="2" s="1"/>
  <c r="AH321" i="1"/>
  <c r="AL281" i="1"/>
  <c r="AH68" i="1"/>
  <c r="D1619" i="2" s="1" a="1"/>
  <c r="D1619" i="2" s="1"/>
  <c r="AH205" i="1"/>
  <c r="AJ84" i="1"/>
  <c r="F2025" i="2" s="1" a="1"/>
  <c r="F2025" i="2" s="1"/>
  <c r="AK203" i="1"/>
  <c r="AJ330" i="1"/>
  <c r="AK176" i="1"/>
  <c r="AI151" i="1"/>
  <c r="AJ310" i="1"/>
  <c r="AK338" i="1"/>
  <c r="AJ270" i="1"/>
  <c r="F6481" i="2" s="1" a="1"/>
  <c r="F6481" i="2" s="1"/>
  <c r="AK150" i="1"/>
  <c r="AJ159" i="1"/>
  <c r="AJ187" i="1"/>
  <c r="F4475" i="2" s="1" a="1"/>
  <c r="F4475" i="2" s="1"/>
  <c r="AI128" i="1"/>
  <c r="E3073" i="2" s="1" a="1"/>
  <c r="E3073" i="2" s="1"/>
  <c r="AI166" i="1"/>
  <c r="AI233" i="1"/>
  <c r="AJ24" i="1"/>
  <c r="AJ338" i="1"/>
  <c r="AI124" i="1"/>
  <c r="AJ106" i="1"/>
  <c r="AL316" i="1"/>
  <c r="AL211" i="1"/>
  <c r="AK162" i="1"/>
  <c r="G3881" i="2" s="1" a="1"/>
  <c r="G3881" i="2" s="1"/>
  <c r="AH36" i="1"/>
  <c r="AH211" i="1"/>
  <c r="D5055" i="2" s="1" a="1"/>
  <c r="D5055" i="2" s="1"/>
  <c r="AH309" i="1"/>
  <c r="AX13" i="1"/>
  <c r="AW13" i="1" s="1"/>
  <c r="AV13" i="1" s="1"/>
  <c r="AU13" i="1" s="1"/>
  <c r="AY14" i="1"/>
  <c r="AH57" i="1"/>
  <c r="AH308" i="1"/>
  <c r="D7378" i="2" s="1" a="1"/>
  <c r="D7378" i="2" s="1"/>
  <c r="AI217" i="1"/>
  <c r="E5205" i="2" s="1" a="1"/>
  <c r="E5205" i="2" s="1"/>
  <c r="AK343" i="1"/>
  <c r="AJ148" i="1"/>
  <c r="AL63" i="1"/>
  <c r="AK365" i="1"/>
  <c r="G8752" i="2" s="1" a="1"/>
  <c r="G8752" i="2" s="1"/>
  <c r="AJ190" i="1"/>
  <c r="AI316" i="1"/>
  <c r="AI365" i="1"/>
  <c r="E8757" i="2" s="1" a="1"/>
  <c r="E8757" i="2" s="1"/>
  <c r="AI175" i="1"/>
  <c r="AJ49" i="1"/>
  <c r="AK217" i="1"/>
  <c r="G5209" i="2" s="1" a="1"/>
  <c r="G5209" i="2" s="1"/>
  <c r="AK337" i="1"/>
  <c r="AI99" i="1"/>
  <c r="E2363" i="2" s="1" a="1"/>
  <c r="E2363" i="2" s="1"/>
  <c r="AI78" i="1"/>
  <c r="AK232" i="1"/>
  <c r="G5562" i="2" s="1" a="1"/>
  <c r="G5562" i="2" s="1"/>
  <c r="AI71" i="1"/>
  <c r="AK164" i="1"/>
  <c r="AJ227" i="1"/>
  <c r="AH102" i="1"/>
  <c r="AK139" i="1"/>
  <c r="G3329" i="2" s="1" a="1"/>
  <c r="G3329" i="2" s="1"/>
  <c r="AI135" i="1"/>
  <c r="AK101" i="1"/>
  <c r="AJ151" i="1"/>
  <c r="F3621" i="2" s="1" a="1"/>
  <c r="F3621" i="2" s="1"/>
  <c r="AH314" i="1"/>
  <c r="AL230" i="1"/>
  <c r="AK367" i="1"/>
  <c r="AJ202" i="1"/>
  <c r="AL304" i="1"/>
  <c r="AH216" i="1"/>
  <c r="D5170" i="2" s="1" a="1"/>
  <c r="D5170" i="2" s="1"/>
  <c r="AK58" i="1"/>
  <c r="AL163" i="1"/>
  <c r="H3911" i="2" s="1" a="1"/>
  <c r="H3911" i="2" s="1"/>
  <c r="AJ207" i="1"/>
  <c r="AJ304" i="1"/>
  <c r="F7303" i="2" s="1" a="1"/>
  <c r="F7303" i="2" s="1"/>
  <c r="AJ254" i="1"/>
  <c r="AJ367" i="1"/>
  <c r="AL360" i="1"/>
  <c r="AI80" i="1"/>
  <c r="AK20" i="1"/>
  <c r="AL166" i="1"/>
  <c r="H3981" i="2" s="1" a="1"/>
  <c r="H3981" i="2" s="1"/>
  <c r="AL269" i="1"/>
  <c r="AK318" i="1"/>
  <c r="AH76" i="1"/>
  <c r="AK305" i="1"/>
  <c r="AJ333" i="1"/>
  <c r="F7998" i="2" s="1" a="1"/>
  <c r="F7998" i="2" s="1"/>
  <c r="AJ276" i="1"/>
  <c r="AH109" i="1"/>
  <c r="D2619" i="2" s="1" a="1"/>
  <c r="D2619" i="2" s="1"/>
  <c r="AK102" i="1"/>
  <c r="AK32" i="1"/>
  <c r="AL240" i="1"/>
  <c r="AI311" i="1"/>
  <c r="AI195" i="1"/>
  <c r="E4669" i="2" s="1" a="1"/>
  <c r="E4669" i="2" s="1"/>
  <c r="AL164" i="1"/>
  <c r="H3925" i="2" s="1" a="1"/>
  <c r="H3925" i="2" s="1"/>
  <c r="AK151" i="1"/>
  <c r="G3612" i="2" s="1" a="1"/>
  <c r="G3612" i="2" s="1"/>
  <c r="AI2" i="1"/>
  <c r="AL300" i="1"/>
  <c r="AJ2" i="1"/>
  <c r="AK247" i="1"/>
  <c r="AI363" i="1"/>
  <c r="AH233" i="1"/>
  <c r="AJ194" i="1"/>
  <c r="F4642" i="2" s="1" a="1"/>
  <c r="F4642" i="2" s="1"/>
  <c r="AJ244" i="1"/>
  <c r="AK226" i="1"/>
  <c r="AH194" i="1"/>
  <c r="AK118" i="1"/>
  <c r="AJ83" i="1"/>
  <c r="AL146" i="1"/>
  <c r="AH299" i="1"/>
  <c r="AH349" i="1"/>
  <c r="AK321" i="1"/>
  <c r="G7696" i="2" s="1" a="1"/>
  <c r="G7696" i="2" s="1"/>
  <c r="AJ111" i="1"/>
  <c r="AH159" i="1"/>
  <c r="D3803" i="2" s="1" a="1"/>
  <c r="D3803" i="2" s="1"/>
  <c r="AI335" i="1"/>
  <c r="E8045" i="2" s="1" a="1"/>
  <c r="E8045" i="2" s="1"/>
  <c r="AI320" i="1"/>
  <c r="AL361" i="1"/>
  <c r="AL286" i="1"/>
  <c r="H6872" i="2" s="1" a="1"/>
  <c r="H6872" i="2" s="1"/>
  <c r="AH34" i="1"/>
  <c r="AK92" i="1"/>
  <c r="AJ329" i="1"/>
  <c r="F7905" i="2" s="1" a="1"/>
  <c r="F7905" i="2" s="1"/>
  <c r="AL232" i="1"/>
  <c r="H5563" i="2" s="1" a="1"/>
  <c r="H5563" i="2" s="1"/>
  <c r="AI211" i="1"/>
  <c r="AJ189" i="1"/>
  <c r="AL350" i="1"/>
  <c r="AL49" i="1"/>
  <c r="H1170" i="2" s="1" a="1"/>
  <c r="H1170" i="2" s="1"/>
  <c r="AI232" i="1"/>
  <c r="E5568" i="2" s="1" a="1"/>
  <c r="E5568" i="2" s="1"/>
  <c r="AJ239" i="1"/>
  <c r="AI85" i="1"/>
  <c r="AI190" i="1"/>
  <c r="AI287" i="1"/>
  <c r="AJ337" i="1"/>
  <c r="AI210" i="1"/>
  <c r="AK8" i="1"/>
  <c r="G186" i="2" s="1" a="1"/>
  <c r="G186" i="2" s="1"/>
  <c r="AL29" i="1"/>
  <c r="H683" i="2" s="1" a="1"/>
  <c r="H683" i="2" s="1"/>
  <c r="AI35" i="1"/>
  <c r="E830" i="2" s="1" a="1"/>
  <c r="E830" i="2" s="1"/>
  <c r="AK309" i="1"/>
  <c r="G7409" i="2" s="1" a="1"/>
  <c r="G7409" i="2" s="1"/>
  <c r="AI7" i="1"/>
  <c r="E157" i="2" s="1" a="1"/>
  <c r="E157" i="2" s="1"/>
  <c r="AK26" i="1"/>
  <c r="G629" i="2" s="1" a="1"/>
  <c r="G629" i="2" s="1"/>
  <c r="AL234" i="1"/>
  <c r="H5623" i="2" s="1" a="1"/>
  <c r="H5623" i="2" s="1"/>
  <c r="AH131" i="1"/>
  <c r="D3138" i="2" s="1" a="1"/>
  <c r="D3138" i="2" s="1"/>
  <c r="AI255" i="1"/>
  <c r="E6110" i="2" s="1" a="1"/>
  <c r="E6110" i="2" s="1"/>
  <c r="AH82" i="1"/>
  <c r="D1955" i="2" s="1" a="1"/>
  <c r="D1955" i="2" s="1"/>
  <c r="AL136" i="1"/>
  <c r="H3271" i="2" s="1" a="1"/>
  <c r="H3271" i="2" s="1"/>
  <c r="AL214" i="1"/>
  <c r="AH338" i="1"/>
  <c r="D8100" i="2" s="1" a="1"/>
  <c r="D8100" i="2" s="1"/>
  <c r="AH223" i="1"/>
  <c r="D5339" i="2" s="1" a="1"/>
  <c r="D5339" i="2" s="1"/>
  <c r="AJ208" i="1"/>
  <c r="F4980" i="2" s="1" a="1"/>
  <c r="F4980" i="2" s="1"/>
  <c r="AL208" i="1"/>
  <c r="AJ213" i="1"/>
  <c r="F5108" i="2" s="1" a="1"/>
  <c r="F5108" i="2" s="1"/>
  <c r="AH250" i="1"/>
  <c r="D5994" i="2" s="1" a="1"/>
  <c r="D5994" i="2" s="1"/>
  <c r="AJ334" i="1"/>
  <c r="F8014" i="2" s="1" a="1"/>
  <c r="F8014" i="2" s="1"/>
  <c r="AJ60" i="1"/>
  <c r="AK184" i="1"/>
  <c r="AI234" i="1"/>
  <c r="AJ26" i="1"/>
  <c r="AJ311" i="1"/>
  <c r="F7460" i="2" s="1" a="1"/>
  <c r="F7460" i="2" s="1"/>
  <c r="AI142" i="1"/>
  <c r="E3409" i="2" s="1" a="1"/>
  <c r="E3409" i="2" s="1"/>
  <c r="AJ110" i="1"/>
  <c r="F2642" i="2" s="1" a="1"/>
  <c r="F2642" i="2" s="1"/>
  <c r="AK240" i="1"/>
  <c r="G5754" i="2" s="1" a="1"/>
  <c r="G5754" i="2" s="1"/>
  <c r="AL362" i="1"/>
  <c r="H8684" i="2" s="1" a="1"/>
  <c r="H8684" i="2" s="1"/>
  <c r="AL123" i="1"/>
  <c r="H2946" i="2" s="1" a="1"/>
  <c r="H2946" i="2" s="1"/>
  <c r="AK94" i="1"/>
  <c r="G2256" i="2" s="1" a="1"/>
  <c r="G2256" i="2" s="1"/>
  <c r="AH83" i="1"/>
  <c r="D1991" i="2" s="1" a="1"/>
  <c r="D1991" i="2" s="1"/>
  <c r="AL359" i="1"/>
  <c r="AK171" i="1"/>
  <c r="G4095" i="2" s="1" a="1"/>
  <c r="G4095" i="2" s="1"/>
  <c r="AH17" i="1"/>
  <c r="D398" i="2" s="1" a="1"/>
  <c r="D398" i="2" s="1"/>
  <c r="AH128" i="1"/>
  <c r="D3077" i="2" s="1" a="1"/>
  <c r="D3077" i="2" s="1"/>
  <c r="AJ76" i="1"/>
  <c r="AJ230" i="1"/>
  <c r="F5507" i="2" s="1" a="1"/>
  <c r="F5507" i="2" s="1"/>
  <c r="AL110" i="1"/>
  <c r="AK361" i="1"/>
  <c r="AJ263" i="1"/>
  <c r="AI111" i="1"/>
  <c r="AJ214" i="1"/>
  <c r="AH23" i="1"/>
  <c r="AJ102" i="1"/>
  <c r="F2435" i="2" s="1" a="1"/>
  <c r="F2435" i="2" s="1"/>
  <c r="AJ277" i="1"/>
  <c r="F6643" i="2" s="1" a="1"/>
  <c r="F6643" i="2" s="1"/>
  <c r="AK257" i="1"/>
  <c r="G6157" i="2" s="1" a="1"/>
  <c r="G6157" i="2" s="1"/>
  <c r="AL135" i="1"/>
  <c r="H3228" i="2" s="1" a="1"/>
  <c r="H3228" i="2" s="1"/>
  <c r="AH276" i="1"/>
  <c r="D6610" i="2" s="1" a="1"/>
  <c r="D6610" i="2" s="1"/>
  <c r="AH47" i="1"/>
  <c r="D1135" i="2" s="1" a="1"/>
  <c r="D1135" i="2" s="1"/>
  <c r="AL262" i="1"/>
  <c r="H6286" i="2" s="1" a="1"/>
  <c r="H6286" i="2" s="1"/>
  <c r="AL32" i="1"/>
  <c r="H773" i="2" s="1" a="1"/>
  <c r="H773" i="2" s="1"/>
  <c r="AH305" i="1"/>
  <c r="AK34" i="1"/>
  <c r="G814" i="2" s="1" a="1"/>
  <c r="G814" i="2" s="1"/>
  <c r="AJ48" i="1"/>
  <c r="F1151" i="2" s="1" a="1"/>
  <c r="F1151" i="2" s="1"/>
  <c r="AK121" i="1"/>
  <c r="G2902" i="2" s="1" a="1"/>
  <c r="G2902" i="2" s="1"/>
  <c r="AH332" i="1"/>
  <c r="D7962" i="2" s="1" a="1"/>
  <c r="D7962" i="2" s="1"/>
  <c r="AH136" i="1"/>
  <c r="AJ44" i="1"/>
  <c r="AK270" i="1"/>
  <c r="AH209" i="1"/>
  <c r="AH45" i="1"/>
  <c r="AL312" i="1"/>
  <c r="AJ303" i="1"/>
  <c r="AI340" i="1"/>
  <c r="E8164" i="2" s="1" a="1"/>
  <c r="E8164" i="2" s="1"/>
  <c r="AH167" i="1"/>
  <c r="D3994" i="2" s="1" a="1"/>
  <c r="D3994" i="2" s="1"/>
  <c r="AL22" i="1"/>
  <c r="H514" i="2" s="1" a="1"/>
  <c r="H514" i="2" s="1"/>
  <c r="AJ92" i="1"/>
  <c r="AL260" i="1"/>
  <c r="AI133" i="1"/>
  <c r="AJ266" i="1"/>
  <c r="AL99" i="1"/>
  <c r="AL218" i="1"/>
  <c r="AI57" i="1"/>
  <c r="E1364" i="2" s="1" a="1"/>
  <c r="E1364" i="2" s="1"/>
  <c r="AJ302" i="1"/>
  <c r="AK21" i="1"/>
  <c r="AI106" i="1"/>
  <c r="AI364" i="1"/>
  <c r="AK357" i="1"/>
  <c r="G8564" i="2" s="1" a="1"/>
  <c r="G8564" i="2" s="1"/>
  <c r="AL246" i="1"/>
  <c r="H5891" i="2" s="1" a="1"/>
  <c r="H5891" i="2" s="1"/>
  <c r="AH84" i="1"/>
  <c r="AK351" i="1"/>
  <c r="AK155" i="1"/>
  <c r="AH366" i="1"/>
  <c r="D8776" i="2" s="1" a="1"/>
  <c r="D8776" i="2" s="1"/>
  <c r="AJ258" i="1"/>
  <c r="F6185" i="2" s="1" a="1"/>
  <c r="F6185" i="2" s="1"/>
  <c r="AI157" i="1"/>
  <c r="E3765" i="2" s="1" a="1"/>
  <c r="E3765" i="2" s="1"/>
  <c r="AH164" i="1"/>
  <c r="D3940" i="2" s="1" a="1"/>
  <c r="D3940" i="2" s="1"/>
  <c r="AI30" i="1"/>
  <c r="E722" i="2" s="1" a="1"/>
  <c r="E722" i="2" s="1"/>
  <c r="AH335" i="1"/>
  <c r="AJ143" i="1"/>
  <c r="F3440" i="2" s="1" a="1"/>
  <c r="F3440" i="2" s="1"/>
  <c r="AL289" i="1"/>
  <c r="H6935" i="2" s="1" a="1"/>
  <c r="H6935" i="2" s="1"/>
  <c r="AJ307" i="1"/>
  <c r="F7374" i="2" s="1" a="1"/>
  <c r="F7374" i="2" s="1"/>
  <c r="AJ327" i="1"/>
  <c r="F7853" i="2" s="1" a="1"/>
  <c r="F7853" i="2" s="1"/>
  <c r="AJ142" i="1"/>
  <c r="F3406" i="2" s="1" a="1"/>
  <c r="F3406" i="2" s="1"/>
  <c r="AJ297" i="1"/>
  <c r="F7125" i="2" s="1" a="1"/>
  <c r="F7125" i="2" s="1"/>
  <c r="AK173" i="1"/>
  <c r="G4139" i="2" s="1" a="1"/>
  <c r="G4139" i="2" s="1"/>
  <c r="AH293" i="1"/>
  <c r="AL284" i="1"/>
  <c r="AK258" i="1"/>
  <c r="G6190" i="2" s="1" a="1"/>
  <c r="G6190" i="2" s="1"/>
  <c r="AL115" i="1"/>
  <c r="H2767" i="2" s="1" a="1"/>
  <c r="H2767" i="2" s="1"/>
  <c r="AK116" i="1"/>
  <c r="AK352" i="1"/>
  <c r="AK108" i="1"/>
  <c r="AI60" i="1"/>
  <c r="AL108" i="1"/>
  <c r="H2584" i="2" s="1" a="1"/>
  <c r="H2584" i="2" s="1"/>
  <c r="AI243" i="1"/>
  <c r="E5838" i="2" s="1" a="1"/>
  <c r="E5838" i="2" s="1"/>
  <c r="AL160" i="1"/>
  <c r="H3840" i="2" s="1" a="1"/>
  <c r="H3840" i="2" s="1"/>
  <c r="AI205" i="1"/>
  <c r="E4908" i="2" s="1" a="1"/>
  <c r="E4908" i="2" s="1"/>
  <c r="AJ80" i="1"/>
  <c r="AH149" i="1"/>
  <c r="D3571" i="2" s="1" a="1"/>
  <c r="D3571" i="2" s="1"/>
  <c r="AL24" i="1"/>
  <c r="H562" i="2" s="1" a="1"/>
  <c r="H562" i="2" s="1"/>
  <c r="AJ191" i="1"/>
  <c r="F4575" i="2" s="1" a="1"/>
  <c r="F4575" i="2" s="1"/>
  <c r="AH59" i="1"/>
  <c r="AH191" i="1"/>
  <c r="D4587" i="2" s="1" a="1"/>
  <c r="D4587" i="2" s="1"/>
  <c r="AJ32" i="1"/>
  <c r="F754" i="2" s="1" a="1"/>
  <c r="F754" i="2" s="1"/>
  <c r="AK192" i="1"/>
  <c r="G4613" i="2" s="1" a="1"/>
  <c r="G4613" i="2" s="1"/>
  <c r="AJ136" i="1"/>
  <c r="AI44" i="1"/>
  <c r="E1064" i="2" s="1" a="1"/>
  <c r="E1064" i="2" s="1"/>
  <c r="AK279" i="1"/>
  <c r="AJ250" i="1"/>
  <c r="F6001" i="2" s="1" a="1"/>
  <c r="F6001" i="2" s="1"/>
  <c r="AJ291" i="1"/>
  <c r="AH27" i="1"/>
  <c r="AL282" i="1"/>
  <c r="AL61" i="1"/>
  <c r="H1473" i="2" s="1" a="1"/>
  <c r="H1473" i="2" s="1"/>
  <c r="AI248" i="1"/>
  <c r="E5947" i="2" s="1" a="1"/>
  <c r="E5947" i="2" s="1"/>
  <c r="AL6" i="1"/>
  <c r="H139" i="2" s="1" a="1"/>
  <c r="H139" i="2" s="1"/>
  <c r="AH313" i="1"/>
  <c r="D7515" i="2" s="1" a="1"/>
  <c r="D7515" i="2" s="1"/>
  <c r="AH236" i="1"/>
  <c r="D5664" i="2" s="1" a="1"/>
  <c r="D5664" i="2" s="1"/>
  <c r="AI48" i="1"/>
  <c r="E1154" i="2" s="1" a="1"/>
  <c r="E1154" i="2" s="1"/>
  <c r="AL149" i="1"/>
  <c r="H3565" i="2" s="1" a="1"/>
  <c r="H3565" i="2" s="1"/>
  <c r="AJ30" i="1"/>
  <c r="F719" i="2" s="1" a="1"/>
  <c r="F719" i="2" s="1"/>
  <c r="AJ79" i="1"/>
  <c r="F1903" i="2" s="1" a="1"/>
  <c r="F1903" i="2" s="1"/>
  <c r="AL195" i="1"/>
  <c r="H4679" i="2" s="1" a="1"/>
  <c r="H4679" i="2" s="1"/>
  <c r="AI125" i="1"/>
  <c r="E3008" i="2" s="1" a="1"/>
  <c r="E3008" i="2" s="1"/>
  <c r="AJ199" i="1"/>
  <c r="F4777" i="2" s="1" a="1"/>
  <c r="F4777" i="2" s="1"/>
  <c r="AI61" i="1"/>
  <c r="AL290" i="1"/>
  <c r="AK110" i="1"/>
  <c r="G2632" i="2" s="1" a="1"/>
  <c r="G2632" i="2" s="1"/>
  <c r="AH243" i="1"/>
  <c r="AH290" i="1"/>
  <c r="AI164" i="1"/>
  <c r="AI216" i="1"/>
  <c r="AK255" i="1"/>
  <c r="AL178" i="1"/>
  <c r="H4268" i="2" s="1" a="1"/>
  <c r="H4268" i="2" s="1"/>
  <c r="AJ332" i="1"/>
  <c r="F7971" i="2" s="1" a="1"/>
  <c r="F7971" i="2" s="1"/>
  <c r="AH176" i="1"/>
  <c r="AJ134" i="1"/>
  <c r="F3222" i="2" s="1" a="1"/>
  <c r="F3222" i="2" s="1"/>
  <c r="AL343" i="1"/>
  <c r="AI127" i="1"/>
  <c r="AJ274" i="1"/>
  <c r="AL217" i="1"/>
  <c r="H5196" i="2" s="1" a="1"/>
  <c r="H5196" i="2" s="1"/>
  <c r="AI350" i="1"/>
  <c r="E8396" i="2" s="1" a="1"/>
  <c r="E8396" i="2" s="1"/>
  <c r="AJ175" i="1"/>
  <c r="AK260" i="1"/>
  <c r="AK350" i="1"/>
  <c r="AK91" i="1"/>
  <c r="G2172" i="2" s="1" a="1"/>
  <c r="G2172" i="2" s="1"/>
  <c r="AI280" i="1"/>
  <c r="AK77" i="1"/>
  <c r="AJ295" i="1"/>
  <c r="AK330" i="1"/>
  <c r="AK22" i="1"/>
  <c r="AK14" i="1"/>
  <c r="AH362" i="1"/>
  <c r="AK262" i="1"/>
  <c r="G6289" i="2" s="1" a="1"/>
  <c r="G6289" i="2" s="1"/>
  <c r="AK293" i="1"/>
  <c r="G7018" i="2" s="1" a="1"/>
  <c r="G7018" i="2" s="1"/>
  <c r="AH173" i="1"/>
  <c r="D4144" i="2" s="1" a="1"/>
  <c r="D4144" i="2" s="1"/>
  <c r="AI319" i="1"/>
  <c r="E7663" i="2" s="1" a="1"/>
  <c r="E7663" i="2" s="1"/>
  <c r="AH165" i="1"/>
  <c r="D3960" i="2" s="1" a="1"/>
  <c r="D3960" i="2" s="1"/>
  <c r="AI122" i="1"/>
  <c r="E2917" i="2" s="1" a="1"/>
  <c r="E2917" i="2" s="1"/>
  <c r="AL153" i="1"/>
  <c r="H3681" i="2" s="1" a="1"/>
  <c r="H3681" i="2" s="1"/>
  <c r="AK114" i="1"/>
  <c r="G2733" i="2" s="1" a="1"/>
  <c r="G2733" i="2" s="1"/>
  <c r="AJ11" i="1"/>
  <c r="F258" i="2" s="1" a="1"/>
  <c r="F258" i="2" s="1"/>
  <c r="AL38" i="1"/>
  <c r="AL366" i="1"/>
  <c r="H8781" i="2" s="1" a="1"/>
  <c r="H8781" i="2" s="1"/>
  <c r="AI116" i="1"/>
  <c r="AH298" i="1"/>
  <c r="D7148" i="2" s="1" a="1"/>
  <c r="D7148" i="2" s="1"/>
  <c r="AH185" i="1"/>
  <c r="AK2" i="1"/>
  <c r="G41" i="2" s="1" a="1"/>
  <c r="G41" i="2" s="1"/>
  <c r="AI19" i="1"/>
  <c r="E443" i="2" s="1" a="1"/>
  <c r="E443" i="2" s="1"/>
  <c r="AH32" i="1"/>
  <c r="D772" i="2" s="1" a="1"/>
  <c r="D772" i="2" s="1"/>
  <c r="AL167" i="1"/>
  <c r="AL124" i="1"/>
  <c r="AJ129" i="1"/>
  <c r="AJ45" i="1"/>
  <c r="AI307" i="1"/>
  <c r="E7354" i="2" s="1" a="1"/>
  <c r="E7354" i="2" s="1"/>
  <c r="AK298" i="1"/>
  <c r="G7155" i="2" s="1" a="1"/>
  <c r="G7155" i="2" s="1"/>
  <c r="AI79" i="1"/>
  <c r="E1901" i="2" s="1" a="1"/>
  <c r="E1901" i="2" s="1"/>
  <c r="AL97" i="1"/>
  <c r="H2316" i="2" s="1" a="1"/>
  <c r="H2316" i="2" s="1"/>
  <c r="AH145" i="1"/>
  <c r="AK18" i="1"/>
  <c r="AI317" i="1"/>
  <c r="E7615" i="2" s="1" a="1"/>
  <c r="E7615" i="2" s="1"/>
  <c r="AH88" i="1"/>
  <c r="AH227" i="1"/>
  <c r="D5438" i="2" s="1" a="1"/>
  <c r="D5438" i="2" s="1"/>
  <c r="AK66" i="1"/>
  <c r="G1581" i="2" s="1" a="1"/>
  <c r="G1581" i="2" s="1"/>
  <c r="AI179" i="1"/>
  <c r="E4304" i="2" s="1" a="1"/>
  <c r="E4304" i="2" s="1"/>
  <c r="AI310" i="1"/>
  <c r="AL250" i="1"/>
  <c r="AL353" i="1"/>
  <c r="AJ12" i="1"/>
  <c r="F279" i="2" s="1" a="1"/>
  <c r="F279" i="2" s="1"/>
  <c r="AK180" i="1"/>
  <c r="AH62" i="1"/>
  <c r="AL311" i="1"/>
  <c r="AK95" i="1"/>
  <c r="AL363" i="1"/>
  <c r="H8699" i="2" s="1" a="1"/>
  <c r="H8699" i="2" s="1"/>
  <c r="AI18" i="1"/>
  <c r="E418" i="2" s="1" a="1"/>
  <c r="E418" i="2" s="1"/>
  <c r="AH355" i="1"/>
  <c r="AJ39" i="1"/>
  <c r="F938" i="2" s="1" a="1"/>
  <c r="F938" i="2" s="1"/>
  <c r="AK191" i="1"/>
  <c r="G4587" i="2" s="1" a="1"/>
  <c r="G4587" i="2" s="1"/>
  <c r="AI296" i="1"/>
  <c r="AL58" i="1"/>
  <c r="AJ340" i="1"/>
  <c r="F8146" i="2" s="1" a="1"/>
  <c r="F8146" i="2" s="1"/>
  <c r="AJ61" i="1"/>
  <c r="F1462" i="2" s="1" a="1"/>
  <c r="F1462" i="2" s="1"/>
  <c r="AL67" i="1"/>
  <c r="AL103" i="1"/>
  <c r="H2470" i="2" s="1" a="1"/>
  <c r="H2470" i="2" s="1"/>
  <c r="AK61" i="1"/>
  <c r="G1467" i="2" s="1" a="1"/>
  <c r="G1467" i="2" s="1"/>
  <c r="AJ195" i="1"/>
  <c r="F4685" i="2" s="1" a="1"/>
  <c r="F4685" i="2" s="1"/>
  <c r="AL212" i="1"/>
  <c r="AH242" i="1"/>
  <c r="AJ359" i="1"/>
  <c r="F8625" i="2" s="1" a="1"/>
  <c r="F8625" i="2" s="1"/>
  <c r="AL241" i="1"/>
  <c r="AL52" i="1"/>
  <c r="AH3" i="1"/>
  <c r="AK335" i="1"/>
  <c r="AK179" i="1"/>
  <c r="G4288" i="2" s="1" a="1"/>
  <c r="G4288" i="2" s="1"/>
  <c r="AJ301" i="1"/>
  <c r="AL197" i="1"/>
  <c r="AI120" i="1"/>
  <c r="E2877" i="2" s="1" a="1"/>
  <c r="E2877" i="2" s="1"/>
  <c r="AJ98" i="1"/>
  <c r="AJ315" i="1"/>
  <c r="F7568" i="2" s="1" a="1"/>
  <c r="F7568" i="2" s="1"/>
  <c r="AJ197" i="1"/>
  <c r="AI196" i="1"/>
  <c r="E4690" i="2" s="1" a="1"/>
  <c r="E4690" i="2" s="1"/>
  <c r="AI140" i="1"/>
  <c r="E3365" i="2" s="1" a="1"/>
  <c r="E3365" i="2" s="1"/>
  <c r="AK85" i="1"/>
  <c r="AK105" i="1"/>
  <c r="AL98" i="1"/>
  <c r="H2358" i="2" s="1" a="1"/>
  <c r="H2358" i="2" s="1"/>
  <c r="AK182" i="1"/>
  <c r="G4376" i="2" s="1" a="1"/>
  <c r="G4376" i="2" s="1"/>
  <c r="AK140" i="1"/>
  <c r="AJ22" i="1"/>
  <c r="AK161" i="1"/>
  <c r="AL337" i="1"/>
  <c r="AL330" i="1"/>
  <c r="AH2" i="1"/>
  <c r="AI249" i="1"/>
  <c r="AJ114" i="1"/>
  <c r="F2732" i="2" s="1" a="1"/>
  <c r="F2732" i="2" s="1"/>
  <c r="AH220" i="1"/>
  <c r="D5273" i="2" s="1" a="1"/>
  <c r="D5273" i="2" s="1"/>
  <c r="AI69" i="1"/>
  <c r="E1656" i="2" s="1" a="1"/>
  <c r="E1656" i="2" s="1"/>
  <c r="AI46" i="1"/>
  <c r="E1105" i="2" s="1" a="1"/>
  <c r="E1105" i="2" s="1"/>
  <c r="AL12" i="1"/>
  <c r="AL62" i="1"/>
  <c r="AK41" i="1"/>
  <c r="G974" i="2" s="1" a="1"/>
  <c r="G974" i="2" s="1"/>
  <c r="AK230" i="1"/>
  <c r="G5523" i="2" s="1" a="1"/>
  <c r="G5523" i="2" s="1"/>
  <c r="AK314" i="1"/>
  <c r="AI257" i="1"/>
  <c r="AL104" i="1"/>
  <c r="H2498" i="2" s="1" a="1"/>
  <c r="H2498" i="2" s="1"/>
  <c r="AH319" i="1"/>
  <c r="D7646" i="2" s="1" a="1"/>
  <c r="D7646" i="2" s="1"/>
  <c r="AL172" i="1"/>
  <c r="H4120" i="2" s="1" a="1"/>
  <c r="H4120" i="2" s="1"/>
  <c r="AJ25" i="1"/>
  <c r="F588" i="2" s="1" a="1"/>
  <c r="F588" i="2" s="1"/>
  <c r="AJ325" i="1"/>
  <c r="F7788" i="2" s="1" a="1"/>
  <c r="F7788" i="2" s="1"/>
  <c r="AH44" i="1"/>
  <c r="AJ326" i="1"/>
  <c r="AI304" i="1"/>
  <c r="E7286" i="2" s="1" a="1"/>
  <c r="E7286" i="2" s="1"/>
  <c r="AJ220" i="1"/>
  <c r="AI74" i="1"/>
  <c r="AJ93" i="1"/>
  <c r="F2231" i="2" s="1" a="1"/>
  <c r="F2231" i="2" s="1"/>
  <c r="AJ255" i="1"/>
  <c r="F6124" i="2" s="1" a="1"/>
  <c r="F6124" i="2" s="1"/>
  <c r="AL117" i="1"/>
  <c r="H2804" i="2" s="1" a="1"/>
  <c r="H2804" i="2" s="1"/>
  <c r="AK291" i="1"/>
  <c r="G6993" i="2" s="1" a="1"/>
  <c r="G6993" i="2" s="1"/>
  <c r="AH201" i="1"/>
  <c r="D4831" i="2" s="1" a="1"/>
  <c r="D4831" i="2" s="1"/>
  <c r="AJ104" i="1"/>
  <c r="F2502" i="2" s="1" a="1"/>
  <c r="F2502" i="2" s="1"/>
  <c r="AK124" i="1"/>
  <c r="AH95" i="1"/>
  <c r="D2289" i="2" s="1" a="1"/>
  <c r="D2289" i="2" s="1"/>
  <c r="AH270" i="1"/>
  <c r="D6484" i="2" s="1" a="1"/>
  <c r="D6484" i="2" s="1"/>
  <c r="AK127" i="1"/>
  <c r="AI351" i="1"/>
  <c r="E8415" i="2" s="1" a="1"/>
  <c r="E8415" i="2" s="1"/>
  <c r="AJ14" i="1"/>
  <c r="AL21" i="1"/>
  <c r="AI14" i="1"/>
  <c r="E335" i="2" s="1" a="1"/>
  <c r="E335" i="2" s="1"/>
  <c r="AH120" i="1"/>
  <c r="AJ155" i="1"/>
  <c r="F3718" i="2" s="1" a="1"/>
  <c r="F3718" i="2" s="1"/>
  <c r="AJ267" i="1"/>
  <c r="AL120" i="1"/>
  <c r="AK266" i="1"/>
  <c r="G6388" i="2" s="1" a="1"/>
  <c r="G6388" i="2" s="1"/>
  <c r="AL134" i="1"/>
  <c r="AL210" i="1"/>
  <c r="H5037" i="2" s="1" a="1"/>
  <c r="H5037" i="2" s="1"/>
  <c r="AL78" i="1"/>
  <c r="AK70" i="1"/>
  <c r="G1686" i="2" s="1" a="1"/>
  <c r="G1686" i="2" s="1"/>
  <c r="AL127" i="1"/>
  <c r="H3046" i="2" s="1" a="1"/>
  <c r="H3046" i="2" s="1"/>
  <c r="AL133" i="1"/>
  <c r="AI300" i="1"/>
  <c r="AK202" i="1"/>
  <c r="AI235" i="1"/>
  <c r="E5646" i="2" s="1" a="1"/>
  <c r="E5646" i="2" s="1"/>
  <c r="AH229" i="1"/>
  <c r="D5482" i="2" s="1" a="1"/>
  <c r="D5482" i="2" s="1"/>
  <c r="AL55" i="1"/>
  <c r="H1314" i="2" s="1" a="1"/>
  <c r="H1314" i="2" s="1"/>
  <c r="AK222" i="1"/>
  <c r="G5333" i="2" s="1" a="1"/>
  <c r="G5333" i="2" s="1"/>
  <c r="AK223" i="1"/>
  <c r="AI263" i="1"/>
  <c r="E6298" i="2" s="1" a="1"/>
  <c r="E6298" i="2" s="1"/>
  <c r="AL45" i="1"/>
  <c r="AH198" i="1"/>
  <c r="AK216" i="1"/>
  <c r="AJ131" i="1"/>
  <c r="AL192" i="1"/>
  <c r="AH340" i="1"/>
  <c r="AJ313" i="1"/>
  <c r="AI305" i="1"/>
  <c r="AK241" i="1"/>
  <c r="G5772" i="2" s="1" a="1"/>
  <c r="G5772" i="2" s="1"/>
  <c r="AH79" i="1"/>
  <c r="D1885" i="2" s="1" a="1"/>
  <c r="D1885" i="2" s="1"/>
  <c r="AI31" i="1"/>
  <c r="E739" i="2" s="1" a="1"/>
  <c r="E739" i="2" s="1"/>
  <c r="AI181" i="1"/>
  <c r="E4343" i="2" s="1" a="1"/>
  <c r="E4343" i="2" s="1"/>
  <c r="AK129" i="1"/>
  <c r="G3088" i="2" s="1" a="1"/>
  <c r="G3088" i="2" s="1"/>
  <c r="AI75" i="1"/>
  <c r="E1787" i="2" s="1" a="1"/>
  <c r="E1787" i="2" s="1"/>
  <c r="AI200" i="1"/>
  <c r="E4789" i="2" s="1" a="1"/>
  <c r="E4789" i="2" s="1"/>
  <c r="AL184" i="1"/>
  <c r="AK219" i="1"/>
  <c r="AJ186" i="1"/>
  <c r="F4470" i="2" s="1" a="1"/>
  <c r="F4470" i="2" s="1"/>
  <c r="AH199" i="1"/>
  <c r="AJ284" i="1"/>
  <c r="F6808" i="2" s="1" a="1"/>
  <c r="F6808" i="2" s="1"/>
  <c r="AL33" i="1"/>
  <c r="AH153" i="1"/>
  <c r="D3664" i="2" s="1" a="1"/>
  <c r="D3664" i="2" s="1"/>
  <c r="AH235" i="1"/>
  <c r="AI230" i="1"/>
  <c r="E5528" i="2" s="1" a="1"/>
  <c r="E5528" i="2" s="1"/>
  <c r="AJ283" i="1"/>
  <c r="AK292" i="1"/>
  <c r="AJ192" i="1"/>
  <c r="AK9" i="1"/>
  <c r="AJ27" i="1"/>
  <c r="F641" i="2" s="1" a="1"/>
  <c r="F641" i="2" s="1"/>
  <c r="AJ312" i="1"/>
  <c r="AH86" i="1"/>
  <c r="D2054" i="2" s="1" a="1"/>
  <c r="D2054" i="2" s="1"/>
  <c r="AH318" i="1"/>
  <c r="D7641" i="2" s="1" a="1"/>
  <c r="D7641" i="2" s="1"/>
  <c r="AI81" i="1"/>
  <c r="AI250" i="1"/>
  <c r="E6001" i="2" s="1" a="1"/>
  <c r="E6001" i="2" s="1"/>
  <c r="AJ18" i="1"/>
  <c r="F428" i="2" s="1" a="1"/>
  <c r="F428" i="2" s="1"/>
  <c r="AL122" i="1"/>
  <c r="AK296" i="1"/>
  <c r="AJ146" i="1"/>
  <c r="F3504" i="2" s="1" a="1"/>
  <c r="F3504" i="2" s="1"/>
  <c r="AI12" i="1"/>
  <c r="E277" i="2" s="1" a="1"/>
  <c r="E277" i="2" s="1"/>
  <c r="AH186" i="1"/>
  <c r="AI291" i="1"/>
  <c r="AI156" i="1"/>
  <c r="AK131" i="1"/>
  <c r="AK79" i="1"/>
  <c r="G1899" i="2" s="1" a="1"/>
  <c r="G1899" i="2" s="1"/>
  <c r="AI297" i="1"/>
  <c r="AK115" i="1"/>
  <c r="AK366" i="1"/>
  <c r="AH320" i="1"/>
  <c r="D7671" i="2" s="1" a="1"/>
  <c r="D7671" i="2" s="1"/>
  <c r="AH174" i="1"/>
  <c r="D4180" i="2" s="1" a="1"/>
  <c r="D4180" i="2" s="1"/>
  <c r="AL328" i="1"/>
  <c r="H7881" i="2" s="1" a="1"/>
  <c r="H7881" i="2" s="1"/>
  <c r="AI343" i="1"/>
  <c r="AK344" i="1"/>
  <c r="G8246" i="2" s="1" a="1"/>
  <c r="G8246" i="2" s="1"/>
  <c r="AI49" i="1"/>
  <c r="AL91" i="1"/>
  <c r="AK196" i="1"/>
  <c r="G4690" i="2" s="1" a="1"/>
  <c r="G4690" i="2" s="1"/>
  <c r="AK28" i="1"/>
  <c r="G676" i="2" s="1" a="1"/>
  <c r="G676" i="2" s="1"/>
  <c r="AL287" i="1"/>
  <c r="AL175" i="1"/>
  <c r="AL113" i="1"/>
  <c r="H2713" i="2" s="1" a="1"/>
  <c r="H2713" i="2" s="1"/>
  <c r="AJ288" i="1"/>
  <c r="F6900" i="2" s="1" a="1"/>
  <c r="F6900" i="2" s="1"/>
  <c r="AJ42" i="1"/>
  <c r="AL266" i="1"/>
  <c r="AI203" i="1"/>
  <c r="E4866" i="2" s="1" a="1"/>
  <c r="E4866" i="2" s="1"/>
  <c r="AI238" i="1"/>
  <c r="E5707" i="2" s="1" a="1"/>
  <c r="E5707" i="2" s="1"/>
  <c r="AJ281" i="1"/>
  <c r="AJ15" i="1"/>
  <c r="F351" i="2" s="1" a="1"/>
  <c r="F351" i="2" s="1"/>
  <c r="AI266" i="1"/>
  <c r="E6377" i="2" s="1" a="1"/>
  <c r="E6377" i="2" s="1"/>
  <c r="AJ344" i="1"/>
  <c r="F8245" i="2" s="1" a="1"/>
  <c r="F8245" i="2" s="1"/>
  <c r="AJ74" i="1"/>
  <c r="AL72" i="1"/>
  <c r="AK144" i="1"/>
  <c r="G3456" i="2" s="1" a="1"/>
  <c r="G3456" i="2" s="1"/>
  <c r="AH132" i="1"/>
  <c r="AH144" i="1"/>
  <c r="AI362" i="1"/>
  <c r="AK284" i="1"/>
  <c r="G6819" i="2" s="1" a="1"/>
  <c r="G6819" i="2" s="1"/>
  <c r="AJ55" i="1"/>
  <c r="AJ118" i="1"/>
  <c r="AJ121" i="1"/>
  <c r="AJ107" i="1"/>
  <c r="AI198" i="1"/>
  <c r="AH38" i="1"/>
  <c r="D921" i="2" s="1" a="1"/>
  <c r="D921" i="2" s="1"/>
  <c r="AI72" i="1"/>
  <c r="E1715" i="2" s="1" a="1"/>
  <c r="E1715" i="2" s="1"/>
  <c r="AK214" i="1"/>
  <c r="AL69" i="1"/>
  <c r="AK138" i="1"/>
  <c r="G3305" i="2" s="1" a="1"/>
  <c r="G3305" i="2" s="1"/>
  <c r="AH331" i="1"/>
  <c r="D7939" i="2" s="1" a="1"/>
  <c r="D7939" i="2" s="1"/>
  <c r="AH80" i="1"/>
  <c r="D1911" i="2" s="1" a="1"/>
  <c r="D1911" i="2" s="1"/>
  <c r="AL331" i="1"/>
  <c r="H7933" i="2" s="1" a="1"/>
  <c r="H7933" i="2" s="1"/>
  <c r="AJ223" i="1"/>
  <c r="AK333" i="1"/>
  <c r="AL111" i="1"/>
  <c r="AI23" i="1"/>
  <c r="AK208" i="1"/>
  <c r="G5001" i="2" s="1" a="1"/>
  <c r="G5001" i="2" s="1"/>
  <c r="AI333" i="1"/>
  <c r="E7999" i="2" s="1" a="1"/>
  <c r="E7999" i="2" s="1"/>
  <c r="AK313" i="1"/>
  <c r="AJ135" i="1"/>
  <c r="AK353" i="1"/>
  <c r="AI159" i="1"/>
  <c r="AL226" i="1"/>
  <c r="AK304" i="1"/>
  <c r="AK100" i="1"/>
  <c r="AI88" i="1"/>
  <c r="AL187" i="1"/>
  <c r="AK254" i="1"/>
  <c r="AL137" i="1"/>
  <c r="AJ363" i="1"/>
  <c r="F8699" i="2" s="1" a="1"/>
  <c r="F8699" i="2" s="1"/>
  <c r="AL325" i="1"/>
  <c r="H7798" i="2" s="1" a="1"/>
  <c r="H7798" i="2" s="1"/>
  <c r="AJ262" i="1"/>
  <c r="F6287" i="2" s="1" a="1"/>
  <c r="F6287" i="2" s="1"/>
  <c r="AL143" i="1"/>
  <c r="AJ342" i="1"/>
  <c r="AH114" i="1"/>
  <c r="AJ362" i="1"/>
  <c r="AJ289" i="1"/>
  <c r="AK31" i="1"/>
  <c r="AL332" i="1"/>
  <c r="AL314" i="1"/>
  <c r="AJ170" i="1"/>
  <c r="F4078" i="2" s="1" a="1"/>
  <c r="F4078" i="2" s="1"/>
  <c r="AI108" i="1"/>
  <c r="E2582" i="2" s="1" a="1"/>
  <c r="E2582" i="2" s="1"/>
  <c r="AH125" i="1"/>
  <c r="AK307" i="1"/>
  <c r="AJ275" i="1"/>
  <c r="AI193" i="1"/>
  <c r="AH13" i="1"/>
  <c r="AH312" i="1"/>
  <c r="AI313" i="1"/>
  <c r="AL139" i="1"/>
  <c r="H3337" i="2" s="1" a="1"/>
  <c r="H3337" i="2" s="1"/>
  <c r="AI347" i="1"/>
  <c r="E8321" i="2" s="1" a="1"/>
  <c r="E8321" i="2" s="1"/>
  <c r="AJ66" i="1"/>
  <c r="F1587" i="2" s="1" a="1"/>
  <c r="F1587" i="2" s="1"/>
  <c r="AL231" i="1"/>
  <c r="AL239" i="1"/>
  <c r="H5739" i="2" s="1" a="1"/>
  <c r="H5739" i="2" s="1"/>
  <c r="AH288" i="1"/>
  <c r="D6912" i="2" s="1" a="1"/>
  <c r="D6912" i="2" s="1"/>
  <c r="AK29" i="1"/>
  <c r="G692" i="2" s="1" a="1"/>
  <c r="G692" i="2" s="1"/>
  <c r="AL295" i="1"/>
  <c r="AK239" i="1"/>
  <c r="AL358" i="1"/>
  <c r="H8580" i="2" s="1" a="1"/>
  <c r="H8580" i="2" s="1"/>
  <c r="AL288" i="1"/>
  <c r="H6917" i="2" s="1" a="1"/>
  <c r="H6917" i="2" s="1"/>
  <c r="AJ99" i="1"/>
  <c r="F2372" i="2" s="1" a="1"/>
  <c r="F2372" i="2" s="1"/>
  <c r="AH260" i="1"/>
  <c r="D6231" i="2" s="1" a="1"/>
  <c r="D6231" i="2" s="1"/>
  <c r="AL329" i="1"/>
  <c r="AK134" i="1"/>
  <c r="G3209" i="2" s="1" a="1"/>
  <c r="G3209" i="2" s="1"/>
  <c r="AI260" i="1"/>
  <c r="E6249" i="2" s="1" a="1"/>
  <c r="E6249" i="2" s="1"/>
  <c r="AJ50" i="1"/>
  <c r="AH357" i="1"/>
  <c r="AJ120" i="1"/>
  <c r="F2877" i="2" s="1" a="1"/>
  <c r="F2877" i="2" s="1"/>
  <c r="AJ246" i="1"/>
  <c r="AI28" i="1"/>
  <c r="E679" i="2" s="1" a="1"/>
  <c r="E679" i="2" s="1"/>
  <c r="AH127" i="1"/>
  <c r="D3038" i="2" s="1" a="1"/>
  <c r="D3038" i="2" s="1"/>
  <c r="AJ300" i="1"/>
  <c r="F7198" i="2" s="1" a="1"/>
  <c r="F7198" i="2" s="1"/>
  <c r="AK48" i="1"/>
  <c r="AK10" i="1"/>
  <c r="AH181" i="1"/>
  <c r="AH40" i="1"/>
  <c r="AJ320" i="1"/>
  <c r="AJ115" i="1"/>
  <c r="AH4" i="1"/>
  <c r="AL249" i="1"/>
  <c r="AJ298" i="1"/>
  <c r="AI152" i="1"/>
  <c r="AK194" i="1"/>
  <c r="AH21" i="1"/>
  <c r="AK204" i="1"/>
  <c r="AJ210" i="1"/>
  <c r="F5034" i="2" s="1" a="1"/>
  <c r="F5034" i="2" s="1"/>
  <c r="AL344" i="1"/>
  <c r="AL253" i="1"/>
  <c r="H6065" i="2" s="1" a="1"/>
  <c r="H6065" i="2" s="1"/>
  <c r="AI267" i="1"/>
  <c r="AI42" i="1"/>
  <c r="AL106" i="1"/>
  <c r="AI50" i="1"/>
  <c r="E1190" i="2" s="1" a="1"/>
  <c r="E1190" i="2" s="1"/>
  <c r="AL92" i="1"/>
  <c r="H2195" i="2" s="1" a="1"/>
  <c r="H2195" i="2" s="1"/>
  <c r="AK211" i="1"/>
  <c r="AL158" i="1"/>
  <c r="AJ164" i="1"/>
  <c r="F3930" i="2" s="1" a="1"/>
  <c r="F3930" i="2" s="1"/>
  <c r="AI348" i="1"/>
  <c r="AI209" i="1"/>
  <c r="AJ234" i="1"/>
  <c r="F5605" i="2" s="1" a="1"/>
  <c r="F5605" i="2" s="1"/>
  <c r="AH277" i="1"/>
  <c r="AJ73" i="1"/>
  <c r="AK235" i="1"/>
  <c r="G5633" i="2" s="1" a="1"/>
  <c r="G5633" i="2" s="1"/>
  <c r="AK40" i="1"/>
  <c r="G963" i="2" s="1" a="1"/>
  <c r="G963" i="2" s="1"/>
  <c r="AL180" i="1"/>
  <c r="AK339" i="1"/>
  <c r="G8141" i="2" s="1" a="1"/>
  <c r="G8141" i="2" s="1"/>
  <c r="AH200" i="1"/>
  <c r="AH96" i="1"/>
  <c r="AL298" i="1"/>
  <c r="H7156" i="2" s="1" a="1"/>
  <c r="H7156" i="2" s="1"/>
  <c r="AJ221" i="1"/>
  <c r="AI226" i="1"/>
  <c r="E5420" i="2" s="1" a="1"/>
  <c r="E5420" i="2" s="1"/>
  <c r="AH284" i="1"/>
  <c r="D6802" i="2" s="1" a="1"/>
  <c r="D6802" i="2" s="1"/>
  <c r="AJ13" i="1"/>
  <c r="F320" i="2" s="1" a="1"/>
  <c r="F320" i="2" s="1"/>
  <c r="AH271" i="1"/>
  <c r="AI121" i="1"/>
  <c r="AL30" i="1"/>
  <c r="AK135" i="1"/>
  <c r="AK37" i="1"/>
  <c r="AJ319" i="1"/>
  <c r="F7642" i="2" s="1" a="1"/>
  <c r="F7642" i="2" s="1"/>
  <c r="AI269" i="1"/>
  <c r="AK137" i="1"/>
  <c r="G3281" i="2" s="1" a="1"/>
  <c r="G3281" i="2" s="1"/>
  <c r="AI87" i="1"/>
  <c r="AJ305" i="1"/>
  <c r="F7326" i="2" s="1" a="1"/>
  <c r="F7326" i="2" s="1"/>
  <c r="AI137" i="1"/>
  <c r="AK347" i="1"/>
  <c r="AL3" i="1"/>
  <c r="AJ52" i="1"/>
  <c r="AL248" i="1"/>
  <c r="AH207" i="1"/>
  <c r="AK166" i="1"/>
  <c r="AL54" i="1"/>
  <c r="H1284" i="2" s="1" a="1"/>
  <c r="H1284" i="2" s="1"/>
  <c r="AH292" i="1"/>
  <c r="AJ200" i="1"/>
  <c r="F4806" i="2" s="1" a="1"/>
  <c r="F4806" i="2" s="1"/>
  <c r="AL235" i="1"/>
  <c r="AH212" i="1"/>
  <c r="D5079" i="2" s="1" a="1"/>
  <c r="D5079" i="2" s="1"/>
  <c r="AI11" i="1"/>
  <c r="E271" i="2" s="1" a="1"/>
  <c r="E271" i="2" s="1"/>
  <c r="AL292" i="1"/>
  <c r="AL272" i="1"/>
  <c r="H6528" i="2" s="1" a="1"/>
  <c r="H6528" i="2" s="1"/>
  <c r="AK324" i="1"/>
  <c r="AL47" i="1"/>
  <c r="H1128" i="2" s="1" a="1"/>
  <c r="H1128" i="2" s="1"/>
  <c r="AI224" i="1"/>
  <c r="E5380" i="2" s="1" a="1"/>
  <c r="E5380" i="2" s="1"/>
  <c r="AI91" i="1"/>
  <c r="AL204" i="1"/>
  <c r="AK57" i="1"/>
  <c r="G1367" i="2" s="1" a="1"/>
  <c r="G1367" i="2" s="1"/>
  <c r="AI162" i="1"/>
  <c r="E3895" i="2" s="1" a="1"/>
  <c r="E3895" i="2" s="1"/>
  <c r="AJ8" i="1"/>
  <c r="AL203" i="1"/>
  <c r="AI113" i="1"/>
  <c r="E2699" i="2" s="1" a="1"/>
  <c r="E2699" i="2" s="1"/>
  <c r="AH150" i="1"/>
  <c r="AI136" i="1"/>
  <c r="AK51" i="1"/>
  <c r="G1223" i="2" s="1" a="1"/>
  <c r="G1223" i="2" s="1"/>
  <c r="AK111" i="1"/>
  <c r="G2669" i="2" s="1" a="1"/>
  <c r="G2669" i="2" s="1"/>
  <c r="AK172" i="1"/>
  <c r="G4137" i="2" s="1" a="1"/>
  <c r="G4137" i="2" s="1"/>
  <c r="AK50" i="1"/>
  <c r="AL85" i="1"/>
  <c r="H2039" i="2" s="1" a="1"/>
  <c r="H2039" i="2" s="1"/>
  <c r="AK167" i="1"/>
  <c r="G4010" i="2" s="1" a="1"/>
  <c r="G4010" i="2" s="1"/>
  <c r="AL18" i="1"/>
  <c r="H426" i="2" s="1" a="1"/>
  <c r="H426" i="2" s="1"/>
  <c r="AL114" i="1"/>
  <c r="AL209" i="1"/>
  <c r="AL277" i="1"/>
  <c r="AL155" i="1"/>
  <c r="AJ350" i="1"/>
  <c r="AL161" i="1"/>
  <c r="AJ336" i="1"/>
  <c r="F8068" i="2" s="1" a="1"/>
  <c r="F8068" i="2" s="1"/>
  <c r="AL11" i="1"/>
  <c r="AK113" i="1"/>
  <c r="AH161" i="1"/>
  <c r="AL273" i="1"/>
  <c r="AK183" i="1"/>
  <c r="AJ161" i="1"/>
  <c r="AL169" i="1"/>
  <c r="AK322" i="1"/>
  <c r="AK120" i="1"/>
  <c r="G2871" i="2" s="1" a="1"/>
  <c r="G2871" i="2" s="1"/>
  <c r="AJ343" i="1"/>
  <c r="F8233" i="2" s="1" a="1"/>
  <c r="F8233" i="2" s="1"/>
  <c r="AK274" i="1"/>
  <c r="G6563" i="2" s="1" a="1"/>
  <c r="G6563" i="2" s="1"/>
  <c r="AI253" i="1"/>
  <c r="AL252" i="1"/>
  <c r="AI67" i="1"/>
  <c r="AL339" i="1"/>
  <c r="AK33" i="1"/>
  <c r="G792" i="2" s="1" a="1"/>
  <c r="G792" i="2" s="1"/>
  <c r="AL254" i="1"/>
  <c r="H6086" i="2" s="1" a="1"/>
  <c r="H6086" i="2" s="1"/>
  <c r="AL199" i="1"/>
  <c r="AI25" i="1"/>
  <c r="E603" i="2" s="1" a="1"/>
  <c r="E603" i="2" s="1"/>
  <c r="AL276" i="1"/>
  <c r="AI215" i="1"/>
  <c r="AJ68" i="1"/>
  <c r="AL349" i="1"/>
  <c r="AL335" i="1"/>
  <c r="AK320" i="1"/>
  <c r="AL206" i="1"/>
  <c r="AJ306" i="1"/>
  <c r="F7331" i="2" s="1" a="1"/>
  <c r="F7331" i="2" s="1"/>
  <c r="AL215" i="1"/>
  <c r="H5169" i="2" s="1" a="1"/>
  <c r="H5169" i="2" s="1"/>
  <c r="AI143" i="1"/>
  <c r="E3427" i="2" s="1" a="1"/>
  <c r="E3427" i="2" s="1"/>
  <c r="AH310" i="1"/>
  <c r="D7439" i="2" s="1" a="1"/>
  <c r="D7439" i="2" s="1"/>
  <c r="AL75" i="1"/>
  <c r="AH254" i="1"/>
  <c r="AI17" i="1"/>
  <c r="AI279" i="1"/>
  <c r="AL152" i="1"/>
  <c r="AI5" i="1"/>
  <c r="E125" i="2" s="1" a="1"/>
  <c r="E125" i="2" s="1"/>
  <c r="AK13" i="1"/>
  <c r="AK342" i="1"/>
  <c r="AH325" i="1"/>
  <c r="D7798" i="2" s="1" a="1"/>
  <c r="D7798" i="2" s="1"/>
  <c r="AJ94" i="1"/>
  <c r="AI219" i="1"/>
  <c r="E5264" i="2" s="1" a="1"/>
  <c r="E5264" i="2" s="1"/>
  <c r="AI188" i="1"/>
  <c r="AK186" i="1"/>
  <c r="AL318" i="1"/>
  <c r="AI277" i="1"/>
  <c r="E6647" i="2" s="1" a="1"/>
  <c r="E6647" i="2" s="1"/>
  <c r="AL283" i="1"/>
  <c r="AH247" i="1"/>
  <c r="AI145" i="1"/>
  <c r="E3482" i="2" s="1" a="1"/>
  <c r="E3482" i="2" s="1"/>
  <c r="AJ279" i="1"/>
  <c r="F6690" i="2" s="1" a="1"/>
  <c r="F6690" i="2" s="1"/>
  <c r="AH346" i="1"/>
  <c r="D8294" i="2" s="1" a="1"/>
  <c r="D8294" i="2" s="1"/>
  <c r="AH279" i="1"/>
  <c r="AJ299" i="1"/>
  <c r="AH265" i="1"/>
  <c r="AK312" i="1"/>
  <c r="AK6" i="1"/>
  <c r="AL144" i="1"/>
  <c r="AK206" i="1"/>
  <c r="AK86" i="1"/>
  <c r="AI112" i="1"/>
  <c r="E2677" i="2" s="1" a="1"/>
  <c r="E2677" i="2" s="1"/>
  <c r="AK84" i="1"/>
  <c r="AK87" i="1"/>
  <c r="AH117" i="1"/>
  <c r="AK345" i="1"/>
  <c r="AH285" i="1"/>
  <c r="AL201" i="1"/>
  <c r="AL107" i="1"/>
  <c r="AI227" i="1"/>
  <c r="AI281" i="1"/>
  <c r="AH6" i="1"/>
  <c r="D133" i="2" s="1" a="1"/>
  <c r="D133" i="2" s="1"/>
  <c r="AI163" i="1"/>
  <c r="E3907" i="2" s="1" a="1"/>
  <c r="E3907" i="2" s="1"/>
  <c r="AK24" i="1"/>
  <c r="AK158" i="1"/>
  <c r="AL129" i="1"/>
  <c r="AL357" i="1"/>
  <c r="AK36" i="1"/>
  <c r="AL50" i="1"/>
  <c r="H1200" i="2" s="1" a="1"/>
  <c r="H1200" i="2" s="1"/>
  <c r="AJ43" i="1"/>
  <c r="AK69" i="1"/>
  <c r="G1642" i="2" s="1" a="1"/>
  <c r="G1642" i="2" s="1"/>
  <c r="AK7" i="1"/>
  <c r="AJ126" i="1"/>
  <c r="F3021" i="2" s="1" a="1"/>
  <c r="F3021" i="2" s="1"/>
  <c r="AL189" i="1"/>
  <c r="H4533" i="2" s="1" a="1"/>
  <c r="H4533" i="2" s="1"/>
  <c r="AI308" i="1"/>
  <c r="AK112" i="1"/>
  <c r="AJ133" i="1"/>
  <c r="F3184" i="2" s="1" a="1"/>
  <c r="F3184" i="2" s="1"/>
  <c r="AL70" i="1"/>
  <c r="H1678" i="2" s="1" a="1"/>
  <c r="H1678" i="2" s="1"/>
  <c r="AK218" i="1"/>
  <c r="G5225" i="2" s="1" a="1"/>
  <c r="G5225" i="2" s="1"/>
  <c r="AK49" i="1"/>
  <c r="G1181" i="2" s="1" a="1"/>
  <c r="G1181" i="2" s="1"/>
  <c r="AJ183" i="1"/>
  <c r="AK280" i="1"/>
  <c r="G6712" i="2" s="1" a="1"/>
  <c r="G6712" i="2" s="1"/>
  <c r="AK197" i="1"/>
  <c r="AL190" i="1"/>
  <c r="H4559" i="2" s="1" a="1"/>
  <c r="H4559" i="2" s="1"/>
  <c r="AJ152" i="1"/>
  <c r="AJ117" i="1"/>
  <c r="AL244" i="1"/>
  <c r="AL279" i="1"/>
  <c r="AL60" i="1"/>
  <c r="H1430" i="2" s="1" a="1"/>
  <c r="H1430" i="2" s="1"/>
  <c r="AH52" i="1"/>
  <c r="D1245" i="2" s="1" a="1"/>
  <c r="D1245" i="2" s="1"/>
  <c r="AI171" i="1"/>
  <c r="AL81" i="1"/>
  <c r="AI298" i="1"/>
  <c r="AI16" i="1"/>
  <c r="E390" i="2" s="1" a="1"/>
  <c r="E390" i="2" s="1"/>
  <c r="AH108" i="1"/>
  <c r="AI144" i="1"/>
  <c r="AL128" i="1"/>
  <c r="H3074" i="2" s="1" a="1"/>
  <c r="H3074" i="2" s="1"/>
  <c r="AK356" i="1"/>
  <c r="AJ215" i="1"/>
  <c r="AI117" i="1"/>
  <c r="AH359" i="1"/>
  <c r="D8613" i="2" s="1" a="1"/>
  <c r="D8613" i="2" s="1"/>
  <c r="AK243" i="1"/>
  <c r="AH303" i="1"/>
  <c r="AL34" i="1"/>
  <c r="AK209" i="1"/>
  <c r="AL229" i="1"/>
  <c r="AH5" i="1"/>
  <c r="AL341" i="1"/>
  <c r="H8179" i="2" s="1" a="1"/>
  <c r="H8179" i="2" s="1"/>
  <c r="AH110" i="1"/>
  <c r="D2639" i="2" s="1" a="1"/>
  <c r="D2639" i="2" s="1"/>
  <c r="AJ237" i="1"/>
  <c r="AK299" i="1"/>
  <c r="AK237" i="1"/>
  <c r="G5696" i="2" s="1" a="1"/>
  <c r="G5696" i="2" s="1"/>
  <c r="AJ19" i="1"/>
  <c r="F443" i="2" s="1" a="1"/>
  <c r="F443" i="2" s="1"/>
  <c r="AJ256" i="1"/>
  <c r="AI299" i="1"/>
  <c r="AJ272" i="1"/>
  <c r="F6531" i="2" s="1" a="1"/>
  <c r="F6531" i="2" s="1"/>
  <c r="AL356" i="1"/>
  <c r="AH228" i="1"/>
  <c r="AJ241" i="1"/>
  <c r="AI172" i="1"/>
  <c r="E4122" i="2" s="1" a="1"/>
  <c r="E4122" i="2" s="1"/>
  <c r="AL216" i="1"/>
  <c r="AH195" i="1"/>
  <c r="D4677" i="2" s="1" a="1"/>
  <c r="D4677" i="2" s="1"/>
  <c r="AL193" i="1"/>
  <c r="H4638" i="2" s="1" a="1"/>
  <c r="H4638" i="2" s="1"/>
  <c r="AH300" i="1"/>
  <c r="AJ59" i="1"/>
  <c r="AL251" i="1"/>
  <c r="AJ360" i="1"/>
  <c r="AJ356" i="1"/>
  <c r="AK227" i="1"/>
  <c r="AH322" i="1"/>
  <c r="D7721" i="2" s="1" a="1"/>
  <c r="D7721" i="2" s="1"/>
  <c r="AJ232" i="1"/>
  <c r="F5566" i="2" s="1" a="1"/>
  <c r="F5566" i="2" s="1"/>
  <c r="AL302" i="1"/>
  <c r="H7253" i="2" s="1" a="1"/>
  <c r="H7253" i="2" s="1"/>
  <c r="AK189" i="1"/>
  <c r="G4522" i="2" s="1" a="1"/>
  <c r="G4522" i="2" s="1"/>
  <c r="AI182" i="1"/>
  <c r="E4367" i="2" s="1" a="1"/>
  <c r="E4367" i="2" s="1"/>
  <c r="AL88" i="1"/>
  <c r="AK297" i="1"/>
  <c r="AL171" i="1"/>
  <c r="H4104" i="2" s="1" a="1"/>
  <c r="H4104" i="2" s="1"/>
  <c r="AL89" i="1"/>
  <c r="H2123" i="2" s="1" a="1"/>
  <c r="H2123" i="2" s="1"/>
  <c r="AL268" i="1"/>
  <c r="AL27" i="1"/>
  <c r="AH296" i="1"/>
  <c r="AJ205" i="1"/>
  <c r="F4923" i="2" s="1" a="1"/>
  <c r="F4923" i="2" s="1"/>
  <c r="AL73" i="1"/>
  <c r="AJ328" i="1"/>
  <c r="F7864" i="2" s="1" a="1"/>
  <c r="F7864" i="2" s="1"/>
  <c r="AI138" i="1"/>
  <c r="AH43" i="1"/>
  <c r="D1023" i="2" s="1" a="1"/>
  <c r="D1023" i="2" s="1"/>
  <c r="AK267" i="1"/>
  <c r="G6402" i="2" s="1" a="1"/>
  <c r="G6402" i="2" s="1"/>
  <c r="AK308" i="1"/>
  <c r="AJ323" i="1"/>
  <c r="AL57" i="1"/>
  <c r="H1367" i="2" s="1" a="1"/>
  <c r="H1367" i="2" s="1"/>
  <c r="AL140" i="1"/>
  <c r="AK63" i="1"/>
  <c r="G1510" i="2" s="1" a="1"/>
  <c r="G1510" i="2" s="1"/>
  <c r="AL301" i="1"/>
  <c r="H7233" i="2" s="1" a="1"/>
  <c r="H7233" i="2" s="1"/>
  <c r="AK42" i="1"/>
  <c r="AL168" i="1"/>
  <c r="AJ204" i="1"/>
  <c r="AK148" i="1"/>
  <c r="AK64" i="1"/>
  <c r="AL336" i="1"/>
  <c r="AI289" i="1"/>
  <c r="AI290" i="1"/>
  <c r="E6957" i="2" s="1" a="1"/>
  <c r="E6957" i="2" s="1"/>
  <c r="AJ23" i="1"/>
  <c r="F548" i="2" s="1" a="1"/>
  <c r="F548" i="2" s="1"/>
  <c r="AJ286" i="1"/>
  <c r="AI40" i="1"/>
  <c r="AH89" i="1"/>
  <c r="AL222" i="1"/>
  <c r="AL31" i="1"/>
  <c r="AH104" i="1"/>
  <c r="D2490" i="2" s="1" a="1"/>
  <c r="D2490" i="2" s="1"/>
  <c r="AK359" i="1"/>
  <c r="AH137" i="1"/>
  <c r="AH356" i="1"/>
  <c r="AK348" i="1"/>
  <c r="AK132" i="1"/>
  <c r="AI284" i="1"/>
  <c r="AJ17" i="1"/>
  <c r="AJ198" i="1"/>
  <c r="AL173" i="1"/>
  <c r="AH354" i="1"/>
  <c r="AL53" i="1"/>
  <c r="AL82" i="1"/>
  <c r="H1972" i="2" s="1" a="1"/>
  <c r="H1972" i="2" s="1"/>
  <c r="AL96" i="1"/>
  <c r="H2312" i="2" s="1" a="1"/>
  <c r="H2312" i="2" s="1"/>
  <c r="AH328" i="1"/>
  <c r="D7880" i="2" s="1" a="1"/>
  <c r="D7880" i="2" s="1"/>
  <c r="AJ69" i="1"/>
  <c r="F1644" i="2" s="1" a="1"/>
  <c r="F1644" i="2" s="1"/>
  <c r="AJ65" i="1"/>
  <c r="AI339" i="1"/>
  <c r="AJ180" i="1"/>
  <c r="F4326" i="2" s="1" a="1"/>
  <c r="F4326" i="2" s="1"/>
  <c r="AH232" i="1"/>
  <c r="AK323" i="1"/>
  <c r="AK273" i="1"/>
  <c r="AJ238" i="1"/>
  <c r="AH273" i="1"/>
  <c r="AK253" i="1"/>
  <c r="AI98" i="1"/>
  <c r="AJ203" i="1"/>
  <c r="AK364" i="1"/>
  <c r="AJ119" i="1"/>
  <c r="F2848" i="2" s="1" a="1"/>
  <c r="F2848" i="2" s="1"/>
  <c r="AJ218" i="1"/>
  <c r="F5233" i="2" s="1" a="1"/>
  <c r="F5233" i="2" s="1"/>
  <c r="AL35" i="1"/>
  <c r="H831" i="2" s="1" a="1"/>
  <c r="H831" i="2" s="1"/>
  <c r="AL154" i="1"/>
  <c r="AH203" i="1"/>
  <c r="D4875" i="2" s="1" a="1"/>
  <c r="D4875" i="2" s="1"/>
  <c r="AJ16" i="1"/>
  <c r="AJ10" i="1"/>
  <c r="F241" i="2" s="1" a="1"/>
  <c r="F241" i="2" s="1"/>
  <c r="AI165" i="1"/>
  <c r="E3963" i="2" s="1" a="1"/>
  <c r="E3963" i="2" s="1"/>
  <c r="AL25" i="1"/>
  <c r="AJ265" i="1"/>
  <c r="AL367" i="1"/>
  <c r="AI58" i="1"/>
  <c r="AH24" i="1"/>
  <c r="AI178" i="1"/>
  <c r="AJ158" i="1"/>
  <c r="AH188" i="1"/>
  <c r="AK349" i="1"/>
  <c r="AI338" i="1"/>
  <c r="E8098" i="2" s="1" a="1"/>
  <c r="E8098" i="2" s="1"/>
  <c r="AL121" i="1"/>
  <c r="AL5" i="1"/>
  <c r="H114" i="2" s="1" a="1"/>
  <c r="H114" i="2" s="1"/>
  <c r="AL354" i="1"/>
  <c r="AI354" i="1"/>
  <c r="AL2" i="1"/>
  <c r="AJ347" i="1"/>
  <c r="AJ335" i="1"/>
  <c r="AI115" i="1"/>
  <c r="E2746" i="2" s="1" a="1"/>
  <c r="E2746" i="2" s="1"/>
  <c r="AJ361" i="1"/>
  <c r="AL41" i="1"/>
  <c r="H975" i="2" s="1" a="1"/>
  <c r="H975" i="2" s="1"/>
  <c r="AJ206" i="1"/>
  <c r="AH163" i="1"/>
  <c r="AH213" i="1"/>
  <c r="AJ179" i="1"/>
  <c r="AI167" i="1"/>
  <c r="AI241" i="1"/>
  <c r="AI101" i="1"/>
  <c r="AJ252" i="1"/>
  <c r="AK224" i="1"/>
  <c r="AI337" i="1"/>
  <c r="E8095" i="2" s="1" a="1"/>
  <c r="E8095" i="2" s="1"/>
  <c r="AJ28" i="1"/>
  <c r="F681" i="2" s="1" a="1"/>
  <c r="F681" i="2" s="1"/>
  <c r="AL126" i="1"/>
  <c r="AJ29" i="1"/>
  <c r="F702" i="2" s="1" a="1"/>
  <c r="F702" i="2" s="1"/>
  <c r="AL26" i="1"/>
  <c r="AI239" i="1"/>
  <c r="E5737" i="2" s="1" a="1"/>
  <c r="E5737" i="2" s="1"/>
  <c r="AI141" i="1"/>
  <c r="AK190" i="1"/>
  <c r="AK78" i="1"/>
  <c r="G1860" i="2" s="1" a="1"/>
  <c r="G1860" i="2" s="1"/>
  <c r="AI197" i="1"/>
  <c r="E4737" i="2" s="1" a="1"/>
  <c r="E4737" i="2" s="1"/>
  <c r="AI15" i="1"/>
  <c r="E367" i="2" s="1" a="1"/>
  <c r="E367" i="2" s="1"/>
  <c r="AK329" i="1"/>
  <c r="G7891" i="2" s="1" a="1"/>
  <c r="G7891" i="2" s="1"/>
  <c r="AI189" i="1"/>
  <c r="AL364" i="1"/>
  <c r="AI352" i="1"/>
  <c r="E8451" i="2" s="1" a="1"/>
  <c r="E8451" i="2" s="1"/>
  <c r="AJ51" i="1"/>
  <c r="AK52" i="1"/>
  <c r="AI53" i="1"/>
  <c r="E1260" i="2" s="1" a="1"/>
  <c r="E1260" i="2" s="1"/>
  <c r="AI132" i="1"/>
  <c r="E3160" i="2" s="1" a="1"/>
  <c r="E3160" i="2" s="1"/>
  <c r="AJ178" i="1"/>
  <c r="F4281" i="2" s="1" a="1"/>
  <c r="F4281" i="2" s="1"/>
  <c r="AL207" i="1"/>
  <c r="AJ130" i="1"/>
  <c r="AI89" i="1"/>
  <c r="E2124" i="2" s="1" a="1"/>
  <c r="E2124" i="2" s="1"/>
  <c r="AJ38" i="1"/>
  <c r="AI318" i="1"/>
  <c r="AK4" i="1"/>
  <c r="AJ86" i="1"/>
  <c r="AI306" i="1"/>
  <c r="E7351" i="2" s="1" a="1"/>
  <c r="E7351" i="2" s="1"/>
  <c r="AK174" i="1"/>
  <c r="G4183" i="2" s="1" a="1"/>
  <c r="G4183" i="2" s="1"/>
  <c r="AJ341" i="1"/>
  <c r="F8192" i="2" s="1" a="1"/>
  <c r="F8192" i="2" s="1"/>
  <c r="AK146" i="1"/>
  <c r="AL188" i="1"/>
  <c r="AK261" i="1"/>
  <c r="AH166" i="1"/>
  <c r="AJ229" i="1"/>
  <c r="AL100" i="1"/>
  <c r="AL297" i="1"/>
  <c r="AJ109" i="1"/>
  <c r="F2623" i="2" s="1" a="1"/>
  <c r="F2623" i="2" s="1"/>
  <c r="AK104" i="1"/>
  <c r="AH240" i="1"/>
  <c r="AL46" i="1"/>
  <c r="H1099" i="2" s="1" a="1"/>
  <c r="H1099" i="2" s="1"/>
  <c r="AK212" i="1"/>
  <c r="AH143" i="1"/>
  <c r="AJ318" i="1"/>
  <c r="AI328" i="1"/>
  <c r="E7873" i="2" s="1" a="1"/>
  <c r="E7873" i="2" s="1"/>
  <c r="AL313" i="1"/>
  <c r="AI10" i="1"/>
  <c r="AH10" i="1"/>
  <c r="AH60" i="1"/>
  <c r="D1436" i="2" s="1" a="1"/>
  <c r="D1436" i="2" s="1"/>
  <c r="AL17" i="1"/>
  <c r="AI3" i="1"/>
  <c r="AI262" i="1"/>
  <c r="E6281" i="2" s="1" a="1"/>
  <c r="E6281" i="2" s="1"/>
  <c r="AI139" i="1"/>
  <c r="E3341" i="2" s="1" a="1"/>
  <c r="E3341" i="2" s="1"/>
  <c r="AI228" i="1"/>
  <c r="AH51" i="1"/>
  <c r="AI47" i="1"/>
  <c r="E1118" i="2" s="1" a="1"/>
  <c r="E1118" i="2" s="1"/>
  <c r="AI332" i="1"/>
  <c r="AH251" i="1"/>
  <c r="D6022" i="2" s="1" a="1"/>
  <c r="D6022" i="2" s="1"/>
  <c r="AI214" i="1"/>
  <c r="E5142" i="2" s="1" a="1"/>
  <c r="E5142" i="2" s="1"/>
  <c r="AL157" i="1"/>
  <c r="H3760" i="2" s="1" a="1"/>
  <c r="H3760" i="2" s="1"/>
  <c r="AJ245" i="1"/>
  <c r="F5887" i="2" s="1" a="1"/>
  <c r="F5887" i="2" s="1"/>
  <c r="AI64" i="1"/>
  <c r="E1526" i="2" s="1" a="1"/>
  <c r="E1526" i="2" s="1"/>
  <c r="AI161" i="1"/>
  <c r="E3870" i="2" s="1" a="1"/>
  <c r="E3870" i="2" s="1"/>
  <c r="AL28" i="1"/>
  <c r="AK264" i="1"/>
  <c r="AJ345" i="1"/>
  <c r="AH311" i="1"/>
  <c r="AK23" i="1"/>
  <c r="AH289" i="1"/>
  <c r="D6935" i="2" s="1" a="1"/>
  <c r="D6935" i="2" s="1"/>
  <c r="AL76" i="1"/>
  <c r="H1833" i="2" s="1" a="1"/>
  <c r="H1833" i="2" s="1"/>
  <c r="AJ127" i="1"/>
  <c r="F3044" i="2" s="1" a="1"/>
  <c r="F3044" i="2" s="1"/>
  <c r="AH99" i="1"/>
  <c r="AI295" i="1"/>
  <c r="E7086" i="2" s="1" a="1"/>
  <c r="E7086" i="2" s="1"/>
  <c r="AI126" i="1"/>
  <c r="AK126" i="1"/>
  <c r="AH168" i="1"/>
  <c r="AK259" i="1"/>
  <c r="G6216" i="2" s="1" a="1"/>
  <c r="G6216" i="2" s="1"/>
  <c r="AI21" i="1"/>
  <c r="E496" i="2" s="1" a="1"/>
  <c r="E496" i="2" s="1"/>
  <c r="AI357" i="1"/>
  <c r="E8572" i="2" s="1" a="1"/>
  <c r="E8572" i="2" s="1"/>
  <c r="AK169" i="1"/>
  <c r="AJ260" i="1"/>
  <c r="AI168" i="1"/>
  <c r="AJ62" i="1"/>
  <c r="AI312" i="1"/>
  <c r="AK130" i="1"/>
  <c r="AI37" i="1"/>
  <c r="AL299" i="1"/>
  <c r="AK165" i="1"/>
  <c r="AL247" i="1"/>
  <c r="H5930" i="2" s="1" a="1"/>
  <c r="H5930" i="2" s="1"/>
  <c r="AJ53" i="1"/>
  <c r="AK185" i="1"/>
  <c r="G4443" i="2" s="1" a="1"/>
  <c r="G4443" i="2" s="1"/>
  <c r="AI359" i="1"/>
  <c r="AL19" i="1"/>
  <c r="AK290" i="1"/>
  <c r="AI123" i="1"/>
  <c r="AI83" i="1"/>
  <c r="AK136" i="1"/>
  <c r="AK310" i="1"/>
  <c r="G7433" i="2" s="1" a="1"/>
  <c r="G7433" i="2" s="1"/>
  <c r="AJ346" i="1"/>
  <c r="AI261" i="1"/>
  <c r="AI114" i="1"/>
  <c r="AK278" i="1"/>
  <c r="AI32" i="1"/>
  <c r="AL95" i="1"/>
  <c r="AK16" i="1"/>
  <c r="AI206" i="1"/>
  <c r="AI170" i="1"/>
  <c r="AJ123" i="1"/>
  <c r="AI324" i="1"/>
  <c r="E7784" i="2" s="1" a="1"/>
  <c r="E7784" i="2" s="1"/>
  <c r="AK27" i="1"/>
  <c r="AH193" i="1"/>
  <c r="D4618" i="2" s="1" a="1"/>
  <c r="D4618" i="2" s="1"/>
  <c r="AI283" i="1"/>
  <c r="E6781" i="2" s="1" a="1"/>
  <c r="E6781" i="2" s="1"/>
  <c r="AL83" i="1"/>
  <c r="H1993" i="2" s="1" a="1"/>
  <c r="H1993" i="2" s="1"/>
  <c r="AK282" i="1"/>
  <c r="AK142" i="1"/>
  <c r="AH30" i="1"/>
  <c r="AH282" i="1"/>
  <c r="AH31" i="1"/>
  <c r="D732" i="2" s="1" a="1"/>
  <c r="D732" i="2" s="1"/>
  <c r="AH90" i="1"/>
  <c r="AI13" i="1"/>
  <c r="AJ31" i="1"/>
  <c r="F746" i="2" s="1" a="1"/>
  <c r="F746" i="2" s="1"/>
  <c r="AL255" i="1"/>
  <c r="AI84" i="1"/>
  <c r="E2013" i="2" s="1" a="1"/>
  <c r="E2013" i="2" s="1"/>
  <c r="AH196" i="1"/>
  <c r="D4705" i="2" s="1" a="1"/>
  <c r="D4705" i="2" s="1"/>
  <c r="AH323" i="1"/>
  <c r="AH112" i="1"/>
  <c r="AH190" i="1"/>
  <c r="D4557" i="2" s="1" a="1"/>
  <c r="D4557" i="2" s="1"/>
  <c r="AH126" i="1"/>
  <c r="AH252" i="1"/>
  <c r="AH113" i="1"/>
  <c r="D2711" i="2" s="1" a="1"/>
  <c r="D2711" i="2" s="1"/>
  <c r="AK96" i="1"/>
  <c r="G2294" i="2" s="1" a="1"/>
  <c r="G2294" i="2" s="1"/>
  <c r="AK181" i="1"/>
  <c r="AI276" i="1"/>
  <c r="AJ282" i="1"/>
  <c r="AH268" i="1"/>
  <c r="D6419" i="2" s="1" a="1"/>
  <c r="D6419" i="2" s="1"/>
  <c r="AK275" i="1"/>
  <c r="AH130" i="1"/>
  <c r="D3106" i="2" s="1" a="1"/>
  <c r="D3106" i="2" s="1"/>
  <c r="AK83" i="1"/>
  <c r="AK215" i="1"/>
  <c r="AI158" i="1"/>
  <c r="E3788" i="2" s="1" a="1"/>
  <c r="E3788" i="2" s="1"/>
  <c r="AJ166" i="1"/>
  <c r="AI4" i="1"/>
  <c r="AK193" i="1"/>
  <c r="G4626" i="2" s="1" a="1"/>
  <c r="G4626" i="2" s="1"/>
  <c r="AL264" i="1"/>
  <c r="AI342" i="1"/>
  <c r="AJ290" i="1"/>
  <c r="F6961" i="2" s="1" a="1"/>
  <c r="F6961" i="2" s="1"/>
  <c r="AJ209" i="1"/>
  <c r="AK272" i="1"/>
  <c r="AI54" i="1"/>
  <c r="E1296" i="2" s="1" a="1"/>
  <c r="E1296" i="2" s="1"/>
  <c r="AL310" i="1"/>
  <c r="H7438" i="2" s="1" a="1"/>
  <c r="H7438" i="2" s="1"/>
  <c r="AJ90" i="1"/>
  <c r="F2168" i="2" s="1" a="1"/>
  <c r="F2168" i="2" s="1"/>
  <c r="AH333" i="1"/>
  <c r="D7980" i="2" s="1" a="1"/>
  <c r="D7980" i="2" s="1"/>
  <c r="AJ249" i="1"/>
  <c r="AI155" i="1"/>
  <c r="E3714" i="2" s="1" a="1"/>
  <c r="E3714" i="2" s="1"/>
  <c r="AJ85" i="1"/>
  <c r="AL42" i="1"/>
  <c r="AL162" i="1"/>
  <c r="AJ196" i="1"/>
  <c r="F4691" i="2" s="1" a="1"/>
  <c r="F4691" i="2" s="1"/>
  <c r="AI329" i="1"/>
  <c r="E7902" i="2" s="1" a="1"/>
  <c r="E7902" i="2" s="1"/>
  <c r="AI134" i="1"/>
  <c r="AH28" i="1"/>
  <c r="AH155" i="1"/>
  <c r="AH217" i="1"/>
  <c r="D5206" i="2" s="1" a="1"/>
  <c r="D5206" i="2" s="1"/>
  <c r="AJ144" i="1"/>
  <c r="F3458" i="2" s="1" a="1"/>
  <c r="F3458" i="2" s="1"/>
  <c r="AH192" i="1"/>
  <c r="AL261" i="1"/>
  <c r="AH241" i="1"/>
  <c r="AK326" i="1"/>
  <c r="G7816" i="2" s="1" a="1"/>
  <c r="G7816" i="2" s="1"/>
  <c r="AH122" i="1"/>
  <c r="AI104" i="1"/>
  <c r="AK242" i="1"/>
  <c r="AL320" i="1"/>
  <c r="AI100" i="1"/>
  <c r="E2394" i="2" s="1" a="1"/>
  <c r="E2394" i="2" s="1"/>
  <c r="AJ188" i="1"/>
  <c r="AK103" i="1"/>
  <c r="G2473" i="2" s="1" a="1"/>
  <c r="G2473" i="2" s="1"/>
  <c r="AL243" i="1"/>
  <c r="H5827" i="2" s="1" a="1"/>
  <c r="H5827" i="2" s="1"/>
  <c r="AI62" i="1"/>
  <c r="AL346" i="1"/>
  <c r="AK68" i="1"/>
  <c r="AI264" i="1"/>
  <c r="AK263" i="1"/>
  <c r="AJ6" i="1"/>
  <c r="AJ167" i="1"/>
  <c r="AH297" i="1"/>
  <c r="AK354" i="1"/>
  <c r="AI309" i="1"/>
  <c r="E7424" i="2" s="1" a="1"/>
  <c r="E7424" i="2" s="1"/>
  <c r="AJ36" i="1"/>
  <c r="AL141" i="1"/>
  <c r="AL7" i="1"/>
  <c r="H173" i="2" s="1" a="1"/>
  <c r="H173" i="2" s="1"/>
  <c r="AI148" i="1"/>
  <c r="E3558" i="2" s="1" a="1"/>
  <c r="E3558" i="2" s="1"/>
  <c r="AL182" i="1"/>
  <c r="H4365" i="2" s="1" a="1"/>
  <c r="H4365" i="2" s="1"/>
  <c r="AI77" i="1"/>
  <c r="E1839" i="2" s="1" a="1"/>
  <c r="E1839" i="2" s="1"/>
  <c r="AH105" i="1"/>
  <c r="AH50" i="1"/>
  <c r="D1204" i="2" s="1" a="1"/>
  <c r="D1204" i="2" s="1"/>
  <c r="AH294" i="1"/>
  <c r="AH154" i="1"/>
  <c r="AL74" i="1"/>
  <c r="AH151" i="1"/>
  <c r="AI199" i="1"/>
  <c r="AH61" i="1"/>
  <c r="D1453" i="2" s="1" a="1"/>
  <c r="D1453" i="2" s="1"/>
  <c r="AK303" i="1"/>
  <c r="G7273" i="2" s="1" a="1"/>
  <c r="G7273" i="2" s="1"/>
  <c r="AH25" i="1"/>
  <c r="AJ67" i="1"/>
  <c r="AI59" i="1"/>
  <c r="AI191" i="1"/>
  <c r="AH72" i="1"/>
  <c r="AI97" i="1"/>
  <c r="AJ236" i="1"/>
  <c r="F5654" i="2" s="1" a="1"/>
  <c r="F5654" i="2" s="1"/>
  <c r="AJ212" i="1"/>
  <c r="F5096" i="2" s="1" a="1"/>
  <c r="F5096" i="2" s="1"/>
  <c r="AI95" i="1"/>
  <c r="E2272" i="2" s="1" a="1"/>
  <c r="E2272" i="2" s="1"/>
  <c r="AL237" i="1"/>
  <c r="AK334" i="1"/>
  <c r="AK109" i="1"/>
  <c r="AL125" i="1"/>
  <c r="H3001" i="2" s="1" a="1"/>
  <c r="H3001" i="2" s="1"/>
  <c r="AJ226" i="1"/>
  <c r="AK256" i="1"/>
  <c r="G6136" i="2" s="1" a="1"/>
  <c r="G6136" i="2" s="1"/>
  <c r="AH304" i="1"/>
  <c r="AI26" i="1"/>
  <c r="E622" i="2" s="1" a="1"/>
  <c r="E622" i="2" s="1"/>
  <c r="AJ7" i="1"/>
  <c r="AH141" i="1"/>
  <c r="AL112" i="1"/>
  <c r="AH162" i="1"/>
  <c r="D3895" i="2" s="1" a="1"/>
  <c r="D3895" i="2" s="1"/>
  <c r="AK245" i="1"/>
  <c r="G5888" i="2" s="1" a="1"/>
  <c r="G5888" i="2" s="1"/>
  <c r="AH274" i="1"/>
  <c r="AH197" i="1"/>
  <c r="D4735" i="2" s="1" a="1"/>
  <c r="D4735" i="2" s="1"/>
  <c r="AH210" i="1"/>
  <c r="D5045" i="2" s="1" a="1"/>
  <c r="D5045" i="2" s="1"/>
  <c r="AI356" i="1"/>
  <c r="E8542" i="2" s="1" a="1"/>
  <c r="E8542" i="2" s="1"/>
  <c r="AH334" i="1"/>
  <c r="D8002" i="2" s="1" a="1"/>
  <c r="D8002" i="2" s="1"/>
  <c r="AK360" i="1"/>
  <c r="G8629" i="2" s="1" a="1"/>
  <c r="G8629" i="2" s="1"/>
  <c r="AL319" i="1"/>
  <c r="H7655" i="2" s="1" a="1"/>
  <c r="H7655" i="2" s="1"/>
  <c r="AI208" i="1"/>
  <c r="E4985" i="2" s="1" a="1"/>
  <c r="E4985" i="2" s="1"/>
  <c r="AI9" i="1"/>
  <c r="AK3" i="1"/>
  <c r="AK306" i="1"/>
  <c r="AJ257" i="1"/>
  <c r="F6171" i="2" s="1" a="1"/>
  <c r="F6171" i="2" s="1"/>
  <c r="AH367" i="1"/>
  <c r="AL326" i="1"/>
  <c r="H7814" i="2" s="1" a="1"/>
  <c r="H7814" i="2" s="1"/>
  <c r="AI131" i="1"/>
  <c r="AL338" i="1"/>
  <c r="AI103" i="1"/>
  <c r="AJ96" i="1"/>
  <c r="AL342" i="1"/>
  <c r="AJ261" i="1"/>
  <c r="F6270" i="2" s="1" a="1"/>
  <c r="F6270" i="2" s="1"/>
  <c r="AK289" i="1"/>
  <c r="AL9" i="1"/>
  <c r="AI76" i="1"/>
  <c r="AH275" i="1"/>
  <c r="AJ89" i="1"/>
  <c r="F2138" i="2" s="1" a="1"/>
  <c r="F2138" i="2" s="1"/>
  <c r="AJ154" i="1"/>
  <c r="F3699" i="2" s="1" a="1"/>
  <c r="F3699" i="2" s="1"/>
  <c r="AI36" i="1"/>
  <c r="E871" i="2" s="1" a="1"/>
  <c r="E871" i="2" s="1"/>
  <c r="AI218" i="1"/>
  <c r="AJ169" i="1"/>
  <c r="F4065" i="2" s="1" a="1"/>
  <c r="F4065" i="2" s="1"/>
  <c r="AK336" i="1"/>
  <c r="AH281" i="1"/>
  <c r="AH119" i="1"/>
  <c r="D2855" i="2" s="1" a="1"/>
  <c r="D2855" i="2" s="1"/>
  <c r="AH343" i="1"/>
  <c r="AH42" i="1"/>
  <c r="D1013" i="2" s="1" a="1"/>
  <c r="D1013" i="2" s="1"/>
  <c r="AH364" i="1"/>
  <c r="D5885" i="2" a="1"/>
  <c r="D5885" i="2" s="1"/>
  <c r="D5870" i="2" a="1"/>
  <c r="D5870" i="2" s="1"/>
  <c r="D5884" i="2" a="1"/>
  <c r="D5884" i="2" s="1"/>
  <c r="D5886" i="2" a="1"/>
  <c r="D5886" i="2" s="1"/>
  <c r="D5876" i="2" a="1"/>
  <c r="D5876" i="2" s="1"/>
  <c r="D5873" i="2" a="1"/>
  <c r="D5873" i="2" s="1"/>
  <c r="D5867" i="2" a="1"/>
  <c r="D5867" i="2" s="1"/>
  <c r="D5868" i="2" a="1"/>
  <c r="D5868" i="2" s="1"/>
  <c r="D5874" i="2" a="1"/>
  <c r="D5874" i="2" s="1"/>
  <c r="H3920" i="2" a="1"/>
  <c r="H3920" i="2" s="1"/>
  <c r="H3906" i="2" a="1"/>
  <c r="H3906" i="2" s="1"/>
  <c r="H3898" i="2" a="1"/>
  <c r="H3898" i="2" s="1"/>
  <c r="E5868" i="2" a="1"/>
  <c r="E5868" i="2" s="1"/>
  <c r="E5872" i="2" a="1"/>
  <c r="E5872" i="2" s="1"/>
  <c r="E5887" i="2" a="1"/>
  <c r="E5887" i="2" s="1"/>
  <c r="E5866" i="2" a="1"/>
  <c r="E5866" i="2" s="1"/>
  <c r="E5870" i="2" a="1"/>
  <c r="E5870" i="2" s="1"/>
  <c r="E5882" i="2" a="1"/>
  <c r="E5882" i="2" s="1"/>
  <c r="E5874" i="2" a="1"/>
  <c r="E5874" i="2" s="1"/>
  <c r="E5878" i="2" a="1"/>
  <c r="E5878" i="2" s="1"/>
  <c r="E5875" i="2" a="1"/>
  <c r="E5875" i="2" s="1"/>
  <c r="E5885" i="2" a="1"/>
  <c r="E5885" i="2" s="1"/>
  <c r="E5879" i="2" a="1"/>
  <c r="E5879" i="2" s="1"/>
  <c r="E5873" i="2" a="1"/>
  <c r="E5873" i="2" s="1"/>
  <c r="E5889" i="2" a="1"/>
  <c r="E5889" i="2" s="1"/>
  <c r="G5305" i="2" a="1"/>
  <c r="G5305" i="2" s="1"/>
  <c r="G5313" i="2" a="1"/>
  <c r="G5313" i="2" s="1"/>
  <c r="F5583" i="2" a="1"/>
  <c r="F5583" i="2" s="1"/>
  <c r="F5463" i="2" a="1"/>
  <c r="F5463" i="2" s="1"/>
  <c r="F5464" i="2" a="1"/>
  <c r="F5464" i="2" s="1"/>
  <c r="F5466" i="2" a="1"/>
  <c r="F5466" i="2" s="1"/>
  <c r="E5679" i="2" a="1"/>
  <c r="E5679" i="2" s="1"/>
  <c r="E5696" i="2" a="1"/>
  <c r="E5696" i="2" s="1"/>
  <c r="E5678" i="2" a="1"/>
  <c r="E5678" i="2" s="1"/>
  <c r="E5693" i="2" a="1"/>
  <c r="E5693" i="2" s="1"/>
  <c r="E5694" i="2" a="1"/>
  <c r="E5694" i="2" s="1"/>
  <c r="E5697" i="2" a="1"/>
  <c r="E5697" i="2" s="1"/>
  <c r="D8580" i="2" a="1"/>
  <c r="D8580" i="2" s="1"/>
  <c r="D8592" i="2" a="1"/>
  <c r="D8592" i="2" s="1"/>
  <c r="D8582" i="2" a="1"/>
  <c r="D8582" i="2" s="1"/>
  <c r="D8587" i="2" a="1"/>
  <c r="D8587" i="2" s="1"/>
  <c r="D8593" i="2" a="1"/>
  <c r="D8593" i="2" s="1"/>
  <c r="D8581" i="2" a="1"/>
  <c r="D8581" i="2" s="1"/>
  <c r="D8586" i="2" a="1"/>
  <c r="D8586" i="2" s="1"/>
  <c r="D8591" i="2" a="1"/>
  <c r="D8591" i="2" s="1"/>
  <c r="D8599" i="2" a="1"/>
  <c r="D8599" i="2" s="1"/>
  <c r="D8579" i="2" a="1"/>
  <c r="D8579" i="2" s="1"/>
  <c r="D8583" i="2" a="1"/>
  <c r="D8583" i="2" s="1"/>
  <c r="D8584" i="2" a="1"/>
  <c r="D8584" i="2" s="1"/>
  <c r="D8600" i="2" a="1"/>
  <c r="D8600" i="2" s="1"/>
  <c r="D8588" i="2" a="1"/>
  <c r="D8588" i="2" s="1"/>
  <c r="D8585" i="2" a="1"/>
  <c r="D8585" i="2" s="1"/>
  <c r="D8594" i="2" a="1"/>
  <c r="D8594" i="2" s="1"/>
  <c r="D8601" i="2" a="1"/>
  <c r="D8601" i="2" s="1"/>
  <c r="D8595" i="2" a="1"/>
  <c r="D8595" i="2" s="1"/>
  <c r="D8596" i="2" a="1"/>
  <c r="D8596" i="2" s="1"/>
  <c r="D8589" i="2" a="1"/>
  <c r="D8589" i="2" s="1"/>
  <c r="D8597" i="2" a="1"/>
  <c r="D8597" i="2" s="1"/>
  <c r="D8598" i="2" a="1"/>
  <c r="D8598" i="2" s="1"/>
  <c r="D8590" i="2" a="1"/>
  <c r="D8590" i="2" s="1"/>
  <c r="D8578" i="2" a="1"/>
  <c r="D8578" i="2" s="1"/>
  <c r="E7560" i="2" a="1"/>
  <c r="E7560" i="2" s="1"/>
  <c r="E7550" i="2" a="1"/>
  <c r="E7550" i="2" s="1"/>
  <c r="E7563" i="2" a="1"/>
  <c r="E7563" i="2" s="1"/>
  <c r="E7552" i="2" a="1"/>
  <c r="E7552" i="2" s="1"/>
  <c r="E7551" i="2" a="1"/>
  <c r="E7551" i="2" s="1"/>
  <c r="E7553" i="2" a="1"/>
  <c r="E7553" i="2" s="1"/>
  <c r="E7556" i="2" a="1"/>
  <c r="E7556" i="2" s="1"/>
  <c r="E7567" i="2" a="1"/>
  <c r="E7567" i="2" s="1"/>
  <c r="E8011" i="2" a="1"/>
  <c r="E8011" i="2" s="1"/>
  <c r="E8018" i="2" a="1"/>
  <c r="E8018" i="2" s="1"/>
  <c r="E8012" i="2" a="1"/>
  <c r="E8012" i="2" s="1"/>
  <c r="E8021" i="2" a="1"/>
  <c r="E8021" i="2" s="1"/>
  <c r="E8010" i="2" a="1"/>
  <c r="E8010" i="2" s="1"/>
  <c r="E8014" i="2" a="1"/>
  <c r="E8014" i="2" s="1"/>
  <c r="E8015" i="2" a="1"/>
  <c r="E8015" i="2" s="1"/>
  <c r="E8025" i="2" a="1"/>
  <c r="E8025" i="2" s="1"/>
  <c r="E8003" i="2" a="1"/>
  <c r="E8003" i="2" s="1"/>
  <c r="E8008" i="2" a="1"/>
  <c r="E8008" i="2" s="1"/>
  <c r="E8005" i="2" a="1"/>
  <c r="E8005" i="2" s="1"/>
  <c r="E8007" i="2" a="1"/>
  <c r="E8007" i="2" s="1"/>
  <c r="E8022" i="2" a="1"/>
  <c r="E8022" i="2" s="1"/>
  <c r="E8023" i="2" a="1"/>
  <c r="E8023" i="2" s="1"/>
  <c r="E8020" i="2" a="1"/>
  <c r="E8020" i="2" s="1"/>
  <c r="E8013" i="2" a="1"/>
  <c r="E8013" i="2" s="1"/>
  <c r="E8006" i="2" a="1"/>
  <c r="E8006" i="2" s="1"/>
  <c r="E8016" i="2" a="1"/>
  <c r="E8016" i="2" s="1"/>
  <c r="E8017" i="2" a="1"/>
  <c r="E8017" i="2" s="1"/>
  <c r="E8002" i="2" a="1"/>
  <c r="E8002" i="2" s="1"/>
  <c r="E8009" i="2" a="1"/>
  <c r="E8009" i="2" s="1"/>
  <c r="E8019" i="2" a="1"/>
  <c r="E8019" i="2" s="1"/>
  <c r="E8024" i="2" a="1"/>
  <c r="E8024" i="2" s="1"/>
  <c r="E8004" i="2" a="1"/>
  <c r="E8004" i="2" s="1"/>
  <c r="D889" i="2" a="1"/>
  <c r="D889" i="2" s="1"/>
  <c r="D880" i="2" a="1"/>
  <c r="D880" i="2" s="1"/>
  <c r="D884" i="2" a="1"/>
  <c r="D884" i="2" s="1"/>
  <c r="D888" i="2" a="1"/>
  <c r="D888" i="2" s="1"/>
  <c r="D892" i="2" a="1"/>
  <c r="D892" i="2" s="1"/>
  <c r="D877" i="2" a="1"/>
  <c r="D877" i="2" s="1"/>
  <c r="D875" i="2" a="1"/>
  <c r="D875" i="2" s="1"/>
  <c r="D887" i="2" a="1"/>
  <c r="D887" i="2" s="1"/>
  <c r="D882" i="2" a="1"/>
  <c r="D882" i="2" s="1"/>
  <c r="D894" i="2" a="1"/>
  <c r="D894" i="2" s="1"/>
  <c r="D885" i="2" a="1"/>
  <c r="D885" i="2" s="1"/>
  <c r="D897" i="2" a="1"/>
  <c r="D897" i="2" s="1"/>
  <c r="D893" i="2" a="1"/>
  <c r="D893" i="2" s="1"/>
  <c r="D883" i="2" a="1"/>
  <c r="D883" i="2" s="1"/>
  <c r="D891" i="2" a="1"/>
  <c r="D891" i="2" s="1"/>
  <c r="D878" i="2" a="1"/>
  <c r="D878" i="2" s="1"/>
  <c r="D886" i="2" a="1"/>
  <c r="D886" i="2" s="1"/>
  <c r="D881" i="2" a="1"/>
  <c r="D881" i="2" s="1"/>
  <c r="D896" i="2" a="1"/>
  <c r="D896" i="2" s="1"/>
  <c r="D879" i="2" a="1"/>
  <c r="D879" i="2" s="1"/>
  <c r="D876" i="2" a="1"/>
  <c r="D876" i="2" s="1"/>
  <c r="D874" i="2" a="1"/>
  <c r="D874" i="2" s="1"/>
  <c r="D890" i="2" a="1"/>
  <c r="D890" i="2" s="1"/>
  <c r="D895" i="2" a="1"/>
  <c r="D895" i="2" s="1"/>
  <c r="F778" i="2" a="1"/>
  <c r="F778" i="2" s="1"/>
  <c r="F794" i="2" a="1"/>
  <c r="F794" i="2" s="1"/>
  <c r="F798" i="2" a="1"/>
  <c r="F798" i="2" s="1"/>
  <c r="F801" i="2" a="1"/>
  <c r="F801" i="2" s="1"/>
  <c r="F786" i="2" a="1"/>
  <c r="F786" i="2" s="1"/>
  <c r="F799" i="2" a="1"/>
  <c r="F799" i="2" s="1"/>
  <c r="F779" i="2" a="1"/>
  <c r="F779" i="2" s="1"/>
  <c r="F796" i="2" a="1"/>
  <c r="F796" i="2" s="1"/>
  <c r="F782" i="2" a="1"/>
  <c r="F782" i="2" s="1"/>
  <c r="F788" i="2" a="1"/>
  <c r="F788" i="2" s="1"/>
  <c r="F784" i="2" a="1"/>
  <c r="F784" i="2" s="1"/>
  <c r="F800" i="2" a="1"/>
  <c r="F800" i="2" s="1"/>
  <c r="F787" i="2" a="1"/>
  <c r="F787" i="2" s="1"/>
  <c r="F780" i="2" a="1"/>
  <c r="F780" i="2" s="1"/>
  <c r="F795" i="2" a="1"/>
  <c r="F795" i="2" s="1"/>
  <c r="F781" i="2" a="1"/>
  <c r="F781" i="2" s="1"/>
  <c r="F797" i="2" a="1"/>
  <c r="F797" i="2" s="1"/>
  <c r="F790" i="2" a="1"/>
  <c r="F790" i="2" s="1"/>
  <c r="F791" i="2" a="1"/>
  <c r="F791" i="2" s="1"/>
  <c r="F783" i="2" a="1"/>
  <c r="F783" i="2" s="1"/>
  <c r="F792" i="2" a="1"/>
  <c r="F792" i="2" s="1"/>
  <c r="F789" i="2" a="1"/>
  <c r="F789" i="2" s="1"/>
  <c r="F785" i="2" a="1"/>
  <c r="F785" i="2" s="1"/>
  <c r="F793" i="2" a="1"/>
  <c r="F793" i="2" s="1"/>
  <c r="G3823" i="2" a="1"/>
  <c r="G3823" i="2" s="1"/>
  <c r="G3810" i="2" a="1"/>
  <c r="G3810" i="2" s="1"/>
  <c r="G3803" i="2" a="1"/>
  <c r="G3803" i="2" s="1"/>
  <c r="G3816" i="2" a="1"/>
  <c r="G3816" i="2" s="1"/>
  <c r="G3818" i="2" a="1"/>
  <c r="G3818" i="2" s="1"/>
  <c r="G3804" i="2" a="1"/>
  <c r="G3804" i="2" s="1"/>
  <c r="G3802" i="2" a="1"/>
  <c r="G3802" i="2" s="1"/>
  <c r="G3806" i="2" a="1"/>
  <c r="G3806" i="2" s="1"/>
  <c r="G3825" i="2" a="1"/>
  <c r="G3825" i="2" s="1"/>
  <c r="G3812" i="2" a="1"/>
  <c r="G3812" i="2" s="1"/>
  <c r="G3808" i="2" a="1"/>
  <c r="G3808" i="2" s="1"/>
  <c r="G3805" i="2" a="1"/>
  <c r="G3805" i="2" s="1"/>
  <c r="G3809" i="2" a="1"/>
  <c r="G3809" i="2" s="1"/>
  <c r="G3813" i="2" a="1"/>
  <c r="G3813" i="2" s="1"/>
  <c r="G3820" i="2" a="1"/>
  <c r="G3820" i="2" s="1"/>
  <c r="G3811" i="2" a="1"/>
  <c r="G3811" i="2" s="1"/>
  <c r="G3821" i="2" a="1"/>
  <c r="G3821" i="2" s="1"/>
  <c r="G3822" i="2" a="1"/>
  <c r="G3822" i="2" s="1"/>
  <c r="G3814" i="2" a="1"/>
  <c r="G3814" i="2" s="1"/>
  <c r="G3817" i="2" a="1"/>
  <c r="G3817" i="2" s="1"/>
  <c r="G3807" i="2" a="1"/>
  <c r="G3807" i="2" s="1"/>
  <c r="G3819" i="2" a="1"/>
  <c r="G3819" i="2" s="1"/>
  <c r="G7838" i="2" a="1"/>
  <c r="G7838" i="2" s="1"/>
  <c r="G7854" i="2" a="1"/>
  <c r="G7854" i="2" s="1"/>
  <c r="G7850" i="2" a="1"/>
  <c r="G7850" i="2" s="1"/>
  <c r="G7843" i="2" a="1"/>
  <c r="G7843" i="2" s="1"/>
  <c r="G7835" i="2" a="1"/>
  <c r="G7835" i="2" s="1"/>
  <c r="G7844" i="2" a="1"/>
  <c r="G7844" i="2" s="1"/>
  <c r="G7836" i="2" a="1"/>
  <c r="G7836" i="2" s="1"/>
  <c r="G7855" i="2" a="1"/>
  <c r="G7855" i="2" s="1"/>
  <c r="G7848" i="2" a="1"/>
  <c r="G7848" i="2" s="1"/>
  <c r="G7839" i="2" a="1"/>
  <c r="G7839" i="2" s="1"/>
  <c r="G7849" i="2" a="1"/>
  <c r="G7849" i="2" s="1"/>
  <c r="D3210" i="2" a="1"/>
  <c r="D3210" i="2" s="1"/>
  <c r="D7819" i="2" a="1"/>
  <c r="D7819" i="2" s="1"/>
  <c r="D7829" i="2" a="1"/>
  <c r="D7829" i="2" s="1"/>
  <c r="D7812" i="2" a="1"/>
  <c r="D7812" i="2" s="1"/>
  <c r="D7814" i="2" a="1"/>
  <c r="D7814" i="2" s="1"/>
  <c r="D7822" i="2" a="1"/>
  <c r="D7822" i="2" s="1"/>
  <c r="D7810" i="2" a="1"/>
  <c r="D7810" i="2" s="1"/>
  <c r="D2227" i="2" a="1"/>
  <c r="D2227" i="2" s="1"/>
  <c r="D2241" i="2" a="1"/>
  <c r="D2241" i="2" s="1"/>
  <c r="D2221" i="2" a="1"/>
  <c r="D2221" i="2" s="1"/>
  <c r="D2223" i="2" a="1"/>
  <c r="D2223" i="2" s="1"/>
  <c r="D2222" i="2" a="1"/>
  <c r="D2222" i="2" s="1"/>
  <c r="G1227" i="2" a="1"/>
  <c r="G1227" i="2" s="1"/>
  <c r="G1211" i="2" a="1"/>
  <c r="G1211" i="2" s="1"/>
  <c r="G1228" i="2" a="1"/>
  <c r="G1228" i="2" s="1"/>
  <c r="G1213" i="2" a="1"/>
  <c r="G1213" i="2" s="1"/>
  <c r="G1221" i="2" a="1"/>
  <c r="G1221" i="2" s="1"/>
  <c r="D4235" i="2" a="1"/>
  <c r="D4235" i="2" s="1"/>
  <c r="D4239" i="2" a="1"/>
  <c r="D4239" i="2" s="1"/>
  <c r="D4247" i="2" a="1"/>
  <c r="D4247" i="2" s="1"/>
  <c r="D4255" i="2" a="1"/>
  <c r="D4255" i="2" s="1"/>
  <c r="D4244" i="2" a="1"/>
  <c r="D4244" i="2" s="1"/>
  <c r="D4234" i="2" a="1"/>
  <c r="D4234" i="2" s="1"/>
  <c r="D4238" i="2" a="1"/>
  <c r="D4238" i="2" s="1"/>
  <c r="D4242" i="2" a="1"/>
  <c r="D4242" i="2" s="1"/>
  <c r="D4246" i="2" a="1"/>
  <c r="D4246" i="2" s="1"/>
  <c r="D4250" i="2" a="1"/>
  <c r="D4250" i="2" s="1"/>
  <c r="D4254" i="2" a="1"/>
  <c r="D4254" i="2" s="1"/>
  <c r="D4243" i="2" a="1"/>
  <c r="D4243" i="2" s="1"/>
  <c r="D4237" i="2" a="1"/>
  <c r="D4237" i="2" s="1"/>
  <c r="D4241" i="2" a="1"/>
  <c r="D4241" i="2" s="1"/>
  <c r="D4245" i="2" a="1"/>
  <c r="D4245" i="2" s="1"/>
  <c r="D4249" i="2" a="1"/>
  <c r="D4249" i="2" s="1"/>
  <c r="D4257" i="2" a="1"/>
  <c r="D4257" i="2" s="1"/>
  <c r="D4253" i="2" a="1"/>
  <c r="D4253" i="2" s="1"/>
  <c r="D4240" i="2" a="1"/>
  <c r="D4240" i="2" s="1"/>
  <c r="D4248" i="2" a="1"/>
  <c r="D4248" i="2" s="1"/>
  <c r="D4252" i="2" a="1"/>
  <c r="D4252" i="2" s="1"/>
  <c r="G3071" i="2" a="1"/>
  <c r="G3071" i="2" s="1"/>
  <c r="G3076" i="2" a="1"/>
  <c r="G3076" i="2" s="1"/>
  <c r="G3068" i="2" a="1"/>
  <c r="G3068" i="2" s="1"/>
  <c r="G3061" i="2" a="1"/>
  <c r="G3061" i="2" s="1"/>
  <c r="G3077" i="2" a="1"/>
  <c r="G3077" i="2" s="1"/>
  <c r="G3062" i="2" a="1"/>
  <c r="G3062" i="2" s="1"/>
  <c r="G3064" i="2" a="1"/>
  <c r="G3064" i="2" s="1"/>
  <c r="G3060" i="2" a="1"/>
  <c r="G3060" i="2" s="1"/>
  <c r="G3069" i="2" a="1"/>
  <c r="G3069" i="2" s="1"/>
  <c r="G3065" i="2" a="1"/>
  <c r="G3065" i="2" s="1"/>
  <c r="G3070" i="2" a="1"/>
  <c r="G3070" i="2" s="1"/>
  <c r="G3066" i="2" a="1"/>
  <c r="G3066" i="2" s="1"/>
  <c r="G3072" i="2" a="1"/>
  <c r="G3072" i="2" s="1"/>
  <c r="G3067" i="2" a="1"/>
  <c r="G3067" i="2" s="1"/>
  <c r="G3078" i="2" a="1"/>
  <c r="G3078" i="2" s="1"/>
  <c r="G3058" i="2" a="1"/>
  <c r="G3058" i="2" s="1"/>
  <c r="G3079" i="2" a="1"/>
  <c r="G3079" i="2" s="1"/>
  <c r="G3075" i="2" a="1"/>
  <c r="G3075" i="2" s="1"/>
  <c r="G3080" i="2" a="1"/>
  <c r="G3080" i="2" s="1"/>
  <c r="G3059" i="2" a="1"/>
  <c r="G3059" i="2" s="1"/>
  <c r="G3074" i="2" a="1"/>
  <c r="G3074" i="2" s="1"/>
  <c r="G3081" i="2" a="1"/>
  <c r="G3081" i="2" s="1"/>
  <c r="G3063" i="2" a="1"/>
  <c r="G3063" i="2" s="1"/>
  <c r="F5086" i="2" a="1"/>
  <c r="F5086" i="2" s="1"/>
  <c r="E788" i="2" a="1"/>
  <c r="E788" i="2" s="1"/>
  <c r="E797" i="2" a="1"/>
  <c r="E797" i="2" s="1"/>
  <c r="E779" i="2" a="1"/>
  <c r="E779" i="2" s="1"/>
  <c r="E781" i="2" a="1"/>
  <c r="E781" i="2" s="1"/>
  <c r="E784" i="2" a="1"/>
  <c r="E784" i="2" s="1"/>
  <c r="E796" i="2" a="1"/>
  <c r="E796" i="2" s="1"/>
  <c r="E778" i="2" a="1"/>
  <c r="E778" i="2" s="1"/>
  <c r="E789" i="2" a="1"/>
  <c r="E789" i="2" s="1"/>
  <c r="E787" i="2" a="1"/>
  <c r="E787" i="2" s="1"/>
  <c r="E786" i="2" a="1"/>
  <c r="E786" i="2" s="1"/>
  <c r="E801" i="2" a="1"/>
  <c r="E801" i="2" s="1"/>
  <c r="E829" i="2" a="1"/>
  <c r="E829" i="2" s="1"/>
  <c r="E844" i="2" a="1"/>
  <c r="E844" i="2" s="1"/>
  <c r="E839" i="2" a="1"/>
  <c r="E839" i="2" s="1"/>
  <c r="H689" i="2" a="1"/>
  <c r="H689" i="2" s="1"/>
  <c r="H694" i="2" a="1"/>
  <c r="H694" i="2" s="1"/>
  <c r="D1546" i="2" a="1"/>
  <c r="D1546" i="2" s="1"/>
  <c r="D1560" i="2" a="1"/>
  <c r="D1560" i="2" s="1"/>
  <c r="D1568" i="2" a="1"/>
  <c r="D1568" i="2" s="1"/>
  <c r="D1550" i="2" a="1"/>
  <c r="D1550" i="2" s="1"/>
  <c r="D1553" i="2" a="1"/>
  <c r="D1553" i="2" s="1"/>
  <c r="D1562" i="2" a="1"/>
  <c r="D1562" i="2" s="1"/>
  <c r="D1547" i="2" a="1"/>
  <c r="D1547" i="2" s="1"/>
  <c r="D1555" i="2" a="1"/>
  <c r="D1555" i="2" s="1"/>
  <c r="D1559" i="2" a="1"/>
  <c r="D1559" i="2" s="1"/>
  <c r="D1552" i="2" a="1"/>
  <c r="D1552" i="2" s="1"/>
  <c r="D1564" i="2" a="1"/>
  <c r="D1564" i="2" s="1"/>
  <c r="D1563" i="2" a="1"/>
  <c r="D1563" i="2" s="1"/>
  <c r="D1569" i="2" a="1"/>
  <c r="D1569" i="2" s="1"/>
  <c r="D1558" i="2" a="1"/>
  <c r="D1558" i="2" s="1"/>
  <c r="D1567" i="2" a="1"/>
  <c r="D1567" i="2" s="1"/>
  <c r="D1557" i="2" a="1"/>
  <c r="D1557" i="2" s="1"/>
  <c r="D1548" i="2" a="1"/>
  <c r="D1548" i="2" s="1"/>
  <c r="D1551" i="2" a="1"/>
  <c r="D1551" i="2" s="1"/>
  <c r="D1556" i="2" a="1"/>
  <c r="D1556" i="2" s="1"/>
  <c r="D1554" i="2" a="1"/>
  <c r="D1554" i="2" s="1"/>
  <c r="D1561" i="2" a="1"/>
  <c r="D1561" i="2" s="1"/>
  <c r="D1565" i="2" a="1"/>
  <c r="D1565" i="2" s="1"/>
  <c r="D1549" i="2" a="1"/>
  <c r="D1549" i="2" s="1"/>
  <c r="D1566" i="2" a="1"/>
  <c r="D1566" i="2" s="1"/>
  <c r="G2659" i="2" a="1"/>
  <c r="G2659" i="2" s="1"/>
  <c r="E7687" i="2" a="1"/>
  <c r="E7687" i="2" s="1"/>
  <c r="E7670" i="2" a="1"/>
  <c r="E7670" i="2" s="1"/>
  <c r="G4194" i="2" a="1"/>
  <c r="G4194" i="2" s="1"/>
  <c r="G4191" i="2" a="1"/>
  <c r="G4191" i="2" s="1"/>
  <c r="G4206" i="2" a="1"/>
  <c r="G4206" i="2" s="1"/>
  <c r="G4188" i="2" a="1"/>
  <c r="G4188" i="2" s="1"/>
  <c r="G4190" i="2" a="1"/>
  <c r="G4190" i="2" s="1"/>
  <c r="G4197" i="2" a="1"/>
  <c r="G4197" i="2" s="1"/>
  <c r="G4203" i="2" a="1"/>
  <c r="G4203" i="2" s="1"/>
  <c r="G4193" i="2" a="1"/>
  <c r="G4193" i="2" s="1"/>
  <c r="G4208" i="2" a="1"/>
  <c r="G4208" i="2" s="1"/>
  <c r="G4196" i="2" a="1"/>
  <c r="G4196" i="2" s="1"/>
  <c r="G4205" i="2" a="1"/>
  <c r="G4205" i="2" s="1"/>
  <c r="H1556" i="2" a="1"/>
  <c r="H1556" i="2" s="1"/>
  <c r="H1566" i="2" a="1"/>
  <c r="H1566" i="2" s="1"/>
  <c r="H1550" i="2" a="1"/>
  <c r="H1550" i="2" s="1"/>
  <c r="H1560" i="2" a="1"/>
  <c r="H1560" i="2" s="1"/>
  <c r="H1569" i="2" a="1"/>
  <c r="H1569" i="2" s="1"/>
  <c r="H1565" i="2" a="1"/>
  <c r="H1565" i="2" s="1"/>
  <c r="H1557" i="2" a="1"/>
  <c r="H1557" i="2" s="1"/>
  <c r="H1561" i="2" a="1"/>
  <c r="H1561" i="2" s="1"/>
  <c r="H1559" i="2" a="1"/>
  <c r="H1559" i="2" s="1"/>
  <c r="D1433" i="2" a="1"/>
  <c r="D1433" i="2" s="1"/>
  <c r="H8157" i="2" a="1"/>
  <c r="H8157" i="2" s="1"/>
  <c r="H8164" i="2" a="1"/>
  <c r="H8164" i="2" s="1"/>
  <c r="H8165" i="2" a="1"/>
  <c r="H8165" i="2" s="1"/>
  <c r="H8168" i="2" a="1"/>
  <c r="H8168" i="2" s="1"/>
  <c r="F6451" i="2" a="1"/>
  <c r="F6451" i="2" s="1"/>
  <c r="F6446" i="2" a="1"/>
  <c r="F6446" i="2" s="1"/>
  <c r="F6444" i="2" a="1"/>
  <c r="F6444" i="2" s="1"/>
  <c r="F6461" i="2" a="1"/>
  <c r="F6461" i="2" s="1"/>
  <c r="F6449" i="2" a="1"/>
  <c r="F6449" i="2" s="1"/>
  <c r="F6445" i="2" a="1"/>
  <c r="F6445" i="2" s="1"/>
  <c r="F6456" i="2" a="1"/>
  <c r="F6456" i="2" s="1"/>
  <c r="F6450" i="2" a="1"/>
  <c r="F6450" i="2" s="1"/>
  <c r="F6443" i="2" a="1"/>
  <c r="F6443" i="2" s="1"/>
  <c r="F6447" i="2" a="1"/>
  <c r="F6447" i="2" s="1"/>
  <c r="F6448" i="2" a="1"/>
  <c r="F6448" i="2" s="1"/>
  <c r="F6455" i="2" a="1"/>
  <c r="F6455" i="2" s="1"/>
  <c r="H5659" i="2" a="1"/>
  <c r="H5659" i="2" s="1"/>
  <c r="H5666" i="2" a="1"/>
  <c r="H5666" i="2" s="1"/>
  <c r="H5653" i="2" a="1"/>
  <c r="H5653" i="2" s="1"/>
  <c r="H5661" i="2" a="1"/>
  <c r="H5661" i="2" s="1"/>
  <c r="H5652" i="2" a="1"/>
  <c r="H5652" i="2" s="1"/>
  <c r="H5662" i="2" a="1"/>
  <c r="H5662" i="2" s="1"/>
  <c r="H5655" i="2" a="1"/>
  <c r="H5655" i="2" s="1"/>
  <c r="H5660" i="2" a="1"/>
  <c r="H5660" i="2" s="1"/>
  <c r="H5656" i="2" a="1"/>
  <c r="H5656" i="2" s="1"/>
  <c r="H5663" i="2" a="1"/>
  <c r="H5663" i="2" s="1"/>
  <c r="H5668" i="2" a="1"/>
  <c r="H5668" i="2" s="1"/>
  <c r="H5671" i="2" a="1"/>
  <c r="H5671" i="2" s="1"/>
  <c r="H5672" i="2" a="1"/>
  <c r="H5672" i="2" s="1"/>
  <c r="H5669" i="2" a="1"/>
  <c r="H5669" i="2" s="1"/>
  <c r="H5673" i="2" a="1"/>
  <c r="H5673" i="2" s="1"/>
  <c r="H5657" i="2" a="1"/>
  <c r="H5657" i="2" s="1"/>
  <c r="D2466" i="2" a="1"/>
  <c r="D2466" i="2" s="1"/>
  <c r="D2462" i="2" a="1"/>
  <c r="D2462" i="2" s="1"/>
  <c r="D2474" i="2" a="1"/>
  <c r="D2474" i="2" s="1"/>
  <c r="D2477" i="2" a="1"/>
  <c r="D2477" i="2" s="1"/>
  <c r="D2468" i="2" a="1"/>
  <c r="D2468" i="2" s="1"/>
  <c r="D2460" i="2" a="1"/>
  <c r="D2460" i="2" s="1"/>
  <c r="D2472" i="2" a="1"/>
  <c r="D2472" i="2" s="1"/>
  <c r="D2480" i="2" a="1"/>
  <c r="D2480" i="2" s="1"/>
  <c r="D2476" i="2" a="1"/>
  <c r="D2476" i="2" s="1"/>
  <c r="H1231" i="2" a="1"/>
  <c r="H1231" i="2" s="1"/>
  <c r="H1223" i="2" a="1"/>
  <c r="H1223" i="2" s="1"/>
  <c r="H1226" i="2" a="1"/>
  <c r="H1226" i="2" s="1"/>
  <c r="H1224" i="2" a="1"/>
  <c r="H1224" i="2" s="1"/>
  <c r="H1222" i="2" a="1"/>
  <c r="H1222" i="2" s="1"/>
  <c r="H1215" i="2" a="1"/>
  <c r="H1215" i="2" s="1"/>
  <c r="H1228" i="2" a="1"/>
  <c r="H1228" i="2" s="1"/>
  <c r="H1216" i="2" a="1"/>
  <c r="H1216" i="2" s="1"/>
  <c r="H1210" i="2" a="1"/>
  <c r="H1210" i="2" s="1"/>
  <c r="H1233" i="2" a="1"/>
  <c r="H1233" i="2" s="1"/>
  <c r="H1221" i="2" a="1"/>
  <c r="H1221" i="2" s="1"/>
  <c r="H1212" i="2" a="1"/>
  <c r="H1212" i="2" s="1"/>
  <c r="E2370" i="2" a="1"/>
  <c r="E2370" i="2" s="1"/>
  <c r="E2365" i="2" a="1"/>
  <c r="E2365" i="2" s="1"/>
  <c r="E2367" i="2" a="1"/>
  <c r="E2367" i="2" s="1"/>
  <c r="E2383" i="2" a="1"/>
  <c r="E2383" i="2" s="1"/>
  <c r="E2368" i="2" a="1"/>
  <c r="E2368" i="2" s="1"/>
  <c r="E2362" i="2" a="1"/>
  <c r="E2362" i="2" s="1"/>
  <c r="E2371" i="2" a="1"/>
  <c r="E2371" i="2" s="1"/>
  <c r="E2374" i="2" a="1"/>
  <c r="E2374" i="2" s="1"/>
  <c r="E2380" i="2" a="1"/>
  <c r="E2380" i="2" s="1"/>
  <c r="E2379" i="2" a="1"/>
  <c r="E2379" i="2" s="1"/>
  <c r="E2366" i="2" a="1"/>
  <c r="E2366" i="2" s="1"/>
  <c r="E2382" i="2" a="1"/>
  <c r="E2382" i="2" s="1"/>
  <c r="E2373" i="2" a="1"/>
  <c r="E2373" i="2" s="1"/>
  <c r="G8090" i="2" a="1"/>
  <c r="G8090" i="2" s="1"/>
  <c r="G8096" i="2" a="1"/>
  <c r="G8096" i="2" s="1"/>
  <c r="G8082" i="2" a="1"/>
  <c r="G8082" i="2" s="1"/>
  <c r="G8091" i="2" a="1"/>
  <c r="G8091" i="2" s="1"/>
  <c r="G8085" i="2" a="1"/>
  <c r="G8085" i="2" s="1"/>
  <c r="G8086" i="2" a="1"/>
  <c r="G8086" i="2" s="1"/>
  <c r="G8095" i="2" a="1"/>
  <c r="G8095" i="2" s="1"/>
  <c r="G8076" i="2" a="1"/>
  <c r="G8076" i="2" s="1"/>
  <c r="G8093" i="2" a="1"/>
  <c r="G8093" i="2" s="1"/>
  <c r="G8083" i="2" a="1"/>
  <c r="G8083" i="2" s="1"/>
  <c r="G8089" i="2" a="1"/>
  <c r="G8089" i="2" s="1"/>
  <c r="G8078" i="2" a="1"/>
  <c r="G8078" i="2" s="1"/>
  <c r="G6372" i="2" a="1"/>
  <c r="G6372" i="2" s="1"/>
  <c r="G6382" i="2" a="1"/>
  <c r="G6382" i="2" s="1"/>
  <c r="G6386" i="2" a="1"/>
  <c r="G6386" i="2" s="1"/>
  <c r="G6376" i="2" a="1"/>
  <c r="G6376" i="2" s="1"/>
  <c r="G6375" i="2" a="1"/>
  <c r="G6375" i="2" s="1"/>
  <c r="G6389" i="2" a="1"/>
  <c r="G6389" i="2" s="1"/>
  <c r="G6390" i="2" a="1"/>
  <c r="G6390" i="2" s="1"/>
  <c r="G6391" i="2" a="1"/>
  <c r="G6391" i="2" s="1"/>
  <c r="G6381" i="2" a="1"/>
  <c r="G6381" i="2" s="1"/>
  <c r="G6373" i="2" a="1"/>
  <c r="G6373" i="2" s="1"/>
  <c r="G6370" i="2" a="1"/>
  <c r="G6370" i="2" s="1"/>
  <c r="G6378" i="2" a="1"/>
  <c r="G6378" i="2" s="1"/>
  <c r="G6393" i="2" a="1"/>
  <c r="G6393" i="2" s="1"/>
  <c r="G6374" i="2" a="1"/>
  <c r="G6374" i="2" s="1"/>
  <c r="G6377" i="2" a="1"/>
  <c r="G6377" i="2" s="1"/>
  <c r="G6387" i="2" a="1"/>
  <c r="G6387" i="2" s="1"/>
  <c r="G6379" i="2" a="1"/>
  <c r="G6379" i="2" s="1"/>
  <c r="G6392" i="2" a="1"/>
  <c r="G6392" i="2" s="1"/>
  <c r="H1534" i="2" a="1"/>
  <c r="H1534" i="2" s="1"/>
  <c r="F5174" i="2" a="1"/>
  <c r="F5174" i="2" s="1"/>
  <c r="G3623" i="2" a="1"/>
  <c r="G3623" i="2" s="1"/>
  <c r="G3622" i="2" a="1"/>
  <c r="G3622" i="2" s="1"/>
  <c r="G3626" i="2" a="1"/>
  <c r="G3626" i="2" s="1"/>
  <c r="G3625" i="2" a="1"/>
  <c r="G3625" i="2" s="1"/>
  <c r="G3610" i="2" a="1"/>
  <c r="G3610" i="2" s="1"/>
  <c r="G3618" i="2" a="1"/>
  <c r="G3618" i="2" s="1"/>
  <c r="G3627" i="2" a="1"/>
  <c r="G3627" i="2" s="1"/>
  <c r="G3629" i="2" a="1"/>
  <c r="G3629" i="2" s="1"/>
  <c r="G3615" i="2" a="1"/>
  <c r="G3615" i="2" s="1"/>
  <c r="G3633" i="2" a="1"/>
  <c r="G3633" i="2" s="1"/>
  <c r="G3614" i="2" a="1"/>
  <c r="G3614" i="2" s="1"/>
  <c r="G3630" i="2" a="1"/>
  <c r="G3630" i="2" s="1"/>
  <c r="F7296" i="2" a="1"/>
  <c r="F7296" i="2" s="1"/>
  <c r="F7284" i="2" a="1"/>
  <c r="F7284" i="2" s="1"/>
  <c r="F7287" i="2" a="1"/>
  <c r="F7287" i="2" s="1"/>
  <c r="F7304" i="2" a="1"/>
  <c r="F7304" i="2" s="1"/>
  <c r="F7288" i="2" a="1"/>
  <c r="F7288" i="2" s="1"/>
  <c r="F7285" i="2" a="1"/>
  <c r="F7285" i="2" s="1"/>
  <c r="F7305" i="2" a="1"/>
  <c r="F7305" i="2" s="1"/>
  <c r="F7283" i="2" a="1"/>
  <c r="F7283" i="2" s="1"/>
  <c r="F7299" i="2" a="1"/>
  <c r="F7299" i="2" s="1"/>
  <c r="F7289" i="2" a="1"/>
  <c r="F7289" i="2" s="1"/>
  <c r="F7294" i="2" a="1"/>
  <c r="F7294" i="2" s="1"/>
  <c r="F7290" i="2" a="1"/>
  <c r="F7290" i="2" s="1"/>
  <c r="F7291" i="2" a="1"/>
  <c r="F7291" i="2" s="1"/>
  <c r="G6900" i="2" a="1"/>
  <c r="G6900" i="2" s="1"/>
  <c r="G6909" i="2" a="1"/>
  <c r="G6909" i="2" s="1"/>
  <c r="G6906" i="2" a="1"/>
  <c r="G6906" i="2" s="1"/>
  <c r="G6913" i="2" a="1"/>
  <c r="G6913" i="2" s="1"/>
  <c r="G6911" i="2" a="1"/>
  <c r="G6911" i="2" s="1"/>
  <c r="G6901" i="2" a="1"/>
  <c r="G6901" i="2" s="1"/>
  <c r="G6903" i="2" a="1"/>
  <c r="G6903" i="2" s="1"/>
  <c r="G6917" i="2" a="1"/>
  <c r="G6917" i="2" s="1"/>
  <c r="G6920" i="2" a="1"/>
  <c r="G6920" i="2" s="1"/>
  <c r="G6904" i="2" a="1"/>
  <c r="G6904" i="2" s="1"/>
  <c r="G6902" i="2" a="1"/>
  <c r="G6902" i="2" s="1"/>
  <c r="G6912" i="2" a="1"/>
  <c r="G6912" i="2" s="1"/>
  <c r="G6905" i="2" a="1"/>
  <c r="G6905" i="2" s="1"/>
  <c r="G6916" i="2" a="1"/>
  <c r="G6916" i="2" s="1"/>
  <c r="G6907" i="2" a="1"/>
  <c r="G6907" i="2" s="1"/>
  <c r="G6918" i="2" a="1"/>
  <c r="G6918" i="2" s="1"/>
  <c r="G6914" i="2" a="1"/>
  <c r="G6914" i="2" s="1"/>
  <c r="G6910" i="2" a="1"/>
  <c r="G6910" i="2" s="1"/>
  <c r="G6919" i="2" a="1"/>
  <c r="G6919" i="2" s="1"/>
  <c r="G6921" i="2" a="1"/>
  <c r="G6921" i="2" s="1"/>
  <c r="G6898" i="2" a="1"/>
  <c r="G6898" i="2" s="1"/>
  <c r="G6915" i="2" a="1"/>
  <c r="G6915" i="2" s="1"/>
  <c r="G6899" i="2" a="1"/>
  <c r="G6899" i="2" s="1"/>
  <c r="G6908" i="2" a="1"/>
  <c r="G6908" i="2" s="1"/>
  <c r="F298" i="2" a="1"/>
  <c r="F298" i="2" s="1"/>
  <c r="H6982" i="2" a="1"/>
  <c r="H6982" i="2" s="1"/>
  <c r="H6971" i="2" a="1"/>
  <c r="H6971" i="2" s="1"/>
  <c r="H6984" i="2" a="1"/>
  <c r="H6984" i="2" s="1"/>
  <c r="H6991" i="2" a="1"/>
  <c r="H6991" i="2" s="1"/>
  <c r="H6986" i="2" a="1"/>
  <c r="H6986" i="2" s="1"/>
  <c r="H6990" i="2" a="1"/>
  <c r="H6990" i="2" s="1"/>
  <c r="H6977" i="2" a="1"/>
  <c r="H6977" i="2" s="1"/>
  <c r="H6980" i="2" a="1"/>
  <c r="H6980" i="2" s="1"/>
  <c r="H6974" i="2" a="1"/>
  <c r="H6974" i="2" s="1"/>
  <c r="H6975" i="2" a="1"/>
  <c r="H6975" i="2" s="1"/>
  <c r="H6992" i="2" a="1"/>
  <c r="H6992" i="2" s="1"/>
  <c r="H6976" i="2" a="1"/>
  <c r="H6976" i="2" s="1"/>
  <c r="H6985" i="2" a="1"/>
  <c r="H6985" i="2" s="1"/>
  <c r="H6981" i="2" a="1"/>
  <c r="H6981" i="2" s="1"/>
  <c r="H6978" i="2" a="1"/>
  <c r="H6978" i="2" s="1"/>
  <c r="H6983" i="2" a="1"/>
  <c r="H6983" i="2" s="1"/>
  <c r="H6993" i="2" a="1"/>
  <c r="H6993" i="2" s="1"/>
  <c r="H6970" i="2" a="1"/>
  <c r="H6970" i="2" s="1"/>
  <c r="H6988" i="2" a="1"/>
  <c r="H6988" i="2" s="1"/>
  <c r="H6987" i="2" a="1"/>
  <c r="H6987" i="2" s="1"/>
  <c r="H6989" i="2" a="1"/>
  <c r="H6989" i="2" s="1"/>
  <c r="H6972" i="2" a="1"/>
  <c r="H6972" i="2" s="1"/>
  <c r="H6979" i="2" a="1"/>
  <c r="H6979" i="2" s="1"/>
  <c r="H6973" i="2" a="1"/>
  <c r="H6973" i="2" s="1"/>
  <c r="E3431" i="2" a="1"/>
  <c r="E3431" i="2" s="1"/>
  <c r="F7202" i="2" a="1"/>
  <c r="F7202" i="2" s="1"/>
  <c r="F7194" i="2" a="1"/>
  <c r="F7194" i="2" s="1"/>
  <c r="F7195" i="2" a="1"/>
  <c r="F7195" i="2" s="1"/>
  <c r="D3039" i="2" a="1"/>
  <c r="D3039" i="2" s="1"/>
  <c r="D3048" i="2" a="1"/>
  <c r="D3048" i="2" s="1"/>
  <c r="D3045" i="2" a="1"/>
  <c r="D3045" i="2" s="1"/>
  <c r="D3050" i="2" a="1"/>
  <c r="D3050" i="2" s="1"/>
  <c r="D3055" i="2" a="1"/>
  <c r="D3055" i="2" s="1"/>
  <c r="D3035" i="2" a="1"/>
  <c r="D3035" i="2" s="1"/>
  <c r="D3047" i="2" a="1"/>
  <c r="D3047" i="2" s="1"/>
  <c r="D3042" i="2" a="1"/>
  <c r="D3042" i="2" s="1"/>
  <c r="D3044" i="2" a="1"/>
  <c r="D3044" i="2" s="1"/>
  <c r="D3034" i="2" a="1"/>
  <c r="D3034" i="2" s="1"/>
  <c r="D3049" i="2" a="1"/>
  <c r="D3049" i="2" s="1"/>
  <c r="D3053" i="2" a="1"/>
  <c r="D3053" i="2" s="1"/>
  <c r="D3041" i="2" a="1"/>
  <c r="D3041" i="2" s="1"/>
  <c r="D3046" i="2" a="1"/>
  <c r="D3046" i="2" s="1"/>
  <c r="E678" i="2" a="1"/>
  <c r="E678" i="2" s="1"/>
  <c r="E673" i="2" a="1"/>
  <c r="E673" i="2" s="1"/>
  <c r="E659" i="2" a="1"/>
  <c r="E659" i="2" s="1"/>
  <c r="E674" i="2" a="1"/>
  <c r="E674" i="2" s="1"/>
  <c r="E670" i="2" a="1"/>
  <c r="E670" i="2" s="1"/>
  <c r="E658" i="2" a="1"/>
  <c r="E658" i="2" s="1"/>
  <c r="E665" i="2" a="1"/>
  <c r="E665" i="2" s="1"/>
  <c r="E675" i="2" a="1"/>
  <c r="E675" i="2" s="1"/>
  <c r="E677" i="2" a="1"/>
  <c r="E677" i="2" s="1"/>
  <c r="E664" i="2" a="1"/>
  <c r="E664" i="2" s="1"/>
  <c r="E680" i="2" a="1"/>
  <c r="E680" i="2" s="1"/>
  <c r="E662" i="2" a="1"/>
  <c r="E662" i="2" s="1"/>
  <c r="E667" i="2" a="1"/>
  <c r="E667" i="2" s="1"/>
  <c r="E672" i="2" a="1"/>
  <c r="E672" i="2" s="1"/>
  <c r="E663" i="2" a="1"/>
  <c r="E663" i="2" s="1"/>
  <c r="E669" i="2" a="1"/>
  <c r="E669" i="2" s="1"/>
  <c r="F5899" i="2" a="1"/>
  <c r="F5899" i="2" s="1"/>
  <c r="E1209" i="2" a="1"/>
  <c r="E1209" i="2" s="1"/>
  <c r="F3564" i="2" a="1"/>
  <c r="F3564" i="2" s="1"/>
  <c r="F3573" i="2" a="1"/>
  <c r="F3573" i="2" s="1"/>
  <c r="F3569" i="2" a="1"/>
  <c r="F3569" i="2" s="1"/>
  <c r="F3563" i="2" a="1"/>
  <c r="F3563" i="2" s="1"/>
  <c r="F3566" i="2" a="1"/>
  <c r="F3566" i="2" s="1"/>
  <c r="F3568" i="2" a="1"/>
  <c r="F3568" i="2" s="1"/>
  <c r="F3576" i="2" a="1"/>
  <c r="F3576" i="2" s="1"/>
  <c r="F3562" i="2" a="1"/>
  <c r="F3562" i="2" s="1"/>
  <c r="F3578" i="2" a="1"/>
  <c r="F3578" i="2" s="1"/>
  <c r="F3572" i="2" a="1"/>
  <c r="F3572" i="2" s="1"/>
  <c r="F3577" i="2" a="1"/>
  <c r="F3577" i="2" s="1"/>
  <c r="F3583" i="2" a="1"/>
  <c r="F3583" i="2" s="1"/>
  <c r="F3585" i="2" a="1"/>
  <c r="F3585" i="2" s="1"/>
  <c r="D3811" i="2" a="1"/>
  <c r="D3811" i="2" s="1"/>
  <c r="D3815" i="2" a="1"/>
  <c r="D3815" i="2" s="1"/>
  <c r="D3823" i="2" a="1"/>
  <c r="D3823" i="2" s="1"/>
  <c r="D3825" i="2" a="1"/>
  <c r="D3825" i="2" s="1"/>
  <c r="D3812" i="2" a="1"/>
  <c r="D3812" i="2" s="1"/>
  <c r="D3821" i="2" a="1"/>
  <c r="D3821" i="2" s="1"/>
  <c r="D3809" i="2" a="1"/>
  <c r="D3809" i="2" s="1"/>
  <c r="D3814" i="2" a="1"/>
  <c r="D3814" i="2" s="1"/>
  <c r="D3802" i="2" a="1"/>
  <c r="D3802" i="2" s="1"/>
  <c r="D3808" i="2" a="1"/>
  <c r="D3808" i="2" s="1"/>
  <c r="D3816" i="2" a="1"/>
  <c r="D3816" i="2" s="1"/>
  <c r="D3817" i="2" a="1"/>
  <c r="D3817" i="2" s="1"/>
  <c r="D3820" i="2" a="1"/>
  <c r="D3820" i="2" s="1"/>
  <c r="D3810" i="2" a="1"/>
  <c r="D3810" i="2" s="1"/>
  <c r="D3813" i="2" a="1"/>
  <c r="D3813" i="2" s="1"/>
  <c r="D3804" i="2" a="1"/>
  <c r="D3804" i="2" s="1"/>
  <c r="D3806" i="2" a="1"/>
  <c r="D3806" i="2" s="1"/>
  <c r="D3807" i="2" a="1"/>
  <c r="D3807" i="2" s="1"/>
  <c r="D3822" i="2" a="1"/>
  <c r="D3822" i="2" s="1"/>
  <c r="D3824" i="2" a="1"/>
  <c r="D3824" i="2" s="1"/>
  <c r="E4683" i="2" a="1"/>
  <c r="E4683" i="2" s="1"/>
  <c r="E4679" i="2" a="1"/>
  <c r="E4679" i="2" s="1"/>
  <c r="E4668" i="2" a="1"/>
  <c r="E4668" i="2" s="1"/>
  <c r="E4685" i="2" a="1"/>
  <c r="E4685" i="2" s="1"/>
  <c r="E4680" i="2" a="1"/>
  <c r="E4680" i="2" s="1"/>
  <c r="E4676" i="2" a="1"/>
  <c r="E4676" i="2" s="1"/>
  <c r="E4684" i="2" a="1"/>
  <c r="E4684" i="2" s="1"/>
  <c r="E4687" i="2" a="1"/>
  <c r="E4687" i="2" s="1"/>
  <c r="E4675" i="2" a="1"/>
  <c r="E4675" i="2" s="1"/>
  <c r="E4689" i="2" a="1"/>
  <c r="E4689" i="2" s="1"/>
  <c r="E4677" i="2" a="1"/>
  <c r="E4677" i="2" s="1"/>
  <c r="E4688" i="2" a="1"/>
  <c r="E4688" i="2" s="1"/>
  <c r="E4681" i="2" a="1"/>
  <c r="E4681" i="2" s="1"/>
  <c r="E4670" i="2" a="1"/>
  <c r="E4670" i="2" s="1"/>
  <c r="E4678" i="2" a="1"/>
  <c r="E4678" i="2" s="1"/>
  <c r="E4682" i="2" a="1"/>
  <c r="E4682" i="2" s="1"/>
  <c r="E4686" i="2" a="1"/>
  <c r="E4686" i="2" s="1"/>
  <c r="E4672" i="2" a="1"/>
  <c r="E4672" i="2" s="1"/>
  <c r="E4674" i="2" a="1"/>
  <c r="E4674" i="2" s="1"/>
  <c r="E4666" i="2" a="1"/>
  <c r="E4666" i="2" s="1"/>
  <c r="G3374" i="2" a="1"/>
  <c r="G3374" i="2" s="1"/>
  <c r="G3380" i="2" a="1"/>
  <c r="G3380" i="2" s="1"/>
  <c r="G3392" i="2" a="1"/>
  <c r="G3392" i="2" s="1"/>
  <c r="G3381" i="2" a="1"/>
  <c r="G3381" i="2" s="1"/>
  <c r="G3389" i="2" a="1"/>
  <c r="G3389" i="2" s="1"/>
  <c r="G3383" i="2" a="1"/>
  <c r="G3383" i="2" s="1"/>
  <c r="G3387" i="2" a="1"/>
  <c r="G3387" i="2" s="1"/>
  <c r="G3382" i="2" a="1"/>
  <c r="G3382" i="2" s="1"/>
  <c r="G3370" i="2" a="1"/>
  <c r="G3370" i="2" s="1"/>
  <c r="G3377" i="2" a="1"/>
  <c r="G3377" i="2" s="1"/>
  <c r="G3388" i="2" a="1"/>
  <c r="G3388" i="2" s="1"/>
  <c r="G3379" i="2" a="1"/>
  <c r="G3379" i="2" s="1"/>
  <c r="G3371" i="2" a="1"/>
  <c r="G3371" i="2" s="1"/>
  <c r="G3385" i="2" a="1"/>
  <c r="G3385" i="2" s="1"/>
  <c r="G3391" i="2" a="1"/>
  <c r="G3391" i="2" s="1"/>
  <c r="G3386" i="2" a="1"/>
  <c r="G3386" i="2" s="1"/>
  <c r="G3390" i="2" a="1"/>
  <c r="G3390" i="2" s="1"/>
  <c r="G3378" i="2" a="1"/>
  <c r="G3378" i="2" s="1"/>
  <c r="G3373" i="2" a="1"/>
  <c r="G3373" i="2" s="1"/>
  <c r="G3384" i="2" a="1"/>
  <c r="G3384" i="2" s="1"/>
  <c r="G3375" i="2" a="1"/>
  <c r="G3375" i="2" s="1"/>
  <c r="G3376" i="2" a="1"/>
  <c r="G3376" i="2" s="1"/>
  <c r="G3393" i="2" a="1"/>
  <c r="G3393" i="2" s="1"/>
  <c r="F2021" i="2" a="1"/>
  <c r="F2021" i="2" s="1"/>
  <c r="F2023" i="2" a="1"/>
  <c r="F2023" i="2" s="1"/>
  <c r="F2002" i="2" a="1"/>
  <c r="F2002" i="2" s="1"/>
  <c r="F2020" i="2" a="1"/>
  <c r="F2020" i="2" s="1"/>
  <c r="F2007" i="2" a="1"/>
  <c r="F2007" i="2" s="1"/>
  <c r="F2005" i="2" a="1"/>
  <c r="F2005" i="2" s="1"/>
  <c r="F2013" i="2" a="1"/>
  <c r="F2013" i="2" s="1"/>
  <c r="F2008" i="2" a="1"/>
  <c r="F2008" i="2" s="1"/>
  <c r="F2006" i="2" a="1"/>
  <c r="F2006" i="2" s="1"/>
  <c r="F2016" i="2" a="1"/>
  <c r="F2016" i="2" s="1"/>
  <c r="F2017" i="2" a="1"/>
  <c r="F2017" i="2" s="1"/>
  <c r="F2010" i="2" a="1"/>
  <c r="F2010" i="2" s="1"/>
  <c r="F2014" i="2" a="1"/>
  <c r="F2014" i="2" s="1"/>
  <c r="F2012" i="2" a="1"/>
  <c r="F2012" i="2" s="1"/>
  <c r="F1573" i="2" a="1"/>
  <c r="F1573" i="2" s="1"/>
  <c r="F1582" i="2" a="1"/>
  <c r="F1582" i="2" s="1"/>
  <c r="F1583" i="2" a="1"/>
  <c r="F1583" i="2" s="1"/>
  <c r="F1572" i="2" a="1"/>
  <c r="F1572" i="2" s="1"/>
  <c r="E8322" i="2" a="1"/>
  <c r="E8322" i="2" s="1"/>
  <c r="E8326" i="2" a="1"/>
  <c r="E8326" i="2" s="1"/>
  <c r="E8329" i="2" a="1"/>
  <c r="E8329" i="2" s="1"/>
  <c r="E8315" i="2" a="1"/>
  <c r="E8315" i="2" s="1"/>
  <c r="E8333" i="2" a="1"/>
  <c r="E8333" i="2" s="1"/>
  <c r="E8328" i="2" a="1"/>
  <c r="E8328" i="2" s="1"/>
  <c r="E8334" i="2" a="1"/>
  <c r="E8334" i="2" s="1"/>
  <c r="E8319" i="2" a="1"/>
  <c r="E8319" i="2" s="1"/>
  <c r="E8320" i="2" a="1"/>
  <c r="E8320" i="2" s="1"/>
  <c r="E8336" i="2" a="1"/>
  <c r="E8336" i="2" s="1"/>
  <c r="E8317" i="2" a="1"/>
  <c r="E8317" i="2" s="1"/>
  <c r="H3334" i="2" a="1"/>
  <c r="H3334" i="2" s="1"/>
  <c r="H3343" i="2" a="1"/>
  <c r="H3343" i="2" s="1"/>
  <c r="H3332" i="2" a="1"/>
  <c r="H3332" i="2" s="1"/>
  <c r="H3340" i="2" a="1"/>
  <c r="H3340" i="2" s="1"/>
  <c r="H3327" i="2" a="1"/>
  <c r="H3327" i="2" s="1"/>
  <c r="H3333" i="2" a="1"/>
  <c r="H3333" i="2" s="1"/>
  <c r="H3322" i="2" a="1"/>
  <c r="H3322" i="2" s="1"/>
  <c r="H3328" i="2" a="1"/>
  <c r="H3328" i="2" s="1"/>
  <c r="H3330" i="2" a="1"/>
  <c r="H3330" i="2" s="1"/>
  <c r="H3336" i="2" a="1"/>
  <c r="H3336" i="2" s="1"/>
  <c r="H3344" i="2" a="1"/>
  <c r="H3344" i="2" s="1"/>
  <c r="H3323" i="2" a="1"/>
  <c r="H3323" i="2" s="1"/>
  <c r="H3342" i="2" a="1"/>
  <c r="H3342" i="2" s="1"/>
  <c r="H3339" i="2" a="1"/>
  <c r="H3339" i="2" s="1"/>
  <c r="H3335" i="2" a="1"/>
  <c r="H3335" i="2" s="1"/>
  <c r="H3324" i="2" a="1"/>
  <c r="H3324" i="2" s="1"/>
  <c r="H3341" i="2" a="1"/>
  <c r="H3341" i="2" s="1"/>
  <c r="H3326" i="2" a="1"/>
  <c r="H3326" i="2" s="1"/>
  <c r="E7521" i="2" a="1"/>
  <c r="E7521" i="2" s="1"/>
  <c r="F6278" i="2" a="1"/>
  <c r="F6278" i="2" s="1"/>
  <c r="F6286" i="2" a="1"/>
  <c r="F6286" i="2" s="1"/>
  <c r="F6275" i="2" a="1"/>
  <c r="F6275" i="2" s="1"/>
  <c r="F6289" i="2" a="1"/>
  <c r="F6289" i="2" s="1"/>
  <c r="F6284" i="2" a="1"/>
  <c r="F6284" i="2" s="1"/>
  <c r="F6276" i="2" a="1"/>
  <c r="F6276" i="2" s="1"/>
  <c r="H7799" i="2" a="1"/>
  <c r="H7799" i="2" s="1"/>
  <c r="H7805" i="2" a="1"/>
  <c r="H7805" i="2" s="1"/>
  <c r="H7806" i="2" a="1"/>
  <c r="H7806" i="2" s="1"/>
  <c r="H7809" i="2" a="1"/>
  <c r="H7809" i="2" s="1"/>
  <c r="H7801" i="2" a="1"/>
  <c r="H7801" i="2" s="1"/>
  <c r="H7790" i="2" a="1"/>
  <c r="H7790" i="2" s="1"/>
  <c r="H7802" i="2" a="1"/>
  <c r="H7802" i="2" s="1"/>
  <c r="H7788" i="2" a="1"/>
  <c r="H7788" i="2" s="1"/>
  <c r="H7803" i="2" a="1"/>
  <c r="H7803" i="2" s="1"/>
  <c r="H7800" i="2" a="1"/>
  <c r="H7800" i="2" s="1"/>
  <c r="H7786" i="2" a="1"/>
  <c r="H7786" i="2" s="1"/>
  <c r="H7804" i="2" a="1"/>
  <c r="H7804" i="2" s="1"/>
  <c r="H7797" i="2" a="1"/>
  <c r="H7797" i="2" s="1"/>
  <c r="H7789" i="2" a="1"/>
  <c r="H7789" i="2" s="1"/>
  <c r="H7808" i="2" a="1"/>
  <c r="H7808" i="2" s="1"/>
  <c r="F8710" i="2" a="1"/>
  <c r="F8710" i="2" s="1"/>
  <c r="F8703" i="2" a="1"/>
  <c r="F8703" i="2" s="1"/>
  <c r="F8705" i="2" a="1"/>
  <c r="F8705" i="2" s="1"/>
  <c r="F8704" i="2" a="1"/>
  <c r="F8704" i="2" s="1"/>
  <c r="F8698" i="2" a="1"/>
  <c r="F8698" i="2" s="1"/>
  <c r="F8718" i="2" a="1"/>
  <c r="F8718" i="2" s="1"/>
  <c r="F8702" i="2" a="1"/>
  <c r="F8702" i="2" s="1"/>
  <c r="F8709" i="2" a="1"/>
  <c r="F8709" i="2" s="1"/>
  <c r="F8714" i="2" a="1"/>
  <c r="F8714" i="2" s="1"/>
  <c r="F8708" i="2" a="1"/>
  <c r="F8708" i="2" s="1"/>
  <c r="F8706" i="2" a="1"/>
  <c r="F8706" i="2" s="1"/>
  <c r="F8711" i="2" a="1"/>
  <c r="F8711" i="2" s="1"/>
  <c r="F8717" i="2" a="1"/>
  <c r="F8717" i="2" s="1"/>
  <c r="F8707" i="2" a="1"/>
  <c r="F8707" i="2" s="1"/>
  <c r="F8712" i="2" a="1"/>
  <c r="F8712" i="2" s="1"/>
  <c r="F8713" i="2" a="1"/>
  <c r="F8713" i="2" s="1"/>
  <c r="F8721" i="2" a="1"/>
  <c r="F8721" i="2" s="1"/>
  <c r="F8701" i="2" a="1"/>
  <c r="F8701" i="2" s="1"/>
  <c r="F8700" i="2" a="1"/>
  <c r="F8700" i="2" s="1"/>
  <c r="H3293" i="2" a="1"/>
  <c r="H3293" i="2" s="1"/>
  <c r="H7944" i="2" a="1"/>
  <c r="H7944" i="2" s="1"/>
  <c r="H7949" i="2" a="1"/>
  <c r="H7949" i="2" s="1"/>
  <c r="H7952" i="2" a="1"/>
  <c r="H7952" i="2" s="1"/>
  <c r="H7939" i="2" a="1"/>
  <c r="H7939" i="2" s="1"/>
  <c r="D1919" i="2" a="1"/>
  <c r="D1919" i="2" s="1"/>
  <c r="D1927" i="2" a="1"/>
  <c r="D1927" i="2" s="1"/>
  <c r="D1922" i="2" a="1"/>
  <c r="D1922" i="2" s="1"/>
  <c r="D1912" i="2" a="1"/>
  <c r="D1912" i="2" s="1"/>
  <c r="D1907" i="2" a="1"/>
  <c r="D1907" i="2" s="1"/>
  <c r="D1920" i="2" a="1"/>
  <c r="D1920" i="2" s="1"/>
  <c r="D1925" i="2" a="1"/>
  <c r="D1925" i="2" s="1"/>
  <c r="D1917" i="2" a="1"/>
  <c r="D1917" i="2" s="1"/>
  <c r="D1929" i="2" a="1"/>
  <c r="D1929" i="2" s="1"/>
  <c r="D1914" i="2" a="1"/>
  <c r="D1914" i="2" s="1"/>
  <c r="D1909" i="2" a="1"/>
  <c r="D1909" i="2" s="1"/>
  <c r="D1921" i="2" a="1"/>
  <c r="D1921" i="2" s="1"/>
  <c r="D1926" i="2" a="1"/>
  <c r="D1926" i="2" s="1"/>
  <c r="D1908" i="2" a="1"/>
  <c r="D1908" i="2" s="1"/>
  <c r="D1916" i="2" a="1"/>
  <c r="D1916" i="2" s="1"/>
  <c r="D1928" i="2" a="1"/>
  <c r="D1928" i="2" s="1"/>
  <c r="D1906" i="2" a="1"/>
  <c r="D1906" i="2" s="1"/>
  <c r="D1923" i="2" a="1"/>
  <c r="D1923" i="2" s="1"/>
  <c r="D7953" i="2" a="1"/>
  <c r="D7953" i="2" s="1"/>
  <c r="D7933" i="2" a="1"/>
  <c r="D7933" i="2" s="1"/>
  <c r="D7938" i="2" a="1"/>
  <c r="D7938" i="2" s="1"/>
  <c r="D7936" i="2" a="1"/>
  <c r="D7936" i="2" s="1"/>
  <c r="D7940" i="2" a="1"/>
  <c r="D7940" i="2" s="1"/>
  <c r="D7945" i="2" a="1"/>
  <c r="D7945" i="2" s="1"/>
  <c r="D7950" i="2" a="1"/>
  <c r="D7950" i="2" s="1"/>
  <c r="D7943" i="2" a="1"/>
  <c r="D7943" i="2" s="1"/>
  <c r="D7948" i="2" a="1"/>
  <c r="D7948" i="2" s="1"/>
  <c r="D7942" i="2" a="1"/>
  <c r="D7942" i="2" s="1"/>
  <c r="D7932" i="2" a="1"/>
  <c r="D7932" i="2" s="1"/>
  <c r="D7934" i="2" a="1"/>
  <c r="D7934" i="2" s="1"/>
  <c r="D7937" i="2" a="1"/>
  <c r="D7937" i="2" s="1"/>
  <c r="D7947" i="2" a="1"/>
  <c r="D7947" i="2" s="1"/>
  <c r="D7952" i="2" a="1"/>
  <c r="D7952" i="2" s="1"/>
  <c r="D7941" i="2" a="1"/>
  <c r="D7941" i="2" s="1"/>
  <c r="D7946" i="2" a="1"/>
  <c r="D7946" i="2" s="1"/>
  <c r="D7944" i="2" a="1"/>
  <c r="D7944" i="2" s="1"/>
  <c r="F8265" i="2" a="1"/>
  <c r="F8265" i="2" s="1"/>
  <c r="F8263" i="2" a="1"/>
  <c r="F8263" i="2" s="1"/>
  <c r="F8250" i="2" a="1"/>
  <c r="F8250" i="2" s="1"/>
  <c r="E6390" i="2" a="1"/>
  <c r="E6390" i="2" s="1"/>
  <c r="E6385" i="2" a="1"/>
  <c r="E6385" i="2" s="1"/>
  <c r="E6374" i="2" a="1"/>
  <c r="E6374" i="2" s="1"/>
  <c r="E6392" i="2" a="1"/>
  <c r="E6392" i="2" s="1"/>
  <c r="E6381" i="2" a="1"/>
  <c r="E6381" i="2" s="1"/>
  <c r="E6379" i="2" a="1"/>
  <c r="E6379" i="2" s="1"/>
  <c r="E6393" i="2" a="1"/>
  <c r="E6393" i="2" s="1"/>
  <c r="E6372" i="2" a="1"/>
  <c r="E6372" i="2" s="1"/>
  <c r="E6386" i="2" a="1"/>
  <c r="E6386" i="2" s="1"/>
  <c r="E6388" i="2" a="1"/>
  <c r="E6388" i="2" s="1"/>
  <c r="E6382" i="2" a="1"/>
  <c r="E6382" i="2" s="1"/>
  <c r="E6370" i="2" a="1"/>
  <c r="E6370" i="2" s="1"/>
  <c r="E6389" i="2" a="1"/>
  <c r="E6389" i="2" s="1"/>
  <c r="E6383" i="2" a="1"/>
  <c r="E6383" i="2" s="1"/>
  <c r="E6375" i="2" a="1"/>
  <c r="E6375" i="2" s="1"/>
  <c r="E6378" i="2" a="1"/>
  <c r="E6378" i="2" s="1"/>
  <c r="E6384" i="2" a="1"/>
  <c r="E6384" i="2" s="1"/>
  <c r="F352" i="2" a="1"/>
  <c r="F352" i="2" s="1"/>
  <c r="F358" i="2" a="1"/>
  <c r="F358" i="2" s="1"/>
  <c r="F348" i="2" a="1"/>
  <c r="F348" i="2" s="1"/>
  <c r="F366" i="2" a="1"/>
  <c r="F366" i="2" s="1"/>
  <c r="F346" i="2" a="1"/>
  <c r="F346" i="2" s="1"/>
  <c r="F356" i="2" a="1"/>
  <c r="F356" i="2" s="1"/>
  <c r="F347" i="2" a="1"/>
  <c r="F347" i="2" s="1"/>
  <c r="F363" i="2" a="1"/>
  <c r="F363" i="2" s="1"/>
  <c r="F360" i="2" a="1"/>
  <c r="F360" i="2" s="1"/>
  <c r="F364" i="2" a="1"/>
  <c r="F364" i="2" s="1"/>
  <c r="F361" i="2" a="1"/>
  <c r="F361" i="2" s="1"/>
  <c r="F365" i="2" a="1"/>
  <c r="F365" i="2" s="1"/>
  <c r="F357" i="2" a="1"/>
  <c r="F357" i="2" s="1"/>
  <c r="F369" i="2" a="1"/>
  <c r="F369" i="2" s="1"/>
  <c r="F355" i="2" a="1"/>
  <c r="F355" i="2" s="1"/>
  <c r="F359" i="2" a="1"/>
  <c r="F359" i="2" s="1"/>
  <c r="F367" i="2" a="1"/>
  <c r="F367" i="2" s="1"/>
  <c r="F354" i="2" a="1"/>
  <c r="F354" i="2" s="1"/>
  <c r="F349" i="2" a="1"/>
  <c r="F349" i="2" s="1"/>
  <c r="F368" i="2" a="1"/>
  <c r="F368" i="2" s="1"/>
  <c r="E6042" i="2" a="1"/>
  <c r="E6042" i="2" s="1"/>
  <c r="E6038" i="2" a="1"/>
  <c r="E6038" i="2" s="1"/>
  <c r="E6047" i="2" a="1"/>
  <c r="E6047" i="2" s="1"/>
  <c r="E6034" i="2" a="1"/>
  <c r="E6034" i="2" s="1"/>
  <c r="E6046" i="2" a="1"/>
  <c r="E6046" i="2" s="1"/>
  <c r="E6039" i="2" a="1"/>
  <c r="E6039" i="2" s="1"/>
  <c r="E6035" i="2" a="1"/>
  <c r="E6035" i="2" s="1"/>
  <c r="E6051" i="2" a="1"/>
  <c r="E6051" i="2" s="1"/>
  <c r="E6052" i="2" a="1"/>
  <c r="E6052" i="2" s="1"/>
  <c r="E6049" i="2" a="1"/>
  <c r="E6049" i="2" s="1"/>
  <c r="E6045" i="2" a="1"/>
  <c r="E6045" i="2" s="1"/>
  <c r="E6036" i="2" a="1"/>
  <c r="E6036" i="2" s="1"/>
  <c r="E6054" i="2" a="1"/>
  <c r="E6054" i="2" s="1"/>
  <c r="E6050" i="2" a="1"/>
  <c r="E6050" i="2" s="1"/>
  <c r="E6044" i="2" a="1"/>
  <c r="E6044" i="2" s="1"/>
  <c r="E7918" i="2" a="1"/>
  <c r="E7918" i="2" s="1"/>
  <c r="E7909" i="2" a="1"/>
  <c r="E7909" i="2" s="1"/>
  <c r="E7914" i="2" a="1"/>
  <c r="E7914" i="2" s="1"/>
  <c r="E7920" i="2" a="1"/>
  <c r="E7920" i="2" s="1"/>
  <c r="E7929" i="2" a="1"/>
  <c r="E7929" i="2" s="1"/>
  <c r="E7908" i="2" a="1"/>
  <c r="E7908" i="2" s="1"/>
  <c r="E7907" i="2" a="1"/>
  <c r="E7907" i="2" s="1"/>
  <c r="E7926" i="2" a="1"/>
  <c r="E7926" i="2" s="1"/>
  <c r="E7911" i="2" a="1"/>
  <c r="E7911" i="2" s="1"/>
  <c r="E7906" i="2" a="1"/>
  <c r="E7906" i="2" s="1"/>
  <c r="E7921" i="2" a="1"/>
  <c r="E7921" i="2" s="1"/>
  <c r="E7910" i="2" a="1"/>
  <c r="E7910" i="2" s="1"/>
  <c r="E7916" i="2" a="1"/>
  <c r="E7916" i="2" s="1"/>
  <c r="E7915" i="2" a="1"/>
  <c r="E7915" i="2" s="1"/>
  <c r="E8073" i="2" a="1"/>
  <c r="E8073" i="2" s="1"/>
  <c r="E8054" i="2" a="1"/>
  <c r="E8054" i="2" s="1"/>
  <c r="E8056" i="2" a="1"/>
  <c r="E8056" i="2" s="1"/>
  <c r="E8052" i="2" a="1"/>
  <c r="E8052" i="2" s="1"/>
  <c r="E8072" i="2" a="1"/>
  <c r="E8072" i="2" s="1"/>
  <c r="E8064" i="2" a="1"/>
  <c r="E8064" i="2" s="1"/>
  <c r="E8051" i="2" a="1"/>
  <c r="E8051" i="2" s="1"/>
  <c r="E8065" i="2" a="1"/>
  <c r="E8065" i="2" s="1"/>
  <c r="E8058" i="2" a="1"/>
  <c r="E8058" i="2" s="1"/>
  <c r="E8066" i="2" a="1"/>
  <c r="E8066" i="2" s="1"/>
  <c r="E8055" i="2" a="1"/>
  <c r="E8055" i="2" s="1"/>
  <c r="E8067" i="2" a="1"/>
  <c r="E8067" i="2" s="1"/>
  <c r="E8057" i="2" a="1"/>
  <c r="E8057" i="2" s="1"/>
  <c r="E8059" i="2" a="1"/>
  <c r="E8059" i="2" s="1"/>
  <c r="E8069" i="2" a="1"/>
  <c r="E8069" i="2" s="1"/>
  <c r="E8053" i="2" a="1"/>
  <c r="E8053" i="2" s="1"/>
  <c r="E8061" i="2" a="1"/>
  <c r="E8061" i="2" s="1"/>
  <c r="E8068" i="2" a="1"/>
  <c r="E8068" i="2" s="1"/>
  <c r="E8062" i="2" a="1"/>
  <c r="E8062" i="2" s="1"/>
  <c r="E8070" i="2" a="1"/>
  <c r="E8070" i="2" s="1"/>
  <c r="E8060" i="2" a="1"/>
  <c r="E8060" i="2" s="1"/>
  <c r="E8071" i="2" a="1"/>
  <c r="E8071" i="2" s="1"/>
  <c r="E8050" i="2" a="1"/>
  <c r="E8050" i="2" s="1"/>
  <c r="H5294" i="2" a="1"/>
  <c r="H5294" i="2" s="1"/>
  <c r="D1620" i="2" a="1"/>
  <c r="D1620" i="2" s="1"/>
  <c r="D1618" i="2" a="1"/>
  <c r="D1618" i="2" s="1"/>
  <c r="D1623" i="2" a="1"/>
  <c r="D1623" i="2" s="1"/>
  <c r="D1626" i="2" a="1"/>
  <c r="D1626" i="2" s="1"/>
  <c r="D1630" i="2" a="1"/>
  <c r="D1630" i="2" s="1"/>
  <c r="D1634" i="2" a="1"/>
  <c r="D1634" i="2" s="1"/>
  <c r="D1638" i="2" a="1"/>
  <c r="D1638" i="2" s="1"/>
  <c r="D1637" i="2" a="1"/>
  <c r="D1637" i="2" s="1"/>
  <c r="D1625" i="2" a="1"/>
  <c r="D1625" i="2" s="1"/>
  <c r="D1628" i="2" a="1"/>
  <c r="D1628" i="2" s="1"/>
  <c r="D1633" i="2" a="1"/>
  <c r="D1633" i="2" s="1"/>
  <c r="D1640" i="2" a="1"/>
  <c r="D1640" i="2" s="1"/>
  <c r="D1631" i="2" a="1"/>
  <c r="D1631" i="2" s="1"/>
  <c r="D1621" i="2" a="1"/>
  <c r="D1621" i="2" s="1"/>
  <c r="D1624" i="2" a="1"/>
  <c r="D1624" i="2" s="1"/>
  <c r="D1629" i="2" a="1"/>
  <c r="D1629" i="2" s="1"/>
  <c r="D1632" i="2" a="1"/>
  <c r="D1632" i="2" s="1"/>
  <c r="D1636" i="2" a="1"/>
  <c r="D1636" i="2" s="1"/>
  <c r="D1641" i="2" a="1"/>
  <c r="D1641" i="2" s="1"/>
  <c r="D1622" i="2" a="1"/>
  <c r="D1622" i="2" s="1"/>
  <c r="D1627" i="2" a="1"/>
  <c r="D1627" i="2" s="1"/>
  <c r="D1635" i="2" a="1"/>
  <c r="D1635" i="2" s="1"/>
  <c r="D1639" i="2" a="1"/>
  <c r="D1639" i="2" s="1"/>
  <c r="F4974" i="2" a="1"/>
  <c r="F4974" i="2" s="1"/>
  <c r="F4961" i="2" a="1"/>
  <c r="F4961" i="2" s="1"/>
  <c r="F4965" i="2" a="1"/>
  <c r="F4965" i="2" s="1"/>
  <c r="F4955" i="2" a="1"/>
  <c r="F4955" i="2" s="1"/>
  <c r="F4967" i="2" a="1"/>
  <c r="F4967" i="2" s="1"/>
  <c r="F4963" i="2" a="1"/>
  <c r="F4963" i="2" s="1"/>
  <c r="F4975" i="2" a="1"/>
  <c r="F4975" i="2" s="1"/>
  <c r="F4960" i="2" a="1"/>
  <c r="F4960" i="2" s="1"/>
  <c r="F4976" i="2" a="1"/>
  <c r="F4976" i="2" s="1"/>
  <c r="F4972" i="2" a="1"/>
  <c r="F4972" i="2" s="1"/>
  <c r="F4954" i="2" a="1"/>
  <c r="F4954" i="2" s="1"/>
  <c r="F4959" i="2" a="1"/>
  <c r="F4959" i="2" s="1"/>
  <c r="F4971" i="2" a="1"/>
  <c r="F4971" i="2" s="1"/>
  <c r="F4968" i="2" a="1"/>
  <c r="F4968" i="2" s="1"/>
  <c r="F4962" i="2" a="1"/>
  <c r="F4962" i="2" s="1"/>
  <c r="F4966" i="2" a="1"/>
  <c r="F4966" i="2" s="1"/>
  <c r="F4957" i="2" a="1"/>
  <c r="F4957" i="2" s="1"/>
  <c r="F4964" i="2" a="1"/>
  <c r="F4964" i="2" s="1"/>
  <c r="F4956" i="2" a="1"/>
  <c r="F4956" i="2" s="1"/>
  <c r="F4973" i="2" a="1"/>
  <c r="F4973" i="2" s="1"/>
  <c r="F4969" i="2" a="1"/>
  <c r="F4969" i="2" s="1"/>
  <c r="F4977" i="2" a="1"/>
  <c r="F4977" i="2" s="1"/>
  <c r="F4958" i="2" a="1"/>
  <c r="F4958" i="2" s="1"/>
  <c r="F4970" i="2" a="1"/>
  <c r="F4970" i="2" s="1"/>
  <c r="E5322" i="2" a="1"/>
  <c r="E5322" i="2" s="1"/>
  <c r="E5318" i="2" a="1"/>
  <c r="E5318" i="2" s="1"/>
  <c r="E5323" i="2" a="1"/>
  <c r="E5323" i="2" s="1"/>
  <c r="E5319" i="2" a="1"/>
  <c r="E5319" i="2" s="1"/>
  <c r="E5324" i="2" a="1"/>
  <c r="E5324" i="2" s="1"/>
  <c r="E5326" i="2" a="1"/>
  <c r="E5326" i="2" s="1"/>
  <c r="E5325" i="2" a="1"/>
  <c r="E5325" i="2" s="1"/>
  <c r="E5327" i="2" a="1"/>
  <c r="E5327" i="2" s="1"/>
  <c r="E5333" i="2" a="1"/>
  <c r="E5333" i="2" s="1"/>
  <c r="E5317" i="2" a="1"/>
  <c r="E5317" i="2" s="1"/>
  <c r="E5321" i="2" a="1"/>
  <c r="E5321" i="2" s="1"/>
  <c r="E5334" i="2" a="1"/>
  <c r="E5334" i="2" s="1"/>
  <c r="E5320" i="2" a="1"/>
  <c r="E5320" i="2" s="1"/>
  <c r="E5337" i="2" a="1"/>
  <c r="E5337" i="2" s="1"/>
  <c r="E5314" i="2" a="1"/>
  <c r="E5314" i="2" s="1"/>
  <c r="E5336" i="2" a="1"/>
  <c r="E5336" i="2" s="1"/>
  <c r="E5328" i="2" a="1"/>
  <c r="E5328" i="2" s="1"/>
  <c r="E5316" i="2" a="1"/>
  <c r="E5316" i="2" s="1"/>
  <c r="E5329" i="2" a="1"/>
  <c r="E5329" i="2" s="1"/>
  <c r="E5331" i="2" a="1"/>
  <c r="E5331" i="2" s="1"/>
  <c r="E5332" i="2" a="1"/>
  <c r="E5332" i="2" s="1"/>
  <c r="E5330" i="2" a="1"/>
  <c r="E5330" i="2" s="1"/>
  <c r="E5335" i="2" a="1"/>
  <c r="E5335" i="2" s="1"/>
  <c r="E5315" i="2" a="1"/>
  <c r="E5315" i="2" s="1"/>
  <c r="H1304" i="2" a="1"/>
  <c r="H1304" i="2" s="1"/>
  <c r="H1290" i="2" a="1"/>
  <c r="H1290" i="2" s="1"/>
  <c r="H1299" i="2" a="1"/>
  <c r="H1299" i="2" s="1"/>
  <c r="H1300" i="2" a="1"/>
  <c r="H1300" i="2" s="1"/>
  <c r="H1302" i="2" a="1"/>
  <c r="H1302" i="2" s="1"/>
  <c r="H1303" i="2" a="1"/>
  <c r="H1303" i="2" s="1"/>
  <c r="H1288" i="2" a="1"/>
  <c r="H1288" i="2" s="1"/>
  <c r="H1291" i="2" a="1"/>
  <c r="H1291" i="2" s="1"/>
  <c r="H1293" i="2" a="1"/>
  <c r="H1293" i="2" s="1"/>
  <c r="H1285" i="2" a="1"/>
  <c r="H1285" i="2" s="1"/>
  <c r="H1292" i="2" a="1"/>
  <c r="H1292" i="2" s="1"/>
  <c r="H1305" i="2" a="1"/>
  <c r="H1305" i="2" s="1"/>
  <c r="H1298" i="2" a="1"/>
  <c r="H1298" i="2" s="1"/>
  <c r="H1297" i="2" a="1"/>
  <c r="H1297" i="2" s="1"/>
  <c r="H1294" i="2" a="1"/>
  <c r="H1294" i="2" s="1"/>
  <c r="H1295" i="2" a="1"/>
  <c r="H1295" i="2" s="1"/>
  <c r="H1286" i="2" a="1"/>
  <c r="H1286" i="2" s="1"/>
  <c r="H1282" i="2" a="1"/>
  <c r="H1282" i="2" s="1"/>
  <c r="H1296" i="2" a="1"/>
  <c r="H1296" i="2" s="1"/>
  <c r="D2899" i="2" a="1"/>
  <c r="D2899" i="2" s="1"/>
  <c r="D2903" i="2" a="1"/>
  <c r="D2903" i="2" s="1"/>
  <c r="D2907" i="2" a="1"/>
  <c r="D2907" i="2" s="1"/>
  <c r="D2911" i="2" a="1"/>
  <c r="D2911" i="2" s="1"/>
  <c r="D2913" i="2" a="1"/>
  <c r="D2913" i="2" s="1"/>
  <c r="D2892" i="2" a="1"/>
  <c r="D2892" i="2" s="1"/>
  <c r="D2896" i="2" a="1"/>
  <c r="D2896" i="2" s="1"/>
  <c r="D2909" i="2" a="1"/>
  <c r="D2909" i="2" s="1"/>
  <c r="D2905" i="2" a="1"/>
  <c r="D2905" i="2" s="1"/>
  <c r="D2901" i="2" a="1"/>
  <c r="D2901" i="2" s="1"/>
  <c r="D2891" i="2" a="1"/>
  <c r="D2891" i="2" s="1"/>
  <c r="D2897" i="2" a="1"/>
  <c r="D2897" i="2" s="1"/>
  <c r="D2895" i="2" a="1"/>
  <c r="D2895" i="2" s="1"/>
  <c r="D2893" i="2" a="1"/>
  <c r="D2893" i="2" s="1"/>
  <c r="D2910" i="2" a="1"/>
  <c r="D2910" i="2" s="1"/>
  <c r="D2912" i="2" a="1"/>
  <c r="D2912" i="2" s="1"/>
  <c r="D2898" i="2" a="1"/>
  <c r="D2898" i="2" s="1"/>
  <c r="D2906" i="2" a="1"/>
  <c r="D2906" i="2" s="1"/>
  <c r="D2908" i="2" a="1"/>
  <c r="D2908" i="2" s="1"/>
  <c r="D2904" i="2" a="1"/>
  <c r="D2904" i="2" s="1"/>
  <c r="D2890" i="2" a="1"/>
  <c r="D2890" i="2" s="1"/>
  <c r="D2900" i="2" a="1"/>
  <c r="D2900" i="2" s="1"/>
  <c r="D2902" i="2" a="1"/>
  <c r="D2902" i="2" s="1"/>
  <c r="D2894" i="2" a="1"/>
  <c r="D2894" i="2" s="1"/>
  <c r="F4135" i="2" a="1"/>
  <c r="F4135" i="2" s="1"/>
  <c r="F4125" i="2" a="1"/>
  <c r="F4125" i="2" s="1"/>
  <c r="F4119" i="2" a="1"/>
  <c r="F4119" i="2" s="1"/>
  <c r="F4137" i="2" a="1"/>
  <c r="F4137" i="2" s="1"/>
  <c r="F4118" i="2" a="1"/>
  <c r="F4118" i="2" s="1"/>
  <c r="F4114" i="2" a="1"/>
  <c r="F4114" i="2" s="1"/>
  <c r="F4130" i="2" a="1"/>
  <c r="F4130" i="2" s="1"/>
  <c r="F4116" i="2" a="1"/>
  <c r="F4116" i="2" s="1"/>
  <c r="F4123" i="2" a="1"/>
  <c r="F4123" i="2" s="1"/>
  <c r="F4136" i="2" a="1"/>
  <c r="F4136" i="2" s="1"/>
  <c r="F4128" i="2" a="1"/>
  <c r="F4128" i="2" s="1"/>
  <c r="F4126" i="2" a="1"/>
  <c r="F4126" i="2" s="1"/>
  <c r="F4134" i="2" a="1"/>
  <c r="F4134" i="2" s="1"/>
  <c r="F4127" i="2" a="1"/>
  <c r="F4127" i="2" s="1"/>
  <c r="F4120" i="2" a="1"/>
  <c r="F4120" i="2" s="1"/>
  <c r="F4117" i="2" a="1"/>
  <c r="F4117" i="2" s="1"/>
  <c r="F4121" i="2" a="1"/>
  <c r="F4121" i="2" s="1"/>
  <c r="F4132" i="2" a="1"/>
  <c r="F4132" i="2" s="1"/>
  <c r="F4122" i="2" a="1"/>
  <c r="F4122" i="2" s="1"/>
  <c r="F4129" i="2" a="1"/>
  <c r="F4129" i="2" s="1"/>
  <c r="F4115" i="2" a="1"/>
  <c r="F4115" i="2" s="1"/>
  <c r="G1919" i="2" a="1"/>
  <c r="G1919" i="2" s="1"/>
  <c r="G1917" i="2" a="1"/>
  <c r="G1917" i="2" s="1"/>
  <c r="G1915" i="2" a="1"/>
  <c r="G1915" i="2" s="1"/>
  <c r="G1911" i="2" a="1"/>
  <c r="G1911" i="2" s="1"/>
  <c r="G1922" i="2" a="1"/>
  <c r="G1922" i="2" s="1"/>
  <c r="G1921" i="2" a="1"/>
  <c r="G1921" i="2" s="1"/>
  <c r="G1916" i="2" a="1"/>
  <c r="G1916" i="2" s="1"/>
  <c r="G1920" i="2" a="1"/>
  <c r="G1920" i="2" s="1"/>
  <c r="G1923" i="2" a="1"/>
  <c r="G1923" i="2" s="1"/>
  <c r="G1928" i="2" a="1"/>
  <c r="G1928" i="2" s="1"/>
  <c r="G1926" i="2" a="1"/>
  <c r="G1926" i="2" s="1"/>
  <c r="G1918" i="2" a="1"/>
  <c r="G1918" i="2" s="1"/>
  <c r="G1906" i="2" a="1"/>
  <c r="G1906" i="2" s="1"/>
  <c r="G1914" i="2" a="1"/>
  <c r="G1914" i="2" s="1"/>
  <c r="G1908" i="2" a="1"/>
  <c r="G1908" i="2" s="1"/>
  <c r="G1925" i="2" a="1"/>
  <c r="G1925" i="2" s="1"/>
  <c r="G1913" i="2" a="1"/>
  <c r="G1913" i="2" s="1"/>
  <c r="G1910" i="2" a="1"/>
  <c r="G1910" i="2" s="1"/>
  <c r="G1907" i="2" a="1"/>
  <c r="G1907" i="2" s="1"/>
  <c r="G1924" i="2" a="1"/>
  <c r="G1924" i="2" s="1"/>
  <c r="E6150" i="2" a="1"/>
  <c r="E6150" i="2" s="1"/>
  <c r="E6153" i="2" a="1"/>
  <c r="E6153" i="2" s="1"/>
  <c r="E6134" i="2" a="1"/>
  <c r="E6134" i="2" s="1"/>
  <c r="E6131" i="2" a="1"/>
  <c r="E6131" i="2" s="1"/>
  <c r="E6139" i="2" a="1"/>
  <c r="E6139" i="2" s="1"/>
  <c r="E6130" i="2" a="1"/>
  <c r="E6130" i="2" s="1"/>
  <c r="E6132" i="2" a="1"/>
  <c r="E6132" i="2" s="1"/>
  <c r="E6152" i="2" a="1"/>
  <c r="E6152" i="2" s="1"/>
  <c r="E6135" i="2" a="1"/>
  <c r="E6135" i="2" s="1"/>
  <c r="E6145" i="2" a="1"/>
  <c r="E6145" i="2" s="1"/>
  <c r="E6138" i="2" a="1"/>
  <c r="E6138" i="2" s="1"/>
  <c r="E6144" i="2" a="1"/>
  <c r="E6144" i="2" s="1"/>
  <c r="E6146" i="2" a="1"/>
  <c r="E6146" i="2" s="1"/>
  <c r="E6140" i="2" a="1"/>
  <c r="E6140" i="2" s="1"/>
  <c r="E6148" i="2" a="1"/>
  <c r="E6148" i="2" s="1"/>
  <c r="E6149" i="2" a="1"/>
  <c r="E6149" i="2" s="1"/>
  <c r="E6133" i="2" a="1"/>
  <c r="E6133" i="2" s="1"/>
  <c r="E6141" i="2" a="1"/>
  <c r="E6141" i="2" s="1"/>
  <c r="E6142" i="2" a="1"/>
  <c r="E6142" i="2" s="1"/>
  <c r="E6151" i="2" a="1"/>
  <c r="E6151" i="2" s="1"/>
  <c r="E6136" i="2" a="1"/>
  <c r="E6136" i="2" s="1"/>
  <c r="E6143" i="2" a="1"/>
  <c r="E6143" i="2" s="1"/>
  <c r="E5433" i="2" a="1"/>
  <c r="E5433" i="2" s="1"/>
  <c r="E5424" i="2" a="1"/>
  <c r="E5424" i="2" s="1"/>
  <c r="E5411" i="2" a="1"/>
  <c r="E5411" i="2" s="1"/>
  <c r="E5429" i="2" a="1"/>
  <c r="E5429" i="2" s="1"/>
  <c r="E5427" i="2" a="1"/>
  <c r="E5427" i="2" s="1"/>
  <c r="E5432" i="2" a="1"/>
  <c r="E5432" i="2" s="1"/>
  <c r="E5412" i="2" a="1"/>
  <c r="E5412" i="2" s="1"/>
  <c r="E5422" i="2" a="1"/>
  <c r="E5422" i="2" s="1"/>
  <c r="E5419" i="2" a="1"/>
  <c r="E5419" i="2" s="1"/>
  <c r="E5410" i="2" a="1"/>
  <c r="E5410" i="2" s="1"/>
  <c r="E5413" i="2" a="1"/>
  <c r="E5413" i="2" s="1"/>
  <c r="E5418" i="2" a="1"/>
  <c r="E5418" i="2" s="1"/>
  <c r="E5428" i="2" a="1"/>
  <c r="E5428" i="2" s="1"/>
  <c r="E5423" i="2" a="1"/>
  <c r="E5423" i="2" s="1"/>
  <c r="E5431" i="2" a="1"/>
  <c r="E5431" i="2" s="1"/>
  <c r="E5416" i="2" a="1"/>
  <c r="E5416" i="2" s="1"/>
  <c r="E5425" i="2" a="1"/>
  <c r="E5425" i="2" s="1"/>
  <c r="E5414" i="2" a="1"/>
  <c r="E5414" i="2" s="1"/>
  <c r="E5430" i="2" a="1"/>
  <c r="E5430" i="2" s="1"/>
  <c r="E5415" i="2" a="1"/>
  <c r="E5415" i="2" s="1"/>
  <c r="E5417" i="2" a="1"/>
  <c r="E5417" i="2" s="1"/>
  <c r="G4164" i="2" a="1"/>
  <c r="G4164" i="2" s="1"/>
  <c r="G4180" i="2" a="1"/>
  <c r="G4180" i="2" s="1"/>
  <c r="G4175" i="2" a="1"/>
  <c r="G4175" i="2" s="1"/>
  <c r="G4162" i="2" a="1"/>
  <c r="G4162" i="2" s="1"/>
  <c r="G4167" i="2" a="1"/>
  <c r="G4167" i="2" s="1"/>
  <c r="G4173" i="2" a="1"/>
  <c r="G4173" i="2" s="1"/>
  <c r="G4178" i="2" a="1"/>
  <c r="G4178" i="2" s="1"/>
  <c r="G4179" i="2" a="1"/>
  <c r="G4179" i="2" s="1"/>
  <c r="G4165" i="2" a="1"/>
  <c r="G4165" i="2" s="1"/>
  <c r="G4169" i="2" a="1"/>
  <c r="G4169" i="2" s="1"/>
  <c r="G4185" i="2" a="1"/>
  <c r="G4185" i="2" s="1"/>
  <c r="G4181" i="2" a="1"/>
  <c r="G4181" i="2" s="1"/>
  <c r="F7332" i="2" a="1"/>
  <c r="F7332" i="2" s="1"/>
  <c r="F7337" i="2" a="1"/>
  <c r="F7337" i="2" s="1"/>
  <c r="F7333" i="2" a="1"/>
  <c r="F7333" i="2" s="1"/>
  <c r="F7348" i="2" a="1"/>
  <c r="F7348" i="2" s="1"/>
  <c r="F7350" i="2" a="1"/>
  <c r="F7350" i="2" s="1"/>
  <c r="F7339" i="2" a="1"/>
  <c r="F7339" i="2" s="1"/>
  <c r="F7349" i="2" a="1"/>
  <c r="F7349" i="2" s="1"/>
  <c r="F7344" i="2" a="1"/>
  <c r="F7344" i="2" s="1"/>
  <c r="F7352" i="2" a="1"/>
  <c r="F7352" i="2" s="1"/>
  <c r="F7340" i="2" a="1"/>
  <c r="F7340" i="2" s="1"/>
  <c r="F7338" i="2" a="1"/>
  <c r="F7338" i="2" s="1"/>
  <c r="F7351" i="2" a="1"/>
  <c r="F7351" i="2" s="1"/>
  <c r="F7343" i="2" a="1"/>
  <c r="F7343" i="2" s="1"/>
  <c r="F7335" i="2" a="1"/>
  <c r="F7335" i="2" s="1"/>
  <c r="F7336" i="2" a="1"/>
  <c r="F7336" i="2" s="1"/>
  <c r="F7345" i="2" a="1"/>
  <c r="F7345" i="2" s="1"/>
  <c r="F7346" i="2" a="1"/>
  <c r="F7346" i="2" s="1"/>
  <c r="F7342" i="2" a="1"/>
  <c r="F7342" i="2" s="1"/>
  <c r="F1730" i="2" a="1"/>
  <c r="F1730" i="2" s="1"/>
  <c r="F1714" i="2" a="1"/>
  <c r="F1714" i="2" s="1"/>
  <c r="F1733" i="2" a="1"/>
  <c r="F1733" i="2" s="1"/>
  <c r="F1737" i="2" a="1"/>
  <c r="F1737" i="2" s="1"/>
  <c r="F1724" i="2" a="1"/>
  <c r="F1724" i="2" s="1"/>
  <c r="F1729" i="2" a="1"/>
  <c r="F1729" i="2" s="1"/>
  <c r="F1715" i="2" a="1"/>
  <c r="F1715" i="2" s="1"/>
  <c r="F1725" i="2" a="1"/>
  <c r="F1725" i="2" s="1"/>
  <c r="F1722" i="2" a="1"/>
  <c r="F1722" i="2" s="1"/>
  <c r="F1727" i="2" a="1"/>
  <c r="F1727" i="2" s="1"/>
  <c r="F1726" i="2" a="1"/>
  <c r="F1726" i="2" s="1"/>
  <c r="F1718" i="2" a="1"/>
  <c r="F1718" i="2" s="1"/>
  <c r="F1736" i="2" a="1"/>
  <c r="F1736" i="2" s="1"/>
  <c r="F1731" i="2" a="1"/>
  <c r="F1731" i="2" s="1"/>
  <c r="F1717" i="2" a="1"/>
  <c r="F1717" i="2" s="1"/>
  <c r="F1732" i="2" a="1"/>
  <c r="F1732" i="2" s="1"/>
  <c r="F1716" i="2" a="1"/>
  <c r="F1716" i="2" s="1"/>
  <c r="F1719" i="2" a="1"/>
  <c r="F1719" i="2" s="1"/>
  <c r="F1734" i="2" a="1"/>
  <c r="F1734" i="2" s="1"/>
  <c r="F1735" i="2" a="1"/>
  <c r="F1735" i="2" s="1"/>
  <c r="F1720" i="2" a="1"/>
  <c r="F1720" i="2" s="1"/>
  <c r="F1721" i="2" a="1"/>
  <c r="F1721" i="2" s="1"/>
  <c r="F1723" i="2" a="1"/>
  <c r="F1723" i="2" s="1"/>
  <c r="F1728" i="2" a="1"/>
  <c r="F1728" i="2" s="1"/>
  <c r="D1380" i="2" a="1"/>
  <c r="D1380" i="2" s="1"/>
  <c r="D1388" i="2" a="1"/>
  <c r="D1388" i="2" s="1"/>
  <c r="D1392" i="2" a="1"/>
  <c r="D1392" i="2" s="1"/>
  <c r="D1400" i="2" a="1"/>
  <c r="D1400" i="2" s="1"/>
  <c r="D1384" i="2" a="1"/>
  <c r="D1384" i="2" s="1"/>
  <c r="D1390" i="2" a="1"/>
  <c r="D1390" i="2" s="1"/>
  <c r="D1398" i="2" a="1"/>
  <c r="D1398" i="2" s="1"/>
  <c r="D1396" i="2" a="1"/>
  <c r="D1396" i="2" s="1"/>
  <c r="D1387" i="2" a="1"/>
  <c r="D1387" i="2" s="1"/>
  <c r="D1389" i="2" a="1"/>
  <c r="D1389" i="2" s="1"/>
  <c r="D1383" i="2" a="1"/>
  <c r="D1383" i="2" s="1"/>
  <c r="D1391" i="2" a="1"/>
  <c r="D1391" i="2" s="1"/>
  <c r="D1379" i="2" a="1"/>
  <c r="D1379" i="2" s="1"/>
  <c r="D1397" i="2" a="1"/>
  <c r="D1397" i="2" s="1"/>
  <c r="D1381" i="2" a="1"/>
  <c r="D1381" i="2" s="1"/>
  <c r="D1385" i="2" a="1"/>
  <c r="D1385" i="2" s="1"/>
  <c r="D1393" i="2" a="1"/>
  <c r="D1393" i="2" s="1"/>
  <c r="D1399" i="2" a="1"/>
  <c r="D1399" i="2" s="1"/>
  <c r="D1395" i="2" a="1"/>
  <c r="D1395" i="2" s="1"/>
  <c r="D1401" i="2" a="1"/>
  <c r="D1401" i="2" s="1"/>
  <c r="D1382" i="2" a="1"/>
  <c r="D1382" i="2" s="1"/>
  <c r="D1378" i="2" a="1"/>
  <c r="D1378" i="2" s="1"/>
  <c r="D1394" i="2" a="1"/>
  <c r="D1394" i="2" s="1"/>
  <c r="D1386" i="2" a="1"/>
  <c r="D1386" i="2" s="1"/>
  <c r="F228" i="2" a="1"/>
  <c r="F228" i="2" s="1"/>
  <c r="H3688" i="2" a="1"/>
  <c r="H3688" i="2" s="1"/>
  <c r="E4059" i="2" a="1"/>
  <c r="E4059" i="2" s="1"/>
  <c r="E4046" i="2" a="1"/>
  <c r="E4046" i="2" s="1"/>
  <c r="E4060" i="2" a="1"/>
  <c r="E4060" i="2" s="1"/>
  <c r="E4049" i="2" a="1"/>
  <c r="E4049" i="2" s="1"/>
  <c r="E4054" i="2" a="1"/>
  <c r="E4054" i="2" s="1"/>
  <c r="E4044" i="2" a="1"/>
  <c r="E4044" i="2" s="1"/>
  <c r="E4047" i="2" a="1"/>
  <c r="E4047" i="2" s="1"/>
  <c r="E4061" i="2" a="1"/>
  <c r="E4061" i="2" s="1"/>
  <c r="E4050" i="2" a="1"/>
  <c r="E4050" i="2" s="1"/>
  <c r="E4063" i="2" a="1"/>
  <c r="E4063" i="2" s="1"/>
  <c r="E4065" i="2" a="1"/>
  <c r="E4065" i="2" s="1"/>
  <c r="E4056" i="2" a="1"/>
  <c r="E4056" i="2" s="1"/>
  <c r="E4051" i="2" a="1"/>
  <c r="E4051" i="2" s="1"/>
  <c r="E4042" i="2" a="1"/>
  <c r="E4042" i="2" s="1"/>
  <c r="E4048" i="2" a="1"/>
  <c r="E4048" i="2" s="1"/>
  <c r="E4062" i="2" a="1"/>
  <c r="E4062" i="2" s="1"/>
  <c r="E4045" i="2" a="1"/>
  <c r="E4045" i="2" s="1"/>
  <c r="E4052" i="2" a="1"/>
  <c r="E4052" i="2" s="1"/>
  <c r="E4057" i="2" a="1"/>
  <c r="E4057" i="2" s="1"/>
  <c r="E4055" i="2" a="1"/>
  <c r="E4055" i="2" s="1"/>
  <c r="E4064" i="2" a="1"/>
  <c r="E4064" i="2" s="1"/>
  <c r="E4058" i="2" a="1"/>
  <c r="E4058" i="2" s="1"/>
  <c r="E4043" i="2" a="1"/>
  <c r="E4043" i="2" s="1"/>
  <c r="E4053" i="2" a="1"/>
  <c r="E4053" i="2" s="1"/>
  <c r="E8587" i="2" a="1"/>
  <c r="E8587" i="2" s="1"/>
  <c r="E8591" i="2" a="1"/>
  <c r="E8591" i="2" s="1"/>
  <c r="E8599" i="2" a="1"/>
  <c r="E8599" i="2" s="1"/>
  <c r="E8601" i="2" a="1"/>
  <c r="E8601" i="2" s="1"/>
  <c r="E8594" i="2" a="1"/>
  <c r="E8594" i="2" s="1"/>
  <c r="E8582" i="2" a="1"/>
  <c r="E8582" i="2" s="1"/>
  <c r="E8583" i="2" a="1"/>
  <c r="E8583" i="2" s="1"/>
  <c r="E8585" i="2" a="1"/>
  <c r="E8585" i="2" s="1"/>
  <c r="E8592" i="2" a="1"/>
  <c r="E8592" i="2" s="1"/>
  <c r="E8595" i="2" a="1"/>
  <c r="E8595" i="2" s="1"/>
  <c r="E8578" i="2" a="1"/>
  <c r="E8578" i="2" s="1"/>
  <c r="E8596" i="2" a="1"/>
  <c r="E8596" i="2" s="1"/>
  <c r="E8580" i="2" a="1"/>
  <c r="E8580" i="2" s="1"/>
  <c r="E8581" i="2" a="1"/>
  <c r="E8581" i="2" s="1"/>
  <c r="E8597" i="2" a="1"/>
  <c r="E8597" i="2" s="1"/>
  <c r="E8598" i="2" a="1"/>
  <c r="E8598" i="2" s="1"/>
  <c r="E8589" i="2" a="1"/>
  <c r="E8589" i="2" s="1"/>
  <c r="E8600" i="2" a="1"/>
  <c r="E8600" i="2" s="1"/>
  <c r="E8590" i="2" a="1"/>
  <c r="E8590" i="2" s="1"/>
  <c r="E8584" i="2" a="1"/>
  <c r="E8584" i="2" s="1"/>
  <c r="E8586" i="2" a="1"/>
  <c r="E8586" i="2" s="1"/>
  <c r="E8588" i="2" a="1"/>
  <c r="E8588" i="2" s="1"/>
  <c r="E8593" i="2" a="1"/>
  <c r="E8593" i="2" s="1"/>
  <c r="E8579" i="2" a="1"/>
  <c r="E8579" i="2" s="1"/>
  <c r="G188" i="2" a="1"/>
  <c r="G188" i="2" s="1"/>
  <c r="G199" i="2" a="1"/>
  <c r="G199" i="2" s="1"/>
  <c r="G189" i="2" a="1"/>
  <c r="G189" i="2" s="1"/>
  <c r="G185" i="2" a="1"/>
  <c r="G185" i="2" s="1"/>
  <c r="G200" i="2" a="1"/>
  <c r="G200" i="2" s="1"/>
  <c r="G187" i="2" a="1"/>
  <c r="G187" i="2" s="1"/>
  <c r="G192" i="2" a="1"/>
  <c r="G192" i="2" s="1"/>
  <c r="G190" i="2" a="1"/>
  <c r="G190" i="2" s="1"/>
  <c r="G179" i="2" a="1"/>
  <c r="G179" i="2" s="1"/>
  <c r="G193" i="2" a="1"/>
  <c r="G193" i="2" s="1"/>
  <c r="G180" i="2" a="1"/>
  <c r="G180" i="2" s="1"/>
  <c r="G195" i="2" a="1"/>
  <c r="G195" i="2" s="1"/>
  <c r="G196" i="2" a="1"/>
  <c r="G196" i="2" s="1"/>
  <c r="G183" i="2" a="1"/>
  <c r="G183" i="2" s="1"/>
  <c r="G197" i="2" a="1"/>
  <c r="G197" i="2" s="1"/>
  <c r="G198" i="2" a="1"/>
  <c r="G198" i="2" s="1"/>
  <c r="G182" i="2" a="1"/>
  <c r="G182" i="2" s="1"/>
  <c r="G184" i="2" a="1"/>
  <c r="G184" i="2" s="1"/>
  <c r="G194" i="2" a="1"/>
  <c r="G194" i="2" s="1"/>
  <c r="G178" i="2" a="1"/>
  <c r="G178" i="2" s="1"/>
  <c r="G201" i="2" a="1"/>
  <c r="G201" i="2" s="1"/>
  <c r="G191" i="2" a="1"/>
  <c r="G191" i="2" s="1"/>
  <c r="D8752" i="2" a="1"/>
  <c r="D8752" i="2" s="1"/>
  <c r="D8756" i="2" a="1"/>
  <c r="D8756" i="2" s="1"/>
  <c r="F8517" i="2" a="1"/>
  <c r="F8517" i="2" s="1"/>
  <c r="F8521" i="2" a="1"/>
  <c r="F8521" i="2" s="1"/>
  <c r="F8524" i="2" a="1"/>
  <c r="F8524" i="2" s="1"/>
  <c r="F8506" i="2" a="1"/>
  <c r="F8506" i="2" s="1"/>
  <c r="F8510" i="2" a="1"/>
  <c r="F8510" i="2" s="1"/>
  <c r="F8526" i="2" a="1"/>
  <c r="F8526" i="2" s="1"/>
  <c r="F8525" i="2" a="1"/>
  <c r="F8525" i="2" s="1"/>
  <c r="F8516" i="2" a="1"/>
  <c r="F8516" i="2" s="1"/>
  <c r="F8520" i="2" a="1"/>
  <c r="F8520" i="2" s="1"/>
  <c r="F8509" i="2" a="1"/>
  <c r="F8509" i="2" s="1"/>
  <c r="F8528" i="2" a="1"/>
  <c r="F8528" i="2" s="1"/>
  <c r="F8511" i="2" a="1"/>
  <c r="F8511" i="2" s="1"/>
  <c r="F8515" i="2" a="1"/>
  <c r="F8515" i="2" s="1"/>
  <c r="F8518" i="2" a="1"/>
  <c r="F8518" i="2" s="1"/>
  <c r="F8512" i="2" a="1"/>
  <c r="F8512" i="2" s="1"/>
  <c r="F8514" i="2" a="1"/>
  <c r="F8514" i="2" s="1"/>
  <c r="F8523" i="2" a="1"/>
  <c r="F8523" i="2" s="1"/>
  <c r="F8522" i="2" a="1"/>
  <c r="F8522" i="2" s="1"/>
  <c r="F8527" i="2" a="1"/>
  <c r="F8527" i="2" s="1"/>
  <c r="F8519" i="2" a="1"/>
  <c r="F8519" i="2" s="1"/>
  <c r="F8507" i="2" a="1"/>
  <c r="F8507" i="2" s="1"/>
  <c r="F8508" i="2" a="1"/>
  <c r="F8508" i="2" s="1"/>
  <c r="F8529" i="2" a="1"/>
  <c r="F8529" i="2" s="1"/>
  <c r="F8513" i="2" a="1"/>
  <c r="F8513" i="2" s="1"/>
  <c r="F4178" i="2" a="1"/>
  <c r="F4178" i="2" s="1"/>
  <c r="F4170" i="2" a="1"/>
  <c r="F4170" i="2" s="1"/>
  <c r="F4179" i="2" a="1"/>
  <c r="F4179" i="2" s="1"/>
  <c r="F4165" i="2" a="1"/>
  <c r="F4165" i="2" s="1"/>
  <c r="F4180" i="2" a="1"/>
  <c r="F4180" i="2" s="1"/>
  <c r="F4171" i="2" a="1"/>
  <c r="F4171" i="2" s="1"/>
  <c r="F4183" i="2" a="1"/>
  <c r="F4183" i="2" s="1"/>
  <c r="F4172" i="2" a="1"/>
  <c r="F4172" i="2" s="1"/>
  <c r="F4168" i="2" a="1"/>
  <c r="F4168" i="2" s="1"/>
  <c r="F4169" i="2" a="1"/>
  <c r="F4169" i="2" s="1"/>
  <c r="F4177" i="2" a="1"/>
  <c r="F4177" i="2" s="1"/>
  <c r="F4174" i="2" a="1"/>
  <c r="F4174" i="2" s="1"/>
  <c r="F4182" i="2" a="1"/>
  <c r="F4182" i="2" s="1"/>
  <c r="F4163" i="2" a="1"/>
  <c r="F4163" i="2" s="1"/>
  <c r="F4184" i="2" a="1"/>
  <c r="F4184" i="2" s="1"/>
  <c r="F4164" i="2" a="1"/>
  <c r="F4164" i="2" s="1"/>
  <c r="F4166" i="2" a="1"/>
  <c r="F4166" i="2" s="1"/>
  <c r="F4181" i="2" a="1"/>
  <c r="F4181" i="2" s="1"/>
  <c r="F4173" i="2" a="1"/>
  <c r="F4173" i="2" s="1"/>
  <c r="F4167" i="2" a="1"/>
  <c r="F4167" i="2" s="1"/>
  <c r="F4175" i="2" a="1"/>
  <c r="F4175" i="2" s="1"/>
  <c r="F4176" i="2" a="1"/>
  <c r="F4176" i="2" s="1"/>
  <c r="F4162" i="2" a="1"/>
  <c r="F4162" i="2" s="1"/>
  <c r="F4185" i="2" a="1"/>
  <c r="F4185" i="2" s="1"/>
  <c r="E4152" i="2" a="1"/>
  <c r="E4152" i="2" s="1"/>
  <c r="E4142" i="2" a="1"/>
  <c r="E4142" i="2" s="1"/>
  <c r="E4145" i="2" a="1"/>
  <c r="E4145" i="2" s="1"/>
  <c r="E4140" i="2" a="1"/>
  <c r="E4140" i="2" s="1"/>
  <c r="E4146" i="2" a="1"/>
  <c r="E4146" i="2" s="1"/>
  <c r="E4143" i="2" a="1"/>
  <c r="E4143" i="2" s="1"/>
  <c r="E4158" i="2" a="1"/>
  <c r="E4158" i="2" s="1"/>
  <c r="E4139" i="2" a="1"/>
  <c r="E4139" i="2" s="1"/>
  <c r="E4154" i="2" a="1"/>
  <c r="E4154" i="2" s="1"/>
  <c r="E4151" i="2" a="1"/>
  <c r="E4151" i="2" s="1"/>
  <c r="E4161" i="2" a="1"/>
  <c r="E4161" i="2" s="1"/>
  <c r="E4155" i="2" a="1"/>
  <c r="E4155" i="2" s="1"/>
  <c r="E4157" i="2" a="1"/>
  <c r="E4157" i="2" s="1"/>
  <c r="E4150" i="2" a="1"/>
  <c r="E4150" i="2" s="1"/>
  <c r="E4159" i="2" a="1"/>
  <c r="E4159" i="2" s="1"/>
  <c r="E4138" i="2" a="1"/>
  <c r="E4138" i="2" s="1"/>
  <c r="E4160" i="2" a="1"/>
  <c r="E4160" i="2" s="1"/>
  <c r="E4147" i="2" a="1"/>
  <c r="E4147" i="2" s="1"/>
  <c r="E4148" i="2" a="1"/>
  <c r="E4148" i="2" s="1"/>
  <c r="E4153" i="2" a="1"/>
  <c r="E4153" i="2" s="1"/>
  <c r="E4141" i="2" a="1"/>
  <c r="E4141" i="2" s="1"/>
  <c r="E4156" i="2" a="1"/>
  <c r="E4156" i="2" s="1"/>
  <c r="E4144" i="2" a="1"/>
  <c r="E4144" i="2" s="1"/>
  <c r="E4149" i="2" a="1"/>
  <c r="E4149" i="2" s="1"/>
  <c r="F8327" i="2" a="1"/>
  <c r="F8327" i="2" s="1"/>
  <c r="F4097" i="2" a="1"/>
  <c r="F4097" i="2" s="1"/>
  <c r="F4093" i="2" a="1"/>
  <c r="F4093" i="2" s="1"/>
  <c r="F4103" i="2" a="1"/>
  <c r="F4103" i="2" s="1"/>
  <c r="F4108" i="2" a="1"/>
  <c r="F4108" i="2" s="1"/>
  <c r="F4098" i="2" a="1"/>
  <c r="F4098" i="2" s="1"/>
  <c r="F4094" i="2" a="1"/>
  <c r="F4094" i="2" s="1"/>
  <c r="F4091" i="2" a="1"/>
  <c r="F4091" i="2" s="1"/>
  <c r="F4102" i="2" a="1"/>
  <c r="F4102" i="2" s="1"/>
  <c r="F4110" i="2" a="1"/>
  <c r="F4110" i="2" s="1"/>
  <c r="F4113" i="2" a="1"/>
  <c r="F4113" i="2" s="1"/>
  <c r="F4112" i="2" a="1"/>
  <c r="F4112" i="2" s="1"/>
  <c r="F4106" i="2" a="1"/>
  <c r="F4106" i="2" s="1"/>
  <c r="F4092" i="2" a="1"/>
  <c r="F4092" i="2" s="1"/>
  <c r="F4095" i="2" a="1"/>
  <c r="F4095" i="2" s="1"/>
  <c r="F4109" i="2" a="1"/>
  <c r="F4109" i="2" s="1"/>
  <c r="F4111" i="2" a="1"/>
  <c r="F4111" i="2" s="1"/>
  <c r="F4100" i="2" a="1"/>
  <c r="F4100" i="2" s="1"/>
  <c r="F4090" i="2" a="1"/>
  <c r="F4090" i="2" s="1"/>
  <c r="F4096" i="2" a="1"/>
  <c r="F4096" i="2" s="1"/>
  <c r="F4105" i="2" a="1"/>
  <c r="F4105" i="2" s="1"/>
  <c r="F4104" i="2" a="1"/>
  <c r="F4104" i="2" s="1"/>
  <c r="F4107" i="2" a="1"/>
  <c r="F4107" i="2" s="1"/>
  <c r="F4101" i="2" a="1"/>
  <c r="F4101" i="2" s="1"/>
  <c r="F4099" i="2" a="1"/>
  <c r="F4099" i="2" s="1"/>
  <c r="D6264" i="2" a="1"/>
  <c r="D6264" i="2" s="1"/>
  <c r="E6968" i="2" a="1"/>
  <c r="E6968" i="2" s="1"/>
  <c r="E6950" i="2" a="1"/>
  <c r="E6950" i="2" s="1"/>
  <c r="E6964" i="2" a="1"/>
  <c r="E6964" i="2" s="1"/>
  <c r="E6954" i="2" a="1"/>
  <c r="E6954" i="2" s="1"/>
  <c r="E6967" i="2" a="1"/>
  <c r="E6967" i="2" s="1"/>
  <c r="E6946" i="2" a="1"/>
  <c r="E6946" i="2" s="1"/>
  <c r="E6962" i="2" a="1"/>
  <c r="E6962" i="2" s="1"/>
  <c r="E6956" i="2" a="1"/>
  <c r="E6956" i="2" s="1"/>
  <c r="E6947" i="2" a="1"/>
  <c r="E6947" i="2" s="1"/>
  <c r="E6953" i="2" a="1"/>
  <c r="E6953" i="2" s="1"/>
  <c r="E6969" i="2" a="1"/>
  <c r="E6969" i="2" s="1"/>
  <c r="E6955" i="2" a="1"/>
  <c r="E6955" i="2" s="1"/>
  <c r="E6959" i="2" a="1"/>
  <c r="E6959" i="2" s="1"/>
  <c r="E6948" i="2" a="1"/>
  <c r="E6948" i="2" s="1"/>
  <c r="E6960" i="2" a="1"/>
  <c r="E6960" i="2" s="1"/>
  <c r="E6966" i="2" a="1"/>
  <c r="E6966" i="2" s="1"/>
  <c r="E6963" i="2" a="1"/>
  <c r="E6963" i="2" s="1"/>
  <c r="E6965" i="2" a="1"/>
  <c r="E6965" i="2" s="1"/>
  <c r="F7387" i="2" a="1"/>
  <c r="F7387" i="2" s="1"/>
  <c r="F7389" i="2" a="1"/>
  <c r="F7389" i="2" s="1"/>
  <c r="F7386" i="2" a="1"/>
  <c r="F7386" i="2" s="1"/>
  <c r="F3690" i="2" a="1"/>
  <c r="F3690" i="2" s="1"/>
  <c r="F3688" i="2" a="1"/>
  <c r="F3688" i="2" s="1"/>
  <c r="D7217" i="2" a="1"/>
  <c r="D7217" i="2" s="1"/>
  <c r="G5198" i="2" a="1"/>
  <c r="G5198" i="2" s="1"/>
  <c r="G5210" i="2" a="1"/>
  <c r="G5210" i="2" s="1"/>
  <c r="G5208" i="2" a="1"/>
  <c r="G5208" i="2" s="1"/>
  <c r="G5200" i="2" a="1"/>
  <c r="G5200" i="2" s="1"/>
  <c r="G5206" i="2" a="1"/>
  <c r="G5206" i="2" s="1"/>
  <c r="G5203" i="2" a="1"/>
  <c r="G5203" i="2" s="1"/>
  <c r="G5213" i="2" a="1"/>
  <c r="G5213" i="2" s="1"/>
  <c r="G5202" i="2" a="1"/>
  <c r="G5202" i="2" s="1"/>
  <c r="G5204" i="2" a="1"/>
  <c r="G5204" i="2" s="1"/>
  <c r="G5195" i="2" a="1"/>
  <c r="G5195" i="2" s="1"/>
  <c r="G5211" i="2" a="1"/>
  <c r="G5211" i="2" s="1"/>
  <c r="G5205" i="2" a="1"/>
  <c r="G5205" i="2" s="1"/>
  <c r="G5196" i="2" a="1"/>
  <c r="G5196" i="2" s="1"/>
  <c r="G5215" i="2" a="1"/>
  <c r="G5215" i="2" s="1"/>
  <c r="G5197" i="2" a="1"/>
  <c r="G5197" i="2" s="1"/>
  <c r="G5201" i="2" a="1"/>
  <c r="G5201" i="2" s="1"/>
  <c r="G5212" i="2" a="1"/>
  <c r="G5212" i="2" s="1"/>
  <c r="G5207" i="2" a="1"/>
  <c r="G5207" i="2" s="1"/>
  <c r="G5216" i="2" a="1"/>
  <c r="G5216" i="2" s="1"/>
  <c r="G5194" i="2" a="1"/>
  <c r="G5194" i="2" s="1"/>
  <c r="G5217" i="2" a="1"/>
  <c r="G5217" i="2" s="1"/>
  <c r="G5214" i="2" a="1"/>
  <c r="G5214" i="2" s="1"/>
  <c r="G5199" i="2" a="1"/>
  <c r="G5199" i="2" s="1"/>
  <c r="D369" i="2" a="1"/>
  <c r="D369" i="2" s="1"/>
  <c r="G8637" i="2" a="1"/>
  <c r="G8637" i="2" s="1"/>
  <c r="G8640" i="2" a="1"/>
  <c r="G8640" i="2" s="1"/>
  <c r="D130" i="2" a="1"/>
  <c r="D130" i="2" s="1"/>
  <c r="D137" i="2" a="1"/>
  <c r="D137" i="2" s="1"/>
  <c r="D138" i="2" a="1"/>
  <c r="D138" i="2" s="1"/>
  <c r="D152" i="2" a="1"/>
  <c r="D152" i="2" s="1"/>
  <c r="D148" i="2" a="1"/>
  <c r="D148" i="2" s="1"/>
  <c r="D140" i="2" a="1"/>
  <c r="D140" i="2" s="1"/>
  <c r="H3139" i="2" a="1"/>
  <c r="H3139" i="2" s="1"/>
  <c r="H3150" i="2" a="1"/>
  <c r="H3150" i="2" s="1"/>
  <c r="H3133" i="2" a="1"/>
  <c r="H3133" i="2" s="1"/>
  <c r="H3140" i="2" a="1"/>
  <c r="H3140" i="2" s="1"/>
  <c r="H3153" i="2" a="1"/>
  <c r="H3153" i="2" s="1"/>
  <c r="H3138" i="2" a="1"/>
  <c r="H3138" i="2" s="1"/>
  <c r="H3135" i="2" a="1"/>
  <c r="H3135" i="2" s="1"/>
  <c r="H3144" i="2" a="1"/>
  <c r="H3144" i="2" s="1"/>
  <c r="H3136" i="2" a="1"/>
  <c r="H3136" i="2" s="1"/>
  <c r="H3130" i="2" a="1"/>
  <c r="H3130" i="2" s="1"/>
  <c r="H3142" i="2" a="1"/>
  <c r="H3142" i="2" s="1"/>
  <c r="H3145" i="2" a="1"/>
  <c r="H3145" i="2" s="1"/>
  <c r="H3147" i="2" a="1"/>
  <c r="H3147" i="2" s="1"/>
  <c r="H3151" i="2" a="1"/>
  <c r="H3151" i="2" s="1"/>
  <c r="H3132" i="2" a="1"/>
  <c r="H3132" i="2" s="1"/>
  <c r="H3143" i="2" a="1"/>
  <c r="H3143" i="2" s="1"/>
  <c r="H3149" i="2" a="1"/>
  <c r="H3149" i="2" s="1"/>
  <c r="H3131" i="2" a="1"/>
  <c r="H3131" i="2" s="1"/>
  <c r="H3146" i="2" a="1"/>
  <c r="H3146" i="2" s="1"/>
  <c r="H3137" i="2" a="1"/>
  <c r="H3137" i="2" s="1"/>
  <c r="H3141" i="2" a="1"/>
  <c r="H3141" i="2" s="1"/>
  <c r="H3148" i="2" a="1"/>
  <c r="H3148" i="2" s="1"/>
  <c r="H3134" i="2" a="1"/>
  <c r="H3134" i="2" s="1"/>
  <c r="H3152" i="2" a="1"/>
  <c r="H3152" i="2" s="1"/>
  <c r="F4641" i="2" a="1"/>
  <c r="F4641" i="2" s="1"/>
  <c r="F4635" i="2" a="1"/>
  <c r="F4635" i="2" s="1"/>
  <c r="F4618" i="2" a="1"/>
  <c r="F4618" i="2" s="1"/>
  <c r="F4622" i="2" a="1"/>
  <c r="F4622" i="2" s="1"/>
  <c r="F4633" i="2" a="1"/>
  <c r="F4633" i="2" s="1"/>
  <c r="F4639" i="2" a="1"/>
  <c r="F4639" i="2" s="1"/>
  <c r="F4636" i="2" a="1"/>
  <c r="F4636" i="2" s="1"/>
  <c r="F4628" i="2" a="1"/>
  <c r="F4628" i="2" s="1"/>
  <c r="F4640" i="2" a="1"/>
  <c r="F4640" i="2" s="1"/>
  <c r="F4626" i="2" a="1"/>
  <c r="F4626" i="2" s="1"/>
  <c r="F4637" i="2" a="1"/>
  <c r="F4637" i="2" s="1"/>
  <c r="F4623" i="2" a="1"/>
  <c r="F4623" i="2" s="1"/>
  <c r="F4625" i="2" a="1"/>
  <c r="F4625" i="2" s="1"/>
  <c r="F4627" i="2" a="1"/>
  <c r="F4627" i="2" s="1"/>
  <c r="F4629" i="2" a="1"/>
  <c r="F4629" i="2" s="1"/>
  <c r="F4630" i="2" a="1"/>
  <c r="F4630" i="2" s="1"/>
  <c r="F4619" i="2" a="1"/>
  <c r="F4619" i="2" s="1"/>
  <c r="F4620" i="2" a="1"/>
  <c r="F4620" i="2" s="1"/>
  <c r="F4621" i="2" a="1"/>
  <c r="F4621" i="2" s="1"/>
  <c r="F4624" i="2" a="1"/>
  <c r="F4624" i="2" s="1"/>
  <c r="E2749" i="2" a="1"/>
  <c r="E2749" i="2" s="1"/>
  <c r="E2767" i="2" a="1"/>
  <c r="E2767" i="2" s="1"/>
  <c r="E2758" i="2" a="1"/>
  <c r="E2758" i="2" s="1"/>
  <c r="E2747" i="2" a="1"/>
  <c r="E2747" i="2" s="1"/>
  <c r="E2761" i="2" a="1"/>
  <c r="E2761" i="2" s="1"/>
  <c r="E2762" i="2" a="1"/>
  <c r="E2762" i="2" s="1"/>
  <c r="E2766" i="2" a="1"/>
  <c r="E2766" i="2" s="1"/>
  <c r="E2764" i="2" a="1"/>
  <c r="E2764" i="2" s="1"/>
  <c r="E2750" i="2" a="1"/>
  <c r="E2750" i="2" s="1"/>
  <c r="E2751" i="2" a="1"/>
  <c r="E2751" i="2" s="1"/>
  <c r="E2752" i="2" a="1"/>
  <c r="E2752" i="2" s="1"/>
  <c r="E2755" i="2" a="1"/>
  <c r="E2755" i="2" s="1"/>
  <c r="E2756" i="2" a="1"/>
  <c r="E2756" i="2" s="1"/>
  <c r="E2768" i="2" a="1"/>
  <c r="E2768" i="2" s="1"/>
  <c r="E2760" i="2" a="1"/>
  <c r="E2760" i="2" s="1"/>
  <c r="E2769" i="2" a="1"/>
  <c r="E2769" i="2" s="1"/>
  <c r="G8685" i="2" a="1"/>
  <c r="G8685" i="2" s="1"/>
  <c r="G8675" i="2" a="1"/>
  <c r="G8675" i="2" s="1"/>
  <c r="G8693" i="2" a="1"/>
  <c r="G8693" i="2" s="1"/>
  <c r="G8686" i="2" a="1"/>
  <c r="G8686" i="2" s="1"/>
  <c r="G8678" i="2" a="1"/>
  <c r="G8678" i="2" s="1"/>
  <c r="G8696" i="2" a="1"/>
  <c r="G8696" i="2" s="1"/>
  <c r="G8679" i="2" a="1"/>
  <c r="G8679" i="2" s="1"/>
  <c r="G8676" i="2" a="1"/>
  <c r="G8676" i="2" s="1"/>
  <c r="G8683" i="2" a="1"/>
  <c r="G8683" i="2" s="1"/>
  <c r="G8691" i="2" a="1"/>
  <c r="G8691" i="2" s="1"/>
  <c r="G8695" i="2" a="1"/>
  <c r="G8695" i="2" s="1"/>
  <c r="G8680" i="2" a="1"/>
  <c r="G8680" i="2" s="1"/>
  <c r="G8694" i="2" a="1"/>
  <c r="G8694" i="2" s="1"/>
  <c r="G8674" i="2" a="1"/>
  <c r="G8674" i="2" s="1"/>
  <c r="G8692" i="2" a="1"/>
  <c r="G8692" i="2" s="1"/>
  <c r="G8681" i="2" a="1"/>
  <c r="G8681" i="2" s="1"/>
  <c r="G8684" i="2" a="1"/>
  <c r="G8684" i="2" s="1"/>
  <c r="G8689" i="2" a="1"/>
  <c r="G8689" i="2" s="1"/>
  <c r="G8690" i="2" a="1"/>
  <c r="G8690" i="2" s="1"/>
  <c r="G8677" i="2" a="1"/>
  <c r="G8677" i="2" s="1"/>
  <c r="G8682" i="2" a="1"/>
  <c r="G8682" i="2" s="1"/>
  <c r="G8687" i="2" a="1"/>
  <c r="G8687" i="2" s="1"/>
  <c r="G8688" i="2" a="1"/>
  <c r="G8688" i="2" s="1"/>
  <c r="G8697" i="2" a="1"/>
  <c r="G8697" i="2" s="1"/>
  <c r="E981" i="2" a="1"/>
  <c r="E981" i="2" s="1"/>
  <c r="E972" i="2" a="1"/>
  <c r="E972" i="2" s="1"/>
  <c r="E970" i="2" a="1"/>
  <c r="E970" i="2" s="1"/>
  <c r="E973" i="2" a="1"/>
  <c r="E973" i="2" s="1"/>
  <c r="E977" i="2" a="1"/>
  <c r="E977" i="2" s="1"/>
  <c r="E992" i="2" a="1"/>
  <c r="E992" i="2" s="1"/>
  <c r="E989" i="2" a="1"/>
  <c r="E989" i="2" s="1"/>
  <c r="E990" i="2" a="1"/>
  <c r="E990" i="2" s="1"/>
  <c r="E982" i="2" a="1"/>
  <c r="E982" i="2" s="1"/>
  <c r="E980" i="2" a="1"/>
  <c r="E980" i="2" s="1"/>
  <c r="E986" i="2" a="1"/>
  <c r="E986" i="2" s="1"/>
  <c r="E993" i="2" a="1"/>
  <c r="E993" i="2" s="1"/>
  <c r="E983" i="2" a="1"/>
  <c r="E983" i="2" s="1"/>
  <c r="E985" i="2" a="1"/>
  <c r="E985" i="2" s="1"/>
  <c r="E971" i="2" a="1"/>
  <c r="E971" i="2" s="1"/>
  <c r="E987" i="2" a="1"/>
  <c r="E987" i="2" s="1"/>
  <c r="E988" i="2" a="1"/>
  <c r="E988" i="2" s="1"/>
  <c r="E974" i="2" a="1"/>
  <c r="E974" i="2" s="1"/>
  <c r="E975" i="2" a="1"/>
  <c r="E975" i="2" s="1"/>
  <c r="E979" i="2" a="1"/>
  <c r="E979" i="2" s="1"/>
  <c r="E976" i="2" a="1"/>
  <c r="E976" i="2" s="1"/>
  <c r="E978" i="2" a="1"/>
  <c r="E978" i="2" s="1"/>
  <c r="E991" i="2" a="1"/>
  <c r="E991" i="2" s="1"/>
  <c r="E984" i="2" a="1"/>
  <c r="E984" i="2" s="1"/>
  <c r="G8709" i="2" a="1"/>
  <c r="G8709" i="2" s="1"/>
  <c r="G8700" i="2" a="1"/>
  <c r="G8700" i="2" s="1"/>
  <c r="G8705" i="2" a="1"/>
  <c r="G8705" i="2" s="1"/>
  <c r="G8706" i="2" a="1"/>
  <c r="G8706" i="2" s="1"/>
  <c r="G8716" i="2" a="1"/>
  <c r="G8716" i="2" s="1"/>
  <c r="G8719" i="2" a="1"/>
  <c r="G8719" i="2" s="1"/>
  <c r="G8704" i="2" a="1"/>
  <c r="G8704" i="2" s="1"/>
  <c r="G8720" i="2" a="1"/>
  <c r="G8720" i="2" s="1"/>
  <c r="G8717" i="2" a="1"/>
  <c r="G8717" i="2" s="1"/>
  <c r="G8708" i="2" a="1"/>
  <c r="G8708" i="2" s="1"/>
  <c r="G8710" i="2" a="1"/>
  <c r="G8710" i="2" s="1"/>
  <c r="G8703" i="2" a="1"/>
  <c r="G8703" i="2" s="1"/>
  <c r="G8718" i="2" a="1"/>
  <c r="G8718" i="2" s="1"/>
  <c r="G8713" i="2" a="1"/>
  <c r="G8713" i="2" s="1"/>
  <c r="G8707" i="2" a="1"/>
  <c r="G8707" i="2" s="1"/>
  <c r="G8714" i="2" a="1"/>
  <c r="G8714" i="2" s="1"/>
  <c r="G8701" i="2" a="1"/>
  <c r="G8701" i="2" s="1"/>
  <c r="G8715" i="2" a="1"/>
  <c r="G8715" i="2" s="1"/>
  <c r="G8711" i="2" a="1"/>
  <c r="G8711" i="2" s="1"/>
  <c r="G8699" i="2" a="1"/>
  <c r="G8699" i="2" s="1"/>
  <c r="G8712" i="2" a="1"/>
  <c r="G8712" i="2" s="1"/>
  <c r="G8702" i="2" a="1"/>
  <c r="G8702" i="2" s="1"/>
  <c r="G8698" i="2" a="1"/>
  <c r="G8698" i="2" s="1"/>
  <c r="G4280" i="2" a="1"/>
  <c r="G4280" i="2" s="1"/>
  <c r="G4263" i="2" a="1"/>
  <c r="G4263" i="2" s="1"/>
  <c r="G4268" i="2" a="1"/>
  <c r="G4268" i="2" s="1"/>
  <c r="F4827" i="2" a="1"/>
  <c r="F4827" i="2" s="1"/>
  <c r="F4826" i="2" a="1"/>
  <c r="F4826" i="2" s="1"/>
  <c r="F4810" i="2" a="1"/>
  <c r="F4810" i="2" s="1"/>
  <c r="F4829" i="2" a="1"/>
  <c r="F4829" i="2" s="1"/>
  <c r="F4824" i="2" a="1"/>
  <c r="F4824" i="2" s="1"/>
  <c r="F4812" i="2" a="1"/>
  <c r="F4812" i="2" s="1"/>
  <c r="F4833" i="2" a="1"/>
  <c r="F4833" i="2" s="1"/>
  <c r="F4814" i="2" a="1"/>
  <c r="F4814" i="2" s="1"/>
  <c r="F4831" i="2" a="1"/>
  <c r="F4831" i="2" s="1"/>
  <c r="F4816" i="2" a="1"/>
  <c r="F4816" i="2" s="1"/>
  <c r="F4820" i="2" a="1"/>
  <c r="F4820" i="2" s="1"/>
  <c r="F4817" i="2" a="1"/>
  <c r="F4817" i="2" s="1"/>
  <c r="F4825" i="2" a="1"/>
  <c r="F4825" i="2" s="1"/>
  <c r="F4818" i="2" a="1"/>
  <c r="F4818" i="2" s="1"/>
  <c r="F4821" i="2" a="1"/>
  <c r="F4821" i="2" s="1"/>
  <c r="F4822" i="2" a="1"/>
  <c r="F4822" i="2" s="1"/>
  <c r="F4823" i="2" a="1"/>
  <c r="F4823" i="2" s="1"/>
  <c r="F4815" i="2" a="1"/>
  <c r="F4815" i="2" s="1"/>
  <c r="F4811" i="2" a="1"/>
  <c r="F4811" i="2" s="1"/>
  <c r="F4813" i="2" a="1"/>
  <c r="F4813" i="2" s="1"/>
  <c r="F4819" i="2" a="1"/>
  <c r="F4819" i="2" s="1"/>
  <c r="F4830" i="2" a="1"/>
  <c r="F4830" i="2" s="1"/>
  <c r="G7603" i="2" a="1"/>
  <c r="G7603" i="2" s="1"/>
  <c r="G7597" i="2" a="1"/>
  <c r="G7597" i="2" s="1"/>
  <c r="G7614" i="2" a="1"/>
  <c r="G7614" i="2" s="1"/>
  <c r="G7611" i="2" a="1"/>
  <c r="G7611" i="2" s="1"/>
  <c r="G7612" i="2" a="1"/>
  <c r="G7612" i="2" s="1"/>
  <c r="G7616" i="2" a="1"/>
  <c r="G7616" i="2" s="1"/>
  <c r="G7613" i="2" a="1"/>
  <c r="G7613" i="2" s="1"/>
  <c r="G7607" i="2" a="1"/>
  <c r="G7607" i="2" s="1"/>
  <c r="G7602" i="2" a="1"/>
  <c r="G7602" i="2" s="1"/>
  <c r="G7600" i="2" a="1"/>
  <c r="G7600" i="2" s="1"/>
  <c r="G7604" i="2" a="1"/>
  <c r="G7604" i="2" s="1"/>
  <c r="G7608" i="2" a="1"/>
  <c r="G7608" i="2" s="1"/>
  <c r="G7605" i="2" a="1"/>
  <c r="G7605" i="2" s="1"/>
  <c r="G7609" i="2" a="1"/>
  <c r="G7609" i="2" s="1"/>
  <c r="G7595" i="2" a="1"/>
  <c r="G7595" i="2" s="1"/>
  <c r="G7601" i="2" a="1"/>
  <c r="G7601" i="2" s="1"/>
  <c r="G7596" i="2" a="1"/>
  <c r="G7596" i="2" s="1"/>
  <c r="G7610" i="2" a="1"/>
  <c r="G7610" i="2" s="1"/>
  <c r="G7615" i="2" a="1"/>
  <c r="G7615" i="2" s="1"/>
  <c r="G7617" i="2" a="1"/>
  <c r="G7617" i="2" s="1"/>
  <c r="G7594" i="2" a="1"/>
  <c r="G7594" i="2" s="1"/>
  <c r="G7599" i="2" a="1"/>
  <c r="G7599" i="2" s="1"/>
  <c r="G7606" i="2" a="1"/>
  <c r="G7606" i="2" s="1"/>
  <c r="G7598" i="2" a="1"/>
  <c r="G7598" i="2" s="1"/>
  <c r="D7238" i="2" a="1"/>
  <c r="D7238" i="2" s="1"/>
  <c r="D7241" i="2" a="1"/>
  <c r="D7241" i="2" s="1"/>
  <c r="D7236" i="2" a="1"/>
  <c r="D7236" i="2" s="1"/>
  <c r="D7234" i="2" a="1"/>
  <c r="D7234" i="2" s="1"/>
  <c r="D7256" i="2" a="1"/>
  <c r="D7256" i="2" s="1"/>
  <c r="D7252" i="2" a="1"/>
  <c r="D7252" i="2" s="1"/>
  <c r="D7242" i="2" a="1"/>
  <c r="D7242" i="2" s="1"/>
  <c r="D7250" i="2" a="1"/>
  <c r="D7250" i="2" s="1"/>
  <c r="D7254" i="2" a="1"/>
  <c r="D7254" i="2" s="1"/>
  <c r="D7247" i="2" a="1"/>
  <c r="D7247" i="2" s="1"/>
  <c r="D7249" i="2" a="1"/>
  <c r="D7249" i="2" s="1"/>
  <c r="D7245" i="2" a="1"/>
  <c r="D7245" i="2" s="1"/>
  <c r="D7246" i="2" a="1"/>
  <c r="D7246" i="2" s="1"/>
  <c r="D7235" i="2" a="1"/>
  <c r="D7235" i="2" s="1"/>
  <c r="D7240" i="2" a="1"/>
  <c r="D7240" i="2" s="1"/>
  <c r="D7239" i="2" a="1"/>
  <c r="D7239" i="2" s="1"/>
  <c r="D7255" i="2" a="1"/>
  <c r="D7255" i="2" s="1"/>
  <c r="D7257" i="2" a="1"/>
  <c r="D7257" i="2" s="1"/>
  <c r="D7251" i="2" a="1"/>
  <c r="D7251" i="2" s="1"/>
  <c r="D7237" i="2" a="1"/>
  <c r="D7237" i="2" s="1"/>
  <c r="D7253" i="2" a="1"/>
  <c r="D7253" i="2" s="1"/>
  <c r="D7248" i="2" a="1"/>
  <c r="D7248" i="2" s="1"/>
  <c r="D7244" i="2" a="1"/>
  <c r="D7244" i="2" s="1"/>
  <c r="D7243" i="2" a="1"/>
  <c r="D7243" i="2" s="1"/>
  <c r="D2530" i="2" a="1"/>
  <c r="D2530" i="2" s="1"/>
  <c r="D2544" i="2" a="1"/>
  <c r="D2544" i="2" s="1"/>
  <c r="D2545" i="2" a="1"/>
  <c r="D2545" i="2" s="1"/>
  <c r="F4797" i="2" a="1"/>
  <c r="F4797" i="2" s="1"/>
  <c r="F4802" i="2" a="1"/>
  <c r="F4802" i="2" s="1"/>
  <c r="F4807" i="2" a="1"/>
  <c r="F4807" i="2" s="1"/>
  <c r="F4800" i="2" a="1"/>
  <c r="F4800" i="2" s="1"/>
  <c r="F4790" i="2" a="1"/>
  <c r="F4790" i="2" s="1"/>
  <c r="F4796" i="2" a="1"/>
  <c r="F4796" i="2" s="1"/>
  <c r="F4792" i="2" a="1"/>
  <c r="F4792" i="2" s="1"/>
  <c r="F4805" i="2" a="1"/>
  <c r="F4805" i="2" s="1"/>
  <c r="F4786" i="2" a="1"/>
  <c r="F4786" i="2" s="1"/>
  <c r="F4808" i="2" a="1"/>
  <c r="F4808" i="2" s="1"/>
  <c r="E7781" i="2" a="1"/>
  <c r="E7781" i="2" s="1"/>
  <c r="E7775" i="2" a="1"/>
  <c r="E7775" i="2" s="1"/>
  <c r="E7770" i="2" a="1"/>
  <c r="E7770" i="2" s="1"/>
  <c r="E7777" i="2" a="1"/>
  <c r="E7777" i="2" s="1"/>
  <c r="E7767" i="2" a="1"/>
  <c r="E7767" i="2" s="1"/>
  <c r="E7764" i="2" a="1"/>
  <c r="E7764" i="2" s="1"/>
  <c r="E7769" i="2" a="1"/>
  <c r="E7769" i="2" s="1"/>
  <c r="E7780" i="2" a="1"/>
  <c r="E7780" i="2" s="1"/>
  <c r="E7765" i="2" a="1"/>
  <c r="E7765" i="2" s="1"/>
  <c r="E7782" i="2" a="1"/>
  <c r="E7782" i="2" s="1"/>
  <c r="E7771" i="2" a="1"/>
  <c r="E7771" i="2" s="1"/>
  <c r="E7772" i="2" a="1"/>
  <c r="E7772" i="2" s="1"/>
  <c r="E7778" i="2" a="1"/>
  <c r="E7778" i="2" s="1"/>
  <c r="H1957" i="2" a="1"/>
  <c r="H1957" i="2" s="1"/>
  <c r="E6602" i="2" a="1"/>
  <c r="E6602" i="2" s="1"/>
  <c r="E6609" i="2" a="1"/>
  <c r="E6609" i="2" s="1"/>
  <c r="E6599" i="2" a="1"/>
  <c r="E6599" i="2" s="1"/>
  <c r="E6592" i="2" a="1"/>
  <c r="E6592" i="2" s="1"/>
  <c r="E6606" i="2" a="1"/>
  <c r="E6606" i="2" s="1"/>
  <c r="E6586" i="2" a="1"/>
  <c r="E6586" i="2" s="1"/>
  <c r="E6605" i="2" a="1"/>
  <c r="E6605" i="2" s="1"/>
  <c r="E6595" i="2" a="1"/>
  <c r="E6595" i="2" s="1"/>
  <c r="E6594" i="2" a="1"/>
  <c r="E6594" i="2" s="1"/>
  <c r="E6604" i="2" a="1"/>
  <c r="E6604" i="2" s="1"/>
  <c r="E6596" i="2" a="1"/>
  <c r="E6596" i="2" s="1"/>
  <c r="E6603" i="2" a="1"/>
  <c r="E6603" i="2" s="1"/>
  <c r="E6598" i="2" a="1"/>
  <c r="E6598" i="2" s="1"/>
  <c r="E6601" i="2" a="1"/>
  <c r="E6601" i="2" s="1"/>
  <c r="E6600" i="2" a="1"/>
  <c r="E6600" i="2" s="1"/>
  <c r="E6589" i="2" a="1"/>
  <c r="E6589" i="2" s="1"/>
  <c r="E6588" i="2" a="1"/>
  <c r="E6588" i="2" s="1"/>
  <c r="E6590" i="2" a="1"/>
  <c r="E6590" i="2" s="1"/>
  <c r="E6591" i="2" a="1"/>
  <c r="E6591" i="2" s="1"/>
  <c r="E6608" i="2" a="1"/>
  <c r="E6608" i="2" s="1"/>
  <c r="E6593" i="2" a="1"/>
  <c r="E6593" i="2" s="1"/>
  <c r="E6607" i="2" a="1"/>
  <c r="E6607" i="2" s="1"/>
  <c r="E6587" i="2" a="1"/>
  <c r="E6587" i="2" s="1"/>
  <c r="E6597" i="2" a="1"/>
  <c r="E6597" i="2" s="1"/>
  <c r="F113" i="2" a="1"/>
  <c r="F113" i="2" s="1"/>
  <c r="F119" i="2" a="1"/>
  <c r="F119" i="2" s="1"/>
  <c r="F1933" i="2" a="1"/>
  <c r="F1933" i="2" s="1"/>
  <c r="F1936" i="2" a="1"/>
  <c r="F1936" i="2" s="1"/>
  <c r="F1942" i="2" a="1"/>
  <c r="F1942" i="2" s="1"/>
  <c r="F1937" i="2" a="1"/>
  <c r="F1937" i="2" s="1"/>
  <c r="F1939" i="2" a="1"/>
  <c r="F1939" i="2" s="1"/>
  <c r="F1947" i="2" a="1"/>
  <c r="F1947" i="2" s="1"/>
  <c r="F1949" i="2" a="1"/>
  <c r="F1949" i="2" s="1"/>
  <c r="F1930" i="2" a="1"/>
  <c r="F1930" i="2" s="1"/>
  <c r="F1931" i="2" a="1"/>
  <c r="F1931" i="2" s="1"/>
  <c r="F1948" i="2" a="1"/>
  <c r="F1948" i="2" s="1"/>
  <c r="F1938" i="2" a="1"/>
  <c r="F1938" i="2" s="1"/>
  <c r="F1941" i="2" a="1"/>
  <c r="F1941" i="2" s="1"/>
  <c r="F1950" i="2" a="1"/>
  <c r="F1950" i="2" s="1"/>
  <c r="F1932" i="2" a="1"/>
  <c r="F1932" i="2" s="1"/>
  <c r="F1952" i="2" a="1"/>
  <c r="F1952" i="2" s="1"/>
  <c r="F1943" i="2" a="1"/>
  <c r="F1943" i="2" s="1"/>
  <c r="F1946" i="2" a="1"/>
  <c r="F1946" i="2" s="1"/>
  <c r="F1944" i="2" a="1"/>
  <c r="F1944" i="2" s="1"/>
  <c r="F1934" i="2" a="1"/>
  <c r="F1934" i="2" s="1"/>
  <c r="F1935" i="2" a="1"/>
  <c r="F1935" i="2" s="1"/>
  <c r="F1940" i="2" a="1"/>
  <c r="F1940" i="2" s="1"/>
  <c r="F1945" i="2" a="1"/>
  <c r="F1945" i="2" s="1"/>
  <c r="F1951" i="2" a="1"/>
  <c r="F1951" i="2" s="1"/>
  <c r="F1953" i="2" a="1"/>
  <c r="F1953" i="2" s="1"/>
  <c r="G4491" i="2" a="1"/>
  <c r="G4491" i="2" s="1"/>
  <c r="G4497" i="2" a="1"/>
  <c r="G4497" i="2" s="1"/>
  <c r="G4476" i="2" a="1"/>
  <c r="G4476" i="2" s="1"/>
  <c r="G4488" i="2" a="1"/>
  <c r="G4488" i="2" s="1"/>
  <c r="G4486" i="2" a="1"/>
  <c r="G4486" i="2" s="1"/>
  <c r="G4484" i="2" a="1"/>
  <c r="G4484" i="2" s="1"/>
  <c r="G4482" i="2" a="1"/>
  <c r="G4482" i="2" s="1"/>
  <c r="G4495" i="2" a="1"/>
  <c r="G4495" i="2" s="1"/>
  <c r="G4493" i="2" a="1"/>
  <c r="G4493" i="2" s="1"/>
  <c r="G4496" i="2" a="1"/>
  <c r="G4496" i="2" s="1"/>
  <c r="G4494" i="2" a="1"/>
  <c r="G4494" i="2" s="1"/>
  <c r="G4490" i="2" a="1"/>
  <c r="G4490" i="2" s="1"/>
  <c r="G4483" i="2" a="1"/>
  <c r="G4483" i="2" s="1"/>
  <c r="G4481" i="2" a="1"/>
  <c r="G4481" i="2" s="1"/>
  <c r="G4477" i="2" a="1"/>
  <c r="G4477" i="2" s="1"/>
  <c r="G4492" i="2" a="1"/>
  <c r="G4492" i="2" s="1"/>
  <c r="G4474" i="2" a="1"/>
  <c r="G4474" i="2" s="1"/>
  <c r="G4487" i="2" a="1"/>
  <c r="G4487" i="2" s="1"/>
  <c r="G4485" i="2" a="1"/>
  <c r="G4485" i="2" s="1"/>
  <c r="G4480" i="2" a="1"/>
  <c r="G4480" i="2" s="1"/>
  <c r="G4475" i="2" a="1"/>
  <c r="G4475" i="2" s="1"/>
  <c r="G4478" i="2" a="1"/>
  <c r="G4478" i="2" s="1"/>
  <c r="G4479" i="2" a="1"/>
  <c r="G4479" i="2" s="1"/>
  <c r="G4489" i="2" a="1"/>
  <c r="G4489" i="2" s="1"/>
  <c r="F8127" i="2" a="1"/>
  <c r="F8127" i="2" s="1"/>
  <c r="F8129" i="2" a="1"/>
  <c r="F8129" i="2" s="1"/>
  <c r="F8128" i="2" a="1"/>
  <c r="F8128" i="2" s="1"/>
  <c r="F8145" i="2" a="1"/>
  <c r="F8145" i="2" s="1"/>
  <c r="F8142" i="2" a="1"/>
  <c r="F8142" i="2" s="1"/>
  <c r="F8132" i="2" a="1"/>
  <c r="F8132" i="2" s="1"/>
  <c r="F8135" i="2" a="1"/>
  <c r="F8135" i="2" s="1"/>
  <c r="F8125" i="2" a="1"/>
  <c r="F8125" i="2" s="1"/>
  <c r="F8130" i="2" a="1"/>
  <c r="F8130" i="2" s="1"/>
  <c r="F8136" i="2" a="1"/>
  <c r="F8136" i="2" s="1"/>
  <c r="F8122" i="2" a="1"/>
  <c r="F8122" i="2" s="1"/>
  <c r="F8131" i="2" a="1"/>
  <c r="F8131" i="2" s="1"/>
  <c r="F8134" i="2" a="1"/>
  <c r="F8134" i="2" s="1"/>
  <c r="F8144" i="2" a="1"/>
  <c r="F8144" i="2" s="1"/>
  <c r="F8123" i="2" a="1"/>
  <c r="F8123" i="2" s="1"/>
  <c r="F8124" i="2" a="1"/>
  <c r="F8124" i="2" s="1"/>
  <c r="F8138" i="2" a="1"/>
  <c r="F8138" i="2" s="1"/>
  <c r="F8126" i="2" a="1"/>
  <c r="F8126" i="2" s="1"/>
  <c r="F8137" i="2" a="1"/>
  <c r="F8137" i="2" s="1"/>
  <c r="F8143" i="2" a="1"/>
  <c r="F8143" i="2" s="1"/>
  <c r="F8139" i="2" a="1"/>
  <c r="F8139" i="2" s="1"/>
  <c r="F8141" i="2" a="1"/>
  <c r="F8141" i="2" s="1"/>
  <c r="F8133" i="2" a="1"/>
  <c r="F8133" i="2" s="1"/>
  <c r="F8140" i="2" a="1"/>
  <c r="F8140" i="2" s="1"/>
  <c r="D530" i="2" a="1"/>
  <c r="D530" i="2" s="1"/>
  <c r="D518" i="2" a="1"/>
  <c r="D518" i="2" s="1"/>
  <c r="D516" i="2" a="1"/>
  <c r="D516" i="2" s="1"/>
  <c r="D527" i="2" a="1"/>
  <c r="D527" i="2" s="1"/>
  <c r="D524" i="2" a="1"/>
  <c r="D524" i="2" s="1"/>
  <c r="D533" i="2" a="1"/>
  <c r="D533" i="2" s="1"/>
  <c r="D525" i="2" a="1"/>
  <c r="D525" i="2" s="1"/>
  <c r="D526" i="2" a="1"/>
  <c r="D526" i="2" s="1"/>
  <c r="D520" i="2" a="1"/>
  <c r="D520" i="2" s="1"/>
  <c r="D532" i="2" a="1"/>
  <c r="D532" i="2" s="1"/>
  <c r="D521" i="2" a="1"/>
  <c r="D521" i="2" s="1"/>
  <c r="D534" i="2" a="1"/>
  <c r="D534" i="2" s="1"/>
  <c r="D531" i="2" a="1"/>
  <c r="D531" i="2" s="1"/>
  <c r="D537" i="2" a="1"/>
  <c r="D537" i="2" s="1"/>
  <c r="D515" i="2" a="1"/>
  <c r="D515" i="2" s="1"/>
  <c r="D536" i="2" a="1"/>
  <c r="D536" i="2" s="1"/>
  <c r="D529" i="2" a="1"/>
  <c r="D529" i="2" s="1"/>
  <c r="D514" i="2" a="1"/>
  <c r="D514" i="2" s="1"/>
  <c r="D517" i="2" a="1"/>
  <c r="D517" i="2" s="1"/>
  <c r="D519" i="2" a="1"/>
  <c r="D519" i="2" s="1"/>
  <c r="D535" i="2" a="1"/>
  <c r="D535" i="2" s="1"/>
  <c r="D522" i="2" a="1"/>
  <c r="D522" i="2" s="1"/>
  <c r="D528" i="2" a="1"/>
  <c r="D528" i="2" s="1"/>
  <c r="D523" i="2" a="1"/>
  <c r="D523" i="2" s="1"/>
  <c r="H5876" i="2" a="1"/>
  <c r="H5876" i="2" s="1"/>
  <c r="H5873" i="2" a="1"/>
  <c r="H5873" i="2" s="1"/>
  <c r="H5883" i="2" a="1"/>
  <c r="H5883" i="2" s="1"/>
  <c r="H5884" i="2" a="1"/>
  <c r="H5884" i="2" s="1"/>
  <c r="H5872" i="2" a="1"/>
  <c r="H5872" i="2" s="1"/>
  <c r="H5885" i="2" a="1"/>
  <c r="H5885" i="2" s="1"/>
  <c r="H5867" i="2" a="1"/>
  <c r="H5867" i="2" s="1"/>
  <c r="H5886" i="2" a="1"/>
  <c r="H5886" i="2" s="1"/>
  <c r="H5868" i="2" a="1"/>
  <c r="H5868" i="2" s="1"/>
  <c r="H5875" i="2" a="1"/>
  <c r="H5875" i="2" s="1"/>
  <c r="H5869" i="2" a="1"/>
  <c r="H5869" i="2" s="1"/>
  <c r="H5889" i="2" a="1"/>
  <c r="H5889" i="2" s="1"/>
  <c r="H5881" i="2" a="1"/>
  <c r="H5881" i="2" s="1"/>
  <c r="H5870" i="2" a="1"/>
  <c r="H5870" i="2" s="1"/>
  <c r="H5877" i="2" a="1"/>
  <c r="H5877" i="2" s="1"/>
  <c r="H5878" i="2" a="1"/>
  <c r="H5878" i="2" s="1"/>
  <c r="H5882" i="2" a="1"/>
  <c r="H5882" i="2" s="1"/>
  <c r="H5880" i="2" a="1"/>
  <c r="H5880" i="2" s="1"/>
  <c r="H5888" i="2" a="1"/>
  <c r="H5888" i="2" s="1"/>
  <c r="H5874" i="2" a="1"/>
  <c r="H5874" i="2" s="1"/>
  <c r="H5879" i="2" a="1"/>
  <c r="H5879" i="2" s="1"/>
  <c r="H5887" i="2" a="1"/>
  <c r="H5887" i="2" s="1"/>
  <c r="H5866" i="2" a="1"/>
  <c r="H5866" i="2" s="1"/>
  <c r="H5871" i="2" a="1"/>
  <c r="H5871" i="2" s="1"/>
  <c r="D1498" i="2" a="1"/>
  <c r="D1498" i="2" s="1"/>
  <c r="D1519" i="2" a="1"/>
  <c r="D1519" i="2" s="1"/>
  <c r="D1509" i="2" a="1"/>
  <c r="D1509" i="2" s="1"/>
  <c r="D1515" i="2" a="1"/>
  <c r="D1515" i="2" s="1"/>
  <c r="D1520" i="2" a="1"/>
  <c r="D1520" i="2" s="1"/>
  <c r="D1511" i="2" a="1"/>
  <c r="D1511" i="2" s="1"/>
  <c r="D1518" i="2" a="1"/>
  <c r="D1518" i="2" s="1"/>
  <c r="D1512" i="2" a="1"/>
  <c r="D1512" i="2" s="1"/>
  <c r="D1516" i="2" a="1"/>
  <c r="D1516" i="2" s="1"/>
  <c r="D1503" i="2" a="1"/>
  <c r="D1503" i="2" s="1"/>
  <c r="D1504" i="2" a="1"/>
  <c r="D1504" i="2" s="1"/>
  <c r="D1505" i="2" a="1"/>
  <c r="D1505" i="2" s="1"/>
  <c r="D1506" i="2" a="1"/>
  <c r="D1506" i="2" s="1"/>
  <c r="D1507" i="2" a="1"/>
  <c r="D1507" i="2" s="1"/>
  <c r="D1508" i="2" a="1"/>
  <c r="D1508" i="2" s="1"/>
  <c r="D1510" i="2" a="1"/>
  <c r="D1510" i="2" s="1"/>
  <c r="D1513" i="2" a="1"/>
  <c r="D1513" i="2" s="1"/>
  <c r="D1514" i="2" a="1"/>
  <c r="D1514" i="2" s="1"/>
  <c r="D1521" i="2" a="1"/>
  <c r="D1521" i="2" s="1"/>
  <c r="D1499" i="2" a="1"/>
  <c r="D1499" i="2" s="1"/>
  <c r="D1502" i="2" a="1"/>
  <c r="D1502" i="2" s="1"/>
  <c r="D1500" i="2" a="1"/>
  <c r="D1500" i="2" s="1"/>
  <c r="D1501" i="2" a="1"/>
  <c r="D1501" i="2" s="1"/>
  <c r="D1517" i="2" a="1"/>
  <c r="D1517" i="2" s="1"/>
  <c r="F5778" i="2" a="1"/>
  <c r="F5778" i="2" s="1"/>
  <c r="D5770" i="2" a="1"/>
  <c r="D5770" i="2" s="1"/>
  <c r="D5790" i="2" a="1"/>
  <c r="D5790" i="2" s="1"/>
  <c r="D6148" i="2" a="1"/>
  <c r="D6148" i="2" s="1"/>
  <c r="D6137" i="2" a="1"/>
  <c r="D6137" i="2" s="1"/>
  <c r="D6136" i="2" a="1"/>
  <c r="D6136" i="2" s="1"/>
  <c r="D6138" i="2" a="1"/>
  <c r="D6138" i="2" s="1"/>
  <c r="G404" i="2" a="1"/>
  <c r="G404" i="2" s="1"/>
  <c r="G409" i="2" a="1"/>
  <c r="G409" i="2" s="1"/>
  <c r="G406" i="2" a="1"/>
  <c r="G406" i="2" s="1"/>
  <c r="G411" i="2" a="1"/>
  <c r="G411" i="2" s="1"/>
  <c r="G407" i="2" a="1"/>
  <c r="G407" i="2" s="1"/>
  <c r="G397" i="2" a="1"/>
  <c r="G397" i="2" s="1"/>
  <c r="G402" i="2" a="1"/>
  <c r="G402" i="2" s="1"/>
  <c r="G412" i="2" a="1"/>
  <c r="G412" i="2" s="1"/>
  <c r="G403" i="2" a="1"/>
  <c r="G403" i="2" s="1"/>
  <c r="G394" i="2" a="1"/>
  <c r="G394" i="2" s="1"/>
  <c r="G398" i="2" a="1"/>
  <c r="G398" i="2" s="1"/>
  <c r="G395" i="2" a="1"/>
  <c r="G395" i="2" s="1"/>
  <c r="G399" i="2" a="1"/>
  <c r="G399" i="2" s="1"/>
  <c r="G401" i="2" a="1"/>
  <c r="G401" i="2" s="1"/>
  <c r="G396" i="2" a="1"/>
  <c r="G396" i="2" s="1"/>
  <c r="G417" i="2" a="1"/>
  <c r="G417" i="2" s="1"/>
  <c r="G400" i="2" a="1"/>
  <c r="G400" i="2" s="1"/>
  <c r="G410" i="2" a="1"/>
  <c r="G410" i="2" s="1"/>
  <c r="G414" i="2" a="1"/>
  <c r="G414" i="2" s="1"/>
  <c r="G415" i="2" a="1"/>
  <c r="G415" i="2" s="1"/>
  <c r="G408" i="2" a="1"/>
  <c r="G408" i="2" s="1"/>
  <c r="G416" i="2" a="1"/>
  <c r="G416" i="2" s="1"/>
  <c r="G413" i="2" a="1"/>
  <c r="G413" i="2" s="1"/>
  <c r="G405" i="2" a="1"/>
  <c r="G405" i="2" s="1"/>
  <c r="G5948" i="2" a="1"/>
  <c r="G5948" i="2" s="1"/>
  <c r="G5942" i="2" a="1"/>
  <c r="G5942" i="2" s="1"/>
  <c r="G5943" i="2" a="1"/>
  <c r="G5943" i="2" s="1"/>
  <c r="G5957" i="2" a="1"/>
  <c r="G5957" i="2" s="1"/>
  <c r="G5946" i="2" a="1"/>
  <c r="G5946" i="2" s="1"/>
  <c r="G5958" i="2" a="1"/>
  <c r="G5958" i="2" s="1"/>
  <c r="G5952" i="2" a="1"/>
  <c r="G5952" i="2" s="1"/>
  <c r="G5959" i="2" a="1"/>
  <c r="G5959" i="2" s="1"/>
  <c r="G5947" i="2" a="1"/>
  <c r="G5947" i="2" s="1"/>
  <c r="G5940" i="2" a="1"/>
  <c r="G5940" i="2" s="1"/>
  <c r="G5960" i="2" a="1"/>
  <c r="G5960" i="2" s="1"/>
  <c r="G5953" i="2" a="1"/>
  <c r="G5953" i="2" s="1"/>
  <c r="G5949" i="2" a="1"/>
  <c r="G5949" i="2" s="1"/>
  <c r="G5954" i="2" a="1"/>
  <c r="G5954" i="2" s="1"/>
  <c r="G5961" i="2" a="1"/>
  <c r="G5961" i="2" s="1"/>
  <c r="G5950" i="2" a="1"/>
  <c r="G5950" i="2" s="1"/>
  <c r="G5945" i="2" a="1"/>
  <c r="G5945" i="2" s="1"/>
  <c r="G5939" i="2" a="1"/>
  <c r="G5939" i="2" s="1"/>
  <c r="G5955" i="2" a="1"/>
  <c r="G5955" i="2" s="1"/>
  <c r="G5951" i="2" a="1"/>
  <c r="G5951" i="2" s="1"/>
  <c r="G5938" i="2" a="1"/>
  <c r="G5938" i="2" s="1"/>
  <c r="G5941" i="2" a="1"/>
  <c r="G5941" i="2" s="1"/>
  <c r="D8605" i="2" a="1"/>
  <c r="D8605" i="2" s="1"/>
  <c r="D8609" i="2" a="1"/>
  <c r="D8609" i="2" s="1"/>
  <c r="D8617" i="2" a="1"/>
  <c r="D8617" i="2" s="1"/>
  <c r="D8621" i="2" a="1"/>
  <c r="D8621" i="2" s="1"/>
  <c r="D8602" i="2" a="1"/>
  <c r="D8602" i="2" s="1"/>
  <c r="D8612" i="2" a="1"/>
  <c r="D8612" i="2" s="1"/>
  <c r="D8616" i="2" a="1"/>
  <c r="D8616" i="2" s="1"/>
  <c r="D8624" i="2" a="1"/>
  <c r="D8624" i="2" s="1"/>
  <c r="D8604" i="2" a="1"/>
  <c r="D8604" i="2" s="1"/>
  <c r="D8608" i="2" a="1"/>
  <c r="D8608" i="2" s="1"/>
  <c r="D8619" i="2" a="1"/>
  <c r="D8619" i="2" s="1"/>
  <c r="D8607" i="2" a="1"/>
  <c r="D8607" i="2" s="1"/>
  <c r="D8606" i="2" a="1"/>
  <c r="D8606" i="2" s="1"/>
  <c r="D8610" i="2" a="1"/>
  <c r="D8610" i="2" s="1"/>
  <c r="D8614" i="2" a="1"/>
  <c r="D8614" i="2" s="1"/>
  <c r="D8618" i="2" a="1"/>
  <c r="D8618" i="2" s="1"/>
  <c r="D8622" i="2" a="1"/>
  <c r="D8622" i="2" s="1"/>
  <c r="D8611" i="2" a="1"/>
  <c r="D8611" i="2" s="1"/>
  <c r="D8615" i="2" a="1"/>
  <c r="D8615" i="2" s="1"/>
  <c r="D8623" i="2" a="1"/>
  <c r="D8623" i="2" s="1"/>
  <c r="F5669" i="2" a="1"/>
  <c r="F5669" i="2" s="1"/>
  <c r="F5656" i="2" a="1"/>
  <c r="F5656" i="2" s="1"/>
  <c r="F5651" i="2" a="1"/>
  <c r="F5651" i="2" s="1"/>
  <c r="G454" i="2" a="1"/>
  <c r="G454" i="2" s="1"/>
  <c r="G453" i="2" a="1"/>
  <c r="G453" i="2" s="1"/>
  <c r="G449" i="2" a="1"/>
  <c r="G449" i="2" s="1"/>
  <c r="G443" i="2" a="1"/>
  <c r="G443" i="2" s="1"/>
  <c r="G465" i="2" a="1"/>
  <c r="G465" i="2" s="1"/>
  <c r="G450" i="2" a="1"/>
  <c r="G450" i="2" s="1"/>
  <c r="G452" i="2" a="1"/>
  <c r="G452" i="2" s="1"/>
  <c r="D175" i="2" a="1"/>
  <c r="D175" i="2" s="1"/>
  <c r="D155" i="2" a="1"/>
  <c r="D155" i="2" s="1"/>
  <c r="D176" i="2" a="1"/>
  <c r="D176" i="2" s="1"/>
  <c r="D168" i="2" a="1"/>
  <c r="D168" i="2" s="1"/>
  <c r="D156" i="2" a="1"/>
  <c r="D156" i="2" s="1"/>
  <c r="E1301" i="2" a="1"/>
  <c r="E1301" i="2" s="1"/>
  <c r="E1297" i="2" a="1"/>
  <c r="E1297" i="2" s="1"/>
  <c r="E1286" i="2" a="1"/>
  <c r="E1286" i="2" s="1"/>
  <c r="E1293" i="2" a="1"/>
  <c r="E1293" i="2" s="1"/>
  <c r="E1290" i="2" a="1"/>
  <c r="E1290" i="2" s="1"/>
  <c r="E1287" i="2" a="1"/>
  <c r="E1287" i="2" s="1"/>
  <c r="E1288" i="2" a="1"/>
  <c r="E1288" i="2" s="1"/>
  <c r="E1294" i="2" a="1"/>
  <c r="E1294" i="2" s="1"/>
  <c r="E1303" i="2" a="1"/>
  <c r="E1303" i="2" s="1"/>
  <c r="E1295" i="2" a="1"/>
  <c r="E1295" i="2" s="1"/>
  <c r="E1305" i="2" a="1"/>
  <c r="E1305" i="2" s="1"/>
  <c r="E1283" i="2" a="1"/>
  <c r="E1283" i="2" s="1"/>
  <c r="E1291" i="2" a="1"/>
  <c r="E1291" i="2" s="1"/>
  <c r="E1300" i="2" a="1"/>
  <c r="E1300" i="2" s="1"/>
  <c r="E4816" i="2" a="1"/>
  <c r="E4816" i="2" s="1"/>
  <c r="E4821" i="2" a="1"/>
  <c r="E4821" i="2" s="1"/>
  <c r="E4826" i="2" a="1"/>
  <c r="E4826" i="2" s="1"/>
  <c r="E4825" i="2" a="1"/>
  <c r="E4825" i="2" s="1"/>
  <c r="E4810" i="2" a="1"/>
  <c r="E4810" i="2" s="1"/>
  <c r="E4814" i="2" a="1"/>
  <c r="E4814" i="2" s="1"/>
  <c r="E4832" i="2" a="1"/>
  <c r="E4832" i="2" s="1"/>
  <c r="E4829" i="2" a="1"/>
  <c r="E4829" i="2" s="1"/>
  <c r="E4822" i="2" a="1"/>
  <c r="E4822" i="2" s="1"/>
  <c r="E4831" i="2" a="1"/>
  <c r="E4831" i="2" s="1"/>
  <c r="E4824" i="2" a="1"/>
  <c r="E4824" i="2" s="1"/>
  <c r="E4815" i="2" a="1"/>
  <c r="E4815" i="2" s="1"/>
  <c r="E4817" i="2" a="1"/>
  <c r="E4817" i="2" s="1"/>
  <c r="E4833" i="2" a="1"/>
  <c r="E4833" i="2" s="1"/>
  <c r="E4820" i="2" a="1"/>
  <c r="E4820" i="2" s="1"/>
  <c r="E4811" i="2" a="1"/>
  <c r="E4811" i="2" s="1"/>
  <c r="E4823" i="2" a="1"/>
  <c r="E4823" i="2" s="1"/>
  <c r="E4818" i="2" a="1"/>
  <c r="E4818" i="2" s="1"/>
  <c r="E4813" i="2" a="1"/>
  <c r="E4813" i="2" s="1"/>
  <c r="E4819" i="2" a="1"/>
  <c r="E4819" i="2" s="1"/>
  <c r="E4827" i="2" a="1"/>
  <c r="E4827" i="2" s="1"/>
  <c r="E4812" i="2" a="1"/>
  <c r="E4812" i="2" s="1"/>
  <c r="D4858" i="2" a="1"/>
  <c r="D4858" i="2" s="1"/>
  <c r="D4869" i="2" a="1"/>
  <c r="D4869" i="2" s="1"/>
  <c r="D4873" i="2" a="1"/>
  <c r="D4873" i="2" s="1"/>
  <c r="D4867" i="2" a="1"/>
  <c r="D4867" i="2" s="1"/>
  <c r="D4879" i="2" a="1"/>
  <c r="D4879" i="2" s="1"/>
  <c r="D4861" i="2" a="1"/>
  <c r="D4861" i="2" s="1"/>
  <c r="D5378" i="2" a="1"/>
  <c r="D5378" i="2" s="1"/>
  <c r="D5367" i="2" a="1"/>
  <c r="D5367" i="2" s="1"/>
  <c r="D5365" i="2" a="1"/>
  <c r="D5365" i="2" s="1"/>
  <c r="D5375" i="2" a="1"/>
  <c r="D5375" i="2" s="1"/>
  <c r="D5374" i="2" a="1"/>
  <c r="D5374" i="2" s="1"/>
  <c r="D5366" i="2" a="1"/>
  <c r="D5366" i="2" s="1"/>
  <c r="D5385" i="2" a="1"/>
  <c r="D5385" i="2" s="1"/>
  <c r="D5379" i="2" a="1"/>
  <c r="D5379" i="2" s="1"/>
  <c r="D5371" i="2" a="1"/>
  <c r="D5371" i="2" s="1"/>
  <c r="D5383" i="2" a="1"/>
  <c r="D5383" i="2" s="1"/>
  <c r="D5362" i="2" a="1"/>
  <c r="D5362" i="2" s="1"/>
  <c r="D5376" i="2" a="1"/>
  <c r="D5376" i="2" s="1"/>
  <c r="D5372" i="2" a="1"/>
  <c r="D5372" i="2" s="1"/>
  <c r="D5373" i="2" a="1"/>
  <c r="D5373" i="2" s="1"/>
  <c r="D5380" i="2" a="1"/>
  <c r="D5380" i="2" s="1"/>
  <c r="D5382" i="2" a="1"/>
  <c r="D5382" i="2" s="1"/>
  <c r="D5369" i="2" a="1"/>
  <c r="D5369" i="2" s="1"/>
  <c r="D5368" i="2" a="1"/>
  <c r="D5368" i="2" s="1"/>
  <c r="D5370" i="2" a="1"/>
  <c r="D5370" i="2" s="1"/>
  <c r="D5377" i="2" a="1"/>
  <c r="D5377" i="2" s="1"/>
  <c r="D5363" i="2" a="1"/>
  <c r="D5363" i="2" s="1"/>
  <c r="D5384" i="2" a="1"/>
  <c r="D5384" i="2" s="1"/>
  <c r="D5381" i="2" a="1"/>
  <c r="D5381" i="2" s="1"/>
  <c r="D5364" i="2" a="1"/>
  <c r="D5364" i="2" s="1"/>
  <c r="G1166" i="2" a="1"/>
  <c r="G1166" i="2" s="1"/>
  <c r="G1162" i="2" a="1"/>
  <c r="G1162" i="2" s="1"/>
  <c r="G1173" i="2" a="1"/>
  <c r="G1173" i="2" s="1"/>
  <c r="G1177" i="2" a="1"/>
  <c r="G1177" i="2" s="1"/>
  <c r="G1165" i="2" a="1"/>
  <c r="G1165" i="2" s="1"/>
  <c r="H161" i="2" a="1"/>
  <c r="H161" i="2" s="1"/>
  <c r="H162" i="2" a="1"/>
  <c r="H162" i="2" s="1"/>
  <c r="H155" i="2" a="1"/>
  <c r="H155" i="2" s="1"/>
  <c r="H166" i="2" a="1"/>
  <c r="H166" i="2" s="1"/>
  <c r="H163" i="2" a="1"/>
  <c r="H163" i="2" s="1"/>
  <c r="H177" i="2" a="1"/>
  <c r="H177" i="2" s="1"/>
  <c r="H164" i="2" a="1"/>
  <c r="H164" i="2" s="1"/>
  <c r="H176" i="2" a="1"/>
  <c r="H176" i="2" s="1"/>
  <c r="H174" i="2" a="1"/>
  <c r="H174" i="2" s="1"/>
  <c r="H159" i="2" a="1"/>
  <c r="H159" i="2" s="1"/>
  <c r="H160" i="2" a="1"/>
  <c r="H160" i="2" s="1"/>
  <c r="H170" i="2" a="1"/>
  <c r="H170" i="2" s="1"/>
  <c r="H154" i="2" a="1"/>
  <c r="H154" i="2" s="1"/>
  <c r="H169" i="2" a="1"/>
  <c r="H169" i="2" s="1"/>
  <c r="E2860" i="2" a="1"/>
  <c r="E2860" i="2" s="1"/>
  <c r="E2851" i="2" a="1"/>
  <c r="E2851" i="2" s="1"/>
  <c r="E2849" i="2" a="1"/>
  <c r="E2849" i="2" s="1"/>
  <c r="E2862" i="2" a="1"/>
  <c r="E2862" i="2" s="1"/>
  <c r="E2842" i="2" a="1"/>
  <c r="E2842" i="2" s="1"/>
  <c r="E2843" i="2" a="1"/>
  <c r="E2843" i="2" s="1"/>
  <c r="E2864" i="2" a="1"/>
  <c r="E2864" i="2" s="1"/>
  <c r="E2861" i="2" a="1"/>
  <c r="E2861" i="2" s="1"/>
  <c r="E2844" i="2" a="1"/>
  <c r="E2844" i="2" s="1"/>
  <c r="E2848" i="2" a="1"/>
  <c r="E2848" i="2" s="1"/>
  <c r="E2845" i="2" a="1"/>
  <c r="E2845" i="2" s="1"/>
  <c r="E2846" i="2" a="1"/>
  <c r="E2846" i="2" s="1"/>
  <c r="E2850" i="2" a="1"/>
  <c r="E2850" i="2" s="1"/>
  <c r="E2853" i="2" a="1"/>
  <c r="E2853" i="2" s="1"/>
  <c r="E2857" i="2" a="1"/>
  <c r="E2857" i="2" s="1"/>
  <c r="E2859" i="2" a="1"/>
  <c r="E2859" i="2" s="1"/>
  <c r="E2863" i="2" a="1"/>
  <c r="E2863" i="2" s="1"/>
  <c r="E2852" i="2" a="1"/>
  <c r="E2852" i="2" s="1"/>
  <c r="E2847" i="2" a="1"/>
  <c r="E2847" i="2" s="1"/>
  <c r="E2865" i="2" a="1"/>
  <c r="E2865" i="2" s="1"/>
  <c r="E2856" i="2" a="1"/>
  <c r="E2856" i="2" s="1"/>
  <c r="E2858" i="2" a="1"/>
  <c r="E2858" i="2" s="1"/>
  <c r="E2854" i="2" a="1"/>
  <c r="E2854" i="2" s="1"/>
  <c r="E2855" i="2" a="1"/>
  <c r="E2855" i="2" s="1"/>
  <c r="D2346" i="2" a="1"/>
  <c r="D2346" i="2" s="1"/>
  <c r="D2350" i="2" a="1"/>
  <c r="D2350" i="2" s="1"/>
  <c r="D2360" i="2" a="1"/>
  <c r="D2360" i="2" s="1"/>
  <c r="D2359" i="2" a="1"/>
  <c r="D2359" i="2" s="1"/>
  <c r="D2356" i="2" a="1"/>
  <c r="D2356" i="2" s="1"/>
  <c r="D2347" i="2" a="1"/>
  <c r="D2347" i="2" s="1"/>
  <c r="D2349" i="2" a="1"/>
  <c r="D2349" i="2" s="1"/>
  <c r="D2354" i="2" a="1"/>
  <c r="D2354" i="2" s="1"/>
  <c r="D2355" i="2" a="1"/>
  <c r="D2355" i="2" s="1"/>
  <c r="D2361" i="2" a="1"/>
  <c r="D2361" i="2" s="1"/>
  <c r="D2358" i="2" a="1"/>
  <c r="D2358" i="2" s="1"/>
  <c r="D2351" i="2" a="1"/>
  <c r="D2351" i="2" s="1"/>
  <c r="D2348" i="2" a="1"/>
  <c r="D2348" i="2" s="1"/>
  <c r="D2339" i="2" a="1"/>
  <c r="D2339" i="2" s="1"/>
  <c r="D2340" i="2" a="1"/>
  <c r="D2340" i="2" s="1"/>
  <c r="D2341" i="2" a="1"/>
  <c r="D2341" i="2" s="1"/>
  <c r="D2343" i="2" a="1"/>
  <c r="D2343" i="2" s="1"/>
  <c r="D2345" i="2" a="1"/>
  <c r="D2345" i="2" s="1"/>
  <c r="D2342" i="2" a="1"/>
  <c r="D2342" i="2" s="1"/>
  <c r="D2352" i="2" a="1"/>
  <c r="D2352" i="2" s="1"/>
  <c r="D2357" i="2" a="1"/>
  <c r="D2357" i="2" s="1"/>
  <c r="F7425" i="2" a="1"/>
  <c r="F7425" i="2" s="1"/>
  <c r="F7415" i="2" a="1"/>
  <c r="F7415" i="2" s="1"/>
  <c r="F7410" i="2" a="1"/>
  <c r="F7410" i="2" s="1"/>
  <c r="F7402" i="2" a="1"/>
  <c r="F7402" i="2" s="1"/>
  <c r="F7421" i="2" a="1"/>
  <c r="F7421" i="2" s="1"/>
  <c r="F7424" i="2" a="1"/>
  <c r="F7424" i="2" s="1"/>
  <c r="F7403" i="2" a="1"/>
  <c r="F7403" i="2" s="1"/>
  <c r="F7417" i="2" a="1"/>
  <c r="F7417" i="2" s="1"/>
  <c r="F7404" i="2" a="1"/>
  <c r="F7404" i="2" s="1"/>
  <c r="F7407" i="2" a="1"/>
  <c r="F7407" i="2" s="1"/>
  <c r="F7416" i="2" a="1"/>
  <c r="F7416" i="2" s="1"/>
  <c r="F7414" i="2" a="1"/>
  <c r="F7414" i="2" s="1"/>
  <c r="F7418" i="2" a="1"/>
  <c r="F7418" i="2" s="1"/>
  <c r="F7413" i="2" a="1"/>
  <c r="F7413" i="2" s="1"/>
  <c r="F7422" i="2" a="1"/>
  <c r="F7422" i="2" s="1"/>
  <c r="F7405" i="2" a="1"/>
  <c r="F7405" i="2" s="1"/>
  <c r="F7419" i="2" a="1"/>
  <c r="F7419" i="2" s="1"/>
  <c r="F7411" i="2" a="1"/>
  <c r="F7411" i="2" s="1"/>
  <c r="F7412" i="2" a="1"/>
  <c r="F7412" i="2" s="1"/>
  <c r="F7423" i="2" a="1"/>
  <c r="F7423" i="2" s="1"/>
  <c r="F7420" i="2" a="1"/>
  <c r="F7420" i="2" s="1"/>
  <c r="F7406" i="2" a="1"/>
  <c r="F7406" i="2" s="1"/>
  <c r="F7409" i="2" a="1"/>
  <c r="F7409" i="2" s="1"/>
  <c r="E3468" i="2" a="1"/>
  <c r="E3468" i="2" s="1"/>
  <c r="E3487" i="2" a="1"/>
  <c r="E3487" i="2" s="1"/>
  <c r="E3489" i="2" a="1"/>
  <c r="E3489" i="2" s="1"/>
  <c r="E3477" i="2" a="1"/>
  <c r="E3477" i="2" s="1"/>
  <c r="E3483" i="2" a="1"/>
  <c r="E3483" i="2" s="1"/>
  <c r="E3476" i="2" a="1"/>
  <c r="E3476" i="2" s="1"/>
  <c r="E3466" i="2" a="1"/>
  <c r="E3466" i="2" s="1"/>
  <c r="E3470" i="2" a="1"/>
  <c r="E3470" i="2" s="1"/>
  <c r="E3481" i="2" a="1"/>
  <c r="E3481" i="2" s="1"/>
  <c r="E3472" i="2" a="1"/>
  <c r="E3472" i="2" s="1"/>
  <c r="E3484" i="2" a="1"/>
  <c r="E3484" i="2" s="1"/>
  <c r="E3479" i="2" a="1"/>
  <c r="E3479" i="2" s="1"/>
  <c r="E3480" i="2" a="1"/>
  <c r="E3480" i="2" s="1"/>
  <c r="E3467" i="2" a="1"/>
  <c r="E3467" i="2" s="1"/>
  <c r="E3488" i="2" a="1"/>
  <c r="E3488" i="2" s="1"/>
  <c r="E3473" i="2" a="1"/>
  <c r="E3473" i="2" s="1"/>
  <c r="E3486" i="2" a="1"/>
  <c r="E3486" i="2" s="1"/>
  <c r="E3474" i="2" a="1"/>
  <c r="E3474" i="2" s="1"/>
  <c r="E3478" i="2" a="1"/>
  <c r="E3478" i="2" s="1"/>
  <c r="E3471" i="2" a="1"/>
  <c r="E3471" i="2" s="1"/>
  <c r="G7820" i="2" a="1"/>
  <c r="G7820" i="2" s="1"/>
  <c r="G7813" i="2" a="1"/>
  <c r="G7813" i="2" s="1"/>
  <c r="G7831" i="2" a="1"/>
  <c r="G7831" i="2" s="1"/>
  <c r="G7825" i="2" a="1"/>
  <c r="G7825" i="2" s="1"/>
  <c r="G7815" i="2" a="1"/>
  <c r="G7815" i="2" s="1"/>
  <c r="G7814" i="2" a="1"/>
  <c r="G7814" i="2" s="1"/>
  <c r="G7817" i="2" a="1"/>
  <c r="G7817" i="2" s="1"/>
  <c r="G7823" i="2" a="1"/>
  <c r="G7823" i="2" s="1"/>
  <c r="D4928" i="2" a="1"/>
  <c r="D4928" i="2" s="1"/>
  <c r="D4910" i="2" a="1"/>
  <c r="D4910" i="2" s="1"/>
  <c r="D4914" i="2" a="1"/>
  <c r="D4914" i="2" s="1"/>
  <c r="D4918" i="2" a="1"/>
  <c r="D4918" i="2" s="1"/>
  <c r="D4922" i="2" a="1"/>
  <c r="D4922" i="2" s="1"/>
  <c r="D4926" i="2" a="1"/>
  <c r="D4926" i="2" s="1"/>
  <c r="D4906" i="2" a="1"/>
  <c r="D4906" i="2" s="1"/>
  <c r="D4909" i="2" a="1"/>
  <c r="D4909" i="2" s="1"/>
  <c r="D4913" i="2" a="1"/>
  <c r="D4913" i="2" s="1"/>
  <c r="D4921" i="2" a="1"/>
  <c r="D4921" i="2" s="1"/>
  <c r="D4925" i="2" a="1"/>
  <c r="D4925" i="2" s="1"/>
  <c r="D4929" i="2" a="1"/>
  <c r="D4929" i="2" s="1"/>
  <c r="D4908" i="2" a="1"/>
  <c r="D4908" i="2" s="1"/>
  <c r="D4912" i="2" a="1"/>
  <c r="D4912" i="2" s="1"/>
  <c r="D4916" i="2" a="1"/>
  <c r="D4916" i="2" s="1"/>
  <c r="D4920" i="2" a="1"/>
  <c r="D4920" i="2" s="1"/>
  <c r="D4924" i="2" a="1"/>
  <c r="D4924" i="2" s="1"/>
  <c r="D4917" i="2" a="1"/>
  <c r="D4917" i="2" s="1"/>
  <c r="D4907" i="2" a="1"/>
  <c r="D4907" i="2" s="1"/>
  <c r="D4911" i="2" a="1"/>
  <c r="D4911" i="2" s="1"/>
  <c r="D4915" i="2" a="1"/>
  <c r="D4915" i="2" s="1"/>
  <c r="D4919" i="2" a="1"/>
  <c r="D4919" i="2" s="1"/>
  <c r="D4923" i="2" a="1"/>
  <c r="D4923" i="2" s="1"/>
  <c r="D4927" i="2" a="1"/>
  <c r="D4927" i="2" s="1"/>
  <c r="D7860" i="2" a="1"/>
  <c r="D7860" i="2" s="1"/>
  <c r="D7865" i="2" a="1"/>
  <c r="D7865" i="2" s="1"/>
  <c r="D7875" i="2" a="1"/>
  <c r="D7875" i="2" s="1"/>
  <c r="D7879" i="2" a="1"/>
  <c r="D7879" i="2" s="1"/>
  <c r="F5152" i="2" a="1"/>
  <c r="F5152" i="2" s="1"/>
  <c r="F5156" i="2" a="1"/>
  <c r="F5156" i="2" s="1"/>
  <c r="F5169" i="2" a="1"/>
  <c r="F5169" i="2" s="1"/>
  <c r="F5157" i="2" a="1"/>
  <c r="F5157" i="2" s="1"/>
  <c r="E7802" i="2" a="1"/>
  <c r="E7802" i="2" s="1"/>
  <c r="E7790" i="2" a="1"/>
  <c r="E7790" i="2" s="1"/>
  <c r="E7793" i="2" a="1"/>
  <c r="E7793" i="2" s="1"/>
  <c r="E7803" i="2" a="1"/>
  <c r="E7803" i="2" s="1"/>
  <c r="E7796" i="2" a="1"/>
  <c r="E7796" i="2" s="1"/>
  <c r="E7800" i="2" a="1"/>
  <c r="E7800" i="2" s="1"/>
  <c r="E7808" i="2" a="1"/>
  <c r="E7808" i="2" s="1"/>
  <c r="E7791" i="2" a="1"/>
  <c r="E7791" i="2" s="1"/>
  <c r="E7809" i="2" a="1"/>
  <c r="E7809" i="2" s="1"/>
  <c r="E7797" i="2" a="1"/>
  <c r="E7797" i="2" s="1"/>
  <c r="E7789" i="2" a="1"/>
  <c r="E7789" i="2" s="1"/>
  <c r="E7787" i="2" a="1"/>
  <c r="E7787" i="2" s="1"/>
  <c r="E7792" i="2" a="1"/>
  <c r="E7792" i="2" s="1"/>
  <c r="E7798" i="2" a="1"/>
  <c r="E7798" i="2" s="1"/>
  <c r="E7804" i="2" a="1"/>
  <c r="E7804" i="2" s="1"/>
  <c r="E7805" i="2" a="1"/>
  <c r="E7805" i="2" s="1"/>
  <c r="E7807" i="2" a="1"/>
  <c r="E7807" i="2" s="1"/>
  <c r="E7786" i="2" a="1"/>
  <c r="E7786" i="2" s="1"/>
  <c r="E7794" i="2" a="1"/>
  <c r="E7794" i="2" s="1"/>
  <c r="E7788" i="2" a="1"/>
  <c r="E7788" i="2" s="1"/>
  <c r="E7799" i="2" a="1"/>
  <c r="E7799" i="2" s="1"/>
  <c r="E7801" i="2" a="1"/>
  <c r="E7801" i="2" s="1"/>
  <c r="E7795" i="2" a="1"/>
  <c r="E7795" i="2" s="1"/>
  <c r="E7806" i="2" a="1"/>
  <c r="E7806" i="2" s="1"/>
  <c r="E5115" i="2" a="1"/>
  <c r="E5115" i="2" s="1"/>
  <c r="E5099" i="2" a="1"/>
  <c r="E5099" i="2" s="1"/>
  <c r="E5119" i="2" a="1"/>
  <c r="E5119" i="2" s="1"/>
  <c r="E5114" i="2" a="1"/>
  <c r="E5114" i="2" s="1"/>
  <c r="E5117" i="2" a="1"/>
  <c r="E5117" i="2" s="1"/>
  <c r="E5102" i="2" a="1"/>
  <c r="E5102" i="2" s="1"/>
  <c r="E5106" i="2" a="1"/>
  <c r="E5106" i="2" s="1"/>
  <c r="E5101" i="2" a="1"/>
  <c r="E5101" i="2" s="1"/>
  <c r="E5116" i="2" a="1"/>
  <c r="E5116" i="2" s="1"/>
  <c r="E5103" i="2" a="1"/>
  <c r="E5103" i="2" s="1"/>
  <c r="E5111" i="2" a="1"/>
  <c r="E5111" i="2" s="1"/>
  <c r="E5120" i="2" a="1"/>
  <c r="E5120" i="2" s="1"/>
  <c r="E5104" i="2" a="1"/>
  <c r="E5104" i="2" s="1"/>
  <c r="E5112" i="2" a="1"/>
  <c r="E5112" i="2" s="1"/>
  <c r="E5121" i="2" a="1"/>
  <c r="E5121" i="2" s="1"/>
  <c r="E5110" i="2" a="1"/>
  <c r="E5110" i="2" s="1"/>
  <c r="E5105" i="2" a="1"/>
  <c r="E5105" i="2" s="1"/>
  <c r="E5107" i="2" a="1"/>
  <c r="E5107" i="2" s="1"/>
  <c r="E5098" i="2" a="1"/>
  <c r="E5098" i="2" s="1"/>
  <c r="E5113" i="2" a="1"/>
  <c r="E5113" i="2" s="1"/>
  <c r="E5108" i="2" a="1"/>
  <c r="E5108" i="2" s="1"/>
  <c r="E5118" i="2" a="1"/>
  <c r="E5118" i="2" s="1"/>
  <c r="E5109" i="2" a="1"/>
  <c r="E5109" i="2" s="1"/>
  <c r="E5100" i="2" a="1"/>
  <c r="E5100" i="2" s="1"/>
  <c r="H5914" i="2" a="1"/>
  <c r="H5914" i="2" s="1"/>
  <c r="H5927" i="2" a="1"/>
  <c r="H5927" i="2" s="1"/>
  <c r="H5919" i="2" a="1"/>
  <c r="H5919" i="2" s="1"/>
  <c r="H5924" i="2" a="1"/>
  <c r="H5924" i="2" s="1"/>
  <c r="H5916" i="2" a="1"/>
  <c r="H5916" i="2" s="1"/>
  <c r="H5931" i="2" a="1"/>
  <c r="H5931" i="2" s="1"/>
  <c r="H5920" i="2" a="1"/>
  <c r="H5920" i="2" s="1"/>
  <c r="H5935" i="2" a="1"/>
  <c r="H5935" i="2" s="1"/>
  <c r="H5934" i="2" a="1"/>
  <c r="H5934" i="2" s="1"/>
  <c r="H5922" i="2" a="1"/>
  <c r="H5922" i="2" s="1"/>
  <c r="H5933" i="2" a="1"/>
  <c r="H5933" i="2" s="1"/>
  <c r="H5915" i="2" a="1"/>
  <c r="H5915" i="2" s="1"/>
  <c r="H5926" i="2" a="1"/>
  <c r="H5926" i="2" s="1"/>
  <c r="H5929" i="2" a="1"/>
  <c r="H5929" i="2" s="1"/>
  <c r="H5936" i="2" a="1"/>
  <c r="H5936" i="2" s="1"/>
  <c r="H5928" i="2" a="1"/>
  <c r="H5928" i="2" s="1"/>
  <c r="H5921" i="2" a="1"/>
  <c r="H5921" i="2" s="1"/>
  <c r="H5923" i="2" a="1"/>
  <c r="H5923" i="2" s="1"/>
  <c r="H5925" i="2" a="1"/>
  <c r="H5925" i="2" s="1"/>
  <c r="H5932" i="2" a="1"/>
  <c r="H5932" i="2" s="1"/>
  <c r="H5917" i="2" a="1"/>
  <c r="H5917" i="2" s="1"/>
  <c r="F542" i="2" a="1"/>
  <c r="F542" i="2" s="1"/>
  <c r="F545" i="2" a="1"/>
  <c r="F545" i="2" s="1"/>
  <c r="F556" i="2" a="1"/>
  <c r="F556" i="2" s="1"/>
  <c r="F546" i="2" a="1"/>
  <c r="F546" i="2" s="1"/>
  <c r="F561" i="2" a="1"/>
  <c r="F561" i="2" s="1"/>
  <c r="H8056" i="2" a="1"/>
  <c r="H8056" i="2" s="1"/>
  <c r="H8072" i="2" a="1"/>
  <c r="H8072" i="2" s="1"/>
  <c r="H8070" i="2" a="1"/>
  <c r="H8070" i="2" s="1"/>
  <c r="G2868" i="2" a="1"/>
  <c r="G2868" i="2" s="1"/>
  <c r="G2882" i="2" a="1"/>
  <c r="G2882" i="2" s="1"/>
  <c r="G2880" i="2" a="1"/>
  <c r="G2880" i="2" s="1"/>
  <c r="G2866" i="2" a="1"/>
  <c r="G2866" i="2" s="1"/>
  <c r="G2874" i="2" a="1"/>
  <c r="G2874" i="2" s="1"/>
  <c r="G2872" i="2" a="1"/>
  <c r="G2872" i="2" s="1"/>
  <c r="G2870" i="2" a="1"/>
  <c r="G2870" i="2" s="1"/>
  <c r="G2884" i="2" a="1"/>
  <c r="G2884" i="2" s="1"/>
  <c r="G2883" i="2" a="1"/>
  <c r="G2883" i="2" s="1"/>
  <c r="G2879" i="2" a="1"/>
  <c r="G2879" i="2" s="1"/>
  <c r="G2887" i="2" a="1"/>
  <c r="G2887" i="2" s="1"/>
  <c r="F2709" i="2" a="1"/>
  <c r="F2709" i="2" s="1"/>
  <c r="F2701" i="2" a="1"/>
  <c r="F2701" i="2" s="1"/>
  <c r="F2718" i="2" a="1"/>
  <c r="F2718" i="2" s="1"/>
  <c r="F2702" i="2" a="1"/>
  <c r="F2702" i="2" s="1"/>
  <c r="F2715" i="2" a="1"/>
  <c r="F2715" i="2" s="1"/>
  <c r="F2720" i="2" a="1"/>
  <c r="F2720" i="2" s="1"/>
  <c r="F2713" i="2" a="1"/>
  <c r="F2713" i="2" s="1"/>
  <c r="F2698" i="2" a="1"/>
  <c r="F2698" i="2" s="1"/>
  <c r="F2708" i="2" a="1"/>
  <c r="F2708" i="2" s="1"/>
  <c r="F2710" i="2" a="1"/>
  <c r="F2710" i="2" s="1"/>
  <c r="F2704" i="2" a="1"/>
  <c r="F2704" i="2" s="1"/>
  <c r="F2705" i="2" a="1"/>
  <c r="F2705" i="2" s="1"/>
  <c r="F2706" i="2" a="1"/>
  <c r="F2706" i="2" s="1"/>
  <c r="F2703" i="2" a="1"/>
  <c r="F2703" i="2" s="1"/>
  <c r="F2711" i="2" a="1"/>
  <c r="F2711" i="2" s="1"/>
  <c r="F2714" i="2" a="1"/>
  <c r="F2714" i="2" s="1"/>
  <c r="F2712" i="2" a="1"/>
  <c r="F2712" i="2" s="1"/>
  <c r="F2717" i="2" a="1"/>
  <c r="F2717" i="2" s="1"/>
  <c r="F2707" i="2" a="1"/>
  <c r="F2707" i="2" s="1"/>
  <c r="F2699" i="2" a="1"/>
  <c r="F2699" i="2" s="1"/>
  <c r="F2700" i="2" a="1"/>
  <c r="F2700" i="2" s="1"/>
  <c r="F2716" i="2" a="1"/>
  <c r="F2716" i="2" s="1"/>
  <c r="F2719" i="2" a="1"/>
  <c r="F2719" i="2" s="1"/>
  <c r="F2721" i="2" a="1"/>
  <c r="F2721" i="2" s="1"/>
  <c r="E8661" i="2" a="1"/>
  <c r="E8661" i="2" s="1"/>
  <c r="E8659" i="2" a="1"/>
  <c r="E8659" i="2" s="1"/>
  <c r="E8664" i="2" a="1"/>
  <c r="E8664" i="2" s="1"/>
  <c r="E8665" i="2" a="1"/>
  <c r="E8665" i="2" s="1"/>
  <c r="E8667" i="2" a="1"/>
  <c r="E8667" i="2" s="1"/>
  <c r="F4915" i="2" a="1"/>
  <c r="F4915" i="2" s="1"/>
  <c r="F4906" i="2" a="1"/>
  <c r="F4906" i="2" s="1"/>
  <c r="F4920" i="2" a="1"/>
  <c r="F4920" i="2" s="1"/>
  <c r="F4907" i="2" a="1"/>
  <c r="F4907" i="2" s="1"/>
  <c r="F4913" i="2" a="1"/>
  <c r="F4913" i="2" s="1"/>
  <c r="F4909" i="2" a="1"/>
  <c r="F4909" i="2" s="1"/>
  <c r="F4912" i="2" a="1"/>
  <c r="F4912" i="2" s="1"/>
  <c r="F4918" i="2" a="1"/>
  <c r="F4918" i="2" s="1"/>
  <c r="G5458" i="2" a="1"/>
  <c r="G5458" i="2" s="1"/>
  <c r="G5462" i="2" a="1"/>
  <c r="G5462" i="2" s="1"/>
  <c r="G5468" i="2" a="1"/>
  <c r="G5468" i="2" s="1"/>
  <c r="G5472" i="2" a="1"/>
  <c r="G5472" i="2" s="1"/>
  <c r="G5481" i="2" a="1"/>
  <c r="G5481" i="2" s="1"/>
  <c r="G5467" i="2" a="1"/>
  <c r="G5467" i="2" s="1"/>
  <c r="G5473" i="2" a="1"/>
  <c r="G5473" i="2" s="1"/>
  <c r="G5475" i="2" a="1"/>
  <c r="G5475" i="2" s="1"/>
  <c r="G5469" i="2" a="1"/>
  <c r="G5469" i="2" s="1"/>
  <c r="G5466" i="2" a="1"/>
  <c r="G5466" i="2" s="1"/>
  <c r="G5464" i="2" a="1"/>
  <c r="G5464" i="2" s="1"/>
  <c r="G5478" i="2" a="1"/>
  <c r="G5478" i="2" s="1"/>
  <c r="G5479" i="2" a="1"/>
  <c r="G5479" i="2" s="1"/>
  <c r="G5480" i="2" a="1"/>
  <c r="G5480" i="2" s="1"/>
  <c r="G5471" i="2" a="1"/>
  <c r="G5471" i="2" s="1"/>
  <c r="G5476" i="2" a="1"/>
  <c r="G5476" i="2" s="1"/>
  <c r="G5465" i="2" a="1"/>
  <c r="G5465" i="2" s="1"/>
  <c r="G5474" i="2" a="1"/>
  <c r="G5474" i="2" s="1"/>
  <c r="G5470" i="2" a="1"/>
  <c r="G5470" i="2" s="1"/>
  <c r="G5459" i="2" a="1"/>
  <c r="G5459" i="2" s="1"/>
  <c r="G5460" i="2" a="1"/>
  <c r="G5460" i="2" s="1"/>
  <c r="G5463" i="2" a="1"/>
  <c r="G5463" i="2" s="1"/>
  <c r="G5461" i="2" a="1"/>
  <c r="G5461" i="2" s="1"/>
  <c r="G5477" i="2" a="1"/>
  <c r="G5477" i="2" s="1"/>
  <c r="G1766" i="2" a="1"/>
  <c r="G1766" i="2" s="1"/>
  <c r="G1764" i="2" a="1"/>
  <c r="G1764" i="2" s="1"/>
  <c r="G1778" i="2" a="1"/>
  <c r="G1778" i="2" s="1"/>
  <c r="D6816" i="2" a="1"/>
  <c r="D6816" i="2" s="1"/>
  <c r="D6810" i="2" a="1"/>
  <c r="D6810" i="2" s="1"/>
  <c r="D6814" i="2" a="1"/>
  <c r="D6814" i="2" s="1"/>
  <c r="D6822" i="2" a="1"/>
  <c r="D6822" i="2" s="1"/>
  <c r="D6805" i="2" a="1"/>
  <c r="D6805" i="2" s="1"/>
  <c r="D6817" i="2" a="1"/>
  <c r="D6817" i="2" s="1"/>
  <c r="D6821" i="2" a="1"/>
  <c r="D6821" i="2" s="1"/>
  <c r="D6806" i="2" a="1"/>
  <c r="D6806" i="2" s="1"/>
  <c r="D6813" i="2" a="1"/>
  <c r="D6813" i="2" s="1"/>
  <c r="D6808" i="2" a="1"/>
  <c r="D6808" i="2" s="1"/>
  <c r="D6812" i="2" a="1"/>
  <c r="D6812" i="2" s="1"/>
  <c r="D6809" i="2" a="1"/>
  <c r="D6809" i="2" s="1"/>
  <c r="D6804" i="2" a="1"/>
  <c r="D6804" i="2" s="1"/>
  <c r="D6820" i="2" a="1"/>
  <c r="D6820" i="2" s="1"/>
  <c r="D6824" i="2" a="1"/>
  <c r="D6824" i="2" s="1"/>
  <c r="D6803" i="2" a="1"/>
  <c r="D6803" i="2" s="1"/>
  <c r="D6807" i="2" a="1"/>
  <c r="D6807" i="2" s="1"/>
  <c r="D6811" i="2" a="1"/>
  <c r="D6811" i="2" s="1"/>
  <c r="D6819" i="2" a="1"/>
  <c r="D6819" i="2" s="1"/>
  <c r="D6823" i="2" a="1"/>
  <c r="D6823" i="2" s="1"/>
  <c r="F8182" i="2" a="1"/>
  <c r="F8182" i="2" s="1"/>
  <c r="F8186" i="2" a="1"/>
  <c r="F8186" i="2" s="1"/>
  <c r="F8177" i="2" a="1"/>
  <c r="F8177" i="2" s="1"/>
  <c r="F8188" i="2" a="1"/>
  <c r="F8188" i="2" s="1"/>
  <c r="H5165" i="2" a="1"/>
  <c r="H5165" i="2" s="1"/>
  <c r="H5168" i="2" a="1"/>
  <c r="H5168" i="2" s="1"/>
  <c r="H5166" i="2" a="1"/>
  <c r="H5166" i="2" s="1"/>
  <c r="H5167" i="2" a="1"/>
  <c r="H5167" i="2" s="1"/>
  <c r="H5160" i="2" a="1"/>
  <c r="H5160" i="2" s="1"/>
  <c r="H5146" i="2" a="1"/>
  <c r="H5146" i="2" s="1"/>
  <c r="H5149" i="2" a="1"/>
  <c r="H5149" i="2" s="1"/>
  <c r="H5150" i="2" a="1"/>
  <c r="H5150" i="2" s="1"/>
  <c r="H5163" i="2" a="1"/>
  <c r="H5163" i="2" s="1"/>
  <c r="H5155" i="2" a="1"/>
  <c r="H5155" i="2" s="1"/>
  <c r="H5164" i="2" a="1"/>
  <c r="H5164" i="2" s="1"/>
  <c r="H5159" i="2" a="1"/>
  <c r="H5159" i="2" s="1"/>
  <c r="H5157" i="2" a="1"/>
  <c r="H5157" i="2" s="1"/>
  <c r="H5148" i="2" a="1"/>
  <c r="H5148" i="2" s="1"/>
  <c r="H5154" i="2" a="1"/>
  <c r="H5154" i="2" s="1"/>
  <c r="H5156" i="2" a="1"/>
  <c r="H5156" i="2" s="1"/>
  <c r="H5158" i="2" a="1"/>
  <c r="H5158" i="2" s="1"/>
  <c r="H5151" i="2" a="1"/>
  <c r="H5151" i="2" s="1"/>
  <c r="H5161" i="2" a="1"/>
  <c r="H5161" i="2" s="1"/>
  <c r="H5152" i="2" a="1"/>
  <c r="H5152" i="2" s="1"/>
  <c r="H5153" i="2" a="1"/>
  <c r="H5153" i="2" s="1"/>
  <c r="G4778" i="2" a="1"/>
  <c r="G4778" i="2" s="1"/>
  <c r="G4783" i="2" a="1"/>
  <c r="G4783" i="2" s="1"/>
  <c r="G4780" i="2" a="1"/>
  <c r="G4780" i="2" s="1"/>
  <c r="G4763" i="2" a="1"/>
  <c r="G4763" i="2" s="1"/>
  <c r="G4764" i="2" a="1"/>
  <c r="G4764" i="2" s="1"/>
  <c r="G4779" i="2" a="1"/>
  <c r="G4779" i="2" s="1"/>
  <c r="G4782" i="2" a="1"/>
  <c r="G4782" i="2" s="1"/>
  <c r="G4765" i="2" a="1"/>
  <c r="G4765" i="2" s="1"/>
  <c r="G4769" i="2" a="1"/>
  <c r="G4769" i="2" s="1"/>
  <c r="G4776" i="2" a="1"/>
  <c r="G4776" i="2" s="1"/>
  <c r="G4781" i="2" a="1"/>
  <c r="G4781" i="2" s="1"/>
  <c r="G4784" i="2" a="1"/>
  <c r="G4784" i="2" s="1"/>
  <c r="G4777" i="2" a="1"/>
  <c r="G4777" i="2" s="1"/>
  <c r="G4772" i="2" a="1"/>
  <c r="G4772" i="2" s="1"/>
  <c r="G4774" i="2" a="1"/>
  <c r="G4774" i="2" s="1"/>
  <c r="G4785" i="2" a="1"/>
  <c r="G4785" i="2" s="1"/>
  <c r="G4768" i="2" a="1"/>
  <c r="G4768" i="2" s="1"/>
  <c r="G4775" i="2" a="1"/>
  <c r="G4775" i="2" s="1"/>
  <c r="G4771" i="2" a="1"/>
  <c r="G4771" i="2" s="1"/>
  <c r="G4773" i="2" a="1"/>
  <c r="G4773" i="2" s="1"/>
  <c r="G4762" i="2" a="1"/>
  <c r="G4762" i="2" s="1"/>
  <c r="G4767" i="2" a="1"/>
  <c r="G4767" i="2" s="1"/>
  <c r="G1301" i="2" a="1"/>
  <c r="G1301" i="2" s="1"/>
  <c r="G1288" i="2" a="1"/>
  <c r="G1288" i="2" s="1"/>
  <c r="G6852" i="2" a="1"/>
  <c r="G6852" i="2" s="1"/>
  <c r="F4142" i="2" a="1"/>
  <c r="F4142" i="2" s="1"/>
  <c r="F4160" i="2" a="1"/>
  <c r="F4160" i="2" s="1"/>
  <c r="F4150" i="2" a="1"/>
  <c r="F4150" i="2" s="1"/>
  <c r="F4154" i="2" a="1"/>
  <c r="F4154" i="2" s="1"/>
  <c r="F4151" i="2" a="1"/>
  <c r="F4151" i="2" s="1"/>
  <c r="F4148" i="2" a="1"/>
  <c r="F4148" i="2" s="1"/>
  <c r="F4159" i="2" a="1"/>
  <c r="F4159" i="2" s="1"/>
  <c r="F5537" i="2" a="1"/>
  <c r="F5537" i="2" s="1"/>
  <c r="F5543" i="2" a="1"/>
  <c r="F5543" i="2" s="1"/>
  <c r="F5546" i="2" a="1"/>
  <c r="F5546" i="2" s="1"/>
  <c r="F5538" i="2" a="1"/>
  <c r="F5538" i="2" s="1"/>
  <c r="F5553" i="2" a="1"/>
  <c r="F5553" i="2" s="1"/>
  <c r="F5539" i="2" a="1"/>
  <c r="F5539" i="2" s="1"/>
  <c r="F5551" i="2" a="1"/>
  <c r="F5551" i="2" s="1"/>
  <c r="F5530" i="2" a="1"/>
  <c r="F5530" i="2" s="1"/>
  <c r="F5540" i="2" a="1"/>
  <c r="F5540" i="2" s="1"/>
  <c r="F5542" i="2" a="1"/>
  <c r="F5542" i="2" s="1"/>
  <c r="F5550" i="2" a="1"/>
  <c r="F5550" i="2" s="1"/>
  <c r="F5552" i="2" a="1"/>
  <c r="F5552" i="2" s="1"/>
  <c r="F5532" i="2" a="1"/>
  <c r="F5532" i="2" s="1"/>
  <c r="F5549" i="2" a="1"/>
  <c r="F5549" i="2" s="1"/>
  <c r="F5533" i="2" a="1"/>
  <c r="F5533" i="2" s="1"/>
  <c r="F5545" i="2" a="1"/>
  <c r="F5545" i="2" s="1"/>
  <c r="F5536" i="2" a="1"/>
  <c r="F5536" i="2" s="1"/>
  <c r="F5541" i="2" a="1"/>
  <c r="F5541" i="2" s="1"/>
  <c r="F5535" i="2" a="1"/>
  <c r="F5535" i="2" s="1"/>
  <c r="F5544" i="2" a="1"/>
  <c r="F5544" i="2" s="1"/>
  <c r="F5548" i="2" a="1"/>
  <c r="F5548" i="2" s="1"/>
  <c r="F5547" i="2" a="1"/>
  <c r="F5547" i="2" s="1"/>
  <c r="F5531" i="2" a="1"/>
  <c r="F5531" i="2" s="1"/>
  <c r="F5534" i="2" a="1"/>
  <c r="F5534" i="2" s="1"/>
  <c r="H6749" i="2" a="1"/>
  <c r="H6749" i="2" s="1"/>
  <c r="H6741" i="2" a="1"/>
  <c r="H6741" i="2" s="1"/>
  <c r="H6742" i="2" a="1"/>
  <c r="H6742" i="2" s="1"/>
  <c r="H6743" i="2" a="1"/>
  <c r="H6743" i="2" s="1"/>
  <c r="H6740" i="2" a="1"/>
  <c r="H6740" i="2" s="1"/>
  <c r="H6737" i="2" a="1"/>
  <c r="H6737" i="2" s="1"/>
  <c r="H6752" i="2" a="1"/>
  <c r="H6752" i="2" s="1"/>
  <c r="H6732" i="2" a="1"/>
  <c r="H6732" i="2" s="1"/>
  <c r="H6748" i="2" a="1"/>
  <c r="H6748" i="2" s="1"/>
  <c r="E2194" i="2" a="1"/>
  <c r="E2194" i="2" s="1"/>
  <c r="E2216" i="2" a="1"/>
  <c r="E2216" i="2" s="1"/>
  <c r="E2205" i="2" a="1"/>
  <c r="E2205" i="2" s="1"/>
  <c r="E2195" i="2" a="1"/>
  <c r="E2195" i="2" s="1"/>
  <c r="E2210" i="2" a="1"/>
  <c r="E2210" i="2" s="1"/>
  <c r="E2212" i="2" a="1"/>
  <c r="E2212" i="2" s="1"/>
  <c r="E2215" i="2" a="1"/>
  <c r="E2215" i="2" s="1"/>
  <c r="E2200" i="2" a="1"/>
  <c r="E2200" i="2" s="1"/>
  <c r="E2206" i="2" a="1"/>
  <c r="E2206" i="2" s="1"/>
  <c r="E2211" i="2" a="1"/>
  <c r="E2211" i="2" s="1"/>
  <c r="E2197" i="2" a="1"/>
  <c r="E2197" i="2" s="1"/>
  <c r="E2208" i="2" a="1"/>
  <c r="E2208" i="2" s="1"/>
  <c r="E2204" i="2" a="1"/>
  <c r="E2204" i="2" s="1"/>
  <c r="E2198" i="2" a="1"/>
  <c r="E2198" i="2" s="1"/>
  <c r="E2201" i="2" a="1"/>
  <c r="E2201" i="2" s="1"/>
  <c r="G2346" i="2" a="1"/>
  <c r="G2346" i="2" s="1"/>
  <c r="G2350" i="2" a="1"/>
  <c r="G2350" i="2" s="1"/>
  <c r="G2342" i="2" a="1"/>
  <c r="G2342" i="2" s="1"/>
  <c r="G2351" i="2" a="1"/>
  <c r="G2351" i="2" s="1"/>
  <c r="G2356" i="2" a="1"/>
  <c r="G2356" i="2" s="1"/>
  <c r="G2347" i="2" a="1"/>
  <c r="G2347" i="2" s="1"/>
  <c r="G2338" i="2" a="1"/>
  <c r="G2338" i="2" s="1"/>
  <c r="G2357" i="2" a="1"/>
  <c r="G2357" i="2" s="1"/>
  <c r="G2359" i="2" a="1"/>
  <c r="G2359" i="2" s="1"/>
  <c r="G2352" i="2" a="1"/>
  <c r="G2352" i="2" s="1"/>
  <c r="G2349" i="2" a="1"/>
  <c r="G2349" i="2" s="1"/>
  <c r="G2339" i="2" a="1"/>
  <c r="G2339" i="2" s="1"/>
  <c r="G2343" i="2" a="1"/>
  <c r="G2343" i="2" s="1"/>
  <c r="G2340" i="2" a="1"/>
  <c r="G2340" i="2" s="1"/>
  <c r="G2341" i="2" a="1"/>
  <c r="G2341" i="2" s="1"/>
  <c r="G2344" i="2" a="1"/>
  <c r="G2344" i="2" s="1"/>
  <c r="G2358" i="2" a="1"/>
  <c r="G2358" i="2" s="1"/>
  <c r="G2360" i="2" a="1"/>
  <c r="G2360" i="2" s="1"/>
  <c r="G2345" i="2" a="1"/>
  <c r="G2345" i="2" s="1"/>
  <c r="G2361" i="2" a="1"/>
  <c r="G2361" i="2" s="1"/>
  <c r="G2354" i="2" a="1"/>
  <c r="G2354" i="2" s="1"/>
  <c r="G2355" i="2" a="1"/>
  <c r="G2355" i="2" s="1"/>
  <c r="G2353" i="2" a="1"/>
  <c r="G2353" i="2" s="1"/>
  <c r="G2348" i="2" a="1"/>
  <c r="G2348" i="2" s="1"/>
  <c r="F7038" i="2" a="1"/>
  <c r="F7038" i="2" s="1"/>
  <c r="F7018" i="2" a="1"/>
  <c r="F7018" i="2" s="1"/>
  <c r="F7035" i="2" a="1"/>
  <c r="F7035" i="2" s="1"/>
  <c r="F7024" i="2" a="1"/>
  <c r="F7024" i="2" s="1"/>
  <c r="F7033" i="2" a="1"/>
  <c r="F7033" i="2" s="1"/>
  <c r="D6784" i="2" a="1"/>
  <c r="D6784" i="2" s="1"/>
  <c r="D6796" i="2" a="1"/>
  <c r="D6796" i="2" s="1"/>
  <c r="D6798" i="2" a="1"/>
  <c r="D6798" i="2" s="1"/>
  <c r="D6785" i="2" a="1"/>
  <c r="D6785" i="2" s="1"/>
  <c r="D6789" i="2" a="1"/>
  <c r="D6789" i="2" s="1"/>
  <c r="D6801" i="2" a="1"/>
  <c r="D6801" i="2" s="1"/>
  <c r="D6779" i="2" a="1"/>
  <c r="D6779" i="2" s="1"/>
  <c r="D6787" i="2" a="1"/>
  <c r="D6787" i="2" s="1"/>
  <c r="F5262" i="2" a="1"/>
  <c r="F5262" i="2" s="1"/>
  <c r="F5254" i="2" a="1"/>
  <c r="F5254" i="2" s="1"/>
  <c r="F5260" i="2" a="1"/>
  <c r="F5260" i="2" s="1"/>
  <c r="F5256" i="2" a="1"/>
  <c r="F5256" i="2" s="1"/>
  <c r="F5263" i="2" a="1"/>
  <c r="F5263" i="2" s="1"/>
  <c r="F5246" i="2" a="1"/>
  <c r="F5246" i="2" s="1"/>
  <c r="F5258" i="2" a="1"/>
  <c r="F5258" i="2" s="1"/>
  <c r="F5261" i="2" a="1"/>
  <c r="F5261" i="2" s="1"/>
  <c r="F5249" i="2" a="1"/>
  <c r="F5249" i="2" s="1"/>
  <c r="F5242" i="2" a="1"/>
  <c r="F5242" i="2" s="1"/>
  <c r="F5248" i="2" a="1"/>
  <c r="F5248" i="2" s="1"/>
  <c r="F5251" i="2" a="1"/>
  <c r="F5251" i="2" s="1"/>
  <c r="F5243" i="2" a="1"/>
  <c r="F5243" i="2" s="1"/>
  <c r="F5265" i="2" a="1"/>
  <c r="F5265" i="2" s="1"/>
  <c r="F5252" i="2" a="1"/>
  <c r="F5252" i="2" s="1"/>
  <c r="F5244" i="2" a="1"/>
  <c r="F5244" i="2" s="1"/>
  <c r="F5264" i="2" a="1"/>
  <c r="F5264" i="2" s="1"/>
  <c r="F5257" i="2" a="1"/>
  <c r="F5257" i="2" s="1"/>
  <c r="F5245" i="2" a="1"/>
  <c r="F5245" i="2" s="1"/>
  <c r="F5250" i="2" a="1"/>
  <c r="F5250" i="2" s="1"/>
  <c r="F5247" i="2" a="1"/>
  <c r="F5247" i="2" s="1"/>
  <c r="F5255" i="2" a="1"/>
  <c r="F5255" i="2" s="1"/>
  <c r="F5259" i="2" a="1"/>
  <c r="F5259" i="2" s="1"/>
  <c r="F5253" i="2" a="1"/>
  <c r="F5253" i="2" s="1"/>
  <c r="G3981" i="2" a="1"/>
  <c r="G3981" i="2" s="1"/>
  <c r="G3979" i="2" a="1"/>
  <c r="G3979" i="2" s="1"/>
  <c r="G3991" i="2" a="1"/>
  <c r="G3991" i="2" s="1"/>
  <c r="G3990" i="2" a="1"/>
  <c r="G3990" i="2" s="1"/>
  <c r="G3970" i="2" a="1"/>
  <c r="G3970" i="2" s="1"/>
  <c r="G3971" i="2" a="1"/>
  <c r="G3971" i="2" s="1"/>
  <c r="G3989" i="2" a="1"/>
  <c r="G3989" i="2" s="1"/>
  <c r="H2159" i="2" a="1"/>
  <c r="H2159" i="2" s="1"/>
  <c r="H2165" i="2" a="1"/>
  <c r="H2165" i="2" s="1"/>
  <c r="H2161" i="2" a="1"/>
  <c r="H2161" i="2" s="1"/>
  <c r="H2154" i="2" a="1"/>
  <c r="H2154" i="2" s="1"/>
  <c r="H2147" i="2" a="1"/>
  <c r="H2147" i="2" s="1"/>
  <c r="H2155" i="2" a="1"/>
  <c r="H2155" i="2" s="1"/>
  <c r="H2152" i="2" a="1"/>
  <c r="H2152" i="2" s="1"/>
  <c r="H2162" i="2" a="1"/>
  <c r="H2162" i="2" s="1"/>
  <c r="H2156" i="2" a="1"/>
  <c r="H2156" i="2" s="1"/>
  <c r="H2153" i="2" a="1"/>
  <c r="H2153" i="2" s="1"/>
  <c r="H2160" i="2" a="1"/>
  <c r="H2160" i="2" s="1"/>
  <c r="H2167" i="2" a="1"/>
  <c r="H2167" i="2" s="1"/>
  <c r="H2151" i="2" a="1"/>
  <c r="H2151" i="2" s="1"/>
  <c r="H2149" i="2" a="1"/>
  <c r="H2149" i="2" s="1"/>
  <c r="H2150" i="2" a="1"/>
  <c r="H2150" i="2" s="1"/>
  <c r="H2166" i="2" a="1"/>
  <c r="H2166" i="2" s="1"/>
  <c r="H2158" i="2" a="1"/>
  <c r="H2158" i="2" s="1"/>
  <c r="H2146" i="2" a="1"/>
  <c r="H2146" i="2" s="1"/>
  <c r="H2163" i="2" a="1"/>
  <c r="H2163" i="2" s="1"/>
  <c r="H2157" i="2" a="1"/>
  <c r="H2157" i="2" s="1"/>
  <c r="H2148" i="2" a="1"/>
  <c r="H2148" i="2" s="1"/>
  <c r="H2164" i="2" a="1"/>
  <c r="H2164" i="2" s="1"/>
  <c r="D3794" i="2" a="1"/>
  <c r="D3794" i="2" s="1"/>
  <c r="D3785" i="2" a="1"/>
  <c r="D3785" i="2" s="1"/>
  <c r="D3779" i="2" a="1"/>
  <c r="D3779" i="2" s="1"/>
  <c r="F5305" i="2" a="1"/>
  <c r="F5305" i="2" s="1"/>
  <c r="F5307" i="2" a="1"/>
  <c r="F5307" i="2" s="1"/>
  <c r="F5293" i="2" a="1"/>
  <c r="F5293" i="2" s="1"/>
  <c r="E7350" i="2" a="1"/>
  <c r="E7350" i="2" s="1"/>
  <c r="E7344" i="2" a="1"/>
  <c r="E7344" i="2" s="1"/>
  <c r="E7353" i="2" a="1"/>
  <c r="E7353" i="2" s="1"/>
  <c r="E7334" i="2" a="1"/>
  <c r="E7334" i="2" s="1"/>
  <c r="E7348" i="2" a="1"/>
  <c r="E7348" i="2" s="1"/>
  <c r="E7331" i="2" a="1"/>
  <c r="E7331" i="2" s="1"/>
  <c r="E7338" i="2" a="1"/>
  <c r="E7338" i="2" s="1"/>
  <c r="E7345" i="2" a="1"/>
  <c r="E7345" i="2" s="1"/>
  <c r="E7335" i="2" a="1"/>
  <c r="E7335" i="2" s="1"/>
  <c r="E7333" i="2" a="1"/>
  <c r="E7333" i="2" s="1"/>
  <c r="E7346" i="2" a="1"/>
  <c r="E7346" i="2" s="1"/>
  <c r="E7343" i="2" a="1"/>
  <c r="E7343" i="2" s="1"/>
  <c r="E7337" i="2" a="1"/>
  <c r="E7337" i="2" s="1"/>
  <c r="E7352" i="2" a="1"/>
  <c r="E7352" i="2" s="1"/>
  <c r="E7336" i="2" a="1"/>
  <c r="E7336" i="2" s="1"/>
  <c r="E7341" i="2" a="1"/>
  <c r="E7341" i="2" s="1"/>
  <c r="E7332" i="2" a="1"/>
  <c r="E7332" i="2" s="1"/>
  <c r="E7342" i="2" a="1"/>
  <c r="E7342" i="2" s="1"/>
  <c r="E7347" i="2" a="1"/>
  <c r="E7347" i="2" s="1"/>
  <c r="E7349" i="2" a="1"/>
  <c r="E7349" i="2" s="1"/>
  <c r="E7339" i="2" a="1"/>
  <c r="E7339" i="2" s="1"/>
  <c r="E7340" i="2" a="1"/>
  <c r="E7340" i="2" s="1"/>
  <c r="E7330" i="2" a="1"/>
  <c r="E7330" i="2" s="1"/>
  <c r="H4949" i="2" a="1"/>
  <c r="H4949" i="2" s="1"/>
  <c r="H4952" i="2" a="1"/>
  <c r="H4952" i="2" s="1"/>
  <c r="H4940" i="2" a="1"/>
  <c r="H4940" i="2" s="1"/>
  <c r="H4943" i="2" a="1"/>
  <c r="H4943" i="2" s="1"/>
  <c r="F5022" i="2" a="1"/>
  <c r="F5022" i="2" s="1"/>
  <c r="F5014" i="2" a="1"/>
  <c r="F5014" i="2" s="1"/>
  <c r="F5023" i="2" a="1"/>
  <c r="F5023" i="2" s="1"/>
  <c r="F5015" i="2" a="1"/>
  <c r="F5015" i="2" s="1"/>
  <c r="F5013" i="2" a="1"/>
  <c r="F5013" i="2" s="1"/>
  <c r="H8446" i="2" a="1"/>
  <c r="H8446" i="2" s="1"/>
  <c r="H8435" i="2" a="1"/>
  <c r="H8435" i="2" s="1"/>
  <c r="D6602" i="2" a="1"/>
  <c r="D6602" i="2" s="1"/>
  <c r="D6588" i="2" a="1"/>
  <c r="D6588" i="2" s="1"/>
  <c r="D6597" i="2" a="1"/>
  <c r="D6597" i="2" s="1"/>
  <c r="D6592" i="2" a="1"/>
  <c r="D6592" i="2" s="1"/>
  <c r="G5273" i="2" a="1"/>
  <c r="G5273" i="2" s="1"/>
  <c r="G5276" i="2" a="1"/>
  <c r="G5276" i="2" s="1"/>
  <c r="G5275" i="2" a="1"/>
  <c r="G5275" i="2" s="1"/>
  <c r="G5278" i="2" a="1"/>
  <c r="G5278" i="2" s="1"/>
  <c r="G5281" i="2" a="1"/>
  <c r="G5281" i="2" s="1"/>
  <c r="G5279" i="2" a="1"/>
  <c r="G5279" i="2" s="1"/>
  <c r="G5270" i="2" a="1"/>
  <c r="G5270" i="2" s="1"/>
  <c r="G5288" i="2" a="1"/>
  <c r="G5288" i="2" s="1"/>
  <c r="G5283" i="2" a="1"/>
  <c r="G5283" i="2" s="1"/>
  <c r="G5282" i="2" a="1"/>
  <c r="G5282" i="2" s="1"/>
  <c r="G5274" i="2" a="1"/>
  <c r="G5274" i="2" s="1"/>
  <c r="G5271" i="2" a="1"/>
  <c r="G5271" i="2" s="1"/>
  <c r="F2130" i="2" a="1"/>
  <c r="F2130" i="2" s="1"/>
  <c r="F2136" i="2" a="1"/>
  <c r="F2136" i="2" s="1"/>
  <c r="F2127" i="2" a="1"/>
  <c r="F2127" i="2" s="1"/>
  <c r="F2135" i="2" a="1"/>
  <c r="F2135" i="2" s="1"/>
  <c r="F2126" i="2" a="1"/>
  <c r="F2126" i="2" s="1"/>
  <c r="F2131" i="2" a="1"/>
  <c r="F2131" i="2" s="1"/>
  <c r="F2134" i="2" a="1"/>
  <c r="F2134" i="2" s="1"/>
  <c r="F2141" i="2" a="1"/>
  <c r="F2141" i="2" s="1"/>
  <c r="F2122" i="2" a="1"/>
  <c r="F2122" i="2" s="1"/>
  <c r="F2137" i="2" a="1"/>
  <c r="F2137" i="2" s="1"/>
  <c r="F2128" i="2" a="1"/>
  <c r="F2128" i="2" s="1"/>
  <c r="F2139" i="2" a="1"/>
  <c r="F2139" i="2" s="1"/>
  <c r="F2142" i="2" a="1"/>
  <c r="F2142" i="2" s="1"/>
  <c r="F2144" i="2" a="1"/>
  <c r="F2144" i="2" s="1"/>
  <c r="F2143" i="2" a="1"/>
  <c r="F2143" i="2" s="1"/>
  <c r="F2140" i="2" a="1"/>
  <c r="F2140" i="2" s="1"/>
  <c r="H7584" i="2" a="1"/>
  <c r="H7584" i="2" s="1"/>
  <c r="H7575" i="2" a="1"/>
  <c r="H7575" i="2" s="1"/>
  <c r="H7583" i="2" a="1"/>
  <c r="H7583" i="2" s="1"/>
  <c r="H7589" i="2" a="1"/>
  <c r="H7589" i="2" s="1"/>
  <c r="H7593" i="2" a="1"/>
  <c r="H7593" i="2" s="1"/>
  <c r="H7592" i="2" a="1"/>
  <c r="H7592" i="2" s="1"/>
  <c r="H7571" i="2" a="1"/>
  <c r="H7571" i="2" s="1"/>
  <c r="H7577" i="2" a="1"/>
  <c r="H7577" i="2" s="1"/>
  <c r="H7582" i="2" a="1"/>
  <c r="H7582" i="2" s="1"/>
  <c r="H7572" i="2" a="1"/>
  <c r="H7572" i="2" s="1"/>
  <c r="H7585" i="2" a="1"/>
  <c r="H7585" i="2" s="1"/>
  <c r="H7588" i="2" a="1"/>
  <c r="H7588" i="2" s="1"/>
  <c r="H7579" i="2" a="1"/>
  <c r="H7579" i="2" s="1"/>
  <c r="H7586" i="2" a="1"/>
  <c r="H7586" i="2" s="1"/>
  <c r="H7573" i="2" a="1"/>
  <c r="H7573" i="2" s="1"/>
  <c r="H7591" i="2" a="1"/>
  <c r="H7591" i="2" s="1"/>
  <c r="H7574" i="2" a="1"/>
  <c r="H7574" i="2" s="1"/>
  <c r="H7581" i="2" a="1"/>
  <c r="H7581" i="2" s="1"/>
  <c r="H7590" i="2" a="1"/>
  <c r="H7590" i="2" s="1"/>
  <c r="H7570" i="2" a="1"/>
  <c r="H7570" i="2" s="1"/>
  <c r="H7580" i="2" a="1"/>
  <c r="H7580" i="2" s="1"/>
  <c r="H7587" i="2" a="1"/>
  <c r="H7587" i="2" s="1"/>
  <c r="H7576" i="2" a="1"/>
  <c r="H7576" i="2" s="1"/>
  <c r="H7578" i="2" a="1"/>
  <c r="H7578" i="2" s="1"/>
  <c r="F6743" i="2" a="1"/>
  <c r="F6743" i="2" s="1"/>
  <c r="F6730" i="2" a="1"/>
  <c r="F6730" i="2" s="1"/>
  <c r="F6748" i="2" a="1"/>
  <c r="F6748" i="2" s="1"/>
  <c r="F6740" i="2" a="1"/>
  <c r="F6740" i="2" s="1"/>
  <c r="F6736" i="2" a="1"/>
  <c r="F6736" i="2" s="1"/>
  <c r="F6732" i="2" a="1"/>
  <c r="F6732" i="2" s="1"/>
  <c r="F6733" i="2" a="1"/>
  <c r="F6733" i="2" s="1"/>
  <c r="F6744" i="2" a="1"/>
  <c r="F6744" i="2" s="1"/>
  <c r="F3864" i="2" a="1"/>
  <c r="F3864" i="2" s="1"/>
  <c r="F3860" i="2" a="1"/>
  <c r="F3860" i="2" s="1"/>
  <c r="F3852" i="2" a="1"/>
  <c r="F3852" i="2" s="1"/>
  <c r="F3861" i="2" a="1"/>
  <c r="F3861" i="2" s="1"/>
  <c r="F3857" i="2" a="1"/>
  <c r="F3857" i="2" s="1"/>
  <c r="D2706" i="2" a="1"/>
  <c r="D2706" i="2" s="1"/>
  <c r="D2705" i="2" a="1"/>
  <c r="D2705" i="2" s="1"/>
  <c r="D2716" i="2" a="1"/>
  <c r="D2716" i="2" s="1"/>
  <c r="D2699" i="2" a="1"/>
  <c r="D2699" i="2" s="1"/>
  <c r="D2703" i="2" a="1"/>
  <c r="D2703" i="2" s="1"/>
  <c r="D2701" i="2" a="1"/>
  <c r="D2701" i="2" s="1"/>
  <c r="D2710" i="2" a="1"/>
  <c r="D2710" i="2" s="1"/>
  <c r="D2707" i="2" a="1"/>
  <c r="D2707" i="2" s="1"/>
  <c r="D2721" i="2" a="1"/>
  <c r="D2721" i="2" s="1"/>
  <c r="D2719" i="2" a="1"/>
  <c r="D2719" i="2" s="1"/>
  <c r="G3878" i="2" a="1"/>
  <c r="G3878" i="2" s="1"/>
  <c r="G3896" i="2" a="1"/>
  <c r="G3896" i="2" s="1"/>
  <c r="G3883" i="2" a="1"/>
  <c r="G3883" i="2" s="1"/>
  <c r="G3894" i="2" a="1"/>
  <c r="G3894" i="2" s="1"/>
  <c r="G3875" i="2" a="1"/>
  <c r="G3875" i="2" s="1"/>
  <c r="G3879" i="2" a="1"/>
  <c r="G3879" i="2" s="1"/>
  <c r="G3892" i="2" a="1"/>
  <c r="G3892" i="2" s="1"/>
  <c r="G3876" i="2" a="1"/>
  <c r="G3876" i="2" s="1"/>
  <c r="G3884" i="2" a="1"/>
  <c r="G3884" i="2" s="1"/>
  <c r="G3885" i="2" a="1"/>
  <c r="G3885" i="2" s="1"/>
  <c r="G3891" i="2" a="1"/>
  <c r="G3891" i="2" s="1"/>
  <c r="G3897" i="2" a="1"/>
  <c r="G3897" i="2" s="1"/>
  <c r="G3886" i="2" a="1"/>
  <c r="G3886" i="2" s="1"/>
  <c r="G3882" i="2" a="1"/>
  <c r="G3882" i="2" s="1"/>
  <c r="G3893" i="2" a="1"/>
  <c r="G3893" i="2" s="1"/>
  <c r="G3887" i="2" a="1"/>
  <c r="G3887" i="2" s="1"/>
  <c r="G3889" i="2" a="1"/>
  <c r="G3889" i="2" s="1"/>
  <c r="G3874" i="2" a="1"/>
  <c r="G3874" i="2" s="1"/>
  <c r="G3880" i="2" a="1"/>
  <c r="G3880" i="2" s="1"/>
  <c r="F5214" i="2" a="1"/>
  <c r="F5214" i="2" s="1"/>
  <c r="F5209" i="2" a="1"/>
  <c r="F5209" i="2" s="1"/>
  <c r="F5216" i="2" a="1"/>
  <c r="F5216" i="2" s="1"/>
  <c r="F5210" i="2" a="1"/>
  <c r="F5210" i="2" s="1"/>
  <c r="F5217" i="2" a="1"/>
  <c r="F5217" i="2" s="1"/>
  <c r="F5197" i="2" a="1"/>
  <c r="F5197" i="2" s="1"/>
  <c r="F5202" i="2" a="1"/>
  <c r="F5202" i="2" s="1"/>
  <c r="F5198" i="2" a="1"/>
  <c r="F5198" i="2" s="1"/>
  <c r="F5208" i="2" a="1"/>
  <c r="F5208" i="2" s="1"/>
  <c r="F5201" i="2" a="1"/>
  <c r="F5201" i="2" s="1"/>
  <c r="F5206" i="2" a="1"/>
  <c r="F5206" i="2" s="1"/>
  <c r="F5204" i="2" a="1"/>
  <c r="F5204" i="2" s="1"/>
  <c r="F5207" i="2" a="1"/>
  <c r="F5207" i="2" s="1"/>
  <c r="F5211" i="2" a="1"/>
  <c r="F5211" i="2" s="1"/>
  <c r="F5205" i="2" a="1"/>
  <c r="F5205" i="2" s="1"/>
  <c r="F5200" i="2" a="1"/>
  <c r="F5200" i="2" s="1"/>
  <c r="F5195" i="2" a="1"/>
  <c r="F5195" i="2" s="1"/>
  <c r="F5199" i="2" a="1"/>
  <c r="F5199" i="2" s="1"/>
  <c r="F5213" i="2" a="1"/>
  <c r="F5213" i="2" s="1"/>
  <c r="F5215" i="2" a="1"/>
  <c r="F5215" i="2" s="1"/>
  <c r="F5203" i="2" a="1"/>
  <c r="F5203" i="2" s="1"/>
  <c r="F5194" i="2" a="1"/>
  <c r="F5194" i="2" s="1"/>
  <c r="F5196" i="2" a="1"/>
  <c r="F5196" i="2" s="1"/>
  <c r="F5212" i="2" a="1"/>
  <c r="F5212" i="2" s="1"/>
  <c r="H6567" i="2" a="1"/>
  <c r="H6567" i="2" s="1"/>
  <c r="H6576" i="2" a="1"/>
  <c r="H6576" i="2" s="1"/>
  <c r="H6562" i="2" a="1"/>
  <c r="H6562" i="2" s="1"/>
  <c r="H6577" i="2" a="1"/>
  <c r="H6577" i="2" s="1"/>
  <c r="H6564" i="2" a="1"/>
  <c r="H6564" i="2" s="1"/>
  <c r="H6580" i="2" a="1"/>
  <c r="H6580" i="2" s="1"/>
  <c r="H6583" i="2" a="1"/>
  <c r="H6583" i="2" s="1"/>
  <c r="H6563" i="2" a="1"/>
  <c r="H6563" i="2" s="1"/>
  <c r="H6578" i="2" a="1"/>
  <c r="H6578" i="2" s="1"/>
  <c r="H6584" i="2" a="1"/>
  <c r="H6584" i="2" s="1"/>
  <c r="H6565" i="2" a="1"/>
  <c r="H6565" i="2" s="1"/>
  <c r="H6568" i="2" a="1"/>
  <c r="H6568" i="2" s="1"/>
  <c r="H6585" i="2" a="1"/>
  <c r="H6585" i="2" s="1"/>
  <c r="H6566" i="2" a="1"/>
  <c r="H6566" i="2" s="1"/>
  <c r="H6581" i="2" a="1"/>
  <c r="H6581" i="2" s="1"/>
  <c r="H6571" i="2" a="1"/>
  <c r="H6571" i="2" s="1"/>
  <c r="H6570" i="2" a="1"/>
  <c r="H6570" i="2" s="1"/>
  <c r="H6572" i="2" a="1"/>
  <c r="H6572" i="2" s="1"/>
  <c r="H6569" i="2" a="1"/>
  <c r="H6569" i="2" s="1"/>
  <c r="H6582" i="2" a="1"/>
  <c r="H6582" i="2" s="1"/>
  <c r="H6579" i="2" a="1"/>
  <c r="H6579" i="2" s="1"/>
  <c r="H6574" i="2" a="1"/>
  <c r="H6574" i="2" s="1"/>
  <c r="H6573" i="2" a="1"/>
  <c r="H6573" i="2" s="1"/>
  <c r="H6575" i="2" a="1"/>
  <c r="H6575" i="2" s="1"/>
  <c r="G917" i="2" a="1"/>
  <c r="G917" i="2" s="1"/>
  <c r="G921" i="2" a="1"/>
  <c r="G921" i="2" s="1"/>
  <c r="G902" i="2" a="1"/>
  <c r="G902" i="2" s="1"/>
  <c r="G909" i="2" a="1"/>
  <c r="G909" i="2" s="1"/>
  <c r="G912" i="2" a="1"/>
  <c r="G912" i="2" s="1"/>
  <c r="G907" i="2" a="1"/>
  <c r="G907" i="2" s="1"/>
  <c r="G913" i="2" a="1"/>
  <c r="G913" i="2" s="1"/>
  <c r="G900" i="2" a="1"/>
  <c r="G900" i="2" s="1"/>
  <c r="G914" i="2" a="1"/>
  <c r="G914" i="2" s="1"/>
  <c r="G906" i="2" a="1"/>
  <c r="G906" i="2" s="1"/>
  <c r="G918" i="2" a="1"/>
  <c r="G918" i="2" s="1"/>
  <c r="G919" i="2" a="1"/>
  <c r="G919" i="2" s="1"/>
  <c r="G910" i="2" a="1"/>
  <c r="G910" i="2" s="1"/>
  <c r="G898" i="2" a="1"/>
  <c r="G898" i="2" s="1"/>
  <c r="G903" i="2" a="1"/>
  <c r="G903" i="2" s="1"/>
  <c r="G911" i="2" a="1"/>
  <c r="G911" i="2" s="1"/>
  <c r="G899" i="2" a="1"/>
  <c r="G899" i="2" s="1"/>
  <c r="G920" i="2" a="1"/>
  <c r="G920" i="2" s="1"/>
  <c r="G905" i="2" a="1"/>
  <c r="G905" i="2" s="1"/>
  <c r="G901" i="2" a="1"/>
  <c r="G901" i="2" s="1"/>
  <c r="G915" i="2" a="1"/>
  <c r="G915" i="2" s="1"/>
  <c r="G908" i="2" a="1"/>
  <c r="G908" i="2" s="1"/>
  <c r="G916" i="2" a="1"/>
  <c r="G916" i="2" s="1"/>
  <c r="G904" i="2" a="1"/>
  <c r="G904" i="2" s="1"/>
  <c r="G7197" i="2" a="1"/>
  <c r="G7197" i="2" s="1"/>
  <c r="G7204" i="2" a="1"/>
  <c r="G7204" i="2" s="1"/>
  <c r="G7200" i="2" a="1"/>
  <c r="G7200" i="2" s="1"/>
  <c r="G7205" i="2" a="1"/>
  <c r="G7205" i="2" s="1"/>
  <c r="G7189" i="2" a="1"/>
  <c r="G7189" i="2" s="1"/>
  <c r="G7191" i="2" a="1"/>
  <c r="G7191" i="2" s="1"/>
  <c r="G7195" i="2" a="1"/>
  <c r="G7195" i="2" s="1"/>
  <c r="F8358" i="2" a="1"/>
  <c r="F8358" i="2" s="1"/>
  <c r="F8346" i="2" a="1"/>
  <c r="F8346" i="2" s="1"/>
  <c r="F8343" i="2" a="1"/>
  <c r="F8343" i="2" s="1"/>
  <c r="F8353" i="2" a="1"/>
  <c r="F8353" i="2" s="1"/>
  <c r="F8348" i="2" a="1"/>
  <c r="F8348" i="2" s="1"/>
  <c r="F8357" i="2" a="1"/>
  <c r="F8357" i="2" s="1"/>
  <c r="F8360" i="2" a="1"/>
  <c r="F8360" i="2" s="1"/>
  <c r="F8355" i="2" a="1"/>
  <c r="F8355" i="2" s="1"/>
  <c r="F8345" i="2" a="1"/>
  <c r="F8345" i="2" s="1"/>
  <c r="F8350" i="2" a="1"/>
  <c r="F8350" i="2" s="1"/>
  <c r="F8359" i="2" a="1"/>
  <c r="F8359" i="2" s="1"/>
  <c r="F8339" i="2" a="1"/>
  <c r="F8339" i="2" s="1"/>
  <c r="F8352" i="2" a="1"/>
  <c r="F8352" i="2" s="1"/>
  <c r="F8351" i="2" a="1"/>
  <c r="F8351" i="2" s="1"/>
  <c r="F8340" i="2" a="1"/>
  <c r="F8340" i="2" s="1"/>
  <c r="F8349" i="2" a="1"/>
  <c r="F8349" i="2" s="1"/>
  <c r="F8338" i="2" a="1"/>
  <c r="F8338" i="2" s="1"/>
  <c r="F8341" i="2" a="1"/>
  <c r="F8341" i="2" s="1"/>
  <c r="D7668" i="2" a="1"/>
  <c r="D7668" i="2" s="1"/>
  <c r="D7688" i="2" a="1"/>
  <c r="D7688" i="2" s="1"/>
  <c r="D7679" i="2" a="1"/>
  <c r="D7679" i="2" s="1"/>
  <c r="D7670" i="2" a="1"/>
  <c r="D7670" i="2" s="1"/>
  <c r="D7674" i="2" a="1"/>
  <c r="D7674" i="2" s="1"/>
  <c r="D7678" i="2" a="1"/>
  <c r="D7678" i="2" s="1"/>
  <c r="D7686" i="2" a="1"/>
  <c r="D7686" i="2" s="1"/>
  <c r="D7677" i="2" a="1"/>
  <c r="D7677" i="2" s="1"/>
  <c r="D7681" i="2" a="1"/>
  <c r="D7681" i="2" s="1"/>
  <c r="D7685" i="2" a="1"/>
  <c r="D7685" i="2" s="1"/>
  <c r="D7666" i="2" a="1"/>
  <c r="D7666" i="2" s="1"/>
  <c r="D7669" i="2" a="1"/>
  <c r="D7669" i="2" s="1"/>
  <c r="D7673" i="2" a="1"/>
  <c r="D7673" i="2" s="1"/>
  <c r="D7689" i="2" a="1"/>
  <c r="D7689" i="2" s="1"/>
  <c r="D7672" i="2" a="1"/>
  <c r="D7672" i="2" s="1"/>
  <c r="D7675" i="2" a="1"/>
  <c r="D7675" i="2" s="1"/>
  <c r="D7687" i="2" a="1"/>
  <c r="D7687" i="2" s="1"/>
  <c r="D7680" i="2" a="1"/>
  <c r="D7680" i="2" s="1"/>
  <c r="D7684" i="2" a="1"/>
  <c r="D7684" i="2" s="1"/>
  <c r="D7676" i="2" a="1"/>
  <c r="D7676" i="2" s="1"/>
  <c r="G8785" i="2" a="1"/>
  <c r="G8785" i="2" s="1"/>
  <c r="G8779" i="2" a="1"/>
  <c r="G8779" i="2" s="1"/>
  <c r="G8790" i="2" a="1"/>
  <c r="G8790" i="2" s="1"/>
  <c r="G8780" i="2" a="1"/>
  <c r="G8780" i="2" s="1"/>
  <c r="G8777" i="2" a="1"/>
  <c r="G8777" i="2" s="1"/>
  <c r="G8786" i="2" a="1"/>
  <c r="G8786" i="2" s="1"/>
  <c r="G8784" i="2" a="1"/>
  <c r="G8784" i="2" s="1"/>
  <c r="G8778" i="2" a="1"/>
  <c r="G8778" i="2" s="1"/>
  <c r="G8792" i="2" a="1"/>
  <c r="G8792" i="2" s="1"/>
  <c r="G8770" i="2" a="1"/>
  <c r="G8770" i="2" s="1"/>
  <c r="G8781" i="2" a="1"/>
  <c r="G8781" i="2" s="1"/>
  <c r="G8787" i="2" a="1"/>
  <c r="G8787" i="2" s="1"/>
  <c r="G8771" i="2" a="1"/>
  <c r="G8771" i="2" s="1"/>
  <c r="G8774" i="2" a="1"/>
  <c r="G8774" i="2" s="1"/>
  <c r="G8789" i="2" a="1"/>
  <c r="G8789" i="2" s="1"/>
  <c r="G8772" i="2" a="1"/>
  <c r="G8772" i="2" s="1"/>
  <c r="G8791" i="2" a="1"/>
  <c r="G8791" i="2" s="1"/>
  <c r="G8773" i="2" a="1"/>
  <c r="G8773" i="2" s="1"/>
  <c r="G8788" i="2" a="1"/>
  <c r="G8788" i="2" s="1"/>
  <c r="G8782" i="2" a="1"/>
  <c r="G8782" i="2" s="1"/>
  <c r="G8783" i="2" a="1"/>
  <c r="G8783" i="2" s="1"/>
  <c r="G8775" i="2" a="1"/>
  <c r="G8775" i="2" s="1"/>
  <c r="G8776" i="2" a="1"/>
  <c r="G8776" i="2" s="1"/>
  <c r="G8793" i="2" a="1"/>
  <c r="G8793" i="2" s="1"/>
  <c r="G2760" i="2" a="1"/>
  <c r="G2760" i="2" s="1"/>
  <c r="G2761" i="2" a="1"/>
  <c r="G2761" i="2" s="1"/>
  <c r="G2747" i="2" a="1"/>
  <c r="G2747" i="2" s="1"/>
  <c r="G2769" i="2" a="1"/>
  <c r="G2769" i="2" s="1"/>
  <c r="G2750" i="2" a="1"/>
  <c r="G2750" i="2" s="1"/>
  <c r="G2748" i="2" a="1"/>
  <c r="G2748" i="2" s="1"/>
  <c r="G2756" i="2" a="1"/>
  <c r="G2756" i="2" s="1"/>
  <c r="G2757" i="2" a="1"/>
  <c r="G2757" i="2" s="1"/>
  <c r="G2749" i="2" a="1"/>
  <c r="G2749" i="2" s="1"/>
  <c r="G2758" i="2" a="1"/>
  <c r="G2758" i="2" s="1"/>
  <c r="G2767" i="2" a="1"/>
  <c r="G2767" i="2" s="1"/>
  <c r="G2759" i="2" a="1"/>
  <c r="G2759" i="2" s="1"/>
  <c r="G2752" i="2" a="1"/>
  <c r="G2752" i="2" s="1"/>
  <c r="G2764" i="2" a="1"/>
  <c r="G2764" i="2" s="1"/>
  <c r="G2763" i="2" a="1"/>
  <c r="G2763" i="2" s="1"/>
  <c r="G2754" i="2" a="1"/>
  <c r="G2754" i="2" s="1"/>
  <c r="G2755" i="2" a="1"/>
  <c r="G2755" i="2" s="1"/>
  <c r="G2753" i="2" a="1"/>
  <c r="G2753" i="2" s="1"/>
  <c r="G2765" i="2" a="1"/>
  <c r="G2765" i="2" s="1"/>
  <c r="G2766" i="2" a="1"/>
  <c r="G2766" i="2" s="1"/>
  <c r="G2746" i="2" a="1"/>
  <c r="G2746" i="2" s="1"/>
  <c r="G2751" i="2" a="1"/>
  <c r="G2751" i="2" s="1"/>
  <c r="G2762" i="2" a="1"/>
  <c r="G2762" i="2" s="1"/>
  <c r="G2768" i="2" a="1"/>
  <c r="G2768" i="2" s="1"/>
  <c r="E7131" i="2" a="1"/>
  <c r="E7131" i="2" s="1"/>
  <c r="E7117" i="2" a="1"/>
  <c r="E7117" i="2" s="1"/>
  <c r="E7119" i="2" a="1"/>
  <c r="E7119" i="2" s="1"/>
  <c r="E7115" i="2" a="1"/>
  <c r="E7115" i="2" s="1"/>
  <c r="E7134" i="2" a="1"/>
  <c r="E7134" i="2" s="1"/>
  <c r="E7123" i="2" a="1"/>
  <c r="E7123" i="2" s="1"/>
  <c r="E7126" i="2" a="1"/>
  <c r="E7126" i="2" s="1"/>
  <c r="E7127" i="2" a="1"/>
  <c r="E7127" i="2" s="1"/>
  <c r="E7118" i="2" a="1"/>
  <c r="E7118" i="2" s="1"/>
  <c r="E7122" i="2" a="1"/>
  <c r="E7122" i="2" s="1"/>
  <c r="E7135" i="2" a="1"/>
  <c r="E7135" i="2" s="1"/>
  <c r="F646" i="2" a="1"/>
  <c r="F646" i="2" s="1"/>
  <c r="F640" i="2" a="1"/>
  <c r="F640" i="2" s="1"/>
  <c r="F644" i="2" a="1"/>
  <c r="F644" i="2" s="1"/>
  <c r="G217" i="2" a="1"/>
  <c r="G217" i="2" s="1"/>
  <c r="G218" i="2" a="1"/>
  <c r="G218" i="2" s="1"/>
  <c r="G213" i="2" a="1"/>
  <c r="G213" i="2" s="1"/>
  <c r="G223" i="2" a="1"/>
  <c r="G223" i="2" s="1"/>
  <c r="G214" i="2" a="1"/>
  <c r="G214" i="2" s="1"/>
  <c r="G225" i="2" a="1"/>
  <c r="G225" i="2" s="1"/>
  <c r="G208" i="2" a="1"/>
  <c r="G208" i="2" s="1"/>
  <c r="G221" i="2" a="1"/>
  <c r="G221" i="2" s="1"/>
  <c r="G210" i="2" a="1"/>
  <c r="G210" i="2" s="1"/>
  <c r="G205" i="2" a="1"/>
  <c r="G205" i="2" s="1"/>
  <c r="G211" i="2" a="1"/>
  <c r="G211" i="2" s="1"/>
  <c r="G216" i="2" a="1"/>
  <c r="G216" i="2" s="1"/>
  <c r="G215" i="2" a="1"/>
  <c r="G215" i="2" s="1"/>
  <c r="G204" i="2" a="1"/>
  <c r="G204" i="2" s="1"/>
  <c r="G209" i="2" a="1"/>
  <c r="G209" i="2" s="1"/>
  <c r="G222" i="2" a="1"/>
  <c r="G222" i="2" s="1"/>
  <c r="G219" i="2" a="1"/>
  <c r="G219" i="2" s="1"/>
  <c r="G224" i="2" a="1"/>
  <c r="G224" i="2" s="1"/>
  <c r="G206" i="2" a="1"/>
  <c r="G206" i="2" s="1"/>
  <c r="G220" i="2" a="1"/>
  <c r="G220" i="2" s="1"/>
  <c r="G212" i="2" a="1"/>
  <c r="G212" i="2" s="1"/>
  <c r="F4602" i="2" a="1"/>
  <c r="F4602" i="2" s="1"/>
  <c r="F4612" i="2" a="1"/>
  <c r="F4612" i="2" s="1"/>
  <c r="F4599" i="2" a="1"/>
  <c r="F4599" i="2" s="1"/>
  <c r="F4614" i="2" a="1"/>
  <c r="F4614" i="2" s="1"/>
  <c r="F4603" i="2" a="1"/>
  <c r="F4603" i="2" s="1"/>
  <c r="F4615" i="2" a="1"/>
  <c r="F4615" i="2" s="1"/>
  <c r="F4608" i="2" a="1"/>
  <c r="F4608" i="2" s="1"/>
  <c r="F4600" i="2" a="1"/>
  <c r="F4600" i="2" s="1"/>
  <c r="F4616" i="2" a="1"/>
  <c r="F4616" i="2" s="1"/>
  <c r="F4610" i="2" a="1"/>
  <c r="F4610" i="2" s="1"/>
  <c r="F4604" i="2" a="1"/>
  <c r="F4604" i="2" s="1"/>
  <c r="F4595" i="2" a="1"/>
  <c r="F4595" i="2" s="1"/>
  <c r="F4597" i="2" a="1"/>
  <c r="F4597" i="2" s="1"/>
  <c r="F4607" i="2" a="1"/>
  <c r="F4607" i="2" s="1"/>
  <c r="F4606" i="2" a="1"/>
  <c r="F4606" i="2" s="1"/>
  <c r="F4594" i="2" a="1"/>
  <c r="F4594" i="2" s="1"/>
  <c r="F4617" i="2" a="1"/>
  <c r="F4617" i="2" s="1"/>
  <c r="F4596" i="2" a="1"/>
  <c r="F4596" i="2" s="1"/>
  <c r="F4609" i="2" a="1"/>
  <c r="F4609" i="2" s="1"/>
  <c r="F4598" i="2" a="1"/>
  <c r="F4598" i="2" s="1"/>
  <c r="F4605" i="2" a="1"/>
  <c r="F4605" i="2" s="1"/>
  <c r="F4601" i="2" a="1"/>
  <c r="F4601" i="2" s="1"/>
  <c r="F4611" i="2" a="1"/>
  <c r="F4611" i="2" s="1"/>
  <c r="F4613" i="2" a="1"/>
  <c r="F4613" i="2" s="1"/>
  <c r="G7014" i="2" a="1"/>
  <c r="G7014" i="2" s="1"/>
  <c r="G7002" i="2" a="1"/>
  <c r="G7002" i="2" s="1"/>
  <c r="G7007" i="2" a="1"/>
  <c r="G7007" i="2" s="1"/>
  <c r="G6995" i="2" a="1"/>
  <c r="G6995" i="2" s="1"/>
  <c r="G7017" i="2" a="1"/>
  <c r="G7017" i="2" s="1"/>
  <c r="G7015" i="2" a="1"/>
  <c r="G7015" i="2" s="1"/>
  <c r="G7009" i="2" a="1"/>
  <c r="G7009" i="2" s="1"/>
  <c r="G6996" i="2" a="1"/>
  <c r="G6996" i="2" s="1"/>
  <c r="G7001" i="2" a="1"/>
  <c r="G7001" i="2" s="1"/>
  <c r="G7005" i="2" a="1"/>
  <c r="G7005" i="2" s="1"/>
  <c r="G7006" i="2" a="1"/>
  <c r="G7006" i="2" s="1"/>
  <c r="G7011" i="2" a="1"/>
  <c r="G7011" i="2" s="1"/>
  <c r="G7008" i="2" a="1"/>
  <c r="G7008" i="2" s="1"/>
  <c r="G7000" i="2" a="1"/>
  <c r="G7000" i="2" s="1"/>
  <c r="G6998" i="2" a="1"/>
  <c r="G6998" i="2" s="1"/>
  <c r="G7010" i="2" a="1"/>
  <c r="G7010" i="2" s="1"/>
  <c r="G6999" i="2" a="1"/>
  <c r="G6999" i="2" s="1"/>
  <c r="G7003" i="2" a="1"/>
  <c r="G7003" i="2" s="1"/>
  <c r="G7004" i="2" a="1"/>
  <c r="G7004" i="2" s="1"/>
  <c r="G7016" i="2" a="1"/>
  <c r="G7016" i="2" s="1"/>
  <c r="G7013" i="2" a="1"/>
  <c r="G7013" i="2" s="1"/>
  <c r="G6997" i="2" a="1"/>
  <c r="G6997" i="2" s="1"/>
  <c r="G7012" i="2" a="1"/>
  <c r="G7012" i="2" s="1"/>
  <c r="G6994" i="2" a="1"/>
  <c r="G6994" i="2" s="1"/>
  <c r="F6799" i="2" a="1"/>
  <c r="F6799" i="2" s="1"/>
  <c r="F6778" i="2" a="1"/>
  <c r="F6778" i="2" s="1"/>
  <c r="F6785" i="2" a="1"/>
  <c r="F6785" i="2" s="1"/>
  <c r="F6791" i="2" a="1"/>
  <c r="F6791" i="2" s="1"/>
  <c r="F6786" i="2" a="1"/>
  <c r="F6786" i="2" s="1"/>
  <c r="F6779" i="2" a="1"/>
  <c r="F6779" i="2" s="1"/>
  <c r="F6790" i="2" a="1"/>
  <c r="F6790" i="2" s="1"/>
  <c r="F6781" i="2" a="1"/>
  <c r="F6781" i="2" s="1"/>
  <c r="F6796" i="2" a="1"/>
  <c r="F6796" i="2" s="1"/>
  <c r="F6783" i="2" a="1"/>
  <c r="F6783" i="2" s="1"/>
  <c r="F6793" i="2" a="1"/>
  <c r="F6793" i="2" s="1"/>
  <c r="F6792" i="2" a="1"/>
  <c r="F6792" i="2" s="1"/>
  <c r="E7321" i="2" a="1"/>
  <c r="E7321" i="2" s="1"/>
  <c r="E7309" i="2" a="1"/>
  <c r="E7309" i="2" s="1"/>
  <c r="E7326" i="2" a="1"/>
  <c r="E7326" i="2" s="1"/>
  <c r="E7325" i="2" a="1"/>
  <c r="E7325" i="2" s="1"/>
  <c r="E7315" i="2" a="1"/>
  <c r="E7315" i="2" s="1"/>
  <c r="E7329" i="2" a="1"/>
  <c r="E7329" i="2" s="1"/>
  <c r="E7314" i="2" a="1"/>
  <c r="E7314" i="2" s="1"/>
  <c r="E7310" i="2" a="1"/>
  <c r="E7310" i="2" s="1"/>
  <c r="E7307" i="2" a="1"/>
  <c r="E7307" i="2" s="1"/>
  <c r="E7317" i="2" a="1"/>
  <c r="E7317" i="2" s="1"/>
  <c r="E7311" i="2" a="1"/>
  <c r="E7311" i="2" s="1"/>
  <c r="E7323" i="2" a="1"/>
  <c r="E7323" i="2" s="1"/>
  <c r="E7320" i="2" a="1"/>
  <c r="E7320" i="2" s="1"/>
  <c r="E7319" i="2" a="1"/>
  <c r="E7319" i="2" s="1"/>
  <c r="E7328" i="2" a="1"/>
  <c r="E7328" i="2" s="1"/>
  <c r="E7322" i="2" a="1"/>
  <c r="E7322" i="2" s="1"/>
  <c r="E7308" i="2" a="1"/>
  <c r="E7308" i="2" s="1"/>
  <c r="E7324" i="2" a="1"/>
  <c r="E7324" i="2" s="1"/>
  <c r="E7318" i="2" a="1"/>
  <c r="E7318" i="2" s="1"/>
  <c r="E7316" i="2" a="1"/>
  <c r="E7316" i="2" s="1"/>
  <c r="E7312" i="2" a="1"/>
  <c r="E7312" i="2" s="1"/>
  <c r="E7313" i="2" a="1"/>
  <c r="E7313" i="2" s="1"/>
  <c r="F7498" i="2" a="1"/>
  <c r="F7498" i="2" s="1"/>
  <c r="F7504" i="2" a="1"/>
  <c r="F7504" i="2" s="1"/>
  <c r="F7514" i="2" a="1"/>
  <c r="F7514" i="2" s="1"/>
  <c r="F7503" i="2" a="1"/>
  <c r="F7503" i="2" s="1"/>
  <c r="F7507" i="2" a="1"/>
  <c r="F7507" i="2" s="1"/>
  <c r="F7510" i="2" a="1"/>
  <c r="F7510" i="2" s="1"/>
  <c r="F7519" i="2" a="1"/>
  <c r="F7519" i="2" s="1"/>
  <c r="F7511" i="2" a="1"/>
  <c r="F7511" i="2" s="1"/>
  <c r="F7508" i="2" a="1"/>
  <c r="F7508" i="2" s="1"/>
  <c r="F7505" i="2" a="1"/>
  <c r="F7505" i="2" s="1"/>
  <c r="F7520" i="2" a="1"/>
  <c r="F7520" i="2" s="1"/>
  <c r="F7501" i="2" a="1"/>
  <c r="F7501" i="2" s="1"/>
  <c r="F7521" i="2" a="1"/>
  <c r="F7521" i="2" s="1"/>
  <c r="F7517" i="2" a="1"/>
  <c r="F7517" i="2" s="1"/>
  <c r="F7499" i="2" a="1"/>
  <c r="F7499" i="2" s="1"/>
  <c r="F7500" i="2" a="1"/>
  <c r="F7500" i="2" s="1"/>
  <c r="F7515" i="2" a="1"/>
  <c r="F7515" i="2" s="1"/>
  <c r="F7506" i="2" a="1"/>
  <c r="F7506" i="2" s="1"/>
  <c r="F7513" i="2" a="1"/>
  <c r="F7513" i="2" s="1"/>
  <c r="F7502" i="2" a="1"/>
  <c r="F7502" i="2" s="1"/>
  <c r="F7516" i="2" a="1"/>
  <c r="F7516" i="2" s="1"/>
  <c r="F7518" i="2" a="1"/>
  <c r="F7518" i="2" s="1"/>
  <c r="F7509" i="2" a="1"/>
  <c r="F7509" i="2" s="1"/>
  <c r="F7512" i="2" a="1"/>
  <c r="F7512" i="2" s="1"/>
  <c r="D8152" i="2" a="1"/>
  <c r="D8152" i="2" s="1"/>
  <c r="D8156" i="2" a="1"/>
  <c r="D8156" i="2" s="1"/>
  <c r="D8160" i="2" a="1"/>
  <c r="D8160" i="2" s="1"/>
  <c r="D8148" i="2" a="1"/>
  <c r="D8148" i="2" s="1"/>
  <c r="D8159" i="2" a="1"/>
  <c r="D8159" i="2" s="1"/>
  <c r="D8164" i="2" a="1"/>
  <c r="D8164" i="2" s="1"/>
  <c r="D8168" i="2" a="1"/>
  <c r="D8168" i="2" s="1"/>
  <c r="D8158" i="2" a="1"/>
  <c r="D8158" i="2" s="1"/>
  <c r="D8166" i="2" a="1"/>
  <c r="D8166" i="2" s="1"/>
  <c r="D8147" i="2" a="1"/>
  <c r="D8147" i="2" s="1"/>
  <c r="D8151" i="2" a="1"/>
  <c r="D8151" i="2" s="1"/>
  <c r="D8155" i="2" a="1"/>
  <c r="D8155" i="2" s="1"/>
  <c r="D8163" i="2" a="1"/>
  <c r="D8163" i="2" s="1"/>
  <c r="D8167" i="2" a="1"/>
  <c r="D8167" i="2" s="1"/>
  <c r="D8150" i="2" a="1"/>
  <c r="D8150" i="2" s="1"/>
  <c r="D8149" i="2" a="1"/>
  <c r="D8149" i="2" s="1"/>
  <c r="D8153" i="2" a="1"/>
  <c r="D8153" i="2" s="1"/>
  <c r="D8161" i="2" a="1"/>
  <c r="D8161" i="2" s="1"/>
  <c r="D8165" i="2" a="1"/>
  <c r="D8165" i="2" s="1"/>
  <c r="D8169" i="2" a="1"/>
  <c r="D8169" i="2" s="1"/>
  <c r="D8146" i="2" a="1"/>
  <c r="D8146" i="2" s="1"/>
  <c r="D8154" i="2" a="1"/>
  <c r="D8154" i="2" s="1"/>
  <c r="D8162" i="2" a="1"/>
  <c r="D8162" i="2" s="1"/>
  <c r="D8157" i="2" a="1"/>
  <c r="D8157" i="2" s="1"/>
  <c r="H4607" i="2" a="1"/>
  <c r="H4607" i="2" s="1"/>
  <c r="H4608" i="2" a="1"/>
  <c r="H4608" i="2" s="1"/>
  <c r="H4604" i="2" a="1"/>
  <c r="H4604" i="2" s="1"/>
  <c r="H4617" i="2" a="1"/>
  <c r="H4617" i="2" s="1"/>
  <c r="H4609" i="2" a="1"/>
  <c r="H4609" i="2" s="1"/>
  <c r="H4610" i="2" a="1"/>
  <c r="H4610" i="2" s="1"/>
  <c r="H4606" i="2" a="1"/>
  <c r="H4606" i="2" s="1"/>
  <c r="H4616" i="2" a="1"/>
  <c r="H4616" i="2" s="1"/>
  <c r="H4602" i="2" a="1"/>
  <c r="H4602" i="2" s="1"/>
  <c r="H4596" i="2" a="1"/>
  <c r="H4596" i="2" s="1"/>
  <c r="H4613" i="2" a="1"/>
  <c r="H4613" i="2" s="1"/>
  <c r="H4612" i="2" a="1"/>
  <c r="H4612" i="2" s="1"/>
  <c r="H4595" i="2" a="1"/>
  <c r="H4595" i="2" s="1"/>
  <c r="H4597" i="2" a="1"/>
  <c r="H4597" i="2" s="1"/>
  <c r="E998" i="2" a="1"/>
  <c r="E998" i="2" s="1"/>
  <c r="E1001" i="2" a="1"/>
  <c r="E1001" i="2" s="1"/>
  <c r="E1002" i="2" a="1"/>
  <c r="E1002" i="2" s="1"/>
  <c r="E1009" i="2" a="1"/>
  <c r="E1009" i="2" s="1"/>
  <c r="E1012" i="2" a="1"/>
  <c r="E1012" i="2" s="1"/>
  <c r="E1011" i="2" a="1"/>
  <c r="E1011" i="2" s="1"/>
  <c r="E1016" i="2" a="1"/>
  <c r="E1016" i="2" s="1"/>
  <c r="E999" i="2" a="1"/>
  <c r="E999" i="2" s="1"/>
  <c r="E1003" i="2" a="1"/>
  <c r="E1003" i="2" s="1"/>
  <c r="E1014" i="2" a="1"/>
  <c r="E1014" i="2" s="1"/>
  <c r="E1013" i="2" a="1"/>
  <c r="E1013" i="2" s="1"/>
  <c r="E1017" i="2" a="1"/>
  <c r="E1017" i="2" s="1"/>
  <c r="E1007" i="2" a="1"/>
  <c r="E1007" i="2" s="1"/>
  <c r="E1004" i="2" a="1"/>
  <c r="E1004" i="2" s="1"/>
  <c r="E1000" i="2" a="1"/>
  <c r="E1000" i="2" s="1"/>
  <c r="E995" i="2" a="1"/>
  <c r="E995" i="2" s="1"/>
  <c r="E1015" i="2" a="1"/>
  <c r="E1015" i="2" s="1"/>
  <c r="E996" i="2" a="1"/>
  <c r="E996" i="2" s="1"/>
  <c r="E997" i="2" a="1"/>
  <c r="E997" i="2" s="1"/>
  <c r="E1005" i="2" a="1"/>
  <c r="E1005" i="2" s="1"/>
  <c r="E994" i="2" a="1"/>
  <c r="E994" i="2" s="1"/>
  <c r="E1006" i="2" a="1"/>
  <c r="E1006" i="2" s="1"/>
  <c r="E1008" i="2" a="1"/>
  <c r="E1008" i="2" s="1"/>
  <c r="E1010" i="2" a="1"/>
  <c r="E1010" i="2" s="1"/>
  <c r="E4226" i="2" a="1"/>
  <c r="E4226" i="2" s="1"/>
  <c r="E4220" i="2" a="1"/>
  <c r="E4220" i="2" s="1"/>
  <c r="E4228" i="2" a="1"/>
  <c r="E4228" i="2" s="1"/>
  <c r="E4224" i="2" a="1"/>
  <c r="E4224" i="2" s="1"/>
  <c r="E4210" i="2" a="1"/>
  <c r="E4210" i="2" s="1"/>
  <c r="E4216" i="2" a="1"/>
  <c r="E4216" i="2" s="1"/>
  <c r="E4218" i="2" a="1"/>
  <c r="E4218" i="2" s="1"/>
  <c r="E4212" i="2" a="1"/>
  <c r="E4212" i="2" s="1"/>
  <c r="E4217" i="2" a="1"/>
  <c r="E4217" i="2" s="1"/>
  <c r="F5367" i="2" a="1"/>
  <c r="F5367" i="2" s="1"/>
  <c r="G828" i="2" a="1"/>
  <c r="G828" i="2" s="1"/>
  <c r="G837" i="2" a="1"/>
  <c r="G837" i="2" s="1"/>
  <c r="G831" i="2" a="1"/>
  <c r="G831" i="2" s="1"/>
  <c r="G839" i="2" a="1"/>
  <c r="G839" i="2" s="1"/>
  <c r="G841" i="2" a="1"/>
  <c r="G841" i="2" s="1"/>
  <c r="G833" i="2" a="1"/>
  <c r="G833" i="2" s="1"/>
  <c r="G844" i="2" a="1"/>
  <c r="G844" i="2" s="1"/>
  <c r="G829" i="2" a="1"/>
  <c r="G829" i="2" s="1"/>
  <c r="G847" i="2" a="1"/>
  <c r="G847" i="2" s="1"/>
  <c r="G848" i="2" a="1"/>
  <c r="G848" i="2" s="1"/>
  <c r="G838" i="2" a="1"/>
  <c r="G838" i="2" s="1"/>
  <c r="G835" i="2" a="1"/>
  <c r="G835" i="2" s="1"/>
  <c r="G842" i="2" a="1"/>
  <c r="G842" i="2" s="1"/>
  <c r="G845" i="2" a="1"/>
  <c r="G845" i="2" s="1"/>
  <c r="G830" i="2" a="1"/>
  <c r="G830" i="2" s="1"/>
  <c r="G832" i="2" a="1"/>
  <c r="G832" i="2" s="1"/>
  <c r="G849" i="2" a="1"/>
  <c r="G849" i="2" s="1"/>
  <c r="G836" i="2" a="1"/>
  <c r="G836" i="2" s="1"/>
  <c r="G827" i="2" a="1"/>
  <c r="G827" i="2" s="1"/>
  <c r="G843" i="2" a="1"/>
  <c r="G843" i="2" s="1"/>
  <c r="G834" i="2" a="1"/>
  <c r="G834" i="2" s="1"/>
  <c r="G826" i="2" a="1"/>
  <c r="G826" i="2" s="1"/>
  <c r="G840" i="2" a="1"/>
  <c r="G840" i="2" s="1"/>
  <c r="G846" i="2" a="1"/>
  <c r="G846" i="2" s="1"/>
  <c r="G1035" i="2" a="1"/>
  <c r="G1035" i="2" s="1"/>
  <c r="G1031" i="2" a="1"/>
  <c r="G1031" i="2" s="1"/>
  <c r="G1026" i="2" a="1"/>
  <c r="G1026" i="2" s="1"/>
  <c r="G1024" i="2" a="1"/>
  <c r="G1024" i="2" s="1"/>
  <c r="G1032" i="2" a="1"/>
  <c r="G1032" i="2" s="1"/>
  <c r="G1033" i="2" a="1"/>
  <c r="G1033" i="2" s="1"/>
  <c r="G1039" i="2" a="1"/>
  <c r="G1039" i="2" s="1"/>
  <c r="G1018" i="2" a="1"/>
  <c r="G1018" i="2" s="1"/>
  <c r="G1023" i="2" a="1"/>
  <c r="G1023" i="2" s="1"/>
  <c r="G1029" i="2" a="1"/>
  <c r="G1029" i="2" s="1"/>
  <c r="G1019" i="2" a="1"/>
  <c r="G1019" i="2" s="1"/>
  <c r="G1020" i="2" a="1"/>
  <c r="G1020" i="2" s="1"/>
  <c r="G1034" i="2" a="1"/>
  <c r="G1034" i="2" s="1"/>
  <c r="G1036" i="2" a="1"/>
  <c r="G1036" i="2" s="1"/>
  <c r="G1022" i="2" a="1"/>
  <c r="G1022" i="2" s="1"/>
  <c r="G1027" i="2" a="1"/>
  <c r="G1027" i="2" s="1"/>
  <c r="G1040" i="2" a="1"/>
  <c r="G1040" i="2" s="1"/>
  <c r="G1028" i="2" a="1"/>
  <c r="G1028" i="2" s="1"/>
  <c r="G1021" i="2" a="1"/>
  <c r="G1021" i="2" s="1"/>
  <c r="G1041" i="2" a="1"/>
  <c r="G1041" i="2" s="1"/>
  <c r="G1038" i="2" a="1"/>
  <c r="G1038" i="2" s="1"/>
  <c r="G1037" i="2" a="1"/>
  <c r="G1037" i="2" s="1"/>
  <c r="G1030" i="2" a="1"/>
  <c r="G1030" i="2" s="1"/>
  <c r="G1025" i="2" a="1"/>
  <c r="G1025" i="2" s="1"/>
  <c r="E4320" i="2" a="1"/>
  <c r="E4320" i="2" s="1"/>
  <c r="E4318" i="2" a="1"/>
  <c r="E4318" i="2" s="1"/>
  <c r="E4314" i="2" a="1"/>
  <c r="E4314" i="2" s="1"/>
  <c r="E4315" i="2" a="1"/>
  <c r="E4315" i="2" s="1"/>
  <c r="E4323" i="2" a="1"/>
  <c r="E4323" i="2" s="1"/>
  <c r="E4312" i="2" a="1"/>
  <c r="E4312" i="2" s="1"/>
  <c r="E4321" i="2" a="1"/>
  <c r="E4321" i="2" s="1"/>
  <c r="E4324" i="2" a="1"/>
  <c r="E4324" i="2" s="1"/>
  <c r="E4309" i="2" a="1"/>
  <c r="E4309" i="2" s="1"/>
  <c r="E4316" i="2" a="1"/>
  <c r="E4316" i="2" s="1"/>
  <c r="E4325" i="2" a="1"/>
  <c r="E4325" i="2" s="1"/>
  <c r="E4310" i="2" a="1"/>
  <c r="E4310" i="2" s="1"/>
  <c r="E4306" i="2" a="1"/>
  <c r="E4306" i="2" s="1"/>
  <c r="E4317" i="2" a="1"/>
  <c r="E4317" i="2" s="1"/>
  <c r="E4319" i="2" a="1"/>
  <c r="E4319" i="2" s="1"/>
  <c r="E4327" i="2" a="1"/>
  <c r="E4327" i="2" s="1"/>
  <c r="E4328" i="2" a="1"/>
  <c r="E4328" i="2" s="1"/>
  <c r="E4329" i="2" a="1"/>
  <c r="E4329" i="2" s="1"/>
  <c r="E4308" i="2" a="1"/>
  <c r="E4308" i="2" s="1"/>
  <c r="E4326" i="2" a="1"/>
  <c r="E4326" i="2" s="1"/>
  <c r="E4313" i="2" a="1"/>
  <c r="E4313" i="2" s="1"/>
  <c r="E4322" i="2" a="1"/>
  <c r="E4322" i="2" s="1"/>
  <c r="E4307" i="2" a="1"/>
  <c r="E4307" i="2" s="1"/>
  <c r="E4311" i="2" a="1"/>
  <c r="E4311" i="2" s="1"/>
  <c r="D6938" i="2" a="1"/>
  <c r="D6938" i="2" s="1"/>
  <c r="D6925" i="2" a="1"/>
  <c r="D6925" i="2" s="1"/>
  <c r="D6929" i="2" a="1"/>
  <c r="D6929" i="2" s="1"/>
  <c r="D6933" i="2" a="1"/>
  <c r="D6933" i="2" s="1"/>
  <c r="D6937" i="2" a="1"/>
  <c r="D6937" i="2" s="1"/>
  <c r="D6941" i="2" a="1"/>
  <c r="D6941" i="2" s="1"/>
  <c r="D6924" i="2" a="1"/>
  <c r="D6924" i="2" s="1"/>
  <c r="D6932" i="2" a="1"/>
  <c r="D6932" i="2" s="1"/>
  <c r="D6936" i="2" a="1"/>
  <c r="D6936" i="2" s="1"/>
  <c r="D6940" i="2" a="1"/>
  <c r="D6940" i="2" s="1"/>
  <c r="D6944" i="2" a="1"/>
  <c r="D6944" i="2" s="1"/>
  <c r="D6923" i="2" a="1"/>
  <c r="D6923" i="2" s="1"/>
  <c r="D6943" i="2" a="1"/>
  <c r="D6943" i="2" s="1"/>
  <c r="D6930" i="2" a="1"/>
  <c r="D6930" i="2" s="1"/>
  <c r="D6927" i="2" a="1"/>
  <c r="D6927" i="2" s="1"/>
  <c r="D6934" i="2" a="1"/>
  <c r="D6934" i="2" s="1"/>
  <c r="D6931" i="2" a="1"/>
  <c r="D6931" i="2" s="1"/>
  <c r="D6922" i="2" a="1"/>
  <c r="D6922" i="2" s="1"/>
  <c r="D6942" i="2" a="1"/>
  <c r="D6942" i="2" s="1"/>
  <c r="D6939" i="2" a="1"/>
  <c r="D6939" i="2" s="1"/>
  <c r="D6926" i="2" a="1"/>
  <c r="D6926" i="2" s="1"/>
  <c r="D233" i="2" a="1"/>
  <c r="D233" i="2" s="1"/>
  <c r="D244" i="2" a="1"/>
  <c r="D244" i="2" s="1"/>
  <c r="D242" i="2" a="1"/>
  <c r="D242" i="2" s="1"/>
  <c r="D237" i="2" a="1"/>
  <c r="D237" i="2" s="1"/>
  <c r="D245" i="2" a="1"/>
  <c r="D245" i="2" s="1"/>
  <c r="D231" i="2" a="1"/>
  <c r="D231" i="2" s="1"/>
  <c r="D249" i="2" a="1"/>
  <c r="D249" i="2" s="1"/>
  <c r="D234" i="2" a="1"/>
  <c r="D234" i="2" s="1"/>
  <c r="D236" i="2" a="1"/>
  <c r="D236" i="2" s="1"/>
  <c r="D229" i="2" a="1"/>
  <c r="D229" i="2" s="1"/>
  <c r="D246" i="2" a="1"/>
  <c r="D246" i="2" s="1"/>
  <c r="D227" i="2" a="1"/>
  <c r="D227" i="2" s="1"/>
  <c r="D228" i="2" a="1"/>
  <c r="D228" i="2" s="1"/>
  <c r="D243" i="2" a="1"/>
  <c r="D243" i="2" s="1"/>
  <c r="D240" i="2" a="1"/>
  <c r="D240" i="2" s="1"/>
  <c r="D239" i="2" a="1"/>
  <c r="D239" i="2" s="1"/>
  <c r="D235" i="2" a="1"/>
  <c r="D235" i="2" s="1"/>
  <c r="D230" i="2" a="1"/>
  <c r="D230" i="2" s="1"/>
  <c r="D248" i="2" a="1"/>
  <c r="D248" i="2" s="1"/>
  <c r="D226" i="2" a="1"/>
  <c r="D226" i="2" s="1"/>
  <c r="D232" i="2" a="1"/>
  <c r="D232" i="2" s="1"/>
  <c r="D247" i="2" a="1"/>
  <c r="D247" i="2" s="1"/>
  <c r="D241" i="2" a="1"/>
  <c r="D241" i="2" s="1"/>
  <c r="D238" i="2" a="1"/>
  <c r="D238" i="2" s="1"/>
  <c r="H5172" i="2" a="1"/>
  <c r="H5172" i="2" s="1"/>
  <c r="H5170" i="2" a="1"/>
  <c r="H5170" i="2" s="1"/>
  <c r="H5192" i="2" a="1"/>
  <c r="H5192" i="2" s="1"/>
  <c r="H5175" i="2" a="1"/>
  <c r="H5175" i="2" s="1"/>
  <c r="H5173" i="2" a="1"/>
  <c r="H5173" i="2" s="1"/>
  <c r="H5190" i="2" a="1"/>
  <c r="H5190" i="2" s="1"/>
  <c r="H5187" i="2" a="1"/>
  <c r="H5187" i="2" s="1"/>
  <c r="H5177" i="2" a="1"/>
  <c r="H5177" i="2" s="1"/>
  <c r="H5188" i="2" a="1"/>
  <c r="H5188" i="2" s="1"/>
  <c r="H5178" i="2" a="1"/>
  <c r="H5178" i="2" s="1"/>
  <c r="H5176" i="2" a="1"/>
  <c r="H5176" i="2" s="1"/>
  <c r="H5179" i="2" a="1"/>
  <c r="H5179" i="2" s="1"/>
  <c r="H5189" i="2" a="1"/>
  <c r="H5189" i="2" s="1"/>
  <c r="H5180" i="2" a="1"/>
  <c r="H5180" i="2" s="1"/>
  <c r="H5193" i="2" a="1"/>
  <c r="H5193" i="2" s="1"/>
  <c r="H5171" i="2" a="1"/>
  <c r="H5171" i="2" s="1"/>
  <c r="H5181" i="2" a="1"/>
  <c r="H5181" i="2" s="1"/>
  <c r="H5184" i="2" a="1"/>
  <c r="H5184" i="2" s="1"/>
  <c r="H5186" i="2" a="1"/>
  <c r="H5186" i="2" s="1"/>
  <c r="H5182" i="2" a="1"/>
  <c r="H5182" i="2" s="1"/>
  <c r="H5185" i="2" a="1"/>
  <c r="H5185" i="2" s="1"/>
  <c r="H5174" i="2" a="1"/>
  <c r="H5174" i="2" s="1"/>
  <c r="H5183" i="2" a="1"/>
  <c r="H5183" i="2" s="1"/>
  <c r="H5191" i="2" a="1"/>
  <c r="H5191" i="2" s="1"/>
  <c r="H5812" i="2" a="1"/>
  <c r="H5812" i="2" s="1"/>
  <c r="H5806" i="2" a="1"/>
  <c r="H5806" i="2" s="1"/>
  <c r="H5800" i="2" a="1"/>
  <c r="H5800" i="2" s="1"/>
  <c r="H5814" i="2" a="1"/>
  <c r="H5814" i="2" s="1"/>
  <c r="H5810" i="2" a="1"/>
  <c r="H5810" i="2" s="1"/>
  <c r="H5811" i="2" a="1"/>
  <c r="H5811" i="2" s="1"/>
  <c r="H5809" i="2" a="1"/>
  <c r="H5809" i="2" s="1"/>
  <c r="H5803" i="2" a="1"/>
  <c r="H5803" i="2" s="1"/>
  <c r="H5804" i="2" a="1"/>
  <c r="H5804" i="2" s="1"/>
  <c r="H5801" i="2" a="1"/>
  <c r="H5801" i="2" s="1"/>
  <c r="G1965" i="2" a="1"/>
  <c r="G1965" i="2" s="1"/>
  <c r="G1964" i="2" a="1"/>
  <c r="G1964" i="2" s="1"/>
  <c r="G1970" i="2" a="1"/>
  <c r="G1970" i="2" s="1"/>
  <c r="G1954" i="2" a="1"/>
  <c r="G1954" i="2" s="1"/>
  <c r="G1972" i="2" a="1"/>
  <c r="G1972" i="2" s="1"/>
  <c r="G1967" i="2" a="1"/>
  <c r="G1967" i="2" s="1"/>
  <c r="G1975" i="2" a="1"/>
  <c r="G1975" i="2" s="1"/>
  <c r="G1976" i="2" a="1"/>
  <c r="G1976" i="2" s="1"/>
  <c r="G1961" i="2" a="1"/>
  <c r="G1961" i="2" s="1"/>
  <c r="G1957" i="2" a="1"/>
  <c r="G1957" i="2" s="1"/>
  <c r="G1971" i="2" a="1"/>
  <c r="G1971" i="2" s="1"/>
  <c r="G1969" i="2" a="1"/>
  <c r="G1969" i="2" s="1"/>
  <c r="G1977" i="2" a="1"/>
  <c r="G1977" i="2" s="1"/>
  <c r="G1956" i="2" a="1"/>
  <c r="G1956" i="2" s="1"/>
  <c r="G1959" i="2" a="1"/>
  <c r="G1959" i="2" s="1"/>
  <c r="G1955" i="2" a="1"/>
  <c r="G1955" i="2" s="1"/>
  <c r="G1962" i="2" a="1"/>
  <c r="G1962" i="2" s="1"/>
  <c r="G1963" i="2" a="1"/>
  <c r="G1963" i="2" s="1"/>
  <c r="G1966" i="2" a="1"/>
  <c r="G1966" i="2" s="1"/>
  <c r="G1968" i="2" a="1"/>
  <c r="G1968" i="2" s="1"/>
  <c r="G1958" i="2" a="1"/>
  <c r="G1958" i="2" s="1"/>
  <c r="G1960" i="2" a="1"/>
  <c r="G1960" i="2" s="1"/>
  <c r="G1974" i="2" a="1"/>
  <c r="G1974" i="2" s="1"/>
  <c r="G1973" i="2" a="1"/>
  <c r="G1973" i="2" s="1"/>
  <c r="D5978" i="2" a="1"/>
  <c r="D5978" i="2" s="1"/>
  <c r="D5963" i="2" a="1"/>
  <c r="D5963" i="2" s="1"/>
  <c r="D5975" i="2" a="1"/>
  <c r="D5975" i="2" s="1"/>
  <c r="D5983" i="2" a="1"/>
  <c r="D5983" i="2" s="1"/>
  <c r="D5962" i="2" a="1"/>
  <c r="D5962" i="2" s="1"/>
  <c r="D5966" i="2" a="1"/>
  <c r="D5966" i="2" s="1"/>
  <c r="D5965" i="2" a="1"/>
  <c r="D5965" i="2" s="1"/>
  <c r="D5973" i="2" a="1"/>
  <c r="D5973" i="2" s="1"/>
  <c r="D5974" i="2" a="1"/>
  <c r="D5974" i="2" s="1"/>
  <c r="D5982" i="2" a="1"/>
  <c r="D5982" i="2" s="1"/>
  <c r="D5968" i="2" a="1"/>
  <c r="D5968" i="2" s="1"/>
  <c r="D5980" i="2" a="1"/>
  <c r="D5980" i="2" s="1"/>
  <c r="D5977" i="2" a="1"/>
  <c r="D5977" i="2" s="1"/>
  <c r="D5981" i="2" a="1"/>
  <c r="D5981" i="2" s="1"/>
  <c r="D5967" i="2" a="1"/>
  <c r="D5967" i="2" s="1"/>
  <c r="D5972" i="2" a="1"/>
  <c r="D5972" i="2" s="1"/>
  <c r="D5976" i="2" a="1"/>
  <c r="D5976" i="2" s="1"/>
  <c r="D6994" i="2" a="1"/>
  <c r="D6994" i="2" s="1"/>
  <c r="D6998" i="2" a="1"/>
  <c r="D6998" i="2" s="1"/>
  <c r="D7002" i="2" a="1"/>
  <c r="D7002" i="2" s="1"/>
  <c r="D6999" i="2" a="1"/>
  <c r="D6999" i="2" s="1"/>
  <c r="D7007" i="2" a="1"/>
  <c r="D7007" i="2" s="1"/>
  <c r="D7015" i="2" a="1"/>
  <c r="D7015" i="2" s="1"/>
  <c r="D7009" i="2" a="1"/>
  <c r="D7009" i="2" s="1"/>
  <c r="D7005" i="2" a="1"/>
  <c r="D7005" i="2" s="1"/>
  <c r="D7001" i="2" a="1"/>
  <c r="D7001" i="2" s="1"/>
  <c r="D6997" i="2" a="1"/>
  <c r="D6997" i="2" s="1"/>
  <c r="D7013" i="2" a="1"/>
  <c r="D7013" i="2" s="1"/>
  <c r="D7017" i="2" a="1"/>
  <c r="D7017" i="2" s="1"/>
  <c r="D7011" i="2" a="1"/>
  <c r="D7011" i="2" s="1"/>
  <c r="D7003" i="2" a="1"/>
  <c r="D7003" i="2" s="1"/>
  <c r="D6995" i="2" a="1"/>
  <c r="D6995" i="2" s="1"/>
  <c r="D7016" i="2" a="1"/>
  <c r="D7016" i="2" s="1"/>
  <c r="D7012" i="2" a="1"/>
  <c r="D7012" i="2" s="1"/>
  <c r="D7014" i="2" a="1"/>
  <c r="D7014" i="2" s="1"/>
  <c r="D7010" i="2" a="1"/>
  <c r="D7010" i="2" s="1"/>
  <c r="D7004" i="2" a="1"/>
  <c r="D7004" i="2" s="1"/>
  <c r="D7006" i="2" a="1"/>
  <c r="D7006" i="2" s="1"/>
  <c r="D7008" i="2" a="1"/>
  <c r="D7008" i="2" s="1"/>
  <c r="D6996" i="2" a="1"/>
  <c r="D6996" i="2" s="1"/>
  <c r="D7000" i="2" a="1"/>
  <c r="D7000" i="2" s="1"/>
  <c r="H4339" i="2" a="1"/>
  <c r="H4339" i="2" s="1"/>
  <c r="H4353" i="2" a="1"/>
  <c r="H4353" i="2" s="1"/>
  <c r="H4350" i="2" a="1"/>
  <c r="H4350" i="2" s="1"/>
  <c r="H4337" i="2" a="1"/>
  <c r="H4337" i="2" s="1"/>
  <c r="H4343" i="2" a="1"/>
  <c r="H4343" i="2" s="1"/>
  <c r="H4330" i="2" a="1"/>
  <c r="H4330" i="2" s="1"/>
  <c r="H4331" i="2" a="1"/>
  <c r="H4331" i="2" s="1"/>
  <c r="H4336" i="2" a="1"/>
  <c r="H4336" i="2" s="1"/>
  <c r="H4345" i="2" a="1"/>
  <c r="H4345" i="2" s="1"/>
  <c r="H4341" i="2" a="1"/>
  <c r="H4341" i="2" s="1"/>
  <c r="H4344" i="2" a="1"/>
  <c r="H4344" i="2" s="1"/>
  <c r="H4332" i="2" a="1"/>
  <c r="H4332" i="2" s="1"/>
  <c r="H4334" i="2" a="1"/>
  <c r="H4334" i="2" s="1"/>
  <c r="H4342" i="2" a="1"/>
  <c r="H4342" i="2" s="1"/>
  <c r="H4346" i="2" a="1"/>
  <c r="H4346" i="2" s="1"/>
  <c r="H4349" i="2" a="1"/>
  <c r="H4349" i="2" s="1"/>
  <c r="H4351" i="2" a="1"/>
  <c r="H4351" i="2" s="1"/>
  <c r="H4340" i="2" a="1"/>
  <c r="H4340" i="2" s="1"/>
  <c r="H4352" i="2" a="1"/>
  <c r="H4352" i="2" s="1"/>
  <c r="H4333" i="2" a="1"/>
  <c r="H4333" i="2" s="1"/>
  <c r="H4338" i="2" a="1"/>
  <c r="H4338" i="2" s="1"/>
  <c r="H4347" i="2" a="1"/>
  <c r="H4347" i="2" s="1"/>
  <c r="H4335" i="2" a="1"/>
  <c r="H4335" i="2" s="1"/>
  <c r="H4348" i="2" a="1"/>
  <c r="H4348" i="2" s="1"/>
  <c r="F875" i="2" a="1"/>
  <c r="F875" i="2" s="1"/>
  <c r="F878" i="2" a="1"/>
  <c r="F878" i="2" s="1"/>
  <c r="F892" i="2" a="1"/>
  <c r="F892" i="2" s="1"/>
  <c r="F880" i="2" a="1"/>
  <c r="F880" i="2" s="1"/>
  <c r="F879" i="2" a="1"/>
  <c r="F879" i="2" s="1"/>
  <c r="F893" i="2" a="1"/>
  <c r="F893" i="2" s="1"/>
  <c r="F889" i="2" a="1"/>
  <c r="F889" i="2" s="1"/>
  <c r="F895" i="2" a="1"/>
  <c r="F895" i="2" s="1"/>
  <c r="F894" i="2" a="1"/>
  <c r="F894" i="2" s="1"/>
  <c r="F876" i="2" a="1"/>
  <c r="F876" i="2" s="1"/>
  <c r="F885" i="2" a="1"/>
  <c r="F885" i="2" s="1"/>
  <c r="F887" i="2" a="1"/>
  <c r="F887" i="2" s="1"/>
  <c r="F890" i="2" a="1"/>
  <c r="F890" i="2" s="1"/>
  <c r="F874" i="2" a="1"/>
  <c r="F874" i="2" s="1"/>
  <c r="F891" i="2" a="1"/>
  <c r="F891" i="2" s="1"/>
  <c r="F882" i="2" a="1"/>
  <c r="F882" i="2" s="1"/>
  <c r="F881" i="2" a="1"/>
  <c r="F881" i="2" s="1"/>
  <c r="F883" i="2" a="1"/>
  <c r="F883" i="2" s="1"/>
  <c r="F896" i="2" a="1"/>
  <c r="F896" i="2" s="1"/>
  <c r="F888" i="2" a="1"/>
  <c r="F888" i="2" s="1"/>
  <c r="F877" i="2" a="1"/>
  <c r="F877" i="2" s="1"/>
  <c r="F897" i="2" a="1"/>
  <c r="F897" i="2" s="1"/>
  <c r="F886" i="2" a="1"/>
  <c r="F886" i="2" s="1"/>
  <c r="F884" i="2" a="1"/>
  <c r="F884" i="2" s="1"/>
  <c r="H7649" i="2" a="1"/>
  <c r="H7649" i="2" s="1"/>
  <c r="H7654" i="2" a="1"/>
  <c r="H7654" i="2" s="1"/>
  <c r="H7664" i="2" a="1"/>
  <c r="H7664" i="2" s="1"/>
  <c r="H7661" i="2" a="1"/>
  <c r="H7661" i="2" s="1"/>
  <c r="H7642" i="2" a="1"/>
  <c r="H7642" i="2" s="1"/>
  <c r="H7665" i="2" a="1"/>
  <c r="H7665" i="2" s="1"/>
  <c r="H7662" i="2" a="1"/>
  <c r="H7662" i="2" s="1"/>
  <c r="H7648" i="2" a="1"/>
  <c r="H7648" i="2" s="1"/>
  <c r="H7663" i="2" a="1"/>
  <c r="H7663" i="2" s="1"/>
  <c r="H7645" i="2" a="1"/>
  <c r="H7645" i="2" s="1"/>
  <c r="F8037" i="2" a="1"/>
  <c r="F8037" i="2" s="1"/>
  <c r="F8044" i="2" a="1"/>
  <c r="F8044" i="2" s="1"/>
  <c r="F8033" i="2" a="1"/>
  <c r="F8033" i="2" s="1"/>
  <c r="F8038" i="2" a="1"/>
  <c r="F8038" i="2" s="1"/>
  <c r="F8045" i="2" a="1"/>
  <c r="F8045" i="2" s="1"/>
  <c r="F8028" i="2" a="1"/>
  <c r="F8028" i="2" s="1"/>
  <c r="F8042" i="2" a="1"/>
  <c r="F8042" i="2" s="1"/>
  <c r="F8029" i="2" a="1"/>
  <c r="F8029" i="2" s="1"/>
  <c r="F8043" i="2" a="1"/>
  <c r="F8043" i="2" s="1"/>
  <c r="F8027" i="2" a="1"/>
  <c r="F8027" i="2" s="1"/>
  <c r="F8047" i="2" a="1"/>
  <c r="F8047" i="2" s="1"/>
  <c r="F8030" i="2" a="1"/>
  <c r="F8030" i="2" s="1"/>
  <c r="F8041" i="2" a="1"/>
  <c r="F8041" i="2" s="1"/>
  <c r="F8039" i="2" a="1"/>
  <c r="F8039" i="2" s="1"/>
  <c r="F8048" i="2" a="1"/>
  <c r="F8048" i="2" s="1"/>
  <c r="F8049" i="2" a="1"/>
  <c r="F8049" i="2" s="1"/>
  <c r="F8034" i="2" a="1"/>
  <c r="F8034" i="2" s="1"/>
  <c r="F8040" i="2" a="1"/>
  <c r="F8040" i="2" s="1"/>
  <c r="F8035" i="2" a="1"/>
  <c r="F8035" i="2" s="1"/>
  <c r="F8026" i="2" a="1"/>
  <c r="F8026" i="2" s="1"/>
  <c r="F8046" i="2" a="1"/>
  <c r="F8046" i="2" s="1"/>
  <c r="F8036" i="2" a="1"/>
  <c r="F8036" i="2" s="1"/>
  <c r="F8031" i="2" a="1"/>
  <c r="F8031" i="2" s="1"/>
  <c r="F8032" i="2" a="1"/>
  <c r="F8032" i="2" s="1"/>
  <c r="F6110" i="2" a="1"/>
  <c r="F6110" i="2" s="1"/>
  <c r="F6116" i="2" a="1"/>
  <c r="F6116" i="2" s="1"/>
  <c r="F6106" i="2" a="1"/>
  <c r="F6106" i="2" s="1"/>
  <c r="F6108" i="2" a="1"/>
  <c r="F6108" i="2" s="1"/>
  <c r="F2224" i="2" a="1"/>
  <c r="F2224" i="2" s="1"/>
  <c r="F2221" i="2" a="1"/>
  <c r="F2221" i="2" s="1"/>
  <c r="F2226" i="2" a="1"/>
  <c r="F2226" i="2" s="1"/>
  <c r="F2218" i="2" a="1"/>
  <c r="F2218" i="2" s="1"/>
  <c r="F2233" i="2" a="1"/>
  <c r="F2233" i="2" s="1"/>
  <c r="F2241" i="2" a="1"/>
  <c r="F2241" i="2" s="1"/>
  <c r="F2235" i="2" a="1"/>
  <c r="F2235" i="2" s="1"/>
  <c r="F2223" i="2" a="1"/>
  <c r="F2223" i="2" s="1"/>
  <c r="F2219" i="2" a="1"/>
  <c r="F2219" i="2" s="1"/>
  <c r="F2228" i="2" a="1"/>
  <c r="F2228" i="2" s="1"/>
  <c r="F2230" i="2" a="1"/>
  <c r="F2230" i="2" s="1"/>
  <c r="F2220" i="2" a="1"/>
  <c r="F2220" i="2" s="1"/>
  <c r="F2234" i="2" a="1"/>
  <c r="F2234" i="2" s="1"/>
  <c r="F2232" i="2" a="1"/>
  <c r="F2232" i="2" s="1"/>
  <c r="F2236" i="2" a="1"/>
  <c r="F2236" i="2" s="1"/>
  <c r="F2239" i="2" a="1"/>
  <c r="F2239" i="2" s="1"/>
  <c r="F2237" i="2" a="1"/>
  <c r="F2237" i="2" s="1"/>
  <c r="F2238" i="2" a="1"/>
  <c r="F2238" i="2" s="1"/>
  <c r="F2240" i="2" a="1"/>
  <c r="F2240" i="2" s="1"/>
  <c r="F2222" i="2" a="1"/>
  <c r="F2222" i="2" s="1"/>
  <c r="F2229" i="2" a="1"/>
  <c r="F2229" i="2" s="1"/>
  <c r="F2227" i="2" a="1"/>
  <c r="F2227" i="2" s="1"/>
  <c r="F2225" i="2" a="1"/>
  <c r="F2225" i="2" s="1"/>
  <c r="E1779" i="2" a="1"/>
  <c r="E1779" i="2" s="1"/>
  <c r="E1774" i="2" a="1"/>
  <c r="E1774" i="2" s="1"/>
  <c r="E1766" i="2" a="1"/>
  <c r="E1766" i="2" s="1"/>
  <c r="E1767" i="2" a="1"/>
  <c r="E1767" i="2" s="1"/>
  <c r="E1782" i="2" a="1"/>
  <c r="E1782" i="2" s="1"/>
  <c r="E1768" i="2" a="1"/>
  <c r="E1768" i="2" s="1"/>
  <c r="E1778" i="2" a="1"/>
  <c r="E1778" i="2" s="1"/>
  <c r="E1775" i="2" a="1"/>
  <c r="E1775" i="2" s="1"/>
  <c r="E1765" i="2" a="1"/>
  <c r="E1765" i="2" s="1"/>
  <c r="E1780" i="2" a="1"/>
  <c r="E1780" i="2" s="1"/>
  <c r="E1762" i="2" a="1"/>
  <c r="E1762" i="2" s="1"/>
  <c r="E1763" i="2" a="1"/>
  <c r="E1763" i="2" s="1"/>
  <c r="E1771" i="2" a="1"/>
  <c r="E1771" i="2" s="1"/>
  <c r="E1776" i="2" a="1"/>
  <c r="E1776" i="2" s="1"/>
  <c r="E1770" i="2" a="1"/>
  <c r="E1770" i="2" s="1"/>
  <c r="E1764" i="2" a="1"/>
  <c r="E1764" i="2" s="1"/>
  <c r="E1781" i="2" a="1"/>
  <c r="E1781" i="2" s="1"/>
  <c r="E1777" i="2" a="1"/>
  <c r="E1777" i="2" s="1"/>
  <c r="E1783" i="2" a="1"/>
  <c r="E1783" i="2" s="1"/>
  <c r="E1785" i="2" a="1"/>
  <c r="E1785" i="2" s="1"/>
  <c r="E1769" i="2" a="1"/>
  <c r="E1769" i="2" s="1"/>
  <c r="E1773" i="2" a="1"/>
  <c r="E1773" i="2" s="1"/>
  <c r="E1784" i="2" a="1"/>
  <c r="E1784" i="2" s="1"/>
  <c r="E1772" i="2" a="1"/>
  <c r="E1772" i="2" s="1"/>
  <c r="F5287" i="2" a="1"/>
  <c r="F5287" i="2" s="1"/>
  <c r="F5281" i="2" a="1"/>
  <c r="F5281" i="2" s="1"/>
  <c r="F5280" i="2" a="1"/>
  <c r="F5280" i="2" s="1"/>
  <c r="F5288" i="2" a="1"/>
  <c r="F5288" i="2" s="1"/>
  <c r="F5271" i="2" a="1"/>
  <c r="F5271" i="2" s="1"/>
  <c r="F5283" i="2" a="1"/>
  <c r="F5283" i="2" s="1"/>
  <c r="F5289" i="2" a="1"/>
  <c r="F5289" i="2" s="1"/>
  <c r="F5284" i="2" a="1"/>
  <c r="F5284" i="2" s="1"/>
  <c r="F5272" i="2" a="1"/>
  <c r="F5272" i="2" s="1"/>
  <c r="F5285" i="2" a="1"/>
  <c r="F5285" i="2" s="1"/>
  <c r="F5276" i="2" a="1"/>
  <c r="F5276" i="2" s="1"/>
  <c r="F5278" i="2" a="1"/>
  <c r="F5278" i="2" s="1"/>
  <c r="F5270" i="2" a="1"/>
  <c r="F5270" i="2" s="1"/>
  <c r="F5273" i="2" a="1"/>
  <c r="F5273" i="2" s="1"/>
  <c r="F5267" i="2" a="1"/>
  <c r="F5267" i="2" s="1"/>
  <c r="F5268" i="2" a="1"/>
  <c r="F5268" i="2" s="1"/>
  <c r="F5275" i="2" a="1"/>
  <c r="F5275" i="2" s="1"/>
  <c r="F5266" i="2" a="1"/>
  <c r="F5266" i="2" s="1"/>
  <c r="F5286" i="2" a="1"/>
  <c r="F5286" i="2" s="1"/>
  <c r="F5274" i="2" a="1"/>
  <c r="F5274" i="2" s="1"/>
  <c r="F5277" i="2" a="1"/>
  <c r="F5277" i="2" s="1"/>
  <c r="F5279" i="2" a="1"/>
  <c r="F5279" i="2" s="1"/>
  <c r="F5269" i="2" a="1"/>
  <c r="F5269" i="2" s="1"/>
  <c r="F5282" i="2" a="1"/>
  <c r="F5282" i="2" s="1"/>
  <c r="E7305" i="2" a="1"/>
  <c r="E7305" i="2" s="1"/>
  <c r="E7289" i="2" a="1"/>
  <c r="E7289" i="2" s="1"/>
  <c r="E7284" i="2" a="1"/>
  <c r="E7284" i="2" s="1"/>
  <c r="E7290" i="2" a="1"/>
  <c r="E7290" i="2" s="1"/>
  <c r="E7292" i="2" a="1"/>
  <c r="E7292" i="2" s="1"/>
  <c r="E7296" i="2" a="1"/>
  <c r="E7296" i="2" s="1"/>
  <c r="E7282" i="2" a="1"/>
  <c r="E7282" i="2" s="1"/>
  <c r="E7294" i="2" a="1"/>
  <c r="E7294" i="2" s="1"/>
  <c r="E7302" i="2" a="1"/>
  <c r="E7302" i="2" s="1"/>
  <c r="E7295" i="2" a="1"/>
  <c r="E7295" i="2" s="1"/>
  <c r="E7298" i="2" a="1"/>
  <c r="E7298" i="2" s="1"/>
  <c r="E7287" i="2" a="1"/>
  <c r="E7287" i="2" s="1"/>
  <c r="E7304" i="2" a="1"/>
  <c r="E7304" i="2" s="1"/>
  <c r="E7303" i="2" a="1"/>
  <c r="E7303" i="2" s="1"/>
  <c r="E7301" i="2" a="1"/>
  <c r="E7301" i="2" s="1"/>
  <c r="E7299" i="2" a="1"/>
  <c r="E7299" i="2" s="1"/>
  <c r="E7291" i="2" a="1"/>
  <c r="E7291" i="2" s="1"/>
  <c r="E7283" i="2" a="1"/>
  <c r="E7283" i="2" s="1"/>
  <c r="E7293" i="2" a="1"/>
  <c r="E7293" i="2" s="1"/>
  <c r="E7297" i="2" a="1"/>
  <c r="E7297" i="2" s="1"/>
  <c r="E7300" i="2" a="1"/>
  <c r="E7300" i="2" s="1"/>
  <c r="E7288" i="2" a="1"/>
  <c r="E7288" i="2" s="1"/>
  <c r="E7285" i="2" a="1"/>
  <c r="E7285" i="2" s="1"/>
  <c r="D5272" i="2" a="1"/>
  <c r="D5272" i="2" s="1"/>
  <c r="D5274" i="2" a="1"/>
  <c r="D5274" i="2" s="1"/>
  <c r="D5282" i="2" a="1"/>
  <c r="D5282" i="2" s="1"/>
  <c r="F2731" i="2" a="1"/>
  <c r="F2731" i="2" s="1"/>
  <c r="F2723" i="2" a="1"/>
  <c r="F2723" i="2" s="1"/>
  <c r="F2741" i="2" a="1"/>
  <c r="F2741" i="2" s="1"/>
  <c r="F2743" i="2" a="1"/>
  <c r="F2743" i="2" s="1"/>
  <c r="F2724" i="2" a="1"/>
  <c r="F2724" i="2" s="1"/>
  <c r="F2722" i="2" a="1"/>
  <c r="F2722" i="2" s="1"/>
  <c r="F2742" i="2" a="1"/>
  <c r="F2742" i="2" s="1"/>
  <c r="F2744" i="2" a="1"/>
  <c r="F2744" i="2" s="1"/>
  <c r="F2728" i="2" a="1"/>
  <c r="F2728" i="2" s="1"/>
  <c r="F2733" i="2" a="1"/>
  <c r="F2733" i="2" s="1"/>
  <c r="F2745" i="2" a="1"/>
  <c r="F2745" i="2" s="1"/>
  <c r="F2729" i="2" a="1"/>
  <c r="F2729" i="2" s="1"/>
  <c r="F2730" i="2" a="1"/>
  <c r="F2730" i="2" s="1"/>
  <c r="F2725" i="2" a="1"/>
  <c r="F2725" i="2" s="1"/>
  <c r="F2736" i="2" a="1"/>
  <c r="F2736" i="2" s="1"/>
  <c r="F2734" i="2" a="1"/>
  <c r="F2734" i="2" s="1"/>
  <c r="F2727" i="2" a="1"/>
  <c r="F2727" i="2" s="1"/>
  <c r="F2737" i="2" a="1"/>
  <c r="F2737" i="2" s="1"/>
  <c r="F2735" i="2" a="1"/>
  <c r="F2735" i="2" s="1"/>
  <c r="F2738" i="2" a="1"/>
  <c r="F2738" i="2" s="1"/>
  <c r="F2726" i="2" a="1"/>
  <c r="F2726" i="2" s="1"/>
  <c r="F2740" i="2" a="1"/>
  <c r="F2740" i="2" s="1"/>
  <c r="F2739" i="2" a="1"/>
  <c r="F2739" i="2" s="1"/>
  <c r="E5979" i="2" a="1"/>
  <c r="E5979" i="2" s="1"/>
  <c r="E5975" i="2" a="1"/>
  <c r="E5975" i="2" s="1"/>
  <c r="E5976" i="2" a="1"/>
  <c r="E5976" i="2" s="1"/>
  <c r="E5985" i="2" a="1"/>
  <c r="E5985" i="2" s="1"/>
  <c r="E5982" i="2" a="1"/>
  <c r="E5982" i="2" s="1"/>
  <c r="E5962" i="2" a="1"/>
  <c r="E5962" i="2" s="1"/>
  <c r="E5966" i="2" a="1"/>
  <c r="E5966" i="2" s="1"/>
  <c r="E5972" i="2" a="1"/>
  <c r="E5972" i="2" s="1"/>
  <c r="E5965" i="2" a="1"/>
  <c r="E5965" i="2" s="1"/>
  <c r="E5973" i="2" a="1"/>
  <c r="E5973" i="2" s="1"/>
  <c r="E5968" i="2" a="1"/>
  <c r="E5968" i="2" s="1"/>
  <c r="E5977" i="2" a="1"/>
  <c r="E5977" i="2" s="1"/>
  <c r="E5983" i="2" a="1"/>
  <c r="E5983" i="2" s="1"/>
  <c r="E5969" i="2" a="1"/>
  <c r="E5969" i="2" s="1"/>
  <c r="E5978" i="2" a="1"/>
  <c r="E5978" i="2" s="1"/>
  <c r="E5974" i="2" a="1"/>
  <c r="E5974" i="2" s="1"/>
  <c r="E5971" i="2" a="1"/>
  <c r="E5971" i="2" s="1"/>
  <c r="E5964" i="2" a="1"/>
  <c r="E5964" i="2" s="1"/>
  <c r="E5984" i="2" a="1"/>
  <c r="E5984" i="2" s="1"/>
  <c r="E5970" i="2" a="1"/>
  <c r="E5970" i="2" s="1"/>
  <c r="E5967" i="2" a="1"/>
  <c r="E5967" i="2" s="1"/>
  <c r="E5963" i="2" a="1"/>
  <c r="E5963" i="2" s="1"/>
  <c r="E5980" i="2" a="1"/>
  <c r="E5980" i="2" s="1"/>
  <c r="E5981" i="2" a="1"/>
  <c r="E5981" i="2" s="1"/>
  <c r="D40" i="2" a="1"/>
  <c r="D40" i="2" s="1"/>
  <c r="D44" i="2" a="1"/>
  <c r="D44" i="2" s="1"/>
  <c r="D41" i="2" a="1"/>
  <c r="D41" i="2" s="1"/>
  <c r="D36" i="2" a="1"/>
  <c r="D36" i="2" s="1"/>
  <c r="D53" i="2" a="1"/>
  <c r="D53" i="2" s="1"/>
  <c r="D39" i="2" a="1"/>
  <c r="D39" i="2" s="1"/>
  <c r="D51" i="2" a="1"/>
  <c r="D51" i="2" s="1"/>
  <c r="D47" i="2" a="1"/>
  <c r="D47" i="2" s="1"/>
  <c r="D48" i="2" a="1"/>
  <c r="D48" i="2" s="1"/>
  <c r="D43" i="2" a="1"/>
  <c r="D43" i="2" s="1"/>
  <c r="D42" i="2" a="1"/>
  <c r="D42" i="2" s="1"/>
  <c r="D57" i="2" a="1"/>
  <c r="D57" i="2" s="1"/>
  <c r="D49" i="2" a="1"/>
  <c r="D49" i="2" s="1"/>
  <c r="D37" i="2" a="1"/>
  <c r="D37" i="2" s="1"/>
  <c r="D56" i="2" a="1"/>
  <c r="D56" i="2" s="1"/>
  <c r="D45" i="2" a="1"/>
  <c r="D45" i="2" s="1"/>
  <c r="D50" i="2" a="1"/>
  <c r="D50" i="2" s="1"/>
  <c r="D54" i="2" a="1"/>
  <c r="D54" i="2" s="1"/>
  <c r="D46" i="2" a="1"/>
  <c r="D46" i="2" s="1"/>
  <c r="D52" i="2" a="1"/>
  <c r="D52" i="2" s="1"/>
  <c r="D35" i="2" a="1"/>
  <c r="D35" i="2" s="1"/>
  <c r="D55" i="2" a="1"/>
  <c r="D55" i="2" s="1"/>
  <c r="D38" i="2" a="1"/>
  <c r="D38" i="2" s="1"/>
  <c r="D34" i="2" a="1"/>
  <c r="D34" i="2" s="1"/>
  <c r="H7908" i="2" a="1"/>
  <c r="H7908" i="2" s="1"/>
  <c r="H7911" i="2" a="1"/>
  <c r="H7911" i="2" s="1"/>
  <c r="H7909" i="2" a="1"/>
  <c r="H7909" i="2" s="1"/>
  <c r="H7907" i="2" a="1"/>
  <c r="H7907" i="2" s="1"/>
  <c r="H7918" i="2" a="1"/>
  <c r="H7918" i="2" s="1"/>
  <c r="H7912" i="2" a="1"/>
  <c r="H7912" i="2" s="1"/>
  <c r="H7920" i="2" a="1"/>
  <c r="H7920" i="2" s="1"/>
  <c r="H7927" i="2" a="1"/>
  <c r="H7927" i="2" s="1"/>
  <c r="H7910" i="2" a="1"/>
  <c r="H7910" i="2" s="1"/>
  <c r="H7913" i="2" a="1"/>
  <c r="H7913" i="2" s="1"/>
  <c r="H7915" i="2" a="1"/>
  <c r="H7915" i="2" s="1"/>
  <c r="H7921" i="2" a="1"/>
  <c r="H7921" i="2" s="1"/>
  <c r="H7914" i="2" a="1"/>
  <c r="H7914" i="2" s="1"/>
  <c r="H7916" i="2" a="1"/>
  <c r="H7916" i="2" s="1"/>
  <c r="H7924" i="2" a="1"/>
  <c r="H7924" i="2" s="1"/>
  <c r="H7917" i="2" a="1"/>
  <c r="H7917" i="2" s="1"/>
  <c r="H7922" i="2" a="1"/>
  <c r="H7922" i="2" s="1"/>
  <c r="H7929" i="2" a="1"/>
  <c r="H7929" i="2" s="1"/>
  <c r="H7923" i="2" a="1"/>
  <c r="H7923" i="2" s="1"/>
  <c r="H7926" i="2" a="1"/>
  <c r="H7926" i="2" s="1"/>
  <c r="H7925" i="2" a="1"/>
  <c r="H7925" i="2" s="1"/>
  <c r="H7928" i="2" a="1"/>
  <c r="H7928" i="2" s="1"/>
  <c r="H7906" i="2" a="1"/>
  <c r="H7906" i="2" s="1"/>
  <c r="H7919" i="2" a="1"/>
  <c r="H7919" i="2" s="1"/>
  <c r="G5237" i="2" a="1"/>
  <c r="G5237" i="2" s="1"/>
  <c r="G5234" i="2" a="1"/>
  <c r="G5234" i="2" s="1"/>
  <c r="G5238" i="2" a="1"/>
  <c r="G5238" i="2" s="1"/>
  <c r="G5231" i="2" a="1"/>
  <c r="G5231" i="2" s="1"/>
  <c r="G5239" i="2" a="1"/>
  <c r="G5239" i="2" s="1"/>
  <c r="G5235" i="2" a="1"/>
  <c r="G5235" i="2" s="1"/>
  <c r="G5236" i="2" a="1"/>
  <c r="G5236" i="2" s="1"/>
  <c r="G5241" i="2" a="1"/>
  <c r="G5241" i="2" s="1"/>
  <c r="G5230" i="2" a="1"/>
  <c r="G5230" i="2" s="1"/>
  <c r="G5224" i="2" a="1"/>
  <c r="G5224" i="2" s="1"/>
  <c r="G5233" i="2" a="1"/>
  <c r="G5233" i="2" s="1"/>
  <c r="G5226" i="2" a="1"/>
  <c r="G5226" i="2" s="1"/>
  <c r="G5227" i="2" a="1"/>
  <c r="G5227" i="2" s="1"/>
  <c r="G5221" i="2" a="1"/>
  <c r="G5221" i="2" s="1"/>
  <c r="G5229" i="2" a="1"/>
  <c r="G5229" i="2" s="1"/>
  <c r="G5232" i="2" a="1"/>
  <c r="G5232" i="2" s="1"/>
  <c r="G5222" i="2" a="1"/>
  <c r="G5222" i="2" s="1"/>
  <c r="G5218" i="2" a="1"/>
  <c r="G5218" i="2" s="1"/>
  <c r="G5219" i="2" a="1"/>
  <c r="G5219" i="2" s="1"/>
  <c r="G5228" i="2" a="1"/>
  <c r="G5228" i="2" s="1"/>
  <c r="G5240" i="2" a="1"/>
  <c r="G5240" i="2" s="1"/>
  <c r="G5223" i="2" a="1"/>
  <c r="G5223" i="2" s="1"/>
  <c r="D4547" i="2" a="1"/>
  <c r="D4547" i="2" s="1"/>
  <c r="D4548" i="2" a="1"/>
  <c r="D4548" i="2" s="1"/>
  <c r="D4553" i="2" a="1"/>
  <c r="D4553" i="2" s="1"/>
  <c r="D4550" i="2" a="1"/>
  <c r="D4550" i="2" s="1"/>
  <c r="D4561" i="2" a="1"/>
  <c r="D4561" i="2" s="1"/>
  <c r="D4551" i="2" a="1"/>
  <c r="D4551" i="2" s="1"/>
  <c r="D4549" i="2" a="1"/>
  <c r="D4549" i="2" s="1"/>
  <c r="D4554" i="2" a="1"/>
  <c r="D4554" i="2" s="1"/>
  <c r="D4556" i="2" a="1"/>
  <c r="D4556" i="2" s="1"/>
  <c r="D4552" i="2" a="1"/>
  <c r="D4552" i="2" s="1"/>
  <c r="D4560" i="2" a="1"/>
  <c r="D4560" i="2" s="1"/>
  <c r="D4564" i="2" a="1"/>
  <c r="D4564" i="2" s="1"/>
  <c r="D4559" i="2" a="1"/>
  <c r="D4559" i="2" s="1"/>
  <c r="D4562" i="2" a="1"/>
  <c r="D4562" i="2" s="1"/>
  <c r="D4568" i="2" a="1"/>
  <c r="D4568" i="2" s="1"/>
  <c r="D4566" i="2" a="1"/>
  <c r="D4566" i="2" s="1"/>
  <c r="D4558" i="2" a="1"/>
  <c r="D4558" i="2" s="1"/>
  <c r="D4546" i="2" a="1"/>
  <c r="D4546" i="2" s="1"/>
  <c r="D4555" i="2" a="1"/>
  <c r="D4555" i="2" s="1"/>
  <c r="D4569" i="2" a="1"/>
  <c r="D4569" i="2" s="1"/>
  <c r="F3352" i="2" a="1"/>
  <c r="F3352" i="2" s="1"/>
  <c r="F3366" i="2" a="1"/>
  <c r="F3366" i="2" s="1"/>
  <c r="F3360" i="2" a="1"/>
  <c r="F3360" i="2" s="1"/>
  <c r="F3363" i="2" a="1"/>
  <c r="F3363" i="2" s="1"/>
  <c r="F3351" i="2" a="1"/>
  <c r="F3351" i="2" s="1"/>
  <c r="F3347" i="2" a="1"/>
  <c r="F3347" i="2" s="1"/>
  <c r="F3367" i="2" a="1"/>
  <c r="F3367" i="2" s="1"/>
  <c r="F3362" i="2" a="1"/>
  <c r="F3362" i="2" s="1"/>
  <c r="F3349" i="2" a="1"/>
  <c r="F3349" i="2" s="1"/>
  <c r="F3368" i="2" a="1"/>
  <c r="F3368" i="2" s="1"/>
  <c r="F3348" i="2" a="1"/>
  <c r="F3348" i="2" s="1"/>
  <c r="F3355" i="2" a="1"/>
  <c r="F3355" i="2" s="1"/>
  <c r="F3369" i="2" a="1"/>
  <c r="F3369" i="2" s="1"/>
  <c r="F3354" i="2" a="1"/>
  <c r="F3354" i="2" s="1"/>
  <c r="F3359" i="2" a="1"/>
  <c r="F3359" i="2" s="1"/>
  <c r="F3364" i="2" a="1"/>
  <c r="F3364" i="2" s="1"/>
  <c r="F3353" i="2" a="1"/>
  <c r="F3353" i="2" s="1"/>
  <c r="F3365" i="2" a="1"/>
  <c r="F3365" i="2" s="1"/>
  <c r="F3356" i="2" a="1"/>
  <c r="F3356" i="2" s="1"/>
  <c r="F3357" i="2" a="1"/>
  <c r="F3357" i="2" s="1"/>
  <c r="F3358" i="2" a="1"/>
  <c r="F3358" i="2" s="1"/>
  <c r="F3361" i="2" a="1"/>
  <c r="F3361" i="2" s="1"/>
  <c r="F3346" i="2" a="1"/>
  <c r="F3346" i="2" s="1"/>
  <c r="F3350" i="2" a="1"/>
  <c r="F3350" i="2" s="1"/>
  <c r="E7811" i="2" a="1"/>
  <c r="E7811" i="2" s="1"/>
  <c r="E7815" i="2" a="1"/>
  <c r="E7815" i="2" s="1"/>
  <c r="E7831" i="2" a="1"/>
  <c r="E7831" i="2" s="1"/>
  <c r="E7810" i="2" a="1"/>
  <c r="E7810" i="2" s="1"/>
  <c r="E7813" i="2" a="1"/>
  <c r="E7813" i="2" s="1"/>
  <c r="H7419" i="2" a="1"/>
  <c r="H7419" i="2" s="1"/>
  <c r="H7418" i="2" a="1"/>
  <c r="H7418" i="2" s="1"/>
  <c r="H7423" i="2" a="1"/>
  <c r="H7423" i="2" s="1"/>
  <c r="H7424" i="2" a="1"/>
  <c r="H7424" i="2" s="1"/>
  <c r="H7402" i="2" a="1"/>
  <c r="H7402" i="2" s="1"/>
  <c r="H7415" i="2" a="1"/>
  <c r="H7415" i="2" s="1"/>
  <c r="H7416" i="2" a="1"/>
  <c r="H7416" i="2" s="1"/>
  <c r="H7405" i="2" a="1"/>
  <c r="H7405" i="2" s="1"/>
  <c r="H7412" i="2" a="1"/>
  <c r="H7412" i="2" s="1"/>
  <c r="H7404" i="2" a="1"/>
  <c r="H7404" i="2" s="1"/>
  <c r="H7403" i="2" a="1"/>
  <c r="H7403" i="2" s="1"/>
  <c r="H7420" i="2" a="1"/>
  <c r="H7420" i="2" s="1"/>
  <c r="H7408" i="2" a="1"/>
  <c r="H7408" i="2" s="1"/>
  <c r="H7425" i="2" a="1"/>
  <c r="H7425" i="2" s="1"/>
  <c r="H7413" i="2" a="1"/>
  <c r="H7413" i="2" s="1"/>
  <c r="H7409" i="2" a="1"/>
  <c r="H7409" i="2" s="1"/>
  <c r="H7410" i="2" a="1"/>
  <c r="H7410" i="2" s="1"/>
  <c r="H7411" i="2" a="1"/>
  <c r="H7411" i="2" s="1"/>
  <c r="H7421" i="2" a="1"/>
  <c r="H7421" i="2" s="1"/>
  <c r="H7422" i="2" a="1"/>
  <c r="H7422" i="2" s="1"/>
  <c r="H7417" i="2" a="1"/>
  <c r="H7417" i="2" s="1"/>
  <c r="H7406" i="2" a="1"/>
  <c r="H7406" i="2" s="1"/>
  <c r="H7407" i="2" a="1"/>
  <c r="H7407" i="2" s="1"/>
  <c r="H7414" i="2" a="1"/>
  <c r="H7414" i="2" s="1"/>
  <c r="G5101" i="2" a="1"/>
  <c r="G5101" i="2" s="1"/>
  <c r="G5115" i="2" a="1"/>
  <c r="G5115" i="2" s="1"/>
  <c r="G5110" i="2" a="1"/>
  <c r="G5110" i="2" s="1"/>
  <c r="G5121" i="2" a="1"/>
  <c r="G5121" i="2" s="1"/>
  <c r="G5103" i="2" a="1"/>
  <c r="G5103" i="2" s="1"/>
  <c r="G5102" i="2" a="1"/>
  <c r="G5102" i="2" s="1"/>
  <c r="G5098" i="2" a="1"/>
  <c r="G5098" i="2" s="1"/>
  <c r="G5112" i="2" a="1"/>
  <c r="G5112" i="2" s="1"/>
  <c r="G5109" i="2" a="1"/>
  <c r="G5109" i="2" s="1"/>
  <c r="G5113" i="2" a="1"/>
  <c r="G5113" i="2" s="1"/>
  <c r="G5119" i="2" a="1"/>
  <c r="G5119" i="2" s="1"/>
  <c r="G5108" i="2" a="1"/>
  <c r="G5108" i="2" s="1"/>
  <c r="G5104" i="2" a="1"/>
  <c r="G5104" i="2" s="1"/>
  <c r="G5116" i="2" a="1"/>
  <c r="G5116" i="2" s="1"/>
  <c r="G5117" i="2" a="1"/>
  <c r="G5117" i="2" s="1"/>
  <c r="G5114" i="2" a="1"/>
  <c r="G5114" i="2" s="1"/>
  <c r="G5106" i="2" a="1"/>
  <c r="G5106" i="2" s="1"/>
  <c r="G5107" i="2" a="1"/>
  <c r="G5107" i="2" s="1"/>
  <c r="G5100" i="2" a="1"/>
  <c r="G5100" i="2" s="1"/>
  <c r="G5099" i="2" a="1"/>
  <c r="G5099" i="2" s="1"/>
  <c r="G5111" i="2" a="1"/>
  <c r="G5111" i="2" s="1"/>
  <c r="G5120" i="2" a="1"/>
  <c r="G5120" i="2" s="1"/>
  <c r="G5118" i="2" a="1"/>
  <c r="G5118" i="2" s="1"/>
  <c r="G5105" i="2" a="1"/>
  <c r="G5105" i="2" s="1"/>
  <c r="G4300" i="2" a="1"/>
  <c r="G4300" i="2" s="1"/>
  <c r="G4292" i="2" a="1"/>
  <c r="G4292" i="2" s="1"/>
  <c r="G4283" i="2" a="1"/>
  <c r="G4283" i="2" s="1"/>
  <c r="G4301" i="2" a="1"/>
  <c r="G4301" i="2" s="1"/>
  <c r="G4297" i="2" a="1"/>
  <c r="G4297" i="2" s="1"/>
  <c r="G4284" i="2" a="1"/>
  <c r="G4284" i="2" s="1"/>
  <c r="G4285" i="2" a="1"/>
  <c r="G4285" i="2" s="1"/>
  <c r="G4293" i="2" a="1"/>
  <c r="G4293" i="2" s="1"/>
  <c r="G4295" i="2" a="1"/>
  <c r="G4295" i="2" s="1"/>
  <c r="G4302" i="2" a="1"/>
  <c r="G4302" i="2" s="1"/>
  <c r="G4296" i="2" a="1"/>
  <c r="G4296" i="2" s="1"/>
  <c r="G4282" i="2" a="1"/>
  <c r="G4282" i="2" s="1"/>
  <c r="G4299" i="2" a="1"/>
  <c r="G4299" i="2" s="1"/>
  <c r="G4298" i="2" a="1"/>
  <c r="G4298" i="2" s="1"/>
  <c r="G4287" i="2" a="1"/>
  <c r="G4287" i="2" s="1"/>
  <c r="G4286" i="2" a="1"/>
  <c r="G4286" i="2" s="1"/>
  <c r="G4294" i="2" a="1"/>
  <c r="G4294" i="2" s="1"/>
  <c r="G4291" i="2" a="1"/>
  <c r="G4291" i="2" s="1"/>
  <c r="G4303" i="2" a="1"/>
  <c r="G4303" i="2" s="1"/>
  <c r="G4289" i="2" a="1"/>
  <c r="G4289" i="2" s="1"/>
  <c r="G4304" i="2" a="1"/>
  <c r="G4304" i="2" s="1"/>
  <c r="G4305" i="2" a="1"/>
  <c r="G4305" i="2" s="1"/>
  <c r="G4290" i="2" a="1"/>
  <c r="G4290" i="2" s="1"/>
  <c r="G8032" i="2" a="1"/>
  <c r="G8032" i="2" s="1"/>
  <c r="G8033" i="2" a="1"/>
  <c r="G8033" i="2" s="1"/>
  <c r="G8049" i="2" a="1"/>
  <c r="G8049" i="2" s="1"/>
  <c r="G8041" i="2" a="1"/>
  <c r="G8041" i="2" s="1"/>
  <c r="G8036" i="2" a="1"/>
  <c r="G8036" i="2" s="1"/>
  <c r="G8034" i="2" a="1"/>
  <c r="G8034" i="2" s="1"/>
  <c r="G8045" i="2" a="1"/>
  <c r="G8045" i="2" s="1"/>
  <c r="G8035" i="2" a="1"/>
  <c r="G8035" i="2" s="1"/>
  <c r="G8027" i="2" a="1"/>
  <c r="G8027" i="2" s="1"/>
  <c r="G8046" i="2" a="1"/>
  <c r="G8046" i="2" s="1"/>
  <c r="G8037" i="2" a="1"/>
  <c r="G8037" i="2" s="1"/>
  <c r="G8044" i="2" a="1"/>
  <c r="G8044" i="2" s="1"/>
  <c r="G8030" i="2" a="1"/>
  <c r="G8030" i="2" s="1"/>
  <c r="G8038" i="2" a="1"/>
  <c r="G8038" i="2" s="1"/>
  <c r="G8028" i="2" a="1"/>
  <c r="G8028" i="2" s="1"/>
  <c r="G8047" i="2" a="1"/>
  <c r="G8047" i="2" s="1"/>
  <c r="G8039" i="2" a="1"/>
  <c r="G8039" i="2" s="1"/>
  <c r="G8042" i="2" a="1"/>
  <c r="G8042" i="2" s="1"/>
  <c r="G8031" i="2" a="1"/>
  <c r="G8031" i="2" s="1"/>
  <c r="G8026" i="2" a="1"/>
  <c r="G8026" i="2" s="1"/>
  <c r="G8048" i="2" a="1"/>
  <c r="G8048" i="2" s="1"/>
  <c r="G8043" i="2" a="1"/>
  <c r="G8043" i="2" s="1"/>
  <c r="G8029" i="2" a="1"/>
  <c r="G8029" i="2" s="1"/>
  <c r="G8040" i="2" a="1"/>
  <c r="G8040" i="2" s="1"/>
  <c r="D63" i="2" a="1"/>
  <c r="D63" i="2" s="1"/>
  <c r="D74" i="2" a="1"/>
  <c r="D74" i="2" s="1"/>
  <c r="D75" i="2" a="1"/>
  <c r="D75" i="2" s="1"/>
  <c r="D60" i="2" a="1"/>
  <c r="D60" i="2" s="1"/>
  <c r="D77" i="2" a="1"/>
  <c r="D77" i="2" s="1"/>
  <c r="D64" i="2" a="1"/>
  <c r="D64" i="2" s="1"/>
  <c r="D72" i="2" a="1"/>
  <c r="D72" i="2" s="1"/>
  <c r="D59" i="2" a="1"/>
  <c r="D59" i="2" s="1"/>
  <c r="D73" i="2" a="1"/>
  <c r="D73" i="2" s="1"/>
  <c r="D58" i="2" a="1"/>
  <c r="D58" i="2" s="1"/>
  <c r="D76" i="2" a="1"/>
  <c r="D76" i="2" s="1"/>
  <c r="D65" i="2" a="1"/>
  <c r="D65" i="2" s="1"/>
  <c r="D67" i="2" a="1"/>
  <c r="D67" i="2" s="1"/>
  <c r="D81" i="2" a="1"/>
  <c r="D81" i="2" s="1"/>
  <c r="D79" i="2" a="1"/>
  <c r="D79" i="2" s="1"/>
  <c r="D68" i="2" a="1"/>
  <c r="D68" i="2" s="1"/>
  <c r="D66" i="2" a="1"/>
  <c r="D66" i="2" s="1"/>
  <c r="D62" i="2" a="1"/>
  <c r="D62" i="2" s="1"/>
  <c r="D70" i="2" a="1"/>
  <c r="D70" i="2" s="1"/>
  <c r="D71" i="2" a="1"/>
  <c r="D71" i="2" s="1"/>
  <c r="D78" i="2" a="1"/>
  <c r="D78" i="2" s="1"/>
  <c r="D80" i="2" a="1"/>
  <c r="D80" i="2" s="1"/>
  <c r="D61" i="2" a="1"/>
  <c r="D61" i="2" s="1"/>
  <c r="D69" i="2" a="1"/>
  <c r="D69" i="2" s="1"/>
  <c r="H1235" i="2" a="1"/>
  <c r="H1235" i="2" s="1"/>
  <c r="H1239" i="2" a="1"/>
  <c r="H1239" i="2" s="1"/>
  <c r="H1242" i="2" a="1"/>
  <c r="H1242" i="2" s="1"/>
  <c r="H1254" i="2" a="1"/>
  <c r="H1254" i="2" s="1"/>
  <c r="H1250" i="2" a="1"/>
  <c r="H1250" i="2" s="1"/>
  <c r="H1247" i="2" a="1"/>
  <c r="H1247" i="2" s="1"/>
  <c r="H1240" i="2" a="1"/>
  <c r="H1240" i="2" s="1"/>
  <c r="H1253" i="2" a="1"/>
  <c r="H1253" i="2" s="1"/>
  <c r="H1248" i="2" a="1"/>
  <c r="H1248" i="2" s="1"/>
  <c r="H1243" i="2" a="1"/>
  <c r="H1243" i="2" s="1"/>
  <c r="H1236" i="2" a="1"/>
  <c r="H1236" i="2" s="1"/>
  <c r="H1255" i="2" a="1"/>
  <c r="H1255" i="2" s="1"/>
  <c r="H1237" i="2" a="1"/>
  <c r="H1237" i="2" s="1"/>
  <c r="H1246" i="2" a="1"/>
  <c r="H1246" i="2" s="1"/>
  <c r="H1257" i="2" a="1"/>
  <c r="H1257" i="2" s="1"/>
  <c r="H1238" i="2" a="1"/>
  <c r="H1238" i="2" s="1"/>
  <c r="H1244" i="2" a="1"/>
  <c r="H1244" i="2" s="1"/>
  <c r="H1245" i="2" a="1"/>
  <c r="H1245" i="2" s="1"/>
  <c r="H1249" i="2" a="1"/>
  <c r="H1249" i="2" s="1"/>
  <c r="H1256" i="2" a="1"/>
  <c r="H1256" i="2" s="1"/>
  <c r="H1252" i="2" a="1"/>
  <c r="H1252" i="2" s="1"/>
  <c r="H1234" i="2" a="1"/>
  <c r="H1234" i="2" s="1"/>
  <c r="H1251" i="2" a="1"/>
  <c r="H1251" i="2" s="1"/>
  <c r="H1241" i="2" a="1"/>
  <c r="H1241" i="2" s="1"/>
  <c r="E428" i="2" a="1"/>
  <c r="E428" i="2" s="1"/>
  <c r="E437" i="2" a="1"/>
  <c r="E437" i="2" s="1"/>
  <c r="H8703" i="2" a="1"/>
  <c r="H8703" i="2" s="1"/>
  <c r="H8706" i="2" a="1"/>
  <c r="H8706" i="2" s="1"/>
  <c r="H8711" i="2" a="1"/>
  <c r="H8711" i="2" s="1"/>
  <c r="H8721" i="2" a="1"/>
  <c r="H8721" i="2" s="1"/>
  <c r="H8719" i="2" a="1"/>
  <c r="H8719" i="2" s="1"/>
  <c r="H8716" i="2" a="1"/>
  <c r="H8716" i="2" s="1"/>
  <c r="H8710" i="2" a="1"/>
  <c r="H8710" i="2" s="1"/>
  <c r="H8717" i="2" a="1"/>
  <c r="H8717" i="2" s="1"/>
  <c r="H8720" i="2" a="1"/>
  <c r="H8720" i="2" s="1"/>
  <c r="H8698" i="2" a="1"/>
  <c r="H8698" i="2" s="1"/>
  <c r="H8707" i="2" a="1"/>
  <c r="H8707" i="2" s="1"/>
  <c r="H8700" i="2" a="1"/>
  <c r="H8700" i="2" s="1"/>
  <c r="H8709" i="2" a="1"/>
  <c r="H8709" i="2" s="1"/>
  <c r="H8718" i="2" a="1"/>
  <c r="H8718" i="2" s="1"/>
  <c r="H8712" i="2" a="1"/>
  <c r="H8712" i="2" s="1"/>
  <c r="H8704" i="2" a="1"/>
  <c r="H8704" i="2" s="1"/>
  <c r="H8701" i="2" a="1"/>
  <c r="H8701" i="2" s="1"/>
  <c r="H8715" i="2" a="1"/>
  <c r="H8715" i="2" s="1"/>
  <c r="H8708" i="2" a="1"/>
  <c r="H8708" i="2" s="1"/>
  <c r="H8714" i="2" a="1"/>
  <c r="H8714" i="2" s="1"/>
  <c r="H8702" i="2" a="1"/>
  <c r="H8702" i="2" s="1"/>
  <c r="H8705" i="2" a="1"/>
  <c r="H8705" i="2" s="1"/>
  <c r="H8713" i="2" a="1"/>
  <c r="H8713" i="2" s="1"/>
  <c r="G2286" i="2" a="1"/>
  <c r="G2286" i="2" s="1"/>
  <c r="G2269" i="2" a="1"/>
  <c r="G2269" i="2" s="1"/>
  <c r="G2281" i="2" a="1"/>
  <c r="G2281" i="2" s="1"/>
  <c r="G2284" i="2" a="1"/>
  <c r="G2284" i="2" s="1"/>
  <c r="G2270" i="2" a="1"/>
  <c r="G2270" i="2" s="1"/>
  <c r="G2277" i="2" a="1"/>
  <c r="G2277" i="2" s="1"/>
  <c r="G2274" i="2" a="1"/>
  <c r="G2274" i="2" s="1"/>
  <c r="G2266" i="2" a="1"/>
  <c r="G2266" i="2" s="1"/>
  <c r="G2275" i="2" a="1"/>
  <c r="G2275" i="2" s="1"/>
  <c r="G2267" i="2" a="1"/>
  <c r="G2267" i="2" s="1"/>
  <c r="G2283" i="2" a="1"/>
  <c r="G2283" i="2" s="1"/>
  <c r="G2285" i="2" a="1"/>
  <c r="G2285" i="2" s="1"/>
  <c r="G2287" i="2" a="1"/>
  <c r="G2287" i="2" s="1"/>
  <c r="G2288" i="2" a="1"/>
  <c r="G2288" i="2" s="1"/>
  <c r="G2268" i="2" a="1"/>
  <c r="G2268" i="2" s="1"/>
  <c r="G2289" i="2" a="1"/>
  <c r="G2289" i="2" s="1"/>
  <c r="G2279" i="2" a="1"/>
  <c r="G2279" i="2" s="1"/>
  <c r="G2271" i="2" a="1"/>
  <c r="G2271" i="2" s="1"/>
  <c r="G2280" i="2" a="1"/>
  <c r="G2280" i="2" s="1"/>
  <c r="G2282" i="2" a="1"/>
  <c r="G2282" i="2" s="1"/>
  <c r="G2276" i="2" a="1"/>
  <c r="G2276" i="2" s="1"/>
  <c r="G2272" i="2" a="1"/>
  <c r="G2272" i="2" s="1"/>
  <c r="G2273" i="2" a="1"/>
  <c r="G2273" i="2" s="1"/>
  <c r="G2278" i="2" a="1"/>
  <c r="G2278" i="2" s="1"/>
  <c r="H7465" i="2" a="1"/>
  <c r="H7465" i="2" s="1"/>
  <c r="H7450" i="2" a="1"/>
  <c r="H7450" i="2" s="1"/>
  <c r="H7466" i="2" a="1"/>
  <c r="H7466" i="2" s="1"/>
  <c r="H7457" i="2" a="1"/>
  <c r="H7457" i="2" s="1"/>
  <c r="H7453" i="2" a="1"/>
  <c r="H7453" i="2" s="1"/>
  <c r="H7461" i="2" a="1"/>
  <c r="H7461" i="2" s="1"/>
  <c r="H7452" i="2" a="1"/>
  <c r="H7452" i="2" s="1"/>
  <c r="H7462" i="2" a="1"/>
  <c r="H7462" i="2" s="1"/>
  <c r="H7454" i="2" a="1"/>
  <c r="H7454" i="2" s="1"/>
  <c r="H7467" i="2" a="1"/>
  <c r="H7467" i="2" s="1"/>
  <c r="H7459" i="2" a="1"/>
  <c r="H7459" i="2" s="1"/>
  <c r="H7455" i="2" a="1"/>
  <c r="H7455" i="2" s="1"/>
  <c r="H7472" i="2" a="1"/>
  <c r="H7472" i="2" s="1"/>
  <c r="H7471" i="2" a="1"/>
  <c r="H7471" i="2" s="1"/>
  <c r="H7473" i="2" a="1"/>
  <c r="H7473" i="2" s="1"/>
  <c r="H7469" i="2" a="1"/>
  <c r="H7469" i="2" s="1"/>
  <c r="H7460" i="2" a="1"/>
  <c r="H7460" i="2" s="1"/>
  <c r="H7456" i="2" a="1"/>
  <c r="H7456" i="2" s="1"/>
  <c r="H7458" i="2" a="1"/>
  <c r="H7458" i="2" s="1"/>
  <c r="H7463" i="2" a="1"/>
  <c r="H7463" i="2" s="1"/>
  <c r="H7468" i="2" a="1"/>
  <c r="H7468" i="2" s="1"/>
  <c r="H7464" i="2" a="1"/>
  <c r="H7464" i="2" s="1"/>
  <c r="H7451" i="2" a="1"/>
  <c r="H7451" i="2" s="1"/>
  <c r="H7470" i="2" a="1"/>
  <c r="H7470" i="2" s="1"/>
  <c r="D1474" i="2" a="1"/>
  <c r="D1474" i="2" s="1"/>
  <c r="D1477" i="2" a="1"/>
  <c r="D1477" i="2" s="1"/>
  <c r="D1484" i="2" a="1"/>
  <c r="D1484" i="2" s="1"/>
  <c r="D1478" i="2" a="1"/>
  <c r="D1478" i="2" s="1"/>
  <c r="D1492" i="2" a="1"/>
  <c r="D1492" i="2" s="1"/>
  <c r="D1480" i="2" a="1"/>
  <c r="D1480" i="2" s="1"/>
  <c r="D1487" i="2" a="1"/>
  <c r="D1487" i="2" s="1"/>
  <c r="D1494" i="2" a="1"/>
  <c r="D1494" i="2" s="1"/>
  <c r="D1481" i="2" a="1"/>
  <c r="D1481" i="2" s="1"/>
  <c r="D1491" i="2" a="1"/>
  <c r="D1491" i="2" s="1"/>
  <c r="D1483" i="2" a="1"/>
  <c r="D1483" i="2" s="1"/>
  <c r="D1490" i="2" a="1"/>
  <c r="D1490" i="2" s="1"/>
  <c r="D1497" i="2" a="1"/>
  <c r="D1497" i="2" s="1"/>
  <c r="D1479" i="2" a="1"/>
  <c r="D1479" i="2" s="1"/>
  <c r="D1486" i="2" a="1"/>
  <c r="D1486" i="2" s="1"/>
  <c r="D1476" i="2" a="1"/>
  <c r="D1476" i="2" s="1"/>
  <c r="D1489" i="2" a="1"/>
  <c r="D1489" i="2" s="1"/>
  <c r="D1496" i="2" a="1"/>
  <c r="D1496" i="2" s="1"/>
  <c r="D1475" i="2" a="1"/>
  <c r="D1475" i="2" s="1"/>
  <c r="D1493" i="2" a="1"/>
  <c r="D1493" i="2" s="1"/>
  <c r="D1485" i="2" a="1"/>
  <c r="D1485" i="2" s="1"/>
  <c r="D1482" i="2" a="1"/>
  <c r="D1482" i="2" s="1"/>
  <c r="D1488" i="2" a="1"/>
  <c r="D1488" i="2" s="1"/>
  <c r="D1495" i="2" a="1"/>
  <c r="D1495" i="2" s="1"/>
  <c r="E7366" i="2" a="1"/>
  <c r="E7366" i="2" s="1"/>
  <c r="E7361" i="2" a="1"/>
  <c r="E7361" i="2" s="1"/>
  <c r="E7375" i="2" a="1"/>
  <c r="E7375" i="2" s="1"/>
  <c r="E7364" i="2" a="1"/>
  <c r="E7364" i="2" s="1"/>
  <c r="F1087" i="2" a="1"/>
  <c r="F1087" i="2" s="1"/>
  <c r="F1084" i="2" a="1"/>
  <c r="F1084" i="2" s="1"/>
  <c r="F1073" i="2" a="1"/>
  <c r="F1073" i="2" s="1"/>
  <c r="F1083" i="2" a="1"/>
  <c r="F1083" i="2" s="1"/>
  <c r="F1078" i="2" a="1"/>
  <c r="F1078" i="2" s="1"/>
  <c r="F1081" i="2" a="1"/>
  <c r="F1081" i="2" s="1"/>
  <c r="F1066" i="2" a="1"/>
  <c r="F1066" i="2" s="1"/>
  <c r="F1070" i="2" a="1"/>
  <c r="F1070" i="2" s="1"/>
  <c r="F1071" i="2" a="1"/>
  <c r="F1071" i="2" s="1"/>
  <c r="F1088" i="2" a="1"/>
  <c r="F1088" i="2" s="1"/>
  <c r="F1080" i="2" a="1"/>
  <c r="F1080" i="2" s="1"/>
  <c r="F1089" i="2" a="1"/>
  <c r="F1089" i="2" s="1"/>
  <c r="F1082" i="2" a="1"/>
  <c r="F1082" i="2" s="1"/>
  <c r="F1085" i="2" a="1"/>
  <c r="F1085" i="2" s="1"/>
  <c r="F1072" i="2" a="1"/>
  <c r="F1072" i="2" s="1"/>
  <c r="F1086" i="2" a="1"/>
  <c r="F1086" i="2" s="1"/>
  <c r="F1068" i="2" a="1"/>
  <c r="F1068" i="2" s="1"/>
  <c r="F1075" i="2" a="1"/>
  <c r="F1075" i="2" s="1"/>
  <c r="F1077" i="2" a="1"/>
  <c r="F1077" i="2" s="1"/>
  <c r="F1079" i="2" a="1"/>
  <c r="F1079" i="2" s="1"/>
  <c r="F1067" i="2" a="1"/>
  <c r="F1067" i="2" s="1"/>
  <c r="F1076" i="2" a="1"/>
  <c r="F1076" i="2" s="1"/>
  <c r="F3095" i="2" a="1"/>
  <c r="F3095" i="2" s="1"/>
  <c r="F3090" i="2" a="1"/>
  <c r="F3090" i="2" s="1"/>
  <c r="F3102" i="2" a="1"/>
  <c r="F3102" i="2" s="1"/>
  <c r="F3097" i="2" a="1"/>
  <c r="F3097" i="2" s="1"/>
  <c r="F3096" i="2" a="1"/>
  <c r="F3096" i="2" s="1"/>
  <c r="F3092" i="2" a="1"/>
  <c r="F3092" i="2" s="1"/>
  <c r="F3103" i="2" a="1"/>
  <c r="F3103" i="2" s="1"/>
  <c r="F3093" i="2" a="1"/>
  <c r="F3093" i="2" s="1"/>
  <c r="F3082" i="2" a="1"/>
  <c r="F3082" i="2" s="1"/>
  <c r="F3100" i="2" a="1"/>
  <c r="F3100" i="2" s="1"/>
  <c r="F3084" i="2" a="1"/>
  <c r="F3084" i="2" s="1"/>
  <c r="F3087" i="2" a="1"/>
  <c r="F3087" i="2" s="1"/>
  <c r="F3088" i="2" a="1"/>
  <c r="F3088" i="2" s="1"/>
  <c r="F3101" i="2" a="1"/>
  <c r="F3101" i="2" s="1"/>
  <c r="F3089" i="2" a="1"/>
  <c r="F3089" i="2" s="1"/>
  <c r="F3091" i="2" a="1"/>
  <c r="F3091" i="2" s="1"/>
  <c r="F3099" i="2" a="1"/>
  <c r="F3099" i="2" s="1"/>
  <c r="F3098" i="2" a="1"/>
  <c r="F3098" i="2" s="1"/>
  <c r="F3104" i="2" a="1"/>
  <c r="F3104" i="2" s="1"/>
  <c r="F3086" i="2" a="1"/>
  <c r="F3086" i="2" s="1"/>
  <c r="F3105" i="2" a="1"/>
  <c r="F3105" i="2" s="1"/>
  <c r="F3085" i="2" a="1"/>
  <c r="F3085" i="2" s="1"/>
  <c r="F3083" i="2" a="1"/>
  <c r="F3083" i="2" s="1"/>
  <c r="F3094" i="2" a="1"/>
  <c r="F3094" i="2" s="1"/>
  <c r="H2974" i="2" a="1"/>
  <c r="H2974" i="2" s="1"/>
  <c r="H2979" i="2" a="1"/>
  <c r="H2979" i="2" s="1"/>
  <c r="H2972" i="2" a="1"/>
  <c r="H2972" i="2" s="1"/>
  <c r="H2982" i="2" a="1"/>
  <c r="H2982" i="2" s="1"/>
  <c r="H2980" i="2" a="1"/>
  <c r="H2980" i="2" s="1"/>
  <c r="H2968" i="2" a="1"/>
  <c r="H2968" i="2" s="1"/>
  <c r="H2983" i="2" a="1"/>
  <c r="H2983" i="2" s="1"/>
  <c r="H2973" i="2" a="1"/>
  <c r="H2973" i="2" s="1"/>
  <c r="H2969" i="2" a="1"/>
  <c r="H2969" i="2" s="1"/>
  <c r="H2971" i="2" a="1"/>
  <c r="H2971" i="2" s="1"/>
  <c r="H2965" i="2" a="1"/>
  <c r="H2965" i="2" s="1"/>
  <c r="H2978" i="2" a="1"/>
  <c r="H2978" i="2" s="1"/>
  <c r="H2966" i="2" a="1"/>
  <c r="H2966" i="2" s="1"/>
  <c r="H2967" i="2" a="1"/>
  <c r="H2967" i="2" s="1"/>
  <c r="H2985" i="2" a="1"/>
  <c r="H2985" i="2" s="1"/>
  <c r="H2984" i="2" a="1"/>
  <c r="H2984" i="2" s="1"/>
  <c r="H2964" i="2" a="1"/>
  <c r="H2964" i="2" s="1"/>
  <c r="H2977" i="2" a="1"/>
  <c r="H2977" i="2" s="1"/>
  <c r="H2963" i="2" a="1"/>
  <c r="H2963" i="2" s="1"/>
  <c r="H2975" i="2" a="1"/>
  <c r="H2975" i="2" s="1"/>
  <c r="H2970" i="2" a="1"/>
  <c r="H2970" i="2" s="1"/>
  <c r="H2981" i="2" a="1"/>
  <c r="H2981" i="2" s="1"/>
  <c r="H2962" i="2" a="1"/>
  <c r="H2962" i="2" s="1"/>
  <c r="H2976" i="2" a="1"/>
  <c r="H2976" i="2" s="1"/>
  <c r="H4013" i="2" a="1"/>
  <c r="H4013" i="2" s="1"/>
  <c r="H3997" i="2" a="1"/>
  <c r="H3997" i="2" s="1"/>
  <c r="H3999" i="2" a="1"/>
  <c r="H3999" i="2" s="1"/>
  <c r="H4014" i="2" a="1"/>
  <c r="H4014" i="2" s="1"/>
  <c r="H4015" i="2" a="1"/>
  <c r="H4015" i="2" s="1"/>
  <c r="H4012" i="2" a="1"/>
  <c r="H4012" i="2" s="1"/>
  <c r="H4017" i="2" a="1"/>
  <c r="H4017" i="2" s="1"/>
  <c r="H3996" i="2" a="1"/>
  <c r="H3996" i="2" s="1"/>
  <c r="H4004" i="2" a="1"/>
  <c r="H4004" i="2" s="1"/>
  <c r="H3998" i="2" a="1"/>
  <c r="H3998" i="2" s="1"/>
  <c r="H4006" i="2" a="1"/>
  <c r="H4006" i="2" s="1"/>
  <c r="H3995" i="2" a="1"/>
  <c r="H3995" i="2" s="1"/>
  <c r="H4007" i="2" a="1"/>
  <c r="H4007" i="2" s="1"/>
  <c r="H4009" i="2" a="1"/>
  <c r="H4009" i="2" s="1"/>
  <c r="H3994" i="2" a="1"/>
  <c r="H3994" i="2" s="1"/>
  <c r="H4000" i="2" a="1"/>
  <c r="H4000" i="2" s="1"/>
  <c r="H4001" i="2" a="1"/>
  <c r="H4001" i="2" s="1"/>
  <c r="H4003" i="2" a="1"/>
  <c r="H4003" i="2" s="1"/>
  <c r="H4016" i="2" a="1"/>
  <c r="H4016" i="2" s="1"/>
  <c r="H4010" i="2" a="1"/>
  <c r="H4010" i="2" s="1"/>
  <c r="H4005" i="2" a="1"/>
  <c r="H4005" i="2" s="1"/>
  <c r="H4011" i="2" a="1"/>
  <c r="H4011" i="2" s="1"/>
  <c r="H4002" i="2" a="1"/>
  <c r="H4002" i="2" s="1"/>
  <c r="H4008" i="2" a="1"/>
  <c r="H4008" i="2" s="1"/>
  <c r="G7041" i="2" a="1"/>
  <c r="G7041" i="2" s="1"/>
  <c r="G7022" i="2" a="1"/>
  <c r="G7022" i="2" s="1"/>
  <c r="G7025" i="2" a="1"/>
  <c r="G7025" i="2" s="1"/>
  <c r="G7019" i="2" a="1"/>
  <c r="G7019" i="2" s="1"/>
  <c r="G7030" i="2" a="1"/>
  <c r="G7030" i="2" s="1"/>
  <c r="G7031" i="2" a="1"/>
  <c r="G7031" i="2" s="1"/>
  <c r="G7035" i="2" a="1"/>
  <c r="G7035" i="2" s="1"/>
  <c r="G6274" i="2" a="1"/>
  <c r="G6274" i="2" s="1"/>
  <c r="G6276" i="2" a="1"/>
  <c r="G6276" i="2" s="1"/>
  <c r="G6281" i="2" a="1"/>
  <c r="G6281" i="2" s="1"/>
  <c r="G6292" i="2" a="1"/>
  <c r="G6292" i="2" s="1"/>
  <c r="G6293" i="2" a="1"/>
  <c r="G6293" i="2" s="1"/>
  <c r="G6294" i="2" a="1"/>
  <c r="G6294" i="2" s="1"/>
  <c r="G6297" i="2" a="1"/>
  <c r="G6297" i="2" s="1"/>
  <c r="G6285" i="2" a="1"/>
  <c r="G6285" i="2" s="1"/>
  <c r="G6277" i="2" a="1"/>
  <c r="G6277" i="2" s="1"/>
  <c r="G6286" i="2" a="1"/>
  <c r="G6286" i="2" s="1"/>
  <c r="G6279" i="2" a="1"/>
  <c r="G6279" i="2" s="1"/>
  <c r="G6278" i="2" a="1"/>
  <c r="G6278" i="2" s="1"/>
  <c r="G6288" i="2" a="1"/>
  <c r="G6288" i="2" s="1"/>
  <c r="G6290" i="2" a="1"/>
  <c r="G6290" i="2" s="1"/>
  <c r="G6282" i="2" a="1"/>
  <c r="G6282" i="2" s="1"/>
  <c r="G6280" i="2" a="1"/>
  <c r="G6280" i="2" s="1"/>
  <c r="G6283" i="2" a="1"/>
  <c r="G6283" i="2" s="1"/>
  <c r="G6296" i="2" a="1"/>
  <c r="G6296" i="2" s="1"/>
  <c r="G6275" i="2" a="1"/>
  <c r="G6275" i="2" s="1"/>
  <c r="G6284" i="2" a="1"/>
  <c r="G6284" i="2" s="1"/>
  <c r="G6291" i="2" a="1"/>
  <c r="G6291" i="2" s="1"/>
  <c r="G6287" i="2" a="1"/>
  <c r="G6287" i="2" s="1"/>
  <c r="G6295" i="2" a="1"/>
  <c r="G6295" i="2" s="1"/>
  <c r="D8677" i="2" a="1"/>
  <c r="D8677" i="2" s="1"/>
  <c r="D8681" i="2" a="1"/>
  <c r="D8681" i="2" s="1"/>
  <c r="D8685" i="2" a="1"/>
  <c r="D8685" i="2" s="1"/>
  <c r="D8694" i="2" a="1"/>
  <c r="D8694" i="2" s="1"/>
  <c r="D8697" i="2" a="1"/>
  <c r="D8697" i="2" s="1"/>
  <c r="D8679" i="2" a="1"/>
  <c r="D8679" i="2" s="1"/>
  <c r="D8683" i="2" a="1"/>
  <c r="D8683" i="2" s="1"/>
  <c r="D8695" i="2" a="1"/>
  <c r="D8695" i="2" s="1"/>
  <c r="D8688" i="2" a="1"/>
  <c r="D8688" i="2" s="1"/>
  <c r="D8692" i="2" a="1"/>
  <c r="D8692" i="2" s="1"/>
  <c r="D8689" i="2" a="1"/>
  <c r="D8689" i="2" s="1"/>
  <c r="D8682" i="2" a="1"/>
  <c r="D8682" i="2" s="1"/>
  <c r="D8687" i="2" a="1"/>
  <c r="D8687" i="2" s="1"/>
  <c r="D8690" i="2" a="1"/>
  <c r="D8690" i="2" s="1"/>
  <c r="D8678" i="2" a="1"/>
  <c r="D8678" i="2" s="1"/>
  <c r="D8676" i="2" a="1"/>
  <c r="D8676" i="2" s="1"/>
  <c r="D8680" i="2" a="1"/>
  <c r="D8680" i="2" s="1"/>
  <c r="D8686" i="2" a="1"/>
  <c r="D8686" i="2" s="1"/>
  <c r="D8674" i="2" a="1"/>
  <c r="D8674" i="2" s="1"/>
  <c r="D8693" i="2" a="1"/>
  <c r="D8693" i="2" s="1"/>
  <c r="D8675" i="2" a="1"/>
  <c r="D8675" i="2" s="1"/>
  <c r="D8696" i="2" a="1"/>
  <c r="D8696" i="2" s="1"/>
  <c r="D8684" i="2" a="1"/>
  <c r="D8684" i="2" s="1"/>
  <c r="D8691" i="2" a="1"/>
  <c r="D8691" i="2" s="1"/>
  <c r="G336" i="2" a="1"/>
  <c r="G336" i="2" s="1"/>
  <c r="G345" i="2" a="1"/>
  <c r="G345" i="2" s="1"/>
  <c r="G338" i="2" a="1"/>
  <c r="G338" i="2" s="1"/>
  <c r="G329" i="2" a="1"/>
  <c r="G329" i="2" s="1"/>
  <c r="G337" i="2" a="1"/>
  <c r="G337" i="2" s="1"/>
  <c r="G330" i="2" a="1"/>
  <c r="G330" i="2" s="1"/>
  <c r="G343" i="2" a="1"/>
  <c r="G343" i="2" s="1"/>
  <c r="G323" i="2" a="1"/>
  <c r="G323" i="2" s="1"/>
  <c r="G327" i="2" a="1"/>
  <c r="G327" i="2" s="1"/>
  <c r="G333" i="2" a="1"/>
  <c r="G333" i="2" s="1"/>
  <c r="G339" i="2" a="1"/>
  <c r="G339" i="2" s="1"/>
  <c r="G334" i="2" a="1"/>
  <c r="G334" i="2" s="1"/>
  <c r="G335" i="2" a="1"/>
  <c r="G335" i="2" s="1"/>
  <c r="G325" i="2" a="1"/>
  <c r="G325" i="2" s="1"/>
  <c r="G340" i="2" a="1"/>
  <c r="G340" i="2" s="1"/>
  <c r="G342" i="2" a="1"/>
  <c r="G342" i="2" s="1"/>
  <c r="G328" i="2" a="1"/>
  <c r="G328" i="2" s="1"/>
  <c r="G332" i="2" a="1"/>
  <c r="G332" i="2" s="1"/>
  <c r="G341" i="2" a="1"/>
  <c r="G341" i="2" s="1"/>
  <c r="G322" i="2" a="1"/>
  <c r="G322" i="2" s="1"/>
  <c r="G344" i="2" a="1"/>
  <c r="G344" i="2" s="1"/>
  <c r="G324" i="2" a="1"/>
  <c r="G324" i="2" s="1"/>
  <c r="G331" i="2" a="1"/>
  <c r="G331" i="2" s="1"/>
  <c r="G326" i="2" a="1"/>
  <c r="G326" i="2" s="1"/>
  <c r="G526" i="2" a="1"/>
  <c r="G526" i="2" s="1"/>
  <c r="G535" i="2" a="1"/>
  <c r="G535" i="2" s="1"/>
  <c r="G528" i="2" a="1"/>
  <c r="G528" i="2" s="1"/>
  <c r="G531" i="2" a="1"/>
  <c r="G531" i="2" s="1"/>
  <c r="G516" i="2" a="1"/>
  <c r="G516" i="2" s="1"/>
  <c r="G536" i="2" a="1"/>
  <c r="G536" i="2" s="1"/>
  <c r="G520" i="2" a="1"/>
  <c r="G520" i="2" s="1"/>
  <c r="G523" i="2" a="1"/>
  <c r="G523" i="2" s="1"/>
  <c r="G515" i="2" a="1"/>
  <c r="G515" i="2" s="1"/>
  <c r="G537" i="2" a="1"/>
  <c r="G537" i="2" s="1"/>
  <c r="G532" i="2" a="1"/>
  <c r="G532" i="2" s="1"/>
  <c r="G524" i="2" a="1"/>
  <c r="G524" i="2" s="1"/>
  <c r="G514" i="2" a="1"/>
  <c r="G514" i="2" s="1"/>
  <c r="G527" i="2" a="1"/>
  <c r="G527" i="2" s="1"/>
  <c r="G522" i="2" a="1"/>
  <c r="G522" i="2" s="1"/>
  <c r="G525" i="2" a="1"/>
  <c r="G525" i="2" s="1"/>
  <c r="G530" i="2" a="1"/>
  <c r="G530" i="2" s="1"/>
  <c r="G521" i="2" a="1"/>
  <c r="G521" i="2" s="1"/>
  <c r="G533" i="2" a="1"/>
  <c r="G533" i="2" s="1"/>
  <c r="G534" i="2" a="1"/>
  <c r="G534" i="2" s="1"/>
  <c r="G519" i="2" a="1"/>
  <c r="G519" i="2" s="1"/>
  <c r="G517" i="2" a="1"/>
  <c r="G517" i="2" s="1"/>
  <c r="G518" i="2" a="1"/>
  <c r="G518" i="2" s="1"/>
  <c r="G529" i="2" a="1"/>
  <c r="G529" i="2" s="1"/>
  <c r="G6707" i="2" a="1"/>
  <c r="G6707" i="2" s="1"/>
  <c r="G6711" i="2" a="1"/>
  <c r="G6711" i="2" s="1"/>
  <c r="G6727" i="2" a="1"/>
  <c r="G6727" i="2" s="1"/>
  <c r="G6710" i="2" a="1"/>
  <c r="G6710" i="2" s="1"/>
  <c r="G6716" i="2" a="1"/>
  <c r="G6716" i="2" s="1"/>
  <c r="G6715" i="2" a="1"/>
  <c r="G6715" i="2" s="1"/>
  <c r="G6718" i="2" a="1"/>
  <c r="G6718" i="2" s="1"/>
  <c r="G6725" i="2" a="1"/>
  <c r="G6725" i="2" s="1"/>
  <c r="G6719" i="2" a="1"/>
  <c r="G6719" i="2" s="1"/>
  <c r="G6708" i="2" a="1"/>
  <c r="G6708" i="2" s="1"/>
  <c r="G6706" i="2" a="1"/>
  <c r="G6706" i="2" s="1"/>
  <c r="G6726" i="2" a="1"/>
  <c r="G6726" i="2" s="1"/>
  <c r="G6728" i="2" a="1"/>
  <c r="G6728" i="2" s="1"/>
  <c r="G6729" i="2" a="1"/>
  <c r="G6729" i="2" s="1"/>
  <c r="G6723" i="2" a="1"/>
  <c r="G6723" i="2" s="1"/>
  <c r="G6724" i="2" a="1"/>
  <c r="G6724" i="2" s="1"/>
  <c r="G6720" i="2" a="1"/>
  <c r="G6720" i="2" s="1"/>
  <c r="G6721" i="2" a="1"/>
  <c r="G6721" i="2" s="1"/>
  <c r="G6713" i="2" a="1"/>
  <c r="G6713" i="2" s="1"/>
  <c r="G6722" i="2" a="1"/>
  <c r="G6722" i="2" s="1"/>
  <c r="G6714" i="2" a="1"/>
  <c r="G6714" i="2" s="1"/>
  <c r="G6717" i="2" a="1"/>
  <c r="G6717" i="2" s="1"/>
  <c r="G6709" i="2" a="1"/>
  <c r="G6709" i="2" s="1"/>
  <c r="F4378" i="2" a="1"/>
  <c r="F4378" i="2" s="1"/>
  <c r="F4383" i="2" a="1"/>
  <c r="F4383" i="2" s="1"/>
  <c r="F4398" i="2" a="1"/>
  <c r="F4398" i="2" s="1"/>
  <c r="F4380" i="2" a="1"/>
  <c r="F4380" i="2" s="1"/>
  <c r="F4385" i="2" a="1"/>
  <c r="F4385" i="2" s="1"/>
  <c r="F4393" i="2" a="1"/>
  <c r="F4393" i="2" s="1"/>
  <c r="F4386" i="2" a="1"/>
  <c r="F4386" i="2" s="1"/>
  <c r="F4399" i="2" a="1"/>
  <c r="F4399" i="2" s="1"/>
  <c r="F4381" i="2" a="1"/>
  <c r="F4381" i="2" s="1"/>
  <c r="F4388" i="2" a="1"/>
  <c r="F4388" i="2" s="1"/>
  <c r="F4379" i="2" a="1"/>
  <c r="F4379" i="2" s="1"/>
  <c r="F4389" i="2" a="1"/>
  <c r="F4389" i="2" s="1"/>
  <c r="F4394" i="2" a="1"/>
  <c r="F4394" i="2" s="1"/>
  <c r="F4390" i="2" a="1"/>
  <c r="F4390" i="2" s="1"/>
  <c r="F4395" i="2" a="1"/>
  <c r="F4395" i="2" s="1"/>
  <c r="F4396" i="2" a="1"/>
  <c r="F4396" i="2" s="1"/>
  <c r="F4384" i="2" a="1"/>
  <c r="F4384" i="2" s="1"/>
  <c r="F4397" i="2" a="1"/>
  <c r="F4397" i="2" s="1"/>
  <c r="F4392" i="2" a="1"/>
  <c r="F4392" i="2" s="1"/>
  <c r="F4401" i="2" a="1"/>
  <c r="F4401" i="2" s="1"/>
  <c r="F4387" i="2" a="1"/>
  <c r="F4387" i="2" s="1"/>
  <c r="F4400" i="2" a="1"/>
  <c r="F4400" i="2" s="1"/>
  <c r="F4382" i="2" a="1"/>
  <c r="F4382" i="2" s="1"/>
  <c r="F4391" i="2" a="1"/>
  <c r="F4391" i="2" s="1"/>
  <c r="D6724" i="2" a="1"/>
  <c r="D6724" i="2" s="1"/>
  <c r="D6709" i="2" a="1"/>
  <c r="D6709" i="2" s="1"/>
  <c r="D6726" i="2" a="1"/>
  <c r="D6726" i="2" s="1"/>
  <c r="D6712" i="2" a="1"/>
  <c r="D6712" i="2" s="1"/>
  <c r="D6706" i="2" a="1"/>
  <c r="D6706" i="2" s="1"/>
  <c r="D6729" i="2" a="1"/>
  <c r="D6729" i="2" s="1"/>
  <c r="D6717" i="2" a="1"/>
  <c r="D6717" i="2" s="1"/>
  <c r="D6727" i="2" a="1"/>
  <c r="D6727" i="2" s="1"/>
  <c r="D6719" i="2" a="1"/>
  <c r="D6719" i="2" s="1"/>
  <c r="D6720" i="2" a="1"/>
  <c r="D6720" i="2" s="1"/>
  <c r="D6725" i="2" a="1"/>
  <c r="D6725" i="2" s="1"/>
  <c r="D6715" i="2" a="1"/>
  <c r="D6715" i="2" s="1"/>
  <c r="D6721" i="2" a="1"/>
  <c r="D6721" i="2" s="1"/>
  <c r="D6711" i="2" a="1"/>
  <c r="D6711" i="2" s="1"/>
  <c r="D6722" i="2" a="1"/>
  <c r="D6722" i="2" s="1"/>
  <c r="D6708" i="2" a="1"/>
  <c r="D6708" i="2" s="1"/>
  <c r="D6718" i="2" a="1"/>
  <c r="D6718" i="2" s="1"/>
  <c r="D6710" i="2" a="1"/>
  <c r="D6710" i="2" s="1"/>
  <c r="D6707" i="2" a="1"/>
  <c r="D6707" i="2" s="1"/>
  <c r="D6728" i="2" a="1"/>
  <c r="D6728" i="2" s="1"/>
  <c r="D6713" i="2" a="1"/>
  <c r="D6713" i="2" s="1"/>
  <c r="D6714" i="2" a="1"/>
  <c r="D6714" i="2" s="1"/>
  <c r="D6716" i="2" a="1"/>
  <c r="D6716" i="2" s="1"/>
  <c r="D6723" i="2" a="1"/>
  <c r="D6723" i="2" s="1"/>
  <c r="G7729" i="2" a="1"/>
  <c r="G7729" i="2" s="1"/>
  <c r="G7737" i="2" a="1"/>
  <c r="G7737" i="2" s="1"/>
  <c r="G7717" i="2" a="1"/>
  <c r="G7717" i="2" s="1"/>
  <c r="G7730" i="2" a="1"/>
  <c r="G7730" i="2" s="1"/>
  <c r="G7733" i="2" a="1"/>
  <c r="G7733" i="2" s="1"/>
  <c r="G7735" i="2" a="1"/>
  <c r="G7735" i="2" s="1"/>
  <c r="G7714" i="2" a="1"/>
  <c r="G7714" i="2" s="1"/>
  <c r="G7716" i="2" a="1"/>
  <c r="G7716" i="2" s="1"/>
  <c r="G7719" i="2" a="1"/>
  <c r="G7719" i="2" s="1"/>
  <c r="G7731" i="2" a="1"/>
  <c r="G7731" i="2" s="1"/>
  <c r="G7724" i="2" a="1"/>
  <c r="G7724" i="2" s="1"/>
  <c r="G7720" i="2" a="1"/>
  <c r="G7720" i="2" s="1"/>
  <c r="G7718" i="2" a="1"/>
  <c r="G7718" i="2" s="1"/>
  <c r="G7736" i="2" a="1"/>
  <c r="G7736" i="2" s="1"/>
  <c r="G7732" i="2" a="1"/>
  <c r="G7732" i="2" s="1"/>
  <c r="G7727" i="2" a="1"/>
  <c r="G7727" i="2" s="1"/>
  <c r="G7723" i="2" a="1"/>
  <c r="G7723" i="2" s="1"/>
  <c r="G7734" i="2" a="1"/>
  <c r="G7734" i="2" s="1"/>
  <c r="G7726" i="2" a="1"/>
  <c r="G7726" i="2" s="1"/>
  <c r="G7728" i="2" a="1"/>
  <c r="G7728" i="2" s="1"/>
  <c r="G7722" i="2" a="1"/>
  <c r="G7722" i="2" s="1"/>
  <c r="G7721" i="2" a="1"/>
  <c r="G7721" i="2" s="1"/>
  <c r="G7725" i="2" a="1"/>
  <c r="G7725" i="2" s="1"/>
  <c r="G7715" i="2" a="1"/>
  <c r="G7715" i="2" s="1"/>
  <c r="F507" i="2" a="1"/>
  <c r="F507" i="2" s="1"/>
  <c r="F497" i="2" a="1"/>
  <c r="F497" i="2" s="1"/>
  <c r="F494" i="2" a="1"/>
  <c r="F494" i="2" s="1"/>
  <c r="F500" i="2" a="1"/>
  <c r="F500" i="2" s="1"/>
  <c r="F490" i="2" a="1"/>
  <c r="F490" i="2" s="1"/>
  <c r="F502" i="2" a="1"/>
  <c r="F502" i="2" s="1"/>
  <c r="F512" i="2" a="1"/>
  <c r="F512" i="2" s="1"/>
  <c r="F491" i="2" a="1"/>
  <c r="F491" i="2" s="1"/>
  <c r="F503" i="2" a="1"/>
  <c r="F503" i="2" s="1"/>
  <c r="F501" i="2" a="1"/>
  <c r="F501" i="2" s="1"/>
  <c r="F492" i="2" a="1"/>
  <c r="F492" i="2" s="1"/>
  <c r="F498" i="2" a="1"/>
  <c r="F498" i="2" s="1"/>
  <c r="F493" i="2" a="1"/>
  <c r="F493" i="2" s="1"/>
  <c r="F495" i="2" a="1"/>
  <c r="F495" i="2" s="1"/>
  <c r="F508" i="2" a="1"/>
  <c r="F508" i="2" s="1"/>
  <c r="F504" i="2" a="1"/>
  <c r="F504" i="2" s="1"/>
  <c r="F499" i="2" a="1"/>
  <c r="F499" i="2" s="1"/>
  <c r="F505" i="2" a="1"/>
  <c r="F505" i="2" s="1"/>
  <c r="F496" i="2" a="1"/>
  <c r="F496" i="2" s="1"/>
  <c r="F511" i="2" a="1"/>
  <c r="F511" i="2" s="1"/>
  <c r="F513" i="2" a="1"/>
  <c r="F513" i="2" s="1"/>
  <c r="F509" i="2" a="1"/>
  <c r="F509" i="2" s="1"/>
  <c r="F506" i="2" a="1"/>
  <c r="F506" i="2" s="1"/>
  <c r="F510" i="2" a="1"/>
  <c r="F510" i="2" s="1"/>
  <c r="E6770" i="2" a="1"/>
  <c r="E6770" i="2" s="1"/>
  <c r="E6767" i="2" a="1"/>
  <c r="E6767" i="2" s="1"/>
  <c r="E6763" i="2" a="1"/>
  <c r="E6763" i="2" s="1"/>
  <c r="E6771" i="2" a="1"/>
  <c r="E6771" i="2" s="1"/>
  <c r="E6760" i="2" a="1"/>
  <c r="E6760" i="2" s="1"/>
  <c r="E6764" i="2" a="1"/>
  <c r="E6764" i="2" s="1"/>
  <c r="E6772" i="2" a="1"/>
  <c r="E6772" i="2" s="1"/>
  <c r="E6757" i="2" a="1"/>
  <c r="E6757" i="2" s="1"/>
  <c r="E6755" i="2" a="1"/>
  <c r="E6755" i="2" s="1"/>
  <c r="E6758" i="2" a="1"/>
  <c r="E6758" i="2" s="1"/>
  <c r="E6759" i="2" a="1"/>
  <c r="E6759" i="2" s="1"/>
  <c r="E6761" i="2" a="1"/>
  <c r="E6761" i="2" s="1"/>
  <c r="E6769" i="2" a="1"/>
  <c r="E6769" i="2" s="1"/>
  <c r="E6766" i="2" a="1"/>
  <c r="E6766" i="2" s="1"/>
  <c r="E6777" i="2" a="1"/>
  <c r="E6777" i="2" s="1"/>
  <c r="E6754" i="2" a="1"/>
  <c r="E6754" i="2" s="1"/>
  <c r="E6775" i="2" a="1"/>
  <c r="E6775" i="2" s="1"/>
  <c r="E6776" i="2" a="1"/>
  <c r="E6776" i="2" s="1"/>
  <c r="E6762" i="2" a="1"/>
  <c r="E6762" i="2" s="1"/>
  <c r="E6768" i="2" a="1"/>
  <c r="E6768" i="2" s="1"/>
  <c r="E6773" i="2" a="1"/>
  <c r="E6773" i="2" s="1"/>
  <c r="E6765" i="2" a="1"/>
  <c r="E6765" i="2" s="1"/>
  <c r="E6756" i="2" a="1"/>
  <c r="E6756" i="2" s="1"/>
  <c r="E6774" i="2" a="1"/>
  <c r="E6774" i="2" s="1"/>
  <c r="D4363" i="2" a="1"/>
  <c r="D4363" i="2" s="1"/>
  <c r="D4355" i="2" a="1"/>
  <c r="D4355" i="2" s="1"/>
  <c r="D4360" i="2" a="1"/>
  <c r="D4360" i="2" s="1"/>
  <c r="D4372" i="2" a="1"/>
  <c r="D4372" i="2" s="1"/>
  <c r="D4376" i="2" a="1"/>
  <c r="D4376" i="2" s="1"/>
  <c r="D4368" i="2" a="1"/>
  <c r="D4368" i="2" s="1"/>
  <c r="D4357" i="2" a="1"/>
  <c r="D4357" i="2" s="1"/>
  <c r="D4369" i="2" a="1"/>
  <c r="D4369" i="2" s="1"/>
  <c r="D4364" i="2" a="1"/>
  <c r="D4364" i="2" s="1"/>
  <c r="D4370" i="2" a="1"/>
  <c r="D4370" i="2" s="1"/>
  <c r="D4359" i="2" a="1"/>
  <c r="D4359" i="2" s="1"/>
  <c r="D4361" i="2" a="1"/>
  <c r="D4361" i="2" s="1"/>
  <c r="D4371" i="2" a="1"/>
  <c r="D4371" i="2" s="1"/>
  <c r="D4366" i="2" a="1"/>
  <c r="D4366" i="2" s="1"/>
  <c r="D4377" i="2" a="1"/>
  <c r="D4377" i="2" s="1"/>
  <c r="D4356" i="2" a="1"/>
  <c r="D4356" i="2" s="1"/>
  <c r="D4374" i="2" a="1"/>
  <c r="D4374" i="2" s="1"/>
  <c r="D4365" i="2" a="1"/>
  <c r="D4365" i="2" s="1"/>
  <c r="D4373" i="2" a="1"/>
  <c r="D4373" i="2" s="1"/>
  <c r="D4375" i="2" a="1"/>
  <c r="D4375" i="2" s="1"/>
  <c r="D4367" i="2" a="1"/>
  <c r="D4367" i="2" s="1"/>
  <c r="D4362" i="2" a="1"/>
  <c r="D4362" i="2" s="1"/>
  <c r="D4354" i="2" a="1"/>
  <c r="D4354" i="2" s="1"/>
  <c r="D4358" i="2" a="1"/>
  <c r="D4358" i="2" s="1"/>
  <c r="H2023" i="2" a="1"/>
  <c r="H2023" i="2" s="1"/>
  <c r="H2015" i="2" a="1"/>
  <c r="H2015" i="2" s="1"/>
  <c r="H2025" i="2" a="1"/>
  <c r="H2025" i="2" s="1"/>
  <c r="H2017" i="2" a="1"/>
  <c r="H2017" i="2" s="1"/>
  <c r="H2009" i="2" a="1"/>
  <c r="H2009" i="2" s="1"/>
  <c r="H2004" i="2" a="1"/>
  <c r="H2004" i="2" s="1"/>
  <c r="H2020" i="2" a="1"/>
  <c r="H2020" i="2" s="1"/>
  <c r="H2005" i="2" a="1"/>
  <c r="H2005" i="2" s="1"/>
  <c r="H2012" i="2" a="1"/>
  <c r="H2012" i="2" s="1"/>
  <c r="H2010" i="2" a="1"/>
  <c r="H2010" i="2" s="1"/>
  <c r="H2013" i="2" a="1"/>
  <c r="H2013" i="2" s="1"/>
  <c r="H2018" i="2" a="1"/>
  <c r="H2018" i="2" s="1"/>
  <c r="H2014" i="2" a="1"/>
  <c r="H2014" i="2" s="1"/>
  <c r="H2019" i="2" a="1"/>
  <c r="H2019" i="2" s="1"/>
  <c r="H2006" i="2" a="1"/>
  <c r="H2006" i="2" s="1"/>
  <c r="H2007" i="2" a="1"/>
  <c r="H2007" i="2" s="1"/>
  <c r="H2011" i="2" a="1"/>
  <c r="H2011" i="2" s="1"/>
  <c r="H2003" i="2" a="1"/>
  <c r="H2003" i="2" s="1"/>
  <c r="H2008" i="2" a="1"/>
  <c r="H2008" i="2" s="1"/>
  <c r="H2024" i="2" a="1"/>
  <c r="H2024" i="2" s="1"/>
  <c r="H2016" i="2" a="1"/>
  <c r="H2016" i="2" s="1"/>
  <c r="H2021" i="2" a="1"/>
  <c r="H2021" i="2" s="1"/>
  <c r="H2022" i="2" a="1"/>
  <c r="H2022" i="2" s="1"/>
  <c r="H2002" i="2" a="1"/>
  <c r="H2002" i="2" s="1"/>
  <c r="F5918" i="2" a="1"/>
  <c r="F5918" i="2" s="1"/>
  <c r="F5920" i="2" a="1"/>
  <c r="F5920" i="2" s="1"/>
  <c r="F5935" i="2" a="1"/>
  <c r="F5935" i="2" s="1"/>
  <c r="F5923" i="2" a="1"/>
  <c r="F5923" i="2" s="1"/>
  <c r="F5927" i="2" a="1"/>
  <c r="F5927" i="2" s="1"/>
  <c r="F5917" i="2" a="1"/>
  <c r="F5917" i="2" s="1"/>
  <c r="F5921" i="2" a="1"/>
  <c r="F5921" i="2" s="1"/>
  <c r="F5932" i="2" a="1"/>
  <c r="F5932" i="2" s="1"/>
  <c r="F5936" i="2" a="1"/>
  <c r="F5936" i="2" s="1"/>
  <c r="F5914" i="2" a="1"/>
  <c r="F5914" i="2" s="1"/>
  <c r="F5915" i="2" a="1"/>
  <c r="F5915" i="2" s="1"/>
  <c r="F5928" i="2" a="1"/>
  <c r="F5928" i="2" s="1"/>
  <c r="F5916" i="2" a="1"/>
  <c r="F5916" i="2" s="1"/>
  <c r="F5929" i="2" a="1"/>
  <c r="F5929" i="2" s="1"/>
  <c r="F5933" i="2" a="1"/>
  <c r="F5933" i="2" s="1"/>
  <c r="F5924" i="2" a="1"/>
  <c r="F5924" i="2" s="1"/>
  <c r="F5925" i="2" a="1"/>
  <c r="F5925" i="2" s="1"/>
  <c r="F5931" i="2" a="1"/>
  <c r="F5931" i="2" s="1"/>
  <c r="F5926" i="2" a="1"/>
  <c r="F5926" i="2" s="1"/>
  <c r="F5919" i="2" a="1"/>
  <c r="F5919" i="2" s="1"/>
  <c r="F5922" i="2" a="1"/>
  <c r="F5922" i="2" s="1"/>
  <c r="F5930" i="2" a="1"/>
  <c r="F5930" i="2" s="1"/>
  <c r="F5934" i="2" a="1"/>
  <c r="F5934" i="2" s="1"/>
  <c r="F5937" i="2" a="1"/>
  <c r="F5937" i="2" s="1"/>
  <c r="D1595" i="2" a="1"/>
  <c r="D1595" i="2" s="1"/>
  <c r="D1599" i="2" a="1"/>
  <c r="D1599" i="2" s="1"/>
  <c r="D1602" i="2" a="1"/>
  <c r="D1602" i="2" s="1"/>
  <c r="D1607" i="2" a="1"/>
  <c r="D1607" i="2" s="1"/>
  <c r="D1610" i="2" a="1"/>
  <c r="D1610" i="2" s="1"/>
  <c r="D1614" i="2" a="1"/>
  <c r="D1614" i="2" s="1"/>
  <c r="D1613" i="2" a="1"/>
  <c r="D1613" i="2" s="1"/>
  <c r="D1597" i="2" a="1"/>
  <c r="D1597" i="2" s="1"/>
  <c r="D1601" i="2" a="1"/>
  <c r="D1601" i="2" s="1"/>
  <c r="D1604" i="2" a="1"/>
  <c r="D1604" i="2" s="1"/>
  <c r="D1609" i="2" a="1"/>
  <c r="D1609" i="2" s="1"/>
  <c r="D1617" i="2" a="1"/>
  <c r="D1617" i="2" s="1"/>
  <c r="D1596" i="2" a="1"/>
  <c r="D1596" i="2" s="1"/>
  <c r="D1600" i="2" a="1"/>
  <c r="D1600" i="2" s="1"/>
  <c r="D1605" i="2" a="1"/>
  <c r="D1605" i="2" s="1"/>
  <c r="D1608" i="2" a="1"/>
  <c r="D1608" i="2" s="1"/>
  <c r="D1612" i="2" a="1"/>
  <c r="D1612" i="2" s="1"/>
  <c r="D1616" i="2" a="1"/>
  <c r="D1616" i="2" s="1"/>
  <c r="D1594" i="2" a="1"/>
  <c r="D1594" i="2" s="1"/>
  <c r="D1598" i="2" a="1"/>
  <c r="D1598" i="2" s="1"/>
  <c r="D1615" i="2" a="1"/>
  <c r="D1615" i="2" s="1"/>
  <c r="D1603" i="2" a="1"/>
  <c r="D1603" i="2" s="1"/>
  <c r="D1606" i="2" a="1"/>
  <c r="D1606" i="2" s="1"/>
  <c r="D1611" i="2" a="1"/>
  <c r="D1611" i="2" s="1"/>
  <c r="F7954" i="2" a="1"/>
  <c r="F7954" i="2" s="1"/>
  <c r="F7972" i="2" a="1"/>
  <c r="F7972" i="2" s="1"/>
  <c r="F7962" i="2" a="1"/>
  <c r="F7962" i="2" s="1"/>
  <c r="F7970" i="2" a="1"/>
  <c r="F7970" i="2" s="1"/>
  <c r="F7965" i="2" a="1"/>
  <c r="F7965" i="2" s="1"/>
  <c r="F7977" i="2" a="1"/>
  <c r="F7977" i="2" s="1"/>
  <c r="F7969" i="2" a="1"/>
  <c r="F7969" i="2" s="1"/>
  <c r="H4276" i="2" a="1"/>
  <c r="H4276" i="2" s="1"/>
  <c r="H4266" i="2" a="1"/>
  <c r="H4266" i="2" s="1"/>
  <c r="H4260" i="2" a="1"/>
  <c r="H4260" i="2" s="1"/>
  <c r="H4281" i="2" a="1"/>
  <c r="H4281" i="2" s="1"/>
  <c r="H4264" i="2" a="1"/>
  <c r="H4264" i="2" s="1"/>
  <c r="H4265" i="2" a="1"/>
  <c r="H4265" i="2" s="1"/>
  <c r="H4272" i="2" a="1"/>
  <c r="H4272" i="2" s="1"/>
  <c r="H4273" i="2" a="1"/>
  <c r="H4273" i="2" s="1"/>
  <c r="H4280" i="2" a="1"/>
  <c r="H4280" i="2" s="1"/>
  <c r="H4274" i="2" a="1"/>
  <c r="H4274" i="2" s="1"/>
  <c r="H4263" i="2" a="1"/>
  <c r="H4263" i="2" s="1"/>
  <c r="H4267" i="2" a="1"/>
  <c r="H4267" i="2" s="1"/>
  <c r="H4269" i="2" a="1"/>
  <c r="H4269" i="2" s="1"/>
  <c r="H4270" i="2" a="1"/>
  <c r="H4270" i="2" s="1"/>
  <c r="H4278" i="2" a="1"/>
  <c r="H4278" i="2" s="1"/>
  <c r="H4271" i="2" a="1"/>
  <c r="H4271" i="2" s="1"/>
  <c r="H4258" i="2" a="1"/>
  <c r="H4258" i="2" s="1"/>
  <c r="H4259" i="2" a="1"/>
  <c r="H4259" i="2" s="1"/>
  <c r="H4275" i="2" a="1"/>
  <c r="H4275" i="2" s="1"/>
  <c r="H4261" i="2" a="1"/>
  <c r="H4261" i="2" s="1"/>
  <c r="H4279" i="2" a="1"/>
  <c r="H4279" i="2" s="1"/>
  <c r="H4277" i="2" a="1"/>
  <c r="H4277" i="2" s="1"/>
  <c r="H4262" i="2" a="1"/>
  <c r="H4262" i="2" s="1"/>
  <c r="G6116" i="2" a="1"/>
  <c r="G6116" i="2" s="1"/>
  <c r="G6122" i="2" a="1"/>
  <c r="G6122" i="2" s="1"/>
  <c r="G6126" i="2" a="1"/>
  <c r="G6126" i="2" s="1"/>
  <c r="G6128" i="2" a="1"/>
  <c r="G6128" i="2" s="1"/>
  <c r="G6123" i="2" a="1"/>
  <c r="G6123" i="2" s="1"/>
  <c r="G6106" i="2" a="1"/>
  <c r="G6106" i="2" s="1"/>
  <c r="G6117" i="2" a="1"/>
  <c r="G6117" i="2" s="1"/>
  <c r="G6111" i="2" a="1"/>
  <c r="G6111" i="2" s="1"/>
  <c r="G6107" i="2" a="1"/>
  <c r="G6107" i="2" s="1"/>
  <c r="G6129" i="2" a="1"/>
  <c r="G6129" i="2" s="1"/>
  <c r="G6112" i="2" a="1"/>
  <c r="G6112" i="2" s="1"/>
  <c r="G6109" i="2" a="1"/>
  <c r="G6109" i="2" s="1"/>
  <c r="G6118" i="2" a="1"/>
  <c r="G6118" i="2" s="1"/>
  <c r="G6124" i="2" a="1"/>
  <c r="G6124" i="2" s="1"/>
  <c r="G6110" i="2" a="1"/>
  <c r="G6110" i="2" s="1"/>
  <c r="G6119" i="2" a="1"/>
  <c r="G6119" i="2" s="1"/>
  <c r="G6114" i="2" a="1"/>
  <c r="G6114" i="2" s="1"/>
  <c r="G6108" i="2" a="1"/>
  <c r="G6108" i="2" s="1"/>
  <c r="G6125" i="2" a="1"/>
  <c r="G6125" i="2" s="1"/>
  <c r="G6113" i="2" a="1"/>
  <c r="G6113" i="2" s="1"/>
  <c r="G6115" i="2" a="1"/>
  <c r="G6115" i="2" s="1"/>
  <c r="G6120" i="2" a="1"/>
  <c r="G6120" i="2" s="1"/>
  <c r="G6127" i="2" a="1"/>
  <c r="G6127" i="2" s="1"/>
  <c r="G6121" i="2" a="1"/>
  <c r="G6121" i="2" s="1"/>
  <c r="E5183" i="2" a="1"/>
  <c r="E5183" i="2" s="1"/>
  <c r="E5177" i="2" a="1"/>
  <c r="E5177" i="2" s="1"/>
  <c r="E5172" i="2" a="1"/>
  <c r="E5172" i="2" s="1"/>
  <c r="E5173" i="2" a="1"/>
  <c r="E5173" i="2" s="1"/>
  <c r="E5180" i="2" a="1"/>
  <c r="E5180" i="2" s="1"/>
  <c r="E5182" i="2" a="1"/>
  <c r="E5182" i="2" s="1"/>
  <c r="E5184" i="2" a="1"/>
  <c r="E5184" i="2" s="1"/>
  <c r="E5181" i="2" a="1"/>
  <c r="E5181" i="2" s="1"/>
  <c r="E5190" i="2" a="1"/>
  <c r="E5190" i="2" s="1"/>
  <c r="E5191" i="2" a="1"/>
  <c r="E5191" i="2" s="1"/>
  <c r="E5188" i="2" a="1"/>
  <c r="E5188" i="2" s="1"/>
  <c r="E5193" i="2" a="1"/>
  <c r="E5193" i="2" s="1"/>
  <c r="E5185" i="2" a="1"/>
  <c r="E5185" i="2" s="1"/>
  <c r="E5189" i="2" a="1"/>
  <c r="E5189" i="2" s="1"/>
  <c r="E5187" i="2" a="1"/>
  <c r="E5187" i="2" s="1"/>
  <c r="E5178" i="2" a="1"/>
  <c r="E5178" i="2" s="1"/>
  <c r="E5170" i="2" a="1"/>
  <c r="E5170" i="2" s="1"/>
  <c r="E5171" i="2" a="1"/>
  <c r="E5171" i="2" s="1"/>
  <c r="E5174" i="2" a="1"/>
  <c r="E5174" i="2" s="1"/>
  <c r="E5175" i="2" a="1"/>
  <c r="E5175" i="2" s="1"/>
  <c r="E5179" i="2" a="1"/>
  <c r="E5179" i="2" s="1"/>
  <c r="E5186" i="2" a="1"/>
  <c r="E5186" i="2" s="1"/>
  <c r="E5176" i="2" a="1"/>
  <c r="E5176" i="2" s="1"/>
  <c r="E5192" i="2" a="1"/>
  <c r="E5192" i="2" s="1"/>
  <c r="E3923" i="2" a="1"/>
  <c r="E3923" i="2" s="1"/>
  <c r="E3933" i="2" a="1"/>
  <c r="E3933" i="2" s="1"/>
  <c r="E3944" i="2" a="1"/>
  <c r="E3944" i="2" s="1"/>
  <c r="E3924" i="2" a="1"/>
  <c r="E3924" i="2" s="1"/>
  <c r="E3926" i="2" a="1"/>
  <c r="E3926" i="2" s="1"/>
  <c r="E3938" i="2" a="1"/>
  <c r="E3938" i="2" s="1"/>
  <c r="E3928" i="2" a="1"/>
  <c r="E3928" i="2" s="1"/>
  <c r="E3939" i="2" a="1"/>
  <c r="E3939" i="2" s="1"/>
  <c r="E3945" i="2" a="1"/>
  <c r="E3945" i="2" s="1"/>
  <c r="E3941" i="2" a="1"/>
  <c r="E3941" i="2" s="1"/>
  <c r="E3922" i="2" a="1"/>
  <c r="E3922" i="2" s="1"/>
  <c r="E3935" i="2" a="1"/>
  <c r="E3935" i="2" s="1"/>
  <c r="E3925" i="2" a="1"/>
  <c r="E3925" i="2" s="1"/>
  <c r="E3940" i="2" a="1"/>
  <c r="E3940" i="2" s="1"/>
  <c r="E3936" i="2" a="1"/>
  <c r="E3936" i="2" s="1"/>
  <c r="E3937" i="2" a="1"/>
  <c r="E3937" i="2" s="1"/>
  <c r="E3934" i="2" a="1"/>
  <c r="E3934" i="2" s="1"/>
  <c r="E3931" i="2" a="1"/>
  <c r="E3931" i="2" s="1"/>
  <c r="E3932" i="2" a="1"/>
  <c r="E3932" i="2" s="1"/>
  <c r="E3943" i="2" a="1"/>
  <c r="E3943" i="2" s="1"/>
  <c r="E3929" i="2" a="1"/>
  <c r="E3929" i="2" s="1"/>
  <c r="E3930" i="2" a="1"/>
  <c r="E3930" i="2" s="1"/>
  <c r="E3942" i="2" a="1"/>
  <c r="E3942" i="2" s="1"/>
  <c r="E3927" i="2" a="1"/>
  <c r="E3927" i="2" s="1"/>
  <c r="E5949" i="2" a="1"/>
  <c r="E5949" i="2" s="1"/>
  <c r="E5952" i="2" a="1"/>
  <c r="E5952" i="2" s="1"/>
  <c r="E5960" i="2" a="1"/>
  <c r="E5960" i="2" s="1"/>
  <c r="E5957" i="2" a="1"/>
  <c r="E5957" i="2" s="1"/>
  <c r="E5954" i="2" a="1"/>
  <c r="E5954" i="2" s="1"/>
  <c r="E5939" i="2" a="1"/>
  <c r="E5939" i="2" s="1"/>
  <c r="H1470" i="2" a="1"/>
  <c r="H1470" i="2" s="1"/>
  <c r="H1455" i="2" a="1"/>
  <c r="H1455" i="2" s="1"/>
  <c r="H1458" i="2" a="1"/>
  <c r="H1458" i="2" s="1"/>
  <c r="H1471" i="2" a="1"/>
  <c r="H1471" i="2" s="1"/>
  <c r="H1462" i="2" a="1"/>
  <c r="H1462" i="2" s="1"/>
  <c r="H1456" i="2" a="1"/>
  <c r="H1456" i="2" s="1"/>
  <c r="H1452" i="2" a="1"/>
  <c r="H1452" i="2" s="1"/>
  <c r="H1460" i="2" a="1"/>
  <c r="H1460" i="2" s="1"/>
  <c r="H1466" i="2" a="1"/>
  <c r="H1466" i="2" s="1"/>
  <c r="H1468" i="2" a="1"/>
  <c r="H1468" i="2" s="1"/>
  <c r="H1453" i="2" a="1"/>
  <c r="H1453" i="2" s="1"/>
  <c r="H1464" i="2" a="1"/>
  <c r="H1464" i="2" s="1"/>
  <c r="H1465" i="2" a="1"/>
  <c r="H1465" i="2" s="1"/>
  <c r="H1451" i="2" a="1"/>
  <c r="H1451" i="2" s="1"/>
  <c r="H1472" i="2" a="1"/>
  <c r="H1472" i="2" s="1"/>
  <c r="H1459" i="2" a="1"/>
  <c r="H1459" i="2" s="1"/>
  <c r="H1461" i="2" a="1"/>
  <c r="H1461" i="2" s="1"/>
  <c r="H1463" i="2" a="1"/>
  <c r="H1463" i="2" s="1"/>
  <c r="H1454" i="2" a="1"/>
  <c r="H1454" i="2" s="1"/>
  <c r="H1457" i="2" a="1"/>
  <c r="H1457" i="2" s="1"/>
  <c r="H1469" i="2" a="1"/>
  <c r="H1469" i="2" s="1"/>
  <c r="H1467" i="2" a="1"/>
  <c r="H1467" i="2" s="1"/>
  <c r="H1450" i="2" a="1"/>
  <c r="H1450" i="2" s="1"/>
  <c r="H6756" i="2" a="1"/>
  <c r="H6756" i="2" s="1"/>
  <c r="H6775" i="2" a="1"/>
  <c r="H6775" i="2" s="1"/>
  <c r="H6757" i="2" a="1"/>
  <c r="H6757" i="2" s="1"/>
  <c r="H6764" i="2" a="1"/>
  <c r="H6764" i="2" s="1"/>
  <c r="H6771" i="2" a="1"/>
  <c r="H6771" i="2" s="1"/>
  <c r="H6765" i="2" a="1"/>
  <c r="H6765" i="2" s="1"/>
  <c r="H6760" i="2" a="1"/>
  <c r="H6760" i="2" s="1"/>
  <c r="H6767" i="2" a="1"/>
  <c r="H6767" i="2" s="1"/>
  <c r="H6772" i="2" a="1"/>
  <c r="H6772" i="2" s="1"/>
  <c r="H6768" i="2" a="1"/>
  <c r="H6768" i="2" s="1"/>
  <c r="H6776" i="2" a="1"/>
  <c r="H6776" i="2" s="1"/>
  <c r="H6762" i="2" a="1"/>
  <c r="H6762" i="2" s="1"/>
  <c r="H6769" i="2" a="1"/>
  <c r="H6769" i="2" s="1"/>
  <c r="H6777" i="2" a="1"/>
  <c r="H6777" i="2" s="1"/>
  <c r="H6758" i="2" a="1"/>
  <c r="H6758" i="2" s="1"/>
  <c r="H6754" i="2" a="1"/>
  <c r="H6754" i="2" s="1"/>
  <c r="H6770" i="2" a="1"/>
  <c r="H6770" i="2" s="1"/>
  <c r="H6774" i="2" a="1"/>
  <c r="H6774" i="2" s="1"/>
  <c r="H6761" i="2" a="1"/>
  <c r="H6761" i="2" s="1"/>
  <c r="H6755" i="2" a="1"/>
  <c r="H6755" i="2" s="1"/>
  <c r="H6759" i="2" a="1"/>
  <c r="H6759" i="2" s="1"/>
  <c r="H6766" i="2" a="1"/>
  <c r="H6766" i="2" s="1"/>
  <c r="H6763" i="2" a="1"/>
  <c r="H6763" i="2" s="1"/>
  <c r="H6773" i="2" a="1"/>
  <c r="H6773" i="2" s="1"/>
  <c r="D648" i="2" a="1"/>
  <c r="D648" i="2" s="1"/>
  <c r="D649" i="2" a="1"/>
  <c r="D649" i="2" s="1"/>
  <c r="D655" i="2" a="1"/>
  <c r="D655" i="2" s="1"/>
  <c r="D637" i="2" a="1"/>
  <c r="D637" i="2" s="1"/>
  <c r="D634" i="2" a="1"/>
  <c r="D634" i="2" s="1"/>
  <c r="D641" i="2" a="1"/>
  <c r="D641" i="2" s="1"/>
  <c r="D643" i="2" a="1"/>
  <c r="D643" i="2" s="1"/>
  <c r="D650" i="2" a="1"/>
  <c r="D650" i="2" s="1"/>
  <c r="D636" i="2" a="1"/>
  <c r="D636" i="2" s="1"/>
  <c r="D644" i="2" a="1"/>
  <c r="D644" i="2" s="1"/>
  <c r="D651" i="2" a="1"/>
  <c r="D651" i="2" s="1"/>
  <c r="D639" i="2" a="1"/>
  <c r="D639" i="2" s="1"/>
  <c r="D646" i="2" a="1"/>
  <c r="D646" i="2" s="1"/>
  <c r="D640" i="2" a="1"/>
  <c r="D640" i="2" s="1"/>
  <c r="D647" i="2" a="1"/>
  <c r="D647" i="2" s="1"/>
  <c r="D657" i="2" a="1"/>
  <c r="D657" i="2" s="1"/>
  <c r="D654" i="2" a="1"/>
  <c r="D654" i="2" s="1"/>
  <c r="D656" i="2" a="1"/>
  <c r="D656" i="2" s="1"/>
  <c r="D638" i="2" a="1"/>
  <c r="D638" i="2" s="1"/>
  <c r="D645" i="2" a="1"/>
  <c r="D645" i="2" s="1"/>
  <c r="D652" i="2" a="1"/>
  <c r="D652" i="2" s="1"/>
  <c r="D635" i="2" a="1"/>
  <c r="D635" i="2" s="1"/>
  <c r="D642" i="2" a="1"/>
  <c r="D642" i="2" s="1"/>
  <c r="D653" i="2" a="1"/>
  <c r="D653" i="2" s="1"/>
  <c r="F6986" i="2" a="1"/>
  <c r="F6986" i="2" s="1"/>
  <c r="F6993" i="2" a="1"/>
  <c r="F6993" i="2" s="1"/>
  <c r="F6974" i="2" a="1"/>
  <c r="F6974" i="2" s="1"/>
  <c r="F6983" i="2" a="1"/>
  <c r="F6983" i="2" s="1"/>
  <c r="F6981" i="2" a="1"/>
  <c r="F6981" i="2" s="1"/>
  <c r="F6987" i="2" a="1"/>
  <c r="F6987" i="2" s="1"/>
  <c r="F6971" i="2" a="1"/>
  <c r="F6971" i="2" s="1"/>
  <c r="F6970" i="2" a="1"/>
  <c r="F6970" i="2" s="1"/>
  <c r="F6990" i="2" a="1"/>
  <c r="F6990" i="2" s="1"/>
  <c r="F6978" i="2" a="1"/>
  <c r="F6978" i="2" s="1"/>
  <c r="F6973" i="2" a="1"/>
  <c r="F6973" i="2" s="1"/>
  <c r="F6977" i="2" a="1"/>
  <c r="F6977" i="2" s="1"/>
  <c r="F6985" i="2" a="1"/>
  <c r="F6985" i="2" s="1"/>
  <c r="F6989" i="2" a="1"/>
  <c r="F6989" i="2" s="1"/>
  <c r="F6991" i="2" a="1"/>
  <c r="F6991" i="2" s="1"/>
  <c r="F6982" i="2" a="1"/>
  <c r="F6982" i="2" s="1"/>
  <c r="F6972" i="2" a="1"/>
  <c r="F6972" i="2" s="1"/>
  <c r="F6988" i="2" a="1"/>
  <c r="F6988" i="2" s="1"/>
  <c r="F6984" i="2" a="1"/>
  <c r="F6984" i="2" s="1"/>
  <c r="F6976" i="2" a="1"/>
  <c r="F6976" i="2" s="1"/>
  <c r="F6992" i="2" a="1"/>
  <c r="F6992" i="2" s="1"/>
  <c r="F6975" i="2" a="1"/>
  <c r="F6975" i="2" s="1"/>
  <c r="F6979" i="2" a="1"/>
  <c r="F6979" i="2" s="1"/>
  <c r="F6980" i="2" a="1"/>
  <c r="F6980" i="2" s="1"/>
  <c r="H2593" i="2" a="1"/>
  <c r="H2593" i="2" s="1"/>
  <c r="H2589" i="2" a="1"/>
  <c r="H2589" i="2" s="1"/>
  <c r="H2586" i="2" a="1"/>
  <c r="H2586" i="2" s="1"/>
  <c r="H2599" i="2" a="1"/>
  <c r="H2599" i="2" s="1"/>
  <c r="H2583" i="2" a="1"/>
  <c r="H2583" i="2" s="1"/>
  <c r="H2594" i="2" a="1"/>
  <c r="H2594" i="2" s="1"/>
  <c r="E1434" i="2" a="1"/>
  <c r="E1434" i="2" s="1"/>
  <c r="E1440" i="2" a="1"/>
  <c r="E1440" i="2" s="1"/>
  <c r="E1444" i="2" a="1"/>
  <c r="E1444" i="2" s="1"/>
  <c r="E1435" i="2" a="1"/>
  <c r="E1435" i="2" s="1"/>
  <c r="E1445" i="2" a="1"/>
  <c r="E1445" i="2" s="1"/>
  <c r="E1436" i="2" a="1"/>
  <c r="E1436" i="2" s="1"/>
  <c r="E1429" i="2" a="1"/>
  <c r="E1429" i="2" s="1"/>
  <c r="E1443" i="2" a="1"/>
  <c r="E1443" i="2" s="1"/>
  <c r="E1437" i="2" a="1"/>
  <c r="E1437" i="2" s="1"/>
  <c r="E1431" i="2" a="1"/>
  <c r="E1431" i="2" s="1"/>
  <c r="E1432" i="2" a="1"/>
  <c r="E1432" i="2" s="1"/>
  <c r="E1447" i="2" a="1"/>
  <c r="E1447" i="2" s="1"/>
  <c r="E1427" i="2" a="1"/>
  <c r="E1427" i="2" s="1"/>
  <c r="E1433" i="2" a="1"/>
  <c r="E1433" i="2" s="1"/>
  <c r="E1441" i="2" a="1"/>
  <c r="E1441" i="2" s="1"/>
  <c r="E1446" i="2" a="1"/>
  <c r="E1446" i="2" s="1"/>
  <c r="E1442" i="2" a="1"/>
  <c r="E1442" i="2" s="1"/>
  <c r="E1438" i="2" a="1"/>
  <c r="E1438" i="2" s="1"/>
  <c r="E1426" i="2" a="1"/>
  <c r="E1426" i="2" s="1"/>
  <c r="E1430" i="2" a="1"/>
  <c r="E1430" i="2" s="1"/>
  <c r="E1439" i="2" a="1"/>
  <c r="E1439" i="2" s="1"/>
  <c r="E1449" i="2" a="1"/>
  <c r="E1449" i="2" s="1"/>
  <c r="G2594" i="2" a="1"/>
  <c r="G2594" i="2" s="1"/>
  <c r="G2596" i="2" a="1"/>
  <c r="G2596" i="2" s="1"/>
  <c r="G2595" i="2" a="1"/>
  <c r="G2595" i="2" s="1"/>
  <c r="G2578" i="2" a="1"/>
  <c r="G2578" i="2" s="1"/>
  <c r="G2591" i="2" a="1"/>
  <c r="G2591" i="2" s="1"/>
  <c r="G2593" i="2" a="1"/>
  <c r="G2593" i="2" s="1"/>
  <c r="G2590" i="2" a="1"/>
  <c r="G2590" i="2" s="1"/>
  <c r="G2580" i="2" a="1"/>
  <c r="G2580" i="2" s="1"/>
  <c r="G2584" i="2" a="1"/>
  <c r="G2584" i="2" s="1"/>
  <c r="G2600" i="2" a="1"/>
  <c r="G2600" i="2" s="1"/>
  <c r="G2599" i="2" a="1"/>
  <c r="G2599" i="2" s="1"/>
  <c r="G2598" i="2" a="1"/>
  <c r="G2598" i="2" s="1"/>
  <c r="G2601" i="2" a="1"/>
  <c r="G2601" i="2" s="1"/>
  <c r="G2588" i="2" a="1"/>
  <c r="G2588" i="2" s="1"/>
  <c r="G2589" i="2" a="1"/>
  <c r="G2589" i="2" s="1"/>
  <c r="G2581" i="2" a="1"/>
  <c r="G2581" i="2" s="1"/>
  <c r="G2583" i="2" a="1"/>
  <c r="G2583" i="2" s="1"/>
  <c r="G2586" i="2" a="1"/>
  <c r="G2586" i="2" s="1"/>
  <c r="G2587" i="2" a="1"/>
  <c r="G2587" i="2" s="1"/>
  <c r="G2582" i="2" a="1"/>
  <c r="G2582" i="2" s="1"/>
  <c r="G2579" i="2" a="1"/>
  <c r="G2579" i="2" s="1"/>
  <c r="G2585" i="2" a="1"/>
  <c r="G2585" i="2" s="1"/>
  <c r="G2597" i="2" a="1"/>
  <c r="G2597" i="2" s="1"/>
  <c r="G2592" i="2" a="1"/>
  <c r="G2592" i="2" s="1"/>
  <c r="G8440" i="2" a="1"/>
  <c r="G8440" i="2" s="1"/>
  <c r="G8442" i="2" a="1"/>
  <c r="G8442" i="2" s="1"/>
  <c r="G8449" i="2" a="1"/>
  <c r="G8449" i="2" s="1"/>
  <c r="G8441" i="2" a="1"/>
  <c r="G8441" i="2" s="1"/>
  <c r="G8451" i="2" a="1"/>
  <c r="G8451" i="2" s="1"/>
  <c r="G8445" i="2" a="1"/>
  <c r="G8445" i="2" s="1"/>
  <c r="G8436" i="2" a="1"/>
  <c r="G8436" i="2" s="1"/>
  <c r="G8454" i="2" a="1"/>
  <c r="G8454" i="2" s="1"/>
  <c r="G8453" i="2" a="1"/>
  <c r="G8453" i="2" s="1"/>
  <c r="G8446" i="2" a="1"/>
  <c r="G8446" i="2" s="1"/>
  <c r="G8434" i="2" a="1"/>
  <c r="G8434" i="2" s="1"/>
  <c r="G8456" i="2" a="1"/>
  <c r="G8456" i="2" s="1"/>
  <c r="G8435" i="2" a="1"/>
  <c r="G8435" i="2" s="1"/>
  <c r="G8447" i="2" a="1"/>
  <c r="G8447" i="2" s="1"/>
  <c r="G8437" i="2" a="1"/>
  <c r="G8437" i="2" s="1"/>
  <c r="G8444" i="2" a="1"/>
  <c r="G8444" i="2" s="1"/>
  <c r="G8438" i="2" a="1"/>
  <c r="G8438" i="2" s="1"/>
  <c r="G8457" i="2" a="1"/>
  <c r="G8457" i="2" s="1"/>
  <c r="G8455" i="2" a="1"/>
  <c r="G8455" i="2" s="1"/>
  <c r="G8452" i="2" a="1"/>
  <c r="G8452" i="2" s="1"/>
  <c r="G8450" i="2" a="1"/>
  <c r="G8450" i="2" s="1"/>
  <c r="G8443" i="2" a="1"/>
  <c r="G8443" i="2" s="1"/>
  <c r="G8439" i="2" a="1"/>
  <c r="G8439" i="2" s="1"/>
  <c r="G8448" i="2" a="1"/>
  <c r="G8448" i="2" s="1"/>
  <c r="G2771" i="2" a="1"/>
  <c r="G2771" i="2" s="1"/>
  <c r="G2787" i="2" a="1"/>
  <c r="G2787" i="2" s="1"/>
  <c r="G2776" i="2" a="1"/>
  <c r="G2776" i="2" s="1"/>
  <c r="G2782" i="2" a="1"/>
  <c r="G2782" i="2" s="1"/>
  <c r="G2777" i="2" a="1"/>
  <c r="G2777" i="2" s="1"/>
  <c r="G2770" i="2" a="1"/>
  <c r="G2770" i="2" s="1"/>
  <c r="G2778" i="2" a="1"/>
  <c r="G2778" i="2" s="1"/>
  <c r="G2783" i="2" a="1"/>
  <c r="G2783" i="2" s="1"/>
  <c r="G2779" i="2" a="1"/>
  <c r="G2779" i="2" s="1"/>
  <c r="G2792" i="2" a="1"/>
  <c r="G2792" i="2" s="1"/>
  <c r="G2780" i="2" a="1"/>
  <c r="G2780" i="2" s="1"/>
  <c r="G2772" i="2" a="1"/>
  <c r="G2772" i="2" s="1"/>
  <c r="G2775" i="2" a="1"/>
  <c r="G2775" i="2" s="1"/>
  <c r="G2784" i="2" a="1"/>
  <c r="G2784" i="2" s="1"/>
  <c r="G2790" i="2" a="1"/>
  <c r="G2790" i="2" s="1"/>
  <c r="G2785" i="2" a="1"/>
  <c r="G2785" i="2" s="1"/>
  <c r="G2793" i="2" a="1"/>
  <c r="G2793" i="2" s="1"/>
  <c r="G2773" i="2" a="1"/>
  <c r="G2773" i="2" s="1"/>
  <c r="G2788" i="2" a="1"/>
  <c r="G2788" i="2" s="1"/>
  <c r="G2786" i="2" a="1"/>
  <c r="G2786" i="2" s="1"/>
  <c r="G2791" i="2" a="1"/>
  <c r="G2791" i="2" s="1"/>
  <c r="G2789" i="2" a="1"/>
  <c r="G2789" i="2" s="1"/>
  <c r="G2781" i="2" a="1"/>
  <c r="G2781" i="2" s="1"/>
  <c r="G2774" i="2" a="1"/>
  <c r="G2774" i="2" s="1"/>
  <c r="F6194" i="2" a="1"/>
  <c r="F6194" i="2" s="1"/>
  <c r="F6178" i="2" a="1"/>
  <c r="F6178" i="2" s="1"/>
  <c r="F6199" i="2" a="1"/>
  <c r="F6199" i="2" s="1"/>
  <c r="F6188" i="2" a="1"/>
  <c r="F6188" i="2" s="1"/>
  <c r="D8771" i="2" a="1"/>
  <c r="D8771" i="2" s="1"/>
  <c r="D8775" i="2" a="1"/>
  <c r="D8775" i="2" s="1"/>
  <c r="D8779" i="2" a="1"/>
  <c r="D8779" i="2" s="1"/>
  <c r="D8783" i="2" a="1"/>
  <c r="D8783" i="2" s="1"/>
  <c r="D8787" i="2" a="1"/>
  <c r="D8787" i="2" s="1"/>
  <c r="D8791" i="2" a="1"/>
  <c r="D8791" i="2" s="1"/>
  <c r="D8770" i="2" a="1"/>
  <c r="D8770" i="2" s="1"/>
  <c r="D8774" i="2" a="1"/>
  <c r="D8774" i="2" s="1"/>
  <c r="D8773" i="2" a="1"/>
  <c r="D8773" i="2" s="1"/>
  <c r="D8777" i="2" a="1"/>
  <c r="D8777" i="2" s="1"/>
  <c r="D8781" i="2" a="1"/>
  <c r="D8781" i="2" s="1"/>
  <c r="D8785" i="2" a="1"/>
  <c r="D8785" i="2" s="1"/>
  <c r="D8780" i="2" a="1"/>
  <c r="D8780" i="2" s="1"/>
  <c r="D8789" i="2" a="1"/>
  <c r="D8789" i="2" s="1"/>
  <c r="D8784" i="2" a="1"/>
  <c r="D8784" i="2" s="1"/>
  <c r="D8778" i="2" a="1"/>
  <c r="D8778" i="2" s="1"/>
  <c r="D8772" i="2" a="1"/>
  <c r="D8772" i="2" s="1"/>
  <c r="D8786" i="2" a="1"/>
  <c r="D8786" i="2" s="1"/>
  <c r="D8793" i="2" a="1"/>
  <c r="D8793" i="2" s="1"/>
  <c r="D8788" i="2" a="1"/>
  <c r="D8788" i="2" s="1"/>
  <c r="D8782" i="2" a="1"/>
  <c r="D8782" i="2" s="1"/>
  <c r="D8790" i="2" a="1"/>
  <c r="D8790" i="2" s="1"/>
  <c r="D8792" i="2" a="1"/>
  <c r="D8792" i="2" s="1"/>
  <c r="G3725" i="2" a="1"/>
  <c r="G3725" i="2" s="1"/>
  <c r="G3707" i="2" a="1"/>
  <c r="G3707" i="2" s="1"/>
  <c r="G3727" i="2" a="1"/>
  <c r="G3727" i="2" s="1"/>
  <c r="G3716" i="2" a="1"/>
  <c r="G3716" i="2" s="1"/>
  <c r="G3728" i="2" a="1"/>
  <c r="G3728" i="2" s="1"/>
  <c r="G3708" i="2" a="1"/>
  <c r="G3708" i="2" s="1"/>
  <c r="G3713" i="2" a="1"/>
  <c r="G3713" i="2" s="1"/>
  <c r="G3715" i="2" a="1"/>
  <c r="G3715" i="2" s="1"/>
  <c r="G3714" i="2" a="1"/>
  <c r="G3714" i="2" s="1"/>
  <c r="G3726" i="2" a="1"/>
  <c r="G3726" i="2" s="1"/>
  <c r="G3723" i="2" a="1"/>
  <c r="G3723" i="2" s="1"/>
  <c r="G3729" i="2" a="1"/>
  <c r="G3729" i="2" s="1"/>
  <c r="G3711" i="2" a="1"/>
  <c r="G3711" i="2" s="1"/>
  <c r="G3709" i="2" a="1"/>
  <c r="G3709" i="2" s="1"/>
  <c r="G3719" i="2" a="1"/>
  <c r="G3719" i="2" s="1"/>
  <c r="G3720" i="2" a="1"/>
  <c r="G3720" i="2" s="1"/>
  <c r="G3710" i="2" a="1"/>
  <c r="G3710" i="2" s="1"/>
  <c r="G3722" i="2" a="1"/>
  <c r="G3722" i="2" s="1"/>
  <c r="G3712" i="2" a="1"/>
  <c r="G3712" i="2" s="1"/>
  <c r="G3718" i="2" a="1"/>
  <c r="G3718" i="2" s="1"/>
  <c r="G3706" i="2" a="1"/>
  <c r="G3706" i="2" s="1"/>
  <c r="G3717" i="2" a="1"/>
  <c r="G3717" i="2" s="1"/>
  <c r="G3721" i="2" a="1"/>
  <c r="G3721" i="2" s="1"/>
  <c r="G3724" i="2" a="1"/>
  <c r="G3724" i="2" s="1"/>
  <c r="G8430" i="2" a="1"/>
  <c r="G8430" i="2" s="1"/>
  <c r="G8411" i="2" a="1"/>
  <c r="G8411" i="2" s="1"/>
  <c r="G8415" i="2" a="1"/>
  <c r="G8415" i="2" s="1"/>
  <c r="G8426" i="2" a="1"/>
  <c r="G8426" i="2" s="1"/>
  <c r="G8425" i="2" a="1"/>
  <c r="G8425" i="2" s="1"/>
  <c r="G8417" i="2" a="1"/>
  <c r="G8417" i="2" s="1"/>
  <c r="G8418" i="2" a="1"/>
  <c r="G8418" i="2" s="1"/>
  <c r="G8421" i="2" a="1"/>
  <c r="G8421" i="2" s="1"/>
  <c r="G8414" i="2" a="1"/>
  <c r="G8414" i="2" s="1"/>
  <c r="G8428" i="2" a="1"/>
  <c r="G8428" i="2" s="1"/>
  <c r="G8422" i="2" a="1"/>
  <c r="G8422" i="2" s="1"/>
  <c r="G8431" i="2" a="1"/>
  <c r="G8431" i="2" s="1"/>
  <c r="G8423" i="2" a="1"/>
  <c r="G8423" i="2" s="1"/>
  <c r="G8416" i="2" a="1"/>
  <c r="G8416" i="2" s="1"/>
  <c r="G8429" i="2" a="1"/>
  <c r="G8429" i="2" s="1"/>
  <c r="G8424" i="2" a="1"/>
  <c r="G8424" i="2" s="1"/>
  <c r="G8419" i="2" a="1"/>
  <c r="G8419" i="2" s="1"/>
  <c r="G8410" i="2" a="1"/>
  <c r="G8410" i="2" s="1"/>
  <c r="G8432" i="2" a="1"/>
  <c r="G8432" i="2" s="1"/>
  <c r="G8412" i="2" a="1"/>
  <c r="G8412" i="2" s="1"/>
  <c r="G8420" i="2" a="1"/>
  <c r="G8420" i="2" s="1"/>
  <c r="G8413" i="2" a="1"/>
  <c r="G8413" i="2" s="1"/>
  <c r="G8433" i="2" a="1"/>
  <c r="G8433" i="2" s="1"/>
  <c r="G8427" i="2" a="1"/>
  <c r="G8427" i="2" s="1"/>
  <c r="F8229" i="2" a="1"/>
  <c r="F8229" i="2" s="1"/>
  <c r="F8239" i="2" a="1"/>
  <c r="F8239" i="2" s="1"/>
  <c r="F8225" i="2" a="1"/>
  <c r="F8225" i="2" s="1"/>
  <c r="F8219" i="2" a="1"/>
  <c r="F8219" i="2" s="1"/>
  <c r="D6080" i="2" a="1"/>
  <c r="D6080" i="2" s="1"/>
  <c r="D6071" i="2" a="1"/>
  <c r="D6071" i="2" s="1"/>
  <c r="D6067" i="2" a="1"/>
  <c r="D6067" i="2" s="1"/>
  <c r="D6073" i="2" a="1"/>
  <c r="D6073" i="2" s="1"/>
  <c r="D6068" i="2" a="1"/>
  <c r="D6068" i="2" s="1"/>
  <c r="D6081" i="2" a="1"/>
  <c r="D6081" i="2" s="1"/>
  <c r="D6062" i="2" a="1"/>
  <c r="D6062" i="2" s="1"/>
  <c r="D6059" i="2" a="1"/>
  <c r="D6059" i="2" s="1"/>
  <c r="D6075" i="2" a="1"/>
  <c r="D6075" i="2" s="1"/>
  <c r="D6066" i="2" a="1"/>
  <c r="D6066" i="2" s="1"/>
  <c r="D6074" i="2" a="1"/>
  <c r="D6074" i="2" s="1"/>
  <c r="D6061" i="2" a="1"/>
  <c r="D6061" i="2" s="1"/>
  <c r="D6070" i="2" a="1"/>
  <c r="D6070" i="2" s="1"/>
  <c r="D6060" i="2" a="1"/>
  <c r="D6060" i="2" s="1"/>
  <c r="D6076" i="2" a="1"/>
  <c r="D6076" i="2" s="1"/>
  <c r="D6058" i="2" a="1"/>
  <c r="D6058" i="2" s="1"/>
  <c r="D6065" i="2" a="1"/>
  <c r="D6065" i="2" s="1"/>
  <c r="D6064" i="2" a="1"/>
  <c r="D6064" i="2" s="1"/>
  <c r="D6069" i="2" a="1"/>
  <c r="D6069" i="2" s="1"/>
  <c r="D6063" i="2" a="1"/>
  <c r="D6063" i="2" s="1"/>
  <c r="D6072" i="2" a="1"/>
  <c r="D6072" i="2" s="1"/>
  <c r="D6077" i="2" a="1"/>
  <c r="D6077" i="2" s="1"/>
  <c r="D6078" i="2" a="1"/>
  <c r="D6078" i="2" s="1"/>
  <c r="D6079" i="2" a="1"/>
  <c r="D6079" i="2" s="1"/>
  <c r="H3203" i="2" a="1"/>
  <c r="H3203" i="2" s="1"/>
  <c r="H3219" i="2" a="1"/>
  <c r="H3219" i="2" s="1"/>
  <c r="H3223" i="2" a="1"/>
  <c r="H3223" i="2" s="1"/>
  <c r="H3215" i="2" a="1"/>
  <c r="H3215" i="2" s="1"/>
  <c r="H3217" i="2" a="1"/>
  <c r="H3217" i="2" s="1"/>
  <c r="H3210" i="2" a="1"/>
  <c r="H3210" i="2" s="1"/>
  <c r="H3206" i="2" a="1"/>
  <c r="H3206" i="2" s="1"/>
  <c r="H3218" i="2" a="1"/>
  <c r="H3218" i="2" s="1"/>
  <c r="H3204" i="2" a="1"/>
  <c r="H3204" i="2" s="1"/>
  <c r="H3209" i="2" a="1"/>
  <c r="H3209" i="2" s="1"/>
  <c r="H3213" i="2" a="1"/>
  <c r="H3213" i="2" s="1"/>
  <c r="H3205" i="2" a="1"/>
  <c r="H3205" i="2" s="1"/>
  <c r="H3211" i="2" a="1"/>
  <c r="H3211" i="2" s="1"/>
  <c r="H3221" i="2" a="1"/>
  <c r="H3221" i="2" s="1"/>
  <c r="H3207" i="2" a="1"/>
  <c r="H3207" i="2" s="1"/>
  <c r="H3225" i="2" a="1"/>
  <c r="H3225" i="2" s="1"/>
  <c r="H3214" i="2" a="1"/>
  <c r="H3214" i="2" s="1"/>
  <c r="H3216" i="2" a="1"/>
  <c r="H3216" i="2" s="1"/>
  <c r="H3222" i="2" a="1"/>
  <c r="H3222" i="2" s="1"/>
  <c r="H3220" i="2" a="1"/>
  <c r="H3220" i="2" s="1"/>
  <c r="H3208" i="2" a="1"/>
  <c r="H3208" i="2" s="1"/>
  <c r="H3202" i="2" a="1"/>
  <c r="H3202" i="2" s="1"/>
  <c r="H3212" i="2" a="1"/>
  <c r="H3212" i="2" s="1"/>
  <c r="H3224" i="2" a="1"/>
  <c r="H3224" i="2" s="1"/>
  <c r="E3546" i="2" a="1"/>
  <c r="E3546" i="2" s="1"/>
  <c r="E3554" i="2" a="1"/>
  <c r="E3554" i="2" s="1"/>
  <c r="E3540" i="2" a="1"/>
  <c r="E3540" i="2" s="1"/>
  <c r="E3543" i="2" a="1"/>
  <c r="E3543" i="2" s="1"/>
  <c r="E3550" i="2" a="1"/>
  <c r="E3550" i="2" s="1"/>
  <c r="E3557" i="2" a="1"/>
  <c r="E3557" i="2" s="1"/>
  <c r="E3555" i="2" a="1"/>
  <c r="E3555" i="2" s="1"/>
  <c r="E3547" i="2" a="1"/>
  <c r="E3547" i="2" s="1"/>
  <c r="E3545" i="2" a="1"/>
  <c r="E3545" i="2" s="1"/>
  <c r="E3541" i="2" a="1"/>
  <c r="E3541" i="2" s="1"/>
  <c r="E3548" i="2" a="1"/>
  <c r="E3548" i="2" s="1"/>
  <c r="E3551" i="2" a="1"/>
  <c r="E3551" i="2" s="1"/>
  <c r="E3539" i="2" a="1"/>
  <c r="E3539" i="2" s="1"/>
  <c r="E3552" i="2" a="1"/>
  <c r="E3552" i="2" s="1"/>
  <c r="E3561" i="2" a="1"/>
  <c r="E3561" i="2" s="1"/>
  <c r="E3553" i="2" a="1"/>
  <c r="E3553" i="2" s="1"/>
  <c r="E3542" i="2" a="1"/>
  <c r="E3542" i="2" s="1"/>
  <c r="E3538" i="2" a="1"/>
  <c r="E3538" i="2" s="1"/>
  <c r="E3559" i="2" a="1"/>
  <c r="E3559" i="2" s="1"/>
  <c r="H1829" i="2" a="1"/>
  <c r="H1829" i="2" s="1"/>
  <c r="H1811" i="2" a="1"/>
  <c r="H1811" i="2" s="1"/>
  <c r="H1827" i="2" a="1"/>
  <c r="H1827" i="2" s="1"/>
  <c r="H1825" i="2" a="1"/>
  <c r="H1825" i="2" s="1"/>
  <c r="H1820" i="2" a="1"/>
  <c r="H1820" i="2" s="1"/>
  <c r="H1810" i="2" a="1"/>
  <c r="H1810" i="2" s="1"/>
  <c r="H1816" i="2" a="1"/>
  <c r="H1816" i="2" s="1"/>
  <c r="H1818" i="2" a="1"/>
  <c r="H1818" i="2" s="1"/>
  <c r="H1821" i="2" a="1"/>
  <c r="H1821" i="2" s="1"/>
  <c r="H1832" i="2" a="1"/>
  <c r="H1832" i="2" s="1"/>
  <c r="H1823" i="2" a="1"/>
  <c r="H1823" i="2" s="1"/>
  <c r="H1831" i="2" a="1"/>
  <c r="H1831" i="2" s="1"/>
  <c r="H1822" i="2" a="1"/>
  <c r="H1822" i="2" s="1"/>
  <c r="H1824" i="2" a="1"/>
  <c r="H1824" i="2" s="1"/>
  <c r="H1826" i="2" a="1"/>
  <c r="H1826" i="2" s="1"/>
  <c r="H1813" i="2" a="1"/>
  <c r="H1813" i="2" s="1"/>
  <c r="H1814" i="2" a="1"/>
  <c r="H1814" i="2" s="1"/>
  <c r="H1817" i="2" a="1"/>
  <c r="H1817" i="2" s="1"/>
  <c r="H1828" i="2" a="1"/>
  <c r="H1828" i="2" s="1"/>
  <c r="H1819" i="2" a="1"/>
  <c r="H1819" i="2" s="1"/>
  <c r="D7451" i="2" a="1"/>
  <c r="D7451" i="2" s="1"/>
  <c r="D7455" i="2" a="1"/>
  <c r="D7455" i="2" s="1"/>
  <c r="D7463" i="2" a="1"/>
  <c r="D7463" i="2" s="1"/>
  <c r="D7454" i="2" a="1"/>
  <c r="D7454" i="2" s="1"/>
  <c r="D7466" i="2" a="1"/>
  <c r="D7466" i="2" s="1"/>
  <c r="D7457" i="2" a="1"/>
  <c r="D7457" i="2" s="1"/>
  <c r="D7465" i="2" a="1"/>
  <c r="D7465" i="2" s="1"/>
  <c r="D7471" i="2" a="1"/>
  <c r="D7471" i="2" s="1"/>
  <c r="D7450" i="2" a="1"/>
  <c r="D7450" i="2" s="1"/>
  <c r="D7458" i="2" a="1"/>
  <c r="D7458" i="2" s="1"/>
  <c r="D7462" i="2" a="1"/>
  <c r="D7462" i="2" s="1"/>
  <c r="D7470" i="2" a="1"/>
  <c r="D7470" i="2" s="1"/>
  <c r="D7452" i="2" a="1"/>
  <c r="D7452" i="2" s="1"/>
  <c r="D7460" i="2" a="1"/>
  <c r="D7460" i="2" s="1"/>
  <c r="D7464" i="2" a="1"/>
  <c r="D7464" i="2" s="1"/>
  <c r="D7472" i="2" a="1"/>
  <c r="D7472" i="2" s="1"/>
  <c r="D7453" i="2" a="1"/>
  <c r="D7453" i="2" s="1"/>
  <c r="D7461" i="2" a="1"/>
  <c r="D7461" i="2" s="1"/>
  <c r="D7469" i="2" a="1"/>
  <c r="D7469" i="2" s="1"/>
  <c r="D7473" i="2" a="1"/>
  <c r="D7473" i="2" s="1"/>
  <c r="D7459" i="2" a="1"/>
  <c r="D7459" i="2" s="1"/>
  <c r="D7467" i="2" a="1"/>
  <c r="D7467" i="2" s="1"/>
  <c r="D7456" i="2" a="1"/>
  <c r="D7456" i="2" s="1"/>
  <c r="D7468" i="2" a="1"/>
  <c r="D7468" i="2" s="1"/>
  <c r="H400" i="2" a="1"/>
  <c r="H400" i="2" s="1"/>
  <c r="H412" i="2" a="1"/>
  <c r="H412" i="2" s="1"/>
  <c r="H401" i="2" a="1"/>
  <c r="H401" i="2" s="1"/>
  <c r="H413" i="2" a="1"/>
  <c r="H413" i="2" s="1"/>
  <c r="H404" i="2" a="1"/>
  <c r="H404" i="2" s="1"/>
  <c r="H415" i="2" a="1"/>
  <c r="H415" i="2" s="1"/>
  <c r="H416" i="2" a="1"/>
  <c r="H416" i="2" s="1"/>
  <c r="H409" i="2" a="1"/>
  <c r="H409" i="2" s="1"/>
  <c r="H398" i="2" a="1"/>
  <c r="H398" i="2" s="1"/>
  <c r="H397" i="2" a="1"/>
  <c r="H397" i="2" s="1"/>
  <c r="H405" i="2" a="1"/>
  <c r="H405" i="2" s="1"/>
  <c r="H406" i="2" a="1"/>
  <c r="H406" i="2" s="1"/>
  <c r="H407" i="2" a="1"/>
  <c r="H407" i="2" s="1"/>
  <c r="H410" i="2" a="1"/>
  <c r="H410" i="2" s="1"/>
  <c r="H396" i="2" a="1"/>
  <c r="H396" i="2" s="1"/>
  <c r="H399" i="2" a="1"/>
  <c r="H399" i="2" s="1"/>
  <c r="H417" i="2" a="1"/>
  <c r="H417" i="2" s="1"/>
  <c r="H414" i="2" a="1"/>
  <c r="H414" i="2" s="1"/>
  <c r="H408" i="2" a="1"/>
  <c r="H408" i="2" s="1"/>
  <c r="H411" i="2" a="1"/>
  <c r="H411" i="2" s="1"/>
  <c r="H402" i="2" a="1"/>
  <c r="H402" i="2" s="1"/>
  <c r="H395" i="2" a="1"/>
  <c r="H395" i="2" s="1"/>
  <c r="H394" i="2" a="1"/>
  <c r="H394" i="2" s="1"/>
  <c r="H403" i="2" a="1"/>
  <c r="H403" i="2" s="1"/>
  <c r="F3600" i="2" a="1"/>
  <c r="F3600" i="2" s="1"/>
  <c r="F3588" i="2" a="1"/>
  <c r="F3588" i="2" s="1"/>
  <c r="F3587" i="2" a="1"/>
  <c r="F3587" i="2" s="1"/>
  <c r="F3603" i="2" a="1"/>
  <c r="F3603" i="2" s="1"/>
  <c r="F3586" i="2" a="1"/>
  <c r="F3586" i="2" s="1"/>
  <c r="D1669" i="2" a="1"/>
  <c r="D1669" i="2" s="1"/>
  <c r="D1688" i="2" a="1"/>
  <c r="D1688" i="2" s="1"/>
  <c r="D1667" i="2" a="1"/>
  <c r="D1667" i="2" s="1"/>
  <c r="D1670" i="2" a="1"/>
  <c r="D1670" i="2" s="1"/>
  <c r="D1689" i="2" a="1"/>
  <c r="D1689" i="2" s="1"/>
  <c r="D1668" i="2" a="1"/>
  <c r="D1668" i="2" s="1"/>
  <c r="D1674" i="2" a="1"/>
  <c r="D1674" i="2" s="1"/>
  <c r="D1671" i="2" a="1"/>
  <c r="D1671" i="2" s="1"/>
  <c r="D1666" i="2" a="1"/>
  <c r="D1666" i="2" s="1"/>
  <c r="D1681" i="2" a="1"/>
  <c r="D1681" i="2" s="1"/>
  <c r="D1676" i="2" a="1"/>
  <c r="D1676" i="2" s="1"/>
  <c r="D1678" i="2" a="1"/>
  <c r="D1678" i="2" s="1"/>
  <c r="D1682" i="2" a="1"/>
  <c r="D1682" i="2" s="1"/>
  <c r="D1683" i="2" a="1"/>
  <c r="D1683" i="2" s="1"/>
  <c r="D1673" i="2" a="1"/>
  <c r="D1673" i="2" s="1"/>
  <c r="D1684" i="2" a="1"/>
  <c r="D1684" i="2" s="1"/>
  <c r="D1685" i="2" a="1"/>
  <c r="D1685" i="2" s="1"/>
  <c r="D1672" i="2" a="1"/>
  <c r="D1672" i="2" s="1"/>
  <c r="D1675" i="2" a="1"/>
  <c r="D1675" i="2" s="1"/>
  <c r="D1686" i="2" a="1"/>
  <c r="D1686" i="2" s="1"/>
  <c r="D1687" i="2" a="1"/>
  <c r="D1687" i="2" s="1"/>
  <c r="D1677" i="2" a="1"/>
  <c r="D1677" i="2" s="1"/>
  <c r="D1679" i="2" a="1"/>
  <c r="D1679" i="2" s="1"/>
  <c r="D1680" i="2" a="1"/>
  <c r="D1680" i="2" s="1"/>
  <c r="H1333" i="2" a="1"/>
  <c r="H1333" i="2" s="1"/>
  <c r="H1342" i="2" a="1"/>
  <c r="H1342" i="2" s="1"/>
  <c r="H1332" i="2" a="1"/>
  <c r="H1332" i="2" s="1"/>
  <c r="H1334" i="2" a="1"/>
  <c r="H1334" i="2" s="1"/>
  <c r="H1335" i="2" a="1"/>
  <c r="H1335" i="2" s="1"/>
  <c r="H1351" i="2" a="1"/>
  <c r="H1351" i="2" s="1"/>
  <c r="H1344" i="2" a="1"/>
  <c r="H1344" i="2" s="1"/>
  <c r="H1352" i="2" a="1"/>
  <c r="H1352" i="2" s="1"/>
  <c r="H1336" i="2" a="1"/>
  <c r="H1336" i="2" s="1"/>
  <c r="H1330" i="2" a="1"/>
  <c r="H1330" i="2" s="1"/>
  <c r="H1341" i="2" a="1"/>
  <c r="H1341" i="2" s="1"/>
  <c r="H1350" i="2" a="1"/>
  <c r="H1350" i="2" s="1"/>
  <c r="H1343" i="2" a="1"/>
  <c r="H1343" i="2" s="1"/>
  <c r="H1346" i="2" a="1"/>
  <c r="H1346" i="2" s="1"/>
  <c r="H1349" i="2" a="1"/>
  <c r="H1349" i="2" s="1"/>
  <c r="H1331" i="2" a="1"/>
  <c r="H1331" i="2" s="1"/>
  <c r="H1347" i="2" a="1"/>
  <c r="H1347" i="2" s="1"/>
  <c r="H1338" i="2" a="1"/>
  <c r="H1338" i="2" s="1"/>
  <c r="H1345" i="2" a="1"/>
  <c r="H1345" i="2" s="1"/>
  <c r="H1353" i="2" a="1"/>
  <c r="H1353" i="2" s="1"/>
  <c r="H1340" i="2" a="1"/>
  <c r="H1340" i="2" s="1"/>
  <c r="H1339" i="2" a="1"/>
  <c r="H1339" i="2" s="1"/>
  <c r="H1348" i="2" a="1"/>
  <c r="H1348" i="2" s="1"/>
  <c r="H1337" i="2" a="1"/>
  <c r="H1337" i="2" s="1"/>
  <c r="E6730" i="2" a="1"/>
  <c r="E6730" i="2" s="1"/>
  <c r="E6747" i="2" a="1"/>
  <c r="E6747" i="2" s="1"/>
  <c r="E6731" i="2" a="1"/>
  <c r="E6731" i="2" s="1"/>
  <c r="E6735" i="2" a="1"/>
  <c r="E6735" i="2" s="1"/>
  <c r="E6738" i="2" a="1"/>
  <c r="E6738" i="2" s="1"/>
  <c r="E6741" i="2" a="1"/>
  <c r="E6741" i="2" s="1"/>
  <c r="E6743" i="2" a="1"/>
  <c r="E6743" i="2" s="1"/>
  <c r="E6736" i="2" a="1"/>
  <c r="E6736" i="2" s="1"/>
  <c r="E6733" i="2" a="1"/>
  <c r="E6733" i="2" s="1"/>
  <c r="E6749" i="2" a="1"/>
  <c r="E6749" i="2" s="1"/>
  <c r="E6753" i="2" a="1"/>
  <c r="E6753" i="2" s="1"/>
  <c r="E6746" i="2" a="1"/>
  <c r="E6746" i="2" s="1"/>
  <c r="E6744" i="2" a="1"/>
  <c r="E6744" i="2" s="1"/>
  <c r="E6745" i="2" a="1"/>
  <c r="E6745" i="2" s="1"/>
  <c r="E6750" i="2" a="1"/>
  <c r="E6750" i="2" s="1"/>
  <c r="E6751" i="2" a="1"/>
  <c r="E6751" i="2" s="1"/>
  <c r="E6732" i="2" a="1"/>
  <c r="E6732" i="2" s="1"/>
  <c r="E6734" i="2" a="1"/>
  <c r="E6734" i="2" s="1"/>
  <c r="E6748" i="2" a="1"/>
  <c r="E6748" i="2" s="1"/>
  <c r="E6740" i="2" a="1"/>
  <c r="E6740" i="2" s="1"/>
  <c r="E6752" i="2" a="1"/>
  <c r="E6752" i="2" s="1"/>
  <c r="E6737" i="2" a="1"/>
  <c r="E6737" i="2" s="1"/>
  <c r="E6742" i="2" a="1"/>
  <c r="E6742" i="2" s="1"/>
  <c r="E6739" i="2" a="1"/>
  <c r="E6739" i="2" s="1"/>
  <c r="G6752" i="2" a="1"/>
  <c r="G6752" i="2" s="1"/>
  <c r="G6753" i="2" a="1"/>
  <c r="G6753" i="2" s="1"/>
  <c r="G6737" i="2" a="1"/>
  <c r="G6737" i="2" s="1"/>
  <c r="G6734" i="2" a="1"/>
  <c r="G6734" i="2" s="1"/>
  <c r="G6740" i="2" a="1"/>
  <c r="G6740" i="2" s="1"/>
  <c r="G6748" i="2" a="1"/>
  <c r="G6748" i="2" s="1"/>
  <c r="G6749" i="2" a="1"/>
  <c r="G6749" i="2" s="1"/>
  <c r="G6743" i="2" a="1"/>
  <c r="G6743" i="2" s="1"/>
  <c r="G6750" i="2" a="1"/>
  <c r="G6750" i="2" s="1"/>
  <c r="G6731" i="2" a="1"/>
  <c r="G6731" i="2" s="1"/>
  <c r="D4307" i="2" a="1"/>
  <c r="D4307" i="2" s="1"/>
  <c r="D4315" i="2" a="1"/>
  <c r="D4315" i="2" s="1"/>
  <c r="D4319" i="2" a="1"/>
  <c r="D4319" i="2" s="1"/>
  <c r="D4323" i="2" a="1"/>
  <c r="D4323" i="2" s="1"/>
  <c r="D4327" i="2" a="1"/>
  <c r="D4327" i="2" s="1"/>
  <c r="D4324" i="2" a="1"/>
  <c r="D4324" i="2" s="1"/>
  <c r="D4311" i="2" a="1"/>
  <c r="D4311" i="2" s="1"/>
  <c r="D4306" i="2" a="1"/>
  <c r="D4306" i="2" s="1"/>
  <c r="D4314" i="2" a="1"/>
  <c r="D4314" i="2" s="1"/>
  <c r="D4318" i="2" a="1"/>
  <c r="D4318" i="2" s="1"/>
  <c r="D4322" i="2" a="1"/>
  <c r="D4322" i="2" s="1"/>
  <c r="D4326" i="2" a="1"/>
  <c r="D4326" i="2" s="1"/>
  <c r="D4309" i="2" a="1"/>
  <c r="D4309" i="2" s="1"/>
  <c r="D4313" i="2" a="1"/>
  <c r="D4313" i="2" s="1"/>
  <c r="D4317" i="2" a="1"/>
  <c r="D4317" i="2" s="1"/>
  <c r="D4321" i="2" a="1"/>
  <c r="D4321" i="2" s="1"/>
  <c r="D4325" i="2" a="1"/>
  <c r="D4325" i="2" s="1"/>
  <c r="D4329" i="2" a="1"/>
  <c r="D4329" i="2" s="1"/>
  <c r="D4310" i="2" a="1"/>
  <c r="D4310" i="2" s="1"/>
  <c r="D4308" i="2" a="1"/>
  <c r="D4308" i="2" s="1"/>
  <c r="D4312" i="2" a="1"/>
  <c r="D4312" i="2" s="1"/>
  <c r="D4316" i="2" a="1"/>
  <c r="D4316" i="2" s="1"/>
  <c r="D4320" i="2" a="1"/>
  <c r="D4320" i="2" s="1"/>
  <c r="D4328" i="2" a="1"/>
  <c r="D4328" i="2" s="1"/>
  <c r="E8152" i="2" a="1"/>
  <c r="E8152" i="2" s="1"/>
  <c r="E8155" i="2" a="1"/>
  <c r="E8155" i="2" s="1"/>
  <c r="E8160" i="2" a="1"/>
  <c r="E8160" i="2" s="1"/>
  <c r="E8167" i="2" a="1"/>
  <c r="E8167" i="2" s="1"/>
  <c r="E8168" i="2" a="1"/>
  <c r="E8168" i="2" s="1"/>
  <c r="E8147" i="2" a="1"/>
  <c r="E8147" i="2" s="1"/>
  <c r="F7274" i="2" a="1"/>
  <c r="F7274" i="2" s="1"/>
  <c r="F7279" i="2" a="1"/>
  <c r="F7279" i="2" s="1"/>
  <c r="F7272" i="2" a="1"/>
  <c r="F7272" i="2" s="1"/>
  <c r="F7262" i="2" a="1"/>
  <c r="F7262" i="2" s="1"/>
  <c r="F7280" i="2" a="1"/>
  <c r="F7280" i="2" s="1"/>
  <c r="F7273" i="2" a="1"/>
  <c r="F7273" i="2" s="1"/>
  <c r="F7275" i="2" a="1"/>
  <c r="F7275" i="2" s="1"/>
  <c r="F7267" i="2" a="1"/>
  <c r="F7267" i="2" s="1"/>
  <c r="F7260" i="2" a="1"/>
  <c r="F7260" i="2" s="1"/>
  <c r="F7276" i="2" a="1"/>
  <c r="F7276" i="2" s="1"/>
  <c r="F7277" i="2" a="1"/>
  <c r="F7277" i="2" s="1"/>
  <c r="F7278" i="2" a="1"/>
  <c r="F7278" i="2" s="1"/>
  <c r="F7281" i="2" a="1"/>
  <c r="F7281" i="2" s="1"/>
  <c r="F7261" i="2" a="1"/>
  <c r="F7261" i="2" s="1"/>
  <c r="F7263" i="2" a="1"/>
  <c r="F7263" i="2" s="1"/>
  <c r="F7265" i="2" a="1"/>
  <c r="F7265" i="2" s="1"/>
  <c r="F7269" i="2" a="1"/>
  <c r="F7269" i="2" s="1"/>
  <c r="F7271" i="2" a="1"/>
  <c r="F7271" i="2" s="1"/>
  <c r="F7258" i="2" a="1"/>
  <c r="F7258" i="2" s="1"/>
  <c r="F7259" i="2" a="1"/>
  <c r="F7259" i="2" s="1"/>
  <c r="F7266" i="2" a="1"/>
  <c r="F7266" i="2" s="1"/>
  <c r="F7268" i="2" a="1"/>
  <c r="F7268" i="2" s="1"/>
  <c r="F7264" i="2" a="1"/>
  <c r="F7264" i="2" s="1"/>
  <c r="F7270" i="2" a="1"/>
  <c r="F7270" i="2" s="1"/>
  <c r="H7480" i="2" a="1"/>
  <c r="H7480" i="2" s="1"/>
  <c r="H7491" i="2" a="1"/>
  <c r="H7491" i="2" s="1"/>
  <c r="H7477" i="2" a="1"/>
  <c r="H7477" i="2" s="1"/>
  <c r="H7481" i="2" a="1"/>
  <c r="H7481" i="2" s="1"/>
  <c r="H7493" i="2" a="1"/>
  <c r="H7493" i="2" s="1"/>
  <c r="H7482" i="2" a="1"/>
  <c r="H7482" i="2" s="1"/>
  <c r="H7494" i="2" a="1"/>
  <c r="H7494" i="2" s="1"/>
  <c r="H7483" i="2" a="1"/>
  <c r="H7483" i="2" s="1"/>
  <c r="H7476" i="2" a="1"/>
  <c r="H7476" i="2" s="1"/>
  <c r="H7492" i="2" a="1"/>
  <c r="H7492" i="2" s="1"/>
  <c r="H7486" i="2" a="1"/>
  <c r="H7486" i="2" s="1"/>
  <c r="H7478" i="2" a="1"/>
  <c r="H7478" i="2" s="1"/>
  <c r="H7474" i="2" a="1"/>
  <c r="H7474" i="2" s="1"/>
  <c r="H7479" i="2" a="1"/>
  <c r="H7479" i="2" s="1"/>
  <c r="H7484" i="2" a="1"/>
  <c r="H7484" i="2" s="1"/>
  <c r="H7490" i="2" a="1"/>
  <c r="H7490" i="2" s="1"/>
  <c r="H7496" i="2" a="1"/>
  <c r="H7496" i="2" s="1"/>
  <c r="H7488" i="2" a="1"/>
  <c r="H7488" i="2" s="1"/>
  <c r="H7497" i="2" a="1"/>
  <c r="H7497" i="2" s="1"/>
  <c r="H7489" i="2" a="1"/>
  <c r="H7489" i="2" s="1"/>
  <c r="H7485" i="2" a="1"/>
  <c r="H7485" i="2" s="1"/>
  <c r="H7495" i="2" a="1"/>
  <c r="H7495" i="2" s="1"/>
  <c r="H7487" i="2" a="1"/>
  <c r="H7487" i="2" s="1"/>
  <c r="H7475" i="2" a="1"/>
  <c r="H7475" i="2" s="1"/>
  <c r="D1067" i="2" a="1"/>
  <c r="D1067" i="2" s="1"/>
  <c r="D1075" i="2" a="1"/>
  <c r="D1075" i="2" s="1"/>
  <c r="D1078" i="2" a="1"/>
  <c r="D1078" i="2" s="1"/>
  <c r="D1082" i="2" a="1"/>
  <c r="D1082" i="2" s="1"/>
  <c r="D1086" i="2" a="1"/>
  <c r="D1086" i="2" s="1"/>
  <c r="D1069" i="2" a="1"/>
  <c r="D1069" i="2" s="1"/>
  <c r="D1073" i="2" a="1"/>
  <c r="D1073" i="2" s="1"/>
  <c r="D1077" i="2" a="1"/>
  <c r="D1077" i="2" s="1"/>
  <c r="D1085" i="2" a="1"/>
  <c r="D1085" i="2" s="1"/>
  <c r="D1089" i="2" a="1"/>
  <c r="D1089" i="2" s="1"/>
  <c r="D1066" i="2" a="1"/>
  <c r="D1066" i="2" s="1"/>
  <c r="D1074" i="2" a="1"/>
  <c r="D1074" i="2" s="1"/>
  <c r="D1072" i="2" a="1"/>
  <c r="D1072" i="2" s="1"/>
  <c r="D1080" i="2" a="1"/>
  <c r="D1080" i="2" s="1"/>
  <c r="D1088" i="2" a="1"/>
  <c r="D1088" i="2" s="1"/>
  <c r="D1068" i="2" a="1"/>
  <c r="D1068" i="2" s="1"/>
  <c r="D1076" i="2" a="1"/>
  <c r="D1076" i="2" s="1"/>
  <c r="D1079" i="2" a="1"/>
  <c r="D1079" i="2" s="1"/>
  <c r="D1083" i="2" a="1"/>
  <c r="D1083" i="2" s="1"/>
  <c r="D1087" i="2" a="1"/>
  <c r="D1087" i="2" s="1"/>
  <c r="D1084" i="2" a="1"/>
  <c r="D1084" i="2" s="1"/>
  <c r="D1071" i="2" a="1"/>
  <c r="D1071" i="2" s="1"/>
  <c r="D1070" i="2" a="1"/>
  <c r="D1070" i="2" s="1"/>
  <c r="D1081" i="2" a="1"/>
  <c r="D1081" i="2" s="1"/>
  <c r="D5004" i="2" a="1"/>
  <c r="D5004" i="2" s="1"/>
  <c r="D5003" i="2" a="1"/>
  <c r="D5003" i="2" s="1"/>
  <c r="D5007" i="2" a="1"/>
  <c r="D5007" i="2" s="1"/>
  <c r="D5015" i="2" a="1"/>
  <c r="D5015" i="2" s="1"/>
  <c r="D5019" i="2" a="1"/>
  <c r="D5019" i="2" s="1"/>
  <c r="D5023" i="2" a="1"/>
  <c r="D5023" i="2" s="1"/>
  <c r="D5011" i="2" a="1"/>
  <c r="D5011" i="2" s="1"/>
  <c r="D5002" i="2" a="1"/>
  <c r="D5002" i="2" s="1"/>
  <c r="D5014" i="2" a="1"/>
  <c r="D5014" i="2" s="1"/>
  <c r="D5022" i="2" a="1"/>
  <c r="D5022" i="2" s="1"/>
  <c r="D5018" i="2" a="1"/>
  <c r="D5018" i="2" s="1"/>
  <c r="D5005" i="2" a="1"/>
  <c r="D5005" i="2" s="1"/>
  <c r="D5013" i="2" a="1"/>
  <c r="D5013" i="2" s="1"/>
  <c r="D5021" i="2" a="1"/>
  <c r="D5021" i="2" s="1"/>
  <c r="D5025" i="2" a="1"/>
  <c r="D5025" i="2" s="1"/>
  <c r="D5006" i="2" a="1"/>
  <c r="D5006" i="2" s="1"/>
  <c r="D5010" i="2" a="1"/>
  <c r="D5010" i="2" s="1"/>
  <c r="D5009" i="2" a="1"/>
  <c r="D5009" i="2" s="1"/>
  <c r="D5008" i="2" a="1"/>
  <c r="D5008" i="2" s="1"/>
  <c r="D5012" i="2" a="1"/>
  <c r="D5012" i="2" s="1"/>
  <c r="D5016" i="2" a="1"/>
  <c r="D5016" i="2" s="1"/>
  <c r="D5020" i="2" a="1"/>
  <c r="D5020" i="2" s="1"/>
  <c r="D5024" i="2" a="1"/>
  <c r="D5024" i="2" s="1"/>
  <c r="D5017" i="2" a="1"/>
  <c r="D5017" i="2" s="1"/>
  <c r="F2443" i="2" a="1"/>
  <c r="F2443" i="2" s="1"/>
  <c r="F2449" i="2" a="1"/>
  <c r="F2449" i="2" s="1"/>
  <c r="F2455" i="2" a="1"/>
  <c r="F2455" i="2" s="1"/>
  <c r="F2437" i="2" a="1"/>
  <c r="F2437" i="2" s="1"/>
  <c r="F2439" i="2" a="1"/>
  <c r="F2439" i="2" s="1"/>
  <c r="F2442" i="2" a="1"/>
  <c r="F2442" i="2" s="1"/>
  <c r="F2445" i="2" a="1"/>
  <c r="F2445" i="2" s="1"/>
  <c r="D546" i="2" a="1"/>
  <c r="D546" i="2" s="1"/>
  <c r="D541" i="2" a="1"/>
  <c r="D541" i="2" s="1"/>
  <c r="D549" i="2" a="1"/>
  <c r="D549" i="2" s="1"/>
  <c r="D553" i="2" a="1"/>
  <c r="D553" i="2" s="1"/>
  <c r="D557" i="2" a="1"/>
  <c r="D557" i="2" s="1"/>
  <c r="D538" i="2" a="1"/>
  <c r="D538" i="2" s="1"/>
  <c r="D542" i="2" a="1"/>
  <c r="D542" i="2" s="1"/>
  <c r="D550" i="2" a="1"/>
  <c r="D550" i="2" s="1"/>
  <c r="D554" i="2" a="1"/>
  <c r="D554" i="2" s="1"/>
  <c r="D558" i="2" a="1"/>
  <c r="D558" i="2" s="1"/>
  <c r="D539" i="2" a="1"/>
  <c r="D539" i="2" s="1"/>
  <c r="D548" i="2" a="1"/>
  <c r="D548" i="2" s="1"/>
  <c r="D559" i="2" a="1"/>
  <c r="D559" i="2" s="1"/>
  <c r="D544" i="2" a="1"/>
  <c r="D544" i="2" s="1"/>
  <c r="D555" i="2" a="1"/>
  <c r="D555" i="2" s="1"/>
  <c r="D540" i="2" a="1"/>
  <c r="D540" i="2" s="1"/>
  <c r="D551" i="2" a="1"/>
  <c r="D551" i="2" s="1"/>
  <c r="D560" i="2" a="1"/>
  <c r="D560" i="2" s="1"/>
  <c r="D547" i="2" a="1"/>
  <c r="D547" i="2" s="1"/>
  <c r="D556" i="2" a="1"/>
  <c r="D556" i="2" s="1"/>
  <c r="D545" i="2" a="1"/>
  <c r="D545" i="2" s="1"/>
  <c r="D543" i="2" a="1"/>
  <c r="D543" i="2" s="1"/>
  <c r="D552" i="2" a="1"/>
  <c r="D552" i="2" s="1"/>
  <c r="D561" i="2" a="1"/>
  <c r="D561" i="2" s="1"/>
  <c r="F5131" i="2" a="1"/>
  <c r="F5131" i="2" s="1"/>
  <c r="F5133" i="2" a="1"/>
  <c r="F5133" i="2" s="1"/>
  <c r="F5137" i="2" a="1"/>
  <c r="F5137" i="2" s="1"/>
  <c r="F5125" i="2" a="1"/>
  <c r="F5125" i="2" s="1"/>
  <c r="F5144" i="2" a="1"/>
  <c r="F5144" i="2" s="1"/>
  <c r="F5136" i="2" a="1"/>
  <c r="F5136" i="2" s="1"/>
  <c r="F5141" i="2" a="1"/>
  <c r="F5141" i="2" s="1"/>
  <c r="F5145" i="2" a="1"/>
  <c r="F5145" i="2" s="1"/>
  <c r="F5140" i="2" a="1"/>
  <c r="F5140" i="2" s="1"/>
  <c r="F5126" i="2" a="1"/>
  <c r="F5126" i="2" s="1"/>
  <c r="F5124" i="2" a="1"/>
  <c r="F5124" i="2" s="1"/>
  <c r="F5130" i="2" a="1"/>
  <c r="F5130" i="2" s="1"/>
  <c r="F5139" i="2" a="1"/>
  <c r="F5139" i="2" s="1"/>
  <c r="F5122" i="2" a="1"/>
  <c r="F5122" i="2" s="1"/>
  <c r="F5129" i="2" a="1"/>
  <c r="F5129" i="2" s="1"/>
  <c r="F5135" i="2" a="1"/>
  <c r="F5135" i="2" s="1"/>
  <c r="F5123" i="2" a="1"/>
  <c r="F5123" i="2" s="1"/>
  <c r="F5138" i="2" a="1"/>
  <c r="F5138" i="2" s="1"/>
  <c r="F5142" i="2" a="1"/>
  <c r="F5142" i="2" s="1"/>
  <c r="F5132" i="2" a="1"/>
  <c r="F5132" i="2" s="1"/>
  <c r="F5134" i="2" a="1"/>
  <c r="F5134" i="2" s="1"/>
  <c r="F5127" i="2" a="1"/>
  <c r="F5127" i="2" s="1"/>
  <c r="F5128" i="2" a="1"/>
  <c r="F5128" i="2" s="1"/>
  <c r="F5143" i="2" a="1"/>
  <c r="F5143" i="2" s="1"/>
  <c r="E2655" i="2" a="1"/>
  <c r="E2655" i="2" s="1"/>
  <c r="E2673" i="2" a="1"/>
  <c r="E2673" i="2" s="1"/>
  <c r="E2668" i="2" a="1"/>
  <c r="E2668" i="2" s="1"/>
  <c r="E2660" i="2" a="1"/>
  <c r="E2660" i="2" s="1"/>
  <c r="E2657" i="2" a="1"/>
  <c r="E2657" i="2" s="1"/>
  <c r="E2661" i="2" a="1"/>
  <c r="E2661" i="2" s="1"/>
  <c r="E2651" i="2" a="1"/>
  <c r="E2651" i="2" s="1"/>
  <c r="E2667" i="2" a="1"/>
  <c r="E2667" i="2" s="1"/>
  <c r="E2654" i="2" a="1"/>
  <c r="E2654" i="2" s="1"/>
  <c r="E2672" i="2" a="1"/>
  <c r="E2672" i="2" s="1"/>
  <c r="E2669" i="2" a="1"/>
  <c r="E2669" i="2" s="1"/>
  <c r="E2656" i="2" a="1"/>
  <c r="E2656" i="2" s="1"/>
  <c r="E2653" i="2" a="1"/>
  <c r="E2653" i="2" s="1"/>
  <c r="E2663" i="2" a="1"/>
  <c r="E2663" i="2" s="1"/>
  <c r="E2665" i="2" a="1"/>
  <c r="E2665" i="2" s="1"/>
  <c r="E2671" i="2" a="1"/>
  <c r="E2671" i="2" s="1"/>
  <c r="E2670" i="2" a="1"/>
  <c r="E2670" i="2" s="1"/>
  <c r="E2650" i="2" a="1"/>
  <c r="E2650" i="2" s="1"/>
  <c r="E2659" i="2" a="1"/>
  <c r="E2659" i="2" s="1"/>
  <c r="E2662" i="2" a="1"/>
  <c r="E2662" i="2" s="1"/>
  <c r="E2664" i="2" a="1"/>
  <c r="E2664" i="2" s="1"/>
  <c r="E2666" i="2" a="1"/>
  <c r="E2666" i="2" s="1"/>
  <c r="E2658" i="2" a="1"/>
  <c r="E2658" i="2" s="1"/>
  <c r="E2652" i="2" a="1"/>
  <c r="E2652" i="2" s="1"/>
  <c r="F6307" i="2" a="1"/>
  <c r="F6307" i="2" s="1"/>
  <c r="F6305" i="2" a="1"/>
  <c r="F6305" i="2" s="1"/>
  <c r="F6312" i="2" a="1"/>
  <c r="F6312" i="2" s="1"/>
  <c r="F6299" i="2" a="1"/>
  <c r="F6299" i="2" s="1"/>
  <c r="F6311" i="2" a="1"/>
  <c r="F6311" i="2" s="1"/>
  <c r="F6303" i="2" a="1"/>
  <c r="F6303" i="2" s="1"/>
  <c r="F6310" i="2" a="1"/>
  <c r="F6310" i="2" s="1"/>
  <c r="F6304" i="2" a="1"/>
  <c r="F6304" i="2" s="1"/>
  <c r="F6306" i="2" a="1"/>
  <c r="F6306" i="2" s="1"/>
  <c r="F6301" i="2" a="1"/>
  <c r="F6301" i="2" s="1"/>
  <c r="F6308" i="2" a="1"/>
  <c r="F6308" i="2" s="1"/>
  <c r="F6302" i="2" a="1"/>
  <c r="F6302" i="2" s="1"/>
  <c r="F6309" i="2" a="1"/>
  <c r="F6309" i="2" s="1"/>
  <c r="F6317" i="2" a="1"/>
  <c r="F6317" i="2" s="1"/>
  <c r="F6298" i="2" a="1"/>
  <c r="F6298" i="2" s="1"/>
  <c r="F6318" i="2" a="1"/>
  <c r="F6318" i="2" s="1"/>
  <c r="F6314" i="2" a="1"/>
  <c r="F6314" i="2" s="1"/>
  <c r="F6319" i="2" a="1"/>
  <c r="F6319" i="2" s="1"/>
  <c r="F6315" i="2" a="1"/>
  <c r="F6315" i="2" s="1"/>
  <c r="F6320" i="2" a="1"/>
  <c r="F6320" i="2" s="1"/>
  <c r="F6300" i="2" a="1"/>
  <c r="F6300" i="2" s="1"/>
  <c r="F6313" i="2" a="1"/>
  <c r="F6313" i="2" s="1"/>
  <c r="F6321" i="2" a="1"/>
  <c r="F6321" i="2" s="1"/>
  <c r="F6316" i="2" a="1"/>
  <c r="F6316" i="2" s="1"/>
  <c r="F7473" i="2" a="1"/>
  <c r="F7473" i="2" s="1"/>
  <c r="F7472" i="2" a="1"/>
  <c r="F7472" i="2" s="1"/>
  <c r="F7461" i="2" a="1"/>
  <c r="F7461" i="2" s="1"/>
  <c r="F7466" i="2" a="1"/>
  <c r="F7466" i="2" s="1"/>
  <c r="F7471" i="2" a="1"/>
  <c r="F7471" i="2" s="1"/>
  <c r="F7459" i="2" a="1"/>
  <c r="F7459" i="2" s="1"/>
  <c r="F626" i="2" a="1"/>
  <c r="F626" i="2" s="1"/>
  <c r="F617" i="2" a="1"/>
  <c r="F617" i="2" s="1"/>
  <c r="F615" i="2" a="1"/>
  <c r="F615" i="2" s="1"/>
  <c r="F622" i="2" a="1"/>
  <c r="F622" i="2" s="1"/>
  <c r="F629" i="2" a="1"/>
  <c r="F629" i="2" s="1"/>
  <c r="F625" i="2" a="1"/>
  <c r="F625" i="2" s="1"/>
  <c r="F628" i="2" a="1"/>
  <c r="F628" i="2" s="1"/>
  <c r="F619" i="2" a="1"/>
  <c r="F619" i="2" s="1"/>
  <c r="F633" i="2" a="1"/>
  <c r="F633" i="2" s="1"/>
  <c r="F612" i="2" a="1"/>
  <c r="F612" i="2" s="1"/>
  <c r="F624" i="2" a="1"/>
  <c r="F624" i="2" s="1"/>
  <c r="F630" i="2" a="1"/>
  <c r="F630" i="2" s="1"/>
  <c r="F611" i="2" a="1"/>
  <c r="F611" i="2" s="1"/>
  <c r="F621" i="2" a="1"/>
  <c r="F621" i="2" s="1"/>
  <c r="F631" i="2" a="1"/>
  <c r="F631" i="2" s="1"/>
  <c r="F627" i="2" a="1"/>
  <c r="F627" i="2" s="1"/>
  <c r="F623" i="2" a="1"/>
  <c r="F623" i="2" s="1"/>
  <c r="F610" i="2" a="1"/>
  <c r="F610" i="2" s="1"/>
  <c r="F632" i="2" a="1"/>
  <c r="F632" i="2" s="1"/>
  <c r="F620" i="2" a="1"/>
  <c r="F620" i="2" s="1"/>
  <c r="F613" i="2" a="1"/>
  <c r="F613" i="2" s="1"/>
  <c r="F616" i="2" a="1"/>
  <c r="F616" i="2" s="1"/>
  <c r="F618" i="2" a="1"/>
  <c r="F618" i="2" s="1"/>
  <c r="F614" i="2" a="1"/>
  <c r="F614" i="2" s="1"/>
  <c r="E5614" i="2" a="1"/>
  <c r="E5614" i="2" s="1"/>
  <c r="E5605" i="2" a="1"/>
  <c r="E5605" i="2" s="1"/>
  <c r="E5622" i="2" a="1"/>
  <c r="E5622" i="2" s="1"/>
  <c r="E5615" i="2" a="1"/>
  <c r="E5615" i="2" s="1"/>
  <c r="E5616" i="2" a="1"/>
  <c r="E5616" i="2" s="1"/>
  <c r="E5623" i="2" a="1"/>
  <c r="E5623" i="2" s="1"/>
  <c r="E5609" i="2" a="1"/>
  <c r="E5609" i="2" s="1"/>
  <c r="E5620" i="2" a="1"/>
  <c r="E5620" i="2" s="1"/>
  <c r="E5607" i="2" a="1"/>
  <c r="E5607" i="2" s="1"/>
  <c r="E5617" i="2" a="1"/>
  <c r="E5617" i="2" s="1"/>
  <c r="E5621" i="2" a="1"/>
  <c r="E5621" i="2" s="1"/>
  <c r="E5606" i="2" a="1"/>
  <c r="E5606" i="2" s="1"/>
  <c r="E5613" i="2" a="1"/>
  <c r="E5613" i="2" s="1"/>
  <c r="E5603" i="2" a="1"/>
  <c r="E5603" i="2" s="1"/>
  <c r="E5625" i="2" a="1"/>
  <c r="E5625" i="2" s="1"/>
  <c r="E5604" i="2" a="1"/>
  <c r="E5604" i="2" s="1"/>
  <c r="E5610" i="2" a="1"/>
  <c r="E5610" i="2" s="1"/>
  <c r="E5608" i="2" a="1"/>
  <c r="E5608" i="2" s="1"/>
  <c r="E5611" i="2" a="1"/>
  <c r="E5611" i="2" s="1"/>
  <c r="E5619" i="2" a="1"/>
  <c r="E5619" i="2" s="1"/>
  <c r="E5624" i="2" a="1"/>
  <c r="E5624" i="2" s="1"/>
  <c r="E5612" i="2" a="1"/>
  <c r="E5612" i="2" s="1"/>
  <c r="E5618" i="2" a="1"/>
  <c r="E5618" i="2" s="1"/>
  <c r="E5602" i="2" a="1"/>
  <c r="E5602" i="2" s="1"/>
  <c r="G4402" i="2" a="1"/>
  <c r="G4402" i="2" s="1"/>
  <c r="G4409" i="2" a="1"/>
  <c r="G4409" i="2" s="1"/>
  <c r="G4410" i="2" a="1"/>
  <c r="G4410" i="2" s="1"/>
  <c r="G4403" i="2" a="1"/>
  <c r="G4403" i="2" s="1"/>
  <c r="G4423" i="2" a="1"/>
  <c r="G4423" i="2" s="1"/>
  <c r="G4411" i="2" a="1"/>
  <c r="G4411" i="2" s="1"/>
  <c r="G4404" i="2" a="1"/>
  <c r="G4404" i="2" s="1"/>
  <c r="G4424" i="2" a="1"/>
  <c r="G4424" i="2" s="1"/>
  <c r="G4418" i="2" a="1"/>
  <c r="G4418" i="2" s="1"/>
  <c r="G4421" i="2" a="1"/>
  <c r="G4421" i="2" s="1"/>
  <c r="G4414" i="2" a="1"/>
  <c r="G4414" i="2" s="1"/>
  <c r="G4407" i="2" a="1"/>
  <c r="G4407" i="2" s="1"/>
  <c r="G4416" i="2" a="1"/>
  <c r="G4416" i="2" s="1"/>
  <c r="G4408" i="2" a="1"/>
  <c r="G4408" i="2" s="1"/>
  <c r="G4422" i="2" a="1"/>
  <c r="G4422" i="2" s="1"/>
  <c r="G4405" i="2" a="1"/>
  <c r="G4405" i="2" s="1"/>
  <c r="G4406" i="2" a="1"/>
  <c r="G4406" i="2" s="1"/>
  <c r="G4417" i="2" a="1"/>
  <c r="G4417" i="2" s="1"/>
  <c r="G4419" i="2" a="1"/>
  <c r="G4419" i="2" s="1"/>
  <c r="G4412" i="2" a="1"/>
  <c r="G4412" i="2" s="1"/>
  <c r="G4413" i="2" a="1"/>
  <c r="G4413" i="2" s="1"/>
  <c r="G4425" i="2" a="1"/>
  <c r="G4425" i="2" s="1"/>
  <c r="G4420" i="2" a="1"/>
  <c r="G4420" i="2" s="1"/>
  <c r="G4415" i="2" a="1"/>
  <c r="G4415" i="2" s="1"/>
  <c r="F1444" i="2" a="1"/>
  <c r="F1444" i="2" s="1"/>
  <c r="F1434" i="2" a="1"/>
  <c r="F1434" i="2" s="1"/>
  <c r="F1435" i="2" a="1"/>
  <c r="F1435" i="2" s="1"/>
  <c r="F1438" i="2" a="1"/>
  <c r="F1438" i="2" s="1"/>
  <c r="F1440" i="2" a="1"/>
  <c r="F1440" i="2" s="1"/>
  <c r="F1430" i="2" a="1"/>
  <c r="F1430" i="2" s="1"/>
  <c r="F1429" i="2" a="1"/>
  <c r="F1429" i="2" s="1"/>
  <c r="F1436" i="2" a="1"/>
  <c r="F1436" i="2" s="1"/>
  <c r="F1426" i="2" a="1"/>
  <c r="F1426" i="2" s="1"/>
  <c r="F1432" i="2" a="1"/>
  <c r="F1432" i="2" s="1"/>
  <c r="F1427" i="2" a="1"/>
  <c r="F1427" i="2" s="1"/>
  <c r="F1437" i="2" a="1"/>
  <c r="F1437" i="2" s="1"/>
  <c r="F1445" i="2" a="1"/>
  <c r="F1445" i="2" s="1"/>
  <c r="F1428" i="2" a="1"/>
  <c r="F1428" i="2" s="1"/>
  <c r="F1446" i="2" a="1"/>
  <c r="F1446" i="2" s="1"/>
  <c r="F1439" i="2" a="1"/>
  <c r="F1439" i="2" s="1"/>
  <c r="F1443" i="2" a="1"/>
  <c r="F1443" i="2" s="1"/>
  <c r="F1449" i="2" a="1"/>
  <c r="F1449" i="2" s="1"/>
  <c r="F1448" i="2" a="1"/>
  <c r="F1448" i="2" s="1"/>
  <c r="F1433" i="2" a="1"/>
  <c r="F1433" i="2" s="1"/>
  <c r="F1442" i="2" a="1"/>
  <c r="F1442" i="2" s="1"/>
  <c r="F1447" i="2" a="1"/>
  <c r="F1447" i="2" s="1"/>
  <c r="F1431" i="2" a="1"/>
  <c r="F1431" i="2" s="1"/>
  <c r="F1441" i="2" a="1"/>
  <c r="F1441" i="2" s="1"/>
  <c r="G7421" i="2" a="1"/>
  <c r="G7421" i="2" s="1"/>
  <c r="G7424" i="2" a="1"/>
  <c r="G7424" i="2" s="1"/>
  <c r="G7420" i="2" a="1"/>
  <c r="G7420" i="2" s="1"/>
  <c r="G7411" i="2" a="1"/>
  <c r="G7411" i="2" s="1"/>
  <c r="G7403" i="2" a="1"/>
  <c r="G7403" i="2" s="1"/>
  <c r="D3023" i="2" a="1"/>
  <c r="D3023" i="2" s="1"/>
  <c r="D3031" i="2" a="1"/>
  <c r="D3031" i="2" s="1"/>
  <c r="D3012" i="2" a="1"/>
  <c r="D3012" i="2" s="1"/>
  <c r="D3013" i="2" a="1"/>
  <c r="D3013" i="2" s="1"/>
  <c r="D3014" i="2" a="1"/>
  <c r="D3014" i="2" s="1"/>
  <c r="D3019" i="2" a="1"/>
  <c r="D3019" i="2" s="1"/>
  <c r="D3026" i="2" a="1"/>
  <c r="D3026" i="2" s="1"/>
  <c r="D3025" i="2" a="1"/>
  <c r="D3025" i="2" s="1"/>
  <c r="D3022" i="2" a="1"/>
  <c r="D3022" i="2" s="1"/>
  <c r="D3028" i="2" a="1"/>
  <c r="D3028" i="2" s="1"/>
  <c r="D3030" i="2" a="1"/>
  <c r="D3030" i="2" s="1"/>
  <c r="D3017" i="2" a="1"/>
  <c r="D3017" i="2" s="1"/>
  <c r="D3011" i="2" a="1"/>
  <c r="D3011" i="2" s="1"/>
  <c r="D3021" i="2" a="1"/>
  <c r="D3021" i="2" s="1"/>
  <c r="D3024" i="2" a="1"/>
  <c r="D3024" i="2" s="1"/>
  <c r="D3015" i="2" a="1"/>
  <c r="D3015" i="2" s="1"/>
  <c r="D3020" i="2" a="1"/>
  <c r="D3020" i="2" s="1"/>
  <c r="D3027" i="2" a="1"/>
  <c r="D3027" i="2" s="1"/>
  <c r="D3016" i="2" a="1"/>
  <c r="D3016" i="2" s="1"/>
  <c r="D3010" i="2" a="1"/>
  <c r="D3010" i="2" s="1"/>
  <c r="D3029" i="2" a="1"/>
  <c r="D3029" i="2" s="1"/>
  <c r="D3032" i="2" a="1"/>
  <c r="D3032" i="2" s="1"/>
  <c r="D3018" i="2" a="1"/>
  <c r="D3018" i="2" s="1"/>
  <c r="D3033" i="2" a="1"/>
  <c r="D3033" i="2" s="1"/>
  <c r="H2539" i="2" a="1"/>
  <c r="H2539" i="2" s="1"/>
  <c r="H2531" i="2" a="1"/>
  <c r="H2531" i="2" s="1"/>
  <c r="H2542" i="2" a="1"/>
  <c r="H2542" i="2" s="1"/>
  <c r="H2553" i="2" a="1"/>
  <c r="H2553" i="2" s="1"/>
  <c r="H2533" i="2" a="1"/>
  <c r="H2533" i="2" s="1"/>
  <c r="H2548" i="2" a="1"/>
  <c r="H2548" i="2" s="1"/>
  <c r="H2532" i="2" a="1"/>
  <c r="H2532" i="2" s="1"/>
  <c r="H2540" i="2" a="1"/>
  <c r="H2540" i="2" s="1"/>
  <c r="H2541" i="2" a="1"/>
  <c r="H2541" i="2" s="1"/>
  <c r="H2552" i="2" a="1"/>
  <c r="H2552" i="2" s="1"/>
  <c r="H2534" i="2" a="1"/>
  <c r="H2534" i="2" s="1"/>
  <c r="H2530" i="2" a="1"/>
  <c r="H2530" i="2" s="1"/>
  <c r="H2543" i="2" a="1"/>
  <c r="H2543" i="2" s="1"/>
  <c r="H2536" i="2" a="1"/>
  <c r="H2536" i="2" s="1"/>
  <c r="H2547" i="2" a="1"/>
  <c r="H2547" i="2" s="1"/>
  <c r="H2544" i="2" a="1"/>
  <c r="H2544" i="2" s="1"/>
  <c r="H2538" i="2" a="1"/>
  <c r="H2538" i="2" s="1"/>
  <c r="H2551" i="2" a="1"/>
  <c r="H2551" i="2" s="1"/>
  <c r="H2550" i="2" a="1"/>
  <c r="H2550" i="2" s="1"/>
  <c r="H2549" i="2" a="1"/>
  <c r="H2549" i="2" s="1"/>
  <c r="H2537" i="2" a="1"/>
  <c r="H2537" i="2" s="1"/>
  <c r="H2545" i="2" a="1"/>
  <c r="H2545" i="2" s="1"/>
  <c r="H2546" i="2" a="1"/>
  <c r="H2546" i="2" s="1"/>
  <c r="H2535" i="2" a="1"/>
  <c r="H2535" i="2" s="1"/>
  <c r="H4056" i="2" a="1"/>
  <c r="H4056" i="2" s="1"/>
  <c r="H4064" i="2" a="1"/>
  <c r="H4064" i="2" s="1"/>
  <c r="H4057" i="2" a="1"/>
  <c r="H4057" i="2" s="1"/>
  <c r="H4059" i="2" a="1"/>
  <c r="H4059" i="2" s="1"/>
  <c r="H4042" i="2" a="1"/>
  <c r="H4042" i="2" s="1"/>
  <c r="H4050" i="2" a="1"/>
  <c r="H4050" i="2" s="1"/>
  <c r="H4054" i="2" a="1"/>
  <c r="H4054" i="2" s="1"/>
  <c r="H4061" i="2" a="1"/>
  <c r="H4061" i="2" s="1"/>
  <c r="H4045" i="2" a="1"/>
  <c r="H4045" i="2" s="1"/>
  <c r="H4043" i="2" a="1"/>
  <c r="H4043" i="2" s="1"/>
  <c r="H4046" i="2" a="1"/>
  <c r="H4046" i="2" s="1"/>
  <c r="H4052" i="2" a="1"/>
  <c r="H4052" i="2" s="1"/>
  <c r="H4060" i="2" a="1"/>
  <c r="H4060" i="2" s="1"/>
  <c r="H4063" i="2" a="1"/>
  <c r="H4063" i="2" s="1"/>
  <c r="H4053" i="2" a="1"/>
  <c r="H4053" i="2" s="1"/>
  <c r="H4051" i="2" a="1"/>
  <c r="H4051" i="2" s="1"/>
  <c r="H4049" i="2" a="1"/>
  <c r="H4049" i="2" s="1"/>
  <c r="H4047" i="2" a="1"/>
  <c r="H4047" i="2" s="1"/>
  <c r="H4055" i="2" a="1"/>
  <c r="H4055" i="2" s="1"/>
  <c r="H4044" i="2" a="1"/>
  <c r="H4044" i="2" s="1"/>
  <c r="H4048" i="2" a="1"/>
  <c r="H4048" i="2" s="1"/>
  <c r="H4058" i="2" a="1"/>
  <c r="H4058" i="2" s="1"/>
  <c r="H4062" i="2" a="1"/>
  <c r="H4062" i="2" s="1"/>
  <c r="H4065" i="2" a="1"/>
  <c r="H4065" i="2" s="1"/>
  <c r="H7659" i="2" l="1" a="1"/>
  <c r="H7659" i="2" s="1"/>
  <c r="F8193" i="2" a="1"/>
  <c r="F8193" i="2" s="1"/>
  <c r="D4666" i="2" a="1"/>
  <c r="D4666" i="2" s="1"/>
  <c r="E1202" i="2" a="1"/>
  <c r="E1202" i="2" s="1"/>
  <c r="H7650" i="2" a="1"/>
  <c r="H7650" i="2" s="1"/>
  <c r="F8185" i="2" a="1"/>
  <c r="F8185" i="2" s="1"/>
  <c r="D4672" i="2" a="1"/>
  <c r="D4672" i="2" s="1"/>
  <c r="E1198" i="2" a="1"/>
  <c r="E1198" i="2" s="1"/>
  <c r="H5045" i="2" a="1"/>
  <c r="H5045" i="2" s="1"/>
  <c r="H7646" i="2" a="1"/>
  <c r="H7646" i="2" s="1"/>
  <c r="F8187" i="2" a="1"/>
  <c r="F8187" i="2" s="1"/>
  <c r="D4669" i="2" a="1"/>
  <c r="D4669" i="2" s="1"/>
  <c r="E1199" i="2" a="1"/>
  <c r="E1199" i="2" s="1"/>
  <c r="H7643" i="2" a="1"/>
  <c r="H7643" i="2" s="1"/>
  <c r="F8179" i="2" a="1"/>
  <c r="F8179" i="2" s="1"/>
  <c r="F539" i="2" a="1"/>
  <c r="F539" i="2" s="1"/>
  <c r="D7868" i="2" a="1"/>
  <c r="D7868" i="2" s="1"/>
  <c r="F8256" i="2" a="1"/>
  <c r="F8256" i="2" s="1"/>
  <c r="F1586" i="2" a="1"/>
  <c r="F1586" i="2" s="1"/>
  <c r="F310" i="2" a="1"/>
  <c r="F310" i="2" s="1"/>
  <c r="H7656" i="2" a="1"/>
  <c r="H7656" i="2" s="1"/>
  <c r="F551" i="2" a="1"/>
  <c r="F551" i="2" s="1"/>
  <c r="D7876" i="2" a="1"/>
  <c r="D7876" i="2" s="1"/>
  <c r="D136" i="2" a="1"/>
  <c r="D136" i="2" s="1"/>
  <c r="F8253" i="2" a="1"/>
  <c r="F8253" i="2" s="1"/>
  <c r="F1576" i="2" a="1"/>
  <c r="F1576" i="2" s="1"/>
  <c r="F6696" i="2" a="1"/>
  <c r="F6696" i="2" s="1"/>
  <c r="F559" i="2" a="1"/>
  <c r="F559" i="2" s="1"/>
  <c r="D7863" i="2" a="1"/>
  <c r="D7863" i="2" s="1"/>
  <c r="D151" i="2" a="1"/>
  <c r="D151" i="2" s="1"/>
  <c r="F8242" i="2" a="1"/>
  <c r="F8242" i="2" s="1"/>
  <c r="H7953" i="2" a="1"/>
  <c r="H7953" i="2" s="1"/>
  <c r="F6293" i="2" a="1"/>
  <c r="F6293" i="2" s="1"/>
  <c r="F1579" i="2" a="1"/>
  <c r="F1579" i="2" s="1"/>
  <c r="F639" i="2" a="1"/>
  <c r="F639" i="2" s="1"/>
  <c r="D4163" i="2" a="1"/>
  <c r="D4163" i="2" s="1"/>
  <c r="H8447" i="2" a="1"/>
  <c r="H8447" i="2" s="1"/>
  <c r="D3792" i="2" a="1"/>
  <c r="D3792" i="2" s="1"/>
  <c r="F7462" i="2" a="1"/>
  <c r="F7462" i="2" s="1"/>
  <c r="F2444" i="2" a="1"/>
  <c r="F2444" i="2" s="1"/>
  <c r="G6738" i="2" a="1"/>
  <c r="G6738" i="2" s="1"/>
  <c r="F3595" i="2" a="1"/>
  <c r="F3595" i="2" s="1"/>
  <c r="F8222" i="2" a="1"/>
  <c r="F8222" i="2" s="1"/>
  <c r="F6179" i="2" a="1"/>
  <c r="F6179" i="2" s="1"/>
  <c r="H2579" i="2" a="1"/>
  <c r="H2579" i="2" s="1"/>
  <c r="E5941" i="2" a="1"/>
  <c r="E5941" i="2" s="1"/>
  <c r="F7959" i="2" a="1"/>
  <c r="F7959" i="2" s="1"/>
  <c r="E7817" i="2" a="1"/>
  <c r="E7817" i="2" s="1"/>
  <c r="F6121" i="2" a="1"/>
  <c r="F6121" i="2" s="1"/>
  <c r="H5817" i="2" a="1"/>
  <c r="H5817" i="2" s="1"/>
  <c r="E4232" i="2" a="1"/>
  <c r="E4232" i="2" s="1"/>
  <c r="G7190" i="2" a="1"/>
  <c r="G7190" i="2" s="1"/>
  <c r="H8440" i="2" a="1"/>
  <c r="H8440" i="2" s="1"/>
  <c r="D3790" i="2" a="1"/>
  <c r="D3790" i="2" s="1"/>
  <c r="D6795" i="2" a="1"/>
  <c r="D6795" i="2" s="1"/>
  <c r="F2448" i="2" a="1"/>
  <c r="F2448" i="2" s="1"/>
  <c r="E8169" i="2" a="1"/>
  <c r="E8169" i="2" s="1"/>
  <c r="G6745" i="2" a="1"/>
  <c r="G6745" i="2" s="1"/>
  <c r="F8223" i="2" a="1"/>
  <c r="F8223" i="2" s="1"/>
  <c r="F7961" i="2" a="1"/>
  <c r="F7961" i="2" s="1"/>
  <c r="G7020" i="2" a="1"/>
  <c r="G7020" i="2" s="1"/>
  <c r="E7370" i="2" a="1"/>
  <c r="E7370" i="2" s="1"/>
  <c r="E431" i="2" a="1"/>
  <c r="E431" i="2" s="1"/>
  <c r="D5287" i="2" a="1"/>
  <c r="D5287" i="2" s="1"/>
  <c r="H5816" i="2" a="1"/>
  <c r="H5816" i="2" s="1"/>
  <c r="G7209" i="2" a="1"/>
  <c r="G7209" i="2" s="1"/>
  <c r="F7020" i="2" a="1"/>
  <c r="F7020" i="2" s="1"/>
  <c r="F4143" i="2" a="1"/>
  <c r="F4143" i="2" s="1"/>
  <c r="E8657" i="2" a="1"/>
  <c r="E8657" i="2" s="1"/>
  <c r="E7823" i="2" a="1"/>
  <c r="E7823" i="2" s="1"/>
  <c r="F5379" i="2" a="1"/>
  <c r="F5379" i="2" s="1"/>
  <c r="G6854" i="2" a="1"/>
  <c r="G6854" i="2" s="1"/>
  <c r="G1781" i="2" a="1"/>
  <c r="G1781" i="2" s="1"/>
  <c r="E8654" i="2" a="1"/>
  <c r="E8654" i="2" s="1"/>
  <c r="G7402" i="2" a="1"/>
  <c r="G7402" i="2" s="1"/>
  <c r="E7829" i="2" a="1"/>
  <c r="E7829" i="2" s="1"/>
  <c r="F5373" i="2" a="1"/>
  <c r="F5373" i="2" s="1"/>
  <c r="G6859" i="2" a="1"/>
  <c r="G6859" i="2" s="1"/>
  <c r="G1762" i="2" a="1"/>
  <c r="G1762" i="2" s="1"/>
  <c r="G7423" i="2" a="1"/>
  <c r="G7423" i="2" s="1"/>
  <c r="E7828" i="2" a="1"/>
  <c r="E7828" i="2" s="1"/>
  <c r="F5366" i="2" a="1"/>
  <c r="F5366" i="2" s="1"/>
  <c r="G5790" i="2" a="1"/>
  <c r="G5790" i="2" s="1"/>
  <c r="G1297" i="2" a="1"/>
  <c r="G1297" i="2" s="1"/>
  <c r="G7418" i="2" a="1"/>
  <c r="G7418" i="2" s="1"/>
  <c r="E7830" i="2" a="1"/>
  <c r="E7830" i="2" s="1"/>
  <c r="E4215" i="2" a="1"/>
  <c r="E4215" i="2" s="1"/>
  <c r="G5780" i="2" a="1"/>
  <c r="G5780" i="2" s="1"/>
  <c r="D6791" i="2" a="1"/>
  <c r="D6791" i="2" s="1"/>
  <c r="G1299" i="2" a="1"/>
  <c r="G1299" i="2" s="1"/>
  <c r="D8302" i="2" a="1"/>
  <c r="D8302" i="2" s="1"/>
  <c r="H4372" i="2" a="1"/>
  <c r="H4372" i="2" s="1"/>
  <c r="G7404" i="2" a="1"/>
  <c r="G7404" i="2" s="1"/>
  <c r="E8151" i="2" a="1"/>
  <c r="E8151" i="2" s="1"/>
  <c r="G6736" i="2" a="1"/>
  <c r="G6736" i="2" s="1"/>
  <c r="F3592" i="2" a="1"/>
  <c r="F3592" i="2" s="1"/>
  <c r="G7032" i="2" a="1"/>
  <c r="G7032" i="2" s="1"/>
  <c r="E7355" i="2" a="1"/>
  <c r="E7355" i="2" s="1"/>
  <c r="E421" i="2" a="1"/>
  <c r="E421" i="2" s="1"/>
  <c r="E7826" i="2" a="1"/>
  <c r="E7826" i="2" s="1"/>
  <c r="F5368" i="2" a="1"/>
  <c r="F5368" i="2" s="1"/>
  <c r="G7188" i="2" a="1"/>
  <c r="G7188" i="2" s="1"/>
  <c r="F7037" i="2" a="1"/>
  <c r="F7037" i="2" s="1"/>
  <c r="G1302" i="2" a="1"/>
  <c r="G1302" i="2" s="1"/>
  <c r="G7417" i="2" a="1"/>
  <c r="G7417" i="2" s="1"/>
  <c r="E8163" i="2" a="1"/>
  <c r="E8163" i="2" s="1"/>
  <c r="G6751" i="2" a="1"/>
  <c r="G6751" i="2" s="1"/>
  <c r="F3590" i="2" a="1"/>
  <c r="F3590" i="2" s="1"/>
  <c r="F8241" i="2" a="1"/>
  <c r="F8241" i="2" s="1"/>
  <c r="E7376" i="2" a="1"/>
  <c r="E7376" i="2" s="1"/>
  <c r="E420" i="2" a="1"/>
  <c r="E420" i="2" s="1"/>
  <c r="H4624" i="2" a="1"/>
  <c r="H4624" i="2" s="1"/>
  <c r="F5370" i="2" a="1"/>
  <c r="F5370" i="2" s="1"/>
  <c r="F7030" i="2" a="1"/>
  <c r="F7030" i="2" s="1"/>
  <c r="F4144" i="2" a="1"/>
  <c r="F4144" i="2" s="1"/>
  <c r="G1304" i="2" a="1"/>
  <c r="G1304" i="2" s="1"/>
  <c r="F115" i="2" a="1"/>
  <c r="F115" i="2" s="1"/>
  <c r="G7414" i="2" a="1"/>
  <c r="G7414" i="2" s="1"/>
  <c r="E8150" i="2" a="1"/>
  <c r="E8150" i="2" s="1"/>
  <c r="F3608" i="2" a="1"/>
  <c r="F3608" i="2" s="1"/>
  <c r="F8232" i="2" a="1"/>
  <c r="F8232" i="2" s="1"/>
  <c r="F6189" i="2" a="1"/>
  <c r="F6189" i="2" s="1"/>
  <c r="E7359" i="2" a="1"/>
  <c r="E7359" i="2" s="1"/>
  <c r="E432" i="2" a="1"/>
  <c r="E432" i="2" s="1"/>
  <c r="D5270" i="2" a="1"/>
  <c r="D5270" i="2" s="1"/>
  <c r="F5363" i="2" a="1"/>
  <c r="F5363" i="2" s="1"/>
  <c r="F7022" i="2" a="1"/>
  <c r="F7022" i="2" s="1"/>
  <c r="F4161" i="2" a="1"/>
  <c r="F4161" i="2" s="1"/>
  <c r="F112" i="2" a="1"/>
  <c r="F112" i="2" s="1"/>
  <c r="F3001" i="2" a="1"/>
  <c r="F3001" i="2" s="1"/>
  <c r="G7412" i="2" a="1"/>
  <c r="G7412" i="2" s="1"/>
  <c r="F7450" i="2" a="1"/>
  <c r="F7450" i="2" s="1"/>
  <c r="E8158" i="2" a="1"/>
  <c r="E8158" i="2" s="1"/>
  <c r="F3598" i="2" a="1"/>
  <c r="F3598" i="2" s="1"/>
  <c r="F8238" i="2" a="1"/>
  <c r="F8238" i="2" s="1"/>
  <c r="F6196" i="2" a="1"/>
  <c r="F6196" i="2" s="1"/>
  <c r="E426" i="2" a="1"/>
  <c r="E426" i="2" s="1"/>
  <c r="D5289" i="2" a="1"/>
  <c r="D5289" i="2" s="1"/>
  <c r="F6122" i="2" a="1"/>
  <c r="F6122" i="2" s="1"/>
  <c r="H5802" i="2" a="1"/>
  <c r="H5802" i="2" s="1"/>
  <c r="F5364" i="2" a="1"/>
  <c r="F5364" i="2" s="1"/>
  <c r="F7025" i="2" a="1"/>
  <c r="F7025" i="2" s="1"/>
  <c r="F4157" i="2" a="1"/>
  <c r="F4157" i="2" s="1"/>
  <c r="F122" i="2" a="1"/>
  <c r="F122" i="2" s="1"/>
  <c r="F7465" i="2" a="1"/>
  <c r="F7465" i="2" s="1"/>
  <c r="G7413" i="2" a="1"/>
  <c r="G7413" i="2" s="1"/>
  <c r="F7469" i="2" a="1"/>
  <c r="F7469" i="2" s="1"/>
  <c r="F3601" i="2" a="1"/>
  <c r="F3601" i="2" s="1"/>
  <c r="F8235" i="2" a="1"/>
  <c r="F8235" i="2" s="1"/>
  <c r="F6201" i="2" a="1"/>
  <c r="F6201" i="2" s="1"/>
  <c r="H2600" i="2" a="1"/>
  <c r="H2600" i="2" s="1"/>
  <c r="E425" i="2" a="1"/>
  <c r="E425" i="2" s="1"/>
  <c r="D5286" i="2" a="1"/>
  <c r="D5286" i="2" s="1"/>
  <c r="F6129" i="2" a="1"/>
  <c r="F6129" i="2" s="1"/>
  <c r="H5797" i="2" a="1"/>
  <c r="H5797" i="2" s="1"/>
  <c r="F5376" i="2" a="1"/>
  <c r="F5376" i="2" s="1"/>
  <c r="F4139" i="2" a="1"/>
  <c r="F4139" i="2" s="1"/>
  <c r="F121" i="2" a="1"/>
  <c r="F121" i="2" s="1"/>
  <c r="H7647" i="2" a="1"/>
  <c r="H7647" i="2" s="1"/>
  <c r="D7873" i="2" a="1"/>
  <c r="D7873" i="2" s="1"/>
  <c r="G4168" i="2" a="1"/>
  <c r="G4168" i="2" s="1"/>
  <c r="F1580" i="2" a="1"/>
  <c r="F1580" i="2" s="1"/>
  <c r="E1192" i="2" a="1"/>
  <c r="E1192" i="2" s="1"/>
  <c r="F7191" i="2" a="1"/>
  <c r="F7191" i="2" s="1"/>
  <c r="E3433" i="2" a="1"/>
  <c r="E3433" i="2" s="1"/>
  <c r="D1430" i="2" a="1"/>
  <c r="D1430" i="2" s="1"/>
  <c r="D2720" i="2" a="1"/>
  <c r="D2720" i="2" s="1"/>
  <c r="F8190" i="2" a="1"/>
  <c r="F8190" i="2" s="1"/>
  <c r="F3702" i="2" a="1"/>
  <c r="F3702" i="2" s="1"/>
  <c r="F231" i="2" a="1"/>
  <c r="F231" i="2" s="1"/>
  <c r="G4177" i="2" a="1"/>
  <c r="G4177" i="2" s="1"/>
  <c r="F1590" i="2" a="1"/>
  <c r="F1590" i="2" s="1"/>
  <c r="H1815" i="2" a="1"/>
  <c r="H1815" i="2" s="1"/>
  <c r="E3544" i="2" a="1"/>
  <c r="E3544" i="2" s="1"/>
  <c r="H7653" i="2" a="1"/>
  <c r="H7653" i="2" s="1"/>
  <c r="D6928" i="2" a="1"/>
  <c r="D6928" i="2" s="1"/>
  <c r="D2715" i="2" a="1"/>
  <c r="D2715" i="2" s="1"/>
  <c r="H5162" i="2" a="1"/>
  <c r="H5162" i="2" s="1"/>
  <c r="F8173" i="2" a="1"/>
  <c r="F8173" i="2" s="1"/>
  <c r="D6818" i="2" a="1"/>
  <c r="D6818" i="2" s="1"/>
  <c r="F4919" i="2" a="1"/>
  <c r="F4919" i="2" s="1"/>
  <c r="F543" i="2" a="1"/>
  <c r="F543" i="2" s="1"/>
  <c r="H5918" i="2" a="1"/>
  <c r="H5918" i="2" s="1"/>
  <c r="E3475" i="2" a="1"/>
  <c r="E3475" i="2" s="1"/>
  <c r="H165" i="2" a="1"/>
  <c r="H165" i="2" s="1"/>
  <c r="E1292" i="2" a="1"/>
  <c r="E1292" i="2" s="1"/>
  <c r="D8620" i="2" a="1"/>
  <c r="D8620" i="2" s="1"/>
  <c r="E7766" i="2" a="1"/>
  <c r="E7766" i="2" s="1"/>
  <c r="F4798" i="2" a="1"/>
  <c r="F4798" i="2" s="1"/>
  <c r="E2754" i="2" a="1"/>
  <c r="E2754" i="2" s="1"/>
  <c r="D145" i="2" a="1"/>
  <c r="D145" i="2" s="1"/>
  <c r="F3682" i="2" a="1"/>
  <c r="F3682" i="2" s="1"/>
  <c r="E6961" i="2" a="1"/>
  <c r="E6961" i="2" s="1"/>
  <c r="G4171" i="2" a="1"/>
  <c r="G4171" i="2" s="1"/>
  <c r="E6371" i="2" a="1"/>
  <c r="E6371" i="2" s="1"/>
  <c r="F8251" i="2" a="1"/>
  <c r="F8251" i="2" s="1"/>
  <c r="D1910" i="2" a="1"/>
  <c r="D1910" i="2" s="1"/>
  <c r="H7791" i="2" a="1"/>
  <c r="H7791" i="2" s="1"/>
  <c r="E8330" i="2" a="1"/>
  <c r="E8330" i="2" s="1"/>
  <c r="F1571" i="2" a="1"/>
  <c r="F1571" i="2" s="1"/>
  <c r="D3043" i="2" a="1"/>
  <c r="D3043" i="2" s="1"/>
  <c r="H1812" i="2" a="1"/>
  <c r="H1812" i="2" s="1"/>
  <c r="H1830" i="2" a="1"/>
  <c r="H1830" i="2" s="1"/>
  <c r="E3560" i="2" a="1"/>
  <c r="E3560" i="2" s="1"/>
  <c r="H7657" i="2" a="1"/>
  <c r="H7657" i="2" s="1"/>
  <c r="D6945" i="2" a="1"/>
  <c r="D6945" i="2" s="1"/>
  <c r="D2698" i="2" a="1"/>
  <c r="D2698" i="2" s="1"/>
  <c r="H5147" i="2" a="1"/>
  <c r="H5147" i="2" s="1"/>
  <c r="F8189" i="2" a="1"/>
  <c r="F8189" i="2" s="1"/>
  <c r="D6825" i="2" a="1"/>
  <c r="D6825" i="2" s="1"/>
  <c r="F4910" i="2" a="1"/>
  <c r="F4910" i="2" s="1"/>
  <c r="F557" i="2" a="1"/>
  <c r="F557" i="2" s="1"/>
  <c r="H5937" i="2" a="1"/>
  <c r="H5937" i="2" s="1"/>
  <c r="E3485" i="2" a="1"/>
  <c r="E3485" i="2" s="1"/>
  <c r="H167" i="2" a="1"/>
  <c r="H167" i="2" s="1"/>
  <c r="E1284" i="2" a="1"/>
  <c r="E1284" i="2" s="1"/>
  <c r="D8625" i="2" a="1"/>
  <c r="D8625" i="2" s="1"/>
  <c r="E7785" i="2" a="1"/>
  <c r="E7785" i="2" s="1"/>
  <c r="F4809" i="2" a="1"/>
  <c r="F4809" i="2" s="1"/>
  <c r="E2753" i="2" a="1"/>
  <c r="E2753" i="2" s="1"/>
  <c r="D142" i="2" a="1"/>
  <c r="D142" i="2" s="1"/>
  <c r="E6952" i="2" a="1"/>
  <c r="E6952" i="2" s="1"/>
  <c r="G4176" i="2" a="1"/>
  <c r="G4176" i="2" s="1"/>
  <c r="E6387" i="2" a="1"/>
  <c r="E6387" i="2" s="1"/>
  <c r="F8262" i="2" a="1"/>
  <c r="F8262" i="2" s="1"/>
  <c r="D1918" i="2" a="1"/>
  <c r="D1918" i="2" s="1"/>
  <c r="H7787" i="2" a="1"/>
  <c r="H7787" i="2" s="1"/>
  <c r="E8325" i="2" a="1"/>
  <c r="E8325" i="2" s="1"/>
  <c r="D3056" i="2" a="1"/>
  <c r="D3056" i="2" s="1"/>
  <c r="F314" i="2" a="1"/>
  <c r="F314" i="2" s="1"/>
  <c r="F7300" i="2" a="1"/>
  <c r="F7300" i="2" s="1"/>
  <c r="E3549" i="2" a="1"/>
  <c r="E3549" i="2" s="1"/>
  <c r="E3556" i="2" a="1"/>
  <c r="E3556" i="2" s="1"/>
  <c r="D2704" i="2" a="1"/>
  <c r="D2704" i="2" s="1"/>
  <c r="D6815" i="2" a="1"/>
  <c r="D6815" i="2" s="1"/>
  <c r="F4921" i="2" a="1"/>
  <c r="F4921" i="2" s="1"/>
  <c r="G2869" i="2" a="1"/>
  <c r="G2869" i="2" s="1"/>
  <c r="F540" i="2" a="1"/>
  <c r="F540" i="2" s="1"/>
  <c r="D7869" i="2" a="1"/>
  <c r="D7869" i="2" s="1"/>
  <c r="E3469" i="2" a="1"/>
  <c r="E3469" i="2" s="1"/>
  <c r="H157" i="2" a="1"/>
  <c r="H157" i="2" s="1"/>
  <c r="E1304" i="2" a="1"/>
  <c r="E1304" i="2" s="1"/>
  <c r="D8603" i="2" a="1"/>
  <c r="D8603" i="2" s="1"/>
  <c r="E7774" i="2" a="1"/>
  <c r="E7774" i="2" s="1"/>
  <c r="E2765" i="2" a="1"/>
  <c r="E2765" i="2" s="1"/>
  <c r="D132" i="2" a="1"/>
  <c r="D132" i="2" s="1"/>
  <c r="E6951" i="2" a="1"/>
  <c r="E6951" i="2" s="1"/>
  <c r="G4163" i="2" a="1"/>
  <c r="G4163" i="2" s="1"/>
  <c r="E6380" i="2" a="1"/>
  <c r="E6380" i="2" s="1"/>
  <c r="D1913" i="2" a="1"/>
  <c r="D1913" i="2" s="1"/>
  <c r="H7948" i="2" a="1"/>
  <c r="H7948" i="2" s="1"/>
  <c r="F6274" i="2" a="1"/>
  <c r="F6274" i="2" s="1"/>
  <c r="E8331" i="2" a="1"/>
  <c r="E8331" i="2" s="1"/>
  <c r="F7205" i="2" a="1"/>
  <c r="F7205" i="2" s="1"/>
  <c r="G3619" i="2" a="1"/>
  <c r="G3619" i="2" s="1"/>
  <c r="E826" i="2" a="1"/>
  <c r="E826" i="2" s="1"/>
  <c r="F4914" i="2" a="1"/>
  <c r="F4914" i="2" s="1"/>
  <c r="D7881" i="2" a="1"/>
  <c r="D7881" i="2" s="1"/>
  <c r="H171" i="2" a="1"/>
  <c r="H171" i="2" s="1"/>
  <c r="E1285" i="2" a="1"/>
  <c r="E1285" i="2" s="1"/>
  <c r="E7783" i="2" a="1"/>
  <c r="E7783" i="2" s="1"/>
  <c r="G8644" i="2" a="1"/>
  <c r="G8644" i="2" s="1"/>
  <c r="G4174" i="2" a="1"/>
  <c r="G4174" i="2" s="1"/>
  <c r="D4670" i="2" a="1"/>
  <c r="D4670" i="2" s="1"/>
  <c r="H7936" i="2" a="1"/>
  <c r="H7936" i="2" s="1"/>
  <c r="F6281" i="2" a="1"/>
  <c r="F6281" i="2" s="1"/>
  <c r="F7197" i="2" a="1"/>
  <c r="F7197" i="2" s="1"/>
  <c r="G8626" i="2" a="1"/>
  <c r="G8626" i="2" s="1"/>
  <c r="G8630" i="2" a="1"/>
  <c r="G8630" i="2" s="1"/>
  <c r="G8638" i="2" a="1"/>
  <c r="G8638" i="2" s="1"/>
  <c r="G8649" i="2" a="1"/>
  <c r="G8649" i="2" s="1"/>
  <c r="E3430" i="2" a="1"/>
  <c r="E3430" i="2" s="1"/>
  <c r="E3424" i="2" a="1"/>
  <c r="E3424" i="2" s="1"/>
  <c r="E3423" i="2" a="1"/>
  <c r="E3423" i="2" s="1"/>
  <c r="E873" i="2" a="1"/>
  <c r="E873" i="2" s="1"/>
  <c r="E865" i="2" a="1"/>
  <c r="E865" i="2" s="1"/>
  <c r="H7432" i="2" a="1"/>
  <c r="H7432" i="2" s="1"/>
  <c r="H7651" i="2" a="1"/>
  <c r="H7651" i="2" s="1"/>
  <c r="D2712" i="2" a="1"/>
  <c r="D2712" i="2" s="1"/>
  <c r="F8181" i="2" a="1"/>
  <c r="F8181" i="2" s="1"/>
  <c r="E851" i="2" a="1"/>
  <c r="E851" i="2" s="1"/>
  <c r="D7877" i="2" a="1"/>
  <c r="D7877" i="2" s="1"/>
  <c r="H7449" i="2" a="1"/>
  <c r="H7449" i="2" s="1"/>
  <c r="H7941" i="2" a="1"/>
  <c r="H7941" i="2" s="1"/>
  <c r="F313" i="2" a="1"/>
  <c r="F313" i="2" s="1"/>
  <c r="F229" i="2" a="1"/>
  <c r="F229" i="2" s="1"/>
  <c r="F232" i="2" a="1"/>
  <c r="F232" i="2" s="1"/>
  <c r="G8631" i="2" a="1"/>
  <c r="G8631" i="2" s="1"/>
  <c r="F3689" i="2" a="1"/>
  <c r="F3689" i="2" s="1"/>
  <c r="F3684" i="2" a="1"/>
  <c r="F3684" i="2" s="1"/>
  <c r="F3058" i="2" a="1"/>
  <c r="F3058" i="2" s="1"/>
  <c r="F3698" i="2" a="1"/>
  <c r="F3698" i="2" s="1"/>
  <c r="G5788" i="2" a="1"/>
  <c r="G5788" i="2" s="1"/>
  <c r="F3047" i="2" a="1"/>
  <c r="F3047" i="2" s="1"/>
  <c r="D8299" i="2" a="1"/>
  <c r="D8299" i="2" s="1"/>
  <c r="F643" i="2" a="1"/>
  <c r="F643" i="2" s="1"/>
  <c r="D4174" i="2" a="1"/>
  <c r="D4174" i="2" s="1"/>
  <c r="D4179" i="2" a="1"/>
  <c r="D4179" i="2" s="1"/>
  <c r="E802" i="2" a="1"/>
  <c r="E802" i="2" s="1"/>
  <c r="E6021" i="2" a="1"/>
  <c r="E6021" i="2" s="1"/>
  <c r="F2447" i="2" a="1"/>
  <c r="F2447" i="2" s="1"/>
  <c r="E8159" i="2" a="1"/>
  <c r="E8159" i="2" s="1"/>
  <c r="F8231" i="2" a="1"/>
  <c r="F8231" i="2" s="1"/>
  <c r="F6191" i="2" a="1"/>
  <c r="F6191" i="2" s="1"/>
  <c r="E5958" i="2" a="1"/>
  <c r="E5958" i="2" s="1"/>
  <c r="F7975" i="2" a="1"/>
  <c r="F7975" i="2" s="1"/>
  <c r="E435" i="2" a="1"/>
  <c r="E435" i="2" s="1"/>
  <c r="F5369" i="2" a="1"/>
  <c r="F5369" i="2" s="1"/>
  <c r="E4223" i="2" a="1"/>
  <c r="E4223" i="2" s="1"/>
  <c r="D3801" i="2" a="1"/>
  <c r="D3801" i="2" s="1"/>
  <c r="G6861" i="2" a="1"/>
  <c r="G6861" i="2" s="1"/>
  <c r="E8157" i="2" a="1"/>
  <c r="E8157" i="2" s="1"/>
  <c r="H2585" i="2" a="1"/>
  <c r="H2585" i="2" s="1"/>
  <c r="G7033" i="2" a="1"/>
  <c r="G7033" i="2" s="1"/>
  <c r="D5269" i="2" a="1"/>
  <c r="D5269" i="2" s="1"/>
  <c r="F5382" i="2" a="1"/>
  <c r="F5382" i="2" s="1"/>
  <c r="G7203" i="2" a="1"/>
  <c r="G7203" i="2" s="1"/>
  <c r="F2454" i="2" a="1"/>
  <c r="F2454" i="2" s="1"/>
  <c r="H2588" i="2" a="1"/>
  <c r="H2588" i="2" s="1"/>
  <c r="E5943" i="2" a="1"/>
  <c r="E5943" i="2" s="1"/>
  <c r="E7365" i="2" a="1"/>
  <c r="E7365" i="2" s="1"/>
  <c r="D5283" i="2" a="1"/>
  <c r="D5283" i="2" s="1"/>
  <c r="F6115" i="2" a="1"/>
  <c r="F6115" i="2" s="1"/>
  <c r="G5779" i="2" a="1"/>
  <c r="G5779" i="2" s="1"/>
  <c r="H2601" i="2" a="1"/>
  <c r="H2601" i="2" s="1"/>
  <c r="E5961" i="2" a="1"/>
  <c r="E5961" i="2" s="1"/>
  <c r="E7362" i="2" a="1"/>
  <c r="E7362" i="2" s="1"/>
  <c r="D5279" i="2" a="1"/>
  <c r="D5279" i="2" s="1"/>
  <c r="F6112" i="2" a="1"/>
  <c r="F6112" i="2" s="1"/>
  <c r="G5776" i="2" a="1"/>
  <c r="G5776" i="2" s="1"/>
  <c r="F2451" i="2" a="1"/>
  <c r="F2451" i="2" s="1"/>
  <c r="E5955" i="2" a="1"/>
  <c r="E5955" i="2" s="1"/>
  <c r="E7367" i="2" a="1"/>
  <c r="E7367" i="2" s="1"/>
  <c r="E422" i="2" a="1"/>
  <c r="E422" i="2" s="1"/>
  <c r="D5275" i="2" a="1"/>
  <c r="D5275" i="2" s="1"/>
  <c r="F6126" i="2" a="1"/>
  <c r="F6126" i="2" s="1"/>
  <c r="E4213" i="2" a="1"/>
  <c r="E4213" i="2" s="1"/>
  <c r="G5784" i="2" a="1"/>
  <c r="G5784" i="2" s="1"/>
  <c r="G7194" i="2" a="1"/>
  <c r="G7194" i="2" s="1"/>
  <c r="D5295" i="2" a="1"/>
  <c r="D5295" i="2" s="1"/>
  <c r="F2456" i="2" a="1"/>
  <c r="F2456" i="2" s="1"/>
  <c r="E7356" i="2" a="1"/>
  <c r="E7356" i="2" s="1"/>
  <c r="H4640" i="2" a="1"/>
  <c r="H4640" i="2" s="1"/>
  <c r="E4231" i="2" a="1"/>
  <c r="E4231" i="2" s="1"/>
  <c r="G5775" i="2" a="1"/>
  <c r="G5775" i="2" s="1"/>
  <c r="G7198" i="2" a="1"/>
  <c r="G7198" i="2" s="1"/>
  <c r="F2132" i="2" a="1"/>
  <c r="F2132" i="2" s="1"/>
  <c r="E863" i="2" a="1"/>
  <c r="E863" i="2" s="1"/>
  <c r="H158" i="2" a="1"/>
  <c r="H158" i="2" s="1"/>
  <c r="E1299" i="2" a="1"/>
  <c r="E1299" i="2" s="1"/>
  <c r="E7763" i="2" a="1"/>
  <c r="E7763" i="2" s="1"/>
  <c r="E7768" i="2" a="1"/>
  <c r="E7768" i="2" s="1"/>
  <c r="G8643" i="2" a="1"/>
  <c r="G8643" i="2" s="1"/>
  <c r="F3692" i="2" a="1"/>
  <c r="F3692" i="2" s="1"/>
  <c r="G4184" i="2" a="1"/>
  <c r="G4184" i="2" s="1"/>
  <c r="D4688" i="2" a="1"/>
  <c r="D4688" i="2" s="1"/>
  <c r="D1429" i="2" a="1"/>
  <c r="D1429" i="2" s="1"/>
  <c r="F2123" i="2" a="1"/>
  <c r="F2123" i="2" s="1"/>
  <c r="E870" i="2" a="1"/>
  <c r="E870" i="2" s="1"/>
  <c r="H156" i="2" a="1"/>
  <c r="H156" i="2" s="1"/>
  <c r="E1298" i="2" a="1"/>
  <c r="E1298" i="2" s="1"/>
  <c r="E7773" i="2" a="1"/>
  <c r="E7773" i="2" s="1"/>
  <c r="E2748" i="2" a="1"/>
  <c r="E2748" i="2" s="1"/>
  <c r="G8639" i="2" a="1"/>
  <c r="G8639" i="2" s="1"/>
  <c r="F3691" i="2" a="1"/>
  <c r="F3691" i="2" s="1"/>
  <c r="H7435" i="2" a="1"/>
  <c r="H7435" i="2" s="1"/>
  <c r="F7334" i="2" a="1"/>
  <c r="F7334" i="2" s="1"/>
  <c r="G4172" i="2" a="1"/>
  <c r="G4172" i="2" s="1"/>
  <c r="D4689" i="2" a="1"/>
  <c r="D4689" i="2" s="1"/>
  <c r="E661" i="2" a="1"/>
  <c r="E661" i="2" s="1"/>
  <c r="E4116" i="2" a="1"/>
  <c r="E4116" i="2" s="1"/>
  <c r="F5659" i="2" a="1"/>
  <c r="F5659" i="2" s="1"/>
  <c r="G8633" i="2" a="1"/>
  <c r="G8633" i="2" s="1"/>
  <c r="F3686" i="2" a="1"/>
  <c r="F3686" i="2" s="1"/>
  <c r="H7431" i="2" a="1"/>
  <c r="H7431" i="2" s="1"/>
  <c r="F2125" i="2" a="1"/>
  <c r="F2125" i="2" s="1"/>
  <c r="H168" i="2" a="1"/>
  <c r="H168" i="2" s="1"/>
  <c r="E1282" i="2" a="1"/>
  <c r="E1282" i="2" s="1"/>
  <c r="F5666" i="2" a="1"/>
  <c r="F5666" i="2" s="1"/>
  <c r="E7762" i="2" a="1"/>
  <c r="E7762" i="2" s="1"/>
  <c r="G8648" i="2" a="1"/>
  <c r="G8648" i="2" s="1"/>
  <c r="F3700" i="2" a="1"/>
  <c r="F3700" i="2" s="1"/>
  <c r="H7443" i="2" a="1"/>
  <c r="H7443" i="2" s="1"/>
  <c r="G4170" i="2" a="1"/>
  <c r="G4170" i="2" s="1"/>
  <c r="E1194" i="2" a="1"/>
  <c r="E1194" i="2" s="1"/>
  <c r="F7187" i="2" a="1"/>
  <c r="F7187" i="2" s="1"/>
  <c r="F306" i="2" a="1"/>
  <c r="F306" i="2" s="1"/>
  <c r="G8627" i="2" a="1"/>
  <c r="G8627" i="2" s="1"/>
  <c r="F3705" i="2" a="1"/>
  <c r="F3705" i="2" s="1"/>
  <c r="E2283" i="2" a="1"/>
  <c r="E2283" i="2" s="1"/>
  <c r="G8646" i="2" a="1"/>
  <c r="G8646" i="2" s="1"/>
  <c r="F3701" i="2" a="1"/>
  <c r="F3701" i="2" s="1"/>
  <c r="E2276" i="2" a="1"/>
  <c r="E2276" i="2" s="1"/>
  <c r="G8641" i="2" a="1"/>
  <c r="G8641" i="2" s="1"/>
  <c r="F3685" i="2" a="1"/>
  <c r="F3685" i="2" s="1"/>
  <c r="E2275" i="2" a="1"/>
  <c r="E2275" i="2" s="1"/>
  <c r="G8634" i="2" a="1"/>
  <c r="G8634" i="2" s="1"/>
  <c r="F3704" i="2" a="1"/>
  <c r="F3704" i="2" s="1"/>
  <c r="F2129" i="2" a="1"/>
  <c r="F2129" i="2" s="1"/>
  <c r="F2133" i="2" a="1"/>
  <c r="F2133" i="2" s="1"/>
  <c r="E862" i="2" a="1"/>
  <c r="E862" i="2" s="1"/>
  <c r="H175" i="2" a="1"/>
  <c r="H175" i="2" s="1"/>
  <c r="E1289" i="2" a="1"/>
  <c r="E1289" i="2" s="1"/>
  <c r="E7779" i="2" a="1"/>
  <c r="E7779" i="2" s="1"/>
  <c r="E2759" i="2" a="1"/>
  <c r="E2759" i="2" s="1"/>
  <c r="G8632" i="2" a="1"/>
  <c r="G8632" i="2" s="1"/>
  <c r="E6949" i="2" a="1"/>
  <c r="E6949" i="2" s="1"/>
  <c r="F7347" i="2" a="1"/>
  <c r="F7347" i="2" s="1"/>
  <c r="G4182" i="2" a="1"/>
  <c r="G4182" i="2" s="1"/>
  <c r="H1283" i="2" a="1"/>
  <c r="H1283" i="2" s="1"/>
  <c r="E681" i="2" a="1"/>
  <c r="E681" i="2" s="1"/>
  <c r="E3422" i="2" a="1"/>
  <c r="E3422" i="2" s="1"/>
  <c r="G1212" i="2" a="1"/>
  <c r="G1212" i="2" s="1"/>
  <c r="D4678" i="2" a="1"/>
  <c r="D4678" i="2" s="1"/>
  <c r="H3331" i="2" a="1"/>
  <c r="H3331" i="2" s="1"/>
  <c r="E668" i="2" a="1"/>
  <c r="E668" i="2" s="1"/>
  <c r="E3432" i="2" a="1"/>
  <c r="E3432" i="2" s="1"/>
  <c r="G1224" i="2" a="1"/>
  <c r="G1224" i="2" s="1"/>
  <c r="E852" i="2" a="1"/>
  <c r="E852" i="2" s="1"/>
  <c r="F237" i="2" a="1"/>
  <c r="F237" i="2" s="1"/>
  <c r="E2266" i="2" a="1"/>
  <c r="E2266" i="2" s="1"/>
  <c r="D4685" i="2" a="1"/>
  <c r="D4685" i="2" s="1"/>
  <c r="E1187" i="2" a="1"/>
  <c r="E1187" i="2" s="1"/>
  <c r="F302" i="2" a="1"/>
  <c r="F302" i="2" s="1"/>
  <c r="F248" i="2" a="1"/>
  <c r="F248" i="2" s="1"/>
  <c r="E2287" i="2" a="1"/>
  <c r="E2287" i="2" s="1"/>
  <c r="D4668" i="2" a="1"/>
  <c r="D4668" i="2" s="1"/>
  <c r="E2267" i="2" a="1"/>
  <c r="E2267" i="2" s="1"/>
  <c r="H7644" i="2" a="1"/>
  <c r="H7644" i="2" s="1"/>
  <c r="H7660" i="2" a="1"/>
  <c r="H7660" i="2" s="1"/>
  <c r="D2700" i="2" a="1"/>
  <c r="D2700" i="2" s="1"/>
  <c r="F555" i="2" a="1"/>
  <c r="F555" i="2" s="1"/>
  <c r="D7859" i="2" a="1"/>
  <c r="D7859" i="2" s="1"/>
  <c r="E2277" i="2" a="1"/>
  <c r="E2277" i="2" s="1"/>
  <c r="D4683" i="2" a="1"/>
  <c r="D4683" i="2" s="1"/>
  <c r="H7940" i="2" a="1"/>
  <c r="H7940" i="2" s="1"/>
  <c r="E3435" i="2" a="1"/>
  <c r="E3435" i="2" s="1"/>
  <c r="F6686" i="2" a="1"/>
  <c r="F6686" i="2" s="1"/>
  <c r="E2284" i="2" a="1"/>
  <c r="E2284" i="2" s="1"/>
  <c r="D4681" i="2" a="1"/>
  <c r="D4681" i="2" s="1"/>
  <c r="E3428" i="2" a="1"/>
  <c r="E3428" i="2" s="1"/>
  <c r="H7427" i="2" a="1"/>
  <c r="H7427" i="2" s="1"/>
  <c r="E861" i="2" a="1"/>
  <c r="E861" i="2" s="1"/>
  <c r="F227" i="2" a="1"/>
  <c r="F227" i="2" s="1"/>
  <c r="H7447" i="2" a="1"/>
  <c r="H7447" i="2" s="1"/>
  <c r="F1578" i="2" a="1"/>
  <c r="F1578" i="2" s="1"/>
  <c r="E1205" i="2" a="1"/>
  <c r="E1205" i="2" s="1"/>
  <c r="E860" i="2" a="1"/>
  <c r="E860" i="2" s="1"/>
  <c r="F239" i="2" a="1"/>
  <c r="F239" i="2" s="1"/>
  <c r="H7442" i="2" a="1"/>
  <c r="H7442" i="2" s="1"/>
  <c r="E866" i="2" a="1"/>
  <c r="E866" i="2" s="1"/>
  <c r="F235" i="2" a="1"/>
  <c r="F235" i="2" s="1"/>
  <c r="H7437" i="2" a="1"/>
  <c r="H7437" i="2" s="1"/>
  <c r="E1189" i="2" a="1"/>
  <c r="E1189" i="2" s="1"/>
  <c r="H4368" i="2" a="1"/>
  <c r="H4368" i="2" s="1"/>
  <c r="E3914" i="2" a="1"/>
  <c r="E3914" i="2" s="1"/>
  <c r="G2291" i="2" a="1"/>
  <c r="G2291" i="2" s="1"/>
  <c r="G2312" i="2" a="1"/>
  <c r="G2312" i="2" s="1"/>
  <c r="D4126" i="2" a="1"/>
  <c r="D4126" i="2" s="1"/>
  <c r="AO172" i="1"/>
  <c r="E178" i="5" s="1"/>
  <c r="H3826" i="2" a="1"/>
  <c r="H3826" i="2" s="1"/>
  <c r="AP172" i="1"/>
  <c r="F178" i="5" s="1"/>
  <c r="E8508" i="2" a="1"/>
  <c r="E8508" i="2" s="1"/>
  <c r="E8509" i="2" a="1"/>
  <c r="E8509" i="2" s="1"/>
  <c r="E1101" i="2" a="1"/>
  <c r="E1101" i="2" s="1"/>
  <c r="G630" i="2" a="1"/>
  <c r="G630" i="2" s="1"/>
  <c r="G2293" i="2" a="1"/>
  <c r="G2293" i="2" s="1"/>
  <c r="F3034" i="2" a="1"/>
  <c r="F3034" i="2" s="1"/>
  <c r="H4362" i="2" a="1"/>
  <c r="H4362" i="2" s="1"/>
  <c r="H4376" i="2" a="1"/>
  <c r="H4376" i="2" s="1"/>
  <c r="E4992" i="2" a="1"/>
  <c r="E4992" i="2" s="1"/>
  <c r="H4620" i="2" a="1"/>
  <c r="H4620" i="2" s="1"/>
  <c r="H4639" i="2" a="1"/>
  <c r="H4639" i="2" s="1"/>
  <c r="H4619" i="2" a="1"/>
  <c r="H4619" i="2" s="1"/>
  <c r="F2627" i="2" a="1"/>
  <c r="F2627" i="2" s="1"/>
  <c r="G5586" i="2" a="1"/>
  <c r="G5586" i="2" s="1"/>
  <c r="G5596" i="2" a="1"/>
  <c r="G5596" i="2" s="1"/>
  <c r="G5579" i="2" a="1"/>
  <c r="G5579" i="2" s="1"/>
  <c r="E2281" i="2" a="1"/>
  <c r="E2281" i="2" s="1"/>
  <c r="F7204" i="2" a="1"/>
  <c r="F7204" i="2" s="1"/>
  <c r="F226" i="2" a="1"/>
  <c r="F226" i="2" s="1"/>
  <c r="H7434" i="2" a="1"/>
  <c r="H7434" i="2" s="1"/>
  <c r="E1204" i="2" a="1"/>
  <c r="E1204" i="2" s="1"/>
  <c r="H7446" i="2" a="1"/>
  <c r="H7446" i="2" s="1"/>
  <c r="F238" i="2" a="1"/>
  <c r="F238" i="2" s="1"/>
  <c r="H7433" i="2" a="1"/>
  <c r="H7433" i="2" s="1"/>
  <c r="F7193" i="2" a="1"/>
  <c r="F7193" i="2" s="1"/>
  <c r="E3898" i="2" a="1"/>
  <c r="E3898" i="2" s="1"/>
  <c r="E3910" i="2" a="1"/>
  <c r="E3910" i="2" s="1"/>
  <c r="D8303" i="2" a="1"/>
  <c r="D8303" i="2" s="1"/>
  <c r="D8305" i="2" a="1"/>
  <c r="D8305" i="2" s="1"/>
  <c r="F8221" i="2" a="1"/>
  <c r="F8221" i="2" s="1"/>
  <c r="F8220" i="2" a="1"/>
  <c r="F8220" i="2" s="1"/>
  <c r="D4172" i="2" a="1"/>
  <c r="D4172" i="2" s="1"/>
  <c r="D4178" i="2" a="1"/>
  <c r="D4178" i="2" s="1"/>
  <c r="F652" i="2" a="1"/>
  <c r="F652" i="2" s="1"/>
  <c r="F642" i="2" a="1"/>
  <c r="F642" i="2" s="1"/>
  <c r="F637" i="2" a="1"/>
  <c r="F637" i="2" s="1"/>
  <c r="F6109" i="2" a="1"/>
  <c r="F6109" i="2" s="1"/>
  <c r="F6123" i="2" a="1"/>
  <c r="F6123" i="2" s="1"/>
  <c r="E424" i="2" a="1"/>
  <c r="E424" i="2" s="1"/>
  <c r="E441" i="2" a="1"/>
  <c r="E441" i="2" s="1"/>
  <c r="G7036" i="2" a="1"/>
  <c r="G7036" i="2" s="1"/>
  <c r="G7026" i="2" a="1"/>
  <c r="G7026" i="2" s="1"/>
  <c r="F7966" i="2" a="1"/>
  <c r="F7966" i="2" s="1"/>
  <c r="F7963" i="2" a="1"/>
  <c r="F7963" i="2" s="1"/>
  <c r="E5945" i="2" a="1"/>
  <c r="E5945" i="2" s="1"/>
  <c r="E5944" i="2" a="1"/>
  <c r="E5944" i="2" s="1"/>
  <c r="F6186" i="2" a="1"/>
  <c r="F6186" i="2" s="1"/>
  <c r="F6200" i="2" a="1"/>
  <c r="F6200" i="2" s="1"/>
  <c r="D3783" i="2" a="1"/>
  <c r="D3783" i="2" s="1"/>
  <c r="D3787" i="2" a="1"/>
  <c r="D3787" i="2" s="1"/>
  <c r="D3799" i="2" a="1"/>
  <c r="D3799" i="2" s="1"/>
  <c r="E850" i="2" a="1"/>
  <c r="E850" i="2" s="1"/>
  <c r="E869" i="2" a="1"/>
  <c r="E869" i="2" s="1"/>
  <c r="E854" i="2" a="1"/>
  <c r="E854" i="2" s="1"/>
  <c r="E867" i="2" a="1"/>
  <c r="E867" i="2" s="1"/>
  <c r="E872" i="2" a="1"/>
  <c r="E872" i="2" s="1"/>
  <c r="E856" i="2" a="1"/>
  <c r="E856" i="2" s="1"/>
  <c r="E858" i="2" a="1"/>
  <c r="E858" i="2" s="1"/>
  <c r="E864" i="2" a="1"/>
  <c r="E864" i="2" s="1"/>
  <c r="E857" i="2" a="1"/>
  <c r="E857" i="2" s="1"/>
  <c r="E2282" i="2" a="1"/>
  <c r="E2282" i="2" s="1"/>
  <c r="E2289" i="2" a="1"/>
  <c r="E2289" i="2" s="1"/>
  <c r="E2274" i="2" a="1"/>
  <c r="E2274" i="2" s="1"/>
  <c r="E2288" i="2" a="1"/>
  <c r="E2288" i="2" s="1"/>
  <c r="E2271" i="2" a="1"/>
  <c r="E2271" i="2" s="1"/>
  <c r="E2280" i="2" a="1"/>
  <c r="E2280" i="2" s="1"/>
  <c r="E2286" i="2" a="1"/>
  <c r="E2286" i="2" s="1"/>
  <c r="E2279" i="2" a="1"/>
  <c r="E2279" i="2" s="1"/>
  <c r="E2268" i="2" a="1"/>
  <c r="E2268" i="2" s="1"/>
  <c r="E2270" i="2" a="1"/>
  <c r="E2270" i="2" s="1"/>
  <c r="H7445" i="2" a="1"/>
  <c r="H7445" i="2" s="1"/>
  <c r="H7430" i="2" a="1"/>
  <c r="H7430" i="2" s="1"/>
  <c r="H7426" i="2" a="1"/>
  <c r="H7426" i="2" s="1"/>
  <c r="H7440" i="2" a="1"/>
  <c r="H7440" i="2" s="1"/>
  <c r="H7441" i="2" a="1"/>
  <c r="H7441" i="2" s="1"/>
  <c r="H7429" i="2" a="1"/>
  <c r="H7429" i="2" s="1"/>
  <c r="H7428" i="2" a="1"/>
  <c r="H7428" i="2" s="1"/>
  <c r="H7448" i="2" a="1"/>
  <c r="H7448" i="2" s="1"/>
  <c r="H7436" i="2" a="1"/>
  <c r="H7436" i="2" s="1"/>
  <c r="H7439" i="2" a="1"/>
  <c r="H7439" i="2" s="1"/>
  <c r="D2709" i="2" a="1"/>
  <c r="D2709" i="2" s="1"/>
  <c r="D2708" i="2" a="1"/>
  <c r="D2708" i="2" s="1"/>
  <c r="D2713" i="2" a="1"/>
  <c r="D2713" i="2" s="1"/>
  <c r="D2718" i="2" a="1"/>
  <c r="D2718" i="2" s="1"/>
  <c r="D2702" i="2" a="1"/>
  <c r="D2702" i="2" s="1"/>
  <c r="F8176" i="2" a="1"/>
  <c r="F8176" i="2" s="1"/>
  <c r="F8191" i="2" a="1"/>
  <c r="F8191" i="2" s="1"/>
  <c r="F8171" i="2" a="1"/>
  <c r="F8171" i="2" s="1"/>
  <c r="F8172" i="2" a="1"/>
  <c r="F8172" i="2" s="1"/>
  <c r="F8175" i="2" a="1"/>
  <c r="F8175" i="2" s="1"/>
  <c r="F8180" i="2" a="1"/>
  <c r="F8180" i="2" s="1"/>
  <c r="F8184" i="2" a="1"/>
  <c r="F8184" i="2" s="1"/>
  <c r="F8183" i="2" a="1"/>
  <c r="F8183" i="2" s="1"/>
  <c r="F8178" i="2" a="1"/>
  <c r="F8178" i="2" s="1"/>
  <c r="F240" i="2" a="1"/>
  <c r="F240" i="2" s="1"/>
  <c r="F245" i="2" a="1"/>
  <c r="F245" i="2" s="1"/>
  <c r="F244" i="2" a="1"/>
  <c r="F244" i="2" s="1"/>
  <c r="F247" i="2" a="1"/>
  <c r="F247" i="2" s="1"/>
  <c r="F233" i="2" a="1"/>
  <c r="F233" i="2" s="1"/>
  <c r="F234" i="2" a="1"/>
  <c r="F234" i="2" s="1"/>
  <c r="F249" i="2" a="1"/>
  <c r="F249" i="2" s="1"/>
  <c r="F230" i="2" a="1"/>
  <c r="F230" i="2" s="1"/>
  <c r="F246" i="2" a="1"/>
  <c r="F246" i="2" s="1"/>
  <c r="F242" i="2" a="1"/>
  <c r="F242" i="2" s="1"/>
  <c r="D7861" i="2" a="1"/>
  <c r="D7861" i="2" s="1"/>
  <c r="D7872" i="2" a="1"/>
  <c r="D7872" i="2" s="1"/>
  <c r="D7870" i="2" a="1"/>
  <c r="D7870" i="2" s="1"/>
  <c r="D7864" i="2" a="1"/>
  <c r="D7864" i="2" s="1"/>
  <c r="D7874" i="2" a="1"/>
  <c r="D7874" i="2" s="1"/>
  <c r="D7858" i="2" a="1"/>
  <c r="D7858" i="2" s="1"/>
  <c r="D7878" i="2" a="1"/>
  <c r="D7878" i="2" s="1"/>
  <c r="D7866" i="2" a="1"/>
  <c r="D7866" i="2" s="1"/>
  <c r="D7871" i="2" a="1"/>
  <c r="D7871" i="2" s="1"/>
  <c r="F547" i="2" a="1"/>
  <c r="F547" i="2" s="1"/>
  <c r="F544" i="2" a="1"/>
  <c r="F544" i="2" s="1"/>
  <c r="F549" i="2" a="1"/>
  <c r="F549" i="2" s="1"/>
  <c r="F538" i="2" a="1"/>
  <c r="F538" i="2" s="1"/>
  <c r="F553" i="2" a="1"/>
  <c r="F553" i="2" s="1"/>
  <c r="F558" i="2" a="1"/>
  <c r="F558" i="2" s="1"/>
  <c r="F552" i="2" a="1"/>
  <c r="F552" i="2" s="1"/>
  <c r="F550" i="2" a="1"/>
  <c r="F550" i="2" s="1"/>
  <c r="F560" i="2" a="1"/>
  <c r="F560" i="2" s="1"/>
  <c r="F4922" i="2" a="1"/>
  <c r="F4922" i="2" s="1"/>
  <c r="F4928" i="2" a="1"/>
  <c r="F4928" i="2" s="1"/>
  <c r="F4929" i="2" a="1"/>
  <c r="F4929" i="2" s="1"/>
  <c r="F4926" i="2" a="1"/>
  <c r="F4926" i="2" s="1"/>
  <c r="F4908" i="2" a="1"/>
  <c r="F4908" i="2" s="1"/>
  <c r="F4917" i="2" a="1"/>
  <c r="F4917" i="2" s="1"/>
  <c r="F4927" i="2" a="1"/>
  <c r="F4927" i="2" s="1"/>
  <c r="F4925" i="2" a="1"/>
  <c r="F4925" i="2" s="1"/>
  <c r="F4916" i="2" a="1"/>
  <c r="F4916" i="2" s="1"/>
  <c r="D4682" i="2" a="1"/>
  <c r="D4682" i="2" s="1"/>
  <c r="D4671" i="2" a="1"/>
  <c r="D4671" i="2" s="1"/>
  <c r="D4680" i="2" a="1"/>
  <c r="D4680" i="2" s="1"/>
  <c r="D4684" i="2" a="1"/>
  <c r="D4684" i="2" s="1"/>
  <c r="D4667" i="2" a="1"/>
  <c r="D4667" i="2" s="1"/>
  <c r="D4676" i="2" a="1"/>
  <c r="D4676" i="2" s="1"/>
  <c r="D4687" i="2" a="1"/>
  <c r="D4687" i="2" s="1"/>
  <c r="D4674" i="2" a="1"/>
  <c r="D4674" i="2" s="1"/>
  <c r="D4679" i="2" a="1"/>
  <c r="D4679" i="2" s="1"/>
  <c r="D4673" i="2" a="1"/>
  <c r="D4673" i="2" s="1"/>
  <c r="D149" i="2" a="1"/>
  <c r="D149" i="2" s="1"/>
  <c r="D135" i="2" a="1"/>
  <c r="D135" i="2" s="1"/>
  <c r="D131" i="2" a="1"/>
  <c r="D131" i="2" s="1"/>
  <c r="D134" i="2" a="1"/>
  <c r="D134" i="2" s="1"/>
  <c r="D146" i="2" a="1"/>
  <c r="D146" i="2" s="1"/>
  <c r="D150" i="2" a="1"/>
  <c r="D150" i="2" s="1"/>
  <c r="D141" i="2" a="1"/>
  <c r="D141" i="2" s="1"/>
  <c r="D153" i="2" a="1"/>
  <c r="D153" i="2" s="1"/>
  <c r="D143" i="2" a="1"/>
  <c r="D143" i="2" s="1"/>
  <c r="F6698" i="2" a="1"/>
  <c r="F6698" i="2" s="1"/>
  <c r="F6695" i="2" a="1"/>
  <c r="F6695" i="2" s="1"/>
  <c r="F6703" i="2" a="1"/>
  <c r="F6703" i="2" s="1"/>
  <c r="F6699" i="2" a="1"/>
  <c r="F6699" i="2" s="1"/>
  <c r="F6694" i="2" a="1"/>
  <c r="F6694" i="2" s="1"/>
  <c r="F6682" i="2" a="1"/>
  <c r="F6682" i="2" s="1"/>
  <c r="F6691" i="2" a="1"/>
  <c r="F6691" i="2" s="1"/>
  <c r="F6701" i="2" a="1"/>
  <c r="F6701" i="2" s="1"/>
  <c r="E3418" i="2" a="1"/>
  <c r="E3418" i="2" s="1"/>
  <c r="E3438" i="2" a="1"/>
  <c r="E3438" i="2" s="1"/>
  <c r="E3437" i="2" a="1"/>
  <c r="E3437" i="2" s="1"/>
  <c r="E3425" i="2" a="1"/>
  <c r="E3425" i="2" s="1"/>
  <c r="E3441" i="2" a="1"/>
  <c r="E3441" i="2" s="1"/>
  <c r="E3440" i="2" a="1"/>
  <c r="E3440" i="2" s="1"/>
  <c r="E3419" i="2" a="1"/>
  <c r="E3419" i="2" s="1"/>
  <c r="E3429" i="2" a="1"/>
  <c r="E3429" i="2" s="1"/>
  <c r="E3436" i="2" a="1"/>
  <c r="E3436" i="2" s="1"/>
  <c r="G2878" i="2" a="1"/>
  <c r="G2878" i="2" s="1"/>
  <c r="G2876" i="2" a="1"/>
  <c r="G2876" i="2" s="1"/>
  <c r="G2885" i="2" a="1"/>
  <c r="G2885" i="2" s="1"/>
  <c r="G2888" i="2" a="1"/>
  <c r="G2888" i="2" s="1"/>
  <c r="G2877" i="2" a="1"/>
  <c r="G2877" i="2" s="1"/>
  <c r="G2881" i="2" a="1"/>
  <c r="G2881" i="2" s="1"/>
  <c r="G2886" i="2" a="1"/>
  <c r="G2886" i="2" s="1"/>
  <c r="G2875" i="2" a="1"/>
  <c r="G2875" i="2" s="1"/>
  <c r="G2889" i="2" a="1"/>
  <c r="G2889" i="2" s="1"/>
  <c r="G2873" i="2" a="1"/>
  <c r="G2873" i="2" s="1"/>
  <c r="G2867" i="2" a="1"/>
  <c r="G2867" i="2" s="1"/>
  <c r="F4789" i="2" a="1"/>
  <c r="F4789" i="2" s="1"/>
  <c r="F4793" i="2" a="1"/>
  <c r="F4793" i="2" s="1"/>
  <c r="F4791" i="2" a="1"/>
  <c r="F4791" i="2" s="1"/>
  <c r="F4795" i="2" a="1"/>
  <c r="F4795" i="2" s="1"/>
  <c r="F4804" i="2" a="1"/>
  <c r="F4804" i="2" s="1"/>
  <c r="F4799" i="2" a="1"/>
  <c r="F4799" i="2" s="1"/>
  <c r="F4794" i="2" a="1"/>
  <c r="F4794" i="2" s="1"/>
  <c r="F4788" i="2" a="1"/>
  <c r="F4788" i="2" s="1"/>
  <c r="F4787" i="2" a="1"/>
  <c r="F4787" i="2" s="1"/>
  <c r="F304" i="2" a="1"/>
  <c r="F304" i="2" s="1"/>
  <c r="F299" i="2" a="1"/>
  <c r="F299" i="2" s="1"/>
  <c r="F300" i="2" a="1"/>
  <c r="F300" i="2" s="1"/>
  <c r="F319" i="2" a="1"/>
  <c r="F319" i="2" s="1"/>
  <c r="F317" i="2" a="1"/>
  <c r="F317" i="2" s="1"/>
  <c r="F305" i="2" a="1"/>
  <c r="F305" i="2" s="1"/>
  <c r="F321" i="2" a="1"/>
  <c r="F321" i="2" s="1"/>
  <c r="F311" i="2" a="1"/>
  <c r="F311" i="2" s="1"/>
  <c r="F316" i="2" a="1"/>
  <c r="F316" i="2" s="1"/>
  <c r="F312" i="2" a="1"/>
  <c r="F312" i="2" s="1"/>
  <c r="E1201" i="2" a="1"/>
  <c r="E1201" i="2" s="1"/>
  <c r="E1207" i="2" a="1"/>
  <c r="E1207" i="2" s="1"/>
  <c r="E1193" i="2" a="1"/>
  <c r="E1193" i="2" s="1"/>
  <c r="E1206" i="2" a="1"/>
  <c r="E1206" i="2" s="1"/>
  <c r="E1208" i="2" a="1"/>
  <c r="E1208" i="2" s="1"/>
  <c r="E1195" i="2" a="1"/>
  <c r="E1195" i="2" s="1"/>
  <c r="E1186" i="2" a="1"/>
  <c r="E1186" i="2" s="1"/>
  <c r="E1203" i="2" a="1"/>
  <c r="E1203" i="2" s="1"/>
  <c r="E1196" i="2" a="1"/>
  <c r="E1196" i="2" s="1"/>
  <c r="E1197" i="2" a="1"/>
  <c r="E1197" i="2" s="1"/>
  <c r="F7206" i="2" a="1"/>
  <c r="F7206" i="2" s="1"/>
  <c r="F7203" i="2" a="1"/>
  <c r="F7203" i="2" s="1"/>
  <c r="F7188" i="2" a="1"/>
  <c r="F7188" i="2" s="1"/>
  <c r="F7189" i="2" a="1"/>
  <c r="F7189" i="2" s="1"/>
  <c r="F7190" i="2" a="1"/>
  <c r="F7190" i="2" s="1"/>
  <c r="F7200" i="2" a="1"/>
  <c r="F7200" i="2" s="1"/>
  <c r="F7207" i="2" a="1"/>
  <c r="F7207" i="2" s="1"/>
  <c r="F7209" i="2" a="1"/>
  <c r="F7209" i="2" s="1"/>
  <c r="F1588" i="2" a="1"/>
  <c r="F1588" i="2" s="1"/>
  <c r="F1585" i="2" a="1"/>
  <c r="F1585" i="2" s="1"/>
  <c r="F1575" i="2" a="1"/>
  <c r="F1575" i="2" s="1"/>
  <c r="F1570" i="2" a="1"/>
  <c r="F1570" i="2" s="1"/>
  <c r="F1574" i="2" a="1"/>
  <c r="F1574" i="2" s="1"/>
  <c r="F1593" i="2" a="1"/>
  <c r="F1593" i="2" s="1"/>
  <c r="F1584" i="2" a="1"/>
  <c r="F1584" i="2" s="1"/>
  <c r="F1581" i="2" a="1"/>
  <c r="F1581" i="2" s="1"/>
  <c r="F1589" i="2" a="1"/>
  <c r="F1589" i="2" s="1"/>
  <c r="F1592" i="2" a="1"/>
  <c r="F1592" i="2" s="1"/>
  <c r="F1591" i="2" a="1"/>
  <c r="F1591" i="2" s="1"/>
  <c r="F6292" i="2" a="1"/>
  <c r="F6292" i="2" s="1"/>
  <c r="F6294" i="2" a="1"/>
  <c r="F6294" i="2" s="1"/>
  <c r="F6290" i="2" a="1"/>
  <c r="F6290" i="2" s="1"/>
  <c r="F6280" i="2" a="1"/>
  <c r="F6280" i="2" s="1"/>
  <c r="F6283" i="2" a="1"/>
  <c r="F6283" i="2" s="1"/>
  <c r="F6288" i="2" a="1"/>
  <c r="F6288" i="2" s="1"/>
  <c r="F6295" i="2" a="1"/>
  <c r="F6295" i="2" s="1"/>
  <c r="F6296" i="2" a="1"/>
  <c r="F6296" i="2" s="1"/>
  <c r="F6285" i="2" a="1"/>
  <c r="F6285" i="2" s="1"/>
  <c r="F6279" i="2" a="1"/>
  <c r="F6279" i="2" s="1"/>
  <c r="F6282" i="2" a="1"/>
  <c r="F6282" i="2" s="1"/>
  <c r="H7930" i="2" a="1"/>
  <c r="H7930" i="2" s="1"/>
  <c r="H7945" i="2" a="1"/>
  <c r="H7945" i="2" s="1"/>
  <c r="H7946" i="2" a="1"/>
  <c r="H7946" i="2" s="1"/>
  <c r="H7947" i="2" a="1"/>
  <c r="H7947" i="2" s="1"/>
  <c r="H7938" i="2" a="1"/>
  <c r="H7938" i="2" s="1"/>
  <c r="H7951" i="2" a="1"/>
  <c r="H7951" i="2" s="1"/>
  <c r="H7934" i="2" a="1"/>
  <c r="H7934" i="2" s="1"/>
  <c r="H7932" i="2" a="1"/>
  <c r="H7932" i="2" s="1"/>
  <c r="H7931" i="2" a="1"/>
  <c r="H7931" i="2" s="1"/>
  <c r="H7937" i="2" a="1"/>
  <c r="H7937" i="2" s="1"/>
  <c r="H7950" i="2" a="1"/>
  <c r="H7950" i="2" s="1"/>
  <c r="F8261" i="2" a="1"/>
  <c r="F8261" i="2" s="1"/>
  <c r="F8248" i="2" a="1"/>
  <c r="F8248" i="2" s="1"/>
  <c r="F8259" i="2" a="1"/>
  <c r="F8259" i="2" s="1"/>
  <c r="F8264" i="2" a="1"/>
  <c r="F8264" i="2" s="1"/>
  <c r="F8257" i="2" a="1"/>
  <c r="F8257" i="2" s="1"/>
  <c r="F8243" i="2" a="1"/>
  <c r="F8243" i="2" s="1"/>
  <c r="F8249" i="2" a="1"/>
  <c r="F8249" i="2" s="1"/>
  <c r="F8244" i="2" a="1"/>
  <c r="F8244" i="2" s="1"/>
  <c r="F8254" i="2" a="1"/>
  <c r="F8254" i="2" s="1"/>
  <c r="F8246" i="2" a="1"/>
  <c r="F8246" i="2" s="1"/>
  <c r="F8255" i="2" a="1"/>
  <c r="F8255" i="2" s="1"/>
  <c r="F8258" i="2" a="1"/>
  <c r="F8258" i="2" s="1"/>
  <c r="D7682" i="2" a="1"/>
  <c r="D7682" i="2" s="1"/>
  <c r="D7667" i="2" a="1"/>
  <c r="D7667" i="2" s="1"/>
  <c r="D7683" i="2" a="1"/>
  <c r="D7683" i="2" s="1"/>
  <c r="G203" i="2" a="1"/>
  <c r="G203" i="2" s="1"/>
  <c r="G202" i="2" a="1"/>
  <c r="G202" i="2" s="1"/>
  <c r="G207" i="2" a="1"/>
  <c r="G207" i="2" s="1"/>
  <c r="E7306" i="2" a="1"/>
  <c r="E7306" i="2" s="1"/>
  <c r="E7327" i="2" a="1"/>
  <c r="E7327" i="2" s="1"/>
  <c r="H5048" i="2" a="1"/>
  <c r="H5048" i="2" s="1"/>
  <c r="H5049" i="2" a="1"/>
  <c r="H5049" i="2" s="1"/>
  <c r="F1069" i="2" a="1"/>
  <c r="F1069" i="2" s="1"/>
  <c r="F1074" i="2" a="1"/>
  <c r="F1074" i="2" s="1"/>
  <c r="E1428" i="2" a="1"/>
  <c r="E1428" i="2" s="1"/>
  <c r="E1448" i="2" a="1"/>
  <c r="E1448" i="2" s="1"/>
  <c r="H7658" i="2" a="1"/>
  <c r="H7658" i="2" s="1"/>
  <c r="H7652" i="2" a="1"/>
  <c r="H7652" i="2" s="1"/>
  <c r="D2714" i="2" a="1"/>
  <c r="D2714" i="2" s="1"/>
  <c r="F8174" i="2" a="1"/>
  <c r="F8174" i="2" s="1"/>
  <c r="F4924" i="2" a="1"/>
  <c r="F4924" i="2" s="1"/>
  <c r="E859" i="2" a="1"/>
  <c r="E859" i="2" s="1"/>
  <c r="F541" i="2" a="1"/>
  <c r="F541" i="2" s="1"/>
  <c r="F4803" i="2" a="1"/>
  <c r="F4803" i="2" s="1"/>
  <c r="E2285" i="2" a="1"/>
  <c r="E2285" i="2" s="1"/>
  <c r="F8260" i="2" a="1"/>
  <c r="F8260" i="2" s="1"/>
  <c r="H7943" i="2" a="1"/>
  <c r="H7943" i="2" s="1"/>
  <c r="F6291" i="2" a="1"/>
  <c r="F6291" i="2" s="1"/>
  <c r="F7192" i="2" a="1"/>
  <c r="F7192" i="2" s="1"/>
  <c r="F303" i="2" a="1"/>
  <c r="F303" i="2" s="1"/>
  <c r="D2717" i="2" a="1"/>
  <c r="D2717" i="2" s="1"/>
  <c r="F8170" i="2" a="1"/>
  <c r="F8170" i="2" s="1"/>
  <c r="F4911" i="2" a="1"/>
  <c r="F4911" i="2" s="1"/>
  <c r="E855" i="2" a="1"/>
  <c r="E855" i="2" s="1"/>
  <c r="F554" i="2" a="1"/>
  <c r="F554" i="2" s="1"/>
  <c r="F4801" i="2" a="1"/>
  <c r="F4801" i="2" s="1"/>
  <c r="D139" i="2" a="1"/>
  <c r="D139" i="2" s="1"/>
  <c r="E2278" i="2" a="1"/>
  <c r="E2278" i="2" s="1"/>
  <c r="D4675" i="2" a="1"/>
  <c r="D4675" i="2" s="1"/>
  <c r="F8252" i="2" a="1"/>
  <c r="F8252" i="2" s="1"/>
  <c r="F6277" i="2" a="1"/>
  <c r="F6277" i="2" s="1"/>
  <c r="F7201" i="2" a="1"/>
  <c r="F7201" i="2" s="1"/>
  <c r="F315" i="2" a="1"/>
  <c r="F315" i="2" s="1"/>
  <c r="E7922" i="2" a="1"/>
  <c r="E7922" i="2" s="1"/>
  <c r="E6055" i="2" a="1"/>
  <c r="E6055" i="2" s="1"/>
  <c r="F2011" i="2" a="1"/>
  <c r="F2011" i="2" s="1"/>
  <c r="F3570" i="2" a="1"/>
  <c r="F3570" i="2" s="1"/>
  <c r="F7297" i="2" a="1"/>
  <c r="F7297" i="2" s="1"/>
  <c r="G3613" i="2" a="1"/>
  <c r="G3613" i="2" s="1"/>
  <c r="D2465" i="2" a="1"/>
  <c r="D2465" i="2" s="1"/>
  <c r="F6464" i="2" a="1"/>
  <c r="F6464" i="2" s="1"/>
  <c r="H8147" i="2" a="1"/>
  <c r="H8147" i="2" s="1"/>
  <c r="H1554" i="2" a="1"/>
  <c r="H1554" i="2" s="1"/>
  <c r="E7925" i="2" a="1"/>
  <c r="E7925" i="2" s="1"/>
  <c r="E6057" i="2" a="1"/>
  <c r="E6057" i="2" s="1"/>
  <c r="F2004" i="2" a="1"/>
  <c r="F2004" i="2" s="1"/>
  <c r="F3567" i="2" a="1"/>
  <c r="F3567" i="2" s="1"/>
  <c r="F7292" i="2" a="1"/>
  <c r="F7292" i="2" s="1"/>
  <c r="G3624" i="2" a="1"/>
  <c r="G3624" i="2" s="1"/>
  <c r="E2385" i="2" a="1"/>
  <c r="E2385" i="2" s="1"/>
  <c r="D2475" i="2" a="1"/>
  <c r="D2475" i="2" s="1"/>
  <c r="F6465" i="2" a="1"/>
  <c r="F6465" i="2" s="1"/>
  <c r="H1553" i="2" a="1"/>
  <c r="H1553" i="2" s="1"/>
  <c r="E7927" i="2" a="1"/>
  <c r="E7927" i="2" s="1"/>
  <c r="E6053" i="2" a="1"/>
  <c r="E6053" i="2" s="1"/>
  <c r="F2009" i="2" a="1"/>
  <c r="F2009" i="2" s="1"/>
  <c r="F3581" i="2" a="1"/>
  <c r="F3581" i="2" s="1"/>
  <c r="F3582" i="2" a="1"/>
  <c r="F3582" i="2" s="1"/>
  <c r="F7286" i="2" a="1"/>
  <c r="F7286" i="2" s="1"/>
  <c r="G3631" i="2" a="1"/>
  <c r="G3631" i="2" s="1"/>
  <c r="G3621" i="2" a="1"/>
  <c r="G3621" i="2" s="1"/>
  <c r="E2376" i="2" a="1"/>
  <c r="E2376" i="2" s="1"/>
  <c r="F6442" i="2" a="1"/>
  <c r="F6442" i="2" s="1"/>
  <c r="H8456" i="2" a="1"/>
  <c r="H8456" i="2" s="1"/>
  <c r="H8437" i="2" a="1"/>
  <c r="H8437" i="2" s="1"/>
  <c r="G1282" i="2" a="1"/>
  <c r="G1282" i="2" s="1"/>
  <c r="G1291" i="2" a="1"/>
  <c r="G1291" i="2" s="1"/>
  <c r="F7039" i="2" a="1"/>
  <c r="F7039" i="2" s="1"/>
  <c r="F7023" i="2" a="1"/>
  <c r="F7023" i="2" s="1"/>
  <c r="E8669" i="2" a="1"/>
  <c r="E8669" i="2" s="1"/>
  <c r="E8672" i="2" a="1"/>
  <c r="E8672" i="2" s="1"/>
  <c r="E827" i="2" a="1"/>
  <c r="E827" i="2" s="1"/>
  <c r="E848" i="2" a="1"/>
  <c r="E848" i="2" s="1"/>
  <c r="E7684" i="2" a="1"/>
  <c r="E7684" i="2" s="1"/>
  <c r="E7683" i="2" a="1"/>
  <c r="E7683" i="2" s="1"/>
  <c r="E7682" i="2" a="1"/>
  <c r="E7682" i="2" s="1"/>
  <c r="G3620" i="2" a="1"/>
  <c r="G3620" i="2" s="1"/>
  <c r="G3611" i="2" a="1"/>
  <c r="G3611" i="2" s="1"/>
  <c r="G3632" i="2" a="1"/>
  <c r="G3632" i="2" s="1"/>
  <c r="F7298" i="2" a="1"/>
  <c r="F7298" i="2" s="1"/>
  <c r="F7295" i="2" a="1"/>
  <c r="F7295" i="2" s="1"/>
  <c r="F7293" i="2" a="1"/>
  <c r="F7293" i="2" s="1"/>
  <c r="E2375" i="2" a="1"/>
  <c r="E2375" i="2" s="1"/>
  <c r="E2381" i="2" a="1"/>
  <c r="E2381" i="2" s="1"/>
  <c r="E2364" i="2" a="1"/>
  <c r="E2364" i="2" s="1"/>
  <c r="F2019" i="2" a="1"/>
  <c r="F2019" i="2" s="1"/>
  <c r="F2015" i="2" a="1"/>
  <c r="F2015" i="2" s="1"/>
  <c r="F2003" i="2" a="1"/>
  <c r="F2003" i="2" s="1"/>
  <c r="H8161" i="2" a="1"/>
  <c r="H8161" i="2" s="1"/>
  <c r="H8148" i="2" a="1"/>
  <c r="H8148" i="2" s="1"/>
  <c r="H8159" i="2" a="1"/>
  <c r="H8159" i="2" s="1"/>
  <c r="H8149" i="2" a="1"/>
  <c r="H8149" i="2" s="1"/>
  <c r="F3584" i="2" a="1"/>
  <c r="F3584" i="2" s="1"/>
  <c r="F3571" i="2" a="1"/>
  <c r="F3571" i="2" s="1"/>
  <c r="F3574" i="2" a="1"/>
  <c r="F3574" i="2" s="1"/>
  <c r="D2459" i="2" a="1"/>
  <c r="D2459" i="2" s="1"/>
  <c r="D2458" i="2" a="1"/>
  <c r="D2458" i="2" s="1"/>
  <c r="D2464" i="2" a="1"/>
  <c r="D2464" i="2" s="1"/>
  <c r="E7919" i="2" a="1"/>
  <c r="E7919" i="2" s="1"/>
  <c r="E7917" i="2" a="1"/>
  <c r="E7917" i="2" s="1"/>
  <c r="E7912" i="2" a="1"/>
  <c r="E7912" i="2" s="1"/>
  <c r="E6048" i="2" a="1"/>
  <c r="E6048" i="2" s="1"/>
  <c r="E6040" i="2" a="1"/>
  <c r="E6040" i="2" s="1"/>
  <c r="E6056" i="2" a="1"/>
  <c r="E6056" i="2" s="1"/>
  <c r="F6460" i="2" a="1"/>
  <c r="F6460" i="2" s="1"/>
  <c r="F6462" i="2" a="1"/>
  <c r="F6462" i="2" s="1"/>
  <c r="F6463" i="2" a="1"/>
  <c r="F6463" i="2" s="1"/>
  <c r="F6458" i="2" a="1"/>
  <c r="F6458" i="2" s="1"/>
  <c r="D2344" i="2" a="1"/>
  <c r="D2344" i="2" s="1"/>
  <c r="D2353" i="2" a="1"/>
  <c r="D2353" i="2" s="1"/>
  <c r="H1549" i="2" a="1"/>
  <c r="H1549" i="2" s="1"/>
  <c r="H1564" i="2" a="1"/>
  <c r="H1564" i="2" s="1"/>
  <c r="H1548" i="2" a="1"/>
  <c r="H1548" i="2" s="1"/>
  <c r="H1552" i="2" a="1"/>
  <c r="H1552" i="2" s="1"/>
  <c r="F4638" i="2" a="1"/>
  <c r="F4638" i="2" s="1"/>
  <c r="F4634" i="2" a="1"/>
  <c r="F4634" i="2" s="1"/>
  <c r="F4632" i="2" a="1"/>
  <c r="F4632" i="2" s="1"/>
  <c r="G1927" i="2" a="1"/>
  <c r="G1927" i="2" s="1"/>
  <c r="G1929" i="2" a="1"/>
  <c r="G1929" i="2" s="1"/>
  <c r="F4131" i="2" a="1"/>
  <c r="F4131" i="2" s="1"/>
  <c r="F4124" i="2" a="1"/>
  <c r="F4124" i="2" s="1"/>
  <c r="F5582" i="2" a="1"/>
  <c r="F5582" i="2" s="1"/>
  <c r="F5586" i="2" a="1"/>
  <c r="F5586" i="2" s="1"/>
  <c r="E6147" i="2" a="1"/>
  <c r="E6147" i="2" s="1"/>
  <c r="E6137" i="2" a="1"/>
  <c r="E6137" i="2" s="1"/>
  <c r="F5372" i="2" a="1"/>
  <c r="F5372" i="2" s="1"/>
  <c r="G7196" i="2" a="1"/>
  <c r="G7196" i="2" s="1"/>
  <c r="G3888" i="2" a="1"/>
  <c r="G3888" i="2" s="1"/>
  <c r="G3877" i="2" a="1"/>
  <c r="G3877" i="2" s="1"/>
  <c r="H8454" i="2" a="1"/>
  <c r="H8454" i="2" s="1"/>
  <c r="H2168" i="2" a="1"/>
  <c r="H2168" i="2" s="1"/>
  <c r="G1300" i="2" a="1"/>
  <c r="G1300" i="2" s="1"/>
  <c r="G4766" i="2" a="1"/>
  <c r="G4766" i="2" s="1"/>
  <c r="G1763" i="2" a="1"/>
  <c r="G1763" i="2" s="1"/>
  <c r="D2338" i="2" a="1"/>
  <c r="D2338" i="2" s="1"/>
  <c r="E4828" i="2" a="1"/>
  <c r="E4828" i="2" s="1"/>
  <c r="G5944" i="2" a="1"/>
  <c r="G5944" i="2" s="1"/>
  <c r="F4631" i="2" a="1"/>
  <c r="F4631" i="2" s="1"/>
  <c r="G1912" i="2" a="1"/>
  <c r="G1912" i="2" s="1"/>
  <c r="F4133" i="2" a="1"/>
  <c r="F4133" i="2" s="1"/>
  <c r="E7924" i="2" a="1"/>
  <c r="E7924" i="2" s="1"/>
  <c r="E6043" i="2" a="1"/>
  <c r="E6043" i="2" s="1"/>
  <c r="F2022" i="2" a="1"/>
  <c r="F2022" i="2" s="1"/>
  <c r="F3565" i="2" a="1"/>
  <c r="F3565" i="2" s="1"/>
  <c r="F7302" i="2" a="1"/>
  <c r="F7302" i="2" s="1"/>
  <c r="G3617" i="2" a="1"/>
  <c r="G3617" i="2" s="1"/>
  <c r="D2481" i="2" a="1"/>
  <c r="D2481" i="2" s="1"/>
  <c r="H8155" i="2" a="1"/>
  <c r="H8155" i="2" s="1"/>
  <c r="H1555" i="2" a="1"/>
  <c r="H1555" i="2" s="1"/>
  <c r="E7667" i="2" a="1"/>
  <c r="E7667" i="2" s="1"/>
  <c r="E7923" i="2" a="1"/>
  <c r="E7923" i="2" s="1"/>
  <c r="F2018" i="2" a="1"/>
  <c r="F2018" i="2" s="1"/>
  <c r="F3579" i="2" a="1"/>
  <c r="F3579" i="2" s="1"/>
  <c r="F7282" i="2" a="1"/>
  <c r="F7282" i="2" s="1"/>
  <c r="G3616" i="2" a="1"/>
  <c r="G3616" i="2" s="1"/>
  <c r="D2473" i="2" a="1"/>
  <c r="D2473" i="2" s="1"/>
  <c r="H8166" i="2" a="1"/>
  <c r="H8166" i="2" s="1"/>
  <c r="E7669" i="2" a="1"/>
  <c r="E7669" i="2" s="1"/>
  <c r="F2145" i="2" a="1"/>
  <c r="F2145" i="2" s="1"/>
  <c r="F2124" i="2" a="1"/>
  <c r="F2124" i="2" s="1"/>
  <c r="F7353" i="2" a="1"/>
  <c r="F7353" i="2" s="1"/>
  <c r="F7330" i="2" a="1"/>
  <c r="F7330" i="2" s="1"/>
  <c r="F7341" i="2" a="1"/>
  <c r="F7341" i="2" s="1"/>
  <c r="G1232" i="2" a="1"/>
  <c r="G1232" i="2" s="1"/>
  <c r="G1231" i="2" a="1"/>
  <c r="G1231" i="2" s="1"/>
  <c r="H1301" i="2" a="1"/>
  <c r="H1301" i="2" s="1"/>
  <c r="H1287" i="2" a="1"/>
  <c r="H1287" i="2" s="1"/>
  <c r="E5426" i="2" a="1"/>
  <c r="E5426" i="2" s="1"/>
  <c r="E5421" i="2" a="1"/>
  <c r="E5421" i="2" s="1"/>
  <c r="E666" i="2" a="1"/>
  <c r="E666" i="2" s="1"/>
  <c r="E660" i="2" a="1"/>
  <c r="E660" i="2" s="1"/>
  <c r="E676" i="2" a="1"/>
  <c r="E676" i="2" s="1"/>
  <c r="H3338" i="2" a="1"/>
  <c r="H3338" i="2" s="1"/>
  <c r="H3345" i="2" a="1"/>
  <c r="H3345" i="2" s="1"/>
  <c r="H3329" i="2" a="1"/>
  <c r="H3329" i="2" s="1"/>
  <c r="F8715" i="2" a="1"/>
  <c r="F8715" i="2" s="1"/>
  <c r="F8720" i="2" a="1"/>
  <c r="F8720" i="2" s="1"/>
  <c r="F8716" i="2" a="1"/>
  <c r="F8716" i="2" s="1"/>
  <c r="D7931" i="2" a="1"/>
  <c r="D7931" i="2" s="1"/>
  <c r="D7949" i="2" a="1"/>
  <c r="D7949" i="2" s="1"/>
  <c r="D7935" i="2" a="1"/>
  <c r="D7935" i="2" s="1"/>
  <c r="D7951" i="2" a="1"/>
  <c r="D7951" i="2" s="1"/>
  <c r="F353" i="2" a="1"/>
  <c r="F353" i="2" s="1"/>
  <c r="F350" i="2" a="1"/>
  <c r="F350" i="2" s="1"/>
  <c r="F362" i="2" a="1"/>
  <c r="F362" i="2" s="1"/>
  <c r="G6383" i="2" a="1"/>
  <c r="G6383" i="2" s="1"/>
  <c r="G6380" i="2" a="1"/>
  <c r="G6380" i="2" s="1"/>
  <c r="G6371" i="2" a="1"/>
  <c r="G6371" i="2" s="1"/>
  <c r="G6385" i="2" a="1"/>
  <c r="G6385" i="2" s="1"/>
  <c r="G3890" i="2" a="1"/>
  <c r="G3890" i="2" s="1"/>
  <c r="G3895" i="2" a="1"/>
  <c r="G3895" i="2" s="1"/>
  <c r="H8442" i="2" a="1"/>
  <c r="H8442" i="2" s="1"/>
  <c r="G1909" i="2" a="1"/>
  <c r="G1909" i="2" s="1"/>
  <c r="H1289" i="2" a="1"/>
  <c r="H1289" i="2" s="1"/>
  <c r="E7928" i="2" a="1"/>
  <c r="E7928" i="2" s="1"/>
  <c r="E6037" i="2" a="1"/>
  <c r="E6037" i="2" s="1"/>
  <c r="D7930" i="2" a="1"/>
  <c r="D7930" i="2" s="1"/>
  <c r="F8719" i="2" a="1"/>
  <c r="F8719" i="2" s="1"/>
  <c r="H3325" i="2" a="1"/>
  <c r="H3325" i="2" s="1"/>
  <c r="F2024" i="2" a="1"/>
  <c r="F2024" i="2" s="1"/>
  <c r="F3575" i="2" a="1"/>
  <c r="F3575" i="2" s="1"/>
  <c r="E671" i="2" a="1"/>
  <c r="E671" i="2" s="1"/>
  <c r="F7301" i="2" a="1"/>
  <c r="F7301" i="2" s="1"/>
  <c r="G3628" i="2" a="1"/>
  <c r="G3628" i="2" s="1"/>
  <c r="G6384" i="2" a="1"/>
  <c r="G6384" i="2" s="1"/>
  <c r="D2469" i="2" a="1"/>
  <c r="D2469" i="2" s="1"/>
  <c r="H8156" i="2" a="1"/>
  <c r="H8156" i="2" s="1"/>
  <c r="H1547" i="2" a="1"/>
  <c r="H1547" i="2" s="1"/>
  <c r="G1230" i="2" a="1"/>
  <c r="G1230" i="2" s="1"/>
  <c r="F5599" i="2" a="1"/>
  <c r="F5599" i="2" s="1"/>
  <c r="E4671" i="2" a="1"/>
  <c r="E4671" i="2" s="1"/>
  <c r="D3818" i="2" a="1"/>
  <c r="D3818" i="2" s="1"/>
  <c r="D3819" i="2" a="1"/>
  <c r="D3819" i="2" s="1"/>
  <c r="G181" i="2" a="1"/>
  <c r="G181" i="2" s="1"/>
  <c r="E4667" i="2" a="1"/>
  <c r="E4667" i="2" s="1"/>
  <c r="D3805" i="2" a="1"/>
  <c r="D3805" i="2" s="1"/>
  <c r="D4236" i="2" a="1"/>
  <c r="D4236" i="2" s="1"/>
  <c r="E7569" i="2" a="1"/>
  <c r="E7569" i="2" s="1"/>
  <c r="H3921" i="2" a="1"/>
  <c r="H3921" i="2" s="1"/>
  <c r="F4832" i="2" a="1"/>
  <c r="F4832" i="2" s="1"/>
  <c r="E4673" i="2" a="1"/>
  <c r="E4673" i="2" s="1"/>
  <c r="D4256" i="2" a="1"/>
  <c r="D4256" i="2" s="1"/>
  <c r="G3815" i="2" a="1"/>
  <c r="G3815" i="2" s="1"/>
  <c r="E7562" i="2" a="1"/>
  <c r="E7562" i="2" s="1"/>
  <c r="G5312" i="2" a="1"/>
  <c r="G5312" i="2" s="1"/>
  <c r="E7665" i="2" a="1"/>
  <c r="E7665" i="2" s="1"/>
  <c r="E4996" i="2" a="1"/>
  <c r="E4996" i="2" s="1"/>
  <c r="E5001" i="2" a="1"/>
  <c r="E5001" i="2" s="1"/>
  <c r="E4980" i="2" a="1"/>
  <c r="E4980" i="2" s="1"/>
  <c r="D8300" i="2" a="1"/>
  <c r="D8300" i="2" s="1"/>
  <c r="E4989" i="2" a="1"/>
  <c r="E4989" i="2" s="1"/>
  <c r="D8295" i="2" a="1"/>
  <c r="D8295" i="2" s="1"/>
  <c r="E3902" i="2" a="1"/>
  <c r="E3902" i="2" s="1"/>
  <c r="H4355" i="2" a="1"/>
  <c r="H4355" i="2" s="1"/>
  <c r="H4356" i="2" a="1"/>
  <c r="H4356" i="2" s="1"/>
  <c r="G2308" i="2" a="1"/>
  <c r="G2308" i="2" s="1"/>
  <c r="H4374" i="2" a="1"/>
  <c r="H4374" i="2" s="1"/>
  <c r="H4627" i="2" a="1"/>
  <c r="H4627" i="2" s="1"/>
  <c r="G2305" i="2" a="1"/>
  <c r="G2305" i="2" s="1"/>
  <c r="H4364" i="2" a="1"/>
  <c r="H4364" i="2" s="1"/>
  <c r="H4625" i="2" a="1"/>
  <c r="H4625" i="2" s="1"/>
  <c r="E252" i="2" a="1"/>
  <c r="E252" i="2" s="1"/>
  <c r="F3069" i="2" a="1"/>
  <c r="F3069" i="2" s="1"/>
  <c r="G2297" i="2" a="1"/>
  <c r="G2297" i="2" s="1"/>
  <c r="H4357" i="2" a="1"/>
  <c r="H4357" i="2" s="1"/>
  <c r="H3842" i="2" a="1"/>
  <c r="H3842" i="2" s="1"/>
  <c r="E4993" i="2" a="1"/>
  <c r="E4993" i="2" s="1"/>
  <c r="D8308" i="2" a="1"/>
  <c r="D8308" i="2" s="1"/>
  <c r="H4622" i="2" a="1"/>
  <c r="H4622" i="2" s="1"/>
  <c r="F648" i="2" a="1"/>
  <c r="F648" i="2" s="1"/>
  <c r="D4168" i="2" a="1"/>
  <c r="D4168" i="2" s="1"/>
  <c r="E3903" i="2" a="1"/>
  <c r="E3903" i="2" s="1"/>
  <c r="G5786" i="2" a="1"/>
  <c r="G5786" i="2" s="1"/>
  <c r="F656" i="2" a="1"/>
  <c r="F656" i="2" s="1"/>
  <c r="E6014" i="2" a="1"/>
  <c r="E6014" i="2" s="1"/>
  <c r="G6982" i="2" a="1"/>
  <c r="G6982" i="2" s="1"/>
  <c r="E1967" i="2" a="1"/>
  <c r="E1967" i="2" s="1"/>
  <c r="G2306" i="2" a="1"/>
  <c r="G2306" i="2" s="1"/>
  <c r="D6910" i="2" a="1"/>
  <c r="D6910" i="2" s="1"/>
  <c r="D7500" i="2" a="1"/>
  <c r="D7500" i="2" s="1"/>
  <c r="F6540" i="2" a="1"/>
  <c r="F6540" i="2" s="1"/>
  <c r="E3921" i="2" a="1"/>
  <c r="E3921" i="2" s="1"/>
  <c r="G5770" i="2" a="1"/>
  <c r="G5770" i="2" s="1"/>
  <c r="D4177" i="2" a="1"/>
  <c r="D4177" i="2" s="1"/>
  <c r="G6171" i="2" a="1"/>
  <c r="G6171" i="2" s="1"/>
  <c r="G2307" i="2" a="1"/>
  <c r="G2307" i="2" s="1"/>
  <c r="D6921" i="2" a="1"/>
  <c r="D6921" i="2" s="1"/>
  <c r="D3939" i="2" a="1"/>
  <c r="D3939" i="2" s="1"/>
  <c r="D7519" i="2" a="1"/>
  <c r="D7519" i="2" s="1"/>
  <c r="F3042" i="2" a="1"/>
  <c r="F3042" i="2" s="1"/>
  <c r="E3912" i="2" a="1"/>
  <c r="E3912" i="2" s="1"/>
  <c r="G5773" i="2" a="1"/>
  <c r="G5773" i="2" s="1"/>
  <c r="D4173" i="2" a="1"/>
  <c r="D4173" i="2" s="1"/>
  <c r="G6165" i="2" a="1"/>
  <c r="G6165" i="2" s="1"/>
  <c r="G2300" i="2" a="1"/>
  <c r="G2300" i="2" s="1"/>
  <c r="H4371" i="2" a="1"/>
  <c r="H4371" i="2" s="1"/>
  <c r="F3039" i="2" a="1"/>
  <c r="F3039" i="2" s="1"/>
  <c r="E3915" i="2" a="1"/>
  <c r="E3915" i="2" s="1"/>
  <c r="G5778" i="2" a="1"/>
  <c r="G5778" i="2" s="1"/>
  <c r="D4169" i="2" a="1"/>
  <c r="D4169" i="2" s="1"/>
  <c r="E1972" i="2" a="1"/>
  <c r="E1972" i="2" s="1"/>
  <c r="E6010" i="2" a="1"/>
  <c r="E6010" i="2" s="1"/>
  <c r="G2304" i="2" a="1"/>
  <c r="G2304" i="2" s="1"/>
  <c r="H4375" i="2" a="1"/>
  <c r="H4375" i="2" s="1"/>
  <c r="F3053" i="2" a="1"/>
  <c r="F3053" i="2" s="1"/>
  <c r="E3906" i="2" a="1"/>
  <c r="E3906" i="2" s="1"/>
  <c r="D4165" i="2" a="1"/>
  <c r="D4165" i="2" s="1"/>
  <c r="G7219" i="2" a="1"/>
  <c r="G7219" i="2" s="1"/>
  <c r="E174" i="2" a="1"/>
  <c r="E174" i="2" s="1"/>
  <c r="E169" i="2" a="1"/>
  <c r="E169" i="2" s="1"/>
  <c r="E161" i="2" a="1"/>
  <c r="E161" i="2" s="1"/>
  <c r="E165" i="2" a="1"/>
  <c r="E165" i="2" s="1"/>
  <c r="E172" i="2" a="1"/>
  <c r="E172" i="2" s="1"/>
  <c r="H938" i="2" a="1"/>
  <c r="H938" i="2" s="1"/>
  <c r="E163" i="2" a="1"/>
  <c r="E163" i="2" s="1"/>
  <c r="F2457" i="2" a="1"/>
  <c r="F2457" i="2" s="1"/>
  <c r="E8153" i="2" a="1"/>
  <c r="E8153" i="2" s="1"/>
  <c r="G6730" i="2" a="1"/>
  <c r="G6730" i="2" s="1"/>
  <c r="AN172" i="1"/>
  <c r="D178" i="5" s="1"/>
  <c r="F3607" i="2" a="1"/>
  <c r="F3607" i="2" s="1"/>
  <c r="H4373" i="2" a="1"/>
  <c r="H4373" i="2" s="1"/>
  <c r="F6181" i="2" a="1"/>
  <c r="F6181" i="2" s="1"/>
  <c r="H2596" i="2" a="1"/>
  <c r="H2596" i="2" s="1"/>
  <c r="D7507" i="2" a="1"/>
  <c r="D7507" i="2" s="1"/>
  <c r="F7974" i="2" a="1"/>
  <c r="F7974" i="2" s="1"/>
  <c r="E4997" i="2" a="1"/>
  <c r="E4997" i="2" s="1"/>
  <c r="F3035" i="2" a="1"/>
  <c r="F3035" i="2" s="1"/>
  <c r="G7027" i="2" a="1"/>
  <c r="G7027" i="2" s="1"/>
  <c r="E7373" i="2" a="1"/>
  <c r="E7373" i="2" s="1"/>
  <c r="E419" i="2" a="1"/>
  <c r="E419" i="2" s="1"/>
  <c r="E7827" i="2" a="1"/>
  <c r="E7827" i="2" s="1"/>
  <c r="D5278" i="2" a="1"/>
  <c r="D5278" i="2" s="1"/>
  <c r="F6107" i="2" a="1"/>
  <c r="F6107" i="2" s="1"/>
  <c r="H4633" i="2" a="1"/>
  <c r="H4633" i="2" s="1"/>
  <c r="H5805" i="2" a="1"/>
  <c r="H5805" i="2" s="1"/>
  <c r="F5378" i="2" a="1"/>
  <c r="F5378" i="2" s="1"/>
  <c r="E4214" i="2" a="1"/>
  <c r="E4214" i="2" s="1"/>
  <c r="D4181" i="2" a="1"/>
  <c r="D4181" i="2" s="1"/>
  <c r="G7201" i="2" a="1"/>
  <c r="G7201" i="2" s="1"/>
  <c r="H8448" i="2" a="1"/>
  <c r="H8448" i="2" s="1"/>
  <c r="D3800" i="2" a="1"/>
  <c r="D3800" i="2" s="1"/>
  <c r="D6790" i="2" a="1"/>
  <c r="D6790" i="2" s="1"/>
  <c r="F4140" i="2" a="1"/>
  <c r="F4140" i="2" s="1"/>
  <c r="G1305" i="2" a="1"/>
  <c r="G1305" i="2" s="1"/>
  <c r="D5291" i="2" a="1"/>
  <c r="D5291" i="2" s="1"/>
  <c r="D2543" i="2" a="1"/>
  <c r="D2543" i="2" s="1"/>
  <c r="D7503" i="2" a="1"/>
  <c r="D7503" i="2" s="1"/>
  <c r="E6020" i="2" a="1"/>
  <c r="E6020" i="2" s="1"/>
  <c r="E810" i="2" a="1"/>
  <c r="E810" i="2" s="1"/>
  <c r="H3845" i="2" a="1"/>
  <c r="H3845" i="2" s="1"/>
  <c r="D7521" i="2" a="1"/>
  <c r="D7521" i="2" s="1"/>
  <c r="G5600" i="2" a="1"/>
  <c r="G5600" i="2" s="1"/>
  <c r="E6022" i="2" a="1"/>
  <c r="E6022" i="2" s="1"/>
  <c r="F2987" i="2" a="1"/>
  <c r="F2987" i="2" s="1"/>
  <c r="E6023" i="2" a="1"/>
  <c r="E6023" i="2" s="1"/>
  <c r="G6990" i="2" a="1"/>
  <c r="G6990" i="2" s="1"/>
  <c r="F2986" i="2" a="1"/>
  <c r="F2986" i="2" s="1"/>
  <c r="G7408" i="2" a="1"/>
  <c r="G7408" i="2" s="1"/>
  <c r="G622" i="2" a="1"/>
  <c r="G622" i="2" s="1"/>
  <c r="F7451" i="2" a="1"/>
  <c r="F7451" i="2" s="1"/>
  <c r="F2440" i="2" a="1"/>
  <c r="F2440" i="2" s="1"/>
  <c r="E8154" i="2" a="1"/>
  <c r="E8154" i="2" s="1"/>
  <c r="G6747" i="2" a="1"/>
  <c r="G6747" i="2" s="1"/>
  <c r="G2302" i="2" a="1"/>
  <c r="G2302" i="2" s="1"/>
  <c r="F3596" i="2" a="1"/>
  <c r="F3596" i="2" s="1"/>
  <c r="H4360" i="2" a="1"/>
  <c r="H4360" i="2" s="1"/>
  <c r="F8237" i="2" a="1"/>
  <c r="F8237" i="2" s="1"/>
  <c r="F6187" i="2" a="1"/>
  <c r="F6187" i="2" s="1"/>
  <c r="H2591" i="2" a="1"/>
  <c r="H2591" i="2" s="1"/>
  <c r="E5959" i="2" a="1"/>
  <c r="E5959" i="2" s="1"/>
  <c r="F7973" i="2" a="1"/>
  <c r="F7973" i="2" s="1"/>
  <c r="G7037" i="2" a="1"/>
  <c r="G7037" i="2" s="1"/>
  <c r="E7368" i="2" a="1"/>
  <c r="E7368" i="2" s="1"/>
  <c r="D8290" i="2" a="1"/>
  <c r="D8290" i="2" s="1"/>
  <c r="E6017" i="2" a="1"/>
  <c r="E6017" i="2" s="1"/>
  <c r="D5271" i="2" a="1"/>
  <c r="D5271" i="2" s="1"/>
  <c r="F6113" i="2" a="1"/>
  <c r="F6113" i="2" s="1"/>
  <c r="E3908" i="2" a="1"/>
  <c r="E3908" i="2" s="1"/>
  <c r="H4626" i="2" a="1"/>
  <c r="H4626" i="2" s="1"/>
  <c r="H5798" i="2" a="1"/>
  <c r="H5798" i="2" s="1"/>
  <c r="F5385" i="2" a="1"/>
  <c r="F5385" i="2" s="1"/>
  <c r="E4230" i="2" a="1"/>
  <c r="E4230" i="2" s="1"/>
  <c r="G5777" i="2" a="1"/>
  <c r="G5777" i="2" s="1"/>
  <c r="F645" i="2" a="1"/>
  <c r="F645" i="2" s="1"/>
  <c r="D4162" i="2" a="1"/>
  <c r="D4162" i="2" s="1"/>
  <c r="G7192" i="2" a="1"/>
  <c r="G7192" i="2" s="1"/>
  <c r="D3782" i="2" a="1"/>
  <c r="D3782" i="2" s="1"/>
  <c r="D6799" i="2" a="1"/>
  <c r="D6799" i="2" s="1"/>
  <c r="F7019" i="2" a="1"/>
  <c r="F7019" i="2" s="1"/>
  <c r="F4149" i="2" a="1"/>
  <c r="F4149" i="2" s="1"/>
  <c r="G1296" i="2" a="1"/>
  <c r="G1296" i="2" s="1"/>
  <c r="G1784" i="2" a="1"/>
  <c r="G1784" i="2" s="1"/>
  <c r="E8660" i="2" a="1"/>
  <c r="E8660" i="2" s="1"/>
  <c r="F5171" i="2" a="1"/>
  <c r="F5171" i="2" s="1"/>
  <c r="E1889" i="2" a="1"/>
  <c r="E1889" i="2" s="1"/>
  <c r="E1092" i="2" a="1"/>
  <c r="E1092" i="2" s="1"/>
  <c r="G7415" i="2" a="1"/>
  <c r="G7415" i="2" s="1"/>
  <c r="F7463" i="2" a="1"/>
  <c r="F7463" i="2" s="1"/>
  <c r="F2441" i="2" a="1"/>
  <c r="F2441" i="2" s="1"/>
  <c r="G6739" i="2" a="1"/>
  <c r="G6739" i="2" s="1"/>
  <c r="G2310" i="2" a="1"/>
  <c r="G2310" i="2" s="1"/>
  <c r="F3602" i="2" a="1"/>
  <c r="F3602" i="2" s="1"/>
  <c r="F8228" i="2" a="1"/>
  <c r="F8228" i="2" s="1"/>
  <c r="H2580" i="2" a="1"/>
  <c r="H2580" i="2" s="1"/>
  <c r="E5951" i="2" a="1"/>
  <c r="E5951" i="2" s="1"/>
  <c r="F7960" i="2" a="1"/>
  <c r="F7960" i="2" s="1"/>
  <c r="G7029" i="2" a="1"/>
  <c r="G7029" i="2" s="1"/>
  <c r="E1896" i="2" a="1"/>
  <c r="E1896" i="2" s="1"/>
  <c r="E436" i="2" a="1"/>
  <c r="E436" i="2" s="1"/>
  <c r="E7821" i="2" a="1"/>
  <c r="E7821" i="2" s="1"/>
  <c r="D8296" i="2" a="1"/>
  <c r="D8296" i="2" s="1"/>
  <c r="F6558" i="2" a="1"/>
  <c r="F6558" i="2" s="1"/>
  <c r="D5288" i="2" a="1"/>
  <c r="D5288" i="2" s="1"/>
  <c r="F6114" i="2" a="1"/>
  <c r="F6114" i="2" s="1"/>
  <c r="E3917" i="2" a="1"/>
  <c r="E3917" i="2" s="1"/>
  <c r="E565" i="2" a="1"/>
  <c r="E565" i="2" s="1"/>
  <c r="H5815" i="2" a="1"/>
  <c r="H5815" i="2" s="1"/>
  <c r="F5384" i="2" a="1"/>
  <c r="F5384" i="2" s="1"/>
  <c r="E4221" i="2" a="1"/>
  <c r="E4221" i="2" s="1"/>
  <c r="G5787" i="2" a="1"/>
  <c r="G5787" i="2" s="1"/>
  <c r="F653" i="2" a="1"/>
  <c r="F653" i="2" s="1"/>
  <c r="D4175" i="2" a="1"/>
  <c r="D4175" i="2" s="1"/>
  <c r="D3778" i="2" a="1"/>
  <c r="D3778" i="2" s="1"/>
  <c r="D6800" i="2" a="1"/>
  <c r="D6800" i="2" s="1"/>
  <c r="F7029" i="2" a="1"/>
  <c r="F7029" i="2" s="1"/>
  <c r="G6868" i="2" a="1"/>
  <c r="G6868" i="2" s="1"/>
  <c r="G1767" i="2" a="1"/>
  <c r="G1767" i="2" s="1"/>
  <c r="E8666" i="2" a="1"/>
  <c r="E8666" i="2" s="1"/>
  <c r="G7419" i="2" a="1"/>
  <c r="G7419" i="2" s="1"/>
  <c r="F7458" i="2" a="1"/>
  <c r="F7458" i="2" s="1"/>
  <c r="F2453" i="2" a="1"/>
  <c r="F2453" i="2" s="1"/>
  <c r="G6746" i="2" a="1"/>
  <c r="G6746" i="2" s="1"/>
  <c r="G2309" i="2" a="1"/>
  <c r="G2309" i="2" s="1"/>
  <c r="F3605" i="2" a="1"/>
  <c r="F3605" i="2" s="1"/>
  <c r="F8240" i="2" a="1"/>
  <c r="F8240" i="2" s="1"/>
  <c r="F6190" i="2" a="1"/>
  <c r="F6190" i="2" s="1"/>
  <c r="H2578" i="2" a="1"/>
  <c r="H2578" i="2" s="1"/>
  <c r="E5942" i="2" a="1"/>
  <c r="E5942" i="2" s="1"/>
  <c r="F7955" i="2" a="1"/>
  <c r="F7955" i="2" s="1"/>
  <c r="F3054" i="2" a="1"/>
  <c r="F3054" i="2" s="1"/>
  <c r="G7024" i="2" a="1"/>
  <c r="G7024" i="2" s="1"/>
  <c r="E7357" i="2" a="1"/>
  <c r="E7357" i="2" s="1"/>
  <c r="E423" i="2" a="1"/>
  <c r="E423" i="2" s="1"/>
  <c r="E7818" i="2" a="1"/>
  <c r="E7818" i="2" s="1"/>
  <c r="D8311" i="2" a="1"/>
  <c r="D8311" i="2" s="1"/>
  <c r="F6552" i="2" a="1"/>
  <c r="F6552" i="2" s="1"/>
  <c r="D5284" i="2" a="1"/>
  <c r="D5284" i="2" s="1"/>
  <c r="F6117" i="2" a="1"/>
  <c r="F6117" i="2" s="1"/>
  <c r="E3904" i="2" a="1"/>
  <c r="E3904" i="2" s="1"/>
  <c r="E562" i="2" a="1"/>
  <c r="E562" i="2" s="1"/>
  <c r="F5375" i="2" a="1"/>
  <c r="F5375" i="2" s="1"/>
  <c r="G5783" i="2" a="1"/>
  <c r="G5783" i="2" s="1"/>
  <c r="F635" i="2" a="1"/>
  <c r="F635" i="2" s="1"/>
  <c r="D4171" i="2" a="1"/>
  <c r="D4171" i="2" s="1"/>
  <c r="D6788" i="2" a="1"/>
  <c r="D6788" i="2" s="1"/>
  <c r="F7028" i="2" a="1"/>
  <c r="F7028" i="2" s="1"/>
  <c r="F4141" i="2" a="1"/>
  <c r="F4141" i="2" s="1"/>
  <c r="G6851" i="2" a="1"/>
  <c r="G6851" i="2" s="1"/>
  <c r="G1774" i="2" a="1"/>
  <c r="G1774" i="2" s="1"/>
  <c r="E8663" i="2" a="1"/>
  <c r="E8663" i="2" s="1"/>
  <c r="F6543" i="2" a="1"/>
  <c r="F6543" i="2" s="1"/>
  <c r="D4007" i="2" a="1"/>
  <c r="D4007" i="2" s="1"/>
  <c r="F6539" i="2" a="1"/>
  <c r="F6539" i="2" s="1"/>
  <c r="G7422" i="2" a="1"/>
  <c r="G7422" i="2" s="1"/>
  <c r="F7457" i="2" a="1"/>
  <c r="F7457" i="2" s="1"/>
  <c r="G6170" i="2" a="1"/>
  <c r="G6170" i="2" s="1"/>
  <c r="E8149" i="2" a="1"/>
  <c r="E8149" i="2" s="1"/>
  <c r="G2290" i="2" a="1"/>
  <c r="G2290" i="2" s="1"/>
  <c r="F3599" i="2" a="1"/>
  <c r="F3599" i="2" s="1"/>
  <c r="F8234" i="2" a="1"/>
  <c r="F8234" i="2" s="1"/>
  <c r="F6180" i="2" a="1"/>
  <c r="F6180" i="2" s="1"/>
  <c r="H2595" i="2" a="1"/>
  <c r="H2595" i="2" s="1"/>
  <c r="E5950" i="2" a="1"/>
  <c r="E5950" i="2" s="1"/>
  <c r="F7968" i="2" a="1"/>
  <c r="F7968" i="2" s="1"/>
  <c r="F3050" i="2" a="1"/>
  <c r="F3050" i="2" s="1"/>
  <c r="G7028" i="2" a="1"/>
  <c r="G7028" i="2" s="1"/>
  <c r="E7377" i="2" a="1"/>
  <c r="E7377" i="2" s="1"/>
  <c r="E429" i="2" a="1"/>
  <c r="E429" i="2" s="1"/>
  <c r="E7833" i="2" a="1"/>
  <c r="E7833" i="2" s="1"/>
  <c r="D8291" i="2" a="1"/>
  <c r="D8291" i="2" s="1"/>
  <c r="D5280" i="2" a="1"/>
  <c r="D5280" i="2" s="1"/>
  <c r="F6119" i="2" a="1"/>
  <c r="F6119" i="2" s="1"/>
  <c r="E3911" i="2" a="1"/>
  <c r="E3911" i="2" s="1"/>
  <c r="E578" i="2" a="1"/>
  <c r="E578" i="2" s="1"/>
  <c r="F5380" i="2" a="1"/>
  <c r="F5380" i="2" s="1"/>
  <c r="G5782" i="2" a="1"/>
  <c r="G5782" i="2" s="1"/>
  <c r="F634" i="2" a="1"/>
  <c r="F634" i="2" s="1"/>
  <c r="D4167" i="2" a="1"/>
  <c r="D4167" i="2" s="1"/>
  <c r="H8451" i="2" a="1"/>
  <c r="H8451" i="2" s="1"/>
  <c r="D6780" i="2" a="1"/>
  <c r="D6780" i="2" s="1"/>
  <c r="F7036" i="2" a="1"/>
  <c r="F7036" i="2" s="1"/>
  <c r="F4153" i="2" a="1"/>
  <c r="F4153" i="2" s="1"/>
  <c r="G6850" i="2" a="1"/>
  <c r="G6850" i="2" s="1"/>
  <c r="E8662" i="2" a="1"/>
  <c r="E8662" i="2" s="1"/>
  <c r="E1887" i="2" a="1"/>
  <c r="E1887" i="2" s="1"/>
  <c r="G7406" i="2" a="1"/>
  <c r="G7406" i="2" s="1"/>
  <c r="F7453" i="2" a="1"/>
  <c r="F7453" i="2" s="1"/>
  <c r="G6169" i="2" a="1"/>
  <c r="G6169" i="2" s="1"/>
  <c r="E8166" i="2" a="1"/>
  <c r="E8166" i="2" s="1"/>
  <c r="G2313" i="2" a="1"/>
  <c r="G2313" i="2" s="1"/>
  <c r="F3597" i="2" a="1"/>
  <c r="F3597" i="2" s="1"/>
  <c r="F8230" i="2" a="1"/>
  <c r="F8230" i="2" s="1"/>
  <c r="F6183" i="2" a="1"/>
  <c r="F6183" i="2" s="1"/>
  <c r="H2597" i="2" a="1"/>
  <c r="H2597" i="2" s="1"/>
  <c r="E5940" i="2" a="1"/>
  <c r="E5940" i="2" s="1"/>
  <c r="F7964" i="2" a="1"/>
  <c r="F7964" i="2" s="1"/>
  <c r="E4987" i="2" a="1"/>
  <c r="E4987" i="2" s="1"/>
  <c r="F3045" i="2" a="1"/>
  <c r="F3045" i="2" s="1"/>
  <c r="G7038" i="2" a="1"/>
  <c r="G7038" i="2" s="1"/>
  <c r="E7358" i="2" a="1"/>
  <c r="E7358" i="2" s="1"/>
  <c r="E433" i="2" a="1"/>
  <c r="E433" i="2" s="1"/>
  <c r="E7812" i="2" a="1"/>
  <c r="E7812" i="2" s="1"/>
  <c r="D8312" i="2" a="1"/>
  <c r="D8312" i="2" s="1"/>
  <c r="D5268" i="2" a="1"/>
  <c r="D5268" i="2" s="1"/>
  <c r="F6125" i="2" a="1"/>
  <c r="F6125" i="2" s="1"/>
  <c r="E3920" i="2" a="1"/>
  <c r="E3920" i="2" s="1"/>
  <c r="H5794" i="2" a="1"/>
  <c r="H5794" i="2" s="1"/>
  <c r="F5374" i="2" a="1"/>
  <c r="F5374" i="2" s="1"/>
  <c r="G5793" i="2" a="1"/>
  <c r="G5793" i="2" s="1"/>
  <c r="F650" i="2" a="1"/>
  <c r="F650" i="2" s="1"/>
  <c r="D4170" i="2" a="1"/>
  <c r="D4170" i="2" s="1"/>
  <c r="G7206" i="2" a="1"/>
  <c r="G7206" i="2" s="1"/>
  <c r="H8441" i="2" a="1"/>
  <c r="H8441" i="2" s="1"/>
  <c r="D6794" i="2" a="1"/>
  <c r="D6794" i="2" s="1"/>
  <c r="F7031" i="2" a="1"/>
  <c r="F7031" i="2" s="1"/>
  <c r="F4147" i="2" a="1"/>
  <c r="F4147" i="2" s="1"/>
  <c r="G6853" i="2" a="1"/>
  <c r="G6853" i="2" s="1"/>
  <c r="F2637" i="2" a="1"/>
  <c r="F2637" i="2" s="1"/>
  <c r="G6161" i="2" a="1"/>
  <c r="G6161" i="2" s="1"/>
  <c r="D3932" i="2" a="1"/>
  <c r="D3932" i="2" s="1"/>
  <c r="G5587" i="2" a="1"/>
  <c r="G5587" i="2" s="1"/>
  <c r="D8252" i="2" a="1"/>
  <c r="D8252" i="2" s="1"/>
  <c r="E7645" i="2" a="1"/>
  <c r="E7645" i="2" s="1"/>
  <c r="F3676" i="2" a="1"/>
  <c r="F3676" i="2" s="1"/>
  <c r="F2629" i="2" a="1"/>
  <c r="F2629" i="2" s="1"/>
  <c r="D3925" i="2" a="1"/>
  <c r="D3925" i="2" s="1"/>
  <c r="G5580" i="2" a="1"/>
  <c r="G5580" i="2" s="1"/>
  <c r="D8251" i="2" a="1"/>
  <c r="D8251" i="2" s="1"/>
  <c r="F3678" i="2" a="1"/>
  <c r="F3678" i="2" s="1"/>
  <c r="F2646" i="2" a="1"/>
  <c r="F2646" i="2" s="1"/>
  <c r="D3922" i="2" a="1"/>
  <c r="D3922" i="2" s="1"/>
  <c r="G5592" i="2" a="1"/>
  <c r="G5592" i="2" s="1"/>
  <c r="D8245" i="2" a="1"/>
  <c r="D8245" i="2" s="1"/>
  <c r="G633" i="2" a="1"/>
  <c r="G633" i="2" s="1"/>
  <c r="D4124" i="2" a="1"/>
  <c r="D4124" i="2" s="1"/>
  <c r="D6902" i="2" a="1"/>
  <c r="D6902" i="2" s="1"/>
  <c r="G5585" i="2" a="1"/>
  <c r="G5585" i="2" s="1"/>
  <c r="D8248" i="2" a="1"/>
  <c r="D8248" i="2" s="1"/>
  <c r="G616" i="2" a="1"/>
  <c r="G616" i="2" s="1"/>
  <c r="D4120" i="2" a="1"/>
  <c r="D4120" i="2" s="1"/>
  <c r="D6915" i="2" a="1"/>
  <c r="D6915" i="2" s="1"/>
  <c r="G5595" i="2" a="1"/>
  <c r="G5595" i="2" s="1"/>
  <c r="D8259" i="2" a="1"/>
  <c r="D8259" i="2" s="1"/>
  <c r="E736" i="2" a="1"/>
  <c r="E736" i="2" s="1"/>
  <c r="D2056" i="2" a="1"/>
  <c r="D2056" i="2" s="1"/>
  <c r="G632" i="2" a="1"/>
  <c r="G632" i="2" s="1"/>
  <c r="E1970" i="2" a="1"/>
  <c r="E1970" i="2" s="1"/>
  <c r="D4116" i="2" a="1"/>
  <c r="D4116" i="2" s="1"/>
  <c r="D6907" i="2" a="1"/>
  <c r="D6907" i="2" s="1"/>
  <c r="D2052" i="2" a="1"/>
  <c r="D2052" i="2" s="1"/>
  <c r="G4100" i="2" a="1"/>
  <c r="G4100" i="2" s="1"/>
  <c r="G7226" i="2" a="1"/>
  <c r="G7226" i="2" s="1"/>
  <c r="E8295" i="2" a="1"/>
  <c r="E8295" i="2" s="1"/>
  <c r="E6569" i="2" a="1"/>
  <c r="E6569" i="2" s="1"/>
  <c r="E8518" i="2" a="1"/>
  <c r="E8518" i="2" s="1"/>
  <c r="G2296" i="2" a="1"/>
  <c r="G2296" i="2" s="1"/>
  <c r="H4370" i="2" a="1"/>
  <c r="H4370" i="2" s="1"/>
  <c r="F3037" i="2" a="1"/>
  <c r="F3037" i="2" s="1"/>
  <c r="D8310" i="2" a="1"/>
  <c r="D8310" i="2" s="1"/>
  <c r="F3049" i="2" a="1"/>
  <c r="F3049" i="2" s="1"/>
  <c r="D8313" i="2" a="1"/>
  <c r="D8313" i="2" s="1"/>
  <c r="E3916" i="2" a="1"/>
  <c r="E3916" i="2" s="1"/>
  <c r="F3056" i="2" a="1"/>
  <c r="F3056" i="2" s="1"/>
  <c r="E3913" i="2" a="1"/>
  <c r="E3913" i="2" s="1"/>
  <c r="H4632" i="2" a="1"/>
  <c r="H4632" i="2" s="1"/>
  <c r="H1979" i="2" a="1"/>
  <c r="H1979" i="2" s="1"/>
  <c r="F3048" i="2" a="1"/>
  <c r="F3048" i="2" s="1"/>
  <c r="D8297" i="2" a="1"/>
  <c r="D8297" i="2" s="1"/>
  <c r="E3919" i="2" a="1"/>
  <c r="E3919" i="2" s="1"/>
  <c r="H4630" i="2" a="1"/>
  <c r="H4630" i="2" s="1"/>
  <c r="G2311" i="2" a="1"/>
  <c r="G2311" i="2" s="1"/>
  <c r="F3055" i="2" a="1"/>
  <c r="F3055" i="2" s="1"/>
  <c r="D8293" i="2" a="1"/>
  <c r="D8293" i="2" s="1"/>
  <c r="E3900" i="2" a="1"/>
  <c r="E3900" i="2" s="1"/>
  <c r="H4631" i="2" a="1"/>
  <c r="H4631" i="2" s="1"/>
  <c r="E8524" i="2" a="1"/>
  <c r="E8524" i="2" s="1"/>
  <c r="H7060" i="2" a="1"/>
  <c r="H7060" i="2" s="1"/>
  <c r="H7064" i="2" a="1"/>
  <c r="H7064" i="2" s="1"/>
  <c r="H8767" i="2" a="1"/>
  <c r="H8767" i="2" s="1"/>
  <c r="D6989" i="2" a="1"/>
  <c r="D6989" i="2" s="1"/>
  <c r="E8526" i="2" a="1"/>
  <c r="E8526" i="2" s="1"/>
  <c r="E263" i="2" a="1"/>
  <c r="E263" i="2" s="1"/>
  <c r="G7217" i="2" a="1"/>
  <c r="G7217" i="2" s="1"/>
  <c r="F7877" i="2" a="1"/>
  <c r="F7877" i="2" s="1"/>
  <c r="D4148" i="2" a="1"/>
  <c r="D4148" i="2" s="1"/>
  <c r="H5725" i="2" a="1"/>
  <c r="H5725" i="2" s="1"/>
  <c r="H5734" i="2" a="1"/>
  <c r="H5734" i="2" s="1"/>
  <c r="E5826" i="2" a="1"/>
  <c r="E5826" i="2" s="1"/>
  <c r="E6565" i="2" a="1"/>
  <c r="E6565" i="2" s="1"/>
  <c r="H5744" i="2" a="1"/>
  <c r="H5744" i="2" s="1"/>
  <c r="E3755" i="2" a="1"/>
  <c r="E3755" i="2" s="1"/>
  <c r="E5818" i="2" a="1"/>
  <c r="E5818" i="2" s="1"/>
  <c r="E6575" i="2" a="1"/>
  <c r="E6575" i="2" s="1"/>
  <c r="F842" i="2" a="1"/>
  <c r="F842" i="2" s="1"/>
  <c r="E3777" i="2" a="1"/>
  <c r="E3777" i="2" s="1"/>
  <c r="E6564" i="2" a="1"/>
  <c r="E6564" i="2" s="1"/>
  <c r="F3696" i="2" a="1"/>
  <c r="F3696" i="2" s="1"/>
  <c r="F3703" i="2" a="1"/>
  <c r="F3703" i="2" s="1"/>
  <c r="AM172" i="1"/>
  <c r="D6908" i="2" a="1"/>
  <c r="D6908" i="2" s="1"/>
  <c r="G5599" i="2" a="1"/>
  <c r="G5599" i="2" s="1"/>
  <c r="D8253" i="2" a="1"/>
  <c r="D8253" i="2" s="1"/>
  <c r="D4153" i="2" a="1"/>
  <c r="D4153" i="2" s="1"/>
  <c r="E6032" i="2" a="1"/>
  <c r="E6032" i="2" s="1"/>
  <c r="D2058" i="2" a="1"/>
  <c r="D2058" i="2" s="1"/>
  <c r="F3664" i="2" a="1"/>
  <c r="F3664" i="2" s="1"/>
  <c r="D7637" i="2" a="1"/>
  <c r="D7637" i="2" s="1"/>
  <c r="H2608" i="2" a="1"/>
  <c r="H2608" i="2" s="1"/>
  <c r="E1107" i="2" a="1"/>
  <c r="E1107" i="2" s="1"/>
  <c r="G6976" i="2" a="1"/>
  <c r="G6976" i="2" s="1"/>
  <c r="E576" i="2" a="1"/>
  <c r="E576" i="2" s="1"/>
  <c r="F6559" i="2" a="1"/>
  <c r="F6559" i="2" s="1"/>
  <c r="E1104" i="2" a="1"/>
  <c r="E1104" i="2" s="1"/>
  <c r="G6985" i="2" a="1"/>
  <c r="G6985" i="2" s="1"/>
  <c r="E575" i="2" a="1"/>
  <c r="E575" i="2" s="1"/>
  <c r="G6973" i="2" a="1"/>
  <c r="G6973" i="2" s="1"/>
  <c r="D3942" i="2" a="1"/>
  <c r="D3942" i="2" s="1"/>
  <c r="E5827" i="2" a="1"/>
  <c r="E5827" i="2" s="1"/>
  <c r="H2045" i="2" a="1"/>
  <c r="H2045" i="2" s="1"/>
  <c r="E8292" i="2" a="1"/>
  <c r="E8292" i="2" s="1"/>
  <c r="E1109" i="2" a="1"/>
  <c r="E1109" i="2" s="1"/>
  <c r="E577" i="2" a="1"/>
  <c r="E577" i="2" s="1"/>
  <c r="F3076" i="2" a="1"/>
  <c r="F3076" i="2" s="1"/>
  <c r="G7220" i="2" a="1"/>
  <c r="G7220" i="2" s="1"/>
  <c r="G7228" i="2" a="1"/>
  <c r="G7228" i="2" s="1"/>
  <c r="G623" i="2" a="1"/>
  <c r="G623" i="2" s="1"/>
  <c r="E3412" i="2" a="1"/>
  <c r="E3412" i="2" s="1"/>
  <c r="E1968" i="2" a="1"/>
  <c r="E1968" i="2" s="1"/>
  <c r="D3938" i="2" a="1"/>
  <c r="D3938" i="2" s="1"/>
  <c r="E5836" i="2" a="1"/>
  <c r="E5836" i="2" s="1"/>
  <c r="E1108" i="2" a="1"/>
  <c r="E1108" i="2" s="1"/>
  <c r="D1110" i="2" a="1"/>
  <c r="D1110" i="2" s="1"/>
  <c r="G7214" i="2" a="1"/>
  <c r="G7214" i="2" s="1"/>
  <c r="G621" i="2" a="1"/>
  <c r="G621" i="2" s="1"/>
  <c r="E3413" i="2" a="1"/>
  <c r="E3413" i="2" s="1"/>
  <c r="E1958" i="2" a="1"/>
  <c r="E1958" i="2" s="1"/>
  <c r="G6568" i="2" a="1"/>
  <c r="G6568" i="2" s="1"/>
  <c r="D3945" i="2" a="1"/>
  <c r="D3945" i="2" s="1"/>
  <c r="H3839" i="2" a="1"/>
  <c r="H3839" i="2" s="1"/>
  <c r="H144" i="2" a="1"/>
  <c r="H144" i="2" s="1"/>
  <c r="D1107" i="2" a="1"/>
  <c r="D1107" i="2" s="1"/>
  <c r="D271" i="2" a="1"/>
  <c r="D271" i="2" s="1"/>
  <c r="D3937" i="2" a="1"/>
  <c r="D3937" i="2" s="1"/>
  <c r="F3081" i="2" a="1"/>
  <c r="F3081" i="2" s="1"/>
  <c r="G615" i="2" a="1"/>
  <c r="G615" i="2" s="1"/>
  <c r="E1963" i="2" a="1"/>
  <c r="E1963" i="2" s="1"/>
  <c r="G7210" i="2" a="1"/>
  <c r="G7210" i="2" s="1"/>
  <c r="G618" i="2" a="1"/>
  <c r="G618" i="2" s="1"/>
  <c r="E3411" i="2" a="1"/>
  <c r="E3411" i="2" s="1"/>
  <c r="F6646" i="2" a="1"/>
  <c r="F6646" i="2" s="1"/>
  <c r="D4016" i="2" a="1"/>
  <c r="D4016" i="2" s="1"/>
  <c r="E1976" i="2" a="1"/>
  <c r="E1976" i="2" s="1"/>
  <c r="F7879" i="2" a="1"/>
  <c r="F7879" i="2" s="1"/>
  <c r="G6565" i="2" a="1"/>
  <c r="G6565" i="2" s="1"/>
  <c r="D3926" i="2" a="1"/>
  <c r="D3926" i="2" s="1"/>
  <c r="H3836" i="2" a="1"/>
  <c r="H3836" i="2" s="1"/>
  <c r="H141" i="2" a="1"/>
  <c r="H141" i="2" s="1"/>
  <c r="D5081" i="2" a="1"/>
  <c r="D5081" i="2" s="1"/>
  <c r="E1971" i="2" a="1"/>
  <c r="E1971" i="2" s="1"/>
  <c r="F6560" i="2" a="1"/>
  <c r="F6560" i="2" s="1"/>
  <c r="E1096" i="2" a="1"/>
  <c r="E1096" i="2" s="1"/>
  <c r="E566" i="2" a="1"/>
  <c r="E566" i="2" s="1"/>
  <c r="G631" i="2" a="1"/>
  <c r="G631" i="2" s="1"/>
  <c r="F2647" i="2" a="1"/>
  <c r="F2647" i="2" s="1"/>
  <c r="F6641" i="2" a="1"/>
  <c r="F6641" i="2" s="1"/>
  <c r="D4011" i="2" a="1"/>
  <c r="D4011" i="2" s="1"/>
  <c r="H1987" i="2" a="1"/>
  <c r="H1987" i="2" s="1"/>
  <c r="F7878" i="2" a="1"/>
  <c r="F7878" i="2" s="1"/>
  <c r="G6562" i="2" a="1"/>
  <c r="G6562" i="2" s="1"/>
  <c r="D3924" i="2" a="1"/>
  <c r="D3924" i="2" s="1"/>
  <c r="H3830" i="2" a="1"/>
  <c r="H3830" i="2" s="1"/>
  <c r="D7504" i="2" a="1"/>
  <c r="D7504" i="2" s="1"/>
  <c r="D8263" i="2" a="1"/>
  <c r="D8263" i="2" s="1"/>
  <c r="E5000" i="2" a="1"/>
  <c r="E5000" i="2" s="1"/>
  <c r="E4984" i="2" a="1"/>
  <c r="E4984" i="2" s="1"/>
  <c r="E4978" i="2" a="1"/>
  <c r="E4978" i="2" s="1"/>
  <c r="E4994" i="2" a="1"/>
  <c r="E4994" i="2" s="1"/>
  <c r="D6119" i="2" a="1"/>
  <c r="D6119" i="2" s="1"/>
  <c r="D6111" i="2" a="1"/>
  <c r="D6111" i="2" s="1"/>
  <c r="F6655" i="2" a="1"/>
  <c r="F6655" i="2" s="1"/>
  <c r="D1030" i="2" a="1"/>
  <c r="D1030" i="2" s="1"/>
  <c r="E3774" i="2" a="1"/>
  <c r="E3774" i="2" s="1"/>
  <c r="G1683" i="2" a="1"/>
  <c r="G1683" i="2" s="1"/>
  <c r="F6647" i="2" a="1"/>
  <c r="F6647" i="2" s="1"/>
  <c r="D1035" i="2" a="1"/>
  <c r="D1035" i="2" s="1"/>
  <c r="G1681" i="2" a="1"/>
  <c r="G1681" i="2" s="1"/>
  <c r="F6638" i="2" a="1"/>
  <c r="F6638" i="2" s="1"/>
  <c r="G6624" i="2" a="1"/>
  <c r="G6624" i="2" s="1"/>
  <c r="G1668" i="2" a="1"/>
  <c r="G1668" i="2" s="1"/>
  <c r="F6634" i="2" a="1"/>
  <c r="F6634" i="2" s="1"/>
  <c r="D3998" i="2" a="1"/>
  <c r="D3998" i="2" s="1"/>
  <c r="D4145" i="2" a="1"/>
  <c r="D4145" i="2" s="1"/>
  <c r="G6633" i="2" a="1"/>
  <c r="G6633" i="2" s="1"/>
  <c r="G1674" i="2" a="1"/>
  <c r="G1674" i="2" s="1"/>
  <c r="H5608" i="2" a="1"/>
  <c r="H5608" i="2" s="1"/>
  <c r="F6648" i="2" a="1"/>
  <c r="F6648" i="2" s="1"/>
  <c r="D4015" i="2" a="1"/>
  <c r="D4015" i="2" s="1"/>
  <c r="E5837" i="2" a="1"/>
  <c r="E5837" i="2" s="1"/>
  <c r="D4146" i="2" a="1"/>
  <c r="D4146" i="2" s="1"/>
  <c r="G7150" i="2" a="1"/>
  <c r="G7150" i="2" s="1"/>
  <c r="G1679" i="2" a="1"/>
  <c r="G1679" i="2" s="1"/>
  <c r="D3995" i="2" a="1"/>
  <c r="D3995" i="2" s="1"/>
  <c r="D4139" i="2" a="1"/>
  <c r="D4139" i="2" s="1"/>
  <c r="G7154" i="2" a="1"/>
  <c r="G7154" i="2" s="1"/>
  <c r="E175" i="2" a="1"/>
  <c r="E175" i="2" s="1"/>
  <c r="D3999" i="2" a="1"/>
  <c r="D3999" i="2" s="1"/>
  <c r="F7862" i="2" a="1"/>
  <c r="F7862" i="2" s="1"/>
  <c r="E3770" i="2" a="1"/>
  <c r="E3770" i="2" s="1"/>
  <c r="E6581" i="2" a="1"/>
  <c r="E6581" i="2" s="1"/>
  <c r="E8294" i="2" a="1"/>
  <c r="E8294" i="2" s="1"/>
  <c r="E4929" i="2" a="1"/>
  <c r="E4929" i="2" s="1"/>
  <c r="F7876" i="2" a="1"/>
  <c r="F7876" i="2" s="1"/>
  <c r="E3759" i="2" a="1"/>
  <c r="E3759" i="2" s="1"/>
  <c r="D1867" i="2" a="1"/>
  <c r="D1867" i="2" s="1"/>
  <c r="F4313" i="2" a="1"/>
  <c r="F4313" i="2" s="1"/>
  <c r="E3407" i="2" a="1"/>
  <c r="E3407" i="2" s="1"/>
  <c r="F7870" i="2" a="1"/>
  <c r="F7870" i="2" s="1"/>
  <c r="E3757" i="2" a="1"/>
  <c r="E3757" i="2" s="1"/>
  <c r="D1860" i="2" a="1"/>
  <c r="D1860" i="2" s="1"/>
  <c r="D3961" i="2" a="1"/>
  <c r="D3961" i="2" s="1"/>
  <c r="H2319" i="2" a="1"/>
  <c r="H2319" i="2" s="1"/>
  <c r="D5061" i="2" a="1"/>
  <c r="D5061" i="2" s="1"/>
  <c r="E3414" i="2" a="1"/>
  <c r="E3414" i="2" s="1"/>
  <c r="G6570" i="2" a="1"/>
  <c r="G6570" i="2" s="1"/>
  <c r="E3776" i="2" a="1"/>
  <c r="E3776" i="2" s="1"/>
  <c r="D3953" i="2" a="1"/>
  <c r="D3953" i="2" s="1"/>
  <c r="D5058" i="2" a="1"/>
  <c r="D5058" i="2" s="1"/>
  <c r="G1687" i="2" a="1"/>
  <c r="G1687" i="2" s="1"/>
  <c r="E3400" i="2" a="1"/>
  <c r="E3400" i="2" s="1"/>
  <c r="H5738" i="2" a="1"/>
  <c r="H5738" i="2" s="1"/>
  <c r="G6567" i="2" a="1"/>
  <c r="G6567" i="2" s="1"/>
  <c r="E3756" i="2" a="1"/>
  <c r="E3756" i="2" s="1"/>
  <c r="D6112" i="2" a="1"/>
  <c r="D6112" i="2" s="1"/>
  <c r="D5057" i="2" a="1"/>
  <c r="D5057" i="2" s="1"/>
  <c r="E3403" i="2" a="1"/>
  <c r="E3403" i="2" s="1"/>
  <c r="H5727" i="2" a="1"/>
  <c r="H5727" i="2" s="1"/>
  <c r="D6127" i="2" a="1"/>
  <c r="D6127" i="2" s="1"/>
  <c r="D5067" i="2" a="1"/>
  <c r="D5067" i="2" s="1"/>
  <c r="E4986" i="2" a="1"/>
  <c r="E4986" i="2" s="1"/>
  <c r="H7384" i="2" a="1"/>
  <c r="H7384" i="2" s="1"/>
  <c r="E352" i="2" a="1"/>
  <c r="E352" i="2" s="1"/>
  <c r="H3057" i="2" a="1"/>
  <c r="H3057" i="2" s="1"/>
  <c r="E368" i="2" a="1"/>
  <c r="E368" i="2" s="1"/>
  <c r="H7400" i="2" a="1"/>
  <c r="H7400" i="2" s="1"/>
  <c r="E350" i="2" a="1"/>
  <c r="E350" i="2" s="1"/>
  <c r="H5619" i="2" a="1"/>
  <c r="H5619" i="2" s="1"/>
  <c r="D6115" i="2" a="1"/>
  <c r="D6115" i="2" s="1"/>
  <c r="D6107" i="2" a="1"/>
  <c r="D6107" i="2" s="1"/>
  <c r="D1019" i="2" a="1"/>
  <c r="D1019" i="2" s="1"/>
  <c r="H3050" i="2" a="1"/>
  <c r="H3050" i="2" s="1"/>
  <c r="H3036" i="2" a="1"/>
  <c r="H3036" i="2" s="1"/>
  <c r="D7501" i="2" a="1"/>
  <c r="D7501" i="2" s="1"/>
  <c r="H3052" i="2" a="1"/>
  <c r="H3052" i="2" s="1"/>
  <c r="E1898" i="2" a="1"/>
  <c r="E1898" i="2" s="1"/>
  <c r="F936" i="2" a="1"/>
  <c r="F936" i="2" s="1"/>
  <c r="E1883" i="2" a="1"/>
  <c r="E1883" i="2" s="1"/>
  <c r="F935" i="2" a="1"/>
  <c r="F935" i="2" s="1"/>
  <c r="E1905" i="2" a="1"/>
  <c r="E1905" i="2" s="1"/>
  <c r="F944" i="2" a="1"/>
  <c r="F944" i="2" s="1"/>
  <c r="E746" i="2" a="1"/>
  <c r="E746" i="2" s="1"/>
  <c r="G8251" i="2" a="1"/>
  <c r="G8251" i="2" s="1"/>
  <c r="D5669" i="2" a="1"/>
  <c r="D5669" i="2" s="1"/>
  <c r="D1208" i="2" a="1"/>
  <c r="D1208" i="2" s="1"/>
  <c r="D1200" i="2" a="1"/>
  <c r="D1200" i="2" s="1"/>
  <c r="D1188" i="2" a="1"/>
  <c r="D1188" i="2" s="1"/>
  <c r="D3965" i="2" a="1"/>
  <c r="D3965" i="2" s="1"/>
  <c r="H7049" i="2" a="1"/>
  <c r="H7049" i="2" s="1"/>
  <c r="E1362" i="2" a="1"/>
  <c r="E1362" i="2" s="1"/>
  <c r="E1357" i="2" a="1"/>
  <c r="E1357" i="2" s="1"/>
  <c r="G4094" i="2" a="1"/>
  <c r="G4094" i="2" s="1"/>
  <c r="G4101" i="2" a="1"/>
  <c r="G4101" i="2" s="1"/>
  <c r="H7050" i="2" a="1"/>
  <c r="H7050" i="2" s="1"/>
  <c r="G4105" i="2" a="1"/>
  <c r="G4105" i="2" s="1"/>
  <c r="H7062" i="2" a="1"/>
  <c r="H7062" i="2" s="1"/>
  <c r="D1192" i="2" a="1"/>
  <c r="D1192" i="2" s="1"/>
  <c r="G624" i="2" a="1"/>
  <c r="G624" i="2" s="1"/>
  <c r="H1994" i="2" a="1"/>
  <c r="H1994" i="2" s="1"/>
  <c r="D6901" i="2" a="1"/>
  <c r="D6901" i="2" s="1"/>
  <c r="H3831" i="2" a="1"/>
  <c r="H3831" i="2" s="1"/>
  <c r="D8254" i="2" a="1"/>
  <c r="D8254" i="2" s="1"/>
  <c r="D3946" i="2" a="1"/>
  <c r="D3946" i="2" s="1"/>
  <c r="E1882" i="2" a="1"/>
  <c r="E1882" i="2" s="1"/>
  <c r="E6028" i="2" a="1"/>
  <c r="E6028" i="2" s="1"/>
  <c r="F6538" i="2" a="1"/>
  <c r="F6538" i="2" s="1"/>
  <c r="E1093" i="2" a="1"/>
  <c r="E1093" i="2" s="1"/>
  <c r="E734" i="2" a="1"/>
  <c r="E734" i="2" s="1"/>
  <c r="H2623" i="2" a="1"/>
  <c r="H2623" i="2" s="1"/>
  <c r="H5615" i="2" a="1"/>
  <c r="H5615" i="2" s="1"/>
  <c r="G6630" i="2" a="1"/>
  <c r="G6630" i="2" s="1"/>
  <c r="D7621" i="2" a="1"/>
  <c r="D7621" i="2" s="1"/>
  <c r="D8242" i="2" a="1"/>
  <c r="D8242" i="2" s="1"/>
  <c r="H5613" i="2" a="1"/>
  <c r="H5613" i="2" s="1"/>
  <c r="F2644" i="2" a="1"/>
  <c r="F2644" i="2" s="1"/>
  <c r="G6156" i="2" a="1"/>
  <c r="G6156" i="2" s="1"/>
  <c r="E1962" i="2" a="1"/>
  <c r="E1962" i="2" s="1"/>
  <c r="D4137" i="2" a="1"/>
  <c r="D4137" i="2" s="1"/>
  <c r="E717" i="2" a="1"/>
  <c r="E717" i="2" s="1"/>
  <c r="H3846" i="2" a="1"/>
  <c r="H3846" i="2" s="1"/>
  <c r="D5653" i="2" a="1"/>
  <c r="D5653" i="2" s="1"/>
  <c r="G6611" i="2" a="1"/>
  <c r="G6611" i="2" s="1"/>
  <c r="E6024" i="2" a="1"/>
  <c r="E6024" i="2" s="1"/>
  <c r="E2569" i="2" a="1"/>
  <c r="E2569" i="2" s="1"/>
  <c r="H2324" i="2" a="1"/>
  <c r="H2324" i="2" s="1"/>
  <c r="F2631" i="2" a="1"/>
  <c r="F2631" i="2" s="1"/>
  <c r="E1954" i="2" a="1"/>
  <c r="E1954" i="2" s="1"/>
  <c r="D4118" i="2" a="1"/>
  <c r="D4118" i="2" s="1"/>
  <c r="E712" i="2" a="1"/>
  <c r="E712" i="2" s="1"/>
  <c r="D5657" i="2" a="1"/>
  <c r="D5657" i="2" s="1"/>
  <c r="F2635" i="2" a="1"/>
  <c r="F2635" i="2" s="1"/>
  <c r="G6155" i="2" a="1"/>
  <c r="G6155" i="2" s="1"/>
  <c r="E1961" i="2" a="1"/>
  <c r="E1961" i="2" s="1"/>
  <c r="D4114" i="2" a="1"/>
  <c r="D4114" i="2" s="1"/>
  <c r="H3835" i="2" a="1"/>
  <c r="H3835" i="2" s="1"/>
  <c r="D5666" i="2" a="1"/>
  <c r="D5666" i="2" s="1"/>
  <c r="F1686" i="2" a="1"/>
  <c r="F1686" i="2" s="1"/>
  <c r="G6620" i="2" a="1"/>
  <c r="G6620" i="2" s="1"/>
  <c r="F6557" i="2" a="1"/>
  <c r="F6557" i="2" s="1"/>
  <c r="E2558" i="2" a="1"/>
  <c r="E2558" i="2" s="1"/>
  <c r="H5605" i="2" a="1"/>
  <c r="H5605" i="2" s="1"/>
  <c r="G6163" i="2" a="1"/>
  <c r="G6163" i="2" s="1"/>
  <c r="F2643" i="2" a="1"/>
  <c r="F2643" i="2" s="1"/>
  <c r="G6160" i="2" a="1"/>
  <c r="G6160" i="2" s="1"/>
  <c r="E1969" i="2" a="1"/>
  <c r="E1969" i="2" s="1"/>
  <c r="D4131" i="2" a="1"/>
  <c r="D4131" i="2" s="1"/>
  <c r="H3829" i="2" a="1"/>
  <c r="H3829" i="2" s="1"/>
  <c r="F1668" i="2" a="1"/>
  <c r="F1668" i="2" s="1"/>
  <c r="F6556" i="2" a="1"/>
  <c r="F6556" i="2" s="1"/>
  <c r="E2559" i="2" a="1"/>
  <c r="E2559" i="2" s="1"/>
  <c r="D5661" i="2" a="1"/>
  <c r="D5661" i="2" s="1"/>
  <c r="D3647" i="2" a="1"/>
  <c r="D3647" i="2" s="1"/>
  <c r="G610" i="2" a="1"/>
  <c r="G610" i="2" s="1"/>
  <c r="F2648" i="2" a="1"/>
  <c r="F2648" i="2" s="1"/>
  <c r="G6167" i="2" a="1"/>
  <c r="G6167" i="2" s="1"/>
  <c r="E1977" i="2" a="1"/>
  <c r="E1977" i="2" s="1"/>
  <c r="D4134" i="2" a="1"/>
  <c r="D4134" i="2" s="1"/>
  <c r="H3827" i="2" a="1"/>
  <c r="H3827" i="2" s="1"/>
  <c r="F1677" i="2" a="1"/>
  <c r="F1677" i="2" s="1"/>
  <c r="F6554" i="2" a="1"/>
  <c r="F6554" i="2" s="1"/>
  <c r="E3114" i="2" a="1"/>
  <c r="E3114" i="2" s="1"/>
  <c r="H2318" i="2" a="1"/>
  <c r="H2318" i="2" s="1"/>
  <c r="G6615" i="2" a="1"/>
  <c r="G6615" i="2" s="1"/>
  <c r="E2567" i="2" a="1"/>
  <c r="E2567" i="2" s="1"/>
  <c r="H3045" i="2" a="1"/>
  <c r="H3045" i="2" s="1"/>
  <c r="H4354" i="2" a="1"/>
  <c r="H4354" i="2" s="1"/>
  <c r="E4988" i="2" a="1"/>
  <c r="E4988" i="2" s="1"/>
  <c r="F3040" i="2" a="1"/>
  <c r="F3040" i="2" s="1"/>
  <c r="H4618" i="2" a="1"/>
  <c r="H4618" i="2" s="1"/>
  <c r="H4358" i="2" a="1"/>
  <c r="H4358" i="2" s="1"/>
  <c r="E4982" i="2" a="1"/>
  <c r="E4982" i="2" s="1"/>
  <c r="F3046" i="2" a="1"/>
  <c r="F3046" i="2" s="1"/>
  <c r="H4635" i="2" a="1"/>
  <c r="H4635" i="2" s="1"/>
  <c r="H4369" i="2" a="1"/>
  <c r="H4369" i="2" s="1"/>
  <c r="E4998" i="2" a="1"/>
  <c r="E4998" i="2" s="1"/>
  <c r="F3036" i="2" a="1"/>
  <c r="F3036" i="2" s="1"/>
  <c r="H4641" i="2" a="1"/>
  <c r="H4641" i="2" s="1"/>
  <c r="H4367" i="2" a="1"/>
  <c r="H4367" i="2" s="1"/>
  <c r="E4991" i="2" a="1"/>
  <c r="E4991" i="2" s="1"/>
  <c r="F3038" i="2" a="1"/>
  <c r="F3038" i="2" s="1"/>
  <c r="H4628" i="2" a="1"/>
  <c r="H4628" i="2" s="1"/>
  <c r="H1980" i="2" a="1"/>
  <c r="H1980" i="2" s="1"/>
  <c r="E1894" i="2" a="1"/>
  <c r="E1894" i="2" s="1"/>
  <c r="F4328" i="2" a="1"/>
  <c r="F4328" i="2" s="1"/>
  <c r="D1094" i="2" a="1"/>
  <c r="D1094" i="2" s="1"/>
  <c r="H3043" i="2" a="1"/>
  <c r="H3043" i="2" s="1"/>
  <c r="D1199" i="2" a="1"/>
  <c r="D1199" i="2" s="1"/>
  <c r="F4312" i="2" a="1"/>
  <c r="F4312" i="2" s="1"/>
  <c r="F4316" i="2" a="1"/>
  <c r="F4316" i="2" s="1"/>
  <c r="H1978" i="2" a="1"/>
  <c r="H1978" i="2" s="1"/>
  <c r="E1903" i="2" a="1"/>
  <c r="E1903" i="2" s="1"/>
  <c r="F923" i="2" a="1"/>
  <c r="F923" i="2" s="1"/>
  <c r="F4323" i="2" a="1"/>
  <c r="F4323" i="2" s="1"/>
  <c r="D1103" i="2" a="1"/>
  <c r="D1103" i="2" s="1"/>
  <c r="E261" i="2" a="1"/>
  <c r="E261" i="2" s="1"/>
  <c r="F3080" i="2" a="1"/>
  <c r="F3080" i="2" s="1"/>
  <c r="F939" i="2" a="1"/>
  <c r="F939" i="2" s="1"/>
  <c r="D1092" i="2" a="1"/>
  <c r="D1092" i="2" s="1"/>
  <c r="E257" i="2" a="1"/>
  <c r="E257" i="2" s="1"/>
  <c r="E742" i="2" a="1"/>
  <c r="E742" i="2" s="1"/>
  <c r="H2320" i="2" a="1"/>
  <c r="H2320" i="2" s="1"/>
  <c r="F928" i="2" a="1"/>
  <c r="F928" i="2" s="1"/>
  <c r="D1101" i="2" a="1"/>
  <c r="D1101" i="2" s="1"/>
  <c r="E260" i="2" a="1"/>
  <c r="E260" i="2" s="1"/>
  <c r="E747" i="2" a="1"/>
  <c r="E747" i="2" s="1"/>
  <c r="F3077" i="2" a="1"/>
  <c r="F3077" i="2" s="1"/>
  <c r="H2336" i="2" a="1"/>
  <c r="H2336" i="2" s="1"/>
  <c r="E259" i="2" a="1"/>
  <c r="E259" i="2" s="1"/>
  <c r="E160" i="2" a="1"/>
  <c r="E160" i="2" s="1"/>
  <c r="E3396" i="2" a="1"/>
  <c r="E3396" i="2" s="1"/>
  <c r="D4003" i="2" a="1"/>
  <c r="D4003" i="2" s="1"/>
  <c r="F7881" i="2" a="1"/>
  <c r="F7881" i="2" s="1"/>
  <c r="H5730" i="2" a="1"/>
  <c r="H5730" i="2" s="1"/>
  <c r="E3763" i="2" a="1"/>
  <c r="E3763" i="2" s="1"/>
  <c r="H2027" i="2" a="1"/>
  <c r="H2027" i="2" s="1"/>
  <c r="E1648" i="2" a="1"/>
  <c r="E1648" i="2" s="1"/>
  <c r="H3049" i="2" a="1"/>
  <c r="H3049" i="2" s="1"/>
  <c r="H7867" i="2" a="1"/>
  <c r="H7867" i="2" s="1"/>
  <c r="E3395" i="2" a="1"/>
  <c r="E3395" i="2" s="1"/>
  <c r="F6652" i="2" a="1"/>
  <c r="F6652" i="2" s="1"/>
  <c r="D4012" i="2" a="1"/>
  <c r="D4012" i="2" s="1"/>
  <c r="F7865" i="2" a="1"/>
  <c r="F7865" i="2" s="1"/>
  <c r="H5723" i="2" a="1"/>
  <c r="H5723" i="2" s="1"/>
  <c r="H2028" i="2" a="1"/>
  <c r="H2028" i="2" s="1"/>
  <c r="E154" i="2" a="1"/>
  <c r="E154" i="2" s="1"/>
  <c r="E176" i="2" a="1"/>
  <c r="E176" i="2" s="1"/>
  <c r="E3406" i="2" a="1"/>
  <c r="E3406" i="2" s="1"/>
  <c r="H1988" i="2" a="1"/>
  <c r="H1988" i="2" s="1"/>
  <c r="H1985" i="2" a="1"/>
  <c r="H1985" i="2" s="1"/>
  <c r="H1996" i="2" a="1"/>
  <c r="H1996" i="2" s="1"/>
  <c r="H1989" i="2" a="1"/>
  <c r="H1989" i="2" s="1"/>
  <c r="H1981" i="2" a="1"/>
  <c r="H1981" i="2" s="1"/>
  <c r="E269" i="2" a="1"/>
  <c r="E269" i="2" s="1"/>
  <c r="E264" i="2" a="1"/>
  <c r="E264" i="2" s="1"/>
  <c r="E266" i="2" a="1"/>
  <c r="E266" i="2" s="1"/>
  <c r="E262" i="2" a="1"/>
  <c r="E262" i="2" s="1"/>
  <c r="E256" i="2" a="1"/>
  <c r="E256" i="2" s="1"/>
  <c r="E267" i="2" a="1"/>
  <c r="E267" i="2" s="1"/>
  <c r="E253" i="2" a="1"/>
  <c r="E253" i="2" s="1"/>
  <c r="D6919" i="2" a="1"/>
  <c r="D6919" i="2" s="1"/>
  <c r="D6909" i="2" a="1"/>
  <c r="D6909" i="2" s="1"/>
  <c r="D6904" i="2" a="1"/>
  <c r="D6904" i="2" s="1"/>
  <c r="D2051" i="2" a="1"/>
  <c r="D2051" i="2" s="1"/>
  <c r="D2050" i="2" a="1"/>
  <c r="D2050" i="2" s="1"/>
  <c r="D2060" i="2" a="1"/>
  <c r="D2060" i="2" s="1"/>
  <c r="D2068" i="2" a="1"/>
  <c r="D2068" i="2" s="1"/>
  <c r="D2057" i="2" a="1"/>
  <c r="D2057" i="2" s="1"/>
  <c r="E730" i="2" a="1"/>
  <c r="E730" i="2" s="1"/>
  <c r="E740" i="2" a="1"/>
  <c r="E740" i="2" s="1"/>
  <c r="E735" i="2" a="1"/>
  <c r="E735" i="2" s="1"/>
  <c r="E732" i="2" a="1"/>
  <c r="E732" i="2" s="1"/>
  <c r="E741" i="2" a="1"/>
  <c r="E741" i="2" s="1"/>
  <c r="H3054" i="2" a="1"/>
  <c r="H3054" i="2" s="1"/>
  <c r="H3035" i="2" a="1"/>
  <c r="H3035" i="2" s="1"/>
  <c r="H3056" i="2" a="1"/>
  <c r="H3056" i="2" s="1"/>
  <c r="H3037" i="2" a="1"/>
  <c r="H3037" i="2" s="1"/>
  <c r="H3047" i="2" a="1"/>
  <c r="H3047" i="2" s="1"/>
  <c r="H3040" i="2" a="1"/>
  <c r="H3040" i="2" s="1"/>
  <c r="G6991" i="2" a="1"/>
  <c r="G6991" i="2" s="1"/>
  <c r="G6974" i="2" a="1"/>
  <c r="G6974" i="2" s="1"/>
  <c r="G6987" i="2" a="1"/>
  <c r="G6987" i="2" s="1"/>
  <c r="G6981" i="2" a="1"/>
  <c r="G6981" i="2" s="1"/>
  <c r="G6980" i="2" a="1"/>
  <c r="G6980" i="2" s="1"/>
  <c r="G6977" i="2" a="1"/>
  <c r="G6977" i="2" s="1"/>
  <c r="G6971" i="2" a="1"/>
  <c r="G6971" i="2" s="1"/>
  <c r="G6972" i="2" a="1"/>
  <c r="G6972" i="2" s="1"/>
  <c r="E1090" i="2" a="1"/>
  <c r="E1090" i="2" s="1"/>
  <c r="E1110" i="2" a="1"/>
  <c r="E1110" i="2" s="1"/>
  <c r="E1113" i="2" a="1"/>
  <c r="E1113" i="2" s="1"/>
  <c r="E1111" i="2" a="1"/>
  <c r="E1111" i="2" s="1"/>
  <c r="E1097" i="2" a="1"/>
  <c r="E1097" i="2" s="1"/>
  <c r="F930" i="2" a="1"/>
  <c r="F930" i="2" s="1"/>
  <c r="F929" i="2" a="1"/>
  <c r="F929" i="2" s="1"/>
  <c r="F924" i="2" a="1"/>
  <c r="F924" i="2" s="1"/>
  <c r="F937" i="2" a="1"/>
  <c r="F937" i="2" s="1"/>
  <c r="E1892" i="2" a="1"/>
  <c r="E1892" i="2" s="1"/>
  <c r="E1886" i="2" a="1"/>
  <c r="E1886" i="2" s="1"/>
  <c r="E1897" i="2" a="1"/>
  <c r="E1897" i="2" s="1"/>
  <c r="E1904" i="2" a="1"/>
  <c r="E1904" i="2" s="1"/>
  <c r="E1888" i="2" a="1"/>
  <c r="E1888" i="2" s="1"/>
  <c r="E7653" i="2" a="1"/>
  <c r="E7653" i="2" s="1"/>
  <c r="E7659" i="2" a="1"/>
  <c r="E7659" i="2" s="1"/>
  <c r="E7664" i="2" a="1"/>
  <c r="E7664" i="2" s="1"/>
  <c r="E7649" i="2" a="1"/>
  <c r="E7649" i="2" s="1"/>
  <c r="E7661" i="2" a="1"/>
  <c r="E7661" i="2" s="1"/>
  <c r="E7648" i="2" a="1"/>
  <c r="E7648" i="2" s="1"/>
  <c r="E7654" i="2" a="1"/>
  <c r="E7654" i="2" s="1"/>
  <c r="D7514" i="2" a="1"/>
  <c r="D7514" i="2" s="1"/>
  <c r="D7511" i="2" a="1"/>
  <c r="D7511" i="2" s="1"/>
  <c r="D7499" i="2" a="1"/>
  <c r="D7499" i="2" s="1"/>
  <c r="D7498" i="2" a="1"/>
  <c r="D7498" i="2" s="1"/>
  <c r="D7506" i="2" a="1"/>
  <c r="D7506" i="2" s="1"/>
  <c r="D7513" i="2" a="1"/>
  <c r="D7513" i="2" s="1"/>
  <c r="D7520" i="2" a="1"/>
  <c r="D7520" i="2" s="1"/>
  <c r="H3832" i="2" a="1"/>
  <c r="H3832" i="2" s="1"/>
  <c r="H3841" i="2" a="1"/>
  <c r="H3841" i="2" s="1"/>
  <c r="H3837" i="2" a="1"/>
  <c r="H3837" i="2" s="1"/>
  <c r="H3844" i="2" a="1"/>
  <c r="H3844" i="2" s="1"/>
  <c r="H3828" i="2" a="1"/>
  <c r="H3828" i="2" s="1"/>
  <c r="H3834" i="2" a="1"/>
  <c r="H3834" i="2" s="1"/>
  <c r="D3944" i="2" a="1"/>
  <c r="D3944" i="2" s="1"/>
  <c r="D3927" i="2" a="1"/>
  <c r="D3927" i="2" s="1"/>
  <c r="D3934" i="2" a="1"/>
  <c r="D3934" i="2" s="1"/>
  <c r="D3923" i="2" a="1"/>
  <c r="D3923" i="2" s="1"/>
  <c r="D3930" i="2" a="1"/>
  <c r="D3930" i="2" s="1"/>
  <c r="D3928" i="2" a="1"/>
  <c r="D3928" i="2" s="1"/>
  <c r="D3936" i="2" a="1"/>
  <c r="D3936" i="2" s="1"/>
  <c r="G6168" i="2" a="1"/>
  <c r="G6168" i="2" s="1"/>
  <c r="G6158" i="2" a="1"/>
  <c r="G6158" i="2" s="1"/>
  <c r="G6174" i="2" a="1"/>
  <c r="G6174" i="2" s="1"/>
  <c r="G6175" i="2" a="1"/>
  <c r="G6175" i="2" s="1"/>
  <c r="G6164" i="2" a="1"/>
  <c r="G6164" i="2" s="1"/>
  <c r="G6162" i="2" a="1"/>
  <c r="G6162" i="2" s="1"/>
  <c r="G6177" i="2" a="1"/>
  <c r="G6177" i="2" s="1"/>
  <c r="F2626" i="2" a="1"/>
  <c r="F2626" i="2" s="1"/>
  <c r="F2638" i="2" a="1"/>
  <c r="F2638" i="2" s="1"/>
  <c r="F2630" i="2" a="1"/>
  <c r="F2630" i="2" s="1"/>
  <c r="F2639" i="2" a="1"/>
  <c r="F2639" i="2" s="1"/>
  <c r="G612" i="2" a="1"/>
  <c r="G612" i="2" s="1"/>
  <c r="G620" i="2" a="1"/>
  <c r="G620" i="2" s="1"/>
  <c r="G619" i="2" a="1"/>
  <c r="G619" i="2" s="1"/>
  <c r="F1343" i="2" a="1"/>
  <c r="F1343" i="2" s="1"/>
  <c r="F1342" i="2" a="1"/>
  <c r="F1342" i="2" s="1"/>
  <c r="D1100" i="2" a="1"/>
  <c r="D1100" i="2" s="1"/>
  <c r="D1108" i="2" a="1"/>
  <c r="D1108" i="2" s="1"/>
  <c r="D1099" i="2" a="1"/>
  <c r="D1099" i="2" s="1"/>
  <c r="D1096" i="2" a="1"/>
  <c r="D1096" i="2" s="1"/>
  <c r="D1091" i="2" a="1"/>
  <c r="D1091" i="2" s="1"/>
  <c r="D1095" i="2" a="1"/>
  <c r="D1095" i="2" s="1"/>
  <c r="D1090" i="2" a="1"/>
  <c r="D1090" i="2" s="1"/>
  <c r="D1097" i="2" a="1"/>
  <c r="D1097" i="2" s="1"/>
  <c r="F3670" i="2" a="1"/>
  <c r="F3670" i="2" s="1"/>
  <c r="F3658" i="2" a="1"/>
  <c r="F3658" i="2" s="1"/>
  <c r="F3661" i="2" a="1"/>
  <c r="F3661" i="2" s="1"/>
  <c r="F3674" i="2" a="1"/>
  <c r="F3674" i="2" s="1"/>
  <c r="F3680" i="2" a="1"/>
  <c r="F3680" i="2" s="1"/>
  <c r="G5582" i="2" a="1"/>
  <c r="G5582" i="2" s="1"/>
  <c r="G5578" i="2" a="1"/>
  <c r="G5578" i="2" s="1"/>
  <c r="G5581" i="2" a="1"/>
  <c r="G5581" i="2" s="1"/>
  <c r="G5598" i="2" a="1"/>
  <c r="G5598" i="2" s="1"/>
  <c r="G5584" i="2" a="1"/>
  <c r="G5584" i="2" s="1"/>
  <c r="G5590" i="2" a="1"/>
  <c r="G5590" i="2" s="1"/>
  <c r="G5591" i="2" a="1"/>
  <c r="G5591" i="2" s="1"/>
  <c r="G5589" i="2" a="1"/>
  <c r="G5589" i="2" s="1"/>
  <c r="D8265" i="2" a="1"/>
  <c r="D8265" i="2" s="1"/>
  <c r="D8255" i="2" a="1"/>
  <c r="D8255" i="2" s="1"/>
  <c r="D8243" i="2" a="1"/>
  <c r="D8243" i="2" s="1"/>
  <c r="D8244" i="2" a="1"/>
  <c r="D8244" i="2" s="1"/>
  <c r="D8262" i="2" a="1"/>
  <c r="D8262" i="2" s="1"/>
  <c r="D4119" i="2" a="1"/>
  <c r="D4119" i="2" s="1"/>
  <c r="D4117" i="2" a="1"/>
  <c r="D4117" i="2" s="1"/>
  <c r="D4121" i="2" a="1"/>
  <c r="D4121" i="2" s="1"/>
  <c r="D4129" i="2" a="1"/>
  <c r="D4129" i="2" s="1"/>
  <c r="D4133" i="2" a="1"/>
  <c r="D4133" i="2" s="1"/>
  <c r="D4125" i="2" a="1"/>
  <c r="D4125" i="2" s="1"/>
  <c r="AQ172" i="1"/>
  <c r="G178" i="5" s="1"/>
  <c r="E1955" i="2" a="1"/>
  <c r="E1955" i="2" s="1"/>
  <c r="E1965" i="2" a="1"/>
  <c r="E1965" i="2" s="1"/>
  <c r="E1957" i="2" a="1"/>
  <c r="E1957" i="2" s="1"/>
  <c r="E1966" i="2" a="1"/>
  <c r="E1966" i="2" s="1"/>
  <c r="E1974" i="2" a="1"/>
  <c r="E1974" i="2" s="1"/>
  <c r="F6551" i="2" a="1"/>
  <c r="F6551" i="2" s="1"/>
  <c r="F6548" i="2" a="1"/>
  <c r="F6548" i="2" s="1"/>
  <c r="F6555" i="2" a="1"/>
  <c r="F6555" i="2" s="1"/>
  <c r="F6542" i="2" a="1"/>
  <c r="F6542" i="2" s="1"/>
  <c r="F6550" i="2" a="1"/>
  <c r="F6550" i="2" s="1"/>
  <c r="F6545" i="2" a="1"/>
  <c r="F6545" i="2" s="1"/>
  <c r="F6541" i="2" a="1"/>
  <c r="F6541" i="2" s="1"/>
  <c r="G6013" i="2" a="1"/>
  <c r="G6013" i="2" s="1"/>
  <c r="G6019" i="2" a="1"/>
  <c r="G6019" i="2" s="1"/>
  <c r="H199" i="2" a="1"/>
  <c r="H199" i="2" s="1"/>
  <c r="H187" i="2" a="1"/>
  <c r="H187" i="2" s="1"/>
  <c r="F3070" i="2" a="1"/>
  <c r="F3070" i="2" s="1"/>
  <c r="F3075" i="2" a="1"/>
  <c r="F3075" i="2" s="1"/>
  <c r="F3062" i="2" a="1"/>
  <c r="F3062" i="2" s="1"/>
  <c r="F3067" i="2" a="1"/>
  <c r="F3067" i="2" s="1"/>
  <c r="F3060" i="2" a="1"/>
  <c r="F3060" i="2" s="1"/>
  <c r="F3063" i="2" a="1"/>
  <c r="F3063" i="2" s="1"/>
  <c r="E6030" i="2" a="1"/>
  <c r="E6030" i="2" s="1"/>
  <c r="E6025" i="2" a="1"/>
  <c r="E6025" i="2" s="1"/>
  <c r="E6015" i="2" a="1"/>
  <c r="E6015" i="2" s="1"/>
  <c r="E6013" i="2" a="1"/>
  <c r="E6013" i="2" s="1"/>
  <c r="E6033" i="2" a="1"/>
  <c r="E6033" i="2" s="1"/>
  <c r="E808" i="2" a="1"/>
  <c r="E808" i="2" s="1"/>
  <c r="E825" i="2" a="1"/>
  <c r="E825" i="2" s="1"/>
  <c r="E817" i="2" a="1"/>
  <c r="E817" i="2" s="1"/>
  <c r="E568" i="2" a="1"/>
  <c r="E568" i="2" s="1"/>
  <c r="E581" i="2" a="1"/>
  <c r="E581" i="2" s="1"/>
  <c r="E582" i="2" a="1"/>
  <c r="E582" i="2" s="1"/>
  <c r="E570" i="2" a="1"/>
  <c r="E570" i="2" s="1"/>
  <c r="E563" i="2" a="1"/>
  <c r="E563" i="2" s="1"/>
  <c r="E569" i="2" a="1"/>
  <c r="E569" i="2" s="1"/>
  <c r="E564" i="2" a="1"/>
  <c r="E564" i="2" s="1"/>
  <c r="E2566" i="2" a="1"/>
  <c r="E2566" i="2" s="1"/>
  <c r="E2572" i="2" a="1"/>
  <c r="E2572" i="2" s="1"/>
  <c r="E2571" i="2" a="1"/>
  <c r="E2571" i="2" s="1"/>
  <c r="E2562" i="2" a="1"/>
  <c r="E2562" i="2" s="1"/>
  <c r="E2564" i="2" a="1"/>
  <c r="E2564" i="2" s="1"/>
  <c r="E2555" i="2" a="1"/>
  <c r="E2555" i="2" s="1"/>
  <c r="E2576" i="2" a="1"/>
  <c r="E2576" i="2" s="1"/>
  <c r="E2557" i="2" a="1"/>
  <c r="E2557" i="2" s="1"/>
  <c r="H2621" i="2" a="1"/>
  <c r="H2621" i="2" s="1"/>
  <c r="H2607" i="2" a="1"/>
  <c r="H2607" i="2" s="1"/>
  <c r="H2624" i="2" a="1"/>
  <c r="H2624" i="2" s="1"/>
  <c r="H2617" i="2" a="1"/>
  <c r="H2617" i="2" s="1"/>
  <c r="H2615" i="2" a="1"/>
  <c r="H2615" i="2" s="1"/>
  <c r="F7871" i="2" a="1"/>
  <c r="F7871" i="2" s="1"/>
  <c r="F7874" i="2" a="1"/>
  <c r="F7874" i="2" s="1"/>
  <c r="F7867" i="2" a="1"/>
  <c r="F7867" i="2" s="1"/>
  <c r="F7875" i="2" a="1"/>
  <c r="F7875" i="2" s="1"/>
  <c r="F7868" i="2" a="1"/>
  <c r="F7868" i="2" s="1"/>
  <c r="F7873" i="2" a="1"/>
  <c r="F7873" i="2" s="1"/>
  <c r="G6583" i="2" a="1"/>
  <c r="G6583" i="2" s="1"/>
  <c r="G6573" i="2" a="1"/>
  <c r="G6573" i="2" s="1"/>
  <c r="G6566" i="2" a="1"/>
  <c r="G6566" i="2" s="1"/>
  <c r="G6574" i="2" a="1"/>
  <c r="G6574" i="2" s="1"/>
  <c r="G6575" i="2" a="1"/>
  <c r="G6575" i="2" s="1"/>
  <c r="G6576" i="2" a="1"/>
  <c r="G6576" i="2" s="1"/>
  <c r="G6577" i="2" a="1"/>
  <c r="G6577" i="2" s="1"/>
  <c r="G1684" i="2" a="1"/>
  <c r="G1684" i="2" s="1"/>
  <c r="G1672" i="2" a="1"/>
  <c r="G1672" i="2" s="1"/>
  <c r="G1682" i="2" a="1"/>
  <c r="G1682" i="2" s="1"/>
  <c r="D8520" i="2" a="1"/>
  <c r="D8520" i="2" s="1"/>
  <c r="D8507" i="2" a="1"/>
  <c r="D8507" i="2" s="1"/>
  <c r="D8527" i="2" a="1"/>
  <c r="D8527" i="2" s="1"/>
  <c r="D8528" i="2" a="1"/>
  <c r="D8528" i="2" s="1"/>
  <c r="E5832" i="2" a="1"/>
  <c r="E5832" i="2" s="1"/>
  <c r="E5819" i="2" a="1"/>
  <c r="E5819" i="2" s="1"/>
  <c r="E5824" i="2" a="1"/>
  <c r="E5824" i="2" s="1"/>
  <c r="E5840" i="2" a="1"/>
  <c r="E5840" i="2" s="1"/>
  <c r="E5831" i="2" a="1"/>
  <c r="E5831" i="2" s="1"/>
  <c r="E5841" i="2" a="1"/>
  <c r="E5841" i="2" s="1"/>
  <c r="D8052" i="2" a="1"/>
  <c r="D8052" i="2" s="1"/>
  <c r="D8050" i="2" a="1"/>
  <c r="D8050" i="2" s="1"/>
  <c r="G1666" i="2" a="1"/>
  <c r="G1666" i="2" s="1"/>
  <c r="G6580" i="2" a="1"/>
  <c r="G6580" i="2" s="1"/>
  <c r="H148" i="2" a="1"/>
  <c r="H148" i="2" s="1"/>
  <c r="G1685" i="2" a="1"/>
  <c r="G1685" i="2" s="1"/>
  <c r="H1986" i="2" a="1"/>
  <c r="H1986" i="2" s="1"/>
  <c r="D6903" i="2" a="1"/>
  <c r="D6903" i="2" s="1"/>
  <c r="G6569" i="2" a="1"/>
  <c r="G6569" i="2" s="1"/>
  <c r="E3758" i="2" a="1"/>
  <c r="E3758" i="2" s="1"/>
  <c r="D3931" i="2" a="1"/>
  <c r="D3931" i="2" s="1"/>
  <c r="E5828" i="2" a="1"/>
  <c r="E5828" i="2" s="1"/>
  <c r="H3838" i="2" a="1"/>
  <c r="H3838" i="2" s="1"/>
  <c r="E7647" i="2" a="1"/>
  <c r="E7647" i="2" s="1"/>
  <c r="F945" i="2" a="1"/>
  <c r="F945" i="2" s="1"/>
  <c r="D8062" i="2" a="1"/>
  <c r="D8062" i="2" s="1"/>
  <c r="E8307" i="2" a="1"/>
  <c r="E8307" i="2" s="1"/>
  <c r="E1099" i="2" a="1"/>
  <c r="E1099" i="2" s="1"/>
  <c r="G6986" i="2" a="1"/>
  <c r="G6986" i="2" s="1"/>
  <c r="E731" i="2" a="1"/>
  <c r="E731" i="2" s="1"/>
  <c r="D2073" i="2" a="1"/>
  <c r="D2073" i="2" s="1"/>
  <c r="H5733" i="2" a="1"/>
  <c r="H5733" i="2" s="1"/>
  <c r="H5740" i="2" a="1"/>
  <c r="H5740" i="2" s="1"/>
  <c r="H5735" i="2" a="1"/>
  <c r="H5735" i="2" s="1"/>
  <c r="H5722" i="2" a="1"/>
  <c r="H5722" i="2" s="1"/>
  <c r="H5736" i="2" a="1"/>
  <c r="H5736" i="2" s="1"/>
  <c r="H5728" i="2" a="1"/>
  <c r="H5728" i="2" s="1"/>
  <c r="H5732" i="2" a="1"/>
  <c r="H5732" i="2" s="1"/>
  <c r="E1642" i="2" a="1"/>
  <c r="E1642" i="2" s="1"/>
  <c r="E1662" i="2" a="1"/>
  <c r="E1662" i="2" s="1"/>
  <c r="E1646" i="2" a="1"/>
  <c r="E1646" i="2" s="1"/>
  <c r="D4156" i="2" a="1"/>
  <c r="D4156" i="2" s="1"/>
  <c r="D4152" i="2" a="1"/>
  <c r="D4152" i="2" s="1"/>
  <c r="H134" i="2" a="1"/>
  <c r="H134" i="2" s="1"/>
  <c r="H138" i="2" a="1"/>
  <c r="H138" i="2" s="1"/>
  <c r="H133" i="2" a="1"/>
  <c r="H133" i="2" s="1"/>
  <c r="H153" i="2" a="1"/>
  <c r="H153" i="2" s="1"/>
  <c r="H147" i="2" a="1"/>
  <c r="H147" i="2" s="1"/>
  <c r="H151" i="2" a="1"/>
  <c r="H151" i="2" s="1"/>
  <c r="H137" i="2" a="1"/>
  <c r="H137" i="2" s="1"/>
  <c r="E3402" i="2" a="1"/>
  <c r="E3402" i="2" s="1"/>
  <c r="E3394" i="2" a="1"/>
  <c r="E3394" i="2" s="1"/>
  <c r="E3417" i="2" a="1"/>
  <c r="E3417" i="2" s="1"/>
  <c r="E3399" i="2" a="1"/>
  <c r="E3399" i="2" s="1"/>
  <c r="E3408" i="2" a="1"/>
  <c r="E3408" i="2" s="1"/>
  <c r="G7222" i="2" a="1"/>
  <c r="G7222" i="2" s="1"/>
  <c r="G7224" i="2" a="1"/>
  <c r="G7224" i="2" s="1"/>
  <c r="G7218" i="2" a="1"/>
  <c r="G7218" i="2" s="1"/>
  <c r="G7215" i="2" a="1"/>
  <c r="G7215" i="2" s="1"/>
  <c r="G7229" i="2" a="1"/>
  <c r="G7229" i="2" s="1"/>
  <c r="G7227" i="2" a="1"/>
  <c r="G7227" i="2" s="1"/>
  <c r="G7211" i="2" a="1"/>
  <c r="G7211" i="2" s="1"/>
  <c r="H942" i="2" a="1"/>
  <c r="H942" i="2" s="1"/>
  <c r="H930" i="2" a="1"/>
  <c r="H930" i="2" s="1"/>
  <c r="G7225" i="2" a="1"/>
  <c r="G7225" i="2" s="1"/>
  <c r="H1997" i="2" a="1"/>
  <c r="H1997" i="2" s="1"/>
  <c r="H5731" i="2" a="1"/>
  <c r="H5731" i="2" s="1"/>
  <c r="G6572" i="2" a="1"/>
  <c r="G6572" i="2" s="1"/>
  <c r="E5821" i="2" a="1"/>
  <c r="E5821" i="2" s="1"/>
  <c r="H146" i="2" a="1"/>
  <c r="H146" i="2" s="1"/>
  <c r="E7662" i="2" a="1"/>
  <c r="E7662" i="2" s="1"/>
  <c r="G7142" i="2" a="1"/>
  <c r="G7142" i="2" s="1"/>
  <c r="F934" i="2" a="1"/>
  <c r="F934" i="2" s="1"/>
  <c r="D8071" i="2" a="1"/>
  <c r="D8071" i="2" s="1"/>
  <c r="E8301" i="2" a="1"/>
  <c r="E8301" i="2" s="1"/>
  <c r="D2053" i="2" a="1"/>
  <c r="D2053" i="2" s="1"/>
  <c r="E3768" i="2" a="1"/>
  <c r="E3768" i="2" s="1"/>
  <c r="E3771" i="2" a="1"/>
  <c r="E3771" i="2" s="1"/>
  <c r="E3764" i="2" a="1"/>
  <c r="E3764" i="2" s="1"/>
  <c r="E3772" i="2" a="1"/>
  <c r="E3772" i="2" s="1"/>
  <c r="E3766" i="2" a="1"/>
  <c r="E3766" i="2" s="1"/>
  <c r="F6650" i="2" a="1"/>
  <c r="F6650" i="2" s="1"/>
  <c r="F6644" i="2" a="1"/>
  <c r="F6644" i="2" s="1"/>
  <c r="F6639" i="2" a="1"/>
  <c r="F6639" i="2" s="1"/>
  <c r="F6640" i="2" a="1"/>
  <c r="F6640" i="2" s="1"/>
  <c r="F6649" i="2" a="1"/>
  <c r="F6649" i="2" s="1"/>
  <c r="F6656" i="2" a="1"/>
  <c r="F6656" i="2" s="1"/>
  <c r="E6578" i="2" a="1"/>
  <c r="E6578" i="2" s="1"/>
  <c r="E6582" i="2" a="1"/>
  <c r="E6582" i="2" s="1"/>
  <c r="E6572" i="2" a="1"/>
  <c r="E6572" i="2" s="1"/>
  <c r="E6585" i="2" a="1"/>
  <c r="E6585" i="2" s="1"/>
  <c r="E6571" i="2" a="1"/>
  <c r="E6571" i="2" s="1"/>
  <c r="E6577" i="2" a="1"/>
  <c r="E6577" i="2" s="1"/>
  <c r="E5822" i="2" a="1"/>
  <c r="E5822" i="2" s="1"/>
  <c r="D5071" i="2" a="1"/>
  <c r="D5071" i="2" s="1"/>
  <c r="G7221" i="2" a="1"/>
  <c r="G7221" i="2" s="1"/>
  <c r="G1678" i="2" a="1"/>
  <c r="G1678" i="2" s="1"/>
  <c r="E3405" i="2" a="1"/>
  <c r="E3405" i="2" s="1"/>
  <c r="G7230" i="2" a="1"/>
  <c r="G7230" i="2" s="1"/>
  <c r="G1670" i="2" a="1"/>
  <c r="G1670" i="2" s="1"/>
  <c r="H1999" i="2" a="1"/>
  <c r="H1999" i="2" s="1"/>
  <c r="H5737" i="2" a="1"/>
  <c r="H5737" i="2" s="1"/>
  <c r="G6571" i="2" a="1"/>
  <c r="G6571" i="2" s="1"/>
  <c r="E3761" i="2" a="1"/>
  <c r="E3761" i="2" s="1"/>
  <c r="AM164" i="1"/>
  <c r="E5830" i="2" a="1"/>
  <c r="E5830" i="2" s="1"/>
  <c r="H149" i="2" a="1"/>
  <c r="H149" i="2" s="1"/>
  <c r="E7642" i="2" a="1"/>
  <c r="E7642" i="2" s="1"/>
  <c r="F932" i="2" a="1"/>
  <c r="F932" i="2" s="1"/>
  <c r="D8053" i="2" a="1"/>
  <c r="D8053" i="2" s="1"/>
  <c r="D2072" i="2" a="1"/>
  <c r="D2072" i="2" s="1"/>
  <c r="G7159" i="2" a="1"/>
  <c r="G7159" i="2" s="1"/>
  <c r="G7141" i="2" a="1"/>
  <c r="G7141" i="2" s="1"/>
  <c r="G7156" i="2" a="1"/>
  <c r="G7156" i="2" s="1"/>
  <c r="G7153" i="2" a="1"/>
  <c r="G7153" i="2" s="1"/>
  <c r="D4002" i="2" a="1"/>
  <c r="D4002" i="2" s="1"/>
  <c r="D3996" i="2" a="1"/>
  <c r="D3996" i="2" s="1"/>
  <c r="D3997" i="2" a="1"/>
  <c r="D3997" i="2" s="1"/>
  <c r="D4005" i="2" a="1"/>
  <c r="D4005" i="2" s="1"/>
  <c r="D4000" i="2" a="1"/>
  <c r="D4000" i="2" s="1"/>
  <c r="D4008" i="2" a="1"/>
  <c r="D4008" i="2" s="1"/>
  <c r="E177" i="2" a="1"/>
  <c r="E177" i="2" s="1"/>
  <c r="E168" i="2" a="1"/>
  <c r="E168" i="2" s="1"/>
  <c r="E159" i="2" a="1"/>
  <c r="E159" i="2" s="1"/>
  <c r="E170" i="2" a="1"/>
  <c r="E170" i="2" s="1"/>
  <c r="E166" i="2" a="1"/>
  <c r="E166" i="2" s="1"/>
  <c r="E155" i="2" a="1"/>
  <c r="E155" i="2" s="1"/>
  <c r="E162" i="2" a="1"/>
  <c r="E162" i="2" s="1"/>
  <c r="D1861" i="2" a="1"/>
  <c r="D1861" i="2" s="1"/>
  <c r="D1870" i="2" a="1"/>
  <c r="D1870" i="2" s="1"/>
  <c r="D1876" i="2" a="1"/>
  <c r="D1876" i="2" s="1"/>
  <c r="D1868" i="2" a="1"/>
  <c r="D1868" i="2" s="1"/>
  <c r="D1865" i="2" a="1"/>
  <c r="D1865" i="2" s="1"/>
  <c r="D1869" i="2" a="1"/>
  <c r="D1869" i="2" s="1"/>
  <c r="D1863" i="2" a="1"/>
  <c r="D1863" i="2" s="1"/>
  <c r="E8300" i="2" a="1"/>
  <c r="E8300" i="2" s="1"/>
  <c r="E8304" i="2" a="1"/>
  <c r="E8304" i="2" s="1"/>
  <c r="F828" i="2" a="1"/>
  <c r="F828" i="2" s="1"/>
  <c r="F839" i="2" a="1"/>
  <c r="F839" i="2" s="1"/>
  <c r="E3410" i="2" a="1"/>
  <c r="E3410" i="2" s="1"/>
  <c r="E3760" i="2" a="1"/>
  <c r="E3760" i="2" s="1"/>
  <c r="G7223" i="2" a="1"/>
  <c r="G7223" i="2" s="1"/>
  <c r="G1677" i="2" a="1"/>
  <c r="G1677" i="2" s="1"/>
  <c r="D4006" i="2" a="1"/>
  <c r="D4006" i="2" s="1"/>
  <c r="H1995" i="2" a="1"/>
  <c r="H1995" i="2" s="1"/>
  <c r="H5724" i="2" a="1"/>
  <c r="H5724" i="2" s="1"/>
  <c r="G6585" i="2" a="1"/>
  <c r="G6585" i="2" s="1"/>
  <c r="E3754" i="2" a="1"/>
  <c r="E3754" i="2" s="1"/>
  <c r="E5839" i="2" a="1"/>
  <c r="E5839" i="2" s="1"/>
  <c r="H142" i="2" a="1"/>
  <c r="H142" i="2" s="1"/>
  <c r="D5076" i="2" a="1"/>
  <c r="D5076" i="2" s="1"/>
  <c r="E7652" i="2" a="1"/>
  <c r="E7652" i="2" s="1"/>
  <c r="G7148" i="2" a="1"/>
  <c r="G7148" i="2" s="1"/>
  <c r="F933" i="2" a="1"/>
  <c r="F933" i="2" s="1"/>
  <c r="D8073" i="2" a="1"/>
  <c r="D8073" i="2" s="1"/>
  <c r="D2064" i="2" a="1"/>
  <c r="D2064" i="2" s="1"/>
  <c r="F5191" i="2" a="1"/>
  <c r="F5191" i="2" s="1"/>
  <c r="F109" i="2" a="1"/>
  <c r="F109" i="2" s="1"/>
  <c r="D2537" i="2" a="1"/>
  <c r="D2537" i="2" s="1"/>
  <c r="H1530" i="2" a="1"/>
  <c r="H1530" i="2" s="1"/>
  <c r="G7410" i="2" a="1"/>
  <c r="G7410" i="2" s="1"/>
  <c r="F7468" i="2" a="1"/>
  <c r="F7468" i="2" s="1"/>
  <c r="F2452" i="2" a="1"/>
  <c r="F2452" i="2" s="1"/>
  <c r="E8165" i="2" a="1"/>
  <c r="E8165" i="2" s="1"/>
  <c r="E8161" i="2" a="1"/>
  <c r="E8161" i="2" s="1"/>
  <c r="G6744" i="2" a="1"/>
  <c r="G6744" i="2" s="1"/>
  <c r="G2295" i="2" a="1"/>
  <c r="G2295" i="2" s="1"/>
  <c r="F3606" i="2" a="1"/>
  <c r="F3606" i="2" s="1"/>
  <c r="H4359" i="2" a="1"/>
  <c r="H4359" i="2" s="1"/>
  <c r="F8226" i="2" a="1"/>
  <c r="F8226" i="2" s="1"/>
  <c r="F6192" i="2" a="1"/>
  <c r="F6192" i="2" s="1"/>
  <c r="H2598" i="2" a="1"/>
  <c r="H2598" i="2" s="1"/>
  <c r="E5946" i="2" a="1"/>
  <c r="E5946" i="2" s="1"/>
  <c r="F7976" i="2" a="1"/>
  <c r="F7976" i="2" s="1"/>
  <c r="E4990" i="2" a="1"/>
  <c r="E4990" i="2" s="1"/>
  <c r="E4979" i="2" a="1"/>
  <c r="E4979" i="2" s="1"/>
  <c r="F3051" i="2" a="1"/>
  <c r="F3051" i="2" s="1"/>
  <c r="G7034" i="2" a="1"/>
  <c r="G7034" i="2" s="1"/>
  <c r="E7363" i="2" a="1"/>
  <c r="E7363" i="2" s="1"/>
  <c r="E7369" i="2" a="1"/>
  <c r="E7369" i="2" s="1"/>
  <c r="E440" i="2" a="1"/>
  <c r="E440" i="2" s="1"/>
  <c r="E7822" i="2" a="1"/>
  <c r="E7822" i="2" s="1"/>
  <c r="D8309" i="2" a="1"/>
  <c r="D8309" i="2" s="1"/>
  <c r="D5266" i="2" a="1"/>
  <c r="D5266" i="2" s="1"/>
  <c r="F6111" i="2" a="1"/>
  <c r="F6111" i="2" s="1"/>
  <c r="E3901" i="2" a="1"/>
  <c r="E3901" i="2" s="1"/>
  <c r="H4637" i="2" a="1"/>
  <c r="H4637" i="2" s="1"/>
  <c r="H5813" i="2" a="1"/>
  <c r="H5813" i="2" s="1"/>
  <c r="F5377" i="2" a="1"/>
  <c r="F5377" i="2" s="1"/>
  <c r="E4219" i="2" a="1"/>
  <c r="E4219" i="2" s="1"/>
  <c r="G5785" i="2" a="1"/>
  <c r="G5785" i="2" s="1"/>
  <c r="F636" i="2" a="1"/>
  <c r="F636" i="2" s="1"/>
  <c r="D4182" i="2" a="1"/>
  <c r="D4182" i="2" s="1"/>
  <c r="G7193" i="2" a="1"/>
  <c r="G7193" i="2" s="1"/>
  <c r="G7207" i="2" a="1"/>
  <c r="G7207" i="2" s="1"/>
  <c r="H8457" i="2" a="1"/>
  <c r="H8457" i="2" s="1"/>
  <c r="D6792" i="2" a="1"/>
  <c r="D6792" i="2" s="1"/>
  <c r="F7032" i="2" a="1"/>
  <c r="F7032" i="2" s="1"/>
  <c r="F7034" i="2" a="1"/>
  <c r="F7034" i="2" s="1"/>
  <c r="F4155" i="2" a="1"/>
  <c r="F4155" i="2" s="1"/>
  <c r="F4138" i="2" a="1"/>
  <c r="F4138" i="2" s="1"/>
  <c r="G1303" i="2" a="1"/>
  <c r="G1303" i="2" s="1"/>
  <c r="E8668" i="2" a="1"/>
  <c r="E8668" i="2" s="1"/>
  <c r="F114" i="2" a="1"/>
  <c r="F114" i="2" s="1"/>
  <c r="D2550" i="2" a="1"/>
  <c r="D2550" i="2" s="1"/>
  <c r="E6904" i="2" a="1"/>
  <c r="E6904" i="2" s="1"/>
  <c r="D2553" i="2" a="1"/>
  <c r="D2553" i="2" s="1"/>
  <c r="G7425" i="2" a="1"/>
  <c r="G7425" i="2" s="1"/>
  <c r="F7455" i="2" a="1"/>
  <c r="F7455" i="2" s="1"/>
  <c r="F2450" i="2" a="1"/>
  <c r="F2450" i="2" s="1"/>
  <c r="F2438" i="2" a="1"/>
  <c r="F2438" i="2" s="1"/>
  <c r="E8162" i="2" a="1"/>
  <c r="E8162" i="2" s="1"/>
  <c r="G6732" i="2" a="1"/>
  <c r="G6732" i="2" s="1"/>
  <c r="G2301" i="2" a="1"/>
  <c r="G2301" i="2" s="1"/>
  <c r="G2303" i="2" a="1"/>
  <c r="G2303" i="2" s="1"/>
  <c r="F3589" i="2" a="1"/>
  <c r="F3589" i="2" s="1"/>
  <c r="H4363" i="2" a="1"/>
  <c r="H4363" i="2" s="1"/>
  <c r="F8224" i="2" a="1"/>
  <c r="F8224" i="2" s="1"/>
  <c r="F6198" i="2" a="1"/>
  <c r="F6198" i="2" s="1"/>
  <c r="H2582" i="2" a="1"/>
  <c r="H2582" i="2" s="1"/>
  <c r="E5938" i="2" a="1"/>
  <c r="E5938" i="2" s="1"/>
  <c r="F7956" i="2" a="1"/>
  <c r="F7956" i="2" s="1"/>
  <c r="E4995" i="2" a="1"/>
  <c r="E4995" i="2" s="1"/>
  <c r="F3043" i="2" a="1"/>
  <c r="F3043" i="2" s="1"/>
  <c r="G7023" i="2" a="1"/>
  <c r="G7023" i="2" s="1"/>
  <c r="E7371" i="2" a="1"/>
  <c r="E7371" i="2" s="1"/>
  <c r="E427" i="2" a="1"/>
  <c r="E427" i="2" s="1"/>
  <c r="E430" i="2" a="1"/>
  <c r="E430" i="2" s="1"/>
  <c r="E7820" i="2" a="1"/>
  <c r="E7820" i="2" s="1"/>
  <c r="D8292" i="2" a="1"/>
  <c r="D8292" i="2" s="1"/>
  <c r="D5276" i="2" a="1"/>
  <c r="D5276" i="2" s="1"/>
  <c r="D5267" i="2" a="1"/>
  <c r="D5267" i="2" s="1"/>
  <c r="F6120" i="2" a="1"/>
  <c r="F6120" i="2" s="1"/>
  <c r="E3899" i="2" a="1"/>
  <c r="E3899" i="2" s="1"/>
  <c r="H4636" i="2" a="1"/>
  <c r="H4636" i="2" s="1"/>
  <c r="H4634" i="2" a="1"/>
  <c r="H4634" i="2" s="1"/>
  <c r="H5796" i="2" a="1"/>
  <c r="H5796" i="2" s="1"/>
  <c r="F5365" i="2" a="1"/>
  <c r="F5365" i="2" s="1"/>
  <c r="E4229" i="2" a="1"/>
  <c r="E4229" i="2" s="1"/>
  <c r="E4225" i="2" a="1"/>
  <c r="E4225" i="2" s="1"/>
  <c r="G5774" i="2" a="1"/>
  <c r="G5774" i="2" s="1"/>
  <c r="F655" i="2" a="1"/>
  <c r="F655" i="2" s="1"/>
  <c r="D4183" i="2" a="1"/>
  <c r="D4183" i="2" s="1"/>
  <c r="G7186" i="2" a="1"/>
  <c r="G7186" i="2" s="1"/>
  <c r="D3791" i="2" a="1"/>
  <c r="D3791" i="2" s="1"/>
  <c r="D6781" i="2" a="1"/>
  <c r="D6781" i="2" s="1"/>
  <c r="F7026" i="2" a="1"/>
  <c r="F7026" i="2" s="1"/>
  <c r="F4152" i="2" a="1"/>
  <c r="F4152" i="2" s="1"/>
  <c r="G6864" i="2" a="1"/>
  <c r="G6864" i="2" s="1"/>
  <c r="G1769" i="2" a="1"/>
  <c r="G1769" i="2" s="1"/>
  <c r="E8653" i="2" a="1"/>
  <c r="E8653" i="2" s="1"/>
  <c r="G7407" i="2" a="1"/>
  <c r="G7407" i="2" s="1"/>
  <c r="F7464" i="2" a="1"/>
  <c r="F7464" i="2" s="1"/>
  <c r="F2434" i="2" a="1"/>
  <c r="F2434" i="2" s="1"/>
  <c r="E8148" i="2" a="1"/>
  <c r="E8148" i="2" s="1"/>
  <c r="G6735" i="2" a="1"/>
  <c r="G6735" i="2" s="1"/>
  <c r="G2298" i="2" a="1"/>
  <c r="G2298" i="2" s="1"/>
  <c r="F3594" i="2" a="1"/>
  <c r="F3594" i="2" s="1"/>
  <c r="F3609" i="2" a="1"/>
  <c r="F3609" i="2" s="1"/>
  <c r="H4366" i="2" a="1"/>
  <c r="H4366" i="2" s="1"/>
  <c r="F8227" i="2" a="1"/>
  <c r="F8227" i="2" s="1"/>
  <c r="F6182" i="2" a="1"/>
  <c r="F6182" i="2" s="1"/>
  <c r="F6193" i="2" a="1"/>
  <c r="F6193" i="2" s="1"/>
  <c r="H2590" i="2" a="1"/>
  <c r="H2590" i="2" s="1"/>
  <c r="H2587" i="2" a="1"/>
  <c r="H2587" i="2" s="1"/>
  <c r="E5956" i="2" a="1"/>
  <c r="E5956" i="2" s="1"/>
  <c r="F7958" i="2" a="1"/>
  <c r="F7958" i="2" s="1"/>
  <c r="E4999" i="2" a="1"/>
  <c r="E4999" i="2" s="1"/>
  <c r="F3041" i="2" a="1"/>
  <c r="F3041" i="2" s="1"/>
  <c r="G7039" i="2" a="1"/>
  <c r="G7039" i="2" s="1"/>
  <c r="E7360" i="2" a="1"/>
  <c r="E7360" i="2" s="1"/>
  <c r="E439" i="2" a="1"/>
  <c r="E439" i="2" s="1"/>
  <c r="E7816" i="2" a="1"/>
  <c r="E7816" i="2" s="1"/>
  <c r="E7819" i="2" a="1"/>
  <c r="E7819" i="2" s="1"/>
  <c r="D8304" i="2" a="1"/>
  <c r="D8304" i="2" s="1"/>
  <c r="D5285" i="2" a="1"/>
  <c r="D5285" i="2" s="1"/>
  <c r="F6128" i="2" a="1"/>
  <c r="F6128" i="2" s="1"/>
  <c r="E3905" i="2" a="1"/>
  <c r="E3905" i="2" s="1"/>
  <c r="H4629" i="2" a="1"/>
  <c r="H4629" i="2" s="1"/>
  <c r="H5795" i="2" a="1"/>
  <c r="H5795" i="2" s="1"/>
  <c r="F5362" i="2" a="1"/>
  <c r="F5362" i="2" s="1"/>
  <c r="E4222" i="2" a="1"/>
  <c r="E4222" i="2" s="1"/>
  <c r="G5789" i="2" a="1"/>
  <c r="G5789" i="2" s="1"/>
  <c r="F657" i="2" a="1"/>
  <c r="F657" i="2" s="1"/>
  <c r="D4164" i="2" a="1"/>
  <c r="D4164" i="2" s="1"/>
  <c r="G7199" i="2" a="1"/>
  <c r="G7199" i="2" s="1"/>
  <c r="H8438" i="2" a="1"/>
  <c r="H8438" i="2" s="1"/>
  <c r="D3795" i="2" a="1"/>
  <c r="D3795" i="2" s="1"/>
  <c r="D6786" i="2" a="1"/>
  <c r="D6786" i="2" s="1"/>
  <c r="F7041" i="2" a="1"/>
  <c r="F7041" i="2" s="1"/>
  <c r="F4158" i="2" a="1"/>
  <c r="F4158" i="2" s="1"/>
  <c r="G6870" i="2" a="1"/>
  <c r="G6870" i="2" s="1"/>
  <c r="G1779" i="2" a="1"/>
  <c r="G1779" i="2" s="1"/>
  <c r="E8650" i="2" a="1"/>
  <c r="E8650" i="2" s="1"/>
  <c r="D3203" i="2" a="1"/>
  <c r="D3203" i="2" s="1"/>
  <c r="G7405" i="2" a="1"/>
  <c r="G7405" i="2" s="1"/>
  <c r="F7452" i="2" a="1"/>
  <c r="F7452" i="2" s="1"/>
  <c r="F7454" i="2" a="1"/>
  <c r="F7454" i="2" s="1"/>
  <c r="F2446" i="2" a="1"/>
  <c r="F2446" i="2" s="1"/>
  <c r="E8146" i="2" a="1"/>
  <c r="E8146" i="2" s="1"/>
  <c r="G6742" i="2" a="1"/>
  <c r="G6742" i="2" s="1"/>
  <c r="G2299" i="2" a="1"/>
  <c r="G2299" i="2" s="1"/>
  <c r="F3604" i="2" a="1"/>
  <c r="F3604" i="2" s="1"/>
  <c r="H4377" i="2" a="1"/>
  <c r="H4377" i="2" s="1"/>
  <c r="F8218" i="2" a="1"/>
  <c r="F8218" i="2" s="1"/>
  <c r="F6195" i="2" a="1"/>
  <c r="F6195" i="2" s="1"/>
  <c r="F6197" i="2" a="1"/>
  <c r="F6197" i="2" s="1"/>
  <c r="H2581" i="2" a="1"/>
  <c r="H2581" i="2" s="1"/>
  <c r="E5953" i="2" a="1"/>
  <c r="E5953" i="2" s="1"/>
  <c r="F7967" i="2" a="1"/>
  <c r="F7967" i="2" s="1"/>
  <c r="E4983" i="2" a="1"/>
  <c r="E4983" i="2" s="1"/>
  <c r="F3057" i="2" a="1"/>
  <c r="F3057" i="2" s="1"/>
  <c r="G7021" i="2" a="1"/>
  <c r="G7021" i="2" s="1"/>
  <c r="E7372" i="2" a="1"/>
  <c r="E7372" i="2" s="1"/>
  <c r="E438" i="2" a="1"/>
  <c r="E438" i="2" s="1"/>
  <c r="E7814" i="2" a="1"/>
  <c r="E7814" i="2" s="1"/>
  <c r="E7825" i="2" a="1"/>
  <c r="E7825" i="2" s="1"/>
  <c r="D8306" i="2" a="1"/>
  <c r="D8306" i="2" s="1"/>
  <c r="D5281" i="2" a="1"/>
  <c r="D5281" i="2" s="1"/>
  <c r="F6127" i="2" a="1"/>
  <c r="F6127" i="2" s="1"/>
  <c r="E3918" i="2" a="1"/>
  <c r="E3918" i="2" s="1"/>
  <c r="H4621" i="2" a="1"/>
  <c r="H4621" i="2" s="1"/>
  <c r="H5808" i="2" a="1"/>
  <c r="H5808" i="2" s="1"/>
  <c r="F5381" i="2" a="1"/>
  <c r="F5381" i="2" s="1"/>
  <c r="E4227" i="2" a="1"/>
  <c r="E4227" i="2" s="1"/>
  <c r="G5771" i="2" a="1"/>
  <c r="G5771" i="2" s="1"/>
  <c r="F654" i="2" a="1"/>
  <c r="F654" i="2" s="1"/>
  <c r="F647" i="2" a="1"/>
  <c r="F647" i="2" s="1"/>
  <c r="D4184" i="2" a="1"/>
  <c r="D4184" i="2" s="1"/>
  <c r="G7187" i="2" a="1"/>
  <c r="G7187" i="2" s="1"/>
  <c r="H8450" i="2" a="1"/>
  <c r="H8450" i="2" s="1"/>
  <c r="D3793" i="2" a="1"/>
  <c r="D3793" i="2" s="1"/>
  <c r="D6782" i="2" a="1"/>
  <c r="D6782" i="2" s="1"/>
  <c r="F7040" i="2" a="1"/>
  <c r="F7040" i="2" s="1"/>
  <c r="F4145" i="2" a="1"/>
  <c r="F4145" i="2" s="1"/>
  <c r="G6871" i="2" a="1"/>
  <c r="G6871" i="2" s="1"/>
  <c r="G1776" i="2" a="1"/>
  <c r="G1776" i="2" s="1"/>
  <c r="E8670" i="2" a="1"/>
  <c r="E8670" i="2" s="1"/>
  <c r="D3205" i="2" a="1"/>
  <c r="D3205" i="2" s="1"/>
  <c r="G7416" i="2" a="1"/>
  <c r="G7416" i="2" s="1"/>
  <c r="F7456" i="2" a="1"/>
  <c r="F7456" i="2" s="1"/>
  <c r="F7467" i="2" a="1"/>
  <c r="F7467" i="2" s="1"/>
  <c r="F2436" i="2" a="1"/>
  <c r="F2436" i="2" s="1"/>
  <c r="E8156" i="2" a="1"/>
  <c r="E8156" i="2" s="1"/>
  <c r="G6733" i="2" a="1"/>
  <c r="G6733" i="2" s="1"/>
  <c r="G2292" i="2" a="1"/>
  <c r="G2292" i="2" s="1"/>
  <c r="F3593" i="2" a="1"/>
  <c r="F3593" i="2" s="1"/>
  <c r="H4361" i="2" a="1"/>
  <c r="H4361" i="2" s="1"/>
  <c r="F8236" i="2" a="1"/>
  <c r="F8236" i="2" s="1"/>
  <c r="F6184" i="2" a="1"/>
  <c r="F6184" i="2" s="1"/>
  <c r="H2592" i="2" a="1"/>
  <c r="H2592" i="2" s="1"/>
  <c r="E5948" i="2" a="1"/>
  <c r="E5948" i="2" s="1"/>
  <c r="F7957" i="2" a="1"/>
  <c r="F7957" i="2" s="1"/>
  <c r="E4981" i="2" a="1"/>
  <c r="E4981" i="2" s="1"/>
  <c r="F3052" i="2" a="1"/>
  <c r="F3052" i="2" s="1"/>
  <c r="G7040" i="2" a="1"/>
  <c r="G7040" i="2" s="1"/>
  <c r="E7374" i="2" a="1"/>
  <c r="E7374" i="2" s="1"/>
  <c r="E434" i="2" a="1"/>
  <c r="E434" i="2" s="1"/>
  <c r="E7832" i="2" a="1"/>
  <c r="E7832" i="2" s="1"/>
  <c r="D8298" i="2" a="1"/>
  <c r="D8298" i="2" s="1"/>
  <c r="D8307" i="2" a="1"/>
  <c r="D8307" i="2" s="1"/>
  <c r="D5277" i="2" a="1"/>
  <c r="D5277" i="2" s="1"/>
  <c r="F6118" i="2" a="1"/>
  <c r="F6118" i="2" s="1"/>
  <c r="E3909" i="2" a="1"/>
  <c r="E3909" i="2" s="1"/>
  <c r="H4623" i="2" a="1"/>
  <c r="H4623" i="2" s="1"/>
  <c r="H5807" i="2" a="1"/>
  <c r="H5807" i="2" s="1"/>
  <c r="F5371" i="2" a="1"/>
  <c r="F5371" i="2" s="1"/>
  <c r="E4211" i="2" a="1"/>
  <c r="E4211" i="2" s="1"/>
  <c r="G5791" i="2" a="1"/>
  <c r="G5791" i="2" s="1"/>
  <c r="G5792" i="2" a="1"/>
  <c r="G5792" i="2" s="1"/>
  <c r="F649" i="2" a="1"/>
  <c r="F649" i="2" s="1"/>
  <c r="F638" i="2" a="1"/>
  <c r="F638" i="2" s="1"/>
  <c r="D4166" i="2" a="1"/>
  <c r="D4166" i="2" s="1"/>
  <c r="D4176" i="2" a="1"/>
  <c r="D4176" i="2" s="1"/>
  <c r="G7208" i="2" a="1"/>
  <c r="G7208" i="2" s="1"/>
  <c r="H8449" i="2" a="1"/>
  <c r="H8449" i="2" s="1"/>
  <c r="D3786" i="2" a="1"/>
  <c r="D3786" i="2" s="1"/>
  <c r="D6797" i="2" a="1"/>
  <c r="D6797" i="2" s="1"/>
  <c r="D6778" i="2" a="1"/>
  <c r="D6778" i="2" s="1"/>
  <c r="F7021" i="2" a="1"/>
  <c r="F7021" i="2" s="1"/>
  <c r="F4146" i="2" a="1"/>
  <c r="F4146" i="2" s="1"/>
  <c r="G6855" i="2" a="1"/>
  <c r="G6855" i="2" s="1"/>
  <c r="G1775" i="2" a="1"/>
  <c r="G1775" i="2" s="1"/>
  <c r="E8652" i="2" a="1"/>
  <c r="E8652" i="2" s="1"/>
  <c r="D7436" i="2" a="1"/>
  <c r="D7436" i="2" s="1"/>
  <c r="F5188" i="2" a="1"/>
  <c r="F5188" i="2" s="1"/>
  <c r="F7470" i="2" a="1"/>
  <c r="F7470" i="2" s="1"/>
  <c r="D8301" i="2" a="1"/>
  <c r="D8301" i="2" s="1"/>
  <c r="G5781" i="2" a="1"/>
  <c r="G5781" i="2" s="1"/>
  <c r="F651" i="2" a="1"/>
  <c r="F651" i="2" s="1"/>
  <c r="D4185" i="2" a="1"/>
  <c r="D4185" i="2" s="1"/>
  <c r="D6793" i="2" a="1"/>
  <c r="D6793" i="2" s="1"/>
  <c r="G1773" i="2" a="1"/>
  <c r="G1773" i="2" s="1"/>
  <c r="D7446" i="2" a="1"/>
  <c r="D7446" i="2" s="1"/>
  <c r="G4106" i="2" a="1"/>
  <c r="G4106" i="2" s="1"/>
  <c r="H7059" i="2" a="1"/>
  <c r="H7059" i="2" s="1"/>
  <c r="G4113" i="2" a="1"/>
  <c r="G4113" i="2" s="1"/>
  <c r="D8119" i="2" a="1"/>
  <c r="D8119" i="2" s="1"/>
  <c r="H7237" i="2" a="1"/>
  <c r="H7237" i="2" s="1"/>
  <c r="G7233" i="2" a="1"/>
  <c r="G7233" i="2" s="1"/>
  <c r="G1680" i="2" a="1"/>
  <c r="G1680" i="2" s="1"/>
  <c r="E171" i="2" a="1"/>
  <c r="E171" i="2" s="1"/>
  <c r="E164" i="2" a="1"/>
  <c r="E164" i="2" s="1"/>
  <c r="E3397" i="2" a="1"/>
  <c r="E3397" i="2" s="1"/>
  <c r="F6657" i="2" a="1"/>
  <c r="F6657" i="2" s="1"/>
  <c r="D4004" i="2" a="1"/>
  <c r="D4004" i="2" s="1"/>
  <c r="F7866" i="2" a="1"/>
  <c r="F7866" i="2" s="1"/>
  <c r="H5745" i="2" a="1"/>
  <c r="H5745" i="2" s="1"/>
  <c r="G6584" i="2" a="1"/>
  <c r="G6584" i="2" s="1"/>
  <c r="E3767" i="2" a="1"/>
  <c r="E3767" i="2" s="1"/>
  <c r="E5823" i="2" a="1"/>
  <c r="E5823" i="2" s="1"/>
  <c r="E5825" i="2" a="1"/>
  <c r="E5825" i="2" s="1"/>
  <c r="H145" i="2" a="1"/>
  <c r="H145" i="2" s="1"/>
  <c r="D1873" i="2" a="1"/>
  <c r="D1873" i="2" s="1"/>
  <c r="E6570" i="2" a="1"/>
  <c r="E6570" i="2" s="1"/>
  <c r="D8054" i="2" a="1"/>
  <c r="D8054" i="2" s="1"/>
  <c r="G1667" i="2" a="1"/>
  <c r="G1667" i="2" s="1"/>
  <c r="E3401" i="2" a="1"/>
  <c r="E3401" i="2" s="1"/>
  <c r="E3404" i="2" a="1"/>
  <c r="E3404" i="2" s="1"/>
  <c r="F6653" i="2" a="1"/>
  <c r="F6653" i="2" s="1"/>
  <c r="D4017" i="2" a="1"/>
  <c r="D4017" i="2" s="1"/>
  <c r="F7861" i="2" a="1"/>
  <c r="F7861" i="2" s="1"/>
  <c r="F7880" i="2" a="1"/>
  <c r="F7880" i="2" s="1"/>
  <c r="H5726" i="2" a="1"/>
  <c r="H5726" i="2" s="1"/>
  <c r="G6582" i="2" a="1"/>
  <c r="G6582" i="2" s="1"/>
  <c r="E3773" i="2" a="1"/>
  <c r="E3773" i="2" s="1"/>
  <c r="E5835" i="2" a="1"/>
  <c r="E5835" i="2" s="1"/>
  <c r="H131" i="2" a="1"/>
  <c r="H131" i="2" s="1"/>
  <c r="D5091" i="2" a="1"/>
  <c r="D5091" i="2" s="1"/>
  <c r="E6579" i="2" a="1"/>
  <c r="E6579" i="2" s="1"/>
  <c r="D8508" i="2" a="1"/>
  <c r="D8508" i="2" s="1"/>
  <c r="D8055" i="2" a="1"/>
  <c r="D8055" i="2" s="1"/>
  <c r="H936" i="2" a="1"/>
  <c r="H936" i="2" s="1"/>
  <c r="G7231" i="2" a="1"/>
  <c r="G7231" i="2" s="1"/>
  <c r="G1688" i="2" a="1"/>
  <c r="G1688" i="2" s="1"/>
  <c r="E173" i="2" a="1"/>
  <c r="E173" i="2" s="1"/>
  <c r="G7213" i="2" a="1"/>
  <c r="G7213" i="2" s="1"/>
  <c r="G1675" i="2" a="1"/>
  <c r="G1675" i="2" s="1"/>
  <c r="G1671" i="2" a="1"/>
  <c r="G1671" i="2" s="1"/>
  <c r="E158" i="2" a="1"/>
  <c r="E158" i="2" s="1"/>
  <c r="E3415" i="2" a="1"/>
  <c r="E3415" i="2" s="1"/>
  <c r="F6636" i="2" a="1"/>
  <c r="F6636" i="2" s="1"/>
  <c r="F6654" i="2" a="1"/>
  <c r="F6654" i="2" s="1"/>
  <c r="D4013" i="2" a="1"/>
  <c r="D4013" i="2" s="1"/>
  <c r="F7860" i="2" a="1"/>
  <c r="F7860" i="2" s="1"/>
  <c r="F7859" i="2" a="1"/>
  <c r="F7859" i="2" s="1"/>
  <c r="H5729" i="2" a="1"/>
  <c r="H5729" i="2" s="1"/>
  <c r="G6578" i="2" a="1"/>
  <c r="G6578" i="2" s="1"/>
  <c r="E3769" i="2" a="1"/>
  <c r="E3769" i="2" s="1"/>
  <c r="E5820" i="2" a="1"/>
  <c r="E5820" i="2" s="1"/>
  <c r="H136" i="2" a="1"/>
  <c r="H136" i="2" s="1"/>
  <c r="D5083" i="2" a="1"/>
  <c r="D5083" i="2" s="1"/>
  <c r="E6584" i="2" a="1"/>
  <c r="E6584" i="2" s="1"/>
  <c r="D8517" i="2" a="1"/>
  <c r="D8517" i="2" s="1"/>
  <c r="D8061" i="2" a="1"/>
  <c r="D8061" i="2" s="1"/>
  <c r="H922" i="2" a="1"/>
  <c r="H922" i="2" s="1"/>
  <c r="G1669" i="2" a="1"/>
  <c r="G1669" i="2" s="1"/>
  <c r="G1673" i="2" a="1"/>
  <c r="G1673" i="2" s="1"/>
  <c r="E156" i="2" a="1"/>
  <c r="E156" i="2" s="1"/>
  <c r="E3398" i="2" a="1"/>
  <c r="E3398" i="2" s="1"/>
  <c r="F6635" i="2" a="1"/>
  <c r="F6635" i="2" s="1"/>
  <c r="F6645" i="2" a="1"/>
  <c r="F6645" i="2" s="1"/>
  <c r="H765" i="2" a="1"/>
  <c r="H765" i="2" s="1"/>
  <c r="D4009" i="2" a="1"/>
  <c r="D4009" i="2" s="1"/>
  <c r="F7872" i="2" a="1"/>
  <c r="F7872" i="2" s="1"/>
  <c r="F7869" i="2" a="1"/>
  <c r="F7869" i="2" s="1"/>
  <c r="H5742" i="2" a="1"/>
  <c r="H5742" i="2" s="1"/>
  <c r="G6579" i="2" a="1"/>
  <c r="G6579" i="2" s="1"/>
  <c r="E3762" i="2" a="1"/>
  <c r="E3762" i="2" s="1"/>
  <c r="E5834" i="2" a="1"/>
  <c r="E5834" i="2" s="1"/>
  <c r="H143" i="2" a="1"/>
  <c r="H143" i="2" s="1"/>
  <c r="D8521" i="2" a="1"/>
  <c r="D8521" i="2" s="1"/>
  <c r="D8067" i="2" a="1"/>
  <c r="D8067" i="2" s="1"/>
  <c r="H2798" i="2" a="1"/>
  <c r="H2798" i="2" s="1"/>
  <c r="H925" i="2" a="1"/>
  <c r="H925" i="2" s="1"/>
  <c r="G7212" i="2" a="1"/>
  <c r="G7212" i="2" s="1"/>
  <c r="G7216" i="2" a="1"/>
  <c r="G7216" i="2" s="1"/>
  <c r="G1689" i="2" a="1"/>
  <c r="G1689" i="2" s="1"/>
  <c r="G1676" i="2" a="1"/>
  <c r="G1676" i="2" s="1"/>
  <c r="F6642" i="2" a="1"/>
  <c r="F6642" i="2" s="1"/>
  <c r="F6637" i="2" a="1"/>
  <c r="F6637" i="2" s="1"/>
  <c r="D4014" i="2" a="1"/>
  <c r="D4014" i="2" s="1"/>
  <c r="D4001" i="2" a="1"/>
  <c r="D4001" i="2" s="1"/>
  <c r="F7858" i="2" a="1"/>
  <c r="F7858" i="2" s="1"/>
  <c r="F7863" i="2" a="1"/>
  <c r="F7863" i="2" s="1"/>
  <c r="H5743" i="2" a="1"/>
  <c r="H5743" i="2" s="1"/>
  <c r="G6564" i="2" a="1"/>
  <c r="G6564" i="2" s="1"/>
  <c r="E3775" i="2" a="1"/>
  <c r="E3775" i="2" s="1"/>
  <c r="E5833" i="2" a="1"/>
  <c r="E5833" i="2" s="1"/>
  <c r="H152" i="2" a="1"/>
  <c r="H152" i="2" s="1"/>
  <c r="D1866" i="2" a="1"/>
  <c r="D1866" i="2" s="1"/>
  <c r="D4160" i="2" a="1"/>
  <c r="D4160" i="2" s="1"/>
  <c r="D8510" i="2" a="1"/>
  <c r="D8510" i="2" s="1"/>
  <c r="H2808" i="2" a="1"/>
  <c r="H2808" i="2" s="1"/>
  <c r="H934" i="2" a="1"/>
  <c r="H934" i="2" s="1"/>
  <c r="D1893" i="2" a="1"/>
  <c r="D1893" i="2" s="1"/>
  <c r="E167" i="2" a="1"/>
  <c r="E167" i="2" s="1"/>
  <c r="E3416" i="2" a="1"/>
  <c r="E3416" i="2" s="1"/>
  <c r="F6651" i="2" a="1"/>
  <c r="F6651" i="2" s="1"/>
  <c r="D4010" i="2" a="1"/>
  <c r="D4010" i="2" s="1"/>
  <c r="H5741" i="2" a="1"/>
  <c r="H5741" i="2" s="1"/>
  <c r="G6581" i="2" a="1"/>
  <c r="G6581" i="2" s="1"/>
  <c r="E2518" i="2" a="1"/>
  <c r="E2518" i="2" s="1"/>
  <c r="H7869" i="2" a="1"/>
  <c r="H7869" i="2" s="1"/>
  <c r="F844" i="2" a="1"/>
  <c r="F844" i="2" s="1"/>
  <c r="G2337" i="2" a="1"/>
  <c r="G2337" i="2" s="1"/>
  <c r="H5606" i="2" a="1"/>
  <c r="H5606" i="2" s="1"/>
  <c r="D5655" i="2" a="1"/>
  <c r="D5655" i="2" s="1"/>
  <c r="D3949" i="2" a="1"/>
  <c r="D3949" i="2" s="1"/>
  <c r="F4318" i="2" a="1"/>
  <c r="F4318" i="2" s="1"/>
  <c r="F4329" i="2" a="1"/>
  <c r="F4329" i="2" s="1"/>
  <c r="E4924" i="2" a="1"/>
  <c r="E4924" i="2" s="1"/>
  <c r="D5654" i="2" a="1"/>
  <c r="D5654" i="2" s="1"/>
  <c r="F6223" i="2" a="1"/>
  <c r="F6223" i="2" s="1"/>
  <c r="G8252" i="2" a="1"/>
  <c r="G8252" i="2" s="1"/>
  <c r="F6217" i="2" a="1"/>
  <c r="F6217" i="2" s="1"/>
  <c r="D1037" i="2" a="1"/>
  <c r="D1037" i="2" s="1"/>
  <c r="H2323" i="2" a="1"/>
  <c r="H2323" i="2" s="1"/>
  <c r="F6220" i="2" a="1"/>
  <c r="F6220" i="2" s="1"/>
  <c r="D1195" i="2" a="1"/>
  <c r="D1195" i="2" s="1"/>
  <c r="D1021" i="2" a="1"/>
  <c r="D1021" i="2" s="1"/>
  <c r="H2321" i="2" a="1"/>
  <c r="H2321" i="2" s="1"/>
  <c r="F6212" i="2" a="1"/>
  <c r="F6212" i="2" s="1"/>
  <c r="D1190" i="2" a="1"/>
  <c r="D1190" i="2" s="1"/>
  <c r="D1038" i="2" a="1"/>
  <c r="D1038" i="2" s="1"/>
  <c r="H2317" i="2" a="1"/>
  <c r="H2317" i="2" s="1"/>
  <c r="F6225" i="2" a="1"/>
  <c r="F6225" i="2" s="1"/>
  <c r="H8759" i="2" a="1"/>
  <c r="H8759" i="2" s="1"/>
  <c r="E8519" i="2" a="1"/>
  <c r="E8519" i="2" s="1"/>
  <c r="G820" i="2" a="1"/>
  <c r="G820" i="2" s="1"/>
  <c r="H7241" i="2" a="1"/>
  <c r="H7241" i="2" s="1"/>
  <c r="F3415" i="2" a="1"/>
  <c r="F3415" i="2" s="1"/>
  <c r="E8513" i="2" a="1"/>
  <c r="E8513" i="2" s="1"/>
  <c r="G8587" i="2" a="1"/>
  <c r="G8587" i="2" s="1"/>
  <c r="E8511" i="2" a="1"/>
  <c r="E8511" i="2" s="1"/>
  <c r="E8527" i="2" a="1"/>
  <c r="E8527" i="2" s="1"/>
  <c r="F3400" i="2" a="1"/>
  <c r="F3400" i="2" s="1"/>
  <c r="G8590" i="2" a="1"/>
  <c r="G8590" i="2" s="1"/>
  <c r="G804" i="2" a="1"/>
  <c r="G804" i="2" s="1"/>
  <c r="H7235" i="2" a="1"/>
  <c r="H7235" i="2" s="1"/>
  <c r="D6979" i="2" a="1"/>
  <c r="D6979" i="2" s="1"/>
  <c r="H7236" i="2" a="1"/>
  <c r="H7236" i="2" s="1"/>
  <c r="G8594" i="2" a="1"/>
  <c r="G8594" i="2" s="1"/>
  <c r="F3403" i="2" a="1"/>
  <c r="F3403" i="2" s="1"/>
  <c r="E2992" i="2" a="1"/>
  <c r="E2992" i="2" s="1"/>
  <c r="D6987" i="2" a="1"/>
  <c r="D6987" i="2" s="1"/>
  <c r="H7256" i="2" a="1"/>
  <c r="H7256" i="2" s="1"/>
  <c r="D8105" i="2" a="1"/>
  <c r="D8105" i="2" s="1"/>
  <c r="E2999" i="2" a="1"/>
  <c r="E2999" i="2" s="1"/>
  <c r="D6975" i="2" a="1"/>
  <c r="D6975" i="2" s="1"/>
  <c r="H7234" i="2" a="1"/>
  <c r="H7234" i="2" s="1"/>
  <c r="F3398" i="2" a="1"/>
  <c r="F3398" i="2" s="1"/>
  <c r="F3414" i="2" a="1"/>
  <c r="F3414" i="2" s="1"/>
  <c r="F3408" i="2" a="1"/>
  <c r="F3408" i="2" s="1"/>
  <c r="D8118" i="2" a="1"/>
  <c r="D8118" i="2" s="1"/>
  <c r="E2995" i="2" a="1"/>
  <c r="E2995" i="2" s="1"/>
  <c r="D6971" i="2" a="1"/>
  <c r="D6971" i="2" s="1"/>
  <c r="H2467" i="2" a="1"/>
  <c r="H2467" i="2" s="1"/>
  <c r="G8599" i="2" a="1"/>
  <c r="G8599" i="2" s="1"/>
  <c r="D8110" i="2" a="1"/>
  <c r="D8110" i="2" s="1"/>
  <c r="D1981" i="2" a="1"/>
  <c r="D1981" i="2" s="1"/>
  <c r="D6986" i="2" a="1"/>
  <c r="D6986" i="2" s="1"/>
  <c r="H2604" i="2" a="1"/>
  <c r="H2604" i="2" s="1"/>
  <c r="H3590" i="2" a="1"/>
  <c r="H3590" i="2" s="1"/>
  <c r="H2619" i="2" a="1"/>
  <c r="H2619" i="2" s="1"/>
  <c r="H2602" i="2" a="1"/>
  <c r="H2602" i="2" s="1"/>
  <c r="H7751" i="2" a="1"/>
  <c r="H7751" i="2" s="1"/>
  <c r="H2603" i="2" a="1"/>
  <c r="H2603" i="2" s="1"/>
  <c r="G617" i="2" a="1"/>
  <c r="G617" i="2" s="1"/>
  <c r="F2649" i="2" a="1"/>
  <c r="F2649" i="2" s="1"/>
  <c r="G6172" i="2" a="1"/>
  <c r="G6172" i="2" s="1"/>
  <c r="G6166" i="2" a="1"/>
  <c r="G6166" i="2" s="1"/>
  <c r="E1973" i="2" a="1"/>
  <c r="E1973" i="2" s="1"/>
  <c r="H1983" i="2" a="1"/>
  <c r="H1983" i="2" s="1"/>
  <c r="D4130" i="2" a="1"/>
  <c r="D4130" i="2" s="1"/>
  <c r="D6914" i="2" a="1"/>
  <c r="D6914" i="2" s="1"/>
  <c r="D1033" i="2" a="1"/>
  <c r="D1033" i="2" s="1"/>
  <c r="D3943" i="2" a="1"/>
  <c r="D3943" i="2" s="1"/>
  <c r="H3849" i="2" a="1"/>
  <c r="H3849" i="2" s="1"/>
  <c r="D7518" i="2" a="1"/>
  <c r="D7518" i="2" s="1"/>
  <c r="G5601" i="2" a="1"/>
  <c r="G5601" i="2" s="1"/>
  <c r="D8250" i="2" a="1"/>
  <c r="D8250" i="2" s="1"/>
  <c r="D8261" i="2" a="1"/>
  <c r="D8261" i="2" s="1"/>
  <c r="E7644" i="2" a="1"/>
  <c r="E7644" i="2" s="1"/>
  <c r="E1891" i="2" a="1"/>
  <c r="E1891" i="2" s="1"/>
  <c r="E6031" i="2" a="1"/>
  <c r="E6031" i="2" s="1"/>
  <c r="F6561" i="2" a="1"/>
  <c r="F6561" i="2" s="1"/>
  <c r="E1106" i="2" a="1"/>
  <c r="E1106" i="2" s="1"/>
  <c r="G6992" i="2" a="1"/>
  <c r="G6992" i="2" s="1"/>
  <c r="E573" i="2" a="1"/>
  <c r="E573" i="2" s="1"/>
  <c r="D1093" i="2" a="1"/>
  <c r="D1093" i="2" s="1"/>
  <c r="E270" i="2" a="1"/>
  <c r="E270" i="2" s="1"/>
  <c r="H3039" i="2" a="1"/>
  <c r="H3039" i="2" s="1"/>
  <c r="E733" i="2" a="1"/>
  <c r="E733" i="2" s="1"/>
  <c r="D2061" i="2" a="1"/>
  <c r="D2061" i="2" s="1"/>
  <c r="F3677" i="2" a="1"/>
  <c r="F3677" i="2" s="1"/>
  <c r="F3068" i="2" a="1"/>
  <c r="F3068" i="2" s="1"/>
  <c r="E812" i="2" a="1"/>
  <c r="E812" i="2" s="1"/>
  <c r="E2554" i="2" a="1"/>
  <c r="E2554" i="2" s="1"/>
  <c r="E6091" i="2" a="1"/>
  <c r="E6091" i="2" s="1"/>
  <c r="H2614" i="2" a="1"/>
  <c r="H2614" i="2" s="1"/>
  <c r="G613" i="2" a="1"/>
  <c r="G613" i="2" s="1"/>
  <c r="F2632" i="2" a="1"/>
  <c r="F2632" i="2" s="1"/>
  <c r="F2628" i="2" a="1"/>
  <c r="F2628" i="2" s="1"/>
  <c r="G6176" i="2" a="1"/>
  <c r="G6176" i="2" s="1"/>
  <c r="H3231" i="2" a="1"/>
  <c r="H3231" i="2" s="1"/>
  <c r="E1975" i="2" a="1"/>
  <c r="E1975" i="2" s="1"/>
  <c r="H1982" i="2" a="1"/>
  <c r="H1982" i="2" s="1"/>
  <c r="D4122" i="2" a="1"/>
  <c r="D4122" i="2" s="1"/>
  <c r="D6898" i="2" a="1"/>
  <c r="D6898" i="2" s="1"/>
  <c r="D1036" i="2" a="1"/>
  <c r="D1036" i="2" s="1"/>
  <c r="D3935" i="2" a="1"/>
  <c r="D3935" i="2" s="1"/>
  <c r="H3848" i="2" a="1"/>
  <c r="H3848" i="2" s="1"/>
  <c r="D7510" i="2" a="1"/>
  <c r="D7510" i="2" s="1"/>
  <c r="G5594" i="2" a="1"/>
  <c r="G5594" i="2" s="1"/>
  <c r="D8264" i="2" a="1"/>
  <c r="D8264" i="2" s="1"/>
  <c r="D8258" i="2" a="1"/>
  <c r="D8258" i="2" s="1"/>
  <c r="E7646" i="2" a="1"/>
  <c r="E7646" i="2" s="1"/>
  <c r="E1885" i="2" a="1"/>
  <c r="E1885" i="2" s="1"/>
  <c r="F927" i="2" a="1"/>
  <c r="F927" i="2" s="1"/>
  <c r="G6623" i="2" a="1"/>
  <c r="G6623" i="2" s="1"/>
  <c r="E6027" i="2" a="1"/>
  <c r="E6027" i="2" s="1"/>
  <c r="F6553" i="2" a="1"/>
  <c r="F6553" i="2" s="1"/>
  <c r="E1102" i="2" a="1"/>
  <c r="E1102" i="2" s="1"/>
  <c r="G6979" i="2" a="1"/>
  <c r="G6979" i="2" s="1"/>
  <c r="E583" i="2" a="1"/>
  <c r="E583" i="2" s="1"/>
  <c r="D1106" i="2" a="1"/>
  <c r="D1106" i="2" s="1"/>
  <c r="E251" i="2" a="1"/>
  <c r="E251" i="2" s="1"/>
  <c r="H3038" i="2" a="1"/>
  <c r="H3038" i="2" s="1"/>
  <c r="E744" i="2" a="1"/>
  <c r="E744" i="2" s="1"/>
  <c r="D2070" i="2" a="1"/>
  <c r="D2070" i="2" s="1"/>
  <c r="F3660" i="2" a="1"/>
  <c r="F3660" i="2" s="1"/>
  <c r="F3066" i="2" a="1"/>
  <c r="F3066" i="2" s="1"/>
  <c r="E816" i="2" a="1"/>
  <c r="E816" i="2" s="1"/>
  <c r="E2565" i="2" a="1"/>
  <c r="E2565" i="2" s="1"/>
  <c r="H2613" i="2" a="1"/>
  <c r="H2613" i="2" s="1"/>
  <c r="D5398" i="2" a="1"/>
  <c r="D5398" i="2" s="1"/>
  <c r="G8264" i="2" a="1"/>
  <c r="G8264" i="2" s="1"/>
  <c r="G627" i="2" a="1"/>
  <c r="G627" i="2" s="1"/>
  <c r="F2640" i="2" a="1"/>
  <c r="F2640" i="2" s="1"/>
  <c r="F2641" i="2" a="1"/>
  <c r="F2641" i="2" s="1"/>
  <c r="G6159" i="2" a="1"/>
  <c r="G6159" i="2" s="1"/>
  <c r="E1960" i="2" a="1"/>
  <c r="E1960" i="2" s="1"/>
  <c r="H2000" i="2" a="1"/>
  <c r="H2000" i="2" s="1"/>
  <c r="D4135" i="2" a="1"/>
  <c r="D4135" i="2" s="1"/>
  <c r="D6900" i="2" a="1"/>
  <c r="D6900" i="2" s="1"/>
  <c r="D3929" i="2" a="1"/>
  <c r="D3929" i="2" s="1"/>
  <c r="H3833" i="2" a="1"/>
  <c r="H3833" i="2" s="1"/>
  <c r="D7502" i="2" a="1"/>
  <c r="D7502" i="2" s="1"/>
  <c r="E1215" i="2" a="1"/>
  <c r="E1215" i="2" s="1"/>
  <c r="G5593" i="2" a="1"/>
  <c r="G5593" i="2" s="1"/>
  <c r="D8246" i="2" a="1"/>
  <c r="D8246" i="2" s="1"/>
  <c r="D8257" i="2" a="1"/>
  <c r="D8257" i="2" s="1"/>
  <c r="E7657" i="2" a="1"/>
  <c r="E7657" i="2" s="1"/>
  <c r="E1900" i="2" a="1"/>
  <c r="E1900" i="2" s="1"/>
  <c r="F931" i="2" a="1"/>
  <c r="F931" i="2" s="1"/>
  <c r="G6618" i="2" a="1"/>
  <c r="G6618" i="2" s="1"/>
  <c r="E6011" i="2" a="1"/>
  <c r="E6011" i="2" s="1"/>
  <c r="F6549" i="2" a="1"/>
  <c r="F6549" i="2" s="1"/>
  <c r="E1098" i="2" a="1"/>
  <c r="E1098" i="2" s="1"/>
  <c r="G6983" i="2" a="1"/>
  <c r="G6983" i="2" s="1"/>
  <c r="E574" i="2" a="1"/>
  <c r="E574" i="2" s="1"/>
  <c r="E572" i="2" a="1"/>
  <c r="E572" i="2" s="1"/>
  <c r="D1102" i="2" a="1"/>
  <c r="D1102" i="2" s="1"/>
  <c r="E265" i="2" a="1"/>
  <c r="E265" i="2" s="1"/>
  <c r="H3034" i="2" a="1"/>
  <c r="H3034" i="2" s="1"/>
  <c r="E743" i="2" a="1"/>
  <c r="E743" i="2" s="1"/>
  <c r="D2069" i="2" a="1"/>
  <c r="D2069" i="2" s="1"/>
  <c r="F3666" i="2" a="1"/>
  <c r="F3666" i="2" s="1"/>
  <c r="F3064" i="2" a="1"/>
  <c r="F3064" i="2" s="1"/>
  <c r="E811" i="2" a="1"/>
  <c r="E811" i="2" s="1"/>
  <c r="E2561" i="2" a="1"/>
  <c r="E2561" i="2" s="1"/>
  <c r="H2612" i="2" a="1"/>
  <c r="H2612" i="2" s="1"/>
  <c r="D6121" i="2" a="1"/>
  <c r="D6121" i="2" s="1"/>
  <c r="G8261" i="2" a="1"/>
  <c r="G8261" i="2" s="1"/>
  <c r="G611" i="2" a="1"/>
  <c r="G611" i="2" s="1"/>
  <c r="G625" i="2" a="1"/>
  <c r="G625" i="2" s="1"/>
  <c r="F2636" i="2" a="1"/>
  <c r="F2636" i="2" s="1"/>
  <c r="F2633" i="2" a="1"/>
  <c r="F2633" i="2" s="1"/>
  <c r="G6173" i="2" a="1"/>
  <c r="G6173" i="2" s="1"/>
  <c r="E1959" i="2" a="1"/>
  <c r="E1959" i="2" s="1"/>
  <c r="H1991" i="2" a="1"/>
  <c r="H1991" i="2" s="1"/>
  <c r="D4136" i="2" a="1"/>
  <c r="D4136" i="2" s="1"/>
  <c r="D4127" i="2" a="1"/>
  <c r="D4127" i="2" s="1"/>
  <c r="D6911" i="2" a="1"/>
  <c r="D6911" i="2" s="1"/>
  <c r="D3941" i="2" a="1"/>
  <c r="D3941" i="2" s="1"/>
  <c r="H3847" i="2" a="1"/>
  <c r="H3847" i="2" s="1"/>
  <c r="D7517" i="2" a="1"/>
  <c r="D7517" i="2" s="1"/>
  <c r="E1212" i="2" a="1"/>
  <c r="E1212" i="2" s="1"/>
  <c r="G5583" i="2" a="1"/>
  <c r="G5583" i="2" s="1"/>
  <c r="D8256" i="2" a="1"/>
  <c r="D8256" i="2" s="1"/>
  <c r="D8247" i="2" a="1"/>
  <c r="D8247" i="2" s="1"/>
  <c r="E7651" i="2" a="1"/>
  <c r="E7651" i="2" s="1"/>
  <c r="E1884" i="2" a="1"/>
  <c r="E1884" i="2" s="1"/>
  <c r="F942" i="2" a="1"/>
  <c r="F942" i="2" s="1"/>
  <c r="G6632" i="2" a="1"/>
  <c r="G6632" i="2" s="1"/>
  <c r="E6012" i="2" a="1"/>
  <c r="E6012" i="2" s="1"/>
  <c r="E6016" i="2" a="1"/>
  <c r="E6016" i="2" s="1"/>
  <c r="F6544" i="2" a="1"/>
  <c r="F6544" i="2" s="1"/>
  <c r="G6989" i="2" a="1"/>
  <c r="G6989" i="2" s="1"/>
  <c r="E571" i="2" a="1"/>
  <c r="E571" i="2" s="1"/>
  <c r="E580" i="2" a="1"/>
  <c r="E580" i="2" s="1"/>
  <c r="D1098" i="2" a="1"/>
  <c r="D1098" i="2" s="1"/>
  <c r="E250" i="2" a="1"/>
  <c r="E250" i="2" s="1"/>
  <c r="E753" i="2" a="1"/>
  <c r="E753" i="2" s="1"/>
  <c r="D2066" i="2" a="1"/>
  <c r="D2066" i="2" s="1"/>
  <c r="F3663" i="2" a="1"/>
  <c r="F3663" i="2" s="1"/>
  <c r="F3061" i="2" a="1"/>
  <c r="F3061" i="2" s="1"/>
  <c r="E821" i="2" a="1"/>
  <c r="E821" i="2" s="1"/>
  <c r="E2577" i="2" a="1"/>
  <c r="E2577" i="2" s="1"/>
  <c r="H2622" i="2" a="1"/>
  <c r="H2622" i="2" s="1"/>
  <c r="D1041" i="2" a="1"/>
  <c r="D1041" i="2" s="1"/>
  <c r="G8248" i="2" a="1"/>
  <c r="G8248" i="2" s="1"/>
  <c r="G628" i="2" a="1"/>
  <c r="G628" i="2" s="1"/>
  <c r="G626" i="2" a="1"/>
  <c r="G626" i="2" s="1"/>
  <c r="F2634" i="2" a="1"/>
  <c r="F2634" i="2" s="1"/>
  <c r="F2645" i="2" a="1"/>
  <c r="F2645" i="2" s="1"/>
  <c r="G6154" i="2" a="1"/>
  <c r="G6154" i="2" s="1"/>
  <c r="E1956" i="2" a="1"/>
  <c r="E1956" i="2" s="1"/>
  <c r="H2001" i="2" a="1"/>
  <c r="H2001" i="2" s="1"/>
  <c r="D4132" i="2" a="1"/>
  <c r="D4132" i="2" s="1"/>
  <c r="D4123" i="2" a="1"/>
  <c r="D4123" i="2" s="1"/>
  <c r="D6906" i="2" a="1"/>
  <c r="D6906" i="2" s="1"/>
  <c r="D3933" i="2" a="1"/>
  <c r="D3933" i="2" s="1"/>
  <c r="H3843" i="2" a="1"/>
  <c r="H3843" i="2" s="1"/>
  <c r="D7509" i="2" a="1"/>
  <c r="D7509" i="2" s="1"/>
  <c r="E1224" i="2" a="1"/>
  <c r="E1224" i="2" s="1"/>
  <c r="G5597" i="2" a="1"/>
  <c r="G5597" i="2" s="1"/>
  <c r="D8249" i="2" a="1"/>
  <c r="D8249" i="2" s="1"/>
  <c r="F1669" i="2" a="1"/>
  <c r="F1669" i="2" s="1"/>
  <c r="E7656" i="2" a="1"/>
  <c r="E7656" i="2" s="1"/>
  <c r="E1895" i="2" a="1"/>
  <c r="E1895" i="2" s="1"/>
  <c r="F941" i="2" a="1"/>
  <c r="F941" i="2" s="1"/>
  <c r="G6617" i="2" a="1"/>
  <c r="G6617" i="2" s="1"/>
  <c r="E6029" i="2" a="1"/>
  <c r="E6029" i="2" s="1"/>
  <c r="E6018" i="2" a="1"/>
  <c r="E6018" i="2" s="1"/>
  <c r="F6547" i="2" a="1"/>
  <c r="F6547" i="2" s="1"/>
  <c r="E1103" i="2" a="1"/>
  <c r="E1103" i="2" s="1"/>
  <c r="E579" i="2" a="1"/>
  <c r="E579" i="2" s="1"/>
  <c r="E585" i="2" a="1"/>
  <c r="E585" i="2" s="1"/>
  <c r="D1111" i="2" a="1"/>
  <c r="D1111" i="2" s="1"/>
  <c r="E272" i="2" a="1"/>
  <c r="E272" i="2" s="1"/>
  <c r="E737" i="2" a="1"/>
  <c r="E737" i="2" s="1"/>
  <c r="D2062" i="2" a="1"/>
  <c r="D2062" i="2" s="1"/>
  <c r="F3679" i="2" a="1"/>
  <c r="F3679" i="2" s="1"/>
  <c r="F3073" i="2" a="1"/>
  <c r="F3073" i="2" s="1"/>
  <c r="E815" i="2" a="1"/>
  <c r="E815" i="2" s="1"/>
  <c r="E2570" i="2" a="1"/>
  <c r="E2570" i="2" s="1"/>
  <c r="H2606" i="2" a="1"/>
  <c r="H2606" i="2" s="1"/>
  <c r="G8245" i="2" a="1"/>
  <c r="G8245" i="2" s="1"/>
  <c r="G614" i="2" a="1"/>
  <c r="G614" i="2" s="1"/>
  <c r="G5759" i="2" a="1"/>
  <c r="G5759" i="2" s="1"/>
  <c r="H1992" i="2" a="1"/>
  <c r="H1992" i="2" s="1"/>
  <c r="D4128" i="2" a="1"/>
  <c r="D4128" i="2" s="1"/>
  <c r="D6905" i="2" a="1"/>
  <c r="D6905" i="2" s="1"/>
  <c r="D7505" i="2" a="1"/>
  <c r="D7505" i="2" s="1"/>
  <c r="F1676" i="2" a="1"/>
  <c r="F1676" i="2" s="1"/>
  <c r="E7650" i="2" a="1"/>
  <c r="E7650" i="2" s="1"/>
  <c r="E1890" i="2" a="1"/>
  <c r="E1890" i="2" s="1"/>
  <c r="F943" i="2" a="1"/>
  <c r="F943" i="2" s="1"/>
  <c r="G6628" i="2" a="1"/>
  <c r="G6628" i="2" s="1"/>
  <c r="E6019" i="2" a="1"/>
  <c r="E6019" i="2" s="1"/>
  <c r="E1112" i="2" a="1"/>
  <c r="E1112" i="2" s="1"/>
  <c r="G6988" i="2" a="1"/>
  <c r="G6988" i="2" s="1"/>
  <c r="E567" i="2" a="1"/>
  <c r="E567" i="2" s="1"/>
  <c r="E254" i="2" a="1"/>
  <c r="E254" i="2" s="1"/>
  <c r="E749" i="2" a="1"/>
  <c r="E749" i="2" s="1"/>
  <c r="D2065" i="2" a="1"/>
  <c r="D2065" i="2" s="1"/>
  <c r="F3681" i="2" a="1"/>
  <c r="F3681" i="2" s="1"/>
  <c r="F3078" i="2" a="1"/>
  <c r="F3078" i="2" s="1"/>
  <c r="E823" i="2" a="1"/>
  <c r="E823" i="2" s="1"/>
  <c r="E2556" i="2" a="1"/>
  <c r="E2556" i="2" s="1"/>
  <c r="H2609" i="2" a="1"/>
  <c r="H2609" i="2" s="1"/>
  <c r="D8103" i="2" a="1"/>
  <c r="D8103" i="2" s="1"/>
  <c r="G4092" i="2" a="1"/>
  <c r="G4092" i="2" s="1"/>
  <c r="G822" i="2" a="1"/>
  <c r="G822" i="2" s="1"/>
  <c r="H7252" i="2" a="1"/>
  <c r="H7252" i="2" s="1"/>
  <c r="F3394" i="2" a="1"/>
  <c r="F3394" i="2" s="1"/>
  <c r="D6982" i="2" a="1"/>
  <c r="D6982" i="2" s="1"/>
  <c r="G8595" i="2" a="1"/>
  <c r="G8595" i="2" s="1"/>
  <c r="H8766" i="2" a="1"/>
  <c r="H8766" i="2" s="1"/>
  <c r="E1356" i="2" a="1"/>
  <c r="E1356" i="2" s="1"/>
  <c r="E8416" i="2" a="1"/>
  <c r="E8416" i="2" s="1"/>
  <c r="G1222" i="2" a="1"/>
  <c r="G1222" i="2" s="1"/>
  <c r="AQ45" i="1"/>
  <c r="G51" i="5" s="1"/>
  <c r="H7048" i="2" a="1"/>
  <c r="H7048" i="2" s="1"/>
  <c r="F3407" i="2" a="1"/>
  <c r="F3407" i="2" s="1"/>
  <c r="E8523" i="2" a="1"/>
  <c r="E8523" i="2" s="1"/>
  <c r="F3495" i="2" a="1"/>
  <c r="F3495" i="2" s="1"/>
  <c r="E2990" i="2" a="1"/>
  <c r="E2990" i="2" s="1"/>
  <c r="D6977" i="2" a="1"/>
  <c r="D6977" i="2" s="1"/>
  <c r="F3417" i="2" a="1"/>
  <c r="F3417" i="2" s="1"/>
  <c r="E8506" i="2" a="1"/>
  <c r="E8506" i="2" s="1"/>
  <c r="D6973" i="2" a="1"/>
  <c r="D6973" i="2" s="1"/>
  <c r="F3500" i="2" a="1"/>
  <c r="F3500" i="2" s="1"/>
  <c r="G5641" i="2" a="1"/>
  <c r="G5641" i="2" s="1"/>
  <c r="E2436" i="2" a="1"/>
  <c r="E2436" i="2" s="1"/>
  <c r="E2446" i="2" a="1"/>
  <c r="E2446" i="2" s="1"/>
  <c r="H1172" i="2" a="1"/>
  <c r="H1172" i="2" s="1"/>
  <c r="F5943" i="2" a="1"/>
  <c r="F5943" i="2" s="1"/>
  <c r="H1174" i="2" a="1"/>
  <c r="H1174" i="2" s="1"/>
  <c r="E3581" i="2" a="1"/>
  <c r="E3581" i="2" s="1"/>
  <c r="AM335" i="1"/>
  <c r="C341" i="5" s="1"/>
  <c r="H1166" i="2" a="1"/>
  <c r="H1166" i="2" s="1"/>
  <c r="H6202" i="2" a="1"/>
  <c r="H6202" i="2" s="1"/>
  <c r="E3575" i="2" a="1"/>
  <c r="E3575" i="2" s="1"/>
  <c r="F8765" i="2" a="1"/>
  <c r="F8765" i="2" s="1"/>
  <c r="H6214" i="2" a="1"/>
  <c r="H6214" i="2" s="1"/>
  <c r="E3571" i="2" a="1"/>
  <c r="E3571" i="2" s="1"/>
  <c r="G7972" i="2" a="1"/>
  <c r="G7972" i="2" s="1"/>
  <c r="D7808" i="2" a="1"/>
  <c r="D7808" i="2" s="1"/>
  <c r="H7782" i="2" a="1"/>
  <c r="H7782" i="2" s="1"/>
  <c r="F8761" i="2" a="1"/>
  <c r="F8761" i="2" s="1"/>
  <c r="H6206" i="2" a="1"/>
  <c r="H6206" i="2" s="1"/>
  <c r="E3569" i="2" a="1"/>
  <c r="E3569" i="2" s="1"/>
  <c r="G7960" i="2" a="1"/>
  <c r="G7960" i="2" s="1"/>
  <c r="H7775" i="2" a="1"/>
  <c r="H7775" i="2" s="1"/>
  <c r="G7970" i="2" a="1"/>
  <c r="G7970" i="2" s="1"/>
  <c r="H7777" i="2" a="1"/>
  <c r="H7777" i="2" s="1"/>
  <c r="H8783" i="2" a="1"/>
  <c r="H8783" i="2" s="1"/>
  <c r="D8116" i="2" a="1"/>
  <c r="D8116" i="2" s="1"/>
  <c r="G4096" i="2" a="1"/>
  <c r="G4096" i="2" s="1"/>
  <c r="E3572" i="2" a="1"/>
  <c r="E3572" i="2" s="1"/>
  <c r="D8112" i="2" a="1"/>
  <c r="D8112" i="2" s="1"/>
  <c r="G4110" i="2" a="1"/>
  <c r="G4110" i="2" s="1"/>
  <c r="E356" i="2" a="1"/>
  <c r="E356" i="2" s="1"/>
  <c r="E3578" i="2" a="1"/>
  <c r="E3578" i="2" s="1"/>
  <c r="G3468" i="2" a="1"/>
  <c r="G3468" i="2" s="1"/>
  <c r="H8782" i="2" a="1"/>
  <c r="H8782" i="2" s="1"/>
  <c r="D8108" i="2" a="1"/>
  <c r="D8108" i="2" s="1"/>
  <c r="G4098" i="2" a="1"/>
  <c r="G4098" i="2" s="1"/>
  <c r="G818" i="2" a="1"/>
  <c r="G818" i="2" s="1"/>
  <c r="G2108" i="2" a="1"/>
  <c r="G2108" i="2" s="1"/>
  <c r="E1376" i="2" a="1"/>
  <c r="E1376" i="2" s="1"/>
  <c r="E3579" i="2" a="1"/>
  <c r="E3579" i="2" s="1"/>
  <c r="G1585" i="2" a="1"/>
  <c r="G1585" i="2" s="1"/>
  <c r="G3477" i="2" a="1"/>
  <c r="G3477" i="2" s="1"/>
  <c r="G812" i="2" a="1"/>
  <c r="G812" i="2" s="1"/>
  <c r="D4572" i="2" a="1"/>
  <c r="D4572" i="2" s="1"/>
  <c r="G8582" i="2" a="1"/>
  <c r="G8582" i="2" s="1"/>
  <c r="E1371" i="2" a="1"/>
  <c r="E1371" i="2" s="1"/>
  <c r="E3574" i="2" a="1"/>
  <c r="E3574" i="2" s="1"/>
  <c r="G1587" i="2" a="1"/>
  <c r="G1587" i="2" s="1"/>
  <c r="D8104" i="2" a="1"/>
  <c r="D8104" i="2" s="1"/>
  <c r="G4107" i="2" a="1"/>
  <c r="G4107" i="2" s="1"/>
  <c r="G825" i="2" a="1"/>
  <c r="G825" i="2" s="1"/>
  <c r="H7245" i="2" a="1"/>
  <c r="H7245" i="2" s="1"/>
  <c r="E1366" i="2" a="1"/>
  <c r="E1366" i="2" s="1"/>
  <c r="D8409" i="2" a="1"/>
  <c r="D8409" i="2" s="1"/>
  <c r="E1842" i="2" a="1"/>
  <c r="E1842" i="2" s="1"/>
  <c r="G5649" i="2" a="1"/>
  <c r="G5649" i="2" s="1"/>
  <c r="G4000" i="2" a="1"/>
  <c r="G4000" i="2" s="1"/>
  <c r="E3965" i="2" a="1"/>
  <c r="E3965" i="2" s="1"/>
  <c r="H7394" i="2" a="1"/>
  <c r="H7394" i="2" s="1"/>
  <c r="H7390" i="2" a="1"/>
  <c r="H7390" i="2" s="1"/>
  <c r="H2945" i="2" a="1"/>
  <c r="H2945" i="2" s="1"/>
  <c r="G347" i="2" a="1"/>
  <c r="G347" i="2" s="1"/>
  <c r="D3081" i="2" a="1"/>
  <c r="D3081" i="2" s="1"/>
  <c r="G352" i="2" a="1"/>
  <c r="G352" i="2" s="1"/>
  <c r="H2944" i="2" a="1"/>
  <c r="H2944" i="2" s="1"/>
  <c r="H2951" i="2" a="1"/>
  <c r="H2951" i="2" s="1"/>
  <c r="H2959" i="2" a="1"/>
  <c r="H2959" i="2" s="1"/>
  <c r="G348" i="2" a="1"/>
  <c r="G348" i="2" s="1"/>
  <c r="G2251" i="2" a="1"/>
  <c r="G2251" i="2" s="1"/>
  <c r="G2535" i="2" a="1"/>
  <c r="G2535" i="2" s="1"/>
  <c r="G2538" i="2" a="1"/>
  <c r="G2538" i="2" s="1"/>
  <c r="D3063" i="2" a="1"/>
  <c r="D3063" i="2" s="1"/>
  <c r="H2956" i="2" a="1"/>
  <c r="H2956" i="2" s="1"/>
  <c r="G2542" i="2" a="1"/>
  <c r="G2542" i="2" s="1"/>
  <c r="H7274" i="2" a="1"/>
  <c r="H7274" i="2" s="1"/>
  <c r="H7279" i="2" a="1"/>
  <c r="H7279" i="2" s="1"/>
  <c r="G2537" i="2" a="1"/>
  <c r="G2537" i="2" s="1"/>
  <c r="D7642" i="2" a="1"/>
  <c r="D7642" i="2" s="1"/>
  <c r="D2429" i="2" a="1"/>
  <c r="D2429" i="2" s="1"/>
  <c r="D7399" i="2" a="1"/>
  <c r="D7399" i="2" s="1"/>
  <c r="G2541" i="2" a="1"/>
  <c r="G2541" i="2" s="1"/>
  <c r="H7266" i="2" a="1"/>
  <c r="H7266" i="2" s="1"/>
  <c r="H2947" i="2" a="1"/>
  <c r="H2947" i="2" s="1"/>
  <c r="D3071" i="2" a="1"/>
  <c r="D3071" i="2" s="1"/>
  <c r="H7381" i="2" a="1"/>
  <c r="H7381" i="2" s="1"/>
  <c r="G365" i="2" a="1"/>
  <c r="G365" i="2" s="1"/>
  <c r="G2536" i="2" a="1"/>
  <c r="G2536" i="2" s="1"/>
  <c r="H7378" i="2" a="1"/>
  <c r="H7378" i="2" s="1"/>
  <c r="H5705" i="2" a="1"/>
  <c r="H5705" i="2" s="1"/>
  <c r="G361" i="2" a="1"/>
  <c r="G361" i="2" s="1"/>
  <c r="G2550" i="2" a="1"/>
  <c r="G2550" i="2" s="1"/>
  <c r="H7396" i="2" a="1"/>
  <c r="H7396" i="2" s="1"/>
  <c r="F1882" i="2" a="1"/>
  <c r="F1882" i="2" s="1"/>
  <c r="G367" i="2" a="1"/>
  <c r="G367" i="2" s="1"/>
  <c r="H7746" i="2" a="1"/>
  <c r="H7746" i="2" s="1"/>
  <c r="D2433" i="2" a="1"/>
  <c r="D2433" i="2" s="1"/>
  <c r="H7273" i="2" a="1"/>
  <c r="H7273" i="2" s="1"/>
  <c r="AO362" i="1"/>
  <c r="E368" i="5" s="1"/>
  <c r="D2420" i="2" a="1"/>
  <c r="D2420" i="2" s="1"/>
  <c r="D2421" i="2" a="1"/>
  <c r="D2421" i="2" s="1"/>
  <c r="H5609" i="2" a="1"/>
  <c r="H5609" i="2" s="1"/>
  <c r="D1205" i="2" a="1"/>
  <c r="D1205" i="2" s="1"/>
  <c r="H5614" i="2" a="1"/>
  <c r="H5614" i="2" s="1"/>
  <c r="G5769" i="2" a="1"/>
  <c r="G5769" i="2" s="1"/>
  <c r="H3245" i="2" a="1"/>
  <c r="H3245" i="2" s="1"/>
  <c r="H8521" i="2" a="1"/>
  <c r="H8521" i="2" s="1"/>
  <c r="E719" i="2" a="1"/>
  <c r="E719" i="2" s="1"/>
  <c r="E4916" i="2" a="1"/>
  <c r="E4916" i="2" s="1"/>
  <c r="F1685" i="2" a="1"/>
  <c r="F1685" i="2" s="1"/>
  <c r="F4356" i="2" a="1"/>
  <c r="F4356" i="2" s="1"/>
  <c r="G5525" i="2" a="1"/>
  <c r="G5525" i="2" s="1"/>
  <c r="E5816" i="2" a="1"/>
  <c r="E5816" i="2" s="1"/>
  <c r="D2422" i="2" a="1"/>
  <c r="D2422" i="2" s="1"/>
  <c r="F1904" i="2" a="1"/>
  <c r="F1904" i="2" s="1"/>
  <c r="G356" i="2" a="1"/>
  <c r="G356" i="2" s="1"/>
  <c r="D3182" i="2" a="1"/>
  <c r="D3182" i="2" s="1"/>
  <c r="H8515" i="2" a="1"/>
  <c r="H8515" i="2" s="1"/>
  <c r="H3269" i="2" a="1"/>
  <c r="H3269" i="2" s="1"/>
  <c r="G5758" i="2" a="1"/>
  <c r="G5758" i="2" s="1"/>
  <c r="H3240" i="2" a="1"/>
  <c r="H3240" i="2" s="1"/>
  <c r="D3306" i="2" a="1"/>
  <c r="D3306" i="2" s="1"/>
  <c r="E727" i="2" a="1"/>
  <c r="E727" i="2" s="1"/>
  <c r="E4923" i="2" a="1"/>
  <c r="E4923" i="2" s="1"/>
  <c r="F1674" i="2" a="1"/>
  <c r="F1674" i="2" s="1"/>
  <c r="D7157" i="2" a="1"/>
  <c r="D7157" i="2" s="1"/>
  <c r="F4362" i="2" a="1"/>
  <c r="F4362" i="2" s="1"/>
  <c r="E5794" i="2" a="1"/>
  <c r="E5794" i="2" s="1"/>
  <c r="H8522" i="2" a="1"/>
  <c r="H8522" i="2" s="1"/>
  <c r="F4368" i="2" a="1"/>
  <c r="F4368" i="2" s="1"/>
  <c r="H6197" i="2" a="1"/>
  <c r="H6197" i="2" s="1"/>
  <c r="H7263" i="2" a="1"/>
  <c r="H7263" i="2" s="1"/>
  <c r="D1026" i="2" a="1"/>
  <c r="D1026" i="2" s="1"/>
  <c r="G8255" i="2" a="1"/>
  <c r="G8255" i="2" s="1"/>
  <c r="G5752" i="2" a="1"/>
  <c r="G5752" i="2" s="1"/>
  <c r="H3233" i="2" a="1"/>
  <c r="H3233" i="2" s="1"/>
  <c r="D3315" i="2" a="1"/>
  <c r="D3315" i="2" s="1"/>
  <c r="H6940" i="2" a="1"/>
  <c r="H6940" i="2" s="1"/>
  <c r="E4922" i="2" a="1"/>
  <c r="E4922" i="2" s="1"/>
  <c r="F1667" i="2" a="1"/>
  <c r="F1667" i="2" s="1"/>
  <c r="F4365" i="2" a="1"/>
  <c r="F4365" i="2" s="1"/>
  <c r="E5802" i="2" a="1"/>
  <c r="E5802" i="2" s="1"/>
  <c r="H7280" i="2" a="1"/>
  <c r="H7280" i="2" s="1"/>
  <c r="D5133" i="2" a="1"/>
  <c r="D5133" i="2" s="1"/>
  <c r="E5797" i="2" a="1"/>
  <c r="E5797" i="2" s="1"/>
  <c r="H3243" i="2" a="1"/>
  <c r="H3243" i="2" s="1"/>
  <c r="E720" i="2" a="1"/>
  <c r="E720" i="2" s="1"/>
  <c r="G8256" i="2" a="1"/>
  <c r="G8256" i="2" s="1"/>
  <c r="G5756" i="2" a="1"/>
  <c r="G5756" i="2" s="1"/>
  <c r="H3226" i="2" a="1"/>
  <c r="H3226" i="2" s="1"/>
  <c r="F7847" i="2" a="1"/>
  <c r="F7847" i="2" s="1"/>
  <c r="E4927" i="2" a="1"/>
  <c r="E4927" i="2" s="1"/>
  <c r="E1211" i="2" a="1"/>
  <c r="E1211" i="2" s="1"/>
  <c r="F1666" i="2" a="1"/>
  <c r="F1666" i="2" s="1"/>
  <c r="E5808" i="2" a="1"/>
  <c r="E5808" i="2" s="1"/>
  <c r="D1992" i="2" a="1"/>
  <c r="D1992" i="2" s="1"/>
  <c r="E5812" i="2" a="1"/>
  <c r="E5812" i="2" s="1"/>
  <c r="F1675" i="2" a="1"/>
  <c r="F1675" i="2" s="1"/>
  <c r="F4364" i="2" a="1"/>
  <c r="F4364" i="2" s="1"/>
  <c r="G8259" i="2" a="1"/>
  <c r="G8259" i="2" s="1"/>
  <c r="G5763" i="2" a="1"/>
  <c r="G5763" i="2" s="1"/>
  <c r="H3237" i="2" a="1"/>
  <c r="H3237" i="2" s="1"/>
  <c r="AO311" i="1"/>
  <c r="E317" i="5" s="1"/>
  <c r="E4906" i="2" a="1"/>
  <c r="E4906" i="2" s="1"/>
  <c r="E1228" i="2" a="1"/>
  <c r="E1228" i="2" s="1"/>
  <c r="D7890" i="2" a="1"/>
  <c r="D7890" i="2" s="1"/>
  <c r="F1689" i="2" a="1"/>
  <c r="F1689" i="2" s="1"/>
  <c r="D2188" i="2" a="1"/>
  <c r="D2188" i="2" s="1"/>
  <c r="D2428" i="2" a="1"/>
  <c r="D2428" i="2" s="1"/>
  <c r="D1193" i="2" a="1"/>
  <c r="D1193" i="2" s="1"/>
  <c r="E5811" i="2" a="1"/>
  <c r="E5811" i="2" s="1"/>
  <c r="G8253" i="2" a="1"/>
  <c r="G8253" i="2" s="1"/>
  <c r="G5757" i="2" a="1"/>
  <c r="G5757" i="2" s="1"/>
  <c r="H3246" i="2" a="1"/>
  <c r="H3246" i="2" s="1"/>
  <c r="E4921" i="2" a="1"/>
  <c r="E4921" i="2" s="1"/>
  <c r="E1214" i="2" a="1"/>
  <c r="E1214" i="2" s="1"/>
  <c r="D6116" i="2" a="1"/>
  <c r="D6116" i="2" s="1"/>
  <c r="F1670" i="2" a="1"/>
  <c r="F1670" i="2" s="1"/>
  <c r="D3078" i="2" a="1"/>
  <c r="D3078" i="2" s="1"/>
  <c r="H8514" i="2" a="1"/>
  <c r="H8514" i="2" s="1"/>
  <c r="H3253" i="2" a="1"/>
  <c r="H3253" i="2" s="1"/>
  <c r="H8512" i="2" a="1"/>
  <c r="H8512" i="2" s="1"/>
  <c r="H6191" i="2" a="1"/>
  <c r="H6191" i="2" s="1"/>
  <c r="D1984" i="2" a="1"/>
  <c r="D1984" i="2" s="1"/>
  <c r="H762" i="2" a="1"/>
  <c r="H762" i="2" s="1"/>
  <c r="G8250" i="2" a="1"/>
  <c r="G8250" i="2" s="1"/>
  <c r="G8258" i="2" a="1"/>
  <c r="G8258" i="2" s="1"/>
  <c r="D1202" i="2" a="1"/>
  <c r="D1202" i="2" s="1"/>
  <c r="H5618" i="2" a="1"/>
  <c r="H5618" i="2" s="1"/>
  <c r="G5746" i="2" a="1"/>
  <c r="G5746" i="2" s="1"/>
  <c r="H3232" i="2" a="1"/>
  <c r="H3232" i="2" s="1"/>
  <c r="E724" i="2" a="1"/>
  <c r="E724" i="2" s="1"/>
  <c r="G4604" i="2" a="1"/>
  <c r="G4604" i="2" s="1"/>
  <c r="D5660" i="2" a="1"/>
  <c r="D5660" i="2" s="1"/>
  <c r="E1213" i="2" a="1"/>
  <c r="E1213" i="2" s="1"/>
  <c r="F5837" i="2" a="1"/>
  <c r="F5837" i="2" s="1"/>
  <c r="D6125" i="2" a="1"/>
  <c r="D6125" i="2" s="1"/>
  <c r="D5401" i="2" a="1"/>
  <c r="D5401" i="2" s="1"/>
  <c r="D8084" i="2" a="1"/>
  <c r="D8084" i="2" s="1"/>
  <c r="D3201" i="2" a="1"/>
  <c r="D3201" i="2" s="1"/>
  <c r="G4608" i="2" a="1"/>
  <c r="G4608" i="2" s="1"/>
  <c r="D5390" i="2" a="1"/>
  <c r="D5390" i="2" s="1"/>
  <c r="D8090" i="2" a="1"/>
  <c r="D8090" i="2" s="1"/>
  <c r="G8249" i="2" a="1"/>
  <c r="G8249" i="2" s="1"/>
  <c r="D1186" i="2" a="1"/>
  <c r="D1186" i="2" s="1"/>
  <c r="H5617" i="2" a="1"/>
  <c r="H5617" i="2" s="1"/>
  <c r="G5765" i="2" a="1"/>
  <c r="G5765" i="2" s="1"/>
  <c r="H3248" i="2" a="1"/>
  <c r="H3248" i="2" s="1"/>
  <c r="E723" i="2" a="1"/>
  <c r="E723" i="2" s="1"/>
  <c r="D5656" i="2" a="1"/>
  <c r="D5656" i="2" s="1"/>
  <c r="E1226" i="2" a="1"/>
  <c r="E1226" i="2" s="1"/>
  <c r="F5824" i="2" a="1"/>
  <c r="F5824" i="2" s="1"/>
  <c r="D6113" i="2" a="1"/>
  <c r="D6113" i="2" s="1"/>
  <c r="D5406" i="2" a="1"/>
  <c r="D5406" i="2" s="1"/>
  <c r="D8087" i="2" a="1"/>
  <c r="D8087" i="2" s="1"/>
  <c r="G4612" i="2" a="1"/>
  <c r="G4612" i="2" s="1"/>
  <c r="G8262" i="2" a="1"/>
  <c r="G8262" i="2" s="1"/>
  <c r="H6899" i="2" a="1"/>
  <c r="H6899" i="2" s="1"/>
  <c r="H5607" i="2" a="1"/>
  <c r="H5607" i="2" s="1"/>
  <c r="G5747" i="2" a="1"/>
  <c r="G5747" i="2" s="1"/>
  <c r="H3234" i="2" a="1"/>
  <c r="H3234" i="2" s="1"/>
  <c r="G2905" i="2" a="1"/>
  <c r="G2905" i="2" s="1"/>
  <c r="H323" i="2" a="1"/>
  <c r="H323" i="2" s="1"/>
  <c r="E706" i="2" a="1"/>
  <c r="E706" i="2" s="1"/>
  <c r="D5652" i="2" a="1"/>
  <c r="D5652" i="2" s="1"/>
  <c r="E1219" i="2" a="1"/>
  <c r="E1219" i="2" s="1"/>
  <c r="F5839" i="2" a="1"/>
  <c r="F5839" i="2" s="1"/>
  <c r="D6109" i="2" a="1"/>
  <c r="D6109" i="2" s="1"/>
  <c r="G4570" i="2" a="1"/>
  <c r="G4570" i="2" s="1"/>
  <c r="D5388" i="2" a="1"/>
  <c r="D5388" i="2" s="1"/>
  <c r="D8092" i="2" a="1"/>
  <c r="D8092" i="2" s="1"/>
  <c r="D6129" i="2" a="1"/>
  <c r="D6129" i="2" s="1"/>
  <c r="F1673" i="2" a="1"/>
  <c r="F1673" i="2" s="1"/>
  <c r="G8254" i="2" a="1"/>
  <c r="G8254" i="2" s="1"/>
  <c r="H6913" i="2" a="1"/>
  <c r="H6913" i="2" s="1"/>
  <c r="H5624" i="2" a="1"/>
  <c r="H5624" i="2" s="1"/>
  <c r="G5753" i="2" a="1"/>
  <c r="G5753" i="2" s="1"/>
  <c r="H3230" i="2" a="1"/>
  <c r="H3230" i="2" s="1"/>
  <c r="G2913" i="2" a="1"/>
  <c r="G2913" i="2" s="1"/>
  <c r="H337" i="2" a="1"/>
  <c r="H337" i="2" s="1"/>
  <c r="E715" i="2" a="1"/>
  <c r="E715" i="2" s="1"/>
  <c r="D5670" i="2" a="1"/>
  <c r="D5670" i="2" s="1"/>
  <c r="E1218" i="2" a="1"/>
  <c r="E1218" i="2" s="1"/>
  <c r="G4576" i="2" a="1"/>
  <c r="G4576" i="2" s="1"/>
  <c r="D5400" i="2" a="1"/>
  <c r="D5400" i="2" s="1"/>
  <c r="D2409" i="2" a="1"/>
  <c r="D2409" i="2" s="1"/>
  <c r="E593" i="2" a="1"/>
  <c r="E593" i="2" s="1"/>
  <c r="G4141" i="2" a="1"/>
  <c r="G4141" i="2" s="1"/>
  <c r="G4596" i="2" a="1"/>
  <c r="G4596" i="2" s="1"/>
  <c r="H5610" i="2" a="1"/>
  <c r="H5610" i="2" s="1"/>
  <c r="G5751" i="2" a="1"/>
  <c r="G5751" i="2" s="1"/>
  <c r="E708" i="2" a="1"/>
  <c r="E708" i="2" s="1"/>
  <c r="G4617" i="2" a="1"/>
  <c r="G4617" i="2" s="1"/>
  <c r="F6222" i="2" a="1"/>
  <c r="F6222" i="2" s="1"/>
  <c r="G8265" i="2" a="1"/>
  <c r="G8265" i="2" s="1"/>
  <c r="H6904" i="2" a="1"/>
  <c r="H6904" i="2" s="1"/>
  <c r="H5616" i="2" a="1"/>
  <c r="H5616" i="2" s="1"/>
  <c r="G5748" i="2" a="1"/>
  <c r="G5748" i="2" s="1"/>
  <c r="H3227" i="2" a="1"/>
  <c r="H3227" i="2" s="1"/>
  <c r="G2908" i="2" a="1"/>
  <c r="G2908" i="2" s="1"/>
  <c r="E725" i="2" a="1"/>
  <c r="E725" i="2" s="1"/>
  <c r="D5662" i="2" a="1"/>
  <c r="D5662" i="2" s="1"/>
  <c r="E1220" i="2" a="1"/>
  <c r="E1220" i="2" s="1"/>
  <c r="D3948" i="2" a="1"/>
  <c r="D3948" i="2" s="1"/>
  <c r="H2322" i="2" a="1"/>
  <c r="H2322" i="2" s="1"/>
  <c r="G4581" i="2" a="1"/>
  <c r="G4581" i="2" s="1"/>
  <c r="D5402" i="2" a="1"/>
  <c r="D5402" i="2" s="1"/>
  <c r="E609" i="2" a="1"/>
  <c r="E609" i="2" s="1"/>
  <c r="G4151" i="2" a="1"/>
  <c r="G4151" i="2" s="1"/>
  <c r="D1197" i="2" a="1"/>
  <c r="D1197" i="2" s="1"/>
  <c r="G8243" i="2" a="1"/>
  <c r="G8243" i="2" s="1"/>
  <c r="H5621" i="2" a="1"/>
  <c r="H5621" i="2" s="1"/>
  <c r="G5766" i="2" a="1"/>
  <c r="G5766" i="2" s="1"/>
  <c r="H3247" i="2" a="1"/>
  <c r="H3247" i="2" s="1"/>
  <c r="D1020" i="2" a="1"/>
  <c r="D1020" i="2" s="1"/>
  <c r="E7257" i="2" a="1"/>
  <c r="E7257" i="2" s="1"/>
  <c r="E721" i="2" a="1"/>
  <c r="E721" i="2" s="1"/>
  <c r="D5673" i="2" a="1"/>
  <c r="D5673" i="2" s="1"/>
  <c r="E1225" i="2" a="1"/>
  <c r="E1225" i="2" s="1"/>
  <c r="D3957" i="2" a="1"/>
  <c r="D3957" i="2" s="1"/>
  <c r="H2315" i="2" a="1"/>
  <c r="H2315" i="2" s="1"/>
  <c r="G4579" i="2" a="1"/>
  <c r="G4579" i="2" s="1"/>
  <c r="E3109" i="2" a="1"/>
  <c r="E3109" i="2" s="1"/>
  <c r="G5636" i="2" a="1"/>
  <c r="G5636" i="2" s="1"/>
  <c r="E5130" i="2" a="1"/>
  <c r="E5130" i="2" s="1"/>
  <c r="H5704" i="2" a="1"/>
  <c r="H5704" i="2" s="1"/>
  <c r="H6929" i="2" a="1"/>
  <c r="H6929" i="2" s="1"/>
  <c r="D2177" i="2" a="1"/>
  <c r="D2177" i="2" s="1"/>
  <c r="G2740" i="2" a="1"/>
  <c r="G2740" i="2" s="1"/>
  <c r="G364" i="2" a="1"/>
  <c r="G364" i="2" s="1"/>
  <c r="G2553" i="2" a="1"/>
  <c r="G2553" i="2" s="1"/>
  <c r="H7388" i="2" a="1"/>
  <c r="H7388" i="2" s="1"/>
  <c r="E5806" i="2" a="1"/>
  <c r="E5806" i="2" s="1"/>
  <c r="D2416" i="2" a="1"/>
  <c r="D2416" i="2" s="1"/>
  <c r="H7275" i="2" a="1"/>
  <c r="H7275" i="2" s="1"/>
  <c r="G2258" i="2" a="1"/>
  <c r="G2258" i="2" s="1"/>
  <c r="H5707" i="2" a="1"/>
  <c r="H5707" i="2" s="1"/>
  <c r="D2184" i="2" a="1"/>
  <c r="D2184" i="2" s="1"/>
  <c r="G360" i="2" a="1"/>
  <c r="G360" i="2" s="1"/>
  <c r="G2552" i="2" a="1"/>
  <c r="G2552" i="2" s="1"/>
  <c r="H7398" i="2" a="1"/>
  <c r="H7398" i="2" s="1"/>
  <c r="E5801" i="2" a="1"/>
  <c r="E5801" i="2" s="1"/>
  <c r="D2413" i="2" a="1"/>
  <c r="D2413" i="2" s="1"/>
  <c r="H7277" i="2" a="1"/>
  <c r="H7277" i="2" s="1"/>
  <c r="G2250" i="2" a="1"/>
  <c r="G2250" i="2" s="1"/>
  <c r="G359" i="2" a="1"/>
  <c r="G359" i="2" s="1"/>
  <c r="F4363" i="2" a="1"/>
  <c r="F4363" i="2" s="1"/>
  <c r="E6495" i="2" a="1"/>
  <c r="E6495" i="2" s="1"/>
  <c r="H7386" i="2" a="1"/>
  <c r="H7386" i="2" s="1"/>
  <c r="E5800" i="2" a="1"/>
  <c r="E5800" i="2" s="1"/>
  <c r="H7270" i="2" a="1"/>
  <c r="H7270" i="2" s="1"/>
  <c r="H2359" i="2" a="1"/>
  <c r="H2359" i="2" s="1"/>
  <c r="H6285" i="2" a="1"/>
  <c r="H6285" i="2" s="1"/>
  <c r="G7470" i="2" a="1"/>
  <c r="G7470" i="2" s="1"/>
  <c r="AO138" i="1"/>
  <c r="E144" i="5" s="1"/>
  <c r="G358" i="2" a="1"/>
  <c r="G358" i="2" s="1"/>
  <c r="H7389" i="2" a="1"/>
  <c r="H7389" i="2" s="1"/>
  <c r="D3547" i="2" a="1"/>
  <c r="D3547" i="2" s="1"/>
  <c r="D1973" i="2" a="1"/>
  <c r="D1973" i="2" s="1"/>
  <c r="H8692" i="2" a="1"/>
  <c r="H8692" i="2" s="1"/>
  <c r="H6278" i="2" a="1"/>
  <c r="H6278" i="2" s="1"/>
  <c r="D4397" i="2" a="1"/>
  <c r="D4397" i="2" s="1"/>
  <c r="D3576" i="2" a="1"/>
  <c r="D3576" i="2" s="1"/>
  <c r="D3559" i="2" a="1"/>
  <c r="D3559" i="2" s="1"/>
  <c r="G362" i="2" a="1"/>
  <c r="G362" i="2" s="1"/>
  <c r="F4371" i="2" a="1"/>
  <c r="F4371" i="2" s="1"/>
  <c r="G2551" i="2" a="1"/>
  <c r="G2551" i="2" s="1"/>
  <c r="G7459" i="2" a="1"/>
  <c r="G7459" i="2" s="1"/>
  <c r="H7395" i="2" a="1"/>
  <c r="H7395" i="2" s="1"/>
  <c r="D2410" i="2" a="1"/>
  <c r="D2410" i="2" s="1"/>
  <c r="E8096" i="2" a="1"/>
  <c r="E8096" i="2" s="1"/>
  <c r="G351" i="2" a="1"/>
  <c r="G351" i="2" s="1"/>
  <c r="E8085" i="2" a="1"/>
  <c r="E8085" i="2" s="1"/>
  <c r="F4359" i="2" a="1"/>
  <c r="F4359" i="2" s="1"/>
  <c r="G2534" i="2" a="1"/>
  <c r="G2534" i="2" s="1"/>
  <c r="E5795" i="2" a="1"/>
  <c r="E5795" i="2" s="1"/>
  <c r="H7262" i="2" a="1"/>
  <c r="H7262" i="2" s="1"/>
  <c r="G350" i="2" a="1"/>
  <c r="G350" i="2" s="1"/>
  <c r="F4367" i="2" a="1"/>
  <c r="F4367" i="2" s="1"/>
  <c r="G2547" i="2" a="1"/>
  <c r="G2547" i="2" s="1"/>
  <c r="D1963" i="2" a="1"/>
  <c r="D1963" i="2" s="1"/>
  <c r="H8686" i="2" a="1"/>
  <c r="H8686" i="2" s="1"/>
  <c r="H6277" i="2" a="1"/>
  <c r="H6277" i="2" s="1"/>
  <c r="D4383" i="2" a="1"/>
  <c r="D4383" i="2" s="1"/>
  <c r="H570" i="2" a="1"/>
  <c r="H570" i="2" s="1"/>
  <c r="F723" i="2" a="1"/>
  <c r="F723" i="2" s="1"/>
  <c r="D3551" i="2" a="1"/>
  <c r="D3551" i="2" s="1"/>
  <c r="F4224" i="2" a="1"/>
  <c r="F4224" i="2" s="1"/>
  <c r="G355" i="2" a="1"/>
  <c r="G355" i="2" s="1"/>
  <c r="F4372" i="2" a="1"/>
  <c r="F4372" i="2" s="1"/>
  <c r="G2545" i="2" a="1"/>
  <c r="G2545" i="2" s="1"/>
  <c r="H7382" i="2" a="1"/>
  <c r="H7382" i="2" s="1"/>
  <c r="E5805" i="2" a="1"/>
  <c r="E5805" i="2" s="1"/>
  <c r="D2427" i="2" a="1"/>
  <c r="D2427" i="2" s="1"/>
  <c r="F4369" i="2" a="1"/>
  <c r="F4369" i="2" s="1"/>
  <c r="H7383" i="2" a="1"/>
  <c r="H7383" i="2" s="1"/>
  <c r="H7265" i="2" a="1"/>
  <c r="H7265" i="2" s="1"/>
  <c r="D3119" i="2" a="1"/>
  <c r="D3119" i="2" s="1"/>
  <c r="D1960" i="2" a="1"/>
  <c r="D1960" i="2" s="1"/>
  <c r="H8694" i="2" a="1"/>
  <c r="H8694" i="2" s="1"/>
  <c r="G7806" i="2" a="1"/>
  <c r="G7806" i="2" s="1"/>
  <c r="D4394" i="2" a="1"/>
  <c r="D4394" i="2" s="1"/>
  <c r="F724" i="2" a="1"/>
  <c r="F724" i="2" s="1"/>
  <c r="D3557" i="2" a="1"/>
  <c r="D3557" i="2" s="1"/>
  <c r="F4215" i="2" a="1"/>
  <c r="F4215" i="2" s="1"/>
  <c r="G354" i="2" a="1"/>
  <c r="G354" i="2" s="1"/>
  <c r="F4376" i="2" a="1"/>
  <c r="F4376" i="2" s="1"/>
  <c r="G2546" i="2" a="1"/>
  <c r="G2546" i="2" s="1"/>
  <c r="H7399" i="2" a="1"/>
  <c r="H7399" i="2" s="1"/>
  <c r="E5809" i="2" a="1"/>
  <c r="E5809" i="2" s="1"/>
  <c r="D2419" i="2" a="1"/>
  <c r="D2419" i="2" s="1"/>
  <c r="D3136" i="2" a="1"/>
  <c r="D3136" i="2" s="1"/>
  <c r="D4387" i="2" a="1"/>
  <c r="D4387" i="2" s="1"/>
  <c r="G363" i="2" a="1"/>
  <c r="G363" i="2" s="1"/>
  <c r="F4375" i="2" a="1"/>
  <c r="F4375" i="2" s="1"/>
  <c r="G2548" i="2" a="1"/>
  <c r="G2548" i="2" s="1"/>
  <c r="D3143" i="2" a="1"/>
  <c r="D3143" i="2" s="1"/>
  <c r="D4398" i="2" a="1"/>
  <c r="D4398" i="2" s="1"/>
  <c r="H7401" i="2" a="1"/>
  <c r="H7401" i="2" s="1"/>
  <c r="D1959" i="2" a="1"/>
  <c r="D1959" i="2" s="1"/>
  <c r="H8674" i="2" a="1"/>
  <c r="H8674" i="2" s="1"/>
  <c r="G7798" i="2" a="1"/>
  <c r="G7798" i="2" s="1"/>
  <c r="D4381" i="2" a="1"/>
  <c r="D4381" i="2" s="1"/>
  <c r="F714" i="2" a="1"/>
  <c r="F714" i="2" s="1"/>
  <c r="G353" i="2" a="1"/>
  <c r="G353" i="2" s="1"/>
  <c r="F4366" i="2" a="1"/>
  <c r="F4366" i="2" s="1"/>
  <c r="G2549" i="2" a="1"/>
  <c r="G2549" i="2" s="1"/>
  <c r="H7392" i="2" a="1"/>
  <c r="H7392" i="2" s="1"/>
  <c r="E5813" i="2" a="1"/>
  <c r="E5813" i="2" s="1"/>
  <c r="D2415" i="2" a="1"/>
  <c r="D2415" i="2" s="1"/>
  <c r="H6292" i="2" a="1"/>
  <c r="H6292" i="2" s="1"/>
  <c r="D1974" i="2" a="1"/>
  <c r="D1974" i="2" s="1"/>
  <c r="G7795" i="2" a="1"/>
  <c r="G7795" i="2" s="1"/>
  <c r="D4392" i="2" a="1"/>
  <c r="D4392" i="2" s="1"/>
  <c r="G368" i="2" a="1"/>
  <c r="G368" i="2" s="1"/>
  <c r="F4358" i="2" a="1"/>
  <c r="F4358" i="2" s="1"/>
  <c r="G2544" i="2" a="1"/>
  <c r="G2544" i="2" s="1"/>
  <c r="H7379" i="2" a="1"/>
  <c r="H7379" i="2" s="1"/>
  <c r="E5799" i="2" a="1"/>
  <c r="E5799" i="2" s="1"/>
  <c r="D2411" i="2" a="1"/>
  <c r="D2411" i="2" s="1"/>
  <c r="H6284" i="2" a="1"/>
  <c r="H6284" i="2" s="1"/>
  <c r="G2540" i="2" a="1"/>
  <c r="G2540" i="2" s="1"/>
  <c r="E5810" i="2" a="1"/>
  <c r="E5810" i="2" s="1"/>
  <c r="D7382" i="2" a="1"/>
  <c r="D7382" i="2" s="1"/>
  <c r="H6295" i="2" a="1"/>
  <c r="H6295" i="2" s="1"/>
  <c r="G7460" i="2" a="1"/>
  <c r="G7460" i="2" s="1"/>
  <c r="D1971" i="2" a="1"/>
  <c r="D1971" i="2" s="1"/>
  <c r="H2938" i="2" a="1"/>
  <c r="H2938" i="2" s="1"/>
  <c r="D3301" i="2" a="1"/>
  <c r="D3301" i="2" s="1"/>
  <c r="G349" i="2" a="1"/>
  <c r="G349" i="2" s="1"/>
  <c r="F4373" i="2" a="1"/>
  <c r="F4373" i="2" s="1"/>
  <c r="G2539" i="2" a="1"/>
  <c r="G2539" i="2" s="1"/>
  <c r="G5529" i="2" a="1"/>
  <c r="G5529" i="2" s="1"/>
  <c r="H7385" i="2" a="1"/>
  <c r="H7385" i="2" s="1"/>
  <c r="E5803" i="2" a="1"/>
  <c r="E5803" i="2" s="1"/>
  <c r="D2432" i="2" a="1"/>
  <c r="D2432" i="2" s="1"/>
  <c r="D3564" i="2" a="1"/>
  <c r="D3564" i="2" s="1"/>
  <c r="AP17" i="1"/>
  <c r="AO165" i="1"/>
  <c r="E171" i="5" s="1"/>
  <c r="E7254" i="2" a="1"/>
  <c r="E7254" i="2" s="1"/>
  <c r="F1887" i="2" a="1"/>
  <c r="F1887" i="2" s="1"/>
  <c r="H6188" i="2" a="1"/>
  <c r="H6188" i="2" s="1"/>
  <c r="D1985" i="2" a="1"/>
  <c r="D1985" i="2" s="1"/>
  <c r="F3438" i="2" a="1"/>
  <c r="F3438" i="2" s="1"/>
  <c r="D7893" i="2" a="1"/>
  <c r="D7893" i="2" s="1"/>
  <c r="D1129" i="2" a="1"/>
  <c r="D1129" i="2" s="1"/>
  <c r="E6121" i="2" a="1"/>
  <c r="E6121" i="2" s="1"/>
  <c r="E6113" i="2" a="1"/>
  <c r="E6113" i="2" s="1"/>
  <c r="D3842" i="2" a="1"/>
  <c r="D3842" i="2" s="1"/>
  <c r="H326" i="2" a="1"/>
  <c r="H326" i="2" s="1"/>
  <c r="H7363" i="2" a="1"/>
  <c r="H7363" i="2" s="1"/>
  <c r="D7429" i="2" a="1"/>
  <c r="D7429" i="2" s="1"/>
  <c r="F4692" i="2" a="1"/>
  <c r="F4692" i="2" s="1"/>
  <c r="E6114" i="2" a="1"/>
  <c r="E6114" i="2" s="1"/>
  <c r="D1117" i="2" a="1"/>
  <c r="D1117" i="2" s="1"/>
  <c r="F7587" i="2" a="1"/>
  <c r="F7587" i="2" s="1"/>
  <c r="D3199" i="2" a="1"/>
  <c r="D3199" i="2" s="1"/>
  <c r="D3183" i="2" a="1"/>
  <c r="D3183" i="2" s="1"/>
  <c r="E607" i="2" a="1"/>
  <c r="E607" i="2" s="1"/>
  <c r="D4200" i="2" a="1"/>
  <c r="D4200" i="2" s="1"/>
  <c r="H2618" i="2" a="1"/>
  <c r="H2618" i="2" s="1"/>
  <c r="D7786" i="2" a="1"/>
  <c r="D7786" i="2" s="1"/>
  <c r="H8595" i="2" a="1"/>
  <c r="H8595" i="2" s="1"/>
  <c r="E6116" i="2" a="1"/>
  <c r="E6116" i="2" s="1"/>
  <c r="D3074" i="2" a="1"/>
  <c r="D3074" i="2" s="1"/>
  <c r="G809" i="2" a="1"/>
  <c r="G809" i="2" s="1"/>
  <c r="H1998" i="2" a="1"/>
  <c r="H1998" i="2" s="1"/>
  <c r="D6917" i="2" a="1"/>
  <c r="D6917" i="2" s="1"/>
  <c r="H5714" i="2" a="1"/>
  <c r="H5714" i="2" s="1"/>
  <c r="F3425" i="2" a="1"/>
  <c r="F3425" i="2" s="1"/>
  <c r="G4146" i="2" a="1"/>
  <c r="G4146" i="2" s="1"/>
  <c r="H581" i="2" a="1"/>
  <c r="H581" i="2" s="1"/>
  <c r="D7516" i="2" a="1"/>
  <c r="D7516" i="2" s="1"/>
  <c r="E6681" i="2" a="1"/>
  <c r="E6681" i="2" s="1"/>
  <c r="F4225" i="2" a="1"/>
  <c r="F4225" i="2" s="1"/>
  <c r="E7658" i="2" a="1"/>
  <c r="E7658" i="2" s="1"/>
  <c r="E1899" i="2" a="1"/>
  <c r="E1899" i="2" s="1"/>
  <c r="F925" i="2" a="1"/>
  <c r="F925" i="2" s="1"/>
  <c r="G369" i="2" a="1"/>
  <c r="G369" i="2" s="1"/>
  <c r="F4377" i="2" a="1"/>
  <c r="F4377" i="2" s="1"/>
  <c r="F4354" i="2" a="1"/>
  <c r="F4354" i="2" s="1"/>
  <c r="G2533" i="2" a="1"/>
  <c r="G2533" i="2" s="1"/>
  <c r="E1095" i="2" a="1"/>
  <c r="E1095" i="2" s="1"/>
  <c r="G6975" i="2" a="1"/>
  <c r="G6975" i="2" s="1"/>
  <c r="D2268" i="2" a="1"/>
  <c r="D2268" i="2" s="1"/>
  <c r="D1109" i="2" a="1"/>
  <c r="D1109" i="2" s="1"/>
  <c r="H7397" i="2" a="1"/>
  <c r="H7397" i="2" s="1"/>
  <c r="E5798" i="2" a="1"/>
  <c r="E5798" i="2" s="1"/>
  <c r="E258" i="2" a="1"/>
  <c r="E258" i="2" s="1"/>
  <c r="H3041" i="2" a="1"/>
  <c r="H3041" i="2" s="1"/>
  <c r="H3053" i="2" a="1"/>
  <c r="H3053" i="2" s="1"/>
  <c r="E738" i="2" a="1"/>
  <c r="E738" i="2" s="1"/>
  <c r="E745" i="2" a="1"/>
  <c r="E745" i="2" s="1"/>
  <c r="D2071" i="2" a="1"/>
  <c r="D2071" i="2" s="1"/>
  <c r="F3668" i="2" a="1"/>
  <c r="F3668" i="2" s="1"/>
  <c r="F3673" i="2" a="1"/>
  <c r="F3673" i="2" s="1"/>
  <c r="F3059" i="2" a="1"/>
  <c r="F3059" i="2" s="1"/>
  <c r="E3322" i="2" a="1"/>
  <c r="E3322" i="2" s="1"/>
  <c r="H3767" i="2" a="1"/>
  <c r="H3767" i="2" s="1"/>
  <c r="D255" i="2" a="1"/>
  <c r="D255" i="2" s="1"/>
  <c r="E2563" i="2" a="1"/>
  <c r="E2563" i="2" s="1"/>
  <c r="E1363" i="2" a="1"/>
  <c r="E1363" i="2" s="1"/>
  <c r="D2418" i="2" a="1"/>
  <c r="D2418" i="2" s="1"/>
  <c r="H7272" i="2" a="1"/>
  <c r="H7272" i="2" s="1"/>
  <c r="E4704" i="2" a="1"/>
  <c r="E4704" i="2" s="1"/>
  <c r="H2605" i="2" a="1"/>
  <c r="H2605" i="2" s="1"/>
  <c r="H8597" i="2" a="1"/>
  <c r="H8597" i="2" s="1"/>
  <c r="H8591" i="2" a="1"/>
  <c r="H8591" i="2" s="1"/>
  <c r="E6125" i="2" a="1"/>
  <c r="E6125" i="2" s="1"/>
  <c r="H1984" i="2" a="1"/>
  <c r="H1984" i="2" s="1"/>
  <c r="D6920" i="2" a="1"/>
  <c r="D6920" i="2" s="1"/>
  <c r="D6899" i="2" a="1"/>
  <c r="D6899" i="2" s="1"/>
  <c r="F3421" i="2" a="1"/>
  <c r="F3421" i="2" s="1"/>
  <c r="G4161" i="2" a="1"/>
  <c r="G4161" i="2" s="1"/>
  <c r="H584" i="2" a="1"/>
  <c r="H584" i="2" s="1"/>
  <c r="D7512" i="2" a="1"/>
  <c r="D7512" i="2" s="1"/>
  <c r="E6662" i="2" a="1"/>
  <c r="E6662" i="2" s="1"/>
  <c r="E7655" i="2" a="1"/>
  <c r="E7655" i="2" s="1"/>
  <c r="E1902" i="2" a="1"/>
  <c r="E1902" i="2" s="1"/>
  <c r="F922" i="2" a="1"/>
  <c r="F922" i="2" s="1"/>
  <c r="G357" i="2" a="1"/>
  <c r="G357" i="2" s="1"/>
  <c r="F4370" i="2" a="1"/>
  <c r="F4370" i="2" s="1"/>
  <c r="F4355" i="2" a="1"/>
  <c r="F4355" i="2" s="1"/>
  <c r="G2543" i="2" a="1"/>
  <c r="G2543" i="2" s="1"/>
  <c r="E1091" i="2" a="1"/>
  <c r="E1091" i="2" s="1"/>
  <c r="G6984" i="2" a="1"/>
  <c r="G6984" i="2" s="1"/>
  <c r="D2273" i="2" a="1"/>
  <c r="D2273" i="2" s="1"/>
  <c r="D1113" i="2" a="1"/>
  <c r="D1113" i="2" s="1"/>
  <c r="H7393" i="2" a="1"/>
  <c r="H7393" i="2" s="1"/>
  <c r="E5804" i="2" a="1"/>
  <c r="E5804" i="2" s="1"/>
  <c r="E273" i="2" a="1"/>
  <c r="E273" i="2" s="1"/>
  <c r="H3042" i="2" a="1"/>
  <c r="H3042" i="2" s="1"/>
  <c r="H3055" i="2" a="1"/>
  <c r="H3055" i="2" s="1"/>
  <c r="E752" i="2" a="1"/>
  <c r="E752" i="2" s="1"/>
  <c r="F4461" i="2" a="1"/>
  <c r="F4461" i="2" s="1"/>
  <c r="D2067" i="2" a="1"/>
  <c r="D2067" i="2" s="1"/>
  <c r="F3659" i="2" a="1"/>
  <c r="F3659" i="2" s="1"/>
  <c r="F3669" i="2" a="1"/>
  <c r="F3669" i="2" s="1"/>
  <c r="F3072" i="2" a="1"/>
  <c r="F3072" i="2" s="1"/>
  <c r="H3775" i="2" a="1"/>
  <c r="H3775" i="2" s="1"/>
  <c r="E2574" i="2" a="1"/>
  <c r="E2574" i="2" s="1"/>
  <c r="H7258" i="2" a="1"/>
  <c r="H7258" i="2" s="1"/>
  <c r="E3659" i="2" a="1"/>
  <c r="E3659" i="2" s="1"/>
  <c r="H2620" i="2" a="1"/>
  <c r="H2620" i="2" s="1"/>
  <c r="H3773" i="2" a="1"/>
  <c r="H3773" i="2" s="1"/>
  <c r="H8593" i="2" a="1"/>
  <c r="H8593" i="2" s="1"/>
  <c r="E6128" i="2" a="1"/>
  <c r="E6128" i="2" s="1"/>
  <c r="G2899" i="2" a="1"/>
  <c r="G2899" i="2" s="1"/>
  <c r="H1990" i="2" a="1"/>
  <c r="H1990" i="2" s="1"/>
  <c r="D6918" i="2" a="1"/>
  <c r="D6918" i="2" s="1"/>
  <c r="D6913" i="2" a="1"/>
  <c r="D6913" i="2" s="1"/>
  <c r="F3423" i="2" a="1"/>
  <c r="F3423" i="2" s="1"/>
  <c r="G4138" i="2" a="1"/>
  <c r="G4138" i="2" s="1"/>
  <c r="H573" i="2" a="1"/>
  <c r="H573" i="2" s="1"/>
  <c r="D7508" i="2" a="1"/>
  <c r="D7508" i="2" s="1"/>
  <c r="E7660" i="2" a="1"/>
  <c r="E7660" i="2" s="1"/>
  <c r="E1893" i="2" a="1"/>
  <c r="E1893" i="2" s="1"/>
  <c r="E7605" i="2" a="1"/>
  <c r="E7605" i="2" s="1"/>
  <c r="F926" i="2" a="1"/>
  <c r="F926" i="2" s="1"/>
  <c r="G346" i="2" a="1"/>
  <c r="G346" i="2" s="1"/>
  <c r="F4361" i="2" a="1"/>
  <c r="F4361" i="2" s="1"/>
  <c r="F4374" i="2" a="1"/>
  <c r="F4374" i="2" s="1"/>
  <c r="G2532" i="2" a="1"/>
  <c r="G2532" i="2" s="1"/>
  <c r="E1094" i="2" a="1"/>
  <c r="E1094" i="2" s="1"/>
  <c r="G6978" i="2" a="1"/>
  <c r="G6978" i="2" s="1"/>
  <c r="D1112" i="2" a="1"/>
  <c r="D1112" i="2" s="1"/>
  <c r="H7387" i="2" a="1"/>
  <c r="H7387" i="2" s="1"/>
  <c r="E5815" i="2" a="1"/>
  <c r="E5815" i="2" s="1"/>
  <c r="E268" i="2" a="1"/>
  <c r="E268" i="2" s="1"/>
  <c r="H3048" i="2" a="1"/>
  <c r="H3048" i="2" s="1"/>
  <c r="H3044" i="2" a="1"/>
  <c r="H3044" i="2" s="1"/>
  <c r="E751" i="2" a="1"/>
  <c r="E751" i="2" s="1"/>
  <c r="D2063" i="2" a="1"/>
  <c r="D2063" i="2" s="1"/>
  <c r="F3671" i="2" a="1"/>
  <c r="F3671" i="2" s="1"/>
  <c r="F3667" i="2" a="1"/>
  <c r="F3667" i="2" s="1"/>
  <c r="F3071" i="2" a="1"/>
  <c r="F3071" i="2" s="1"/>
  <c r="E806" i="2" a="1"/>
  <c r="E806" i="2" s="1"/>
  <c r="H3757" i="2" a="1"/>
  <c r="H3757" i="2" s="1"/>
  <c r="F7315" i="2" a="1"/>
  <c r="F7315" i="2" s="1"/>
  <c r="E2560" i="2" a="1"/>
  <c r="E2560" i="2" s="1"/>
  <c r="H7276" i="2" a="1"/>
  <c r="H7276" i="2" s="1"/>
  <c r="E7009" i="2" a="1"/>
  <c r="E7009" i="2" s="1"/>
  <c r="E3679" i="2" a="1"/>
  <c r="E3679" i="2" s="1"/>
  <c r="H2616" i="2" a="1"/>
  <c r="H2616" i="2" s="1"/>
  <c r="E748" i="2" a="1"/>
  <c r="E748" i="2" s="1"/>
  <c r="D2059" i="2" a="1"/>
  <c r="D2059" i="2" s="1"/>
  <c r="F3672" i="2" a="1"/>
  <c r="F3672" i="2" s="1"/>
  <c r="F3662" i="2" a="1"/>
  <c r="F3662" i="2" s="1"/>
  <c r="F3079" i="2" a="1"/>
  <c r="F3079" i="2" s="1"/>
  <c r="E813" i="2" a="1"/>
  <c r="E813" i="2" s="1"/>
  <c r="H3766" i="2" a="1"/>
  <c r="H3766" i="2" s="1"/>
  <c r="F7312" i="2" a="1"/>
  <c r="F7312" i="2" s="1"/>
  <c r="E2573" i="2" a="1"/>
  <c r="E2573" i="2" s="1"/>
  <c r="H7271" i="2" a="1"/>
  <c r="H7271" i="2" s="1"/>
  <c r="F2583" i="2" a="1"/>
  <c r="F2583" i="2" s="1"/>
  <c r="E3663" i="2" a="1"/>
  <c r="E3663" i="2" s="1"/>
  <c r="H2611" i="2" a="1"/>
  <c r="H2611" i="2" s="1"/>
  <c r="H8594" i="2" a="1"/>
  <c r="H8594" i="2" s="1"/>
  <c r="E7597" i="2" a="1"/>
  <c r="E7597" i="2" s="1"/>
  <c r="F8164" i="2" a="1"/>
  <c r="F8164" i="2" s="1"/>
  <c r="I8164" i="2" s="1"/>
  <c r="I8138" i="5" s="1"/>
  <c r="H8585" i="2" a="1"/>
  <c r="H8585" i="2" s="1"/>
  <c r="D1968" i="2" a="1"/>
  <c r="D1968" i="2" s="1"/>
  <c r="D1116" i="2" a="1"/>
  <c r="D1116" i="2" s="1"/>
  <c r="G2900" i="2" a="1"/>
  <c r="G2900" i="2" s="1"/>
  <c r="D6916" i="2" a="1"/>
  <c r="D6916" i="2" s="1"/>
  <c r="H6936" i="2" a="1"/>
  <c r="H6936" i="2" s="1"/>
  <c r="H583" i="2" a="1"/>
  <c r="H583" i="2" s="1"/>
  <c r="H7359" i="2" a="1"/>
  <c r="H7359" i="2" s="1"/>
  <c r="E7643" i="2" a="1"/>
  <c r="E7643" i="2" s="1"/>
  <c r="G1571" i="2" a="1"/>
  <c r="G1571" i="2" s="1"/>
  <c r="F940" i="2" a="1"/>
  <c r="F940" i="2" s="1"/>
  <c r="H2480" i="2" a="1"/>
  <c r="H2480" i="2" s="1"/>
  <c r="F4360" i="2" a="1"/>
  <c r="F4360" i="2" s="1"/>
  <c r="G2530" i="2" a="1"/>
  <c r="G2530" i="2" s="1"/>
  <c r="E1100" i="2" a="1"/>
  <c r="E1100" i="2" s="1"/>
  <c r="G6970" i="2" a="1"/>
  <c r="G6970" i="2" s="1"/>
  <c r="D1104" i="2" a="1"/>
  <c r="D1104" i="2" s="1"/>
  <c r="H7380" i="2" a="1"/>
  <c r="H7380" i="2" s="1"/>
  <c r="E5807" i="2" a="1"/>
  <c r="E5807" i="2" s="1"/>
  <c r="E5817" i="2" a="1"/>
  <c r="E5817" i="2" s="1"/>
  <c r="E255" i="2" a="1"/>
  <c r="E255" i="2" s="1"/>
  <c r="H3051" i="2" a="1"/>
  <c r="H3051" i="2" s="1"/>
  <c r="G5320" i="2" a="1"/>
  <c r="G5320" i="2" s="1"/>
  <c r="E750" i="2" a="1"/>
  <c r="E750" i="2" s="1"/>
  <c r="D2055" i="2" a="1"/>
  <c r="D2055" i="2" s="1"/>
  <c r="F3675" i="2" a="1"/>
  <c r="F3675" i="2" s="1"/>
  <c r="F3074" i="2" a="1"/>
  <c r="F3074" i="2" s="1"/>
  <c r="E818" i="2" a="1"/>
  <c r="E818" i="2" s="1"/>
  <c r="F7311" i="2" a="1"/>
  <c r="F7311" i="2" s="1"/>
  <c r="E2575" i="2" a="1"/>
  <c r="E2575" i="2" s="1"/>
  <c r="D2426" i="2" a="1"/>
  <c r="D2426" i="2" s="1"/>
  <c r="H7267" i="2" a="1"/>
  <c r="H7267" i="2" s="1"/>
  <c r="E8413" i="2" a="1"/>
  <c r="E8413" i="2" s="1"/>
  <c r="F2590" i="2" a="1"/>
  <c r="F2590" i="2" s="1"/>
  <c r="D5953" i="2" a="1"/>
  <c r="D5953" i="2" s="1"/>
  <c r="E3666" i="2" a="1"/>
  <c r="E3666" i="2" s="1"/>
  <c r="H2625" i="2" a="1"/>
  <c r="H2625" i="2" s="1"/>
  <c r="H6927" i="2" a="1"/>
  <c r="H6927" i="2" s="1"/>
  <c r="H569" i="2" a="1"/>
  <c r="H569" i="2" s="1"/>
  <c r="E5796" i="2" a="1"/>
  <c r="E5796" i="2" s="1"/>
  <c r="F7316" i="2" a="1"/>
  <c r="F7316" i="2" s="1"/>
  <c r="D2414" i="2" a="1"/>
  <c r="D2414" i="2" s="1"/>
  <c r="H7269" i="2" a="1"/>
  <c r="H7269" i="2" s="1"/>
  <c r="E8417" i="2" a="1"/>
  <c r="E8417" i="2" s="1"/>
  <c r="D5951" i="2" a="1"/>
  <c r="D5951" i="2" s="1"/>
  <c r="G2910" i="2" a="1"/>
  <c r="G2910" i="2" s="1"/>
  <c r="F5831" i="2" a="1"/>
  <c r="F5831" i="2" s="1"/>
  <c r="F5819" i="2" a="1"/>
  <c r="F5819" i="2" s="1"/>
  <c r="E8074" i="2" a="1"/>
  <c r="E8074" i="2" s="1"/>
  <c r="F5840" i="2" a="1"/>
  <c r="F5840" i="2" s="1"/>
  <c r="H8526" i="2" a="1"/>
  <c r="H8526" i="2" s="1"/>
  <c r="F4982" i="2" a="1"/>
  <c r="F4982" i="2" s="1"/>
  <c r="D3062" i="2" a="1"/>
  <c r="D3062" i="2" s="1"/>
  <c r="G2904" i="2" a="1"/>
  <c r="G2904" i="2" s="1"/>
  <c r="H8524" i="2" a="1"/>
  <c r="H8524" i="2" s="1"/>
  <c r="F5829" i="2" a="1"/>
  <c r="F5829" i="2" s="1"/>
  <c r="D2179" i="2" a="1"/>
  <c r="D2179" i="2" s="1"/>
  <c r="E7612" i="2" a="1"/>
  <c r="E7612" i="2" s="1"/>
  <c r="D5142" i="2" a="1"/>
  <c r="D5142" i="2" s="1"/>
  <c r="E117" i="2" a="1"/>
  <c r="E117" i="2" s="1"/>
  <c r="F7310" i="2" a="1"/>
  <c r="F7310" i="2" s="1"/>
  <c r="D2425" i="2" a="1"/>
  <c r="D2425" i="2" s="1"/>
  <c r="H7281" i="2" a="1"/>
  <c r="H7281" i="2" s="1"/>
  <c r="E3676" i="2" a="1"/>
  <c r="E3676" i="2" s="1"/>
  <c r="D3058" i="2" a="1"/>
  <c r="D3058" i="2" s="1"/>
  <c r="F4981" i="2" a="1"/>
  <c r="F4981" i="2" s="1"/>
  <c r="G788" i="2" a="1"/>
  <c r="G788" i="2" s="1"/>
  <c r="H8516" i="2" a="1"/>
  <c r="H8516" i="2" s="1"/>
  <c r="G4158" i="2" a="1"/>
  <c r="G4158" i="2" s="1"/>
  <c r="F4983" i="2" a="1"/>
  <c r="F4983" i="2" s="1"/>
  <c r="H8525" i="2" a="1"/>
  <c r="H8525" i="2" s="1"/>
  <c r="D3067" i="2" a="1"/>
  <c r="D3067" i="2" s="1"/>
  <c r="H8511" i="2" a="1"/>
  <c r="H8511" i="2" s="1"/>
  <c r="E126" i="2" a="1"/>
  <c r="E126" i="2" s="1"/>
  <c r="F4991" i="2" a="1"/>
  <c r="F4991" i="2" s="1"/>
  <c r="D3060" i="2" a="1"/>
  <c r="D3060" i="2" s="1"/>
  <c r="F777" i="2" a="1"/>
  <c r="F777" i="2" s="1"/>
  <c r="E6666" i="2" a="1"/>
  <c r="E6666" i="2" s="1"/>
  <c r="D2183" i="2" a="1"/>
  <c r="D2183" i="2" s="1"/>
  <c r="D2277" i="2" a="1"/>
  <c r="D2277" i="2" s="1"/>
  <c r="G780" i="2" a="1"/>
  <c r="G780" i="2" s="1"/>
  <c r="F7323" i="2" a="1"/>
  <c r="F7323" i="2" s="1"/>
  <c r="D2430" i="2" a="1"/>
  <c r="D2430" i="2" s="1"/>
  <c r="D2417" i="2" a="1"/>
  <c r="D2417" i="2" s="1"/>
  <c r="H5203" i="2" a="1"/>
  <c r="H5203" i="2" s="1"/>
  <c r="H7261" i="2" a="1"/>
  <c r="H7261" i="2" s="1"/>
  <c r="H7259" i="2" a="1"/>
  <c r="H7259" i="2" s="1"/>
  <c r="E8422" i="2" a="1"/>
  <c r="E8422" i="2" s="1"/>
  <c r="E3674" i="2" a="1"/>
  <c r="E3674" i="2" s="1"/>
  <c r="AM23" i="1"/>
  <c r="C29" i="5" s="1"/>
  <c r="G2911" i="2" a="1"/>
  <c r="G2911" i="2" s="1"/>
  <c r="H8520" i="2" a="1"/>
  <c r="H8520" i="2" s="1"/>
  <c r="H8518" i="2" a="1"/>
  <c r="H8518" i="2" s="1"/>
  <c r="D3072" i="2" a="1"/>
  <c r="D3072" i="2" s="1"/>
  <c r="F773" i="2" a="1"/>
  <c r="F773" i="2" s="1"/>
  <c r="D3070" i="2" a="1"/>
  <c r="D3070" i="2" s="1"/>
  <c r="D3080" i="2" a="1"/>
  <c r="D3080" i="2" s="1"/>
  <c r="F5833" i="2" a="1"/>
  <c r="F5833" i="2" s="1"/>
  <c r="F4987" i="2" a="1"/>
  <c r="F4987" i="2" s="1"/>
  <c r="F5000" i="2" a="1"/>
  <c r="F5000" i="2" s="1"/>
  <c r="G2263" i="2" a="1"/>
  <c r="G2263" i="2" s="1"/>
  <c r="D410" i="2" a="1"/>
  <c r="D410" i="2" s="1"/>
  <c r="F1148" i="2" a="1"/>
  <c r="F1148" i="2" s="1"/>
  <c r="H7111" i="2" a="1"/>
  <c r="H7111" i="2" s="1"/>
  <c r="E4365" i="2" a="1"/>
  <c r="E4365" i="2" s="1"/>
  <c r="G4597" i="2" a="1"/>
  <c r="G4597" i="2" s="1"/>
  <c r="D3834" i="2" a="1"/>
  <c r="D3834" i="2" s="1"/>
  <c r="G1468" i="2" a="1"/>
  <c r="G1468" i="2" s="1"/>
  <c r="D2423" i="2" a="1"/>
  <c r="D2423" i="2" s="1"/>
  <c r="F5612" i="2" a="1"/>
  <c r="F5612" i="2" s="1"/>
  <c r="H7268" i="2" a="1"/>
  <c r="H7268" i="2" s="1"/>
  <c r="E3673" i="2" a="1"/>
  <c r="E3673" i="2" s="1"/>
  <c r="AO128" i="1"/>
  <c r="E134" i="5" s="1"/>
  <c r="F4985" i="2" a="1"/>
  <c r="F4985" i="2" s="1"/>
  <c r="D3059" i="2" a="1"/>
  <c r="D3059" i="2" s="1"/>
  <c r="F4995" i="2" a="1"/>
  <c r="F4995" i="2" s="1"/>
  <c r="H7091" i="2" a="1"/>
  <c r="H7091" i="2" s="1"/>
  <c r="G4534" i="2" a="1"/>
  <c r="G4534" i="2" s="1"/>
  <c r="F765" i="2" a="1"/>
  <c r="F765" i="2" s="1"/>
  <c r="F423" i="2" a="1"/>
  <c r="F423" i="2" s="1"/>
  <c r="F4978" i="2" a="1"/>
  <c r="F4978" i="2" s="1"/>
  <c r="G2253" i="2" a="1"/>
  <c r="G2253" i="2" s="1"/>
  <c r="D402" i="2" a="1"/>
  <c r="D402" i="2" s="1"/>
  <c r="G2906" i="2" a="1"/>
  <c r="G2906" i="2" s="1"/>
  <c r="H7110" i="2" a="1"/>
  <c r="H7110" i="2" s="1"/>
  <c r="E4376" i="2" a="1"/>
  <c r="E4376" i="2" s="1"/>
  <c r="G4602" i="2" a="1"/>
  <c r="G4602" i="2" s="1"/>
  <c r="D3835" i="2" a="1"/>
  <c r="D3835" i="2" s="1"/>
  <c r="E4809" i="2" a="1"/>
  <c r="E4809" i="2" s="1"/>
  <c r="D2424" i="2" a="1"/>
  <c r="D2424" i="2" s="1"/>
  <c r="H7278" i="2" a="1"/>
  <c r="H7278" i="2" s="1"/>
  <c r="D6241" i="2" a="1"/>
  <c r="D6241" i="2" s="1"/>
  <c r="E3671" i="2" a="1"/>
  <c r="E3671" i="2" s="1"/>
  <c r="G2898" i="2" a="1"/>
  <c r="G2898" i="2" s="1"/>
  <c r="F764" i="2" a="1"/>
  <c r="F764" i="2" s="1"/>
  <c r="H2360" i="2" a="1"/>
  <c r="H2360" i="2" s="1"/>
  <c r="F4999" i="2" a="1"/>
  <c r="F4999" i="2" s="1"/>
  <c r="G2261" i="2" a="1"/>
  <c r="G2261" i="2" s="1"/>
  <c r="D400" i="2" a="1"/>
  <c r="D400" i="2" s="1"/>
  <c r="G2897" i="2" a="1"/>
  <c r="G2897" i="2" s="1"/>
  <c r="H8529" i="2" a="1"/>
  <c r="H8529" i="2" s="1"/>
  <c r="E4368" i="2" a="1"/>
  <c r="E4368" i="2" s="1"/>
  <c r="G4614" i="2" a="1"/>
  <c r="G4614" i="2" s="1"/>
  <c r="G2736" i="2" a="1"/>
  <c r="G2736" i="2" s="1"/>
  <c r="E5637" i="2" a="1"/>
  <c r="E5637" i="2" s="1"/>
  <c r="E4790" i="2" a="1"/>
  <c r="E4790" i="2" s="1"/>
  <c r="D2412" i="2" a="1"/>
  <c r="D2412" i="2" s="1"/>
  <c r="H7264" i="2" a="1"/>
  <c r="H7264" i="2" s="1"/>
  <c r="F5841" i="2" a="1"/>
  <c r="F5841" i="2" s="1"/>
  <c r="F4988" i="2" a="1"/>
  <c r="F4988" i="2" s="1"/>
  <c r="G2909" i="2" a="1"/>
  <c r="G2909" i="2" s="1"/>
  <c r="G2892" i="2" a="1"/>
  <c r="G2892" i="2" s="1"/>
  <c r="H2341" i="2" a="1"/>
  <c r="H2341" i="2" s="1"/>
  <c r="D1997" i="2" a="1"/>
  <c r="D1997" i="2" s="1"/>
  <c r="D406" i="2" a="1"/>
  <c r="D406" i="2" s="1"/>
  <c r="H6287" i="2" a="1"/>
  <c r="H6287" i="2" s="1"/>
  <c r="G2728" i="2" a="1"/>
  <c r="G2728" i="2" s="1"/>
  <c r="E6503" i="2" a="1"/>
  <c r="E6503" i="2" s="1"/>
  <c r="E5626" i="2" a="1"/>
  <c r="E5626" i="2" s="1"/>
  <c r="D7799" i="2" a="1"/>
  <c r="D7799" i="2" s="1"/>
  <c r="H2339" i="2" a="1"/>
  <c r="H2339" i="2" s="1"/>
  <c r="D1988" i="2" a="1"/>
  <c r="D1988" i="2" s="1"/>
  <c r="H7098" i="2" a="1"/>
  <c r="H7098" i="2" s="1"/>
  <c r="G4536" i="2" a="1"/>
  <c r="G4536" i="2" s="1"/>
  <c r="E8077" i="2" a="1"/>
  <c r="E8077" i="2" s="1"/>
  <c r="F759" i="2" a="1"/>
  <c r="F759" i="2" s="1"/>
  <c r="G1457" i="2" a="1"/>
  <c r="G1457" i="2" s="1"/>
  <c r="D3198" i="2" a="1"/>
  <c r="D3198" i="2" s="1"/>
  <c r="H7312" i="2" a="1"/>
  <c r="H7312" i="2" s="1"/>
  <c r="H6906" i="2" a="1"/>
  <c r="H6906" i="2" s="1"/>
  <c r="H2349" i="2" a="1"/>
  <c r="H2349" i="2" s="1"/>
  <c r="D2001" i="2" a="1"/>
  <c r="D2001" i="2" s="1"/>
  <c r="H7102" i="2" a="1"/>
  <c r="H7102" i="2" s="1"/>
  <c r="G4538" i="2" a="1"/>
  <c r="G4538" i="2" s="1"/>
  <c r="D3180" i="2" a="1"/>
  <c r="D3180" i="2" s="1"/>
  <c r="G7056" i="2" a="1"/>
  <c r="G7056" i="2" s="1"/>
  <c r="E281" i="2" a="1"/>
  <c r="E281" i="2" s="1"/>
  <c r="E3076" i="2" a="1"/>
  <c r="E3076" i="2" s="1"/>
  <c r="H755" i="2" a="1"/>
  <c r="H755" i="2" s="1"/>
  <c r="D7889" i="2" a="1"/>
  <c r="D7889" i="2" s="1"/>
  <c r="H4850" i="2" a="1"/>
  <c r="H4850" i="2" s="1"/>
  <c r="D6011" i="2" a="1"/>
  <c r="D6011" i="2" s="1"/>
  <c r="H2700" i="2" a="1"/>
  <c r="H2700" i="2" s="1"/>
  <c r="F5647" i="2" a="1"/>
  <c r="F5647" i="2" s="1"/>
  <c r="G6350" i="2" a="1"/>
  <c r="G6350" i="2" s="1"/>
  <c r="G4543" i="2" a="1"/>
  <c r="G4543" i="2" s="1"/>
  <c r="H5345" i="2" a="1"/>
  <c r="H5345" i="2" s="1"/>
  <c r="D7883" i="2" a="1"/>
  <c r="D7883" i="2" s="1"/>
  <c r="H4838" i="2" a="1"/>
  <c r="H4838" i="2" s="1"/>
  <c r="D6030" i="2" a="1"/>
  <c r="D6030" i="2" s="1"/>
  <c r="G7559" i="2" a="1"/>
  <c r="G7559" i="2" s="1"/>
  <c r="F5645" i="2" a="1"/>
  <c r="F5645" i="2" s="1"/>
  <c r="E8113" i="2" a="1"/>
  <c r="E8113" i="2" s="1"/>
  <c r="D7892" i="2" a="1"/>
  <c r="D7892" i="2" s="1"/>
  <c r="H6910" i="2" a="1"/>
  <c r="H6910" i="2" s="1"/>
  <c r="H3229" i="2" a="1"/>
  <c r="H3229" i="2" s="1"/>
  <c r="F6219" i="2" a="1"/>
  <c r="F6219" i="2" s="1"/>
  <c r="F731" i="2" a="1"/>
  <c r="F731" i="2" s="1"/>
  <c r="G44" i="2" a="1"/>
  <c r="G44" i="2" s="1"/>
  <c r="D6026" i="2" a="1"/>
  <c r="D6026" i="2" s="1"/>
  <c r="D7885" i="2" a="1"/>
  <c r="D7885" i="2" s="1"/>
  <c r="H5620" i="2" a="1"/>
  <c r="H5620" i="2" s="1"/>
  <c r="F4583" i="2" a="1"/>
  <c r="F4583" i="2" s="1"/>
  <c r="G4575" i="2" a="1"/>
  <c r="G4575" i="2" s="1"/>
  <c r="G8242" i="2" a="1"/>
  <c r="G8242" i="2" s="1"/>
  <c r="D1206" i="2" a="1"/>
  <c r="D1206" i="2" s="1"/>
  <c r="F7566" i="2" a="1"/>
  <c r="F7566" i="2" s="1"/>
  <c r="H5604" i="2" a="1"/>
  <c r="H5604" i="2" s="1"/>
  <c r="H5622" i="2" a="1"/>
  <c r="H5622" i="2" s="1"/>
  <c r="D5358" i="2" a="1"/>
  <c r="D5358" i="2" s="1"/>
  <c r="G5762" i="2" a="1"/>
  <c r="G5762" i="2" s="1"/>
  <c r="H3239" i="2" a="1"/>
  <c r="H3239" i="2" s="1"/>
  <c r="H3235" i="2" a="1"/>
  <c r="H3235" i="2" s="1"/>
  <c r="H758" i="2" a="1"/>
  <c r="H758" i="2" s="1"/>
  <c r="D3320" i="2" a="1"/>
  <c r="D3320" i="2" s="1"/>
  <c r="H5359" i="2" a="1"/>
  <c r="H5359" i="2" s="1"/>
  <c r="D1028" i="2" a="1"/>
  <c r="D1028" i="2" s="1"/>
  <c r="E716" i="2" a="1"/>
  <c r="E716" i="2" s="1"/>
  <c r="E4920" i="2" a="1"/>
  <c r="E4920" i="2" s="1"/>
  <c r="F4570" i="2" a="1"/>
  <c r="F4570" i="2" s="1"/>
  <c r="E1231" i="2" a="1"/>
  <c r="E1231" i="2" s="1"/>
  <c r="D6108" i="2" a="1"/>
  <c r="D6108" i="2" s="1"/>
  <c r="D3963" i="2" a="1"/>
  <c r="D3963" i="2" s="1"/>
  <c r="F257" i="2" a="1"/>
  <c r="F257" i="2" s="1"/>
  <c r="G4578" i="2" a="1"/>
  <c r="G4578" i="2" s="1"/>
  <c r="G6627" i="2" a="1"/>
  <c r="G6627" i="2" s="1"/>
  <c r="F6216" i="2" a="1"/>
  <c r="F6216" i="2" s="1"/>
  <c r="F4767" i="2" a="1"/>
  <c r="F4767" i="2" s="1"/>
  <c r="H2784" i="2" a="1"/>
  <c r="H2784" i="2" s="1"/>
  <c r="D5350" i="2" a="1"/>
  <c r="D5350" i="2" s="1"/>
  <c r="G7566" i="2" a="1"/>
  <c r="G7566" i="2" s="1"/>
  <c r="D281" i="2" a="1"/>
  <c r="D281" i="2" s="1"/>
  <c r="H5603" i="2" a="1"/>
  <c r="H5603" i="2" s="1"/>
  <c r="D3300" i="2" a="1"/>
  <c r="D3300" i="2" s="1"/>
  <c r="D1040" i="2" a="1"/>
  <c r="D1040" i="2" s="1"/>
  <c r="E707" i="2" a="1"/>
  <c r="E707" i="2" s="1"/>
  <c r="E1217" i="2" a="1"/>
  <c r="E1217" i="2" s="1"/>
  <c r="G8263" i="2" a="1"/>
  <c r="G8263" i="2" s="1"/>
  <c r="D1187" i="2" a="1"/>
  <c r="D1187" i="2" s="1"/>
  <c r="F7554" i="2" a="1"/>
  <c r="F7554" i="2" s="1"/>
  <c r="H5602" i="2" a="1"/>
  <c r="H5602" i="2" s="1"/>
  <c r="D3148" i="2" a="1"/>
  <c r="D3148" i="2" s="1"/>
  <c r="H3257" i="2" a="1"/>
  <c r="H3257" i="2" s="1"/>
  <c r="D5345" i="2" a="1"/>
  <c r="D5345" i="2" s="1"/>
  <c r="G5764" i="2" a="1"/>
  <c r="G5764" i="2" s="1"/>
  <c r="H3241" i="2" a="1"/>
  <c r="H3241" i="2" s="1"/>
  <c r="H3249" i="2" a="1"/>
  <c r="H3249" i="2" s="1"/>
  <c r="D3316" i="2" a="1"/>
  <c r="D3316" i="2" s="1"/>
  <c r="G3006" i="2" a="1"/>
  <c r="G3006" i="2" s="1"/>
  <c r="D1034" i="2" a="1"/>
  <c r="D1034" i="2" s="1"/>
  <c r="E728" i="2" a="1"/>
  <c r="E728" i="2" s="1"/>
  <c r="F7359" i="2" a="1"/>
  <c r="F7359" i="2" s="1"/>
  <c r="E4917" i="2" a="1"/>
  <c r="E4917" i="2" s="1"/>
  <c r="F4589" i="2" a="1"/>
  <c r="F4589" i="2" s="1"/>
  <c r="E1222" i="2" a="1"/>
  <c r="E1222" i="2" s="1"/>
  <c r="D6123" i="2" a="1"/>
  <c r="D6123" i="2" s="1"/>
  <c r="H7225" i="2" a="1"/>
  <c r="H7225" i="2" s="1"/>
  <c r="D3947" i="2" a="1"/>
  <c r="D3947" i="2" s="1"/>
  <c r="F270" i="2" a="1"/>
  <c r="F270" i="2" s="1"/>
  <c r="G4572" i="2" a="1"/>
  <c r="G4572" i="2" s="1"/>
  <c r="G6616" i="2" a="1"/>
  <c r="G6616" i="2" s="1"/>
  <c r="F6210" i="2" a="1"/>
  <c r="F6210" i="2" s="1"/>
  <c r="E280" i="2" a="1"/>
  <c r="E280" i="2" s="1"/>
  <c r="H4835" i="2" a="1"/>
  <c r="H4835" i="2" s="1"/>
  <c r="G7556" i="2" a="1"/>
  <c r="G7556" i="2" s="1"/>
  <c r="D2334" i="2" a="1"/>
  <c r="D2334" i="2" s="1"/>
  <c r="H760" i="2" a="1"/>
  <c r="H760" i="2" s="1"/>
  <c r="D1207" i="2" a="1"/>
  <c r="D1207" i="2" s="1"/>
  <c r="H764" i="2" a="1"/>
  <c r="H764" i="2" s="1"/>
  <c r="H5339" i="2" a="1"/>
  <c r="H5339" i="2" s="1"/>
  <c r="F7114" i="2" a="1"/>
  <c r="F7114" i="2" s="1"/>
  <c r="G6619" i="2" a="1"/>
  <c r="G6619" i="2" s="1"/>
  <c r="G7568" i="2" a="1"/>
  <c r="G7568" i="2" s="1"/>
  <c r="G8257" i="2" a="1"/>
  <c r="G8257" i="2" s="1"/>
  <c r="D1196" i="2" a="1"/>
  <c r="D1196" i="2" s="1"/>
  <c r="F7552" i="2" a="1"/>
  <c r="F7552" i="2" s="1"/>
  <c r="H5611" i="2" a="1"/>
  <c r="H5611" i="2" s="1"/>
  <c r="D3141" i="2" a="1"/>
  <c r="D3141" i="2" s="1"/>
  <c r="H3254" i="2" a="1"/>
  <c r="H3254" i="2" s="1"/>
  <c r="D5359" i="2" a="1"/>
  <c r="D5359" i="2" s="1"/>
  <c r="G5750" i="2" a="1"/>
  <c r="G5750" i="2" s="1"/>
  <c r="AP23" i="1"/>
  <c r="F29" i="5" s="1"/>
  <c r="H3238" i="2" a="1"/>
  <c r="H3238" i="2" s="1"/>
  <c r="D3308" i="2" a="1"/>
  <c r="D3308" i="2" s="1"/>
  <c r="G2996" i="2" a="1"/>
  <c r="G2996" i="2" s="1"/>
  <c r="D1027" i="2" a="1"/>
  <c r="D1027" i="2" s="1"/>
  <c r="E714" i="2" a="1"/>
  <c r="E714" i="2" s="1"/>
  <c r="F7361" i="2" a="1"/>
  <c r="F7361" i="2" s="1"/>
  <c r="E4926" i="2" a="1"/>
  <c r="E4926" i="2" s="1"/>
  <c r="F4572" i="2" a="1"/>
  <c r="F4572" i="2" s="1"/>
  <c r="E1210" i="2" a="1"/>
  <c r="E1210" i="2" s="1"/>
  <c r="D6110" i="2" a="1"/>
  <c r="D6110" i="2" s="1"/>
  <c r="K6110" i="2" s="1"/>
  <c r="K6084" i="5" s="1"/>
  <c r="D3962" i="2" a="1"/>
  <c r="D3962" i="2" s="1"/>
  <c r="F254" i="2" a="1"/>
  <c r="F254" i="2" s="1"/>
  <c r="G4592" i="2" a="1"/>
  <c r="G4592" i="2" s="1"/>
  <c r="G6614" i="2" a="1"/>
  <c r="G6614" i="2" s="1"/>
  <c r="F6211" i="2" a="1"/>
  <c r="F6211" i="2" s="1"/>
  <c r="F2617" i="2" a="1"/>
  <c r="F2617" i="2" s="1"/>
  <c r="H7738" i="2" a="1"/>
  <c r="H7738" i="2" s="1"/>
  <c r="F5639" i="2" a="1"/>
  <c r="F5639" i="2" s="1"/>
  <c r="H6902" i="2" a="1"/>
  <c r="H6902" i="2" s="1"/>
  <c r="H763" i="2" a="1"/>
  <c r="H763" i="2" s="1"/>
  <c r="F7556" i="2" a="1"/>
  <c r="F7556" i="2" s="1"/>
  <c r="H5352" i="2" a="1"/>
  <c r="H5352" i="2" s="1"/>
  <c r="F7131" i="2" a="1"/>
  <c r="F7131" i="2" s="1"/>
  <c r="H4855" i="2" a="1"/>
  <c r="H4855" i="2" s="1"/>
  <c r="H6602" i="2" a="1"/>
  <c r="H6602" i="2" s="1"/>
  <c r="F7559" i="2" a="1"/>
  <c r="F7559" i="2" s="1"/>
  <c r="G5768" i="2" a="1"/>
  <c r="G5768" i="2" s="1"/>
  <c r="F273" i="2" a="1"/>
  <c r="F273" i="2" s="1"/>
  <c r="G8244" i="2" a="1"/>
  <c r="G8244" i="2" s="1"/>
  <c r="D1194" i="2" a="1"/>
  <c r="D1194" i="2" s="1"/>
  <c r="F7562" i="2" a="1"/>
  <c r="F7562" i="2" s="1"/>
  <c r="H5625" i="2" a="1"/>
  <c r="H5625" i="2" s="1"/>
  <c r="D3151" i="2" a="1"/>
  <c r="D3151" i="2" s="1"/>
  <c r="H3267" i="2" a="1"/>
  <c r="H3267" i="2" s="1"/>
  <c r="G5761" i="2" a="1"/>
  <c r="G5761" i="2" s="1"/>
  <c r="G5755" i="2" a="1"/>
  <c r="G5755" i="2" s="1"/>
  <c r="AN23" i="1"/>
  <c r="D29" i="5" s="1"/>
  <c r="H3236" i="2" a="1"/>
  <c r="H3236" i="2" s="1"/>
  <c r="D3309" i="2" a="1"/>
  <c r="D3309" i="2" s="1"/>
  <c r="G2994" i="2" a="1"/>
  <c r="G2994" i="2" s="1"/>
  <c r="D1039" i="2" a="1"/>
  <c r="D1039" i="2" s="1"/>
  <c r="E711" i="2" a="1"/>
  <c r="E711" i="2" s="1"/>
  <c r="F7370" i="2" a="1"/>
  <c r="F7370" i="2" s="1"/>
  <c r="E4914" i="2" a="1"/>
  <c r="E4914" i="2" s="1"/>
  <c r="F4581" i="2" a="1"/>
  <c r="F4581" i="2" s="1"/>
  <c r="F1886" i="2" a="1"/>
  <c r="F1886" i="2" s="1"/>
  <c r="E1227" i="2" a="1"/>
  <c r="E1227" i="2" s="1"/>
  <c r="D6128" i="2" a="1"/>
  <c r="D6128" i="2" s="1"/>
  <c r="F1687" i="2" a="1"/>
  <c r="F1687" i="2" s="1"/>
  <c r="D3969" i="2" a="1"/>
  <c r="D3969" i="2" s="1"/>
  <c r="F250" i="2" a="1"/>
  <c r="F250" i="2" s="1"/>
  <c r="H2337" i="2" a="1"/>
  <c r="H2337" i="2" s="1"/>
  <c r="E4299" i="2" a="1"/>
  <c r="E4299" i="2" s="1"/>
  <c r="G4580" i="2" a="1"/>
  <c r="G4580" i="2" s="1"/>
  <c r="G6631" i="2" a="1"/>
  <c r="G6631" i="2" s="1"/>
  <c r="F6206" i="2" a="1"/>
  <c r="F6206" i="2" s="1"/>
  <c r="F2625" i="2" a="1"/>
  <c r="F2625" i="2" s="1"/>
  <c r="G6050" i="2" a="1"/>
  <c r="G6050" i="2" s="1"/>
  <c r="D2402" i="2" a="1"/>
  <c r="D2402" i="2" s="1"/>
  <c r="H7760" i="2" a="1"/>
  <c r="H7760" i="2" s="1"/>
  <c r="G3290" i="2" a="1"/>
  <c r="G3290" i="2" s="1"/>
  <c r="G4542" i="2" a="1"/>
  <c r="G4542" i="2" s="1"/>
  <c r="F4576" i="2" a="1"/>
  <c r="F4576" i="2" s="1"/>
  <c r="F266" i="2" a="1"/>
  <c r="F266" i="2" s="1"/>
  <c r="F4577" i="2" a="1"/>
  <c r="F4577" i="2" s="1"/>
  <c r="F272" i="2" a="1"/>
  <c r="F272" i="2" s="1"/>
  <c r="G8247" i="2" a="1"/>
  <c r="G8247" i="2" s="1"/>
  <c r="E4928" i="2" a="1"/>
  <c r="E4928" i="2" s="1"/>
  <c r="G8260" i="2" a="1"/>
  <c r="G8260" i="2" s="1"/>
  <c r="D1191" i="2" a="1"/>
  <c r="D1191" i="2" s="1"/>
  <c r="H5612" i="2" a="1"/>
  <c r="H5612" i="2" s="1"/>
  <c r="D3134" i="2" a="1"/>
  <c r="D3134" i="2" s="1"/>
  <c r="H3251" i="2" a="1"/>
  <c r="H3251" i="2" s="1"/>
  <c r="G5749" i="2" a="1"/>
  <c r="G5749" i="2" s="1"/>
  <c r="G5767" i="2" a="1"/>
  <c r="G5767" i="2" s="1"/>
  <c r="AM128" i="1"/>
  <c r="C134" i="5" s="1"/>
  <c r="AO23" i="1"/>
  <c r="E29" i="5" s="1"/>
  <c r="H3242" i="2" a="1"/>
  <c r="H3242" i="2" s="1"/>
  <c r="D3321" i="2" a="1"/>
  <c r="D3321" i="2" s="1"/>
  <c r="G2989" i="2" a="1"/>
  <c r="G2989" i="2" s="1"/>
  <c r="D1022" i="2" a="1"/>
  <c r="D1022" i="2" s="1"/>
  <c r="E709" i="2" a="1"/>
  <c r="E709" i="2" s="1"/>
  <c r="F7372" i="2" a="1"/>
  <c r="F7372" i="2" s="1"/>
  <c r="E4925" i="2" a="1"/>
  <c r="E4925" i="2" s="1"/>
  <c r="F4578" i="2" a="1"/>
  <c r="F4578" i="2" s="1"/>
  <c r="D5668" i="2" a="1"/>
  <c r="D5668" i="2" s="1"/>
  <c r="F1899" i="2" a="1"/>
  <c r="F1899" i="2" s="1"/>
  <c r="E1229" i="2" a="1"/>
  <c r="E1229" i="2" s="1"/>
  <c r="D6124" i="2" a="1"/>
  <c r="D6124" i="2" s="1"/>
  <c r="F1683" i="2" a="1"/>
  <c r="F1683" i="2" s="1"/>
  <c r="D3968" i="2" a="1"/>
  <c r="D3968" i="2" s="1"/>
  <c r="H2331" i="2" a="1"/>
  <c r="H2331" i="2" s="1"/>
  <c r="G6621" i="2" a="1"/>
  <c r="G6621" i="2" s="1"/>
  <c r="F6208" i="2" a="1"/>
  <c r="F6208" i="2" s="1"/>
  <c r="G6037" i="2" a="1"/>
  <c r="G6037" i="2" s="1"/>
  <c r="D2407" i="2" a="1"/>
  <c r="D2407" i="2" s="1"/>
  <c r="H7750" i="2" a="1"/>
  <c r="H7750" i="2" s="1"/>
  <c r="H6905" i="2" a="1"/>
  <c r="H6905" i="2" s="1"/>
  <c r="H757" i="2" a="1"/>
  <c r="H757" i="2" s="1"/>
  <c r="H6916" i="2" a="1"/>
  <c r="H6916" i="2" s="1"/>
  <c r="H5343" i="2" a="1"/>
  <c r="H5343" i="2" s="1"/>
  <c r="F5875" i="2" a="1"/>
  <c r="F5875" i="2" s="1"/>
  <c r="D5354" i="2" a="1"/>
  <c r="D5354" i="2" s="1"/>
  <c r="H3244" i="2" a="1"/>
  <c r="H3244" i="2" s="1"/>
  <c r="D5665" i="2" a="1"/>
  <c r="D5665" i="2" s="1"/>
  <c r="D6118" i="2" a="1"/>
  <c r="D6118" i="2" s="1"/>
  <c r="D1209" i="2" a="1"/>
  <c r="D1209" i="2" s="1"/>
  <c r="H3255" i="2" a="1"/>
  <c r="H3255" i="2" s="1"/>
  <c r="G5760" i="2" a="1"/>
  <c r="G5760" i="2" s="1"/>
  <c r="D1993" i="2" a="1"/>
  <c r="D1993" i="2" s="1"/>
  <c r="D414" i="2" a="1"/>
  <c r="D414" i="2" s="1"/>
  <c r="AQ23" i="1"/>
  <c r="D3305" i="2" a="1"/>
  <c r="D3305" i="2" s="1"/>
  <c r="G3000" i="2" a="1"/>
  <c r="G3000" i="2" s="1"/>
  <c r="D1024" i="2" a="1"/>
  <c r="D1024" i="2" s="1"/>
  <c r="E729" i="2" a="1"/>
  <c r="E729" i="2" s="1"/>
  <c r="F7354" i="2" a="1"/>
  <c r="F7354" i="2" s="1"/>
  <c r="E4913" i="2" a="1"/>
  <c r="E4913" i="2" s="1"/>
  <c r="F1900" i="2" a="1"/>
  <c r="F1900" i="2" s="1"/>
  <c r="D3827" i="2" a="1"/>
  <c r="D3827" i="2" s="1"/>
  <c r="D7622" i="2" a="1"/>
  <c r="D7622" i="2" s="1"/>
  <c r="G5690" i="2" a="1"/>
  <c r="G5690" i="2" s="1"/>
  <c r="H6898" i="2" a="1"/>
  <c r="H6898" i="2" s="1"/>
  <c r="H2356" i="2" a="1"/>
  <c r="H2356" i="2" s="1"/>
  <c r="D5341" i="2" a="1"/>
  <c r="D5341" i="2" s="1"/>
  <c r="D1996" i="2" a="1"/>
  <c r="D1996" i="2" s="1"/>
  <c r="D399" i="2" a="1"/>
  <c r="D399" i="2" s="1"/>
  <c r="F5525" i="2" a="1"/>
  <c r="F5525" i="2" s="1"/>
  <c r="H754" i="2" a="1"/>
  <c r="H754" i="2" s="1"/>
  <c r="H7112" i="2" a="1"/>
  <c r="H7112" i="2" s="1"/>
  <c r="G2999" i="2" a="1"/>
  <c r="G2999" i="2" s="1"/>
  <c r="E8084" i="2" a="1"/>
  <c r="E8084" i="2" s="1"/>
  <c r="F7375" i="2" a="1"/>
  <c r="F7375" i="2" s="1"/>
  <c r="F4585" i="2" a="1"/>
  <c r="F4585" i="2" s="1"/>
  <c r="F757" i="2" a="1"/>
  <c r="F757" i="2" s="1"/>
  <c r="F1885" i="2" a="1"/>
  <c r="F1885" i="2" s="1"/>
  <c r="F4781" i="2" a="1"/>
  <c r="F4781" i="2" s="1"/>
  <c r="F5872" i="2" a="1"/>
  <c r="F5872" i="2" s="1"/>
  <c r="F263" i="2" a="1"/>
  <c r="F263" i="2" s="1"/>
  <c r="G1455" i="2" a="1"/>
  <c r="G1455" i="2" s="1"/>
  <c r="E282" i="2" a="1"/>
  <c r="E282" i="2" s="1"/>
  <c r="E8116" i="2" a="1"/>
  <c r="E8116" i="2" s="1"/>
  <c r="F1057" i="2" a="1"/>
  <c r="F1057" i="2" s="1"/>
  <c r="F1044" i="2" a="1"/>
  <c r="F1044" i="2" s="1"/>
  <c r="F1049" i="2" a="1"/>
  <c r="F1049" i="2" s="1"/>
  <c r="F2577" i="2" a="1"/>
  <c r="F2577" i="2" s="1"/>
  <c r="F2561" i="2" a="1"/>
  <c r="F2561" i="2" s="1"/>
  <c r="F2575" i="2" a="1"/>
  <c r="F2575" i="2" s="1"/>
  <c r="F7257" i="2" a="1"/>
  <c r="F7257" i="2" s="1"/>
  <c r="F7248" i="2" a="1"/>
  <c r="F7248" i="2" s="1"/>
  <c r="F7249" i="2" a="1"/>
  <c r="F7249" i="2" s="1"/>
  <c r="F7243" i="2" a="1"/>
  <c r="F7243" i="2" s="1"/>
  <c r="F7252" i="2" a="1"/>
  <c r="F7252" i="2" s="1"/>
  <c r="F7235" i="2" a="1"/>
  <c r="F7235" i="2" s="1"/>
  <c r="F7244" i="2" a="1"/>
  <c r="F7244" i="2" s="1"/>
  <c r="F7254" i="2" a="1"/>
  <c r="F7254" i="2" s="1"/>
  <c r="F7251" i="2" a="1"/>
  <c r="F7251" i="2" s="1"/>
  <c r="F7250" i="2" a="1"/>
  <c r="F7250" i="2" s="1"/>
  <c r="D2784" i="2" a="1"/>
  <c r="D2784" i="2" s="1"/>
  <c r="D2774" i="2" a="1"/>
  <c r="D2774" i="2" s="1"/>
  <c r="D2790" i="2" a="1"/>
  <c r="D2790" i="2" s="1"/>
  <c r="D2775" i="2" a="1"/>
  <c r="D2775" i="2" s="1"/>
  <c r="D2779" i="2" a="1"/>
  <c r="D2779" i="2" s="1"/>
  <c r="AO116" i="1"/>
  <c r="E122" i="5" s="1"/>
  <c r="AN116" i="1"/>
  <c r="D122" i="5" s="1"/>
  <c r="D2793" i="2" a="1"/>
  <c r="D2793" i="2" s="1"/>
  <c r="D2782" i="2" a="1"/>
  <c r="D2782" i="2" s="1"/>
  <c r="D2786" i="2" a="1"/>
  <c r="D2786" i="2" s="1"/>
  <c r="D2785" i="2" a="1"/>
  <c r="D2785" i="2" s="1"/>
  <c r="D2772" i="2" a="1"/>
  <c r="D2772" i="2" s="1"/>
  <c r="D2091" i="2" a="1"/>
  <c r="D2091" i="2" s="1"/>
  <c r="D2085" i="2" a="1"/>
  <c r="D2085" i="2" s="1"/>
  <c r="D2077" i="2" a="1"/>
  <c r="D2077" i="2" s="1"/>
  <c r="G1462" i="2" a="1"/>
  <c r="G1462" i="2" s="1"/>
  <c r="G7046" i="2" a="1"/>
  <c r="G7046" i="2" s="1"/>
  <c r="E297" i="2" a="1"/>
  <c r="E297" i="2" s="1"/>
  <c r="E8099" i="2" a="1"/>
  <c r="E8099" i="2" s="1"/>
  <c r="D296" i="2" a="1"/>
  <c r="D296" i="2" s="1"/>
  <c r="E2461" i="2" a="1"/>
  <c r="E2461" i="2" s="1"/>
  <c r="E2479" i="2" a="1"/>
  <c r="E2479" i="2" s="1"/>
  <c r="D3385" i="2" a="1"/>
  <c r="D3385" i="2" s="1"/>
  <c r="D3389" i="2" a="1"/>
  <c r="D3389" i="2" s="1"/>
  <c r="D1473" i="2" a="1"/>
  <c r="D1473" i="2" s="1"/>
  <c r="D1465" i="2" a="1"/>
  <c r="D1465" i="2" s="1"/>
  <c r="D1472" i="2" a="1"/>
  <c r="D1472" i="2" s="1"/>
  <c r="D1461" i="2" a="1"/>
  <c r="D1461" i="2" s="1"/>
  <c r="D1468" i="2" a="1"/>
  <c r="D1468" i="2" s="1"/>
  <c r="D1451" i="2" a="1"/>
  <c r="D1451" i="2" s="1"/>
  <c r="D1460" i="2" a="1"/>
  <c r="D1460" i="2" s="1"/>
  <c r="D1467" i="2" a="1"/>
  <c r="D1467" i="2" s="1"/>
  <c r="D1454" i="2" a="1"/>
  <c r="D1454" i="2" s="1"/>
  <c r="D1462" i="2" a="1"/>
  <c r="D1462" i="2" s="1"/>
  <c r="D1464" i="2" a="1"/>
  <c r="D1464" i="2" s="1"/>
  <c r="D1463" i="2" a="1"/>
  <c r="D1463" i="2" s="1"/>
  <c r="D1470" i="2" a="1"/>
  <c r="D1470" i="2" s="1"/>
  <c r="D1450" i="2" a="1"/>
  <c r="D1450" i="2" s="1"/>
  <c r="E6335" i="2" a="1"/>
  <c r="E6335" i="2" s="1"/>
  <c r="E6341" i="2" a="1"/>
  <c r="E6341" i="2" s="1"/>
  <c r="E6271" i="2" a="1"/>
  <c r="E6271" i="2" s="1"/>
  <c r="E6254" i="2" a="1"/>
  <c r="E6254" i="2" s="1"/>
  <c r="E6262" i="2" a="1"/>
  <c r="E6262" i="2" s="1"/>
  <c r="E6268" i="2" a="1"/>
  <c r="E6268" i="2" s="1"/>
  <c r="E6250" i="2" a="1"/>
  <c r="E6250" i="2" s="1"/>
  <c r="E6270" i="2" a="1"/>
  <c r="E6270" i="2" s="1"/>
  <c r="G4058" i="2" a="1"/>
  <c r="G4058" i="2" s="1"/>
  <c r="G4046" i="2" a="1"/>
  <c r="G4046" i="2" s="1"/>
  <c r="G4053" i="2" a="1"/>
  <c r="G4053" i="2" s="1"/>
  <c r="G4044" i="2" a="1"/>
  <c r="G4044" i="2" s="1"/>
  <c r="G4060" i="2" a="1"/>
  <c r="G4060" i="2" s="1"/>
  <c r="G4061" i="2" a="1"/>
  <c r="G4061" i="2" s="1"/>
  <c r="H3771" i="2" a="1"/>
  <c r="H3771" i="2" s="1"/>
  <c r="H3777" i="2" a="1"/>
  <c r="H3777" i="2" s="1"/>
  <c r="H3776" i="2" a="1"/>
  <c r="H3776" i="2" s="1"/>
  <c r="H3769" i="2" a="1"/>
  <c r="H3769" i="2" s="1"/>
  <c r="H3763" i="2" a="1"/>
  <c r="H3763" i="2" s="1"/>
  <c r="H3764" i="2" a="1"/>
  <c r="H3764" i="2" s="1"/>
  <c r="H3754" i="2" a="1"/>
  <c r="H3754" i="2" s="1"/>
  <c r="H3772" i="2" a="1"/>
  <c r="H3772" i="2" s="1"/>
  <c r="H3761" i="2" a="1"/>
  <c r="H3761" i="2" s="1"/>
  <c r="H3759" i="2" a="1"/>
  <c r="H3759" i="2" s="1"/>
  <c r="H3755" i="2" a="1"/>
  <c r="H3755" i="2" s="1"/>
  <c r="H3756" i="2" a="1"/>
  <c r="H3756" i="2" s="1"/>
  <c r="H3765" i="2" a="1"/>
  <c r="H3765" i="2" s="1"/>
  <c r="H3774" i="2" a="1"/>
  <c r="H3774" i="2" s="1"/>
  <c r="H3770" i="2" a="1"/>
  <c r="H3770" i="2" s="1"/>
  <c r="H3768" i="2" a="1"/>
  <c r="H3768" i="2" s="1"/>
  <c r="G8346" i="2" a="1"/>
  <c r="G8346" i="2" s="1"/>
  <c r="G8350" i="2" a="1"/>
  <c r="G8350" i="2" s="1"/>
  <c r="G8339" i="2" a="1"/>
  <c r="G8339" i="2" s="1"/>
  <c r="G8343" i="2" a="1"/>
  <c r="G8343" i="2" s="1"/>
  <c r="G8353" i="2" a="1"/>
  <c r="G8353" i="2" s="1"/>
  <c r="G8338" i="2" a="1"/>
  <c r="G8338" i="2" s="1"/>
  <c r="G8360" i="2" a="1"/>
  <c r="G8360" i="2" s="1"/>
  <c r="G8340" i="2" a="1"/>
  <c r="G8340" i="2" s="1"/>
  <c r="G8345" i="2" a="1"/>
  <c r="G8345" i="2" s="1"/>
  <c r="G8342" i="2" a="1"/>
  <c r="G8342" i="2" s="1"/>
  <c r="G8349" i="2" a="1"/>
  <c r="G8349" i="2" s="1"/>
  <c r="G8359" i="2" a="1"/>
  <c r="G8359" i="2" s="1"/>
  <c r="G8344" i="2" a="1"/>
  <c r="G8344" i="2" s="1"/>
  <c r="G8361" i="2" a="1"/>
  <c r="G8361" i="2" s="1"/>
  <c r="G8347" i="2" a="1"/>
  <c r="G8347" i="2" s="1"/>
  <c r="G8348" i="2" a="1"/>
  <c r="G8348" i="2" s="1"/>
  <c r="H7246" i="2" a="1"/>
  <c r="H7246" i="2" s="1"/>
  <c r="H7239" i="2" a="1"/>
  <c r="H7239" i="2" s="1"/>
  <c r="H7250" i="2" a="1"/>
  <c r="H7250" i="2" s="1"/>
  <c r="H7242" i="2" a="1"/>
  <c r="H7242" i="2" s="1"/>
  <c r="H7257" i="2" a="1"/>
  <c r="H7257" i="2" s="1"/>
  <c r="H7249" i="2" a="1"/>
  <c r="H7249" i="2" s="1"/>
  <c r="H7247" i="2" a="1"/>
  <c r="H7247" i="2" s="1"/>
  <c r="H7243" i="2" a="1"/>
  <c r="H7243" i="2" s="1"/>
  <c r="H7255" i="2" a="1"/>
  <c r="H7255" i="2" s="1"/>
  <c r="H7244" i="2" a="1"/>
  <c r="H7244" i="2" s="1"/>
  <c r="H7240" i="2" a="1"/>
  <c r="H7240" i="2" s="1"/>
  <c r="G5677" i="2" a="1"/>
  <c r="G5677" i="2" s="1"/>
  <c r="G5694" i="2" a="1"/>
  <c r="G5694" i="2" s="1"/>
  <c r="G5691" i="2" a="1"/>
  <c r="G5691" i="2" s="1"/>
  <c r="G5674" i="2" a="1"/>
  <c r="G5674" i="2" s="1"/>
  <c r="G5680" i="2" a="1"/>
  <c r="G5680" i="2" s="1"/>
  <c r="G5695" i="2" a="1"/>
  <c r="G5695" i="2" s="1"/>
  <c r="G5683" i="2" a="1"/>
  <c r="G5683" i="2" s="1"/>
  <c r="G5675" i="2" a="1"/>
  <c r="G5675" i="2" s="1"/>
  <c r="G5684" i="2" a="1"/>
  <c r="G5684" i="2" s="1"/>
  <c r="G5693" i="2" a="1"/>
  <c r="G5693" i="2" s="1"/>
  <c r="G5682" i="2" a="1"/>
  <c r="G5682" i="2" s="1"/>
  <c r="G5685" i="2" a="1"/>
  <c r="G5685" i="2" s="1"/>
  <c r="G5688" i="2" a="1"/>
  <c r="G5688" i="2" s="1"/>
  <c r="G5697" i="2" a="1"/>
  <c r="G5697" i="2" s="1"/>
  <c r="G5689" i="2" a="1"/>
  <c r="G5689" i="2" s="1"/>
  <c r="H1937" i="2" a="1"/>
  <c r="H1937" i="2" s="1"/>
  <c r="H1945" i="2" a="1"/>
  <c r="H1945" i="2" s="1"/>
  <c r="H1932" i="2" a="1"/>
  <c r="H1932" i="2" s="1"/>
  <c r="H1951" i="2" a="1"/>
  <c r="H1951" i="2" s="1"/>
  <c r="H1946" i="2" a="1"/>
  <c r="H1946" i="2" s="1"/>
  <c r="H1948" i="2" a="1"/>
  <c r="H1948" i="2" s="1"/>
  <c r="H1936" i="2" a="1"/>
  <c r="H1936" i="2" s="1"/>
  <c r="H1940" i="2" a="1"/>
  <c r="H1940" i="2" s="1"/>
  <c r="H1944" i="2" a="1"/>
  <c r="H1944" i="2" s="1"/>
  <c r="H1930" i="2" a="1"/>
  <c r="H1930" i="2" s="1"/>
  <c r="H1934" i="2" a="1"/>
  <c r="H1934" i="2" s="1"/>
  <c r="H1941" i="2" a="1"/>
  <c r="H1941" i="2" s="1"/>
  <c r="D7791" i="2" a="1"/>
  <c r="D7791" i="2" s="1"/>
  <c r="D7807" i="2" a="1"/>
  <c r="D7807" i="2" s="1"/>
  <c r="D7804" i="2" a="1"/>
  <c r="D7804" i="2" s="1"/>
  <c r="D7788" i="2" a="1"/>
  <c r="D7788" i="2" s="1"/>
  <c r="D7792" i="2" a="1"/>
  <c r="D7792" i="2" s="1"/>
  <c r="D7790" i="2" a="1"/>
  <c r="D7790" i="2" s="1"/>
  <c r="D7794" i="2" a="1"/>
  <c r="D7794" i="2" s="1"/>
  <c r="D7796" i="2" a="1"/>
  <c r="D7796" i="2" s="1"/>
  <c r="D7802" i="2" a="1"/>
  <c r="D7802" i="2" s="1"/>
  <c r="D7789" i="2" a="1"/>
  <c r="D7789" i="2" s="1"/>
  <c r="D7797" i="2" a="1"/>
  <c r="D7797" i="2" s="1"/>
  <c r="D7801" i="2" a="1"/>
  <c r="D7801" i="2" s="1"/>
  <c r="D7800" i="2" a="1"/>
  <c r="D7800" i="2" s="1"/>
  <c r="D7793" i="2" a="1"/>
  <c r="D7793" i="2" s="1"/>
  <c r="E594" i="2" a="1"/>
  <c r="E594" i="2" s="1"/>
  <c r="E598" i="2" a="1"/>
  <c r="E598" i="2" s="1"/>
  <c r="E595" i="2" a="1"/>
  <c r="E595" i="2" s="1"/>
  <c r="E608" i="2" a="1"/>
  <c r="E608" i="2" s="1"/>
  <c r="E596" i="2" a="1"/>
  <c r="E596" i="2" s="1"/>
  <c r="E599" i="2" a="1"/>
  <c r="E599" i="2" s="1"/>
  <c r="E601" i="2" a="1"/>
  <c r="E601" i="2" s="1"/>
  <c r="E590" i="2" a="1"/>
  <c r="E590" i="2" s="1"/>
  <c r="E597" i="2" a="1"/>
  <c r="E597" i="2" s="1"/>
  <c r="E602" i="2" a="1"/>
  <c r="E602" i="2" s="1"/>
  <c r="E606" i="2" a="1"/>
  <c r="E606" i="2" s="1"/>
  <c r="E588" i="2" a="1"/>
  <c r="E588" i="2" s="1"/>
  <c r="E591" i="2" a="1"/>
  <c r="E591" i="2" s="1"/>
  <c r="E600" i="2" a="1"/>
  <c r="E600" i="2" s="1"/>
  <c r="E604" i="2" a="1"/>
  <c r="E604" i="2" s="1"/>
  <c r="E587" i="2" a="1"/>
  <c r="E587" i="2" s="1"/>
  <c r="E589" i="2" a="1"/>
  <c r="E589" i="2" s="1"/>
  <c r="E592" i="2" a="1"/>
  <c r="E592" i="2" s="1"/>
  <c r="E586" i="2" a="1"/>
  <c r="E586" i="2" s="1"/>
  <c r="E605" i="2" a="1"/>
  <c r="E605" i="2" s="1"/>
  <c r="F7321" i="2" a="1"/>
  <c r="F7321" i="2" s="1"/>
  <c r="F7313" i="2" a="1"/>
  <c r="F7313" i="2" s="1"/>
  <c r="F7309" i="2" a="1"/>
  <c r="F7309" i="2" s="1"/>
  <c r="F7307" i="2" a="1"/>
  <c r="F7307" i="2" s="1"/>
  <c r="F7322" i="2" a="1"/>
  <c r="F7322" i="2" s="1"/>
  <c r="F7314" i="2" a="1"/>
  <c r="F7314" i="2" s="1"/>
  <c r="F7325" i="2" a="1"/>
  <c r="F7325" i="2" s="1"/>
  <c r="F7317" i="2" a="1"/>
  <c r="F7317" i="2" s="1"/>
  <c r="F7306" i="2" a="1"/>
  <c r="F7306" i="2" s="1"/>
  <c r="F7318" i="2" a="1"/>
  <c r="F7318" i="2" s="1"/>
  <c r="F7308" i="2" a="1"/>
  <c r="F7308" i="2" s="1"/>
  <c r="F7320" i="2" a="1"/>
  <c r="F7320" i="2" s="1"/>
  <c r="F7328" i="2" a="1"/>
  <c r="F7328" i="2" s="1"/>
  <c r="F7327" i="2" a="1"/>
  <c r="F7327" i="2" s="1"/>
  <c r="F7329" i="2" a="1"/>
  <c r="F7329" i="2" s="1"/>
  <c r="F7324" i="2" a="1"/>
  <c r="F7324" i="2" s="1"/>
  <c r="F7319" i="2" a="1"/>
  <c r="F7319" i="2" s="1"/>
  <c r="G5643" i="2" a="1"/>
  <c r="G5643" i="2" s="1"/>
  <c r="G5632" i="2" a="1"/>
  <c r="G5632" i="2" s="1"/>
  <c r="G5629" i="2" a="1"/>
  <c r="G5629" i="2" s="1"/>
  <c r="G5645" i="2" a="1"/>
  <c r="G5645" i="2" s="1"/>
  <c r="G5639" i="2" a="1"/>
  <c r="G5639" i="2" s="1"/>
  <c r="G5648" i="2" a="1"/>
  <c r="G5648" i="2" s="1"/>
  <c r="G5642" i="2" a="1"/>
  <c r="G5642" i="2" s="1"/>
  <c r="G5637" i="2" a="1"/>
  <c r="G5637" i="2" s="1"/>
  <c r="G5630" i="2" a="1"/>
  <c r="G5630" i="2" s="1"/>
  <c r="G5628" i="2" a="1"/>
  <c r="G5628" i="2" s="1"/>
  <c r="G5631" i="2" a="1"/>
  <c r="G5631" i="2" s="1"/>
  <c r="G5626" i="2" a="1"/>
  <c r="G5626" i="2" s="1"/>
  <c r="G5647" i="2" a="1"/>
  <c r="G5647" i="2" s="1"/>
  <c r="G5635" i="2" a="1"/>
  <c r="G5635" i="2" s="1"/>
  <c r="G5640" i="2" a="1"/>
  <c r="G5640" i="2" s="1"/>
  <c r="G5634" i="2" a="1"/>
  <c r="G5634" i="2" s="1"/>
  <c r="G5638" i="2" a="1"/>
  <c r="G5638" i="2" s="1"/>
  <c r="G5644" i="2" a="1"/>
  <c r="G5644" i="2" s="1"/>
  <c r="G5646" i="2" a="1"/>
  <c r="G5646" i="2" s="1"/>
  <c r="G5627" i="2" a="1"/>
  <c r="G5627" i="2" s="1"/>
  <c r="D6248" i="2" a="1"/>
  <c r="D6248" i="2" s="1"/>
  <c r="D6245" i="2" a="1"/>
  <c r="D6245" i="2" s="1"/>
  <c r="D6246" i="2" a="1"/>
  <c r="D6246" i="2" s="1"/>
  <c r="D6234" i="2" a="1"/>
  <c r="D6234" i="2" s="1"/>
  <c r="D6247" i="2" a="1"/>
  <c r="D6247" i="2" s="1"/>
  <c r="D6249" i="2" a="1"/>
  <c r="D6249" i="2" s="1"/>
  <c r="D6233" i="2" a="1"/>
  <c r="D6233" i="2" s="1"/>
  <c r="D6227" i="2" a="1"/>
  <c r="D6227" i="2" s="1"/>
  <c r="D6242" i="2" a="1"/>
  <c r="D6242" i="2" s="1"/>
  <c r="D6239" i="2" a="1"/>
  <c r="D6239" i="2" s="1"/>
  <c r="D6232" i="2" a="1"/>
  <c r="D6232" i="2" s="1"/>
  <c r="D6235" i="2" a="1"/>
  <c r="D6235" i="2" s="1"/>
  <c r="D6229" i="2" a="1"/>
  <c r="D6229" i="2" s="1"/>
  <c r="D6237" i="2" a="1"/>
  <c r="D6237" i="2" s="1"/>
  <c r="D6238" i="2" a="1"/>
  <c r="D6238" i="2" s="1"/>
  <c r="E3816" i="2" a="1"/>
  <c r="E3816" i="2" s="1"/>
  <c r="E3813" i="2" a="1"/>
  <c r="E3813" i="2" s="1"/>
  <c r="E3806" i="2" a="1"/>
  <c r="E3806" i="2" s="1"/>
  <c r="E3821" i="2" a="1"/>
  <c r="E3821" i="2" s="1"/>
  <c r="E3815" i="2" a="1"/>
  <c r="E3815" i="2" s="1"/>
  <c r="E3803" i="2" a="1"/>
  <c r="E3803" i="2" s="1"/>
  <c r="F2895" i="2" a="1"/>
  <c r="F2895" i="2" s="1"/>
  <c r="F2909" i="2" a="1"/>
  <c r="F2909" i="2" s="1"/>
  <c r="F3506" i="2" a="1"/>
  <c r="F3506" i="2" s="1"/>
  <c r="F3509" i="2" a="1"/>
  <c r="F3509" i="2" s="1"/>
  <c r="F3499" i="2" a="1"/>
  <c r="F3499" i="2" s="1"/>
  <c r="F3502" i="2" a="1"/>
  <c r="F3502" i="2" s="1"/>
  <c r="F3507" i="2" a="1"/>
  <c r="F3507" i="2" s="1"/>
  <c r="F3503" i="2" a="1"/>
  <c r="F3503" i="2" s="1"/>
  <c r="F3512" i="2" a="1"/>
  <c r="F3512" i="2" s="1"/>
  <c r="F3508" i="2" a="1"/>
  <c r="F3508" i="2" s="1"/>
  <c r="F3492" i="2" a="1"/>
  <c r="F3492" i="2" s="1"/>
  <c r="F3498" i="2" a="1"/>
  <c r="F3498" i="2" s="1"/>
  <c r="F3505" i="2" a="1"/>
  <c r="F3505" i="2" s="1"/>
  <c r="F3493" i="2" a="1"/>
  <c r="F3493" i="2" s="1"/>
  <c r="F3510" i="2" a="1"/>
  <c r="F3510" i="2" s="1"/>
  <c r="F3501" i="2" a="1"/>
  <c r="F3501" i="2" s="1"/>
  <c r="F3513" i="2" a="1"/>
  <c r="F3513" i="2" s="1"/>
  <c r="F3496" i="2" a="1"/>
  <c r="F3496" i="2" s="1"/>
  <c r="F3490" i="2" a="1"/>
  <c r="F3490" i="2" s="1"/>
  <c r="F3491" i="2" a="1"/>
  <c r="F3491" i="2" s="1"/>
  <c r="F3494" i="2" a="1"/>
  <c r="F3494" i="2" s="1"/>
  <c r="F4462" i="2" a="1"/>
  <c r="F4462" i="2" s="1"/>
  <c r="F4464" i="2" a="1"/>
  <c r="F4464" i="2" s="1"/>
  <c r="F4468" i="2" a="1"/>
  <c r="F4468" i="2" s="1"/>
  <c r="F4467" i="2" a="1"/>
  <c r="F4467" i="2" s="1"/>
  <c r="F4469" i="2" a="1"/>
  <c r="F4469" i="2" s="1"/>
  <c r="F4454" i="2" a="1"/>
  <c r="F4454" i="2" s="1"/>
  <c r="F4452" i="2" a="1"/>
  <c r="F4452" i="2" s="1"/>
  <c r="F4453" i="2" a="1"/>
  <c r="F4453" i="2" s="1"/>
  <c r="F4472" i="2" a="1"/>
  <c r="F4472" i="2" s="1"/>
  <c r="F4450" i="2" a="1"/>
  <c r="F4450" i="2" s="1"/>
  <c r="F4465" i="2" a="1"/>
  <c r="F4465" i="2" s="1"/>
  <c r="F4455" i="2" a="1"/>
  <c r="F4455" i="2" s="1"/>
  <c r="F4459" i="2" a="1"/>
  <c r="F4459" i="2" s="1"/>
  <c r="F4460" i="2" a="1"/>
  <c r="F4460" i="2" s="1"/>
  <c r="F4466" i="2" a="1"/>
  <c r="F4466" i="2" s="1"/>
  <c r="F4471" i="2" a="1"/>
  <c r="F4471" i="2" s="1"/>
  <c r="G5327" i="2" a="1"/>
  <c r="G5327" i="2" s="1"/>
  <c r="G5336" i="2" a="1"/>
  <c r="G5336" i="2" s="1"/>
  <c r="G5314" i="2" a="1"/>
  <c r="G5314" i="2" s="1"/>
  <c r="G5334" i="2" a="1"/>
  <c r="G5334" i="2" s="1"/>
  <c r="G5328" i="2" a="1"/>
  <c r="G5328" i="2" s="1"/>
  <c r="G5335" i="2" a="1"/>
  <c r="G5335" i="2" s="1"/>
  <c r="G5315" i="2" a="1"/>
  <c r="G5315" i="2" s="1"/>
  <c r="G5319" i="2" a="1"/>
  <c r="G5319" i="2" s="1"/>
  <c r="G5322" i="2" a="1"/>
  <c r="G5322" i="2" s="1"/>
  <c r="G5337" i="2" a="1"/>
  <c r="G5337" i="2" s="1"/>
  <c r="G5325" i="2" a="1"/>
  <c r="G5325" i="2" s="1"/>
  <c r="G5318" i="2" a="1"/>
  <c r="G5318" i="2" s="1"/>
  <c r="G5323" i="2" a="1"/>
  <c r="G5323" i="2" s="1"/>
  <c r="G5324" i="2" a="1"/>
  <c r="G5324" i="2" s="1"/>
  <c r="G5329" i="2" a="1"/>
  <c r="G5329" i="2" s="1"/>
  <c r="G5321" i="2" a="1"/>
  <c r="G5321" i="2" s="1"/>
  <c r="G5317" i="2" a="1"/>
  <c r="G5317" i="2" s="1"/>
  <c r="G5326" i="2" a="1"/>
  <c r="G5326" i="2" s="1"/>
  <c r="G5332" i="2" a="1"/>
  <c r="G5332" i="2" s="1"/>
  <c r="G5331" i="2" a="1"/>
  <c r="G5331" i="2" s="1"/>
  <c r="E8426" i="2" a="1"/>
  <c r="E8426" i="2" s="1"/>
  <c r="E8414" i="2" a="1"/>
  <c r="E8414" i="2" s="1"/>
  <c r="E8410" i="2" a="1"/>
  <c r="E8410" i="2" s="1"/>
  <c r="E8420" i="2" a="1"/>
  <c r="E8420" i="2" s="1"/>
  <c r="E8428" i="2" a="1"/>
  <c r="E8428" i="2" s="1"/>
  <c r="E8431" i="2" a="1"/>
  <c r="E8431" i="2" s="1"/>
  <c r="E8427" i="2" a="1"/>
  <c r="E8427" i="2" s="1"/>
  <c r="E8423" i="2" a="1"/>
  <c r="E8423" i="2" s="1"/>
  <c r="E8432" i="2" a="1"/>
  <c r="E8432" i="2" s="1"/>
  <c r="E8412" i="2" a="1"/>
  <c r="E8412" i="2" s="1"/>
  <c r="H2494" i="2" a="1"/>
  <c r="H2494" i="2" s="1"/>
  <c r="H2486" i="2" a="1"/>
  <c r="H2486" i="2" s="1"/>
  <c r="H2488" i="2" a="1"/>
  <c r="H2488" i="2" s="1"/>
  <c r="H2501" i="2" a="1"/>
  <c r="H2501" i="2" s="1"/>
  <c r="H2485" i="2" a="1"/>
  <c r="H2485" i="2" s="1"/>
  <c r="H2497" i="2" a="1"/>
  <c r="H2497" i="2" s="1"/>
  <c r="H2499" i="2" a="1"/>
  <c r="H2499" i="2" s="1"/>
  <c r="H2502" i="2" a="1"/>
  <c r="H2502" i="2" s="1"/>
  <c r="H2500" i="2" a="1"/>
  <c r="H2500" i="2" s="1"/>
  <c r="H2484" i="2" a="1"/>
  <c r="H2484" i="2" s="1"/>
  <c r="H2503" i="2" a="1"/>
  <c r="H2503" i="2" s="1"/>
  <c r="H2490" i="2" a="1"/>
  <c r="H2490" i="2" s="1"/>
  <c r="H2496" i="2" a="1"/>
  <c r="H2496" i="2" s="1"/>
  <c r="H2483" i="2" a="1"/>
  <c r="H2483" i="2" s="1"/>
  <c r="H2491" i="2" a="1"/>
  <c r="H2491" i="2" s="1"/>
  <c r="H2492" i="2" a="1"/>
  <c r="H2492" i="2" s="1"/>
  <c r="H2504" i="2" a="1"/>
  <c r="H2504" i="2" s="1"/>
  <c r="H2493" i="2" a="1"/>
  <c r="H2493" i="2" s="1"/>
  <c r="G2513" i="2" a="1"/>
  <c r="G2513" i="2" s="1"/>
  <c r="G2512" i="2" a="1"/>
  <c r="G2512" i="2" s="1"/>
  <c r="H2478" i="2" a="1"/>
  <c r="H2478" i="2" s="1"/>
  <c r="H2476" i="2" a="1"/>
  <c r="H2476" i="2" s="1"/>
  <c r="H2463" i="2" a="1"/>
  <c r="H2463" i="2" s="1"/>
  <c r="H2477" i="2" a="1"/>
  <c r="H2477" i="2" s="1"/>
  <c r="H2460" i="2" a="1"/>
  <c r="H2460" i="2" s="1"/>
  <c r="H2474" i="2" a="1"/>
  <c r="H2474" i="2" s="1"/>
  <c r="H2468" i="2" a="1"/>
  <c r="H2468" i="2" s="1"/>
  <c r="H2466" i="2" a="1"/>
  <c r="H2466" i="2" s="1"/>
  <c r="H2459" i="2" a="1"/>
  <c r="H2459" i="2" s="1"/>
  <c r="H2465" i="2" a="1"/>
  <c r="H2465" i="2" s="1"/>
  <c r="H2458" i="2" a="1"/>
  <c r="H2458" i="2" s="1"/>
  <c r="H2472" i="2" a="1"/>
  <c r="H2472" i="2" s="1"/>
  <c r="H2473" i="2" a="1"/>
  <c r="H2473" i="2" s="1"/>
  <c r="H2475" i="2" a="1"/>
  <c r="H2475" i="2" s="1"/>
  <c r="H2479" i="2" a="1"/>
  <c r="H2479" i="2" s="1"/>
  <c r="H2461" i="2" a="1"/>
  <c r="H2461" i="2" s="1"/>
  <c r="H2462" i="2" a="1"/>
  <c r="H2462" i="2" s="1"/>
  <c r="H2464" i="2" a="1"/>
  <c r="H2464" i="2" s="1"/>
  <c r="H2481" i="2" a="1"/>
  <c r="H2481" i="2" s="1"/>
  <c r="H2469" i="2" a="1"/>
  <c r="H2469" i="2" s="1"/>
  <c r="G1577" i="2" a="1"/>
  <c r="G1577" i="2" s="1"/>
  <c r="G1592" i="2" a="1"/>
  <c r="G1592" i="2" s="1"/>
  <c r="G1583" i="2" a="1"/>
  <c r="G1583" i="2" s="1"/>
  <c r="G1580" i="2" a="1"/>
  <c r="G1580" i="2" s="1"/>
  <c r="G1593" i="2" a="1"/>
  <c r="G1593" i="2" s="1"/>
  <c r="G1589" i="2" a="1"/>
  <c r="G1589" i="2" s="1"/>
  <c r="G1586" i="2" a="1"/>
  <c r="G1586" i="2" s="1"/>
  <c r="G1574" i="2" a="1"/>
  <c r="G1574" i="2" s="1"/>
  <c r="G1576" i="2" a="1"/>
  <c r="G1576" i="2" s="1"/>
  <c r="G1590" i="2" a="1"/>
  <c r="G1590" i="2" s="1"/>
  <c r="G1591" i="2" a="1"/>
  <c r="G1591" i="2" s="1"/>
  <c r="G1578" i="2" a="1"/>
  <c r="G1578" i="2" s="1"/>
  <c r="G1572" i="2" a="1"/>
  <c r="G1572" i="2" s="1"/>
  <c r="G1582" i="2" a="1"/>
  <c r="G1582" i="2" s="1"/>
  <c r="H8779" i="2" a="1"/>
  <c r="H8779" i="2" s="1"/>
  <c r="H8784" i="2" a="1"/>
  <c r="H8784" i="2" s="1"/>
  <c r="H8785" i="2" a="1"/>
  <c r="H8785" i="2" s="1"/>
  <c r="H8791" i="2" a="1"/>
  <c r="H8791" i="2" s="1"/>
  <c r="H8780" i="2" a="1"/>
  <c r="H8780" i="2" s="1"/>
  <c r="H8787" i="2" a="1"/>
  <c r="H8787" i="2" s="1"/>
  <c r="H8778" i="2" a="1"/>
  <c r="H8778" i="2" s="1"/>
  <c r="H8773" i="2" a="1"/>
  <c r="H8773" i="2" s="1"/>
  <c r="H8777" i="2" a="1"/>
  <c r="H8777" i="2" s="1"/>
  <c r="H8776" i="2" a="1"/>
  <c r="H8776" i="2" s="1"/>
  <c r="H8771" i="2" a="1"/>
  <c r="H8771" i="2" s="1"/>
  <c r="H8788" i="2" a="1"/>
  <c r="H8788" i="2" s="1"/>
  <c r="H8774" i="2" a="1"/>
  <c r="H8774" i="2" s="1"/>
  <c r="G6241" i="2" a="1"/>
  <c r="G6241" i="2" s="1"/>
  <c r="G6228" i="2" a="1"/>
  <c r="G6228" i="2" s="1"/>
  <c r="G6231" i="2" a="1"/>
  <c r="G6231" i="2" s="1"/>
  <c r="G6230" i="2" a="1"/>
  <c r="G6230" i="2" s="1"/>
  <c r="G6246" i="2" a="1"/>
  <c r="G6246" i="2" s="1"/>
  <c r="G6244" i="2" a="1"/>
  <c r="G6244" i="2" s="1"/>
  <c r="G6247" i="2" a="1"/>
  <c r="G6247" i="2" s="1"/>
  <c r="G6226" i="2" a="1"/>
  <c r="G6226" i="2" s="1"/>
  <c r="G6237" i="2" a="1"/>
  <c r="G6237" i="2" s="1"/>
  <c r="G6249" i="2" a="1"/>
  <c r="G6249" i="2" s="1"/>
  <c r="G6242" i="2" a="1"/>
  <c r="G6242" i="2" s="1"/>
  <c r="E2988" i="2" a="1"/>
  <c r="E2988" i="2" s="1"/>
  <c r="E3003" i="2" a="1"/>
  <c r="E3003" i="2" s="1"/>
  <c r="E2998" i="2" a="1"/>
  <c r="E2998" i="2" s="1"/>
  <c r="E2994" i="2" a="1"/>
  <c r="E2994" i="2" s="1"/>
  <c r="E2989" i="2" a="1"/>
  <c r="E2989" i="2" s="1"/>
  <c r="E2987" i="2" a="1"/>
  <c r="E2987" i="2" s="1"/>
  <c r="E3001" i="2" a="1"/>
  <c r="E3001" i="2" s="1"/>
  <c r="E3004" i="2" a="1"/>
  <c r="E3004" i="2" s="1"/>
  <c r="E2996" i="2" a="1"/>
  <c r="E2996" i="2" s="1"/>
  <c r="E2991" i="2" a="1"/>
  <c r="E2991" i="2" s="1"/>
  <c r="E3002" i="2" a="1"/>
  <c r="E3002" i="2" s="1"/>
  <c r="E2997" i="2" a="1"/>
  <c r="E2997" i="2" s="1"/>
  <c r="E3006" i="2" a="1"/>
  <c r="E3006" i="2" s="1"/>
  <c r="D4582" i="2" a="1"/>
  <c r="D4582" i="2" s="1"/>
  <c r="D4584" i="2" a="1"/>
  <c r="D4584" i="2" s="1"/>
  <c r="D4578" i="2" a="1"/>
  <c r="D4578" i="2" s="1"/>
  <c r="D4588" i="2" a="1"/>
  <c r="D4588" i="2" s="1"/>
  <c r="D4580" i="2" a="1"/>
  <c r="D4580" i="2" s="1"/>
  <c r="D4592" i="2" a="1"/>
  <c r="D4592" i="2" s="1"/>
  <c r="D4590" i="2" a="1"/>
  <c r="D4590" i="2" s="1"/>
  <c r="D4570" i="2" a="1"/>
  <c r="D4570" i="2" s="1"/>
  <c r="D4576" i="2" a="1"/>
  <c r="D4576" i="2" s="1"/>
  <c r="D4589" i="2" a="1"/>
  <c r="D4589" i="2" s="1"/>
  <c r="D4571" i="2" a="1"/>
  <c r="D4571" i="2" s="1"/>
  <c r="D4575" i="2" a="1"/>
  <c r="D4575" i="2" s="1"/>
  <c r="D4579" i="2" a="1"/>
  <c r="D4579" i="2" s="1"/>
  <c r="D4583" i="2" a="1"/>
  <c r="D4583" i="2" s="1"/>
  <c r="D4585" i="2" a="1"/>
  <c r="D4585" i="2" s="1"/>
  <c r="D4581" i="2" a="1"/>
  <c r="D4581" i="2" s="1"/>
  <c r="F3411" i="2" a="1"/>
  <c r="F3411" i="2" s="1"/>
  <c r="F3409" i="2" a="1"/>
  <c r="F3409" i="2" s="1"/>
  <c r="F3412" i="2" a="1"/>
  <c r="F3412" i="2" s="1"/>
  <c r="F3413" i="2" a="1"/>
  <c r="F3413" i="2" s="1"/>
  <c r="F3416" i="2" a="1"/>
  <c r="F3416" i="2" s="1"/>
  <c r="F3405" i="2" a="1"/>
  <c r="F3405" i="2" s="1"/>
  <c r="F3399" i="2" a="1"/>
  <c r="F3399" i="2" s="1"/>
  <c r="F3401" i="2" a="1"/>
  <c r="F3401" i="2" s="1"/>
  <c r="F3402" i="2" a="1"/>
  <c r="F3402" i="2" s="1"/>
  <c r="F3404" i="2" a="1"/>
  <c r="F3404" i="2" s="1"/>
  <c r="F3395" i="2" a="1"/>
  <c r="F3395" i="2" s="1"/>
  <c r="E1373" i="2" a="1"/>
  <c r="E1373" i="2" s="1"/>
  <c r="E1374" i="2" a="1"/>
  <c r="E1374" i="2" s="1"/>
  <c r="E1375" i="2" a="1"/>
  <c r="E1375" i="2" s="1"/>
  <c r="E1361" i="2" a="1"/>
  <c r="E1361" i="2" s="1"/>
  <c r="E1354" i="2" a="1"/>
  <c r="E1354" i="2" s="1"/>
  <c r="E1369" i="2" a="1"/>
  <c r="E1369" i="2" s="1"/>
  <c r="E1365" i="2" a="1"/>
  <c r="E1365" i="2" s="1"/>
  <c r="E1372" i="2" a="1"/>
  <c r="E1372" i="2" s="1"/>
  <c r="E1358" i="2" a="1"/>
  <c r="E1358" i="2" s="1"/>
  <c r="E1359" i="2" a="1"/>
  <c r="E1359" i="2" s="1"/>
  <c r="E1368" i="2" a="1"/>
  <c r="E1368" i="2" s="1"/>
  <c r="E1377" i="2" a="1"/>
  <c r="E1377" i="2" s="1"/>
  <c r="E1355" i="2" a="1"/>
  <c r="E1355" i="2" s="1"/>
  <c r="G811" i="2" a="1"/>
  <c r="G811" i="2" s="1"/>
  <c r="G815" i="2" a="1"/>
  <c r="G815" i="2" s="1"/>
  <c r="G817" i="2" a="1"/>
  <c r="G817" i="2" s="1"/>
  <c r="G807" i="2" a="1"/>
  <c r="G807" i="2" s="1"/>
  <c r="G802" i="2" a="1"/>
  <c r="G802" i="2" s="1"/>
  <c r="G805" i="2" a="1"/>
  <c r="G805" i="2" s="1"/>
  <c r="G803" i="2" a="1"/>
  <c r="G803" i="2" s="1"/>
  <c r="G806" i="2" a="1"/>
  <c r="G806" i="2" s="1"/>
  <c r="G816" i="2" a="1"/>
  <c r="G816" i="2" s="1"/>
  <c r="G4112" i="2" a="1"/>
  <c r="G4112" i="2" s="1"/>
  <c r="G4097" i="2" a="1"/>
  <c r="G4097" i="2" s="1"/>
  <c r="G4090" i="2" a="1"/>
  <c r="G4090" i="2" s="1"/>
  <c r="G4103" i="2" a="1"/>
  <c r="G4103" i="2" s="1"/>
  <c r="G4104" i="2" a="1"/>
  <c r="G4104" i="2" s="1"/>
  <c r="G4111" i="2" a="1"/>
  <c r="G4111" i="2" s="1"/>
  <c r="G4109" i="2" a="1"/>
  <c r="G4109" i="2" s="1"/>
  <c r="D8107" i="2" a="1"/>
  <c r="D8107" i="2" s="1"/>
  <c r="D8101" i="2" a="1"/>
  <c r="D8101" i="2" s="1"/>
  <c r="D8109" i="2" a="1"/>
  <c r="D8109" i="2" s="1"/>
  <c r="D8117" i="2" a="1"/>
  <c r="D8117" i="2" s="1"/>
  <c r="D8121" i="2" a="1"/>
  <c r="D8121" i="2" s="1"/>
  <c r="D8114" i="2" a="1"/>
  <c r="D8114" i="2" s="1"/>
  <c r="D8102" i="2" a="1"/>
  <c r="D8102" i="2" s="1"/>
  <c r="H1183" i="2" a="1"/>
  <c r="H1183" i="2" s="1"/>
  <c r="H1177" i="2" a="1"/>
  <c r="H1177" i="2" s="1"/>
  <c r="H1184" i="2" a="1"/>
  <c r="H1184" i="2" s="1"/>
  <c r="H1163" i="2" a="1"/>
  <c r="H1163" i="2" s="1"/>
  <c r="H1167" i="2" a="1"/>
  <c r="H1167" i="2" s="1"/>
  <c r="H1168" i="2" a="1"/>
  <c r="H1168" i="2" s="1"/>
  <c r="H1175" i="2" a="1"/>
  <c r="H1175" i="2" s="1"/>
  <c r="H1182" i="2" a="1"/>
  <c r="H1182" i="2" s="1"/>
  <c r="H1179" i="2" a="1"/>
  <c r="H1179" i="2" s="1"/>
  <c r="H1169" i="2" a="1"/>
  <c r="H1169" i="2" s="1"/>
  <c r="H1164" i="2" a="1"/>
  <c r="H1164" i="2" s="1"/>
  <c r="H1173" i="2" a="1"/>
  <c r="H1173" i="2" s="1"/>
  <c r="H1165" i="2" a="1"/>
  <c r="H1165" i="2" s="1"/>
  <c r="H1176" i="2" a="1"/>
  <c r="H1176" i="2" s="1"/>
  <c r="H1178" i="2" a="1"/>
  <c r="H1178" i="2" s="1"/>
  <c r="H1180" i="2" a="1"/>
  <c r="H1180" i="2" s="1"/>
  <c r="H1171" i="2" a="1"/>
  <c r="H1171" i="2" s="1"/>
  <c r="H1162" i="2" a="1"/>
  <c r="H1162" i="2" s="1"/>
  <c r="H1185" i="2" a="1"/>
  <c r="H1185" i="2" s="1"/>
  <c r="H1181" i="2" a="1"/>
  <c r="H1181" i="2" s="1"/>
  <c r="G7316" i="2" a="1"/>
  <c r="G7316" i="2" s="1"/>
  <c r="G7322" i="2" a="1"/>
  <c r="G7322" i="2" s="1"/>
  <c r="G7327" i="2" a="1"/>
  <c r="G7327" i="2" s="1"/>
  <c r="F3538" i="2" a="1"/>
  <c r="F3538" i="2" s="1"/>
  <c r="F3546" i="2" a="1"/>
  <c r="F3546" i="2" s="1"/>
  <c r="F4481" i="2" a="1"/>
  <c r="F4481" i="2" s="1"/>
  <c r="F4476" i="2" a="1"/>
  <c r="F4476" i="2" s="1"/>
  <c r="F4479" i="2" a="1"/>
  <c r="F4479" i="2" s="1"/>
  <c r="F4483" i="2" a="1"/>
  <c r="F4483" i="2" s="1"/>
  <c r="F4497" i="2" a="1"/>
  <c r="F4497" i="2" s="1"/>
  <c r="F4480" i="2" a="1"/>
  <c r="F4480" i="2" s="1"/>
  <c r="F4493" i="2" a="1"/>
  <c r="F4493" i="2" s="1"/>
  <c r="F4491" i="2" a="1"/>
  <c r="F4491" i="2" s="1"/>
  <c r="F4488" i="2" a="1"/>
  <c r="F4488" i="2" s="1"/>
  <c r="F4492" i="2" a="1"/>
  <c r="F4492" i="2" s="1"/>
  <c r="F4485" i="2" a="1"/>
  <c r="F4485" i="2" s="1"/>
  <c r="F4495" i="2" a="1"/>
  <c r="F4495" i="2" s="1"/>
  <c r="F4474" i="2" a="1"/>
  <c r="F4474" i="2" s="1"/>
  <c r="F4484" i="2" a="1"/>
  <c r="F4484" i="2" s="1"/>
  <c r="F4486" i="2" a="1"/>
  <c r="F4486" i="2" s="1"/>
  <c r="F4487" i="2" a="1"/>
  <c r="F4487" i="2" s="1"/>
  <c r="F4477" i="2" a="1"/>
  <c r="F4477" i="2" s="1"/>
  <c r="F4490" i="2" a="1"/>
  <c r="F4490" i="2" s="1"/>
  <c r="F4489" i="2" a="1"/>
  <c r="F4489" i="2" s="1"/>
  <c r="G7969" i="2" a="1"/>
  <c r="G7969" i="2" s="1"/>
  <c r="G7954" i="2" a="1"/>
  <c r="G7954" i="2" s="1"/>
  <c r="G7966" i="2" a="1"/>
  <c r="G7966" i="2" s="1"/>
  <c r="G7968" i="2" a="1"/>
  <c r="G7968" i="2" s="1"/>
  <c r="G7975" i="2" a="1"/>
  <c r="G7975" i="2" s="1"/>
  <c r="G7959" i="2" a="1"/>
  <c r="G7959" i="2" s="1"/>
  <c r="G7955" i="2" a="1"/>
  <c r="G7955" i="2" s="1"/>
  <c r="G7976" i="2" a="1"/>
  <c r="G7976" i="2" s="1"/>
  <c r="G7956" i="2" a="1"/>
  <c r="G7956" i="2" s="1"/>
  <c r="G7971" i="2" a="1"/>
  <c r="G7971" i="2" s="1"/>
  <c r="G7957" i="2" a="1"/>
  <c r="G7957" i="2" s="1"/>
  <c r="G7965" i="2" a="1"/>
  <c r="G7965" i="2" s="1"/>
  <c r="G7974" i="2" a="1"/>
  <c r="G7974" i="2" s="1"/>
  <c r="G7964" i="2" a="1"/>
  <c r="G7964" i="2" s="1"/>
  <c r="G7977" i="2" a="1"/>
  <c r="G7977" i="2" s="1"/>
  <c r="G7961" i="2" a="1"/>
  <c r="G7961" i="2" s="1"/>
  <c r="G7967" i="2" a="1"/>
  <c r="G7967" i="2" s="1"/>
  <c r="G7962" i="2" a="1"/>
  <c r="G7962" i="2" s="1"/>
  <c r="G7958" i="2" a="1"/>
  <c r="G7958" i="2" s="1"/>
  <c r="G7963" i="2" a="1"/>
  <c r="G7963" i="2" s="1"/>
  <c r="D1158" i="2" a="1"/>
  <c r="D1158" i="2" s="1"/>
  <c r="D1161" i="2" a="1"/>
  <c r="D1161" i="2" s="1"/>
  <c r="D1141" i="2" a="1"/>
  <c r="D1141" i="2" s="1"/>
  <c r="H7052" i="2" a="1"/>
  <c r="H7052" i="2" s="1"/>
  <c r="H7055" i="2" a="1"/>
  <c r="H7055" i="2" s="1"/>
  <c r="H7046" i="2" a="1"/>
  <c r="H7046" i="2" s="1"/>
  <c r="H7054" i="2" a="1"/>
  <c r="H7054" i="2" s="1"/>
  <c r="H7056" i="2" a="1"/>
  <c r="H7056" i="2" s="1"/>
  <c r="H7042" i="2" a="1"/>
  <c r="H7042" i="2" s="1"/>
  <c r="H7051" i="2" a="1"/>
  <c r="H7051" i="2" s="1"/>
  <c r="H7043" i="2" a="1"/>
  <c r="H7043" i="2" s="1"/>
  <c r="H7053" i="2" a="1"/>
  <c r="H7053" i="2" s="1"/>
  <c r="H7065" i="2" a="1"/>
  <c r="H7065" i="2" s="1"/>
  <c r="G2110" i="2" a="1"/>
  <c r="G2110" i="2" s="1"/>
  <c r="G2111" i="2" a="1"/>
  <c r="G2111" i="2" s="1"/>
  <c r="G2101" i="2" a="1"/>
  <c r="G2101" i="2" s="1"/>
  <c r="G2102" i="2" a="1"/>
  <c r="G2102" i="2" s="1"/>
  <c r="G2105" i="2" a="1"/>
  <c r="G2105" i="2" s="1"/>
  <c r="G2121" i="2" a="1"/>
  <c r="G2121" i="2" s="1"/>
  <c r="G2098" i="2" a="1"/>
  <c r="G2098" i="2" s="1"/>
  <c r="G2116" i="2" a="1"/>
  <c r="G2116" i="2" s="1"/>
  <c r="G2106" i="2" a="1"/>
  <c r="G2106" i="2" s="1"/>
  <c r="G2118" i="2" a="1"/>
  <c r="G2118" i="2" s="1"/>
  <c r="G2112" i="2" a="1"/>
  <c r="G2112" i="2" s="1"/>
  <c r="G2117" i="2" a="1"/>
  <c r="G2117" i="2" s="1"/>
  <c r="G2115" i="2" a="1"/>
  <c r="G2115" i="2" s="1"/>
  <c r="G2099" i="2" a="1"/>
  <c r="G2099" i="2" s="1"/>
  <c r="G2109" i="2" a="1"/>
  <c r="G2109" i="2" s="1"/>
  <c r="G2113" i="2" a="1"/>
  <c r="G2113" i="2" s="1"/>
  <c r="G2100" i="2" a="1"/>
  <c r="G2100" i="2" s="1"/>
  <c r="G2114" i="2" a="1"/>
  <c r="G2114" i="2" s="1"/>
  <c r="G2104" i="2" a="1"/>
  <c r="G2104" i="2" s="1"/>
  <c r="G2120" i="2" a="1"/>
  <c r="G2120" i="2" s="1"/>
  <c r="G2103" i="2" a="1"/>
  <c r="G2103" i="2" s="1"/>
  <c r="D3757" i="2" a="1"/>
  <c r="D3757" i="2" s="1"/>
  <c r="D3754" i="2" a="1"/>
  <c r="D3754" i="2" s="1"/>
  <c r="D3773" i="2" a="1"/>
  <c r="D3773" i="2" s="1"/>
  <c r="D3775" i="2" a="1"/>
  <c r="D3775" i="2" s="1"/>
  <c r="D3756" i="2" a="1"/>
  <c r="D3756" i="2" s="1"/>
  <c r="G6642" i="2" a="1"/>
  <c r="G6642" i="2" s="1"/>
  <c r="G6647" i="2" a="1"/>
  <c r="G6647" i="2" s="1"/>
  <c r="G6636" i="2" a="1"/>
  <c r="G6636" i="2" s="1"/>
  <c r="G6652" i="2" a="1"/>
  <c r="G6652" i="2" s="1"/>
  <c r="G6646" i="2" a="1"/>
  <c r="G6646" i="2" s="1"/>
  <c r="G6639" i="2" a="1"/>
  <c r="G6639" i="2" s="1"/>
  <c r="G6655" i="2" a="1"/>
  <c r="G6655" i="2" s="1"/>
  <c r="G6637" i="2" a="1"/>
  <c r="G6637" i="2" s="1"/>
  <c r="G6651" i="2" a="1"/>
  <c r="G6651" i="2" s="1"/>
  <c r="G6644" i="2" a="1"/>
  <c r="G6644" i="2" s="1"/>
  <c r="H6203" i="2" a="1"/>
  <c r="H6203" i="2" s="1"/>
  <c r="H6219" i="2" a="1"/>
  <c r="H6219" i="2" s="1"/>
  <c r="H6212" i="2" a="1"/>
  <c r="H6212" i="2" s="1"/>
  <c r="H6209" i="2" a="1"/>
  <c r="H6209" i="2" s="1"/>
  <c r="H6213" i="2" a="1"/>
  <c r="H6213" i="2" s="1"/>
  <c r="H6222" i="2" a="1"/>
  <c r="H6222" i="2" s="1"/>
  <c r="H6211" i="2" a="1"/>
  <c r="H6211" i="2" s="1"/>
  <c r="H6204" i="2" a="1"/>
  <c r="H6204" i="2" s="1"/>
  <c r="H6208" i="2" a="1"/>
  <c r="H6208" i="2" s="1"/>
  <c r="H6225" i="2" a="1"/>
  <c r="H6225" i="2" s="1"/>
  <c r="H6207" i="2" a="1"/>
  <c r="H6207" i="2" s="1"/>
  <c r="H6224" i="2" a="1"/>
  <c r="H6224" i="2" s="1"/>
  <c r="H6215" i="2" a="1"/>
  <c r="H6215" i="2" s="1"/>
  <c r="H6216" i="2" a="1"/>
  <c r="H6216" i="2" s="1"/>
  <c r="H6221" i="2" a="1"/>
  <c r="H6221" i="2" s="1"/>
  <c r="H6217" i="2" a="1"/>
  <c r="H6217" i="2" s="1"/>
  <c r="H6218" i="2" a="1"/>
  <c r="H6218" i="2" s="1"/>
  <c r="H6223" i="2" a="1"/>
  <c r="H6223" i="2" s="1"/>
  <c r="H6210" i="2" a="1"/>
  <c r="H6210" i="2" s="1"/>
  <c r="G3485" i="2" a="1"/>
  <c r="G3485" i="2" s="1"/>
  <c r="G3471" i="2" a="1"/>
  <c r="G3471" i="2" s="1"/>
  <c r="G3480" i="2" a="1"/>
  <c r="G3480" i="2" s="1"/>
  <c r="G3487" i="2" a="1"/>
  <c r="G3487" i="2" s="1"/>
  <c r="G3475" i="2" a="1"/>
  <c r="G3475" i="2" s="1"/>
  <c r="G3482" i="2" a="1"/>
  <c r="G3482" i="2" s="1"/>
  <c r="G3481" i="2" a="1"/>
  <c r="G3481" i="2" s="1"/>
  <c r="G3472" i="2" a="1"/>
  <c r="G3472" i="2" s="1"/>
  <c r="G3479" i="2" a="1"/>
  <c r="G3479" i="2" s="1"/>
  <c r="G3484" i="2" a="1"/>
  <c r="G3484" i="2" s="1"/>
  <c r="G3486" i="2" a="1"/>
  <c r="G3486" i="2" s="1"/>
  <c r="G3469" i="2" a="1"/>
  <c r="G3469" i="2" s="1"/>
  <c r="G3478" i="2" a="1"/>
  <c r="G3478" i="2" s="1"/>
  <c r="G3470" i="2" a="1"/>
  <c r="G3470" i="2" s="1"/>
  <c r="F2584" i="2" a="1"/>
  <c r="F2584" i="2" s="1"/>
  <c r="F2592" i="2" a="1"/>
  <c r="F2592" i="2" s="1"/>
  <c r="F2599" i="2" a="1"/>
  <c r="F2599" i="2" s="1"/>
  <c r="F2586" i="2" a="1"/>
  <c r="F2586" i="2" s="1"/>
  <c r="F2600" i="2" a="1"/>
  <c r="F2600" i="2" s="1"/>
  <c r="F2580" i="2" a="1"/>
  <c r="F2580" i="2" s="1"/>
  <c r="F2578" i="2" a="1"/>
  <c r="F2578" i="2" s="1"/>
  <c r="F2585" i="2" a="1"/>
  <c r="F2585" i="2" s="1"/>
  <c r="F2589" i="2" a="1"/>
  <c r="F2589" i="2" s="1"/>
  <c r="F2597" i="2" a="1"/>
  <c r="F2597" i="2" s="1"/>
  <c r="F2594" i="2" a="1"/>
  <c r="F2594" i="2" s="1"/>
  <c r="F2581" i="2" a="1"/>
  <c r="F2581" i="2" s="1"/>
  <c r="F2601" i="2" a="1"/>
  <c r="F2601" i="2" s="1"/>
  <c r="F2579" i="2" a="1"/>
  <c r="F2579" i="2" s="1"/>
  <c r="F2598" i="2" a="1"/>
  <c r="F2598" i="2" s="1"/>
  <c r="F2596" i="2" a="1"/>
  <c r="F2596" i="2" s="1"/>
  <c r="F2588" i="2" a="1"/>
  <c r="F2588" i="2" s="1"/>
  <c r="G2147" i="2" a="1"/>
  <c r="G2147" i="2" s="1"/>
  <c r="G2148" i="2" a="1"/>
  <c r="G2148" i="2" s="1"/>
  <c r="G2162" i="2" a="1"/>
  <c r="G2162" i="2" s="1"/>
  <c r="G2168" i="2" a="1"/>
  <c r="G2168" i="2" s="1"/>
  <c r="G2169" i="2" a="1"/>
  <c r="G2169" i="2" s="1"/>
  <c r="G2160" i="2" a="1"/>
  <c r="G2160" i="2" s="1"/>
  <c r="G2154" i="2" a="1"/>
  <c r="G2154" i="2" s="1"/>
  <c r="G2161" i="2" a="1"/>
  <c r="G2161" i="2" s="1"/>
  <c r="G2146" i="2" a="1"/>
  <c r="G2146" i="2" s="1"/>
  <c r="D8393" i="2" a="1"/>
  <c r="D8393" i="2" s="1"/>
  <c r="D8396" i="2" a="1"/>
  <c r="D8396" i="2" s="1"/>
  <c r="D8402" i="2" a="1"/>
  <c r="D8402" i="2" s="1"/>
  <c r="D8398" i="2" a="1"/>
  <c r="D8398" i="2" s="1"/>
  <c r="D8408" i="2" a="1"/>
  <c r="D8408" i="2" s="1"/>
  <c r="D8389" i="2" a="1"/>
  <c r="D8389" i="2" s="1"/>
  <c r="D8403" i="2" a="1"/>
  <c r="D8403" i="2" s="1"/>
  <c r="D8395" i="2" a="1"/>
  <c r="D8395" i="2" s="1"/>
  <c r="D8394" i="2" a="1"/>
  <c r="D8394" i="2" s="1"/>
  <c r="D8400" i="2" a="1"/>
  <c r="D8400" i="2" s="1"/>
  <c r="D8388" i="2" a="1"/>
  <c r="D8388" i="2" s="1"/>
  <c r="D8406" i="2" a="1"/>
  <c r="D8406" i="2" s="1"/>
  <c r="H3620" i="2" a="1"/>
  <c r="H3620" i="2" s="1"/>
  <c r="H3630" i="2" a="1"/>
  <c r="H3630" i="2" s="1"/>
  <c r="E3585" i="2" a="1"/>
  <c r="E3585" i="2" s="1"/>
  <c r="E3563" i="2" a="1"/>
  <c r="E3563" i="2" s="1"/>
  <c r="E3576" i="2" a="1"/>
  <c r="E3576" i="2" s="1"/>
  <c r="E3564" i="2" a="1"/>
  <c r="E3564" i="2" s="1"/>
  <c r="E3577" i="2" a="1"/>
  <c r="E3577" i="2" s="1"/>
  <c r="E3584" i="2" a="1"/>
  <c r="E3584" i="2" s="1"/>
  <c r="E3573" i="2" a="1"/>
  <c r="E3573" i="2" s="1"/>
  <c r="E3566" i="2" a="1"/>
  <c r="E3566" i="2" s="1"/>
  <c r="E3582" i="2" a="1"/>
  <c r="E3582" i="2" s="1"/>
  <c r="E3570" i="2" a="1"/>
  <c r="E3570" i="2" s="1"/>
  <c r="E3583" i="2" a="1"/>
  <c r="E3583" i="2" s="1"/>
  <c r="E3562" i="2" a="1"/>
  <c r="E3562" i="2" s="1"/>
  <c r="E3565" i="2" a="1"/>
  <c r="E3565" i="2" s="1"/>
  <c r="E3580" i="2" a="1"/>
  <c r="E3580" i="2" s="1"/>
  <c r="D5942" i="2" a="1"/>
  <c r="D5942" i="2" s="1"/>
  <c r="D5950" i="2" a="1"/>
  <c r="D5950" i="2" s="1"/>
  <c r="D5940" i="2" a="1"/>
  <c r="D5940" i="2" s="1"/>
  <c r="D5944" i="2" a="1"/>
  <c r="D5944" i="2" s="1"/>
  <c r="D5948" i="2" a="1"/>
  <c r="D5948" i="2" s="1"/>
  <c r="D5956" i="2" a="1"/>
  <c r="D5956" i="2" s="1"/>
  <c r="D5960" i="2" a="1"/>
  <c r="D5960" i="2" s="1"/>
  <c r="D5941" i="2" a="1"/>
  <c r="D5941" i="2" s="1"/>
  <c r="D5955" i="2" a="1"/>
  <c r="D5955" i="2" s="1"/>
  <c r="D5957" i="2" a="1"/>
  <c r="D5957" i="2" s="1"/>
  <c r="D5961" i="2" a="1"/>
  <c r="D5961" i="2" s="1"/>
  <c r="D5945" i="2" a="1"/>
  <c r="D5945" i="2" s="1"/>
  <c r="D5947" i="2" a="1"/>
  <c r="D5947" i="2" s="1"/>
  <c r="J5947" i="2" s="1"/>
  <c r="J5921" i="5" s="1"/>
  <c r="N5921" i="5" s="1"/>
  <c r="D5959" i="2" a="1"/>
  <c r="D5959" i="2" s="1"/>
  <c r="D5952" i="2" a="1"/>
  <c r="D5952" i="2" s="1"/>
  <c r="D5939" i="2" a="1"/>
  <c r="D5939" i="2" s="1"/>
  <c r="D5938" i="2" a="1"/>
  <c r="D5938" i="2" s="1"/>
  <c r="D5946" i="2" a="1"/>
  <c r="D5946" i="2" s="1"/>
  <c r="D5954" i="2" a="1"/>
  <c r="D5954" i="2" s="1"/>
  <c r="D5958" i="2" a="1"/>
  <c r="D5958" i="2" s="1"/>
  <c r="D5943" i="2" a="1"/>
  <c r="D5943" i="2" s="1"/>
  <c r="F1283" i="2" a="1"/>
  <c r="F1283" i="2" s="1"/>
  <c r="F1299" i="2" a="1"/>
  <c r="F1299" i="2" s="1"/>
  <c r="F1302" i="2" a="1"/>
  <c r="F1302" i="2" s="1"/>
  <c r="F1287" i="2" a="1"/>
  <c r="F1287" i="2" s="1"/>
  <c r="F1303" i="2" a="1"/>
  <c r="F1303" i="2" s="1"/>
  <c r="F5958" i="2" a="1"/>
  <c r="F5958" i="2" s="1"/>
  <c r="F5961" i="2" a="1"/>
  <c r="F5961" i="2" s="1"/>
  <c r="F5946" i="2" a="1"/>
  <c r="F5946" i="2" s="1"/>
  <c r="F5949" i="2" a="1"/>
  <c r="F5949" i="2" s="1"/>
  <c r="I5949" i="2" s="1"/>
  <c r="I5923" i="5" s="1"/>
  <c r="F5956" i="2" a="1"/>
  <c r="F5956" i="2" s="1"/>
  <c r="F5945" i="2" a="1"/>
  <c r="F5945" i="2" s="1"/>
  <c r="F5944" i="2" a="1"/>
  <c r="F5944" i="2" s="1"/>
  <c r="F5948" i="2" a="1"/>
  <c r="F5948" i="2" s="1"/>
  <c r="F5953" i="2" a="1"/>
  <c r="F5953" i="2" s="1"/>
  <c r="F5941" i="2" a="1"/>
  <c r="F5941" i="2" s="1"/>
  <c r="F5954" i="2" a="1"/>
  <c r="F5954" i="2" s="1"/>
  <c r="F5942" i="2" a="1"/>
  <c r="F5942" i="2" s="1"/>
  <c r="F5960" i="2" a="1"/>
  <c r="F5960" i="2" s="1"/>
  <c r="F5951" i="2" a="1"/>
  <c r="F5951" i="2" s="1"/>
  <c r="F5938" i="2" a="1"/>
  <c r="F5938" i="2" s="1"/>
  <c r="F5939" i="2" a="1"/>
  <c r="F5939" i="2" s="1"/>
  <c r="F5957" i="2" a="1"/>
  <c r="F5957" i="2" s="1"/>
  <c r="F5940" i="2" a="1"/>
  <c r="F5940" i="2" s="1"/>
  <c r="F5955" i="2" a="1"/>
  <c r="F5955" i="2" s="1"/>
  <c r="D4260" i="2" a="1"/>
  <c r="D4260" i="2" s="1"/>
  <c r="D4278" i="2" a="1"/>
  <c r="D4278" i="2" s="1"/>
  <c r="D4261" i="2" a="1"/>
  <c r="D4261" i="2" s="1"/>
  <c r="H7778" i="2" a="1"/>
  <c r="H7778" i="2" s="1"/>
  <c r="H7766" i="2" a="1"/>
  <c r="H7766" i="2" s="1"/>
  <c r="H7769" i="2" a="1"/>
  <c r="H7769" i="2" s="1"/>
  <c r="H7784" i="2" a="1"/>
  <c r="H7784" i="2" s="1"/>
  <c r="H7783" i="2" a="1"/>
  <c r="H7783" i="2" s="1"/>
  <c r="H7773" i="2" a="1"/>
  <c r="H7773" i="2" s="1"/>
  <c r="H7774" i="2" a="1"/>
  <c r="H7774" i="2" s="1"/>
  <c r="H7779" i="2" a="1"/>
  <c r="H7779" i="2" s="1"/>
  <c r="H7768" i="2" a="1"/>
  <c r="H7768" i="2" s="1"/>
  <c r="H7785" i="2" a="1"/>
  <c r="H7785" i="2" s="1"/>
  <c r="H7780" i="2" a="1"/>
  <c r="H7780" i="2" s="1"/>
  <c r="H7762" i="2" a="1"/>
  <c r="H7762" i="2" s="1"/>
  <c r="H7781" i="2" a="1"/>
  <c r="H7781" i="2" s="1"/>
  <c r="H7772" i="2" a="1"/>
  <c r="H7772" i="2" s="1"/>
  <c r="H7776" i="2" a="1"/>
  <c r="H7776" i="2" s="1"/>
  <c r="H7764" i="2" a="1"/>
  <c r="H7764" i="2" s="1"/>
  <c r="H7771" i="2" a="1"/>
  <c r="H7771" i="2" s="1"/>
  <c r="H7765" i="2" a="1"/>
  <c r="H7765" i="2" s="1"/>
  <c r="H7767" i="2" a="1"/>
  <c r="H7767" i="2" s="1"/>
  <c r="F8760" i="2" a="1"/>
  <c r="F8760" i="2" s="1"/>
  <c r="F8759" i="2" a="1"/>
  <c r="F8759" i="2" s="1"/>
  <c r="F8766" i="2" a="1"/>
  <c r="F8766" i="2" s="1"/>
  <c r="F8754" i="2" a="1"/>
  <c r="F8754" i="2" s="1"/>
  <c r="F8751" i="2" a="1"/>
  <c r="F8751" i="2" s="1"/>
  <c r="F8747" i="2" a="1"/>
  <c r="F8747" i="2" s="1"/>
  <c r="F8750" i="2" a="1"/>
  <c r="F8750" i="2" s="1"/>
  <c r="F8762" i="2" a="1"/>
  <c r="F8762" i="2" s="1"/>
  <c r="F8763" i="2" a="1"/>
  <c r="F8763" i="2" s="1"/>
  <c r="F8746" i="2" a="1"/>
  <c r="F8746" i="2" s="1"/>
  <c r="F8767" i="2" a="1"/>
  <c r="F8767" i="2" s="1"/>
  <c r="F8764" i="2" a="1"/>
  <c r="F8764" i="2" s="1"/>
  <c r="F8769" i="2" a="1"/>
  <c r="F8769" i="2" s="1"/>
  <c r="F8749" i="2" a="1"/>
  <c r="F8749" i="2" s="1"/>
  <c r="F8758" i="2" a="1"/>
  <c r="F8758" i="2" s="1"/>
  <c r="G6785" i="2" a="1"/>
  <c r="G6785" i="2" s="1"/>
  <c r="G6788" i="2" a="1"/>
  <c r="G6788" i="2" s="1"/>
  <c r="G6796" i="2" a="1"/>
  <c r="G6796" i="2" s="1"/>
  <c r="G6789" i="2" a="1"/>
  <c r="G6789" i="2" s="1"/>
  <c r="G6794" i="2" a="1"/>
  <c r="G6794" i="2" s="1"/>
  <c r="G6791" i="2" a="1"/>
  <c r="G6791" i="2" s="1"/>
  <c r="G6799" i="2" a="1"/>
  <c r="G6799" i="2" s="1"/>
  <c r="G6782" i="2" a="1"/>
  <c r="G6782" i="2" s="1"/>
  <c r="G6781" i="2" a="1"/>
  <c r="G6781" i="2" s="1"/>
  <c r="G6778" i="2" a="1"/>
  <c r="G6778" i="2" s="1"/>
  <c r="G6801" i="2" a="1"/>
  <c r="G6801" i="2" s="1"/>
  <c r="G6786" i="2" a="1"/>
  <c r="G6786" i="2" s="1"/>
  <c r="G6784" i="2" a="1"/>
  <c r="G6784" i="2" s="1"/>
  <c r="G6795" i="2" a="1"/>
  <c r="G6795" i="2" s="1"/>
  <c r="G6798" i="2" a="1"/>
  <c r="G6798" i="2" s="1"/>
  <c r="G6793" i="2" a="1"/>
  <c r="G6793" i="2" s="1"/>
  <c r="G6800" i="2" a="1"/>
  <c r="G6800" i="2" s="1"/>
  <c r="G6797" i="2" a="1"/>
  <c r="G6797" i="2" s="1"/>
  <c r="G6780" i="2" a="1"/>
  <c r="G6780" i="2" s="1"/>
  <c r="G6783" i="2" a="1"/>
  <c r="G6783" i="2" s="1"/>
  <c r="G6787" i="2" a="1"/>
  <c r="G6787" i="2" s="1"/>
  <c r="G6792" i="2" a="1"/>
  <c r="G6792" i="2" s="1"/>
  <c r="G8588" i="2" a="1"/>
  <c r="G8588" i="2" s="1"/>
  <c r="G8579" i="2" a="1"/>
  <c r="G8579" i="2" s="1"/>
  <c r="G8585" i="2" a="1"/>
  <c r="G8585" i="2" s="1"/>
  <c r="G8586" i="2" a="1"/>
  <c r="G8586" i="2" s="1"/>
  <c r="G8591" i="2" a="1"/>
  <c r="G8591" i="2" s="1"/>
  <c r="G8583" i="2" a="1"/>
  <c r="G8583" i="2" s="1"/>
  <c r="G8592" i="2" a="1"/>
  <c r="G8592" i="2" s="1"/>
  <c r="G8598" i="2" a="1"/>
  <c r="G8598" i="2" s="1"/>
  <c r="G8589" i="2" a="1"/>
  <c r="G8589" i="2" s="1"/>
  <c r="G8593" i="2" a="1"/>
  <c r="G8593" i="2" s="1"/>
  <c r="G8581" i="2" a="1"/>
  <c r="G8581" i="2" s="1"/>
  <c r="G8596" i="2" a="1"/>
  <c r="G8596" i="2" s="1"/>
  <c r="G8600" i="2" a="1"/>
  <c r="G8600" i="2" s="1"/>
  <c r="G8580" i="2" a="1"/>
  <c r="G8580" i="2" s="1"/>
  <c r="G8601" i="2" a="1"/>
  <c r="G8601" i="2" s="1"/>
  <c r="G8597" i="2" a="1"/>
  <c r="G8597" i="2" s="1"/>
  <c r="G8578" i="2" a="1"/>
  <c r="G8578" i="2" s="1"/>
  <c r="E2448" i="2" a="1"/>
  <c r="E2448" i="2" s="1"/>
  <c r="E2440" i="2" a="1"/>
  <c r="E2440" i="2" s="1"/>
  <c r="E2445" i="2" a="1"/>
  <c r="E2445" i="2" s="1"/>
  <c r="E2452" i="2" a="1"/>
  <c r="E2452" i="2" s="1"/>
  <c r="E2455" i="2" a="1"/>
  <c r="E2455" i="2" s="1"/>
  <c r="E2456" i="2" a="1"/>
  <c r="E2456" i="2" s="1"/>
  <c r="E2444" i="2" a="1"/>
  <c r="E2444" i="2" s="1"/>
  <c r="E2451" i="2" a="1"/>
  <c r="E2451" i="2" s="1"/>
  <c r="E2447" i="2" a="1"/>
  <c r="E2447" i="2" s="1"/>
  <c r="E2435" i="2" a="1"/>
  <c r="E2435" i="2" s="1"/>
  <c r="E2438" i="2" a="1"/>
  <c r="E2438" i="2" s="1"/>
  <c r="E2457" i="2" a="1"/>
  <c r="E2457" i="2" s="1"/>
  <c r="E2443" i="2" a="1"/>
  <c r="E2443" i="2" s="1"/>
  <c r="E2434" i="2" a="1"/>
  <c r="E2434" i="2" s="1"/>
  <c r="E2442" i="2" a="1"/>
  <c r="E2442" i="2" s="1"/>
  <c r="E2453" i="2" a="1"/>
  <c r="E2453" i="2" s="1"/>
  <c r="E2439" i="2" a="1"/>
  <c r="E2439" i="2" s="1"/>
  <c r="H8748" i="2" a="1"/>
  <c r="H8748" i="2" s="1"/>
  <c r="H8753" i="2" a="1"/>
  <c r="H8753" i="2" s="1"/>
  <c r="H8758" i="2" a="1"/>
  <c r="H8758" i="2" s="1"/>
  <c r="H8754" i="2" a="1"/>
  <c r="H8754" i="2" s="1"/>
  <c r="H8761" i="2" a="1"/>
  <c r="H8761" i="2" s="1"/>
  <c r="H8760" i="2" a="1"/>
  <c r="H8760" i="2" s="1"/>
  <c r="H8764" i="2" a="1"/>
  <c r="H8764" i="2" s="1"/>
  <c r="H8749" i="2" a="1"/>
  <c r="H8749" i="2" s="1"/>
  <c r="H8769" i="2" a="1"/>
  <c r="H8769" i="2" s="1"/>
  <c r="H8757" i="2" a="1"/>
  <c r="H8757" i="2" s="1"/>
  <c r="H8756" i="2" a="1"/>
  <c r="H8756" i="2" s="1"/>
  <c r="H8765" i="2" a="1"/>
  <c r="H8765" i="2" s="1"/>
  <c r="H8747" i="2" a="1"/>
  <c r="H8747" i="2" s="1"/>
  <c r="H8763" i="2" a="1"/>
  <c r="H8763" i="2" s="1"/>
  <c r="H8750" i="2" a="1"/>
  <c r="H8750" i="2" s="1"/>
  <c r="H8751" i="2" a="1"/>
  <c r="H8751" i="2" s="1"/>
  <c r="H8752" i="2" a="1"/>
  <c r="H8752" i="2" s="1"/>
  <c r="H8755" i="2" a="1"/>
  <c r="H8755" i="2" s="1"/>
  <c r="H8746" i="2" a="1"/>
  <c r="H8746" i="2" s="1"/>
  <c r="H8768" i="2" a="1"/>
  <c r="H8768" i="2" s="1"/>
  <c r="D8708" i="2" a="1"/>
  <c r="D8708" i="2" s="1"/>
  <c r="D8712" i="2" a="1"/>
  <c r="D8712" i="2" s="1"/>
  <c r="D8716" i="2" a="1"/>
  <c r="D8716" i="2" s="1"/>
  <c r="D8709" i="2" a="1"/>
  <c r="D8709" i="2" s="1"/>
  <c r="D8717" i="2" a="1"/>
  <c r="D8717" i="2" s="1"/>
  <c r="D8700" i="2" a="1"/>
  <c r="D8700" i="2" s="1"/>
  <c r="D8706" i="2" a="1"/>
  <c r="D8706" i="2" s="1"/>
  <c r="D8715" i="2" a="1"/>
  <c r="D8715" i="2" s="1"/>
  <c r="D8707" i="2" a="1"/>
  <c r="D8707" i="2" s="1"/>
  <c r="D8718" i="2" a="1"/>
  <c r="D8718" i="2" s="1"/>
  <c r="D8703" i="2" a="1"/>
  <c r="D8703" i="2" s="1"/>
  <c r="D8698" i="2" a="1"/>
  <c r="D8698" i="2" s="1"/>
  <c r="D8713" i="2" a="1"/>
  <c r="D8713" i="2" s="1"/>
  <c r="D8702" i="2" a="1"/>
  <c r="D8702" i="2" s="1"/>
  <c r="D8719" i="2" a="1"/>
  <c r="D8719" i="2" s="1"/>
  <c r="D8721" i="2" a="1"/>
  <c r="D8721" i="2" s="1"/>
  <c r="D8714" i="2" a="1"/>
  <c r="D8714" i="2" s="1"/>
  <c r="D8704" i="2" a="1"/>
  <c r="D8704" i="2" s="1"/>
  <c r="D8720" i="2" a="1"/>
  <c r="D8720" i="2" s="1"/>
  <c r="D8710" i="2" a="1"/>
  <c r="D8710" i="2" s="1"/>
  <c r="D8701" i="2" a="1"/>
  <c r="D8701" i="2" s="1"/>
  <c r="E8516" i="2" a="1"/>
  <c r="E8516" i="2" s="1"/>
  <c r="E8512" i="2" a="1"/>
  <c r="E8512" i="2" s="1"/>
  <c r="E8525" i="2" a="1"/>
  <c r="E8525" i="2" s="1"/>
  <c r="E8521" i="2" a="1"/>
  <c r="E8521" i="2" s="1"/>
  <c r="E8514" i="2" a="1"/>
  <c r="E8514" i="2" s="1"/>
  <c r="E8522" i="2" a="1"/>
  <c r="E8522" i="2" s="1"/>
  <c r="E8517" i="2" a="1"/>
  <c r="E8517" i="2" s="1"/>
  <c r="E8520" i="2" a="1"/>
  <c r="E8520" i="2" s="1"/>
  <c r="E8529" i="2" a="1"/>
  <c r="E8529" i="2" s="1"/>
  <c r="E8528" i="2" a="1"/>
  <c r="E8528" i="2" s="1"/>
  <c r="E8507" i="2" a="1"/>
  <c r="E8507" i="2" s="1"/>
  <c r="E8510" i="2" a="1"/>
  <c r="E8510" i="2" s="1"/>
  <c r="E2054" i="2" a="1"/>
  <c r="E2054" i="2" s="1"/>
  <c r="E2065" i="2" a="1"/>
  <c r="E2065" i="2" s="1"/>
  <c r="E2071" i="2" a="1"/>
  <c r="E2071" i="2" s="1"/>
  <c r="E2069" i="2" a="1"/>
  <c r="E2069" i="2" s="1"/>
  <c r="E2051" i="2" a="1"/>
  <c r="E2051" i="2" s="1"/>
  <c r="E2067" i="2" a="1"/>
  <c r="E2067" i="2" s="1"/>
  <c r="E2060" i="2" a="1"/>
  <c r="E2060" i="2" s="1"/>
  <c r="E2056" i="2" a="1"/>
  <c r="E2056" i="2" s="1"/>
  <c r="E2072" i="2" a="1"/>
  <c r="E2072" i="2" s="1"/>
  <c r="E2070" i="2" a="1"/>
  <c r="E2070" i="2" s="1"/>
  <c r="E2064" i="2" a="1"/>
  <c r="E2064" i="2" s="1"/>
  <c r="E2055" i="2" a="1"/>
  <c r="E2055" i="2" s="1"/>
  <c r="E2053" i="2" a="1"/>
  <c r="E2053" i="2" s="1"/>
  <c r="E2073" i="2" a="1"/>
  <c r="E2073" i="2" s="1"/>
  <c r="E2059" i="2" a="1"/>
  <c r="E2059" i="2" s="1"/>
  <c r="E2063" i="2" a="1"/>
  <c r="E2063" i="2" s="1"/>
  <c r="E2066" i="2" a="1"/>
  <c r="E2066" i="2" s="1"/>
  <c r="E2068" i="2" a="1"/>
  <c r="E2068" i="2" s="1"/>
  <c r="E2062" i="2" a="1"/>
  <c r="E2062" i="2" s="1"/>
  <c r="E2057" i="2" a="1"/>
  <c r="E2057" i="2" s="1"/>
  <c r="E2058" i="2" a="1"/>
  <c r="E2058" i="2" s="1"/>
  <c r="E2061" i="2" a="1"/>
  <c r="E2061" i="2" s="1"/>
  <c r="H891" i="2" a="1"/>
  <c r="H891" i="2" s="1"/>
  <c r="H882" i="2" a="1"/>
  <c r="H882" i="2" s="1"/>
  <c r="H875" i="2" a="1"/>
  <c r="H875" i="2" s="1"/>
  <c r="H884" i="2" a="1"/>
  <c r="H884" i="2" s="1"/>
  <c r="H894" i="2" a="1"/>
  <c r="H894" i="2" s="1"/>
  <c r="H874" i="2" a="1"/>
  <c r="H874" i="2" s="1"/>
  <c r="H896" i="2" a="1"/>
  <c r="H896" i="2" s="1"/>
  <c r="H889" i="2" a="1"/>
  <c r="H889" i="2" s="1"/>
  <c r="H883" i="2" a="1"/>
  <c r="H883" i="2" s="1"/>
  <c r="H880" i="2" a="1"/>
  <c r="H880" i="2" s="1"/>
  <c r="H878" i="2" a="1"/>
  <c r="H878" i="2" s="1"/>
  <c r="H895" i="2" a="1"/>
  <c r="H895" i="2" s="1"/>
  <c r="H885" i="2" a="1"/>
  <c r="H885" i="2" s="1"/>
  <c r="H893" i="2" a="1"/>
  <c r="H893" i="2" s="1"/>
  <c r="D6980" i="2" a="1"/>
  <c r="D6980" i="2" s="1"/>
  <c r="D6985" i="2" a="1"/>
  <c r="D6985" i="2" s="1"/>
  <c r="D6990" i="2" a="1"/>
  <c r="D6990" i="2" s="1"/>
  <c r="D6988" i="2" a="1"/>
  <c r="D6988" i="2" s="1"/>
  <c r="D6970" i="2" a="1"/>
  <c r="D6970" i="2" s="1"/>
  <c r="D6978" i="2" a="1"/>
  <c r="D6978" i="2" s="1"/>
  <c r="D6983" i="2" a="1"/>
  <c r="D6983" i="2" s="1"/>
  <c r="D6972" i="2" a="1"/>
  <c r="D6972" i="2" s="1"/>
  <c r="D6993" i="2" a="1"/>
  <c r="D6993" i="2" s="1"/>
  <c r="D6976" i="2" a="1"/>
  <c r="D6976" i="2" s="1"/>
  <c r="D6984" i="2" a="1"/>
  <c r="D6984" i="2" s="1"/>
  <c r="D6991" i="2" a="1"/>
  <c r="D6991" i="2" s="1"/>
  <c r="D6974" i="2" a="1"/>
  <c r="D6974" i="2" s="1"/>
  <c r="D6981" i="2" a="1"/>
  <c r="D6981" i="2" s="1"/>
  <c r="H2674" i="2" a="1"/>
  <c r="H2674" i="2" s="1"/>
  <c r="H2697" i="2" a="1"/>
  <c r="H2697" i="2" s="1"/>
  <c r="H2690" i="2" a="1"/>
  <c r="H2690" i="2" s="1"/>
  <c r="H2687" i="2" a="1"/>
  <c r="H2687" i="2" s="1"/>
  <c r="H5418" i="2" a="1"/>
  <c r="H5418" i="2" s="1"/>
  <c r="H5413" i="2" a="1"/>
  <c r="H5413" i="2" s="1"/>
  <c r="F1159" i="2" a="1"/>
  <c r="F1159" i="2" s="1"/>
  <c r="F1138" i="2" a="1"/>
  <c r="F1138" i="2" s="1"/>
  <c r="F1150" i="2" a="1"/>
  <c r="F1150" i="2" s="1"/>
  <c r="F1141" i="2" a="1"/>
  <c r="F1141" i="2" s="1"/>
  <c r="F1140" i="2" a="1"/>
  <c r="F1140" i="2" s="1"/>
  <c r="F1155" i="2" a="1"/>
  <c r="F1155" i="2" s="1"/>
  <c r="F1157" i="2" a="1"/>
  <c r="F1157" i="2" s="1"/>
  <c r="F1142" i="2" a="1"/>
  <c r="F1142" i="2" s="1"/>
  <c r="F1147" i="2" a="1"/>
  <c r="F1147" i="2" s="1"/>
  <c r="F1158" i="2" a="1"/>
  <c r="F1158" i="2" s="1"/>
  <c r="F1143" i="2" a="1"/>
  <c r="F1143" i="2" s="1"/>
  <c r="D4534" i="2" a="1"/>
  <c r="D4534" i="2" s="1"/>
  <c r="D4522" i="2" a="1"/>
  <c r="D4522" i="2" s="1"/>
  <c r="D4535" i="2" a="1"/>
  <c r="D4535" i="2" s="1"/>
  <c r="D4523" i="2" a="1"/>
  <c r="D4523" i="2" s="1"/>
  <c r="D4528" i="2" a="1"/>
  <c r="D4528" i="2" s="1"/>
  <c r="D4545" i="2" a="1"/>
  <c r="D4545" i="2" s="1"/>
  <c r="D329" i="2" a="1"/>
  <c r="D329" i="2" s="1"/>
  <c r="D334" i="2" a="1"/>
  <c r="D334" i="2" s="1"/>
  <c r="D337" i="2" a="1"/>
  <c r="D337" i="2" s="1"/>
  <c r="D345" i="2" a="1"/>
  <c r="D345" i="2" s="1"/>
  <c r="E276" i="2" a="1"/>
  <c r="E276" i="2" s="1"/>
  <c r="G7535" i="2" a="1"/>
  <c r="G7535" i="2" s="1"/>
  <c r="G7525" i="2" a="1"/>
  <c r="G7525" i="2" s="1"/>
  <c r="G7543" i="2" a="1"/>
  <c r="G7543" i="2" s="1"/>
  <c r="G7533" i="2" a="1"/>
  <c r="G7533" i="2" s="1"/>
  <c r="G7522" i="2" a="1"/>
  <c r="G7522" i="2" s="1"/>
  <c r="G7537" i="2" a="1"/>
  <c r="G7537" i="2" s="1"/>
  <c r="G7528" i="2" a="1"/>
  <c r="G7528" i="2" s="1"/>
  <c r="G7536" i="2" a="1"/>
  <c r="G7536" i="2" s="1"/>
  <c r="G6054" i="2" a="1"/>
  <c r="G6054" i="2" s="1"/>
  <c r="G6049" i="2" a="1"/>
  <c r="G6049" i="2" s="1"/>
  <c r="G6044" i="2" a="1"/>
  <c r="G6044" i="2" s="1"/>
  <c r="G6053" i="2" a="1"/>
  <c r="G6053" i="2" s="1"/>
  <c r="G6056" i="2" a="1"/>
  <c r="G6056" i="2" s="1"/>
  <c r="G6043" i="2" a="1"/>
  <c r="G6043" i="2" s="1"/>
  <c r="G6057" i="2" a="1"/>
  <c r="G6057" i="2" s="1"/>
  <c r="D3194" i="2" a="1"/>
  <c r="D3194" i="2" s="1"/>
  <c r="D3187" i="2" a="1"/>
  <c r="D3187" i="2" s="1"/>
  <c r="D3190" i="2" a="1"/>
  <c r="D3190" i="2" s="1"/>
  <c r="D3189" i="2" a="1"/>
  <c r="D3189" i="2" s="1"/>
  <c r="D3186" i="2" a="1"/>
  <c r="D3186" i="2" s="1"/>
  <c r="D3197" i="2" a="1"/>
  <c r="D3197" i="2" s="1"/>
  <c r="D3184" i="2" a="1"/>
  <c r="D3184" i="2" s="1"/>
  <c r="D3178" i="2" a="1"/>
  <c r="D3178" i="2" s="1"/>
  <c r="D3200" i="2" a="1"/>
  <c r="D3200" i="2" s="1"/>
  <c r="D3191" i="2" a="1"/>
  <c r="D3191" i="2" s="1"/>
  <c r="D3179" i="2" a="1"/>
  <c r="D3179" i="2" s="1"/>
  <c r="D3193" i="2" a="1"/>
  <c r="D3193" i="2" s="1"/>
  <c r="F2936" i="2" a="1"/>
  <c r="F2936" i="2" s="1"/>
  <c r="F2933" i="2" a="1"/>
  <c r="F2933" i="2" s="1"/>
  <c r="F2924" i="2" a="1"/>
  <c r="F2924" i="2" s="1"/>
  <c r="H330" i="2" a="1"/>
  <c r="H330" i="2" s="1"/>
  <c r="H333" i="2" a="1"/>
  <c r="H333" i="2" s="1"/>
  <c r="H344" i="2" a="1"/>
  <c r="H344" i="2" s="1"/>
  <c r="H338" i="2" a="1"/>
  <c r="H338" i="2" s="1"/>
  <c r="H339" i="2" a="1"/>
  <c r="H339" i="2" s="1"/>
  <c r="H341" i="2" a="1"/>
  <c r="H341" i="2" s="1"/>
  <c r="H332" i="2" a="1"/>
  <c r="H332" i="2" s="1"/>
  <c r="H327" i="2" a="1"/>
  <c r="H327" i="2" s="1"/>
  <c r="H334" i="2" a="1"/>
  <c r="H334" i="2" s="1"/>
  <c r="H345" i="2" a="1"/>
  <c r="H345" i="2" s="1"/>
  <c r="E2523" i="2" a="1"/>
  <c r="E2523" i="2" s="1"/>
  <c r="E2516" i="2" a="1"/>
  <c r="E2516" i="2" s="1"/>
  <c r="E2513" i="2" a="1"/>
  <c r="E2513" i="2" s="1"/>
  <c r="E2508" i="2" a="1"/>
  <c r="E2508" i="2" s="1"/>
  <c r="E2528" i="2" a="1"/>
  <c r="E2528" i="2" s="1"/>
  <c r="E2524" i="2" a="1"/>
  <c r="E2524" i="2" s="1"/>
  <c r="E2525" i="2" a="1"/>
  <c r="E2525" i="2" s="1"/>
  <c r="E2506" i="2" a="1"/>
  <c r="E2506" i="2" s="1"/>
  <c r="E2514" i="2" a="1"/>
  <c r="E2514" i="2" s="1"/>
  <c r="E2520" i="2" a="1"/>
  <c r="E2520" i="2" s="1"/>
  <c r="E2515" i="2" a="1"/>
  <c r="E2515" i="2" s="1"/>
  <c r="E2511" i="2" a="1"/>
  <c r="E2511" i="2" s="1"/>
  <c r="E2519" i="2" a="1"/>
  <c r="E2519" i="2" s="1"/>
  <c r="E2527" i="2" a="1"/>
  <c r="E2527" i="2" s="1"/>
  <c r="E2522" i="2" a="1"/>
  <c r="E2522" i="2" s="1"/>
  <c r="G4741" i="2" a="1"/>
  <c r="G4741" i="2" s="1"/>
  <c r="G4749" i="2" a="1"/>
  <c r="G4749" i="2" s="1"/>
  <c r="G4752" i="2" a="1"/>
  <c r="G4752" i="2" s="1"/>
  <c r="G7563" i="2" a="1"/>
  <c r="G7563" i="2" s="1"/>
  <c r="G7553" i="2" a="1"/>
  <c r="G7553" i="2" s="1"/>
  <c r="G7552" i="2" a="1"/>
  <c r="G7552" i="2" s="1"/>
  <c r="G7547" i="2" a="1"/>
  <c r="G7547" i="2" s="1"/>
  <c r="G7555" i="2" a="1"/>
  <c r="G7555" i="2" s="1"/>
  <c r="D7901" i="2" a="1"/>
  <c r="D7901" i="2" s="1"/>
  <c r="D7899" i="2" a="1"/>
  <c r="D7899" i="2" s="1"/>
  <c r="D7891" i="2" a="1"/>
  <c r="D7891" i="2" s="1"/>
  <c r="D7902" i="2" a="1"/>
  <c r="D7902" i="2" s="1"/>
  <c r="D7884" i="2" a="1"/>
  <c r="D7884" i="2" s="1"/>
  <c r="D7894" i="2" a="1"/>
  <c r="D7894" i="2" s="1"/>
  <c r="D7886" i="2" a="1"/>
  <c r="D7886" i="2" s="1"/>
  <c r="D7904" i="2" a="1"/>
  <c r="D7904" i="2" s="1"/>
  <c r="D7887" i="2" a="1"/>
  <c r="D7887" i="2" s="1"/>
  <c r="D7898" i="2" a="1"/>
  <c r="D7898" i="2" s="1"/>
  <c r="D7888" i="2" a="1"/>
  <c r="D7888" i="2" s="1"/>
  <c r="D7900" i="2" a="1"/>
  <c r="D7900" i="2" s="1"/>
  <c r="D7882" i="2" a="1"/>
  <c r="D7882" i="2" s="1"/>
  <c r="D7896" i="2" a="1"/>
  <c r="D7896" i="2" s="1"/>
  <c r="D4901" i="2" a="1"/>
  <c r="D4901" i="2" s="1"/>
  <c r="D4887" i="2" a="1"/>
  <c r="D4887" i="2" s="1"/>
  <c r="D4899" i="2" a="1"/>
  <c r="D4899" i="2" s="1"/>
  <c r="H3265" i="2" a="1"/>
  <c r="H3265" i="2" s="1"/>
  <c r="D5343" i="2" a="1"/>
  <c r="D5343" i="2" s="1"/>
  <c r="D1999" i="2" a="1"/>
  <c r="D1999" i="2" s="1"/>
  <c r="F1156" i="2" a="1"/>
  <c r="F1156" i="2" s="1"/>
  <c r="H7096" i="2" a="1"/>
  <c r="H7096" i="2" s="1"/>
  <c r="H7251" i="2" a="1"/>
  <c r="H7251" i="2" s="1"/>
  <c r="G2991" i="2" a="1"/>
  <c r="G2991" i="2" s="1"/>
  <c r="H342" i="2" a="1"/>
  <c r="H342" i="2" s="1"/>
  <c r="F7365" i="2" a="1"/>
  <c r="F7365" i="2" s="1"/>
  <c r="F3397" i="2" a="1"/>
  <c r="F3397" i="2" s="1"/>
  <c r="F768" i="2" a="1"/>
  <c r="F768" i="2" s="1"/>
  <c r="F1889" i="2" a="1"/>
  <c r="F1889" i="2" s="1"/>
  <c r="F4763" i="2" a="1"/>
  <c r="F4763" i="2" s="1"/>
  <c r="D3838" i="2" a="1"/>
  <c r="D3838" i="2" s="1"/>
  <c r="D7897" i="2" a="1"/>
  <c r="D7897" i="2" s="1"/>
  <c r="H8775" i="2" a="1"/>
  <c r="H8775" i="2" s="1"/>
  <c r="F1464" i="2" a="1"/>
  <c r="F1464" i="2" s="1"/>
  <c r="G1465" i="2" a="1"/>
  <c r="G1465" i="2" s="1"/>
  <c r="D1458" i="2" a="1"/>
  <c r="D1458" i="2" s="1"/>
  <c r="D3188" i="2" a="1"/>
  <c r="D3188" i="2" s="1"/>
  <c r="D4542" i="2" a="1"/>
  <c r="D4542" i="2" s="1"/>
  <c r="D3098" i="2" a="1"/>
  <c r="D3098" i="2" s="1"/>
  <c r="D486" i="2" a="1"/>
  <c r="D486" i="2" s="1"/>
  <c r="E289" i="2" a="1"/>
  <c r="E289" i="2" s="1"/>
  <c r="H3758" i="2" a="1"/>
  <c r="H3758" i="2" s="1"/>
  <c r="E3567" i="2" a="1"/>
  <c r="E3567" i="2" s="1"/>
  <c r="D6240" i="2" a="1"/>
  <c r="D6240" i="2" s="1"/>
  <c r="F2595" i="2" a="1"/>
  <c r="F2595" i="2" s="1"/>
  <c r="E2359" i="2" a="1"/>
  <c r="E2359" i="2" s="1"/>
  <c r="E2352" i="2" a="1"/>
  <c r="E2352" i="2" s="1"/>
  <c r="E2347" i="2" a="1"/>
  <c r="E2347" i="2" s="1"/>
  <c r="E2349" i="2" a="1"/>
  <c r="E2349" i="2" s="1"/>
  <c r="E2360" i="2" a="1"/>
  <c r="E2360" i="2" s="1"/>
  <c r="E2350" i="2" a="1"/>
  <c r="E2350" i="2" s="1"/>
  <c r="E2343" i="2" a="1"/>
  <c r="E2343" i="2" s="1"/>
  <c r="E2355" i="2" a="1"/>
  <c r="E2355" i="2" s="1"/>
  <c r="E2342" i="2" a="1"/>
  <c r="E2342" i="2" s="1"/>
  <c r="D2990" i="2" a="1"/>
  <c r="D2990" i="2" s="1"/>
  <c r="D3000" i="2" a="1"/>
  <c r="D3000" i="2" s="1"/>
  <c r="D2987" i="2" a="1"/>
  <c r="D2987" i="2" s="1"/>
  <c r="D3002" i="2" a="1"/>
  <c r="D3002" i="2" s="1"/>
  <c r="D2994" i="2" a="1"/>
  <c r="D2994" i="2" s="1"/>
  <c r="D2989" i="2" a="1"/>
  <c r="D2989" i="2" s="1"/>
  <c r="D2986" i="2" a="1"/>
  <c r="D2986" i="2" s="1"/>
  <c r="D3001" i="2" a="1"/>
  <c r="D3001" i="2" s="1"/>
  <c r="F7116" i="2" a="1"/>
  <c r="F7116" i="2" s="1"/>
  <c r="F7123" i="2" a="1"/>
  <c r="F7123" i="2" s="1"/>
  <c r="F7135" i="2" a="1"/>
  <c r="F7135" i="2" s="1"/>
  <c r="F7136" i="2" a="1"/>
  <c r="F7136" i="2" s="1"/>
  <c r="F7137" i="2" a="1"/>
  <c r="F7137" i="2" s="1"/>
  <c r="F7115" i="2" a="1"/>
  <c r="F7115" i="2" s="1"/>
  <c r="F7129" i="2" a="1"/>
  <c r="F7129" i="2" s="1"/>
  <c r="F7126" i="2" a="1"/>
  <c r="F7126" i="2" s="1"/>
  <c r="F7134" i="2" a="1"/>
  <c r="F7134" i="2" s="1"/>
  <c r="H7551" i="2" a="1"/>
  <c r="H7551" i="2" s="1"/>
  <c r="H7555" i="2" a="1"/>
  <c r="H7555" i="2" s="1"/>
  <c r="H7552" i="2" a="1"/>
  <c r="H7552" i="2" s="1"/>
  <c r="H7558" i="2" a="1"/>
  <c r="H7558" i="2" s="1"/>
  <c r="H7563" i="2" a="1"/>
  <c r="H7563" i="2" s="1"/>
  <c r="D1298" i="2" a="1"/>
  <c r="D1298" i="2" s="1"/>
  <c r="D1305" i="2" a="1"/>
  <c r="D1305" i="2" s="1"/>
  <c r="D1297" i="2" a="1"/>
  <c r="D1297" i="2" s="1"/>
  <c r="D1301" i="2" a="1"/>
  <c r="D1301" i="2" s="1"/>
  <c r="D1283" i="2" a="1"/>
  <c r="D1283" i="2" s="1"/>
  <c r="D1287" i="2" a="1"/>
  <c r="D1287" i="2" s="1"/>
  <c r="D1294" i="2" a="1"/>
  <c r="D1294" i="2" s="1"/>
  <c r="D1289" i="2" a="1"/>
  <c r="D1289" i="2" s="1"/>
  <c r="D1284" i="2" a="1"/>
  <c r="D1284" i="2" s="1"/>
  <c r="D1288" i="2" a="1"/>
  <c r="D1288" i="2" s="1"/>
  <c r="D1292" i="2" a="1"/>
  <c r="D1292" i="2" s="1"/>
  <c r="D1296" i="2" a="1"/>
  <c r="D1296" i="2" s="1"/>
  <c r="D1304" i="2" a="1"/>
  <c r="D1304" i="2" s="1"/>
  <c r="F1146" i="2" a="1"/>
  <c r="F1146" i="2" s="1"/>
  <c r="G7061" i="2" a="1"/>
  <c r="G7061" i="2" s="1"/>
  <c r="F4690" i="2" a="1"/>
  <c r="F4690" i="2" s="1"/>
  <c r="F4700" i="2" a="1"/>
  <c r="F4700" i="2" s="1"/>
  <c r="F4703" i="2" a="1"/>
  <c r="F4703" i="2" s="1"/>
  <c r="F4706" i="2" a="1"/>
  <c r="F4706" i="2" s="1"/>
  <c r="F4712" i="2" a="1"/>
  <c r="F4712" i="2" s="1"/>
  <c r="F4707" i="2" a="1"/>
  <c r="F4707" i="2" s="1"/>
  <c r="F4705" i="2" a="1"/>
  <c r="F4705" i="2" s="1"/>
  <c r="D5483" i="2" a="1"/>
  <c r="D5483" i="2" s="1"/>
  <c r="D5487" i="2" a="1"/>
  <c r="D5487" i="2" s="1"/>
  <c r="D5491" i="2" a="1"/>
  <c r="D5491" i="2" s="1"/>
  <c r="D5495" i="2" a="1"/>
  <c r="D5495" i="2" s="1"/>
  <c r="D5498" i="2" a="1"/>
  <c r="D5498" i="2" s="1"/>
  <c r="D5499" i="2" a="1"/>
  <c r="D5499" i="2" s="1"/>
  <c r="D5503" i="2" a="1"/>
  <c r="D5503" i="2" s="1"/>
  <c r="H5347" i="2" a="1"/>
  <c r="H5347" i="2" s="1"/>
  <c r="H5340" i="2" a="1"/>
  <c r="H5340" i="2" s="1"/>
  <c r="H5358" i="2" a="1"/>
  <c r="H5358" i="2" s="1"/>
  <c r="H5353" i="2" a="1"/>
  <c r="H5353" i="2" s="1"/>
  <c r="H5348" i="2" a="1"/>
  <c r="H5348" i="2" s="1"/>
  <c r="H5342" i="2" a="1"/>
  <c r="H5342" i="2" s="1"/>
  <c r="H5341" i="2" a="1"/>
  <c r="H5341" i="2" s="1"/>
  <c r="H5350" i="2" a="1"/>
  <c r="H5350" i="2" s="1"/>
  <c r="H3762" i="2" a="1"/>
  <c r="H3762" i="2" s="1"/>
  <c r="F4780" i="2" a="1"/>
  <c r="F4780" i="2" s="1"/>
  <c r="H2677" i="2" a="1"/>
  <c r="H2677" i="2" s="1"/>
  <c r="AN276" i="1"/>
  <c r="D282" i="5" s="1"/>
  <c r="D6626" i="2" a="1"/>
  <c r="D6626" i="2" s="1"/>
  <c r="D6611" i="2" a="1"/>
  <c r="D6611" i="2" s="1"/>
  <c r="D6627" i="2" a="1"/>
  <c r="D6627" i="2" s="1"/>
  <c r="G1711" i="2" a="1"/>
  <c r="G1711" i="2" s="1"/>
  <c r="G1707" i="2" a="1"/>
  <c r="G1707" i="2" s="1"/>
  <c r="G1697" i="2" a="1"/>
  <c r="G1697" i="2" s="1"/>
  <c r="G1690" i="2" a="1"/>
  <c r="G1690" i="2" s="1"/>
  <c r="G1698" i="2" a="1"/>
  <c r="G1698" i="2" s="1"/>
  <c r="G1702" i="2" a="1"/>
  <c r="G1702" i="2" s="1"/>
  <c r="E8781" i="2" a="1"/>
  <c r="E8781" i="2" s="1"/>
  <c r="AO366" i="1"/>
  <c r="E372" i="5" s="1"/>
  <c r="AP366" i="1"/>
  <c r="F372" i="5" s="1"/>
  <c r="F6236" i="2" a="1"/>
  <c r="F6236" i="2" s="1"/>
  <c r="F6244" i="2" a="1"/>
  <c r="F6244" i="2" s="1"/>
  <c r="F6226" i="2" a="1"/>
  <c r="F6226" i="2" s="1"/>
  <c r="F6228" i="2" a="1"/>
  <c r="F6228" i="2" s="1"/>
  <c r="H2351" i="2" a="1"/>
  <c r="H2351" i="2" s="1"/>
  <c r="H2352" i="2" a="1"/>
  <c r="H2352" i="2" s="1"/>
  <c r="H2345" i="2" a="1"/>
  <c r="H2345" i="2" s="1"/>
  <c r="H2355" i="2" a="1"/>
  <c r="H2355" i="2" s="1"/>
  <c r="H2346" i="2" a="1"/>
  <c r="H2346" i="2" s="1"/>
  <c r="H2340" i="2" a="1"/>
  <c r="H2340" i="2" s="1"/>
  <c r="H6400" i="2" a="1"/>
  <c r="H6400" i="2" s="1"/>
  <c r="H6415" i="2" a="1"/>
  <c r="H6415" i="2" s="1"/>
  <c r="H6416" i="2" a="1"/>
  <c r="H6416" i="2" s="1"/>
  <c r="H7104" i="2" a="1"/>
  <c r="H7104" i="2" s="1"/>
  <c r="D2120" i="2" a="1"/>
  <c r="D2120" i="2" s="1"/>
  <c r="D2107" i="2" a="1"/>
  <c r="D2107" i="2" s="1"/>
  <c r="D2100" i="2" a="1"/>
  <c r="D2100" i="2" s="1"/>
  <c r="D2102" i="2" a="1"/>
  <c r="D2102" i="2" s="1"/>
  <c r="D2114" i="2" a="1"/>
  <c r="D2114" i="2" s="1"/>
  <c r="D2118" i="2" a="1"/>
  <c r="D2118" i="2" s="1"/>
  <c r="D2109" i="2" a="1"/>
  <c r="D2109" i="2" s="1"/>
  <c r="D2113" i="2" a="1"/>
  <c r="D2113" i="2" s="1"/>
  <c r="D2099" i="2" a="1"/>
  <c r="D2099" i="2" s="1"/>
  <c r="D2111" i="2" a="1"/>
  <c r="D2111" i="2" s="1"/>
  <c r="D2106" i="2" a="1"/>
  <c r="D2106" i="2" s="1"/>
  <c r="D2119" i="2" a="1"/>
  <c r="D2119" i="2" s="1"/>
  <c r="D2117" i="2" a="1"/>
  <c r="D2117" i="2" s="1"/>
  <c r="D2104" i="2" a="1"/>
  <c r="D2104" i="2" s="1"/>
  <c r="D2108" i="2" a="1"/>
  <c r="D2108" i="2" s="1"/>
  <c r="D2112" i="2" a="1"/>
  <c r="D2112" i="2" s="1"/>
  <c r="D2116" i="2" a="1"/>
  <c r="D2116" i="2" s="1"/>
  <c r="D2121" i="2" a="1"/>
  <c r="D2121" i="2" s="1"/>
  <c r="D2115" i="2" a="1"/>
  <c r="D2115" i="2" s="1"/>
  <c r="D2103" i="2" a="1"/>
  <c r="D2103" i="2" s="1"/>
  <c r="E5208" i="2" a="1"/>
  <c r="E5208" i="2" s="1"/>
  <c r="E5194" i="2" a="1"/>
  <c r="E5194" i="2" s="1"/>
  <c r="E5199" i="2" a="1"/>
  <c r="E5199" i="2" s="1"/>
  <c r="E5196" i="2" a="1"/>
  <c r="E5196" i="2" s="1"/>
  <c r="E5204" i="2" a="1"/>
  <c r="E5204" i="2" s="1"/>
  <c r="F4713" i="2" a="1"/>
  <c r="F4713" i="2" s="1"/>
  <c r="D8041" i="2" a="1"/>
  <c r="D8041" i="2" s="1"/>
  <c r="F7117" i="2" a="1"/>
  <c r="F7117" i="2" s="1"/>
  <c r="D4586" i="2" a="1"/>
  <c r="D4586" i="2" s="1"/>
  <c r="F1888" i="2" a="1"/>
  <c r="F1888" i="2" s="1"/>
  <c r="F4776" i="2" a="1"/>
  <c r="F4776" i="2" s="1"/>
  <c r="D3836" i="2" a="1"/>
  <c r="D3836" i="2" s="1"/>
  <c r="D7905" i="2" a="1"/>
  <c r="D7905" i="2" s="1"/>
  <c r="F4710" i="2" a="1"/>
  <c r="F4710" i="2" s="1"/>
  <c r="H8790" i="2" a="1"/>
  <c r="H8790" i="2" s="1"/>
  <c r="D2110" i="2" a="1"/>
  <c r="D2110" i="2" s="1"/>
  <c r="F1459" i="2" a="1"/>
  <c r="F1459" i="2" s="1"/>
  <c r="G3474" i="2" a="1"/>
  <c r="G3474" i="2" s="1"/>
  <c r="D1456" i="2" a="1"/>
  <c r="D1456" i="2" s="1"/>
  <c r="D3185" i="2" a="1"/>
  <c r="D3185" i="2" s="1"/>
  <c r="D4530" i="2" a="1"/>
  <c r="D4530" i="2" s="1"/>
  <c r="D3085" i="2" a="1"/>
  <c r="D3085" i="2" s="1"/>
  <c r="G5330" i="2" a="1"/>
  <c r="G5330" i="2" s="1"/>
  <c r="G4065" i="2" a="1"/>
  <c r="G4065" i="2" s="1"/>
  <c r="F4494" i="2" a="1"/>
  <c r="F4494" i="2" s="1"/>
  <c r="E2450" i="2" a="1"/>
  <c r="E2450" i="2" s="1"/>
  <c r="D8711" i="2" a="1"/>
  <c r="D8711" i="2" s="1"/>
  <c r="F2582" i="2" a="1"/>
  <c r="F2582" i="2" s="1"/>
  <c r="F5959" i="2" a="1"/>
  <c r="F5959" i="2" s="1"/>
  <c r="D2888" i="2" a="1"/>
  <c r="D2888" i="2" s="1"/>
  <c r="D2881" i="2" a="1"/>
  <c r="D2881" i="2" s="1"/>
  <c r="D2885" i="2" a="1"/>
  <c r="D2885" i="2" s="1"/>
  <c r="D8424" i="2" a="1"/>
  <c r="D8424" i="2" s="1"/>
  <c r="D8433" i="2" a="1"/>
  <c r="D8433" i="2" s="1"/>
  <c r="D8432" i="2" a="1"/>
  <c r="D8432" i="2" s="1"/>
  <c r="D8414" i="2" a="1"/>
  <c r="D8414" i="2" s="1"/>
  <c r="D8420" i="2" a="1"/>
  <c r="D8420" i="2" s="1"/>
  <c r="G6309" i="2" a="1"/>
  <c r="G6309" i="2" s="1"/>
  <c r="G6299" i="2" a="1"/>
  <c r="G6299" i="2" s="1"/>
  <c r="G6300" i="2" a="1"/>
  <c r="G6300" i="2" s="1"/>
  <c r="G6313" i="2" a="1"/>
  <c r="G6313" i="2" s="1"/>
  <c r="H1113" i="2" a="1"/>
  <c r="H1113" i="2" s="1"/>
  <c r="H1093" i="2" a="1"/>
  <c r="H1093" i="2" s="1"/>
  <c r="H1110" i="2" a="1"/>
  <c r="H1110" i="2" s="1"/>
  <c r="G4528" i="2" a="1"/>
  <c r="G4528" i="2" s="1"/>
  <c r="G4523" i="2" a="1"/>
  <c r="G4523" i="2" s="1"/>
  <c r="G4533" i="2" a="1"/>
  <c r="G4533" i="2" s="1"/>
  <c r="G4525" i="2" a="1"/>
  <c r="G4525" i="2" s="1"/>
  <c r="G4527" i="2" a="1"/>
  <c r="G4527" i="2" s="1"/>
  <c r="G4545" i="2" a="1"/>
  <c r="G4545" i="2" s="1"/>
  <c r="G4526" i="2" a="1"/>
  <c r="G4526" i="2" s="1"/>
  <c r="G5355" i="2" a="1"/>
  <c r="G5355" i="2" s="1"/>
  <c r="G5344" i="2" a="1"/>
  <c r="G5344" i="2" s="1"/>
  <c r="G5360" i="2" a="1"/>
  <c r="G5360" i="2" s="1"/>
  <c r="G5342" i="2" a="1"/>
  <c r="G5342" i="2" s="1"/>
  <c r="G8409" i="2" a="1"/>
  <c r="G8409" i="2" s="1"/>
  <c r="G8401" i="2" a="1"/>
  <c r="G8401" i="2" s="1"/>
  <c r="G8394" i="2" a="1"/>
  <c r="G8394" i="2" s="1"/>
  <c r="G8398" i="2" a="1"/>
  <c r="G8398" i="2" s="1"/>
  <c r="E4836" i="2" a="1"/>
  <c r="E4836" i="2" s="1"/>
  <c r="E4855" i="2" a="1"/>
  <c r="E4855" i="2" s="1"/>
  <c r="E4850" i="2" a="1"/>
  <c r="E4850" i="2" s="1"/>
  <c r="E4845" i="2" a="1"/>
  <c r="E4845" i="2" s="1"/>
  <c r="E4839" i="2" a="1"/>
  <c r="E4839" i="2" s="1"/>
  <c r="F7605" i="2" a="1"/>
  <c r="F7605" i="2" s="1"/>
  <c r="F7596" i="2" a="1"/>
  <c r="F7596" i="2" s="1"/>
  <c r="F7613" i="2" a="1"/>
  <c r="F7613" i="2" s="1"/>
  <c r="F7609" i="2" a="1"/>
  <c r="F7609" i="2" s="1"/>
  <c r="F7617" i="2" a="1"/>
  <c r="F7617" i="2" s="1"/>
  <c r="F7607" i="2" a="1"/>
  <c r="F7607" i="2" s="1"/>
  <c r="F7599" i="2" a="1"/>
  <c r="F7599" i="2" s="1"/>
  <c r="F7611" i="2" a="1"/>
  <c r="F7611" i="2" s="1"/>
  <c r="F7595" i="2" a="1"/>
  <c r="F7595" i="2" s="1"/>
  <c r="F7608" i="2" a="1"/>
  <c r="F7608" i="2" s="1"/>
  <c r="F3322" i="2" a="1"/>
  <c r="F3322" i="2" s="1"/>
  <c r="F3340" i="2" a="1"/>
  <c r="F3340" i="2" s="1"/>
  <c r="F3335" i="2" a="1"/>
  <c r="F3335" i="2" s="1"/>
  <c r="F3344" i="2" a="1"/>
  <c r="F3344" i="2" s="1"/>
  <c r="F3325" i="2" a="1"/>
  <c r="F3325" i="2" s="1"/>
  <c r="F3330" i="2" a="1"/>
  <c r="F3330" i="2" s="1"/>
  <c r="F3338" i="2" a="1"/>
  <c r="F3338" i="2" s="1"/>
  <c r="F3339" i="2" a="1"/>
  <c r="F3339" i="2" s="1"/>
  <c r="F3341" i="2" a="1"/>
  <c r="F3341" i="2" s="1"/>
  <c r="F3332" i="2" a="1"/>
  <c r="F3332" i="2" s="1"/>
  <c r="F3333" i="2" a="1"/>
  <c r="F3333" i="2" s="1"/>
  <c r="F3337" i="2" a="1"/>
  <c r="F3337" i="2" s="1"/>
  <c r="F3329" i="2" a="1"/>
  <c r="F3329" i="2" s="1"/>
  <c r="F4782" i="2" a="1"/>
  <c r="F4782" i="2" s="1"/>
  <c r="H2344" i="2" a="1"/>
  <c r="H2344" i="2" s="1"/>
  <c r="F776" i="2" a="1"/>
  <c r="F776" i="2" s="1"/>
  <c r="E8100" i="2" a="1"/>
  <c r="E8100" i="2" s="1"/>
  <c r="G3586" i="2" a="1"/>
  <c r="G3586" i="2" s="1"/>
  <c r="G3600" i="2" a="1"/>
  <c r="G3600" i="2" s="1"/>
  <c r="G3587" i="2" a="1"/>
  <c r="G3587" i="2" s="1"/>
  <c r="G3604" i="2" a="1"/>
  <c r="G3604" i="2" s="1"/>
  <c r="G3597" i="2" a="1"/>
  <c r="G3597" i="2" s="1"/>
  <c r="G3603" i="2" a="1"/>
  <c r="G3603" i="2" s="1"/>
  <c r="G3592" i="2" a="1"/>
  <c r="G3592" i="2" s="1"/>
  <c r="G3599" i="2" a="1"/>
  <c r="G3599" i="2" s="1"/>
  <c r="G3589" i="2" a="1"/>
  <c r="G3589" i="2" s="1"/>
  <c r="G3595" i="2" a="1"/>
  <c r="G3595" i="2" s="1"/>
  <c r="G3005" i="2" a="1"/>
  <c r="G3005" i="2" s="1"/>
  <c r="F7360" i="2" a="1"/>
  <c r="F7360" i="2" s="1"/>
  <c r="D3089" i="2" a="1"/>
  <c r="D3089" i="2" s="1"/>
  <c r="D5554" i="2" a="1"/>
  <c r="D5554" i="2" s="1"/>
  <c r="D5562" i="2" a="1"/>
  <c r="D5562" i="2" s="1"/>
  <c r="D5565" i="2" a="1"/>
  <c r="D5565" i="2" s="1"/>
  <c r="D8106" i="2" a="1"/>
  <c r="D8106" i="2" s="1"/>
  <c r="D1980" i="2" a="1"/>
  <c r="D1980" i="2" s="1"/>
  <c r="G4099" i="2" a="1"/>
  <c r="G4099" i="2" s="1"/>
  <c r="G813" i="2" a="1"/>
  <c r="G813" i="2" s="1"/>
  <c r="H5338" i="2" a="1"/>
  <c r="H5338" i="2" s="1"/>
  <c r="H2350" i="2" a="1"/>
  <c r="H2350" i="2" s="1"/>
  <c r="D8098" i="2" a="1"/>
  <c r="D8098" i="2" s="1"/>
  <c r="D5352" i="2" a="1"/>
  <c r="D5352" i="2" s="1"/>
  <c r="D1995" i="2" a="1"/>
  <c r="D1995" i="2" s="1"/>
  <c r="G4091" i="2" a="1"/>
  <c r="G4091" i="2" s="1"/>
  <c r="H770" i="2" a="1"/>
  <c r="H770" i="2" s="1"/>
  <c r="G824" i="2" a="1"/>
  <c r="G824" i="2" s="1"/>
  <c r="F1152" i="2" a="1"/>
  <c r="F1152" i="2" s="1"/>
  <c r="H7248" i="2" a="1"/>
  <c r="H7248" i="2" s="1"/>
  <c r="H5349" i="2" a="1"/>
  <c r="H5349" i="2" s="1"/>
  <c r="G3009" i="2" a="1"/>
  <c r="G3009" i="2" s="1"/>
  <c r="H340" i="2" a="1"/>
  <c r="H340" i="2" s="1"/>
  <c r="E8090" i="2" a="1"/>
  <c r="E8090" i="2" s="1"/>
  <c r="H7063" i="2" a="1"/>
  <c r="H7063" i="2" s="1"/>
  <c r="D8027" i="2" a="1"/>
  <c r="D8027" i="2" s="1"/>
  <c r="F7358" i="2" a="1"/>
  <c r="F7358" i="2" s="1"/>
  <c r="F7128" i="2" a="1"/>
  <c r="F7128" i="2" s="1"/>
  <c r="D4591" i="2" a="1"/>
  <c r="D4591" i="2" s="1"/>
  <c r="E3000" i="2" a="1"/>
  <c r="E3000" i="2" s="1"/>
  <c r="G2644" i="2" a="1"/>
  <c r="G2644" i="2" s="1"/>
  <c r="D3831" i="2" a="1"/>
  <c r="D3831" i="2" s="1"/>
  <c r="F4694" i="2" a="1"/>
  <c r="F4694" i="2" s="1"/>
  <c r="H8772" i="2" a="1"/>
  <c r="H8772" i="2" s="1"/>
  <c r="D2098" i="2" a="1"/>
  <c r="D2098" i="2" s="1"/>
  <c r="F1453" i="2" a="1"/>
  <c r="F1453" i="2" s="1"/>
  <c r="G3473" i="2" a="1"/>
  <c r="G3473" i="2" s="1"/>
  <c r="D1452" i="2" a="1"/>
  <c r="D1452" i="2" s="1"/>
  <c r="D3195" i="2" a="1"/>
  <c r="D3195" i="2" s="1"/>
  <c r="D3102" i="2" a="1"/>
  <c r="D3102" i="2" s="1"/>
  <c r="G5316" i="2" a="1"/>
  <c r="G5316" i="2" s="1"/>
  <c r="F8753" i="2" a="1"/>
  <c r="F8753" i="2" s="1"/>
  <c r="G4063" i="2" a="1"/>
  <c r="G4063" i="2" s="1"/>
  <c r="F4482" i="2" a="1"/>
  <c r="F4482" i="2" s="1"/>
  <c r="E2449" i="2" a="1"/>
  <c r="E2449" i="2" s="1"/>
  <c r="D8699" i="2" a="1"/>
  <c r="D8699" i="2" s="1"/>
  <c r="F4258" i="2" a="1"/>
  <c r="F4258" i="2" s="1"/>
  <c r="F2587" i="2" a="1"/>
  <c r="F2587" i="2" s="1"/>
  <c r="F5952" i="2" a="1"/>
  <c r="F5952" i="2" s="1"/>
  <c r="G7878" i="2" a="1"/>
  <c r="G7878" i="2" s="1"/>
  <c r="F7992" i="2" a="1"/>
  <c r="F7992" i="2" s="1"/>
  <c r="E2230" i="2" a="1"/>
  <c r="E2230" i="2" s="1"/>
  <c r="D6184" i="2" a="1"/>
  <c r="D6184" i="2" s="1"/>
  <c r="D6006" i="2" a="1"/>
  <c r="D6006" i="2" s="1"/>
  <c r="D6005" i="2" a="1"/>
  <c r="D6005" i="2" s="1"/>
  <c r="D3267" i="2" a="1"/>
  <c r="D3267" i="2" s="1"/>
  <c r="D3256" i="2" a="1"/>
  <c r="D3256" i="2" s="1"/>
  <c r="D3260" i="2" a="1"/>
  <c r="D3260" i="2" s="1"/>
  <c r="D670" i="2" a="1"/>
  <c r="D670" i="2" s="1"/>
  <c r="D666" i="2" a="1"/>
  <c r="D666" i="2" s="1"/>
  <c r="D671" i="2" a="1"/>
  <c r="D671" i="2" s="1"/>
  <c r="D664" i="2" a="1"/>
  <c r="D664" i="2" s="1"/>
  <c r="D668" i="2" a="1"/>
  <c r="D668" i="2" s="1"/>
  <c r="D681" i="2" a="1"/>
  <c r="D681" i="2" s="1"/>
  <c r="D679" i="2" a="1"/>
  <c r="D679" i="2" s="1"/>
  <c r="D672" i="2" a="1"/>
  <c r="D672" i="2" s="1"/>
  <c r="D673" i="2" a="1"/>
  <c r="D673" i="2" s="1"/>
  <c r="D667" i="2" a="1"/>
  <c r="D667" i="2" s="1"/>
  <c r="D674" i="2" a="1"/>
  <c r="D674" i="2" s="1"/>
  <c r="H4970" i="2" a="1"/>
  <c r="H4970" i="2" s="1"/>
  <c r="H4963" i="2" a="1"/>
  <c r="H4963" i="2" s="1"/>
  <c r="H4957" i="2" a="1"/>
  <c r="H4957" i="2" s="1"/>
  <c r="H4977" i="2" a="1"/>
  <c r="H4977" i="2" s="1"/>
  <c r="H4965" i="2" a="1"/>
  <c r="H4965" i="2" s="1"/>
  <c r="H4955" i="2" a="1"/>
  <c r="H4955" i="2" s="1"/>
  <c r="E3295" i="2" a="1"/>
  <c r="E3295" i="2" s="1"/>
  <c r="E3293" i="2" a="1"/>
  <c r="E3293" i="2" s="1"/>
  <c r="E3292" i="2" a="1"/>
  <c r="E3292" i="2" s="1"/>
  <c r="E3274" i="2" a="1"/>
  <c r="E3274" i="2" s="1"/>
  <c r="D4773" i="2" a="1"/>
  <c r="D4773" i="2" s="1"/>
  <c r="D4768" i="2" a="1"/>
  <c r="D4768" i="2" s="1"/>
  <c r="D4776" i="2" a="1"/>
  <c r="D4776" i="2" s="1"/>
  <c r="D4780" i="2" a="1"/>
  <c r="D4780" i="2" s="1"/>
  <c r="D4775" i="2" a="1"/>
  <c r="D4775" i="2" s="1"/>
  <c r="D4783" i="2" a="1"/>
  <c r="D4783" i="2" s="1"/>
  <c r="D4771" i="2" a="1"/>
  <c r="D4771" i="2" s="1"/>
  <c r="D4762" i="2" a="1"/>
  <c r="D4762" i="2" s="1"/>
  <c r="D4766" i="2" a="1"/>
  <c r="D4766" i="2" s="1"/>
  <c r="D4778" i="2" a="1"/>
  <c r="D4778" i="2" s="1"/>
  <c r="E2788" i="2" a="1"/>
  <c r="E2788" i="2" s="1"/>
  <c r="E2791" i="2" a="1"/>
  <c r="E2791" i="2" s="1"/>
  <c r="E2774" i="2" a="1"/>
  <c r="E2774" i="2" s="1"/>
  <c r="E2784" i="2" a="1"/>
  <c r="E2784" i="2" s="1"/>
  <c r="E2780" i="2" a="1"/>
  <c r="E2780" i="2" s="1"/>
  <c r="E2789" i="2" a="1"/>
  <c r="E2789" i="2" s="1"/>
  <c r="E2778" i="2" a="1"/>
  <c r="E2778" i="2" s="1"/>
  <c r="E2776" i="2" a="1"/>
  <c r="E2776" i="2" s="1"/>
  <c r="E2770" i="2" a="1"/>
  <c r="E2770" i="2" s="1"/>
  <c r="E2772" i="2" a="1"/>
  <c r="E2772" i="2" s="1"/>
  <c r="E2781" i="2" a="1"/>
  <c r="E2781" i="2" s="1"/>
  <c r="E2771" i="2" a="1"/>
  <c r="E2771" i="2" s="1"/>
  <c r="E5573" i="2" a="1"/>
  <c r="E5573" i="2" s="1"/>
  <c r="E5560" i="2" a="1"/>
  <c r="E5560" i="2" s="1"/>
  <c r="E5556" i="2" a="1"/>
  <c r="E5556" i="2" s="1"/>
  <c r="E5567" i="2" a="1"/>
  <c r="E5567" i="2" s="1"/>
  <c r="E5570" i="2" a="1"/>
  <c r="E5570" i="2" s="1"/>
  <c r="H1505" i="2" a="1"/>
  <c r="H1505" i="2" s="1"/>
  <c r="H1508" i="2" a="1"/>
  <c r="H1508" i="2" s="1"/>
  <c r="H1502" i="2" a="1"/>
  <c r="H1502" i="2" s="1"/>
  <c r="H1504" i="2" a="1"/>
  <c r="H1504" i="2" s="1"/>
  <c r="H2779" i="2" a="1"/>
  <c r="H2779" i="2" s="1"/>
  <c r="H2790" i="2" a="1"/>
  <c r="H2790" i="2" s="1"/>
  <c r="H2792" i="2" a="1"/>
  <c r="H2792" i="2" s="1"/>
  <c r="H2778" i="2" a="1"/>
  <c r="H2778" i="2" s="1"/>
  <c r="H2773" i="2" a="1"/>
  <c r="H2773" i="2" s="1"/>
  <c r="H2775" i="2" a="1"/>
  <c r="H2775" i="2" s="1"/>
  <c r="H2780" i="2" a="1"/>
  <c r="H2780" i="2" s="1"/>
  <c r="G6347" i="2" a="1"/>
  <c r="G6347" i="2" s="1"/>
  <c r="G6364" i="2" a="1"/>
  <c r="G6364" i="2" s="1"/>
  <c r="G6352" i="2" a="1"/>
  <c r="G6352" i="2" s="1"/>
  <c r="G6353" i="2" a="1"/>
  <c r="G6353" i="2" s="1"/>
  <c r="G6367" i="2" a="1"/>
  <c r="G6367" i="2" s="1"/>
  <c r="G6355" i="2" a="1"/>
  <c r="G6355" i="2" s="1"/>
  <c r="G6363" i="2" a="1"/>
  <c r="G6363" i="2" s="1"/>
  <c r="G6361" i="2" a="1"/>
  <c r="G6361" i="2" s="1"/>
  <c r="G4531" i="2" a="1"/>
  <c r="G4531" i="2" s="1"/>
  <c r="D415" i="2" a="1"/>
  <c r="D415" i="2" s="1"/>
  <c r="E5574" i="2" a="1"/>
  <c r="E5574" i="2" s="1"/>
  <c r="E4840" i="2" a="1"/>
  <c r="E4840" i="2" s="1"/>
  <c r="D5998" i="2" a="1"/>
  <c r="D5998" i="2" s="1"/>
  <c r="D3288" i="2" a="1"/>
  <c r="D3288" i="2" s="1"/>
  <c r="D3294" i="2" a="1"/>
  <c r="D3294" i="2" s="1"/>
  <c r="D3289" i="2" a="1"/>
  <c r="D3289" i="2" s="1"/>
  <c r="H6907" i="2" a="1"/>
  <c r="H6907" i="2" s="1"/>
  <c r="H6909" i="2" a="1"/>
  <c r="H6909" i="2" s="1"/>
  <c r="H6915" i="2" a="1"/>
  <c r="H6915" i="2" s="1"/>
  <c r="H6919" i="2" a="1"/>
  <c r="H6919" i="2" s="1"/>
  <c r="H6901" i="2" a="1"/>
  <c r="H6901" i="2" s="1"/>
  <c r="H6900" i="2" a="1"/>
  <c r="H6900" i="2" s="1"/>
  <c r="H6920" i="2" a="1"/>
  <c r="H6920" i="2" s="1"/>
  <c r="H6921" i="2" a="1"/>
  <c r="H6921" i="2" s="1"/>
  <c r="H6911" i="2" a="1"/>
  <c r="H6911" i="2" s="1"/>
  <c r="H2916" i="2" a="1"/>
  <c r="H2916" i="2" s="1"/>
  <c r="H2923" i="2" a="1"/>
  <c r="H2923" i="2" s="1"/>
  <c r="H2914" i="2" a="1"/>
  <c r="H2914" i="2" s="1"/>
  <c r="H3260" i="2" a="1"/>
  <c r="H3260" i="2" s="1"/>
  <c r="H3263" i="2" a="1"/>
  <c r="H3263" i="2" s="1"/>
  <c r="H3252" i="2" a="1"/>
  <c r="H3252" i="2" s="1"/>
  <c r="H3262" i="2" a="1"/>
  <c r="H3262" i="2" s="1"/>
  <c r="H3268" i="2" a="1"/>
  <c r="H3268" i="2" s="1"/>
  <c r="H3258" i="2" a="1"/>
  <c r="H3258" i="2" s="1"/>
  <c r="H6179" i="2" a="1"/>
  <c r="H6179" i="2" s="1"/>
  <c r="H6199" i="2" a="1"/>
  <c r="H6199" i="2" s="1"/>
  <c r="H6185" i="2" a="1"/>
  <c r="H6185" i="2" s="1"/>
  <c r="H6195" i="2" a="1"/>
  <c r="H6195" i="2" s="1"/>
  <c r="H6193" i="2" a="1"/>
  <c r="H6193" i="2" s="1"/>
  <c r="H6201" i="2" a="1"/>
  <c r="H6201" i="2" s="1"/>
  <c r="H6194" i="2" a="1"/>
  <c r="H6194" i="2" s="1"/>
  <c r="H6190" i="2" a="1"/>
  <c r="H6190" i="2" s="1"/>
  <c r="E3692" i="2" a="1"/>
  <c r="E3692" i="2" s="1"/>
  <c r="E3687" i="2" a="1"/>
  <c r="E3687" i="2" s="1"/>
  <c r="E3683" i="2" a="1"/>
  <c r="E3683" i="2" s="1"/>
  <c r="E3697" i="2" a="1"/>
  <c r="E3697" i="2" s="1"/>
  <c r="E3684" i="2" a="1"/>
  <c r="E3684" i="2" s="1"/>
  <c r="E3705" i="2" a="1"/>
  <c r="E3705" i="2" s="1"/>
  <c r="E3695" i="2" a="1"/>
  <c r="E3695" i="2" s="1"/>
  <c r="H3256" i="2" a="1"/>
  <c r="H3256" i="2" s="1"/>
  <c r="G2997" i="2" a="1"/>
  <c r="G2997" i="2" s="1"/>
  <c r="F4697" i="2" a="1"/>
  <c r="F4697" i="2" s="1"/>
  <c r="D4531" i="2" a="1"/>
  <c r="D4531" i="2" s="1"/>
  <c r="F7563" i="2" a="1"/>
  <c r="F7563" i="2" s="1"/>
  <c r="F7564" i="2" a="1"/>
  <c r="F7564" i="2" s="1"/>
  <c r="H3261" i="2" a="1"/>
  <c r="H3261" i="2" s="1"/>
  <c r="H7238" i="2" a="1"/>
  <c r="H7238" i="2" s="1"/>
  <c r="F7367" i="2" a="1"/>
  <c r="F7367" i="2" s="1"/>
  <c r="H2342" i="2" a="1"/>
  <c r="H2342" i="2" s="1"/>
  <c r="H3259" i="2" a="1"/>
  <c r="H3259" i="2" s="1"/>
  <c r="D8115" i="2" a="1"/>
  <c r="D8115" i="2" s="1"/>
  <c r="D5348" i="2" a="1"/>
  <c r="D5348" i="2" s="1"/>
  <c r="D405" i="2" a="1"/>
  <c r="D405" i="2" s="1"/>
  <c r="H776" i="2" a="1"/>
  <c r="H776" i="2" s="1"/>
  <c r="G810" i="2" a="1"/>
  <c r="G810" i="2" s="1"/>
  <c r="F1153" i="2" a="1"/>
  <c r="F1153" i="2" s="1"/>
  <c r="G4540" i="2" a="1"/>
  <c r="G4540" i="2" s="1"/>
  <c r="H5354" i="2" a="1"/>
  <c r="H5354" i="2" s="1"/>
  <c r="H335" i="2" a="1"/>
  <c r="H335" i="2" s="1"/>
  <c r="H7061" i="2" a="1"/>
  <c r="H7061" i="2" s="1"/>
  <c r="F7373" i="2" a="1"/>
  <c r="F7373" i="2" s="1"/>
  <c r="F7124" i="2" a="1"/>
  <c r="F7124" i="2" s="1"/>
  <c r="D4577" i="2" a="1"/>
  <c r="D4577" i="2" s="1"/>
  <c r="E2993" i="2" a="1"/>
  <c r="E2993" i="2" s="1"/>
  <c r="G2641" i="2" a="1"/>
  <c r="G2641" i="2" s="1"/>
  <c r="D3845" i="2" a="1"/>
  <c r="D3845" i="2" s="1"/>
  <c r="H8793" i="2" a="1"/>
  <c r="H8793" i="2" s="1"/>
  <c r="G1588" i="2" a="1"/>
  <c r="G1588" i="2" s="1"/>
  <c r="F1463" i="2" a="1"/>
  <c r="F1463" i="2" s="1"/>
  <c r="G3489" i="2" a="1"/>
  <c r="G3489" i="2" s="1"/>
  <c r="D1469" i="2" a="1"/>
  <c r="D1469" i="2" s="1"/>
  <c r="D3099" i="2" a="1"/>
  <c r="D3099" i="2" s="1"/>
  <c r="G5354" i="2" a="1"/>
  <c r="G5354" i="2" s="1"/>
  <c r="F4463" i="2" a="1"/>
  <c r="F4463" i="2" s="1"/>
  <c r="F8755" i="2" a="1"/>
  <c r="F8755" i="2" s="1"/>
  <c r="G4049" i="2" a="1"/>
  <c r="G4049" i="2" s="1"/>
  <c r="F4478" i="2" a="1"/>
  <c r="F4478" i="2" s="1"/>
  <c r="E2454" i="2" a="1"/>
  <c r="E2454" i="2" s="1"/>
  <c r="F4277" i="2" a="1"/>
  <c r="F4277" i="2" s="1"/>
  <c r="F2591" i="2" a="1"/>
  <c r="F2591" i="2" s="1"/>
  <c r="G6233" i="2" a="1"/>
  <c r="G6233" i="2" s="1"/>
  <c r="F5950" i="2" a="1"/>
  <c r="F5950" i="2" s="1"/>
  <c r="D3761" i="2" a="1"/>
  <c r="D3761" i="2" s="1"/>
  <c r="H2634" i="2" a="1"/>
  <c r="H2634" i="2" s="1"/>
  <c r="H2639" i="2" a="1"/>
  <c r="H2639" i="2" s="1"/>
  <c r="H2648" i="2" a="1"/>
  <c r="H2648" i="2" s="1"/>
  <c r="H2629" i="2" a="1"/>
  <c r="H2629" i="2" s="1"/>
  <c r="F3981" i="2" a="1"/>
  <c r="F3981" i="2" s="1"/>
  <c r="F3989" i="2" a="1"/>
  <c r="F3989" i="2" s="1"/>
  <c r="F3975" i="2" a="1"/>
  <c r="F3975" i="2" s="1"/>
  <c r="F3971" i="2" a="1"/>
  <c r="F3971" i="2" s="1"/>
  <c r="E8076" i="2" a="1"/>
  <c r="E8076" i="2" s="1"/>
  <c r="E8082" i="2" a="1"/>
  <c r="E8082" i="2" s="1"/>
  <c r="E8080" i="2" a="1"/>
  <c r="E8080" i="2" s="1"/>
  <c r="E8078" i="2" a="1"/>
  <c r="E8078" i="2" s="1"/>
  <c r="E8087" i="2" a="1"/>
  <c r="E8087" i="2" s="1"/>
  <c r="E8079" i="2" a="1"/>
  <c r="E8079" i="2" s="1"/>
  <c r="E8097" i="2" a="1"/>
  <c r="E8097" i="2" s="1"/>
  <c r="E8086" i="2" a="1"/>
  <c r="E8086" i="2" s="1"/>
  <c r="G4649" i="2" a="1"/>
  <c r="G4649" i="2" s="1"/>
  <c r="G4656" i="2" a="1"/>
  <c r="G4656" i="2" s="1"/>
  <c r="G4652" i="2" a="1"/>
  <c r="G4652" i="2" s="1"/>
  <c r="G4655" i="2" a="1"/>
  <c r="G4655" i="2" s="1"/>
  <c r="G4645" i="2" a="1"/>
  <c r="G4645" i="2" s="1"/>
  <c r="F338" i="2" a="1"/>
  <c r="F338" i="2" s="1"/>
  <c r="F339" i="2" a="1"/>
  <c r="F339" i="2" s="1"/>
  <c r="F344" i="2" a="1"/>
  <c r="F344" i="2" s="1"/>
  <c r="F323" i="2" a="1"/>
  <c r="F323" i="2" s="1"/>
  <c r="F330" i="2" a="1"/>
  <c r="F330" i="2" s="1"/>
  <c r="F337" i="2" a="1"/>
  <c r="F337" i="2" s="1"/>
  <c r="F322" i="2" a="1"/>
  <c r="F322" i="2" s="1"/>
  <c r="F4773" i="2" a="1"/>
  <c r="F4773" i="2" s="1"/>
  <c r="F4778" i="2" a="1"/>
  <c r="F4778" i="2" s="1"/>
  <c r="F4774" i="2" a="1"/>
  <c r="F4774" i="2" s="1"/>
  <c r="F4779" i="2" a="1"/>
  <c r="F4779" i="2" s="1"/>
  <c r="F4772" i="2" a="1"/>
  <c r="F4772" i="2" s="1"/>
  <c r="F4769" i="2" a="1"/>
  <c r="F4769" i="2" s="1"/>
  <c r="D7523" i="2" a="1"/>
  <c r="D7523" i="2" s="1"/>
  <c r="D7539" i="2" a="1"/>
  <c r="D7539" i="2" s="1"/>
  <c r="D7524" i="2" a="1"/>
  <c r="D7524" i="2" s="1"/>
  <c r="D7538" i="2" a="1"/>
  <c r="D7538" i="2" s="1"/>
  <c r="D7544" i="2" a="1"/>
  <c r="D7544" i="2" s="1"/>
  <c r="D7527" i="2" a="1"/>
  <c r="D7527" i="2" s="1"/>
  <c r="D7533" i="2" a="1"/>
  <c r="D7533" i="2" s="1"/>
  <c r="D2316" i="2" a="1"/>
  <c r="D2316" i="2" s="1"/>
  <c r="D2318" i="2" a="1"/>
  <c r="D2318" i="2" s="1"/>
  <c r="D2326" i="2" a="1"/>
  <c r="D2326" i="2" s="1"/>
  <c r="F5649" i="2" a="1"/>
  <c r="F5649" i="2" s="1"/>
  <c r="F5646" i="2" a="1"/>
  <c r="F5646" i="2" s="1"/>
  <c r="F5643" i="2" a="1"/>
  <c r="F5643" i="2" s="1"/>
  <c r="F5633" i="2" a="1"/>
  <c r="F5633" i="2" s="1"/>
  <c r="F5640" i="2" a="1"/>
  <c r="F5640" i="2" s="1"/>
  <c r="D1952" i="2" a="1"/>
  <c r="D1952" i="2" s="1"/>
  <c r="D1945" i="2" a="1"/>
  <c r="D1945" i="2" s="1"/>
  <c r="H5434" i="2" a="1"/>
  <c r="H5434" i="2" s="1"/>
  <c r="H5442" i="2" a="1"/>
  <c r="H5442" i="2" s="1"/>
  <c r="H5440" i="2" a="1"/>
  <c r="H5440" i="2" s="1"/>
  <c r="H5455" i="2" a="1"/>
  <c r="H5455" i="2" s="1"/>
  <c r="H5448" i="2" a="1"/>
  <c r="H5448" i="2" s="1"/>
  <c r="H5444" i="2" a="1"/>
  <c r="H5444" i="2" s="1"/>
  <c r="H5451" i="2" a="1"/>
  <c r="H5451" i="2" s="1"/>
  <c r="H5453" i="2" a="1"/>
  <c r="H5453" i="2" s="1"/>
  <c r="H5437" i="2" a="1"/>
  <c r="H5437" i="2" s="1"/>
  <c r="H5441" i="2" a="1"/>
  <c r="H5441" i="2" s="1"/>
  <c r="E4237" i="2" a="1"/>
  <c r="E4237" i="2" s="1"/>
  <c r="E4238" i="2" a="1"/>
  <c r="E4238" i="2" s="1"/>
  <c r="E4247" i="2" a="1"/>
  <c r="E4247" i="2" s="1"/>
  <c r="E4241" i="2" a="1"/>
  <c r="E4241" i="2" s="1"/>
  <c r="E4236" i="2" a="1"/>
  <c r="E4236" i="2" s="1"/>
  <c r="E4243" i="2" a="1"/>
  <c r="E4243" i="2" s="1"/>
  <c r="E4234" i="2" a="1"/>
  <c r="E4234" i="2" s="1"/>
  <c r="E4239" i="2" a="1"/>
  <c r="E4239" i="2" s="1"/>
  <c r="F755" i="2" a="1"/>
  <c r="F755" i="2" s="1"/>
  <c r="F5869" i="2" a="1"/>
  <c r="F5869" i="2" s="1"/>
  <c r="E4856" i="2" a="1"/>
  <c r="E4856" i="2" s="1"/>
  <c r="D6478" i="2" a="1"/>
  <c r="D6478" i="2" s="1"/>
  <c r="D6471" i="2" a="1"/>
  <c r="D6471" i="2" s="1"/>
  <c r="D6477" i="2" a="1"/>
  <c r="D6477" i="2" s="1"/>
  <c r="D6487" i="2" a="1"/>
  <c r="D6487" i="2" s="1"/>
  <c r="D6480" i="2" a="1"/>
  <c r="D6480" i="2" s="1"/>
  <c r="D6488" i="2" a="1"/>
  <c r="D6488" i="2" s="1"/>
  <c r="D6472" i="2" a="1"/>
  <c r="D6472" i="2" s="1"/>
  <c r="D6474" i="2" a="1"/>
  <c r="D6474" i="2" s="1"/>
  <c r="D6470" i="2" a="1"/>
  <c r="D6470" i="2" s="1"/>
  <c r="F4579" i="2" a="1"/>
  <c r="F4579" i="2" s="1"/>
  <c r="F4580" i="2" a="1"/>
  <c r="F4580" i="2" s="1"/>
  <c r="F4593" i="2" a="1"/>
  <c r="F4593" i="2" s="1"/>
  <c r="F4582" i="2" a="1"/>
  <c r="F4582" i="2" s="1"/>
  <c r="F4587" i="2" a="1"/>
  <c r="F4587" i="2" s="1"/>
  <c r="F4592" i="2" a="1"/>
  <c r="F4592" i="2" s="1"/>
  <c r="F4573" i="2" a="1"/>
  <c r="F4573" i="2" s="1"/>
  <c r="F4591" i="2" a="1"/>
  <c r="F4591" i="2" s="1"/>
  <c r="F4574" i="2" a="1"/>
  <c r="F4574" i="2" s="1"/>
  <c r="F4584" i="2" a="1"/>
  <c r="F4584" i="2" s="1"/>
  <c r="F4588" i="2" a="1"/>
  <c r="F4588" i="2" s="1"/>
  <c r="F4571" i="2" a="1"/>
  <c r="F4571" i="2" s="1"/>
  <c r="F4590" i="2" a="1"/>
  <c r="F4590" i="2" s="1"/>
  <c r="D1978" i="2" a="1"/>
  <c r="D1978" i="2" s="1"/>
  <c r="D1982" i="2" a="1"/>
  <c r="D1982" i="2" s="1"/>
  <c r="D1986" i="2" a="1"/>
  <c r="D1986" i="2" s="1"/>
  <c r="D1989" i="2" a="1"/>
  <c r="D1989" i="2" s="1"/>
  <c r="D1990" i="2" a="1"/>
  <c r="D1990" i="2" s="1"/>
  <c r="D1998" i="2" a="1"/>
  <c r="D1998" i="2" s="1"/>
  <c r="D1994" i="2" a="1"/>
  <c r="D1994" i="2" s="1"/>
  <c r="G2993" i="2" a="1"/>
  <c r="G2993" i="2" s="1"/>
  <c r="G2986" i="2" a="1"/>
  <c r="G2986" i="2" s="1"/>
  <c r="G3001" i="2" a="1"/>
  <c r="G3001" i="2" s="1"/>
  <c r="G3003" i="2" a="1"/>
  <c r="G3003" i="2" s="1"/>
  <c r="G2987" i="2" a="1"/>
  <c r="G2987" i="2" s="1"/>
  <c r="G3008" i="2" a="1"/>
  <c r="G3008" i="2" s="1"/>
  <c r="G2988" i="2" a="1"/>
  <c r="G2988" i="2" s="1"/>
  <c r="D3322" i="2" a="1"/>
  <c r="D3322" i="2" s="1"/>
  <c r="D3342" i="2" a="1"/>
  <c r="D3342" i="2" s="1"/>
  <c r="D3329" i="2" a="1"/>
  <c r="D3329" i="2" s="1"/>
  <c r="D3332" i="2" a="1"/>
  <c r="D3332" i="2" s="1"/>
  <c r="F1160" i="2" a="1"/>
  <c r="F1160" i="2" s="1"/>
  <c r="D3091" i="2" a="1"/>
  <c r="D3091" i="2" s="1"/>
  <c r="H2343" i="2" a="1"/>
  <c r="H2343" i="2" s="1"/>
  <c r="H3264" i="2" a="1"/>
  <c r="H3264" i="2" s="1"/>
  <c r="F1454" i="2" a="1"/>
  <c r="F1454" i="2" s="1"/>
  <c r="AQ116" i="1"/>
  <c r="G122" i="5" s="1"/>
  <c r="D3192" i="2" a="1"/>
  <c r="D3192" i="2" s="1"/>
  <c r="H2348" i="2" a="1"/>
  <c r="H2348" i="2" s="1"/>
  <c r="D5356" i="2" a="1"/>
  <c r="D5356" i="2" s="1"/>
  <c r="H756" i="2" a="1"/>
  <c r="H756" i="2" s="1"/>
  <c r="F1154" i="2" a="1"/>
  <c r="F1154" i="2" s="1"/>
  <c r="G2995" i="2" a="1"/>
  <c r="G2995" i="2" s="1"/>
  <c r="H324" i="2" a="1"/>
  <c r="H324" i="2" s="1"/>
  <c r="H6908" i="2" a="1"/>
  <c r="H6908" i="2" s="1"/>
  <c r="H2361" i="2" a="1"/>
  <c r="H2361" i="2" s="1"/>
  <c r="H3273" i="2" a="1"/>
  <c r="H3273" i="2" s="1"/>
  <c r="D8120" i="2" a="1"/>
  <c r="D8120" i="2" s="1"/>
  <c r="D5344" i="2" a="1"/>
  <c r="D5344" i="2" s="1"/>
  <c r="D1987" i="2" a="1"/>
  <c r="D1987" i="2" s="1"/>
  <c r="D416" i="2" a="1"/>
  <c r="D416" i="2" s="1"/>
  <c r="H768" i="2" a="1"/>
  <c r="H768" i="2" s="1"/>
  <c r="G808" i="2" a="1"/>
  <c r="G808" i="2" s="1"/>
  <c r="F1144" i="2" a="1"/>
  <c r="F1144" i="2" s="1"/>
  <c r="G4537" i="2" a="1"/>
  <c r="G4537" i="2" s="1"/>
  <c r="H5344" i="2" a="1"/>
  <c r="H5344" i="2" s="1"/>
  <c r="G3002" i="2" a="1"/>
  <c r="G3002" i="2" s="1"/>
  <c r="H322" i="2" a="1"/>
  <c r="H322" i="2" s="1"/>
  <c r="E8075" i="2" a="1"/>
  <c r="E8075" i="2" s="1"/>
  <c r="H7047" i="2" a="1"/>
  <c r="H7047" i="2" s="1"/>
  <c r="F7368" i="2" a="1"/>
  <c r="F7368" i="2" s="1"/>
  <c r="F7120" i="2" a="1"/>
  <c r="F7120" i="2" s="1"/>
  <c r="D4573" i="2" a="1"/>
  <c r="D4573" i="2" s="1"/>
  <c r="E3007" i="2" a="1"/>
  <c r="E3007" i="2" s="1"/>
  <c r="H8789" i="2" a="1"/>
  <c r="H8789" i="2" s="1"/>
  <c r="G1575" i="2" a="1"/>
  <c r="G1575" i="2" s="1"/>
  <c r="F1451" i="2" a="1"/>
  <c r="F1451" i="2" s="1"/>
  <c r="G3467" i="2" a="1"/>
  <c r="G3467" i="2" s="1"/>
  <c r="D1466" i="2" a="1"/>
  <c r="D1466" i="2" s="1"/>
  <c r="H2495" i="2" a="1"/>
  <c r="H2495" i="2" s="1"/>
  <c r="G5349" i="2" a="1"/>
  <c r="G5349" i="2" s="1"/>
  <c r="F4473" i="2" a="1"/>
  <c r="F4473" i="2" s="1"/>
  <c r="F8748" i="2" a="1"/>
  <c r="F8748" i="2" s="1"/>
  <c r="G4056" i="2" a="1"/>
  <c r="G4056" i="2" s="1"/>
  <c r="F4496" i="2" a="1"/>
  <c r="F4496" i="2" s="1"/>
  <c r="E2441" i="2" a="1"/>
  <c r="E2441" i="2" s="1"/>
  <c r="F4267" i="2" a="1"/>
  <c r="F4267" i="2" s="1"/>
  <c r="G6248" i="2" a="1"/>
  <c r="G6248" i="2" s="1"/>
  <c r="G6779" i="2" a="1"/>
  <c r="G6779" i="2" s="1"/>
  <c r="G2166" i="2" a="1"/>
  <c r="G2166" i="2" s="1"/>
  <c r="H6811" i="2" a="1"/>
  <c r="H6811" i="2" s="1"/>
  <c r="H6825" i="2" a="1"/>
  <c r="H6825" i="2" s="1"/>
  <c r="H6810" i="2" a="1"/>
  <c r="H6810" i="2" s="1"/>
  <c r="H6817" i="2" a="1"/>
  <c r="H6817" i="2" s="1"/>
  <c r="H6807" i="2" a="1"/>
  <c r="H6807" i="2" s="1"/>
  <c r="F750" i="2" a="1"/>
  <c r="F750" i="2" s="1"/>
  <c r="F737" i="2" a="1"/>
  <c r="F737" i="2" s="1"/>
  <c r="F747" i="2" a="1"/>
  <c r="F747" i="2" s="1"/>
  <c r="F732" i="2" a="1"/>
  <c r="F732" i="2" s="1"/>
  <c r="F733" i="2" a="1"/>
  <c r="F733" i="2" s="1"/>
  <c r="F734" i="2" a="1"/>
  <c r="F734" i="2" s="1"/>
  <c r="F751" i="2" a="1"/>
  <c r="F751" i="2" s="1"/>
  <c r="E8118" i="2" a="1"/>
  <c r="E8118" i="2" s="1"/>
  <c r="E8121" i="2" a="1"/>
  <c r="E8121" i="2" s="1"/>
  <c r="E8101" i="2" a="1"/>
  <c r="E8101" i="2" s="1"/>
  <c r="H7892" i="2" a="1"/>
  <c r="H7892" i="2" s="1"/>
  <c r="H7882" i="2" a="1"/>
  <c r="H7882" i="2" s="1"/>
  <c r="H7903" i="2" a="1"/>
  <c r="H7903" i="2" s="1"/>
  <c r="H7884" i="2" a="1"/>
  <c r="H7884" i="2" s="1"/>
  <c r="H7886" i="2" a="1"/>
  <c r="H7886" i="2" s="1"/>
  <c r="H7887" i="2" a="1"/>
  <c r="H7887" i="2" s="1"/>
  <c r="D7649" i="2" a="1"/>
  <c r="D7649" i="2" s="1"/>
  <c r="D7651" i="2" a="1"/>
  <c r="D7651" i="2" s="1"/>
  <c r="D7645" i="2" a="1"/>
  <c r="D7645" i="2" s="1"/>
  <c r="D7650" i="2" a="1"/>
  <c r="D7650" i="2" s="1"/>
  <c r="D7654" i="2" a="1"/>
  <c r="D7654" i="2" s="1"/>
  <c r="D7665" i="2" a="1"/>
  <c r="D7665" i="2" s="1"/>
  <c r="F775" i="2" a="1"/>
  <c r="F775" i="2" s="1"/>
  <c r="F770" i="2" a="1"/>
  <c r="F770" i="2" s="1"/>
  <c r="F769" i="2" a="1"/>
  <c r="F769" i="2" s="1"/>
  <c r="F771" i="2" a="1"/>
  <c r="F771" i="2" s="1"/>
  <c r="F767" i="2" a="1"/>
  <c r="F767" i="2" s="1"/>
  <c r="F7981" i="2" a="1"/>
  <c r="F7981" i="2" s="1"/>
  <c r="F7980" i="2" a="1"/>
  <c r="F7980" i="2" s="1"/>
  <c r="F7988" i="2" a="1"/>
  <c r="F7988" i="2" s="1"/>
  <c r="F7994" i="2" a="1"/>
  <c r="F7994" i="2" s="1"/>
  <c r="F7987" i="2" a="1"/>
  <c r="F7987" i="2" s="1"/>
  <c r="F7999" i="2" a="1"/>
  <c r="F7999" i="2" s="1"/>
  <c r="H6598" i="2" a="1"/>
  <c r="H6598" i="2" s="1"/>
  <c r="H6586" i="2" a="1"/>
  <c r="H6586" i="2" s="1"/>
  <c r="H6603" i="2" a="1"/>
  <c r="H6603" i="2" s="1"/>
  <c r="H6591" i="2" a="1"/>
  <c r="H6591" i="2" s="1"/>
  <c r="H6590" i="2" a="1"/>
  <c r="H6590" i="2" s="1"/>
  <c r="H6599" i="2" a="1"/>
  <c r="H6599" i="2" s="1"/>
  <c r="D7606" i="2" a="1"/>
  <c r="D7606" i="2" s="1"/>
  <c r="D7603" i="2" a="1"/>
  <c r="D7603" i="2" s="1"/>
  <c r="D7613" i="2" a="1"/>
  <c r="D7613" i="2" s="1"/>
  <c r="D7595" i="2" a="1"/>
  <c r="D7595" i="2" s="1"/>
  <c r="D7598" i="2" a="1"/>
  <c r="D7598" i="2" s="1"/>
  <c r="D7610" i="2" a="1"/>
  <c r="D7610" i="2" s="1"/>
  <c r="D489" i="2" a="1"/>
  <c r="D489" i="2" s="1"/>
  <c r="D470" i="2" a="1"/>
  <c r="D470" i="2" s="1"/>
  <c r="D482" i="2" a="1"/>
  <c r="D482" i="2" s="1"/>
  <c r="D477" i="2" a="1"/>
  <c r="D477" i="2" s="1"/>
  <c r="D481" i="2" a="1"/>
  <c r="D481" i="2" s="1"/>
  <c r="D487" i="2" a="1"/>
  <c r="D487" i="2" s="1"/>
  <c r="D478" i="2" a="1"/>
  <c r="D478" i="2" s="1"/>
  <c r="D469" i="2" a="1"/>
  <c r="D469" i="2" s="1"/>
  <c r="D473" i="2" a="1"/>
  <c r="D473" i="2" s="1"/>
  <c r="D485" i="2" a="1"/>
  <c r="D485" i="2" s="1"/>
  <c r="D475" i="2" a="1"/>
  <c r="D475" i="2" s="1"/>
  <c r="H7105" i="2" a="1"/>
  <c r="H7105" i="2" s="1"/>
  <c r="H7095" i="2" a="1"/>
  <c r="H7095" i="2" s="1"/>
  <c r="H7113" i="2" a="1"/>
  <c r="H7113" i="2" s="1"/>
  <c r="H7106" i="2" a="1"/>
  <c r="H7106" i="2" s="1"/>
  <c r="H7107" i="2" a="1"/>
  <c r="H7107" i="2" s="1"/>
  <c r="H7100" i="2" a="1"/>
  <c r="H7100" i="2" s="1"/>
  <c r="H7101" i="2" a="1"/>
  <c r="H7101" i="2" s="1"/>
  <c r="H2347" i="2" a="1"/>
  <c r="H2347" i="2" s="1"/>
  <c r="D5355" i="2" a="1"/>
  <c r="D5355" i="2" s="1"/>
  <c r="H2354" i="2" a="1"/>
  <c r="H2354" i="2" s="1"/>
  <c r="D5347" i="2" a="1"/>
  <c r="D5347" i="2" s="1"/>
  <c r="F4783" i="2" a="1"/>
  <c r="F4783" i="2" s="1"/>
  <c r="G4661" i="2" a="1"/>
  <c r="G4661" i="2" s="1"/>
  <c r="F1897" i="2" a="1"/>
  <c r="F1897" i="2" s="1"/>
  <c r="F1891" i="2" a="1"/>
  <c r="F1891" i="2" s="1"/>
  <c r="F1901" i="2" a="1"/>
  <c r="F1901" i="2" s="1"/>
  <c r="F1902" i="2" a="1"/>
  <c r="F1902" i="2" s="1"/>
  <c r="F1895" i="2" a="1"/>
  <c r="F1895" i="2" s="1"/>
  <c r="F1905" i="2" a="1"/>
  <c r="F1905" i="2" s="1"/>
  <c r="F1883" i="2" a="1"/>
  <c r="F1883" i="2" s="1"/>
  <c r="F1893" i="2" a="1"/>
  <c r="F1893" i="2" s="1"/>
  <c r="F1892" i="2" a="1"/>
  <c r="F1892" i="2" s="1"/>
  <c r="F1894" i="2" a="1"/>
  <c r="F1894" i="2" s="1"/>
  <c r="F1890" i="2" a="1"/>
  <c r="F1890" i="2" s="1"/>
  <c r="F1896" i="2" a="1"/>
  <c r="F1896" i="2" s="1"/>
  <c r="F1898" i="2" a="1"/>
  <c r="F1898" i="2" s="1"/>
  <c r="D3837" i="2" a="1"/>
  <c r="D3837" i="2" s="1"/>
  <c r="D3840" i="2" a="1"/>
  <c r="D3840" i="2" s="1"/>
  <c r="D3844" i="2" a="1"/>
  <c r="D3844" i="2" s="1"/>
  <c r="D3832" i="2" a="1"/>
  <c r="D3832" i="2" s="1"/>
  <c r="D3839" i="2" a="1"/>
  <c r="D3839" i="2" s="1"/>
  <c r="D3846" i="2" a="1"/>
  <c r="D3846" i="2" s="1"/>
  <c r="D3847" i="2" a="1"/>
  <c r="D3847" i="2" s="1"/>
  <c r="D3848" i="2" a="1"/>
  <c r="D3848" i="2" s="1"/>
  <c r="D3826" i="2" a="1"/>
  <c r="D3826" i="2" s="1"/>
  <c r="D3830" i="2" a="1"/>
  <c r="D3830" i="2" s="1"/>
  <c r="D3833" i="2" a="1"/>
  <c r="D3833" i="2" s="1"/>
  <c r="D3843" i="2" a="1"/>
  <c r="D3843" i="2" s="1"/>
  <c r="D3849" i="2" a="1"/>
  <c r="D3849" i="2" s="1"/>
  <c r="H4853" i="2" a="1"/>
  <c r="H4853" i="2" s="1"/>
  <c r="H4843" i="2" a="1"/>
  <c r="H4843" i="2" s="1"/>
  <c r="H4834" i="2" a="1"/>
  <c r="H4834" i="2" s="1"/>
  <c r="H4844" i="2" a="1"/>
  <c r="H4844" i="2" s="1"/>
  <c r="H4836" i="2" a="1"/>
  <c r="H4836" i="2" s="1"/>
  <c r="H4845" i="2" a="1"/>
  <c r="H4845" i="2" s="1"/>
  <c r="H4841" i="2" a="1"/>
  <c r="H4841" i="2" s="1"/>
  <c r="H4852" i="2" a="1"/>
  <c r="H4852" i="2" s="1"/>
  <c r="H4837" i="2" a="1"/>
  <c r="H4837" i="2" s="1"/>
  <c r="H4849" i="2" a="1"/>
  <c r="H4849" i="2" s="1"/>
  <c r="H4856" i="2" a="1"/>
  <c r="H4856" i="2" s="1"/>
  <c r="H4848" i="2" a="1"/>
  <c r="H4848" i="2" s="1"/>
  <c r="H4847" i="2" a="1"/>
  <c r="H4847" i="2" s="1"/>
  <c r="H4840" i="2" a="1"/>
  <c r="H4840" i="2" s="1"/>
  <c r="H4854" i="2" a="1"/>
  <c r="H4854" i="2" s="1"/>
  <c r="E6481" i="2" a="1"/>
  <c r="E6481" i="2" s="1"/>
  <c r="E6466" i="2" a="1"/>
  <c r="E6466" i="2" s="1"/>
  <c r="E6475" i="2" a="1"/>
  <c r="E6475" i="2" s="1"/>
  <c r="E6484" i="2" a="1"/>
  <c r="E6484" i="2" s="1"/>
  <c r="E6480" i="2" a="1"/>
  <c r="E6480" i="2" s="1"/>
  <c r="E6467" i="2" a="1"/>
  <c r="E6467" i="2" s="1"/>
  <c r="E6469" i="2" a="1"/>
  <c r="E6469" i="2" s="1"/>
  <c r="H5357" i="2" a="1"/>
  <c r="H5357" i="2" s="1"/>
  <c r="F1884" i="2" a="1"/>
  <c r="F1884" i="2" s="1"/>
  <c r="D3829" i="2" a="1"/>
  <c r="D3829" i="2" s="1"/>
  <c r="D3196" i="2" a="1"/>
  <c r="D3196" i="2" s="1"/>
  <c r="E4256" i="2" a="1"/>
  <c r="E4256" i="2" s="1"/>
  <c r="H5360" i="2" a="1"/>
  <c r="H5360" i="2" s="1"/>
  <c r="H6912" i="2" a="1"/>
  <c r="H6912" i="2" s="1"/>
  <c r="H3250" i="2" a="1"/>
  <c r="H3250" i="2" s="1"/>
  <c r="D408" i="2" a="1"/>
  <c r="D408" i="2" s="1"/>
  <c r="H7092" i="2" a="1"/>
  <c r="H7092" i="2" s="1"/>
  <c r="G3007" i="2" a="1"/>
  <c r="G3007" i="2" s="1"/>
  <c r="H331" i="2" a="1"/>
  <c r="H331" i="2" s="1"/>
  <c r="G1573" i="2" a="1"/>
  <c r="G1573" i="2" s="1"/>
  <c r="F1465" i="2" a="1"/>
  <c r="F1465" i="2" s="1"/>
  <c r="G8341" i="2" a="1"/>
  <c r="G8341" i="2" s="1"/>
  <c r="G4055" i="2" a="1"/>
  <c r="G4055" i="2" s="1"/>
  <c r="H5431" i="2" a="1"/>
  <c r="H5431" i="2" s="1"/>
  <c r="H6903" i="2" a="1"/>
  <c r="H6903" i="2" s="1"/>
  <c r="H3272" i="2" a="1"/>
  <c r="H3272" i="2" s="1"/>
  <c r="D8111" i="2" a="1"/>
  <c r="D8111" i="2" s="1"/>
  <c r="G4093" i="2" a="1"/>
  <c r="G4093" i="2" s="1"/>
  <c r="D404" i="2" a="1"/>
  <c r="D404" i="2" s="1"/>
  <c r="G819" i="2" a="1"/>
  <c r="G819" i="2" s="1"/>
  <c r="H7109" i="2" a="1"/>
  <c r="H7109" i="2" s="1"/>
  <c r="G4544" i="2" a="1"/>
  <c r="G4544" i="2" s="1"/>
  <c r="H5346" i="2" a="1"/>
  <c r="H5346" i="2" s="1"/>
  <c r="G3004" i="2" a="1"/>
  <c r="G3004" i="2" s="1"/>
  <c r="H329" i="2" a="1"/>
  <c r="H329" i="2" s="1"/>
  <c r="E8088" i="2" a="1"/>
  <c r="E8088" i="2" s="1"/>
  <c r="H7058" i="2" a="1"/>
  <c r="H7058" i="2" s="1"/>
  <c r="F7119" i="2" a="1"/>
  <c r="F7119" i="2" s="1"/>
  <c r="D4574" i="2" a="1"/>
  <c r="D4574" i="2" s="1"/>
  <c r="E3005" i="2" a="1"/>
  <c r="E3005" i="2" s="1"/>
  <c r="H8792" i="2" a="1"/>
  <c r="H8792" i="2" s="1"/>
  <c r="G1584" i="2" a="1"/>
  <c r="G1584" i="2" s="1"/>
  <c r="F1466" i="2" a="1"/>
  <c r="F1466" i="2" s="1"/>
  <c r="G3483" i="2" a="1"/>
  <c r="G3483" i="2" s="1"/>
  <c r="D1457" i="2" a="1"/>
  <c r="D1457" i="2" s="1"/>
  <c r="H4857" i="2" a="1"/>
  <c r="H4857" i="2" s="1"/>
  <c r="H2487" i="2" a="1"/>
  <c r="H2487" i="2" s="1"/>
  <c r="G3598" i="2" a="1"/>
  <c r="G3598" i="2" s="1"/>
  <c r="F4457" i="2" a="1"/>
  <c r="F4457" i="2" s="1"/>
  <c r="E3693" i="2" a="1"/>
  <c r="E3693" i="2" s="1"/>
  <c r="F8757" i="2" a="1"/>
  <c r="F8757" i="2" s="1"/>
  <c r="F3978" i="2" a="1"/>
  <c r="F3978" i="2" s="1"/>
  <c r="E1370" i="2" a="1"/>
  <c r="E1370" i="2" s="1"/>
  <c r="F6243" i="2" a="1"/>
  <c r="F6243" i="2" s="1"/>
  <c r="G8356" i="2" a="1"/>
  <c r="G8356" i="2" s="1"/>
  <c r="G4057" i="2" a="1"/>
  <c r="G4057" i="2" s="1"/>
  <c r="G8404" i="2" a="1"/>
  <c r="G8404" i="2" s="1"/>
  <c r="H5411" i="2" a="1"/>
  <c r="H5411" i="2" s="1"/>
  <c r="H888" i="2" a="1"/>
  <c r="H888" i="2" s="1"/>
  <c r="F5868" i="2" a="1"/>
  <c r="F5868" i="2" s="1"/>
  <c r="F5885" i="2" a="1"/>
  <c r="F5885" i="2" s="1"/>
  <c r="F5879" i="2" a="1"/>
  <c r="F5879" i="2" s="1"/>
  <c r="F5883" i="2" a="1"/>
  <c r="F5883" i="2" s="1"/>
  <c r="F5874" i="2" a="1"/>
  <c r="F5874" i="2" s="1"/>
  <c r="F5871" i="2" a="1"/>
  <c r="F5871" i="2" s="1"/>
  <c r="F5888" i="2" a="1"/>
  <c r="F5888" i="2" s="1"/>
  <c r="F5877" i="2" a="1"/>
  <c r="F5877" i="2" s="1"/>
  <c r="F5866" i="2" a="1"/>
  <c r="F5866" i="2" s="1"/>
  <c r="H7227" i="2" a="1"/>
  <c r="H7227" i="2" s="1"/>
  <c r="H7223" i="2" a="1"/>
  <c r="H7223" i="2" s="1"/>
  <c r="H7228" i="2" a="1"/>
  <c r="H7228" i="2" s="1"/>
  <c r="H7221" i="2" a="1"/>
  <c r="H7221" i="2" s="1"/>
  <c r="H7214" i="2" a="1"/>
  <c r="H7214" i="2" s="1"/>
  <c r="H7224" i="2" a="1"/>
  <c r="H7224" i="2" s="1"/>
  <c r="H7231" i="2" a="1"/>
  <c r="H7231" i="2" s="1"/>
  <c r="H7218" i="2" a="1"/>
  <c r="H7218" i="2" s="1"/>
  <c r="H7226" i="2" a="1"/>
  <c r="H7226" i="2" s="1"/>
  <c r="H7210" i="2" a="1"/>
  <c r="H7210" i="2" s="1"/>
  <c r="H7230" i="2" a="1"/>
  <c r="H7230" i="2" s="1"/>
  <c r="H7216" i="2" a="1"/>
  <c r="H7216" i="2" s="1"/>
  <c r="H2699" i="2" a="1"/>
  <c r="H2699" i="2" s="1"/>
  <c r="H2703" i="2" a="1"/>
  <c r="H2703" i="2" s="1"/>
  <c r="H2706" i="2" a="1"/>
  <c r="H2706" i="2" s="1"/>
  <c r="H2716" i="2" a="1"/>
  <c r="H2716" i="2" s="1"/>
  <c r="H2698" i="2" a="1"/>
  <c r="H2698" i="2" s="1"/>
  <c r="H2714" i="2" a="1"/>
  <c r="H2714" i="2" s="1"/>
  <c r="G1466" i="2" a="1"/>
  <c r="G1466" i="2" s="1"/>
  <c r="G1460" i="2" a="1"/>
  <c r="G1460" i="2" s="1"/>
  <c r="G1470" i="2" a="1"/>
  <c r="G1470" i="2" s="1"/>
  <c r="G1473" i="2" a="1"/>
  <c r="G1473" i="2" s="1"/>
  <c r="G1463" i="2" a="1"/>
  <c r="G1463" i="2" s="1"/>
  <c r="G1454" i="2" a="1"/>
  <c r="G1454" i="2" s="1"/>
  <c r="D5349" i="2" a="1"/>
  <c r="D5349" i="2" s="1"/>
  <c r="D5338" i="2" a="1"/>
  <c r="D5338" i="2" s="1"/>
  <c r="AO223" i="1"/>
  <c r="E229" i="5" s="1"/>
  <c r="D5353" i="2" a="1"/>
  <c r="D5353" i="2" s="1"/>
  <c r="AP223" i="1"/>
  <c r="F229" i="5" s="1"/>
  <c r="D5357" i="2" a="1"/>
  <c r="D5357" i="2" s="1"/>
  <c r="AQ223" i="1"/>
  <c r="G229" i="5" s="1"/>
  <c r="D5361" i="2" a="1"/>
  <c r="D5361" i="2" s="1"/>
  <c r="AN223" i="1"/>
  <c r="D229" i="5" s="1"/>
  <c r="D5346" i="2" a="1"/>
  <c r="D5346" i="2" s="1"/>
  <c r="D5340" i="2" a="1"/>
  <c r="D5340" i="2" s="1"/>
  <c r="AM223" i="1"/>
  <c r="C229" i="5" s="1"/>
  <c r="D5342" i="2" a="1"/>
  <c r="D5342" i="2" s="1"/>
  <c r="H7314" i="2" a="1"/>
  <c r="H7314" i="2" s="1"/>
  <c r="H7318" i="2" a="1"/>
  <c r="H7318" i="2" s="1"/>
  <c r="H7316" i="2" a="1"/>
  <c r="H7316" i="2" s="1"/>
  <c r="H7311" i="2" a="1"/>
  <c r="H7311" i="2" s="1"/>
  <c r="H7321" i="2" a="1"/>
  <c r="H7321" i="2" s="1"/>
  <c r="H7315" i="2" a="1"/>
  <c r="H7315" i="2" s="1"/>
  <c r="H7313" i="2" a="1"/>
  <c r="H7313" i="2" s="1"/>
  <c r="H7326" i="2" a="1"/>
  <c r="H7326" i="2" s="1"/>
  <c r="D6191" i="2" a="1"/>
  <c r="D6191" i="2" s="1"/>
  <c r="D6193" i="2" a="1"/>
  <c r="D6193" i="2" s="1"/>
  <c r="D6189" i="2" a="1"/>
  <c r="D6189" i="2" s="1"/>
  <c r="D8174" i="2" a="1"/>
  <c r="D8174" i="2" s="1"/>
  <c r="D8175" i="2" a="1"/>
  <c r="D8175" i="2" s="1"/>
  <c r="E7270" i="2" a="1"/>
  <c r="E7270" i="2" s="1"/>
  <c r="E7269" i="2" a="1"/>
  <c r="E7269" i="2" s="1"/>
  <c r="E7279" i="2" a="1"/>
  <c r="E7279" i="2" s="1"/>
  <c r="E7280" i="2" a="1"/>
  <c r="E7280" i="2" s="1"/>
  <c r="E7276" i="2" a="1"/>
  <c r="E7276" i="2" s="1"/>
  <c r="E7277" i="2" a="1"/>
  <c r="E7277" i="2" s="1"/>
  <c r="E7261" i="2" a="1"/>
  <c r="E7261" i="2" s="1"/>
  <c r="G7872" i="2" a="1"/>
  <c r="G7872" i="2" s="1"/>
  <c r="G7870" i="2" a="1"/>
  <c r="G7870" i="2" s="1"/>
  <c r="G7881" i="2" a="1"/>
  <c r="G7881" i="2" s="1"/>
  <c r="G7863" i="2" a="1"/>
  <c r="G7863" i="2" s="1"/>
  <c r="G7871" i="2" a="1"/>
  <c r="G7871" i="2" s="1"/>
  <c r="G7859" i="2" a="1"/>
  <c r="G7859" i="2" s="1"/>
  <c r="G7865" i="2" a="1"/>
  <c r="G7865" i="2" s="1"/>
  <c r="D394" i="2" a="1"/>
  <c r="D394" i="2" s="1"/>
  <c r="F1149" i="2" a="1"/>
  <c r="F1149" i="2" s="1"/>
  <c r="H7097" i="2" a="1"/>
  <c r="H7097" i="2" s="1"/>
  <c r="H7108" i="2" a="1"/>
  <c r="H7108" i="2" s="1"/>
  <c r="F1145" i="2" a="1"/>
  <c r="F1145" i="2" s="1"/>
  <c r="G1469" i="2" a="1"/>
  <c r="G1469" i="2" s="1"/>
  <c r="AQ251" i="1"/>
  <c r="G257" i="5" s="1"/>
  <c r="D6016" i="2" a="1"/>
  <c r="D6016" i="2" s="1"/>
  <c r="D6032" i="2" a="1"/>
  <c r="D6032" i="2" s="1"/>
  <c r="D6019" i="2" a="1"/>
  <c r="D6019" i="2" s="1"/>
  <c r="D6027" i="2" a="1"/>
  <c r="D6027" i="2" s="1"/>
  <c r="D6018" i="2" a="1"/>
  <c r="D6018" i="2" s="1"/>
  <c r="H3714" i="2" a="1"/>
  <c r="H3714" i="2" s="1"/>
  <c r="H3706" i="2" a="1"/>
  <c r="H3706" i="2" s="1"/>
  <c r="H3724" i="2" a="1"/>
  <c r="H3724" i="2" s="1"/>
  <c r="H3708" i="2" a="1"/>
  <c r="H3708" i="2" s="1"/>
  <c r="H3718" i="2" a="1"/>
  <c r="H3718" i="2" s="1"/>
  <c r="H3725" i="2" a="1"/>
  <c r="H3725" i="2" s="1"/>
  <c r="H3729" i="2" a="1"/>
  <c r="H3729" i="2" s="1"/>
  <c r="H3712" i="2" a="1"/>
  <c r="H3712" i="2" s="1"/>
  <c r="H3717" i="2" a="1"/>
  <c r="H3717" i="2" s="1"/>
  <c r="F255" i="2" a="1"/>
  <c r="F255" i="2" s="1"/>
  <c r="F260" i="2" a="1"/>
  <c r="F260" i="2" s="1"/>
  <c r="F253" i="2" a="1"/>
  <c r="F253" i="2" s="1"/>
  <c r="F256" i="2" a="1"/>
  <c r="F256" i="2" s="1"/>
  <c r="F269" i="2" a="1"/>
  <c r="F269" i="2" s="1"/>
  <c r="F268" i="2" a="1"/>
  <c r="F268" i="2" s="1"/>
  <c r="F259" i="2" a="1"/>
  <c r="F259" i="2" s="1"/>
  <c r="F262" i="2" a="1"/>
  <c r="F262" i="2" s="1"/>
  <c r="F264" i="2" a="1"/>
  <c r="F264" i="2" s="1"/>
  <c r="F271" i="2" a="1"/>
  <c r="F271" i="2" s="1"/>
  <c r="F265" i="2" a="1"/>
  <c r="F265" i="2" s="1"/>
  <c r="F267" i="2" a="1"/>
  <c r="F267" i="2" s="1"/>
  <c r="H761" i="2" a="1"/>
  <c r="H761" i="2" s="1"/>
  <c r="H769" i="2" a="1"/>
  <c r="H769" i="2" s="1"/>
  <c r="H774" i="2" a="1"/>
  <c r="H774" i="2" s="1"/>
  <c r="H775" i="2" a="1"/>
  <c r="H775" i="2" s="1"/>
  <c r="H771" i="2" a="1"/>
  <c r="H771" i="2" s="1"/>
  <c r="H759" i="2" a="1"/>
  <c r="H759" i="2" s="1"/>
  <c r="H777" i="2" a="1"/>
  <c r="H777" i="2" s="1"/>
  <c r="D3088" i="2" a="1"/>
  <c r="D3088" i="2" s="1"/>
  <c r="D3100" i="2" a="1"/>
  <c r="D3100" i="2" s="1"/>
  <c r="D3086" i="2" a="1"/>
  <c r="D3086" i="2" s="1"/>
  <c r="D3093" i="2" a="1"/>
  <c r="D3093" i="2" s="1"/>
  <c r="D3101" i="2" a="1"/>
  <c r="D3101" i="2" s="1"/>
  <c r="D3096" i="2" a="1"/>
  <c r="D3096" i="2" s="1"/>
  <c r="H3173" i="2" a="1"/>
  <c r="H3173" i="2" s="1"/>
  <c r="H3161" i="2" a="1"/>
  <c r="H3161" i="2" s="1"/>
  <c r="H7090" i="2" a="1"/>
  <c r="H7090" i="2" s="1"/>
  <c r="D4533" i="2" a="1"/>
  <c r="D4533" i="2" s="1"/>
  <c r="D8181" i="2" a="1"/>
  <c r="D8181" i="2" s="1"/>
  <c r="F1139" i="2" a="1"/>
  <c r="F1139" i="2" s="1"/>
  <c r="H7254" i="2" a="1"/>
  <c r="H7254" i="2" s="1"/>
  <c r="H325" i="2" a="1"/>
  <c r="H325" i="2" s="1"/>
  <c r="D3828" i="2" a="1"/>
  <c r="D3828" i="2" s="1"/>
  <c r="D7903" i="2" a="1"/>
  <c r="D7903" i="2" s="1"/>
  <c r="D1455" i="2" a="1"/>
  <c r="D1455" i="2" s="1"/>
  <c r="H2357" i="2" a="1"/>
  <c r="H2357" i="2" s="1"/>
  <c r="D1983" i="2" a="1"/>
  <c r="D1983" i="2" s="1"/>
  <c r="H772" i="2" a="1"/>
  <c r="H772" i="2" s="1"/>
  <c r="F1161" i="2" a="1"/>
  <c r="F1161" i="2" s="1"/>
  <c r="E8094" i="2" a="1"/>
  <c r="E8094" i="2" s="1"/>
  <c r="H8786" i="2" a="1"/>
  <c r="H8786" i="2" s="1"/>
  <c r="H2482" i="2" a="1"/>
  <c r="H2482" i="2" s="1"/>
  <c r="G3606" i="2" a="1"/>
  <c r="G3606" i="2" s="1"/>
  <c r="H3266" i="2" a="1"/>
  <c r="H3266" i="2" s="1"/>
  <c r="D8099" i="2" a="1"/>
  <c r="D8099" i="2" s="1"/>
  <c r="G4108" i="2" a="1"/>
  <c r="G4108" i="2" s="1"/>
  <c r="H767" i="2" a="1"/>
  <c r="H767" i="2" s="1"/>
  <c r="G821" i="2" a="1"/>
  <c r="G821" i="2" s="1"/>
  <c r="H7093" i="2" a="1"/>
  <c r="H7093" i="2" s="1"/>
  <c r="G4539" i="2" a="1"/>
  <c r="G4539" i="2" s="1"/>
  <c r="H5361" i="2" a="1"/>
  <c r="H5361" i="2" s="1"/>
  <c r="G2998" i="2" a="1"/>
  <c r="G2998" i="2" s="1"/>
  <c r="H336" i="2" a="1"/>
  <c r="H336" i="2" s="1"/>
  <c r="E8092" i="2" a="1"/>
  <c r="E8092" i="2" s="1"/>
  <c r="H7045" i="2" a="1"/>
  <c r="H7045" i="2" s="1"/>
  <c r="F3396" i="2" a="1"/>
  <c r="F3396" i="2" s="1"/>
  <c r="F7130" i="2" a="1"/>
  <c r="F7130" i="2" s="1"/>
  <c r="D4593" i="2" a="1"/>
  <c r="D4593" i="2" s="1"/>
  <c r="E2986" i="2" a="1"/>
  <c r="E2986" i="2" s="1"/>
  <c r="F261" i="2" a="1"/>
  <c r="F261" i="2" s="1"/>
  <c r="H8770" i="2" a="1"/>
  <c r="H8770" i="2" s="1"/>
  <c r="G1579" i="2" a="1"/>
  <c r="G1579" i="2" s="1"/>
  <c r="G3476" i="2" a="1"/>
  <c r="G3476" i="2" s="1"/>
  <c r="H4851" i="2" a="1"/>
  <c r="H4851" i="2" s="1"/>
  <c r="H2489" i="2" a="1"/>
  <c r="H2489" i="2" s="1"/>
  <c r="G3594" i="2" a="1"/>
  <c r="G3594" i="2" s="1"/>
  <c r="F4456" i="2" a="1"/>
  <c r="F4456" i="2" s="1"/>
  <c r="F3511" i="2" a="1"/>
  <c r="F3511" i="2" s="1"/>
  <c r="E3688" i="2" a="1"/>
  <c r="E3688" i="2" s="1"/>
  <c r="F8756" i="2" a="1"/>
  <c r="F8756" i="2" s="1"/>
  <c r="E2052" i="2" a="1"/>
  <c r="E2052" i="2" s="1"/>
  <c r="F3977" i="2" a="1"/>
  <c r="F3977" i="2" s="1"/>
  <c r="E1367" i="2" a="1"/>
  <c r="E1367" i="2" s="1"/>
  <c r="F6248" i="2" a="1"/>
  <c r="F6248" i="2" s="1"/>
  <c r="G8358" i="2" a="1"/>
  <c r="G8358" i="2" s="1"/>
  <c r="F2931" i="2" a="1"/>
  <c r="F2931" i="2" s="1"/>
  <c r="G8400" i="2" a="1"/>
  <c r="G8400" i="2" s="1"/>
  <c r="H897" i="2" a="1"/>
  <c r="H897" i="2" s="1"/>
  <c r="D6946" i="2" a="1"/>
  <c r="D6946" i="2" s="1"/>
  <c r="D6953" i="2" a="1"/>
  <c r="D6953" i="2" s="1"/>
  <c r="D6955" i="2" a="1"/>
  <c r="D6955" i="2" s="1"/>
  <c r="F8062" i="2" a="1"/>
  <c r="F8062" i="2" s="1"/>
  <c r="F8053" i="2" a="1"/>
  <c r="F8053" i="2" s="1"/>
  <c r="F8058" i="2" a="1"/>
  <c r="F8058" i="2" s="1"/>
  <c r="F8052" i="2" a="1"/>
  <c r="F8052" i="2" s="1"/>
  <c r="F8055" i="2" a="1"/>
  <c r="F8055" i="2" s="1"/>
  <c r="F8059" i="2" a="1"/>
  <c r="F8059" i="2" s="1"/>
  <c r="F8061" i="2" a="1"/>
  <c r="F8061" i="2" s="1"/>
  <c r="F8073" i="2" a="1"/>
  <c r="F8073" i="2" s="1"/>
  <c r="F8066" i="2" a="1"/>
  <c r="F8066" i="2" s="1"/>
  <c r="E284" i="2" a="1"/>
  <c r="E284" i="2" s="1"/>
  <c r="E294" i="2" a="1"/>
  <c r="E294" i="2" s="1"/>
  <c r="E275" i="2" a="1"/>
  <c r="E275" i="2" s="1"/>
  <c r="E295" i="2" a="1"/>
  <c r="E295" i="2" s="1"/>
  <c r="E278" i="2" a="1"/>
  <c r="E278" i="2" s="1"/>
  <c r="E4301" i="2" a="1"/>
  <c r="E4301" i="2" s="1"/>
  <c r="E4297" i="2" a="1"/>
  <c r="E4297" i="2" s="1"/>
  <c r="E4303" i="2" a="1"/>
  <c r="E4303" i="2" s="1"/>
  <c r="E4286" i="2" a="1"/>
  <c r="E4286" i="2" s="1"/>
  <c r="E4291" i="2" a="1"/>
  <c r="E4291" i="2" s="1"/>
  <c r="E4300" i="2" a="1"/>
  <c r="E4300" i="2" s="1"/>
  <c r="E4305" i="2" a="1"/>
  <c r="E4305" i="2" s="1"/>
  <c r="E4282" i="2" a="1"/>
  <c r="E4282" i="2" s="1"/>
  <c r="E4288" i="2" a="1"/>
  <c r="E4288" i="2" s="1"/>
  <c r="E4302" i="2" a="1"/>
  <c r="E4302" i="2" s="1"/>
  <c r="E4296" i="2" a="1"/>
  <c r="E4296" i="2" s="1"/>
  <c r="D395" i="2" a="1"/>
  <c r="D395" i="2" s="1"/>
  <c r="D397" i="2" a="1"/>
  <c r="D397" i="2" s="1"/>
  <c r="D407" i="2" a="1"/>
  <c r="D407" i="2" s="1"/>
  <c r="D403" i="2" a="1"/>
  <c r="D403" i="2" s="1"/>
  <c r="D409" i="2" a="1"/>
  <c r="D409" i="2" s="1"/>
  <c r="D401" i="2" a="1"/>
  <c r="D401" i="2" s="1"/>
  <c r="D411" i="2" a="1"/>
  <c r="D411" i="2" s="1"/>
  <c r="D412" i="2" a="1"/>
  <c r="D412" i="2" s="1"/>
  <c r="D396" i="2" a="1"/>
  <c r="D396" i="2" s="1"/>
  <c r="D413" i="2" a="1"/>
  <c r="D413" i="2" s="1"/>
  <c r="E3072" i="2" a="1"/>
  <c r="E3072" i="2" s="1"/>
  <c r="E3063" i="2" a="1"/>
  <c r="E3063" i="2" s="1"/>
  <c r="E3065" i="2" a="1"/>
  <c r="E3065" i="2" s="1"/>
  <c r="E3067" i="2" a="1"/>
  <c r="E3067" i="2" s="1"/>
  <c r="D294" i="2" a="1"/>
  <c r="D294" i="2" s="1"/>
  <c r="D291" i="2" a="1"/>
  <c r="D291" i="2" s="1"/>
  <c r="D290" i="2" a="1"/>
  <c r="D290" i="2" s="1"/>
  <c r="E2219" i="2" a="1"/>
  <c r="E2219" i="2" s="1"/>
  <c r="E2239" i="2" a="1"/>
  <c r="E2239" i="2" s="1"/>
  <c r="E2231" i="2" a="1"/>
  <c r="E2231" i="2" s="1"/>
  <c r="E2240" i="2" a="1"/>
  <c r="E2240" i="2" s="1"/>
  <c r="H3732" i="2" a="1"/>
  <c r="H3732" i="2" s="1"/>
  <c r="H3740" i="2" a="1"/>
  <c r="H3740" i="2" s="1"/>
  <c r="H3744" i="2" a="1"/>
  <c r="H3744" i="2" s="1"/>
  <c r="D8288" i="2" a="1"/>
  <c r="D8288" i="2" s="1"/>
  <c r="D8268" i="2" a="1"/>
  <c r="D8268" i="2" s="1"/>
  <c r="D8276" i="2" a="1"/>
  <c r="D8276" i="2" s="1"/>
  <c r="D8280" i="2" a="1"/>
  <c r="D8280" i="2" s="1"/>
  <c r="D8284" i="2" a="1"/>
  <c r="D8284" i="2" s="1"/>
  <c r="D8285" i="2" a="1"/>
  <c r="D8285" i="2" s="1"/>
  <c r="D8287" i="2" a="1"/>
  <c r="D8287" i="2" s="1"/>
  <c r="D8272" i="2" a="1"/>
  <c r="D8272" i="2" s="1"/>
  <c r="D8269" i="2" a="1"/>
  <c r="D8269" i="2" s="1"/>
  <c r="D8278" i="2" a="1"/>
  <c r="D8278" i="2" s="1"/>
  <c r="D8282" i="2" a="1"/>
  <c r="D8282" i="2" s="1"/>
  <c r="D5351" i="2" a="1"/>
  <c r="D5351" i="2" s="1"/>
  <c r="G7045" i="2" a="1"/>
  <c r="G7045" i="2" s="1"/>
  <c r="E5564" i="2" a="1"/>
  <c r="E5564" i="2" s="1"/>
  <c r="F1472" i="2" a="1"/>
  <c r="F1472" i="2" s="1"/>
  <c r="F1450" i="2" a="1"/>
  <c r="F1450" i="2" s="1"/>
  <c r="F1468" i="2" a="1"/>
  <c r="F1468" i="2" s="1"/>
  <c r="F1460" i="2" a="1"/>
  <c r="F1460" i="2" s="1"/>
  <c r="F1458" i="2" a="1"/>
  <c r="F1458" i="2" s="1"/>
  <c r="F1456" i="2" a="1"/>
  <c r="F1456" i="2" s="1"/>
  <c r="F1452" i="2" a="1"/>
  <c r="F1452" i="2" s="1"/>
  <c r="F1457" i="2" a="1"/>
  <c r="F1457" i="2" s="1"/>
  <c r="F1471" i="2" a="1"/>
  <c r="F1471" i="2" s="1"/>
  <c r="F7369" i="2" a="1"/>
  <c r="F7369" i="2" s="1"/>
  <c r="F7364" i="2" a="1"/>
  <c r="F7364" i="2" s="1"/>
  <c r="F7377" i="2" a="1"/>
  <c r="F7377" i="2" s="1"/>
  <c r="F7376" i="2" a="1"/>
  <c r="F7376" i="2" s="1"/>
  <c r="F7366" i="2" a="1"/>
  <c r="F7366" i="2" s="1"/>
  <c r="F7371" i="2" a="1"/>
  <c r="F7371" i="2" s="1"/>
  <c r="F7355" i="2" a="1"/>
  <c r="F7355" i="2" s="1"/>
  <c r="F7356" i="2" a="1"/>
  <c r="F7356" i="2" s="1"/>
  <c r="F7357" i="2" a="1"/>
  <c r="F7357" i="2" s="1"/>
  <c r="F7362" i="2" a="1"/>
  <c r="F7362" i="2" s="1"/>
  <c r="F7363" i="2" a="1"/>
  <c r="F7363" i="2" s="1"/>
  <c r="G7624" i="2" a="1"/>
  <c r="G7624" i="2" s="1"/>
  <c r="G7619" i="2" a="1"/>
  <c r="G7619" i="2" s="1"/>
  <c r="D6870" i="2" a="1"/>
  <c r="D6870" i="2" s="1"/>
  <c r="D6860" i="2" a="1"/>
  <c r="D6860" i="2" s="1"/>
  <c r="H2338" i="2" a="1"/>
  <c r="H2338" i="2" s="1"/>
  <c r="D1979" i="2" a="1"/>
  <c r="D1979" i="2" s="1"/>
  <c r="F4586" i="2" a="1"/>
  <c r="F4586" i="2" s="1"/>
  <c r="F4785" i="2" a="1"/>
  <c r="F4785" i="2" s="1"/>
  <c r="F1467" i="2" a="1"/>
  <c r="F1467" i="2" s="1"/>
  <c r="D1471" i="2" a="1"/>
  <c r="D1471" i="2" s="1"/>
  <c r="D5360" i="2" a="1"/>
  <c r="D5360" i="2" s="1"/>
  <c r="D2000" i="2" a="1"/>
  <c r="D2000" i="2" s="1"/>
  <c r="H7094" i="2" a="1"/>
  <c r="H7094" i="2" s="1"/>
  <c r="F7132" i="2" a="1"/>
  <c r="F7132" i="2" s="1"/>
  <c r="G4529" i="2" a="1"/>
  <c r="G4529" i="2" s="1"/>
  <c r="H5355" i="2" a="1"/>
  <c r="H5355" i="2" s="1"/>
  <c r="F7133" i="2" a="1"/>
  <c r="F7133" i="2" s="1"/>
  <c r="F251" i="2" a="1"/>
  <c r="F251" i="2" s="1"/>
  <c r="D1459" i="2" a="1"/>
  <c r="D1459" i="2" s="1"/>
  <c r="H4839" i="2" a="1"/>
  <c r="H4839" i="2" s="1"/>
  <c r="G5347" i="2" a="1"/>
  <c r="G5347" i="2" s="1"/>
  <c r="F4458" i="2" a="1"/>
  <c r="F4458" i="2" s="1"/>
  <c r="F3983" i="2" a="1"/>
  <c r="F3983" i="2" s="1"/>
  <c r="H6918" i="2" a="1"/>
  <c r="H6918" i="2" s="1"/>
  <c r="H6914" i="2" a="1"/>
  <c r="H6914" i="2" s="1"/>
  <c r="H2353" i="2" a="1"/>
  <c r="H2353" i="2" s="1"/>
  <c r="H3270" i="2" a="1"/>
  <c r="H3270" i="2" s="1"/>
  <c r="D8113" i="2" a="1"/>
  <c r="D8113" i="2" s="1"/>
  <c r="G4102" i="2" a="1"/>
  <c r="G4102" i="2" s="1"/>
  <c r="D417" i="2" a="1"/>
  <c r="D417" i="2" s="1"/>
  <c r="H766" i="2" a="1"/>
  <c r="H766" i="2" s="1"/>
  <c r="G823" i="2" a="1"/>
  <c r="G823" i="2" s="1"/>
  <c r="H7099" i="2" a="1"/>
  <c r="H7099" i="2" s="1"/>
  <c r="G4532" i="2" a="1"/>
  <c r="G4532" i="2" s="1"/>
  <c r="H5356" i="2" a="1"/>
  <c r="H5356" i="2" s="1"/>
  <c r="G2990" i="2" a="1"/>
  <c r="G2990" i="2" s="1"/>
  <c r="H328" i="2" a="1"/>
  <c r="H328" i="2" s="1"/>
  <c r="E8081" i="2" a="1"/>
  <c r="E8081" i="2" s="1"/>
  <c r="H7057" i="2" a="1"/>
  <c r="H7057" i="2" s="1"/>
  <c r="F3410" i="2" a="1"/>
  <c r="F3410" i="2" s="1"/>
  <c r="F7118" i="2" a="1"/>
  <c r="F7118" i="2" s="1"/>
  <c r="F762" i="2" a="1"/>
  <c r="F762" i="2" s="1"/>
  <c r="E3009" i="2" a="1"/>
  <c r="E3009" i="2" s="1"/>
  <c r="F252" i="2" a="1"/>
  <c r="F252" i="2" s="1"/>
  <c r="E2782" i="2" a="1"/>
  <c r="E2782" i="2" s="1"/>
  <c r="G1570" i="2" a="1"/>
  <c r="G1570" i="2" s="1"/>
  <c r="H2471" i="2" a="1"/>
  <c r="H2471" i="2" s="1"/>
  <c r="G3488" i="2" a="1"/>
  <c r="G3488" i="2" s="1"/>
  <c r="H4846" i="2" a="1"/>
  <c r="H4846" i="2" s="1"/>
  <c r="H2505" i="2" a="1"/>
  <c r="H2505" i="2" s="1"/>
  <c r="G2107" i="2" a="1"/>
  <c r="G2107" i="2" s="1"/>
  <c r="H6178" i="2" a="1"/>
  <c r="H6178" i="2" s="1"/>
  <c r="G6047" i="2" a="1"/>
  <c r="G6047" i="2" s="1"/>
  <c r="F4451" i="2" a="1"/>
  <c r="F4451" i="2" s="1"/>
  <c r="F3497" i="2" a="1"/>
  <c r="F3497" i="2" s="1"/>
  <c r="E3701" i="2" a="1"/>
  <c r="E3701" i="2" s="1"/>
  <c r="F8768" i="2" a="1"/>
  <c r="F8768" i="2" s="1"/>
  <c r="E5211" i="2" a="1"/>
  <c r="E5211" i="2" s="1"/>
  <c r="E2050" i="2" a="1"/>
  <c r="E2050" i="2" s="1"/>
  <c r="F3980" i="2" a="1"/>
  <c r="F3980" i="2" s="1"/>
  <c r="E1360" i="2" a="1"/>
  <c r="E1360" i="2" s="1"/>
  <c r="H6205" i="2" a="1"/>
  <c r="H6205" i="2" s="1"/>
  <c r="G8357" i="2" a="1"/>
  <c r="G8357" i="2" s="1"/>
  <c r="F742" i="2" a="1"/>
  <c r="F742" i="2" s="1"/>
  <c r="F2925" i="2" a="1"/>
  <c r="F2925" i="2" s="1"/>
  <c r="E8419" i="2" a="1"/>
  <c r="E8419" i="2" s="1"/>
  <c r="H7770" i="2" a="1"/>
  <c r="H7770" i="2" s="1"/>
  <c r="H892" i="2" a="1"/>
  <c r="H892" i="2" s="1"/>
  <c r="AM167" i="1"/>
  <c r="C173" i="5" s="1"/>
  <c r="AN138" i="1"/>
  <c r="D144" i="5" s="1"/>
  <c r="H6814" i="2" a="1"/>
  <c r="H6814" i="2" s="1"/>
  <c r="D8415" i="2" a="1"/>
  <c r="D8415" i="2" s="1"/>
  <c r="F5116" i="2" a="1"/>
  <c r="F5116" i="2" s="1"/>
  <c r="F5526" i="2" a="1"/>
  <c r="F5526" i="2" s="1"/>
  <c r="D3266" i="2" a="1"/>
  <c r="D3266" i="2" s="1"/>
  <c r="F3721" i="2" a="1"/>
  <c r="F3721" i="2" s="1"/>
  <c r="E7250" i="2" a="1"/>
  <c r="E7250" i="2" s="1"/>
  <c r="H6809" i="2" a="1"/>
  <c r="H6809" i="2" s="1"/>
  <c r="F5522" i="2" a="1"/>
  <c r="F5522" i="2" s="1"/>
  <c r="D8422" i="2" a="1"/>
  <c r="D8422" i="2" s="1"/>
  <c r="F5121" i="2" a="1"/>
  <c r="F5121" i="2" s="1"/>
  <c r="F5513" i="2" a="1"/>
  <c r="F5513" i="2" s="1"/>
  <c r="D3262" i="2" a="1"/>
  <c r="D3262" i="2" s="1"/>
  <c r="F3712" i="2" a="1"/>
  <c r="F3712" i="2" s="1"/>
  <c r="G6199" i="2" a="1"/>
  <c r="G6199" i="2" s="1"/>
  <c r="H2695" i="2" a="1"/>
  <c r="H2695" i="2" s="1"/>
  <c r="H2684" i="2" a="1"/>
  <c r="H2684" i="2" s="1"/>
  <c r="H2685" i="2" a="1"/>
  <c r="H2685" i="2" s="1"/>
  <c r="H2691" i="2" a="1"/>
  <c r="H2691" i="2" s="1"/>
  <c r="H2686" i="2" a="1"/>
  <c r="H2686" i="2" s="1"/>
  <c r="H2681" i="2" a="1"/>
  <c r="H2681" i="2" s="1"/>
  <c r="H2676" i="2" a="1"/>
  <c r="H2676" i="2" s="1"/>
  <c r="G7278" i="2" a="1"/>
  <c r="G7278" i="2" s="1"/>
  <c r="G7269" i="2" a="1"/>
  <c r="G7269" i="2" s="1"/>
  <c r="G7259" i="2" a="1"/>
  <c r="G7259" i="2" s="1"/>
  <c r="G7279" i="2" a="1"/>
  <c r="G7279" i="2" s="1"/>
  <c r="G7274" i="2" a="1"/>
  <c r="G7274" i="2" s="1"/>
  <c r="G7260" i="2" a="1"/>
  <c r="G7260" i="2" s="1"/>
  <c r="G7268" i="2" a="1"/>
  <c r="G7268" i="2" s="1"/>
  <c r="G7280" i="2" a="1"/>
  <c r="G7280" i="2" s="1"/>
  <c r="G7277" i="2" a="1"/>
  <c r="G7277" i="2" s="1"/>
  <c r="G7267" i="2" a="1"/>
  <c r="G7267" i="2" s="1"/>
  <c r="G7265" i="2" a="1"/>
  <c r="G7265" i="2" s="1"/>
  <c r="G7263" i="2" a="1"/>
  <c r="G7263" i="2" s="1"/>
  <c r="G7261" i="2" a="1"/>
  <c r="G7261" i="2" s="1"/>
  <c r="G6307" i="2" a="1"/>
  <c r="G6307" i="2" s="1"/>
  <c r="G6298" i="2" a="1"/>
  <c r="G6298" i="2" s="1"/>
  <c r="G6306" i="2" a="1"/>
  <c r="G6306" i="2" s="1"/>
  <c r="G6318" i="2" a="1"/>
  <c r="G6318" i="2" s="1"/>
  <c r="G6311" i="2" a="1"/>
  <c r="G6311" i="2" s="1"/>
  <c r="G6302" i="2" a="1"/>
  <c r="G6302" i="2" s="1"/>
  <c r="G6304" i="2" a="1"/>
  <c r="G6304" i="2" s="1"/>
  <c r="G6321" i="2" a="1"/>
  <c r="G6321" i="2" s="1"/>
  <c r="G6303" i="2" a="1"/>
  <c r="G6303" i="2" s="1"/>
  <c r="G6301" i="2" a="1"/>
  <c r="G6301" i="2" s="1"/>
  <c r="D678" i="2" a="1"/>
  <c r="D678" i="2" s="1"/>
  <c r="D675" i="2" a="1"/>
  <c r="D675" i="2" s="1"/>
  <c r="D669" i="2" a="1"/>
  <c r="D669" i="2" s="1"/>
  <c r="D677" i="2" a="1"/>
  <c r="D677" i="2" s="1"/>
  <c r="D661" i="2" a="1"/>
  <c r="D661" i="2" s="1"/>
  <c r="D658" i="2" a="1"/>
  <c r="D658" i="2" s="1"/>
  <c r="D659" i="2" a="1"/>
  <c r="D659" i="2" s="1"/>
  <c r="D662" i="2" a="1"/>
  <c r="D662" i="2" s="1"/>
  <c r="D680" i="2" a="1"/>
  <c r="D680" i="2" s="1"/>
  <c r="D663" i="2" a="1"/>
  <c r="D663" i="2" s="1"/>
  <c r="D676" i="2" a="1"/>
  <c r="D676" i="2" s="1"/>
  <c r="F3982" i="2" a="1"/>
  <c r="F3982" i="2" s="1"/>
  <c r="F3991" i="2" a="1"/>
  <c r="F3991" i="2" s="1"/>
  <c r="F3984" i="2" a="1"/>
  <c r="F3984" i="2" s="1"/>
  <c r="F3976" i="2" a="1"/>
  <c r="F3976" i="2" s="1"/>
  <c r="F3970" i="2" a="1"/>
  <c r="F3970" i="2" s="1"/>
  <c r="F3993" i="2" a="1"/>
  <c r="F3993" i="2" s="1"/>
  <c r="F3974" i="2" a="1"/>
  <c r="F3974" i="2" s="1"/>
  <c r="F3986" i="2" a="1"/>
  <c r="F3986" i="2" s="1"/>
  <c r="F3985" i="2" a="1"/>
  <c r="F3985" i="2" s="1"/>
  <c r="F3979" i="2" a="1"/>
  <c r="F3979" i="2" s="1"/>
  <c r="F738" i="2" a="1"/>
  <c r="F738" i="2" s="1"/>
  <c r="F753" i="2" a="1"/>
  <c r="F753" i="2" s="1"/>
  <c r="F740" i="2" a="1"/>
  <c r="F740" i="2" s="1"/>
  <c r="F748" i="2" a="1"/>
  <c r="F748" i="2" s="1"/>
  <c r="F743" i="2" a="1"/>
  <c r="F743" i="2" s="1"/>
  <c r="F739" i="2" a="1"/>
  <c r="F739" i="2" s="1"/>
  <c r="F6240" i="2" a="1"/>
  <c r="F6240" i="2" s="1"/>
  <c r="F6234" i="2" a="1"/>
  <c r="F6234" i="2" s="1"/>
  <c r="F6237" i="2" a="1"/>
  <c r="F6237" i="2" s="1"/>
  <c r="F6231" i="2" a="1"/>
  <c r="F6231" i="2" s="1"/>
  <c r="F6238" i="2" a="1"/>
  <c r="F6238" i="2" s="1"/>
  <c r="F6239" i="2" a="1"/>
  <c r="F6239" i="2" s="1"/>
  <c r="F6245" i="2" a="1"/>
  <c r="F6245" i="2" s="1"/>
  <c r="F6230" i="2" a="1"/>
  <c r="F6230" i="2" s="1"/>
  <c r="F6247" i="2" a="1"/>
  <c r="F6247" i="2" s="1"/>
  <c r="F6227" i="2" a="1"/>
  <c r="F6227" i="2" s="1"/>
  <c r="F6246" i="2" a="1"/>
  <c r="F6246" i="2" s="1"/>
  <c r="F5873" i="2" a="1"/>
  <c r="F5873" i="2" s="1"/>
  <c r="F5889" i="2" a="1"/>
  <c r="F5889" i="2" s="1"/>
  <c r="F5881" i="2" a="1"/>
  <c r="F5881" i="2" s="1"/>
  <c r="F5876" i="2" a="1"/>
  <c r="F5876" i="2" s="1"/>
  <c r="F5882" i="2" a="1"/>
  <c r="F5882" i="2" s="1"/>
  <c r="H1104" i="2" a="1"/>
  <c r="H1104" i="2" s="1"/>
  <c r="H1100" i="2" a="1"/>
  <c r="H1100" i="2" s="1"/>
  <c r="H1090" i="2" a="1"/>
  <c r="H1090" i="2" s="1"/>
  <c r="H1109" i="2" a="1"/>
  <c r="H1109" i="2" s="1"/>
  <c r="H1103" i="2" a="1"/>
  <c r="H1103" i="2" s="1"/>
  <c r="H1107" i="2" a="1"/>
  <c r="H1107" i="2" s="1"/>
  <c r="H1098" i="2" a="1"/>
  <c r="H1098" i="2" s="1"/>
  <c r="H1111" i="2" a="1"/>
  <c r="H1111" i="2" s="1"/>
  <c r="H1095" i="2" a="1"/>
  <c r="H1095" i="2" s="1"/>
  <c r="H4968" i="2" a="1"/>
  <c r="H4968" i="2" s="1"/>
  <c r="H4972" i="2" a="1"/>
  <c r="H4972" i="2" s="1"/>
  <c r="H4973" i="2" a="1"/>
  <c r="H4973" i="2" s="1"/>
  <c r="H4966" i="2" a="1"/>
  <c r="H4966" i="2" s="1"/>
  <c r="H4974" i="2" a="1"/>
  <c r="H4974" i="2" s="1"/>
  <c r="H4969" i="2" a="1"/>
  <c r="H4969" i="2" s="1"/>
  <c r="H4961" i="2" a="1"/>
  <c r="H4961" i="2" s="1"/>
  <c r="H4964" i="2" a="1"/>
  <c r="H4964" i="2" s="1"/>
  <c r="H4956" i="2" a="1"/>
  <c r="H4956" i="2" s="1"/>
  <c r="H4959" i="2" a="1"/>
  <c r="H4959" i="2" s="1"/>
  <c r="H4960" i="2" a="1"/>
  <c r="H4960" i="2" s="1"/>
  <c r="H4967" i="2" a="1"/>
  <c r="H4967" i="2" s="1"/>
  <c r="E8108" i="2" a="1"/>
  <c r="E8108" i="2" s="1"/>
  <c r="E8111" i="2" a="1"/>
  <c r="E8111" i="2" s="1"/>
  <c r="E8107" i="2" a="1"/>
  <c r="E8107" i="2" s="1"/>
  <c r="E8119" i="2" a="1"/>
  <c r="E8119" i="2" s="1"/>
  <c r="E8120" i="2" a="1"/>
  <c r="E8120" i="2" s="1"/>
  <c r="E8102" i="2" a="1"/>
  <c r="E8102" i="2" s="1"/>
  <c r="E8117" i="2" a="1"/>
  <c r="E8117" i="2" s="1"/>
  <c r="E8115" i="2" a="1"/>
  <c r="E8115" i="2" s="1"/>
  <c r="E8112" i="2" a="1"/>
  <c r="E8112" i="2" s="1"/>
  <c r="E8105" i="2" a="1"/>
  <c r="E8105" i="2" s="1"/>
  <c r="E8106" i="2" a="1"/>
  <c r="E8106" i="2" s="1"/>
  <c r="E8103" i="2" a="1"/>
  <c r="E8103" i="2" s="1"/>
  <c r="E8104" i="2" a="1"/>
  <c r="E8104" i="2" s="1"/>
  <c r="E8110" i="2" a="1"/>
  <c r="E8110" i="2" s="1"/>
  <c r="E2339" i="2" a="1"/>
  <c r="E2339" i="2" s="1"/>
  <c r="E2356" i="2" a="1"/>
  <c r="E2356" i="2" s="1"/>
  <c r="E2340" i="2" a="1"/>
  <c r="E2340" i="2" s="1"/>
  <c r="E2353" i="2" a="1"/>
  <c r="E2353" i="2" s="1"/>
  <c r="E2357" i="2" a="1"/>
  <c r="E2357" i="2" s="1"/>
  <c r="E2358" i="2" a="1"/>
  <c r="E2358" i="2" s="1"/>
  <c r="E2345" i="2" a="1"/>
  <c r="E2345" i="2" s="1"/>
  <c r="E2346" i="2" a="1"/>
  <c r="E2346" i="2" s="1"/>
  <c r="E2341" i="2" a="1"/>
  <c r="E2341" i="2" s="1"/>
  <c r="E2351" i="2" a="1"/>
  <c r="E2351" i="2" s="1"/>
  <c r="E2338" i="2" a="1"/>
  <c r="E2338" i="2" s="1"/>
  <c r="G3156" i="2" a="1"/>
  <c r="G3156" i="2" s="1"/>
  <c r="G3168" i="2" a="1"/>
  <c r="G3168" i="2" s="1"/>
  <c r="G3163" i="2" a="1"/>
  <c r="G3163" i="2" s="1"/>
  <c r="G3169" i="2" a="1"/>
  <c r="G3169" i="2" s="1"/>
  <c r="G3158" i="2" a="1"/>
  <c r="G3158" i="2" s="1"/>
  <c r="H7213" i="2" a="1"/>
  <c r="H7213" i="2" s="1"/>
  <c r="H7232" i="2" a="1"/>
  <c r="H7232" i="2" s="1"/>
  <c r="H7219" i="2" a="1"/>
  <c r="H7219" i="2" s="1"/>
  <c r="H7229" i="2" a="1"/>
  <c r="H7229" i="2" s="1"/>
  <c r="H7222" i="2" a="1"/>
  <c r="H7222" i="2" s="1"/>
  <c r="F453" i="2" a="1"/>
  <c r="F453" i="2" s="1"/>
  <c r="F451" i="2" a="1"/>
  <c r="F451" i="2" s="1"/>
  <c r="F452" i="2" a="1"/>
  <c r="F452" i="2" s="1"/>
  <c r="F460" i="2" a="1"/>
  <c r="F460" i="2" s="1"/>
  <c r="F3020" i="2" a="1"/>
  <c r="F3020" i="2" s="1"/>
  <c r="F3027" i="2" a="1"/>
  <c r="F3027" i="2" s="1"/>
  <c r="F3031" i="2" a="1"/>
  <c r="F3031" i="2" s="1"/>
  <c r="F3013" i="2" a="1"/>
  <c r="F3013" i="2" s="1"/>
  <c r="F3029" i="2" a="1"/>
  <c r="F3029" i="2" s="1"/>
  <c r="F3017" i="2" a="1"/>
  <c r="F3017" i="2" s="1"/>
  <c r="F3033" i="2" a="1"/>
  <c r="F3033" i="2" s="1"/>
  <c r="F3026" i="2" a="1"/>
  <c r="F3026" i="2" s="1"/>
  <c r="F3018" i="2" a="1"/>
  <c r="F3018" i="2" s="1"/>
  <c r="F3028" i="2" a="1"/>
  <c r="F3028" i="2" s="1"/>
  <c r="F3016" i="2" a="1"/>
  <c r="F3016" i="2" s="1"/>
  <c r="F3030" i="2" a="1"/>
  <c r="F3030" i="2" s="1"/>
  <c r="G2021" i="2" a="1"/>
  <c r="G2021" i="2" s="1"/>
  <c r="G2007" i="2" a="1"/>
  <c r="G2007" i="2" s="1"/>
  <c r="H6610" i="2" a="1"/>
  <c r="H6610" i="2" s="1"/>
  <c r="H6633" i="2" a="1"/>
  <c r="H6633" i="2" s="1"/>
  <c r="H6616" i="2" a="1"/>
  <c r="H6616" i="2" s="1"/>
  <c r="H6628" i="2" a="1"/>
  <c r="H6628" i="2" s="1"/>
  <c r="H6620" i="2" a="1"/>
  <c r="H6620" i="2" s="1"/>
  <c r="H6631" i="2" a="1"/>
  <c r="H6631" i="2" s="1"/>
  <c r="H6626" i="2" a="1"/>
  <c r="H6626" i="2" s="1"/>
  <c r="H6613" i="2" a="1"/>
  <c r="H6613" i="2" s="1"/>
  <c r="H6627" i="2" a="1"/>
  <c r="H6627" i="2" s="1"/>
  <c r="H6618" i="2" a="1"/>
  <c r="H6618" i="2" s="1"/>
  <c r="F8054" i="2" a="1"/>
  <c r="F8054" i="2" s="1"/>
  <c r="F8067" i="2" a="1"/>
  <c r="F8067" i="2" s="1"/>
  <c r="F8051" i="2" a="1"/>
  <c r="F8051" i="2" s="1"/>
  <c r="F8060" i="2" a="1"/>
  <c r="F8060" i="2" s="1"/>
  <c r="F8070" i="2" a="1"/>
  <c r="F8070" i="2" s="1"/>
  <c r="F8063" i="2" a="1"/>
  <c r="F8063" i="2" s="1"/>
  <c r="F8065" i="2" a="1"/>
  <c r="F8065" i="2" s="1"/>
  <c r="F8072" i="2" a="1"/>
  <c r="F8072" i="2" s="1"/>
  <c r="F8064" i="2" a="1"/>
  <c r="F8064" i="2" s="1"/>
  <c r="F8071" i="2" a="1"/>
  <c r="F8071" i="2" s="1"/>
  <c r="F8050" i="2" a="1"/>
  <c r="F8050" i="2" s="1"/>
  <c r="G1364" i="2" a="1"/>
  <c r="G1364" i="2" s="1"/>
  <c r="G1371" i="2" a="1"/>
  <c r="G1371" i="2" s="1"/>
  <c r="E3285" i="2" a="1"/>
  <c r="E3285" i="2" s="1"/>
  <c r="E3296" i="2" a="1"/>
  <c r="E3296" i="2" s="1"/>
  <c r="E3281" i="2" a="1"/>
  <c r="E3281" i="2" s="1"/>
  <c r="E3289" i="2" a="1"/>
  <c r="E3289" i="2" s="1"/>
  <c r="E3276" i="2" a="1"/>
  <c r="E3276" i="2" s="1"/>
  <c r="E3294" i="2" a="1"/>
  <c r="E3294" i="2" s="1"/>
  <c r="E3282" i="2" a="1"/>
  <c r="E3282" i="2" s="1"/>
  <c r="E3287" i="2" a="1"/>
  <c r="E3287" i="2" s="1"/>
  <c r="E3297" i="2" a="1"/>
  <c r="E3297" i="2" s="1"/>
  <c r="E3280" i="2" a="1"/>
  <c r="E3280" i="2" s="1"/>
  <c r="E3278" i="2" a="1"/>
  <c r="E3278" i="2" s="1"/>
  <c r="E3291" i="2" a="1"/>
  <c r="E3291" i="2" s="1"/>
  <c r="G4664" i="2" a="1"/>
  <c r="G4664" i="2" s="1"/>
  <c r="G4648" i="2" a="1"/>
  <c r="G4648" i="2" s="1"/>
  <c r="G4660" i="2" a="1"/>
  <c r="G4660" i="2" s="1"/>
  <c r="G4642" i="2" a="1"/>
  <c r="G4642" i="2" s="1"/>
  <c r="G4653" i="2" a="1"/>
  <c r="G4653" i="2" s="1"/>
  <c r="G4658" i="2" a="1"/>
  <c r="G4658" i="2" s="1"/>
  <c r="G4654" i="2" a="1"/>
  <c r="G4654" i="2" s="1"/>
  <c r="G4663" i="2" a="1"/>
  <c r="G4663" i="2" s="1"/>
  <c r="H7901" i="2" a="1"/>
  <c r="H7901" i="2" s="1"/>
  <c r="H7891" i="2" a="1"/>
  <c r="H7891" i="2" s="1"/>
  <c r="H7883" i="2" a="1"/>
  <c r="H7883" i="2" s="1"/>
  <c r="H7888" i="2" a="1"/>
  <c r="H7888" i="2" s="1"/>
  <c r="H7885" i="2" a="1"/>
  <c r="H7885" i="2" s="1"/>
  <c r="H7893" i="2" a="1"/>
  <c r="H7893" i="2" s="1"/>
  <c r="H7898" i="2" a="1"/>
  <c r="H7898" i="2" s="1"/>
  <c r="H7890" i="2" a="1"/>
  <c r="H7890" i="2" s="1"/>
  <c r="H7895" i="2" a="1"/>
  <c r="H7895" i="2" s="1"/>
  <c r="H7902" i="2" a="1"/>
  <c r="H7902" i="2" s="1"/>
  <c r="H7896" i="2" a="1"/>
  <c r="H7896" i="2" s="1"/>
  <c r="H7894" i="2" a="1"/>
  <c r="H7894" i="2" s="1"/>
  <c r="H7889" i="2" a="1"/>
  <c r="H7889" i="2" s="1"/>
  <c r="D3008" i="2" a="1"/>
  <c r="D3008" i="2" s="1"/>
  <c r="D2999" i="2" a="1"/>
  <c r="D2999" i="2" s="1"/>
  <c r="D3007" i="2" a="1"/>
  <c r="D3007" i="2" s="1"/>
  <c r="D2993" i="2" a="1"/>
  <c r="D2993" i="2" s="1"/>
  <c r="D2997" i="2" a="1"/>
  <c r="D2997" i="2" s="1"/>
  <c r="D2988" i="2" a="1"/>
  <c r="D2988" i="2" s="1"/>
  <c r="D2991" i="2" a="1"/>
  <c r="D2991" i="2" s="1"/>
  <c r="D2995" i="2" a="1"/>
  <c r="D2995" i="2" s="1"/>
  <c r="D3005" i="2" a="1"/>
  <c r="D3005" i="2" s="1"/>
  <c r="D2992" i="2" a="1"/>
  <c r="D2992" i="2" s="1"/>
  <c r="D3004" i="2" a="1"/>
  <c r="D3004" i="2" s="1"/>
  <c r="D2996" i="2" a="1"/>
  <c r="D2996" i="2" s="1"/>
  <c r="D3003" i="2" a="1"/>
  <c r="D3003" i="2" s="1"/>
  <c r="D2998" i="2" a="1"/>
  <c r="D2998" i="2" s="1"/>
  <c r="H5426" i="2" a="1"/>
  <c r="H5426" i="2" s="1"/>
  <c r="H5432" i="2" a="1"/>
  <c r="H5432" i="2" s="1"/>
  <c r="H5414" i="2" a="1"/>
  <c r="H5414" i="2" s="1"/>
  <c r="H5410" i="2" a="1"/>
  <c r="H5410" i="2" s="1"/>
  <c r="H5430" i="2" a="1"/>
  <c r="H5430" i="2" s="1"/>
  <c r="H5417" i="2" a="1"/>
  <c r="H5417" i="2" s="1"/>
  <c r="H5433" i="2" a="1"/>
  <c r="H5433" i="2" s="1"/>
  <c r="H5421" i="2" a="1"/>
  <c r="H5421" i="2" s="1"/>
  <c r="H5423" i="2" a="1"/>
  <c r="H5423" i="2" s="1"/>
  <c r="H5424" i="2" a="1"/>
  <c r="H5424" i="2" s="1"/>
  <c r="H5419" i="2" a="1"/>
  <c r="H5419" i="2" s="1"/>
  <c r="H5416" i="2" a="1"/>
  <c r="H5416" i="2" s="1"/>
  <c r="H5428" i="2" a="1"/>
  <c r="H5428" i="2" s="1"/>
  <c r="H5429" i="2" a="1"/>
  <c r="H5429" i="2" s="1"/>
  <c r="H5422" i="2" a="1"/>
  <c r="H5422" i="2" s="1"/>
  <c r="H5415" i="2" a="1"/>
  <c r="H5415" i="2" s="1"/>
  <c r="H5427" i="2" a="1"/>
  <c r="H5427" i="2" s="1"/>
  <c r="H5425" i="2" a="1"/>
  <c r="H5425" i="2" s="1"/>
  <c r="F2571" i="2" a="1"/>
  <c r="F2571" i="2" s="1"/>
  <c r="F2564" i="2" a="1"/>
  <c r="F2564" i="2" s="1"/>
  <c r="F2563" i="2" a="1"/>
  <c r="F2563" i="2" s="1"/>
  <c r="F2556" i="2" a="1"/>
  <c r="F2556" i="2" s="1"/>
  <c r="F2576" i="2" a="1"/>
  <c r="F2576" i="2" s="1"/>
  <c r="F2562" i="2" a="1"/>
  <c r="F2562" i="2" s="1"/>
  <c r="F2565" i="2" a="1"/>
  <c r="F2565" i="2" s="1"/>
  <c r="F2573" i="2" a="1"/>
  <c r="F2573" i="2" s="1"/>
  <c r="F2558" i="2" a="1"/>
  <c r="F2558" i="2" s="1"/>
  <c r="F2554" i="2" a="1"/>
  <c r="F2554" i="2" s="1"/>
  <c r="F2555" i="2" a="1"/>
  <c r="F2555" i="2" s="1"/>
  <c r="F2567" i="2" a="1"/>
  <c r="F2567" i="2" s="1"/>
  <c r="F2559" i="2" a="1"/>
  <c r="F2559" i="2" s="1"/>
  <c r="F2572" i="2" a="1"/>
  <c r="F2572" i="2" s="1"/>
  <c r="F2560" i="2" a="1"/>
  <c r="F2560" i="2" s="1"/>
  <c r="F2568" i="2" a="1"/>
  <c r="F2568" i="2" s="1"/>
  <c r="H2701" i="2" a="1"/>
  <c r="H2701" i="2" s="1"/>
  <c r="H2702" i="2" a="1"/>
  <c r="H2702" i="2" s="1"/>
  <c r="H2710" i="2" a="1"/>
  <c r="H2710" i="2" s="1"/>
  <c r="H2720" i="2" a="1"/>
  <c r="H2720" i="2" s="1"/>
  <c r="H2717" i="2" a="1"/>
  <c r="H2717" i="2" s="1"/>
  <c r="H2721" i="2" a="1"/>
  <c r="H2721" i="2" s="1"/>
  <c r="H2708" i="2" a="1"/>
  <c r="H2708" i="2" s="1"/>
  <c r="H2709" i="2" a="1"/>
  <c r="H2709" i="2" s="1"/>
  <c r="H2704" i="2" a="1"/>
  <c r="H2704" i="2" s="1"/>
  <c r="H2719" i="2" a="1"/>
  <c r="H2719" i="2" s="1"/>
  <c r="H2705" i="2" a="1"/>
  <c r="H2705" i="2" s="1"/>
  <c r="H2712" i="2" a="1"/>
  <c r="H2712" i="2" s="1"/>
  <c r="E288" i="2" a="1"/>
  <c r="E288" i="2" s="1"/>
  <c r="E296" i="2" a="1"/>
  <c r="E296" i="2" s="1"/>
  <c r="E292" i="2" a="1"/>
  <c r="E292" i="2" s="1"/>
  <c r="E285" i="2" a="1"/>
  <c r="E285" i="2" s="1"/>
  <c r="E290" i="2" a="1"/>
  <c r="E290" i="2" s="1"/>
  <c r="E274" i="2" a="1"/>
  <c r="E274" i="2" s="1"/>
  <c r="E286" i="2" a="1"/>
  <c r="E286" i="2" s="1"/>
  <c r="E279" i="2" a="1"/>
  <c r="E279" i="2" s="1"/>
  <c r="E287" i="2" a="1"/>
  <c r="E287" i="2" s="1"/>
  <c r="E291" i="2" a="1"/>
  <c r="E291" i="2" s="1"/>
  <c r="E283" i="2" a="1"/>
  <c r="E283" i="2" s="1"/>
  <c r="E293" i="2" a="1"/>
  <c r="E293" i="2" s="1"/>
  <c r="D4784" i="2" a="1"/>
  <c r="D4784" i="2" s="1"/>
  <c r="D4764" i="2" a="1"/>
  <c r="D4764" i="2" s="1"/>
  <c r="D4772" i="2" a="1"/>
  <c r="D4772" i="2" s="1"/>
  <c r="D4763" i="2" a="1"/>
  <c r="D4763" i="2" s="1"/>
  <c r="D4767" i="2" a="1"/>
  <c r="D4767" i="2" s="1"/>
  <c r="D4779" i="2" a="1"/>
  <c r="D4779" i="2" s="1"/>
  <c r="D4782" i="2" a="1"/>
  <c r="D4782" i="2" s="1"/>
  <c r="D4765" i="2" a="1"/>
  <c r="D4765" i="2" s="1"/>
  <c r="D4781" i="2" a="1"/>
  <c r="D4781" i="2" s="1"/>
  <c r="D4770" i="2" a="1"/>
  <c r="D4770" i="2" s="1"/>
  <c r="D4774" i="2" a="1"/>
  <c r="D4774" i="2" s="1"/>
  <c r="G5348" i="2" a="1"/>
  <c r="G5348" i="2" s="1"/>
  <c r="G5346" i="2" a="1"/>
  <c r="G5346" i="2" s="1"/>
  <c r="G5353" i="2" a="1"/>
  <c r="G5353" i="2" s="1"/>
  <c r="G5361" i="2" a="1"/>
  <c r="G5361" i="2" s="1"/>
  <c r="G5340" i="2" a="1"/>
  <c r="G5340" i="2" s="1"/>
  <c r="G5350" i="2" a="1"/>
  <c r="G5350" i="2" s="1"/>
  <c r="G5357" i="2" a="1"/>
  <c r="G5357" i="2" s="1"/>
  <c r="G5356" i="2" a="1"/>
  <c r="G5356" i="2" s="1"/>
  <c r="G5343" i="2" a="1"/>
  <c r="G5343" i="2" s="1"/>
  <c r="G5338" i="2" a="1"/>
  <c r="G5338" i="2" s="1"/>
  <c r="G5351" i="2" a="1"/>
  <c r="G5351" i="2" s="1"/>
  <c r="G5359" i="2" a="1"/>
  <c r="G5359" i="2" s="1"/>
  <c r="F324" i="2" a="1"/>
  <c r="F324" i="2" s="1"/>
  <c r="F340" i="2" a="1"/>
  <c r="F340" i="2" s="1"/>
  <c r="F327" i="2" a="1"/>
  <c r="F327" i="2" s="1"/>
  <c r="F326" i="2" a="1"/>
  <c r="F326" i="2" s="1"/>
  <c r="F329" i="2" a="1"/>
  <c r="F329" i="2" s="1"/>
  <c r="F335" i="2" a="1"/>
  <c r="F335" i="2" s="1"/>
  <c r="F334" i="2" a="1"/>
  <c r="F334" i="2" s="1"/>
  <c r="F336" i="2" a="1"/>
  <c r="F336" i="2" s="1"/>
  <c r="F328" i="2" a="1"/>
  <c r="F328" i="2" s="1"/>
  <c r="F342" i="2" a="1"/>
  <c r="F342" i="2" s="1"/>
  <c r="F332" i="2" a="1"/>
  <c r="F332" i="2" s="1"/>
  <c r="F331" i="2" a="1"/>
  <c r="F331" i="2" s="1"/>
  <c r="F325" i="2" a="1"/>
  <c r="F325" i="2" s="1"/>
  <c r="F343" i="2" a="1"/>
  <c r="F343" i="2" s="1"/>
  <c r="F333" i="2" a="1"/>
  <c r="F333" i="2" s="1"/>
  <c r="F345" i="2" a="1"/>
  <c r="F345" i="2" s="1"/>
  <c r="D7662" i="2" a="1"/>
  <c r="D7662" i="2" s="1"/>
  <c r="D7664" i="2" a="1"/>
  <c r="D7664" i="2" s="1"/>
  <c r="D7643" i="2" a="1"/>
  <c r="D7643" i="2" s="1"/>
  <c r="D7647" i="2" a="1"/>
  <c r="D7647" i="2" s="1"/>
  <c r="D7663" i="2" a="1"/>
  <c r="D7663" i="2" s="1"/>
  <c r="D7658" i="2" a="1"/>
  <c r="D7658" i="2" s="1"/>
  <c r="D7655" i="2" a="1"/>
  <c r="D7655" i="2" s="1"/>
  <c r="D7659" i="2" a="1"/>
  <c r="D7659" i="2" s="1"/>
  <c r="D7656" i="2" a="1"/>
  <c r="D7656" i="2" s="1"/>
  <c r="D7653" i="2" a="1"/>
  <c r="D7653" i="2" s="1"/>
  <c r="D7657" i="2" a="1"/>
  <c r="D7657" i="2" s="1"/>
  <c r="G1456" i="2" a="1"/>
  <c r="G1456" i="2" s="1"/>
  <c r="G1452" i="2" a="1"/>
  <c r="G1452" i="2" s="1"/>
  <c r="G1472" i="2" a="1"/>
  <c r="G1472" i="2" s="1"/>
  <c r="G1459" i="2" a="1"/>
  <c r="G1459" i="2" s="1"/>
  <c r="G1461" i="2" a="1"/>
  <c r="G1461" i="2" s="1"/>
  <c r="G1453" i="2" a="1"/>
  <c r="G1453" i="2" s="1"/>
  <c r="E4290" i="2" a="1"/>
  <c r="E4290" i="2" s="1"/>
  <c r="E4284" i="2" a="1"/>
  <c r="E4284" i="2" s="1"/>
  <c r="E4283" i="2" a="1"/>
  <c r="E4283" i="2" s="1"/>
  <c r="E4292" i="2" a="1"/>
  <c r="E4292" i="2" s="1"/>
  <c r="E4287" i="2" a="1"/>
  <c r="E4287" i="2" s="1"/>
  <c r="E4289" i="2" a="1"/>
  <c r="E4289" i="2" s="1"/>
  <c r="E4285" i="2" a="1"/>
  <c r="E4285" i="2" s="1"/>
  <c r="E4293" i="2" a="1"/>
  <c r="E4293" i="2" s="1"/>
  <c r="E2790" i="2" a="1"/>
  <c r="E2790" i="2" s="1"/>
  <c r="E2785" i="2" a="1"/>
  <c r="E2785" i="2" s="1"/>
  <c r="E2793" i="2" a="1"/>
  <c r="E2793" i="2" s="1"/>
  <c r="E2792" i="2" a="1"/>
  <c r="E2792" i="2" s="1"/>
  <c r="E2786" i="2" a="1"/>
  <c r="E2786" i="2" s="1"/>
  <c r="E2787" i="2" a="1"/>
  <c r="E2787" i="2" s="1"/>
  <c r="G8393" i="2" a="1"/>
  <c r="G8393" i="2" s="1"/>
  <c r="G8396" i="2" a="1"/>
  <c r="G8396" i="2" s="1"/>
  <c r="G8406" i="2" a="1"/>
  <c r="G8406" i="2" s="1"/>
  <c r="G8402" i="2" a="1"/>
  <c r="G8402" i="2" s="1"/>
  <c r="G8386" i="2" a="1"/>
  <c r="G8386" i="2" s="1"/>
  <c r="G8399" i="2" a="1"/>
  <c r="G8399" i="2" s="1"/>
  <c r="G8397" i="2" a="1"/>
  <c r="G8397" i="2" s="1"/>
  <c r="G8390" i="2" a="1"/>
  <c r="G8390" i="2" s="1"/>
  <c r="G8391" i="2" a="1"/>
  <c r="G8391" i="2" s="1"/>
  <c r="G8395" i="2" a="1"/>
  <c r="G8395" i="2" s="1"/>
  <c r="G8408" i="2" a="1"/>
  <c r="G8408" i="2" s="1"/>
  <c r="G8387" i="2" a="1"/>
  <c r="G8387" i="2" s="1"/>
  <c r="F4765" i="2" a="1"/>
  <c r="F4765" i="2" s="1"/>
  <c r="F4764" i="2" a="1"/>
  <c r="F4764" i="2" s="1"/>
  <c r="F4784" i="2" a="1"/>
  <c r="F4784" i="2" s="1"/>
  <c r="F4762" i="2" a="1"/>
  <c r="F4762" i="2" s="1"/>
  <c r="F7238" i="2" a="1"/>
  <c r="F7238" i="2" s="1"/>
  <c r="F7246" i="2" a="1"/>
  <c r="F7246" i="2" s="1"/>
  <c r="F7240" i="2" a="1"/>
  <c r="F7240" i="2" s="1"/>
  <c r="F7239" i="2" a="1"/>
  <c r="F7239" i="2" s="1"/>
  <c r="F7241" i="2" a="1"/>
  <c r="F7241" i="2" s="1"/>
  <c r="F7245" i="2" a="1"/>
  <c r="F7245" i="2" s="1"/>
  <c r="F7256" i="2" a="1"/>
  <c r="F7256" i="2" s="1"/>
  <c r="F7247" i="2" a="1"/>
  <c r="F7247" i="2" s="1"/>
  <c r="F7237" i="2" a="1"/>
  <c r="F7237" i="2" s="1"/>
  <c r="F7255" i="2" a="1"/>
  <c r="F7255" i="2" s="1"/>
  <c r="F7234" i="2" a="1"/>
  <c r="F7234" i="2" s="1"/>
  <c r="E5563" i="2" a="1"/>
  <c r="E5563" i="2" s="1"/>
  <c r="E5561" i="2" a="1"/>
  <c r="E5561" i="2" s="1"/>
  <c r="E5569" i="2" a="1"/>
  <c r="E5569" i="2" s="1"/>
  <c r="E5566" i="2" a="1"/>
  <c r="E5566" i="2" s="1"/>
  <c r="E5562" i="2" a="1"/>
  <c r="E5562" i="2" s="1"/>
  <c r="E5572" i="2" a="1"/>
  <c r="E5572" i="2" s="1"/>
  <c r="E5554" i="2" a="1"/>
  <c r="E5554" i="2" s="1"/>
  <c r="E5576" i="2" a="1"/>
  <c r="E5576" i="2" s="1"/>
  <c r="E5571" i="2" a="1"/>
  <c r="E5571" i="2" s="1"/>
  <c r="E5557" i="2" a="1"/>
  <c r="E5557" i="2" s="1"/>
  <c r="E5577" i="2" a="1"/>
  <c r="E5577" i="2" s="1"/>
  <c r="E5559" i="2" a="1"/>
  <c r="E5559" i="2" s="1"/>
  <c r="E5558" i="2" a="1"/>
  <c r="E5558" i="2" s="1"/>
  <c r="E5565" i="2" a="1"/>
  <c r="E5565" i="2" s="1"/>
  <c r="G2834" i="2" a="1"/>
  <c r="G2834" i="2" s="1"/>
  <c r="G2819" i="2" a="1"/>
  <c r="G2819" i="2" s="1"/>
  <c r="G2828" i="2" a="1"/>
  <c r="G2828" i="2" s="1"/>
  <c r="F7985" i="2" a="1"/>
  <c r="F7985" i="2" s="1"/>
  <c r="F7996" i="2" a="1"/>
  <c r="F7996" i="2" s="1"/>
  <c r="F7993" i="2" a="1"/>
  <c r="F7993" i="2" s="1"/>
  <c r="F7990" i="2" a="1"/>
  <c r="F7990" i="2" s="1"/>
  <c r="F7991" i="2" a="1"/>
  <c r="F7991" i="2" s="1"/>
  <c r="F8001" i="2" a="1"/>
  <c r="F8001" i="2" s="1"/>
  <c r="F8000" i="2" a="1"/>
  <c r="F8000" i="2" s="1"/>
  <c r="F7978" i="2" a="1"/>
  <c r="F7978" i="2" s="1"/>
  <c r="F7982" i="2" a="1"/>
  <c r="F7982" i="2" s="1"/>
  <c r="F7995" i="2" a="1"/>
  <c r="F7995" i="2" s="1"/>
  <c r="F7984" i="2" a="1"/>
  <c r="F7984" i="2" s="1"/>
  <c r="F7983" i="2" a="1"/>
  <c r="F7983" i="2" s="1"/>
  <c r="F7997" i="2" a="1"/>
  <c r="F7997" i="2" s="1"/>
  <c r="F7986" i="2" a="1"/>
  <c r="F7986" i="2" s="1"/>
  <c r="F7989" i="2" a="1"/>
  <c r="F7989" i="2" s="1"/>
  <c r="F7979" i="2" a="1"/>
  <c r="F7979" i="2" s="1"/>
  <c r="D7525" i="2" a="1"/>
  <c r="D7525" i="2" s="1"/>
  <c r="D7537" i="2" a="1"/>
  <c r="D7537" i="2" s="1"/>
  <c r="D7541" i="2" a="1"/>
  <c r="D7541" i="2" s="1"/>
  <c r="D7545" i="2" a="1"/>
  <c r="D7545" i="2" s="1"/>
  <c r="D7522" i="2" a="1"/>
  <c r="D7522" i="2" s="1"/>
  <c r="D7542" i="2" a="1"/>
  <c r="D7542" i="2" s="1"/>
  <c r="D7532" i="2" a="1"/>
  <c r="D7532" i="2" s="1"/>
  <c r="D7531" i="2" a="1"/>
  <c r="D7531" i="2" s="1"/>
  <c r="D7535" i="2" a="1"/>
  <c r="D7535" i="2" s="1"/>
  <c r="D7526" i="2" a="1"/>
  <c r="D7526" i="2" s="1"/>
  <c r="D7534" i="2" a="1"/>
  <c r="D7534" i="2" s="1"/>
  <c r="D7528" i="2" a="1"/>
  <c r="D7528" i="2" s="1"/>
  <c r="H1509" i="2" a="1"/>
  <c r="H1509" i="2" s="1"/>
  <c r="H1516" i="2" a="1"/>
  <c r="H1516" i="2" s="1"/>
  <c r="H1503" i="2" a="1"/>
  <c r="H1503" i="2" s="1"/>
  <c r="H1518" i="2" a="1"/>
  <c r="H1518" i="2" s="1"/>
  <c r="H1519" i="2" a="1"/>
  <c r="H1519" i="2" s="1"/>
  <c r="H1501" i="2" a="1"/>
  <c r="H1501" i="2" s="1"/>
  <c r="H1515" i="2" a="1"/>
  <c r="H1515" i="2" s="1"/>
  <c r="H1506" i="2" a="1"/>
  <c r="H1506" i="2" s="1"/>
  <c r="H1500" i="2" a="1"/>
  <c r="H1500" i="2" s="1"/>
  <c r="H1510" i="2" a="1"/>
  <c r="H1510" i="2" s="1"/>
  <c r="H1498" i="2" a="1"/>
  <c r="H1498" i="2" s="1"/>
  <c r="E3077" i="2" a="1"/>
  <c r="E3077" i="2" s="1"/>
  <c r="E3059" i="2" a="1"/>
  <c r="E3059" i="2" s="1"/>
  <c r="H7306" i="2" a="1"/>
  <c r="H7306" i="2" s="1"/>
  <c r="H7320" i="2" a="1"/>
  <c r="H7320" i="2" s="1"/>
  <c r="H7322" i="2" a="1"/>
  <c r="H7322" i="2" s="1"/>
  <c r="H7328" i="2" a="1"/>
  <c r="H7328" i="2" s="1"/>
  <c r="H7327" i="2" a="1"/>
  <c r="H7327" i="2" s="1"/>
  <c r="H7329" i="2" a="1"/>
  <c r="H7329" i="2" s="1"/>
  <c r="H7309" i="2" a="1"/>
  <c r="H7309" i="2" s="1"/>
  <c r="H7324" i="2" a="1"/>
  <c r="H7324" i="2" s="1"/>
  <c r="H7319" i="2" a="1"/>
  <c r="H7319" i="2" s="1"/>
  <c r="H7317" i="2" a="1"/>
  <c r="H7317" i="2" s="1"/>
  <c r="H7308" i="2" a="1"/>
  <c r="H7308" i="2" s="1"/>
  <c r="H7307" i="2" a="1"/>
  <c r="H7307" i="2" s="1"/>
  <c r="H7325" i="2" a="1"/>
  <c r="H7325" i="2" s="1"/>
  <c r="E4834" i="2" a="1"/>
  <c r="E4834" i="2" s="1"/>
  <c r="E4848" i="2" a="1"/>
  <c r="E4848" i="2" s="1"/>
  <c r="E4843" i="2" a="1"/>
  <c r="E4843" i="2" s="1"/>
  <c r="E4835" i="2" a="1"/>
  <c r="E4835" i="2" s="1"/>
  <c r="E4853" i="2" a="1"/>
  <c r="E4853" i="2" s="1"/>
  <c r="E4849" i="2" a="1"/>
  <c r="E4849" i="2" s="1"/>
  <c r="E4852" i="2" a="1"/>
  <c r="E4852" i="2" s="1"/>
  <c r="E4846" i="2" a="1"/>
  <c r="E4846" i="2" s="1"/>
  <c r="E4842" i="2" a="1"/>
  <c r="E4842" i="2" s="1"/>
  <c r="E4847" i="2" a="1"/>
  <c r="E4847" i="2" s="1"/>
  <c r="E4854" i="2" a="1"/>
  <c r="E4854" i="2" s="1"/>
  <c r="E4857" i="2" a="1"/>
  <c r="E4857" i="2" s="1"/>
  <c r="E4841" i="2" a="1"/>
  <c r="E4841" i="2" s="1"/>
  <c r="H6588" i="2" a="1"/>
  <c r="H6588" i="2" s="1"/>
  <c r="H6593" i="2" a="1"/>
  <c r="H6593" i="2" s="1"/>
  <c r="H6600" i="2" a="1"/>
  <c r="H6600" i="2" s="1"/>
  <c r="H6601" i="2" a="1"/>
  <c r="H6601" i="2" s="1"/>
  <c r="H6605" i="2" a="1"/>
  <c r="H6605" i="2" s="1"/>
  <c r="H6609" i="2" a="1"/>
  <c r="H6609" i="2" s="1"/>
  <c r="H6592" i="2" a="1"/>
  <c r="H6592" i="2" s="1"/>
  <c r="H6596" i="2" a="1"/>
  <c r="H6596" i="2" s="1"/>
  <c r="H6594" i="2" a="1"/>
  <c r="H6594" i="2" s="1"/>
  <c r="H6595" i="2" a="1"/>
  <c r="H6595" i="2" s="1"/>
  <c r="H6604" i="2" a="1"/>
  <c r="H6604" i="2" s="1"/>
  <c r="H6606" i="2" a="1"/>
  <c r="H6606" i="2" s="1"/>
  <c r="H6589" i="2" a="1"/>
  <c r="H6589" i="2" s="1"/>
  <c r="G7053" i="2" a="1"/>
  <c r="G7053" i="2" s="1"/>
  <c r="G7060" i="2" a="1"/>
  <c r="G7060" i="2" s="1"/>
  <c r="G7062" i="2" a="1"/>
  <c r="G7062" i="2" s="1"/>
  <c r="G7051" i="2" a="1"/>
  <c r="G7051" i="2" s="1"/>
  <c r="G7065" i="2" a="1"/>
  <c r="G7065" i="2" s="1"/>
  <c r="G7059" i="2" a="1"/>
  <c r="G7059" i="2" s="1"/>
  <c r="G7043" i="2" a="1"/>
  <c r="G7043" i="2" s="1"/>
  <c r="G7057" i="2" a="1"/>
  <c r="G7057" i="2" s="1"/>
  <c r="G7063" i="2" a="1"/>
  <c r="G7063" i="2" s="1"/>
  <c r="G7044" i="2" a="1"/>
  <c r="G7044" i="2" s="1"/>
  <c r="G7054" i="2" a="1"/>
  <c r="G7054" i="2" s="1"/>
  <c r="G7055" i="2" a="1"/>
  <c r="G7055" i="2" s="1"/>
  <c r="G7052" i="2" a="1"/>
  <c r="G7052" i="2" s="1"/>
  <c r="G7042" i="2" a="1"/>
  <c r="G7042" i="2" s="1"/>
  <c r="G7048" i="2" a="1"/>
  <c r="G7048" i="2" s="1"/>
  <c r="AP116" i="1"/>
  <c r="F122" i="5" s="1"/>
  <c r="D2771" i="2" a="1"/>
  <c r="D2771" i="2" s="1"/>
  <c r="AM116" i="1"/>
  <c r="C122" i="5" s="1"/>
  <c r="D2787" i="2" a="1"/>
  <c r="D2787" i="2" s="1"/>
  <c r="D2791" i="2" a="1"/>
  <c r="D2791" i="2" s="1"/>
  <c r="D2783" i="2" a="1"/>
  <c r="D2783" i="2" s="1"/>
  <c r="D2777" i="2" a="1"/>
  <c r="D2777" i="2" s="1"/>
  <c r="D2773" i="2" a="1"/>
  <c r="D2773" i="2" s="1"/>
  <c r="D2781" i="2" a="1"/>
  <c r="D2781" i="2" s="1"/>
  <c r="D2789" i="2" a="1"/>
  <c r="D2789" i="2" s="1"/>
  <c r="D2778" i="2" a="1"/>
  <c r="D2778" i="2" s="1"/>
  <c r="D2335" i="2" a="1"/>
  <c r="D2335" i="2" s="1"/>
  <c r="D2336" i="2" a="1"/>
  <c r="D2336" i="2" s="1"/>
  <c r="D2314" i="2" a="1"/>
  <c r="D2314" i="2" s="1"/>
  <c r="D2327" i="2" a="1"/>
  <c r="D2327" i="2" s="1"/>
  <c r="D2321" i="2" a="1"/>
  <c r="D2321" i="2" s="1"/>
  <c r="D2317" i="2" a="1"/>
  <c r="D2317" i="2" s="1"/>
  <c r="D2324" i="2" a="1"/>
  <c r="D2324" i="2" s="1"/>
  <c r="D2333" i="2" a="1"/>
  <c r="D2333" i="2" s="1"/>
  <c r="D2322" i="2" a="1"/>
  <c r="D2322" i="2" s="1"/>
  <c r="D2315" i="2" a="1"/>
  <c r="D2315" i="2" s="1"/>
  <c r="D2330" i="2" a="1"/>
  <c r="D2330" i="2" s="1"/>
  <c r="D2331" i="2" a="1"/>
  <c r="D2331" i="2" s="1"/>
  <c r="D2337" i="2" a="1"/>
  <c r="D2337" i="2" s="1"/>
  <c r="D2323" i="2" a="1"/>
  <c r="D2323" i="2" s="1"/>
  <c r="H7553" i="2" a="1"/>
  <c r="H7553" i="2" s="1"/>
  <c r="H7566" i="2" a="1"/>
  <c r="H7566" i="2" s="1"/>
  <c r="H7567" i="2" a="1"/>
  <c r="H7567" i="2" s="1"/>
  <c r="H7562" i="2" a="1"/>
  <c r="H7562" i="2" s="1"/>
  <c r="H7561" i="2" a="1"/>
  <c r="H7561" i="2" s="1"/>
  <c r="H7560" i="2" a="1"/>
  <c r="H7560" i="2" s="1"/>
  <c r="H7564" i="2" a="1"/>
  <c r="H7564" i="2" s="1"/>
  <c r="H7557" i="2" a="1"/>
  <c r="H7557" i="2" s="1"/>
  <c r="H7550" i="2" a="1"/>
  <c r="H7550" i="2" s="1"/>
  <c r="H7547" i="2" a="1"/>
  <c r="H7547" i="2" s="1"/>
  <c r="H7565" i="2" a="1"/>
  <c r="H7565" i="2" s="1"/>
  <c r="H7568" i="2" a="1"/>
  <c r="H7568" i="2" s="1"/>
  <c r="H7556" i="2" a="1"/>
  <c r="H7556" i="2" s="1"/>
  <c r="H7549" i="2" a="1"/>
  <c r="H7549" i="2" s="1"/>
  <c r="D4540" i="2" a="1"/>
  <c r="D4540" i="2" s="1"/>
  <c r="D4544" i="2" a="1"/>
  <c r="D4544" i="2" s="1"/>
  <c r="D4524" i="2" a="1"/>
  <c r="D4524" i="2" s="1"/>
  <c r="D4526" i="2" a="1"/>
  <c r="D4526" i="2" s="1"/>
  <c r="D4532" i="2" a="1"/>
  <c r="D4532" i="2" s="1"/>
  <c r="D4537" i="2" a="1"/>
  <c r="D4537" i="2" s="1"/>
  <c r="D4536" i="2" a="1"/>
  <c r="D4536" i="2" s="1"/>
  <c r="D4529" i="2" a="1"/>
  <c r="D4529" i="2" s="1"/>
  <c r="D4527" i="2" a="1"/>
  <c r="D4527" i="2" s="1"/>
  <c r="D4543" i="2" a="1"/>
  <c r="D4543" i="2" s="1"/>
  <c r="D4541" i="2" a="1"/>
  <c r="D4541" i="2" s="1"/>
  <c r="G4668" i="2" a="1"/>
  <c r="G4668" i="2" s="1"/>
  <c r="G4680" i="2" a="1"/>
  <c r="G4680" i="2" s="1"/>
  <c r="G4677" i="2" a="1"/>
  <c r="G4677" i="2" s="1"/>
  <c r="G4688" i="2" a="1"/>
  <c r="G4688" i="2" s="1"/>
  <c r="G4679" i="2" a="1"/>
  <c r="G4679" i="2" s="1"/>
  <c r="G4685" i="2" a="1"/>
  <c r="G4685" i="2" s="1"/>
  <c r="G4689" i="2" a="1"/>
  <c r="G4689" i="2" s="1"/>
  <c r="G4674" i="2" a="1"/>
  <c r="G4674" i="2" s="1"/>
  <c r="G4671" i="2" a="1"/>
  <c r="G4671" i="2" s="1"/>
  <c r="G4672" i="2" a="1"/>
  <c r="G4672" i="2" s="1"/>
  <c r="G4687" i="2" a="1"/>
  <c r="G4687" i="2" s="1"/>
  <c r="D6179" i="2" a="1"/>
  <c r="D6179" i="2" s="1"/>
  <c r="D6185" i="2" a="1"/>
  <c r="D6185" i="2" s="1"/>
  <c r="D6197" i="2" a="1"/>
  <c r="D6197" i="2" s="1"/>
  <c r="D6178" i="2" a="1"/>
  <c r="D6178" i="2" s="1"/>
  <c r="D286" i="2" a="1"/>
  <c r="D286" i="2" s="1"/>
  <c r="D288" i="2" a="1"/>
  <c r="D288" i="2" s="1"/>
  <c r="D279" i="2" a="1"/>
  <c r="D279" i="2" s="1"/>
  <c r="D293" i="2" a="1"/>
  <c r="D293" i="2" s="1"/>
  <c r="D280" i="2" a="1"/>
  <c r="D280" i="2" s="1"/>
  <c r="D275" i="2" a="1"/>
  <c r="D275" i="2" s="1"/>
  <c r="D282" i="2" a="1"/>
  <c r="D282" i="2" s="1"/>
  <c r="D277" i="2" a="1"/>
  <c r="D277" i="2" s="1"/>
  <c r="D274" i="2" a="1"/>
  <c r="D274" i="2" s="1"/>
  <c r="D285" i="2" a="1"/>
  <c r="D285" i="2" s="1"/>
  <c r="F5634" i="2" a="1"/>
  <c r="F5634" i="2" s="1"/>
  <c r="F5637" i="2" a="1"/>
  <c r="F5637" i="2" s="1"/>
  <c r="F5632" i="2" a="1"/>
  <c r="F5632" i="2" s="1"/>
  <c r="F5648" i="2" a="1"/>
  <c r="F5648" i="2" s="1"/>
  <c r="F5629" i="2" a="1"/>
  <c r="F5629" i="2" s="1"/>
  <c r="F5635" i="2" a="1"/>
  <c r="F5635" i="2" s="1"/>
  <c r="F5631" i="2" a="1"/>
  <c r="F5631" i="2" s="1"/>
  <c r="F5628" i="2" a="1"/>
  <c r="F5628" i="2" s="1"/>
  <c r="F5641" i="2" a="1"/>
  <c r="F5641" i="2" s="1"/>
  <c r="F5636" i="2" a="1"/>
  <c r="F5636" i="2" s="1"/>
  <c r="F5630" i="2" a="1"/>
  <c r="F5630" i="2" s="1"/>
  <c r="F5638" i="2" a="1"/>
  <c r="F5638" i="2" s="1"/>
  <c r="F5627" i="2" a="1"/>
  <c r="F5627" i="2" s="1"/>
  <c r="D7615" i="2" a="1"/>
  <c r="D7615" i="2" s="1"/>
  <c r="D7600" i="2" a="1"/>
  <c r="D7600" i="2" s="1"/>
  <c r="D7604" i="2" a="1"/>
  <c r="D7604" i="2" s="1"/>
  <c r="D7611" i="2" a="1"/>
  <c r="D7611" i="2" s="1"/>
  <c r="D7594" i="2" a="1"/>
  <c r="D7594" i="2" s="1"/>
  <c r="D7614" i="2" a="1"/>
  <c r="D7614" i="2" s="1"/>
  <c r="D7599" i="2" a="1"/>
  <c r="D7599" i="2" s="1"/>
  <c r="D7602" i="2" a="1"/>
  <c r="D7602" i="2" s="1"/>
  <c r="D7617" i="2" a="1"/>
  <c r="D7617" i="2" s="1"/>
  <c r="D7612" i="2" a="1"/>
  <c r="D7612" i="2" s="1"/>
  <c r="D7607" i="2" a="1"/>
  <c r="D7607" i="2" s="1"/>
  <c r="D7605" i="2" a="1"/>
  <c r="D7605" i="2" s="1"/>
  <c r="D7596" i="2" a="1"/>
  <c r="D7596" i="2" s="1"/>
  <c r="D7608" i="2" a="1"/>
  <c r="D7608" i="2" s="1"/>
  <c r="D7601" i="2" a="1"/>
  <c r="D7601" i="2" s="1"/>
  <c r="D7609" i="2" a="1"/>
  <c r="D7609" i="2" s="1"/>
  <c r="D7616" i="2" a="1"/>
  <c r="D7616" i="2" s="1"/>
  <c r="D7597" i="2" a="1"/>
  <c r="D7597" i="2" s="1"/>
  <c r="F7602" i="2" a="1"/>
  <c r="F7602" i="2" s="1"/>
  <c r="F7604" i="2" a="1"/>
  <c r="F7604" i="2" s="1"/>
  <c r="F7600" i="2" a="1"/>
  <c r="F7600" i="2" s="1"/>
  <c r="F7614" i="2" a="1"/>
  <c r="F7614" i="2" s="1"/>
  <c r="F7594" i="2" a="1"/>
  <c r="F7594" i="2" s="1"/>
  <c r="F7615" i="2" a="1"/>
  <c r="F7615" i="2" s="1"/>
  <c r="F7612" i="2" a="1"/>
  <c r="F7612" i="2" s="1"/>
  <c r="F7606" i="2" a="1"/>
  <c r="F7606" i="2" s="1"/>
  <c r="F7601" i="2" a="1"/>
  <c r="F7601" i="2" s="1"/>
  <c r="F7597" i="2" a="1"/>
  <c r="F7597" i="2" s="1"/>
  <c r="F7598" i="2" a="1"/>
  <c r="F7598" i="2" s="1"/>
  <c r="F7610" i="2" a="1"/>
  <c r="F7610" i="2" s="1"/>
  <c r="F7616" i="2" a="1"/>
  <c r="F7616" i="2" s="1"/>
  <c r="H2785" i="2" a="1"/>
  <c r="H2785" i="2" s="1"/>
  <c r="H2793" i="2" a="1"/>
  <c r="H2793" i="2" s="1"/>
  <c r="H2771" i="2" a="1"/>
  <c r="H2771" i="2" s="1"/>
  <c r="H2783" i="2" a="1"/>
  <c r="H2783" i="2" s="1"/>
  <c r="H2774" i="2" a="1"/>
  <c r="H2774" i="2" s="1"/>
  <c r="H2786" i="2" a="1"/>
  <c r="H2786" i="2" s="1"/>
  <c r="H2781" i="2" a="1"/>
  <c r="H2781" i="2" s="1"/>
  <c r="H2782" i="2" a="1"/>
  <c r="H2782" i="2" s="1"/>
  <c r="H2787" i="2" a="1"/>
  <c r="H2787" i="2" s="1"/>
  <c r="H2776" i="2" a="1"/>
  <c r="H2776" i="2" s="1"/>
  <c r="H2789" i="2" a="1"/>
  <c r="H2789" i="2" s="1"/>
  <c r="H2772" i="2" a="1"/>
  <c r="H2772" i="2" s="1"/>
  <c r="H2788" i="2" a="1"/>
  <c r="H2788" i="2" s="1"/>
  <c r="D8192" i="2" a="1"/>
  <c r="D8192" i="2" s="1"/>
  <c r="D8171" i="2" a="1"/>
  <c r="D8171" i="2" s="1"/>
  <c r="D8183" i="2" a="1"/>
  <c r="D8183" i="2" s="1"/>
  <c r="D8187" i="2" a="1"/>
  <c r="D8187" i="2" s="1"/>
  <c r="D8191" i="2" a="1"/>
  <c r="D8191" i="2" s="1"/>
  <c r="D8188" i="2" a="1"/>
  <c r="D8188" i="2" s="1"/>
  <c r="D8182" i="2" a="1"/>
  <c r="D8182" i="2" s="1"/>
  <c r="D8173" i="2" a="1"/>
  <c r="D8173" i="2" s="1"/>
  <c r="D8172" i="2" a="1"/>
  <c r="D8172" i="2" s="1"/>
  <c r="D8186" i="2" a="1"/>
  <c r="D8186" i="2" s="1"/>
  <c r="D8184" i="2" a="1"/>
  <c r="D8184" i="2" s="1"/>
  <c r="D8177" i="2" a="1"/>
  <c r="D8177" i="2" s="1"/>
  <c r="D8180" i="2" a="1"/>
  <c r="D8180" i="2" s="1"/>
  <c r="D8179" i="2" a="1"/>
  <c r="D8179" i="2" s="1"/>
  <c r="D8170" i="2" a="1"/>
  <c r="D8170" i="2" s="1"/>
  <c r="D8190" i="2" a="1"/>
  <c r="D8190" i="2" s="1"/>
  <c r="D8176" i="2" a="1"/>
  <c r="D8176" i="2" s="1"/>
  <c r="E2232" i="2" a="1"/>
  <c r="E2232" i="2" s="1"/>
  <c r="E2234" i="2" a="1"/>
  <c r="E2234" i="2" s="1"/>
  <c r="E2221" i="2" a="1"/>
  <c r="E2221" i="2" s="1"/>
  <c r="E2226" i="2" a="1"/>
  <c r="E2226" i="2" s="1"/>
  <c r="E2237" i="2" a="1"/>
  <c r="E2237" i="2" s="1"/>
  <c r="E2227" i="2" a="1"/>
  <c r="E2227" i="2" s="1"/>
  <c r="E2223" i="2" a="1"/>
  <c r="E2223" i="2" s="1"/>
  <c r="E2229" i="2" a="1"/>
  <c r="E2229" i="2" s="1"/>
  <c r="E2225" i="2" a="1"/>
  <c r="E2225" i="2" s="1"/>
  <c r="E2222" i="2" a="1"/>
  <c r="E2222" i="2" s="1"/>
  <c r="E2224" i="2" a="1"/>
  <c r="E2224" i="2" s="1"/>
  <c r="E2218" i="2" a="1"/>
  <c r="E2218" i="2" s="1"/>
  <c r="E2233" i="2" a="1"/>
  <c r="E2233" i="2" s="1"/>
  <c r="E2238" i="2" a="1"/>
  <c r="E2238" i="2" s="1"/>
  <c r="E2220" i="2" a="1"/>
  <c r="E2220" i="2" s="1"/>
  <c r="E2228" i="2" a="1"/>
  <c r="E2228" i="2" s="1"/>
  <c r="E2235" i="2" a="1"/>
  <c r="E2235" i="2" s="1"/>
  <c r="D1947" i="2" a="1"/>
  <c r="D1947" i="2" s="1"/>
  <c r="D1948" i="2" a="1"/>
  <c r="D1948" i="2" s="1"/>
  <c r="D1951" i="2" a="1"/>
  <c r="D1951" i="2" s="1"/>
  <c r="D1933" i="2" a="1"/>
  <c r="D1933" i="2" s="1"/>
  <c r="D1939" i="2" a="1"/>
  <c r="D1939" i="2" s="1"/>
  <c r="D1950" i="2" a="1"/>
  <c r="D1950" i="2" s="1"/>
  <c r="D1941" i="2" a="1"/>
  <c r="D1941" i="2" s="1"/>
  <c r="D1938" i="2" a="1"/>
  <c r="D1938" i="2" s="1"/>
  <c r="D1946" i="2" a="1"/>
  <c r="D1946" i="2" s="1"/>
  <c r="D1943" i="2" a="1"/>
  <c r="D1943" i="2" s="1"/>
  <c r="D1942" i="2" a="1"/>
  <c r="D1942" i="2" s="1"/>
  <c r="D1953" i="2" a="1"/>
  <c r="D1953" i="2" s="1"/>
  <c r="D1936" i="2" a="1"/>
  <c r="D1936" i="2" s="1"/>
  <c r="D1944" i="2" a="1"/>
  <c r="D1944" i="2" s="1"/>
  <c r="D1949" i="2" a="1"/>
  <c r="D1949" i="2" s="1"/>
  <c r="D1930" i="2" a="1"/>
  <c r="D1930" i="2" s="1"/>
  <c r="D1940" i="2" a="1"/>
  <c r="D1940" i="2" s="1"/>
  <c r="D1935" i="2" a="1"/>
  <c r="D1935" i="2" s="1"/>
  <c r="D476" i="2" a="1"/>
  <c r="D476" i="2" s="1"/>
  <c r="D483" i="2" a="1"/>
  <c r="D483" i="2" s="1"/>
  <c r="D484" i="2" a="1"/>
  <c r="D484" i="2" s="1"/>
  <c r="D471" i="2" a="1"/>
  <c r="D471" i="2" s="1"/>
  <c r="D488" i="2" a="1"/>
  <c r="D488" i="2" s="1"/>
  <c r="D480" i="2" a="1"/>
  <c r="D480" i="2" s="1"/>
  <c r="D474" i="2" a="1"/>
  <c r="D474" i="2" s="1"/>
  <c r="D466" i="2" a="1"/>
  <c r="D466" i="2" s="1"/>
  <c r="D467" i="2" a="1"/>
  <c r="D467" i="2" s="1"/>
  <c r="D472" i="2" a="1"/>
  <c r="D472" i="2" s="1"/>
  <c r="D479" i="2" a="1"/>
  <c r="D479" i="2" s="1"/>
  <c r="G6354" i="2" a="1"/>
  <c r="G6354" i="2" s="1"/>
  <c r="G6368" i="2" a="1"/>
  <c r="G6368" i="2" s="1"/>
  <c r="G6356" i="2" a="1"/>
  <c r="G6356" i="2" s="1"/>
  <c r="G6349" i="2" a="1"/>
  <c r="G6349" i="2" s="1"/>
  <c r="G6359" i="2" a="1"/>
  <c r="G6359" i="2" s="1"/>
  <c r="G6357" i="2" a="1"/>
  <c r="G6357" i="2" s="1"/>
  <c r="G6351" i="2" a="1"/>
  <c r="G6351" i="2" s="1"/>
  <c r="G6366" i="2" a="1"/>
  <c r="G6366" i="2" s="1"/>
  <c r="G6360" i="2" a="1"/>
  <c r="G6360" i="2" s="1"/>
  <c r="G6348" i="2" a="1"/>
  <c r="G6348" i="2" s="1"/>
  <c r="G6362" i="2" a="1"/>
  <c r="G6362" i="2" s="1"/>
  <c r="G6365" i="2" a="1"/>
  <c r="G6365" i="2" s="1"/>
  <c r="G6346" i="2" a="1"/>
  <c r="G6346" i="2" s="1"/>
  <c r="G6845" i="2" a="1"/>
  <c r="G6845" i="2" s="1"/>
  <c r="G6831" i="2" a="1"/>
  <c r="G6831" i="2" s="1"/>
  <c r="G6838" i="2" a="1"/>
  <c r="G6838" i="2" s="1"/>
  <c r="G6841" i="2" a="1"/>
  <c r="G6841" i="2" s="1"/>
  <c r="G6837" i="2" a="1"/>
  <c r="G6837" i="2" s="1"/>
  <c r="G6840" i="2" a="1"/>
  <c r="G6840" i="2" s="1"/>
  <c r="G6832" i="2" a="1"/>
  <c r="G6832" i="2" s="1"/>
  <c r="G6848" i="2" a="1"/>
  <c r="G6848" i="2" s="1"/>
  <c r="G6835" i="2" a="1"/>
  <c r="G6835" i="2" s="1"/>
  <c r="G6846" i="2" a="1"/>
  <c r="G6846" i="2" s="1"/>
  <c r="G6849" i="2" a="1"/>
  <c r="G6849" i="2" s="1"/>
  <c r="E7268" i="2" a="1"/>
  <c r="E7268" i="2" s="1"/>
  <c r="E7278" i="2" a="1"/>
  <c r="E7278" i="2" s="1"/>
  <c r="E7265" i="2" a="1"/>
  <c r="E7265" i="2" s="1"/>
  <c r="E7267" i="2" a="1"/>
  <c r="E7267" i="2" s="1"/>
  <c r="E7258" i="2" a="1"/>
  <c r="E7258" i="2" s="1"/>
  <c r="E7274" i="2" a="1"/>
  <c r="E7274" i="2" s="1"/>
  <c r="E7266" i="2" a="1"/>
  <c r="E7266" i="2" s="1"/>
  <c r="E7264" i="2" a="1"/>
  <c r="E7264" i="2" s="1"/>
  <c r="H3753" i="2" a="1"/>
  <c r="H3753" i="2" s="1"/>
  <c r="H3743" i="2" a="1"/>
  <c r="H3743" i="2" s="1"/>
  <c r="H3745" i="2" a="1"/>
  <c r="H3745" i="2" s="1"/>
  <c r="H3749" i="2" a="1"/>
  <c r="H3749" i="2" s="1"/>
  <c r="H3731" i="2" a="1"/>
  <c r="H3731" i="2" s="1"/>
  <c r="H3730" i="2" a="1"/>
  <c r="H3730" i="2" s="1"/>
  <c r="H5435" i="2" a="1"/>
  <c r="H5435" i="2" s="1"/>
  <c r="H5454" i="2" a="1"/>
  <c r="H5454" i="2" s="1"/>
  <c r="H5439" i="2" a="1"/>
  <c r="H5439" i="2" s="1"/>
  <c r="H5456" i="2" a="1"/>
  <c r="H5456" i="2" s="1"/>
  <c r="H5445" i="2" a="1"/>
  <c r="H5445" i="2" s="1"/>
  <c r="H5443" i="2" a="1"/>
  <c r="H5443" i="2" s="1"/>
  <c r="H5446" i="2" a="1"/>
  <c r="H5446" i="2" s="1"/>
  <c r="H5457" i="2" a="1"/>
  <c r="H5457" i="2" s="1"/>
  <c r="H5447" i="2" a="1"/>
  <c r="H5447" i="2" s="1"/>
  <c r="H5450" i="2" a="1"/>
  <c r="H5450" i="2" s="1"/>
  <c r="H5438" i="2" a="1"/>
  <c r="H5438" i="2" s="1"/>
  <c r="H5436" i="2" a="1"/>
  <c r="H5436" i="2" s="1"/>
  <c r="H5449" i="2" a="1"/>
  <c r="H5449" i="2" s="1"/>
  <c r="H5452" i="2" a="1"/>
  <c r="H5452" i="2" s="1"/>
  <c r="D2097" i="2" a="1"/>
  <c r="D2097" i="2" s="1"/>
  <c r="D2095" i="2" a="1"/>
  <c r="D2095" i="2" s="1"/>
  <c r="D2083" i="2" a="1"/>
  <c r="D2083" i="2" s="1"/>
  <c r="D2074" i="2" a="1"/>
  <c r="D2074" i="2" s="1"/>
  <c r="D2088" i="2" a="1"/>
  <c r="D2088" i="2" s="1"/>
  <c r="D2086" i="2" a="1"/>
  <c r="D2086" i="2" s="1"/>
  <c r="D2090" i="2" a="1"/>
  <c r="D2090" i="2" s="1"/>
  <c r="D2078" i="2" a="1"/>
  <c r="D2078" i="2" s="1"/>
  <c r="D2080" i="2" a="1"/>
  <c r="D2080" i="2" s="1"/>
  <c r="D2084" i="2" a="1"/>
  <c r="D2084" i="2" s="1"/>
  <c r="D2092" i="2" a="1"/>
  <c r="D2092" i="2" s="1"/>
  <c r="D2081" i="2" a="1"/>
  <c r="D2081" i="2" s="1"/>
  <c r="D2079" i="2" a="1"/>
  <c r="D2079" i="2" s="1"/>
  <c r="D2096" i="2" a="1"/>
  <c r="D2096" i="2" s="1"/>
  <c r="H6402" i="2" a="1"/>
  <c r="H6402" i="2" s="1"/>
  <c r="H6399" i="2" a="1"/>
  <c r="H6399" i="2" s="1"/>
  <c r="H6401" i="2" a="1"/>
  <c r="H6401" i="2" s="1"/>
  <c r="H6413" i="2" a="1"/>
  <c r="H6413" i="2" s="1"/>
  <c r="H6404" i="2" a="1"/>
  <c r="H6404" i="2" s="1"/>
  <c r="H6417" i="2" a="1"/>
  <c r="H6417" i="2" s="1"/>
  <c r="H6395" i="2" a="1"/>
  <c r="H6395" i="2" s="1"/>
  <c r="H6394" i="2" a="1"/>
  <c r="H6394" i="2" s="1"/>
  <c r="H6396" i="2" a="1"/>
  <c r="H6396" i="2" s="1"/>
  <c r="H6406" i="2" a="1"/>
  <c r="H6406" i="2" s="1"/>
  <c r="D1291" i="2" a="1"/>
  <c r="D1291" i="2" s="1"/>
  <c r="D1299" i="2" a="1"/>
  <c r="D1299" i="2" s="1"/>
  <c r="D1295" i="2" a="1"/>
  <c r="D1295" i="2" s="1"/>
  <c r="D1303" i="2" a="1"/>
  <c r="D1303" i="2" s="1"/>
  <c r="D1282" i="2" a="1"/>
  <c r="D1282" i="2" s="1"/>
  <c r="AN54" i="1"/>
  <c r="D60" i="5" s="1"/>
  <c r="D1302" i="2" a="1"/>
  <c r="D1302" i="2" s="1"/>
  <c r="AO54" i="1"/>
  <c r="E60" i="5" s="1"/>
  <c r="D1300" i="2" a="1"/>
  <c r="D1300" i="2" s="1"/>
  <c r="AP54" i="1"/>
  <c r="F60" i="5" s="1"/>
  <c r="AM54" i="1"/>
  <c r="D1286" i="2" a="1"/>
  <c r="D1286" i="2" s="1"/>
  <c r="D1290" i="2" a="1"/>
  <c r="D1290" i="2" s="1"/>
  <c r="D1293" i="2" a="1"/>
  <c r="D1293" i="2" s="1"/>
  <c r="AQ54" i="1"/>
  <c r="G60" i="5" s="1"/>
  <c r="D1285" i="2" a="1"/>
  <c r="D1285" i="2" s="1"/>
  <c r="D332" i="2" a="1"/>
  <c r="D332" i="2" s="1"/>
  <c r="D342" i="2" a="1"/>
  <c r="D342" i="2" s="1"/>
  <c r="D336" i="2" a="1"/>
  <c r="D336" i="2" s="1"/>
  <c r="D330" i="2" a="1"/>
  <c r="D330" i="2" s="1"/>
  <c r="D324" i="2" a="1"/>
  <c r="D324" i="2" s="1"/>
  <c r="D340" i="2" a="1"/>
  <c r="D340" i="2" s="1"/>
  <c r="D331" i="2" a="1"/>
  <c r="D331" i="2" s="1"/>
  <c r="D344" i="2" a="1"/>
  <c r="D344" i="2" s="1"/>
  <c r="D339" i="2" a="1"/>
  <c r="D339" i="2" s="1"/>
  <c r="D343" i="2" a="1"/>
  <c r="D343" i="2" s="1"/>
  <c r="D335" i="2" a="1"/>
  <c r="D335" i="2" s="1"/>
  <c r="D322" i="2" a="1"/>
  <c r="D322" i="2" s="1"/>
  <c r="D341" i="2" a="1"/>
  <c r="D341" i="2" s="1"/>
  <c r="D325" i="2" a="1"/>
  <c r="D325" i="2" s="1"/>
  <c r="D327" i="2" a="1"/>
  <c r="D327" i="2" s="1"/>
  <c r="D326" i="2" a="1"/>
  <c r="D326" i="2" s="1"/>
  <c r="D338" i="2" a="1"/>
  <c r="D338" i="2" s="1"/>
  <c r="D328" i="2" a="1"/>
  <c r="D328" i="2" s="1"/>
  <c r="D8273" i="2" a="1"/>
  <c r="D8273" i="2" s="1"/>
  <c r="D8277" i="2" a="1"/>
  <c r="D8277" i="2" s="1"/>
  <c r="D8281" i="2" a="1"/>
  <c r="D8281" i="2" s="1"/>
  <c r="D8270" i="2" a="1"/>
  <c r="D8270" i="2" s="1"/>
  <c r="D8289" i="2" a="1"/>
  <c r="D8289" i="2" s="1"/>
  <c r="D8274" i="2" a="1"/>
  <c r="D8274" i="2" s="1"/>
  <c r="D8271" i="2" a="1"/>
  <c r="D8271" i="2" s="1"/>
  <c r="D8275" i="2" a="1"/>
  <c r="D8275" i="2" s="1"/>
  <c r="D8283" i="2" a="1"/>
  <c r="D8283" i="2" s="1"/>
  <c r="D8267" i="2" a="1"/>
  <c r="D8267" i="2" s="1"/>
  <c r="D8286" i="2" a="1"/>
  <c r="D8286" i="2" s="1"/>
  <c r="E4245" i="2" a="1"/>
  <c r="E4245" i="2" s="1"/>
  <c r="E4255" i="2" a="1"/>
  <c r="E4255" i="2" s="1"/>
  <c r="E4251" i="2" a="1"/>
  <c r="E4251" i="2" s="1"/>
  <c r="E4253" i="2" a="1"/>
  <c r="E4253" i="2" s="1"/>
  <c r="E4257" i="2" a="1"/>
  <c r="E4257" i="2" s="1"/>
  <c r="E4240" i="2" a="1"/>
  <c r="E4240" i="2" s="1"/>
  <c r="E4235" i="2" a="1"/>
  <c r="E4235" i="2" s="1"/>
  <c r="E4252" i="2" a="1"/>
  <c r="E4252" i="2" s="1"/>
  <c r="E4250" i="2" a="1"/>
  <c r="E4250" i="2" s="1"/>
  <c r="E4249" i="2" a="1"/>
  <c r="E4249" i="2" s="1"/>
  <c r="E4248" i="2" a="1"/>
  <c r="E4248" i="2" s="1"/>
  <c r="E4242" i="2" a="1"/>
  <c r="E4242" i="2" s="1"/>
  <c r="F3328" i="2" a="1"/>
  <c r="F3328" i="2" s="1"/>
  <c r="F3334" i="2" a="1"/>
  <c r="F3334" i="2" s="1"/>
  <c r="F3345" i="2" a="1"/>
  <c r="F3345" i="2" s="1"/>
  <c r="F3326" i="2" a="1"/>
  <c r="F3326" i="2" s="1"/>
  <c r="F3336" i="2" a="1"/>
  <c r="F3336" i="2" s="1"/>
  <c r="F3324" i="2" a="1"/>
  <c r="F3324" i="2" s="1"/>
  <c r="F3342" i="2" a="1"/>
  <c r="F3342" i="2" s="1"/>
  <c r="F3323" i="2" a="1"/>
  <c r="F3323" i="2" s="1"/>
  <c r="F3331" i="2" a="1"/>
  <c r="F3331" i="2" s="1"/>
  <c r="F3343" i="2" a="1"/>
  <c r="F3343" i="2" s="1"/>
  <c r="F3327" i="2" a="1"/>
  <c r="F3327" i="2" s="1"/>
  <c r="G7869" i="2" a="1"/>
  <c r="G7869" i="2" s="1"/>
  <c r="G7866" i="2" a="1"/>
  <c r="G7866" i="2" s="1"/>
  <c r="G7877" i="2" a="1"/>
  <c r="G7877" i="2" s="1"/>
  <c r="G7861" i="2" a="1"/>
  <c r="G7861" i="2" s="1"/>
  <c r="G7876" i="2" a="1"/>
  <c r="G7876" i="2" s="1"/>
  <c r="G7875" i="2" a="1"/>
  <c r="G7875" i="2" s="1"/>
  <c r="G7862" i="2" a="1"/>
  <c r="G7862" i="2" s="1"/>
  <c r="G7860" i="2" a="1"/>
  <c r="G7860" i="2" s="1"/>
  <c r="G7873" i="2" a="1"/>
  <c r="G7873" i="2" s="1"/>
  <c r="G7874" i="2" a="1"/>
  <c r="G7874" i="2" s="1"/>
  <c r="G7868" i="2" a="1"/>
  <c r="G7868" i="2" s="1"/>
  <c r="G7867" i="2" a="1"/>
  <c r="G7867" i="2" s="1"/>
  <c r="G7864" i="2" a="1"/>
  <c r="G7864" i="2" s="1"/>
  <c r="G7858" i="2" a="1"/>
  <c r="G7858" i="2" s="1"/>
  <c r="G7880" i="2" a="1"/>
  <c r="G7880" i="2" s="1"/>
  <c r="E5665" i="2" a="1"/>
  <c r="E5665" i="2" s="1"/>
  <c r="E5669" i="2" a="1"/>
  <c r="E5669" i="2" s="1"/>
  <c r="E5672" i="2" a="1"/>
  <c r="E5672" i="2" s="1"/>
  <c r="E5654" i="2" a="1"/>
  <c r="E5654" i="2" s="1"/>
  <c r="E5661" i="2" a="1"/>
  <c r="E5661" i="2" s="1"/>
  <c r="E5673" i="2" a="1"/>
  <c r="E5673" i="2" s="1"/>
  <c r="E5662" i="2" a="1"/>
  <c r="E5662" i="2" s="1"/>
  <c r="E5663" i="2" a="1"/>
  <c r="E5663" i="2" s="1"/>
  <c r="E5666" i="2" a="1"/>
  <c r="E5666" i="2" s="1"/>
  <c r="E5657" i="2" a="1"/>
  <c r="E5657" i="2" s="1"/>
  <c r="E5658" i="2" a="1"/>
  <c r="E5658" i="2" s="1"/>
  <c r="E5668" i="2" a="1"/>
  <c r="E5668" i="2" s="1"/>
  <c r="E5664" i="2" a="1"/>
  <c r="E5664" i="2" s="1"/>
  <c r="E5670" i="2" a="1"/>
  <c r="E5670" i="2" s="1"/>
  <c r="E5650" i="2" a="1"/>
  <c r="E5650" i="2" s="1"/>
  <c r="D3252" i="2" a="1"/>
  <c r="D3252" i="2" s="1"/>
  <c r="F5517" i="2" a="1"/>
  <c r="F5517" i="2" s="1"/>
  <c r="H4082" i="2" a="1"/>
  <c r="H4082" i="2" s="1"/>
  <c r="H4072" i="2" a="1"/>
  <c r="H4072" i="2" s="1"/>
  <c r="H4075" i="2" a="1"/>
  <c r="H4075" i="2" s="1"/>
  <c r="H4089" i="2" a="1"/>
  <c r="H4089" i="2" s="1"/>
  <c r="D8410" i="2" a="1"/>
  <c r="D8410" i="2" s="1"/>
  <c r="F5100" i="2" a="1"/>
  <c r="F5100" i="2" s="1"/>
  <c r="F5524" i="2" a="1"/>
  <c r="F5524" i="2" s="1"/>
  <c r="D3253" i="2" a="1"/>
  <c r="D3253" i="2" s="1"/>
  <c r="G7801" i="2" a="1"/>
  <c r="G7801" i="2" s="1"/>
  <c r="E4469" i="2" a="1"/>
  <c r="E4469" i="2" s="1"/>
  <c r="F3729" i="2" a="1"/>
  <c r="F3729" i="2" s="1"/>
  <c r="F3426" i="2" a="1"/>
  <c r="F3426" i="2" s="1"/>
  <c r="E1055" i="2" a="1"/>
  <c r="E1055" i="2" s="1"/>
  <c r="H4676" i="2" a="1"/>
  <c r="H4676" i="2" s="1"/>
  <c r="F7578" i="2" a="1"/>
  <c r="F7578" i="2" s="1"/>
  <c r="D665" i="2" a="1"/>
  <c r="D665" i="2" s="1"/>
  <c r="F3987" i="2" a="1"/>
  <c r="F3987" i="2" s="1"/>
  <c r="F741" i="2" a="1"/>
  <c r="F741" i="2" s="1"/>
  <c r="E2348" i="2" a="1"/>
  <c r="E2348" i="2" s="1"/>
  <c r="H1097" i="2" a="1"/>
  <c r="H1097" i="2" s="1"/>
  <c r="H7905" i="2" a="1"/>
  <c r="H7905" i="2" s="1"/>
  <c r="F8056" i="2" a="1"/>
  <c r="F8056" i="2" s="1"/>
  <c r="G8392" i="2" a="1"/>
  <c r="G8392" i="2" s="1"/>
  <c r="G4657" i="2" a="1"/>
  <c r="G4657" i="2" s="1"/>
  <c r="E3136" i="2" a="1"/>
  <c r="E3136" i="2" s="1"/>
  <c r="E3148" i="2" a="1"/>
  <c r="E3148" i="2" s="1"/>
  <c r="F4695" i="2" a="1"/>
  <c r="F4695" i="2" s="1"/>
  <c r="F4704" i="2" a="1"/>
  <c r="F4704" i="2" s="1"/>
  <c r="F4701" i="2" a="1"/>
  <c r="F4701" i="2" s="1"/>
  <c r="F4702" i="2" a="1"/>
  <c r="F4702" i="2" s="1"/>
  <c r="F4711" i="2" a="1"/>
  <c r="F4711" i="2" s="1"/>
  <c r="D6015" i="2" a="1"/>
  <c r="D6015" i="2" s="1"/>
  <c r="D6033" i="2" a="1"/>
  <c r="D6033" i="2" s="1"/>
  <c r="D6017" i="2" a="1"/>
  <c r="D6017" i="2" s="1"/>
  <c r="F2603" i="2" a="1"/>
  <c r="F2603" i="2" s="1"/>
  <c r="F2605" i="2" a="1"/>
  <c r="F2605" i="2" s="1"/>
  <c r="H3716" i="2" a="1"/>
  <c r="H3716" i="2" s="1"/>
  <c r="H3723" i="2" a="1"/>
  <c r="H3723" i="2" s="1"/>
  <c r="H3710" i="2" a="1"/>
  <c r="H3710" i="2" s="1"/>
  <c r="H3713" i="2" a="1"/>
  <c r="H3713" i="2" s="1"/>
  <c r="H3711" i="2" a="1"/>
  <c r="H3711" i="2" s="1"/>
  <c r="D6001" i="2" a="1"/>
  <c r="D6001" i="2" s="1"/>
  <c r="AQ249" i="1"/>
  <c r="G255" i="5" s="1"/>
  <c r="AN249" i="1"/>
  <c r="D255" i="5" s="1"/>
  <c r="G6194" i="2" a="1"/>
  <c r="G6194" i="2" s="1"/>
  <c r="F5512" i="2" a="1"/>
  <c r="F5512" i="2" s="1"/>
  <c r="D1219" i="2" a="1"/>
  <c r="D1219" i="2" s="1"/>
  <c r="D1222" i="2" a="1"/>
  <c r="D1222" i="2" s="1"/>
  <c r="H1483" i="2" a="1"/>
  <c r="H1483" i="2" s="1"/>
  <c r="H1475" i="2" a="1"/>
  <c r="H1475" i="2" s="1"/>
  <c r="D3484" i="2" a="1"/>
  <c r="D3484" i="2" s="1"/>
  <c r="D3488" i="2" a="1"/>
  <c r="D3488" i="2" s="1"/>
  <c r="D3483" i="2" a="1"/>
  <c r="D3483" i="2" s="1"/>
  <c r="E2937" i="2" a="1"/>
  <c r="E2937" i="2" s="1"/>
  <c r="E2931" i="2" a="1"/>
  <c r="E2931" i="2" s="1"/>
  <c r="D3269" i="2" a="1"/>
  <c r="D3269" i="2" s="1"/>
  <c r="D8417" i="2" a="1"/>
  <c r="D8417" i="2" s="1"/>
  <c r="F3722" i="2" a="1"/>
  <c r="F3722" i="2" s="1"/>
  <c r="F5115" i="2" a="1"/>
  <c r="F5115" i="2" s="1"/>
  <c r="AM45" i="1"/>
  <c r="E4470" i="2" a="1"/>
  <c r="E4470" i="2" s="1"/>
  <c r="F1062" i="2" a="1"/>
  <c r="F1062" i="2" s="1"/>
  <c r="G6967" i="2" a="1"/>
  <c r="G6967" i="2" s="1"/>
  <c r="G6947" i="2" a="1"/>
  <c r="G6947" i="2" s="1"/>
  <c r="D6365" i="2" a="1"/>
  <c r="D6365" i="2" s="1"/>
  <c r="D6361" i="2" a="1"/>
  <c r="D6361" i="2" s="1"/>
  <c r="H3190" i="2" a="1"/>
  <c r="H3190" i="2" s="1"/>
  <c r="H3188" i="2" a="1"/>
  <c r="H3188" i="2" s="1"/>
  <c r="H3184" i="2" a="1"/>
  <c r="H3184" i="2" s="1"/>
  <c r="D4817" i="2" a="1"/>
  <c r="D4817" i="2" s="1"/>
  <c r="D4812" i="2" a="1"/>
  <c r="D4812" i="2" s="1"/>
  <c r="D4810" i="2" a="1"/>
  <c r="D4810" i="2" s="1"/>
  <c r="D4818" i="2" a="1"/>
  <c r="D4818" i="2" s="1"/>
  <c r="D4815" i="2" a="1"/>
  <c r="D4815" i="2" s="1"/>
  <c r="D4823" i="2" a="1"/>
  <c r="D4823" i="2" s="1"/>
  <c r="D4814" i="2" a="1"/>
  <c r="D4814" i="2" s="1"/>
  <c r="H287" i="2" a="1"/>
  <c r="H287" i="2" s="1"/>
  <c r="H279" i="2" a="1"/>
  <c r="H279" i="2" s="1"/>
  <c r="H296" i="2" a="1"/>
  <c r="H296" i="2" s="1"/>
  <c r="H295" i="2" a="1"/>
  <c r="H295" i="2" s="1"/>
  <c r="H280" i="2" a="1"/>
  <c r="H280" i="2" s="1"/>
  <c r="H292" i="2" a="1"/>
  <c r="H292" i="2" s="1"/>
  <c r="H284" i="2" a="1"/>
  <c r="H284" i="2" s="1"/>
  <c r="H285" i="2" a="1"/>
  <c r="H285" i="2" s="1"/>
  <c r="H276" i="2" a="1"/>
  <c r="H276" i="2" s="1"/>
  <c r="G4583" i="2" a="1"/>
  <c r="G4583" i="2" s="1"/>
  <c r="G4585" i="2" a="1"/>
  <c r="G4585" i="2" s="1"/>
  <c r="G4574" i="2" a="1"/>
  <c r="G4574" i="2" s="1"/>
  <c r="G4590" i="2" a="1"/>
  <c r="G4590" i="2" s="1"/>
  <c r="G4582" i="2" a="1"/>
  <c r="G4582" i="2" s="1"/>
  <c r="G4593" i="2" a="1"/>
  <c r="G4593" i="2" s="1"/>
  <c r="G4573" i="2" a="1"/>
  <c r="G4573" i="2" s="1"/>
  <c r="G4571" i="2" a="1"/>
  <c r="G4571" i="2" s="1"/>
  <c r="G4584" i="2" a="1"/>
  <c r="G4584" i="2" s="1"/>
  <c r="H2330" i="2" a="1"/>
  <c r="H2330" i="2" s="1"/>
  <c r="H2327" i="2" a="1"/>
  <c r="H2327" i="2" s="1"/>
  <c r="H2328" i="2" a="1"/>
  <c r="H2328" i="2" s="1"/>
  <c r="H2326" i="2" a="1"/>
  <c r="H2326" i="2" s="1"/>
  <c r="H2333" i="2" a="1"/>
  <c r="H2333" i="2" s="1"/>
  <c r="H2335" i="2" a="1"/>
  <c r="H2335" i="2" s="1"/>
  <c r="H2334" i="2" a="1"/>
  <c r="H2334" i="2" s="1"/>
  <c r="H2314" i="2" a="1"/>
  <c r="H2314" i="2" s="1"/>
  <c r="H2332" i="2" a="1"/>
  <c r="H2332" i="2" s="1"/>
  <c r="D3951" i="2" a="1"/>
  <c r="D3951" i="2" s="1"/>
  <c r="D3955" i="2" a="1"/>
  <c r="D3955" i="2" s="1"/>
  <c r="D3959" i="2" a="1"/>
  <c r="D3959" i="2" s="1"/>
  <c r="D3967" i="2" a="1"/>
  <c r="D3967" i="2" s="1"/>
  <c r="D3956" i="2" a="1"/>
  <c r="D3956" i="2" s="1"/>
  <c r="D3954" i="2" a="1"/>
  <c r="D3954" i="2" s="1"/>
  <c r="D5667" i="2" a="1"/>
  <c r="D5667" i="2" s="1"/>
  <c r="D5671" i="2" a="1"/>
  <c r="D5671" i="2" s="1"/>
  <c r="E1230" i="2" a="1"/>
  <c r="E1230" i="2" s="1"/>
  <c r="E1216" i="2" a="1"/>
  <c r="E1216" i="2" s="1"/>
  <c r="E1221" i="2" a="1"/>
  <c r="E1221" i="2" s="1"/>
  <c r="H7758" i="2" a="1"/>
  <c r="H7758" i="2" s="1"/>
  <c r="H7749" i="2" a="1"/>
  <c r="H7749" i="2" s="1"/>
  <c r="H7745" i="2" a="1"/>
  <c r="H7745" i="2" s="1"/>
  <c r="D3644" i="2" a="1"/>
  <c r="D3644" i="2" s="1"/>
  <c r="D3638" i="2" a="1"/>
  <c r="D3638" i="2" s="1"/>
  <c r="D5264" i="2" a="1"/>
  <c r="D5264" i="2" s="1"/>
  <c r="D5248" i="2" a="1"/>
  <c r="D5248" i="2" s="1"/>
  <c r="D5404" i="2" a="1"/>
  <c r="D5404" i="2" s="1"/>
  <c r="D5403" i="2" a="1"/>
  <c r="D5403" i="2" s="1"/>
  <c r="D5397" i="2" a="1"/>
  <c r="D5397" i="2" s="1"/>
  <c r="D5387" i="2" a="1"/>
  <c r="D5387" i="2" s="1"/>
  <c r="D5409" i="2" a="1"/>
  <c r="D5409" i="2" s="1"/>
  <c r="D5395" i="2" a="1"/>
  <c r="D5395" i="2" s="1"/>
  <c r="D5399" i="2" a="1"/>
  <c r="D5399" i="2" s="1"/>
  <c r="D5407" i="2" a="1"/>
  <c r="D5407" i="2" s="1"/>
  <c r="D5408" i="2" a="1"/>
  <c r="D5408" i="2" s="1"/>
  <c r="D5405" i="2" a="1"/>
  <c r="D5405" i="2" s="1"/>
  <c r="D5392" i="2" a="1"/>
  <c r="D5392" i="2" s="1"/>
  <c r="F6213" i="2" a="1"/>
  <c r="F6213" i="2" s="1"/>
  <c r="F6202" i="2" a="1"/>
  <c r="F6202" i="2" s="1"/>
  <c r="F6224" i="2" a="1"/>
  <c r="F6224" i="2" s="1"/>
  <c r="F6214" i="2" a="1"/>
  <c r="F6214" i="2" s="1"/>
  <c r="F6215" i="2" a="1"/>
  <c r="F6215" i="2" s="1"/>
  <c r="F6221" i="2" a="1"/>
  <c r="F6221" i="2" s="1"/>
  <c r="F6209" i="2" a="1"/>
  <c r="F6209" i="2" s="1"/>
  <c r="F6203" i="2" a="1"/>
  <c r="F6203" i="2" s="1"/>
  <c r="F6204" i="2" a="1"/>
  <c r="F6204" i="2" s="1"/>
  <c r="F6207" i="2" a="1"/>
  <c r="F6207" i="2" s="1"/>
  <c r="F6218" i="2" a="1"/>
  <c r="F6218" i="2" s="1"/>
  <c r="F1684" i="2" a="1"/>
  <c r="F1684" i="2" s="1"/>
  <c r="F1672" i="2" a="1"/>
  <c r="F1672" i="2" s="1"/>
  <c r="F1682" i="2" a="1"/>
  <c r="F1682" i="2" s="1"/>
  <c r="F1671" i="2" a="1"/>
  <c r="F1671" i="2" s="1"/>
  <c r="F1678" i="2" a="1"/>
  <c r="F1678" i="2" s="1"/>
  <c r="F1679" i="2" a="1"/>
  <c r="F1679" i="2" s="1"/>
  <c r="F1680" i="2" a="1"/>
  <c r="F1680" i="2" s="1"/>
  <c r="F1681" i="2" a="1"/>
  <c r="F1681" i="2" s="1"/>
  <c r="D6106" i="2" a="1"/>
  <c r="D6106" i="2" s="1"/>
  <c r="D6114" i="2" a="1"/>
  <c r="D6114" i="2" s="1"/>
  <c r="D6122" i="2" a="1"/>
  <c r="D6122" i="2" s="1"/>
  <c r="D6126" i="2" a="1"/>
  <c r="D6126" i="2" s="1"/>
  <c r="D6117" i="2" a="1"/>
  <c r="D6117" i="2" s="1"/>
  <c r="D2401" i="2" a="1"/>
  <c r="D2401" i="2" s="1"/>
  <c r="D2393" i="2" a="1"/>
  <c r="D2393" i="2" s="1"/>
  <c r="D2397" i="2" a="1"/>
  <c r="D2397" i="2" s="1"/>
  <c r="D2405" i="2" a="1"/>
  <c r="D2405" i="2" s="1"/>
  <c r="D2395" i="2" a="1"/>
  <c r="D2395" i="2" s="1"/>
  <c r="D2392" i="2" a="1"/>
  <c r="D2392" i="2" s="1"/>
  <c r="D2394" i="2" a="1"/>
  <c r="D2394" i="2" s="1"/>
  <c r="E3504" i="2" a="1"/>
  <c r="E3504" i="2" s="1"/>
  <c r="E3493" i="2" a="1"/>
  <c r="E3493" i="2" s="1"/>
  <c r="E3496" i="2" a="1"/>
  <c r="E3496" i="2" s="1"/>
  <c r="E3499" i="2" a="1"/>
  <c r="E3499" i="2" s="1"/>
  <c r="E3508" i="2" a="1"/>
  <c r="E3508" i="2" s="1"/>
  <c r="E3501" i="2" a="1"/>
  <c r="E3501" i="2" s="1"/>
  <c r="E3495" i="2" a="1"/>
  <c r="E3495" i="2" s="1"/>
  <c r="E3511" i="2" a="1"/>
  <c r="E3511" i="2" s="1"/>
  <c r="E3119" i="2" a="1"/>
  <c r="E3119" i="2" s="1"/>
  <c r="E3110" i="2" a="1"/>
  <c r="E3110" i="2" s="1"/>
  <c r="E3116" i="2" a="1"/>
  <c r="E3116" i="2" s="1"/>
  <c r="E3111" i="2" a="1"/>
  <c r="E3111" i="2" s="1"/>
  <c r="E3128" i="2" a="1"/>
  <c r="E3128" i="2" s="1"/>
  <c r="E3123" i="2" a="1"/>
  <c r="E3123" i="2" s="1"/>
  <c r="E3117" i="2" a="1"/>
  <c r="E3117" i="2" s="1"/>
  <c r="E3115" i="2" a="1"/>
  <c r="E3115" i="2" s="1"/>
  <c r="G6613" i="2" a="1"/>
  <c r="G6613" i="2" s="1"/>
  <c r="G6622" i="2" a="1"/>
  <c r="G6622" i="2" s="1"/>
  <c r="G6629" i="2" a="1"/>
  <c r="G6629" i="2" s="1"/>
  <c r="G6625" i="2" a="1"/>
  <c r="G6625" i="2" s="1"/>
  <c r="G6626" i="2" a="1"/>
  <c r="G6626" i="2" s="1"/>
  <c r="G6612" i="2" a="1"/>
  <c r="G6612" i="2" s="1"/>
  <c r="D8079" i="2" a="1"/>
  <c r="D8079" i="2" s="1"/>
  <c r="D8094" i="2" a="1"/>
  <c r="D8094" i="2" s="1"/>
  <c r="D8086" i="2" a="1"/>
  <c r="D8086" i="2" s="1"/>
  <c r="D8078" i="2" a="1"/>
  <c r="D8078" i="2" s="1"/>
  <c r="D8081" i="2" a="1"/>
  <c r="D8081" i="2" s="1"/>
  <c r="D8095" i="2" a="1"/>
  <c r="D8095" i="2" s="1"/>
  <c r="D8076" i="2" a="1"/>
  <c r="D8076" i="2" s="1"/>
  <c r="D8089" i="2" a="1"/>
  <c r="D8089" i="2" s="1"/>
  <c r="D8093" i="2" a="1"/>
  <c r="D8093" i="2" s="1"/>
  <c r="F5117" i="2" a="1"/>
  <c r="F5117" i="2" s="1"/>
  <c r="E4455" i="2" a="1"/>
  <c r="E4455" i="2" s="1"/>
  <c r="D3265" i="2" a="1"/>
  <c r="D3265" i="2" s="1"/>
  <c r="F5514" i="2" a="1"/>
  <c r="F5514" i="2" s="1"/>
  <c r="D3254" i="2" a="1"/>
  <c r="D3254" i="2" s="1"/>
  <c r="H2856" i="2" a="1"/>
  <c r="H2856" i="2" s="1"/>
  <c r="H307" i="2" a="1"/>
  <c r="H307" i="2" s="1"/>
  <c r="H2628" i="2" a="1"/>
  <c r="H2628" i="2" s="1"/>
  <c r="E4454" i="2" a="1"/>
  <c r="E4454" i="2" s="1"/>
  <c r="F4317" i="2" a="1"/>
  <c r="F4317" i="2" s="1"/>
  <c r="F4315" i="2" a="1"/>
  <c r="F4315" i="2" s="1"/>
  <c r="F4322" i="2" a="1"/>
  <c r="F4322" i="2" s="1"/>
  <c r="D1198" i="2" a="1"/>
  <c r="D1198" i="2" s="1"/>
  <c r="D2876" i="2" a="1"/>
  <c r="D2876" i="2" s="1"/>
  <c r="D5997" i="2" a="1"/>
  <c r="D5997" i="2" s="1"/>
  <c r="H2636" i="2" a="1"/>
  <c r="H2636" i="2" s="1"/>
  <c r="F1052" i="2" a="1"/>
  <c r="F1052" i="2" s="1"/>
  <c r="G4530" i="2" a="1"/>
  <c r="G4530" i="2" s="1"/>
  <c r="E4462" i="2" a="1"/>
  <c r="E4462" i="2" s="1"/>
  <c r="D1029" i="2" a="1"/>
  <c r="D1029" i="2" s="1"/>
  <c r="E8091" i="2" a="1"/>
  <c r="E8091" i="2" s="1"/>
  <c r="E713" i="2" a="1"/>
  <c r="E713" i="2" s="1"/>
  <c r="F7127" i="2" a="1"/>
  <c r="F7127" i="2" s="1"/>
  <c r="E4915" i="2" a="1"/>
  <c r="E4915" i="2" s="1"/>
  <c r="F761" i="2" a="1"/>
  <c r="F761" i="2" s="1"/>
  <c r="E1058" i="2" a="1"/>
  <c r="E1058" i="2" s="1"/>
  <c r="D5658" i="2" a="1"/>
  <c r="D5658" i="2" s="1"/>
  <c r="F4771" i="2" a="1"/>
  <c r="F4771" i="2" s="1"/>
  <c r="G2634" i="2" a="1"/>
  <c r="G2634" i="2" s="1"/>
  <c r="F5867" i="2" a="1"/>
  <c r="F5867" i="2" s="1"/>
  <c r="H7217" i="2" a="1"/>
  <c r="H7217" i="2" s="1"/>
  <c r="D3966" i="2" a="1"/>
  <c r="D3966" i="2" s="1"/>
  <c r="E2779" i="2" a="1"/>
  <c r="E2779" i="2" s="1"/>
  <c r="E4298" i="2" a="1"/>
  <c r="E4298" i="2" s="1"/>
  <c r="G4577" i="2" a="1"/>
  <c r="G4577" i="2" s="1"/>
  <c r="G1450" i="2" a="1"/>
  <c r="G1450" i="2" s="1"/>
  <c r="D2770" i="2" a="1"/>
  <c r="D2770" i="2" s="1"/>
  <c r="H305" i="2" a="1"/>
  <c r="H305" i="2" s="1"/>
  <c r="H2707" i="2" a="1"/>
  <c r="H2707" i="2" s="1"/>
  <c r="D4539" i="2" a="1"/>
  <c r="D4539" i="2" s="1"/>
  <c r="D7661" i="2" a="1"/>
  <c r="D7661" i="2" s="1"/>
  <c r="G7050" i="2" a="1"/>
  <c r="G7050" i="2" s="1"/>
  <c r="G5341" i="2" a="1"/>
  <c r="G5341" i="2" s="1"/>
  <c r="D4777" i="2" a="1"/>
  <c r="D4777" i="2" s="1"/>
  <c r="F5642" i="2" a="1"/>
  <c r="F5642" i="2" s="1"/>
  <c r="H2777" i="2" a="1"/>
  <c r="H2777" i="2" s="1"/>
  <c r="H4954" i="2" a="1"/>
  <c r="H4954" i="2" s="1"/>
  <c r="F3973" i="2" a="1"/>
  <c r="F3973" i="2" s="1"/>
  <c r="H2694" i="2" a="1"/>
  <c r="H2694" i="2" s="1"/>
  <c r="F6241" i="2" a="1"/>
  <c r="F6241" i="2" s="1"/>
  <c r="H1101" i="2" a="1"/>
  <c r="H1101" i="2" s="1"/>
  <c r="H7546" i="2" a="1"/>
  <c r="H7546" i="2" s="1"/>
  <c r="H7899" i="2" a="1"/>
  <c r="H7899" i="2" s="1"/>
  <c r="F8057" i="2" a="1"/>
  <c r="F8057" i="2" s="1"/>
  <c r="H7310" i="2" a="1"/>
  <c r="H7310" i="2" s="1"/>
  <c r="E3290" i="2" a="1"/>
  <c r="E3290" i="2" s="1"/>
  <c r="G8405" i="2" a="1"/>
  <c r="G8405" i="2" s="1"/>
  <c r="F2569" i="2" a="1"/>
  <c r="F2569" i="2" s="1"/>
  <c r="H5420" i="2" a="1"/>
  <c r="H5420" i="2" s="1"/>
  <c r="D7536" i="2" a="1"/>
  <c r="D7536" i="2" s="1"/>
  <c r="D1934" i="2" a="1"/>
  <c r="D1934" i="2" s="1"/>
  <c r="D2325" i="2" a="1"/>
  <c r="D2325" i="2" s="1"/>
  <c r="D323" i="2" a="1"/>
  <c r="D323" i="2" s="1"/>
  <c r="H1514" i="2" a="1"/>
  <c r="H1514" i="2" s="1"/>
  <c r="D297" i="2" a="1"/>
  <c r="D297" i="2" s="1"/>
  <c r="G948" i="2" a="1"/>
  <c r="G948" i="2" s="1"/>
  <c r="E3071" i="2" a="1"/>
  <c r="E3071" i="2" s="1"/>
  <c r="D8416" i="2" a="1"/>
  <c r="D8416" i="2" s="1"/>
  <c r="F3710" i="2" a="1"/>
  <c r="F3710" i="2" s="1"/>
  <c r="D8419" i="2" a="1"/>
  <c r="D8419" i="2" s="1"/>
  <c r="F5520" i="2" a="1"/>
  <c r="F5520" i="2" s="1"/>
  <c r="AP45" i="1"/>
  <c r="F51" i="5" s="1"/>
  <c r="E4461" i="2" a="1"/>
  <c r="E4461" i="2" s="1"/>
  <c r="E1043" i="2" a="1"/>
  <c r="E1043" i="2" s="1"/>
  <c r="E4472" i="2" a="1"/>
  <c r="E4472" i="2" s="1"/>
  <c r="D2886" i="2" a="1"/>
  <c r="D2886" i="2" s="1"/>
  <c r="E1046" i="2" a="1"/>
  <c r="E1046" i="2" s="1"/>
  <c r="D2873" i="2" a="1"/>
  <c r="D2873" i="2" s="1"/>
  <c r="F1043" i="2" a="1"/>
  <c r="F1043" i="2" s="1"/>
  <c r="F5886" i="2" a="1"/>
  <c r="F5886" i="2" s="1"/>
  <c r="H300" i="2" a="1"/>
  <c r="H300" i="2" s="1"/>
  <c r="H1105" i="2" a="1"/>
  <c r="H1105" i="2" s="1"/>
  <c r="E3283" i="2" a="1"/>
  <c r="E3283" i="2" s="1"/>
  <c r="E1835" i="2" a="1"/>
  <c r="E1835" i="2" s="1"/>
  <c r="E1855" i="2" a="1"/>
  <c r="E1855" i="2" s="1"/>
  <c r="G4339" i="2" a="1"/>
  <c r="G4339" i="2" s="1"/>
  <c r="G4331" i="2" a="1"/>
  <c r="G4331" i="2" s="1"/>
  <c r="G4341" i="2" a="1"/>
  <c r="G4341" i="2" s="1"/>
  <c r="E6282" i="2" a="1"/>
  <c r="E6282" i="2" s="1"/>
  <c r="E6294" i="2" a="1"/>
  <c r="E6294" i="2" s="1"/>
  <c r="H2038" i="2" a="1"/>
  <c r="H2038" i="2" s="1"/>
  <c r="H2033" i="2" a="1"/>
  <c r="H2033" i="2" s="1"/>
  <c r="H2037" i="2" a="1"/>
  <c r="H2037" i="2" s="1"/>
  <c r="H2044" i="2" a="1"/>
  <c r="H2044" i="2" s="1"/>
  <c r="H2046" i="2" a="1"/>
  <c r="H2046" i="2" s="1"/>
  <c r="H2026" i="2" a="1"/>
  <c r="H2026" i="2" s="1"/>
  <c r="D5087" i="2" a="1"/>
  <c r="D5087" i="2" s="1"/>
  <c r="D5090" i="2" a="1"/>
  <c r="D5090" i="2" s="1"/>
  <c r="D5094" i="2" a="1"/>
  <c r="D5094" i="2" s="1"/>
  <c r="D5075" i="2" a="1"/>
  <c r="D5075" i="2" s="1"/>
  <c r="D5078" i="2" a="1"/>
  <c r="D5078" i="2" s="1"/>
  <c r="D5074" i="2" a="1"/>
  <c r="D5074" i="2" s="1"/>
  <c r="F7488" i="2" a="1"/>
  <c r="F7488" i="2" s="1"/>
  <c r="F7489" i="2" a="1"/>
  <c r="F7489" i="2" s="1"/>
  <c r="F7494" i="2" a="1"/>
  <c r="F7494" i="2" s="1"/>
  <c r="G7157" i="2" a="1"/>
  <c r="G7157" i="2" s="1"/>
  <c r="G7138" i="2" a="1"/>
  <c r="G7138" i="2" s="1"/>
  <c r="G7145" i="2" a="1"/>
  <c r="G7145" i="2" s="1"/>
  <c r="G7143" i="2" a="1"/>
  <c r="G7143" i="2" s="1"/>
  <c r="G7140" i="2" a="1"/>
  <c r="G7140" i="2" s="1"/>
  <c r="D4149" i="2" a="1"/>
  <c r="D4149" i="2" s="1"/>
  <c r="D4150" i="2" a="1"/>
  <c r="D4150" i="2" s="1"/>
  <c r="D4143" i="2" a="1"/>
  <c r="D4143" i="2" s="1"/>
  <c r="D4151" i="2" a="1"/>
  <c r="D4151" i="2" s="1"/>
  <c r="D4138" i="2" a="1"/>
  <c r="D4138" i="2" s="1"/>
  <c r="D4141" i="2" a="1"/>
  <c r="D4141" i="2" s="1"/>
  <c r="D4154" i="2" a="1"/>
  <c r="D4154" i="2" s="1"/>
  <c r="D5063" i="2" a="1"/>
  <c r="D5063" i="2" s="1"/>
  <c r="D5051" i="2" a="1"/>
  <c r="D5051" i="2" s="1"/>
  <c r="D5052" i="2" a="1"/>
  <c r="D5052" i="2" s="1"/>
  <c r="D5056" i="2" a="1"/>
  <c r="D5056" i="2" s="1"/>
  <c r="D5053" i="2" a="1"/>
  <c r="D5053" i="2" s="1"/>
  <c r="D5069" i="2" a="1"/>
  <c r="D5069" i="2" s="1"/>
  <c r="D5068" i="2" a="1"/>
  <c r="D5068" i="2" s="1"/>
  <c r="F8570" i="2" a="1"/>
  <c r="F8570" i="2" s="1"/>
  <c r="F8555" i="2" a="1"/>
  <c r="F8555" i="2" s="1"/>
  <c r="F8566" i="2" a="1"/>
  <c r="F8566" i="2" s="1"/>
  <c r="D8051" i="2" a="1"/>
  <c r="D8051" i="2" s="1"/>
  <c r="D8065" i="2" a="1"/>
  <c r="D8065" i="2" s="1"/>
  <c r="D8069" i="2" a="1"/>
  <c r="D8069" i="2" s="1"/>
  <c r="D8057" i="2" a="1"/>
  <c r="D8057" i="2" s="1"/>
  <c r="D8056" i="2" a="1"/>
  <c r="D8056" i="2" s="1"/>
  <c r="D8066" i="2" a="1"/>
  <c r="D8066" i="2" s="1"/>
  <c r="D8070" i="2" a="1"/>
  <c r="D8070" i="2" s="1"/>
  <c r="G712" i="2" a="1"/>
  <c r="G712" i="2" s="1"/>
  <c r="G711" i="2" a="1"/>
  <c r="G711" i="2" s="1"/>
  <c r="D1879" i="2" a="1"/>
  <c r="D1879" i="2" s="1"/>
  <c r="D1881" i="2" a="1"/>
  <c r="D1881" i="2" s="1"/>
  <c r="E6580" i="2" a="1"/>
  <c r="E6580" i="2" s="1"/>
  <c r="E6567" i="2" a="1"/>
  <c r="E6567" i="2" s="1"/>
  <c r="E8305" i="2" a="1"/>
  <c r="E8305" i="2" s="1"/>
  <c r="E8299" i="2" a="1"/>
  <c r="E8299" i="2" s="1"/>
  <c r="E8310" i="2" a="1"/>
  <c r="E8310" i="2" s="1"/>
  <c r="E8291" i="2" a="1"/>
  <c r="E8291" i="2" s="1"/>
  <c r="E8311" i="2" a="1"/>
  <c r="E8311" i="2" s="1"/>
  <c r="E8296" i="2" a="1"/>
  <c r="E8296" i="2" s="1"/>
  <c r="AQ292" i="1"/>
  <c r="G298" i="5" s="1"/>
  <c r="AN292" i="1"/>
  <c r="D298" i="5" s="1"/>
  <c r="AM292" i="1"/>
  <c r="C298" i="5" s="1"/>
  <c r="G6453" i="2" a="1"/>
  <c r="G6453" i="2" s="1"/>
  <c r="G6454" i="2" a="1"/>
  <c r="G6454" i="2" s="1"/>
  <c r="G6446" i="2" a="1"/>
  <c r="G6446" i="2" s="1"/>
  <c r="G6460" i="2" a="1"/>
  <c r="G6460" i="2" s="1"/>
  <c r="F8607" i="2" a="1"/>
  <c r="F8607" i="2" s="1"/>
  <c r="F8622" i="2" a="1"/>
  <c r="F8622" i="2" s="1"/>
  <c r="H8459" i="2" a="1"/>
  <c r="H8459" i="2" s="1"/>
  <c r="H8460" i="2" a="1"/>
  <c r="H8460" i="2" s="1"/>
  <c r="H8474" i="2" a="1"/>
  <c r="H8474" i="2" s="1"/>
  <c r="F5120" i="2" a="1"/>
  <c r="F5120" i="2" s="1"/>
  <c r="H6496" i="2" a="1"/>
  <c r="H6496" i="2" s="1"/>
  <c r="D6000" i="2" a="1"/>
  <c r="D6000" i="2" s="1"/>
  <c r="H2632" i="2" a="1"/>
  <c r="H2632" i="2" s="1"/>
  <c r="F1051" i="2" a="1"/>
  <c r="F1051" i="2" s="1"/>
  <c r="G4541" i="2" a="1"/>
  <c r="G4541" i="2" s="1"/>
  <c r="E4459" i="2" a="1"/>
  <c r="E4459" i="2" s="1"/>
  <c r="D1032" i="2" a="1"/>
  <c r="D1032" i="2" s="1"/>
  <c r="E8083" i="2" a="1"/>
  <c r="E8083" i="2" s="1"/>
  <c r="AQ164" i="1"/>
  <c r="G170" i="5" s="1"/>
  <c r="E710" i="2" a="1"/>
  <c r="E710" i="2" s="1"/>
  <c r="F7121" i="2" a="1"/>
  <c r="F7121" i="2" s="1"/>
  <c r="E4907" i="2" a="1"/>
  <c r="E4907" i="2" s="1"/>
  <c r="E4918" i="2" a="1"/>
  <c r="E4918" i="2" s="1"/>
  <c r="F763" i="2" a="1"/>
  <c r="F763" i="2" s="1"/>
  <c r="F774" i="2" a="1"/>
  <c r="F774" i="2" s="1"/>
  <c r="D5650" i="2" a="1"/>
  <c r="D5650" i="2" s="1"/>
  <c r="F4775" i="2" a="1"/>
  <c r="F4775" i="2" s="1"/>
  <c r="G2645" i="2" a="1"/>
  <c r="G2645" i="2" s="1"/>
  <c r="F5880" i="2" a="1"/>
  <c r="F5880" i="2" s="1"/>
  <c r="H7215" i="2" a="1"/>
  <c r="H7215" i="2" s="1"/>
  <c r="D3958" i="2" a="1"/>
  <c r="D3958" i="2" s="1"/>
  <c r="E2783" i="2" a="1"/>
  <c r="E2783" i="2" s="1"/>
  <c r="E4294" i="2" a="1"/>
  <c r="E4294" i="2" s="1"/>
  <c r="G4588" i="2" a="1"/>
  <c r="G4588" i="2" s="1"/>
  <c r="G1471" i="2" a="1"/>
  <c r="G1471" i="2" s="1"/>
  <c r="D2776" i="2" a="1"/>
  <c r="D2776" i="2" s="1"/>
  <c r="H2718" i="2" a="1"/>
  <c r="H2718" i="2" s="1"/>
  <c r="D4525" i="2" a="1"/>
  <c r="D4525" i="2" s="1"/>
  <c r="D7660" i="2" a="1"/>
  <c r="D7660" i="2" s="1"/>
  <c r="G7064" i="2" a="1"/>
  <c r="G7064" i="2" s="1"/>
  <c r="G5358" i="2" a="1"/>
  <c r="G5358" i="2" s="1"/>
  <c r="D4769" i="2" a="1"/>
  <c r="D4769" i="2" s="1"/>
  <c r="F5626" i="2" a="1"/>
  <c r="F5626" i="2" s="1"/>
  <c r="H2791" i="2" a="1"/>
  <c r="H2791" i="2" s="1"/>
  <c r="H4975" i="2" a="1"/>
  <c r="H4975" i="2" s="1"/>
  <c r="F3988" i="2" a="1"/>
  <c r="F3988" i="2" s="1"/>
  <c r="H2683" i="2" a="1"/>
  <c r="H2683" i="2" s="1"/>
  <c r="F6229" i="2" a="1"/>
  <c r="F6229" i="2" s="1"/>
  <c r="E4837" i="2" a="1"/>
  <c r="E4837" i="2" s="1"/>
  <c r="G6320" i="2" a="1"/>
  <c r="G6320" i="2" s="1"/>
  <c r="H7548" i="2" a="1"/>
  <c r="H7548" i="2" s="1"/>
  <c r="H7900" i="2" a="1"/>
  <c r="H7900" i="2" s="1"/>
  <c r="E3279" i="2" a="1"/>
  <c r="E3279" i="2" s="1"/>
  <c r="G8403" i="2" a="1"/>
  <c r="G8403" i="2" s="1"/>
  <c r="F2570" i="2" a="1"/>
  <c r="F2570" i="2" s="1"/>
  <c r="D7529" i="2" a="1"/>
  <c r="D7529" i="2" s="1"/>
  <c r="D1932" i="2" a="1"/>
  <c r="D1932" i="2" s="1"/>
  <c r="D2319" i="2" a="1"/>
  <c r="D2319" i="2" s="1"/>
  <c r="D333" i="2" a="1"/>
  <c r="D333" i="2" s="1"/>
  <c r="D8178" i="2" a="1"/>
  <c r="D8178" i="2" s="1"/>
  <c r="H1517" i="2" a="1"/>
  <c r="H1517" i="2" s="1"/>
  <c r="D292" i="2" a="1"/>
  <c r="D292" i="2" s="1"/>
  <c r="E5660" i="2" a="1"/>
  <c r="E5660" i="2" s="1"/>
  <c r="G48" i="2" a="1"/>
  <c r="G48" i="2" s="1"/>
  <c r="E4468" i="2" a="1"/>
  <c r="E4468" i="2" s="1"/>
  <c r="E1050" i="2" a="1"/>
  <c r="E1050" i="2" s="1"/>
  <c r="H4958" i="2" a="1"/>
  <c r="H4958" i="2" s="1"/>
  <c r="H2689" i="2" a="1"/>
  <c r="H2689" i="2" s="1"/>
  <c r="D5996" i="2" a="1"/>
  <c r="D5996" i="2" s="1"/>
  <c r="H2647" i="2" a="1"/>
  <c r="H2647" i="2" s="1"/>
  <c r="F1055" i="2" a="1"/>
  <c r="F1055" i="2" s="1"/>
  <c r="G4535" i="2" a="1"/>
  <c r="G4535" i="2" s="1"/>
  <c r="E4452" i="2" a="1"/>
  <c r="E4452" i="2" s="1"/>
  <c r="D1031" i="2" a="1"/>
  <c r="D1031" i="2" s="1"/>
  <c r="E8089" i="2" a="1"/>
  <c r="E8089" i="2" s="1"/>
  <c r="AP164" i="1"/>
  <c r="F170" i="5" s="1"/>
  <c r="E718" i="2" a="1"/>
  <c r="E718" i="2" s="1"/>
  <c r="H6812" i="2" a="1"/>
  <c r="H6812" i="2" s="1"/>
  <c r="E4919" i="2" a="1"/>
  <c r="E4919" i="2" s="1"/>
  <c r="E4909" i="2" a="1"/>
  <c r="E4909" i="2" s="1"/>
  <c r="F772" i="2" a="1"/>
  <c r="F772" i="2" s="1"/>
  <c r="F758" i="2" a="1"/>
  <c r="F758" i="2" s="1"/>
  <c r="D5663" i="2" a="1"/>
  <c r="D5663" i="2" s="1"/>
  <c r="F4766" i="2" a="1"/>
  <c r="F4766" i="2" s="1"/>
  <c r="G2633" i="2" a="1"/>
  <c r="G2633" i="2" s="1"/>
  <c r="F5884" i="2" a="1"/>
  <c r="F5884" i="2" s="1"/>
  <c r="H7211" i="2" a="1"/>
  <c r="H7211" i="2" s="1"/>
  <c r="D3950" i="2" a="1"/>
  <c r="D3950" i="2" s="1"/>
  <c r="E2773" i="2" a="1"/>
  <c r="E2773" i="2" s="1"/>
  <c r="E4295" i="2" a="1"/>
  <c r="E4295" i="2" s="1"/>
  <c r="G4591" i="2" a="1"/>
  <c r="G4591" i="2" s="1"/>
  <c r="G1464" i="2" a="1"/>
  <c r="G1464" i="2" s="1"/>
  <c r="D2792" i="2" a="1"/>
  <c r="D2792" i="2" s="1"/>
  <c r="H2715" i="2" a="1"/>
  <c r="H2715" i="2" s="1"/>
  <c r="D4538" i="2" a="1"/>
  <c r="D4538" i="2" s="1"/>
  <c r="D7652" i="2" a="1"/>
  <c r="D7652" i="2" s="1"/>
  <c r="G7049" i="2" a="1"/>
  <c r="G7049" i="2" s="1"/>
  <c r="G5352" i="2" a="1"/>
  <c r="G5352" i="2" s="1"/>
  <c r="E4340" i="2" a="1"/>
  <c r="E4340" i="2" s="1"/>
  <c r="D4785" i="2" a="1"/>
  <c r="D4785" i="2" s="1"/>
  <c r="H6597" i="2" a="1"/>
  <c r="H6597" i="2" s="1"/>
  <c r="H4971" i="2" a="1"/>
  <c r="H4971" i="2" s="1"/>
  <c r="F7253" i="2" a="1"/>
  <c r="F7253" i="2" s="1"/>
  <c r="H2679" i="2" a="1"/>
  <c r="H2679" i="2" s="1"/>
  <c r="F6233" i="2" a="1"/>
  <c r="F6233" i="2" s="1"/>
  <c r="E4844" i="2" a="1"/>
  <c r="E4844" i="2" s="1"/>
  <c r="G6305" i="2" a="1"/>
  <c r="G6305" i="2" s="1"/>
  <c r="H7559" i="2" a="1"/>
  <c r="H7559" i="2" s="1"/>
  <c r="H7904" i="2" a="1"/>
  <c r="H7904" i="2" s="1"/>
  <c r="E3277" i="2" a="1"/>
  <c r="E3277" i="2" s="1"/>
  <c r="G8407" i="2" a="1"/>
  <c r="G8407" i="2" s="1"/>
  <c r="F2566" i="2" a="1"/>
  <c r="F2566" i="2" s="1"/>
  <c r="D7540" i="2" a="1"/>
  <c r="D7540" i="2" s="1"/>
  <c r="D1931" i="2" a="1"/>
  <c r="D1931" i="2" s="1"/>
  <c r="D2332" i="2" a="1"/>
  <c r="D2332" i="2" s="1"/>
  <c r="D8193" i="2" a="1"/>
  <c r="D8193" i="2" s="1"/>
  <c r="H1507" i="2" a="1"/>
  <c r="H1507" i="2" s="1"/>
  <c r="D283" i="2" a="1"/>
  <c r="D283" i="2" s="1"/>
  <c r="H3751" i="2" a="1"/>
  <c r="H3751" i="2" s="1"/>
  <c r="G2835" i="2" a="1"/>
  <c r="G2835" i="2" s="1"/>
  <c r="G3144" i="2" a="1"/>
  <c r="G3144" i="2" s="1"/>
  <c r="G3153" i="2" a="1"/>
  <c r="G3153" i="2" s="1"/>
  <c r="F5109" i="2" a="1"/>
  <c r="F5109" i="2" s="1"/>
  <c r="F5105" i="2" a="1"/>
  <c r="F5105" i="2" s="1"/>
  <c r="F1058" i="2" a="1"/>
  <c r="F1058" i="2" s="1"/>
  <c r="D6009" i="2" a="1"/>
  <c r="D6009" i="2" s="1"/>
  <c r="H2638" i="2" a="1"/>
  <c r="H2638" i="2" s="1"/>
  <c r="E1063" i="2" a="1"/>
  <c r="E1063" i="2" s="1"/>
  <c r="G2647" i="2" a="1"/>
  <c r="G2647" i="2" s="1"/>
  <c r="F6235" i="2" a="1"/>
  <c r="F6235" i="2" s="1"/>
  <c r="D1203" i="2" a="1"/>
  <c r="D1203" i="2" s="1"/>
  <c r="D2874" i="2" a="1"/>
  <c r="D2874" i="2" s="1"/>
  <c r="D1189" i="2" a="1"/>
  <c r="D1189" i="2" s="1"/>
  <c r="D1201" i="2" a="1"/>
  <c r="D1201" i="2" s="1"/>
  <c r="D2868" i="2" a="1"/>
  <c r="D2868" i="2" s="1"/>
  <c r="D8413" i="2" a="1"/>
  <c r="D8413" i="2" s="1"/>
  <c r="D5988" i="2" a="1"/>
  <c r="D5988" i="2" s="1"/>
  <c r="H2645" i="2" a="1"/>
  <c r="H2645" i="2" s="1"/>
  <c r="F1050" i="2" a="1"/>
  <c r="F1050" i="2" s="1"/>
  <c r="G4524" i="2" a="1"/>
  <c r="G4524" i="2" s="1"/>
  <c r="E4457" i="2" a="1"/>
  <c r="E4457" i="2" s="1"/>
  <c r="D1018" i="2" a="1"/>
  <c r="D1018" i="2" s="1"/>
  <c r="E8093" i="2" a="1"/>
  <c r="E8093" i="2" s="1"/>
  <c r="AO164" i="1"/>
  <c r="E170" i="5" s="1"/>
  <c r="E726" i="2" a="1"/>
  <c r="E726" i="2" s="1"/>
  <c r="F7122" i="2" a="1"/>
  <c r="F7122" i="2" s="1"/>
  <c r="H6821" i="2" a="1"/>
  <c r="H6821" i="2" s="1"/>
  <c r="E4912" i="2" a="1"/>
  <c r="E4912" i="2" s="1"/>
  <c r="E4910" i="2" a="1"/>
  <c r="E4910" i="2" s="1"/>
  <c r="F756" i="2" a="1"/>
  <c r="F756" i="2" s="1"/>
  <c r="F766" i="2" a="1"/>
  <c r="F766" i="2" s="1"/>
  <c r="D5659" i="2" a="1"/>
  <c r="D5659" i="2" s="1"/>
  <c r="F4768" i="2" a="1"/>
  <c r="F4768" i="2" s="1"/>
  <c r="G2649" i="2" a="1"/>
  <c r="G2649" i="2" s="1"/>
  <c r="E1233" i="2" a="1"/>
  <c r="E1233" i="2" s="1"/>
  <c r="F5870" i="2" a="1"/>
  <c r="F5870" i="2" s="1"/>
  <c r="H7212" i="2" a="1"/>
  <c r="H7212" i="2" s="1"/>
  <c r="D3964" i="2" a="1"/>
  <c r="D3964" i="2" s="1"/>
  <c r="E2775" i="2" a="1"/>
  <c r="E2775" i="2" s="1"/>
  <c r="H2325" i="2" a="1"/>
  <c r="H2325" i="2" s="1"/>
  <c r="F281" i="2" a="1"/>
  <c r="F281" i="2" s="1"/>
  <c r="G4589" i="2" a="1"/>
  <c r="G4589" i="2" s="1"/>
  <c r="G1451" i="2" a="1"/>
  <c r="G1451" i="2" s="1"/>
  <c r="D2788" i="2" a="1"/>
  <c r="D2788" i="2" s="1"/>
  <c r="F4307" i="2" a="1"/>
  <c r="F4307" i="2" s="1"/>
  <c r="AO251" i="1"/>
  <c r="E257" i="5" s="1"/>
  <c r="H2711" i="2" a="1"/>
  <c r="H2711" i="2" s="1"/>
  <c r="D7648" i="2" a="1"/>
  <c r="D7648" i="2" s="1"/>
  <c r="G7047" i="2" a="1"/>
  <c r="G7047" i="2" s="1"/>
  <c r="G5345" i="2" a="1"/>
  <c r="G5345" i="2" s="1"/>
  <c r="E4334" i="2" a="1"/>
  <c r="E4334" i="2" s="1"/>
  <c r="H6587" i="2" a="1"/>
  <c r="H6587" i="2" s="1"/>
  <c r="E5555" i="2" a="1"/>
  <c r="E5555" i="2" s="1"/>
  <c r="H4976" i="2" a="1"/>
  <c r="H4976" i="2" s="1"/>
  <c r="G7262" i="2" a="1"/>
  <c r="G7262" i="2" s="1"/>
  <c r="F7242" i="2" a="1"/>
  <c r="F7242" i="2" s="1"/>
  <c r="H2696" i="2" a="1"/>
  <c r="H2696" i="2" s="1"/>
  <c r="F6242" i="2" a="1"/>
  <c r="F6242" i="2" s="1"/>
  <c r="E4838" i="2" a="1"/>
  <c r="E4838" i="2" s="1"/>
  <c r="G6319" i="2" a="1"/>
  <c r="G6319" i="2" s="1"/>
  <c r="E2354" i="2" a="1"/>
  <c r="E2354" i="2" s="1"/>
  <c r="H7554" i="2" a="1"/>
  <c r="H7554" i="2" s="1"/>
  <c r="H7897" i="2" a="1"/>
  <c r="H7897" i="2" s="1"/>
  <c r="E3284" i="2" a="1"/>
  <c r="E3284" i="2" s="1"/>
  <c r="G8389" i="2" a="1"/>
  <c r="G8389" i="2" s="1"/>
  <c r="F2574" i="2" a="1"/>
  <c r="F2574" i="2" s="1"/>
  <c r="D7530" i="2" a="1"/>
  <c r="D7530" i="2" s="1"/>
  <c r="E4246" i="2" a="1"/>
  <c r="E4246" i="2" s="1"/>
  <c r="D2328" i="2" a="1"/>
  <c r="D2328" i="2" s="1"/>
  <c r="D8189" i="2" a="1"/>
  <c r="D8189" i="2" s="1"/>
  <c r="H6614" i="2" a="1"/>
  <c r="H6614" i="2" s="1"/>
  <c r="H1513" i="2" a="1"/>
  <c r="H1513" i="2" s="1"/>
  <c r="D278" i="2" a="1"/>
  <c r="D278" i="2" s="1"/>
  <c r="H3746" i="2" a="1"/>
  <c r="H3746" i="2" s="1"/>
  <c r="D6199" i="2" a="1"/>
  <c r="D6199" i="2" s="1"/>
  <c r="G2831" i="2" a="1"/>
  <c r="G2831" i="2" s="1"/>
  <c r="H8254" i="2" a="1"/>
  <c r="H8254" i="2" s="1"/>
  <c r="H8256" i="2" a="1"/>
  <c r="H8256" i="2" s="1"/>
  <c r="F3715" i="2" a="1"/>
  <c r="F3715" i="2" s="1"/>
  <c r="F5106" i="2" a="1"/>
  <c r="F5106" i="2" s="1"/>
  <c r="D8429" i="2" a="1"/>
  <c r="D8429" i="2" s="1"/>
  <c r="H309" i="2" a="1"/>
  <c r="H309" i="2" s="1"/>
  <c r="H310" i="2" a="1"/>
  <c r="H310" i="2" s="1"/>
  <c r="E4471" i="2" a="1"/>
  <c r="E4471" i="2" s="1"/>
  <c r="F3990" i="2" a="1"/>
  <c r="F3990" i="2" s="1"/>
  <c r="D2872" i="2" a="1"/>
  <c r="D2872" i="2" s="1"/>
  <c r="D1025" i="2" a="1"/>
  <c r="D1025" i="2" s="1"/>
  <c r="AN164" i="1"/>
  <c r="E4911" i="2" a="1"/>
  <c r="E4911" i="2" s="1"/>
  <c r="F760" i="2" a="1"/>
  <c r="F760" i="2" s="1"/>
  <c r="D5672" i="2" a="1"/>
  <c r="D5672" i="2" s="1"/>
  <c r="D5651" i="2" a="1"/>
  <c r="D5651" i="2" s="1"/>
  <c r="F4770" i="2" a="1"/>
  <c r="F4770" i="2" s="1"/>
  <c r="E1223" i="2" a="1"/>
  <c r="E1223" i="2" s="1"/>
  <c r="F5878" i="2" a="1"/>
  <c r="F5878" i="2" s="1"/>
  <c r="H7220" i="2" a="1"/>
  <c r="H7220" i="2" s="1"/>
  <c r="D3952" i="2" a="1"/>
  <c r="D3952" i="2" s="1"/>
  <c r="E2777" i="2" a="1"/>
  <c r="E2777" i="2" s="1"/>
  <c r="H2329" i="2" a="1"/>
  <c r="H2329" i="2" s="1"/>
  <c r="D8524" i="2" a="1"/>
  <c r="D8524" i="2" s="1"/>
  <c r="G4586" i="2" a="1"/>
  <c r="G4586" i="2" s="1"/>
  <c r="G1458" i="2" a="1"/>
  <c r="G1458" i="2" s="1"/>
  <c r="D2780" i="2" a="1"/>
  <c r="D2780" i="2" s="1"/>
  <c r="F4309" i="2" a="1"/>
  <c r="F4309" i="2" s="1"/>
  <c r="D7644" i="2" a="1"/>
  <c r="D7644" i="2" s="1"/>
  <c r="D660" i="2" a="1"/>
  <c r="D660" i="2" s="1"/>
  <c r="G5339" i="2" a="1"/>
  <c r="G5339" i="2" s="1"/>
  <c r="H6607" i="2" a="1"/>
  <c r="H6607" i="2" s="1"/>
  <c r="E5575" i="2" a="1"/>
  <c r="E5575" i="2" s="1"/>
  <c r="H4962" i="2" a="1"/>
  <c r="H4962" i="2" s="1"/>
  <c r="G7264" i="2" a="1"/>
  <c r="G7264" i="2" s="1"/>
  <c r="F7236" i="2" a="1"/>
  <c r="F7236" i="2" s="1"/>
  <c r="H2692" i="2" a="1"/>
  <c r="H2692" i="2" s="1"/>
  <c r="F6232" i="2" a="1"/>
  <c r="F6232" i="2" s="1"/>
  <c r="E4851" i="2" a="1"/>
  <c r="E4851" i="2" s="1"/>
  <c r="G6308" i="2" a="1"/>
  <c r="G6308" i="2" s="1"/>
  <c r="D8279" i="2" a="1"/>
  <c r="D8279" i="2" s="1"/>
  <c r="F7603" i="2" a="1"/>
  <c r="F7603" i="2" s="1"/>
  <c r="E2344" i="2" a="1"/>
  <c r="E2344" i="2" s="1"/>
  <c r="H7569" i="2" a="1"/>
  <c r="H7569" i="2" s="1"/>
  <c r="F341" i="2" a="1"/>
  <c r="F341" i="2" s="1"/>
  <c r="G6358" i="2" a="1"/>
  <c r="G6358" i="2" s="1"/>
  <c r="E3275" i="2" a="1"/>
  <c r="E3275" i="2" s="1"/>
  <c r="G8388" i="2" a="1"/>
  <c r="G8388" i="2" s="1"/>
  <c r="D7543" i="2" a="1"/>
  <c r="D7543" i="2" s="1"/>
  <c r="E4244" i="2" a="1"/>
  <c r="E4244" i="2" s="1"/>
  <c r="D2320" i="2" a="1"/>
  <c r="D2320" i="2" s="1"/>
  <c r="E2236" i="2" a="1"/>
  <c r="E2236" i="2" s="1"/>
  <c r="D8185" i="2" a="1"/>
  <c r="D8185" i="2" s="1"/>
  <c r="H6625" i="2" a="1"/>
  <c r="H6625" i="2" s="1"/>
  <c r="H1520" i="2" a="1"/>
  <c r="H1520" i="2" s="1"/>
  <c r="D276" i="2" a="1"/>
  <c r="D276" i="2" s="1"/>
  <c r="H3748" i="2" a="1"/>
  <c r="H3748" i="2" s="1"/>
  <c r="D6192" i="2" a="1"/>
  <c r="D6192" i="2" s="1"/>
  <c r="G2818" i="2" a="1"/>
  <c r="G2818" i="2" s="1"/>
  <c r="H4410" i="2" a="1"/>
  <c r="H4410" i="2" s="1"/>
  <c r="H4413" i="2" a="1"/>
  <c r="H4413" i="2" s="1"/>
  <c r="H4406" i="2" a="1"/>
  <c r="H4406" i="2" s="1"/>
  <c r="H4404" i="2" a="1"/>
  <c r="H4404" i="2" s="1"/>
  <c r="G7524" i="2" a="1"/>
  <c r="G7524" i="2" s="1"/>
  <c r="G7540" i="2" a="1"/>
  <c r="G7540" i="2" s="1"/>
  <c r="G7531" i="2" a="1"/>
  <c r="G7531" i="2" s="1"/>
  <c r="G3605" i="2" a="1"/>
  <c r="G3605" i="2" s="1"/>
  <c r="G3590" i="2" a="1"/>
  <c r="G3590" i="2" s="1"/>
  <c r="D3082" i="2" a="1"/>
  <c r="D3082" i="2" s="1"/>
  <c r="D3084" i="2" a="1"/>
  <c r="D3084" i="2" s="1"/>
  <c r="D6867" i="2" a="1"/>
  <c r="D6867" i="2" s="1"/>
  <c r="D6854" i="2" a="1"/>
  <c r="D6854" i="2" s="1"/>
  <c r="G6045" i="2" a="1"/>
  <c r="G6045" i="2" s="1"/>
  <c r="G6048" i="2" a="1"/>
  <c r="G6048" i="2" s="1"/>
  <c r="G6034" i="2" a="1"/>
  <c r="G6034" i="2" s="1"/>
  <c r="G6038" i="2" a="1"/>
  <c r="G6038" i="2" s="1"/>
  <c r="E6482" i="2" a="1"/>
  <c r="E6482" i="2" s="1"/>
  <c r="E6486" i="2" a="1"/>
  <c r="E6486" i="2" s="1"/>
  <c r="E6472" i="2" a="1"/>
  <c r="E6472" i="2" s="1"/>
  <c r="E2510" i="2" a="1"/>
  <c r="E2510" i="2" s="1"/>
  <c r="E2529" i="2" a="1"/>
  <c r="E2529" i="2" s="1"/>
  <c r="E2526" i="2" a="1"/>
  <c r="E2526" i="2" s="1"/>
  <c r="E2521" i="2" a="1"/>
  <c r="E2521" i="2" s="1"/>
  <c r="E2512" i="2" a="1"/>
  <c r="E2512" i="2" s="1"/>
  <c r="E2517" i="2" a="1"/>
  <c r="E2517" i="2" s="1"/>
  <c r="E2507" i="2" a="1"/>
  <c r="E2507" i="2" s="1"/>
  <c r="G7546" i="2" a="1"/>
  <c r="G7546" i="2" s="1"/>
  <c r="G7551" i="2" a="1"/>
  <c r="G7551" i="2" s="1"/>
  <c r="G7562" i="2" a="1"/>
  <c r="G7562" i="2" s="1"/>
  <c r="G7569" i="2" a="1"/>
  <c r="G7569" i="2" s="1"/>
  <c r="D4904" i="2" a="1"/>
  <c r="D4904" i="2" s="1"/>
  <c r="D4888" i="2" a="1"/>
  <c r="D4888" i="2" s="1"/>
  <c r="D6468" i="2" a="1"/>
  <c r="D6468" i="2" s="1"/>
  <c r="H2928" i="2" a="1"/>
  <c r="H2928" i="2" s="1"/>
  <c r="D2105" i="2" a="1"/>
  <c r="D2105" i="2" s="1"/>
  <c r="F1461" i="2" a="1"/>
  <c r="F1461" i="2" s="1"/>
  <c r="H6183" i="2" a="1"/>
  <c r="H6183" i="2" s="1"/>
  <c r="H2921" i="2" a="1"/>
  <c r="H2921" i="2" s="1"/>
  <c r="F4337" i="2" a="1"/>
  <c r="F4337" i="2" s="1"/>
  <c r="H3165" i="2" a="1"/>
  <c r="H3165" i="2" s="1"/>
  <c r="D2101" i="2" a="1"/>
  <c r="D2101" i="2" s="1"/>
  <c r="F1455" i="2" a="1"/>
  <c r="F1455" i="2" s="1"/>
  <c r="H2931" i="2" a="1"/>
  <c r="H2931" i="2" s="1"/>
  <c r="H3170" i="2" a="1"/>
  <c r="H3170" i="2" s="1"/>
  <c r="F1473" i="2" a="1"/>
  <c r="F1473" i="2" s="1"/>
  <c r="H2926" i="2" a="1"/>
  <c r="H2926" i="2" s="1"/>
  <c r="F1469" i="2" a="1"/>
  <c r="F1469" i="2" s="1"/>
  <c r="F1470" i="2" a="1"/>
  <c r="F1470" i="2" s="1"/>
  <c r="E2460" i="2" a="1"/>
  <c r="E2460" i="2" s="1"/>
  <c r="D3379" i="2" a="1"/>
  <c r="D3379" i="2" s="1"/>
  <c r="D3386" i="2" a="1"/>
  <c r="D3386" i="2" s="1"/>
  <c r="AM17" i="1"/>
  <c r="C23" i="5" s="1"/>
  <c r="AP212" i="1"/>
  <c r="F218" i="5" s="1"/>
  <c r="AP276" i="1"/>
  <c r="F282" i="5" s="1"/>
  <c r="AP165" i="1"/>
  <c r="F171" i="5" s="1"/>
  <c r="AP138" i="1"/>
  <c r="F144" i="5" s="1"/>
  <c r="AM149" i="1"/>
  <c r="C155" i="5" s="1"/>
  <c r="AP191" i="1"/>
  <c r="F197" i="5" s="1"/>
  <c r="AM191" i="1"/>
  <c r="C197" i="5" s="1"/>
  <c r="D7756" i="2" a="1"/>
  <c r="D7756" i="2" s="1"/>
  <c r="D7758" i="2" a="1"/>
  <c r="D7758" i="2" s="1"/>
  <c r="D7744" i="2" a="1"/>
  <c r="D7744" i="2" s="1"/>
  <c r="D5648" i="2" a="1"/>
  <c r="D5648" i="2" s="1"/>
  <c r="D5649" i="2" a="1"/>
  <c r="D5649" i="2" s="1"/>
  <c r="F3726" i="2" a="1"/>
  <c r="F3726" i="2" s="1"/>
  <c r="F3717" i="2" a="1"/>
  <c r="F3717" i="2" s="1"/>
  <c r="D1045" i="2" a="1"/>
  <c r="D1045" i="2" s="1"/>
  <c r="D1050" i="2" a="1"/>
  <c r="D1050" i="2" s="1"/>
  <c r="F294" i="2" a="1"/>
  <c r="F294" i="2" s="1"/>
  <c r="F292" i="2" a="1"/>
  <c r="F292" i="2" s="1"/>
  <c r="F290" i="2" a="1"/>
  <c r="F290" i="2" s="1"/>
  <c r="D5841" i="2" a="1"/>
  <c r="D5841" i="2" s="1"/>
  <c r="D5819" i="2" a="1"/>
  <c r="D5819" i="2" s="1"/>
  <c r="D5820" i="2" a="1"/>
  <c r="D5820" i="2" s="1"/>
  <c r="D5818" i="2" a="1"/>
  <c r="D5818" i="2" s="1"/>
  <c r="D5838" i="2" a="1"/>
  <c r="D5838" i="2" s="1"/>
  <c r="G6694" i="2" a="1"/>
  <c r="G6694" i="2" s="1"/>
  <c r="G6686" i="2" a="1"/>
  <c r="G6686" i="2" s="1"/>
  <c r="G6691" i="2" a="1"/>
  <c r="G6691" i="2" s="1"/>
  <c r="G6688" i="2" a="1"/>
  <c r="G6688" i="2" s="1"/>
  <c r="G6683" i="2" a="1"/>
  <c r="G6683" i="2" s="1"/>
  <c r="G6699" i="2" a="1"/>
  <c r="G6699" i="2" s="1"/>
  <c r="G6689" i="2" a="1"/>
  <c r="G6689" i="2" s="1"/>
  <c r="G6191" i="2" a="1"/>
  <c r="G6191" i="2" s="1"/>
  <c r="G6185" i="2" a="1"/>
  <c r="G6185" i="2" s="1"/>
  <c r="G6197" i="2" a="1"/>
  <c r="G6197" i="2" s="1"/>
  <c r="F1053" i="2" a="1"/>
  <c r="F1053" i="2" s="1"/>
  <c r="F1045" i="2" a="1"/>
  <c r="F1045" i="2" s="1"/>
  <c r="F1046" i="2" a="1"/>
  <c r="F1046" i="2" s="1"/>
  <c r="F1065" i="2" a="1"/>
  <c r="F1065" i="2" s="1"/>
  <c r="F1054" i="2" a="1"/>
  <c r="F1054" i="2" s="1"/>
  <c r="H2644" i="2" a="1"/>
  <c r="H2644" i="2" s="1"/>
  <c r="H2642" i="2" a="1"/>
  <c r="H2642" i="2" s="1"/>
  <c r="H2643" i="2" a="1"/>
  <c r="H2643" i="2" s="1"/>
  <c r="H2631" i="2" a="1"/>
  <c r="H2631" i="2" s="1"/>
  <c r="H2649" i="2" a="1"/>
  <c r="H2649" i="2" s="1"/>
  <c r="H2633" i="2" a="1"/>
  <c r="H2633" i="2" s="1"/>
  <c r="H2637" i="2" a="1"/>
  <c r="H2637" i="2" s="1"/>
  <c r="H2627" i="2" a="1"/>
  <c r="H2627" i="2" s="1"/>
  <c r="H2640" i="2" a="1"/>
  <c r="H2640" i="2" s="1"/>
  <c r="D5991" i="2" a="1"/>
  <c r="D5991" i="2" s="1"/>
  <c r="D5992" i="2" a="1"/>
  <c r="D5992" i="2" s="1"/>
  <c r="D5987" i="2" a="1"/>
  <c r="D5987" i="2" s="1"/>
  <c r="D6004" i="2" a="1"/>
  <c r="D6004" i="2" s="1"/>
  <c r="D5999" i="2" a="1"/>
  <c r="D5999" i="2" s="1"/>
  <c r="D6002" i="2" a="1"/>
  <c r="D6002" i="2" s="1"/>
  <c r="AQ250" i="1"/>
  <c r="G256" i="5" s="1"/>
  <c r="D6007" i="2" a="1"/>
  <c r="D6007" i="2" s="1"/>
  <c r="AP250" i="1"/>
  <c r="F256" i="5" s="1"/>
  <c r="D6008" i="2" a="1"/>
  <c r="D6008" i="2" s="1"/>
  <c r="D5990" i="2" a="1"/>
  <c r="D5990" i="2" s="1"/>
  <c r="AP27" i="1"/>
  <c r="F33" i="5" s="1"/>
  <c r="AM27" i="1"/>
  <c r="C33" i="5" s="1"/>
  <c r="AO27" i="1"/>
  <c r="E33" i="5" s="1"/>
  <c r="H6839" i="2" a="1"/>
  <c r="H6839" i="2" s="1"/>
  <c r="H6833" i="2" a="1"/>
  <c r="H6833" i="2" s="1"/>
  <c r="F2096" i="2" a="1"/>
  <c r="F2096" i="2" s="1"/>
  <c r="F2091" i="2" a="1"/>
  <c r="F2091" i="2" s="1"/>
  <c r="F2075" i="2" a="1"/>
  <c r="F2075" i="2" s="1"/>
  <c r="F4901" i="2" a="1"/>
  <c r="F4901" i="2" s="1"/>
  <c r="F4883" i="2" a="1"/>
  <c r="F4883" i="2" s="1"/>
  <c r="F4889" i="2" a="1"/>
  <c r="F4889" i="2" s="1"/>
  <c r="AM88" i="1"/>
  <c r="C94" i="5" s="1"/>
  <c r="AO88" i="1"/>
  <c r="E94" i="5" s="1"/>
  <c r="AP88" i="1"/>
  <c r="D2879" i="2" a="1"/>
  <c r="D2879" i="2" s="1"/>
  <c r="D2870" i="2" a="1"/>
  <c r="D2870" i="2" s="1"/>
  <c r="D2880" i="2" a="1"/>
  <c r="D2880" i="2" s="1"/>
  <c r="D2866" i="2" a="1"/>
  <c r="D2866" i="2" s="1"/>
  <c r="D2883" i="2" a="1"/>
  <c r="D2883" i="2" s="1"/>
  <c r="D2887" i="2" a="1"/>
  <c r="D2887" i="2" s="1"/>
  <c r="D2867" i="2" a="1"/>
  <c r="D2867" i="2" s="1"/>
  <c r="D2878" i="2" a="1"/>
  <c r="D2878" i="2" s="1"/>
  <c r="D2877" i="2" a="1"/>
  <c r="D2877" i="2" s="1"/>
  <c r="D2869" i="2" a="1"/>
  <c r="D2869" i="2" s="1"/>
  <c r="D2882" i="2" a="1"/>
  <c r="D2882" i="2" s="1"/>
  <c r="D2889" i="2" a="1"/>
  <c r="D2889" i="2" s="1"/>
  <c r="D2884" i="2" a="1"/>
  <c r="D2884" i="2" s="1"/>
  <c r="D2871" i="2" a="1"/>
  <c r="D2871" i="2" s="1"/>
  <c r="AN242" i="1"/>
  <c r="AQ242" i="1"/>
  <c r="G248" i="5" s="1"/>
  <c r="AO242" i="1"/>
  <c r="E248" i="5" s="1"/>
  <c r="D5807" i="2" a="1"/>
  <c r="D5807" i="2" s="1"/>
  <c r="AM242" i="1"/>
  <c r="C248" i="5" s="1"/>
  <c r="D5806" i="2" a="1"/>
  <c r="D5806" i="2" s="1"/>
  <c r="D5796" i="2" a="1"/>
  <c r="D5796" i="2" s="1"/>
  <c r="D5803" i="2" a="1"/>
  <c r="D5803" i="2" s="1"/>
  <c r="D5808" i="2" a="1"/>
  <c r="D5808" i="2" s="1"/>
  <c r="D5794" i="2" a="1"/>
  <c r="D5794" i="2" s="1"/>
  <c r="D5798" i="2" a="1"/>
  <c r="D5798" i="2" s="1"/>
  <c r="D5813" i="2" a="1"/>
  <c r="D5813" i="2" s="1"/>
  <c r="H8471" i="2" a="1"/>
  <c r="H8471" i="2" s="1"/>
  <c r="H8462" i="2" a="1"/>
  <c r="H8462" i="2" s="1"/>
  <c r="H8464" i="2" a="1"/>
  <c r="H8464" i="2" s="1"/>
  <c r="H8468" i="2" a="1"/>
  <c r="H8468" i="2" s="1"/>
  <c r="H8480" i="2" a="1"/>
  <c r="H8480" i="2" s="1"/>
  <c r="H8481" i="2" a="1"/>
  <c r="H8481" i="2" s="1"/>
  <c r="H8458" i="2" a="1"/>
  <c r="H8458" i="2" s="1"/>
  <c r="G37" i="2" a="1"/>
  <c r="G37" i="2" s="1"/>
  <c r="G43" i="2" a="1"/>
  <c r="G43" i="2" s="1"/>
  <c r="G55" i="2" a="1"/>
  <c r="G55" i="2" s="1"/>
  <c r="G45" i="2" a="1"/>
  <c r="G45" i="2" s="1"/>
  <c r="G35" i="2" a="1"/>
  <c r="G35" i="2" s="1"/>
  <c r="G47" i="2" a="1"/>
  <c r="G47" i="2" s="1"/>
  <c r="G42" i="2" a="1"/>
  <c r="G42" i="2" s="1"/>
  <c r="G52" i="2" a="1"/>
  <c r="G52" i="2" s="1"/>
  <c r="G40" i="2" a="1"/>
  <c r="G40" i="2" s="1"/>
  <c r="G56" i="2" a="1"/>
  <c r="G56" i="2" s="1"/>
  <c r="G2636" i="2" a="1"/>
  <c r="G2636" i="2" s="1"/>
  <c r="G2646" i="2" a="1"/>
  <c r="G2646" i="2" s="1"/>
  <c r="G2629" i="2" a="1"/>
  <c r="G2629" i="2" s="1"/>
  <c r="G2627" i="2" a="1"/>
  <c r="G2627" i="2" s="1"/>
  <c r="G2639" i="2" a="1"/>
  <c r="G2639" i="2" s="1"/>
  <c r="G2642" i="2" a="1"/>
  <c r="G2642" i="2" s="1"/>
  <c r="G2640" i="2" a="1"/>
  <c r="G2640" i="2" s="1"/>
  <c r="G2643" i="2" a="1"/>
  <c r="G2643" i="2" s="1"/>
  <c r="G2637" i="2" a="1"/>
  <c r="G2637" i="2" s="1"/>
  <c r="E1065" i="2" a="1"/>
  <c r="E1065" i="2" s="1"/>
  <c r="E1059" i="2" a="1"/>
  <c r="E1059" i="2" s="1"/>
  <c r="E1062" i="2" a="1"/>
  <c r="E1062" i="2" s="1"/>
  <c r="E1056" i="2" a="1"/>
  <c r="E1056" i="2" s="1"/>
  <c r="E1047" i="2" a="1"/>
  <c r="E1047" i="2" s="1"/>
  <c r="E1051" i="2" a="1"/>
  <c r="E1051" i="2" s="1"/>
  <c r="E1060" i="2" a="1"/>
  <c r="E1060" i="2" s="1"/>
  <c r="E1061" i="2" a="1"/>
  <c r="E1061" i="2" s="1"/>
  <c r="E1045" i="2" a="1"/>
  <c r="E1045" i="2" s="1"/>
  <c r="E1048" i="2" a="1"/>
  <c r="E1048" i="2" s="1"/>
  <c r="E1042" i="2" a="1"/>
  <c r="E1042" i="2" s="1"/>
  <c r="H6820" i="2" a="1"/>
  <c r="H6820" i="2" s="1"/>
  <c r="H6819" i="2" a="1"/>
  <c r="H6819" i="2" s="1"/>
  <c r="H6818" i="2" a="1"/>
  <c r="H6818" i="2" s="1"/>
  <c r="H6815" i="2" a="1"/>
  <c r="H6815" i="2" s="1"/>
  <c r="H6802" i="2" a="1"/>
  <c r="H6802" i="2" s="1"/>
  <c r="H6804" i="2" a="1"/>
  <c r="H6804" i="2" s="1"/>
  <c r="H6803" i="2" a="1"/>
  <c r="H6803" i="2" s="1"/>
  <c r="H6816" i="2" a="1"/>
  <c r="H6816" i="2" s="1"/>
  <c r="H6813" i="2" a="1"/>
  <c r="H6813" i="2" s="1"/>
  <c r="H6822" i="2" a="1"/>
  <c r="H6822" i="2" s="1"/>
  <c r="H6824" i="2" a="1"/>
  <c r="H6824" i="2" s="1"/>
  <c r="H6823" i="2" a="1"/>
  <c r="H6823" i="2" s="1"/>
  <c r="H6808" i="2" a="1"/>
  <c r="H6808" i="2" s="1"/>
  <c r="H6805" i="2" a="1"/>
  <c r="H6805" i="2" s="1"/>
  <c r="H6806" i="2" a="1"/>
  <c r="H6806" i="2" s="1"/>
  <c r="D3268" i="2" a="1"/>
  <c r="D3268" i="2" s="1"/>
  <c r="D3257" i="2" a="1"/>
  <c r="D3257" i="2" s="1"/>
  <c r="D3272" i="2" a="1"/>
  <c r="D3272" i="2" s="1"/>
  <c r="D3261" i="2" a="1"/>
  <c r="D3261" i="2" s="1"/>
  <c r="D3264" i="2" a="1"/>
  <c r="D3264" i="2" s="1"/>
  <c r="D3273" i="2" a="1"/>
  <c r="D3273" i="2" s="1"/>
  <c r="D3271" i="2" a="1"/>
  <c r="D3271" i="2" s="1"/>
  <c r="D3250" i="2" a="1"/>
  <c r="D3250" i="2" s="1"/>
  <c r="D3255" i="2" a="1"/>
  <c r="D3255" i="2" s="1"/>
  <c r="D3251" i="2" a="1"/>
  <c r="D3251" i="2" s="1"/>
  <c r="D3258" i="2" a="1"/>
  <c r="D3258" i="2" s="1"/>
  <c r="D3263" i="2" a="1"/>
  <c r="D3263" i="2" s="1"/>
  <c r="D3259" i="2" a="1"/>
  <c r="D3259" i="2" s="1"/>
  <c r="D3270" i="2" a="1"/>
  <c r="D3270" i="2" s="1"/>
  <c r="F5528" i="2" a="1"/>
  <c r="F5528" i="2" s="1"/>
  <c r="F5510" i="2" a="1"/>
  <c r="F5510" i="2" s="1"/>
  <c r="F5523" i="2" a="1"/>
  <c r="F5523" i="2" s="1"/>
  <c r="F5508" i="2" a="1"/>
  <c r="F5508" i="2" s="1"/>
  <c r="F5527" i="2" a="1"/>
  <c r="F5527" i="2" s="1"/>
  <c r="F5518" i="2" a="1"/>
  <c r="F5518" i="2" s="1"/>
  <c r="F5519" i="2" a="1"/>
  <c r="F5519" i="2" s="1"/>
  <c r="F5516" i="2" a="1"/>
  <c r="F5516" i="2" s="1"/>
  <c r="F5506" i="2" a="1"/>
  <c r="F5506" i="2" s="1"/>
  <c r="F5509" i="2" a="1"/>
  <c r="F5509" i="2" s="1"/>
  <c r="F5521" i="2" a="1"/>
  <c r="F5521" i="2" s="1"/>
  <c r="F5515" i="2" a="1"/>
  <c r="F5515" i="2" s="1"/>
  <c r="F5529" i="2" a="1"/>
  <c r="F5529" i="2" s="1"/>
  <c r="F5511" i="2" a="1"/>
  <c r="F5511" i="2" s="1"/>
  <c r="F5099" i="2" a="1"/>
  <c r="F5099" i="2" s="1"/>
  <c r="F5101" i="2" a="1"/>
  <c r="F5101" i="2" s="1"/>
  <c r="F5118" i="2" a="1"/>
  <c r="F5118" i="2" s="1"/>
  <c r="F5104" i="2" a="1"/>
  <c r="F5104" i="2" s="1"/>
  <c r="F5119" i="2" a="1"/>
  <c r="F5119" i="2" s="1"/>
  <c r="F5110" i="2" a="1"/>
  <c r="F5110" i="2" s="1"/>
  <c r="F5113" i="2" a="1"/>
  <c r="F5113" i="2" s="1"/>
  <c r="F5102" i="2" a="1"/>
  <c r="F5102" i="2" s="1"/>
  <c r="F5103" i="2" a="1"/>
  <c r="F5103" i="2" s="1"/>
  <c r="F5114" i="2" a="1"/>
  <c r="F5114" i="2" s="1"/>
  <c r="F5112" i="2" a="1"/>
  <c r="F5112" i="2" s="1"/>
  <c r="F5107" i="2" a="1"/>
  <c r="F5107" i="2" s="1"/>
  <c r="F5111" i="2" a="1"/>
  <c r="F5111" i="2" s="1"/>
  <c r="F5098" i="2" a="1"/>
  <c r="F5098" i="2" s="1"/>
  <c r="G5862" i="2" a="1"/>
  <c r="G5862" i="2" s="1"/>
  <c r="G5863" i="2" a="1"/>
  <c r="G5863" i="2" s="1"/>
  <c r="E6859" i="2" a="1"/>
  <c r="E6859" i="2" s="1"/>
  <c r="E6858" i="2" a="1"/>
  <c r="E6858" i="2" s="1"/>
  <c r="E6850" i="2" a="1"/>
  <c r="E6850" i="2" s="1"/>
  <c r="E6855" i="2" a="1"/>
  <c r="E6855" i="2" s="1"/>
  <c r="E6863" i="2" a="1"/>
  <c r="E6863" i="2" s="1"/>
  <c r="E6864" i="2" a="1"/>
  <c r="E6864" i="2" s="1"/>
  <c r="G1079" i="2" a="1"/>
  <c r="G1079" i="2" s="1"/>
  <c r="G1068" i="2" a="1"/>
  <c r="G1068" i="2" s="1"/>
  <c r="D8421" i="2" a="1"/>
  <c r="D8421" i="2" s="1"/>
  <c r="D8431" i="2" a="1"/>
  <c r="D8431" i="2" s="1"/>
  <c r="D8411" i="2" a="1"/>
  <c r="D8411" i="2" s="1"/>
  <c r="D8430" i="2" a="1"/>
  <c r="D8430" i="2" s="1"/>
  <c r="D8428" i="2" a="1"/>
  <c r="D8428" i="2" s="1"/>
  <c r="D8412" i="2" a="1"/>
  <c r="D8412" i="2" s="1"/>
  <c r="D8423" i="2" a="1"/>
  <c r="D8423" i="2" s="1"/>
  <c r="D8418" i="2" a="1"/>
  <c r="D8418" i="2" s="1"/>
  <c r="D8425" i="2" a="1"/>
  <c r="D8425" i="2" s="1"/>
  <c r="D8426" i="2" a="1"/>
  <c r="D8426" i="2" s="1"/>
  <c r="D8427" i="2" a="1"/>
  <c r="D8427" i="2" s="1"/>
  <c r="E4450" i="2" a="1"/>
  <c r="E4450" i="2" s="1"/>
  <c r="E4467" i="2" a="1"/>
  <c r="E4467" i="2" s="1"/>
  <c r="E4464" i="2" a="1"/>
  <c r="E4464" i="2" s="1"/>
  <c r="E4451" i="2" a="1"/>
  <c r="E4451" i="2" s="1"/>
  <c r="E4458" i="2" a="1"/>
  <c r="E4458" i="2" s="1"/>
  <c r="E4463" i="2" a="1"/>
  <c r="E4463" i="2" s="1"/>
  <c r="E4460" i="2" a="1"/>
  <c r="E4460" i="2" s="1"/>
  <c r="E4466" i="2" a="1"/>
  <c r="E4466" i="2" s="1"/>
  <c r="E4473" i="2" a="1"/>
  <c r="E4473" i="2" s="1"/>
  <c r="E4453" i="2" a="1"/>
  <c r="E4453" i="2" s="1"/>
  <c r="E4465" i="2" a="1"/>
  <c r="E4465" i="2" s="1"/>
  <c r="H6512" i="2" a="1"/>
  <c r="H6512" i="2" s="1"/>
  <c r="H6504" i="2" a="1"/>
  <c r="H6504" i="2" s="1"/>
  <c r="H6493" i="2" a="1"/>
  <c r="H6493" i="2" s="1"/>
  <c r="H6502" i="2" a="1"/>
  <c r="H6502" i="2" s="1"/>
  <c r="H6508" i="2" a="1"/>
  <c r="H6508" i="2" s="1"/>
  <c r="H6505" i="2" a="1"/>
  <c r="H6505" i="2" s="1"/>
  <c r="H6513" i="2" a="1"/>
  <c r="H6513" i="2" s="1"/>
  <c r="H320" i="2" a="1"/>
  <c r="H320" i="2" s="1"/>
  <c r="H312" i="2" a="1"/>
  <c r="H312" i="2" s="1"/>
  <c r="H313" i="2" a="1"/>
  <c r="H313" i="2" s="1"/>
  <c r="H311" i="2" a="1"/>
  <c r="H311" i="2" s="1"/>
  <c r="H316" i="2" a="1"/>
  <c r="H316" i="2" s="1"/>
  <c r="H321" i="2" a="1"/>
  <c r="H321" i="2" s="1"/>
  <c r="H308" i="2" a="1"/>
  <c r="H308" i="2" s="1"/>
  <c r="H299" i="2" a="1"/>
  <c r="H299" i="2" s="1"/>
  <c r="H319" i="2" a="1"/>
  <c r="H319" i="2" s="1"/>
  <c r="H301" i="2" a="1"/>
  <c r="H301" i="2" s="1"/>
  <c r="H304" i="2" a="1"/>
  <c r="H304" i="2" s="1"/>
  <c r="H318" i="2" a="1"/>
  <c r="H318" i="2" s="1"/>
  <c r="E332" i="2" a="1"/>
  <c r="E332" i="2" s="1"/>
  <c r="E331" i="2" a="1"/>
  <c r="E331" i="2" s="1"/>
  <c r="H6003" i="2" a="1"/>
  <c r="H6003" i="2" s="1"/>
  <c r="H6007" i="2" a="1"/>
  <c r="H6007" i="2" s="1"/>
  <c r="H5993" i="2" a="1"/>
  <c r="H5993" i="2" s="1"/>
  <c r="F3271" i="2" a="1"/>
  <c r="F3271" i="2" s="1"/>
  <c r="F3268" i="2" a="1"/>
  <c r="F3268" i="2" s="1"/>
  <c r="F3255" i="2" a="1"/>
  <c r="F3255" i="2" s="1"/>
  <c r="AO293" i="1"/>
  <c r="E299" i="5" s="1"/>
  <c r="AN293" i="1"/>
  <c r="D299" i="5" s="1"/>
  <c r="AP293" i="1"/>
  <c r="F299" i="5" s="1"/>
  <c r="AM293" i="1"/>
  <c r="C299" i="5" s="1"/>
  <c r="D7965" i="2" a="1"/>
  <c r="D7965" i="2" s="1"/>
  <c r="D7958" i="2" a="1"/>
  <c r="D7958" i="2" s="1"/>
  <c r="D7957" i="2" a="1"/>
  <c r="D7957" i="2" s="1"/>
  <c r="F1817" i="2" a="1"/>
  <c r="F1817" i="2" s="1"/>
  <c r="F1811" i="2" a="1"/>
  <c r="F1811" i="2" s="1"/>
  <c r="F1828" i="2" a="1"/>
  <c r="F1828" i="2" s="1"/>
  <c r="F1818" i="2" a="1"/>
  <c r="F1818" i="2" s="1"/>
  <c r="H4379" i="2" a="1"/>
  <c r="H4379" i="2" s="1"/>
  <c r="H4390" i="2" a="1"/>
  <c r="H4390" i="2" s="1"/>
  <c r="H4460" i="2" a="1"/>
  <c r="H4460" i="2" s="1"/>
  <c r="H4461" i="2" a="1"/>
  <c r="H4461" i="2" s="1"/>
  <c r="G6475" i="2" a="1"/>
  <c r="G6475" i="2" s="1"/>
  <c r="G6474" i="2" a="1"/>
  <c r="G6474" i="2" s="1"/>
  <c r="D3875" i="2" a="1"/>
  <c r="D3875" i="2" s="1"/>
  <c r="D3894" i="2" a="1"/>
  <c r="D3894" i="2" s="1"/>
  <c r="D3885" i="2" a="1"/>
  <c r="D3885" i="2" s="1"/>
  <c r="D3897" i="2" a="1"/>
  <c r="D3897" i="2" s="1"/>
  <c r="D3890" i="2" a="1"/>
  <c r="D3890" i="2" s="1"/>
  <c r="D3887" i="2" a="1"/>
  <c r="D3887" i="2" s="1"/>
  <c r="D3882" i="2" a="1"/>
  <c r="D3882" i="2" s="1"/>
  <c r="D3874" i="2" a="1"/>
  <c r="D3874" i="2" s="1"/>
  <c r="D3886" i="2" a="1"/>
  <c r="D3886" i="2" s="1"/>
  <c r="D3878" i="2" a="1"/>
  <c r="D3878" i="2" s="1"/>
  <c r="D3879" i="2" a="1"/>
  <c r="D3879" i="2" s="1"/>
  <c r="D3889" i="2" a="1"/>
  <c r="D3889" i="2" s="1"/>
  <c r="D3881" i="2" a="1"/>
  <c r="D3881" i="2" s="1"/>
  <c r="F4871" i="2" a="1"/>
  <c r="F4871" i="2" s="1"/>
  <c r="F4878" i="2" a="1"/>
  <c r="F4878" i="2" s="1"/>
  <c r="F4870" i="2" a="1"/>
  <c r="F4870" i="2" s="1"/>
  <c r="E4358" i="2" a="1"/>
  <c r="E4358" i="2" s="1"/>
  <c r="E4364" i="2" a="1"/>
  <c r="E4364" i="2" s="1"/>
  <c r="E4370" i="2" a="1"/>
  <c r="E4370" i="2" s="1"/>
  <c r="E4372" i="2" a="1"/>
  <c r="E4372" i="2" s="1"/>
  <c r="E4363" i="2" a="1"/>
  <c r="E4363" i="2" s="1"/>
  <c r="E4359" i="2" a="1"/>
  <c r="E4359" i="2" s="1"/>
  <c r="E4361" i="2" a="1"/>
  <c r="E4361" i="2" s="1"/>
  <c r="E4362" i="2" a="1"/>
  <c r="E4362" i="2" s="1"/>
  <c r="E4369" i="2" a="1"/>
  <c r="E4369" i="2" s="1"/>
  <c r="F6149" i="2" a="1"/>
  <c r="F6149" i="2" s="1"/>
  <c r="F6139" i="2" a="1"/>
  <c r="F6139" i="2" s="1"/>
  <c r="F4673" i="2" a="1"/>
  <c r="F4673" i="2" s="1"/>
  <c r="F4672" i="2" a="1"/>
  <c r="F4672" i="2" s="1"/>
  <c r="L4672" i="2" s="1"/>
  <c r="L4646" i="5" s="1"/>
  <c r="E7430" i="2" a="1"/>
  <c r="E7430" i="2" s="1"/>
  <c r="E7428" i="2" a="1"/>
  <c r="E7428" i="2" s="1"/>
  <c r="E7443" i="2" a="1"/>
  <c r="E7443" i="2" s="1"/>
  <c r="E7444" i="2" a="1"/>
  <c r="E7444" i="2" s="1"/>
  <c r="E7431" i="2" a="1"/>
  <c r="E7431" i="2" s="1"/>
  <c r="D7138" i="2" a="1"/>
  <c r="D7138" i="2" s="1"/>
  <c r="D7142" i="2" a="1"/>
  <c r="D7142" i="2" s="1"/>
  <c r="E1451" i="2" a="1"/>
  <c r="E1451" i="2" s="1"/>
  <c r="E1470" i="2" a="1"/>
  <c r="E1470" i="2" s="1"/>
  <c r="E1473" i="2" a="1"/>
  <c r="E1473" i="2" s="1"/>
  <c r="E1454" i="2" a="1"/>
  <c r="E1454" i="2" s="1"/>
  <c r="E1463" i="2" a="1"/>
  <c r="E1463" i="2" s="1"/>
  <c r="E1467" i="2" a="1"/>
  <c r="E1467" i="2" s="1"/>
  <c r="E1472" i="2" a="1"/>
  <c r="E1472" i="2" s="1"/>
  <c r="E1456" i="2" a="1"/>
  <c r="E1456" i="2" s="1"/>
  <c r="G4605" i="2" a="1"/>
  <c r="G4605" i="2" s="1"/>
  <c r="G4603" i="2" a="1"/>
  <c r="G4603" i="2" s="1"/>
  <c r="G4609" i="2" a="1"/>
  <c r="G4609" i="2" s="1"/>
  <c r="G4601" i="2" a="1"/>
  <c r="G4601" i="2" s="1"/>
  <c r="G4149" i="2" a="1"/>
  <c r="G4149" i="2" s="1"/>
  <c r="AP173" i="1"/>
  <c r="F179" i="5" s="1"/>
  <c r="G4152" i="2" a="1"/>
  <c r="G4152" i="2" s="1"/>
  <c r="G4153" i="2" a="1"/>
  <c r="G4153" i="2" s="1"/>
  <c r="AO173" i="1"/>
  <c r="E179" i="5" s="1"/>
  <c r="G4142" i="2" a="1"/>
  <c r="G4142" i="2" s="1"/>
  <c r="G4156" i="2" a="1"/>
  <c r="G4156" i="2" s="1"/>
  <c r="G4144" i="2" a="1"/>
  <c r="G4144" i="2" s="1"/>
  <c r="G4143" i="2" a="1"/>
  <c r="G4143" i="2" s="1"/>
  <c r="G4154" i="2" a="1"/>
  <c r="G4154" i="2" s="1"/>
  <c r="G4145" i="2" a="1"/>
  <c r="G4145" i="2" s="1"/>
  <c r="G4150" i="2" a="1"/>
  <c r="G4150" i="2" s="1"/>
  <c r="G4160" i="2" a="1"/>
  <c r="G4160" i="2" s="1"/>
  <c r="G4148" i="2" a="1"/>
  <c r="G4148" i="2" s="1"/>
  <c r="G2895" i="2" a="1"/>
  <c r="G2895" i="2" s="1"/>
  <c r="G2890" i="2" a="1"/>
  <c r="G2890" i="2" s="1"/>
  <c r="G2901" i="2" a="1"/>
  <c r="G2901" i="2" s="1"/>
  <c r="G2907" i="2" a="1"/>
  <c r="G2907" i="2" s="1"/>
  <c r="G2894" i="2" a="1"/>
  <c r="G2894" i="2" s="1"/>
  <c r="G2896" i="2" a="1"/>
  <c r="G2896" i="2" s="1"/>
  <c r="G2891" i="2" a="1"/>
  <c r="G2891" i="2" s="1"/>
  <c r="G2912" i="2" a="1"/>
  <c r="G2912" i="2" s="1"/>
  <c r="G2903" i="2" a="1"/>
  <c r="G2903" i="2" s="1"/>
  <c r="G2893" i="2" a="1"/>
  <c r="G2893" i="2" s="1"/>
  <c r="D3073" i="2" a="1"/>
  <c r="D3073" i="2" s="1"/>
  <c r="D3079" i="2" a="1"/>
  <c r="D3079" i="2" s="1"/>
  <c r="D3066" i="2" a="1"/>
  <c r="D3066" i="2" s="1"/>
  <c r="D3068" i="2" a="1"/>
  <c r="D3068" i="2" s="1"/>
  <c r="D3075" i="2" a="1"/>
  <c r="D3075" i="2" s="1"/>
  <c r="D3064" i="2" a="1"/>
  <c r="D3064" i="2" s="1"/>
  <c r="D3061" i="2" a="1"/>
  <c r="D3061" i="2" s="1"/>
  <c r="AQ128" i="1"/>
  <c r="G134" i="5" s="1"/>
  <c r="D3065" i="2" a="1"/>
  <c r="D3065" i="2" s="1"/>
  <c r="D3069" i="2" a="1"/>
  <c r="D3069" i="2" s="1"/>
  <c r="D3076" i="2" a="1"/>
  <c r="D3076" i="2" s="1"/>
  <c r="AP128" i="1"/>
  <c r="F134" i="5" s="1"/>
  <c r="AN128" i="1"/>
  <c r="D134" i="5" s="1"/>
  <c r="F4998" i="2" a="1"/>
  <c r="F4998" i="2" s="1"/>
  <c r="F4979" i="2" a="1"/>
  <c r="F4979" i="2" s="1"/>
  <c r="F4994" i="2" a="1"/>
  <c r="F4994" i="2" s="1"/>
  <c r="F4989" i="2" a="1"/>
  <c r="F4989" i="2" s="1"/>
  <c r="F4992" i="2" a="1"/>
  <c r="F4992" i="2" s="1"/>
  <c r="F4993" i="2" a="1"/>
  <c r="F4993" i="2" s="1"/>
  <c r="F4990" i="2" a="1"/>
  <c r="F4990" i="2" s="1"/>
  <c r="F4996" i="2" a="1"/>
  <c r="F4996" i="2" s="1"/>
  <c r="F4986" i="2" a="1"/>
  <c r="F4986" i="2" s="1"/>
  <c r="F4984" i="2" a="1"/>
  <c r="F4984" i="2" s="1"/>
  <c r="F4997" i="2" a="1"/>
  <c r="F4997" i="2" s="1"/>
  <c r="F5001" i="2" a="1"/>
  <c r="F5001" i="2" s="1"/>
  <c r="F1994" i="2" a="1"/>
  <c r="F1994" i="2" s="1"/>
  <c r="AQ83" i="1"/>
  <c r="G89" i="5" s="1"/>
  <c r="AP83" i="1"/>
  <c r="H8527" i="2" a="1"/>
  <c r="H8527" i="2" s="1"/>
  <c r="H8508" i="2" a="1"/>
  <c r="H8508" i="2" s="1"/>
  <c r="H8513" i="2" a="1"/>
  <c r="H8513" i="2" s="1"/>
  <c r="H8506" i="2" a="1"/>
  <c r="H8506" i="2" s="1"/>
  <c r="H8509" i="2" a="1"/>
  <c r="H8509" i="2" s="1"/>
  <c r="H8507" i="2" a="1"/>
  <c r="H8507" i="2" s="1"/>
  <c r="H8528" i="2" a="1"/>
  <c r="H8528" i="2" s="1"/>
  <c r="H8519" i="2" a="1"/>
  <c r="H8519" i="2" s="1"/>
  <c r="H8510" i="2" a="1"/>
  <c r="H8510" i="2" s="1"/>
  <c r="H8523" i="2" a="1"/>
  <c r="H8523" i="2" s="1"/>
  <c r="H4706" i="2" a="1"/>
  <c r="H4706" i="2" s="1"/>
  <c r="H4713" i="2" a="1"/>
  <c r="H4713" i="2" s="1"/>
  <c r="E7731" i="2" a="1"/>
  <c r="E7731" i="2" s="1"/>
  <c r="E7719" i="2" a="1"/>
  <c r="E7719" i="2" s="1"/>
  <c r="E1678" i="2" a="1"/>
  <c r="E1678" i="2" s="1"/>
  <c r="E1686" i="2" a="1"/>
  <c r="E1686" i="2" s="1"/>
  <c r="E1671" i="2" a="1"/>
  <c r="E1671" i="2" s="1"/>
  <c r="E1682" i="2" a="1"/>
  <c r="E1682" i="2" s="1"/>
  <c r="E1674" i="2" a="1"/>
  <c r="E1674" i="2" s="1"/>
  <c r="E1681" i="2" a="1"/>
  <c r="E1681" i="2" s="1"/>
  <c r="E4366" i="2" a="1"/>
  <c r="E4366" i="2" s="1"/>
  <c r="F6049" i="2" a="1"/>
  <c r="F6049" i="2" s="1"/>
  <c r="F6051" i="2" a="1"/>
  <c r="F6051" i="2" s="1"/>
  <c r="H1617" i="2" a="1"/>
  <c r="H1617" i="2" s="1"/>
  <c r="H1612" i="2" a="1"/>
  <c r="H1612" i="2" s="1"/>
  <c r="D5437" i="2" a="1"/>
  <c r="D5437" i="2" s="1"/>
  <c r="D5436" i="2" a="1"/>
  <c r="D5436" i="2" s="1"/>
  <c r="F7844" i="2" a="1"/>
  <c r="F7844" i="2" s="1"/>
  <c r="F7843" i="2" a="1"/>
  <c r="F7843" i="2" s="1"/>
  <c r="AN305" i="1"/>
  <c r="D311" i="5" s="1"/>
  <c r="AQ305" i="1"/>
  <c r="G311" i="5" s="1"/>
  <c r="D7324" i="2" a="1"/>
  <c r="D7324" i="2" s="1"/>
  <c r="H8615" i="2" a="1"/>
  <c r="H8615" i="2" s="1"/>
  <c r="H8607" i="2" a="1"/>
  <c r="H8607" i="2" s="1"/>
  <c r="H8623" i="2" a="1"/>
  <c r="H8623" i="2" s="1"/>
  <c r="H5135" i="2" a="1"/>
  <c r="H5135" i="2" s="1"/>
  <c r="H5143" i="2" a="1"/>
  <c r="H5143" i="2" s="1"/>
  <c r="H5140" i="2" a="1"/>
  <c r="H5140" i="2" s="1"/>
  <c r="H5141" i="2" a="1"/>
  <c r="H5141" i="2" s="1"/>
  <c r="D7779" i="2" a="1"/>
  <c r="D7779" i="2" s="1"/>
  <c r="D7775" i="2" a="1"/>
  <c r="D7775" i="2" s="1"/>
  <c r="D7783" i="2" a="1"/>
  <c r="D7783" i="2" s="1"/>
  <c r="F224" i="2" a="1"/>
  <c r="F224" i="2" s="1"/>
  <c r="F213" i="2" a="1"/>
  <c r="F213" i="2" s="1"/>
  <c r="D1164" i="2" a="1"/>
  <c r="D1164" i="2" s="1"/>
  <c r="D1174" i="2" a="1"/>
  <c r="D1174" i="2" s="1"/>
  <c r="D1176" i="2" a="1"/>
  <c r="D1176" i="2" s="1"/>
  <c r="D8352" i="2" a="1"/>
  <c r="D8352" i="2" s="1"/>
  <c r="D8338" i="2" a="1"/>
  <c r="D8338" i="2" s="1"/>
  <c r="D8358" i="2" a="1"/>
  <c r="D8358" i="2" s="1"/>
  <c r="D8348" i="2" a="1"/>
  <c r="D8348" i="2" s="1"/>
  <c r="D8353" i="2" a="1"/>
  <c r="D8353" i="2" s="1"/>
  <c r="D8357" i="2" a="1"/>
  <c r="D8357" i="2" s="1"/>
  <c r="H1158" i="2" a="1"/>
  <c r="H1158" i="2" s="1"/>
  <c r="H1161" i="2" a="1"/>
  <c r="H1161" i="2" s="1"/>
  <c r="E5537" i="2" a="1"/>
  <c r="E5537" i="2" s="1"/>
  <c r="E5550" i="2" a="1"/>
  <c r="E5550" i="2" s="1"/>
  <c r="E5533" i="2" a="1"/>
  <c r="E5533" i="2" s="1"/>
  <c r="E5553" i="2" a="1"/>
  <c r="E5553" i="2" s="1"/>
  <c r="E5539" i="2" a="1"/>
  <c r="E5539" i="2" s="1"/>
  <c r="F6133" i="2" a="1"/>
  <c r="F6133" i="2" s="1"/>
  <c r="F6674" i="2" a="1"/>
  <c r="F6674" i="2" s="1"/>
  <c r="F6667" i="2" a="1"/>
  <c r="F6667" i="2" s="1"/>
  <c r="F6680" i="2" a="1"/>
  <c r="F6680" i="2" s="1"/>
  <c r="E4360" i="2" a="1"/>
  <c r="E4360" i="2" s="1"/>
  <c r="H8259" i="2" a="1"/>
  <c r="H8259" i="2" s="1"/>
  <c r="H1687" i="2" a="1"/>
  <c r="H1687" i="2" s="1"/>
  <c r="H8255" i="2" a="1"/>
  <c r="H8255" i="2" s="1"/>
  <c r="D3896" i="2" a="1"/>
  <c r="D3896" i="2" s="1"/>
  <c r="AQ55" i="1"/>
  <c r="G61" i="5" s="1"/>
  <c r="AP55" i="1"/>
  <c r="D5044" i="2" a="1"/>
  <c r="D5044" i="2" s="1"/>
  <c r="D3880" i="2" a="1"/>
  <c r="D3880" i="2" s="1"/>
  <c r="E4355" i="2" a="1"/>
  <c r="E4355" i="2" s="1"/>
  <c r="G39" i="2" a="1"/>
  <c r="G39" i="2" s="1"/>
  <c r="D5814" i="2" a="1"/>
  <c r="D5814" i="2" s="1"/>
  <c r="E4377" i="2" a="1"/>
  <c r="E4377" i="2" s="1"/>
  <c r="D5802" i="2" a="1"/>
  <c r="D5802" i="2" s="1"/>
  <c r="D3893" i="2" a="1"/>
  <c r="D3893" i="2" s="1"/>
  <c r="D1310" i="2" a="1"/>
  <c r="D1310" i="2" s="1"/>
  <c r="F3135" i="2" a="1"/>
  <c r="F3135" i="2" s="1"/>
  <c r="AQ131" i="1"/>
  <c r="G137" i="5" s="1"/>
  <c r="D3876" i="2" a="1"/>
  <c r="D3876" i="2" s="1"/>
  <c r="E4356" i="2" a="1"/>
  <c r="E4356" i="2" s="1"/>
  <c r="D2875" i="2" a="1"/>
  <c r="D2875" i="2" s="1"/>
  <c r="D3891" i="2" a="1"/>
  <c r="D3891" i="2" s="1"/>
  <c r="G4159" i="2" a="1"/>
  <c r="G4159" i="2" s="1"/>
  <c r="E1052" i="2" a="1"/>
  <c r="E1052" i="2" s="1"/>
  <c r="G2630" i="2" a="1"/>
  <c r="G2630" i="2" s="1"/>
  <c r="H8470" i="2" a="1"/>
  <c r="H8470" i="2" s="1"/>
  <c r="F8604" i="2" a="1"/>
  <c r="F8604" i="2" s="1"/>
  <c r="G5553" i="2" a="1"/>
  <c r="G5553" i="2" s="1"/>
  <c r="D7575" i="2" a="1"/>
  <c r="D7575" i="2" s="1"/>
  <c r="D7576" i="2" a="1"/>
  <c r="D7576" i="2" s="1"/>
  <c r="D7584" i="2" a="1"/>
  <c r="D7584" i="2" s="1"/>
  <c r="D3884" i="2" a="1"/>
  <c r="D3884" i="2" s="1"/>
  <c r="D3883" i="2" a="1"/>
  <c r="D3883" i="2" s="1"/>
  <c r="D3892" i="2" a="1"/>
  <c r="D3892" i="2" s="1"/>
  <c r="E4375" i="2" a="1"/>
  <c r="E4375" i="2" s="1"/>
  <c r="D3877" i="2" a="1"/>
  <c r="D3877" i="2" s="1"/>
  <c r="D3888" i="2" a="1"/>
  <c r="D3888" i="2" s="1"/>
  <c r="G4140" i="2" a="1"/>
  <c r="G4140" i="2" s="1"/>
  <c r="E1044" i="2" a="1"/>
  <c r="E1044" i="2" s="1"/>
  <c r="D5833" i="2" a="1"/>
  <c r="D5833" i="2" s="1"/>
  <c r="H8465" i="2" a="1"/>
  <c r="H8465" i="2" s="1"/>
  <c r="AP61" i="1"/>
  <c r="F67" i="5" s="1"/>
  <c r="AM83" i="1"/>
  <c r="C89" i="5" s="1"/>
  <c r="AO167" i="1"/>
  <c r="E173" i="5" s="1"/>
  <c r="AN45" i="1"/>
  <c r="D51" i="5" s="1"/>
  <c r="AN201" i="1"/>
  <c r="D207" i="5" s="1"/>
  <c r="G7272" i="2" a="1"/>
  <c r="G7272" i="2" s="1"/>
  <c r="H2680" i="2" a="1"/>
  <c r="H2680" i="2" s="1"/>
  <c r="G6317" i="2" a="1"/>
  <c r="G6317" i="2" s="1"/>
  <c r="G8351" i="2" a="1"/>
  <c r="G8351" i="2" s="1"/>
  <c r="F749" i="2" a="1"/>
  <c r="F749" i="2" s="1"/>
  <c r="G4051" i="2" a="1"/>
  <c r="G4051" i="2" s="1"/>
  <c r="H1106" i="2" a="1"/>
  <c r="H1106" i="2" s="1"/>
  <c r="G5687" i="2" a="1"/>
  <c r="G5687" i="2" s="1"/>
  <c r="D7803" i="2" a="1"/>
  <c r="D7803" i="2" s="1"/>
  <c r="H1933" i="2" a="1"/>
  <c r="H1933" i="2" s="1"/>
  <c r="G8635" i="2" a="1"/>
  <c r="G8635" i="2" s="1"/>
  <c r="F3695" i="2" a="1"/>
  <c r="F3695" i="2" s="1"/>
  <c r="E6338" i="2" a="1"/>
  <c r="E6338" i="2" s="1"/>
  <c r="E5374" i="2" a="1"/>
  <c r="E5374" i="2" s="1"/>
  <c r="G4659" i="2" a="1"/>
  <c r="G4659" i="2" s="1"/>
  <c r="D1235" i="2" a="1"/>
  <c r="D1235" i="2" s="1"/>
  <c r="E6340" i="2" a="1"/>
  <c r="E6340" i="2" s="1"/>
  <c r="G1509" i="2" a="1"/>
  <c r="G1509" i="2" s="1"/>
  <c r="G7266" i="2" a="1"/>
  <c r="G7266" i="2" s="1"/>
  <c r="H2675" i="2" a="1"/>
  <c r="H2675" i="2" s="1"/>
  <c r="G6314" i="2" a="1"/>
  <c r="G6314" i="2" s="1"/>
  <c r="G8354" i="2" a="1"/>
  <c r="G8354" i="2" s="1"/>
  <c r="F730" i="2" a="1"/>
  <c r="F730" i="2" s="1"/>
  <c r="G4045" i="2" a="1"/>
  <c r="G4045" i="2" s="1"/>
  <c r="G3285" i="2" a="1"/>
  <c r="G3285" i="2" s="1"/>
  <c r="H1112" i="2" a="1"/>
  <c r="H1112" i="2" s="1"/>
  <c r="G5681" i="2" a="1"/>
  <c r="G5681" i="2" s="1"/>
  <c r="D7795" i="2" a="1"/>
  <c r="D7795" i="2" s="1"/>
  <c r="H1938" i="2" a="1"/>
  <c r="H1938" i="2" s="1"/>
  <c r="G8628" i="2" a="1"/>
  <c r="G8628" i="2" s="1"/>
  <c r="F3694" i="2" a="1"/>
  <c r="F3694" i="2" s="1"/>
  <c r="E6339" i="2" a="1"/>
  <c r="E6339" i="2" s="1"/>
  <c r="F3014" i="2" a="1"/>
  <c r="F3014" i="2" s="1"/>
  <c r="G1514" i="2" a="1"/>
  <c r="G1514" i="2" s="1"/>
  <c r="H6629" i="2" a="1"/>
  <c r="H6629" i="2" s="1"/>
  <c r="G7281" i="2" a="1"/>
  <c r="G7281" i="2" s="1"/>
  <c r="G7258" i="2" a="1"/>
  <c r="G7258" i="2" s="1"/>
  <c r="H2693" i="2" a="1"/>
  <c r="H2693" i="2" s="1"/>
  <c r="G6315" i="2" a="1"/>
  <c r="G6315" i="2" s="1"/>
  <c r="G8355" i="2" a="1"/>
  <c r="G8355" i="2" s="1"/>
  <c r="F745" i="2" a="1"/>
  <c r="F745" i="2" s="1"/>
  <c r="G4048" i="2" a="1"/>
  <c r="G4048" i="2" s="1"/>
  <c r="H1108" i="2" a="1"/>
  <c r="H1108" i="2" s="1"/>
  <c r="G5678" i="2" a="1"/>
  <c r="G5678" i="2" s="1"/>
  <c r="D7787" i="2" a="1"/>
  <c r="D7787" i="2" s="1"/>
  <c r="G8642" i="2" a="1"/>
  <c r="G8642" i="2" s="1"/>
  <c r="F3683" i="2" a="1"/>
  <c r="F3683" i="2" s="1"/>
  <c r="E6323" i="2" a="1"/>
  <c r="E6323" i="2" s="1"/>
  <c r="F3022" i="2" a="1"/>
  <c r="F3022" i="2" s="1"/>
  <c r="H6624" i="2" a="1"/>
  <c r="H6624" i="2" s="1"/>
  <c r="G7271" i="2" a="1"/>
  <c r="G7271" i="2" s="1"/>
  <c r="H2682" i="2" a="1"/>
  <c r="H2682" i="2" s="1"/>
  <c r="G6310" i="2" a="1"/>
  <c r="G6310" i="2" s="1"/>
  <c r="G8352" i="2" a="1"/>
  <c r="G8352" i="2" s="1"/>
  <c r="F735" i="2" a="1"/>
  <c r="F735" i="2" s="1"/>
  <c r="G4047" i="2" a="1"/>
  <c r="G4047" i="2" s="1"/>
  <c r="H1091" i="2" a="1"/>
  <c r="H1091" i="2" s="1"/>
  <c r="H1092" i="2" a="1"/>
  <c r="H1092" i="2" s="1"/>
  <c r="G5686" i="2" a="1"/>
  <c r="G5686" i="2" s="1"/>
  <c r="D7809" i="2" a="1"/>
  <c r="D7809" i="2" s="1"/>
  <c r="G8636" i="2" a="1"/>
  <c r="G8636" i="2" s="1"/>
  <c r="F3697" i="2" a="1"/>
  <c r="F3697" i="2" s="1"/>
  <c r="F3023" i="2" a="1"/>
  <c r="F3023" i="2" s="1"/>
  <c r="G4643" i="2" a="1"/>
  <c r="G4643" i="2" s="1"/>
  <c r="H6615" i="2" a="1"/>
  <c r="H6615" i="2" s="1"/>
  <c r="G7270" i="2" a="1"/>
  <c r="G7270" i="2" s="1"/>
  <c r="H2678" i="2" a="1"/>
  <c r="H2678" i="2" s="1"/>
  <c r="G6316" i="2" a="1"/>
  <c r="G6316" i="2" s="1"/>
  <c r="F736" i="2" a="1"/>
  <c r="F736" i="2" s="1"/>
  <c r="E8389" i="2" a="1"/>
  <c r="E8389" i="2" s="1"/>
  <c r="G4062" i="2" a="1"/>
  <c r="G4062" i="2" s="1"/>
  <c r="H1102" i="2" a="1"/>
  <c r="H1102" i="2" s="1"/>
  <c r="G5692" i="2" a="1"/>
  <c r="G5692" i="2" s="1"/>
  <c r="G5676" i="2" a="1"/>
  <c r="G5676" i="2" s="1"/>
  <c r="D7805" i="2" a="1"/>
  <c r="D7805" i="2" s="1"/>
  <c r="F4272" i="2" a="1"/>
  <c r="F4272" i="2" s="1"/>
  <c r="G8645" i="2" a="1"/>
  <c r="G8645" i="2" s="1"/>
  <c r="F3693" i="2" a="1"/>
  <c r="F3693" i="2" s="1"/>
  <c r="E2477" i="2" a="1"/>
  <c r="E2477" i="2" s="1"/>
  <c r="F3011" i="2" a="1"/>
  <c r="F3011" i="2" s="1"/>
  <c r="G4665" i="2" a="1"/>
  <c r="G4665" i="2" s="1"/>
  <c r="H6622" i="2" a="1"/>
  <c r="H6622" i="2" s="1"/>
  <c r="E4942" i="2" a="1"/>
  <c r="E4942" i="2" s="1"/>
  <c r="E4944" i="2" a="1"/>
  <c r="E4944" i="2" s="1"/>
  <c r="E4953" i="2" a="1"/>
  <c r="E4953" i="2" s="1"/>
  <c r="E4940" i="2" a="1"/>
  <c r="E4940" i="2" s="1"/>
  <c r="E4947" i="2" a="1"/>
  <c r="E4947" i="2" s="1"/>
  <c r="E4930" i="2" a="1"/>
  <c r="E4930" i="2" s="1"/>
  <c r="E4933" i="2" a="1"/>
  <c r="E4933" i="2" s="1"/>
  <c r="E4938" i="2" a="1"/>
  <c r="E4938" i="2" s="1"/>
  <c r="E4951" i="2" a="1"/>
  <c r="E4951" i="2" s="1"/>
  <c r="E4948" i="2" a="1"/>
  <c r="E4948" i="2" s="1"/>
  <c r="E4939" i="2" a="1"/>
  <c r="E4939" i="2" s="1"/>
  <c r="E4949" i="2" a="1"/>
  <c r="E4949" i="2" s="1"/>
  <c r="E4937" i="2" a="1"/>
  <c r="E4937" i="2" s="1"/>
  <c r="E4952" i="2" a="1"/>
  <c r="E4952" i="2" s="1"/>
  <c r="E4941" i="2" a="1"/>
  <c r="E4941" i="2" s="1"/>
  <c r="E4950" i="2" a="1"/>
  <c r="E4950" i="2" s="1"/>
  <c r="E4945" i="2" a="1"/>
  <c r="E4945" i="2" s="1"/>
  <c r="E4934" i="2" a="1"/>
  <c r="E4934" i="2" s="1"/>
  <c r="E4935" i="2" a="1"/>
  <c r="E4935" i="2" s="1"/>
  <c r="E4932" i="2" a="1"/>
  <c r="E4932" i="2" s="1"/>
  <c r="H1669" i="2" a="1"/>
  <c r="H1669" i="2" s="1"/>
  <c r="H1675" i="2" a="1"/>
  <c r="H1675" i="2" s="1"/>
  <c r="H1681" i="2" a="1"/>
  <c r="H1681" i="2" s="1"/>
  <c r="H1683" i="2" a="1"/>
  <c r="H1683" i="2" s="1"/>
  <c r="H1679" i="2" a="1"/>
  <c r="H1679" i="2" s="1"/>
  <c r="H1680" i="2" a="1"/>
  <c r="H1680" i="2" s="1"/>
  <c r="H1674" i="2" a="1"/>
  <c r="H1674" i="2" s="1"/>
  <c r="H1666" i="2" a="1"/>
  <c r="H1666" i="2" s="1"/>
  <c r="H1667" i="2" a="1"/>
  <c r="H1667" i="2" s="1"/>
  <c r="H1671" i="2" a="1"/>
  <c r="H1671" i="2" s="1"/>
  <c r="H1672" i="2" a="1"/>
  <c r="H1672" i="2" s="1"/>
  <c r="H1686" i="2" a="1"/>
  <c r="H1686" i="2" s="1"/>
  <c r="H1676" i="2" a="1"/>
  <c r="H1676" i="2" s="1"/>
  <c r="H1689" i="2" a="1"/>
  <c r="H1689" i="2" s="1"/>
  <c r="H1668" i="2" a="1"/>
  <c r="H1668" i="2" s="1"/>
  <c r="H1684" i="2" a="1"/>
  <c r="H1684" i="2" s="1"/>
  <c r="F7832" i="2" a="1"/>
  <c r="F7832" i="2" s="1"/>
  <c r="F7831" i="2" a="1"/>
  <c r="F7831" i="2" s="1"/>
  <c r="F7826" i="2" a="1"/>
  <c r="F7826" i="2" s="1"/>
  <c r="F7814" i="2" a="1"/>
  <c r="F7814" i="2" s="1"/>
  <c r="H8083" i="2" a="1"/>
  <c r="H8083" i="2" s="1"/>
  <c r="H8089" i="2" a="1"/>
  <c r="H8089" i="2" s="1"/>
  <c r="H8088" i="2" a="1"/>
  <c r="H8088" i="2" s="1"/>
  <c r="H8090" i="2" a="1"/>
  <c r="H8090" i="2" s="1"/>
  <c r="H8096" i="2" a="1"/>
  <c r="H8096" i="2" s="1"/>
  <c r="H8079" i="2" a="1"/>
  <c r="H8079" i="2" s="1"/>
  <c r="H8091" i="2" a="1"/>
  <c r="H8091" i="2" s="1"/>
  <c r="H8094" i="2" a="1"/>
  <c r="H8094" i="2" s="1"/>
  <c r="H8095" i="2" a="1"/>
  <c r="H8095" i="2" s="1"/>
  <c r="H5784" i="2" a="1"/>
  <c r="H5784" i="2" s="1"/>
  <c r="H5782" i="2" a="1"/>
  <c r="H5782" i="2" s="1"/>
  <c r="H5779" i="2" a="1"/>
  <c r="H5779" i="2" s="1"/>
  <c r="H5780" i="2" a="1"/>
  <c r="H5780" i="2" s="1"/>
  <c r="H5774" i="2" a="1"/>
  <c r="H5774" i="2" s="1"/>
  <c r="H5792" i="2" a="1"/>
  <c r="H5792" i="2" s="1"/>
  <c r="H5793" i="2" a="1"/>
  <c r="H5793" i="2" s="1"/>
  <c r="H5789" i="2" a="1"/>
  <c r="H5789" i="2" s="1"/>
  <c r="H5791" i="2" a="1"/>
  <c r="H5791" i="2" s="1"/>
  <c r="H5770" i="2" a="1"/>
  <c r="H5770" i="2" s="1"/>
  <c r="H5773" i="2" a="1"/>
  <c r="H5773" i="2" s="1"/>
  <c r="H5776" i="2" a="1"/>
  <c r="H5776" i="2" s="1"/>
  <c r="H5777" i="2" a="1"/>
  <c r="H5777" i="2" s="1"/>
  <c r="H5787" i="2" a="1"/>
  <c r="H5787" i="2" s="1"/>
  <c r="H5783" i="2" a="1"/>
  <c r="H5783" i="2" s="1"/>
  <c r="G4319" i="2" a="1"/>
  <c r="G4319" i="2" s="1"/>
  <c r="G4308" i="2" a="1"/>
  <c r="G4308" i="2" s="1"/>
  <c r="G4329" i="2" a="1"/>
  <c r="G4329" i="2" s="1"/>
  <c r="G4317" i="2" a="1"/>
  <c r="G4317" i="2" s="1"/>
  <c r="G4327" i="2" a="1"/>
  <c r="G4327" i="2" s="1"/>
  <c r="G4322" i="2" a="1"/>
  <c r="G4322" i="2" s="1"/>
  <c r="G4316" i="2" a="1"/>
  <c r="G4316" i="2" s="1"/>
  <c r="G4311" i="2" a="1"/>
  <c r="G4311" i="2" s="1"/>
  <c r="G4313" i="2" a="1"/>
  <c r="G4313" i="2" s="1"/>
  <c r="G4321" i="2" a="1"/>
  <c r="G4321" i="2" s="1"/>
  <c r="G4325" i="2" a="1"/>
  <c r="G4325" i="2" s="1"/>
  <c r="G4326" i="2" a="1"/>
  <c r="G4326" i="2" s="1"/>
  <c r="K4326" i="2" s="1"/>
  <c r="K4300" i="5" s="1"/>
  <c r="G4328" i="2" a="1"/>
  <c r="G4328" i="2" s="1"/>
  <c r="G4314" i="2" a="1"/>
  <c r="G4314" i="2" s="1"/>
  <c r="G4323" i="2" a="1"/>
  <c r="G4323" i="2" s="1"/>
  <c r="G4320" i="2" a="1"/>
  <c r="G4320" i="2" s="1"/>
  <c r="G4324" i="2" a="1"/>
  <c r="G4324" i="2" s="1"/>
  <c r="G4315" i="2" a="1"/>
  <c r="G4315" i="2" s="1"/>
  <c r="G4318" i="2" a="1"/>
  <c r="G4318" i="2" s="1"/>
  <c r="G4309" i="2" a="1"/>
  <c r="G4309" i="2" s="1"/>
  <c r="G4306" i="2" a="1"/>
  <c r="G4306" i="2" s="1"/>
  <c r="G4307" i="2" a="1"/>
  <c r="G4307" i="2" s="1"/>
  <c r="AQ180" i="1"/>
  <c r="G186" i="5" s="1"/>
  <c r="D758" i="2" a="1"/>
  <c r="D758" i="2" s="1"/>
  <c r="AN32" i="1"/>
  <c r="D38" i="5" s="1"/>
  <c r="D766" i="2" a="1"/>
  <c r="D766" i="2" s="1"/>
  <c r="AQ32" i="1"/>
  <c r="G38" i="5" s="1"/>
  <c r="D770" i="2" a="1"/>
  <c r="D770" i="2" s="1"/>
  <c r="AO32" i="1"/>
  <c r="E38" i="5" s="1"/>
  <c r="D759" i="2" a="1"/>
  <c r="D759" i="2" s="1"/>
  <c r="AM32" i="1"/>
  <c r="C38" i="5" s="1"/>
  <c r="D762" i="2" a="1"/>
  <c r="D762" i="2" s="1"/>
  <c r="D773" i="2" a="1"/>
  <c r="D773" i="2" s="1"/>
  <c r="D765" i="2" a="1"/>
  <c r="D765" i="2" s="1"/>
  <c r="D769" i="2" a="1"/>
  <c r="D769" i="2" s="1"/>
  <c r="D777" i="2" a="1"/>
  <c r="D777" i="2" s="1"/>
  <c r="D774" i="2" a="1"/>
  <c r="D774" i="2" s="1"/>
  <c r="D760" i="2" a="1"/>
  <c r="D760" i="2" s="1"/>
  <c r="D761" i="2" a="1"/>
  <c r="D761" i="2" s="1"/>
  <c r="D764" i="2" a="1"/>
  <c r="D764" i="2" s="1"/>
  <c r="D776" i="2" a="1"/>
  <c r="D776" i="2" s="1"/>
  <c r="D755" i="2" a="1"/>
  <c r="D755" i="2" s="1"/>
  <c r="D756" i="2" a="1"/>
  <c r="D756" i="2" s="1"/>
  <c r="D757" i="2" a="1"/>
  <c r="D757" i="2" s="1"/>
  <c r="D763" i="2" a="1"/>
  <c r="D763" i="2" s="1"/>
  <c r="AN290" i="1"/>
  <c r="D296" i="5" s="1"/>
  <c r="D6948" i="2" a="1"/>
  <c r="D6948" i="2" s="1"/>
  <c r="AM290" i="1"/>
  <c r="C296" i="5" s="1"/>
  <c r="D6965" i="2" a="1"/>
  <c r="D6965" i="2" s="1"/>
  <c r="D6949" i="2" a="1"/>
  <c r="D6949" i="2" s="1"/>
  <c r="D6968" i="2" a="1"/>
  <c r="D6968" i="2" s="1"/>
  <c r="D6957" i="2" a="1"/>
  <c r="D6957" i="2" s="1"/>
  <c r="D6952" i="2" a="1"/>
  <c r="D6952" i="2" s="1"/>
  <c r="D6969" i="2" a="1"/>
  <c r="D6969" i="2" s="1"/>
  <c r="D6951" i="2" a="1"/>
  <c r="D6951" i="2" s="1"/>
  <c r="D6959" i="2" a="1"/>
  <c r="D6959" i="2" s="1"/>
  <c r="D6967" i="2" a="1"/>
  <c r="D6967" i="2" s="1"/>
  <c r="D6950" i="2" a="1"/>
  <c r="D6950" i="2" s="1"/>
  <c r="D6954" i="2" a="1"/>
  <c r="D6954" i="2" s="1"/>
  <c r="D6966" i="2" a="1"/>
  <c r="D6966" i="2" s="1"/>
  <c r="D6964" i="2" a="1"/>
  <c r="D6964" i="2" s="1"/>
  <c r="AO290" i="1"/>
  <c r="D6961" i="2" a="1"/>
  <c r="D6961" i="2" s="1"/>
  <c r="D6947" i="2" a="1"/>
  <c r="D6947" i="2" s="1"/>
  <c r="D6962" i="2" a="1"/>
  <c r="D6962" i="2" s="1"/>
  <c r="F6003" i="2" a="1"/>
  <c r="F6003" i="2" s="1"/>
  <c r="F5997" i="2" a="1"/>
  <c r="F5997" i="2" s="1"/>
  <c r="F5995" i="2" a="1"/>
  <c r="F5995" i="2" s="1"/>
  <c r="F5991" i="2" a="1"/>
  <c r="F5991" i="2" s="1"/>
  <c r="F5994" i="2" a="1"/>
  <c r="F5994" i="2" s="1"/>
  <c r="F5987" i="2" a="1"/>
  <c r="F5987" i="2" s="1"/>
  <c r="F5993" i="2" a="1"/>
  <c r="F5993" i="2" s="1"/>
  <c r="F5989" i="2" a="1"/>
  <c r="F5989" i="2" s="1"/>
  <c r="F5996" i="2" a="1"/>
  <c r="F5996" i="2" s="1"/>
  <c r="F5992" i="2" a="1"/>
  <c r="F5992" i="2" s="1"/>
  <c r="F5986" i="2" a="1"/>
  <c r="F5986" i="2" s="1"/>
  <c r="F6007" i="2" a="1"/>
  <c r="F6007" i="2" s="1"/>
  <c r="F6008" i="2" a="1"/>
  <c r="F6008" i="2" s="1"/>
  <c r="F6004" i="2" a="1"/>
  <c r="F6004" i="2" s="1"/>
  <c r="F6005" i="2" a="1"/>
  <c r="F6005" i="2" s="1"/>
  <c r="F5990" i="2" a="1"/>
  <c r="F5990" i="2" s="1"/>
  <c r="F6000" i="2" a="1"/>
  <c r="F6000" i="2" s="1"/>
  <c r="F5988" i="2" a="1"/>
  <c r="F5988" i="2" s="1"/>
  <c r="F5999" i="2" a="1"/>
  <c r="F5999" i="2" s="1"/>
  <c r="H2768" i="2" a="1"/>
  <c r="H2768" i="2" s="1"/>
  <c r="H2764" i="2" a="1"/>
  <c r="H2764" i="2" s="1"/>
  <c r="H2760" i="2" a="1"/>
  <c r="H2760" i="2" s="1"/>
  <c r="H2763" i="2" a="1"/>
  <c r="H2763" i="2" s="1"/>
  <c r="H2756" i="2" a="1"/>
  <c r="H2756" i="2" s="1"/>
  <c r="H2758" i="2" a="1"/>
  <c r="H2758" i="2" s="1"/>
  <c r="H2765" i="2" a="1"/>
  <c r="H2765" i="2" s="1"/>
  <c r="H2752" i="2" a="1"/>
  <c r="H2752" i="2" s="1"/>
  <c r="H2746" i="2" a="1"/>
  <c r="H2746" i="2" s="1"/>
  <c r="H2759" i="2" a="1"/>
  <c r="H2759" i="2" s="1"/>
  <c r="H2754" i="2" a="1"/>
  <c r="H2754" i="2" s="1"/>
  <c r="H2762" i="2" a="1"/>
  <c r="H2762" i="2" s="1"/>
  <c r="H2750" i="2" a="1"/>
  <c r="H2750" i="2" s="1"/>
  <c r="H2755" i="2" a="1"/>
  <c r="H2755" i="2" s="1"/>
  <c r="H2753" i="2" a="1"/>
  <c r="H2753" i="2" s="1"/>
  <c r="H2751" i="2" a="1"/>
  <c r="H2751" i="2" s="1"/>
  <c r="H2748" i="2" a="1"/>
  <c r="H2748" i="2" s="1"/>
  <c r="G6481" i="2" a="1"/>
  <c r="G6481" i="2" s="1"/>
  <c r="G6480" i="2" a="1"/>
  <c r="G6480" i="2" s="1"/>
  <c r="G6483" i="2" a="1"/>
  <c r="G6483" i="2" s="1"/>
  <c r="G6477" i="2" a="1"/>
  <c r="G6477" i="2" s="1"/>
  <c r="G6469" i="2" a="1"/>
  <c r="G6469" i="2" s="1"/>
  <c r="G6466" i="2" a="1"/>
  <c r="G6466" i="2" s="1"/>
  <c r="G6478" i="2" a="1"/>
  <c r="G6478" i="2" s="1"/>
  <c r="G6479" i="2" a="1"/>
  <c r="G6479" i="2" s="1"/>
  <c r="G6488" i="2" a="1"/>
  <c r="G6488" i="2" s="1"/>
  <c r="G6471" i="2" a="1"/>
  <c r="G6471" i="2" s="1"/>
  <c r="G6486" i="2" a="1"/>
  <c r="G6486" i="2" s="1"/>
  <c r="G6476" i="2" a="1"/>
  <c r="G6476" i="2" s="1"/>
  <c r="G6485" i="2" a="1"/>
  <c r="G6485" i="2" s="1"/>
  <c r="G6468" i="2" a="1"/>
  <c r="G6468" i="2" s="1"/>
  <c r="G6489" i="2" a="1"/>
  <c r="G6489" i="2" s="1"/>
  <c r="G8671" i="2" a="1"/>
  <c r="G8671" i="2" s="1"/>
  <c r="G8667" i="2" a="1"/>
  <c r="G8667" i="2" s="1"/>
  <c r="G8669" i="2" a="1"/>
  <c r="G8669" i="2" s="1"/>
  <c r="G8651" i="2" a="1"/>
  <c r="G8651" i="2" s="1"/>
  <c r="G8656" i="2" a="1"/>
  <c r="G8656" i="2" s="1"/>
  <c r="G8658" i="2" a="1"/>
  <c r="G8658" i="2" s="1"/>
  <c r="G8666" i="2" a="1"/>
  <c r="G8666" i="2" s="1"/>
  <c r="G8657" i="2" a="1"/>
  <c r="G8657" i="2" s="1"/>
  <c r="G8659" i="2" a="1"/>
  <c r="G8659" i="2" s="1"/>
  <c r="G8673" i="2" a="1"/>
  <c r="G8673" i="2" s="1"/>
  <c r="G8655" i="2" a="1"/>
  <c r="G8655" i="2" s="1"/>
  <c r="G8652" i="2" a="1"/>
  <c r="G8652" i="2" s="1"/>
  <c r="G8660" i="2" a="1"/>
  <c r="G8660" i="2" s="1"/>
  <c r="G8662" i="2" a="1"/>
  <c r="G8662" i="2" s="1"/>
  <c r="F8016" i="2" a="1"/>
  <c r="F8016" i="2" s="1"/>
  <c r="F8006" i="2" a="1"/>
  <c r="F8006" i="2" s="1"/>
  <c r="F8004" i="2" a="1"/>
  <c r="F8004" i="2" s="1"/>
  <c r="F8012" i="2" a="1"/>
  <c r="F8012" i="2" s="1"/>
  <c r="F8011" i="2" a="1"/>
  <c r="F8011" i="2" s="1"/>
  <c r="F8018" i="2" a="1"/>
  <c r="F8018" i="2" s="1"/>
  <c r="F8020" i="2" a="1"/>
  <c r="F8020" i="2" s="1"/>
  <c r="F8021" i="2" a="1"/>
  <c r="F8021" i="2" s="1"/>
  <c r="F8005" i="2" a="1"/>
  <c r="F8005" i="2" s="1"/>
  <c r="F8009" i="2" a="1"/>
  <c r="F8009" i="2" s="1"/>
  <c r="F8025" i="2" a="1"/>
  <c r="F8025" i="2" s="1"/>
  <c r="F8002" i="2" a="1"/>
  <c r="F8002" i="2" s="1"/>
  <c r="F6677" i="2" a="1"/>
  <c r="F6677" i="2" s="1"/>
  <c r="F6660" i="2" a="1"/>
  <c r="F6660" i="2" s="1"/>
  <c r="F6668" i="2" a="1"/>
  <c r="F6668" i="2" s="1"/>
  <c r="F6665" i="2" a="1"/>
  <c r="F6665" i="2" s="1"/>
  <c r="F6659" i="2" a="1"/>
  <c r="F6659" i="2" s="1"/>
  <c r="F6666" i="2" a="1"/>
  <c r="F6666" i="2" s="1"/>
  <c r="F6678" i="2" a="1"/>
  <c r="F6678" i="2" s="1"/>
  <c r="F6675" i="2" a="1"/>
  <c r="F6675" i="2" s="1"/>
  <c r="F6658" i="2" a="1"/>
  <c r="F6658" i="2" s="1"/>
  <c r="F6672" i="2" a="1"/>
  <c r="F6672" i="2" s="1"/>
  <c r="F6670" i="2" a="1"/>
  <c r="F6670" i="2" s="1"/>
  <c r="F6664" i="2" a="1"/>
  <c r="F6664" i="2" s="1"/>
  <c r="F6676" i="2" a="1"/>
  <c r="F6676" i="2" s="1"/>
  <c r="F6669" i="2" a="1"/>
  <c r="F6669" i="2" s="1"/>
  <c r="F6662" i="2" a="1"/>
  <c r="F6662" i="2" s="1"/>
  <c r="F6681" i="2" a="1"/>
  <c r="F6681" i="2" s="1"/>
  <c r="F6673" i="2" a="1"/>
  <c r="F6673" i="2" s="1"/>
  <c r="F6661" i="2" a="1"/>
  <c r="F6661" i="2" s="1"/>
  <c r="F6663" i="2" a="1"/>
  <c r="F6663" i="2" s="1"/>
  <c r="F6671" i="2" a="1"/>
  <c r="F6671" i="2" s="1"/>
  <c r="D7577" i="2" a="1"/>
  <c r="D7577" i="2" s="1"/>
  <c r="D7583" i="2" a="1"/>
  <c r="D7583" i="2" s="1"/>
  <c r="D7578" i="2" a="1"/>
  <c r="D7578" i="2" s="1"/>
  <c r="D7580" i="2" a="1"/>
  <c r="D7580" i="2" s="1"/>
  <c r="D7581" i="2" a="1"/>
  <c r="D7581" i="2" s="1"/>
  <c r="D7591" i="2" a="1"/>
  <c r="D7591" i="2" s="1"/>
  <c r="D7585" i="2" a="1"/>
  <c r="D7585" i="2" s="1"/>
  <c r="D7592" i="2" a="1"/>
  <c r="D7592" i="2" s="1"/>
  <c r="D7582" i="2" a="1"/>
  <c r="D7582" i="2" s="1"/>
  <c r="D7593" i="2" a="1"/>
  <c r="D7593" i="2" s="1"/>
  <c r="D7590" i="2" a="1"/>
  <c r="D7590" i="2" s="1"/>
  <c r="D7589" i="2" a="1"/>
  <c r="D7589" i="2" s="1"/>
  <c r="D7574" i="2" a="1"/>
  <c r="D7574" i="2" s="1"/>
  <c r="E1349" i="2" a="1"/>
  <c r="E1349" i="2" s="1"/>
  <c r="E1344" i="2" a="1"/>
  <c r="E1344" i="2" s="1"/>
  <c r="E1337" i="2" a="1"/>
  <c r="E1337" i="2" s="1"/>
  <c r="E1346" i="2" a="1"/>
  <c r="E1346" i="2" s="1"/>
  <c r="E1330" i="2" a="1"/>
  <c r="E1330" i="2" s="1"/>
  <c r="E1332" i="2" a="1"/>
  <c r="E1332" i="2" s="1"/>
  <c r="E1347" i="2" a="1"/>
  <c r="E1347" i="2" s="1"/>
  <c r="E1339" i="2" a="1"/>
  <c r="E1339" i="2" s="1"/>
  <c r="E1307" i="2" a="1"/>
  <c r="E1307" i="2" s="1"/>
  <c r="E1313" i="2" a="1"/>
  <c r="E1313" i="2" s="1"/>
  <c r="E1329" i="2" a="1"/>
  <c r="E1329" i="2" s="1"/>
  <c r="E1320" i="2" a="1"/>
  <c r="E1320" i="2" s="1"/>
  <c r="E1322" i="2" a="1"/>
  <c r="E1322" i="2" s="1"/>
  <c r="E1326" i="2" a="1"/>
  <c r="E1326" i="2" s="1"/>
  <c r="E1328" i="2" a="1"/>
  <c r="E1328" i="2" s="1"/>
  <c r="E1327" i="2" a="1"/>
  <c r="E1327" i="2" s="1"/>
  <c r="E1314" i="2" a="1"/>
  <c r="E1314" i="2" s="1"/>
  <c r="E1316" i="2" a="1"/>
  <c r="E1316" i="2" s="1"/>
  <c r="E1312" i="2" a="1"/>
  <c r="E1312" i="2" s="1"/>
  <c r="E1306" i="2" a="1"/>
  <c r="E1306" i="2" s="1"/>
  <c r="E1315" i="2" a="1"/>
  <c r="E1315" i="2" s="1"/>
  <c r="E1323" i="2" a="1"/>
  <c r="E1323" i="2" s="1"/>
  <c r="E1310" i="2" a="1"/>
  <c r="E1310" i="2" s="1"/>
  <c r="E1311" i="2" a="1"/>
  <c r="E1311" i="2" s="1"/>
  <c r="E1317" i="2" a="1"/>
  <c r="E1317" i="2" s="1"/>
  <c r="E1324" i="2" a="1"/>
  <c r="E1324" i="2" s="1"/>
  <c r="D1308" i="2" a="1"/>
  <c r="D1308" i="2" s="1"/>
  <c r="D1324" i="2" a="1"/>
  <c r="D1324" i="2" s="1"/>
  <c r="D1327" i="2" a="1"/>
  <c r="D1327" i="2" s="1"/>
  <c r="D1315" i="2" a="1"/>
  <c r="D1315" i="2" s="1"/>
  <c r="AO55" i="1"/>
  <c r="E61" i="5" s="1"/>
  <c r="D1328" i="2" a="1"/>
  <c r="D1328" i="2" s="1"/>
  <c r="AN55" i="1"/>
  <c r="D61" i="5" s="1"/>
  <c r="D1323" i="2" a="1"/>
  <c r="D1323" i="2" s="1"/>
  <c r="AM55" i="1"/>
  <c r="C61" i="5" s="1"/>
  <c r="D1309" i="2" a="1"/>
  <c r="D1309" i="2" s="1"/>
  <c r="D1313" i="2" a="1"/>
  <c r="D1313" i="2" s="1"/>
  <c r="D1329" i="2" a="1"/>
  <c r="D1329" i="2" s="1"/>
  <c r="D1325" i="2" a="1"/>
  <c r="D1325" i="2" s="1"/>
  <c r="D1318" i="2" a="1"/>
  <c r="D1318" i="2" s="1"/>
  <c r="D1316" i="2" a="1"/>
  <c r="D1316" i="2" s="1"/>
  <c r="D1322" i="2" a="1"/>
  <c r="D1322" i="2" s="1"/>
  <c r="D1321" i="2" a="1"/>
  <c r="D1321" i="2" s="1"/>
  <c r="D1319" i="2" a="1"/>
  <c r="D1319" i="2" s="1"/>
  <c r="G5532" i="2" a="1"/>
  <c r="G5532" i="2" s="1"/>
  <c r="G5538" i="2" a="1"/>
  <c r="G5538" i="2" s="1"/>
  <c r="G5533" i="2" a="1"/>
  <c r="G5533" i="2" s="1"/>
  <c r="G5539" i="2" a="1"/>
  <c r="G5539" i="2" s="1"/>
  <c r="G5543" i="2" a="1"/>
  <c r="G5543" i="2" s="1"/>
  <c r="G5549" i="2" a="1"/>
  <c r="G5549" i="2" s="1"/>
  <c r="G5534" i="2" a="1"/>
  <c r="G5534" i="2" s="1"/>
  <c r="G5531" i="2" a="1"/>
  <c r="G5531" i="2" s="1"/>
  <c r="G5548" i="2" a="1"/>
  <c r="G5548" i="2" s="1"/>
  <c r="G5541" i="2" a="1"/>
  <c r="G5541" i="2" s="1"/>
  <c r="G5537" i="2" a="1"/>
  <c r="G5537" i="2" s="1"/>
  <c r="G5530" i="2" a="1"/>
  <c r="G5530" i="2" s="1"/>
  <c r="G5550" i="2" a="1"/>
  <c r="G5550" i="2" s="1"/>
  <c r="G5547" i="2" a="1"/>
  <c r="G5547" i="2" s="1"/>
  <c r="E5276" i="2" a="1"/>
  <c r="E5276" i="2" s="1"/>
  <c r="E5273" i="2" a="1"/>
  <c r="E5273" i="2" s="1"/>
  <c r="E5283" i="2" a="1"/>
  <c r="E5283" i="2" s="1"/>
  <c r="E5282" i="2" a="1"/>
  <c r="E5282" i="2" s="1"/>
  <c r="I5282" i="2" s="1"/>
  <c r="I5256" i="5" s="1"/>
  <c r="AM220" i="1"/>
  <c r="C226" i="5" s="1"/>
  <c r="E5281" i="2" a="1"/>
  <c r="E5281" i="2" s="1"/>
  <c r="E5275" i="2" a="1"/>
  <c r="E5275" i="2" s="1"/>
  <c r="E5268" i="2" a="1"/>
  <c r="E5268" i="2" s="1"/>
  <c r="E5267" i="2" a="1"/>
  <c r="E5267" i="2" s="1"/>
  <c r="F1508" i="2" a="1"/>
  <c r="F1508" i="2" s="1"/>
  <c r="F1498" i="2" a="1"/>
  <c r="F1498" i="2" s="1"/>
  <c r="F1503" i="2" a="1"/>
  <c r="F1503" i="2" s="1"/>
  <c r="F1504" i="2" a="1"/>
  <c r="F1504" i="2" s="1"/>
  <c r="F1501" i="2" a="1"/>
  <c r="F1501" i="2" s="1"/>
  <c r="F1521" i="2" a="1"/>
  <c r="F1521" i="2" s="1"/>
  <c r="F1520" i="2" a="1"/>
  <c r="F1520" i="2" s="1"/>
  <c r="F1509" i="2" a="1"/>
  <c r="F1509" i="2" s="1"/>
  <c r="F1511" i="2" a="1"/>
  <c r="F1511" i="2" s="1"/>
  <c r="F1510" i="2" a="1"/>
  <c r="F1510" i="2" s="1"/>
  <c r="F1506" i="2" a="1"/>
  <c r="F1506" i="2" s="1"/>
  <c r="F1499" i="2" a="1"/>
  <c r="F1499" i="2" s="1"/>
  <c r="F1516" i="2" a="1"/>
  <c r="F1516" i="2" s="1"/>
  <c r="F1512" i="2" a="1"/>
  <c r="F1512" i="2" s="1"/>
  <c r="F1519" i="2" a="1"/>
  <c r="F1519" i="2" s="1"/>
  <c r="F1513" i="2" a="1"/>
  <c r="F1513" i="2" s="1"/>
  <c r="F1500" i="2" a="1"/>
  <c r="F1500" i="2" s="1"/>
  <c r="D4989" i="2" a="1"/>
  <c r="D4989" i="2" s="1"/>
  <c r="AQ208" i="1"/>
  <c r="G214" i="5" s="1"/>
  <c r="D4993" i="2" a="1"/>
  <c r="D4993" i="2" s="1"/>
  <c r="AN208" i="1"/>
  <c r="D214" i="5" s="1"/>
  <c r="D4985" i="2" a="1"/>
  <c r="D4985" i="2" s="1"/>
  <c r="AO208" i="1"/>
  <c r="E214" i="5" s="1"/>
  <c r="D4980" i="2" a="1"/>
  <c r="D4980" i="2" s="1"/>
  <c r="AP208" i="1"/>
  <c r="F214" i="5" s="1"/>
  <c r="D4984" i="2" a="1"/>
  <c r="D4984" i="2" s="1"/>
  <c r="D4979" i="2" a="1"/>
  <c r="D4979" i="2" s="1"/>
  <c r="D4981" i="2" a="1"/>
  <c r="D4981" i="2" s="1"/>
  <c r="D4992" i="2" a="1"/>
  <c r="D4992" i="2" s="1"/>
  <c r="D4997" i="2" a="1"/>
  <c r="D4997" i="2" s="1"/>
  <c r="AM208" i="1"/>
  <c r="C214" i="5" s="1"/>
  <c r="D5001" i="2" a="1"/>
  <c r="D5001" i="2" s="1"/>
  <c r="D4996" i="2" a="1"/>
  <c r="D4996" i="2" s="1"/>
  <c r="D4983" i="2" a="1"/>
  <c r="D4983" i="2" s="1"/>
  <c r="D5000" i="2" a="1"/>
  <c r="D5000" i="2" s="1"/>
  <c r="D4990" i="2" a="1"/>
  <c r="D4990" i="2" s="1"/>
  <c r="D4998" i="2" a="1"/>
  <c r="D4998" i="2" s="1"/>
  <c r="D5048" i="2" a="1"/>
  <c r="D5048" i="2" s="1"/>
  <c r="AP131" i="1"/>
  <c r="F137" i="5" s="1"/>
  <c r="H2960" i="2" a="1"/>
  <c r="H2960" i="2" s="1"/>
  <c r="F1832" i="2" a="1"/>
  <c r="F1832" i="2" s="1"/>
  <c r="D1306" i="2" a="1"/>
  <c r="D1306" i="2" s="1"/>
  <c r="D8361" i="2" a="1"/>
  <c r="D8361" i="2" s="1"/>
  <c r="H1685" i="2" a="1"/>
  <c r="H1685" i="2" s="1"/>
  <c r="F7856" i="2" a="1"/>
  <c r="F7856" i="2" s="1"/>
  <c r="D3566" i="2" a="1"/>
  <c r="D3566" i="2" s="1"/>
  <c r="D6958" i="2" a="1"/>
  <c r="D6958" i="2" s="1"/>
  <c r="H7366" i="2" a="1"/>
  <c r="H7366" i="2" s="1"/>
  <c r="F6679" i="2" a="1"/>
  <c r="F6679" i="2" s="1"/>
  <c r="H4081" i="2" a="1"/>
  <c r="H4081" i="2" s="1"/>
  <c r="G5546" i="2" a="1"/>
  <c r="G5546" i="2" s="1"/>
  <c r="E4572" i="2" a="1"/>
  <c r="E4572" i="2" s="1"/>
  <c r="AN191" i="1"/>
  <c r="D197" i="5" s="1"/>
  <c r="D7740" i="2" a="1"/>
  <c r="D7740" i="2" s="1"/>
  <c r="D7759" i="2" a="1"/>
  <c r="D7759" i="2" s="1"/>
  <c r="D7738" i="2" a="1"/>
  <c r="D7738" i="2" s="1"/>
  <c r="D7742" i="2" a="1"/>
  <c r="D7742" i="2" s="1"/>
  <c r="D7749" i="2" a="1"/>
  <c r="D7749" i="2" s="1"/>
  <c r="D7751" i="2" a="1"/>
  <c r="D7751" i="2" s="1"/>
  <c r="D7757" i="2" a="1"/>
  <c r="D7757" i="2" s="1"/>
  <c r="D7748" i="2" a="1"/>
  <c r="D7748" i="2" s="1"/>
  <c r="D7754" i="2" a="1"/>
  <c r="D7754" i="2" s="1"/>
  <c r="D7752" i="2" a="1"/>
  <c r="D7752" i="2" s="1"/>
  <c r="D7739" i="2" a="1"/>
  <c r="D7739" i="2" s="1"/>
  <c r="D7755" i="2" a="1"/>
  <c r="D7755" i="2" s="1"/>
  <c r="D7753" i="2" a="1"/>
  <c r="D7753" i="2" s="1"/>
  <c r="G6335" i="2" a="1"/>
  <c r="G6335" i="2" s="1"/>
  <c r="G6337" i="2" a="1"/>
  <c r="G6337" i="2" s="1"/>
  <c r="G3545" i="2" a="1"/>
  <c r="G3545" i="2" s="1"/>
  <c r="G3542" i="2" a="1"/>
  <c r="G3542" i="2" s="1"/>
  <c r="G3546" i="2" a="1"/>
  <c r="G3546" i="2" s="1"/>
  <c r="AP338" i="1"/>
  <c r="F344" i="5" s="1"/>
  <c r="D3431" i="2" a="1"/>
  <c r="D3431" i="2" s="1"/>
  <c r="D3436" i="2" a="1"/>
  <c r="D3436" i="2" s="1"/>
  <c r="D3426" i="2" a="1"/>
  <c r="D3426" i="2" s="1"/>
  <c r="H3016" i="2" a="1"/>
  <c r="H3016" i="2" s="1"/>
  <c r="H3013" i="2" a="1"/>
  <c r="H3013" i="2" s="1"/>
  <c r="H3033" i="2" a="1"/>
  <c r="H3033" i="2" s="1"/>
  <c r="H3010" i="2" a="1"/>
  <c r="H3010" i="2" s="1"/>
  <c r="H3022" i="2" a="1"/>
  <c r="H3022" i="2" s="1"/>
  <c r="H3032" i="2" a="1"/>
  <c r="H3032" i="2" s="1"/>
  <c r="H3031" i="2" a="1"/>
  <c r="H3031" i="2" s="1"/>
  <c r="G8727" i="2" a="1"/>
  <c r="G8727" i="2" s="1"/>
  <c r="G8731" i="2" a="1"/>
  <c r="G8731" i="2" s="1"/>
  <c r="G8742" i="2" a="1"/>
  <c r="G8742" i="2" s="1"/>
  <c r="G8735" i="2" a="1"/>
  <c r="G8735" i="2" s="1"/>
  <c r="D2578" i="2" a="1"/>
  <c r="D2578" i="2" s="1"/>
  <c r="AQ108" i="1"/>
  <c r="G114" i="5" s="1"/>
  <c r="D2597" i="2" a="1"/>
  <c r="D2597" i="2" s="1"/>
  <c r="D2587" i="2" a="1"/>
  <c r="D2587" i="2" s="1"/>
  <c r="D2579" i="2" a="1"/>
  <c r="D2579" i="2" s="1"/>
  <c r="D2586" i="2" a="1"/>
  <c r="D2586" i="2" s="1"/>
  <c r="E6233" i="2" a="1"/>
  <c r="E6233" i="2" s="1"/>
  <c r="E6242" i="2" a="1"/>
  <c r="E6242" i="2" s="1"/>
  <c r="E6245" i="2" a="1"/>
  <c r="E6245" i="2" s="1"/>
  <c r="E6232" i="2" a="1"/>
  <c r="E6232" i="2" s="1"/>
  <c r="E6235" i="2" a="1"/>
  <c r="E6235" i="2" s="1"/>
  <c r="E6980" i="2" a="1"/>
  <c r="E6980" i="2" s="1"/>
  <c r="E6991" i="2" a="1"/>
  <c r="E6991" i="2" s="1"/>
  <c r="E6970" i="2" a="1"/>
  <c r="E6970" i="2" s="1"/>
  <c r="E6978" i="2" a="1"/>
  <c r="E6978" i="2" s="1"/>
  <c r="AQ291" i="1"/>
  <c r="G297" i="5" s="1"/>
  <c r="E6992" i="2" a="1"/>
  <c r="E6992" i="2" s="1"/>
  <c r="AP291" i="1"/>
  <c r="F297" i="5" s="1"/>
  <c r="E6976" i="2" a="1"/>
  <c r="E6976" i="2" s="1"/>
  <c r="AN291" i="1"/>
  <c r="D297" i="5" s="1"/>
  <c r="E6982" i="2" a="1"/>
  <c r="E6982" i="2" s="1"/>
  <c r="AO291" i="1"/>
  <c r="E297" i="5" s="1"/>
  <c r="E6974" i="2" a="1"/>
  <c r="E6974" i="2" s="1"/>
  <c r="AM291" i="1"/>
  <c r="E6989" i="2" a="1"/>
  <c r="E6989" i="2" s="1"/>
  <c r="E6983" i="2" a="1"/>
  <c r="E6983" i="2" s="1"/>
  <c r="H1076" i="2" a="1"/>
  <c r="H1076" i="2" s="1"/>
  <c r="H1081" i="2" a="1"/>
  <c r="H1081" i="2" s="1"/>
  <c r="H1082" i="2" a="1"/>
  <c r="H1082" i="2" s="1"/>
  <c r="H1068" i="2" a="1"/>
  <c r="H1068" i="2" s="1"/>
  <c r="H1071" i="2" a="1"/>
  <c r="H1071" i="2" s="1"/>
  <c r="H1074" i="2" a="1"/>
  <c r="H1074" i="2" s="1"/>
  <c r="H1089" i="2" a="1"/>
  <c r="H1089" i="2" s="1"/>
  <c r="H1085" i="2" a="1"/>
  <c r="H1085" i="2" s="1"/>
  <c r="H1077" i="2" a="1"/>
  <c r="H1077" i="2" s="1"/>
  <c r="H1079" i="2" a="1"/>
  <c r="H1079" i="2" s="1"/>
  <c r="H1084" i="2" a="1"/>
  <c r="H1084" i="2" s="1"/>
  <c r="H1066" i="2" a="1"/>
  <c r="H1066" i="2" s="1"/>
  <c r="H1070" i="2" a="1"/>
  <c r="H1070" i="2" s="1"/>
  <c r="H5090" i="2" a="1"/>
  <c r="H5090" i="2" s="1"/>
  <c r="H5080" i="2" a="1"/>
  <c r="H5080" i="2" s="1"/>
  <c r="H5082" i="2" a="1"/>
  <c r="H5082" i="2" s="1"/>
  <c r="H5081" i="2" a="1"/>
  <c r="H5081" i="2" s="1"/>
  <c r="H5084" i="2" a="1"/>
  <c r="H5084" i="2" s="1"/>
  <c r="H5074" i="2" a="1"/>
  <c r="H5074" i="2" s="1"/>
  <c r="H5091" i="2" a="1"/>
  <c r="H5091" i="2" s="1"/>
  <c r="H5075" i="2" a="1"/>
  <c r="H5075" i="2" s="1"/>
  <c r="H5092" i="2" a="1"/>
  <c r="H5092" i="2" s="1"/>
  <c r="H5088" i="2" a="1"/>
  <c r="H5088" i="2" s="1"/>
  <c r="H5076" i="2" a="1"/>
  <c r="H5076" i="2" s="1"/>
  <c r="H5083" i="2" a="1"/>
  <c r="H5083" i="2" s="1"/>
  <c r="H5089" i="2" a="1"/>
  <c r="H5089" i="2" s="1"/>
  <c r="H5093" i="2" a="1"/>
  <c r="H5093" i="2" s="1"/>
  <c r="H5085" i="2" a="1"/>
  <c r="H5085" i="2" s="1"/>
  <c r="H5077" i="2" a="1"/>
  <c r="H5077" i="2" s="1"/>
  <c r="H5096" i="2" a="1"/>
  <c r="H5096" i="2" s="1"/>
  <c r="H5079" i="2" a="1"/>
  <c r="H5079" i="2" s="1"/>
  <c r="H5094" i="2" a="1"/>
  <c r="H5094" i="2" s="1"/>
  <c r="D4434" i="2" a="1"/>
  <c r="D4434" i="2" s="1"/>
  <c r="D4438" i="2" a="1"/>
  <c r="D4438" i="2" s="1"/>
  <c r="AQ185" i="1"/>
  <c r="D4442" i="2" a="1"/>
  <c r="D4442" i="2" s="1"/>
  <c r="AN185" i="1"/>
  <c r="D191" i="5" s="1"/>
  <c r="D4429" i="2" a="1"/>
  <c r="D4429" i="2" s="1"/>
  <c r="AM185" i="1"/>
  <c r="C191" i="5" s="1"/>
  <c r="D4445" i="2" a="1"/>
  <c r="D4445" i="2" s="1"/>
  <c r="D4430" i="2" a="1"/>
  <c r="D4430" i="2" s="1"/>
  <c r="D4437" i="2" a="1"/>
  <c r="D4437" i="2" s="1"/>
  <c r="D4441" i="2" a="1"/>
  <c r="D4441" i="2" s="1"/>
  <c r="D4444" i="2" a="1"/>
  <c r="D4444" i="2" s="1"/>
  <c r="D4428" i="2" a="1"/>
  <c r="D4428" i="2" s="1"/>
  <c r="AP185" i="1"/>
  <c r="F191" i="5" s="1"/>
  <c r="D4433" i="2" a="1"/>
  <c r="D4433" i="2" s="1"/>
  <c r="D4436" i="2" a="1"/>
  <c r="D4436" i="2" s="1"/>
  <c r="D4440" i="2" a="1"/>
  <c r="D4440" i="2" s="1"/>
  <c r="D4449" i="2" a="1"/>
  <c r="D4449" i="2" s="1"/>
  <c r="D4427" i="2" a="1"/>
  <c r="D4427" i="2" s="1"/>
  <c r="D4435" i="2" a="1"/>
  <c r="D4435" i="2" s="1"/>
  <c r="D4443" i="2" a="1"/>
  <c r="D4443" i="2" s="1"/>
  <c r="D4447" i="2" a="1"/>
  <c r="D4447" i="2" s="1"/>
  <c r="D4446" i="2" a="1"/>
  <c r="D4446" i="2" s="1"/>
  <c r="D4432" i="2" a="1"/>
  <c r="D4432" i="2" s="1"/>
  <c r="D4439" i="2" a="1"/>
  <c r="D4439" i="2" s="1"/>
  <c r="D4431" i="2" a="1"/>
  <c r="D4431" i="2" s="1"/>
  <c r="D4448" i="2" a="1"/>
  <c r="D4448" i="2" s="1"/>
  <c r="D4426" i="2" a="1"/>
  <c r="D4426" i="2" s="1"/>
  <c r="H6949" i="2" a="1"/>
  <c r="H6949" i="2" s="1"/>
  <c r="H6950" i="2" a="1"/>
  <c r="H6950" i="2" s="1"/>
  <c r="H6955" i="2" a="1"/>
  <c r="H6955" i="2" s="1"/>
  <c r="H6964" i="2" a="1"/>
  <c r="H6964" i="2" s="1"/>
  <c r="H6951" i="2" a="1"/>
  <c r="H6951" i="2" s="1"/>
  <c r="H6954" i="2" a="1"/>
  <c r="H6954" i="2" s="1"/>
  <c r="H6948" i="2" a="1"/>
  <c r="H6948" i="2" s="1"/>
  <c r="H6953" i="2" a="1"/>
  <c r="H6953" i="2" s="1"/>
  <c r="H6946" i="2" a="1"/>
  <c r="H6946" i="2" s="1"/>
  <c r="H6947" i="2" a="1"/>
  <c r="H6947" i="2" s="1"/>
  <c r="H6958" i="2" a="1"/>
  <c r="H6958" i="2" s="1"/>
  <c r="H6968" i="2" a="1"/>
  <c r="H6968" i="2" s="1"/>
  <c r="H6952" i="2" a="1"/>
  <c r="H6952" i="2" s="1"/>
  <c r="H6969" i="2" a="1"/>
  <c r="H6969" i="2" s="1"/>
  <c r="H6966" i="2" a="1"/>
  <c r="H6966" i="2" s="1"/>
  <c r="H6957" i="2" a="1"/>
  <c r="H6957" i="2" s="1"/>
  <c r="H6960" i="2" a="1"/>
  <c r="H6960" i="2" s="1"/>
  <c r="H6967" i="2" a="1"/>
  <c r="H6967" i="2" s="1"/>
  <c r="H6956" i="2" a="1"/>
  <c r="H6956" i="2" s="1"/>
  <c r="D7028" i="2" a="1"/>
  <c r="D7028" i="2" s="1"/>
  <c r="D7040" i="2" a="1"/>
  <c r="D7040" i="2" s="1"/>
  <c r="D7033" i="2" a="1"/>
  <c r="D7033" i="2" s="1"/>
  <c r="D7039" i="2" a="1"/>
  <c r="D7039" i="2" s="1"/>
  <c r="D7021" i="2" a="1"/>
  <c r="D7021" i="2" s="1"/>
  <c r="D7030" i="2" a="1"/>
  <c r="D7030" i="2" s="1"/>
  <c r="D7022" i="2" a="1"/>
  <c r="D7022" i="2" s="1"/>
  <c r="AQ293" i="1"/>
  <c r="G299" i="5" s="1"/>
  <c r="D7038" i="2" a="1"/>
  <c r="D7038" i="2" s="1"/>
  <c r="D7025" i="2" a="1"/>
  <c r="D7025" i="2" s="1"/>
  <c r="D7037" i="2" a="1"/>
  <c r="D7037" i="2" s="1"/>
  <c r="D7036" i="2" a="1"/>
  <c r="D7036" i="2" s="1"/>
  <c r="D7041" i="2" a="1"/>
  <c r="D7041" i="2" s="1"/>
  <c r="D7020" i="2" a="1"/>
  <c r="D7020" i="2" s="1"/>
  <c r="D7032" i="2" a="1"/>
  <c r="D7032" i="2" s="1"/>
  <c r="D7024" i="2" a="1"/>
  <c r="D7024" i="2" s="1"/>
  <c r="D7029" i="2" a="1"/>
  <c r="D7029" i="2" s="1"/>
  <c r="D7018" i="2" a="1"/>
  <c r="D7018" i="2" s="1"/>
  <c r="D7023" i="2" a="1"/>
  <c r="D7023" i="2" s="1"/>
  <c r="D7019" i="2" a="1"/>
  <c r="D7019" i="2" s="1"/>
  <c r="D7972" i="2" a="1"/>
  <c r="D7972" i="2" s="1"/>
  <c r="D7971" i="2" a="1"/>
  <c r="D7971" i="2" s="1"/>
  <c r="D7976" i="2" a="1"/>
  <c r="D7976" i="2" s="1"/>
  <c r="D7960" i="2" a="1"/>
  <c r="D7960" i="2" s="1"/>
  <c r="D7975" i="2" a="1"/>
  <c r="D7975" i="2" s="1"/>
  <c r="D7955" i="2" a="1"/>
  <c r="D7955" i="2" s="1"/>
  <c r="D7968" i="2" a="1"/>
  <c r="D7968" i="2" s="1"/>
  <c r="D7977" i="2" a="1"/>
  <c r="D7977" i="2" s="1"/>
  <c r="D7964" i="2" a="1"/>
  <c r="D7964" i="2" s="1"/>
  <c r="D7973" i="2" a="1"/>
  <c r="D7973" i="2" s="1"/>
  <c r="D7969" i="2" a="1"/>
  <c r="D7969" i="2" s="1"/>
  <c r="D7954" i="2" a="1"/>
  <c r="D7954" i="2" s="1"/>
  <c r="D7959" i="2" a="1"/>
  <c r="D7959" i="2" s="1"/>
  <c r="D7961" i="2" a="1"/>
  <c r="D7961" i="2" s="1"/>
  <c r="H4985" i="2" a="1"/>
  <c r="H4985" i="2" s="1"/>
  <c r="H4980" i="2" a="1"/>
  <c r="H4980" i="2" s="1"/>
  <c r="H4998" i="2" a="1"/>
  <c r="H4998" i="2" s="1"/>
  <c r="H4996" i="2" a="1"/>
  <c r="H4996" i="2" s="1"/>
  <c r="H4982" i="2" a="1"/>
  <c r="H4982" i="2" s="1"/>
  <c r="H4997" i="2" a="1"/>
  <c r="H4997" i="2" s="1"/>
  <c r="H4988" i="2" a="1"/>
  <c r="H4988" i="2" s="1"/>
  <c r="H4992" i="2" a="1"/>
  <c r="H4992" i="2" s="1"/>
  <c r="H4994" i="2" a="1"/>
  <c r="H4994" i="2" s="1"/>
  <c r="H4987" i="2" a="1"/>
  <c r="H4987" i="2" s="1"/>
  <c r="H4989" i="2" a="1"/>
  <c r="H4989" i="2" s="1"/>
  <c r="H4981" i="2" a="1"/>
  <c r="H4981" i="2" s="1"/>
  <c r="H4978" i="2" a="1"/>
  <c r="H4978" i="2" s="1"/>
  <c r="H4986" i="2" a="1"/>
  <c r="H4986" i="2" s="1"/>
  <c r="H4993" i="2" a="1"/>
  <c r="H4993" i="2" s="1"/>
  <c r="F4558" i="2" a="1"/>
  <c r="F4558" i="2" s="1"/>
  <c r="F4566" i="2" a="1"/>
  <c r="F4566" i="2" s="1"/>
  <c r="F4567" i="2" a="1"/>
  <c r="F4567" i="2" s="1"/>
  <c r="F4548" i="2" a="1"/>
  <c r="F4548" i="2" s="1"/>
  <c r="F4562" i="2" a="1"/>
  <c r="F4562" i="2" s="1"/>
  <c r="F4565" i="2" a="1"/>
  <c r="F4565" i="2" s="1"/>
  <c r="F4557" i="2" a="1"/>
  <c r="F4557" i="2" s="1"/>
  <c r="F4559" i="2" a="1"/>
  <c r="F4559" i="2" s="1"/>
  <c r="F4549" i="2" a="1"/>
  <c r="F4549" i="2" s="1"/>
  <c r="F4560" i="2" a="1"/>
  <c r="F4560" i="2" s="1"/>
  <c r="F4563" i="2" a="1"/>
  <c r="F4563" i="2" s="1"/>
  <c r="E5592" i="2" a="1"/>
  <c r="E5592" i="2" s="1"/>
  <c r="E5594" i="2" a="1"/>
  <c r="E5594" i="2" s="1"/>
  <c r="E5588" i="2" a="1"/>
  <c r="E5588" i="2" s="1"/>
  <c r="E5583" i="2" a="1"/>
  <c r="E5583" i="2" s="1"/>
  <c r="E5581" i="2" a="1"/>
  <c r="E5581" i="2" s="1"/>
  <c r="E5584" i="2" a="1"/>
  <c r="E5584" i="2" s="1"/>
  <c r="E5598" i="2" a="1"/>
  <c r="E5598" i="2" s="1"/>
  <c r="E5579" i="2" a="1"/>
  <c r="E5579" i="2" s="1"/>
  <c r="G3182" i="2" a="1"/>
  <c r="G3182" i="2" s="1"/>
  <c r="G3201" i="2" a="1"/>
  <c r="G3201" i="2" s="1"/>
  <c r="G3194" i="2" a="1"/>
  <c r="G3194" i="2" s="1"/>
  <c r="G3187" i="2" a="1"/>
  <c r="G3187" i="2" s="1"/>
  <c r="G3197" i="2" a="1"/>
  <c r="G3197" i="2" s="1"/>
  <c r="G3179" i="2" a="1"/>
  <c r="G3179" i="2" s="1"/>
  <c r="G3188" i="2" a="1"/>
  <c r="G3188" i="2" s="1"/>
  <c r="G3195" i="2" a="1"/>
  <c r="G3195" i="2" s="1"/>
  <c r="G3189" i="2" a="1"/>
  <c r="G3189" i="2" s="1"/>
  <c r="G3183" i="2" a="1"/>
  <c r="G3183" i="2" s="1"/>
  <c r="G3190" i="2" a="1"/>
  <c r="G3190" i="2" s="1"/>
  <c r="G3186" i="2" a="1"/>
  <c r="G3186" i="2" s="1"/>
  <c r="G3185" i="2" a="1"/>
  <c r="G3185" i="2" s="1"/>
  <c r="G3196" i="2" a="1"/>
  <c r="G3196" i="2" s="1"/>
  <c r="G3198" i="2" a="1"/>
  <c r="G3198" i="2" s="1"/>
  <c r="G3178" i="2" a="1"/>
  <c r="G3178" i="2" s="1"/>
  <c r="G3199" i="2" a="1"/>
  <c r="G3199" i="2" s="1"/>
  <c r="G3184" i="2" a="1"/>
  <c r="G3184" i="2" s="1"/>
  <c r="G3180" i="2" a="1"/>
  <c r="G3180" i="2" s="1"/>
  <c r="G3181" i="2" a="1"/>
  <c r="G3181" i="2" s="1"/>
  <c r="D5737" i="2" a="1"/>
  <c r="D5737" i="2" s="1"/>
  <c r="D5728" i="2" a="1"/>
  <c r="D5728" i="2" s="1"/>
  <c r="D5733" i="2" a="1"/>
  <c r="D5733" i="2" s="1"/>
  <c r="D5742" i="2" a="1"/>
  <c r="D5742" i="2" s="1"/>
  <c r="D5743" i="2" a="1"/>
  <c r="D5743" i="2" s="1"/>
  <c r="H3821" i="2" a="1"/>
  <c r="H3821" i="2" s="1"/>
  <c r="H3823" i="2" a="1"/>
  <c r="H3823" i="2" s="1"/>
  <c r="H3819" i="2" a="1"/>
  <c r="H3819" i="2" s="1"/>
  <c r="H4400" i="2" a="1"/>
  <c r="H4400" i="2" s="1"/>
  <c r="H4394" i="2" a="1"/>
  <c r="H4394" i="2" s="1"/>
  <c r="E3826" i="2" a="1"/>
  <c r="E3826" i="2" s="1"/>
  <c r="E3843" i="2" a="1"/>
  <c r="E3843" i="2" s="1"/>
  <c r="E3844" i="2" a="1"/>
  <c r="E3844" i="2" s="1"/>
  <c r="E3827" i="2" a="1"/>
  <c r="E3827" i="2" s="1"/>
  <c r="E3846" i="2" a="1"/>
  <c r="E3846" i="2" s="1"/>
  <c r="E3840" i="2" a="1"/>
  <c r="E3840" i="2" s="1"/>
  <c r="E3841" i="2" a="1"/>
  <c r="E3841" i="2" s="1"/>
  <c r="AP160" i="1"/>
  <c r="F166" i="5" s="1"/>
  <c r="E3830" i="2" a="1"/>
  <c r="E3830" i="2" s="1"/>
  <c r="AQ160" i="1"/>
  <c r="G166" i="5" s="1"/>
  <c r="E3833" i="2" a="1"/>
  <c r="E3833" i="2" s="1"/>
  <c r="AN160" i="1"/>
  <c r="E3831" i="2" a="1"/>
  <c r="E3831" i="2" s="1"/>
  <c r="AO160" i="1"/>
  <c r="E166" i="5" s="1"/>
  <c r="E3836" i="2" a="1"/>
  <c r="E3836" i="2" s="1"/>
  <c r="E3828" i="2" a="1"/>
  <c r="E3828" i="2" s="1"/>
  <c r="AM160" i="1"/>
  <c r="C166" i="5" s="1"/>
  <c r="E3834" i="2" a="1"/>
  <c r="E3834" i="2" s="1"/>
  <c r="E3849" i="2" a="1"/>
  <c r="E3849" i="2" s="1"/>
  <c r="E3847" i="2" a="1"/>
  <c r="E3847" i="2" s="1"/>
  <c r="E3832" i="2" a="1"/>
  <c r="E3832" i="2" s="1"/>
  <c r="AP3" i="1"/>
  <c r="F9" i="5" s="1"/>
  <c r="AN3" i="1"/>
  <c r="D9" i="5" s="1"/>
  <c r="AQ3" i="1"/>
  <c r="G9" i="5" s="1"/>
  <c r="AM3" i="1"/>
  <c r="C9" i="5" s="1"/>
  <c r="AO3" i="1"/>
  <c r="E9" i="5" s="1"/>
  <c r="F82" i="2" a="1"/>
  <c r="F82" i="2" s="1"/>
  <c r="F85" i="2" a="1"/>
  <c r="F85" i="2" s="1"/>
  <c r="F84" i="2" a="1"/>
  <c r="F84" i="2" s="1"/>
  <c r="F102" i="2" a="1"/>
  <c r="F102" i="2" s="1"/>
  <c r="G603" i="2" a="1"/>
  <c r="G603" i="2" s="1"/>
  <c r="G587" i="2" a="1"/>
  <c r="G587" i="2" s="1"/>
  <c r="G594" i="2" a="1"/>
  <c r="G594" i="2" s="1"/>
  <c r="G609" i="2" a="1"/>
  <c r="G609" i="2" s="1"/>
  <c r="G607" i="2" a="1"/>
  <c r="G607" i="2" s="1"/>
  <c r="G596" i="2" a="1"/>
  <c r="G596" i="2" s="1"/>
  <c r="D5326" i="2" a="1"/>
  <c r="D5326" i="2" s="1"/>
  <c r="D5330" i="2" a="1"/>
  <c r="D5330" i="2" s="1"/>
  <c r="D5317" i="2" a="1"/>
  <c r="D5317" i="2" s="1"/>
  <c r="D5321" i="2" a="1"/>
  <c r="D5321" i="2" s="1"/>
  <c r="D5319" i="2" a="1"/>
  <c r="D5319" i="2" s="1"/>
  <c r="D5324" i="2" a="1"/>
  <c r="D5324" i="2" s="1"/>
  <c r="D5336" i="2" a="1"/>
  <c r="D5336" i="2" s="1"/>
  <c r="D5315" i="2" a="1"/>
  <c r="D5315" i="2" s="1"/>
  <c r="D3509" i="2" a="1"/>
  <c r="D3509" i="2" s="1"/>
  <c r="D3508" i="2" a="1"/>
  <c r="D3508" i="2" s="1"/>
  <c r="D3498" i="2" a="1"/>
  <c r="D3498" i="2" s="1"/>
  <c r="D3510" i="2" a="1"/>
  <c r="D3510" i="2" s="1"/>
  <c r="G2221" i="2" a="1"/>
  <c r="G2221" i="2" s="1"/>
  <c r="G2240" i="2" a="1"/>
  <c r="G2240" i="2" s="1"/>
  <c r="G2231" i="2" a="1"/>
  <c r="G2231" i="2" s="1"/>
  <c r="G2222" i="2" a="1"/>
  <c r="G2222" i="2" s="1"/>
  <c r="G2218" i="2" a="1"/>
  <c r="G2218" i="2" s="1"/>
  <c r="G2228" i="2" a="1"/>
  <c r="G2228" i="2" s="1"/>
  <c r="G2234" i="2" a="1"/>
  <c r="G2234" i="2" s="1"/>
  <c r="G2219" i="2" a="1"/>
  <c r="G2219" i="2" s="1"/>
  <c r="G2226" i="2" a="1"/>
  <c r="G2226" i="2" s="1"/>
  <c r="G2241" i="2" a="1"/>
  <c r="G2241" i="2" s="1"/>
  <c r="G2233" i="2" a="1"/>
  <c r="G2233" i="2" s="1"/>
  <c r="G2239" i="2" a="1"/>
  <c r="G2239" i="2" s="1"/>
  <c r="G2238" i="2" a="1"/>
  <c r="G2238" i="2" s="1"/>
  <c r="G2220" i="2" a="1"/>
  <c r="G2220" i="2" s="1"/>
  <c r="G8522" i="2" a="1"/>
  <c r="G8522" i="2" s="1"/>
  <c r="G8528" i="2" a="1"/>
  <c r="G8528" i="2" s="1"/>
  <c r="G8508" i="2" a="1"/>
  <c r="G8508" i="2" s="1"/>
  <c r="G8513" i="2" a="1"/>
  <c r="G8513" i="2" s="1"/>
  <c r="G8519" i="2" a="1"/>
  <c r="G8519" i="2" s="1"/>
  <c r="G8524" i="2" a="1"/>
  <c r="G8524" i="2" s="1"/>
  <c r="G8510" i="2" a="1"/>
  <c r="G8510" i="2" s="1"/>
  <c r="G8529" i="2" a="1"/>
  <c r="G8529" i="2" s="1"/>
  <c r="G8520" i="2" a="1"/>
  <c r="G8520" i="2" s="1"/>
  <c r="G8516" i="2" a="1"/>
  <c r="G8516" i="2" s="1"/>
  <c r="G8523" i="2" a="1"/>
  <c r="G8523" i="2" s="1"/>
  <c r="G8521" i="2" a="1"/>
  <c r="G8521" i="2" s="1"/>
  <c r="G8511" i="2" a="1"/>
  <c r="G8511" i="2" s="1"/>
  <c r="AP355" i="1"/>
  <c r="F361" i="5" s="1"/>
  <c r="G8526" i="2" a="1"/>
  <c r="G8526" i="2" s="1"/>
  <c r="AM355" i="1"/>
  <c r="C361" i="5" s="1"/>
  <c r="G8506" i="2" a="1"/>
  <c r="G8506" i="2" s="1"/>
  <c r="G8527" i="2" a="1"/>
  <c r="G8527" i="2" s="1"/>
  <c r="G8507" i="2" a="1"/>
  <c r="G8507" i="2" s="1"/>
  <c r="G8518" i="2" a="1"/>
  <c r="G8518" i="2" s="1"/>
  <c r="G8525" i="2" a="1"/>
  <c r="G8525" i="2" s="1"/>
  <c r="G8512" i="2" a="1"/>
  <c r="G8512" i="2" s="1"/>
  <c r="H5474" i="2" a="1"/>
  <c r="H5474" i="2" s="1"/>
  <c r="H5460" i="2" a="1"/>
  <c r="H5460" i="2" s="1"/>
  <c r="H3952" i="2" a="1"/>
  <c r="H3952" i="2" s="1"/>
  <c r="H3954" i="2" a="1"/>
  <c r="H3954" i="2" s="1"/>
  <c r="G1439" i="2" a="1"/>
  <c r="G1439" i="2" s="1"/>
  <c r="G1432" i="2" a="1"/>
  <c r="G1432" i="2" s="1"/>
  <c r="G1433" i="2" a="1"/>
  <c r="G1433" i="2" s="1"/>
  <c r="M1433" i="2" s="1"/>
  <c r="M1407" i="5" s="1"/>
  <c r="P1407" i="5" s="1"/>
  <c r="D4849" i="2" a="1"/>
  <c r="D4849" i="2" s="1"/>
  <c r="D4844" i="2" a="1"/>
  <c r="D4844" i="2" s="1"/>
  <c r="D4848" i="2" a="1"/>
  <c r="D4848" i="2" s="1"/>
  <c r="D4852" i="2" a="1"/>
  <c r="D4852" i="2" s="1"/>
  <c r="D4840" i="2" a="1"/>
  <c r="D4840" i="2" s="1"/>
  <c r="D4847" i="2" a="1"/>
  <c r="D4847" i="2" s="1"/>
  <c r="D4850" i="2" a="1"/>
  <c r="D4850" i="2" s="1"/>
  <c r="D4841" i="2" a="1"/>
  <c r="D4841" i="2" s="1"/>
  <c r="G3535" i="2" a="1"/>
  <c r="G3535" i="2" s="1"/>
  <c r="G3536" i="2" a="1"/>
  <c r="G3536" i="2" s="1"/>
  <c r="G3518" i="2" a="1"/>
  <c r="G3518" i="2" s="1"/>
  <c r="G3522" i="2" a="1"/>
  <c r="G3522" i="2" s="1"/>
  <c r="G939" i="2" a="1"/>
  <c r="G939" i="2" s="1"/>
  <c r="G938" i="2" a="1"/>
  <c r="G938" i="2" s="1"/>
  <c r="G933" i="2" a="1"/>
  <c r="G933" i="2" s="1"/>
  <c r="G935" i="2" a="1"/>
  <c r="G935" i="2" s="1"/>
  <c r="G944" i="2" a="1"/>
  <c r="G944" i="2" s="1"/>
  <c r="E8187" i="2" a="1"/>
  <c r="E8187" i="2" s="1"/>
  <c r="E8183" i="2" a="1"/>
  <c r="E8183" i="2" s="1"/>
  <c r="E8171" i="2" a="1"/>
  <c r="E8171" i="2" s="1"/>
  <c r="E8184" i="2" a="1"/>
  <c r="E8184" i="2" s="1"/>
  <c r="E8190" i="2" a="1"/>
  <c r="E8190" i="2" s="1"/>
  <c r="E8179" i="2" a="1"/>
  <c r="E8179" i="2" s="1"/>
  <c r="D5043" i="2" a="1"/>
  <c r="D5043" i="2" s="1"/>
  <c r="D7586" i="2" a="1"/>
  <c r="D7586" i="2" s="1"/>
  <c r="E6122" i="2" a="1"/>
  <c r="E6122" i="2" s="1"/>
  <c r="H5128" i="2" a="1"/>
  <c r="H5128" i="2" s="1"/>
  <c r="F8022" i="2" a="1"/>
  <c r="F8022" i="2" s="1"/>
  <c r="H2950" i="2" a="1"/>
  <c r="H2950" i="2" s="1"/>
  <c r="H8602" i="2" a="1"/>
  <c r="H8602" i="2" s="1"/>
  <c r="AO17" i="1"/>
  <c r="E23" i="5" s="1"/>
  <c r="G6473" i="2" a="1"/>
  <c r="G6473" i="2" s="1"/>
  <c r="G7804" i="2" a="1"/>
  <c r="G7804" i="2" s="1"/>
  <c r="D8349" i="2" a="1"/>
  <c r="D8349" i="2" s="1"/>
  <c r="H1677" i="2" a="1"/>
  <c r="H1677" i="2" s="1"/>
  <c r="F3441" i="2" a="1"/>
  <c r="F3441" i="2" s="1"/>
  <c r="F7849" i="2" a="1"/>
  <c r="F7849" i="2" s="1"/>
  <c r="AQ149" i="1"/>
  <c r="G155" i="5" s="1"/>
  <c r="AQ290" i="1"/>
  <c r="G296" i="5" s="1"/>
  <c r="D5559" i="2" a="1"/>
  <c r="D5559" i="2" s="1"/>
  <c r="F207" i="2" a="1"/>
  <c r="F207" i="2" s="1"/>
  <c r="H7368" i="2" a="1"/>
  <c r="H7368" i="2" s="1"/>
  <c r="D754" i="2" a="1"/>
  <c r="D754" i="2" s="1"/>
  <c r="D5444" i="2" a="1"/>
  <c r="D5444" i="2" s="1"/>
  <c r="H950" i="2" a="1"/>
  <c r="H950" i="2" s="1"/>
  <c r="F1476" i="2" a="1"/>
  <c r="F1476" i="2" s="1"/>
  <c r="F1489" i="2" a="1"/>
  <c r="F1489" i="2" s="1"/>
  <c r="G4904" i="2" a="1"/>
  <c r="G4904" i="2" s="1"/>
  <c r="G4887" i="2" a="1"/>
  <c r="G4887" i="2" s="1"/>
  <c r="G4892" i="2" a="1"/>
  <c r="G4892" i="2" s="1"/>
  <c r="G4893" i="2" a="1"/>
  <c r="G4893" i="2" s="1"/>
  <c r="G4903" i="2" a="1"/>
  <c r="G4903" i="2" s="1"/>
  <c r="F1015" i="2" a="1"/>
  <c r="F1015" i="2" s="1"/>
  <c r="F995" i="2" a="1"/>
  <c r="F995" i="2" s="1"/>
  <c r="H778" i="2" a="1"/>
  <c r="H778" i="2" s="1"/>
  <c r="H793" i="2" a="1"/>
  <c r="H793" i="2" s="1"/>
  <c r="H799" i="2" a="1"/>
  <c r="H799" i="2" s="1"/>
  <c r="H781" i="2" a="1"/>
  <c r="H781" i="2" s="1"/>
  <c r="H783" i="2" a="1"/>
  <c r="H783" i="2" s="1"/>
  <c r="H784" i="2" a="1"/>
  <c r="H784" i="2" s="1"/>
  <c r="H789" i="2" a="1"/>
  <c r="H789" i="2" s="1"/>
  <c r="H788" i="2" a="1"/>
  <c r="H788" i="2" s="1"/>
  <c r="H800" i="2" a="1"/>
  <c r="H800" i="2" s="1"/>
  <c r="H787" i="2" a="1"/>
  <c r="H787" i="2" s="1"/>
  <c r="H796" i="2" a="1"/>
  <c r="H796" i="2" s="1"/>
  <c r="H797" i="2" a="1"/>
  <c r="H797" i="2" s="1"/>
  <c r="E345" i="2" a="1"/>
  <c r="E345" i="2" s="1"/>
  <c r="E334" i="2" a="1"/>
  <c r="E334" i="2" s="1"/>
  <c r="E328" i="2" a="1"/>
  <c r="E328" i="2" s="1"/>
  <c r="E325" i="2" a="1"/>
  <c r="E325" i="2" s="1"/>
  <c r="E341" i="2" a="1"/>
  <c r="E341" i="2" s="1"/>
  <c r="E324" i="2" a="1"/>
  <c r="E324" i="2" s="1"/>
  <c r="E323" i="2" a="1"/>
  <c r="E323" i="2" s="1"/>
  <c r="E326" i="2" a="1"/>
  <c r="E326" i="2" s="1"/>
  <c r="E333" i="2" a="1"/>
  <c r="E333" i="2" s="1"/>
  <c r="F598" i="2" a="1"/>
  <c r="F598" i="2" s="1"/>
  <c r="F604" i="2" a="1"/>
  <c r="F604" i="2" s="1"/>
  <c r="F607" i="2" a="1"/>
  <c r="F607" i="2" s="1"/>
  <c r="F599" i="2" a="1"/>
  <c r="F599" i="2" s="1"/>
  <c r="F605" i="2" a="1"/>
  <c r="F605" i="2" s="1"/>
  <c r="F594" i="2" a="1"/>
  <c r="F594" i="2" s="1"/>
  <c r="F606" i="2" a="1"/>
  <c r="F606" i="2" s="1"/>
  <c r="F593" i="2" a="1"/>
  <c r="F593" i="2" s="1"/>
  <c r="F603" i="2" a="1"/>
  <c r="F603" i="2" s="1"/>
  <c r="F586" i="2" a="1"/>
  <c r="F586" i="2" s="1"/>
  <c r="F596" i="2" a="1"/>
  <c r="F596" i="2" s="1"/>
  <c r="F602" i="2" a="1"/>
  <c r="F602" i="2" s="1"/>
  <c r="F597" i="2" a="1"/>
  <c r="F597" i="2" s="1"/>
  <c r="F609" i="2" a="1"/>
  <c r="F609" i="2" s="1"/>
  <c r="H6009" i="2" a="1"/>
  <c r="H6009" i="2" s="1"/>
  <c r="H5994" i="2" a="1"/>
  <c r="H5994" i="2" s="1"/>
  <c r="H6005" i="2" a="1"/>
  <c r="H6005" i="2" s="1"/>
  <c r="H6000" i="2" a="1"/>
  <c r="H6000" i="2" s="1"/>
  <c r="H5987" i="2" a="1"/>
  <c r="H5987" i="2" s="1"/>
  <c r="H6008" i="2" a="1"/>
  <c r="H6008" i="2" s="1"/>
  <c r="H6001" i="2" a="1"/>
  <c r="H6001" i="2" s="1"/>
  <c r="H5997" i="2" a="1"/>
  <c r="H5997" i="2" s="1"/>
  <c r="H5996" i="2" a="1"/>
  <c r="H5996" i="2" s="1"/>
  <c r="H5990" i="2" a="1"/>
  <c r="H5990" i="2" s="1"/>
  <c r="H5992" i="2" a="1"/>
  <c r="H5992" i="2" s="1"/>
  <c r="H5995" i="2" a="1"/>
  <c r="H5995" i="2" s="1"/>
  <c r="H6006" i="2" a="1"/>
  <c r="H6006" i="2" s="1"/>
  <c r="H5986" i="2" a="1"/>
  <c r="H5986" i="2" s="1"/>
  <c r="H5991" i="2" a="1"/>
  <c r="H5991" i="2" s="1"/>
  <c r="H5988" i="2" a="1"/>
  <c r="H5988" i="2" s="1"/>
  <c r="H6002" i="2" a="1"/>
  <c r="H6002" i="2" s="1"/>
  <c r="H6004" i="2" a="1"/>
  <c r="H6004" i="2" s="1"/>
  <c r="H5998" i="2" a="1"/>
  <c r="H5998" i="2" s="1"/>
  <c r="F3253" i="2" a="1"/>
  <c r="F3253" i="2" s="1"/>
  <c r="F3267" i="2" a="1"/>
  <c r="F3267" i="2" s="1"/>
  <c r="F3257" i="2" a="1"/>
  <c r="F3257" i="2" s="1"/>
  <c r="F3272" i="2" a="1"/>
  <c r="F3272" i="2" s="1"/>
  <c r="F3264" i="2" a="1"/>
  <c r="F3264" i="2" s="1"/>
  <c r="F3256" i="2" a="1"/>
  <c r="F3256" i="2" s="1"/>
  <c r="F3252" i="2" a="1"/>
  <c r="F3252" i="2" s="1"/>
  <c r="F3270" i="2" a="1"/>
  <c r="F3270" i="2" s="1"/>
  <c r="F3259" i="2" a="1"/>
  <c r="F3259" i="2" s="1"/>
  <c r="F3258" i="2" a="1"/>
  <c r="F3258" i="2" s="1"/>
  <c r="F3266" i="2" a="1"/>
  <c r="F3266" i="2" s="1"/>
  <c r="F3269" i="2" a="1"/>
  <c r="F3269" i="2" s="1"/>
  <c r="F3273" i="2" a="1"/>
  <c r="F3273" i="2" s="1"/>
  <c r="F3250" i="2" a="1"/>
  <c r="F3250" i="2" s="1"/>
  <c r="AQ136" i="1"/>
  <c r="G142" i="5" s="1"/>
  <c r="F3254" i="2" a="1"/>
  <c r="F3254" i="2" s="1"/>
  <c r="AN136" i="1"/>
  <c r="D142" i="5" s="1"/>
  <c r="F3262" i="2" a="1"/>
  <c r="F3262" i="2" s="1"/>
  <c r="F3265" i="2" a="1"/>
  <c r="F3265" i="2" s="1"/>
  <c r="F3251" i="2" a="1"/>
  <c r="F3251" i="2" s="1"/>
  <c r="F1816" i="2" a="1"/>
  <c r="F1816" i="2" s="1"/>
  <c r="F1813" i="2" a="1"/>
  <c r="F1813" i="2" s="1"/>
  <c r="F1819" i="2" a="1"/>
  <c r="F1819" i="2" s="1"/>
  <c r="F1830" i="2" a="1"/>
  <c r="F1830" i="2" s="1"/>
  <c r="F1823" i="2" a="1"/>
  <c r="F1823" i="2" s="1"/>
  <c r="F1833" i="2" a="1"/>
  <c r="F1833" i="2" s="1"/>
  <c r="F1827" i="2" a="1"/>
  <c r="F1827" i="2" s="1"/>
  <c r="F1831" i="2" a="1"/>
  <c r="F1831" i="2" s="1"/>
  <c r="F1829" i="2" a="1"/>
  <c r="F1829" i="2" s="1"/>
  <c r="F1810" i="2" a="1"/>
  <c r="F1810" i="2" s="1"/>
  <c r="F1821" i="2" a="1"/>
  <c r="F1821" i="2" s="1"/>
  <c r="F1822" i="2" a="1"/>
  <c r="F1822" i="2" s="1"/>
  <c r="F1820" i="2" a="1"/>
  <c r="F1820" i="2" s="1"/>
  <c r="F1824" i="2" a="1"/>
  <c r="F1824" i="2" s="1"/>
  <c r="F1825" i="2" a="1"/>
  <c r="F1825" i="2" s="1"/>
  <c r="D4106" i="2" a="1"/>
  <c r="D4106" i="2" s="1"/>
  <c r="AO171" i="1"/>
  <c r="E177" i="5" s="1"/>
  <c r="D4092" i="2" a="1"/>
  <c r="D4092" i="2" s="1"/>
  <c r="D4109" i="2" a="1"/>
  <c r="D4109" i="2" s="1"/>
  <c r="E344" i="2" a="1"/>
  <c r="E344" i="2" s="1"/>
  <c r="D5046" i="2" a="1"/>
  <c r="D5046" i="2" s="1"/>
  <c r="H5131" i="2" a="1"/>
  <c r="H5131" i="2" s="1"/>
  <c r="F8008" i="2" a="1"/>
  <c r="F8008" i="2" s="1"/>
  <c r="H8625" i="2" a="1"/>
  <c r="H8625" i="2" s="1"/>
  <c r="AQ17" i="1"/>
  <c r="G23" i="5" s="1"/>
  <c r="F1815" i="2" a="1"/>
  <c r="F1815" i="2" s="1"/>
  <c r="G6484" i="2" a="1"/>
  <c r="G6484" i="2" s="1"/>
  <c r="H1688" i="2" a="1"/>
  <c r="H1688" i="2" s="1"/>
  <c r="F7846" i="2" a="1"/>
  <c r="F7846" i="2" s="1"/>
  <c r="F3261" i="2" a="1"/>
  <c r="F3261" i="2" s="1"/>
  <c r="AP290" i="1"/>
  <c r="F296" i="5" s="1"/>
  <c r="D771" i="2" a="1"/>
  <c r="D771" i="2" s="1"/>
  <c r="H8093" i="2" a="1"/>
  <c r="H8093" i="2" s="1"/>
  <c r="D2590" i="2" a="1"/>
  <c r="D2590" i="2" s="1"/>
  <c r="E338" i="2" a="1"/>
  <c r="E338" i="2" s="1"/>
  <c r="F7560" i="2" a="1"/>
  <c r="F7560" i="2" s="1"/>
  <c r="D7587" i="2" a="1"/>
  <c r="D7587" i="2" s="1"/>
  <c r="E6126" i="2" a="1"/>
  <c r="E6126" i="2" s="1"/>
  <c r="F8007" i="2" a="1"/>
  <c r="F8007" i="2" s="1"/>
  <c r="H2949" i="2" a="1"/>
  <c r="H2949" i="2" s="1"/>
  <c r="AN17" i="1"/>
  <c r="D23" i="5" s="1"/>
  <c r="D1136" i="2" a="1"/>
  <c r="D1136" i="2" s="1"/>
  <c r="G6487" i="2" a="1"/>
  <c r="G6487" i="2" s="1"/>
  <c r="G7790" i="2" a="1"/>
  <c r="G7790" i="2" s="1"/>
  <c r="F3431" i="2" a="1"/>
  <c r="F3431" i="2" s="1"/>
  <c r="F3260" i="2" a="1"/>
  <c r="F3260" i="2" s="1"/>
  <c r="D5570" i="2" a="1"/>
  <c r="D5570" i="2" s="1"/>
  <c r="D767" i="2" a="1"/>
  <c r="D767" i="2" s="1"/>
  <c r="H8086" i="2" a="1"/>
  <c r="H8086" i="2" s="1"/>
  <c r="F587" i="2" a="1"/>
  <c r="F587" i="2" s="1"/>
  <c r="D5026" i="2" a="1"/>
  <c r="D5026" i="2" s="1"/>
  <c r="D5028" i="2" a="1"/>
  <c r="D5028" i="2" s="1"/>
  <c r="D5038" i="2" a="1"/>
  <c r="D5038" i="2" s="1"/>
  <c r="D5039" i="2" a="1"/>
  <c r="D5039" i="2" s="1"/>
  <c r="D5033" i="2" a="1"/>
  <c r="D5033" i="2" s="1"/>
  <c r="D5029" i="2" a="1"/>
  <c r="D5029" i="2" s="1"/>
  <c r="D5035" i="2" a="1"/>
  <c r="D5035" i="2" s="1"/>
  <c r="D5037" i="2" a="1"/>
  <c r="D5037" i="2" s="1"/>
  <c r="D5030" i="2" a="1"/>
  <c r="D5030" i="2" s="1"/>
  <c r="D5036" i="2" a="1"/>
  <c r="D5036" i="2" s="1"/>
  <c r="D5047" i="2" a="1"/>
  <c r="D5047" i="2" s="1"/>
  <c r="D5034" i="2" a="1"/>
  <c r="D5034" i="2" s="1"/>
  <c r="D5040" i="2" a="1"/>
  <c r="D5040" i="2" s="1"/>
  <c r="D2161" i="2" a="1"/>
  <c r="D2161" i="2" s="1"/>
  <c r="D2158" i="2" a="1"/>
  <c r="D2158" i="2" s="1"/>
  <c r="D2167" i="2" a="1"/>
  <c r="D2167" i="2" s="1"/>
  <c r="D2160" i="2" a="1"/>
  <c r="D2160" i="2" s="1"/>
  <c r="D2155" i="2" a="1"/>
  <c r="D2155" i="2" s="1"/>
  <c r="D2154" i="2" a="1"/>
  <c r="D2154" i="2" s="1"/>
  <c r="D2163" i="2" a="1"/>
  <c r="D2163" i="2" s="1"/>
  <c r="D2156" i="2" a="1"/>
  <c r="D2156" i="2" s="1"/>
  <c r="D2148" i="2" a="1"/>
  <c r="D2148" i="2" s="1"/>
  <c r="D2169" i="2" a="1"/>
  <c r="D2169" i="2" s="1"/>
  <c r="D2151" i="2" a="1"/>
  <c r="D2151" i="2" s="1"/>
  <c r="D2164" i="2" a="1"/>
  <c r="D2164" i="2" s="1"/>
  <c r="D2146" i="2" a="1"/>
  <c r="D2146" i="2" s="1"/>
  <c r="D2157" i="2" a="1"/>
  <c r="D2157" i="2" s="1"/>
  <c r="D2159" i="2" a="1"/>
  <c r="D2159" i="2" s="1"/>
  <c r="D2152" i="2" a="1"/>
  <c r="D2152" i="2" s="1"/>
  <c r="D2153" i="2" a="1"/>
  <c r="D2153" i="2" s="1"/>
  <c r="D2162" i="2" a="1"/>
  <c r="D2162" i="2" s="1"/>
  <c r="D2166" i="2" a="1"/>
  <c r="D2166" i="2" s="1"/>
  <c r="D2168" i="2" a="1"/>
  <c r="D2168" i="2" s="1"/>
  <c r="D2150" i="2" a="1"/>
  <c r="D2150" i="2" s="1"/>
  <c r="D2147" i="2" a="1"/>
  <c r="D2147" i="2" s="1"/>
  <c r="D2165" i="2" a="1"/>
  <c r="D2165" i="2" s="1"/>
  <c r="H4776" i="2" a="1"/>
  <c r="H4776" i="2" s="1"/>
  <c r="H4778" i="2" a="1"/>
  <c r="H4778" i="2" s="1"/>
  <c r="H4772" i="2" a="1"/>
  <c r="H4772" i="2" s="1"/>
  <c r="H4784" i="2" a="1"/>
  <c r="H4784" i="2" s="1"/>
  <c r="H4769" i="2" a="1"/>
  <c r="H4769" i="2" s="1"/>
  <c r="H4766" i="2" a="1"/>
  <c r="H4766" i="2" s="1"/>
  <c r="H4780" i="2" a="1"/>
  <c r="H4780" i="2" s="1"/>
  <c r="H4763" i="2" a="1"/>
  <c r="H4763" i="2" s="1"/>
  <c r="H4775" i="2" a="1"/>
  <c r="H4775" i="2" s="1"/>
  <c r="H4764" i="2" a="1"/>
  <c r="H4764" i="2" s="1"/>
  <c r="H4781" i="2" a="1"/>
  <c r="H4781" i="2" s="1"/>
  <c r="H4765" i="2" a="1"/>
  <c r="H4765" i="2" s="1"/>
  <c r="H4767" i="2" a="1"/>
  <c r="H4767" i="2" s="1"/>
  <c r="H4770" i="2" a="1"/>
  <c r="H4770" i="2" s="1"/>
  <c r="H4771" i="2" a="1"/>
  <c r="H4771" i="2" s="1"/>
  <c r="H4779" i="2" a="1"/>
  <c r="H4779" i="2" s="1"/>
  <c r="H4768" i="2" a="1"/>
  <c r="H4768" i="2" s="1"/>
  <c r="H4777" i="2" a="1"/>
  <c r="H4777" i="2" s="1"/>
  <c r="H4762" i="2" a="1"/>
  <c r="H4762" i="2" s="1"/>
  <c r="F1754" i="2" a="1"/>
  <c r="F1754" i="2" s="1"/>
  <c r="F1755" i="2" a="1"/>
  <c r="F1755" i="2" s="1"/>
  <c r="F1738" i="2" a="1"/>
  <c r="F1738" i="2" s="1"/>
  <c r="F1759" i="2" a="1"/>
  <c r="F1759" i="2" s="1"/>
  <c r="F1750" i="2" a="1"/>
  <c r="F1750" i="2" s="1"/>
  <c r="F1741" i="2" a="1"/>
  <c r="F1741" i="2" s="1"/>
  <c r="F1739" i="2" a="1"/>
  <c r="F1739" i="2" s="1"/>
  <c r="F1747" i="2" a="1"/>
  <c r="F1747" i="2" s="1"/>
  <c r="H1329" i="2" a="1"/>
  <c r="H1329" i="2" s="1"/>
  <c r="H1315" i="2" a="1"/>
  <c r="H1315" i="2" s="1"/>
  <c r="H1326" i="2" a="1"/>
  <c r="H1326" i="2" s="1"/>
  <c r="H1319" i="2" a="1"/>
  <c r="H1319" i="2" s="1"/>
  <c r="H1308" i="2" a="1"/>
  <c r="H1308" i="2" s="1"/>
  <c r="H1316" i="2" a="1"/>
  <c r="H1316" i="2" s="1"/>
  <c r="H1321" i="2" a="1"/>
  <c r="H1321" i="2" s="1"/>
  <c r="H1312" i="2" a="1"/>
  <c r="H1312" i="2" s="1"/>
  <c r="H1323" i="2" a="1"/>
  <c r="H1323" i="2" s="1"/>
  <c r="H1318" i="2" a="1"/>
  <c r="H1318" i="2" s="1"/>
  <c r="H1322" i="2" a="1"/>
  <c r="H1322" i="2" s="1"/>
  <c r="H1306" i="2" a="1"/>
  <c r="H1306" i="2" s="1"/>
  <c r="H1309" i="2" a="1"/>
  <c r="H1309" i="2" s="1"/>
  <c r="H1320" i="2" a="1"/>
  <c r="H1320" i="2" s="1"/>
  <c r="H1325" i="2" a="1"/>
  <c r="H1325" i="2" s="1"/>
  <c r="H1324" i="2" a="1"/>
  <c r="H1324" i="2" s="1"/>
  <c r="H1311" i="2" a="1"/>
  <c r="H1311" i="2" s="1"/>
  <c r="H1317" i="2" a="1"/>
  <c r="H1317" i="2" s="1"/>
  <c r="H1310" i="2" a="1"/>
  <c r="H1310" i="2" s="1"/>
  <c r="H1328" i="2" a="1"/>
  <c r="H1328" i="2" s="1"/>
  <c r="H1313" i="2" a="1"/>
  <c r="H1313" i="2" s="1"/>
  <c r="E6176" i="2" a="1"/>
  <c r="E6176" i="2" s="1"/>
  <c r="E6177" i="2" a="1"/>
  <c r="E6177" i="2" s="1"/>
  <c r="E6174" i="2" a="1"/>
  <c r="E6174" i="2" s="1"/>
  <c r="E6169" i="2" a="1"/>
  <c r="E6169" i="2" s="1"/>
  <c r="E6165" i="2" a="1"/>
  <c r="E6165" i="2" s="1"/>
  <c r="E6161" i="2" a="1"/>
  <c r="E6161" i="2" s="1"/>
  <c r="E6157" i="2" a="1"/>
  <c r="E6157" i="2" s="1"/>
  <c r="E6162" i="2" a="1"/>
  <c r="E6162" i="2" s="1"/>
  <c r="E6173" i="2" a="1"/>
  <c r="E6173" i="2" s="1"/>
  <c r="E6158" i="2" a="1"/>
  <c r="E6158" i="2" s="1"/>
  <c r="E6172" i="2" a="1"/>
  <c r="E6172" i="2" s="1"/>
  <c r="E6156" i="2" a="1"/>
  <c r="E6156" i="2" s="1"/>
  <c r="E6164" i="2" a="1"/>
  <c r="E6164" i="2" s="1"/>
  <c r="E6171" i="2" a="1"/>
  <c r="E6171" i="2" s="1"/>
  <c r="E6175" i="2" a="1"/>
  <c r="E6175" i="2" s="1"/>
  <c r="E6163" i="2" a="1"/>
  <c r="E6163" i="2" s="1"/>
  <c r="E6166" i="2" a="1"/>
  <c r="E6166" i="2" s="1"/>
  <c r="E6167" i="2" a="1"/>
  <c r="E6167" i="2" s="1"/>
  <c r="E6168" i="2" a="1"/>
  <c r="E6168" i="2" s="1"/>
  <c r="E6154" i="2" a="1"/>
  <c r="E6154" i="2" s="1"/>
  <c r="E6159" i="2" a="1"/>
  <c r="E6159" i="2" s="1"/>
  <c r="E6160" i="2" a="1"/>
  <c r="E6160" i="2" s="1"/>
  <c r="E6170" i="2" a="1"/>
  <c r="E6170" i="2" s="1"/>
  <c r="E6155" i="2" a="1"/>
  <c r="E6155" i="2" s="1"/>
  <c r="H1599" i="2" a="1"/>
  <c r="H1599" i="2" s="1"/>
  <c r="H1597" i="2" a="1"/>
  <c r="H1597" i="2" s="1"/>
  <c r="H1601" i="2" a="1"/>
  <c r="H1601" i="2" s="1"/>
  <c r="H1602" i="2" a="1"/>
  <c r="H1602" i="2" s="1"/>
  <c r="H1614" i="2" a="1"/>
  <c r="H1614" i="2" s="1"/>
  <c r="H1607" i="2" a="1"/>
  <c r="H1607" i="2" s="1"/>
  <c r="H1613" i="2" a="1"/>
  <c r="H1613" i="2" s="1"/>
  <c r="H1616" i="2" a="1"/>
  <c r="H1616" i="2" s="1"/>
  <c r="H1610" i="2" a="1"/>
  <c r="H1610" i="2" s="1"/>
  <c r="H1608" i="2" a="1"/>
  <c r="H1608" i="2" s="1"/>
  <c r="H1600" i="2" a="1"/>
  <c r="H1600" i="2" s="1"/>
  <c r="H1595" i="2" a="1"/>
  <c r="H1595" i="2" s="1"/>
  <c r="H1609" i="2" a="1"/>
  <c r="H1609" i="2" s="1"/>
  <c r="H1611" i="2" a="1"/>
  <c r="H1611" i="2" s="1"/>
  <c r="H1596" i="2" a="1"/>
  <c r="H1596" i="2" s="1"/>
  <c r="H1603" i="2" a="1"/>
  <c r="H1603" i="2" s="1"/>
  <c r="H1604" i="2" a="1"/>
  <c r="H1604" i="2" s="1"/>
  <c r="H1605" i="2" a="1"/>
  <c r="H1605" i="2" s="1"/>
  <c r="H1606" i="2" a="1"/>
  <c r="H1606" i="2" s="1"/>
  <c r="H1594" i="2" a="1"/>
  <c r="H1594" i="2" s="1"/>
  <c r="H1598" i="2" a="1"/>
  <c r="H1598" i="2" s="1"/>
  <c r="H1615" i="2" a="1"/>
  <c r="H1615" i="2" s="1"/>
  <c r="D5455" i="2" a="1"/>
  <c r="D5455" i="2" s="1"/>
  <c r="D5451" i="2" a="1"/>
  <c r="D5451" i="2" s="1"/>
  <c r="D5441" i="2" a="1"/>
  <c r="D5441" i="2" s="1"/>
  <c r="D5447" i="2" a="1"/>
  <c r="D5447" i="2" s="1"/>
  <c r="D5445" i="2" a="1"/>
  <c r="D5445" i="2" s="1"/>
  <c r="D5443" i="2" a="1"/>
  <c r="D5443" i="2" s="1"/>
  <c r="D5449" i="2" a="1"/>
  <c r="D5449" i="2" s="1"/>
  <c r="D5439" i="2" a="1"/>
  <c r="D5439" i="2" s="1"/>
  <c r="D5453" i="2" a="1"/>
  <c r="D5453" i="2" s="1"/>
  <c r="D5435" i="2" a="1"/>
  <c r="D5435" i="2" s="1"/>
  <c r="D5454" i="2" a="1"/>
  <c r="D5454" i="2" s="1"/>
  <c r="D5456" i="2" a="1"/>
  <c r="D5456" i="2" s="1"/>
  <c r="D5450" i="2" a="1"/>
  <c r="D5450" i="2" s="1"/>
  <c r="D5452" i="2" a="1"/>
  <c r="D5452" i="2" s="1"/>
  <c r="D5446" i="2" a="1"/>
  <c r="D5446" i="2" s="1"/>
  <c r="D5442" i="2" a="1"/>
  <c r="D5442" i="2" s="1"/>
  <c r="D5457" i="2" a="1"/>
  <c r="D5457" i="2" s="1"/>
  <c r="D5448" i="2" a="1"/>
  <c r="D5448" i="2" s="1"/>
  <c r="D5440" i="2" a="1"/>
  <c r="D5440" i="2" s="1"/>
  <c r="D5434" i="2" a="1"/>
  <c r="D5434" i="2" s="1"/>
  <c r="H915" i="2" a="1"/>
  <c r="H915" i="2" s="1"/>
  <c r="H920" i="2" a="1"/>
  <c r="H920" i="2" s="1"/>
  <c r="H898" i="2" a="1"/>
  <c r="H898" i="2" s="1"/>
  <c r="H910" i="2" a="1"/>
  <c r="H910" i="2" s="1"/>
  <c r="H919" i="2" a="1"/>
  <c r="H919" i="2" s="1"/>
  <c r="H911" i="2" a="1"/>
  <c r="H911" i="2" s="1"/>
  <c r="H899" i="2" a="1"/>
  <c r="H899" i="2" s="1"/>
  <c r="H901" i="2" a="1"/>
  <c r="H901" i="2" s="1"/>
  <c r="H906" i="2" a="1"/>
  <c r="H906" i="2" s="1"/>
  <c r="H907" i="2" a="1"/>
  <c r="H907" i="2" s="1"/>
  <c r="H912" i="2" a="1"/>
  <c r="H912" i="2" s="1"/>
  <c r="H908" i="2" a="1"/>
  <c r="H908" i="2" s="1"/>
  <c r="H909" i="2" a="1"/>
  <c r="H909" i="2" s="1"/>
  <c r="H900" i="2" a="1"/>
  <c r="H900" i="2" s="1"/>
  <c r="H902" i="2" a="1"/>
  <c r="H902" i="2" s="1"/>
  <c r="H917" i="2" a="1"/>
  <c r="H917" i="2" s="1"/>
  <c r="H918" i="2" a="1"/>
  <c r="H918" i="2" s="1"/>
  <c r="H916" i="2" a="1"/>
  <c r="H916" i="2" s="1"/>
  <c r="H921" i="2" a="1"/>
  <c r="H921" i="2" s="1"/>
  <c r="H913" i="2" a="1"/>
  <c r="H913" i="2" s="1"/>
  <c r="H903" i="2" a="1"/>
  <c r="H903" i="2" s="1"/>
  <c r="F4208" i="2" a="1"/>
  <c r="F4208" i="2" s="1"/>
  <c r="F4189" i="2" a="1"/>
  <c r="F4189" i="2" s="1"/>
  <c r="F4194" i="2" a="1"/>
  <c r="F4194" i="2" s="1"/>
  <c r="H4667" i="2" a="1"/>
  <c r="H4667" i="2" s="1"/>
  <c r="H4670" i="2" a="1"/>
  <c r="H4670" i="2" s="1"/>
  <c r="H4673" i="2" a="1"/>
  <c r="H4673" i="2" s="1"/>
  <c r="H4687" i="2" a="1"/>
  <c r="H4687" i="2" s="1"/>
  <c r="H4688" i="2" a="1"/>
  <c r="H4688" i="2" s="1"/>
  <c r="H4683" i="2" a="1"/>
  <c r="H4683" i="2" s="1"/>
  <c r="H4689" i="2" a="1"/>
  <c r="H4689" i="2" s="1"/>
  <c r="H4668" i="2" a="1"/>
  <c r="H4668" i="2" s="1"/>
  <c r="H4685" i="2" a="1"/>
  <c r="H4685" i="2" s="1"/>
  <c r="H4684" i="2" a="1"/>
  <c r="H4684" i="2" s="1"/>
  <c r="H4680" i="2" a="1"/>
  <c r="H4680" i="2" s="1"/>
  <c r="H4681" i="2" a="1"/>
  <c r="H4681" i="2" s="1"/>
  <c r="H4672" i="2" a="1"/>
  <c r="H4672" i="2" s="1"/>
  <c r="H4686" i="2" a="1"/>
  <c r="H4686" i="2" s="1"/>
  <c r="H4669" i="2" a="1"/>
  <c r="H4669" i="2" s="1"/>
  <c r="H4678" i="2" a="1"/>
  <c r="H4678" i="2" s="1"/>
  <c r="H4674" i="2" a="1"/>
  <c r="H4674" i="2" s="1"/>
  <c r="H4671" i="2" a="1"/>
  <c r="H4671" i="2" s="1"/>
  <c r="H4677" i="2" a="1"/>
  <c r="H4677" i="2" s="1"/>
  <c r="D1413" i="2" a="1"/>
  <c r="D1413" i="2" s="1"/>
  <c r="D1416" i="2" a="1"/>
  <c r="D1416" i="2" s="1"/>
  <c r="D1421" i="2" a="1"/>
  <c r="D1421" i="2" s="1"/>
  <c r="D1418" i="2" a="1"/>
  <c r="D1418" i="2" s="1"/>
  <c r="D1408" i="2" a="1"/>
  <c r="D1408" i="2" s="1"/>
  <c r="D1403" i="2" a="1"/>
  <c r="D1403" i="2" s="1"/>
  <c r="D1405" i="2" a="1"/>
  <c r="D1405" i="2" s="1"/>
  <c r="D1411" i="2" a="1"/>
  <c r="D1411" i="2" s="1"/>
  <c r="AP59" i="1"/>
  <c r="F65" i="5" s="1"/>
  <c r="AM59" i="1"/>
  <c r="C65" i="5" s="1"/>
  <c r="D1404" i="2" a="1"/>
  <c r="D1404" i="2" s="1"/>
  <c r="D1423" i="2" a="1"/>
  <c r="D1423" i="2" s="1"/>
  <c r="D1402" i="2" a="1"/>
  <c r="D1402" i="2" s="1"/>
  <c r="D1406" i="2" a="1"/>
  <c r="D1406" i="2" s="1"/>
  <c r="D1422" i="2" a="1"/>
  <c r="D1422" i="2" s="1"/>
  <c r="D1417" i="2" a="1"/>
  <c r="D1417" i="2" s="1"/>
  <c r="D1407" i="2" a="1"/>
  <c r="D1407" i="2" s="1"/>
  <c r="D1410" i="2" a="1"/>
  <c r="D1410" i="2" s="1"/>
  <c r="D1415" i="2" a="1"/>
  <c r="D1415" i="2" s="1"/>
  <c r="D1409" i="2" a="1"/>
  <c r="D1409" i="2" s="1"/>
  <c r="D1414" i="2" a="1"/>
  <c r="D1414" i="2" s="1"/>
  <c r="F7851" i="2" a="1"/>
  <c r="F7851" i="2" s="1"/>
  <c r="F7837" i="2" a="1"/>
  <c r="F7837" i="2" s="1"/>
  <c r="F7845" i="2" a="1"/>
  <c r="F7845" i="2" s="1"/>
  <c r="F7848" i="2" a="1"/>
  <c r="F7848" i="2" s="1"/>
  <c r="F7836" i="2" a="1"/>
  <c r="F7836" i="2" s="1"/>
  <c r="F7857" i="2" a="1"/>
  <c r="F7857" i="2" s="1"/>
  <c r="F7850" i="2" a="1"/>
  <c r="F7850" i="2" s="1"/>
  <c r="F7840" i="2" a="1"/>
  <c r="F7840" i="2" s="1"/>
  <c r="F7838" i="2" a="1"/>
  <c r="F7838" i="2" s="1"/>
  <c r="F7842" i="2" a="1"/>
  <c r="F7842" i="2" s="1"/>
  <c r="F7852" i="2" a="1"/>
  <c r="F7852" i="2" s="1"/>
  <c r="F7855" i="2" a="1"/>
  <c r="F7855" i="2" s="1"/>
  <c r="F7835" i="2" a="1"/>
  <c r="F7835" i="2" s="1"/>
  <c r="F7839" i="2" a="1"/>
  <c r="F7839" i="2" s="1"/>
  <c r="F7854" i="2" a="1"/>
  <c r="F7854" i="2" s="1"/>
  <c r="F7841" i="2" a="1"/>
  <c r="F7841" i="2" s="1"/>
  <c r="F7834" i="2" a="1"/>
  <c r="F7834" i="2" s="1"/>
  <c r="H5227" i="2" a="1"/>
  <c r="H5227" i="2" s="1"/>
  <c r="H5234" i="2" a="1"/>
  <c r="H5234" i="2" s="1"/>
  <c r="H5221" i="2" a="1"/>
  <c r="H5221" i="2" s="1"/>
  <c r="H5228" i="2" a="1"/>
  <c r="H5228" i="2" s="1"/>
  <c r="H5241" i="2" a="1"/>
  <c r="H5241" i="2" s="1"/>
  <c r="H5239" i="2" a="1"/>
  <c r="H5239" i="2" s="1"/>
  <c r="H5233" i="2" a="1"/>
  <c r="H5233" i="2" s="1"/>
  <c r="H5240" i="2" a="1"/>
  <c r="H5240" i="2" s="1"/>
  <c r="H5219" i="2" a="1"/>
  <c r="H5219" i="2" s="1"/>
  <c r="H5222" i="2" a="1"/>
  <c r="H5222" i="2" s="1"/>
  <c r="H5231" i="2" a="1"/>
  <c r="H5231" i="2" s="1"/>
  <c r="H5223" i="2" a="1"/>
  <c r="H5223" i="2" s="1"/>
  <c r="H5218" i="2" a="1"/>
  <c r="H5218" i="2" s="1"/>
  <c r="H5235" i="2" a="1"/>
  <c r="H5235" i="2" s="1"/>
  <c r="H5225" i="2" a="1"/>
  <c r="H5225" i="2" s="1"/>
  <c r="H5236" i="2" a="1"/>
  <c r="H5236" i="2" s="1"/>
  <c r="H5232" i="2" a="1"/>
  <c r="H5232" i="2" s="1"/>
  <c r="H5224" i="2" a="1"/>
  <c r="H5224" i="2" s="1"/>
  <c r="H5238" i="2" a="1"/>
  <c r="H5238" i="2" s="1"/>
  <c r="H5230" i="2" a="1"/>
  <c r="H5230" i="2" s="1"/>
  <c r="H5229" i="2" a="1"/>
  <c r="H5229" i="2" s="1"/>
  <c r="H5226" i="2" a="1"/>
  <c r="H5226" i="2" s="1"/>
  <c r="H5237" i="2" a="1"/>
  <c r="H5237" i="2" s="1"/>
  <c r="D7323" i="2" a="1"/>
  <c r="D7323" i="2" s="1"/>
  <c r="D7320" i="2" a="1"/>
  <c r="D7320" i="2" s="1"/>
  <c r="D7326" i="2" a="1"/>
  <c r="D7326" i="2" s="1"/>
  <c r="D7312" i="2" a="1"/>
  <c r="D7312" i="2" s="1"/>
  <c r="D7322" i="2" a="1"/>
  <c r="D7322" i="2" s="1"/>
  <c r="D7311" i="2" a="1"/>
  <c r="D7311" i="2" s="1"/>
  <c r="D7308" i="2" a="1"/>
  <c r="D7308" i="2" s="1"/>
  <c r="D7315" i="2" a="1"/>
  <c r="D7315" i="2" s="1"/>
  <c r="AP305" i="1"/>
  <c r="D7319" i="2" a="1"/>
  <c r="D7319" i="2" s="1"/>
  <c r="AO305" i="1"/>
  <c r="E311" i="5" s="1"/>
  <c r="D7329" i="2" a="1"/>
  <c r="D7329" i="2" s="1"/>
  <c r="D7318" i="2" a="1"/>
  <c r="D7318" i="2" s="1"/>
  <c r="D7317" i="2" a="1"/>
  <c r="D7317" i="2" s="1"/>
  <c r="D7313" i="2" a="1"/>
  <c r="D7313" i="2" s="1"/>
  <c r="D7328" i="2" a="1"/>
  <c r="D7328" i="2" s="1"/>
  <c r="H8612" i="2" a="1"/>
  <c r="H8612" i="2" s="1"/>
  <c r="H8624" i="2" a="1"/>
  <c r="H8624" i="2" s="1"/>
  <c r="H8619" i="2" a="1"/>
  <c r="H8619" i="2" s="1"/>
  <c r="H8609" i="2" a="1"/>
  <c r="H8609" i="2" s="1"/>
  <c r="H8613" i="2" a="1"/>
  <c r="H8613" i="2" s="1"/>
  <c r="H8610" i="2" a="1"/>
  <c r="H8610" i="2" s="1"/>
  <c r="H8603" i="2" a="1"/>
  <c r="H8603" i="2" s="1"/>
  <c r="H8605" i="2" a="1"/>
  <c r="H8605" i="2" s="1"/>
  <c r="H8620" i="2" a="1"/>
  <c r="H8620" i="2" s="1"/>
  <c r="H8621" i="2" a="1"/>
  <c r="H8621" i="2" s="1"/>
  <c r="H8604" i="2" a="1"/>
  <c r="H8604" i="2" s="1"/>
  <c r="H8617" i="2" a="1"/>
  <c r="H8617" i="2" s="1"/>
  <c r="H5130" i="2" a="1"/>
  <c r="H5130" i="2" s="1"/>
  <c r="H5138" i="2" a="1"/>
  <c r="H5138" i="2" s="1"/>
  <c r="H5127" i="2" a="1"/>
  <c r="H5127" i="2" s="1"/>
  <c r="H5145" i="2" a="1"/>
  <c r="H5145" i="2" s="1"/>
  <c r="H5125" i="2" a="1"/>
  <c r="H5125" i="2" s="1"/>
  <c r="H5142" i="2" a="1"/>
  <c r="H5142" i="2" s="1"/>
  <c r="H5144" i="2" a="1"/>
  <c r="H5144" i="2" s="1"/>
  <c r="H5126" i="2" a="1"/>
  <c r="H5126" i="2" s="1"/>
  <c r="H5133" i="2" a="1"/>
  <c r="H5133" i="2" s="1"/>
  <c r="H5122" i="2" a="1"/>
  <c r="H5122" i="2" s="1"/>
  <c r="H5129" i="2" a="1"/>
  <c r="H5129" i="2" s="1"/>
  <c r="H5136" i="2" a="1"/>
  <c r="H5136" i="2" s="1"/>
  <c r="H5134" i="2" a="1"/>
  <c r="H5134" i="2" s="1"/>
  <c r="G2416" i="2" a="1"/>
  <c r="G2416" i="2" s="1"/>
  <c r="G2415" i="2" a="1"/>
  <c r="G2415" i="2" s="1"/>
  <c r="G2412" i="2" a="1"/>
  <c r="G2412" i="2" s="1"/>
  <c r="G2428" i="2" a="1"/>
  <c r="G2428" i="2" s="1"/>
  <c r="G8232" i="2" a="1"/>
  <c r="G8232" i="2" s="1"/>
  <c r="G8234" i="2" a="1"/>
  <c r="G8234" i="2" s="1"/>
  <c r="G8239" i="2" a="1"/>
  <c r="G8239" i="2" s="1"/>
  <c r="G8235" i="2" a="1"/>
  <c r="G8235" i="2" s="1"/>
  <c r="G8221" i="2" a="1"/>
  <c r="G8221" i="2" s="1"/>
  <c r="G8219" i="2" a="1"/>
  <c r="G8219" i="2" s="1"/>
  <c r="G8237" i="2" a="1"/>
  <c r="G8237" i="2" s="1"/>
  <c r="G8236" i="2" a="1"/>
  <c r="G8236" i="2" s="1"/>
  <c r="G8238" i="2" a="1"/>
  <c r="G8238" i="2" s="1"/>
  <c r="G8223" i="2" a="1"/>
  <c r="G8223" i="2" s="1"/>
  <c r="G8240" i="2" a="1"/>
  <c r="G8240" i="2" s="1"/>
  <c r="G8227" i="2" a="1"/>
  <c r="G8227" i="2" s="1"/>
  <c r="G8228" i="2" a="1"/>
  <c r="G8228" i="2" s="1"/>
  <c r="G8222" i="2" a="1"/>
  <c r="G8222" i="2" s="1"/>
  <c r="G8218" i="2" a="1"/>
  <c r="G8218" i="2" s="1"/>
  <c r="G8231" i="2" a="1"/>
  <c r="G8231" i="2" s="1"/>
  <c r="G8220" i="2" a="1"/>
  <c r="G8220" i="2" s="1"/>
  <c r="G8226" i="2" a="1"/>
  <c r="G8226" i="2" s="1"/>
  <c r="G8224" i="2" a="1"/>
  <c r="G8224" i="2" s="1"/>
  <c r="G8241" i="2" a="1"/>
  <c r="G8241" i="2" s="1"/>
  <c r="G8229" i="2" a="1"/>
  <c r="G8229" i="2" s="1"/>
  <c r="G8233" i="2" a="1"/>
  <c r="G8233" i="2" s="1"/>
  <c r="G8230" i="2" a="1"/>
  <c r="G8230" i="2" s="1"/>
  <c r="G8225" i="2" a="1"/>
  <c r="G8225" i="2" s="1"/>
  <c r="F3811" i="2" a="1"/>
  <c r="F3811" i="2" s="1"/>
  <c r="F3804" i="2" a="1"/>
  <c r="F3804" i="2" s="1"/>
  <c r="F3820" i="2" a="1"/>
  <c r="F3820" i="2" s="1"/>
  <c r="F3806" i="2" a="1"/>
  <c r="F3806" i="2" s="1"/>
  <c r="F3818" i="2" a="1"/>
  <c r="F3818" i="2" s="1"/>
  <c r="F3824" i="2" a="1"/>
  <c r="F3824" i="2" s="1"/>
  <c r="F3802" i="2" a="1"/>
  <c r="F3802" i="2" s="1"/>
  <c r="F3803" i="2" a="1"/>
  <c r="F3803" i="2" s="1"/>
  <c r="F3812" i="2" a="1"/>
  <c r="F3812" i="2" s="1"/>
  <c r="F3807" i="2" a="1"/>
  <c r="F3807" i="2" s="1"/>
  <c r="F3822" i="2" a="1"/>
  <c r="F3822" i="2" s="1"/>
  <c r="F3809" i="2" a="1"/>
  <c r="F3809" i="2" s="1"/>
  <c r="F3805" i="2" a="1"/>
  <c r="F3805" i="2" s="1"/>
  <c r="F3815" i="2" a="1"/>
  <c r="F3815" i="2" s="1"/>
  <c r="F3813" i="2" a="1"/>
  <c r="F3813" i="2" s="1"/>
  <c r="F3821" i="2" a="1"/>
  <c r="F3821" i="2" s="1"/>
  <c r="F3816" i="2" a="1"/>
  <c r="F3816" i="2" s="1"/>
  <c r="F3810" i="2" a="1"/>
  <c r="F3810" i="2" s="1"/>
  <c r="F3817" i="2" a="1"/>
  <c r="F3817" i="2" s="1"/>
  <c r="F3823" i="2" a="1"/>
  <c r="F3823" i="2" s="1"/>
  <c r="F3819" i="2" a="1"/>
  <c r="F3819" i="2" s="1"/>
  <c r="F3814" i="2" a="1"/>
  <c r="F3814" i="2" s="1"/>
  <c r="F3808" i="2" a="1"/>
  <c r="F3808" i="2" s="1"/>
  <c r="F3825" i="2" a="1"/>
  <c r="F3825" i="2" s="1"/>
  <c r="D7762" i="2" a="1"/>
  <c r="D7762" i="2" s="1"/>
  <c r="D7784" i="2" a="1"/>
  <c r="D7784" i="2" s="1"/>
  <c r="D7766" i="2" a="1"/>
  <c r="D7766" i="2" s="1"/>
  <c r="D7763" i="2" a="1"/>
  <c r="D7763" i="2" s="1"/>
  <c r="D7778" i="2" a="1"/>
  <c r="D7778" i="2" s="1"/>
  <c r="D7782" i="2" a="1"/>
  <c r="D7782" i="2" s="1"/>
  <c r="D7769" i="2" a="1"/>
  <c r="D7769" i="2" s="1"/>
  <c r="AP324" i="1"/>
  <c r="F330" i="5" s="1"/>
  <c r="AN324" i="1"/>
  <c r="D330" i="5" s="1"/>
  <c r="D7768" i="2" a="1"/>
  <c r="D7768" i="2" s="1"/>
  <c r="D7770" i="2" a="1"/>
  <c r="D7770" i="2" s="1"/>
  <c r="D7765" i="2" a="1"/>
  <c r="D7765" i="2" s="1"/>
  <c r="D7773" i="2" a="1"/>
  <c r="D7773" i="2" s="1"/>
  <c r="D7771" i="2" a="1"/>
  <c r="D7771" i="2" s="1"/>
  <c r="D7777" i="2" a="1"/>
  <c r="D7777" i="2" s="1"/>
  <c r="D7785" i="2" a="1"/>
  <c r="D7785" i="2" s="1"/>
  <c r="D7774" i="2" a="1"/>
  <c r="D7774" i="2" s="1"/>
  <c r="D7781" i="2" a="1"/>
  <c r="D7781" i="2" s="1"/>
  <c r="D7767" i="2" a="1"/>
  <c r="D7767" i="2" s="1"/>
  <c r="D7772" i="2" a="1"/>
  <c r="D7772" i="2" s="1"/>
  <c r="D7780" i="2" a="1"/>
  <c r="D7780" i="2" s="1"/>
  <c r="G2134" i="2" a="1"/>
  <c r="G2134" i="2" s="1"/>
  <c r="G2135" i="2" a="1"/>
  <c r="G2135" i="2" s="1"/>
  <c r="G2122" i="2" a="1"/>
  <c r="G2122" i="2" s="1"/>
  <c r="G2129" i="2" a="1"/>
  <c r="G2129" i="2" s="1"/>
  <c r="G2140" i="2" a="1"/>
  <c r="G2140" i="2" s="1"/>
  <c r="G2137" i="2" a="1"/>
  <c r="G2137" i="2" s="1"/>
  <c r="G2138" i="2" a="1"/>
  <c r="G2138" i="2" s="1"/>
  <c r="G2125" i="2" a="1"/>
  <c r="G2125" i="2" s="1"/>
  <c r="G2123" i="2" a="1"/>
  <c r="G2123" i="2" s="1"/>
  <c r="G2145" i="2" a="1"/>
  <c r="G2145" i="2" s="1"/>
  <c r="G2141" i="2" a="1"/>
  <c r="G2141" i="2" s="1"/>
  <c r="G2127" i="2" a="1"/>
  <c r="G2127" i="2" s="1"/>
  <c r="G2136" i="2" a="1"/>
  <c r="G2136" i="2" s="1"/>
  <c r="G2133" i="2" a="1"/>
  <c r="G2133" i="2" s="1"/>
  <c r="G2132" i="2" a="1"/>
  <c r="G2132" i="2" s="1"/>
  <c r="G2139" i="2" a="1"/>
  <c r="G2139" i="2" s="1"/>
  <c r="G2143" i="2" a="1"/>
  <c r="G2143" i="2" s="1"/>
  <c r="G2144" i="2" a="1"/>
  <c r="G2144" i="2" s="1"/>
  <c r="G2130" i="2" a="1"/>
  <c r="G2130" i="2" s="1"/>
  <c r="G2142" i="2" a="1"/>
  <c r="G2142" i="2" s="1"/>
  <c r="G2128" i="2" a="1"/>
  <c r="G2128" i="2" s="1"/>
  <c r="G2126" i="2" a="1"/>
  <c r="G2126" i="2" s="1"/>
  <c r="G2124" i="2" a="1"/>
  <c r="G2124" i="2" s="1"/>
  <c r="G2131" i="2" a="1"/>
  <c r="G2131" i="2" s="1"/>
  <c r="F8493" i="2" a="1"/>
  <c r="F8493" i="2" s="1"/>
  <c r="F8487" i="2" a="1"/>
  <c r="F8487" i="2" s="1"/>
  <c r="F8499" i="2" a="1"/>
  <c r="F8499" i="2" s="1"/>
  <c r="F8503" i="2" a="1"/>
  <c r="F8503" i="2" s="1"/>
  <c r="F8498" i="2" a="1"/>
  <c r="F8498" i="2" s="1"/>
  <c r="F8482" i="2" a="1"/>
  <c r="F8482" i="2" s="1"/>
  <c r="F8490" i="2" a="1"/>
  <c r="F8490" i="2" s="1"/>
  <c r="F8505" i="2" a="1"/>
  <c r="F8505" i="2" s="1"/>
  <c r="F8495" i="2" a="1"/>
  <c r="F8495" i="2" s="1"/>
  <c r="F8484" i="2" a="1"/>
  <c r="F8484" i="2" s="1"/>
  <c r="F8501" i="2" a="1"/>
  <c r="F8501" i="2" s="1"/>
  <c r="F8494" i="2" a="1"/>
  <c r="F8494" i="2" s="1"/>
  <c r="F8488" i="2" a="1"/>
  <c r="F8488" i="2" s="1"/>
  <c r="F8491" i="2" a="1"/>
  <c r="F8491" i="2" s="1"/>
  <c r="G3572" i="2" a="1"/>
  <c r="G3572" i="2" s="1"/>
  <c r="G3577" i="2" a="1"/>
  <c r="G3577" i="2" s="1"/>
  <c r="G3575" i="2" a="1"/>
  <c r="G3575" i="2" s="1"/>
  <c r="G3570" i="2" a="1"/>
  <c r="G3570" i="2" s="1"/>
  <c r="G3573" i="2" a="1"/>
  <c r="G3573" i="2" s="1"/>
  <c r="G3582" i="2" a="1"/>
  <c r="G3582" i="2" s="1"/>
  <c r="G3583" i="2" a="1"/>
  <c r="G3583" i="2" s="1"/>
  <c r="G3571" i="2" a="1"/>
  <c r="G3571" i="2" s="1"/>
  <c r="G3580" i="2" a="1"/>
  <c r="G3580" i="2" s="1"/>
  <c r="G3574" i="2" a="1"/>
  <c r="G3574" i="2" s="1"/>
  <c r="G3585" i="2" a="1"/>
  <c r="G3585" i="2" s="1"/>
  <c r="G3567" i="2" a="1"/>
  <c r="G3567" i="2" s="1"/>
  <c r="G3565" i="2" a="1"/>
  <c r="G3565" i="2" s="1"/>
  <c r="G3569" i="2" a="1"/>
  <c r="G3569" i="2" s="1"/>
  <c r="G3562" i="2" a="1"/>
  <c r="G3562" i="2" s="1"/>
  <c r="G3576" i="2" a="1"/>
  <c r="G3576" i="2" s="1"/>
  <c r="G3566" i="2" a="1"/>
  <c r="G3566" i="2" s="1"/>
  <c r="G3584" i="2" a="1"/>
  <c r="G3584" i="2" s="1"/>
  <c r="G3578" i="2" a="1"/>
  <c r="G3578" i="2" s="1"/>
  <c r="G3581" i="2" a="1"/>
  <c r="G3581" i="2" s="1"/>
  <c r="G3563" i="2" a="1"/>
  <c r="G3563" i="2" s="1"/>
  <c r="G3579" i="2" a="1"/>
  <c r="G3579" i="2" s="1"/>
  <c r="G3564" i="2" a="1"/>
  <c r="G3564" i="2" s="1"/>
  <c r="G3568" i="2" a="1"/>
  <c r="G3568" i="2" s="1"/>
  <c r="F218" i="2" a="1"/>
  <c r="F218" i="2" s="1"/>
  <c r="F210" i="2" a="1"/>
  <c r="F210" i="2" s="1"/>
  <c r="F221" i="2" a="1"/>
  <c r="F221" i="2" s="1"/>
  <c r="F212" i="2" a="1"/>
  <c r="F212" i="2" s="1"/>
  <c r="F220" i="2" a="1"/>
  <c r="F220" i="2" s="1"/>
  <c r="F223" i="2" a="1"/>
  <c r="F223" i="2" s="1"/>
  <c r="F209" i="2" a="1"/>
  <c r="F209" i="2" s="1"/>
  <c r="F217" i="2" a="1"/>
  <c r="F217" i="2" s="1"/>
  <c r="F206" i="2" a="1"/>
  <c r="F206" i="2" s="1"/>
  <c r="F204" i="2" a="1"/>
  <c r="F204" i="2" s="1"/>
  <c r="F211" i="2" a="1"/>
  <c r="F211" i="2" s="1"/>
  <c r="F215" i="2" a="1"/>
  <c r="F215" i="2" s="1"/>
  <c r="F219" i="2" a="1"/>
  <c r="F219" i="2" s="1"/>
  <c r="F202" i="2" a="1"/>
  <c r="F202" i="2" s="1"/>
  <c r="F214" i="2" a="1"/>
  <c r="F214" i="2" s="1"/>
  <c r="F205" i="2" a="1"/>
  <c r="F205" i="2" s="1"/>
  <c r="F222" i="2" a="1"/>
  <c r="F222" i="2" s="1"/>
  <c r="F208" i="2" a="1"/>
  <c r="F208" i="2" s="1"/>
  <c r="F216" i="2" a="1"/>
  <c r="F216" i="2" s="1"/>
  <c r="F203" i="2" a="1"/>
  <c r="F203" i="2" s="1"/>
  <c r="F225" i="2" a="1"/>
  <c r="F225" i="2" s="1"/>
  <c r="D197" i="2" a="1"/>
  <c r="D197" i="2" s="1"/>
  <c r="D198" i="2" a="1"/>
  <c r="D198" i="2" s="1"/>
  <c r="D199" i="2" a="1"/>
  <c r="D199" i="2" s="1"/>
  <c r="D182" i="2" a="1"/>
  <c r="D182" i="2" s="1"/>
  <c r="D189" i="2" a="1"/>
  <c r="D189" i="2" s="1"/>
  <c r="D186" i="2" a="1"/>
  <c r="D186" i="2" s="1"/>
  <c r="D179" i="2" a="1"/>
  <c r="D179" i="2" s="1"/>
  <c r="D190" i="2" a="1"/>
  <c r="D190" i="2" s="1"/>
  <c r="H2851" i="2" a="1"/>
  <c r="H2851" i="2" s="1"/>
  <c r="H2858" i="2" a="1"/>
  <c r="H2858" i="2" s="1"/>
  <c r="H2864" i="2" a="1"/>
  <c r="H2864" i="2" s="1"/>
  <c r="H2859" i="2" a="1"/>
  <c r="H2859" i="2" s="1"/>
  <c r="H2848" i="2" a="1"/>
  <c r="H2848" i="2" s="1"/>
  <c r="H2843" i="2" a="1"/>
  <c r="H2843" i="2" s="1"/>
  <c r="H2852" i="2" a="1"/>
  <c r="H2852" i="2" s="1"/>
  <c r="H2862" i="2" a="1"/>
  <c r="H2862" i="2" s="1"/>
  <c r="H2842" i="2" a="1"/>
  <c r="H2842" i="2" s="1"/>
  <c r="H2845" i="2" a="1"/>
  <c r="H2845" i="2" s="1"/>
  <c r="H2853" i="2" a="1"/>
  <c r="H2853" i="2" s="1"/>
  <c r="H2855" i="2" a="1"/>
  <c r="H2855" i="2" s="1"/>
  <c r="H2846" i="2" a="1"/>
  <c r="H2846" i="2" s="1"/>
  <c r="H2854" i="2" a="1"/>
  <c r="H2854" i="2" s="1"/>
  <c r="H2860" i="2" a="1"/>
  <c r="H2860" i="2" s="1"/>
  <c r="H2865" i="2" a="1"/>
  <c r="H2865" i="2" s="1"/>
  <c r="H2847" i="2" a="1"/>
  <c r="H2847" i="2" s="1"/>
  <c r="H2844" i="2" a="1"/>
  <c r="H2844" i="2" s="1"/>
  <c r="H2863" i="2" a="1"/>
  <c r="H2863" i="2" s="1"/>
  <c r="H2861" i="2" a="1"/>
  <c r="H2861" i="2" s="1"/>
  <c r="D1168" i="2" a="1"/>
  <c r="D1168" i="2" s="1"/>
  <c r="D1173" i="2" a="1"/>
  <c r="D1173" i="2" s="1"/>
  <c r="D1175" i="2" a="1"/>
  <c r="D1175" i="2" s="1"/>
  <c r="D1169" i="2" a="1"/>
  <c r="D1169" i="2" s="1"/>
  <c r="D1178" i="2" a="1"/>
  <c r="D1178" i="2" s="1"/>
  <c r="D1170" i="2" a="1"/>
  <c r="D1170" i="2" s="1"/>
  <c r="D1177" i="2" a="1"/>
  <c r="D1177" i="2" s="1"/>
  <c r="D1180" i="2" a="1"/>
  <c r="D1180" i="2" s="1"/>
  <c r="D1181" i="2" a="1"/>
  <c r="D1181" i="2" s="1"/>
  <c r="D1167" i="2" a="1"/>
  <c r="D1167" i="2" s="1"/>
  <c r="D1184" i="2" a="1"/>
  <c r="D1184" i="2" s="1"/>
  <c r="D1165" i="2" a="1"/>
  <c r="D1165" i="2" s="1"/>
  <c r="D8339" i="2" a="1"/>
  <c r="D8339" i="2" s="1"/>
  <c r="D8350" i="2" a="1"/>
  <c r="D8350" i="2" s="1"/>
  <c r="D8355" i="2" a="1"/>
  <c r="D8355" i="2" s="1"/>
  <c r="D8359" i="2" a="1"/>
  <c r="D8359" i="2" s="1"/>
  <c r="D8343" i="2" a="1"/>
  <c r="D8343" i="2" s="1"/>
  <c r="D8347" i="2" a="1"/>
  <c r="D8347" i="2" s="1"/>
  <c r="D8356" i="2" a="1"/>
  <c r="D8356" i="2" s="1"/>
  <c r="D8340" i="2" a="1"/>
  <c r="D8340" i="2" s="1"/>
  <c r="D8342" i="2" a="1"/>
  <c r="D8342" i="2" s="1"/>
  <c r="D8354" i="2" a="1"/>
  <c r="D8354" i="2" s="1"/>
  <c r="AO348" i="1"/>
  <c r="E354" i="5" s="1"/>
  <c r="AP348" i="1"/>
  <c r="F354" i="5" s="1"/>
  <c r="D8341" i="2" a="1"/>
  <c r="D8341" i="2" s="1"/>
  <c r="AN348" i="1"/>
  <c r="D8345" i="2" a="1"/>
  <c r="D8345" i="2" s="1"/>
  <c r="AQ348" i="1"/>
  <c r="G354" i="5" s="1"/>
  <c r="AM348" i="1"/>
  <c r="C354" i="5" s="1"/>
  <c r="D8344" i="2" a="1"/>
  <c r="D8344" i="2" s="1"/>
  <c r="D8351" i="2" a="1"/>
  <c r="D8351" i="2" s="1"/>
  <c r="D8360" i="2" a="1"/>
  <c r="D8360" i="2" s="1"/>
  <c r="E4662" i="2" a="1"/>
  <c r="E4662" i="2" s="1"/>
  <c r="E4652" i="2" a="1"/>
  <c r="E4652" i="2" s="1"/>
  <c r="E4653" i="2" a="1"/>
  <c r="E4653" i="2" s="1"/>
  <c r="E4657" i="2" a="1"/>
  <c r="E4657" i="2" s="1"/>
  <c r="E4642" i="2" a="1"/>
  <c r="E4642" i="2" s="1"/>
  <c r="E4660" i="2" a="1"/>
  <c r="E4660" i="2" s="1"/>
  <c r="E4645" i="2" a="1"/>
  <c r="E4645" i="2" s="1"/>
  <c r="E4647" i="2" a="1"/>
  <c r="E4647" i="2" s="1"/>
  <c r="E4649" i="2" a="1"/>
  <c r="E4649" i="2" s="1"/>
  <c r="E4664" i="2" a="1"/>
  <c r="E4664" i="2" s="1"/>
  <c r="E4643" i="2" a="1"/>
  <c r="E4643" i="2" s="1"/>
  <c r="E4654" i="2" a="1"/>
  <c r="E4654" i="2" s="1"/>
  <c r="E4665" i="2" a="1"/>
  <c r="E4665" i="2" s="1"/>
  <c r="E4656" i="2" a="1"/>
  <c r="E4656" i="2" s="1"/>
  <c r="E4659" i="2" a="1"/>
  <c r="E4659" i="2" s="1"/>
  <c r="E4646" i="2" a="1"/>
  <c r="E4646" i="2" s="1"/>
  <c r="E4661" i="2" a="1"/>
  <c r="E4661" i="2" s="1"/>
  <c r="E4650" i="2" a="1"/>
  <c r="E4650" i="2" s="1"/>
  <c r="D6307" i="2" a="1"/>
  <c r="D6307" i="2" s="1"/>
  <c r="D6315" i="2" a="1"/>
  <c r="D6315" i="2" s="1"/>
  <c r="D6308" i="2" a="1"/>
  <c r="D6308" i="2" s="1"/>
  <c r="D6312" i="2" a="1"/>
  <c r="D6312" i="2" s="1"/>
  <c r="D6304" i="2" a="1"/>
  <c r="D6304" i="2" s="1"/>
  <c r="D6313" i="2" a="1"/>
  <c r="D6313" i="2" s="1"/>
  <c r="D6309" i="2" a="1"/>
  <c r="D6309" i="2" s="1"/>
  <c r="D6301" i="2" a="1"/>
  <c r="D6301" i="2" s="1"/>
  <c r="D6311" i="2" a="1"/>
  <c r="D6311" i="2" s="1"/>
  <c r="D6318" i="2" a="1"/>
  <c r="D6318" i="2" s="1"/>
  <c r="D6306" i="2" a="1"/>
  <c r="D6306" i="2" s="1"/>
  <c r="D6300" i="2" a="1"/>
  <c r="D6300" i="2" s="1"/>
  <c r="D6298" i="2" a="1"/>
  <c r="D6298" i="2" s="1"/>
  <c r="D6317" i="2" a="1"/>
  <c r="D6317" i="2" s="1"/>
  <c r="D6310" i="2" a="1"/>
  <c r="D6310" i="2" s="1"/>
  <c r="D6316" i="2" a="1"/>
  <c r="D6316" i="2" s="1"/>
  <c r="D6302" i="2" a="1"/>
  <c r="D6302" i="2" s="1"/>
  <c r="D6305" i="2" a="1"/>
  <c r="D6305" i="2" s="1"/>
  <c r="D6319" i="2" a="1"/>
  <c r="D6319" i="2" s="1"/>
  <c r="D6320" i="2" a="1"/>
  <c r="D6320" i="2" s="1"/>
  <c r="D6299" i="2" a="1"/>
  <c r="D6299" i="2" s="1"/>
  <c r="D6303" i="2" a="1"/>
  <c r="D6303" i="2" s="1"/>
  <c r="D6314" i="2" a="1"/>
  <c r="D6314" i="2" s="1"/>
  <c r="H2827" i="2" a="1"/>
  <c r="H2827" i="2" s="1"/>
  <c r="H2824" i="2" a="1"/>
  <c r="H2824" i="2" s="1"/>
  <c r="H2836" i="2" a="1"/>
  <c r="H2836" i="2" s="1"/>
  <c r="H2822" i="2" a="1"/>
  <c r="H2822" i="2" s="1"/>
  <c r="H2829" i="2" a="1"/>
  <c r="H2829" i="2" s="1"/>
  <c r="H2835" i="2" a="1"/>
  <c r="H2835" i="2" s="1"/>
  <c r="H2840" i="2" a="1"/>
  <c r="H2840" i="2" s="1"/>
  <c r="H2825" i="2" a="1"/>
  <c r="H2825" i="2" s="1"/>
  <c r="H2830" i="2" a="1"/>
  <c r="H2830" i="2" s="1"/>
  <c r="H2828" i="2" a="1"/>
  <c r="H2828" i="2" s="1"/>
  <c r="H2823" i="2" a="1"/>
  <c r="H2823" i="2" s="1"/>
  <c r="H2837" i="2" a="1"/>
  <c r="H2837" i="2" s="1"/>
  <c r="H2831" i="2" a="1"/>
  <c r="H2831" i="2" s="1"/>
  <c r="H2833" i="2" a="1"/>
  <c r="H2833" i="2" s="1"/>
  <c r="H2841" i="2" a="1"/>
  <c r="H2841" i="2" s="1"/>
  <c r="H2826" i="2" a="1"/>
  <c r="H2826" i="2" s="1"/>
  <c r="H2820" i="2" a="1"/>
  <c r="H2820" i="2" s="1"/>
  <c r="H2838" i="2" a="1"/>
  <c r="H2838" i="2" s="1"/>
  <c r="F5751" i="2" a="1"/>
  <c r="F5751" i="2" s="1"/>
  <c r="F5760" i="2" a="1"/>
  <c r="F5760" i="2" s="1"/>
  <c r="F5765" i="2" a="1"/>
  <c r="F5765" i="2" s="1"/>
  <c r="F5763" i="2" a="1"/>
  <c r="F5763" i="2" s="1"/>
  <c r="F5759" i="2" a="1"/>
  <c r="F5759" i="2" s="1"/>
  <c r="F5767" i="2" a="1"/>
  <c r="F5767" i="2" s="1"/>
  <c r="F5754" i="2" a="1"/>
  <c r="F5754" i="2" s="1"/>
  <c r="F5769" i="2" a="1"/>
  <c r="F5769" i="2" s="1"/>
  <c r="F5764" i="2" a="1"/>
  <c r="F5764" i="2" s="1"/>
  <c r="F5762" i="2" a="1"/>
  <c r="F5762" i="2" s="1"/>
  <c r="F5758" i="2" a="1"/>
  <c r="F5758" i="2" s="1"/>
  <c r="F5746" i="2" a="1"/>
  <c r="F5746" i="2" s="1"/>
  <c r="F5753" i="2" a="1"/>
  <c r="F5753" i="2" s="1"/>
  <c r="F5749" i="2" a="1"/>
  <c r="F5749" i="2" s="1"/>
  <c r="F5755" i="2" a="1"/>
  <c r="F5755" i="2" s="1"/>
  <c r="F5766" i="2" a="1"/>
  <c r="F5766" i="2" s="1"/>
  <c r="F5747" i="2" a="1"/>
  <c r="F5747" i="2" s="1"/>
  <c r="F5768" i="2" a="1"/>
  <c r="F5768" i="2" s="1"/>
  <c r="F5761" i="2" a="1"/>
  <c r="F5761" i="2" s="1"/>
  <c r="F5750" i="2" a="1"/>
  <c r="F5750" i="2" s="1"/>
  <c r="F5752" i="2" a="1"/>
  <c r="F5752" i="2" s="1"/>
  <c r="F5757" i="2" a="1"/>
  <c r="F5757" i="2" s="1"/>
  <c r="F5748" i="2" a="1"/>
  <c r="F5748" i="2" s="1"/>
  <c r="H4079" i="2" a="1"/>
  <c r="H4079" i="2" s="1"/>
  <c r="H4076" i="2" a="1"/>
  <c r="H4076" i="2" s="1"/>
  <c r="H4073" i="2" a="1"/>
  <c r="H4073" i="2" s="1"/>
  <c r="H4077" i="2" a="1"/>
  <c r="H4077" i="2" s="1"/>
  <c r="H4084" i="2" a="1"/>
  <c r="H4084" i="2" s="1"/>
  <c r="H4080" i="2" a="1"/>
  <c r="H4080" i="2" s="1"/>
  <c r="H4086" i="2" a="1"/>
  <c r="H4086" i="2" s="1"/>
  <c r="H4078" i="2" a="1"/>
  <c r="H4078" i="2" s="1"/>
  <c r="H4087" i="2" a="1"/>
  <c r="H4087" i="2" s="1"/>
  <c r="H4066" i="2" a="1"/>
  <c r="H4066" i="2" s="1"/>
  <c r="H4088" i="2" a="1"/>
  <c r="H4088" i="2" s="1"/>
  <c r="H4067" i="2" a="1"/>
  <c r="H4067" i="2" s="1"/>
  <c r="H4071" i="2" a="1"/>
  <c r="H4071" i="2" s="1"/>
  <c r="H4074" i="2" a="1"/>
  <c r="H4074" i="2" s="1"/>
  <c r="H4083" i="2" a="1"/>
  <c r="H4083" i="2" s="1"/>
  <c r="H4069" i="2" a="1"/>
  <c r="H4069" i="2" s="1"/>
  <c r="H4070" i="2" a="1"/>
  <c r="H4070" i="2" s="1"/>
  <c r="H4085" i="2" a="1"/>
  <c r="H4085" i="2" s="1"/>
  <c r="H4068" i="2" a="1"/>
  <c r="H4068" i="2" s="1"/>
  <c r="F2327" i="2" a="1"/>
  <c r="F2327" i="2" s="1"/>
  <c r="F2324" i="2" a="1"/>
  <c r="F2324" i="2" s="1"/>
  <c r="F2335" i="2" a="1"/>
  <c r="F2335" i="2" s="1"/>
  <c r="F2330" i="2" a="1"/>
  <c r="F2330" i="2" s="1"/>
  <c r="F2318" i="2" a="1"/>
  <c r="F2318" i="2" s="1"/>
  <c r="F2337" i="2" a="1"/>
  <c r="F2337" i="2" s="1"/>
  <c r="F2323" i="2" a="1"/>
  <c r="F2323" i="2" s="1"/>
  <c r="F2325" i="2" a="1"/>
  <c r="F2325" i="2" s="1"/>
  <c r="E4496" i="2" a="1"/>
  <c r="E4496" i="2" s="1"/>
  <c r="E4489" i="2" a="1"/>
  <c r="E4489" i="2" s="1"/>
  <c r="E4492" i="2" a="1"/>
  <c r="E4492" i="2" s="1"/>
  <c r="E4478" i="2" a="1"/>
  <c r="E4478" i="2" s="1"/>
  <c r="E4483" i="2" a="1"/>
  <c r="E4483" i="2" s="1"/>
  <c r="E4490" i="2" a="1"/>
  <c r="E4490" i="2" s="1"/>
  <c r="E4482" i="2" a="1"/>
  <c r="E4482" i="2" s="1"/>
  <c r="E4494" i="2" a="1"/>
  <c r="E4494" i="2" s="1"/>
  <c r="E4491" i="2" a="1"/>
  <c r="E4491" i="2" s="1"/>
  <c r="E4474" i="2" a="1"/>
  <c r="E4474" i="2" s="1"/>
  <c r="E4475" i="2" a="1"/>
  <c r="E4475" i="2" s="1"/>
  <c r="E4485" i="2" a="1"/>
  <c r="E4485" i="2" s="1"/>
  <c r="E4479" i="2" a="1"/>
  <c r="E4479" i="2" s="1"/>
  <c r="E4480" i="2" a="1"/>
  <c r="E4480" i="2" s="1"/>
  <c r="E4477" i="2" a="1"/>
  <c r="E4477" i="2" s="1"/>
  <c r="E4476" i="2" a="1"/>
  <c r="E4476" i="2" s="1"/>
  <c r="E4488" i="2" a="1"/>
  <c r="E4488" i="2" s="1"/>
  <c r="E4493" i="2" a="1"/>
  <c r="E4493" i="2" s="1"/>
  <c r="H2520" i="2" a="1"/>
  <c r="H2520" i="2" s="1"/>
  <c r="H2513" i="2" a="1"/>
  <c r="H2513" i="2" s="1"/>
  <c r="H2519" i="2" a="1"/>
  <c r="H2519" i="2" s="1"/>
  <c r="H2521" i="2" a="1"/>
  <c r="H2521" i="2" s="1"/>
  <c r="H2524" i="2" a="1"/>
  <c r="H2524" i="2" s="1"/>
  <c r="H2514" i="2" a="1"/>
  <c r="H2514" i="2" s="1"/>
  <c r="H2517" i="2" a="1"/>
  <c r="H2517" i="2" s="1"/>
  <c r="H2515" i="2" a="1"/>
  <c r="H2515" i="2" s="1"/>
  <c r="H2527" i="2" a="1"/>
  <c r="H2527" i="2" s="1"/>
  <c r="H2518" i="2" a="1"/>
  <c r="H2518" i="2" s="1"/>
  <c r="H2509" i="2" a="1"/>
  <c r="H2509" i="2" s="1"/>
  <c r="H8342" i="2" a="1"/>
  <c r="H8342" i="2" s="1"/>
  <c r="H8355" i="2" a="1"/>
  <c r="H8355" i="2" s="1"/>
  <c r="H8340" i="2" a="1"/>
  <c r="H8340" i="2" s="1"/>
  <c r="H8346" i="2" a="1"/>
  <c r="H8346" i="2" s="1"/>
  <c r="H8360" i="2" a="1"/>
  <c r="H8360" i="2" s="1"/>
  <c r="H8343" i="2" a="1"/>
  <c r="H8343" i="2" s="1"/>
  <c r="H8338" i="2" a="1"/>
  <c r="H8338" i="2" s="1"/>
  <c r="H8357" i="2" a="1"/>
  <c r="H8357" i="2" s="1"/>
  <c r="H8341" i="2" a="1"/>
  <c r="H8341" i="2" s="1"/>
  <c r="H8348" i="2" a="1"/>
  <c r="H8348" i="2" s="1"/>
  <c r="H8351" i="2" a="1"/>
  <c r="H8351" i="2" s="1"/>
  <c r="H8345" i="2" a="1"/>
  <c r="H8345" i="2" s="1"/>
  <c r="H8349" i="2" a="1"/>
  <c r="H8349" i="2" s="1"/>
  <c r="H8350" i="2" a="1"/>
  <c r="H8350" i="2" s="1"/>
  <c r="H1148" i="2" a="1"/>
  <c r="H1148" i="2" s="1"/>
  <c r="H1152" i="2" a="1"/>
  <c r="H1152" i="2" s="1"/>
  <c r="H1142" i="2" a="1"/>
  <c r="H1142" i="2" s="1"/>
  <c r="H1141" i="2" a="1"/>
  <c r="H1141" i="2" s="1"/>
  <c r="H1154" i="2" a="1"/>
  <c r="H1154" i="2" s="1"/>
  <c r="H1160" i="2" a="1"/>
  <c r="H1160" i="2" s="1"/>
  <c r="H1155" i="2" a="1"/>
  <c r="H1155" i="2" s="1"/>
  <c r="H1153" i="2" a="1"/>
  <c r="H1153" i="2" s="1"/>
  <c r="H1156" i="2" a="1"/>
  <c r="H1156" i="2" s="1"/>
  <c r="H1143" i="2" a="1"/>
  <c r="H1143" i="2" s="1"/>
  <c r="H1146" i="2" a="1"/>
  <c r="H1146" i="2" s="1"/>
  <c r="H1149" i="2" a="1"/>
  <c r="H1149" i="2" s="1"/>
  <c r="H1139" i="2" a="1"/>
  <c r="H1139" i="2" s="1"/>
  <c r="H1150" i="2" a="1"/>
  <c r="H1150" i="2" s="1"/>
  <c r="H1159" i="2" a="1"/>
  <c r="H1159" i="2" s="1"/>
  <c r="H1144" i="2" a="1"/>
  <c r="H1144" i="2" s="1"/>
  <c r="H1151" i="2" a="1"/>
  <c r="H1151" i="2" s="1"/>
  <c r="H1138" i="2" a="1"/>
  <c r="H1138" i="2" s="1"/>
  <c r="H1147" i="2" a="1"/>
  <c r="H1147" i="2" s="1"/>
  <c r="H1140" i="2" a="1"/>
  <c r="H1140" i="2" s="1"/>
  <c r="H1157" i="2" a="1"/>
  <c r="H1157" i="2" s="1"/>
  <c r="H1145" i="2" a="1"/>
  <c r="H1145" i="2" s="1"/>
  <c r="G1414" i="2" a="1"/>
  <c r="G1414" i="2" s="1"/>
  <c r="G1405" i="2" a="1"/>
  <c r="G1405" i="2" s="1"/>
  <c r="G1411" i="2" a="1"/>
  <c r="G1411" i="2" s="1"/>
  <c r="G1418" i="2" a="1"/>
  <c r="G1418" i="2" s="1"/>
  <c r="G1407" i="2" a="1"/>
  <c r="G1407" i="2" s="1"/>
  <c r="G1423" i="2" a="1"/>
  <c r="G1423" i="2" s="1"/>
  <c r="G1404" i="2" a="1"/>
  <c r="G1404" i="2" s="1"/>
  <c r="G1419" i="2" a="1"/>
  <c r="G1419" i="2" s="1"/>
  <c r="G1406" i="2" a="1"/>
  <c r="G1406" i="2" s="1"/>
  <c r="G1410" i="2" a="1"/>
  <c r="G1410" i="2" s="1"/>
  <c r="G1403" i="2" a="1"/>
  <c r="G1403" i="2" s="1"/>
  <c r="G1409" i="2" a="1"/>
  <c r="G1409" i="2" s="1"/>
  <c r="G1422" i="2" a="1"/>
  <c r="G1422" i="2" s="1"/>
  <c r="G1425" i="2" a="1"/>
  <c r="G1425" i="2" s="1"/>
  <c r="G1413" i="2" a="1"/>
  <c r="G1413" i="2" s="1"/>
  <c r="G1412" i="2" a="1"/>
  <c r="G1412" i="2" s="1"/>
  <c r="G1402" i="2" a="1"/>
  <c r="G1402" i="2" s="1"/>
  <c r="G1421" i="2" a="1"/>
  <c r="G1421" i="2" s="1"/>
  <c r="G1420" i="2" a="1"/>
  <c r="G1420" i="2" s="1"/>
  <c r="G1424" i="2" a="1"/>
  <c r="G1424" i="2" s="1"/>
  <c r="G1415" i="2" a="1"/>
  <c r="G1415" i="2" s="1"/>
  <c r="G1417" i="2" a="1"/>
  <c r="G1417" i="2" s="1"/>
  <c r="G1408" i="2" a="1"/>
  <c r="G1408" i="2" s="1"/>
  <c r="G1416" i="2" a="1"/>
  <c r="G1416" i="2" s="1"/>
  <c r="D1698" i="2" a="1"/>
  <c r="D1698" i="2" s="1"/>
  <c r="D1690" i="2" a="1"/>
  <c r="D1690" i="2" s="1"/>
  <c r="D1710" i="2" a="1"/>
  <c r="D1710" i="2" s="1"/>
  <c r="D1694" i="2" a="1"/>
  <c r="D1694" i="2" s="1"/>
  <c r="D1699" i="2" a="1"/>
  <c r="D1699" i="2" s="1"/>
  <c r="D1704" i="2" a="1"/>
  <c r="D1704" i="2" s="1"/>
  <c r="D1702" i="2" a="1"/>
  <c r="D1702" i="2" s="1"/>
  <c r="D1692" i="2" a="1"/>
  <c r="D1692" i="2" s="1"/>
  <c r="D1706" i="2" a="1"/>
  <c r="D1706" i="2" s="1"/>
  <c r="D1695" i="2" a="1"/>
  <c r="D1695" i="2" s="1"/>
  <c r="D1697" i="2" a="1"/>
  <c r="D1697" i="2" s="1"/>
  <c r="D1709" i="2" a="1"/>
  <c r="D1709" i="2" s="1"/>
  <c r="D1705" i="2" a="1"/>
  <c r="D1705" i="2" s="1"/>
  <c r="D1701" i="2" a="1"/>
  <c r="D1701" i="2" s="1"/>
  <c r="D1703" i="2" a="1"/>
  <c r="D1703" i="2" s="1"/>
  <c r="D1708" i="2" a="1"/>
  <c r="D1708" i="2" s="1"/>
  <c r="D1696" i="2" a="1"/>
  <c r="D1696" i="2" s="1"/>
  <c r="D1707" i="2" a="1"/>
  <c r="D1707" i="2" s="1"/>
  <c r="D1712" i="2" a="1"/>
  <c r="D1712" i="2" s="1"/>
  <c r="D1713" i="2" a="1"/>
  <c r="D1713" i="2" s="1"/>
  <c r="D1691" i="2" a="1"/>
  <c r="D1691" i="2" s="1"/>
  <c r="D1693" i="2" a="1"/>
  <c r="D1693" i="2" s="1"/>
  <c r="D1711" i="2" a="1"/>
  <c r="D1711" i="2" s="1"/>
  <c r="D1700" i="2" a="1"/>
  <c r="D1700" i="2" s="1"/>
  <c r="G3688" i="2" a="1"/>
  <c r="G3688" i="2" s="1"/>
  <c r="G3691" i="2" a="1"/>
  <c r="G3691" i="2" s="1"/>
  <c r="G3697" i="2" a="1"/>
  <c r="G3697" i="2" s="1"/>
  <c r="G3704" i="2" a="1"/>
  <c r="G3704" i="2" s="1"/>
  <c r="G3705" i="2" a="1"/>
  <c r="G3705" i="2" s="1"/>
  <c r="G3687" i="2" a="1"/>
  <c r="G3687" i="2" s="1"/>
  <c r="G3694" i="2" a="1"/>
  <c r="G3694" i="2" s="1"/>
  <c r="G3702" i="2" a="1"/>
  <c r="G3702" i="2" s="1"/>
  <c r="G3690" i="2" a="1"/>
  <c r="G3690" i="2" s="1"/>
  <c r="G3703" i="2" a="1"/>
  <c r="G3703" i="2" s="1"/>
  <c r="G3693" i="2" a="1"/>
  <c r="G3693" i="2" s="1"/>
  <c r="G3682" i="2" a="1"/>
  <c r="G3682" i="2" s="1"/>
  <c r="G3701" i="2" a="1"/>
  <c r="G3701" i="2" s="1"/>
  <c r="G3685" i="2" a="1"/>
  <c r="G3685" i="2" s="1"/>
  <c r="G3689" i="2" a="1"/>
  <c r="G3689" i="2" s="1"/>
  <c r="G3696" i="2" a="1"/>
  <c r="G3696" i="2" s="1"/>
  <c r="G3699" i="2" a="1"/>
  <c r="G3699" i="2" s="1"/>
  <c r="G3686" i="2" a="1"/>
  <c r="G3686" i="2" s="1"/>
  <c r="G3695" i="2" a="1"/>
  <c r="G3695" i="2" s="1"/>
  <c r="G3683" i="2" a="1"/>
  <c r="G3683" i="2" s="1"/>
  <c r="H962" i="2" a="1"/>
  <c r="H962" i="2" s="1"/>
  <c r="H958" i="2" a="1"/>
  <c r="H958" i="2" s="1"/>
  <c r="H961" i="2" a="1"/>
  <c r="H961" i="2" s="1"/>
  <c r="H959" i="2" a="1"/>
  <c r="H959" i="2" s="1"/>
  <c r="H960" i="2" a="1"/>
  <c r="H960" i="2" s="1"/>
  <c r="H952" i="2" a="1"/>
  <c r="H952" i="2" s="1"/>
  <c r="H963" i="2" a="1"/>
  <c r="H963" i="2" s="1"/>
  <c r="H951" i="2" a="1"/>
  <c r="H951" i="2" s="1"/>
  <c r="H968" i="2" a="1"/>
  <c r="H968" i="2" s="1"/>
  <c r="H955" i="2" a="1"/>
  <c r="H955" i="2" s="1"/>
  <c r="H969" i="2" a="1"/>
  <c r="H969" i="2" s="1"/>
  <c r="H967" i="2" a="1"/>
  <c r="H967" i="2" s="1"/>
  <c r="H1581" i="2" a="1"/>
  <c r="H1581" i="2" s="1"/>
  <c r="H1570" i="2" a="1"/>
  <c r="H1570" i="2" s="1"/>
  <c r="H1591" i="2" a="1"/>
  <c r="H1591" i="2" s="1"/>
  <c r="H1572" i="2" a="1"/>
  <c r="H1572" i="2" s="1"/>
  <c r="H1590" i="2" a="1"/>
  <c r="H1590" i="2" s="1"/>
  <c r="H1575" i="2" a="1"/>
  <c r="H1575" i="2" s="1"/>
  <c r="H1583" i="2" a="1"/>
  <c r="H1583" i="2" s="1"/>
  <c r="H1577" i="2" a="1"/>
  <c r="H1577" i="2" s="1"/>
  <c r="H1580" i="2" a="1"/>
  <c r="H1580" i="2" s="1"/>
  <c r="H1574" i="2" a="1"/>
  <c r="H1574" i="2" s="1"/>
  <c r="H1586" i="2" a="1"/>
  <c r="H1586" i="2" s="1"/>
  <c r="H1593" i="2" a="1"/>
  <c r="H1593" i="2" s="1"/>
  <c r="H1589" i="2" a="1"/>
  <c r="H1589" i="2" s="1"/>
  <c r="H1571" i="2" a="1"/>
  <c r="H1571" i="2" s="1"/>
  <c r="H1585" i="2" a="1"/>
  <c r="H1585" i="2" s="1"/>
  <c r="H1578" i="2" a="1"/>
  <c r="H1578" i="2" s="1"/>
  <c r="H1579" i="2" a="1"/>
  <c r="H1579" i="2" s="1"/>
  <c r="E5534" i="2" a="1"/>
  <c r="E5534" i="2" s="1"/>
  <c r="E5551" i="2" a="1"/>
  <c r="E5551" i="2" s="1"/>
  <c r="E5536" i="2" a="1"/>
  <c r="E5536" i="2" s="1"/>
  <c r="E5530" i="2" a="1"/>
  <c r="E5530" i="2" s="1"/>
  <c r="E5542" i="2" a="1"/>
  <c r="E5542" i="2" s="1"/>
  <c r="E5548" i="2" a="1"/>
  <c r="E5548" i="2" s="1"/>
  <c r="E5540" i="2" a="1"/>
  <c r="E5540" i="2" s="1"/>
  <c r="E5552" i="2" a="1"/>
  <c r="E5552" i="2" s="1"/>
  <c r="E5532" i="2" a="1"/>
  <c r="E5532" i="2" s="1"/>
  <c r="E5549" i="2" a="1"/>
  <c r="E5549" i="2" s="1"/>
  <c r="E5531" i="2" a="1"/>
  <c r="E5531" i="2" s="1"/>
  <c r="E5547" i="2" a="1"/>
  <c r="E5547" i="2" s="1"/>
  <c r="E5541" i="2" a="1"/>
  <c r="E5541" i="2" s="1"/>
  <c r="E5543" i="2" a="1"/>
  <c r="E5543" i="2" s="1"/>
  <c r="E5535" i="2" a="1"/>
  <c r="E5535" i="2" s="1"/>
  <c r="E5545" i="2" a="1"/>
  <c r="E5545" i="2" s="1"/>
  <c r="E5544" i="2" a="1"/>
  <c r="E5544" i="2" s="1"/>
  <c r="E5538" i="2" a="1"/>
  <c r="E5538" i="2" s="1"/>
  <c r="E343" i="2" a="1"/>
  <c r="E343" i="2" s="1"/>
  <c r="F7547" i="2" a="1"/>
  <c r="F7547" i="2" s="1"/>
  <c r="D7588" i="2" a="1"/>
  <c r="D7588" i="2" s="1"/>
  <c r="E6108" i="2" a="1"/>
  <c r="E6108" i="2" s="1"/>
  <c r="H5137" i="2" a="1"/>
  <c r="H5137" i="2" s="1"/>
  <c r="F8010" i="2" a="1"/>
  <c r="F8010" i="2" s="1"/>
  <c r="H8606" i="2" a="1"/>
  <c r="H8606" i="2" s="1"/>
  <c r="G8664" i="2" a="1"/>
  <c r="G8664" i="2" s="1"/>
  <c r="D1133" i="2" a="1"/>
  <c r="D1133" i="2" s="1"/>
  <c r="G6467" i="2" a="1"/>
  <c r="G6467" i="2" s="1"/>
  <c r="E5145" i="2" a="1"/>
  <c r="E5145" i="2" s="1"/>
  <c r="D8346" i="2" a="1"/>
  <c r="D8346" i="2" s="1"/>
  <c r="E7252" i="2" a="1"/>
  <c r="E7252" i="2" s="1"/>
  <c r="F3428" i="2" a="1"/>
  <c r="F3428" i="2" s="1"/>
  <c r="F3263" i="2" a="1"/>
  <c r="F3263" i="2" s="1"/>
  <c r="H4675" i="2" a="1"/>
  <c r="H4675" i="2" s="1"/>
  <c r="H6959" i="2" a="1"/>
  <c r="H6959" i="2" s="1"/>
  <c r="F7588" i="2" a="1"/>
  <c r="F7588" i="2" s="1"/>
  <c r="E5546" i="2" a="1"/>
  <c r="E5546" i="2" s="1"/>
  <c r="AO185" i="1"/>
  <c r="E191" i="5" s="1"/>
  <c r="H3011" i="2" a="1"/>
  <c r="H3011" i="2" s="1"/>
  <c r="E8569" i="2" a="1"/>
  <c r="E8569" i="2" s="1"/>
  <c r="D5041" i="2" a="1"/>
  <c r="D5041" i="2" s="1"/>
  <c r="H1670" i="2" a="1"/>
  <c r="H1670" i="2" s="1"/>
  <c r="E7903" i="2" a="1"/>
  <c r="E7903" i="2" s="1"/>
  <c r="E7892" i="2" a="1"/>
  <c r="E7892" i="2" s="1"/>
  <c r="E7897" i="2" a="1"/>
  <c r="E7897" i="2" s="1"/>
  <c r="E7893" i="2" a="1"/>
  <c r="E7893" i="2" s="1"/>
  <c r="E7885" i="2" a="1"/>
  <c r="E7885" i="2" s="1"/>
  <c r="E7891" i="2" a="1"/>
  <c r="E7891" i="2" s="1"/>
  <c r="E7905" i="2" a="1"/>
  <c r="E7905" i="2" s="1"/>
  <c r="E7884" i="2" a="1"/>
  <c r="E7884" i="2" s="1"/>
  <c r="E7890" i="2" a="1"/>
  <c r="E7890" i="2" s="1"/>
  <c r="E7882" i="2" a="1"/>
  <c r="E7882" i="2" s="1"/>
  <c r="E7896" i="2" a="1"/>
  <c r="E7896" i="2" s="1"/>
  <c r="E7901" i="2" a="1"/>
  <c r="E7901" i="2" s="1"/>
  <c r="E7898" i="2" a="1"/>
  <c r="E7898" i="2" s="1"/>
  <c r="E7904" i="2" a="1"/>
  <c r="E7904" i="2" s="1"/>
  <c r="E7894" i="2" a="1"/>
  <c r="E7894" i="2" s="1"/>
  <c r="E7887" i="2" a="1"/>
  <c r="E7887" i="2" s="1"/>
  <c r="E7899" i="2" a="1"/>
  <c r="E7899" i="2" s="1"/>
  <c r="E7886" i="2" a="1"/>
  <c r="E7886" i="2" s="1"/>
  <c r="E7895" i="2" a="1"/>
  <c r="E7895" i="2" s="1"/>
  <c r="E7883" i="2" a="1"/>
  <c r="E7883" i="2" s="1"/>
  <c r="E7888" i="2" a="1"/>
  <c r="E7888" i="2" s="1"/>
  <c r="E7889" i="2" a="1"/>
  <c r="E7889" i="2" s="1"/>
  <c r="E7900" i="2" a="1"/>
  <c r="E7900" i="2" s="1"/>
  <c r="G2500" i="2" a="1"/>
  <c r="G2500" i="2" s="1"/>
  <c r="G2501" i="2" a="1"/>
  <c r="G2501" i="2" s="1"/>
  <c r="G2485" i="2" a="1"/>
  <c r="G2485" i="2" s="1"/>
  <c r="G2496" i="2" a="1"/>
  <c r="G2496" i="2" s="1"/>
  <c r="G2484" i="2" a="1"/>
  <c r="G2484" i="2" s="1"/>
  <c r="G2488" i="2" a="1"/>
  <c r="G2488" i="2" s="1"/>
  <c r="G7091" i="2" a="1"/>
  <c r="G7091" i="2" s="1"/>
  <c r="G7108" i="2" a="1"/>
  <c r="G7108" i="2" s="1"/>
  <c r="G7092" i="2" a="1"/>
  <c r="G7092" i="2" s="1"/>
  <c r="G7111" i="2" a="1"/>
  <c r="G7111" i="2" s="1"/>
  <c r="G7110" i="2" a="1"/>
  <c r="G7110" i="2" s="1"/>
  <c r="G7109" i="2" a="1"/>
  <c r="G7109" i="2" s="1"/>
  <c r="G7099" i="2" a="1"/>
  <c r="G7099" i="2" s="1"/>
  <c r="G7096" i="2" a="1"/>
  <c r="G7096" i="2" s="1"/>
  <c r="G7097" i="2" a="1"/>
  <c r="G7097" i="2" s="1"/>
  <c r="G7107" i="2" a="1"/>
  <c r="G7107" i="2" s="1"/>
  <c r="G7100" i="2" a="1"/>
  <c r="G7100" i="2" s="1"/>
  <c r="G7104" i="2" a="1"/>
  <c r="G7104" i="2" s="1"/>
  <c r="G7105" i="2" a="1"/>
  <c r="G7105" i="2" s="1"/>
  <c r="G7113" i="2" a="1"/>
  <c r="G7113" i="2" s="1"/>
  <c r="G7106" i="2" a="1"/>
  <c r="G7106" i="2" s="1"/>
  <c r="G7101" i="2" a="1"/>
  <c r="G7101" i="2" s="1"/>
  <c r="G7112" i="2" a="1"/>
  <c r="G7112" i="2" s="1"/>
  <c r="G7090" i="2" a="1"/>
  <c r="G7090" i="2" s="1"/>
  <c r="G7103" i="2" a="1"/>
  <c r="G7103" i="2" s="1"/>
  <c r="G7093" i="2" a="1"/>
  <c r="G7093" i="2" s="1"/>
  <c r="G7098" i="2" a="1"/>
  <c r="G7098" i="2" s="1"/>
  <c r="G7094" i="2" a="1"/>
  <c r="G7094" i="2" s="1"/>
  <c r="G7095" i="2" a="1"/>
  <c r="G7095" i="2" s="1"/>
  <c r="G7102" i="2" a="1"/>
  <c r="G7102" i="2" s="1"/>
  <c r="G8670" i="2" a="1"/>
  <c r="G8670" i="2" s="1"/>
  <c r="H5124" i="2" a="1"/>
  <c r="H5124" i="2" s="1"/>
  <c r="E8562" i="2" a="1"/>
  <c r="E8562" i="2" s="1"/>
  <c r="E5007" i="2" a="1"/>
  <c r="E5007" i="2" s="1"/>
  <c r="AP209" i="1"/>
  <c r="F215" i="5" s="1"/>
  <c r="E5994" i="2" a="1"/>
  <c r="E5994" i="2" s="1"/>
  <c r="AN250" i="1"/>
  <c r="D256" i="5" s="1"/>
  <c r="AM250" i="1"/>
  <c r="H1391" i="2" a="1"/>
  <c r="H1391" i="2" s="1"/>
  <c r="H1388" i="2" a="1"/>
  <c r="H1388" i="2" s="1"/>
  <c r="H1379" i="2" a="1"/>
  <c r="H1379" i="2" s="1"/>
  <c r="H1382" i="2" a="1"/>
  <c r="H1382" i="2" s="1"/>
  <c r="H1384" i="2" a="1"/>
  <c r="H1384" i="2" s="1"/>
  <c r="H1387" i="2" a="1"/>
  <c r="H1387" i="2" s="1"/>
  <c r="H1399" i="2" a="1"/>
  <c r="H1399" i="2" s="1"/>
  <c r="H1396" i="2" a="1"/>
  <c r="H1396" i="2" s="1"/>
  <c r="H1393" i="2" a="1"/>
  <c r="H1393" i="2" s="1"/>
  <c r="D5543" i="2" a="1"/>
  <c r="D5543" i="2" s="1"/>
  <c r="D5541" i="2" a="1"/>
  <c r="D5541" i="2" s="1"/>
  <c r="D5542" i="2" a="1"/>
  <c r="D5542" i="2" s="1"/>
  <c r="D5540" i="2" a="1"/>
  <c r="D5540" i="2" s="1"/>
  <c r="D5544" i="2" a="1"/>
  <c r="D5544" i="2" s="1"/>
  <c r="D5530" i="2" a="1"/>
  <c r="D5530" i="2" s="1"/>
  <c r="D5531" i="2" a="1"/>
  <c r="D5531" i="2" s="1"/>
  <c r="D5552" i="2" a="1"/>
  <c r="D5552" i="2" s="1"/>
  <c r="D5549" i="2" a="1"/>
  <c r="D5549" i="2" s="1"/>
  <c r="D5537" i="2" a="1"/>
  <c r="D5537" i="2" s="1"/>
  <c r="D5553" i="2" a="1"/>
  <c r="D5553" i="2" s="1"/>
  <c r="D5546" i="2" a="1"/>
  <c r="D5546" i="2" s="1"/>
  <c r="D5547" i="2" a="1"/>
  <c r="D5547" i="2" s="1"/>
  <c r="D5533" i="2" a="1"/>
  <c r="D5533" i="2" s="1"/>
  <c r="D5535" i="2" a="1"/>
  <c r="D5535" i="2" s="1"/>
  <c r="F7572" i="2" a="1"/>
  <c r="F7572" i="2" s="1"/>
  <c r="AO67" i="1"/>
  <c r="E73" i="5" s="1"/>
  <c r="AM67" i="1"/>
  <c r="C73" i="5" s="1"/>
  <c r="H2744" i="2" a="1"/>
  <c r="H2744" i="2" s="1"/>
  <c r="H2743" i="2" a="1"/>
  <c r="H2743" i="2" s="1"/>
  <c r="H2730" i="2" a="1"/>
  <c r="H2730" i="2" s="1"/>
  <c r="H2740" i="2" a="1"/>
  <c r="H2740" i="2" s="1"/>
  <c r="G887" i="2" a="1"/>
  <c r="G887" i="2" s="1"/>
  <c r="G893" i="2" a="1"/>
  <c r="G893" i="2" s="1"/>
  <c r="F6937" i="2" a="1"/>
  <c r="F6937" i="2" s="1"/>
  <c r="AP289" i="1"/>
  <c r="F295" i="5" s="1"/>
  <c r="E1950" i="2" a="1"/>
  <c r="E1950" i="2" s="1"/>
  <c r="E1930" i="2" a="1"/>
  <c r="E1930" i="2" s="1"/>
  <c r="E1943" i="2" a="1"/>
  <c r="E1943" i="2" s="1"/>
  <c r="D3487" i="2" a="1"/>
  <c r="D3487" i="2" s="1"/>
  <c r="AO145" i="1"/>
  <c r="E151" i="5" s="1"/>
  <c r="AN145" i="1"/>
  <c r="D151" i="5" s="1"/>
  <c r="D3471" i="2" a="1"/>
  <c r="D3471" i="2" s="1"/>
  <c r="D3480" i="2" a="1"/>
  <c r="D3480" i="2" s="1"/>
  <c r="D3467" i="2" a="1"/>
  <c r="D3467" i="2" s="1"/>
  <c r="AM145" i="1"/>
  <c r="C151" i="5" s="1"/>
  <c r="D3481" i="2" a="1"/>
  <c r="D3481" i="2" s="1"/>
  <c r="AP145" i="1"/>
  <c r="F151" i="5" s="1"/>
  <c r="AQ145" i="1"/>
  <c r="G151" i="5" s="1"/>
  <c r="D3473" i="2" a="1"/>
  <c r="D3473" i="2" s="1"/>
  <c r="D3485" i="2" a="1"/>
  <c r="D3485" i="2" s="1"/>
  <c r="D3475" i="2" a="1"/>
  <c r="D3475" i="2" s="1"/>
  <c r="E2932" i="2" a="1"/>
  <c r="E2932" i="2" s="1"/>
  <c r="E2915" i="2" a="1"/>
  <c r="E2915" i="2" s="1"/>
  <c r="E2916" i="2" a="1"/>
  <c r="E2916" i="2" s="1"/>
  <c r="E2921" i="2" a="1"/>
  <c r="E2921" i="2" s="1"/>
  <c r="E2926" i="2" a="1"/>
  <c r="E2926" i="2" s="1"/>
  <c r="E2933" i="2" a="1"/>
  <c r="E2933" i="2" s="1"/>
  <c r="E2927" i="2" a="1"/>
  <c r="E2927" i="2" s="1"/>
  <c r="E2935" i="2" a="1"/>
  <c r="E2935" i="2" s="1"/>
  <c r="E2928" i="2" a="1"/>
  <c r="E2928" i="2" s="1"/>
  <c r="E2914" i="2" a="1"/>
  <c r="E2914" i="2" s="1"/>
  <c r="E2930" i="2" a="1"/>
  <c r="E2930" i="2" s="1"/>
  <c r="E2936" i="2" a="1"/>
  <c r="E2936" i="2" s="1"/>
  <c r="E2934" i="2" a="1"/>
  <c r="E2934" i="2" s="1"/>
  <c r="E1153" i="2" a="1"/>
  <c r="E1153" i="2" s="1"/>
  <c r="E1146" i="2" a="1"/>
  <c r="E1146" i="2" s="1"/>
  <c r="E1151" i="2" a="1"/>
  <c r="E1151" i="2" s="1"/>
  <c r="E1149" i="2" a="1"/>
  <c r="E1149" i="2" s="1"/>
  <c r="E1144" i="2" a="1"/>
  <c r="E1144" i="2" s="1"/>
  <c r="E1155" i="2" a="1"/>
  <c r="E1155" i="2" s="1"/>
  <c r="E1143" i="2" a="1"/>
  <c r="E1143" i="2" s="1"/>
  <c r="E1142" i="2" a="1"/>
  <c r="E1142" i="2" s="1"/>
  <c r="E1150" i="2" a="1"/>
  <c r="E1150" i="2" s="1"/>
  <c r="E1141" i="2" a="1"/>
  <c r="E1141" i="2" s="1"/>
  <c r="E1161" i="2" a="1"/>
  <c r="E1161" i="2" s="1"/>
  <c r="E1156" i="2" a="1"/>
  <c r="E1156" i="2" s="1"/>
  <c r="E1160" i="2" a="1"/>
  <c r="E1160" i="2" s="1"/>
  <c r="E1159" i="2" a="1"/>
  <c r="E1159" i="2" s="1"/>
  <c r="F1907" i="2" a="1"/>
  <c r="F1907" i="2" s="1"/>
  <c r="F1925" i="2" a="1"/>
  <c r="F1925" i="2" s="1"/>
  <c r="F1910" i="2" a="1"/>
  <c r="F1910" i="2" s="1"/>
  <c r="F1924" i="2" a="1"/>
  <c r="F1924" i="2" s="1"/>
  <c r="F1915" i="2" a="1"/>
  <c r="F1915" i="2" s="1"/>
  <c r="F1909" i="2" a="1"/>
  <c r="F1909" i="2" s="1"/>
  <c r="F1926" i="2" a="1"/>
  <c r="F1926" i="2" s="1"/>
  <c r="F1912" i="2" a="1"/>
  <c r="F1912" i="2" s="1"/>
  <c r="F1916" i="2" a="1"/>
  <c r="F1916" i="2" s="1"/>
  <c r="F1914" i="2" a="1"/>
  <c r="F1914" i="2" s="1"/>
  <c r="F1906" i="2" a="1"/>
  <c r="F1906" i="2" s="1"/>
  <c r="F1919" i="2" a="1"/>
  <c r="F1919" i="2" s="1"/>
  <c r="F1928" i="2" a="1"/>
  <c r="F1928" i="2" s="1"/>
  <c r="F1913" i="2" a="1"/>
  <c r="F1913" i="2" s="1"/>
  <c r="F1922" i="2" a="1"/>
  <c r="F1922" i="2" s="1"/>
  <c r="F1917" i="2" a="1"/>
  <c r="F1917" i="2" s="1"/>
  <c r="F1921" i="2" a="1"/>
  <c r="F1921" i="2" s="1"/>
  <c r="F1929" i="2" a="1"/>
  <c r="F1929" i="2" s="1"/>
  <c r="D8049" i="2" a="1"/>
  <c r="D8049" i="2" s="1"/>
  <c r="D8036" i="2" a="1"/>
  <c r="D8036" i="2" s="1"/>
  <c r="D8038" i="2" a="1"/>
  <c r="D8038" i="2" s="1"/>
  <c r="D8047" i="2" a="1"/>
  <c r="D8047" i="2" s="1"/>
  <c r="D8032" i="2" a="1"/>
  <c r="D8032" i="2" s="1"/>
  <c r="D8028" i="2" a="1"/>
  <c r="D8028" i="2" s="1"/>
  <c r="D8035" i="2" a="1"/>
  <c r="D8035" i="2" s="1"/>
  <c r="D8042" i="2" a="1"/>
  <c r="D8042" i="2" s="1"/>
  <c r="D8048" i="2" a="1"/>
  <c r="D8048" i="2" s="1"/>
  <c r="D8044" i="2" a="1"/>
  <c r="D8044" i="2" s="1"/>
  <c r="D8039" i="2" a="1"/>
  <c r="D8039" i="2" s="1"/>
  <c r="D8046" i="2" a="1"/>
  <c r="D8046" i="2" s="1"/>
  <c r="D8033" i="2" a="1"/>
  <c r="D8033" i="2" s="1"/>
  <c r="AP335" i="1"/>
  <c r="F341" i="5" s="1"/>
  <c r="AO335" i="1"/>
  <c r="E341" i="5" s="1"/>
  <c r="AQ335" i="1"/>
  <c r="G341" i="5" s="1"/>
  <c r="AN335" i="1"/>
  <c r="D8045" i="2" a="1"/>
  <c r="D8045" i="2" s="1"/>
  <c r="D8040" i="2" a="1"/>
  <c r="D8040" i="2" s="1"/>
  <c r="D8034" i="2" a="1"/>
  <c r="D8034" i="2" s="1"/>
  <c r="AM276" i="1"/>
  <c r="C282" i="5" s="1"/>
  <c r="D6619" i="2" a="1"/>
  <c r="D6619" i="2" s="1"/>
  <c r="D6623" i="2" a="1"/>
  <c r="D6623" i="2" s="1"/>
  <c r="D6615" i="2" a="1"/>
  <c r="D6615" i="2" s="1"/>
  <c r="D6622" i="2" a="1"/>
  <c r="D6622" i="2" s="1"/>
  <c r="D6617" i="2" a="1"/>
  <c r="D6617" i="2" s="1"/>
  <c r="D6625" i="2" a="1"/>
  <c r="D6625" i="2" s="1"/>
  <c r="D6620" i="2" a="1"/>
  <c r="D6620" i="2" s="1"/>
  <c r="D6614" i="2" a="1"/>
  <c r="D6614" i="2" s="1"/>
  <c r="D6630" i="2" a="1"/>
  <c r="D6630" i="2" s="1"/>
  <c r="D6628" i="2" a="1"/>
  <c r="D6628" i="2" s="1"/>
  <c r="D6632" i="2" a="1"/>
  <c r="D6632" i="2" s="1"/>
  <c r="AQ276" i="1"/>
  <c r="G282" i="5" s="1"/>
  <c r="D6633" i="2" a="1"/>
  <c r="D6633" i="2" s="1"/>
  <c r="AO276" i="1"/>
  <c r="D6631" i="2" a="1"/>
  <c r="D6631" i="2" s="1"/>
  <c r="D6618" i="2" a="1"/>
  <c r="D6618" i="2" s="1"/>
  <c r="D6616" i="2" a="1"/>
  <c r="D6616" i="2" s="1"/>
  <c r="H8678" i="2" a="1"/>
  <c r="H8678" i="2" s="1"/>
  <c r="H8687" i="2" a="1"/>
  <c r="H8687" i="2" s="1"/>
  <c r="H8679" i="2" a="1"/>
  <c r="H8679" i="2" s="1"/>
  <c r="H8688" i="2" a="1"/>
  <c r="H8688" i="2" s="1"/>
  <c r="H8690" i="2" a="1"/>
  <c r="H8690" i="2" s="1"/>
  <c r="H8681" i="2" a="1"/>
  <c r="H8681" i="2" s="1"/>
  <c r="H8682" i="2" a="1"/>
  <c r="H8682" i="2" s="1"/>
  <c r="H8693" i="2" a="1"/>
  <c r="H8693" i="2" s="1"/>
  <c r="H8683" i="2" a="1"/>
  <c r="H8683" i="2" s="1"/>
  <c r="H8695" i="2" a="1"/>
  <c r="H8695" i="2" s="1"/>
  <c r="H8691" i="2" a="1"/>
  <c r="H8691" i="2" s="1"/>
  <c r="H8677" i="2" a="1"/>
  <c r="H8677" i="2" s="1"/>
  <c r="H8689" i="2" a="1"/>
  <c r="H8689" i="2" s="1"/>
  <c r="D3150" i="2" a="1"/>
  <c r="D3150" i="2" s="1"/>
  <c r="D3147" i="2" a="1"/>
  <c r="D3147" i="2" s="1"/>
  <c r="D3139" i="2" a="1"/>
  <c r="D3139" i="2" s="1"/>
  <c r="D3140" i="2" a="1"/>
  <c r="D3140" i="2" s="1"/>
  <c r="D3153" i="2" a="1"/>
  <c r="D3153" i="2" s="1"/>
  <c r="D3135" i="2" a="1"/>
  <c r="D3135" i="2" s="1"/>
  <c r="D3142" i="2" a="1"/>
  <c r="D3142" i="2" s="1"/>
  <c r="D3132" i="2" a="1"/>
  <c r="D3132" i="2" s="1"/>
  <c r="AO131" i="1"/>
  <c r="E137" i="5" s="1"/>
  <c r="D3146" i="2" a="1"/>
  <c r="D3146" i="2" s="1"/>
  <c r="AM131" i="1"/>
  <c r="D3144" i="2" a="1"/>
  <c r="D3144" i="2" s="1"/>
  <c r="D3137" i="2" a="1"/>
  <c r="D3137" i="2" s="1"/>
  <c r="D3131" i="2" a="1"/>
  <c r="D3131" i="2" s="1"/>
  <c r="F7440" i="2" a="1"/>
  <c r="F7440" i="2" s="1"/>
  <c r="F7431" i="2" a="1"/>
  <c r="F7431" i="2" s="1"/>
  <c r="F7438" i="2" a="1"/>
  <c r="F7438" i="2" s="1"/>
  <c r="E132" i="2" a="1"/>
  <c r="E132" i="2" s="1"/>
  <c r="E150" i="2" a="1"/>
  <c r="E150" i="2" s="1"/>
  <c r="F2510" i="2" a="1"/>
  <c r="F2510" i="2" s="1"/>
  <c r="F2521" i="2" a="1"/>
  <c r="F2521" i="2" s="1"/>
  <c r="F2507" i="2" a="1"/>
  <c r="F2507" i="2" s="1"/>
  <c r="F2523" i="2" a="1"/>
  <c r="F2523" i="2" s="1"/>
  <c r="F2520" i="2" a="1"/>
  <c r="F2520" i="2" s="1"/>
  <c r="F2517" i="2" a="1"/>
  <c r="F2517" i="2" s="1"/>
  <c r="E339" i="2" a="1"/>
  <c r="E339" i="2" s="1"/>
  <c r="D1163" i="2" a="1"/>
  <c r="D1163" i="2" s="1"/>
  <c r="D7572" i="2" a="1"/>
  <c r="D7572" i="2" s="1"/>
  <c r="D3152" i="2" a="1"/>
  <c r="D3152" i="2" s="1"/>
  <c r="H5139" i="2" a="1"/>
  <c r="H5139" i="2" s="1"/>
  <c r="H4995" i="2" a="1"/>
  <c r="H4995" i="2" s="1"/>
  <c r="F8017" i="2" a="1"/>
  <c r="F8017" i="2" s="1"/>
  <c r="H8680" i="2" a="1"/>
  <c r="H8680" i="2" s="1"/>
  <c r="H8608" i="2" a="1"/>
  <c r="H8608" i="2" s="1"/>
  <c r="G8663" i="2" a="1"/>
  <c r="G8663" i="2" s="1"/>
  <c r="D1125" i="2" a="1"/>
  <c r="D1125" i="2" s="1"/>
  <c r="D7314" i="2" a="1"/>
  <c r="D7314" i="2" s="1"/>
  <c r="F1507" i="2" a="1"/>
  <c r="F1507" i="2" s="1"/>
  <c r="E5141" i="2" a="1"/>
  <c r="E5141" i="2" s="1"/>
  <c r="D4988" i="2" a="1"/>
  <c r="D4988" i="2" s="1"/>
  <c r="D5532" i="2" a="1"/>
  <c r="D5532" i="2" s="1"/>
  <c r="E7237" i="2" a="1"/>
  <c r="E7237" i="2" s="1"/>
  <c r="F1908" i="2" a="1"/>
  <c r="F1908" i="2" s="1"/>
  <c r="E1148" i="2" a="1"/>
  <c r="E1148" i="2" s="1"/>
  <c r="H6961" i="2" a="1"/>
  <c r="H6961" i="2" s="1"/>
  <c r="H2850" i="2" a="1"/>
  <c r="H2850" i="2" s="1"/>
  <c r="H2821" i="2" a="1"/>
  <c r="H2821" i="2" s="1"/>
  <c r="D3478" i="2" a="1"/>
  <c r="D3478" i="2" s="1"/>
  <c r="G3192" i="2" a="1"/>
  <c r="G3192" i="2" s="1"/>
  <c r="E3842" i="2" a="1"/>
  <c r="E3842" i="2" s="1"/>
  <c r="F8504" i="2" a="1"/>
  <c r="F8504" i="2" s="1"/>
  <c r="F7155" i="2" a="1"/>
  <c r="F7155" i="2" s="1"/>
  <c r="AQ298" i="1"/>
  <c r="G304" i="5" s="1"/>
  <c r="H6963" i="2" a="1"/>
  <c r="H6963" i="2" s="1"/>
  <c r="E1989" i="2" a="1"/>
  <c r="E1989" i="2" s="1"/>
  <c r="E2000" i="2" a="1"/>
  <c r="E2000" i="2" s="1"/>
  <c r="AN83" i="1"/>
  <c r="D89" i="5" s="1"/>
  <c r="AO83" i="1"/>
  <c r="E89" i="5" s="1"/>
  <c r="G441" i="2" a="1"/>
  <c r="G441" i="2" s="1"/>
  <c r="G419" i="2" a="1"/>
  <c r="G419" i="2" s="1"/>
  <c r="G429" i="2" a="1"/>
  <c r="G429" i="2" s="1"/>
  <c r="G422" i="2" a="1"/>
  <c r="G422" i="2" s="1"/>
  <c r="G427" i="2" a="1"/>
  <c r="G427" i="2" s="1"/>
  <c r="G423" i="2" a="1"/>
  <c r="G423" i="2" s="1"/>
  <c r="G421" i="2" a="1"/>
  <c r="G421" i="2" s="1"/>
  <c r="G433" i="2" a="1"/>
  <c r="G433" i="2" s="1"/>
  <c r="G426" i="2" a="1"/>
  <c r="G426" i="2" s="1"/>
  <c r="G436" i="2" a="1"/>
  <c r="G436" i="2" s="1"/>
  <c r="D1172" i="2" a="1"/>
  <c r="D1172" i="2" s="1"/>
  <c r="D7571" i="2" a="1"/>
  <c r="D7571" i="2" s="1"/>
  <c r="H5132" i="2" a="1"/>
  <c r="H5132" i="2" s="1"/>
  <c r="H4991" i="2" a="1"/>
  <c r="H4991" i="2" s="1"/>
  <c r="F8019" i="2" a="1"/>
  <c r="F8019" i="2" s="1"/>
  <c r="H8697" i="2" a="1"/>
  <c r="H8697" i="2" s="1"/>
  <c r="H8616" i="2" a="1"/>
  <c r="H8616" i="2" s="1"/>
  <c r="G8665" i="2" a="1"/>
  <c r="G8665" i="2" s="1"/>
  <c r="D7310" i="2" a="1"/>
  <c r="D7310" i="2" s="1"/>
  <c r="D1320" i="2" a="1"/>
  <c r="D1320" i="2" s="1"/>
  <c r="F1515" i="2" a="1"/>
  <c r="F1515" i="2" s="1"/>
  <c r="E5123" i="2" a="1"/>
  <c r="E5123" i="2" s="1"/>
  <c r="D4986" i="2" a="1"/>
  <c r="D4986" i="2" s="1"/>
  <c r="D5545" i="2" a="1"/>
  <c r="D5545" i="2" s="1"/>
  <c r="E7247" i="2" a="1"/>
  <c r="E7247" i="2" s="1"/>
  <c r="F1920" i="2" a="1"/>
  <c r="F1920" i="2" s="1"/>
  <c r="E1140" i="2" a="1"/>
  <c r="E1140" i="2" s="1"/>
  <c r="E4946" i="2" a="1"/>
  <c r="E4946" i="2" s="1"/>
  <c r="H2839" i="2" a="1"/>
  <c r="H2839" i="2" s="1"/>
  <c r="G3191" i="2" a="1"/>
  <c r="G3191" i="2" s="1"/>
  <c r="E3835" i="2" a="1"/>
  <c r="E3835" i="2" s="1"/>
  <c r="G5167" i="2" a="1"/>
  <c r="G5167" i="2" s="1"/>
  <c r="G5162" i="2" a="1"/>
  <c r="G5162" i="2" s="1"/>
  <c r="G5150" i="2" a="1"/>
  <c r="G5150" i="2" s="1"/>
  <c r="G5147" i="2" a="1"/>
  <c r="G5147" i="2" s="1"/>
  <c r="G5154" i="2" a="1"/>
  <c r="G5154" i="2" s="1"/>
  <c r="F6056" i="2" a="1"/>
  <c r="F6056" i="2" s="1"/>
  <c r="F6053" i="2" a="1"/>
  <c r="F6053" i="2" s="1"/>
  <c r="F6054" i="2" a="1"/>
  <c r="F6054" i="2" s="1"/>
  <c r="F6037" i="2" a="1"/>
  <c r="F6037" i="2" s="1"/>
  <c r="F6039" i="2" a="1"/>
  <c r="F6039" i="2" s="1"/>
  <c r="F6042" i="2" a="1"/>
  <c r="F6042" i="2" s="1"/>
  <c r="F6034" i="2" a="1"/>
  <c r="F6034" i="2" s="1"/>
  <c r="F6038" i="2" a="1"/>
  <c r="F6038" i="2" s="1"/>
  <c r="F6036" i="2" a="1"/>
  <c r="F6036" i="2" s="1"/>
  <c r="F6047" i="2" a="1"/>
  <c r="F6047" i="2" s="1"/>
  <c r="F6050" i="2" a="1"/>
  <c r="F6050" i="2" s="1"/>
  <c r="F6048" i="2" a="1"/>
  <c r="F6048" i="2" s="1"/>
  <c r="F6052" i="2" a="1"/>
  <c r="F6052" i="2" s="1"/>
  <c r="F6057" i="2" a="1"/>
  <c r="F6057" i="2" s="1"/>
  <c r="F6043" i="2" a="1"/>
  <c r="F6043" i="2" s="1"/>
  <c r="F6035" i="2" a="1"/>
  <c r="F6035" i="2" s="1"/>
  <c r="F6044" i="2" a="1"/>
  <c r="F6044" i="2" s="1"/>
  <c r="F6045" i="2" a="1"/>
  <c r="F6045" i="2" s="1"/>
  <c r="F6046" i="2" a="1"/>
  <c r="F6046" i="2" s="1"/>
  <c r="F6040" i="2" a="1"/>
  <c r="F6040" i="2" s="1"/>
  <c r="F6041" i="2" a="1"/>
  <c r="F6041" i="2" s="1"/>
  <c r="F6055" i="2" a="1"/>
  <c r="F6055" i="2" s="1"/>
  <c r="G5257" i="2" a="1"/>
  <c r="G5257" i="2" s="1"/>
  <c r="G5262" i="2" a="1"/>
  <c r="G5262" i="2" s="1"/>
  <c r="G5255" i="2" a="1"/>
  <c r="G5255" i="2" s="1"/>
  <c r="G5256" i="2" a="1"/>
  <c r="G5256" i="2" s="1"/>
  <c r="G5252" i="2" a="1"/>
  <c r="G5252" i="2" s="1"/>
  <c r="G5263" i="2" a="1"/>
  <c r="G5263" i="2" s="1"/>
  <c r="G5260" i="2" a="1"/>
  <c r="G5260" i="2" s="1"/>
  <c r="G5244" i="2" a="1"/>
  <c r="G5244" i="2" s="1"/>
  <c r="G5250" i="2" a="1"/>
  <c r="G5250" i="2" s="1"/>
  <c r="G5245" i="2" a="1"/>
  <c r="G5245" i="2" s="1"/>
  <c r="G5261" i="2" a="1"/>
  <c r="G5261" i="2" s="1"/>
  <c r="G5246" i="2" a="1"/>
  <c r="G5246" i="2" s="1"/>
  <c r="G5251" i="2" a="1"/>
  <c r="G5251" i="2" s="1"/>
  <c r="G5265" i="2" a="1"/>
  <c r="G5265" i="2" s="1"/>
  <c r="G5253" i="2" a="1"/>
  <c r="G5253" i="2" s="1"/>
  <c r="G5259" i="2" a="1"/>
  <c r="G5259" i="2" s="1"/>
  <c r="G5258" i="2" a="1"/>
  <c r="G5258" i="2" s="1"/>
  <c r="G5254" i="2" a="1"/>
  <c r="G5254" i="2" s="1"/>
  <c r="G5248" i="2" a="1"/>
  <c r="G5248" i="2" s="1"/>
  <c r="G5247" i="2" a="1"/>
  <c r="G5247" i="2" s="1"/>
  <c r="G5242" i="2" a="1"/>
  <c r="G5242" i="2" s="1"/>
  <c r="G5264" i="2" a="1"/>
  <c r="G5264" i="2" s="1"/>
  <c r="G5243" i="2" a="1"/>
  <c r="G5243" i="2" s="1"/>
  <c r="E330" i="2" a="1"/>
  <c r="E330" i="2" s="1"/>
  <c r="H1078" i="2" a="1"/>
  <c r="H1078" i="2" s="1"/>
  <c r="F8024" i="2" a="1"/>
  <c r="F8024" i="2" s="1"/>
  <c r="H6965" i="2" a="1"/>
  <c r="H6965" i="2" s="1"/>
  <c r="AN167" i="1"/>
  <c r="AQ167" i="1"/>
  <c r="G173" i="5" s="1"/>
  <c r="AP167" i="1"/>
  <c r="F173" i="5" s="1"/>
  <c r="G4841" i="2" a="1"/>
  <c r="G4841" i="2" s="1"/>
  <c r="G4848" i="2" a="1"/>
  <c r="G4848" i="2" s="1"/>
  <c r="G4856" i="2" a="1"/>
  <c r="G4856" i="2" s="1"/>
  <c r="G4846" i="2" a="1"/>
  <c r="G4846" i="2" s="1"/>
  <c r="D1137" i="2" a="1"/>
  <c r="D1137" i="2" s="1"/>
  <c r="D1128" i="2" a="1"/>
  <c r="D1128" i="2" s="1"/>
  <c r="D1119" i="2" a="1"/>
  <c r="D1119" i="2" s="1"/>
  <c r="D1131" i="2" a="1"/>
  <c r="D1131" i="2" s="1"/>
  <c r="D1127" i="2" a="1"/>
  <c r="D1127" i="2" s="1"/>
  <c r="D1120" i="2" a="1"/>
  <c r="D1120" i="2" s="1"/>
  <c r="AP47" i="1"/>
  <c r="F53" i="5" s="1"/>
  <c r="D1115" i="2" a="1"/>
  <c r="D1115" i="2" s="1"/>
  <c r="AQ47" i="1"/>
  <c r="G53" i="5" s="1"/>
  <c r="D1123" i="2" a="1"/>
  <c r="D1123" i="2" s="1"/>
  <c r="AO47" i="1"/>
  <c r="E53" i="5" s="1"/>
  <c r="D1132" i="2" a="1"/>
  <c r="D1132" i="2" s="1"/>
  <c r="AN47" i="1"/>
  <c r="D1124" i="2" a="1"/>
  <c r="D1124" i="2" s="1"/>
  <c r="D1126" i="2" a="1"/>
  <c r="D1126" i="2" s="1"/>
  <c r="D1134" i="2" a="1"/>
  <c r="D1134" i="2" s="1"/>
  <c r="D1122" i="2" a="1"/>
  <c r="D1122" i="2" s="1"/>
  <c r="H6962" i="2" a="1"/>
  <c r="H6962" i="2" s="1"/>
  <c r="F4301" i="2" a="1"/>
  <c r="F4301" i="2" s="1"/>
  <c r="F4300" i="2" a="1"/>
  <c r="F4300" i="2" s="1"/>
  <c r="F4297" i="2" a="1"/>
  <c r="F4297" i="2" s="1"/>
  <c r="F2496" i="2" a="1"/>
  <c r="F2496" i="2" s="1"/>
  <c r="F2487" i="2" a="1"/>
  <c r="F2487" i="2" s="1"/>
  <c r="F2488" i="2" a="1"/>
  <c r="F2488" i="2" s="1"/>
  <c r="E1321" i="2" a="1"/>
  <c r="E1321" i="2" s="1"/>
  <c r="E7243" i="2" a="1"/>
  <c r="E7243" i="2" s="1"/>
  <c r="E1145" i="2" a="1"/>
  <c r="E1145" i="2" s="1"/>
  <c r="G3692" i="2" a="1"/>
  <c r="G3692" i="2" s="1"/>
  <c r="H2818" i="2" a="1"/>
  <c r="H2818" i="2" s="1"/>
  <c r="H905" i="2" a="1"/>
  <c r="H905" i="2" s="1"/>
  <c r="H5078" i="2" a="1"/>
  <c r="H5078" i="2" s="1"/>
  <c r="G3193" i="2" a="1"/>
  <c r="G3193" i="2" s="1"/>
  <c r="F8003" i="2" a="1"/>
  <c r="F8003" i="2" s="1"/>
  <c r="H8696" i="2" a="1"/>
  <c r="H8696" i="2" s="1"/>
  <c r="H8611" i="2" a="1"/>
  <c r="H8611" i="2" s="1"/>
  <c r="G8661" i="2" a="1"/>
  <c r="G8661" i="2" s="1"/>
  <c r="D6612" i="2" a="1"/>
  <c r="D6612" i="2" s="1"/>
  <c r="D1118" i="2" a="1"/>
  <c r="D1118" i="2" s="1"/>
  <c r="D7309" i="2" a="1"/>
  <c r="D7309" i="2" s="1"/>
  <c r="D7974" i="2" a="1"/>
  <c r="D7974" i="2" s="1"/>
  <c r="D1317" i="2" a="1"/>
  <c r="D1317" i="2" s="1"/>
  <c r="AM180" i="1"/>
  <c r="C186" i="5" s="1"/>
  <c r="F1514" i="2" a="1"/>
  <c r="F1514" i="2" s="1"/>
  <c r="E1319" i="2" a="1"/>
  <c r="E1319" i="2" s="1"/>
  <c r="D4999" i="2" a="1"/>
  <c r="D4999" i="2" s="1"/>
  <c r="D5548" i="2" a="1"/>
  <c r="D5548" i="2" s="1"/>
  <c r="D8037" i="2" a="1"/>
  <c r="D8037" i="2" s="1"/>
  <c r="D7031" i="2" a="1"/>
  <c r="D7031" i="2" s="1"/>
  <c r="H2769" i="2" a="1"/>
  <c r="H2769" i="2" s="1"/>
  <c r="F1918" i="2" a="1"/>
  <c r="F1918" i="2" s="1"/>
  <c r="D1424" i="2" a="1"/>
  <c r="D1424" i="2" s="1"/>
  <c r="E1139" i="2" a="1"/>
  <c r="E1139" i="2" s="1"/>
  <c r="E4943" i="2" a="1"/>
  <c r="E4943" i="2" s="1"/>
  <c r="G3698" i="2" a="1"/>
  <c r="G3698" i="2" s="1"/>
  <c r="H2834" i="2" a="1"/>
  <c r="H2834" i="2" s="1"/>
  <c r="H904" i="2" a="1"/>
  <c r="H904" i="2" s="1"/>
  <c r="H5097" i="2" a="1"/>
  <c r="H5097" i="2" s="1"/>
  <c r="G5249" i="2" a="1"/>
  <c r="G5249" i="2" s="1"/>
  <c r="G8723" i="2" a="1"/>
  <c r="G8723" i="2" s="1"/>
  <c r="D2149" i="2" a="1"/>
  <c r="D2149" i="2" s="1"/>
  <c r="H4785" i="2" a="1"/>
  <c r="H4785" i="2" s="1"/>
  <c r="E5126" i="2" a="1"/>
  <c r="E5126" i="2" s="1"/>
  <c r="E5138" i="2" a="1"/>
  <c r="E5138" i="2" s="1"/>
  <c r="E5122" i="2" a="1"/>
  <c r="E5122" i="2" s="1"/>
  <c r="E5139" i="2" a="1"/>
  <c r="E5139" i="2" s="1"/>
  <c r="E5125" i="2" a="1"/>
  <c r="E5125" i="2" s="1"/>
  <c r="E5140" i="2" a="1"/>
  <c r="E5140" i="2" s="1"/>
  <c r="E5135" i="2" a="1"/>
  <c r="E5135" i="2" s="1"/>
  <c r="E5133" i="2" a="1"/>
  <c r="E5133" i="2" s="1"/>
  <c r="E5127" i="2" a="1"/>
  <c r="E5127" i="2" s="1"/>
  <c r="E5136" i="2" a="1"/>
  <c r="E5136" i="2" s="1"/>
  <c r="E5131" i="2" a="1"/>
  <c r="E5131" i="2" s="1"/>
  <c r="E5124" i="2" a="1"/>
  <c r="E5124" i="2" s="1"/>
  <c r="E5134" i="2" a="1"/>
  <c r="E5134" i="2" s="1"/>
  <c r="E5129" i="2" a="1"/>
  <c r="E5129" i="2" s="1"/>
  <c r="E5137" i="2" a="1"/>
  <c r="E5137" i="2" s="1"/>
  <c r="E5143" i="2" a="1"/>
  <c r="E5143" i="2" s="1"/>
  <c r="E5132" i="2" a="1"/>
  <c r="E5132" i="2" s="1"/>
  <c r="F8013" i="2" a="1"/>
  <c r="F8013" i="2" s="1"/>
  <c r="E5128" i="2" a="1"/>
  <c r="E5128" i="2" s="1"/>
  <c r="E1786" i="2" a="1"/>
  <c r="E1786" i="2" s="1"/>
  <c r="E1790" i="2" a="1"/>
  <c r="E1790" i="2" s="1"/>
  <c r="E1794" i="2" a="1"/>
  <c r="E1794" i="2" s="1"/>
  <c r="H3677" i="2" a="1"/>
  <c r="H3677" i="2" s="1"/>
  <c r="H3676" i="2" a="1"/>
  <c r="H3676" i="2" s="1"/>
  <c r="H3674" i="2" a="1"/>
  <c r="H3674" i="2" s="1"/>
  <c r="H3658" i="2" a="1"/>
  <c r="H3658" i="2" s="1"/>
  <c r="H3679" i="2" a="1"/>
  <c r="H3679" i="2" s="1"/>
  <c r="H3670" i="2" a="1"/>
  <c r="H3670" i="2" s="1"/>
  <c r="H3664" i="2" a="1"/>
  <c r="H3664" i="2" s="1"/>
  <c r="H3669" i="2" a="1"/>
  <c r="H3669" i="2" s="1"/>
  <c r="H3675" i="2" a="1"/>
  <c r="H3675" i="2" s="1"/>
  <c r="H3671" i="2" a="1"/>
  <c r="H3671" i="2" s="1"/>
  <c r="H3660" i="2" a="1"/>
  <c r="H3660" i="2" s="1"/>
  <c r="H3659" i="2" a="1"/>
  <c r="H3659" i="2" s="1"/>
  <c r="G8114" i="2" a="1"/>
  <c r="G8114" i="2" s="1"/>
  <c r="AM338" i="1"/>
  <c r="F7585" i="2" a="1"/>
  <c r="F7585" i="2" s="1"/>
  <c r="F7575" i="2" a="1"/>
  <c r="F7575" i="2" s="1"/>
  <c r="F7574" i="2" a="1"/>
  <c r="F7574" i="2" s="1"/>
  <c r="F7573" i="2" a="1"/>
  <c r="F7573" i="2" s="1"/>
  <c r="F7577" i="2" a="1"/>
  <c r="F7577" i="2" s="1"/>
  <c r="F7571" i="2" a="1"/>
  <c r="F7571" i="2" s="1"/>
  <c r="F7592" i="2" a="1"/>
  <c r="F7592" i="2" s="1"/>
  <c r="F7586" i="2" a="1"/>
  <c r="F7586" i="2" s="1"/>
  <c r="F7582" i="2" a="1"/>
  <c r="F7582" i="2" s="1"/>
  <c r="F7583" i="2" a="1"/>
  <c r="F7583" i="2" s="1"/>
  <c r="F7590" i="2" a="1"/>
  <c r="F7590" i="2" s="1"/>
  <c r="F7584" i="2" a="1"/>
  <c r="F7584" i="2" s="1"/>
  <c r="F7576" i="2" a="1"/>
  <c r="F7576" i="2" s="1"/>
  <c r="F7570" i="2" a="1"/>
  <c r="F7570" i="2" s="1"/>
  <c r="F7579" i="2" a="1"/>
  <c r="F7579" i="2" s="1"/>
  <c r="F7593" i="2" a="1"/>
  <c r="F7593" i="2" s="1"/>
  <c r="F7580" i="2" a="1"/>
  <c r="F7580" i="2" s="1"/>
  <c r="F7581" i="2" a="1"/>
  <c r="F7581" i="2" s="1"/>
  <c r="F7591" i="2" a="1"/>
  <c r="F7591" i="2" s="1"/>
  <c r="D8641" i="2" a="1"/>
  <c r="D8641" i="2" s="1"/>
  <c r="D8629" i="2" a="1"/>
  <c r="D8629" i="2" s="1"/>
  <c r="D8627" i="2" a="1"/>
  <c r="D8627" i="2" s="1"/>
  <c r="D8630" i="2" a="1"/>
  <c r="D8630" i="2" s="1"/>
  <c r="D8633" i="2" a="1"/>
  <c r="D8633" i="2" s="1"/>
  <c r="G7802" i="2" a="1"/>
  <c r="G7802" i="2" s="1"/>
  <c r="G7805" i="2" a="1"/>
  <c r="G7805" i="2" s="1"/>
  <c r="G7808" i="2" a="1"/>
  <c r="G7808" i="2" s="1"/>
  <c r="G7803" i="2" a="1"/>
  <c r="G7803" i="2" s="1"/>
  <c r="G7792" i="2" a="1"/>
  <c r="G7792" i="2" s="1"/>
  <c r="G7786" i="2" a="1"/>
  <c r="G7786" i="2" s="1"/>
  <c r="G7788" i="2" a="1"/>
  <c r="G7788" i="2" s="1"/>
  <c r="G7807" i="2" a="1"/>
  <c r="G7807" i="2" s="1"/>
  <c r="G7787" i="2" a="1"/>
  <c r="G7787" i="2" s="1"/>
  <c r="G7789" i="2" a="1"/>
  <c r="G7789" i="2" s="1"/>
  <c r="G7794" i="2" a="1"/>
  <c r="G7794" i="2" s="1"/>
  <c r="G7809" i="2" a="1"/>
  <c r="G7809" i="2" s="1"/>
  <c r="G7791" i="2" a="1"/>
  <c r="G7791" i="2" s="1"/>
  <c r="G7797" i="2" a="1"/>
  <c r="G7797" i="2" s="1"/>
  <c r="G7799" i="2" a="1"/>
  <c r="G7799" i="2" s="1"/>
  <c r="G7796" i="2" a="1"/>
  <c r="G7796" i="2" s="1"/>
  <c r="G7800" i="2" a="1"/>
  <c r="G7800" i="2" s="1"/>
  <c r="H5266" i="2" a="1"/>
  <c r="H5266" i="2" s="1"/>
  <c r="H5267" i="2" a="1"/>
  <c r="H5267" i="2" s="1"/>
  <c r="H5278" i="2" a="1"/>
  <c r="H5278" i="2" s="1"/>
  <c r="H5277" i="2" a="1"/>
  <c r="H5277" i="2" s="1"/>
  <c r="H5270" i="2" a="1"/>
  <c r="H5270" i="2" s="1"/>
  <c r="H5271" i="2" a="1"/>
  <c r="H5271" i="2" s="1"/>
  <c r="H5285" i="2" a="1"/>
  <c r="H5285" i="2" s="1"/>
  <c r="H5276" i="2" a="1"/>
  <c r="H5276" i="2" s="1"/>
  <c r="H5268" i="2" a="1"/>
  <c r="H5268" i="2" s="1"/>
  <c r="H5279" i="2" a="1"/>
  <c r="H5279" i="2" s="1"/>
  <c r="H5287" i="2" a="1"/>
  <c r="H5287" i="2" s="1"/>
  <c r="H5274" i="2" a="1"/>
  <c r="H5274" i="2" s="1"/>
  <c r="E337" i="2" a="1"/>
  <c r="E337" i="2" s="1"/>
  <c r="H2849" i="2" a="1"/>
  <c r="H2849" i="2" s="1"/>
  <c r="H2832" i="2" a="1"/>
  <c r="H2832" i="2" s="1"/>
  <c r="E7102" i="2" a="1"/>
  <c r="E7102" i="2" s="1"/>
  <c r="E7090" i="2" a="1"/>
  <c r="E7090" i="2" s="1"/>
  <c r="E7091" i="2" a="1"/>
  <c r="E7091" i="2" s="1"/>
  <c r="E7099" i="2" a="1"/>
  <c r="E7099" i="2" s="1"/>
  <c r="E7111" i="2" a="1"/>
  <c r="E7111" i="2" s="1"/>
  <c r="E7112" i="2" a="1"/>
  <c r="E7112" i="2" s="1"/>
  <c r="E7100" i="2" a="1"/>
  <c r="E7100" i="2" s="1"/>
  <c r="E7109" i="2" a="1"/>
  <c r="E7109" i="2" s="1"/>
  <c r="E7113" i="2" a="1"/>
  <c r="E7113" i="2" s="1"/>
  <c r="E342" i="2" a="1"/>
  <c r="E342" i="2" s="1"/>
  <c r="E327" i="2" a="1"/>
  <c r="E327" i="2" s="1"/>
  <c r="D1130" i="2" a="1"/>
  <c r="D1130" i="2" s="1"/>
  <c r="D5534" i="2" a="1"/>
  <c r="D5534" i="2" s="1"/>
  <c r="E340" i="2" a="1"/>
  <c r="E340" i="2" s="1"/>
  <c r="D1171" i="2" a="1"/>
  <c r="D1171" i="2" s="1"/>
  <c r="H8675" i="2" a="1"/>
  <c r="H8675" i="2" s="1"/>
  <c r="G8654" i="2" a="1"/>
  <c r="G8654" i="2" s="1"/>
  <c r="D6624" i="2" a="1"/>
  <c r="D6624" i="2" s="1"/>
  <c r="D1114" i="2" a="1"/>
  <c r="D1114" i="2" s="1"/>
  <c r="D7321" i="2" a="1"/>
  <c r="D7321" i="2" s="1"/>
  <c r="D7967" i="2" a="1"/>
  <c r="D7967" i="2" s="1"/>
  <c r="AM209" i="1"/>
  <c r="C215" i="5" s="1"/>
  <c r="D1307" i="2" a="1"/>
  <c r="D1307" i="2" s="1"/>
  <c r="AN180" i="1"/>
  <c r="D186" i="5" s="1"/>
  <c r="F1505" i="2" a="1"/>
  <c r="F1505" i="2" s="1"/>
  <c r="E1318" i="2" a="1"/>
  <c r="E1318" i="2" s="1"/>
  <c r="D4994" i="2" a="1"/>
  <c r="D4994" i="2" s="1"/>
  <c r="D5551" i="2" a="1"/>
  <c r="D5551" i="2" s="1"/>
  <c r="D8029" i="2" a="1"/>
  <c r="D8029" i="2" s="1"/>
  <c r="D7027" i="2" a="1"/>
  <c r="D7027" i="2" s="1"/>
  <c r="H2747" i="2" a="1"/>
  <c r="H2747" i="2" s="1"/>
  <c r="D3567" i="2" a="1"/>
  <c r="D3567" i="2" s="1"/>
  <c r="D1412" i="2" a="1"/>
  <c r="D1412" i="2" s="1"/>
  <c r="F5998" i="2" a="1"/>
  <c r="F5998" i="2" s="1"/>
  <c r="G3700" i="2" a="1"/>
  <c r="G3700" i="2" s="1"/>
  <c r="H914" i="2" a="1"/>
  <c r="H914" i="2" s="1"/>
  <c r="H5087" i="2" a="1"/>
  <c r="H5087" i="2" s="1"/>
  <c r="F4564" i="2" a="1"/>
  <c r="F4564" i="2" s="1"/>
  <c r="D3427" i="2" a="1"/>
  <c r="D3427" i="2" s="1"/>
  <c r="H4783" i="2" a="1"/>
  <c r="H4783" i="2" s="1"/>
  <c r="D5032" i="2" a="1"/>
  <c r="D5032" i="2" s="1"/>
  <c r="F170" i="2" a="1"/>
  <c r="F170" i="2" s="1"/>
  <c r="F154" i="2" a="1"/>
  <c r="F154" i="2" s="1"/>
  <c r="F168" i="2" a="1"/>
  <c r="F168" i="2" s="1"/>
  <c r="F2383" i="2" a="1"/>
  <c r="F2383" i="2" s="1"/>
  <c r="F2384" i="2" a="1"/>
  <c r="F2384" i="2" s="1"/>
  <c r="F2379" i="2" a="1"/>
  <c r="F2379" i="2" s="1"/>
  <c r="F2374" i="2" a="1"/>
  <c r="F2374" i="2" s="1"/>
  <c r="F2362" i="2" a="1"/>
  <c r="F2362" i="2" s="1"/>
  <c r="F2371" i="2" a="1"/>
  <c r="F2371" i="2" s="1"/>
  <c r="F2370" i="2" a="1"/>
  <c r="F2370" i="2" s="1"/>
  <c r="F2366" i="2" a="1"/>
  <c r="F2366" i="2" s="1"/>
  <c r="F2382" i="2" a="1"/>
  <c r="F2382" i="2" s="1"/>
  <c r="F2375" i="2" a="1"/>
  <c r="F2375" i="2" s="1"/>
  <c r="F2367" i="2" a="1"/>
  <c r="F2367" i="2" s="1"/>
  <c r="F2380" i="2" a="1"/>
  <c r="F2380" i="2" s="1"/>
  <c r="F2368" i="2" a="1"/>
  <c r="F2368" i="2" s="1"/>
  <c r="F2378" i="2" a="1"/>
  <c r="F2378" i="2" s="1"/>
  <c r="F2373" i="2" a="1"/>
  <c r="F2373" i="2" s="1"/>
  <c r="F2365" i="2" a="1"/>
  <c r="F2365" i="2" s="1"/>
  <c r="F2385" i="2" a="1"/>
  <c r="F2385" i="2" s="1"/>
  <c r="F2363" i="2" a="1"/>
  <c r="F2363" i="2" s="1"/>
  <c r="F2369" i="2" a="1"/>
  <c r="F2369" i="2" s="1"/>
  <c r="F2376" i="2" a="1"/>
  <c r="F2376" i="2" s="1"/>
  <c r="F2377" i="2" a="1"/>
  <c r="F2377" i="2" s="1"/>
  <c r="F2364" i="2" a="1"/>
  <c r="F2364" i="2" s="1"/>
  <c r="F2381" i="2" a="1"/>
  <c r="F2381" i="2" s="1"/>
  <c r="H8614" i="2" a="1"/>
  <c r="H8614" i="2" s="1"/>
  <c r="G2978" i="2" a="1"/>
  <c r="G2978" i="2" s="1"/>
  <c r="G2967" i="2" a="1"/>
  <c r="G2967" i="2" s="1"/>
  <c r="G2979" i="2" a="1"/>
  <c r="G2979" i="2" s="1"/>
  <c r="G2971" i="2" a="1"/>
  <c r="G2971" i="2" s="1"/>
  <c r="H3570" i="2" a="1"/>
  <c r="H3570" i="2" s="1"/>
  <c r="H3567" i="2" a="1"/>
  <c r="H3567" i="2" s="1"/>
  <c r="H3585" i="2" a="1"/>
  <c r="H3585" i="2" s="1"/>
  <c r="H3575" i="2" a="1"/>
  <c r="H3575" i="2" s="1"/>
  <c r="H3582" i="2" a="1"/>
  <c r="H3582" i="2" s="1"/>
  <c r="H3572" i="2" a="1"/>
  <c r="H3572" i="2" s="1"/>
  <c r="H3566" i="2" a="1"/>
  <c r="H3566" i="2" s="1"/>
  <c r="H3574" i="2" a="1"/>
  <c r="H3574" i="2" s="1"/>
  <c r="H3576" i="2" a="1"/>
  <c r="H3576" i="2" s="1"/>
  <c r="H3577" i="2" a="1"/>
  <c r="H3577" i="2" s="1"/>
  <c r="H3580" i="2" a="1"/>
  <c r="H3580" i="2" s="1"/>
  <c r="H3583" i="2" a="1"/>
  <c r="H3583" i="2" s="1"/>
  <c r="H3573" i="2" a="1"/>
  <c r="H3573" i="2" s="1"/>
  <c r="H3569" i="2" a="1"/>
  <c r="H3569" i="2" s="1"/>
  <c r="H3571" i="2" a="1"/>
  <c r="H3571" i="2" s="1"/>
  <c r="H3563" i="2" a="1"/>
  <c r="H3563" i="2" s="1"/>
  <c r="H3562" i="2" a="1"/>
  <c r="H3562" i="2" s="1"/>
  <c r="H3579" i="2" a="1"/>
  <c r="H3579" i="2" s="1"/>
  <c r="H3584" i="2" a="1"/>
  <c r="H3584" i="2" s="1"/>
  <c r="H3564" i="2" a="1"/>
  <c r="H3564" i="2" s="1"/>
  <c r="AP255" i="1"/>
  <c r="F261" i="5" s="1"/>
  <c r="AM255" i="1"/>
  <c r="C261" i="5" s="1"/>
  <c r="E6106" i="2" a="1"/>
  <c r="E6106" i="2" s="1"/>
  <c r="E6109" i="2" a="1"/>
  <c r="E6109" i="2" s="1"/>
  <c r="AO255" i="1"/>
  <c r="E261" i="5" s="1"/>
  <c r="E6111" i="2" a="1"/>
  <c r="E6111" i="2" s="1"/>
  <c r="AQ255" i="1"/>
  <c r="G261" i="5" s="1"/>
  <c r="E6112" i="2" a="1"/>
  <c r="E6112" i="2" s="1"/>
  <c r="E6129" i="2" a="1"/>
  <c r="E6129" i="2" s="1"/>
  <c r="AN255" i="1"/>
  <c r="E6118" i="2" a="1"/>
  <c r="E6118" i="2" s="1"/>
  <c r="E6120" i="2" a="1"/>
  <c r="E6120" i="2" s="1"/>
  <c r="E6117" i="2" a="1"/>
  <c r="E6117" i="2" s="1"/>
  <c r="E6115" i="2" a="1"/>
  <c r="E6115" i="2" s="1"/>
  <c r="E6127" i="2" a="1"/>
  <c r="E6127" i="2" s="1"/>
  <c r="E6107" i="2" a="1"/>
  <c r="E6107" i="2" s="1"/>
  <c r="E6119" i="2" a="1"/>
  <c r="E6119" i="2" s="1"/>
  <c r="E6124" i="2" a="1"/>
  <c r="E6124" i="2" s="1"/>
  <c r="E6123" i="2" a="1"/>
  <c r="E6123" i="2" s="1"/>
  <c r="E7235" i="2" a="1"/>
  <c r="E7235" i="2" s="1"/>
  <c r="E7241" i="2" a="1"/>
  <c r="E7241" i="2" s="1"/>
  <c r="E7255" i="2" a="1"/>
  <c r="E7255" i="2" s="1"/>
  <c r="E7245" i="2" a="1"/>
  <c r="E7245" i="2" s="1"/>
  <c r="E7240" i="2" a="1"/>
  <c r="E7240" i="2" s="1"/>
  <c r="E7236" i="2" a="1"/>
  <c r="E7236" i="2" s="1"/>
  <c r="E7253" i="2" a="1"/>
  <c r="E7253" i="2" s="1"/>
  <c r="E7256" i="2" a="1"/>
  <c r="E7256" i="2" s="1"/>
  <c r="E7238" i="2" a="1"/>
  <c r="E7238" i="2" s="1"/>
  <c r="E7248" i="2" a="1"/>
  <c r="E7248" i="2" s="1"/>
  <c r="E7234" i="2" a="1"/>
  <c r="E7234" i="2" s="1"/>
  <c r="E7242" i="2" a="1"/>
  <c r="E7242" i="2" s="1"/>
  <c r="E7244" i="2" a="1"/>
  <c r="E7244" i="2" s="1"/>
  <c r="E7246" i="2" a="1"/>
  <c r="E7246" i="2" s="1"/>
  <c r="E7251" i="2" a="1"/>
  <c r="E7251" i="2" s="1"/>
  <c r="G5663" i="2" a="1"/>
  <c r="G5663" i="2" s="1"/>
  <c r="AO236" i="1"/>
  <c r="E242" i="5" s="1"/>
  <c r="AP236" i="1"/>
  <c r="F242" i="5" s="1"/>
  <c r="AM236" i="1"/>
  <c r="C242" i="5" s="1"/>
  <c r="AN236" i="1"/>
  <c r="D242" i="5" s="1"/>
  <c r="AQ236" i="1"/>
  <c r="G242" i="5" s="1"/>
  <c r="E6550" i="2" a="1"/>
  <c r="E6550" i="2" s="1"/>
  <c r="F7557" i="2" a="1"/>
  <c r="F7557" i="2" s="1"/>
  <c r="F7548" i="2" a="1"/>
  <c r="F7548" i="2" s="1"/>
  <c r="F7555" i="2" a="1"/>
  <c r="F7555" i="2" s="1"/>
  <c r="F7558" i="2" a="1"/>
  <c r="F7558" i="2" s="1"/>
  <c r="F7561" i="2" a="1"/>
  <c r="F7561" i="2" s="1"/>
  <c r="F7553" i="2" a="1"/>
  <c r="F7553" i="2" s="1"/>
  <c r="F7551" i="2" a="1"/>
  <c r="F7551" i="2" s="1"/>
  <c r="F7567" i="2" a="1"/>
  <c r="F7567" i="2" s="1"/>
  <c r="F7546" i="2" a="1"/>
  <c r="F7546" i="2" s="1"/>
  <c r="F7550" i="2" a="1"/>
  <c r="F7550" i="2" s="1"/>
  <c r="F7565" i="2" a="1"/>
  <c r="F7565" i="2" s="1"/>
  <c r="D1183" i="2" a="1"/>
  <c r="D1183" i="2" s="1"/>
  <c r="D7579" i="2" a="1"/>
  <c r="D7579" i="2" s="1"/>
  <c r="D1311" i="2" a="1"/>
  <c r="D1311" i="2" s="1"/>
  <c r="H2761" i="2" a="1"/>
  <c r="H2761" i="2" s="1"/>
  <c r="F1927" i="2" a="1"/>
  <c r="F1927" i="2" s="1"/>
  <c r="F7569" i="2" a="1"/>
  <c r="F7569" i="2" s="1"/>
  <c r="D3149" i="2" a="1"/>
  <c r="D3149" i="2" s="1"/>
  <c r="H5000" i="2" a="1"/>
  <c r="H5000" i="2" s="1"/>
  <c r="E322" i="2" a="1"/>
  <c r="E322" i="2" s="1"/>
  <c r="D5049" i="2" a="1"/>
  <c r="D5049" i="2" s="1"/>
  <c r="D1162" i="2" a="1"/>
  <c r="D1162" i="2" s="1"/>
  <c r="D3145" i="2" a="1"/>
  <c r="D3145" i="2" s="1"/>
  <c r="H4990" i="2" a="1"/>
  <c r="H4990" i="2" s="1"/>
  <c r="H8685" i="2" a="1"/>
  <c r="H8685" i="2" s="1"/>
  <c r="F1814" i="2" a="1"/>
  <c r="F1814" i="2" s="1"/>
  <c r="G8668" i="2" a="1"/>
  <c r="G8668" i="2" s="1"/>
  <c r="D6629" i="2" a="1"/>
  <c r="D6629" i="2" s="1"/>
  <c r="AM47" i="1"/>
  <c r="C53" i="5" s="1"/>
  <c r="D7327" i="2" a="1"/>
  <c r="D7327" i="2" s="1"/>
  <c r="D7966" i="2" a="1"/>
  <c r="D7966" i="2" s="1"/>
  <c r="AN209" i="1"/>
  <c r="D215" i="5" s="1"/>
  <c r="D1312" i="2" a="1"/>
  <c r="D1312" i="2" s="1"/>
  <c r="AP180" i="1"/>
  <c r="F186" i="5" s="1"/>
  <c r="F1517" i="2" a="1"/>
  <c r="F1517" i="2" s="1"/>
  <c r="E1308" i="2" a="1"/>
  <c r="E1308" i="2" s="1"/>
  <c r="D4982" i="2" a="1"/>
  <c r="D4982" i="2" s="1"/>
  <c r="D5539" i="2" a="1"/>
  <c r="D5539" i="2" s="1"/>
  <c r="D8043" i="2" a="1"/>
  <c r="D8043" i="2" s="1"/>
  <c r="D7026" i="2" a="1"/>
  <c r="D7026" i="2" s="1"/>
  <c r="H2749" i="2" a="1"/>
  <c r="H2749" i="2" s="1"/>
  <c r="D3583" i="2" a="1"/>
  <c r="D3583" i="2" s="1"/>
  <c r="D1425" i="2" a="1"/>
  <c r="D1425" i="2" s="1"/>
  <c r="F6002" i="2" a="1"/>
  <c r="F6002" i="2" s="1"/>
  <c r="H3581" i="2" a="1"/>
  <c r="H3581" i="2" s="1"/>
  <c r="D6960" i="2" a="1"/>
  <c r="D6960" i="2" s="1"/>
  <c r="G3684" i="2" a="1"/>
  <c r="G3684" i="2" s="1"/>
  <c r="H5086" i="2" a="1"/>
  <c r="H5086" i="2" s="1"/>
  <c r="H5786" i="2" a="1"/>
  <c r="H5786" i="2" s="1"/>
  <c r="G3523" i="2" a="1"/>
  <c r="G3523" i="2" s="1"/>
  <c r="E4763" i="2" a="1"/>
  <c r="E4763" i="2" s="1"/>
  <c r="AP199" i="1"/>
  <c r="F205" i="5" s="1"/>
  <c r="AN199" i="1"/>
  <c r="D205" i="5" s="1"/>
  <c r="AQ199" i="1"/>
  <c r="G205" i="5" s="1"/>
  <c r="AM199" i="1"/>
  <c r="E4780" i="2" a="1"/>
  <c r="E4780" i="2" s="1"/>
  <c r="AO199" i="1"/>
  <c r="E205" i="5" s="1"/>
  <c r="E8577" i="2" a="1"/>
  <c r="E8577" i="2" s="1"/>
  <c r="E8570" i="2" a="1"/>
  <c r="E8570" i="2" s="1"/>
  <c r="E8565" i="2" a="1"/>
  <c r="E8565" i="2" s="1"/>
  <c r="E8558" i="2" a="1"/>
  <c r="E8558" i="2" s="1"/>
  <c r="E8574" i="2" a="1"/>
  <c r="E8574" i="2" s="1"/>
  <c r="E8573" i="2" a="1"/>
  <c r="E8573" i="2" s="1"/>
  <c r="E8568" i="2" a="1"/>
  <c r="E8568" i="2" s="1"/>
  <c r="E8563" i="2" a="1"/>
  <c r="E8563" i="2" s="1"/>
  <c r="E8556" i="2" a="1"/>
  <c r="E8556" i="2" s="1"/>
  <c r="E8575" i="2" a="1"/>
  <c r="E8575" i="2" s="1"/>
  <c r="E8559" i="2" a="1"/>
  <c r="E8559" i="2" s="1"/>
  <c r="E8554" i="2" a="1"/>
  <c r="E8554" i="2" s="1"/>
  <c r="E8564" i="2" a="1"/>
  <c r="E8564" i="2" s="1"/>
  <c r="E8571" i="2" a="1"/>
  <c r="E8571" i="2" s="1"/>
  <c r="E8557" i="2" a="1"/>
  <c r="E8557" i="2" s="1"/>
  <c r="E8566" i="2" a="1"/>
  <c r="E8566" i="2" s="1"/>
  <c r="E8560" i="2" a="1"/>
  <c r="E8560" i="2" s="1"/>
  <c r="E8576" i="2" a="1"/>
  <c r="E8576" i="2" s="1"/>
  <c r="E8555" i="2" a="1"/>
  <c r="E8555" i="2" s="1"/>
  <c r="E8567" i="2" a="1"/>
  <c r="E8567" i="2" s="1"/>
  <c r="E8561" i="2" a="1"/>
  <c r="E8561" i="2" s="1"/>
  <c r="E5144" i="2" a="1"/>
  <c r="E5144" i="2" s="1"/>
  <c r="E329" i="2" a="1"/>
  <c r="E329" i="2" s="1"/>
  <c r="D7325" i="2" a="1"/>
  <c r="D7325" i="2" s="1"/>
  <c r="F3439" i="2" a="1"/>
  <c r="F3439" i="2" s="1"/>
  <c r="F3418" i="2" a="1"/>
  <c r="F3418" i="2" s="1"/>
  <c r="F3430" i="2" a="1"/>
  <c r="F3430" i="2" s="1"/>
  <c r="F3424" i="2" a="1"/>
  <c r="F3424" i="2" s="1"/>
  <c r="F3429" i="2" a="1"/>
  <c r="F3429" i="2" s="1"/>
  <c r="F3432" i="2" a="1"/>
  <c r="F3432" i="2" s="1"/>
  <c r="F3422" i="2" a="1"/>
  <c r="F3422" i="2" s="1"/>
  <c r="F3437" i="2" a="1"/>
  <c r="F3437" i="2" s="1"/>
  <c r="F3434" i="2" a="1"/>
  <c r="F3434" i="2" s="1"/>
  <c r="F3420" i="2" a="1"/>
  <c r="F3420" i="2" s="1"/>
  <c r="F3435" i="2" a="1"/>
  <c r="F3435" i="2" s="1"/>
  <c r="F3433" i="2" a="1"/>
  <c r="F3433" i="2" s="1"/>
  <c r="F3436" i="2" a="1"/>
  <c r="F3436" i="2" s="1"/>
  <c r="F3419" i="2" a="1"/>
  <c r="F3419" i="2" s="1"/>
  <c r="F3427" i="2" a="1"/>
  <c r="F3427" i="2" s="1"/>
  <c r="H7367" i="2" a="1"/>
  <c r="H7367" i="2" s="1"/>
  <c r="H7364" i="2" a="1"/>
  <c r="H7364" i="2" s="1"/>
  <c r="H7371" i="2" a="1"/>
  <c r="H7371" i="2" s="1"/>
  <c r="H7356" i="2" a="1"/>
  <c r="H7356" i="2" s="1"/>
  <c r="H7358" i="2" a="1"/>
  <c r="H7358" i="2" s="1"/>
  <c r="H7373" i="2" a="1"/>
  <c r="H7373" i="2" s="1"/>
  <c r="H7374" i="2" a="1"/>
  <c r="H7374" i="2" s="1"/>
  <c r="H7361" i="2" a="1"/>
  <c r="H7361" i="2" s="1"/>
  <c r="H7372" i="2" a="1"/>
  <c r="H7372" i="2" s="1"/>
  <c r="H7375" i="2" a="1"/>
  <c r="H7375" i="2" s="1"/>
  <c r="H7377" i="2" a="1"/>
  <c r="H7377" i="2" s="1"/>
  <c r="H7369" i="2" a="1"/>
  <c r="H7369" i="2" s="1"/>
  <c r="H7357" i="2" a="1"/>
  <c r="H7357" i="2" s="1"/>
  <c r="H7376" i="2" a="1"/>
  <c r="H7376" i="2" s="1"/>
  <c r="H7355" i="2" a="1"/>
  <c r="H7355" i="2" s="1"/>
  <c r="H7362" i="2" a="1"/>
  <c r="H7362" i="2" s="1"/>
  <c r="H7365" i="2" a="1"/>
  <c r="H7365" i="2" s="1"/>
  <c r="H7354" i="2" a="1"/>
  <c r="H7354" i="2" s="1"/>
  <c r="H7370" i="2" a="1"/>
  <c r="H7370" i="2" s="1"/>
  <c r="D7573" i="2" a="1"/>
  <c r="D7573" i="2" s="1"/>
  <c r="H5123" i="2" a="1"/>
  <c r="H5123" i="2" s="1"/>
  <c r="H4983" i="2" a="1"/>
  <c r="H4983" i="2" s="1"/>
  <c r="F8023" i="2" a="1"/>
  <c r="F8023" i="2" s="1"/>
  <c r="G8653" i="2" a="1"/>
  <c r="G8653" i="2" s="1"/>
  <c r="G6482" i="2" a="1"/>
  <c r="G6482" i="2" s="1"/>
  <c r="D5538" i="2" a="1"/>
  <c r="D5538" i="2" s="1"/>
  <c r="H4666" i="2" a="1"/>
  <c r="H4666" i="2" s="1"/>
  <c r="F5556" i="2" a="1"/>
  <c r="F5556" i="2" s="1"/>
  <c r="D1220" i="2" a="1"/>
  <c r="D1220" i="2" s="1"/>
  <c r="D1211" i="2" a="1"/>
  <c r="D1211" i="2" s="1"/>
  <c r="D1225" i="2" a="1"/>
  <c r="D1225" i="2" s="1"/>
  <c r="D5558" i="2" a="1"/>
  <c r="D5558" i="2" s="1"/>
  <c r="D5571" i="2" a="1"/>
  <c r="D5571" i="2" s="1"/>
  <c r="D5569" i="2" a="1"/>
  <c r="D5569" i="2" s="1"/>
  <c r="D5574" i="2" a="1"/>
  <c r="D5574" i="2" s="1"/>
  <c r="D5561" i="2" a="1"/>
  <c r="D5561" i="2" s="1"/>
  <c r="E7202" i="2" a="1"/>
  <c r="E7202" i="2" s="1"/>
  <c r="E7203" i="2" a="1"/>
  <c r="E7203" i="2" s="1"/>
  <c r="E7189" i="2" a="1"/>
  <c r="E7189" i="2" s="1"/>
  <c r="F7549" i="2" a="1"/>
  <c r="F7549" i="2" s="1"/>
  <c r="D7970" i="2" a="1"/>
  <c r="D7970" i="2" s="1"/>
  <c r="D4978" i="2" a="1"/>
  <c r="D4978" i="2" s="1"/>
  <c r="D1179" i="2" a="1"/>
  <c r="D1179" i="2" s="1"/>
  <c r="D3130" i="2" a="1"/>
  <c r="D3130" i="2" s="1"/>
  <c r="H5001" i="2" a="1"/>
  <c r="H5001" i="2" s="1"/>
  <c r="E336" i="2" a="1"/>
  <c r="E336" i="2" s="1"/>
  <c r="D6621" i="2" a="1"/>
  <c r="D6621" i="2" s="1"/>
  <c r="D7306" i="2" a="1"/>
  <c r="D7306" i="2" s="1"/>
  <c r="D7956" i="2" a="1"/>
  <c r="D7956" i="2" s="1"/>
  <c r="AQ209" i="1"/>
  <c r="D1326" i="2" a="1"/>
  <c r="D1326" i="2" s="1"/>
  <c r="AO180" i="1"/>
  <c r="E186" i="5" s="1"/>
  <c r="F1502" i="2" a="1"/>
  <c r="F1502" i="2" s="1"/>
  <c r="E1325" i="2" a="1"/>
  <c r="E1325" i="2" s="1"/>
  <c r="D4995" i="2" a="1"/>
  <c r="D4995" i="2" s="1"/>
  <c r="H1682" i="2" a="1"/>
  <c r="H1682" i="2" s="1"/>
  <c r="D5536" i="2" a="1"/>
  <c r="D5536" i="2" s="1"/>
  <c r="D8026" i="2" a="1"/>
  <c r="D8026" i="2" s="1"/>
  <c r="D7034" i="2" a="1"/>
  <c r="D7034" i="2" s="1"/>
  <c r="H2766" i="2" a="1"/>
  <c r="H2766" i="2" s="1"/>
  <c r="D1419" i="2" a="1"/>
  <c r="D1419" i="2" s="1"/>
  <c r="F6006" i="2" a="1"/>
  <c r="F6006" i="2" s="1"/>
  <c r="H3578" i="2" a="1"/>
  <c r="H3578" i="2" s="1"/>
  <c r="D6956" i="2" a="1"/>
  <c r="D6956" i="2" s="1"/>
  <c r="D7764" i="2" a="1"/>
  <c r="D7764" i="2" s="1"/>
  <c r="H5989" i="2" a="1"/>
  <c r="H5989" i="2" s="1"/>
  <c r="H5095" i="2" a="1"/>
  <c r="H5095" i="2" s="1"/>
  <c r="H5771" i="2" a="1"/>
  <c r="H5771" i="2" s="1"/>
  <c r="H1327" i="2" a="1"/>
  <c r="H1327" i="2" s="1"/>
  <c r="AM346" i="1"/>
  <c r="C352" i="5" s="1"/>
  <c r="AO346" i="1"/>
  <c r="AQ346" i="1"/>
  <c r="G352" i="5" s="1"/>
  <c r="AN346" i="1"/>
  <c r="D352" i="5" s="1"/>
  <c r="D4519" i="2" a="1"/>
  <c r="D4519" i="2" s="1"/>
  <c r="D4498" i="2" a="1"/>
  <c r="D4498" i="2" s="1"/>
  <c r="D4506" i="2" a="1"/>
  <c r="D4506" i="2" s="1"/>
  <c r="D4499" i="2" a="1"/>
  <c r="D4499" i="2" s="1"/>
  <c r="D4503" i="2" a="1"/>
  <c r="D4503" i="2" s="1"/>
  <c r="D4501" i="2" a="1"/>
  <c r="D4501" i="2" s="1"/>
  <c r="D4518" i="2" a="1"/>
  <c r="D4518" i="2" s="1"/>
  <c r="D4507" i="2" a="1"/>
  <c r="D4507" i="2" s="1"/>
  <c r="D4511" i="2" a="1"/>
  <c r="D4511" i="2" s="1"/>
  <c r="D4515" i="2" a="1"/>
  <c r="D4515" i="2" s="1"/>
  <c r="D4514" i="2" a="1"/>
  <c r="D4514" i="2" s="1"/>
  <c r="D4508" i="2" a="1"/>
  <c r="D4508" i="2" s="1"/>
  <c r="D4517" i="2" a="1"/>
  <c r="D4517" i="2" s="1"/>
  <c r="D4502" i="2" a="1"/>
  <c r="D4502" i="2" s="1"/>
  <c r="D4505" i="2" a="1"/>
  <c r="D4505" i="2" s="1"/>
  <c r="D4509" i="2" a="1"/>
  <c r="D4509" i="2" s="1"/>
  <c r="D4513" i="2" a="1"/>
  <c r="D4513" i="2" s="1"/>
  <c r="D4500" i="2" a="1"/>
  <c r="D4500" i="2" s="1"/>
  <c r="D4504" i="2" a="1"/>
  <c r="D4504" i="2" s="1"/>
  <c r="D4516" i="2" a="1"/>
  <c r="D4516" i="2" s="1"/>
  <c r="D4510" i="2" a="1"/>
  <c r="D4510" i="2" s="1"/>
  <c r="D4521" i="2" a="1"/>
  <c r="D4521" i="2" s="1"/>
  <c r="D4512" i="2" a="1"/>
  <c r="D4512" i="2" s="1"/>
  <c r="D4520" i="2" a="1"/>
  <c r="D4520" i="2" s="1"/>
  <c r="G8467" i="2" a="1"/>
  <c r="G8467" i="2" s="1"/>
  <c r="G8464" i="2" a="1"/>
  <c r="G8464" i="2" s="1"/>
  <c r="G6470" i="2" a="1"/>
  <c r="G6470" i="2" s="1"/>
  <c r="D7570" i="2" a="1"/>
  <c r="D7570" i="2" s="1"/>
  <c r="G8650" i="2" a="1"/>
  <c r="G8650" i="2" s="1"/>
  <c r="G6472" i="2" a="1"/>
  <c r="G6472" i="2" s="1"/>
  <c r="H4682" i="2" a="1"/>
  <c r="H4682" i="2" s="1"/>
  <c r="E8687" i="2" a="1"/>
  <c r="E8687" i="2" s="1"/>
  <c r="AN362" i="1"/>
  <c r="D368" i="5" s="1"/>
  <c r="G984" i="2" a="1"/>
  <c r="G984" i="2" s="1"/>
  <c r="G980" i="2" a="1"/>
  <c r="G980" i="2" s="1"/>
  <c r="G977" i="2" a="1"/>
  <c r="G977" i="2" s="1"/>
  <c r="G991" i="2" a="1"/>
  <c r="G991" i="2" s="1"/>
  <c r="G986" i="2" a="1"/>
  <c r="G986" i="2" s="1"/>
  <c r="G978" i="2" a="1"/>
  <c r="G978" i="2" s="1"/>
  <c r="D3572" i="2" a="1"/>
  <c r="D3572" i="2" s="1"/>
  <c r="D3569" i="2" a="1"/>
  <c r="D3569" i="2" s="1"/>
  <c r="D3563" i="2" a="1"/>
  <c r="D3563" i="2" s="1"/>
  <c r="D3577" i="2" a="1"/>
  <c r="D3577" i="2" s="1"/>
  <c r="D3562" i="2" a="1"/>
  <c r="D3562" i="2" s="1"/>
  <c r="D3574" i="2" a="1"/>
  <c r="D3574" i="2" s="1"/>
  <c r="D3578" i="2" a="1"/>
  <c r="D3578" i="2" s="1"/>
  <c r="D3565" i="2" a="1"/>
  <c r="D3565" i="2" s="1"/>
  <c r="D3573" i="2" a="1"/>
  <c r="D3573" i="2" s="1"/>
  <c r="D3582" i="2" a="1"/>
  <c r="D3582" i="2" s="1"/>
  <c r="D3568" i="2" a="1"/>
  <c r="D3568" i="2" s="1"/>
  <c r="D3584" i="2" a="1"/>
  <c r="D3584" i="2" s="1"/>
  <c r="D3575" i="2" a="1"/>
  <c r="D3575" i="2" s="1"/>
  <c r="D3581" i="2" a="1"/>
  <c r="D3581" i="2" s="1"/>
  <c r="AO149" i="1"/>
  <c r="AP149" i="1"/>
  <c r="F155" i="5" s="1"/>
  <c r="AN149" i="1"/>
  <c r="D155" i="5" s="1"/>
  <c r="D3579" i="2" a="1"/>
  <c r="D3579" i="2" s="1"/>
  <c r="D3570" i="2" a="1"/>
  <c r="D3570" i="2" s="1"/>
  <c r="D3580" i="2" a="1"/>
  <c r="D3580" i="2" s="1"/>
  <c r="H2957" i="2" a="1"/>
  <c r="H2957" i="2" s="1"/>
  <c r="H2948" i="2" a="1"/>
  <c r="H2948" i="2" s="1"/>
  <c r="H2940" i="2" a="1"/>
  <c r="H2940" i="2" s="1"/>
  <c r="H2943" i="2" a="1"/>
  <c r="H2943" i="2" s="1"/>
  <c r="H2952" i="2" a="1"/>
  <c r="H2952" i="2" s="1"/>
  <c r="H2958" i="2" a="1"/>
  <c r="H2958" i="2" s="1"/>
  <c r="H2953" i="2" a="1"/>
  <c r="H2953" i="2" s="1"/>
  <c r="H2941" i="2" a="1"/>
  <c r="H2941" i="2" s="1"/>
  <c r="H2961" i="2" a="1"/>
  <c r="H2961" i="2" s="1"/>
  <c r="H2939" i="2" a="1"/>
  <c r="H2939" i="2" s="1"/>
  <c r="H2954" i="2" a="1"/>
  <c r="H2954" i="2" s="1"/>
  <c r="H2942" i="2" a="1"/>
  <c r="H2942" i="2" s="1"/>
  <c r="D5514" i="2" a="1"/>
  <c r="D5514" i="2" s="1"/>
  <c r="D5528" i="2" a="1"/>
  <c r="D5528" i="2" s="1"/>
  <c r="D5525" i="2" a="1"/>
  <c r="D5525" i="2" s="1"/>
  <c r="D5521" i="2" a="1"/>
  <c r="D5521" i="2" s="1"/>
  <c r="G7073" i="2" a="1"/>
  <c r="G7073" i="2" s="1"/>
  <c r="G7074" i="2" a="1"/>
  <c r="G7074" i="2" s="1"/>
  <c r="G7083" i="2" a="1"/>
  <c r="G7083" i="2" s="1"/>
  <c r="G7085" i="2" a="1"/>
  <c r="G7085" i="2" s="1"/>
  <c r="G7086" i="2" a="1"/>
  <c r="G7086" i="2" s="1"/>
  <c r="G7071" i="2" a="1"/>
  <c r="G7071" i="2" s="1"/>
  <c r="G7068" i="2" a="1"/>
  <c r="G7068" i="2" s="1"/>
  <c r="G7078" i="2" a="1"/>
  <c r="G7078" i="2" s="1"/>
  <c r="G7079" i="2" a="1"/>
  <c r="G7079" i="2" s="1"/>
  <c r="G7075" i="2" a="1"/>
  <c r="G7075" i="2" s="1"/>
  <c r="G7069" i="2" a="1"/>
  <c r="G7069" i="2" s="1"/>
  <c r="G7081" i="2" a="1"/>
  <c r="G7081" i="2" s="1"/>
  <c r="G7082" i="2" a="1"/>
  <c r="G7082" i="2" s="1"/>
  <c r="G7072" i="2" a="1"/>
  <c r="G7072" i="2" s="1"/>
  <c r="G7080" i="2" a="1"/>
  <c r="G7080" i="2" s="1"/>
  <c r="G7066" i="2" a="1"/>
  <c r="G7066" i="2" s="1"/>
  <c r="G7088" i="2" a="1"/>
  <c r="G7088" i="2" s="1"/>
  <c r="G7077" i="2" a="1"/>
  <c r="G7077" i="2" s="1"/>
  <c r="G7084" i="2" a="1"/>
  <c r="G7084" i="2" s="1"/>
  <c r="G7087" i="2" a="1"/>
  <c r="G7087" i="2" s="1"/>
  <c r="G7070" i="2" a="1"/>
  <c r="G7070" i="2" s="1"/>
  <c r="G7089" i="2" a="1"/>
  <c r="G7089" i="2" s="1"/>
  <c r="H8622" i="2" a="1"/>
  <c r="H8622" i="2" s="1"/>
  <c r="D1121" i="2" a="1"/>
  <c r="D1121" i="2" s="1"/>
  <c r="D7307" i="2" a="1"/>
  <c r="D7307" i="2" s="1"/>
  <c r="E7249" i="2" a="1"/>
  <c r="E7249" i="2" s="1"/>
  <c r="G3200" i="2" a="1"/>
  <c r="G3200" i="2" s="1"/>
  <c r="G3013" i="2" a="1"/>
  <c r="G3013" i="2" s="1"/>
  <c r="G3029" i="2" a="1"/>
  <c r="G3029" i="2" s="1"/>
  <c r="G3015" i="2" a="1"/>
  <c r="G3015" i="2" s="1"/>
  <c r="H8557" i="2" a="1"/>
  <c r="H8557" i="2" s="1"/>
  <c r="H8570" i="2" a="1"/>
  <c r="H8570" i="2" s="1"/>
  <c r="H8560" i="2" a="1"/>
  <c r="H8560" i="2" s="1"/>
  <c r="H8555" i="2" a="1"/>
  <c r="H8555" i="2" s="1"/>
  <c r="H8565" i="2" a="1"/>
  <c r="H8565" i="2" s="1"/>
  <c r="H8575" i="2" a="1"/>
  <c r="H8575" i="2" s="1"/>
  <c r="H8554" i="2" a="1"/>
  <c r="H8554" i="2" s="1"/>
  <c r="H8577" i="2" a="1"/>
  <c r="H8577" i="2" s="1"/>
  <c r="H8558" i="2" a="1"/>
  <c r="H8558" i="2" s="1"/>
  <c r="H1481" i="2" a="1"/>
  <c r="H1481" i="2" s="1"/>
  <c r="H1479" i="2" a="1"/>
  <c r="H1479" i="2" s="1"/>
  <c r="H1490" i="2" a="1"/>
  <c r="H1490" i="2" s="1"/>
  <c r="H4979" i="2" a="1"/>
  <c r="H4979" i="2" s="1"/>
  <c r="F8015" i="2" a="1"/>
  <c r="F8015" i="2" s="1"/>
  <c r="H8618" i="2" a="1"/>
  <c r="H8618" i="2" s="1"/>
  <c r="G8672" i="2" a="1"/>
  <c r="G8672" i="2" s="1"/>
  <c r="D7316" i="2" a="1"/>
  <c r="D7316" i="2" s="1"/>
  <c r="F1518" i="2" a="1"/>
  <c r="F1518" i="2" s="1"/>
  <c r="D8030" i="2" a="1"/>
  <c r="D8030" i="2" s="1"/>
  <c r="E4936" i="2" a="1"/>
  <c r="E4936" i="2" s="1"/>
  <c r="D5031" i="2" a="1"/>
  <c r="D5031" i="2" s="1"/>
  <c r="D5042" i="2" a="1"/>
  <c r="D5042" i="2" s="1"/>
  <c r="D1182" i="2" a="1"/>
  <c r="D1182" i="2" s="1"/>
  <c r="D3133" i="2" a="1"/>
  <c r="D3133" i="2" s="1"/>
  <c r="H4984" i="2" a="1"/>
  <c r="H4984" i="2" s="1"/>
  <c r="H8676" i="2" a="1"/>
  <c r="H8676" i="2" s="1"/>
  <c r="F1812" i="2" a="1"/>
  <c r="F1812" i="2" s="1"/>
  <c r="D5027" i="2" a="1"/>
  <c r="D5027" i="2" s="1"/>
  <c r="D1185" i="2" a="1"/>
  <c r="D1185" i="2" s="1"/>
  <c r="AN131" i="1"/>
  <c r="D137" i="5" s="1"/>
  <c r="H4999" i="2" a="1"/>
  <c r="H4999" i="2" s="1"/>
  <c r="H2955" i="2" a="1"/>
  <c r="H2955" i="2" s="1"/>
  <c r="F1826" i="2" a="1"/>
  <c r="F1826" i="2" s="1"/>
  <c r="D6613" i="2" a="1"/>
  <c r="D6613" i="2" s="1"/>
  <c r="AM305" i="1"/>
  <c r="C311" i="5" s="1"/>
  <c r="D7963" i="2" a="1"/>
  <c r="D7963" i="2" s="1"/>
  <c r="AO209" i="1"/>
  <c r="E215" i="5" s="1"/>
  <c r="D1314" i="2" a="1"/>
  <c r="D1314" i="2" s="1"/>
  <c r="E1309" i="2" a="1"/>
  <c r="E1309" i="2" s="1"/>
  <c r="D4991" i="2" a="1"/>
  <c r="D4991" i="2" s="1"/>
  <c r="H1673" i="2" a="1"/>
  <c r="H1673" i="2" s="1"/>
  <c r="D8031" i="2" a="1"/>
  <c r="D8031" i="2" s="1"/>
  <c r="D7035" i="2" a="1"/>
  <c r="D7035" i="2" s="1"/>
  <c r="H2757" i="2" a="1"/>
  <c r="H2757" i="2" s="1"/>
  <c r="D3585" i="2" a="1"/>
  <c r="D3585" i="2" s="1"/>
  <c r="D1420" i="2" a="1"/>
  <c r="D1420" i="2" s="1"/>
  <c r="F6009" i="2" a="1"/>
  <c r="F6009" i="2" s="1"/>
  <c r="H3568" i="2" a="1"/>
  <c r="H3568" i="2" s="1"/>
  <c r="D6963" i="2" a="1"/>
  <c r="D6963" i="2" s="1"/>
  <c r="D7776" i="2" a="1"/>
  <c r="D7776" i="2" s="1"/>
  <c r="H5999" i="2" a="1"/>
  <c r="H5999" i="2" s="1"/>
  <c r="H5772" i="2" a="1"/>
  <c r="H5772" i="2" s="1"/>
  <c r="H1307" i="2" a="1"/>
  <c r="H1307" i="2" s="1"/>
  <c r="E6973" i="2" a="1"/>
  <c r="E6973" i="2" s="1"/>
  <c r="H5220" i="2" a="1"/>
  <c r="H5220" i="2" s="1"/>
  <c r="H8243" i="2" a="1"/>
  <c r="H8243" i="2" s="1"/>
  <c r="H8260" i="2" a="1"/>
  <c r="H8260" i="2" s="1"/>
  <c r="H8261" i="2" a="1"/>
  <c r="H8261" i="2" s="1"/>
  <c r="H8264" i="2" a="1"/>
  <c r="H8264" i="2" s="1"/>
  <c r="H8262" i="2" a="1"/>
  <c r="H8262" i="2" s="1"/>
  <c r="H8265" i="2" a="1"/>
  <c r="H8265" i="2" s="1"/>
  <c r="H8249" i="2" a="1"/>
  <c r="H8249" i="2" s="1"/>
  <c r="H8252" i="2" a="1"/>
  <c r="H8252" i="2" s="1"/>
  <c r="H8248" i="2" a="1"/>
  <c r="H8248" i="2" s="1"/>
  <c r="H8246" i="2" a="1"/>
  <c r="H8246" i="2" s="1"/>
  <c r="H8247" i="2" a="1"/>
  <c r="H8247" i="2" s="1"/>
  <c r="H8253" i="2" a="1"/>
  <c r="H8253" i="2" s="1"/>
  <c r="H8257" i="2" a="1"/>
  <c r="H8257" i="2" s="1"/>
  <c r="H8244" i="2" a="1"/>
  <c r="H8244" i="2" s="1"/>
  <c r="H8245" i="2" a="1"/>
  <c r="H8245" i="2" s="1"/>
  <c r="AM214" i="1"/>
  <c r="C220" i="5" s="1"/>
  <c r="G5190" i="2" a="1"/>
  <c r="G5190" i="2" s="1"/>
  <c r="G5189" i="2" a="1"/>
  <c r="G5189" i="2" s="1"/>
  <c r="G5173" i="2" a="1"/>
  <c r="G5173" i="2" s="1"/>
  <c r="F3719" i="2" a="1"/>
  <c r="F3719" i="2" s="1"/>
  <c r="F3711" i="2" a="1"/>
  <c r="F3711" i="2" s="1"/>
  <c r="F3725" i="2" a="1"/>
  <c r="F3725" i="2" s="1"/>
  <c r="F3713" i="2" a="1"/>
  <c r="F3713" i="2" s="1"/>
  <c r="F3707" i="2" a="1"/>
  <c r="F3707" i="2" s="1"/>
  <c r="F3728" i="2" a="1"/>
  <c r="F3728" i="2" s="1"/>
  <c r="D1065" i="2" a="1"/>
  <c r="D1065" i="2" s="1"/>
  <c r="AM44" i="1"/>
  <c r="C50" i="5" s="1"/>
  <c r="D1049" i="2" a="1"/>
  <c r="D1049" i="2" s="1"/>
  <c r="D1053" i="2" a="1"/>
  <c r="D1053" i="2" s="1"/>
  <c r="D1060" i="2" a="1"/>
  <c r="D1060" i="2" s="1"/>
  <c r="D1055" i="2" a="1"/>
  <c r="D1055" i="2" s="1"/>
  <c r="D1054" i="2" a="1"/>
  <c r="D1054" i="2" s="1"/>
  <c r="D1062" i="2" a="1"/>
  <c r="D1062" i="2" s="1"/>
  <c r="D1044" i="2" a="1"/>
  <c r="D1044" i="2" s="1"/>
  <c r="D1061" i="2" a="1"/>
  <c r="D1061" i="2" s="1"/>
  <c r="D1048" i="2" a="1"/>
  <c r="D1048" i="2" s="1"/>
  <c r="D1059" i="2" a="1"/>
  <c r="D1059" i="2" s="1"/>
  <c r="F8618" i="2" a="1"/>
  <c r="F8618" i="2" s="1"/>
  <c r="F8611" i="2" a="1"/>
  <c r="F8611" i="2" s="1"/>
  <c r="F8612" i="2" a="1"/>
  <c r="F8612" i="2" s="1"/>
  <c r="F8619" i="2" a="1"/>
  <c r="F8619" i="2" s="1"/>
  <c r="F8620" i="2" a="1"/>
  <c r="F8620" i="2" s="1"/>
  <c r="F8608" i="2" a="1"/>
  <c r="F8608" i="2" s="1"/>
  <c r="F8616" i="2" a="1"/>
  <c r="F8616" i="2" s="1"/>
  <c r="F8602" i="2" a="1"/>
  <c r="F8602" i="2" s="1"/>
  <c r="F8617" i="2" a="1"/>
  <c r="F8617" i="2" s="1"/>
  <c r="F8610" i="2" a="1"/>
  <c r="F8610" i="2" s="1"/>
  <c r="F8613" i="2" a="1"/>
  <c r="F8613" i="2" s="1"/>
  <c r="F8606" i="2" a="1"/>
  <c r="F8606" i="2" s="1"/>
  <c r="F8615" i="2" a="1"/>
  <c r="F8615" i="2" s="1"/>
  <c r="F8624" i="2" a="1"/>
  <c r="F8624" i="2" s="1"/>
  <c r="F8621" i="2" a="1"/>
  <c r="F8621" i="2" s="1"/>
  <c r="F8623" i="2" a="1"/>
  <c r="F8623" i="2" s="1"/>
  <c r="F8603" i="2" a="1"/>
  <c r="F8603" i="2" s="1"/>
  <c r="F297" i="2" a="1"/>
  <c r="F297" i="2" s="1"/>
  <c r="F287" i="2" a="1"/>
  <c r="F287" i="2" s="1"/>
  <c r="F289" i="2" a="1"/>
  <c r="F289" i="2" s="1"/>
  <c r="F295" i="2" a="1"/>
  <c r="F295" i="2" s="1"/>
  <c r="F282" i="2" a="1"/>
  <c r="F282" i="2" s="1"/>
  <c r="F285" i="2" a="1"/>
  <c r="F285" i="2" s="1"/>
  <c r="F288" i="2" a="1"/>
  <c r="F288" i="2" s="1"/>
  <c r="F284" i="2" a="1"/>
  <c r="F284" i="2" s="1"/>
  <c r="F296" i="2" a="1"/>
  <c r="F296" i="2" s="1"/>
  <c r="F276" i="2" a="1"/>
  <c r="F276" i="2" s="1"/>
  <c r="F293" i="2" a="1"/>
  <c r="F293" i="2" s="1"/>
  <c r="F291" i="2" a="1"/>
  <c r="F291" i="2" s="1"/>
  <c r="F274" i="2" a="1"/>
  <c r="F274" i="2" s="1"/>
  <c r="F275" i="2" a="1"/>
  <c r="F275" i="2" s="1"/>
  <c r="F277" i="2" a="1"/>
  <c r="F277" i="2" s="1"/>
  <c r="E460" i="2" a="1"/>
  <c r="E460" i="2" s="1"/>
  <c r="E461" i="2" a="1"/>
  <c r="E461" i="2" s="1"/>
  <c r="E448" i="2" a="1"/>
  <c r="E448" i="2" s="1"/>
  <c r="E456" i="2" a="1"/>
  <c r="E456" i="2" s="1"/>
  <c r="E462" i="2" a="1"/>
  <c r="E462" i="2" s="1"/>
  <c r="E458" i="2" a="1"/>
  <c r="E458" i="2" s="1"/>
  <c r="E447" i="2" a="1"/>
  <c r="E447" i="2" s="1"/>
  <c r="E455" i="2" a="1"/>
  <c r="E455" i="2" s="1"/>
  <c r="E453" i="2" a="1"/>
  <c r="E453" i="2" s="1"/>
  <c r="E450" i="2" a="1"/>
  <c r="E450" i="2" s="1"/>
  <c r="E457" i="2" a="1"/>
  <c r="E457" i="2" s="1"/>
  <c r="E464" i="2" a="1"/>
  <c r="E464" i="2" s="1"/>
  <c r="E459" i="2" a="1"/>
  <c r="E459" i="2" s="1"/>
  <c r="E451" i="2" a="1"/>
  <c r="E451" i="2" s="1"/>
  <c r="E449" i="2" a="1"/>
  <c r="E449" i="2" s="1"/>
  <c r="D5828" i="2" a="1"/>
  <c r="D5828" i="2" s="1"/>
  <c r="D5832" i="2" a="1"/>
  <c r="D5832" i="2" s="1"/>
  <c r="D5823" i="2" a="1"/>
  <c r="D5823" i="2" s="1"/>
  <c r="D5831" i="2" a="1"/>
  <c r="D5831" i="2" s="1"/>
  <c r="AQ243" i="1"/>
  <c r="G249" i="5" s="1"/>
  <c r="D5839" i="2" a="1"/>
  <c r="D5839" i="2" s="1"/>
  <c r="D5834" i="2" a="1"/>
  <c r="D5834" i="2" s="1"/>
  <c r="D5824" i="2" a="1"/>
  <c r="D5824" i="2" s="1"/>
  <c r="D5836" i="2" a="1"/>
  <c r="D5836" i="2" s="1"/>
  <c r="D5840" i="2" a="1"/>
  <c r="D5840" i="2" s="1"/>
  <c r="D5825" i="2" a="1"/>
  <c r="D5825" i="2" s="1"/>
  <c r="D5835" i="2" a="1"/>
  <c r="D5835" i="2" s="1"/>
  <c r="G6705" i="2" a="1"/>
  <c r="G6705" i="2" s="1"/>
  <c r="G6702" i="2" a="1"/>
  <c r="G6702" i="2" s="1"/>
  <c r="G6687" i="2" a="1"/>
  <c r="G6687" i="2" s="1"/>
  <c r="G6703" i="2" a="1"/>
  <c r="G6703" i="2" s="1"/>
  <c r="G6682" i="2" a="1"/>
  <c r="G6682" i="2" s="1"/>
  <c r="G6690" i="2" a="1"/>
  <c r="G6690" i="2" s="1"/>
  <c r="G6695" i="2" a="1"/>
  <c r="G6695" i="2" s="1"/>
  <c r="G6697" i="2" a="1"/>
  <c r="G6697" i="2" s="1"/>
  <c r="G6701" i="2" a="1"/>
  <c r="G6701" i="2" s="1"/>
  <c r="G6685" i="2" a="1"/>
  <c r="G6685" i="2" s="1"/>
  <c r="G6696" i="2" a="1"/>
  <c r="G6696" i="2" s="1"/>
  <c r="G6192" i="2" a="1"/>
  <c r="G6192" i="2" s="1"/>
  <c r="G6181" i="2" a="1"/>
  <c r="G6181" i="2" s="1"/>
  <c r="G6182" i="2" a="1"/>
  <c r="G6182" i="2" s="1"/>
  <c r="G6178" i="2" a="1"/>
  <c r="G6178" i="2" s="1"/>
  <c r="G6200" i="2" a="1"/>
  <c r="G6200" i="2" s="1"/>
  <c r="G6179" i="2" a="1"/>
  <c r="G6179" i="2" s="1"/>
  <c r="G6189" i="2" a="1"/>
  <c r="G6189" i="2" s="1"/>
  <c r="G6188" i="2" a="1"/>
  <c r="G6188" i="2" s="1"/>
  <c r="G6201" i="2" a="1"/>
  <c r="G6201" i="2" s="1"/>
  <c r="G6186" i="2" a="1"/>
  <c r="G6186" i="2" s="1"/>
  <c r="F1063" i="2" a="1"/>
  <c r="F1063" i="2" s="1"/>
  <c r="F1064" i="2" a="1"/>
  <c r="F1064" i="2" s="1"/>
  <c r="F1060" i="2" a="1"/>
  <c r="F1060" i="2" s="1"/>
  <c r="F7772" i="2" a="1"/>
  <c r="F7772" i="2" s="1"/>
  <c r="F7778" i="2" a="1"/>
  <c r="F7778" i="2" s="1"/>
  <c r="E637" i="2" a="1"/>
  <c r="E637" i="2" s="1"/>
  <c r="AN27" i="1"/>
  <c r="D33" i="5" s="1"/>
  <c r="H4215" i="2" a="1"/>
  <c r="H4215" i="2" s="1"/>
  <c r="H4213" i="2" a="1"/>
  <c r="H4213" i="2" s="1"/>
  <c r="H4219" i="2" a="1"/>
  <c r="H4219" i="2" s="1"/>
  <c r="H4233" i="2" a="1"/>
  <c r="H4233" i="2" s="1"/>
  <c r="H4229" i="2" a="1"/>
  <c r="H4229" i="2" s="1"/>
  <c r="H4217" i="2" a="1"/>
  <c r="H4217" i="2" s="1"/>
  <c r="H4222" i="2" a="1"/>
  <c r="H4222" i="2" s="1"/>
  <c r="H4226" i="2" a="1"/>
  <c r="H4226" i="2" s="1"/>
  <c r="H4231" i="2" a="1"/>
  <c r="H4231" i="2" s="1"/>
  <c r="H4212" i="2" a="1"/>
  <c r="H4212" i="2" s="1"/>
  <c r="H4220" i="2" a="1"/>
  <c r="H4220" i="2" s="1"/>
  <c r="H4218" i="2" a="1"/>
  <c r="H4218" i="2" s="1"/>
  <c r="H4211" i="2" a="1"/>
  <c r="H4211" i="2" s="1"/>
  <c r="H4210" i="2" a="1"/>
  <c r="H4210" i="2" s="1"/>
  <c r="H4221" i="2" a="1"/>
  <c r="H4221" i="2" s="1"/>
  <c r="H4232" i="2" a="1"/>
  <c r="H4232" i="2" s="1"/>
  <c r="H4230" i="2" a="1"/>
  <c r="H4230" i="2" s="1"/>
  <c r="F8791" i="2" a="1"/>
  <c r="F8791" i="2" s="1"/>
  <c r="AN366" i="1"/>
  <c r="H8419" i="2" a="1"/>
  <c r="H8419" i="2" s="1"/>
  <c r="H8428" i="2" a="1"/>
  <c r="H8428" i="2" s="1"/>
  <c r="H8422" i="2" a="1"/>
  <c r="H8422" i="2" s="1"/>
  <c r="H8423" i="2" a="1"/>
  <c r="H8423" i="2" s="1"/>
  <c r="H8411" i="2" a="1"/>
  <c r="H8411" i="2" s="1"/>
  <c r="H8420" i="2" a="1"/>
  <c r="H8420" i="2" s="1"/>
  <c r="H8421" i="2" a="1"/>
  <c r="H8421" i="2" s="1"/>
  <c r="H8415" i="2" a="1"/>
  <c r="H8415" i="2" s="1"/>
  <c r="H8431" i="2" a="1"/>
  <c r="H8431" i="2" s="1"/>
  <c r="H8416" i="2" a="1"/>
  <c r="H8416" i="2" s="1"/>
  <c r="H8429" i="2" a="1"/>
  <c r="H8429" i="2" s="1"/>
  <c r="H8418" i="2" a="1"/>
  <c r="H8418" i="2" s="1"/>
  <c r="H8426" i="2" a="1"/>
  <c r="H8426" i="2" s="1"/>
  <c r="H8427" i="2" a="1"/>
  <c r="H8427" i="2" s="1"/>
  <c r="H8433" i="2" a="1"/>
  <c r="H8433" i="2" s="1"/>
  <c r="H8430" i="2" a="1"/>
  <c r="H8430" i="2" s="1"/>
  <c r="H7020" i="2" a="1"/>
  <c r="H7020" i="2" s="1"/>
  <c r="H7027" i="2" a="1"/>
  <c r="H7027" i="2" s="1"/>
  <c r="H7033" i="2" a="1"/>
  <c r="H7033" i="2" s="1"/>
  <c r="H7029" i="2" a="1"/>
  <c r="H7029" i="2" s="1"/>
  <c r="H7018" i="2" a="1"/>
  <c r="H7018" i="2" s="1"/>
  <c r="H7038" i="2" a="1"/>
  <c r="H7038" i="2" s="1"/>
  <c r="H7021" i="2" a="1"/>
  <c r="H7021" i="2" s="1"/>
  <c r="G7652" i="2" a="1"/>
  <c r="G7652" i="2" s="1"/>
  <c r="G7660" i="2" a="1"/>
  <c r="G7660" i="2" s="1"/>
  <c r="G7644" i="2" a="1"/>
  <c r="G7644" i="2" s="1"/>
  <c r="G7653" i="2" a="1"/>
  <c r="G7653" i="2" s="1"/>
  <c r="G7656" i="2" a="1"/>
  <c r="G7656" i="2" s="1"/>
  <c r="G7658" i="2" a="1"/>
  <c r="G7658" i="2" s="1"/>
  <c r="G7665" i="2" a="1"/>
  <c r="G7665" i="2" s="1"/>
  <c r="G7655" i="2" a="1"/>
  <c r="G7655" i="2" s="1"/>
  <c r="G7646" i="2" a="1"/>
  <c r="G7646" i="2" s="1"/>
  <c r="G7662" i="2" a="1"/>
  <c r="G7662" i="2" s="1"/>
  <c r="G7648" i="2" a="1"/>
  <c r="G7648" i="2" s="1"/>
  <c r="G7642" i="2" a="1"/>
  <c r="G7642" i="2" s="1"/>
  <c r="G7663" i="2" a="1"/>
  <c r="G7663" i="2" s="1"/>
  <c r="G7664" i="2" a="1"/>
  <c r="G7664" i="2" s="1"/>
  <c r="AQ20" i="1"/>
  <c r="G26" i="5" s="1"/>
  <c r="H6831" i="2" a="1"/>
  <c r="H6831" i="2" s="1"/>
  <c r="H6826" i="2" a="1"/>
  <c r="H6826" i="2" s="1"/>
  <c r="H6834" i="2" a="1"/>
  <c r="H6834" i="2" s="1"/>
  <c r="H6844" i="2" a="1"/>
  <c r="H6844" i="2" s="1"/>
  <c r="H6830" i="2" a="1"/>
  <c r="H6830" i="2" s="1"/>
  <c r="H6836" i="2" a="1"/>
  <c r="H6836" i="2" s="1"/>
  <c r="H6847" i="2" a="1"/>
  <c r="H6847" i="2" s="1"/>
  <c r="H6827" i="2" a="1"/>
  <c r="H6827" i="2" s="1"/>
  <c r="H6840" i="2" a="1"/>
  <c r="H6840" i="2" s="1"/>
  <c r="H6838" i="2" a="1"/>
  <c r="H6838" i="2" s="1"/>
  <c r="H6828" i="2" a="1"/>
  <c r="H6828" i="2" s="1"/>
  <c r="H6837" i="2" a="1"/>
  <c r="H6837" i="2" s="1"/>
  <c r="H6841" i="2" a="1"/>
  <c r="H6841" i="2" s="1"/>
  <c r="H6845" i="2" a="1"/>
  <c r="H6845" i="2" s="1"/>
  <c r="H5407" i="2" a="1"/>
  <c r="H5407" i="2" s="1"/>
  <c r="H5398" i="2" a="1"/>
  <c r="H5398" i="2" s="1"/>
  <c r="H5387" i="2" a="1"/>
  <c r="H5387" i="2" s="1"/>
  <c r="H5386" i="2" a="1"/>
  <c r="H5386" i="2" s="1"/>
  <c r="H5400" i="2" a="1"/>
  <c r="H5400" i="2" s="1"/>
  <c r="H5409" i="2" a="1"/>
  <c r="H5409" i="2" s="1"/>
  <c r="F2081" i="2" a="1"/>
  <c r="F2081" i="2" s="1"/>
  <c r="F2083" i="2" a="1"/>
  <c r="F2083" i="2" s="1"/>
  <c r="F2080" i="2" a="1"/>
  <c r="F2080" i="2" s="1"/>
  <c r="F2076" i="2" a="1"/>
  <c r="F2076" i="2" s="1"/>
  <c r="F2087" i="2" a="1"/>
  <c r="F2087" i="2" s="1"/>
  <c r="F2092" i="2" a="1"/>
  <c r="F2092" i="2" s="1"/>
  <c r="F2097" i="2" a="1"/>
  <c r="F2097" i="2" s="1"/>
  <c r="F2078" i="2" a="1"/>
  <c r="F2078" i="2" s="1"/>
  <c r="F2082" i="2" a="1"/>
  <c r="F2082" i="2" s="1"/>
  <c r="F2077" i="2" a="1"/>
  <c r="F2077" i="2" s="1"/>
  <c r="F2079" i="2" a="1"/>
  <c r="F2079" i="2" s="1"/>
  <c r="F2086" i="2" a="1"/>
  <c r="F2086" i="2" s="1"/>
  <c r="F2088" i="2" a="1"/>
  <c r="F2088" i="2" s="1"/>
  <c r="F2089" i="2" a="1"/>
  <c r="F2089" i="2" s="1"/>
  <c r="F2084" i="2" a="1"/>
  <c r="F2084" i="2" s="1"/>
  <c r="E5497" i="2" a="1"/>
  <c r="E5497" i="2" s="1"/>
  <c r="E5489" i="2" a="1"/>
  <c r="E5489" i="2" s="1"/>
  <c r="E5487" i="2" a="1"/>
  <c r="E5487" i="2" s="1"/>
  <c r="D3304" i="2" a="1"/>
  <c r="D3304" i="2" s="1"/>
  <c r="F3716" i="2" a="1"/>
  <c r="F3716" i="2" s="1"/>
  <c r="G6698" i="2" a="1"/>
  <c r="G6698" i="2" s="1"/>
  <c r="D5822" i="2" a="1"/>
  <c r="D5822" i="2" s="1"/>
  <c r="G1700" i="2" a="1"/>
  <c r="G1700" i="2" s="1"/>
  <c r="F8614" i="2" a="1"/>
  <c r="F8614" i="2" s="1"/>
  <c r="D3302" i="2" a="1"/>
  <c r="D3302" i="2" s="1"/>
  <c r="F3709" i="2" a="1"/>
  <c r="F3709" i="2" s="1"/>
  <c r="G6704" i="2" a="1"/>
  <c r="G6704" i="2" s="1"/>
  <c r="D5830" i="2" a="1"/>
  <c r="D5830" i="2" s="1"/>
  <c r="H8242" i="2" a="1"/>
  <c r="H8242" i="2" s="1"/>
  <c r="F278" i="2" a="1"/>
  <c r="F278" i="2" s="1"/>
  <c r="AN20" i="1"/>
  <c r="F3720" i="2" a="1"/>
  <c r="F3720" i="2" s="1"/>
  <c r="G6183" i="2" a="1"/>
  <c r="G6183" i="2" s="1"/>
  <c r="G6684" i="2" a="1"/>
  <c r="G6684" i="2" s="1"/>
  <c r="D5827" i="2" a="1"/>
  <c r="D5827" i="2" s="1"/>
  <c r="H8251" i="2" a="1"/>
  <c r="H8251" i="2" s="1"/>
  <c r="F286" i="2" a="1"/>
  <c r="F286" i="2" s="1"/>
  <c r="F1091" i="2" a="1"/>
  <c r="F1091" i="2" s="1"/>
  <c r="AN46" i="1"/>
  <c r="D52" i="5" s="1"/>
  <c r="AP46" i="1"/>
  <c r="F52" i="5" s="1"/>
  <c r="H1040" i="2" a="1"/>
  <c r="H1040" i="2" s="1"/>
  <c r="H1023" i="2" a="1"/>
  <c r="H1023" i="2" s="1"/>
  <c r="H1039" i="2" a="1"/>
  <c r="H1039" i="2" s="1"/>
  <c r="G2958" i="2" a="1"/>
  <c r="G2958" i="2" s="1"/>
  <c r="G2960" i="2" a="1"/>
  <c r="G2960" i="2" s="1"/>
  <c r="G2945" i="2" a="1"/>
  <c r="G2945" i="2" s="1"/>
  <c r="F1850" i="2" a="1"/>
  <c r="F1850" i="2" s="1"/>
  <c r="F1853" i="2" a="1"/>
  <c r="F1853" i="2" s="1"/>
  <c r="F4038" i="2" a="1"/>
  <c r="F4038" i="2" s="1"/>
  <c r="F4022" i="2" a="1"/>
  <c r="F4022" i="2" s="1"/>
  <c r="F4027" i="2" a="1"/>
  <c r="F4027" i="2" s="1"/>
  <c r="F4018" i="2" a="1"/>
  <c r="F4018" i="2" s="1"/>
  <c r="F4024" i="2" a="1"/>
  <c r="F4024" i="2" s="1"/>
  <c r="F4033" i="2" a="1"/>
  <c r="F4033" i="2" s="1"/>
  <c r="F4026" i="2" a="1"/>
  <c r="F4026" i="2" s="1"/>
  <c r="F6877" i="2" a="1"/>
  <c r="F6877" i="2" s="1"/>
  <c r="F6881" i="2" a="1"/>
  <c r="F6881" i="2" s="1"/>
  <c r="F6894" i="2" a="1"/>
  <c r="F6894" i="2" s="1"/>
  <c r="F6895" i="2" a="1"/>
  <c r="F6895" i="2" s="1"/>
  <c r="F6878" i="2" a="1"/>
  <c r="F6878" i="2" s="1"/>
  <c r="F6886" i="2" a="1"/>
  <c r="F6886" i="2" s="1"/>
  <c r="F6888" i="2" a="1"/>
  <c r="F6888" i="2" s="1"/>
  <c r="F6892" i="2" a="1"/>
  <c r="F6892" i="2" s="1"/>
  <c r="F6879" i="2" a="1"/>
  <c r="F6879" i="2" s="1"/>
  <c r="F6897" i="2" a="1"/>
  <c r="F6897" i="2" s="1"/>
  <c r="F6893" i="2" a="1"/>
  <c r="F6893" i="2" s="1"/>
  <c r="G1693" i="2" a="1"/>
  <c r="G1693" i="2" s="1"/>
  <c r="G1705" i="2" a="1"/>
  <c r="G1705" i="2" s="1"/>
  <c r="G1712" i="2" a="1"/>
  <c r="G1712" i="2" s="1"/>
  <c r="G1692" i="2" a="1"/>
  <c r="G1692" i="2" s="1"/>
  <c r="G1709" i="2" a="1"/>
  <c r="G1709" i="2" s="1"/>
  <c r="G1695" i="2" a="1"/>
  <c r="G1695" i="2" s="1"/>
  <c r="G1694" i="2" a="1"/>
  <c r="G1694" i="2" s="1"/>
  <c r="G1710" i="2" a="1"/>
  <c r="G1710" i="2" s="1"/>
  <c r="G1706" i="2" a="1"/>
  <c r="G1706" i="2" s="1"/>
  <c r="H98" i="2" a="1"/>
  <c r="H98" i="2" s="1"/>
  <c r="H99" i="2" a="1"/>
  <c r="H99" i="2" s="1"/>
  <c r="H89" i="2" a="1"/>
  <c r="H89" i="2" s="1"/>
  <c r="H87" i="2" a="1"/>
  <c r="H87" i="2" s="1"/>
  <c r="F3883" i="2" a="1"/>
  <c r="F3883" i="2" s="1"/>
  <c r="F3874" i="2" a="1"/>
  <c r="F3874" i="2" s="1"/>
  <c r="D3310" i="2" a="1"/>
  <c r="D3310" i="2" s="1"/>
  <c r="D3314" i="2" a="1"/>
  <c r="D3314" i="2" s="1"/>
  <c r="D3318" i="2" a="1"/>
  <c r="D3318" i="2" s="1"/>
  <c r="D3303" i="2" a="1"/>
  <c r="D3303" i="2" s="1"/>
  <c r="D3319" i="2" a="1"/>
  <c r="D3319" i="2" s="1"/>
  <c r="D3313" i="2" a="1"/>
  <c r="D3313" i="2" s="1"/>
  <c r="D5986" i="2" a="1"/>
  <c r="D5986" i="2" s="1"/>
  <c r="H2630" i="2" a="1"/>
  <c r="H2630" i="2" s="1"/>
  <c r="F1048" i="2" a="1"/>
  <c r="F1048" i="2" s="1"/>
  <c r="AO45" i="1"/>
  <c r="E51" i="5" s="1"/>
  <c r="D3298" i="2" a="1"/>
  <c r="D3298" i="2" s="1"/>
  <c r="F3727" i="2" a="1"/>
  <c r="F3727" i="2" s="1"/>
  <c r="AM366" i="1"/>
  <c r="C372" i="5" s="1"/>
  <c r="G6198" i="2" a="1"/>
  <c r="G6198" i="2" s="1"/>
  <c r="AQ27" i="1"/>
  <c r="D5826" i="2" a="1"/>
  <c r="D5826" i="2" s="1"/>
  <c r="H8250" i="2" a="1"/>
  <c r="H8250" i="2" s="1"/>
  <c r="D1063" i="2" a="1"/>
  <c r="D1063" i="2" s="1"/>
  <c r="D3312" i="2" a="1"/>
  <c r="D3312" i="2" s="1"/>
  <c r="F3708" i="2" a="1"/>
  <c r="F3708" i="2" s="1"/>
  <c r="G6196" i="2" a="1"/>
  <c r="G6196" i="2" s="1"/>
  <c r="D5837" i="2" a="1"/>
  <c r="D5837" i="2" s="1"/>
  <c r="H8258" i="2" a="1"/>
  <c r="H8258" i="2" s="1"/>
  <c r="F6876" i="2" a="1"/>
  <c r="F6876" i="2" s="1"/>
  <c r="D1052" i="2" a="1"/>
  <c r="D1052" i="2" s="1"/>
  <c r="AQ338" i="1"/>
  <c r="G344" i="5" s="1"/>
  <c r="D5993" i="2" a="1"/>
  <c r="D5993" i="2" s="1"/>
  <c r="H2635" i="2" a="1"/>
  <c r="H2635" i="2" s="1"/>
  <c r="F1042" i="2" a="1"/>
  <c r="F1042" i="2" s="1"/>
  <c r="D3311" i="2" a="1"/>
  <c r="D3311" i="2" s="1"/>
  <c r="AQ366" i="1"/>
  <c r="G372" i="5" s="1"/>
  <c r="G6180" i="2" a="1"/>
  <c r="G6180" i="2" s="1"/>
  <c r="D5829" i="2" a="1"/>
  <c r="D5829" i="2" s="1"/>
  <c r="E444" i="2" a="1"/>
  <c r="E444" i="2" s="1"/>
  <c r="F6890" i="2" a="1"/>
  <c r="F6890" i="2" s="1"/>
  <c r="D1057" i="2" a="1"/>
  <c r="D1057" i="2" s="1"/>
  <c r="H8417" i="2" a="1"/>
  <c r="H8417" i="2" s="1"/>
  <c r="AO338" i="1"/>
  <c r="E344" i="5" s="1"/>
  <c r="D5989" i="2" a="1"/>
  <c r="D5989" i="2" s="1"/>
  <c r="H2626" i="2" a="1"/>
  <c r="H2626" i="2" s="1"/>
  <c r="F1061" i="2" a="1"/>
  <c r="F1061" i="2" s="1"/>
  <c r="D3307" i="2" a="1"/>
  <c r="D3307" i="2" s="1"/>
  <c r="F3714" i="2" a="1"/>
  <c r="F3714" i="2" s="1"/>
  <c r="G6193" i="2" a="1"/>
  <c r="G6193" i="2" s="1"/>
  <c r="D5821" i="2" a="1"/>
  <c r="D5821" i="2" s="1"/>
  <c r="E442" i="2" a="1"/>
  <c r="E442" i="2" s="1"/>
  <c r="D1042" i="2" a="1"/>
  <c r="D1042" i="2" s="1"/>
  <c r="H8414" i="2" a="1"/>
  <c r="H8414" i="2" s="1"/>
  <c r="AN338" i="1"/>
  <c r="D344" i="5" s="1"/>
  <c r="D6003" i="2" a="1"/>
  <c r="D6003" i="2" s="1"/>
  <c r="H2641" i="2" a="1"/>
  <c r="H2641" i="2" s="1"/>
  <c r="F1059" i="2" a="1"/>
  <c r="F1059" i="2" s="1"/>
  <c r="D3299" i="2" a="1"/>
  <c r="D3299" i="2" s="1"/>
  <c r="F3706" i="2" a="1"/>
  <c r="F3706" i="2" s="1"/>
  <c r="G6195" i="2" a="1"/>
  <c r="G6195" i="2" s="1"/>
  <c r="G6700" i="2" a="1"/>
  <c r="G6700" i="2" s="1"/>
  <c r="AP243" i="1"/>
  <c r="F249" i="5" s="1"/>
  <c r="E454" i="2" a="1"/>
  <c r="E454" i="2" s="1"/>
  <c r="D5995" i="2" a="1"/>
  <c r="D5995" i="2" s="1"/>
  <c r="H2646" i="2" a="1"/>
  <c r="H2646" i="2" s="1"/>
  <c r="F1056" i="2" a="1"/>
  <c r="F1056" i="2" s="1"/>
  <c r="AM138" i="1"/>
  <c r="C144" i="5" s="1"/>
  <c r="F3724" i="2" a="1"/>
  <c r="F3724" i="2" s="1"/>
  <c r="G6187" i="2" a="1"/>
  <c r="G6187" i="2" s="1"/>
  <c r="G6693" i="2" a="1"/>
  <c r="G6693" i="2" s="1"/>
  <c r="AN243" i="1"/>
  <c r="D249" i="5" s="1"/>
  <c r="E446" i="2" a="1"/>
  <c r="E446" i="2" s="1"/>
  <c r="H6829" i="2" a="1"/>
  <c r="H6829" i="2" s="1"/>
  <c r="H8263" i="2" a="1"/>
  <c r="H8263" i="2" s="1"/>
  <c r="F6884" i="2" a="1"/>
  <c r="F6884" i="2" s="1"/>
  <c r="H1025" i="2" a="1"/>
  <c r="H1025" i="2" s="1"/>
  <c r="F1047" i="2" a="1"/>
  <c r="F1047" i="2" s="1"/>
  <c r="AQ138" i="1"/>
  <c r="F3723" i="2" a="1"/>
  <c r="F3723" i="2" s="1"/>
  <c r="G6184" i="2" a="1"/>
  <c r="G6184" i="2" s="1"/>
  <c r="G6692" i="2" a="1"/>
  <c r="G6692" i="2" s="1"/>
  <c r="E445" i="2" a="1"/>
  <c r="E445" i="2" s="1"/>
  <c r="H6832" i="2" a="1"/>
  <c r="H6832" i="2" s="1"/>
  <c r="G4471" i="2" a="1"/>
  <c r="G4471" i="2" s="1"/>
  <c r="G4473" i="2" a="1"/>
  <c r="G4473" i="2" s="1"/>
  <c r="F6140" i="2" a="1"/>
  <c r="F6140" i="2" s="1"/>
  <c r="F6141" i="2" a="1"/>
  <c r="F6141" i="2" s="1"/>
  <c r="G8329" i="2" a="1"/>
  <c r="G8329" i="2" s="1"/>
  <c r="G8322" i="2" a="1"/>
  <c r="G8322" i="2" s="1"/>
  <c r="D8730" i="2" a="1"/>
  <c r="D8730" i="2" s="1"/>
  <c r="D8741" i="2" a="1"/>
  <c r="D8741" i="2" s="1"/>
  <c r="D8742" i="2" a="1"/>
  <c r="D8742" i="2" s="1"/>
  <c r="D8733" i="2" a="1"/>
  <c r="D8733" i="2" s="1"/>
  <c r="D8722" i="2" a="1"/>
  <c r="D8722" i="2" s="1"/>
  <c r="D8723" i="2" a="1"/>
  <c r="D8723" i="2" s="1"/>
  <c r="D8744" i="2" a="1"/>
  <c r="D8744" i="2" s="1"/>
  <c r="H8302" i="2" a="1"/>
  <c r="H8302" i="2" s="1"/>
  <c r="H8309" i="2" a="1"/>
  <c r="H8309" i="2" s="1"/>
  <c r="F4698" i="2" a="1"/>
  <c r="F4698" i="2" s="1"/>
  <c r="F4708" i="2" a="1"/>
  <c r="F4708" i="2" s="1"/>
  <c r="F4699" i="2" a="1"/>
  <c r="F4699" i="2" s="1"/>
  <c r="F4709" i="2" a="1"/>
  <c r="F4709" i="2" s="1"/>
  <c r="F4696" i="2" a="1"/>
  <c r="F4696" i="2" s="1"/>
  <c r="D6023" i="2" a="1"/>
  <c r="D6023" i="2" s="1"/>
  <c r="D6014" i="2" a="1"/>
  <c r="D6014" i="2" s="1"/>
  <c r="D6012" i="2" a="1"/>
  <c r="D6012" i="2" s="1"/>
  <c r="D6020" i="2" a="1"/>
  <c r="D6020" i="2" s="1"/>
  <c r="D6024" i="2" a="1"/>
  <c r="D6024" i="2" s="1"/>
  <c r="D6028" i="2" a="1"/>
  <c r="D6028" i="2" s="1"/>
  <c r="D6025" i="2" a="1"/>
  <c r="D6025" i="2" s="1"/>
  <c r="F2622" i="2" a="1"/>
  <c r="F2622" i="2" s="1"/>
  <c r="F2611" i="2" a="1"/>
  <c r="F2611" i="2" s="1"/>
  <c r="F2602" i="2" a="1"/>
  <c r="F2602" i="2" s="1"/>
  <c r="F2606" i="2" a="1"/>
  <c r="F2606" i="2" s="1"/>
  <c r="F2618" i="2" a="1"/>
  <c r="F2618" i="2" s="1"/>
  <c r="F2624" i="2" a="1"/>
  <c r="F2624" i="2" s="1"/>
  <c r="F2610" i="2" a="1"/>
  <c r="F2610" i="2" s="1"/>
  <c r="E1278" i="2" a="1"/>
  <c r="E1278" i="2" s="1"/>
  <c r="E1266" i="2" a="1"/>
  <c r="E1266" i="2" s="1"/>
  <c r="E1277" i="2" a="1"/>
  <c r="E1277" i="2" s="1"/>
  <c r="E1259" i="2" a="1"/>
  <c r="E1259" i="2" s="1"/>
  <c r="D3291" i="2" a="1"/>
  <c r="D3291" i="2" s="1"/>
  <c r="D3280" i="2" a="1"/>
  <c r="D3280" i="2" s="1"/>
  <c r="D1248" i="2" a="1"/>
  <c r="D1248" i="2" s="1"/>
  <c r="D1257" i="2" a="1"/>
  <c r="D1257" i="2" s="1"/>
  <c r="D1244" i="2" a="1"/>
  <c r="D1244" i="2" s="1"/>
  <c r="D1253" i="2" a="1"/>
  <c r="D1253" i="2" s="1"/>
  <c r="H3722" i="2" a="1"/>
  <c r="H3722" i="2" s="1"/>
  <c r="H3719" i="2" a="1"/>
  <c r="H3719" i="2" s="1"/>
  <c r="H3727" i="2" a="1"/>
  <c r="H3727" i="2" s="1"/>
  <c r="H3728" i="2" a="1"/>
  <c r="H3728" i="2" s="1"/>
  <c r="H3707" i="2" a="1"/>
  <c r="H3707" i="2" s="1"/>
  <c r="H3720" i="2" a="1"/>
  <c r="H3720" i="2" s="1"/>
  <c r="H3726" i="2" a="1"/>
  <c r="H3726" i="2" s="1"/>
  <c r="AP270" i="1"/>
  <c r="F276" i="5" s="1"/>
  <c r="F4310" i="2" a="1"/>
  <c r="F4310" i="2" s="1"/>
  <c r="F4308" i="2" a="1"/>
  <c r="F4308" i="2" s="1"/>
  <c r="E623" i="2" a="1"/>
  <c r="E623" i="2" s="1"/>
  <c r="D8745" i="2" a="1"/>
  <c r="D8745" i="2" s="1"/>
  <c r="D4750" i="2" a="1"/>
  <c r="D4750" i="2" s="1"/>
  <c r="D4745" i="2" a="1"/>
  <c r="D4745" i="2" s="1"/>
  <c r="D5715" i="2" a="1"/>
  <c r="D5715" i="2" s="1"/>
  <c r="D5713" i="2" a="1"/>
  <c r="D5713" i="2" s="1"/>
  <c r="H2927" i="2" a="1"/>
  <c r="H2927" i="2" s="1"/>
  <c r="H2934" i="2" a="1"/>
  <c r="H2934" i="2" s="1"/>
  <c r="H2936" i="2" a="1"/>
  <c r="H2936" i="2" s="1"/>
  <c r="H4422" i="2" a="1"/>
  <c r="H4422" i="2" s="1"/>
  <c r="H4417" i="2" a="1"/>
  <c r="H4417" i="2" s="1"/>
  <c r="H4407" i="2" a="1"/>
  <c r="H4407" i="2" s="1"/>
  <c r="H4419" i="2" a="1"/>
  <c r="H4419" i="2" s="1"/>
  <c r="H4409" i="2" a="1"/>
  <c r="H4409" i="2" s="1"/>
  <c r="D5488" i="2" a="1"/>
  <c r="D5488" i="2" s="1"/>
  <c r="D5493" i="2" a="1"/>
  <c r="D5493" i="2" s="1"/>
  <c r="D5486" i="2" a="1"/>
  <c r="D5486" i="2" s="1"/>
  <c r="D5496" i="2" a="1"/>
  <c r="D5496" i="2" s="1"/>
  <c r="G3593" i="2" a="1"/>
  <c r="G3593" i="2" s="1"/>
  <c r="G3608" i="2" a="1"/>
  <c r="G3608" i="2" s="1"/>
  <c r="G3607" i="2" a="1"/>
  <c r="G3607" i="2" s="1"/>
  <c r="G3591" i="2" a="1"/>
  <c r="G3591" i="2" s="1"/>
  <c r="G3602" i="2" a="1"/>
  <c r="G3602" i="2" s="1"/>
  <c r="H6196" i="2" a="1"/>
  <c r="H6196" i="2" s="1"/>
  <c r="H6200" i="2" a="1"/>
  <c r="H6200" i="2" s="1"/>
  <c r="H6186" i="2" a="1"/>
  <c r="H6186" i="2" s="1"/>
  <c r="G4249" i="2" a="1"/>
  <c r="G4249" i="2" s="1"/>
  <c r="G4240" i="2" a="1"/>
  <c r="G4240" i="2" s="1"/>
  <c r="D3094" i="2" a="1"/>
  <c r="D3094" i="2" s="1"/>
  <c r="D3087" i="2" a="1"/>
  <c r="D3087" i="2" s="1"/>
  <c r="D3095" i="2" a="1"/>
  <c r="D3095" i="2" s="1"/>
  <c r="D3097" i="2" a="1"/>
  <c r="D3097" i="2" s="1"/>
  <c r="D3105" i="2" a="1"/>
  <c r="D3105" i="2" s="1"/>
  <c r="D7555" i="2" a="1"/>
  <c r="D7555" i="2" s="1"/>
  <c r="D7549" i="2" a="1"/>
  <c r="D7549" i="2" s="1"/>
  <c r="D7552" i="2" a="1"/>
  <c r="D7552" i="2" s="1"/>
  <c r="D7567" i="2" a="1"/>
  <c r="D7567" i="2" s="1"/>
  <c r="H3154" i="2" a="1"/>
  <c r="H3154" i="2" s="1"/>
  <c r="H3163" i="2" a="1"/>
  <c r="H3163" i="2" s="1"/>
  <c r="H3177" i="2" a="1"/>
  <c r="H3177" i="2" s="1"/>
  <c r="G6052" i="2" a="1"/>
  <c r="G6052" i="2" s="1"/>
  <c r="G6039" i="2" a="1"/>
  <c r="G6039" i="2" s="1"/>
  <c r="G6035" i="2" a="1"/>
  <c r="G6035" i="2" s="1"/>
  <c r="G6040" i="2" a="1"/>
  <c r="G6040" i="2" s="1"/>
  <c r="G6046" i="2" a="1"/>
  <c r="G6046" i="2" s="1"/>
  <c r="D3341" i="2" a="1"/>
  <c r="D3341" i="2" s="1"/>
  <c r="D3345" i="2" a="1"/>
  <c r="D3345" i="2" s="1"/>
  <c r="D3334" i="2" a="1"/>
  <c r="D3334" i="2" s="1"/>
  <c r="D3338" i="2" a="1"/>
  <c r="D3338" i="2" s="1"/>
  <c r="D3325" i="2" a="1"/>
  <c r="D3325" i="2" s="1"/>
  <c r="E3686" i="2" a="1"/>
  <c r="E3686" i="2" s="1"/>
  <c r="E3698" i="2" a="1"/>
  <c r="E3698" i="2" s="1"/>
  <c r="E3702" i="2" a="1"/>
  <c r="E3702" i="2" s="1"/>
  <c r="E6483" i="2" a="1"/>
  <c r="E6483" i="2" s="1"/>
  <c r="E6485" i="2" a="1"/>
  <c r="E6485" i="2" s="1"/>
  <c r="G7550" i="2" a="1"/>
  <c r="G7550" i="2" s="1"/>
  <c r="G7548" i="2" a="1"/>
  <c r="G7548" i="2" s="1"/>
  <c r="G7565" i="2" a="1"/>
  <c r="G7565" i="2" s="1"/>
  <c r="G7564" i="2" a="1"/>
  <c r="G7564" i="2" s="1"/>
  <c r="G7561" i="2" a="1"/>
  <c r="G7561" i="2" s="1"/>
  <c r="E4331" i="2" a="1"/>
  <c r="E4331" i="2" s="1"/>
  <c r="E4337" i="2" a="1"/>
  <c r="E4337" i="2" s="1"/>
  <c r="E4353" i="2" a="1"/>
  <c r="E4353" i="2" s="1"/>
  <c r="E4346" i="2" a="1"/>
  <c r="E4346" i="2" s="1"/>
  <c r="D3635" i="2" a="1"/>
  <c r="D3635" i="2" s="1"/>
  <c r="D3643" i="2" a="1"/>
  <c r="D3643" i="2" s="1"/>
  <c r="D3654" i="2" a="1"/>
  <c r="D3654" i="2" s="1"/>
  <c r="D3641" i="2" a="1"/>
  <c r="D3641" i="2" s="1"/>
  <c r="D5245" i="2" a="1"/>
  <c r="D5245" i="2" s="1"/>
  <c r="D5244" i="2" a="1"/>
  <c r="D5244" i="2" s="1"/>
  <c r="D5252" i="2" a="1"/>
  <c r="D5252" i="2" s="1"/>
  <c r="D8091" i="2" a="1"/>
  <c r="D8091" i="2" s="1"/>
  <c r="D8097" i="2" a="1"/>
  <c r="D8097" i="2" s="1"/>
  <c r="D8074" i="2" a="1"/>
  <c r="D8074" i="2" s="1"/>
  <c r="D8085" i="2" a="1"/>
  <c r="D8085" i="2" s="1"/>
  <c r="D8080" i="2" a="1"/>
  <c r="D8080" i="2" s="1"/>
  <c r="H3603" i="2" a="1"/>
  <c r="H3603" i="2" s="1"/>
  <c r="H3604" i="2" a="1"/>
  <c r="H3604" i="2" s="1"/>
  <c r="H3601" i="2" a="1"/>
  <c r="H3601" i="2" s="1"/>
  <c r="H289" i="2" a="1"/>
  <c r="H289" i="2" s="1"/>
  <c r="G7532" i="2" a="1"/>
  <c r="G7532" i="2" s="1"/>
  <c r="D6475" i="2" a="1"/>
  <c r="D6475" i="2" s="1"/>
  <c r="H2937" i="2" a="1"/>
  <c r="H2937" i="2" s="1"/>
  <c r="D3636" i="2" a="1"/>
  <c r="D3636" i="2" s="1"/>
  <c r="H3156" i="2" a="1"/>
  <c r="H3156" i="2" s="1"/>
  <c r="H290" i="2" a="1"/>
  <c r="H290" i="2" s="1"/>
  <c r="G7544" i="2" a="1"/>
  <c r="G7544" i="2" s="1"/>
  <c r="D6466" i="2" a="1"/>
  <c r="D6466" i="2" s="1"/>
  <c r="E6319" i="2" a="1"/>
  <c r="E6319" i="2" s="1"/>
  <c r="H4418" i="2" a="1"/>
  <c r="H4418" i="2" s="1"/>
  <c r="H2925" i="2" a="1"/>
  <c r="H2925" i="2" s="1"/>
  <c r="E8393" i="2" a="1"/>
  <c r="E8393" i="2" s="1"/>
  <c r="H288" i="2" a="1"/>
  <c r="H288" i="2" s="1"/>
  <c r="G7526" i="2" a="1"/>
  <c r="G7526" i="2" s="1"/>
  <c r="F7794" i="2" a="1"/>
  <c r="F7794" i="2" s="1"/>
  <c r="D6489" i="2" a="1"/>
  <c r="D6489" i="2" s="1"/>
  <c r="H4408" i="2" a="1"/>
  <c r="H4408" i="2" s="1"/>
  <c r="H2919" i="2" a="1"/>
  <c r="H2919" i="2" s="1"/>
  <c r="H281" i="2" a="1"/>
  <c r="H281" i="2" s="1"/>
  <c r="G7530" i="2" a="1"/>
  <c r="G7530" i="2" s="1"/>
  <c r="F7790" i="2" a="1"/>
  <c r="F7790" i="2" s="1"/>
  <c r="D6481" i="2" a="1"/>
  <c r="D6481" i="2" s="1"/>
  <c r="H4405" i="2" a="1"/>
  <c r="H4405" i="2" s="1"/>
  <c r="H2929" i="2" a="1"/>
  <c r="H2929" i="2" s="1"/>
  <c r="G7542" i="2" a="1"/>
  <c r="G7542" i="2" s="1"/>
  <c r="D6473" i="2" a="1"/>
  <c r="D6473" i="2" s="1"/>
  <c r="D5501" i="2" a="1"/>
  <c r="D5501" i="2" s="1"/>
  <c r="H4414" i="2" a="1"/>
  <c r="H4414" i="2" s="1"/>
  <c r="F4333" i="2" a="1"/>
  <c r="F4333" i="2" s="1"/>
  <c r="D5504" i="2" a="1"/>
  <c r="D5504" i="2" s="1"/>
  <c r="H4403" i="2" a="1"/>
  <c r="H4403" i="2" s="1"/>
  <c r="G4050" i="2" a="1"/>
  <c r="G4050" i="2" s="1"/>
  <c r="D3393" i="2" a="1"/>
  <c r="D3393" i="2" s="1"/>
  <c r="H1947" i="2" a="1"/>
  <c r="H1947" i="2" s="1"/>
  <c r="F3015" i="2" a="1"/>
  <c r="F3015" i="2" s="1"/>
  <c r="G4662" i="2" a="1"/>
  <c r="G4662" i="2" s="1"/>
  <c r="H6632" i="2" a="1"/>
  <c r="H6632" i="2" s="1"/>
  <c r="G2017" i="2" a="1"/>
  <c r="G2017" i="2" s="1"/>
  <c r="G4043" i="2" a="1"/>
  <c r="G4043" i="2" s="1"/>
  <c r="E6252" i="2" a="1"/>
  <c r="E6252" i="2" s="1"/>
  <c r="D3373" i="2" a="1"/>
  <c r="D3373" i="2" s="1"/>
  <c r="F4259" i="2" a="1"/>
  <c r="F4259" i="2" s="1"/>
  <c r="H1939" i="2" a="1"/>
  <c r="H1939" i="2" s="1"/>
  <c r="E3795" i="2" a="1"/>
  <c r="E3795" i="2" s="1"/>
  <c r="F3025" i="2" a="1"/>
  <c r="F3025" i="2" s="1"/>
  <c r="G4644" i="2" a="1"/>
  <c r="G4644" i="2" s="1"/>
  <c r="H6611" i="2" a="1"/>
  <c r="H6611" i="2" s="1"/>
  <c r="H6621" i="2" a="1"/>
  <c r="H6621" i="2" s="1"/>
  <c r="F442" i="2" a="1"/>
  <c r="F442" i="2" s="1"/>
  <c r="G4054" i="2" a="1"/>
  <c r="G4054" i="2" s="1"/>
  <c r="E6255" i="2" a="1"/>
  <c r="E6255" i="2" s="1"/>
  <c r="D3383" i="2" a="1"/>
  <c r="D3383" i="2" s="1"/>
  <c r="F4279" i="2" a="1"/>
  <c r="F4279" i="2" s="1"/>
  <c r="H1943" i="2" a="1"/>
  <c r="H1943" i="2" s="1"/>
  <c r="E3786" i="2" a="1"/>
  <c r="E3786" i="2" s="1"/>
  <c r="F3024" i="2" a="1"/>
  <c r="F3024" i="2" s="1"/>
  <c r="F2890" i="2" a="1"/>
  <c r="F2890" i="2" s="1"/>
  <c r="G4647" i="2" a="1"/>
  <c r="G4647" i="2" s="1"/>
  <c r="H6630" i="2" a="1"/>
  <c r="H6630" i="2" s="1"/>
  <c r="F461" i="2" a="1"/>
  <c r="F461" i="2" s="1"/>
  <c r="D3388" i="2" a="1"/>
  <c r="D3388" i="2" s="1"/>
  <c r="E3785" i="2" a="1"/>
  <c r="E3785" i="2" s="1"/>
  <c r="H6623" i="2" a="1"/>
  <c r="H6623" i="2" s="1"/>
  <c r="F455" i="2" a="1"/>
  <c r="F455" i="2" s="1"/>
  <c r="G4052" i="2" a="1"/>
  <c r="G4052" i="2" s="1"/>
  <c r="E6253" i="2" a="1"/>
  <c r="E6253" i="2" s="1"/>
  <c r="D3384" i="2" a="1"/>
  <c r="D3384" i="2" s="1"/>
  <c r="F4268" i="2" a="1"/>
  <c r="F4268" i="2" s="1"/>
  <c r="F3019" i="2" a="1"/>
  <c r="F3019" i="2" s="1"/>
  <c r="G1499" i="2" a="1"/>
  <c r="G1499" i="2" s="1"/>
  <c r="G4651" i="2" a="1"/>
  <c r="G4651" i="2" s="1"/>
  <c r="H6619" i="2" a="1"/>
  <c r="H6619" i="2" s="1"/>
  <c r="F465" i="2" a="1"/>
  <c r="F465" i="2" s="1"/>
  <c r="G4064" i="2" a="1"/>
  <c r="G4064" i="2" s="1"/>
  <c r="G4042" i="2" a="1"/>
  <c r="G4042" i="2" s="1"/>
  <c r="E6267" i="2" a="1"/>
  <c r="E6267" i="2" s="1"/>
  <c r="D3381" i="2" a="1"/>
  <c r="D3381" i="2" s="1"/>
  <c r="F4260" i="2" a="1"/>
  <c r="F4260" i="2" s="1"/>
  <c r="F3032" i="2" a="1"/>
  <c r="F3032" i="2" s="1"/>
  <c r="G1500" i="2" a="1"/>
  <c r="G1500" i="2" s="1"/>
  <c r="G4650" i="2" a="1"/>
  <c r="G4650" i="2" s="1"/>
  <c r="H6617" i="2" a="1"/>
  <c r="H6617" i="2" s="1"/>
  <c r="F450" i="2" a="1"/>
  <c r="F450" i="2" s="1"/>
  <c r="H5785" i="2" a="1"/>
  <c r="H5785" i="2" s="1"/>
  <c r="H5781" i="2" a="1"/>
  <c r="H5781" i="2" s="1"/>
  <c r="H5775" i="2" a="1"/>
  <c r="H5775" i="2" s="1"/>
  <c r="G4312" i="2" a="1"/>
  <c r="G4312" i="2" s="1"/>
  <c r="G4310" i="2" a="1"/>
  <c r="G4310" i="2" s="1"/>
  <c r="AP32" i="1"/>
  <c r="D775" i="2" a="1"/>
  <c r="D775" i="2" s="1"/>
  <c r="D768" i="2" a="1"/>
  <c r="D768" i="2" s="1"/>
  <c r="E1353" i="2" a="1"/>
  <c r="E1353" i="2" s="1"/>
  <c r="E1335" i="2" a="1"/>
  <c r="E1335" i="2" s="1"/>
  <c r="G5536" i="2" a="1"/>
  <c r="G5536" i="2" s="1"/>
  <c r="G5545" i="2" a="1"/>
  <c r="G5545" i="2" s="1"/>
  <c r="E5279" i="2" a="1"/>
  <c r="E5279" i="2" s="1"/>
  <c r="AQ220" i="1"/>
  <c r="G226" i="5" s="1"/>
  <c r="H5247" i="2" a="1"/>
  <c r="H5247" i="2" s="1"/>
  <c r="H5245" i="2" a="1"/>
  <c r="H5245" i="2" s="1"/>
  <c r="H5261" i="2" a="1"/>
  <c r="H5261" i="2" s="1"/>
  <c r="G3138" i="2" a="1"/>
  <c r="G3138" i="2" s="1"/>
  <c r="G3148" i="2" a="1"/>
  <c r="G3148" i="2" s="1"/>
  <c r="D5641" i="2" a="1"/>
  <c r="D5641" i="2" s="1"/>
  <c r="D5637" i="2" a="1"/>
  <c r="D5637" i="2" s="1"/>
  <c r="G5180" i="2" a="1"/>
  <c r="G5180" i="2" s="1"/>
  <c r="G5193" i="2" a="1"/>
  <c r="G5193" i="2" s="1"/>
  <c r="D1043" i="2" a="1"/>
  <c r="D1043" i="2" s="1"/>
  <c r="D1056" i="2" a="1"/>
  <c r="D1056" i="2" s="1"/>
  <c r="F8609" i="2" a="1"/>
  <c r="F8609" i="2" s="1"/>
  <c r="F8605" i="2" a="1"/>
  <c r="F8605" i="2" s="1"/>
  <c r="F283" i="2" a="1"/>
  <c r="F283" i="2" s="1"/>
  <c r="F280" i="2" a="1"/>
  <c r="F280" i="2" s="1"/>
  <c r="E465" i="2" a="1"/>
  <c r="E465" i="2" s="1"/>
  <c r="E463" i="2" a="1"/>
  <c r="E463" i="2" s="1"/>
  <c r="E452" i="2" a="1"/>
  <c r="E452" i="2" s="1"/>
  <c r="F8121" i="2" a="1"/>
  <c r="F8121" i="2" s="1"/>
  <c r="F8119" i="2" a="1"/>
  <c r="F8119" i="2" s="1"/>
  <c r="H4214" i="2" a="1"/>
  <c r="H4214" i="2" s="1"/>
  <c r="H4223" i="2" a="1"/>
  <c r="H4223" i="2" s="1"/>
  <c r="H8413" i="2" a="1"/>
  <c r="H8413" i="2" s="1"/>
  <c r="H8424" i="2" a="1"/>
  <c r="H8424" i="2" s="1"/>
  <c r="E1629" i="2" a="1"/>
  <c r="E1629" i="2" s="1"/>
  <c r="E1631" i="2" a="1"/>
  <c r="E1631" i="2" s="1"/>
  <c r="G7643" i="2" a="1"/>
  <c r="G7643" i="2" s="1"/>
  <c r="G7651" i="2" a="1"/>
  <c r="G7651" i="2" s="1"/>
  <c r="H6846" i="2" a="1"/>
  <c r="H6846" i="2" s="1"/>
  <c r="H6848" i="2" a="1"/>
  <c r="H6848" i="2" s="1"/>
  <c r="F8382" i="2" a="1"/>
  <c r="F8382" i="2" s="1"/>
  <c r="F8363" i="2" a="1"/>
  <c r="F8363" i="2" s="1"/>
  <c r="G3149" i="2" a="1"/>
  <c r="G3149" i="2" s="1"/>
  <c r="F3143" i="2" a="1"/>
  <c r="F3143" i="2" s="1"/>
  <c r="D5636" i="2" a="1"/>
  <c r="D5636" i="2" s="1"/>
  <c r="G3143" i="2" a="1"/>
  <c r="G3143" i="2" s="1"/>
  <c r="F3145" i="2" a="1"/>
  <c r="F3145" i="2" s="1"/>
  <c r="D5628" i="2" a="1"/>
  <c r="D5628" i="2" s="1"/>
  <c r="G1903" i="2" a="1"/>
  <c r="G1903" i="2" s="1"/>
  <c r="F3146" i="2" a="1"/>
  <c r="F3146" i="2" s="1"/>
  <c r="D5645" i="2" a="1"/>
  <c r="D5645" i="2" s="1"/>
  <c r="F3148" i="2" a="1"/>
  <c r="F3148" i="2" s="1"/>
  <c r="D5633" i="2" a="1"/>
  <c r="D5633" i="2" s="1"/>
  <c r="F3142" i="2" a="1"/>
  <c r="F3142" i="2" s="1"/>
  <c r="D5629" i="2" a="1"/>
  <c r="D5629" i="2" s="1"/>
  <c r="D1331" i="2" a="1"/>
  <c r="D1331" i="2" s="1"/>
  <c r="F3133" i="2" a="1"/>
  <c r="F3133" i="2" s="1"/>
  <c r="D5630" i="2" a="1"/>
  <c r="D5630" i="2" s="1"/>
  <c r="F3141" i="2" a="1"/>
  <c r="F3141" i="2" s="1"/>
  <c r="D5640" i="2" a="1"/>
  <c r="D5640" i="2" s="1"/>
  <c r="H8080" i="2" a="1"/>
  <c r="H8080" i="2" s="1"/>
  <c r="H849" i="2" a="1"/>
  <c r="H849" i="2" s="1"/>
  <c r="D5643" i="2" a="1"/>
  <c r="D5643" i="2" s="1"/>
  <c r="H839" i="2" a="1"/>
  <c r="H839" i="2" s="1"/>
  <c r="G5179" i="2" a="1"/>
  <c r="G5179" i="2" s="1"/>
  <c r="D5635" i="2" a="1"/>
  <c r="D5635" i="2" s="1"/>
  <c r="H830" i="2" a="1"/>
  <c r="H830" i="2" s="1"/>
  <c r="G5183" i="2" a="1"/>
  <c r="G5183" i="2" s="1"/>
  <c r="D5631" i="2" a="1"/>
  <c r="D5631" i="2" s="1"/>
  <c r="H828" i="2" a="1"/>
  <c r="H828" i="2" s="1"/>
  <c r="G5184" i="2" a="1"/>
  <c r="G5184" i="2" s="1"/>
  <c r="D5627" i="2" a="1"/>
  <c r="D5627" i="2" s="1"/>
  <c r="F7823" i="2" a="1"/>
  <c r="F7823" i="2" s="1"/>
  <c r="G5186" i="2" a="1"/>
  <c r="G5186" i="2" s="1"/>
  <c r="E5513" i="2" a="1"/>
  <c r="E5513" i="2" s="1"/>
  <c r="G3550" i="2" a="1"/>
  <c r="G3550" i="2" s="1"/>
  <c r="F7810" i="2" a="1"/>
  <c r="F7810" i="2" s="1"/>
  <c r="E7870" i="2" a="1"/>
  <c r="E7870" i="2" s="1"/>
  <c r="G5174" i="2" a="1"/>
  <c r="G5174" i="2" s="1"/>
  <c r="E5507" i="2" a="1"/>
  <c r="E5507" i="2" s="1"/>
  <c r="G3544" i="2" a="1"/>
  <c r="G3544" i="2" s="1"/>
  <c r="F7818" i="2" a="1"/>
  <c r="F7818" i="2" s="1"/>
  <c r="E7863" i="2" a="1"/>
  <c r="E7863" i="2" s="1"/>
  <c r="G5188" i="2" a="1"/>
  <c r="G5188" i="2" s="1"/>
  <c r="E5511" i="2" a="1"/>
  <c r="E5511" i="2" s="1"/>
  <c r="G3553" i="2" a="1"/>
  <c r="G3553" i="2" s="1"/>
  <c r="F7828" i="2" a="1"/>
  <c r="F7828" i="2" s="1"/>
  <c r="E7874" i="2" a="1"/>
  <c r="E7874" i="2" s="1"/>
  <c r="G6340" i="2" a="1"/>
  <c r="G6340" i="2" s="1"/>
  <c r="G5191" i="2" a="1"/>
  <c r="G5191" i="2" s="1"/>
  <c r="E5527" i="2" a="1"/>
  <c r="E5527" i="2" s="1"/>
  <c r="G3561" i="2" a="1"/>
  <c r="G3561" i="2" s="1"/>
  <c r="F7822" i="2" a="1"/>
  <c r="F7822" i="2" s="1"/>
  <c r="E7872" i="2" a="1"/>
  <c r="E7872" i="2" s="1"/>
  <c r="G6323" i="2" a="1"/>
  <c r="G6323" i="2" s="1"/>
  <c r="G5187" i="2" a="1"/>
  <c r="G5187" i="2" s="1"/>
  <c r="E5526" i="2" a="1"/>
  <c r="E5526" i="2" s="1"/>
  <c r="G3132" i="2" a="1"/>
  <c r="G3132" i="2" s="1"/>
  <c r="F7833" i="2" a="1"/>
  <c r="F7833" i="2" s="1"/>
  <c r="E7858" i="2" a="1"/>
  <c r="E7858" i="2" s="1"/>
  <c r="G5171" i="2" a="1"/>
  <c r="G5171" i="2" s="1"/>
  <c r="G3150" i="2" a="1"/>
  <c r="G3150" i="2" s="1"/>
  <c r="E5495" i="2" a="1"/>
  <c r="E5495" i="2" s="1"/>
  <c r="G3164" i="2" a="1"/>
  <c r="G3164" i="2" s="1"/>
  <c r="F5087" i="2" a="1"/>
  <c r="F5087" i="2" s="1"/>
  <c r="AM212" i="1"/>
  <c r="C218" i="5" s="1"/>
  <c r="F3972" i="2" a="1"/>
  <c r="F3972" i="2" s="1"/>
  <c r="G7275" i="2" a="1"/>
  <c r="G7275" i="2" s="1"/>
  <c r="G7276" i="2" a="1"/>
  <c r="G7276" i="2" s="1"/>
  <c r="H2688" i="2" a="1"/>
  <c r="H2688" i="2" s="1"/>
  <c r="E853" i="2" a="1"/>
  <c r="E853" i="2" s="1"/>
  <c r="F6249" i="2" a="1"/>
  <c r="F6249" i="2" s="1"/>
  <c r="G6312" i="2" a="1"/>
  <c r="G6312" i="2" s="1"/>
  <c r="D7867" i="2" a="1"/>
  <c r="D7867" i="2" s="1"/>
  <c r="F744" i="2" a="1"/>
  <c r="F744" i="2" s="1"/>
  <c r="F752" i="2" a="1"/>
  <c r="F752" i="2" s="1"/>
  <c r="E2361" i="2" a="1"/>
  <c r="E2361" i="2" s="1"/>
  <c r="G4059" i="2" a="1"/>
  <c r="G4059" i="2" s="1"/>
  <c r="H172" i="2" a="1"/>
  <c r="H172" i="2" s="1"/>
  <c r="E1302" i="2" a="1"/>
  <c r="E1302" i="2" s="1"/>
  <c r="E8114" i="2" a="1"/>
  <c r="E8114" i="2" s="1"/>
  <c r="E6258" i="2" a="1"/>
  <c r="E6258" i="2" s="1"/>
  <c r="H1096" i="2" a="1"/>
  <c r="H1096" i="2" s="1"/>
  <c r="G5679" i="2" a="1"/>
  <c r="G5679" i="2" s="1"/>
  <c r="D7806" i="2" a="1"/>
  <c r="D7806" i="2" s="1"/>
  <c r="E7776" i="2" a="1"/>
  <c r="E7776" i="2" s="1"/>
  <c r="H1942" i="2" a="1"/>
  <c r="H1942" i="2" s="1"/>
  <c r="E2763" i="2" a="1"/>
  <c r="E2763" i="2" s="1"/>
  <c r="E2757" i="2" a="1"/>
  <c r="E2757" i="2" s="1"/>
  <c r="D144" i="2" a="1"/>
  <c r="D144" i="2" s="1"/>
  <c r="D147" i="2" a="1"/>
  <c r="D147" i="2" s="1"/>
  <c r="G8647" i="2" a="1"/>
  <c r="G8647" i="2" s="1"/>
  <c r="F8069" i="2" a="1"/>
  <c r="F8069" i="2" s="1"/>
  <c r="F3687" i="2" a="1"/>
  <c r="F3687" i="2" s="1"/>
  <c r="E6958" i="2" a="1"/>
  <c r="E6958" i="2" s="1"/>
  <c r="F243" i="2" a="1"/>
  <c r="F243" i="2" s="1"/>
  <c r="H7444" i="2" a="1"/>
  <c r="H7444" i="2" s="1"/>
  <c r="E2273" i="2" a="1"/>
  <c r="E2273" i="2" s="1"/>
  <c r="E2269" i="2" a="1"/>
  <c r="E2269" i="2" s="1"/>
  <c r="G4166" i="2" a="1"/>
  <c r="G4166" i="2" s="1"/>
  <c r="E3286" i="2" a="1"/>
  <c r="E3286" i="2" s="1"/>
  <c r="E3288" i="2" a="1"/>
  <c r="E3288" i="2" s="1"/>
  <c r="D4686" i="2" a="1"/>
  <c r="D4686" i="2" s="1"/>
  <c r="F3010" i="2" a="1"/>
  <c r="F3010" i="2" s="1"/>
  <c r="F3012" i="2" a="1"/>
  <c r="F3012" i="2" s="1"/>
  <c r="F8247" i="2" a="1"/>
  <c r="F8247" i="2" s="1"/>
  <c r="F2557" i="2" a="1"/>
  <c r="F2557" i="2" s="1"/>
  <c r="H7935" i="2" a="1"/>
  <c r="H7935" i="2" s="1"/>
  <c r="H7942" i="2" a="1"/>
  <c r="H7942" i="2" s="1"/>
  <c r="H5412" i="2" a="1"/>
  <c r="H5412" i="2" s="1"/>
  <c r="H7796" i="2" a="1"/>
  <c r="H7796" i="2" s="1"/>
  <c r="F6297" i="2" a="1"/>
  <c r="F6297" i="2" s="1"/>
  <c r="D3006" i="2" a="1"/>
  <c r="D3006" i="2" s="1"/>
  <c r="D3009" i="2" a="1"/>
  <c r="D3009" i="2" s="1"/>
  <c r="E8327" i="2" a="1"/>
  <c r="E8327" i="2" s="1"/>
  <c r="F1577" i="2" a="1"/>
  <c r="F1577" i="2" s="1"/>
  <c r="E1200" i="2" a="1"/>
  <c r="E1200" i="2" s="1"/>
  <c r="F7208" i="2" a="1"/>
  <c r="F7208" i="2" s="1"/>
  <c r="F7196" i="2" a="1"/>
  <c r="F7196" i="2" s="1"/>
  <c r="G4646" i="2" a="1"/>
  <c r="G4646" i="2" s="1"/>
  <c r="E3439" i="2" a="1"/>
  <c r="E3439" i="2" s="1"/>
  <c r="F318" i="2" a="1"/>
  <c r="F318" i="2" s="1"/>
  <c r="H6100" i="2" a="1"/>
  <c r="H6100" i="2" s="1"/>
  <c r="H6612" i="2" a="1"/>
  <c r="H6612" i="2" s="1"/>
  <c r="G1369" i="2" a="1"/>
  <c r="G1369" i="2" s="1"/>
  <c r="AN5" i="1"/>
  <c r="AO363" i="1"/>
  <c r="E369" i="5" s="1"/>
  <c r="AM10" i="1"/>
  <c r="C16" i="5" s="1"/>
  <c r="G1880" i="2" a="1"/>
  <c r="G1880" i="2" s="1"/>
  <c r="F3992" i="2" a="1"/>
  <c r="F3992" i="2" s="1"/>
  <c r="E868" i="2" a="1"/>
  <c r="E868" i="2" s="1"/>
  <c r="D7862" i="2" a="1"/>
  <c r="D7862" i="2" s="1"/>
  <c r="E8109" i="2" a="1"/>
  <c r="E8109" i="2" s="1"/>
  <c r="E6257" i="2" a="1"/>
  <c r="E6257" i="2" s="1"/>
  <c r="H1094" i="2" a="1"/>
  <c r="H1094" i="2" s="1"/>
  <c r="E6322" i="2" a="1"/>
  <c r="E6322" i="2" s="1"/>
  <c r="F236" i="2" a="1"/>
  <c r="F236" i="2" s="1"/>
  <c r="H7807" i="2" a="1"/>
  <c r="H7807" i="2" s="1"/>
  <c r="E8318" i="2" a="1"/>
  <c r="E8318" i="2" s="1"/>
  <c r="E1191" i="2" a="1"/>
  <c r="E1191" i="2" s="1"/>
  <c r="D3057" i="2" a="1"/>
  <c r="D3057" i="2" s="1"/>
  <c r="F7199" i="2" a="1"/>
  <c r="F7199" i="2" s="1"/>
  <c r="E3426" i="2" a="1"/>
  <c r="E3426" i="2" s="1"/>
  <c r="F301" i="2" a="1"/>
  <c r="F301" i="2" s="1"/>
  <c r="G1218" i="2" a="1"/>
  <c r="G1218" i="2" s="1"/>
  <c r="D3607" i="2" a="1"/>
  <c r="D3607" i="2" s="1"/>
  <c r="D3597" i="2" a="1"/>
  <c r="D3597" i="2" s="1"/>
  <c r="D3605" i="2" a="1"/>
  <c r="D3605" i="2" s="1"/>
  <c r="E5721" i="2" a="1"/>
  <c r="E5721" i="2" s="1"/>
  <c r="E5702" i="2" a="1"/>
  <c r="E5702" i="2" s="1"/>
  <c r="E5509" i="2" a="1"/>
  <c r="E5509" i="2" s="1"/>
  <c r="E5529" i="2" a="1"/>
  <c r="E5529" i="2" s="1"/>
  <c r="E5512" i="2" a="1"/>
  <c r="E5512" i="2" s="1"/>
  <c r="E5522" i="2" a="1"/>
  <c r="E5522" i="2" s="1"/>
  <c r="F3151" i="2" a="1"/>
  <c r="F3151" i="2" s="1"/>
  <c r="F3139" i="2" a="1"/>
  <c r="F3139" i="2" s="1"/>
  <c r="F3140" i="2" a="1"/>
  <c r="F3140" i="2" s="1"/>
  <c r="F3153" i="2" a="1"/>
  <c r="F3153" i="2" s="1"/>
  <c r="F6402" i="2" a="1"/>
  <c r="F6402" i="2" s="1"/>
  <c r="F6403" i="2" a="1"/>
  <c r="F6403" i="2" s="1"/>
  <c r="F7819" i="2" a="1"/>
  <c r="F7819" i="2" s="1"/>
  <c r="F7817" i="2" a="1"/>
  <c r="F7817" i="2" s="1"/>
  <c r="F7824" i="2" a="1"/>
  <c r="F7824" i="2" s="1"/>
  <c r="F7816" i="2" a="1"/>
  <c r="F7816" i="2" s="1"/>
  <c r="H8074" i="2" a="1"/>
  <c r="H8074" i="2" s="1"/>
  <c r="H8082" i="2" a="1"/>
  <c r="H8082" i="2" s="1"/>
  <c r="H8076" i="2" a="1"/>
  <c r="H8076" i="2" s="1"/>
  <c r="H8087" i="2" a="1"/>
  <c r="H8087" i="2" s="1"/>
  <c r="H4434" i="2" a="1"/>
  <c r="H4434" i="2" s="1"/>
  <c r="H4436" i="2" a="1"/>
  <c r="H4436" i="2" s="1"/>
  <c r="H4445" i="2" a="1"/>
  <c r="H4445" i="2" s="1"/>
  <c r="H4427" i="2" a="1"/>
  <c r="H4427" i="2" s="1"/>
  <c r="H4437" i="2" a="1"/>
  <c r="H4437" i="2" s="1"/>
  <c r="H4438" i="2" a="1"/>
  <c r="H4438" i="2" s="1"/>
  <c r="D1343" i="2" a="1"/>
  <c r="D1343" i="2" s="1"/>
  <c r="D1338" i="2" a="1"/>
  <c r="D1338" i="2" s="1"/>
  <c r="D1350" i="2" a="1"/>
  <c r="D1350" i="2" s="1"/>
  <c r="D1333" i="2" a="1"/>
  <c r="D1333" i="2" s="1"/>
  <c r="D1332" i="2" a="1"/>
  <c r="D1332" i="2" s="1"/>
  <c r="D1344" i="2" a="1"/>
  <c r="D1344" i="2" s="1"/>
  <c r="E1336" i="2" a="1"/>
  <c r="E1336" i="2" s="1"/>
  <c r="E1352" i="2" a="1"/>
  <c r="E1352" i="2" s="1"/>
  <c r="E1331" i="2" a="1"/>
  <c r="E1331" i="2" s="1"/>
  <c r="E1341" i="2" a="1"/>
  <c r="E1341" i="2" s="1"/>
  <c r="G1322" i="2" a="1"/>
  <c r="G1322" i="2" s="1"/>
  <c r="G1317" i="2" a="1"/>
  <c r="G1317" i="2" s="1"/>
  <c r="G1325" i="2" a="1"/>
  <c r="G1325" i="2" s="1"/>
  <c r="G1326" i="2" a="1"/>
  <c r="G1326" i="2" s="1"/>
  <c r="G1309" i="2" a="1"/>
  <c r="G1309" i="2" s="1"/>
  <c r="G1329" i="2" a="1"/>
  <c r="G1329" i="2" s="1"/>
  <c r="E5278" i="2" a="1"/>
  <c r="E5278" i="2" s="1"/>
  <c r="E5288" i="2" a="1"/>
  <c r="E5288" i="2" s="1"/>
  <c r="E5269" i="2" a="1"/>
  <c r="E5269" i="2" s="1"/>
  <c r="E5287" i="2" a="1"/>
  <c r="E5287" i="2" s="1"/>
  <c r="H5254" i="2" a="1"/>
  <c r="H5254" i="2" s="1"/>
  <c r="H5260" i="2" a="1"/>
  <c r="H5260" i="2" s="1"/>
  <c r="H5264" i="2" a="1"/>
  <c r="H5264" i="2" s="1"/>
  <c r="H5249" i="2" a="1"/>
  <c r="H5249" i="2" s="1"/>
  <c r="E3134" i="2" a="1"/>
  <c r="E3134" i="2" s="1"/>
  <c r="H6101" i="2" a="1"/>
  <c r="H6101" i="2" s="1"/>
  <c r="G6326" i="2" a="1"/>
  <c r="G6326" i="2" s="1"/>
  <c r="G6325" i="2" a="1"/>
  <c r="G6325" i="2" s="1"/>
  <c r="E7867" i="2" a="1"/>
  <c r="E7867" i="2" s="1"/>
  <c r="E7880" i="2" a="1"/>
  <c r="E7880" i="2" s="1"/>
  <c r="F5239" i="2" a="1"/>
  <c r="F5239" i="2" s="1"/>
  <c r="F5227" i="2" a="1"/>
  <c r="F5227" i="2" s="1"/>
  <c r="F5222" i="2" a="1"/>
  <c r="F5222" i="2" s="1"/>
  <c r="F5241" i="2" a="1"/>
  <c r="F5241" i="2" s="1"/>
  <c r="G3551" i="2" a="1"/>
  <c r="G3551" i="2" s="1"/>
  <c r="G3558" i="2" a="1"/>
  <c r="G3558" i="2" s="1"/>
  <c r="G3540" i="2" a="1"/>
  <c r="G3540" i="2" s="1"/>
  <c r="F2615" i="2" a="1"/>
  <c r="F2615" i="2" s="1"/>
  <c r="F3152" i="2" a="1"/>
  <c r="F3152" i="2" s="1"/>
  <c r="D8743" i="2" a="1"/>
  <c r="D8743" i="2" s="1"/>
  <c r="D1254" i="2" a="1"/>
  <c r="D1254" i="2" s="1"/>
  <c r="H6097" i="2" a="1"/>
  <c r="H6097" i="2" s="1"/>
  <c r="F6272" i="2" a="1"/>
  <c r="F6272" i="2" s="1"/>
  <c r="F6265" i="2" a="1"/>
  <c r="F6265" i="2" s="1"/>
  <c r="F6259" i="2" a="1"/>
  <c r="F6259" i="2" s="1"/>
  <c r="F6269" i="2" a="1"/>
  <c r="F6269" i="2" s="1"/>
  <c r="F6263" i="2" a="1"/>
  <c r="F6263" i="2" s="1"/>
  <c r="F4015" i="2" a="1"/>
  <c r="F4015" i="2" s="1"/>
  <c r="F4009" i="2" a="1"/>
  <c r="F4009" i="2" s="1"/>
  <c r="F4017" i="2" a="1"/>
  <c r="F4017" i="2" s="1"/>
  <c r="F4002" i="2" a="1"/>
  <c r="F4002" i="2" s="1"/>
  <c r="F1492" i="2" a="1"/>
  <c r="F1492" i="2" s="1"/>
  <c r="F1496" i="2" a="1"/>
  <c r="F1496" i="2" s="1"/>
  <c r="F1495" i="2" a="1"/>
  <c r="F1495" i="2" s="1"/>
  <c r="F1491" i="2" a="1"/>
  <c r="F1491" i="2" s="1"/>
  <c r="F1474" i="2" a="1"/>
  <c r="F1474" i="2" s="1"/>
  <c r="D3432" i="2" a="1"/>
  <c r="D3432" i="2" s="1"/>
  <c r="D3421" i="2" a="1"/>
  <c r="D3421" i="2" s="1"/>
  <c r="D3429" i="2" a="1"/>
  <c r="D3429" i="2" s="1"/>
  <c r="D3437" i="2" a="1"/>
  <c r="D3437" i="2" s="1"/>
  <c r="D3419" i="2" a="1"/>
  <c r="D3419" i="2" s="1"/>
  <c r="D3435" i="2" a="1"/>
  <c r="D3435" i="2" s="1"/>
  <c r="D3422" i="2" a="1"/>
  <c r="D3422" i="2" s="1"/>
  <c r="D3439" i="2" a="1"/>
  <c r="D3439" i="2" s="1"/>
  <c r="D3434" i="2" a="1"/>
  <c r="D3434" i="2" s="1"/>
  <c r="D3441" i="2" a="1"/>
  <c r="D3441" i="2" s="1"/>
  <c r="H3012" i="2" a="1"/>
  <c r="H3012" i="2" s="1"/>
  <c r="H3030" i="2" a="1"/>
  <c r="H3030" i="2" s="1"/>
  <c r="H3026" i="2" a="1"/>
  <c r="H3026" i="2" s="1"/>
  <c r="H3029" i="2" a="1"/>
  <c r="H3029" i="2" s="1"/>
  <c r="H3019" i="2" a="1"/>
  <c r="H3019" i="2" s="1"/>
  <c r="H3024" i="2" a="1"/>
  <c r="H3024" i="2" s="1"/>
  <c r="H3027" i="2" a="1"/>
  <c r="H3027" i="2" s="1"/>
  <c r="H3021" i="2" a="1"/>
  <c r="H3021" i="2" s="1"/>
  <c r="H122" i="2" a="1"/>
  <c r="H122" i="2" s="1"/>
  <c r="H106" i="2" a="1"/>
  <c r="H106" i="2" s="1"/>
  <c r="H128" i="2" a="1"/>
  <c r="H128" i="2" s="1"/>
  <c r="G8724" i="2" a="1"/>
  <c r="G8724" i="2" s="1"/>
  <c r="G8734" i="2" a="1"/>
  <c r="G8734" i="2" s="1"/>
  <c r="G8745" i="2" a="1"/>
  <c r="G8745" i="2" s="1"/>
  <c r="G8732" i="2" a="1"/>
  <c r="G8732" i="2" s="1"/>
  <c r="G8725" i="2" a="1"/>
  <c r="G8725" i="2" s="1"/>
  <c r="G8722" i="2" a="1"/>
  <c r="G8722" i="2" s="1"/>
  <c r="G8736" i="2" a="1"/>
  <c r="G8736" i="2" s="1"/>
  <c r="G8737" i="2" a="1"/>
  <c r="G8737" i="2" s="1"/>
  <c r="G8740" i="2" a="1"/>
  <c r="G8740" i="2" s="1"/>
  <c r="G8738" i="2" a="1"/>
  <c r="G8738" i="2" s="1"/>
  <c r="G8739" i="2" a="1"/>
  <c r="G8739" i="2" s="1"/>
  <c r="H4027" i="2" a="1"/>
  <c r="H4027" i="2" s="1"/>
  <c r="H4031" i="2" a="1"/>
  <c r="H4031" i="2" s="1"/>
  <c r="H4028" i="2" a="1"/>
  <c r="H4028" i="2" s="1"/>
  <c r="H4033" i="2" a="1"/>
  <c r="H4033" i="2" s="1"/>
  <c r="D2583" i="2" a="1"/>
  <c r="D2583" i="2" s="1"/>
  <c r="D2581" i="2" a="1"/>
  <c r="D2581" i="2" s="1"/>
  <c r="D2601" i="2" a="1"/>
  <c r="D2601" i="2" s="1"/>
  <c r="D2596" i="2" a="1"/>
  <c r="D2596" i="2" s="1"/>
  <c r="D2600" i="2" a="1"/>
  <c r="D2600" i="2" s="1"/>
  <c r="D2595" i="2" a="1"/>
  <c r="D2595" i="2" s="1"/>
  <c r="AP108" i="1"/>
  <c r="F114" i="5" s="1"/>
  <c r="D2593" i="2" a="1"/>
  <c r="D2593" i="2" s="1"/>
  <c r="AN108" i="1"/>
  <c r="D114" i="5" s="1"/>
  <c r="AO108" i="1"/>
  <c r="E114" i="5" s="1"/>
  <c r="D2599" i="2" a="1"/>
  <c r="D2599" i="2" s="1"/>
  <c r="G4889" i="2" a="1"/>
  <c r="G4889" i="2" s="1"/>
  <c r="G4883" i="2" a="1"/>
  <c r="G4883" i="2" s="1"/>
  <c r="G4896" i="2" a="1"/>
  <c r="G4896" i="2" s="1"/>
  <c r="G4905" i="2" a="1"/>
  <c r="G4905" i="2" s="1"/>
  <c r="G4885" i="2" a="1"/>
  <c r="G4885" i="2" s="1"/>
  <c r="G4890" i="2" a="1"/>
  <c r="G4890" i="2" s="1"/>
  <c r="E6239" i="2" a="1"/>
  <c r="E6239" i="2" s="1"/>
  <c r="E6231" i="2" a="1"/>
  <c r="E6231" i="2" s="1"/>
  <c r="E6228" i="2" a="1"/>
  <c r="E6228" i="2" s="1"/>
  <c r="E6238" i="2" a="1"/>
  <c r="E6238" i="2" s="1"/>
  <c r="E6227" i="2" a="1"/>
  <c r="E6227" i="2" s="1"/>
  <c r="E6248" i="2" a="1"/>
  <c r="E6248" i="2" s="1"/>
  <c r="E6246" i="2" a="1"/>
  <c r="E6246" i="2" s="1"/>
  <c r="E6241" i="2" a="1"/>
  <c r="E6241" i="2" s="1"/>
  <c r="E6993" i="2" a="1"/>
  <c r="E6993" i="2" s="1"/>
  <c r="E6981" i="2" a="1"/>
  <c r="E6981" i="2" s="1"/>
  <c r="E6990" i="2" a="1"/>
  <c r="E6990" i="2" s="1"/>
  <c r="E6985" i="2" a="1"/>
  <c r="E6985" i="2" s="1"/>
  <c r="E6975" i="2" a="1"/>
  <c r="E6975" i="2" s="1"/>
  <c r="H794" i="2" a="1"/>
  <c r="H794" i="2" s="1"/>
  <c r="H785" i="2" a="1"/>
  <c r="H785" i="2" s="1"/>
  <c r="H790" i="2" a="1"/>
  <c r="H790" i="2" s="1"/>
  <c r="H782" i="2" a="1"/>
  <c r="H782" i="2" s="1"/>
  <c r="H791" i="2" a="1"/>
  <c r="H791" i="2" s="1"/>
  <c r="H798" i="2" a="1"/>
  <c r="H798" i="2" s="1"/>
  <c r="H1075" i="2" a="1"/>
  <c r="H1075" i="2" s="1"/>
  <c r="H1073" i="2" a="1"/>
  <c r="H1073" i="2" s="1"/>
  <c r="H1086" i="2" a="1"/>
  <c r="H1086" i="2" s="1"/>
  <c r="H1072" i="2" a="1"/>
  <c r="H1072" i="2" s="1"/>
  <c r="F590" i="2" a="1"/>
  <c r="F590" i="2" s="1"/>
  <c r="F592" i="2" a="1"/>
  <c r="F592" i="2" s="1"/>
  <c r="F595" i="2" a="1"/>
  <c r="F595" i="2" s="1"/>
  <c r="F591" i="2" a="1"/>
  <c r="F591" i="2" s="1"/>
  <c r="E2041" i="2" a="1"/>
  <c r="E2041" i="2" s="1"/>
  <c r="E2027" i="2" a="1"/>
  <c r="E2027" i="2" s="1"/>
  <c r="E2029" i="2" a="1"/>
  <c r="E2029" i="2" s="1"/>
  <c r="E2043" i="2" a="1"/>
  <c r="E2043" i="2" s="1"/>
  <c r="F4547" i="2" a="1"/>
  <c r="F4547" i="2" s="1"/>
  <c r="F4546" i="2" a="1"/>
  <c r="F4546" i="2" s="1"/>
  <c r="F4561" i="2" a="1"/>
  <c r="F4561" i="2" s="1"/>
  <c r="F4555" i="2" a="1"/>
  <c r="F4555" i="2" s="1"/>
  <c r="F4554" i="2" a="1"/>
  <c r="F4554" i="2" s="1"/>
  <c r="F4556" i="2" a="1"/>
  <c r="F4556" i="2" s="1"/>
  <c r="F4552" i="2" a="1"/>
  <c r="F4552" i="2" s="1"/>
  <c r="F4551" i="2" a="1"/>
  <c r="F4551" i="2" s="1"/>
  <c r="E5590" i="2" a="1"/>
  <c r="E5590" i="2" s="1"/>
  <c r="E5585" i="2" a="1"/>
  <c r="E5585" i="2" s="1"/>
  <c r="E5591" i="2" a="1"/>
  <c r="E5591" i="2" s="1"/>
  <c r="E5582" i="2" a="1"/>
  <c r="E5582" i="2" s="1"/>
  <c r="E5593" i="2" a="1"/>
  <c r="E5593" i="2" s="1"/>
  <c r="E5587" i="2" a="1"/>
  <c r="E5587" i="2" s="1"/>
  <c r="E5595" i="2" a="1"/>
  <c r="E5595" i="2" s="1"/>
  <c r="E5596" i="2" a="1"/>
  <c r="E5596" i="2" s="1"/>
  <c r="E5580" i="2" a="1"/>
  <c r="E5580" i="2" s="1"/>
  <c r="E5599" i="2" a="1"/>
  <c r="E5599" i="2" s="1"/>
  <c r="E5601" i="2" a="1"/>
  <c r="E5601" i="2" s="1"/>
  <c r="D5732" i="2" a="1"/>
  <c r="D5732" i="2" s="1"/>
  <c r="D5722" i="2" a="1"/>
  <c r="D5722" i="2" s="1"/>
  <c r="D5739" i="2" a="1"/>
  <c r="D5739" i="2" s="1"/>
  <c r="D5738" i="2" a="1"/>
  <c r="D5738" i="2" s="1"/>
  <c r="D4107" i="2" a="1"/>
  <c r="D4107" i="2" s="1"/>
  <c r="D4090" i="2" a="1"/>
  <c r="D4090" i="2" s="1"/>
  <c r="D4098" i="2" a="1"/>
  <c r="D4098" i="2" s="1"/>
  <c r="D4102" i="2" a="1"/>
  <c r="D4102" i="2" s="1"/>
  <c r="D4094" i="2" a="1"/>
  <c r="D4094" i="2" s="1"/>
  <c r="D4097" i="2" a="1"/>
  <c r="D4097" i="2" s="1"/>
  <c r="AP171" i="1"/>
  <c r="F177" i="5" s="1"/>
  <c r="AM171" i="1"/>
  <c r="D4099" i="2" a="1"/>
  <c r="D4099" i="2" s="1"/>
  <c r="D6336" i="2" a="1"/>
  <c r="D6336" i="2" s="1"/>
  <c r="D6344" i="2" a="1"/>
  <c r="D6344" i="2" s="1"/>
  <c r="D6325" i="2" a="1"/>
  <c r="D6325" i="2" s="1"/>
  <c r="D6341" i="2" a="1"/>
  <c r="D6341" i="2" s="1"/>
  <c r="D6343" i="2" a="1"/>
  <c r="D6343" i="2" s="1"/>
  <c r="D6335" i="2" a="1"/>
  <c r="D6335" i="2" s="1"/>
  <c r="D6330" i="2" a="1"/>
  <c r="D6330" i="2" s="1"/>
  <c r="D6338" i="2" a="1"/>
  <c r="D6338" i="2" s="1"/>
  <c r="F3158" i="2" a="1"/>
  <c r="F3158" i="2" s="1"/>
  <c r="F3159" i="2" a="1"/>
  <c r="F3159" i="2" s="1"/>
  <c r="F3173" i="2" a="1"/>
  <c r="F3173" i="2" s="1"/>
  <c r="H3809" i="2" a="1"/>
  <c r="H3809" i="2" s="1"/>
  <c r="H3810" i="2" a="1"/>
  <c r="H3810" i="2" s="1"/>
  <c r="H3807" i="2" a="1"/>
  <c r="H3807" i="2" s="1"/>
  <c r="H3812" i="2" a="1"/>
  <c r="H3812" i="2" s="1"/>
  <c r="H3813" i="2" a="1"/>
  <c r="H3813" i="2" s="1"/>
  <c r="H4395" i="2" a="1"/>
  <c r="H4395" i="2" s="1"/>
  <c r="H4388" i="2" a="1"/>
  <c r="H4388" i="2" s="1"/>
  <c r="H4392" i="2" a="1"/>
  <c r="H4392" i="2" s="1"/>
  <c r="H4396" i="2" a="1"/>
  <c r="H4396" i="2" s="1"/>
  <c r="H4399" i="2" a="1"/>
  <c r="H4399" i="2" s="1"/>
  <c r="H4386" i="2" a="1"/>
  <c r="H4386" i="2" s="1"/>
  <c r="H4387" i="2" a="1"/>
  <c r="H4387" i="2" s="1"/>
  <c r="H4381" i="2" a="1"/>
  <c r="H4381" i="2" s="1"/>
  <c r="H4384" i="2" a="1"/>
  <c r="H4384" i="2" s="1"/>
  <c r="H4393" i="2" a="1"/>
  <c r="H4393" i="2" s="1"/>
  <c r="E3845" i="2" a="1"/>
  <c r="E3845" i="2" s="1"/>
  <c r="E3848" i="2" a="1"/>
  <c r="E3848" i="2" s="1"/>
  <c r="E3837" i="2" a="1"/>
  <c r="E3837" i="2" s="1"/>
  <c r="E3839" i="2" a="1"/>
  <c r="E3839" i="2" s="1"/>
  <c r="E3838" i="2" a="1"/>
  <c r="E3838" i="2" s="1"/>
  <c r="E3829" i="2" a="1"/>
  <c r="E3829" i="2" s="1"/>
  <c r="H4456" i="2" a="1"/>
  <c r="H4456" i="2" s="1"/>
  <c r="H4463" i="2" a="1"/>
  <c r="H4463" i="2" s="1"/>
  <c r="H4472" i="2" a="1"/>
  <c r="H4472" i="2" s="1"/>
  <c r="H4452" i="2" a="1"/>
  <c r="H4452" i="2" s="1"/>
  <c r="H4470" i="2" a="1"/>
  <c r="H4470" i="2" s="1"/>
  <c r="H4457" i="2" a="1"/>
  <c r="H4457" i="2" s="1"/>
  <c r="H4467" i="2" a="1"/>
  <c r="H4467" i="2" s="1"/>
  <c r="H4466" i="2" a="1"/>
  <c r="H4466" i="2" s="1"/>
  <c r="F98" i="2" a="1"/>
  <c r="F98" i="2" s="1"/>
  <c r="F89" i="2" a="1"/>
  <c r="F89" i="2" s="1"/>
  <c r="F97" i="2" a="1"/>
  <c r="F97" i="2" s="1"/>
  <c r="F103" i="2" a="1"/>
  <c r="F103" i="2" s="1"/>
  <c r="F100" i="2" a="1"/>
  <c r="F100" i="2" s="1"/>
  <c r="F96" i="2" a="1"/>
  <c r="F96" i="2" s="1"/>
  <c r="F94" i="2" a="1"/>
  <c r="F94" i="2" s="1"/>
  <c r="F91" i="2" a="1"/>
  <c r="F91" i="2" s="1"/>
  <c r="E8245" i="2" a="1"/>
  <c r="E8245" i="2" s="1"/>
  <c r="E8259" i="2" a="1"/>
  <c r="E8259" i="2" s="1"/>
  <c r="E8261" i="2" a="1"/>
  <c r="E8261" i="2" s="1"/>
  <c r="E8248" i="2" a="1"/>
  <c r="E8248" i="2" s="1"/>
  <c r="E8256" i="2" a="1"/>
  <c r="E8256" i="2" s="1"/>
  <c r="E8249" i="2" a="1"/>
  <c r="E8249" i="2" s="1"/>
  <c r="G597" i="2" a="1"/>
  <c r="G597" i="2" s="1"/>
  <c r="G593" i="2" a="1"/>
  <c r="G593" i="2" s="1"/>
  <c r="G588" i="2" a="1"/>
  <c r="G588" i="2" s="1"/>
  <c r="G598" i="2" a="1"/>
  <c r="G598" i="2" s="1"/>
  <c r="G604" i="2" a="1"/>
  <c r="G604" i="2" s="1"/>
  <c r="D5325" i="2" a="1"/>
  <c r="D5325" i="2" s="1"/>
  <c r="D5333" i="2" a="1"/>
  <c r="D5333" i="2" s="1"/>
  <c r="D5337" i="2" a="1"/>
  <c r="D5337" i="2" s="1"/>
  <c r="D5316" i="2" a="1"/>
  <c r="D5316" i="2" s="1"/>
  <c r="D5318" i="2" a="1"/>
  <c r="D5318" i="2" s="1"/>
  <c r="D5332" i="2" a="1"/>
  <c r="D5332" i="2" s="1"/>
  <c r="D5314" i="2" a="1"/>
  <c r="D5314" i="2" s="1"/>
  <c r="D5322" i="2" a="1"/>
  <c r="D5322" i="2" s="1"/>
  <c r="D3496" i="2" a="1"/>
  <c r="D3496" i="2" s="1"/>
  <c r="D3512" i="2" a="1"/>
  <c r="D3512" i="2" s="1"/>
  <c r="D3495" i="2" a="1"/>
  <c r="D3495" i="2" s="1"/>
  <c r="D3494" i="2" a="1"/>
  <c r="D3494" i="2" s="1"/>
  <c r="D3502" i="2" a="1"/>
  <c r="D3502" i="2" s="1"/>
  <c r="D3490" i="2" a="1"/>
  <c r="D3490" i="2" s="1"/>
  <c r="D3500" i="2" a="1"/>
  <c r="D3500" i="2" s="1"/>
  <c r="D3491" i="2" a="1"/>
  <c r="D3491" i="2" s="1"/>
  <c r="D3499" i="2" a="1"/>
  <c r="D3499" i="2" s="1"/>
  <c r="D3503" i="2" a="1"/>
  <c r="D3503" i="2" s="1"/>
  <c r="D3506" i="2" a="1"/>
  <c r="D3506" i="2" s="1"/>
  <c r="D3497" i="2" a="1"/>
  <c r="D3497" i="2" s="1"/>
  <c r="D3501" i="2" a="1"/>
  <c r="D3501" i="2" s="1"/>
  <c r="D3513" i="2" a="1"/>
  <c r="D3513" i="2" s="1"/>
  <c r="G2236" i="2" a="1"/>
  <c r="G2236" i="2" s="1"/>
  <c r="G2223" i="2" a="1"/>
  <c r="G2223" i="2" s="1"/>
  <c r="G2237" i="2" a="1"/>
  <c r="G2237" i="2" s="1"/>
  <c r="G2224" i="2" a="1"/>
  <c r="G2224" i="2" s="1"/>
  <c r="G2227" i="2" a="1"/>
  <c r="G2227" i="2" s="1"/>
  <c r="G2229" i="2" a="1"/>
  <c r="G2229" i="2" s="1"/>
  <c r="G2225" i="2" a="1"/>
  <c r="G2225" i="2" s="1"/>
  <c r="G2232" i="2" a="1"/>
  <c r="G2232" i="2" s="1"/>
  <c r="G2235" i="2" a="1"/>
  <c r="G2235" i="2" s="1"/>
  <c r="G2230" i="2" a="1"/>
  <c r="G2230" i="2" s="1"/>
  <c r="G8509" i="2" a="1"/>
  <c r="G8509" i="2" s="1"/>
  <c r="G8514" i="2" a="1"/>
  <c r="G8514" i="2" s="1"/>
  <c r="G8517" i="2" a="1"/>
  <c r="G8517" i="2" s="1"/>
  <c r="G8515" i="2" a="1"/>
  <c r="G8515" i="2" s="1"/>
  <c r="H5469" i="2" a="1"/>
  <c r="H5469" i="2" s="1"/>
  <c r="H5478" i="2" a="1"/>
  <c r="H5478" i="2" s="1"/>
  <c r="H5479" i="2" a="1"/>
  <c r="H5479" i="2" s="1"/>
  <c r="H5475" i="2" a="1"/>
  <c r="H5475" i="2" s="1"/>
  <c r="H5461" i="2" a="1"/>
  <c r="H5461" i="2" s="1"/>
  <c r="H5471" i="2" a="1"/>
  <c r="H5471" i="2" s="1"/>
  <c r="H5462" i="2" a="1"/>
  <c r="H5462" i="2" s="1"/>
  <c r="H5467" i="2" a="1"/>
  <c r="H5467" i="2" s="1"/>
  <c r="H5472" i="2" a="1"/>
  <c r="H5472" i="2" s="1"/>
  <c r="H5459" i="2" a="1"/>
  <c r="H5459" i="2" s="1"/>
  <c r="H5464" i="2" a="1"/>
  <c r="H5464" i="2" s="1"/>
  <c r="G1753" i="2" a="1"/>
  <c r="G1753" i="2" s="1"/>
  <c r="G1758" i="2" a="1"/>
  <c r="G1758" i="2" s="1"/>
  <c r="D2196" i="2" a="1"/>
  <c r="D2196" i="2" s="1"/>
  <c r="D2195" i="2" a="1"/>
  <c r="D2195" i="2" s="1"/>
  <c r="D2202" i="2" a="1"/>
  <c r="D2202" i="2" s="1"/>
  <c r="D2206" i="2" a="1"/>
  <c r="D2206" i="2" s="1"/>
  <c r="G1436" i="2" a="1"/>
  <c r="G1436" i="2" s="1"/>
  <c r="G1448" i="2" a="1"/>
  <c r="G1448" i="2" s="1"/>
  <c r="G1437" i="2" a="1"/>
  <c r="G1437" i="2" s="1"/>
  <c r="G1429" i="2" a="1"/>
  <c r="G1429" i="2" s="1"/>
  <c r="G1441" i="2" a="1"/>
  <c r="G1441" i="2" s="1"/>
  <c r="G1426" i="2" a="1"/>
  <c r="G1426" i="2" s="1"/>
  <c r="G1445" i="2" a="1"/>
  <c r="G1445" i="2" s="1"/>
  <c r="G1443" i="2" a="1"/>
  <c r="G1443" i="2" s="1"/>
  <c r="G1440" i="2" a="1"/>
  <c r="G1440" i="2" s="1"/>
  <c r="D4851" i="2" a="1"/>
  <c r="D4851" i="2" s="1"/>
  <c r="D4845" i="2" a="1"/>
  <c r="D4845" i="2" s="1"/>
  <c r="D4856" i="2" a="1"/>
  <c r="D4856" i="2" s="1"/>
  <c r="D4842" i="2" a="1"/>
  <c r="D4842" i="2" s="1"/>
  <c r="D4837" i="2" a="1"/>
  <c r="D4837" i="2" s="1"/>
  <c r="D4839" i="2" a="1"/>
  <c r="D4839" i="2" s="1"/>
  <c r="D4834" i="2" a="1"/>
  <c r="D4834" i="2" s="1"/>
  <c r="D4838" i="2" a="1"/>
  <c r="D4838" i="2" s="1"/>
  <c r="G3519" i="2" a="1"/>
  <c r="G3519" i="2" s="1"/>
  <c r="G3529" i="2" a="1"/>
  <c r="G3529" i="2" s="1"/>
  <c r="G3527" i="2" a="1"/>
  <c r="G3527" i="2" s="1"/>
  <c r="G3526" i="2" a="1"/>
  <c r="G3526" i="2" s="1"/>
  <c r="G3531" i="2" a="1"/>
  <c r="G3531" i="2" s="1"/>
  <c r="G3521" i="2" a="1"/>
  <c r="G3521" i="2" s="1"/>
  <c r="G3515" i="2" a="1"/>
  <c r="G3515" i="2" s="1"/>
  <c r="G3517" i="2" a="1"/>
  <c r="G3517" i="2" s="1"/>
  <c r="G3530" i="2" a="1"/>
  <c r="G3530" i="2" s="1"/>
  <c r="G3520" i="2" a="1"/>
  <c r="G3520" i="2" s="1"/>
  <c r="G3516" i="2" a="1"/>
  <c r="G3516" i="2" s="1"/>
  <c r="G932" i="2" a="1"/>
  <c r="G932" i="2" s="1"/>
  <c r="G929" i="2" a="1"/>
  <c r="G929" i="2" s="1"/>
  <c r="G930" i="2" a="1"/>
  <c r="G930" i="2" s="1"/>
  <c r="G936" i="2" a="1"/>
  <c r="G936" i="2" s="1"/>
  <c r="G937" i="2" a="1"/>
  <c r="G937" i="2" s="1"/>
  <c r="G945" i="2" a="1"/>
  <c r="G945" i="2" s="1"/>
  <c r="G925" i="2" a="1"/>
  <c r="G925" i="2" s="1"/>
  <c r="G922" i="2" a="1"/>
  <c r="G922" i="2" s="1"/>
  <c r="G928" i="2" a="1"/>
  <c r="G928" i="2" s="1"/>
  <c r="G934" i="2" a="1"/>
  <c r="G934" i="2" s="1"/>
  <c r="G940" i="2" a="1"/>
  <c r="G940" i="2" s="1"/>
  <c r="G926" i="2" a="1"/>
  <c r="G926" i="2" s="1"/>
  <c r="E8193" i="2" a="1"/>
  <c r="E8193" i="2" s="1"/>
  <c r="E8188" i="2" a="1"/>
  <c r="E8188" i="2" s="1"/>
  <c r="E8174" i="2" a="1"/>
  <c r="E8174" i="2" s="1"/>
  <c r="E8191" i="2" a="1"/>
  <c r="E8191" i="2" s="1"/>
  <c r="E8172" i="2" a="1"/>
  <c r="E8172" i="2" s="1"/>
  <c r="E8173" i="2" a="1"/>
  <c r="E8173" i="2" s="1"/>
  <c r="E8185" i="2" a="1"/>
  <c r="E8185" i="2" s="1"/>
  <c r="E8182" i="2" a="1"/>
  <c r="E8182" i="2" s="1"/>
  <c r="E8178" i="2" a="1"/>
  <c r="E8178" i="2" s="1"/>
  <c r="E8189" i="2" a="1"/>
  <c r="E8189" i="2" s="1"/>
  <c r="E8170" i="2" a="1"/>
  <c r="E8170" i="2" s="1"/>
  <c r="F6268" i="2" a="1"/>
  <c r="F6268" i="2" s="1"/>
  <c r="G4902" i="2" a="1"/>
  <c r="G4902" i="2" s="1"/>
  <c r="G8730" i="2" a="1"/>
  <c r="G8730" i="2" s="1"/>
  <c r="H3015" i="2" a="1"/>
  <c r="H3015" i="2" s="1"/>
  <c r="D2588" i="2" a="1"/>
  <c r="D2588" i="2" s="1"/>
  <c r="D8739" i="2" a="1"/>
  <c r="D8739" i="2" s="1"/>
  <c r="E6230" i="2" a="1"/>
  <c r="E6230" i="2" s="1"/>
  <c r="D1237" i="2" a="1"/>
  <c r="D1237" i="2" s="1"/>
  <c r="F6252" i="2" a="1"/>
  <c r="F6252" i="2" s="1"/>
  <c r="H4025" i="2" a="1"/>
  <c r="H4025" i="2" s="1"/>
  <c r="F3130" i="2" a="1"/>
  <c r="F3130" i="2" s="1"/>
  <c r="E5521" i="2" a="1"/>
  <c r="E5521" i="2" s="1"/>
  <c r="E6987" i="2" a="1"/>
  <c r="E6987" i="2" s="1"/>
  <c r="H3028" i="2" a="1"/>
  <c r="H3028" i="2" s="1"/>
  <c r="D2584" i="2" a="1"/>
  <c r="D2584" i="2" s="1"/>
  <c r="D3438" i="2" a="1"/>
  <c r="D3438" i="2" s="1"/>
  <c r="D8728" i="2" a="1"/>
  <c r="D8728" i="2" s="1"/>
  <c r="E6244" i="2" a="1"/>
  <c r="E6244" i="2" s="1"/>
  <c r="E1267" i="2" a="1"/>
  <c r="E1267" i="2" s="1"/>
  <c r="D1252" i="2" a="1"/>
  <c r="D1252" i="2" s="1"/>
  <c r="D6367" i="2" a="1"/>
  <c r="D6367" i="2" s="1"/>
  <c r="E8407" i="2" a="1"/>
  <c r="E8407" i="2" s="1"/>
  <c r="E2042" i="2" a="1"/>
  <c r="E2042" i="2" s="1"/>
  <c r="E5510" i="2" a="1"/>
  <c r="E5510" i="2" s="1"/>
  <c r="E5713" i="2" a="1"/>
  <c r="E5713" i="2" s="1"/>
  <c r="H3017" i="2" a="1"/>
  <c r="H3017" i="2" s="1"/>
  <c r="D2580" i="2" a="1"/>
  <c r="D2580" i="2" s="1"/>
  <c r="D3430" i="2" a="1"/>
  <c r="D3430" i="2" s="1"/>
  <c r="E6247" i="2" a="1"/>
  <c r="E6247" i="2" s="1"/>
  <c r="F1016" i="2" a="1"/>
  <c r="F1016" i="2" s="1"/>
  <c r="D8740" i="2" a="1"/>
  <c r="D8740" i="2" s="1"/>
  <c r="D8726" i="2" a="1"/>
  <c r="D8726" i="2" s="1"/>
  <c r="D8729" i="2" a="1"/>
  <c r="D8729" i="2" s="1"/>
  <c r="D8725" i="2" a="1"/>
  <c r="D8725" i="2" s="1"/>
  <c r="D8731" i="2" a="1"/>
  <c r="D8731" i="2" s="1"/>
  <c r="D8727" i="2" a="1"/>
  <c r="D8727" i="2" s="1"/>
  <c r="D8738" i="2" a="1"/>
  <c r="D8738" i="2" s="1"/>
  <c r="D8724" i="2" a="1"/>
  <c r="D8724" i="2" s="1"/>
  <c r="D8732" i="2" a="1"/>
  <c r="D8732" i="2" s="1"/>
  <c r="E3151" i="2" a="1"/>
  <c r="E3151" i="2" s="1"/>
  <c r="E3145" i="2" a="1"/>
  <c r="E3145" i="2" s="1"/>
  <c r="E3131" i="2" a="1"/>
  <c r="E3131" i="2" s="1"/>
  <c r="E3143" i="2" a="1"/>
  <c r="E3143" i="2" s="1"/>
  <c r="E3138" i="2" a="1"/>
  <c r="E3138" i="2" s="1"/>
  <c r="E628" i="2" a="1"/>
  <c r="E628" i="2" s="1"/>
  <c r="E626" i="2" a="1"/>
  <c r="E626" i="2" s="1"/>
  <c r="E625" i="2" a="1"/>
  <c r="E625" i="2" s="1"/>
  <c r="E613" i="2" a="1"/>
  <c r="E613" i="2" s="1"/>
  <c r="E614" i="2" a="1"/>
  <c r="E614" i="2" s="1"/>
  <c r="H8304" i="2" a="1"/>
  <c r="H8304" i="2" s="1"/>
  <c r="H8305" i="2" a="1"/>
  <c r="H8305" i="2" s="1"/>
  <c r="H8295" i="2" a="1"/>
  <c r="H8295" i="2" s="1"/>
  <c r="H8301" i="2" a="1"/>
  <c r="H8301" i="2" s="1"/>
  <c r="G7438" i="2" a="1"/>
  <c r="G7438" i="2" s="1"/>
  <c r="G7448" i="2" a="1"/>
  <c r="G7448" i="2" s="1"/>
  <c r="G7446" i="2" a="1"/>
  <c r="G7446" i="2" s="1"/>
  <c r="G7436" i="2" a="1"/>
  <c r="G7436" i="2" s="1"/>
  <c r="F2616" i="2" a="1"/>
  <c r="F2616" i="2" s="1"/>
  <c r="F2613" i="2" a="1"/>
  <c r="F2613" i="2" s="1"/>
  <c r="F2609" i="2" a="1"/>
  <c r="F2609" i="2" s="1"/>
  <c r="F2607" i="2" a="1"/>
  <c r="F2607" i="2" s="1"/>
  <c r="E1263" i="2" a="1"/>
  <c r="E1263" i="2" s="1"/>
  <c r="E1273" i="2" a="1"/>
  <c r="E1273" i="2" s="1"/>
  <c r="E1265" i="2" a="1"/>
  <c r="E1265" i="2" s="1"/>
  <c r="E1280" i="2" a="1"/>
  <c r="E1280" i="2" s="1"/>
  <c r="E1271" i="2" a="1"/>
  <c r="E1271" i="2" s="1"/>
  <c r="E1281" i="2" a="1"/>
  <c r="E1281" i="2" s="1"/>
  <c r="E1270" i="2" a="1"/>
  <c r="E1270" i="2" s="1"/>
  <c r="E1262" i="2" a="1"/>
  <c r="E1262" i="2" s="1"/>
  <c r="E1275" i="2" a="1"/>
  <c r="E1275" i="2" s="1"/>
  <c r="E1276" i="2" a="1"/>
  <c r="E1276" i="2" s="1"/>
  <c r="E1264" i="2" a="1"/>
  <c r="E1264" i="2" s="1"/>
  <c r="E2419" i="2" a="1"/>
  <c r="E2419" i="2" s="1"/>
  <c r="E2415" i="2" a="1"/>
  <c r="E2415" i="2" s="1"/>
  <c r="AN158" i="1"/>
  <c r="D164" i="5" s="1"/>
  <c r="AO158" i="1"/>
  <c r="E164" i="5" s="1"/>
  <c r="F5702" i="2" a="1"/>
  <c r="F5702" i="2" s="1"/>
  <c r="F5700" i="2" a="1"/>
  <c r="F5700" i="2" s="1"/>
  <c r="D3281" i="2" a="1"/>
  <c r="D3281" i="2" s="1"/>
  <c r="D3284" i="2" a="1"/>
  <c r="D3284" i="2" s="1"/>
  <c r="D3292" i="2" a="1"/>
  <c r="D3292" i="2" s="1"/>
  <c r="D3283" i="2" a="1"/>
  <c r="D3283" i="2" s="1"/>
  <c r="D3287" i="2" a="1"/>
  <c r="D3287" i="2" s="1"/>
  <c r="D3296" i="2" a="1"/>
  <c r="D3296" i="2" s="1"/>
  <c r="D3282" i="2" a="1"/>
  <c r="D3282" i="2" s="1"/>
  <c r="AP137" i="1"/>
  <c r="F143" i="5" s="1"/>
  <c r="D3286" i="2" a="1"/>
  <c r="D3286" i="2" s="1"/>
  <c r="H1363" i="2" a="1"/>
  <c r="H1363" i="2" s="1"/>
  <c r="H1370" i="2" a="1"/>
  <c r="H1370" i="2" s="1"/>
  <c r="H1369" i="2" a="1"/>
  <c r="H1369" i="2" s="1"/>
  <c r="F5696" i="2" a="1"/>
  <c r="F5696" i="2" s="1"/>
  <c r="F5683" i="2" a="1"/>
  <c r="F5683" i="2" s="1"/>
  <c r="F5684" i="2" a="1"/>
  <c r="F5684" i="2" s="1"/>
  <c r="D1246" i="2" a="1"/>
  <c r="D1246" i="2" s="1"/>
  <c r="D1240" i="2" a="1"/>
  <c r="D1240" i="2" s="1"/>
  <c r="D1239" i="2" a="1"/>
  <c r="D1239" i="2" s="1"/>
  <c r="D1243" i="2" a="1"/>
  <c r="D1243" i="2" s="1"/>
  <c r="D1247" i="2" a="1"/>
  <c r="D1247" i="2" s="1"/>
  <c r="D1236" i="2" a="1"/>
  <c r="D1236" i="2" s="1"/>
  <c r="D1234" i="2" a="1"/>
  <c r="D1234" i="2" s="1"/>
  <c r="D1251" i="2" a="1"/>
  <c r="D1251" i="2" s="1"/>
  <c r="D1255" i="2" a="1"/>
  <c r="D1255" i="2" s="1"/>
  <c r="D1238" i="2" a="1"/>
  <c r="D1238" i="2" s="1"/>
  <c r="D1242" i="2" a="1"/>
  <c r="D1242" i="2" s="1"/>
  <c r="F1031" i="2" a="1"/>
  <c r="F1031" i="2" s="1"/>
  <c r="F1034" i="2" a="1"/>
  <c r="F1034" i="2" s="1"/>
  <c r="F1041" i="2" a="1"/>
  <c r="F1041" i="2" s="1"/>
  <c r="F1020" i="2" a="1"/>
  <c r="F1020" i="2" s="1"/>
  <c r="G4944" i="2" a="1"/>
  <c r="G4944" i="2" s="1"/>
  <c r="G4953" i="2" a="1"/>
  <c r="G4953" i="2" s="1"/>
  <c r="G4936" i="2" a="1"/>
  <c r="G4936" i="2" s="1"/>
  <c r="G3286" i="2" a="1"/>
  <c r="G3286" i="2" s="1"/>
  <c r="G3282" i="2" a="1"/>
  <c r="G3282" i="2" s="1"/>
  <c r="G3278" i="2" a="1"/>
  <c r="G3278" i="2" s="1"/>
  <c r="G3288" i="2" a="1"/>
  <c r="G3288" i="2" s="1"/>
  <c r="G3279" i="2" a="1"/>
  <c r="G3279" i="2" s="1"/>
  <c r="G3291" i="2" a="1"/>
  <c r="G3291" i="2" s="1"/>
  <c r="G3294" i="2" a="1"/>
  <c r="G3294" i="2" s="1"/>
  <c r="H5962" i="2" a="1"/>
  <c r="H5962" i="2" s="1"/>
  <c r="H5979" i="2" a="1"/>
  <c r="H5979" i="2" s="1"/>
  <c r="F3238" i="2" a="1"/>
  <c r="F3238" i="2" s="1"/>
  <c r="F3241" i="2" a="1"/>
  <c r="F3241" i="2" s="1"/>
  <c r="F3239" i="2" a="1"/>
  <c r="F3239" i="2" s="1"/>
  <c r="F1316" i="2" a="1"/>
  <c r="F1316" i="2" s="1"/>
  <c r="F1317" i="2" a="1"/>
  <c r="F1317" i="2" s="1"/>
  <c r="F1308" i="2" a="1"/>
  <c r="F1308" i="2" s="1"/>
  <c r="H2932" i="2" a="1"/>
  <c r="H2932" i="2" s="1"/>
  <c r="H2917" i="2" a="1"/>
  <c r="H2917" i="2" s="1"/>
  <c r="H2924" i="2" a="1"/>
  <c r="H2924" i="2" s="1"/>
  <c r="H2922" i="2" a="1"/>
  <c r="H2922" i="2" s="1"/>
  <c r="H2935" i="2" a="1"/>
  <c r="H2935" i="2" s="1"/>
  <c r="H2920" i="2" a="1"/>
  <c r="H2920" i="2" s="1"/>
  <c r="H4416" i="2" a="1"/>
  <c r="H4416" i="2" s="1"/>
  <c r="H4411" i="2" a="1"/>
  <c r="H4411" i="2" s="1"/>
  <c r="H4412" i="2" a="1"/>
  <c r="H4412" i="2" s="1"/>
  <c r="H4415" i="2" a="1"/>
  <c r="H4415" i="2" s="1"/>
  <c r="H4402" i="2" a="1"/>
  <c r="H4402" i="2" s="1"/>
  <c r="H4420" i="2" a="1"/>
  <c r="H4420" i="2" s="1"/>
  <c r="H4425" i="2" a="1"/>
  <c r="H4425" i="2" s="1"/>
  <c r="D5494" i="2" a="1"/>
  <c r="D5494" i="2" s="1"/>
  <c r="D5500" i="2" a="1"/>
  <c r="D5500" i="2" s="1"/>
  <c r="D5484" i="2" a="1"/>
  <c r="D5484" i="2" s="1"/>
  <c r="D5485" i="2" a="1"/>
  <c r="D5485" i="2" s="1"/>
  <c r="D6483" i="2" a="1"/>
  <c r="D6483" i="2" s="1"/>
  <c r="D6479" i="2" a="1"/>
  <c r="D6479" i="2" s="1"/>
  <c r="D6485" i="2" a="1"/>
  <c r="D6485" i="2" s="1"/>
  <c r="D6467" i="2" a="1"/>
  <c r="D6467" i="2" s="1"/>
  <c r="G7534" i="2" a="1"/>
  <c r="G7534" i="2" s="1"/>
  <c r="G7523" i="2" a="1"/>
  <c r="G7523" i="2" s="1"/>
  <c r="G7529" i="2" a="1"/>
  <c r="G7529" i="2" s="1"/>
  <c r="G7545" i="2" a="1"/>
  <c r="G7545" i="2" s="1"/>
  <c r="E8386" i="2" a="1"/>
  <c r="E8386" i="2" s="1"/>
  <c r="E8390" i="2" a="1"/>
  <c r="E8390" i="2" s="1"/>
  <c r="E8387" i="2" a="1"/>
  <c r="E8387" i="2" s="1"/>
  <c r="E8404" i="2" a="1"/>
  <c r="E8404" i="2" s="1"/>
  <c r="E8391" i="2" a="1"/>
  <c r="E8391" i="2" s="1"/>
  <c r="E8408" i="2" a="1"/>
  <c r="E8408" i="2" s="1"/>
  <c r="E8405" i="2" a="1"/>
  <c r="E8405" i="2" s="1"/>
  <c r="E8398" i="2" a="1"/>
  <c r="E8398" i="2" s="1"/>
  <c r="E8401" i="2" a="1"/>
  <c r="E8401" i="2" s="1"/>
  <c r="E8406" i="2" a="1"/>
  <c r="E8406" i="2" s="1"/>
  <c r="H2385" i="2" a="1"/>
  <c r="H2385" i="2" s="1"/>
  <c r="H2367" i="2" a="1"/>
  <c r="H2367" i="2" s="1"/>
  <c r="H2365" i="2" a="1"/>
  <c r="H2365" i="2" s="1"/>
  <c r="H2370" i="2" a="1"/>
  <c r="H2370" i="2" s="1"/>
  <c r="H2381" i="2" a="1"/>
  <c r="H2381" i="2" s="1"/>
  <c r="F4540" i="2" a="1"/>
  <c r="F4540" i="2" s="1"/>
  <c r="F4538" i="2" a="1"/>
  <c r="F4538" i="2" s="1"/>
  <c r="F5851" i="2" a="1"/>
  <c r="F5851" i="2" s="1"/>
  <c r="F5852" i="2" a="1"/>
  <c r="F5852" i="2" s="1"/>
  <c r="F5860" i="2" a="1"/>
  <c r="F5860" i="2" s="1"/>
  <c r="F5856" i="2" a="1"/>
  <c r="F5856" i="2" s="1"/>
  <c r="F5861" i="2" a="1"/>
  <c r="F5861" i="2" s="1"/>
  <c r="G7628" i="2" a="1"/>
  <c r="G7628" i="2" s="1"/>
  <c r="G7620" i="2" a="1"/>
  <c r="G7620" i="2" s="1"/>
  <c r="G7621" i="2" a="1"/>
  <c r="G7621" i="2" s="1"/>
  <c r="G7629" i="2" a="1"/>
  <c r="G7629" i="2" s="1"/>
  <c r="G7641" i="2" a="1"/>
  <c r="G7641" i="2" s="1"/>
  <c r="E3239" i="2" a="1"/>
  <c r="E3239" i="2" s="1"/>
  <c r="E3228" i="2" a="1"/>
  <c r="E3228" i="2" s="1"/>
  <c r="E3230" i="2" a="1"/>
  <c r="E3230" i="2" s="1"/>
  <c r="E5203" i="2" a="1"/>
  <c r="E5203" i="2" s="1"/>
  <c r="E5215" i="2" a="1"/>
  <c r="E5215" i="2" s="1"/>
  <c r="E5216" i="2" a="1"/>
  <c r="E5216" i="2" s="1"/>
  <c r="E5197" i="2" a="1"/>
  <c r="E5197" i="2" s="1"/>
  <c r="E5214" i="2" a="1"/>
  <c r="E5214" i="2" s="1"/>
  <c r="E5200" i="2" a="1"/>
  <c r="E5200" i="2" s="1"/>
  <c r="E5209" i="2" a="1"/>
  <c r="E5209" i="2" s="1"/>
  <c r="E5198" i="2" a="1"/>
  <c r="E5198" i="2" s="1"/>
  <c r="E5202" i="2" a="1"/>
  <c r="E5202" i="2" s="1"/>
  <c r="E5217" i="2" a="1"/>
  <c r="E5217" i="2" s="1"/>
  <c r="E5212" i="2" a="1"/>
  <c r="E5212" i="2" s="1"/>
  <c r="G3596" i="2" a="1"/>
  <c r="G3596" i="2" s="1"/>
  <c r="G3588" i="2" a="1"/>
  <c r="G3588" i="2" s="1"/>
  <c r="G3601" i="2" a="1"/>
  <c r="G3601" i="2" s="1"/>
  <c r="G3609" i="2" a="1"/>
  <c r="G3609" i="2" s="1"/>
  <c r="D1761" i="2" a="1"/>
  <c r="D1761" i="2" s="1"/>
  <c r="D1747" i="2" a="1"/>
  <c r="D1747" i="2" s="1"/>
  <c r="D1756" i="2" a="1"/>
  <c r="D1756" i="2" s="1"/>
  <c r="D1744" i="2" a="1"/>
  <c r="D1744" i="2" s="1"/>
  <c r="D1750" i="2" a="1"/>
  <c r="D1750" i="2" s="1"/>
  <c r="D1741" i="2" a="1"/>
  <c r="D1741" i="2" s="1"/>
  <c r="H6180" i="2" a="1"/>
  <c r="H6180" i="2" s="1"/>
  <c r="H6187" i="2" a="1"/>
  <c r="H6187" i="2" s="1"/>
  <c r="H6198" i="2" a="1"/>
  <c r="H6198" i="2" s="1"/>
  <c r="H6189" i="2" a="1"/>
  <c r="H6189" i="2" s="1"/>
  <c r="H6181" i="2" a="1"/>
  <c r="H6181" i="2" s="1"/>
  <c r="H6192" i="2" a="1"/>
  <c r="H6192" i="2" s="1"/>
  <c r="H6184" i="2" a="1"/>
  <c r="H6184" i="2" s="1"/>
  <c r="G4252" i="2" a="1"/>
  <c r="G4252" i="2" s="1"/>
  <c r="G4247" i="2" a="1"/>
  <c r="G4247" i="2" s="1"/>
  <c r="G4235" i="2" a="1"/>
  <c r="G4235" i="2" s="1"/>
  <c r="G4244" i="2" a="1"/>
  <c r="G4244" i="2" s="1"/>
  <c r="D3104" i="2" a="1"/>
  <c r="D3104" i="2" s="1"/>
  <c r="D3090" i="2" a="1"/>
  <c r="D3090" i="2" s="1"/>
  <c r="D3103" i="2" a="1"/>
  <c r="D3103" i="2" s="1"/>
  <c r="D3083" i="2" a="1"/>
  <c r="D3083" i="2" s="1"/>
  <c r="D6864" i="2" a="1"/>
  <c r="D6864" i="2" s="1"/>
  <c r="D6871" i="2" a="1"/>
  <c r="D6871" i="2" s="1"/>
  <c r="D6857" i="2" a="1"/>
  <c r="D6857" i="2" s="1"/>
  <c r="D6869" i="2" a="1"/>
  <c r="D6869" i="2" s="1"/>
  <c r="D6852" i="2" a="1"/>
  <c r="D6852" i="2" s="1"/>
  <c r="D6863" i="2" a="1"/>
  <c r="D6863" i="2" s="1"/>
  <c r="D6872" i="2" a="1"/>
  <c r="D6872" i="2" s="1"/>
  <c r="D6853" i="2" a="1"/>
  <c r="D6853" i="2" s="1"/>
  <c r="F4347" i="2" a="1"/>
  <c r="F4347" i="2" s="1"/>
  <c r="F4331" i="2" a="1"/>
  <c r="F4331" i="2" s="1"/>
  <c r="F4330" i="2" a="1"/>
  <c r="F4330" i="2" s="1"/>
  <c r="F4341" i="2" a="1"/>
  <c r="F4341" i="2" s="1"/>
  <c r="F4353" i="2" a="1"/>
  <c r="F4353" i="2" s="1"/>
  <c r="F4332" i="2" a="1"/>
  <c r="F4332" i="2" s="1"/>
  <c r="F4339" i="2" a="1"/>
  <c r="F4339" i="2" s="1"/>
  <c r="F4352" i="2" a="1"/>
  <c r="F4352" i="2" s="1"/>
  <c r="F4338" i="2" a="1"/>
  <c r="F4338" i="2" s="1"/>
  <c r="F4342" i="2" a="1"/>
  <c r="F4342" i="2" s="1"/>
  <c r="F4349" i="2" a="1"/>
  <c r="F4349" i="2" s="1"/>
  <c r="F4340" i="2" a="1"/>
  <c r="F4340" i="2" s="1"/>
  <c r="D7554" i="2" a="1"/>
  <c r="D7554" i="2" s="1"/>
  <c r="D7558" i="2" a="1"/>
  <c r="D7558" i="2" s="1"/>
  <c r="D7550" i="2" a="1"/>
  <c r="D7550" i="2" s="1"/>
  <c r="D7557" i="2" a="1"/>
  <c r="D7557" i="2" s="1"/>
  <c r="D7564" i="2" a="1"/>
  <c r="D7564" i="2" s="1"/>
  <c r="D7569" i="2" a="1"/>
  <c r="D7569" i="2" s="1"/>
  <c r="D7562" i="2" a="1"/>
  <c r="D7562" i="2" s="1"/>
  <c r="D7565" i="2" a="1"/>
  <c r="D7565" i="2" s="1"/>
  <c r="D7566" i="2" a="1"/>
  <c r="D7566" i="2" s="1"/>
  <c r="D7548" i="2" a="1"/>
  <c r="D7548" i="2" s="1"/>
  <c r="D7551" i="2" a="1"/>
  <c r="D7551" i="2" s="1"/>
  <c r="F1135" i="2" a="1"/>
  <c r="F1135" i="2" s="1"/>
  <c r="F1128" i="2" a="1"/>
  <c r="F1128" i="2" s="1"/>
  <c r="F1129" i="2" a="1"/>
  <c r="F1129" i="2" s="1"/>
  <c r="E8644" i="2" a="1"/>
  <c r="E8644" i="2" s="1"/>
  <c r="E8637" i="2" a="1"/>
  <c r="E8637" i="2" s="1"/>
  <c r="E8634" i="2" a="1"/>
  <c r="E8634" i="2" s="1"/>
  <c r="E8627" i="2" a="1"/>
  <c r="E8627" i="2" s="1"/>
  <c r="H3304" i="2" a="1"/>
  <c r="H3304" i="2" s="1"/>
  <c r="H3313" i="2" a="1"/>
  <c r="H3313" i="2" s="1"/>
  <c r="H3307" i="2" a="1"/>
  <c r="H3307" i="2" s="1"/>
  <c r="H3301" i="2" a="1"/>
  <c r="H3301" i="2" s="1"/>
  <c r="H3315" i="2" a="1"/>
  <c r="H3315" i="2" s="1"/>
  <c r="H3318" i="2" a="1"/>
  <c r="H3318" i="2" s="1"/>
  <c r="H3164" i="2" a="1"/>
  <c r="H3164" i="2" s="1"/>
  <c r="H3174" i="2" a="1"/>
  <c r="H3174" i="2" s="1"/>
  <c r="H3172" i="2" a="1"/>
  <c r="H3172" i="2" s="1"/>
  <c r="H3167" i="2" a="1"/>
  <c r="H3167" i="2" s="1"/>
  <c r="H3160" i="2" a="1"/>
  <c r="H3160" i="2" s="1"/>
  <c r="H3169" i="2" a="1"/>
  <c r="H3169" i="2" s="1"/>
  <c r="H3162" i="2" a="1"/>
  <c r="H3162" i="2" s="1"/>
  <c r="H3166" i="2" a="1"/>
  <c r="H3166" i="2" s="1"/>
  <c r="H3157" i="2" a="1"/>
  <c r="H3157" i="2" s="1"/>
  <c r="G6055" i="2" a="1"/>
  <c r="G6055" i="2" s="1"/>
  <c r="G6041" i="2" a="1"/>
  <c r="G6041" i="2" s="1"/>
  <c r="G6036" i="2" a="1"/>
  <c r="G6036" i="2" s="1"/>
  <c r="G6051" i="2" a="1"/>
  <c r="G6051" i="2" s="1"/>
  <c r="E5922" i="2" a="1"/>
  <c r="E5922" i="2" s="1"/>
  <c r="E5926" i="2" a="1"/>
  <c r="E5926" i="2" s="1"/>
  <c r="E5923" i="2" a="1"/>
  <c r="E5923" i="2" s="1"/>
  <c r="E5927" i="2" a="1"/>
  <c r="E5927" i="2" s="1"/>
  <c r="E5937" i="2" a="1"/>
  <c r="E5937" i="2" s="1"/>
  <c r="E5929" i="2" a="1"/>
  <c r="E5929" i="2" s="1"/>
  <c r="E5919" i="2" a="1"/>
  <c r="E5919" i="2" s="1"/>
  <c r="E5933" i="2" a="1"/>
  <c r="E5933" i="2" s="1"/>
  <c r="E5915" i="2" a="1"/>
  <c r="E5915" i="2" s="1"/>
  <c r="E5914" i="2" a="1"/>
  <c r="E5914" i="2" s="1"/>
  <c r="E5928" i="2" a="1"/>
  <c r="E5928" i="2" s="1"/>
  <c r="E5920" i="2" a="1"/>
  <c r="E5920" i="2" s="1"/>
  <c r="E7051" i="2" a="1"/>
  <c r="E7051" i="2" s="1"/>
  <c r="E7060" i="2" a="1"/>
  <c r="E7060" i="2" s="1"/>
  <c r="E7045" i="2" a="1"/>
  <c r="E7045" i="2" s="1"/>
  <c r="E7050" i="2" a="1"/>
  <c r="E7050" i="2" s="1"/>
  <c r="E7042" i="2" a="1"/>
  <c r="E7042" i="2" s="1"/>
  <c r="E7044" i="2" a="1"/>
  <c r="E7044" i="2" s="1"/>
  <c r="E7053" i="2" a="1"/>
  <c r="E7053" i="2" s="1"/>
  <c r="D3330" i="2" a="1"/>
  <c r="D3330" i="2" s="1"/>
  <c r="D3327" i="2" a="1"/>
  <c r="D3327" i="2" s="1"/>
  <c r="D3331" i="2" a="1"/>
  <c r="D3331" i="2" s="1"/>
  <c r="D3343" i="2" a="1"/>
  <c r="D3343" i="2" s="1"/>
  <c r="D3333" i="2" a="1"/>
  <c r="D3333" i="2" s="1"/>
  <c r="D3337" i="2" a="1"/>
  <c r="D3337" i="2" s="1"/>
  <c r="D3340" i="2" a="1"/>
  <c r="D3340" i="2" s="1"/>
  <c r="D3328" i="2" a="1"/>
  <c r="D3328" i="2" s="1"/>
  <c r="D3344" i="2" a="1"/>
  <c r="D3344" i="2" s="1"/>
  <c r="D3326" i="2" a="1"/>
  <c r="D3326" i="2" s="1"/>
  <c r="D3336" i="2" a="1"/>
  <c r="D3336" i="2" s="1"/>
  <c r="E3700" i="2" a="1"/>
  <c r="E3700" i="2" s="1"/>
  <c r="E3690" i="2" a="1"/>
  <c r="E3690" i="2" s="1"/>
  <c r="E3691" i="2" a="1"/>
  <c r="E3691" i="2" s="1"/>
  <c r="E3689" i="2" a="1"/>
  <c r="E3689" i="2" s="1"/>
  <c r="E3694" i="2" a="1"/>
  <c r="E3694" i="2" s="1"/>
  <c r="E3699" i="2" a="1"/>
  <c r="E3699" i="2" s="1"/>
  <c r="E3696" i="2" a="1"/>
  <c r="E3696" i="2" s="1"/>
  <c r="E3682" i="2" a="1"/>
  <c r="E3682" i="2" s="1"/>
  <c r="E3704" i="2" a="1"/>
  <c r="E3704" i="2" s="1"/>
  <c r="E3703" i="2" a="1"/>
  <c r="E3703" i="2" s="1"/>
  <c r="E6477" i="2" a="1"/>
  <c r="E6477" i="2" s="1"/>
  <c r="E6471" i="2" a="1"/>
  <c r="E6471" i="2" s="1"/>
  <c r="E6478" i="2" a="1"/>
  <c r="E6478" i="2" s="1"/>
  <c r="E6473" i="2" a="1"/>
  <c r="E6473" i="2" s="1"/>
  <c r="E6487" i="2" a="1"/>
  <c r="E6487" i="2" s="1"/>
  <c r="E6468" i="2" a="1"/>
  <c r="E6468" i="2" s="1"/>
  <c r="E6476" i="2" a="1"/>
  <c r="E6476" i="2" s="1"/>
  <c r="E6470" i="2" a="1"/>
  <c r="E6470" i="2" s="1"/>
  <c r="E6474" i="2" a="1"/>
  <c r="E6474" i="2" s="1"/>
  <c r="E6479" i="2" a="1"/>
  <c r="E6479" i="2" s="1"/>
  <c r="E6488" i="2" a="1"/>
  <c r="E6488" i="2" s="1"/>
  <c r="F2921" i="2" a="1"/>
  <c r="F2921" i="2" s="1"/>
  <c r="F2929" i="2" a="1"/>
  <c r="F2929" i="2" s="1"/>
  <c r="F2919" i="2" a="1"/>
  <c r="F2919" i="2" s="1"/>
  <c r="F2935" i="2" a="1"/>
  <c r="F2935" i="2" s="1"/>
  <c r="F2917" i="2" a="1"/>
  <c r="F2917" i="2" s="1"/>
  <c r="F2922" i="2" a="1"/>
  <c r="F2922" i="2" s="1"/>
  <c r="F2914" i="2" a="1"/>
  <c r="F2914" i="2" s="1"/>
  <c r="F2916" i="2" a="1"/>
  <c r="F2916" i="2" s="1"/>
  <c r="F2927" i="2" a="1"/>
  <c r="F2927" i="2" s="1"/>
  <c r="F2932" i="2" a="1"/>
  <c r="F2932" i="2" s="1"/>
  <c r="F2915" i="2" a="1"/>
  <c r="F2915" i="2" s="1"/>
  <c r="H6369" i="2" a="1"/>
  <c r="H6369" i="2" s="1"/>
  <c r="H6351" i="2" a="1"/>
  <c r="H6351" i="2" s="1"/>
  <c r="H6364" i="2" a="1"/>
  <c r="H6364" i="2" s="1"/>
  <c r="H6362" i="2" a="1"/>
  <c r="H6362" i="2" s="1"/>
  <c r="H6363" i="2" a="1"/>
  <c r="H6363" i="2" s="1"/>
  <c r="G4755" i="2" a="1"/>
  <c r="G4755" i="2" s="1"/>
  <c r="G4754" i="2" a="1"/>
  <c r="G4754" i="2" s="1"/>
  <c r="G4738" i="2" a="1"/>
  <c r="G4738" i="2" s="1"/>
  <c r="G4748" i="2" a="1"/>
  <c r="G4748" i="2" s="1"/>
  <c r="G4758" i="2" a="1"/>
  <c r="G4758" i="2" s="1"/>
  <c r="G4761" i="2" a="1"/>
  <c r="G4761" i="2" s="1"/>
  <c r="G4750" i="2" a="1"/>
  <c r="G4750" i="2" s="1"/>
  <c r="G4751" i="2" a="1"/>
  <c r="G4751" i="2" s="1"/>
  <c r="G7560" i="2" a="1"/>
  <c r="G7560" i="2" s="1"/>
  <c r="G7554" i="2" a="1"/>
  <c r="G7554" i="2" s="1"/>
  <c r="G7557" i="2" a="1"/>
  <c r="G7557" i="2" s="1"/>
  <c r="G7558" i="2" a="1"/>
  <c r="G7558" i="2" s="1"/>
  <c r="G7549" i="2" a="1"/>
  <c r="G7549" i="2" s="1"/>
  <c r="D4895" i="2" a="1"/>
  <c r="D4895" i="2" s="1"/>
  <c r="D4884" i="2" a="1"/>
  <c r="D4884" i="2" s="1"/>
  <c r="D4889" i="2" a="1"/>
  <c r="D4889" i="2" s="1"/>
  <c r="D4890" i="2" a="1"/>
  <c r="D4890" i="2" s="1"/>
  <c r="D4903" i="2" a="1"/>
  <c r="D4903" i="2" s="1"/>
  <c r="D4883" i="2" a="1"/>
  <c r="D4883" i="2" s="1"/>
  <c r="D4896" i="2" a="1"/>
  <c r="D4896" i="2" s="1"/>
  <c r="H845" i="2" a="1"/>
  <c r="H845" i="2" s="1"/>
  <c r="E5518" i="2" a="1"/>
  <c r="E5518" i="2" s="1"/>
  <c r="H3023" i="2" a="1"/>
  <c r="H3023" i="2" s="1"/>
  <c r="D2589" i="2" a="1"/>
  <c r="D2589" i="2" s="1"/>
  <c r="D3418" i="2" a="1"/>
  <c r="D3418" i="2" s="1"/>
  <c r="D8734" i="2" a="1"/>
  <c r="D8734" i="2" s="1"/>
  <c r="E1261" i="2" a="1"/>
  <c r="E1261" i="2" s="1"/>
  <c r="D1249" i="2" a="1"/>
  <c r="D1249" i="2" s="1"/>
  <c r="D3277" i="2" a="1"/>
  <c r="D3277" i="2" s="1"/>
  <c r="E633" i="2" a="1"/>
  <c r="E633" i="2" s="1"/>
  <c r="D6851" i="2" a="1"/>
  <c r="D6851" i="2" s="1"/>
  <c r="E5364" i="2" a="1"/>
  <c r="E5364" i="2" s="1"/>
  <c r="D8241" i="2" a="1"/>
  <c r="D8241" i="2" s="1"/>
  <c r="D8222" i="2" a="1"/>
  <c r="D8222" i="2" s="1"/>
  <c r="H5844" i="2" a="1"/>
  <c r="H5844" i="2" s="1"/>
  <c r="H5852" i="2" a="1"/>
  <c r="H5852" i="2" s="1"/>
  <c r="E6705" i="2" a="1"/>
  <c r="E6705" i="2" s="1"/>
  <c r="E6692" i="2" a="1"/>
  <c r="E6692" i="2" s="1"/>
  <c r="G6952" i="2" a="1"/>
  <c r="G6952" i="2" s="1"/>
  <c r="G6963" i="2" a="1"/>
  <c r="G6963" i="2" s="1"/>
  <c r="G6955" i="2" a="1"/>
  <c r="G6955" i="2" s="1"/>
  <c r="H8739" i="2" a="1"/>
  <c r="H8739" i="2" s="1"/>
  <c r="H8725" i="2" a="1"/>
  <c r="H8725" i="2" s="1"/>
  <c r="H8735" i="2" a="1"/>
  <c r="H8735" i="2" s="1"/>
  <c r="H8731" i="2" a="1"/>
  <c r="H8731" i="2" s="1"/>
  <c r="H8744" i="2" a="1"/>
  <c r="H8744" i="2" s="1"/>
  <c r="H6044" i="2" a="1"/>
  <c r="H6044" i="2" s="1"/>
  <c r="H6047" i="2" a="1"/>
  <c r="H6047" i="2" s="1"/>
  <c r="H6036" i="2" a="1"/>
  <c r="H6036" i="2" s="1"/>
  <c r="H6046" i="2" a="1"/>
  <c r="H6046" i="2" s="1"/>
  <c r="H6041" i="2" a="1"/>
  <c r="H6041" i="2" s="1"/>
  <c r="D7620" i="2" a="1"/>
  <c r="D7620" i="2" s="1"/>
  <c r="D7634" i="2" a="1"/>
  <c r="D7634" i="2" s="1"/>
  <c r="E4339" i="2" a="1"/>
  <c r="E4339" i="2" s="1"/>
  <c r="E4336" i="2" a="1"/>
  <c r="E4336" i="2" s="1"/>
  <c r="H3182" i="2" a="1"/>
  <c r="H3182" i="2" s="1"/>
  <c r="H3193" i="2" a="1"/>
  <c r="H3193" i="2" s="1"/>
  <c r="H3179" i="2" a="1"/>
  <c r="H3179" i="2" s="1"/>
  <c r="H3180" i="2" a="1"/>
  <c r="H3180" i="2" s="1"/>
  <c r="D4825" i="2" a="1"/>
  <c r="D4825" i="2" s="1"/>
  <c r="D4829" i="2" a="1"/>
  <c r="D4829" i="2" s="1"/>
  <c r="D4833" i="2" a="1"/>
  <c r="D4833" i="2" s="1"/>
  <c r="D4819" i="2" a="1"/>
  <c r="D4819" i="2" s="1"/>
  <c r="H283" i="2" a="1"/>
  <c r="H283" i="2" s="1"/>
  <c r="H294" i="2" a="1"/>
  <c r="H294" i="2" s="1"/>
  <c r="H291" i="2" a="1"/>
  <c r="H291" i="2" s="1"/>
  <c r="H282" i="2" a="1"/>
  <c r="H282" i="2" s="1"/>
  <c r="H293" i="2" a="1"/>
  <c r="H293" i="2" s="1"/>
  <c r="F2206" i="2" a="1"/>
  <c r="F2206" i="2" s="1"/>
  <c r="F2197" i="2" a="1"/>
  <c r="F2197" i="2" s="1"/>
  <c r="F2202" i="2" a="1"/>
  <c r="F2202" i="2" s="1"/>
  <c r="G2207" i="2" a="1"/>
  <c r="G2207" i="2" s="1"/>
  <c r="G2217" i="2" a="1"/>
  <c r="G2217" i="2" s="1"/>
  <c r="G2208" i="2" a="1"/>
  <c r="G2208" i="2" s="1"/>
  <c r="H7740" i="2" a="1"/>
  <c r="H7740" i="2" s="1"/>
  <c r="H7739" i="2" a="1"/>
  <c r="H7739" i="2" s="1"/>
  <c r="D3655" i="2" a="1"/>
  <c r="D3655" i="2" s="1"/>
  <c r="D3656" i="2" a="1"/>
  <c r="D3656" i="2" s="1"/>
  <c r="D5242" i="2" a="1"/>
  <c r="D5242" i="2" s="1"/>
  <c r="D5251" i="2" a="1"/>
  <c r="D5251" i="2" s="1"/>
  <c r="D5255" i="2" a="1"/>
  <c r="D5255" i="2" s="1"/>
  <c r="D5259" i="2" a="1"/>
  <c r="D5259" i="2" s="1"/>
  <c r="D5263" i="2" a="1"/>
  <c r="D5263" i="2" s="1"/>
  <c r="D5389" i="2" a="1"/>
  <c r="D5389" i="2" s="1"/>
  <c r="D5393" i="2" a="1"/>
  <c r="D5393" i="2" s="1"/>
  <c r="D5391" i="2" a="1"/>
  <c r="D5391" i="2" s="1"/>
  <c r="D5386" i="2" a="1"/>
  <c r="D5386" i="2" s="1"/>
  <c r="D5396" i="2" a="1"/>
  <c r="D5396" i="2" s="1"/>
  <c r="D2400" i="2" a="1"/>
  <c r="D2400" i="2" s="1"/>
  <c r="AN100" i="1"/>
  <c r="D106" i="5" s="1"/>
  <c r="D2387" i="2" a="1"/>
  <c r="D2387" i="2" s="1"/>
  <c r="D2389" i="2" a="1"/>
  <c r="D2389" i="2" s="1"/>
  <c r="D2399" i="2" a="1"/>
  <c r="D2399" i="2" s="1"/>
  <c r="E3509" i="2" a="1"/>
  <c r="E3509" i="2" s="1"/>
  <c r="E3502" i="2" a="1"/>
  <c r="E3502" i="2" s="1"/>
  <c r="E3492" i="2" a="1"/>
  <c r="E3492" i="2" s="1"/>
  <c r="F7095" i="2" a="1"/>
  <c r="F7095" i="2" s="1"/>
  <c r="F7103" i="2" a="1"/>
  <c r="F7103" i="2" s="1"/>
  <c r="F7101" i="2" a="1"/>
  <c r="F7101" i="2" s="1"/>
  <c r="E3121" i="2" a="1"/>
  <c r="E3121" i="2" s="1"/>
  <c r="E3120" i="2" a="1"/>
  <c r="E3120" i="2" s="1"/>
  <c r="E3106" i="2" a="1"/>
  <c r="E3106" i="2" s="1"/>
  <c r="E3122" i="2" a="1"/>
  <c r="E3122" i="2" s="1"/>
  <c r="E3127" i="2" a="1"/>
  <c r="E3127" i="2" s="1"/>
  <c r="D8096" i="2" a="1"/>
  <c r="D8096" i="2" s="1"/>
  <c r="D8088" i="2" a="1"/>
  <c r="D8088" i="2" s="1"/>
  <c r="D8075" i="2" a="1"/>
  <c r="D8075" i="2" s="1"/>
  <c r="D8077" i="2" a="1"/>
  <c r="D8077" i="2" s="1"/>
  <c r="D8083" i="2" a="1"/>
  <c r="D8083" i="2" s="1"/>
  <c r="H3586" i="2" a="1"/>
  <c r="H3586" i="2" s="1"/>
  <c r="H3607" i="2" a="1"/>
  <c r="H3607" i="2" s="1"/>
  <c r="H3598" i="2" a="1"/>
  <c r="H3598" i="2" s="1"/>
  <c r="H3605" i="2" a="1"/>
  <c r="H3605" i="2" s="1"/>
  <c r="H3606" i="2" a="1"/>
  <c r="H3606" i="2" s="1"/>
  <c r="H3594" i="2" a="1"/>
  <c r="H3594" i="2" s="1"/>
  <c r="H3595" i="2" a="1"/>
  <c r="H3595" i="2" s="1"/>
  <c r="H3596" i="2" a="1"/>
  <c r="H3596" i="2" s="1"/>
  <c r="H3608" i="2" a="1"/>
  <c r="H3608" i="2" s="1"/>
  <c r="H3609" i="2" a="1"/>
  <c r="H3609" i="2" s="1"/>
  <c r="H3587" i="2" a="1"/>
  <c r="H3587" i="2" s="1"/>
  <c r="H3591" i="2" a="1"/>
  <c r="H3591" i="2" s="1"/>
  <c r="H3592" i="2" a="1"/>
  <c r="H3592" i="2" s="1"/>
  <c r="E4931" i="2" a="1"/>
  <c r="E4931" i="2" s="1"/>
  <c r="F4693" i="2" a="1"/>
  <c r="F4693" i="2" s="1"/>
  <c r="H5788" i="2" a="1"/>
  <c r="H5788" i="2" s="1"/>
  <c r="H3709" i="2" a="1"/>
  <c r="H3709" i="2" s="1"/>
  <c r="F4306" i="2" a="1"/>
  <c r="F4306" i="2" s="1"/>
  <c r="D6010" i="2" a="1"/>
  <c r="D6010" i="2" s="1"/>
  <c r="H286" i="2" a="1"/>
  <c r="H286" i="2" s="1"/>
  <c r="G7538" i="2" a="1"/>
  <c r="G7538" i="2" s="1"/>
  <c r="F600" i="2" a="1"/>
  <c r="F600" i="2" s="1"/>
  <c r="F7813" i="2" a="1"/>
  <c r="F7813" i="2" s="1"/>
  <c r="D4816" i="2" a="1"/>
  <c r="D4816" i="2" s="1"/>
  <c r="D6469" i="2" a="1"/>
  <c r="D6469" i="2" s="1"/>
  <c r="F2614" i="2" a="1"/>
  <c r="F2614" i="2" s="1"/>
  <c r="E1345" i="2" a="1"/>
  <c r="E1345" i="2" s="1"/>
  <c r="D5502" i="2" a="1"/>
  <c r="D5502" i="2" s="1"/>
  <c r="H1069" i="2" a="1"/>
  <c r="H1069" i="2" s="1"/>
  <c r="H4423" i="2" a="1"/>
  <c r="H4423" i="2" s="1"/>
  <c r="H780" i="2" a="1"/>
  <c r="H780" i="2" s="1"/>
  <c r="E5514" i="2" a="1"/>
  <c r="E5514" i="2" s="1"/>
  <c r="D7626" i="2" a="1"/>
  <c r="D7626" i="2" s="1"/>
  <c r="H2933" i="2" a="1"/>
  <c r="H2933" i="2" s="1"/>
  <c r="E6972" i="2" a="1"/>
  <c r="E6972" i="2" s="1"/>
  <c r="D3652" i="2" a="1"/>
  <c r="D3652" i="2" s="1"/>
  <c r="E5274" i="2" a="1"/>
  <c r="E5274" i="2" s="1"/>
  <c r="M5274" i="2" s="1"/>
  <c r="M5248" i="5" s="1"/>
  <c r="P5248" i="5" s="1"/>
  <c r="G4895" i="2" a="1"/>
  <c r="G4895" i="2" s="1"/>
  <c r="H4447" i="2" a="1"/>
  <c r="H4447" i="2" s="1"/>
  <c r="D3433" i="2" a="1"/>
  <c r="D3433" i="2" s="1"/>
  <c r="E5213" i="2" a="1"/>
  <c r="E5213" i="2" s="1"/>
  <c r="D1349" i="2" a="1"/>
  <c r="D1349" i="2" s="1"/>
  <c r="E1258" i="2" a="1"/>
  <c r="E1258" i="2" s="1"/>
  <c r="D3295" i="2" a="1"/>
  <c r="D3295" i="2" s="1"/>
  <c r="E5589" i="2" a="1"/>
  <c r="E5589" i="2" s="1"/>
  <c r="D3504" i="2" a="1"/>
  <c r="D3504" i="2" s="1"/>
  <c r="F4345" i="2" a="1"/>
  <c r="F4345" i="2" s="1"/>
  <c r="H4385" i="2" a="1"/>
  <c r="H4385" i="2" s="1"/>
  <c r="G3296" i="2" a="1"/>
  <c r="G3296" i="2" s="1"/>
  <c r="D7561" i="2" a="1"/>
  <c r="D7561" i="2" s="1"/>
  <c r="D5328" i="2" a="1"/>
  <c r="D5328" i="2" s="1"/>
  <c r="G599" i="2" a="1"/>
  <c r="G599" i="2" s="1"/>
  <c r="D1752" i="2" a="1"/>
  <c r="D1752" i="2" s="1"/>
  <c r="H3951" i="2" a="1"/>
  <c r="H3951" i="2" s="1"/>
  <c r="F2621" i="2" a="1"/>
  <c r="F2621" i="2" s="1"/>
  <c r="E5506" i="2" a="1"/>
  <c r="E5506" i="2" s="1"/>
  <c r="D7618" i="2" a="1"/>
  <c r="D7618" i="2" s="1"/>
  <c r="E6971" i="2" a="1"/>
  <c r="E6971" i="2" s="1"/>
  <c r="G4900" i="2" a="1"/>
  <c r="G4900" i="2" s="1"/>
  <c r="H4444" i="2" a="1"/>
  <c r="H4444" i="2" s="1"/>
  <c r="D1348" i="2" a="1"/>
  <c r="D1348" i="2" s="1"/>
  <c r="E1272" i="2" a="1"/>
  <c r="E1272" i="2" s="1"/>
  <c r="D3279" i="2" a="1"/>
  <c r="D3279" i="2" s="1"/>
  <c r="G699" i="2" a="1"/>
  <c r="G699" i="2" s="1"/>
  <c r="H5790" i="2" a="1"/>
  <c r="H5790" i="2" s="1"/>
  <c r="H3721" i="2" a="1"/>
  <c r="H3721" i="2" s="1"/>
  <c r="F4321" i="2" a="1"/>
  <c r="F4321" i="2" s="1"/>
  <c r="D6029" i="2" a="1"/>
  <c r="D6029" i="2" s="1"/>
  <c r="H275" i="2" a="1"/>
  <c r="H275" i="2" s="1"/>
  <c r="G7527" i="2" a="1"/>
  <c r="G7527" i="2" s="1"/>
  <c r="F589" i="2" a="1"/>
  <c r="F589" i="2" s="1"/>
  <c r="F7829" i="2" a="1"/>
  <c r="F7829" i="2" s="1"/>
  <c r="D4827" i="2" a="1"/>
  <c r="D4827" i="2" s="1"/>
  <c r="D6476" i="2" a="1"/>
  <c r="D6476" i="2" s="1"/>
  <c r="F2620" i="2" a="1"/>
  <c r="F2620" i="2" s="1"/>
  <c r="E1334" i="2" a="1"/>
  <c r="E1334" i="2" s="1"/>
  <c r="D5489" i="2" a="1"/>
  <c r="D5489" i="2" s="1"/>
  <c r="H1083" i="2" a="1"/>
  <c r="H1083" i="2" s="1"/>
  <c r="H786" i="2" a="1"/>
  <c r="H786" i="2" s="1"/>
  <c r="H2918" i="2" a="1"/>
  <c r="H2918" i="2" s="1"/>
  <c r="E6979" i="2" a="1"/>
  <c r="E6979" i="2" s="1"/>
  <c r="E1115" i="2" a="1"/>
  <c r="E1115" i="2" s="1"/>
  <c r="E5289" i="2" a="1"/>
  <c r="E5289" i="2" s="1"/>
  <c r="G4888" i="2" a="1"/>
  <c r="G4888" i="2" s="1"/>
  <c r="H4431" i="2" a="1"/>
  <c r="H4431" i="2" s="1"/>
  <c r="E5206" i="2" a="1"/>
  <c r="E5206" i="2" s="1"/>
  <c r="D1341" i="2" a="1"/>
  <c r="D1341" i="2" s="1"/>
  <c r="E1279" i="2" a="1"/>
  <c r="E1279" i="2" s="1"/>
  <c r="H2995" i="2" a="1"/>
  <c r="H2995" i="2" s="1"/>
  <c r="D3290" i="2" a="1"/>
  <c r="D3290" i="2" s="1"/>
  <c r="E5600" i="2" a="1"/>
  <c r="E5600" i="2" s="1"/>
  <c r="D3492" i="2" a="1"/>
  <c r="D3492" i="2" s="1"/>
  <c r="F4344" i="2" a="1"/>
  <c r="F4344" i="2" s="1"/>
  <c r="H4398" i="2" a="1"/>
  <c r="H4398" i="2" s="1"/>
  <c r="F105" i="2" a="1"/>
  <c r="F105" i="2" s="1"/>
  <c r="E5917" i="2" a="1"/>
  <c r="E5917" i="2" s="1"/>
  <c r="D7559" i="2" a="1"/>
  <c r="D7559" i="2" s="1"/>
  <c r="F5842" i="2" a="1"/>
  <c r="F5842" i="2" s="1"/>
  <c r="H5778" i="2" a="1"/>
  <c r="H5778" i="2" s="1"/>
  <c r="H3715" i="2" a="1"/>
  <c r="H3715" i="2" s="1"/>
  <c r="F4325" i="2" a="1"/>
  <c r="F4325" i="2" s="1"/>
  <c r="D6021" i="2" a="1"/>
  <c r="D6021" i="2" s="1"/>
  <c r="H8084" i="2" a="1"/>
  <c r="H8084" i="2" s="1"/>
  <c r="H278" i="2" a="1"/>
  <c r="H278" i="2" s="1"/>
  <c r="G7539" i="2" a="1"/>
  <c r="G7539" i="2" s="1"/>
  <c r="F608" i="2" a="1"/>
  <c r="F608" i="2" s="1"/>
  <c r="F7821" i="2" a="1"/>
  <c r="F7821" i="2" s="1"/>
  <c r="D4811" i="2" a="1"/>
  <c r="D4811" i="2" s="1"/>
  <c r="D6482" i="2" a="1"/>
  <c r="D6482" i="2" s="1"/>
  <c r="F2619" i="2" a="1"/>
  <c r="F2619" i="2" s="1"/>
  <c r="G8314" i="2" a="1"/>
  <c r="G8314" i="2" s="1"/>
  <c r="E1350" i="2" a="1"/>
  <c r="E1350" i="2" s="1"/>
  <c r="D5505" i="2" a="1"/>
  <c r="D5505" i="2" s="1"/>
  <c r="H1088" i="2" a="1"/>
  <c r="H1088" i="2" s="1"/>
  <c r="H795" i="2" a="1"/>
  <c r="H795" i="2" s="1"/>
  <c r="H2930" i="2" a="1"/>
  <c r="H2930" i="2" s="1"/>
  <c r="E6986" i="2" a="1"/>
  <c r="E6986" i="2" s="1"/>
  <c r="G1895" i="2" a="1"/>
  <c r="G1895" i="2" s="1"/>
  <c r="D2396" i="2" a="1"/>
  <c r="D2396" i="2" s="1"/>
  <c r="D3586" i="2" a="1"/>
  <c r="D3586" i="2" s="1"/>
  <c r="E3513" i="2" a="1"/>
  <c r="E3513" i="2" s="1"/>
  <c r="E5286" i="2" a="1"/>
  <c r="E5286" i="2" s="1"/>
  <c r="G4894" i="2" a="1"/>
  <c r="G4894" i="2" s="1"/>
  <c r="F4569" i="2" a="1"/>
  <c r="F4569" i="2" s="1"/>
  <c r="G8744" i="2" a="1"/>
  <c r="G8744" i="2" s="1"/>
  <c r="H4442" i="2" a="1"/>
  <c r="H4442" i="2" s="1"/>
  <c r="E5201" i="2" a="1"/>
  <c r="E5201" i="2" s="1"/>
  <c r="E6229" i="2" a="1"/>
  <c r="E6229" i="2" s="1"/>
  <c r="F4007" i="2" a="1"/>
  <c r="F4007" i="2" s="1"/>
  <c r="H2992" i="2" a="1"/>
  <c r="H2992" i="2" s="1"/>
  <c r="D3278" i="2" a="1"/>
  <c r="D3278" i="2" s="1"/>
  <c r="E5578" i="2" a="1"/>
  <c r="E5578" i="2" s="1"/>
  <c r="D5423" i="2" a="1"/>
  <c r="D5423" i="2" s="1"/>
  <c r="D3505" i="2" a="1"/>
  <c r="D3505" i="2" s="1"/>
  <c r="E6489" i="2" a="1"/>
  <c r="E6489" i="2" s="1"/>
  <c r="D4857" i="2" a="1"/>
  <c r="D4857" i="2" s="1"/>
  <c r="F99" i="2" a="1"/>
  <c r="F99" i="2" s="1"/>
  <c r="E5924" i="2" a="1"/>
  <c r="E5924" i="2" s="1"/>
  <c r="G3525" i="2" a="1"/>
  <c r="G3525" i="2" s="1"/>
  <c r="H5476" i="2" a="1"/>
  <c r="H5476" i="2" s="1"/>
  <c r="H4459" i="2" a="1"/>
  <c r="H4459" i="2" s="1"/>
  <c r="F3176" i="2" a="1"/>
  <c r="F3176" i="2" s="1"/>
  <c r="F5858" i="2" a="1"/>
  <c r="F5858" i="2" s="1"/>
  <c r="F4319" i="2" a="1"/>
  <c r="F4319" i="2" s="1"/>
  <c r="L4319" i="2" s="1"/>
  <c r="L4293" i="5" s="1"/>
  <c r="D6013" i="2" a="1"/>
  <c r="D6013" i="2" s="1"/>
  <c r="H8085" i="2" a="1"/>
  <c r="H8085" i="2" s="1"/>
  <c r="H297" i="2" a="1"/>
  <c r="H297" i="2" s="1"/>
  <c r="G7541" i="2" a="1"/>
  <c r="G7541" i="2" s="1"/>
  <c r="F601" i="2" a="1"/>
  <c r="F601" i="2" s="1"/>
  <c r="F7825" i="2" a="1"/>
  <c r="F7825" i="2" s="1"/>
  <c r="D4832" i="2" a="1"/>
  <c r="D4832" i="2" s="1"/>
  <c r="D6486" i="2" a="1"/>
  <c r="D6486" i="2" s="1"/>
  <c r="F6156" i="2" a="1"/>
  <c r="F6156" i="2" s="1"/>
  <c r="F2604" i="2" a="1"/>
  <c r="F2604" i="2" s="1"/>
  <c r="E1342" i="2" a="1"/>
  <c r="E1342" i="2" s="1"/>
  <c r="H3194" i="2" a="1"/>
  <c r="H3194" i="2" s="1"/>
  <c r="D5497" i="2" a="1"/>
  <c r="D5497" i="2" s="1"/>
  <c r="H1067" i="2" a="1"/>
  <c r="H1067" i="2" s="1"/>
  <c r="H792" i="2" a="1"/>
  <c r="H792" i="2" s="1"/>
  <c r="H2915" i="2" a="1"/>
  <c r="H2915" i="2" s="1"/>
  <c r="E6988" i="2" a="1"/>
  <c r="E6988" i="2" s="1"/>
  <c r="G1894" i="2" a="1"/>
  <c r="G1894" i="2" s="1"/>
  <c r="E5272" i="2" a="1"/>
  <c r="E5272" i="2" s="1"/>
  <c r="G4884" i="2" a="1"/>
  <c r="G4884" i="2" s="1"/>
  <c r="F4553" i="2" a="1"/>
  <c r="F4553" i="2" s="1"/>
  <c r="G8743" i="2" a="1"/>
  <c r="G8743" i="2" s="1"/>
  <c r="D2585" i="2" a="1"/>
  <c r="D2585" i="2" s="1"/>
  <c r="H4432" i="2" a="1"/>
  <c r="H4432" i="2" s="1"/>
  <c r="E5210" i="2" a="1"/>
  <c r="E5210" i="2" s="1"/>
  <c r="E6234" i="2" a="1"/>
  <c r="E6234" i="2" s="1"/>
  <c r="F4006" i="2" a="1"/>
  <c r="F4006" i="2" s="1"/>
  <c r="D3274" i="2" a="1"/>
  <c r="D3274" i="2" s="1"/>
  <c r="E5597" i="2" a="1"/>
  <c r="E5597" i="2" s="1"/>
  <c r="D5415" i="2" a="1"/>
  <c r="D5415" i="2" s="1"/>
  <c r="D3493" i="2" a="1"/>
  <c r="D3493" i="2" s="1"/>
  <c r="F101" i="2" a="1"/>
  <c r="F101" i="2" s="1"/>
  <c r="E5932" i="2" a="1"/>
  <c r="E5932" i="2" s="1"/>
  <c r="H5470" i="2" a="1"/>
  <c r="H5470" i="2" s="1"/>
  <c r="H4458" i="2" a="1"/>
  <c r="H4458" i="2" s="1"/>
  <c r="F3166" i="2" a="1"/>
  <c r="F3166" i="2" s="1"/>
  <c r="F5849" i="2" a="1"/>
  <c r="F5849" i="2" s="1"/>
  <c r="F4324" i="2" a="1"/>
  <c r="F4324" i="2" s="1"/>
  <c r="D6031" i="2" a="1"/>
  <c r="D6031" i="2" s="1"/>
  <c r="H8078" i="2" a="1"/>
  <c r="H8078" i="2" s="1"/>
  <c r="F7815" i="2" a="1"/>
  <c r="F7815" i="2" s="1"/>
  <c r="D4824" i="2" a="1"/>
  <c r="D4824" i="2" s="1"/>
  <c r="F2612" i="2" a="1"/>
  <c r="F2612" i="2" s="1"/>
  <c r="E1343" i="2" a="1"/>
  <c r="E1343" i="2" s="1"/>
  <c r="H3201" i="2" a="1"/>
  <c r="H3201" i="2" s="1"/>
  <c r="D5492" i="2" a="1"/>
  <c r="D5492" i="2" s="1"/>
  <c r="H1087" i="2" a="1"/>
  <c r="H1087" i="2" s="1"/>
  <c r="F3138" i="2" a="1"/>
  <c r="F3138" i="2" s="1"/>
  <c r="H4424" i="2" a="1"/>
  <c r="H4424" i="2" s="1"/>
  <c r="H801" i="2" a="1"/>
  <c r="H801" i="2" s="1"/>
  <c r="E6977" i="2" a="1"/>
  <c r="E6977" i="2" s="1"/>
  <c r="G1893" i="2" a="1"/>
  <c r="G1893" i="2" s="1"/>
  <c r="E5285" i="2" a="1"/>
  <c r="E5285" i="2" s="1"/>
  <c r="G4901" i="2" a="1"/>
  <c r="G4901" i="2" s="1"/>
  <c r="F4550" i="2" a="1"/>
  <c r="F4550" i="2" s="1"/>
  <c r="G8733" i="2" a="1"/>
  <c r="G8733" i="2" s="1"/>
  <c r="D2598" i="2" a="1"/>
  <c r="D2598" i="2" s="1"/>
  <c r="H4428" i="2" a="1"/>
  <c r="H4428" i="2" s="1"/>
  <c r="E5195" i="2" a="1"/>
  <c r="E5195" i="2" s="1"/>
  <c r="E6236" i="2" a="1"/>
  <c r="E6236" i="2" s="1"/>
  <c r="F4014" i="2" a="1"/>
  <c r="F4014" i="2" s="1"/>
  <c r="D3275" i="2" a="1"/>
  <c r="D3275" i="2" s="1"/>
  <c r="E5586" i="2" a="1"/>
  <c r="E5586" i="2" s="1"/>
  <c r="D5422" i="2" a="1"/>
  <c r="D5422" i="2" s="1"/>
  <c r="D3511" i="2" a="1"/>
  <c r="D3511" i="2" s="1"/>
  <c r="G7447" i="2" a="1"/>
  <c r="G7447" i="2" s="1"/>
  <c r="D4100" i="2" a="1"/>
  <c r="D4100" i="2" s="1"/>
  <c r="F93" i="2" a="1"/>
  <c r="F93" i="2" s="1"/>
  <c r="E5930" i="2" a="1"/>
  <c r="E5930" i="2" s="1"/>
  <c r="H5463" i="2" a="1"/>
  <c r="H5463" i="2" s="1"/>
  <c r="H4451" i="2" a="1"/>
  <c r="H4451" i="2" s="1"/>
  <c r="E8253" i="2" a="1"/>
  <c r="E8253" i="2" s="1"/>
  <c r="F4320" i="2" a="1"/>
  <c r="F4320" i="2" s="1"/>
  <c r="H8092" i="2" a="1"/>
  <c r="H8092" i="2" s="1"/>
  <c r="F7827" i="2" a="1"/>
  <c r="F7827" i="2" s="1"/>
  <c r="D4820" i="2" a="1"/>
  <c r="D4820" i="2" s="1"/>
  <c r="F2608" i="2" a="1"/>
  <c r="F2608" i="2" s="1"/>
  <c r="E1348" i="2" a="1"/>
  <c r="E1348" i="2" s="1"/>
  <c r="H3181" i="2" a="1"/>
  <c r="H3181" i="2" s="1"/>
  <c r="D5490" i="2" a="1"/>
  <c r="D5490" i="2" s="1"/>
  <c r="H1080" i="2" a="1"/>
  <c r="H1080" i="2" s="1"/>
  <c r="F3136" i="2" a="1"/>
  <c r="F3136" i="2" s="1"/>
  <c r="H4421" i="2" a="1"/>
  <c r="H4421" i="2" s="1"/>
  <c r="H779" i="2" a="1"/>
  <c r="H779" i="2" s="1"/>
  <c r="E6984" i="2" a="1"/>
  <c r="E6984" i="2" s="1"/>
  <c r="E5271" i="2" a="1"/>
  <c r="E5271" i="2" s="1"/>
  <c r="G4897" i="2" a="1"/>
  <c r="G4897" i="2" s="1"/>
  <c r="F4568" i="2" a="1"/>
  <c r="F4568" i="2" s="1"/>
  <c r="G8726" i="2" a="1"/>
  <c r="G8726" i="2" s="1"/>
  <c r="D2582" i="2" a="1"/>
  <c r="D2582" i="2" s="1"/>
  <c r="E5207" i="2" a="1"/>
  <c r="E5207" i="2" s="1"/>
  <c r="E6226" i="2" a="1"/>
  <c r="E6226" i="2" s="1"/>
  <c r="F3994" i="2" a="1"/>
  <c r="F3994" i="2" s="1"/>
  <c r="D3276" i="2" a="1"/>
  <c r="D3276" i="2" s="1"/>
  <c r="D3507" i="2" a="1"/>
  <c r="D3507" i="2" s="1"/>
  <c r="G7445" i="2" a="1"/>
  <c r="G7445" i="2" s="1"/>
  <c r="D4096" i="2" a="1"/>
  <c r="D4096" i="2" s="1"/>
  <c r="F95" i="2" a="1"/>
  <c r="F95" i="2" s="1"/>
  <c r="G8190" i="2" a="1"/>
  <c r="G8190" i="2" s="1"/>
  <c r="H5468" i="2" a="1"/>
  <c r="H5468" i="2" s="1"/>
  <c r="H4450" i="2" a="1"/>
  <c r="H4450" i="2" s="1"/>
  <c r="E8242" i="2" a="1"/>
  <c r="E8242" i="2" s="1"/>
  <c r="H1361" i="2" a="1"/>
  <c r="H1361" i="2" s="1"/>
  <c r="F1871" i="2" a="1"/>
  <c r="F1871" i="2" s="1"/>
  <c r="D8556" i="2" a="1"/>
  <c r="D8556" i="2" s="1"/>
  <c r="D8562" i="2" a="1"/>
  <c r="D8562" i="2" s="1"/>
  <c r="AP13" i="1"/>
  <c r="F19" i="5" s="1"/>
  <c r="E4873" i="2" a="1"/>
  <c r="E4873" i="2" s="1"/>
  <c r="E4863" i="2" a="1"/>
  <c r="E4863" i="2" s="1"/>
  <c r="E1637" i="2" a="1"/>
  <c r="E1637" i="2" s="1"/>
  <c r="E1618" i="2" a="1"/>
  <c r="E1618" i="2" s="1"/>
  <c r="H7041" i="2" a="1"/>
  <c r="H7041" i="2" s="1"/>
  <c r="H7024" i="2" a="1"/>
  <c r="H7024" i="2" s="1"/>
  <c r="H7025" i="2" a="1"/>
  <c r="H7025" i="2" s="1"/>
  <c r="H7028" i="2" a="1"/>
  <c r="H7028" i="2" s="1"/>
  <c r="H7026" i="2" a="1"/>
  <c r="H7026" i="2" s="1"/>
  <c r="H5405" i="2" a="1"/>
  <c r="H5405" i="2" s="1"/>
  <c r="H5406" i="2" a="1"/>
  <c r="H5406" i="2" s="1"/>
  <c r="H5397" i="2" a="1"/>
  <c r="H5397" i="2" s="1"/>
  <c r="H5402" i="2" a="1"/>
  <c r="H5402" i="2" s="1"/>
  <c r="E5501" i="2" a="1"/>
  <c r="E5501" i="2" s="1"/>
  <c r="E5505" i="2" a="1"/>
  <c r="E5505" i="2" s="1"/>
  <c r="AQ201" i="1"/>
  <c r="G207" i="5" s="1"/>
  <c r="G2977" i="2" a="1"/>
  <c r="G2977" i="2" s="1"/>
  <c r="G5175" i="2" a="1"/>
  <c r="G5175" i="2" s="1"/>
  <c r="G3142" i="2" a="1"/>
  <c r="G3142" i="2" s="1"/>
  <c r="H5269" i="2" a="1"/>
  <c r="H5269" i="2" s="1"/>
  <c r="H5286" i="2" a="1"/>
  <c r="H5286" i="2" s="1"/>
  <c r="H5273" i="2" a="1"/>
  <c r="H5273" i="2" s="1"/>
  <c r="H5280" i="2" a="1"/>
  <c r="H5280" i="2" s="1"/>
  <c r="H5275" i="2" a="1"/>
  <c r="H5275" i="2" s="1"/>
  <c r="H5272" i="2" a="1"/>
  <c r="H5272" i="2" s="1"/>
  <c r="H6238" i="2" a="1"/>
  <c r="H6238" i="2" s="1"/>
  <c r="H6228" i="2" a="1"/>
  <c r="H6228" i="2" s="1"/>
  <c r="H5682" i="2" a="1"/>
  <c r="H5682" i="2" s="1"/>
  <c r="H5697" i="2" a="1"/>
  <c r="H5697" i="2" s="1"/>
  <c r="H5693" i="2" a="1"/>
  <c r="H5693" i="2" s="1"/>
  <c r="H5683" i="2" a="1"/>
  <c r="H5683" i="2" s="1"/>
  <c r="H5678" i="2" a="1"/>
  <c r="H5678" i="2" s="1"/>
  <c r="D4640" i="2" a="1"/>
  <c r="D4640" i="2" s="1"/>
  <c r="D4630" i="2" a="1"/>
  <c r="D4630" i="2" s="1"/>
  <c r="E365" i="2" a="1"/>
  <c r="E365" i="2" s="1"/>
  <c r="E369" i="2" a="1"/>
  <c r="E369" i="2" s="1"/>
  <c r="E357" i="2" a="1"/>
  <c r="E357" i="2" s="1"/>
  <c r="D7432" i="2" a="1"/>
  <c r="D7432" i="2" s="1"/>
  <c r="D7437" i="2" a="1"/>
  <c r="D7437" i="2" s="1"/>
  <c r="D6500" i="2" a="1"/>
  <c r="D6500" i="2" s="1"/>
  <c r="D6495" i="2" a="1"/>
  <c r="D6495" i="2" s="1"/>
  <c r="D3798" i="2" a="1"/>
  <c r="D3798" i="2" s="1"/>
  <c r="D3784" i="2" a="1"/>
  <c r="D3784" i="2" s="1"/>
  <c r="D3780" i="2" a="1"/>
  <c r="D3780" i="2" s="1"/>
  <c r="D3781" i="2" a="1"/>
  <c r="D3781" i="2" s="1"/>
  <c r="D3796" i="2" a="1"/>
  <c r="D3796" i="2" s="1"/>
  <c r="D3789" i="2" a="1"/>
  <c r="D3789" i="2" s="1"/>
  <c r="D3797" i="2" a="1"/>
  <c r="D3797" i="2" s="1"/>
  <c r="H8455" i="2" a="1"/>
  <c r="H8455" i="2" s="1"/>
  <c r="H8445" i="2" a="1"/>
  <c r="H8445" i="2" s="1"/>
  <c r="H8444" i="2" a="1"/>
  <c r="H8444" i="2" s="1"/>
  <c r="H8443" i="2" a="1"/>
  <c r="H8443" i="2" s="1"/>
  <c r="H8452" i="2" a="1"/>
  <c r="H8452" i="2" s="1"/>
  <c r="H8434" i="2" a="1"/>
  <c r="H8434" i="2" s="1"/>
  <c r="H8453" i="2" a="1"/>
  <c r="H8453" i="2" s="1"/>
  <c r="H8439" i="2" a="1"/>
  <c r="H8439" i="2" s="1"/>
  <c r="G6873" i="2" a="1"/>
  <c r="G6873" i="2" s="1"/>
  <c r="G6857" i="2" a="1"/>
  <c r="G6857" i="2" s="1"/>
  <c r="G6856" i="2" a="1"/>
  <c r="G6856" i="2" s="1"/>
  <c r="G6869" i="2" a="1"/>
  <c r="G6869" i="2" s="1"/>
  <c r="G6865" i="2" a="1"/>
  <c r="G6865" i="2" s="1"/>
  <c r="G1294" i="2" a="1"/>
  <c r="G1294" i="2" s="1"/>
  <c r="G1283" i="2" a="1"/>
  <c r="G1283" i="2" s="1"/>
  <c r="G1284" i="2" a="1"/>
  <c r="G1284" i="2" s="1"/>
  <c r="G1290" i="2" a="1"/>
  <c r="G1290" i="2" s="1"/>
  <c r="G1285" i="2" a="1"/>
  <c r="G1285" i="2" s="1"/>
  <c r="G1287" i="2" a="1"/>
  <c r="G1287" i="2" s="1"/>
  <c r="G5177" i="2" a="1"/>
  <c r="G5177" i="2" s="1"/>
  <c r="H5690" i="2" a="1"/>
  <c r="H5690" i="2" s="1"/>
  <c r="G5176" i="2" a="1"/>
  <c r="G5176" i="2" s="1"/>
  <c r="G3137" i="2" a="1"/>
  <c r="G3137" i="2" s="1"/>
  <c r="H5687" i="2" a="1"/>
  <c r="H5687" i="2" s="1"/>
  <c r="E6194" i="2" a="1"/>
  <c r="E6194" i="2" s="1"/>
  <c r="E2618" i="2" a="1"/>
  <c r="E2618" i="2" s="1"/>
  <c r="AN88" i="1"/>
  <c r="D94" i="5" s="1"/>
  <c r="G1785" i="2" a="1"/>
  <c r="G1785" i="2" s="1"/>
  <c r="E6265" i="2" a="1"/>
  <c r="E6265" i="2" s="1"/>
  <c r="D2536" i="2" a="1"/>
  <c r="D2536" i="2" s="1"/>
  <c r="G5157" i="2" a="1"/>
  <c r="G5157" i="2" s="1"/>
  <c r="G1777" i="2" a="1"/>
  <c r="G1777" i="2" s="1"/>
  <c r="E6261" i="2" a="1"/>
  <c r="E6261" i="2" s="1"/>
  <c r="F120" i="2" a="1"/>
  <c r="F120" i="2" s="1"/>
  <c r="F4275" i="2" a="1"/>
  <c r="F4275" i="2" s="1"/>
  <c r="E6342" i="2" a="1"/>
  <c r="E6342" i="2" s="1"/>
  <c r="F164" i="2" a="1"/>
  <c r="F164" i="2" s="1"/>
  <c r="G1519" i="2" a="1"/>
  <c r="G1519" i="2" s="1"/>
  <c r="F2998" i="2" a="1"/>
  <c r="F2998" i="2" s="1"/>
  <c r="H1537" i="2" a="1"/>
  <c r="H1537" i="2" s="1"/>
  <c r="G1782" i="2" a="1"/>
  <c r="G1782" i="2" s="1"/>
  <c r="E6264" i="2" a="1"/>
  <c r="E6264" i="2" s="1"/>
  <c r="F111" i="2" a="1"/>
  <c r="F111" i="2" s="1"/>
  <c r="F4266" i="2" a="1"/>
  <c r="F4266" i="2" s="1"/>
  <c r="E2473" i="2" a="1"/>
  <c r="E2473" i="2" s="1"/>
  <c r="E6903" i="2" a="1"/>
  <c r="E6903" i="2" s="1"/>
  <c r="F2904" i="2" a="1"/>
  <c r="F2904" i="2" s="1"/>
  <c r="G8463" i="2" a="1"/>
  <c r="G8463" i="2" s="1"/>
  <c r="F3008" i="2" a="1"/>
  <c r="F3008" i="2" s="1"/>
  <c r="G1944" i="2" a="1"/>
  <c r="G1944" i="2" s="1"/>
  <c r="F5331" i="2" a="1"/>
  <c r="F5331" i="2" s="1"/>
  <c r="G1783" i="2" a="1"/>
  <c r="G1783" i="2" s="1"/>
  <c r="G1772" i="2" a="1"/>
  <c r="G1772" i="2" s="1"/>
  <c r="E6251" i="2" a="1"/>
  <c r="E6251" i="2" s="1"/>
  <c r="F117" i="2" a="1"/>
  <c r="F117" i="2" s="1"/>
  <c r="D2551" i="2" a="1"/>
  <c r="D2551" i="2" s="1"/>
  <c r="F4262" i="2" a="1"/>
  <c r="F4262" i="2" s="1"/>
  <c r="E2478" i="2" a="1"/>
  <c r="E2478" i="2" s="1"/>
  <c r="E6905" i="2" a="1"/>
  <c r="E6905" i="2" s="1"/>
  <c r="F2908" i="2" a="1"/>
  <c r="F2908" i="2" s="1"/>
  <c r="G8473" i="2" a="1"/>
  <c r="G8473" i="2" s="1"/>
  <c r="F4079" i="2" a="1"/>
  <c r="F4079" i="2" s="1"/>
  <c r="G1950" i="2" a="1"/>
  <c r="G1950" i="2" s="1"/>
  <c r="G1768" i="2" a="1"/>
  <c r="G1768" i="2" s="1"/>
  <c r="G1765" i="2" a="1"/>
  <c r="G1765" i="2" s="1"/>
  <c r="E6263" i="2" a="1"/>
  <c r="E6263" i="2" s="1"/>
  <c r="D2552" i="2" a="1"/>
  <c r="D2552" i="2" s="1"/>
  <c r="F4273" i="2" a="1"/>
  <c r="F4273" i="2" s="1"/>
  <c r="E2459" i="2" a="1"/>
  <c r="E2459" i="2" s="1"/>
  <c r="F2913" i="2" a="1"/>
  <c r="F2913" i="2" s="1"/>
  <c r="E3822" i="2" a="1"/>
  <c r="E3822" i="2" s="1"/>
  <c r="F4075" i="2" a="1"/>
  <c r="F4075" i="2" s="1"/>
  <c r="G1933" i="2" a="1"/>
  <c r="G1933" i="2" s="1"/>
  <c r="G1780" i="2" a="1"/>
  <c r="G1780" i="2" s="1"/>
  <c r="G1770" i="2" a="1"/>
  <c r="G1770" i="2" s="1"/>
  <c r="E6260" i="2" a="1"/>
  <c r="E6260" i="2" s="1"/>
  <c r="F4276" i="2" a="1"/>
  <c r="F4276" i="2" s="1"/>
  <c r="E2468" i="2" a="1"/>
  <c r="E2468" i="2" s="1"/>
  <c r="E886" i="2" a="1"/>
  <c r="E886" i="2" s="1"/>
  <c r="E890" i="2" a="1"/>
  <c r="E890" i="2" s="1"/>
  <c r="E877" i="2" a="1"/>
  <c r="E877" i="2" s="1"/>
  <c r="E874" i="2" a="1"/>
  <c r="E874" i="2" s="1"/>
  <c r="E894" i="2" a="1"/>
  <c r="E894" i="2" s="1"/>
  <c r="E895" i="2" a="1"/>
  <c r="E895" i="2" s="1"/>
  <c r="E888" i="2" a="1"/>
  <c r="E888" i="2" s="1"/>
  <c r="E892" i="2" a="1"/>
  <c r="E892" i="2" s="1"/>
  <c r="E887" i="2" a="1"/>
  <c r="E887" i="2" s="1"/>
  <c r="F8277" i="2" a="1"/>
  <c r="F8277" i="2" s="1"/>
  <c r="F8273" i="2" a="1"/>
  <c r="F8273" i="2" s="1"/>
  <c r="F8288" i="2" a="1"/>
  <c r="F8288" i="2" s="1"/>
  <c r="F8285" i="2" a="1"/>
  <c r="F8285" i="2" s="1"/>
  <c r="F8281" i="2" a="1"/>
  <c r="F8281" i="2" s="1"/>
  <c r="H7502" i="2" a="1"/>
  <c r="H7502" i="2" s="1"/>
  <c r="H7508" i="2" a="1"/>
  <c r="H7508" i="2" s="1"/>
  <c r="H841" i="2" a="1"/>
  <c r="H841" i="2" s="1"/>
  <c r="H840" i="2" a="1"/>
  <c r="H840" i="2" s="1"/>
  <c r="H836" i="2" a="1"/>
  <c r="H836" i="2" s="1"/>
  <c r="D8487" i="2" a="1"/>
  <c r="D8487" i="2" s="1"/>
  <c r="D8488" i="2" a="1"/>
  <c r="D8488" i="2" s="1"/>
  <c r="D8505" i="2" a="1"/>
  <c r="D8505" i="2" s="1"/>
  <c r="G1541" i="2" a="1"/>
  <c r="G1541" i="2" s="1"/>
  <c r="G1524" i="2" a="1"/>
  <c r="G1524" i="2" s="1"/>
  <c r="G1545" i="2" a="1"/>
  <c r="G1545" i="2" s="1"/>
  <c r="G1531" i="2" a="1"/>
  <c r="G1531" i="2" s="1"/>
  <c r="H2122" i="2" a="1"/>
  <c r="H2122" i="2" s="1"/>
  <c r="H2142" i="2" a="1"/>
  <c r="H2142" i="2" s="1"/>
  <c r="H2138" i="2" a="1"/>
  <c r="H2138" i="2" s="1"/>
  <c r="H2130" i="2" a="1"/>
  <c r="H2130" i="2" s="1"/>
  <c r="H2139" i="2" a="1"/>
  <c r="H2139" i="2" s="1"/>
  <c r="G7668" i="2" a="1"/>
  <c r="G7668" i="2" s="1"/>
  <c r="G7669" i="2" a="1"/>
  <c r="G7669" i="2" s="1"/>
  <c r="G7674" i="2" a="1"/>
  <c r="G7674" i="2" s="1"/>
  <c r="G4387" i="2" a="1"/>
  <c r="G4387" i="2" s="1"/>
  <c r="G4389" i="2" a="1"/>
  <c r="G4389" i="2" s="1"/>
  <c r="D3590" i="2" a="1"/>
  <c r="D3590" i="2" s="1"/>
  <c r="D3594" i="2" a="1"/>
  <c r="D3594" i="2" s="1"/>
  <c r="D3606" i="2" a="1"/>
  <c r="D3606" i="2" s="1"/>
  <c r="D3602" i="2" a="1"/>
  <c r="D3602" i="2" s="1"/>
  <c r="D3609" i="2" a="1"/>
  <c r="D3609" i="2" s="1"/>
  <c r="F2889" i="2" a="1"/>
  <c r="F2889" i="2" s="1"/>
  <c r="F2879" i="2" a="1"/>
  <c r="F2879" i="2" s="1"/>
  <c r="E5717" i="2" a="1"/>
  <c r="E5717" i="2" s="1"/>
  <c r="E5698" i="2" a="1"/>
  <c r="E5698" i="2" s="1"/>
  <c r="E5699" i="2" a="1"/>
  <c r="E5699" i="2" s="1"/>
  <c r="E5711" i="2" a="1"/>
  <c r="E5711" i="2" s="1"/>
  <c r="G1883" i="2" a="1"/>
  <c r="G1883" i="2" s="1"/>
  <c r="G1904" i="2" a="1"/>
  <c r="G1904" i="2" s="1"/>
  <c r="G1897" i="2" a="1"/>
  <c r="G1897" i="2" s="1"/>
  <c r="G1882" i="2" a="1"/>
  <c r="G1882" i="2" s="1"/>
  <c r="G1888" i="2" a="1"/>
  <c r="G1888" i="2" s="1"/>
  <c r="E5516" i="2" a="1"/>
  <c r="E5516" i="2" s="1"/>
  <c r="E5519" i="2" a="1"/>
  <c r="E5519" i="2" s="1"/>
  <c r="E5520" i="2" a="1"/>
  <c r="E5520" i="2" s="1"/>
  <c r="E5515" i="2" a="1"/>
  <c r="E5515" i="2" s="1"/>
  <c r="F3132" i="2" a="1"/>
  <c r="F3132" i="2" s="1"/>
  <c r="F3150" i="2" a="1"/>
  <c r="F3150" i="2" s="1"/>
  <c r="F3147" i="2" a="1"/>
  <c r="F3147" i="2" s="1"/>
  <c r="F3144" i="2" a="1"/>
  <c r="F3144" i="2" s="1"/>
  <c r="F3131" i="2" a="1"/>
  <c r="F3131" i="2" s="1"/>
  <c r="F7830" i="2" a="1"/>
  <c r="F7830" i="2" s="1"/>
  <c r="F7811" i="2" a="1"/>
  <c r="F7811" i="2" s="1"/>
  <c r="F7812" i="2" a="1"/>
  <c r="F7812" i="2" s="1"/>
  <c r="F7820" i="2" a="1"/>
  <c r="F7820" i="2" s="1"/>
  <c r="H8097" i="2" a="1"/>
  <c r="H8097" i="2" s="1"/>
  <c r="H8081" i="2" a="1"/>
  <c r="H8081" i="2" s="1"/>
  <c r="H8075" i="2" a="1"/>
  <c r="H8075" i="2" s="1"/>
  <c r="H8077" i="2" a="1"/>
  <c r="H8077" i="2" s="1"/>
  <c r="E2979" i="2" a="1"/>
  <c r="E2979" i="2" s="1"/>
  <c r="E2980" i="2" a="1"/>
  <c r="E2980" i="2" s="1"/>
  <c r="E2966" i="2" a="1"/>
  <c r="E2966" i="2" s="1"/>
  <c r="E2973" i="2" a="1"/>
  <c r="E2973" i="2" s="1"/>
  <c r="E2971" i="2" a="1"/>
  <c r="E2971" i="2" s="1"/>
  <c r="E2968" i="2" a="1"/>
  <c r="E2968" i="2" s="1"/>
  <c r="E2972" i="2" a="1"/>
  <c r="E2972" i="2" s="1"/>
  <c r="E2983" i="2" a="1"/>
  <c r="E2983" i="2" s="1"/>
  <c r="E2982" i="2" a="1"/>
  <c r="E2982" i="2" s="1"/>
  <c r="E2974" i="2" a="1"/>
  <c r="E2974" i="2" s="1"/>
  <c r="E2967" i="2" a="1"/>
  <c r="E2967" i="2" s="1"/>
  <c r="D7710" i="2" a="1"/>
  <c r="D7710" i="2" s="1"/>
  <c r="D7702" i="2" a="1"/>
  <c r="D7702" i="2" s="1"/>
  <c r="D7713" i="2" a="1"/>
  <c r="D7713" i="2" s="1"/>
  <c r="D7694" i="2" a="1"/>
  <c r="D7694" i="2" s="1"/>
  <c r="H4446" i="2" a="1"/>
  <c r="H4446" i="2" s="1"/>
  <c r="H4433" i="2" a="1"/>
  <c r="H4433" i="2" s="1"/>
  <c r="H4439" i="2" a="1"/>
  <c r="H4439" i="2" s="1"/>
  <c r="H4429" i="2" a="1"/>
  <c r="H4429" i="2" s="1"/>
  <c r="H4441" i="2" a="1"/>
  <c r="H4441" i="2" s="1"/>
  <c r="H4440" i="2" a="1"/>
  <c r="H4440" i="2" s="1"/>
  <c r="H4426" i="2" a="1"/>
  <c r="H4426" i="2" s="1"/>
  <c r="H4449" i="2" a="1"/>
  <c r="H4449" i="2" s="1"/>
  <c r="H4430" i="2" a="1"/>
  <c r="H4430" i="2" s="1"/>
  <c r="H4435" i="2" a="1"/>
  <c r="H4435" i="2" s="1"/>
  <c r="H4443" i="2" a="1"/>
  <c r="H4443" i="2" s="1"/>
  <c r="F3479" i="2" a="1"/>
  <c r="F3479" i="2" s="1"/>
  <c r="F3480" i="2" a="1"/>
  <c r="F3480" i="2" s="1"/>
  <c r="F3469" i="2" a="1"/>
  <c r="F3469" i="2" s="1"/>
  <c r="F3474" i="2" a="1"/>
  <c r="F3474" i="2" s="1"/>
  <c r="D5678" i="2" a="1"/>
  <c r="D5678" i="2" s="1"/>
  <c r="D5676" i="2" a="1"/>
  <c r="D5676" i="2" s="1"/>
  <c r="D5688" i="2" a="1"/>
  <c r="D5688" i="2" s="1"/>
  <c r="D5696" i="2" a="1"/>
  <c r="D5696" i="2" s="1"/>
  <c r="D1347" i="2" a="1"/>
  <c r="D1347" i="2" s="1"/>
  <c r="D1351" i="2" a="1"/>
  <c r="D1351" i="2" s="1"/>
  <c r="D1339" i="2" a="1"/>
  <c r="D1339" i="2" s="1"/>
  <c r="D1342" i="2" a="1"/>
  <c r="D1342" i="2" s="1"/>
  <c r="D1340" i="2" a="1"/>
  <c r="D1340" i="2" s="1"/>
  <c r="D1346" i="2" a="1"/>
  <c r="D1346" i="2" s="1"/>
  <c r="D1345" i="2" a="1"/>
  <c r="D1345" i="2" s="1"/>
  <c r="D1334" i="2" a="1"/>
  <c r="D1334" i="2" s="1"/>
  <c r="D1330" i="2" a="1"/>
  <c r="D1330" i="2" s="1"/>
  <c r="D1335" i="2" a="1"/>
  <c r="D1335" i="2" s="1"/>
  <c r="D1353" i="2" a="1"/>
  <c r="D1353" i="2" s="1"/>
  <c r="D1352" i="2" a="1"/>
  <c r="D1352" i="2" s="1"/>
  <c r="F2982" i="2" a="1"/>
  <c r="F2982" i="2" s="1"/>
  <c r="F2985" i="2" a="1"/>
  <c r="F2985" i="2" s="1"/>
  <c r="F2976" i="2" a="1"/>
  <c r="F2976" i="2" s="1"/>
  <c r="F2984" i="2" a="1"/>
  <c r="F2984" i="2" s="1"/>
  <c r="F2981" i="2" a="1"/>
  <c r="F2981" i="2" s="1"/>
  <c r="F2977" i="2" a="1"/>
  <c r="F2977" i="2" s="1"/>
  <c r="F2974" i="2" a="1"/>
  <c r="F2974" i="2" s="1"/>
  <c r="G8182" i="2" a="1"/>
  <c r="G8182" i="2" s="1"/>
  <c r="G8183" i="2" a="1"/>
  <c r="G8183" i="2" s="1"/>
  <c r="G8179" i="2" a="1"/>
  <c r="G8179" i="2" s="1"/>
  <c r="G8176" i="2" a="1"/>
  <c r="G8176" i="2" s="1"/>
  <c r="G8172" i="2" a="1"/>
  <c r="G8172" i="2" s="1"/>
  <c r="E6530" i="2" a="1"/>
  <c r="E6530" i="2" s="1"/>
  <c r="E6535" i="2" a="1"/>
  <c r="E6535" i="2" s="1"/>
  <c r="E6524" i="2" a="1"/>
  <c r="E6524" i="2" s="1"/>
  <c r="E6515" i="2" a="1"/>
  <c r="E6515" i="2" s="1"/>
  <c r="E6514" i="2" a="1"/>
  <c r="E6514" i="2" s="1"/>
  <c r="E6536" i="2" a="1"/>
  <c r="E6536" i="2" s="1"/>
  <c r="E1333" i="2" a="1"/>
  <c r="E1333" i="2" s="1"/>
  <c r="E1340" i="2" a="1"/>
  <c r="E1340" i="2" s="1"/>
  <c r="E1338" i="2" a="1"/>
  <c r="E1338" i="2" s="1"/>
  <c r="E1351" i="2" a="1"/>
  <c r="E1351" i="2" s="1"/>
  <c r="G3829" i="2" a="1"/>
  <c r="G3829" i="2" s="1"/>
  <c r="G3830" i="2" a="1"/>
  <c r="G3830" i="2" s="1"/>
  <c r="G3832" i="2" a="1"/>
  <c r="G3832" i="2" s="1"/>
  <c r="G3841" i="2" a="1"/>
  <c r="G3841" i="2" s="1"/>
  <c r="G3847" i="2" a="1"/>
  <c r="G3847" i="2" s="1"/>
  <c r="G3833" i="2" a="1"/>
  <c r="G3833" i="2" s="1"/>
  <c r="G3831" i="2" a="1"/>
  <c r="G3831" i="2" s="1"/>
  <c r="G3848" i="2" a="1"/>
  <c r="G3848" i="2" s="1"/>
  <c r="G3842" i="2" a="1"/>
  <c r="G3842" i="2" s="1"/>
  <c r="G3836" i="2" a="1"/>
  <c r="G3836" i="2" s="1"/>
  <c r="G3845" i="2" a="1"/>
  <c r="G3845" i="2" s="1"/>
  <c r="G3835" i="2" a="1"/>
  <c r="G3835" i="2" s="1"/>
  <c r="G3828" i="2" a="1"/>
  <c r="G3828" i="2" s="1"/>
  <c r="G3837" i="2" a="1"/>
  <c r="G3837" i="2" s="1"/>
  <c r="G3849" i="2" a="1"/>
  <c r="G3849" i="2" s="1"/>
  <c r="G3846" i="2" a="1"/>
  <c r="G3846" i="2" s="1"/>
  <c r="G1057" i="2" a="1"/>
  <c r="G1057" i="2" s="1"/>
  <c r="G1044" i="2" a="1"/>
  <c r="G1044" i="2" s="1"/>
  <c r="G1046" i="2" a="1"/>
  <c r="G1046" i="2" s="1"/>
  <c r="G1059" i="2" a="1"/>
  <c r="G1059" i="2" s="1"/>
  <c r="G1049" i="2" a="1"/>
  <c r="G1049" i="2" s="1"/>
  <c r="G1051" i="2" a="1"/>
  <c r="G1051" i="2" s="1"/>
  <c r="G1047" i="2" a="1"/>
  <c r="G1047" i="2" s="1"/>
  <c r="G1053" i="2" a="1"/>
  <c r="G1053" i="2" s="1"/>
  <c r="G1058" i="2" a="1"/>
  <c r="G1058" i="2" s="1"/>
  <c r="G1055" i="2" a="1"/>
  <c r="G1055" i="2" s="1"/>
  <c r="G1056" i="2" a="1"/>
  <c r="G1056" i="2" s="1"/>
  <c r="G1318" i="2" a="1"/>
  <c r="G1318" i="2" s="1"/>
  <c r="G1306" i="2" a="1"/>
  <c r="G1306" i="2" s="1"/>
  <c r="G1311" i="2" a="1"/>
  <c r="G1311" i="2" s="1"/>
  <c r="G1314" i="2" a="1"/>
  <c r="G1314" i="2" s="1"/>
  <c r="G1324" i="2" a="1"/>
  <c r="G1324" i="2" s="1"/>
  <c r="G1328" i="2" a="1"/>
  <c r="G1328" i="2" s="1"/>
  <c r="G1323" i="2" a="1"/>
  <c r="G1323" i="2" s="1"/>
  <c r="G1307" i="2" a="1"/>
  <c r="G1307" i="2" s="1"/>
  <c r="G1310" i="2" a="1"/>
  <c r="G1310" i="2" s="1"/>
  <c r="G1308" i="2" a="1"/>
  <c r="G1308" i="2" s="1"/>
  <c r="G1319" i="2" a="1"/>
  <c r="G1319" i="2" s="1"/>
  <c r="G1327" i="2" a="1"/>
  <c r="G1327" i="2" s="1"/>
  <c r="G1320" i="2" a="1"/>
  <c r="G1320" i="2" s="1"/>
  <c r="G1316" i="2" a="1"/>
  <c r="G1316" i="2" s="1"/>
  <c r="G1312" i="2" a="1"/>
  <c r="G1312" i="2" s="1"/>
  <c r="G1313" i="2" a="1"/>
  <c r="G1313" i="2" s="1"/>
  <c r="G1315" i="2" a="1"/>
  <c r="G1315" i="2" s="1"/>
  <c r="G5552" i="2" a="1"/>
  <c r="G5552" i="2" s="1"/>
  <c r="G5544" i="2" a="1"/>
  <c r="G5544" i="2" s="1"/>
  <c r="G5542" i="2" a="1"/>
  <c r="G5542" i="2" s="1"/>
  <c r="G5540" i="2" a="1"/>
  <c r="G5540" i="2" s="1"/>
  <c r="G5551" i="2" a="1"/>
  <c r="G5551" i="2" s="1"/>
  <c r="E5280" i="2" a="1"/>
  <c r="E5280" i="2" s="1"/>
  <c r="E5266" i="2" a="1"/>
  <c r="E5266" i="2" s="1"/>
  <c r="AN220" i="1"/>
  <c r="D226" i="5" s="1"/>
  <c r="E5277" i="2" a="1"/>
  <c r="E5277" i="2" s="1"/>
  <c r="AO220" i="1"/>
  <c r="E226" i="5" s="1"/>
  <c r="E5284" i="2" a="1"/>
  <c r="E5284" i="2" s="1"/>
  <c r="AP220" i="1"/>
  <c r="F226" i="5" s="1"/>
  <c r="E5270" i="2" a="1"/>
  <c r="E5270" i="2" s="1"/>
  <c r="H2237" i="2" a="1"/>
  <c r="H2237" i="2" s="1"/>
  <c r="H2238" i="2" a="1"/>
  <c r="H2238" i="2" s="1"/>
  <c r="H5243" i="2" a="1"/>
  <c r="H5243" i="2" s="1"/>
  <c r="H5251" i="2" a="1"/>
  <c r="H5251" i="2" s="1"/>
  <c r="H5262" i="2" a="1"/>
  <c r="H5262" i="2" s="1"/>
  <c r="H5246" i="2" a="1"/>
  <c r="H5246" i="2" s="1"/>
  <c r="H5253" i="2" a="1"/>
  <c r="H5253" i="2" s="1"/>
  <c r="H5244" i="2" a="1"/>
  <c r="H5244" i="2" s="1"/>
  <c r="H5252" i="2" a="1"/>
  <c r="H5252" i="2" s="1"/>
  <c r="H5242" i="2" a="1"/>
  <c r="H5242" i="2" s="1"/>
  <c r="H5256" i="2" a="1"/>
  <c r="H5256" i="2" s="1"/>
  <c r="H5258" i="2" a="1"/>
  <c r="H5258" i="2" s="1"/>
  <c r="H5263" i="2" a="1"/>
  <c r="H5263" i="2" s="1"/>
  <c r="H5255" i="2" a="1"/>
  <c r="H5255" i="2" s="1"/>
  <c r="H5259" i="2" a="1"/>
  <c r="H5259" i="2" s="1"/>
  <c r="H5248" i="2" a="1"/>
  <c r="H5248" i="2" s="1"/>
  <c r="G3539" i="2" a="1"/>
  <c r="G3539" i="2" s="1"/>
  <c r="G3559" i="2" a="1"/>
  <c r="G3559" i="2" s="1"/>
  <c r="G3554" i="2" a="1"/>
  <c r="G3554" i="2" s="1"/>
  <c r="H8551" i="2" a="1"/>
  <c r="H8551" i="2" s="1"/>
  <c r="H8548" i="2" a="1"/>
  <c r="H8548" i="2" s="1"/>
  <c r="H3059" i="2" a="1"/>
  <c r="H3059" i="2" s="1"/>
  <c r="H3078" i="2" a="1"/>
  <c r="H3078" i="2" s="1"/>
  <c r="H3061" i="2" a="1"/>
  <c r="H3061" i="2" s="1"/>
  <c r="H3077" i="2" a="1"/>
  <c r="H3077" i="2" s="1"/>
  <c r="H3080" i="2" a="1"/>
  <c r="H3080" i="2" s="1"/>
  <c r="H3076" i="2" a="1"/>
  <c r="H3076" i="2" s="1"/>
  <c r="H3062" i="2" a="1"/>
  <c r="H3062" i="2" s="1"/>
  <c r="H3070" i="2" a="1"/>
  <c r="H3070" i="2" s="1"/>
  <c r="H3068" i="2" a="1"/>
  <c r="H3068" i="2" s="1"/>
  <c r="H3073" i="2" a="1"/>
  <c r="H3073" i="2" s="1"/>
  <c r="H3065" i="2" a="1"/>
  <c r="H3065" i="2" s="1"/>
  <c r="H3060" i="2" a="1"/>
  <c r="H3060" i="2" s="1"/>
  <c r="H3063" i="2" a="1"/>
  <c r="H3063" i="2" s="1"/>
  <c r="F3200" i="2" a="1"/>
  <c r="F3200" i="2" s="1"/>
  <c r="F3201" i="2" a="1"/>
  <c r="F3201" i="2" s="1"/>
  <c r="F3193" i="2" a="1"/>
  <c r="F3193" i="2" s="1"/>
  <c r="F3183" i="2" a="1"/>
  <c r="F3183" i="2" s="1"/>
  <c r="F3190" i="2" a="1"/>
  <c r="F3190" i="2" s="1"/>
  <c r="F3189" i="2" a="1"/>
  <c r="F3189" i="2" s="1"/>
  <c r="F3181" i="2" a="1"/>
  <c r="F3181" i="2" s="1"/>
  <c r="F3178" i="2" a="1"/>
  <c r="F3178" i="2" s="1"/>
  <c r="F3191" i="2" a="1"/>
  <c r="F3191" i="2" s="1"/>
  <c r="F3186" i="2" a="1"/>
  <c r="F3186" i="2" s="1"/>
  <c r="F3199" i="2" a="1"/>
  <c r="F3199" i="2" s="1"/>
  <c r="F3198" i="2" a="1"/>
  <c r="F3198" i="2" s="1"/>
  <c r="F3182" i="2" a="1"/>
  <c r="F3182" i="2" s="1"/>
  <c r="F3195" i="2" a="1"/>
  <c r="F3195" i="2" s="1"/>
  <c r="F3187" i="2" a="1"/>
  <c r="F3187" i="2" s="1"/>
  <c r="F3185" i="2" a="1"/>
  <c r="F3185" i="2" s="1"/>
  <c r="H7627" i="2" a="1"/>
  <c r="H7627" i="2" s="1"/>
  <c r="H7641" i="2" a="1"/>
  <c r="H7641" i="2" s="1"/>
  <c r="H7619" i="2" a="1"/>
  <c r="H7619" i="2" s="1"/>
  <c r="H6560" i="2" a="1"/>
  <c r="H6560" i="2" s="1"/>
  <c r="H6543" i="2" a="1"/>
  <c r="H6543" i="2" s="1"/>
  <c r="H6541" i="2" a="1"/>
  <c r="H6541" i="2" s="1"/>
  <c r="H6561" i="2" a="1"/>
  <c r="H6561" i="2" s="1"/>
  <c r="H6544" i="2" a="1"/>
  <c r="H6544" i="2" s="1"/>
  <c r="H5941" i="2" a="1"/>
  <c r="H5941" i="2" s="1"/>
  <c r="H5938" i="2" a="1"/>
  <c r="H5938" i="2" s="1"/>
  <c r="H5953" i="2" a="1"/>
  <c r="H5953" i="2" s="1"/>
  <c r="H5943" i="2" a="1"/>
  <c r="H5943" i="2" s="1"/>
  <c r="H5946" i="2" a="1"/>
  <c r="H5946" i="2" s="1"/>
  <c r="H5957" i="2" a="1"/>
  <c r="H5957" i="2" s="1"/>
  <c r="H5958" i="2" a="1"/>
  <c r="H5958" i="2" s="1"/>
  <c r="H5959" i="2" a="1"/>
  <c r="H5959" i="2" s="1"/>
  <c r="H5960" i="2" a="1"/>
  <c r="H5960" i="2" s="1"/>
  <c r="H5949" i="2" a="1"/>
  <c r="H5949" i="2" s="1"/>
  <c r="H4486" i="2" a="1"/>
  <c r="H4486" i="2" s="1"/>
  <c r="H4482" i="2" a="1"/>
  <c r="H4482" i="2" s="1"/>
  <c r="H4491" i="2" a="1"/>
  <c r="H4491" i="2" s="1"/>
  <c r="E4865" i="2" a="1"/>
  <c r="E4865" i="2" s="1"/>
  <c r="E4871" i="2" a="1"/>
  <c r="E4871" i="2" s="1"/>
  <c r="E4872" i="2" a="1"/>
  <c r="E4872" i="2" s="1"/>
  <c r="E4880" i="2" a="1"/>
  <c r="E4880" i="2" s="1"/>
  <c r="E4878" i="2" a="1"/>
  <c r="E4878" i="2" s="1"/>
  <c r="E4875" i="2" a="1"/>
  <c r="E4875" i="2" s="1"/>
  <c r="E4860" i="2" a="1"/>
  <c r="E4860" i="2" s="1"/>
  <c r="E4868" i="2" a="1"/>
  <c r="E4868" i="2" s="1"/>
  <c r="G3139" i="2" a="1"/>
  <c r="G3139" i="2" s="1"/>
  <c r="G3145" i="2" a="1"/>
  <c r="G3145" i="2" s="1"/>
  <c r="G3134" i="2" a="1"/>
  <c r="G3134" i="2" s="1"/>
  <c r="G3140" i="2" a="1"/>
  <c r="G3140" i="2" s="1"/>
  <c r="D5638" i="2" a="1"/>
  <c r="D5638" i="2" s="1"/>
  <c r="D5642" i="2" a="1"/>
  <c r="D5642" i="2" s="1"/>
  <c r="D5646" i="2" a="1"/>
  <c r="D5646" i="2" s="1"/>
  <c r="AO235" i="1"/>
  <c r="E241" i="5" s="1"/>
  <c r="D5632" i="2" a="1"/>
  <c r="D5632" i="2" s="1"/>
  <c r="G5181" i="2" a="1"/>
  <c r="G5181" i="2" s="1"/>
  <c r="G5182" i="2" a="1"/>
  <c r="G5182" i="2" s="1"/>
  <c r="G5185" i="2" a="1"/>
  <c r="G5185" i="2" s="1"/>
  <c r="G5172" i="2" a="1"/>
  <c r="G5172" i="2" s="1"/>
  <c r="D1064" i="2" a="1"/>
  <c r="D1064" i="2" s="1"/>
  <c r="D1047" i="2" a="1"/>
  <c r="D1047" i="2" s="1"/>
  <c r="D1051" i="2" a="1"/>
  <c r="D1051" i="2" s="1"/>
  <c r="D1046" i="2" a="1"/>
  <c r="D1046" i="2" s="1"/>
  <c r="D1058" i="2" a="1"/>
  <c r="D1058" i="2" s="1"/>
  <c r="AQ349" i="1"/>
  <c r="G355" i="5" s="1"/>
  <c r="AM349" i="1"/>
  <c r="C355" i="5" s="1"/>
  <c r="D8385" i="2" a="1"/>
  <c r="D8385" i="2" s="1"/>
  <c r="D8372" i="2" a="1"/>
  <c r="D8372" i="2" s="1"/>
  <c r="D8365" i="2" a="1"/>
  <c r="D8365" i="2" s="1"/>
  <c r="D8362" i="2" a="1"/>
  <c r="D8362" i="2" s="1"/>
  <c r="E8750" i="2" a="1"/>
  <c r="E8750" i="2" s="1"/>
  <c r="E8747" i="2" a="1"/>
  <c r="E8747" i="2" s="1"/>
  <c r="E8765" i="2" a="1"/>
  <c r="E8765" i="2" s="1"/>
  <c r="E8762" i="2" a="1"/>
  <c r="E8762" i="2" s="1"/>
  <c r="E8746" i="2" a="1"/>
  <c r="E8746" i="2" s="1"/>
  <c r="E8752" i="2" a="1"/>
  <c r="E8752" i="2" s="1"/>
  <c r="E8761" i="2" a="1"/>
  <c r="E8761" i="2" s="1"/>
  <c r="E8769" i="2" a="1"/>
  <c r="E8769" i="2" s="1"/>
  <c r="E8767" i="2" a="1"/>
  <c r="E8767" i="2" s="1"/>
  <c r="E8764" i="2" a="1"/>
  <c r="E8764" i="2" s="1"/>
  <c r="E8755" i="2" a="1"/>
  <c r="E8755" i="2" s="1"/>
  <c r="E8749" i="2" a="1"/>
  <c r="E8749" i="2" s="1"/>
  <c r="E8748" i="2" a="1"/>
  <c r="E8748" i="2" s="1"/>
  <c r="E8768" i="2" a="1"/>
  <c r="E8768" i="2" s="1"/>
  <c r="E8760" i="2" a="1"/>
  <c r="E8760" i="2" s="1"/>
  <c r="E8751" i="2" a="1"/>
  <c r="E8751" i="2" s="1"/>
  <c r="E8759" i="2" a="1"/>
  <c r="E8759" i="2" s="1"/>
  <c r="E8763" i="2" a="1"/>
  <c r="E8763" i="2" s="1"/>
  <c r="F8111" i="2" a="1"/>
  <c r="F8111" i="2" s="1"/>
  <c r="F8114" i="2" a="1"/>
  <c r="F8114" i="2" s="1"/>
  <c r="F8098" i="2" a="1"/>
  <c r="F8098" i="2" s="1"/>
  <c r="F8099" i="2" a="1"/>
  <c r="F8099" i="2" s="1"/>
  <c r="F8100" i="2" a="1"/>
  <c r="F8100" i="2" s="1"/>
  <c r="F8104" i="2" a="1"/>
  <c r="F8104" i="2" s="1"/>
  <c r="F8107" i="2" a="1"/>
  <c r="F8107" i="2" s="1"/>
  <c r="E6197" i="2" a="1"/>
  <c r="E6197" i="2" s="1"/>
  <c r="E6199" i="2" a="1"/>
  <c r="E6199" i="2" s="1"/>
  <c r="E6191" i="2" a="1"/>
  <c r="E6191" i="2" s="1"/>
  <c r="E6183" i="2" a="1"/>
  <c r="E6183" i="2" s="1"/>
  <c r="E6195" i="2" a="1"/>
  <c r="E6195" i="2" s="1"/>
  <c r="E6190" i="2" a="1"/>
  <c r="E6190" i="2" s="1"/>
  <c r="E6198" i="2" a="1"/>
  <c r="E6198" i="2" s="1"/>
  <c r="E6188" i="2" a="1"/>
  <c r="E6188" i="2" s="1"/>
  <c r="E6201" i="2" a="1"/>
  <c r="E6201" i="2" s="1"/>
  <c r="E6185" i="2" a="1"/>
  <c r="E6185" i="2" s="1"/>
  <c r="E6181" i="2" a="1"/>
  <c r="E6181" i="2" s="1"/>
  <c r="E6186" i="2" a="1"/>
  <c r="E6186" i="2" s="1"/>
  <c r="D8448" i="2" a="1"/>
  <c r="D8448" i="2" s="1"/>
  <c r="D8456" i="2" a="1"/>
  <c r="D8456" i="2" s="1"/>
  <c r="D8434" i="2" a="1"/>
  <c r="D8434" i="2" s="1"/>
  <c r="D8455" i="2" a="1"/>
  <c r="D8455" i="2" s="1"/>
  <c r="D8450" i="2" a="1"/>
  <c r="D8450" i="2" s="1"/>
  <c r="D8454" i="2" a="1"/>
  <c r="D8454" i="2" s="1"/>
  <c r="D8451" i="2" a="1"/>
  <c r="D8451" i="2" s="1"/>
  <c r="F7777" i="2" a="1"/>
  <c r="F7777" i="2" s="1"/>
  <c r="F7767" i="2" a="1"/>
  <c r="F7767" i="2" s="1"/>
  <c r="F7783" i="2" a="1"/>
  <c r="F7783" i="2" s="1"/>
  <c r="F7776" i="2" a="1"/>
  <c r="F7776" i="2" s="1"/>
  <c r="F7770" i="2" a="1"/>
  <c r="F7770" i="2" s="1"/>
  <c r="F7785" i="2" a="1"/>
  <c r="F7785" i="2" s="1"/>
  <c r="F7782" i="2" a="1"/>
  <c r="F7782" i="2" s="1"/>
  <c r="F7784" i="2" a="1"/>
  <c r="F7784" i="2" s="1"/>
  <c r="F7779" i="2" a="1"/>
  <c r="F7779" i="2" s="1"/>
  <c r="F7766" i="2" a="1"/>
  <c r="F7766" i="2" s="1"/>
  <c r="F7771" i="2" a="1"/>
  <c r="F7771" i="2" s="1"/>
  <c r="F7769" i="2" a="1"/>
  <c r="F7769" i="2" s="1"/>
  <c r="F7780" i="2" a="1"/>
  <c r="F7780" i="2" s="1"/>
  <c r="F7764" i="2" a="1"/>
  <c r="F7764" i="2" s="1"/>
  <c r="F7781" i="2" a="1"/>
  <c r="F7781" i="2" s="1"/>
  <c r="F7762" i="2" a="1"/>
  <c r="F7762" i="2" s="1"/>
  <c r="F7775" i="2" a="1"/>
  <c r="F7775" i="2" s="1"/>
  <c r="E643" i="2" a="1"/>
  <c r="E643" i="2" s="1"/>
  <c r="E657" i="2" a="1"/>
  <c r="E657" i="2" s="1"/>
  <c r="E636" i="2" a="1"/>
  <c r="E636" i="2" s="1"/>
  <c r="E652" i="2" a="1"/>
  <c r="E652" i="2" s="1"/>
  <c r="E635" i="2" a="1"/>
  <c r="E635" i="2" s="1"/>
  <c r="E642" i="2" a="1"/>
  <c r="E642" i="2" s="1"/>
  <c r="E639" i="2" a="1"/>
  <c r="E639" i="2" s="1"/>
  <c r="E650" i="2" a="1"/>
  <c r="E650" i="2" s="1"/>
  <c r="E638" i="2" a="1"/>
  <c r="E638" i="2" s="1"/>
  <c r="E647" i="2" a="1"/>
  <c r="E647" i="2" s="1"/>
  <c r="E651" i="2" a="1"/>
  <c r="E651" i="2" s="1"/>
  <c r="E640" i="2" a="1"/>
  <c r="E640" i="2" s="1"/>
  <c r="E644" i="2" a="1"/>
  <c r="E644" i="2" s="1"/>
  <c r="E648" i="2" a="1"/>
  <c r="E648" i="2" s="1"/>
  <c r="E646" i="2" a="1"/>
  <c r="E646" i="2" s="1"/>
  <c r="E649" i="2" a="1"/>
  <c r="E649" i="2" s="1"/>
  <c r="H4224" i="2" a="1"/>
  <c r="H4224" i="2" s="1"/>
  <c r="H4225" i="2" a="1"/>
  <c r="H4225" i="2" s="1"/>
  <c r="H4227" i="2" a="1"/>
  <c r="H4227" i="2" s="1"/>
  <c r="H4216" i="2" a="1"/>
  <c r="H4216" i="2" s="1"/>
  <c r="F8778" i="2" a="1"/>
  <c r="F8778" i="2" s="1"/>
  <c r="F8773" i="2" a="1"/>
  <c r="F8773" i="2" s="1"/>
  <c r="F8774" i="2" a="1"/>
  <c r="F8774" i="2" s="1"/>
  <c r="F8785" i="2" a="1"/>
  <c r="F8785" i="2" s="1"/>
  <c r="F8772" i="2" a="1"/>
  <c r="F8772" i="2" s="1"/>
  <c r="F8782" i="2" a="1"/>
  <c r="F8782" i="2" s="1"/>
  <c r="F8784" i="2" a="1"/>
  <c r="F8784" i="2" s="1"/>
  <c r="F8787" i="2" a="1"/>
  <c r="F8787" i="2" s="1"/>
  <c r="F8776" i="2" a="1"/>
  <c r="F8776" i="2" s="1"/>
  <c r="F8790" i="2" a="1"/>
  <c r="F8790" i="2" s="1"/>
  <c r="F8779" i="2" a="1"/>
  <c r="F8779" i="2" s="1"/>
  <c r="F8786" i="2" a="1"/>
  <c r="F8786" i="2" s="1"/>
  <c r="F8793" i="2" a="1"/>
  <c r="F8793" i="2" s="1"/>
  <c r="F8783" i="2" a="1"/>
  <c r="F8783" i="2" s="1"/>
  <c r="F8792" i="2" a="1"/>
  <c r="F8792" i="2" s="1"/>
  <c r="F8775" i="2" a="1"/>
  <c r="F8775" i="2" s="1"/>
  <c r="F8777" i="2" a="1"/>
  <c r="F8777" i="2" s="1"/>
  <c r="F8780" i="2" a="1"/>
  <c r="F8780" i="2" s="1"/>
  <c r="H8412" i="2" a="1"/>
  <c r="H8412" i="2" s="1"/>
  <c r="H8425" i="2" a="1"/>
  <c r="H8425" i="2" s="1"/>
  <c r="H8432" i="2" a="1"/>
  <c r="H8432" i="2" s="1"/>
  <c r="H8410" i="2" a="1"/>
  <c r="H8410" i="2" s="1"/>
  <c r="F1971" i="2" a="1"/>
  <c r="F1971" i="2" s="1"/>
  <c r="F1972" i="2" a="1"/>
  <c r="F1972" i="2" s="1"/>
  <c r="F1976" i="2" a="1"/>
  <c r="F1976" i="2" s="1"/>
  <c r="F1954" i="2" a="1"/>
  <c r="F1954" i="2" s="1"/>
  <c r="F1963" i="2" a="1"/>
  <c r="F1963" i="2" s="1"/>
  <c r="F1958" i="2" a="1"/>
  <c r="F1958" i="2" s="1"/>
  <c r="F1959" i="2" a="1"/>
  <c r="F1959" i="2" s="1"/>
  <c r="F1973" i="2" a="1"/>
  <c r="F1973" i="2" s="1"/>
  <c r="F1955" i="2" a="1"/>
  <c r="F1955" i="2" s="1"/>
  <c r="F1965" i="2" a="1"/>
  <c r="F1965" i="2" s="1"/>
  <c r="F1970" i="2" a="1"/>
  <c r="F1970" i="2" s="1"/>
  <c r="F1977" i="2" a="1"/>
  <c r="F1977" i="2" s="1"/>
  <c r="F1967" i="2" a="1"/>
  <c r="F1967" i="2" s="1"/>
  <c r="F1968" i="2" a="1"/>
  <c r="F1968" i="2" s="1"/>
  <c r="F1957" i="2" a="1"/>
  <c r="F1957" i="2" s="1"/>
  <c r="F1974" i="2" a="1"/>
  <c r="F1974" i="2" s="1"/>
  <c r="F1975" i="2" a="1"/>
  <c r="F1975" i="2" s="1"/>
  <c r="F1964" i="2" a="1"/>
  <c r="F1964" i="2" s="1"/>
  <c r="F1966" i="2" a="1"/>
  <c r="F1966" i="2" s="1"/>
  <c r="E5312" i="2" a="1"/>
  <c r="E5312" i="2" s="1"/>
  <c r="E5294" i="2" a="1"/>
  <c r="E5294" i="2" s="1"/>
  <c r="E5292" i="2" a="1"/>
  <c r="E5292" i="2" s="1"/>
  <c r="E5299" i="2" a="1"/>
  <c r="E5299" i="2" s="1"/>
  <c r="E5307" i="2" a="1"/>
  <c r="E5307" i="2" s="1"/>
  <c r="E5300" i="2" a="1"/>
  <c r="E5300" i="2" s="1"/>
  <c r="E5308" i="2" a="1"/>
  <c r="E5308" i="2" s="1"/>
  <c r="E5295" i="2" a="1"/>
  <c r="E5295" i="2" s="1"/>
  <c r="E1639" i="2" a="1"/>
  <c r="E1639" i="2" s="1"/>
  <c r="E1626" i="2" a="1"/>
  <c r="E1626" i="2" s="1"/>
  <c r="E1624" i="2" a="1"/>
  <c r="E1624" i="2" s="1"/>
  <c r="E1627" i="2" a="1"/>
  <c r="E1627" i="2" s="1"/>
  <c r="E1619" i="2" a="1"/>
  <c r="E1619" i="2" s="1"/>
  <c r="E1628" i="2" a="1"/>
  <c r="E1628" i="2" s="1"/>
  <c r="E1634" i="2" a="1"/>
  <c r="E1634" i="2" s="1"/>
  <c r="E1636" i="2" a="1"/>
  <c r="E1636" i="2" s="1"/>
  <c r="E1641" i="2" a="1"/>
  <c r="E1641" i="2" s="1"/>
  <c r="E1632" i="2" a="1"/>
  <c r="E1632" i="2" s="1"/>
  <c r="E1638" i="2" a="1"/>
  <c r="E1638" i="2" s="1"/>
  <c r="E1621" i="2" a="1"/>
  <c r="E1621" i="2" s="1"/>
  <c r="E1640" i="2" a="1"/>
  <c r="E1640" i="2" s="1"/>
  <c r="E1625" i="2" a="1"/>
  <c r="E1625" i="2" s="1"/>
  <c r="E1622" i="2" a="1"/>
  <c r="E1622" i="2" s="1"/>
  <c r="E1623" i="2" a="1"/>
  <c r="E1623" i="2" s="1"/>
  <c r="E1630" i="2" a="1"/>
  <c r="E1630" i="2" s="1"/>
  <c r="E1635" i="2" a="1"/>
  <c r="E1635" i="2" s="1"/>
  <c r="E1633" i="2" a="1"/>
  <c r="E1633" i="2" s="1"/>
  <c r="H7030" i="2" a="1"/>
  <c r="H7030" i="2" s="1"/>
  <c r="H7031" i="2" a="1"/>
  <c r="H7031" i="2" s="1"/>
  <c r="H7040" i="2" a="1"/>
  <c r="H7040" i="2" s="1"/>
  <c r="H7039" i="2" a="1"/>
  <c r="H7039" i="2" s="1"/>
  <c r="H7034" i="2" a="1"/>
  <c r="H7034" i="2" s="1"/>
  <c r="H7036" i="2" a="1"/>
  <c r="H7036" i="2" s="1"/>
  <c r="H7035" i="2" a="1"/>
  <c r="H7035" i="2" s="1"/>
  <c r="H7022" i="2" a="1"/>
  <c r="H7022" i="2" s="1"/>
  <c r="H7023" i="2" a="1"/>
  <c r="H7023" i="2" s="1"/>
  <c r="H7019" i="2" a="1"/>
  <c r="H7019" i="2" s="1"/>
  <c r="H7037" i="2" a="1"/>
  <c r="H7037" i="2" s="1"/>
  <c r="H7032" i="2" a="1"/>
  <c r="H7032" i="2" s="1"/>
  <c r="H4173" i="2" a="1"/>
  <c r="H4173" i="2" s="1"/>
  <c r="H4169" i="2" a="1"/>
  <c r="H4169" i="2" s="1"/>
  <c r="H4164" i="2" a="1"/>
  <c r="H4164" i="2" s="1"/>
  <c r="H4167" i="2" a="1"/>
  <c r="H4167" i="2" s="1"/>
  <c r="G7659" i="2" a="1"/>
  <c r="G7659" i="2" s="1"/>
  <c r="G7647" i="2" a="1"/>
  <c r="G7647" i="2" s="1"/>
  <c r="G7650" i="2" a="1"/>
  <c r="G7650" i="2" s="1"/>
  <c r="G7649" i="2" a="1"/>
  <c r="G7649" i="2" s="1"/>
  <c r="AP319" i="1"/>
  <c r="F325" i="5" s="1"/>
  <c r="G7654" i="2" a="1"/>
  <c r="G7654" i="2" s="1"/>
  <c r="G7661" i="2" a="1"/>
  <c r="G7661" i="2" s="1"/>
  <c r="G7645" i="2" a="1"/>
  <c r="G7645" i="2" s="1"/>
  <c r="H6843" i="2" a="1"/>
  <c r="H6843" i="2" s="1"/>
  <c r="H6835" i="2" a="1"/>
  <c r="H6835" i="2" s="1"/>
  <c r="H6849" i="2" a="1"/>
  <c r="H6849" i="2" s="1"/>
  <c r="H6842" i="2" a="1"/>
  <c r="H6842" i="2" s="1"/>
  <c r="H5389" i="2" a="1"/>
  <c r="H5389" i="2" s="1"/>
  <c r="H5392" i="2" a="1"/>
  <c r="H5392" i="2" s="1"/>
  <c r="H5393" i="2" a="1"/>
  <c r="H5393" i="2" s="1"/>
  <c r="H5404" i="2" a="1"/>
  <c r="H5404" i="2" s="1"/>
  <c r="H5394" i="2" a="1"/>
  <c r="H5394" i="2" s="1"/>
  <c r="H5395" i="2" a="1"/>
  <c r="H5395" i="2" s="1"/>
  <c r="H5390" i="2" a="1"/>
  <c r="H5390" i="2" s="1"/>
  <c r="H5399" i="2" a="1"/>
  <c r="H5399" i="2" s="1"/>
  <c r="H5391" i="2" a="1"/>
  <c r="H5391" i="2" s="1"/>
  <c r="H5403" i="2" a="1"/>
  <c r="H5403" i="2" s="1"/>
  <c r="H5388" i="2" a="1"/>
  <c r="H5388" i="2" s="1"/>
  <c r="H5401" i="2" a="1"/>
  <c r="H5401" i="2" s="1"/>
  <c r="H5408" i="2" a="1"/>
  <c r="H5408" i="2" s="1"/>
  <c r="F2085" i="2" a="1"/>
  <c r="F2085" i="2" s="1"/>
  <c r="F2074" i="2" a="1"/>
  <c r="F2074" i="2" s="1"/>
  <c r="F2090" i="2" a="1"/>
  <c r="F2090" i="2" s="1"/>
  <c r="F2095" i="2" a="1"/>
  <c r="F2095" i="2" s="1"/>
  <c r="F2094" i="2" a="1"/>
  <c r="F2094" i="2" s="1"/>
  <c r="F2093" i="2" a="1"/>
  <c r="F2093" i="2" s="1"/>
  <c r="E5502" i="2" a="1"/>
  <c r="E5502" i="2" s="1"/>
  <c r="E5484" i="2" a="1"/>
  <c r="E5484" i="2" s="1"/>
  <c r="E5482" i="2" a="1"/>
  <c r="E5482" i="2" s="1"/>
  <c r="E5486" i="2" a="1"/>
  <c r="E5486" i="2" s="1"/>
  <c r="E5483" i="2" a="1"/>
  <c r="E5483" i="2" s="1"/>
  <c r="E5496" i="2" a="1"/>
  <c r="E5496" i="2" s="1"/>
  <c r="E5492" i="2" a="1"/>
  <c r="E5492" i="2" s="1"/>
  <c r="E5493" i="2" a="1"/>
  <c r="E5493" i="2" s="1"/>
  <c r="E5504" i="2" a="1"/>
  <c r="E5504" i="2" s="1"/>
  <c r="E5499" i="2" a="1"/>
  <c r="E5499" i="2" s="1"/>
  <c r="E5488" i="2" a="1"/>
  <c r="E5488" i="2" s="1"/>
  <c r="E5490" i="2" a="1"/>
  <c r="E5490" i="2" s="1"/>
  <c r="E5498" i="2" a="1"/>
  <c r="E5498" i="2" s="1"/>
  <c r="E5491" i="2" a="1"/>
  <c r="E5491" i="2" s="1"/>
  <c r="E5500" i="2" a="1"/>
  <c r="E5500" i="2" s="1"/>
  <c r="E5485" i="2" a="1"/>
  <c r="E5485" i="2" s="1"/>
  <c r="E5503" i="2" a="1"/>
  <c r="E5503" i="2" s="1"/>
  <c r="E5494" i="2" a="1"/>
  <c r="E5494" i="2" s="1"/>
  <c r="F8364" i="2" a="1"/>
  <c r="F8364" i="2" s="1"/>
  <c r="F8367" i="2" a="1"/>
  <c r="F8367" i="2" s="1"/>
  <c r="F8376" i="2" a="1"/>
  <c r="F8376" i="2" s="1"/>
  <c r="F8381" i="2" a="1"/>
  <c r="F8381" i="2" s="1"/>
  <c r="F8369" i="2" a="1"/>
  <c r="F8369" i="2" s="1"/>
  <c r="F2674" i="2" a="1"/>
  <c r="F2674" i="2" s="1"/>
  <c r="F2697" i="2" a="1"/>
  <c r="F2697" i="2" s="1"/>
  <c r="F2693" i="2" a="1"/>
  <c r="F2693" i="2" s="1"/>
  <c r="G6327" i="2" a="1"/>
  <c r="G6327" i="2" s="1"/>
  <c r="H838" i="2" a="1"/>
  <c r="H838" i="2" s="1"/>
  <c r="G3136" i="2" a="1"/>
  <c r="G3136" i="2" s="1"/>
  <c r="D3599" i="2" a="1"/>
  <c r="D3599" i="2" s="1"/>
  <c r="E5701" i="2" a="1"/>
  <c r="E5701" i="2" s="1"/>
  <c r="F7768" i="2" a="1"/>
  <c r="F7768" i="2" s="1"/>
  <c r="F1960" i="2" a="1"/>
  <c r="F1960" i="2" s="1"/>
  <c r="E6184" i="2" a="1"/>
  <c r="E6184" i="2" s="1"/>
  <c r="F8118" i="2" a="1"/>
  <c r="F8118" i="2" s="1"/>
  <c r="H827" i="2" a="1"/>
  <c r="H827" i="2" s="1"/>
  <c r="G3133" i="2" a="1"/>
  <c r="G3133" i="2" s="1"/>
  <c r="G1901" i="2" a="1"/>
  <c r="G1901" i="2" s="1"/>
  <c r="D3595" i="2" a="1"/>
  <c r="D3595" i="2" s="1"/>
  <c r="E5714" i="2" a="1"/>
  <c r="E5714" i="2" s="1"/>
  <c r="F1956" i="2" a="1"/>
  <c r="F1956" i="2" s="1"/>
  <c r="E6193" i="2" a="1"/>
  <c r="E6193" i="2" s="1"/>
  <c r="F2883" i="2" a="1"/>
  <c r="F2883" i="2" s="1"/>
  <c r="F8103" i="2" a="1"/>
  <c r="F8103" i="2" s="1"/>
  <c r="G1002" i="2" a="1"/>
  <c r="G1002" i="2" s="1"/>
  <c r="G996" i="2" a="1"/>
  <c r="G996" i="2" s="1"/>
  <c r="D4473" i="2" a="1"/>
  <c r="D4473" i="2" s="1"/>
  <c r="D4462" i="2" a="1"/>
  <c r="D4462" i="2" s="1"/>
  <c r="H4124" i="2" a="1"/>
  <c r="H4124" i="2" s="1"/>
  <c r="H4125" i="2" a="1"/>
  <c r="H4125" i="2" s="1"/>
  <c r="H1852" i="2" a="1"/>
  <c r="H1852" i="2" s="1"/>
  <c r="H1851" i="2" a="1"/>
  <c r="H1851" i="2" s="1"/>
  <c r="H1848" i="2" a="1"/>
  <c r="H1848" i="2" s="1"/>
  <c r="G1259" i="2" a="1"/>
  <c r="G1259" i="2" s="1"/>
  <c r="G1261" i="2" a="1"/>
  <c r="G1261" i="2" s="1"/>
  <c r="G1262" i="2" a="1"/>
  <c r="G1262" i="2" s="1"/>
  <c r="G1267" i="2" a="1"/>
  <c r="G1267" i="2" s="1"/>
  <c r="AO66" i="1"/>
  <c r="E72" i="5" s="1"/>
  <c r="AP66" i="1"/>
  <c r="D1588" i="2" a="1"/>
  <c r="D1588" i="2" s="1"/>
  <c r="H2137" i="2" a="1"/>
  <c r="H2137" i="2" s="1"/>
  <c r="D3604" i="2" a="1"/>
  <c r="D3604" i="2" s="1"/>
  <c r="E4879" i="2" a="1"/>
  <c r="E4879" i="2" s="1"/>
  <c r="E5708" i="2" a="1"/>
  <c r="E5708" i="2" s="1"/>
  <c r="H5939" i="2" a="1"/>
  <c r="H5939" i="2" s="1"/>
  <c r="E6187" i="2" a="1"/>
  <c r="E6187" i="2" s="1"/>
  <c r="F2872" i="2" a="1"/>
  <c r="F2872" i="2" s="1"/>
  <c r="H833" i="2" a="1"/>
  <c r="H833" i="2" s="1"/>
  <c r="H2136" i="2" a="1"/>
  <c r="H2136" i="2" s="1"/>
  <c r="D3600" i="2" a="1"/>
  <c r="D3600" i="2" s="1"/>
  <c r="E4877" i="2" a="1"/>
  <c r="E4877" i="2" s="1"/>
  <c r="E5710" i="2" a="1"/>
  <c r="E5710" i="2" s="1"/>
  <c r="H5955" i="2" a="1"/>
  <c r="H5955" i="2" s="1"/>
  <c r="E6182" i="2" a="1"/>
  <c r="E6182" i="2" s="1"/>
  <c r="F2866" i="2" a="1"/>
  <c r="F2866" i="2" s="1"/>
  <c r="D1259" i="2" a="1"/>
  <c r="D1259" i="2" s="1"/>
  <c r="H848" i="2" a="1"/>
  <c r="H848" i="2" s="1"/>
  <c r="D5634" i="2" a="1"/>
  <c r="D5634" i="2" s="1"/>
  <c r="E5508" i="2" a="1"/>
  <c r="E5508" i="2" s="1"/>
  <c r="G3141" i="2" a="1"/>
  <c r="G3141" i="2" s="1"/>
  <c r="G1891" i="2" a="1"/>
  <c r="G1891" i="2" s="1"/>
  <c r="H2132" i="2" a="1"/>
  <c r="H2132" i="2" s="1"/>
  <c r="E4861" i="2" a="1"/>
  <c r="E4861" i="2" s="1"/>
  <c r="E5709" i="2" a="1"/>
  <c r="E5709" i="2" s="1"/>
  <c r="H4448" i="2" a="1"/>
  <c r="H4448" i="2" s="1"/>
  <c r="D1337" i="2" a="1"/>
  <c r="D1337" i="2" s="1"/>
  <c r="E1620" i="2" a="1"/>
  <c r="E1620" i="2" s="1"/>
  <c r="E6179" i="2" a="1"/>
  <c r="E6179" i="2" s="1"/>
  <c r="H8535" i="2" a="1"/>
  <c r="H8535" i="2" s="1"/>
  <c r="D8447" i="2" a="1"/>
  <c r="D8447" i="2" s="1"/>
  <c r="H4485" i="2" a="1"/>
  <c r="H4485" i="2" s="1"/>
  <c r="H829" i="2" a="1"/>
  <c r="H829" i="2" s="1"/>
  <c r="G3147" i="2" a="1"/>
  <c r="G3147" i="2" s="1"/>
  <c r="G1885" i="2" a="1"/>
  <c r="G1885" i="2" s="1"/>
  <c r="H2145" i="2" a="1"/>
  <c r="H2145" i="2" s="1"/>
  <c r="E4881" i="2" a="1"/>
  <c r="E4881" i="2" s="1"/>
  <c r="E5706" i="2" a="1"/>
  <c r="E5706" i="2" s="1"/>
  <c r="F8771" i="2" a="1"/>
  <c r="F8771" i="2" s="1"/>
  <c r="H843" i="2" a="1"/>
  <c r="H843" i="2" s="1"/>
  <c r="D5626" i="2" a="1"/>
  <c r="D5626" i="2" s="1"/>
  <c r="E5523" i="2" a="1"/>
  <c r="E5523" i="2" s="1"/>
  <c r="G3130" i="2" a="1"/>
  <c r="G3130" i="2" s="1"/>
  <c r="G1884" i="2" a="1"/>
  <c r="G1884" i="2" s="1"/>
  <c r="H2127" i="2" a="1"/>
  <c r="H2127" i="2" s="1"/>
  <c r="E4874" i="2" a="1"/>
  <c r="E4874" i="2" s="1"/>
  <c r="E5700" i="2" a="1"/>
  <c r="E5700" i="2" s="1"/>
  <c r="H3067" i="2" a="1"/>
  <c r="H3067" i="2" s="1"/>
  <c r="F8789" i="2" a="1"/>
  <c r="F8789" i="2" s="1"/>
  <c r="H837" i="2" a="1"/>
  <c r="H837" i="2" s="1"/>
  <c r="G5192" i="2" a="1"/>
  <c r="G5192" i="2" s="1"/>
  <c r="F3134" i="2" a="1"/>
  <c r="F3134" i="2" s="1"/>
  <c r="D5639" i="2" a="1"/>
  <c r="D5639" i="2" s="1"/>
  <c r="E5517" i="2" a="1"/>
  <c r="E5517" i="2" s="1"/>
  <c r="G3135" i="2" a="1"/>
  <c r="G3135" i="2" s="1"/>
  <c r="G1900" i="2" a="1"/>
  <c r="G1900" i="2" s="1"/>
  <c r="H2135" i="2" a="1"/>
  <c r="H2135" i="2" s="1"/>
  <c r="E4869" i="2" a="1"/>
  <c r="E4869" i="2" s="1"/>
  <c r="E5719" i="2" a="1"/>
  <c r="E5719" i="2" s="1"/>
  <c r="H3075" i="2" a="1"/>
  <c r="H3075" i="2" s="1"/>
  <c r="F8788" i="2" a="1"/>
  <c r="F8788" i="2" s="1"/>
  <c r="F6410" i="2" a="1"/>
  <c r="F6410" i="2" s="1"/>
  <c r="F5223" i="2" a="1"/>
  <c r="F5223" i="2" s="1"/>
  <c r="H832" i="2" a="1"/>
  <c r="H832" i="2" s="1"/>
  <c r="G5178" i="2" a="1"/>
  <c r="G5178" i="2" s="1"/>
  <c r="F3149" i="2" a="1"/>
  <c r="F3149" i="2" s="1"/>
  <c r="D5647" i="2" a="1"/>
  <c r="D5647" i="2" s="1"/>
  <c r="E5525" i="2" a="1"/>
  <c r="E5525" i="2" s="1"/>
  <c r="G3151" i="2" a="1"/>
  <c r="G3151" i="2" s="1"/>
  <c r="G1902" i="2" a="1"/>
  <c r="G1902" i="2" s="1"/>
  <c r="H2126" i="2" a="1"/>
  <c r="H2126" i="2" s="1"/>
  <c r="E4859" i="2" a="1"/>
  <c r="E4859" i="2" s="1"/>
  <c r="E5718" i="2" a="1"/>
  <c r="E5718" i="2" s="1"/>
  <c r="F3197" i="2" a="1"/>
  <c r="F3197" i="2" s="1"/>
  <c r="H3069" i="2" a="1"/>
  <c r="H3069" i="2" s="1"/>
  <c r="F8781" i="2" a="1"/>
  <c r="F8781" i="2" s="1"/>
  <c r="E654" i="2" a="1"/>
  <c r="E654" i="2" s="1"/>
  <c r="F6415" i="2" a="1"/>
  <c r="F6415" i="2" s="1"/>
  <c r="F5229" i="2" a="1"/>
  <c r="F5229" i="2" s="1"/>
  <c r="H826" i="2" a="1"/>
  <c r="H826" i="2" s="1"/>
  <c r="G3131" i="2" a="1"/>
  <c r="G3131" i="2" s="1"/>
  <c r="G1896" i="2" a="1"/>
  <c r="G1896" i="2" s="1"/>
  <c r="H2133" i="2" a="1"/>
  <c r="H2133" i="2" s="1"/>
  <c r="E4864" i="2" a="1"/>
  <c r="E4864" i="2" s="1"/>
  <c r="E5715" i="2" a="1"/>
  <c r="E5715" i="2" s="1"/>
  <c r="F3179" i="2" a="1"/>
  <c r="F3179" i="2" s="1"/>
  <c r="H3072" i="2" a="1"/>
  <c r="H3072" i="2" s="1"/>
  <c r="F8770" i="2" a="1"/>
  <c r="F8770" i="2" s="1"/>
  <c r="E641" i="2" a="1"/>
  <c r="E641" i="2" s="1"/>
  <c r="F6398" i="2" a="1"/>
  <c r="F6398" i="2" s="1"/>
  <c r="G8560" i="2" a="1"/>
  <c r="G8560" i="2" s="1"/>
  <c r="H2141" i="2" a="1"/>
  <c r="H2141" i="2" s="1"/>
  <c r="D3593" i="2" a="1"/>
  <c r="D3593" i="2" s="1"/>
  <c r="E4858" i="2" a="1"/>
  <c r="E4858" i="2" s="1"/>
  <c r="E5716" i="2" a="1"/>
  <c r="E5716" i="2" s="1"/>
  <c r="F3192" i="2" a="1"/>
  <c r="F3192" i="2" s="1"/>
  <c r="H3064" i="2" a="1"/>
  <c r="H3064" i="2" s="1"/>
  <c r="E656" i="2" a="1"/>
  <c r="E656" i="2" s="1"/>
  <c r="G8555" i="2" a="1"/>
  <c r="G8555" i="2" s="1"/>
  <c r="G6336" i="2" a="1"/>
  <c r="G6336" i="2" s="1"/>
  <c r="F5232" i="2" a="1"/>
  <c r="F5232" i="2" s="1"/>
  <c r="H847" i="2" a="1"/>
  <c r="H847" i="2" s="1"/>
  <c r="G3146" i="2" a="1"/>
  <c r="G3146" i="2" s="1"/>
  <c r="G1889" i="2" a="1"/>
  <c r="G1889" i="2" s="1"/>
  <c r="H2125" i="2" a="1"/>
  <c r="H2125" i="2" s="1"/>
  <c r="D3608" i="2" a="1"/>
  <c r="D3608" i="2" s="1"/>
  <c r="E4876" i="2" a="1"/>
  <c r="E4876" i="2" s="1"/>
  <c r="F3188" i="2" a="1"/>
  <c r="F3188" i="2" s="1"/>
  <c r="H3079" i="2" a="1"/>
  <c r="H3079" i="2" s="1"/>
  <c r="G8187" i="2" a="1"/>
  <c r="G8187" i="2" s="1"/>
  <c r="E645" i="2" a="1"/>
  <c r="E645" i="2" s="1"/>
  <c r="G8556" i="2" a="1"/>
  <c r="G8556" i="2" s="1"/>
  <c r="H2131" i="2" a="1"/>
  <c r="H2131" i="2" s="1"/>
  <c r="D3596" i="2" a="1"/>
  <c r="D3596" i="2" s="1"/>
  <c r="E4867" i="2" a="1"/>
  <c r="E4867" i="2" s="1"/>
  <c r="F3180" i="2" a="1"/>
  <c r="F3180" i="2" s="1"/>
  <c r="H3081" i="2" a="1"/>
  <c r="H3081" i="2" s="1"/>
  <c r="G8185" i="2" a="1"/>
  <c r="G8185" i="2" s="1"/>
  <c r="G8571" i="2" a="1"/>
  <c r="G8571" i="2" s="1"/>
  <c r="H2143" i="2" a="1"/>
  <c r="H2143" i="2" s="1"/>
  <c r="D3591" i="2" a="1"/>
  <c r="D3591" i="2" s="1"/>
  <c r="E4870" i="2" a="1"/>
  <c r="E4870" i="2" s="1"/>
  <c r="F3196" i="2" a="1"/>
  <c r="F3196" i="2" s="1"/>
  <c r="H3066" i="2" a="1"/>
  <c r="H3066" i="2" s="1"/>
  <c r="G8171" i="2" a="1"/>
  <c r="G8171" i="2" s="1"/>
  <c r="H2128" i="2" a="1"/>
  <c r="H2128" i="2" s="1"/>
  <c r="F3194" i="2" a="1"/>
  <c r="F3194" i="2" s="1"/>
  <c r="H3058" i="2" a="1"/>
  <c r="H3058" i="2" s="1"/>
  <c r="F6963" i="2" a="1"/>
  <c r="F6963" i="2" s="1"/>
  <c r="G8178" i="2" a="1"/>
  <c r="G8178" i="2" s="1"/>
  <c r="E8766" i="2" a="1"/>
  <c r="E8766" i="2" s="1"/>
  <c r="E7869" i="2" a="1"/>
  <c r="E7869" i="2" s="1"/>
  <c r="G6330" i="2" a="1"/>
  <c r="G6330" i="2" s="1"/>
  <c r="G5170" i="2" a="1"/>
  <c r="G5170" i="2" s="1"/>
  <c r="F3137" i="2" a="1"/>
  <c r="F3137" i="2" s="1"/>
  <c r="D5644" i="2" a="1"/>
  <c r="D5644" i="2" s="1"/>
  <c r="E5524" i="2" a="1"/>
  <c r="E5524" i="2" s="1"/>
  <c r="G3152" i="2" a="1"/>
  <c r="G3152" i="2" s="1"/>
  <c r="H2124" i="2" a="1"/>
  <c r="H2124" i="2" s="1"/>
  <c r="D3601" i="2" a="1"/>
  <c r="D3601" i="2" s="1"/>
  <c r="E4862" i="2" a="1"/>
  <c r="E4862" i="2" s="1"/>
  <c r="H3071" i="2" a="1"/>
  <c r="H3071" i="2" s="1"/>
  <c r="G8193" i="2" a="1"/>
  <c r="G8193" i="2" s="1"/>
  <c r="E8754" i="2" a="1"/>
  <c r="E8754" i="2" s="1"/>
  <c r="AP52" i="1"/>
  <c r="F58" i="5" s="1"/>
  <c r="AP193" i="1"/>
  <c r="F199" i="5" s="1"/>
  <c r="D5215" i="2" a="1"/>
  <c r="D5215" i="2" s="1"/>
  <c r="D5208" i="2" a="1"/>
  <c r="D5208" i="2" s="1"/>
  <c r="D5214" i="2" a="1"/>
  <c r="D5214" i="2" s="1"/>
  <c r="E2132" i="2" a="1"/>
  <c r="E2132" i="2" s="1"/>
  <c r="E2136" i="2" a="1"/>
  <c r="E2136" i="2" s="1"/>
  <c r="E2145" i="2" a="1"/>
  <c r="E2145" i="2" s="1"/>
  <c r="H4037" i="2" a="1"/>
  <c r="H4037" i="2" s="1"/>
  <c r="H4023" i="2" a="1"/>
  <c r="H4023" i="2" s="1"/>
  <c r="H4020" i="2" a="1"/>
  <c r="H4020" i="2" s="1"/>
  <c r="H4039" i="2" a="1"/>
  <c r="H4039" i="2" s="1"/>
  <c r="E7163" i="2" a="1"/>
  <c r="E7163" i="2" s="1"/>
  <c r="E7181" i="2" a="1"/>
  <c r="E7181" i="2" s="1"/>
  <c r="H64" i="2" a="1"/>
  <c r="H64" i="2" s="1"/>
  <c r="H77" i="2" a="1"/>
  <c r="H77" i="2" s="1"/>
  <c r="H76" i="2" a="1"/>
  <c r="H76" i="2" s="1"/>
  <c r="H65" i="2" a="1"/>
  <c r="H65" i="2" s="1"/>
  <c r="F1000" i="2" a="1"/>
  <c r="F1000" i="2" s="1"/>
  <c r="F1003" i="2" a="1"/>
  <c r="F1003" i="2" s="1"/>
  <c r="E2048" i="2" a="1"/>
  <c r="E2048" i="2" s="1"/>
  <c r="E2028" i="2" a="1"/>
  <c r="E2028" i="2" s="1"/>
  <c r="E2030" i="2" a="1"/>
  <c r="E2030" i="2" s="1"/>
  <c r="E2035" i="2" a="1"/>
  <c r="E2035" i="2" s="1"/>
  <c r="E2036" i="2" a="1"/>
  <c r="E2036" i="2" s="1"/>
  <c r="D5723" i="2" a="1"/>
  <c r="D5723" i="2" s="1"/>
  <c r="D5727" i="2" a="1"/>
  <c r="D5727" i="2" s="1"/>
  <c r="D5729" i="2" a="1"/>
  <c r="D5729" i="2" s="1"/>
  <c r="D5736" i="2" a="1"/>
  <c r="D5736" i="2" s="1"/>
  <c r="D5731" i="2" a="1"/>
  <c r="D5731" i="2" s="1"/>
  <c r="D5730" i="2" a="1"/>
  <c r="D5730" i="2" s="1"/>
  <c r="D4113" i="2" a="1"/>
  <c r="D4113" i="2" s="1"/>
  <c r="D4110" i="2" a="1"/>
  <c r="D4110" i="2" s="1"/>
  <c r="D4093" i="2" a="1"/>
  <c r="D4093" i="2" s="1"/>
  <c r="D4101" i="2" a="1"/>
  <c r="D4101" i="2" s="1"/>
  <c r="D4105" i="2" a="1"/>
  <c r="D4105" i="2" s="1"/>
  <c r="AN171" i="1"/>
  <c r="D177" i="5" s="1"/>
  <c r="D4103" i="2" a="1"/>
  <c r="D4103" i="2" s="1"/>
  <c r="D6322" i="2" a="1"/>
  <c r="D6322" i="2" s="1"/>
  <c r="D6333" i="2" a="1"/>
  <c r="D6333" i="2" s="1"/>
  <c r="D6326" i="2" a="1"/>
  <c r="D6326" i="2" s="1"/>
  <c r="D6345" i="2" a="1"/>
  <c r="D6345" i="2" s="1"/>
  <c r="E1551" i="2" a="1"/>
  <c r="E1551" i="2" s="1"/>
  <c r="E1546" i="2" a="1"/>
  <c r="E1546" i="2" s="1"/>
  <c r="F3161" i="2" a="1"/>
  <c r="F3161" i="2" s="1"/>
  <c r="F3165" i="2" a="1"/>
  <c r="F3165" i="2" s="1"/>
  <c r="H3824" i="2" a="1"/>
  <c r="H3824" i="2" s="1"/>
  <c r="H3805" i="2" a="1"/>
  <c r="H3805" i="2" s="1"/>
  <c r="H4382" i="2" a="1"/>
  <c r="H4382" i="2" s="1"/>
  <c r="H4401" i="2" a="1"/>
  <c r="H4401" i="2" s="1"/>
  <c r="H4391" i="2" a="1"/>
  <c r="H4391" i="2" s="1"/>
  <c r="H4397" i="2" a="1"/>
  <c r="H4397" i="2" s="1"/>
  <c r="H4389" i="2" a="1"/>
  <c r="H4389" i="2" s="1"/>
  <c r="H4383" i="2" a="1"/>
  <c r="H4383" i="2" s="1"/>
  <c r="H4378" i="2" a="1"/>
  <c r="H4378" i="2" s="1"/>
  <c r="H4380" i="2" a="1"/>
  <c r="H4380" i="2" s="1"/>
  <c r="H4471" i="2" a="1"/>
  <c r="H4471" i="2" s="1"/>
  <c r="H4468" i="2" a="1"/>
  <c r="H4468" i="2" s="1"/>
  <c r="H4462" i="2" a="1"/>
  <c r="H4462" i="2" s="1"/>
  <c r="H4465" i="2" a="1"/>
  <c r="H4465" i="2" s="1"/>
  <c r="H4473" i="2" a="1"/>
  <c r="H4473" i="2" s="1"/>
  <c r="H4464" i="2" a="1"/>
  <c r="H4464" i="2" s="1"/>
  <c r="H4453" i="2" a="1"/>
  <c r="H4453" i="2" s="1"/>
  <c r="F83" i="2" a="1"/>
  <c r="F83" i="2" s="1"/>
  <c r="F104" i="2" a="1"/>
  <c r="F104" i="2" s="1"/>
  <c r="F88" i="2" a="1"/>
  <c r="F88" i="2" s="1"/>
  <c r="F92" i="2" a="1"/>
  <c r="F92" i="2" s="1"/>
  <c r="F90" i="2" a="1"/>
  <c r="F90" i="2" s="1"/>
  <c r="F86" i="2" a="1"/>
  <c r="F86" i="2" s="1"/>
  <c r="F87" i="2" a="1"/>
  <c r="F87" i="2" s="1"/>
  <c r="E8262" i="2" a="1"/>
  <c r="E8262" i="2" s="1"/>
  <c r="E8244" i="2" a="1"/>
  <c r="E8244" i="2" s="1"/>
  <c r="E8251" i="2" a="1"/>
  <c r="E8251" i="2" s="1"/>
  <c r="E8258" i="2" a="1"/>
  <c r="E8258" i="2" s="1"/>
  <c r="E8254" i="2" a="1"/>
  <c r="E8254" i="2" s="1"/>
  <c r="G586" i="2" a="1"/>
  <c r="G586" i="2" s="1"/>
  <c r="G602" i="2" a="1"/>
  <c r="G602" i="2" s="1"/>
  <c r="G595" i="2" a="1"/>
  <c r="G595" i="2" s="1"/>
  <c r="G606" i="2" a="1"/>
  <c r="G606" i="2" s="1"/>
  <c r="G592" i="2" a="1"/>
  <c r="G592" i="2" s="1"/>
  <c r="G590" i="2" a="1"/>
  <c r="G590" i="2" s="1"/>
  <c r="G600" i="2" a="1"/>
  <c r="G600" i="2" s="1"/>
  <c r="D5323" i="2" a="1"/>
  <c r="D5323" i="2" s="1"/>
  <c r="D5327" i="2" a="1"/>
  <c r="D5327" i="2" s="1"/>
  <c r="D5331" i="2" a="1"/>
  <c r="D5331" i="2" s="1"/>
  <c r="D5335" i="2" a="1"/>
  <c r="D5335" i="2" s="1"/>
  <c r="D5334" i="2" a="1"/>
  <c r="D5334" i="2" s="1"/>
  <c r="D5320" i="2" a="1"/>
  <c r="D5320" i="2" s="1"/>
  <c r="D5329" i="2" a="1"/>
  <c r="D5329" i="2" s="1"/>
  <c r="H5480" i="2" a="1"/>
  <c r="H5480" i="2" s="1"/>
  <c r="H5466" i="2" a="1"/>
  <c r="H5466" i="2" s="1"/>
  <c r="H5465" i="2" a="1"/>
  <c r="H5465" i="2" s="1"/>
  <c r="H5473" i="2" a="1"/>
  <c r="H5473" i="2" s="1"/>
  <c r="H5477" i="2" a="1"/>
  <c r="H5477" i="2" s="1"/>
  <c r="H5481" i="2" a="1"/>
  <c r="H5481" i="2" s="1"/>
  <c r="H5458" i="2" a="1"/>
  <c r="H5458" i="2" s="1"/>
  <c r="G1434" i="2" a="1"/>
  <c r="G1434" i="2" s="1"/>
  <c r="G1444" i="2" a="1"/>
  <c r="G1444" i="2" s="1"/>
  <c r="G1446" i="2" a="1"/>
  <c r="G1446" i="2" s="1"/>
  <c r="G1438" i="2" a="1"/>
  <c r="G1438" i="2" s="1"/>
  <c r="D4835" i="2" a="1"/>
  <c r="D4835" i="2" s="1"/>
  <c r="D4843" i="2" a="1"/>
  <c r="D4843" i="2" s="1"/>
  <c r="D4855" i="2" a="1"/>
  <c r="D4855" i="2" s="1"/>
  <c r="D4836" i="2" a="1"/>
  <c r="D4836" i="2" s="1"/>
  <c r="D4846" i="2" a="1"/>
  <c r="D4846" i="2" s="1"/>
  <c r="D4854" i="2" a="1"/>
  <c r="D4854" i="2" s="1"/>
  <c r="D4853" i="2" a="1"/>
  <c r="D4853" i="2" s="1"/>
  <c r="G3534" i="2" a="1"/>
  <c r="G3534" i="2" s="1"/>
  <c r="G3537" i="2" a="1"/>
  <c r="G3537" i="2" s="1"/>
  <c r="G3514" i="2" a="1"/>
  <c r="G3514" i="2" s="1"/>
  <c r="G3528" i="2" a="1"/>
  <c r="G3528" i="2" s="1"/>
  <c r="G3532" i="2" a="1"/>
  <c r="G3532" i="2" s="1"/>
  <c r="G3524" i="2" a="1"/>
  <c r="G3524" i="2" s="1"/>
  <c r="G3533" i="2" a="1"/>
  <c r="G3533" i="2" s="1"/>
  <c r="G923" i="2" a="1"/>
  <c r="G923" i="2" s="1"/>
  <c r="G942" i="2" a="1"/>
  <c r="G942" i="2" s="1"/>
  <c r="G927" i="2" a="1"/>
  <c r="G927" i="2" s="1"/>
  <c r="G924" i="2" a="1"/>
  <c r="G924" i="2" s="1"/>
  <c r="G941" i="2" a="1"/>
  <c r="G941" i="2" s="1"/>
  <c r="G931" i="2" a="1"/>
  <c r="G931" i="2" s="1"/>
  <c r="G943" i="2" a="1"/>
  <c r="G943" i="2" s="1"/>
  <c r="E8175" i="2" a="1"/>
  <c r="E8175" i="2" s="1"/>
  <c r="E8192" i="2" a="1"/>
  <c r="E8192" i="2" s="1"/>
  <c r="E8181" i="2" a="1"/>
  <c r="E8181" i="2" s="1"/>
  <c r="E8177" i="2" a="1"/>
  <c r="E8177" i="2" s="1"/>
  <c r="E8186" i="2" a="1"/>
  <c r="E8186" i="2" s="1"/>
  <c r="E8180" i="2" a="1"/>
  <c r="E8180" i="2" s="1"/>
  <c r="E8176" i="2" a="1"/>
  <c r="E8176" i="2" s="1"/>
  <c r="F4005" i="2" a="1"/>
  <c r="F4005" i="2" s="1"/>
  <c r="F1480" i="2" a="1"/>
  <c r="F1480" i="2" s="1"/>
  <c r="F6257" i="2" a="1"/>
  <c r="F6257" i="2" s="1"/>
  <c r="H8303" i="2" a="1"/>
  <c r="H8303" i="2" s="1"/>
  <c r="E615" i="2" a="1"/>
  <c r="E615" i="2" s="1"/>
  <c r="H4030" i="2" a="1"/>
  <c r="H4030" i="2" s="1"/>
  <c r="E2123" i="2" a="1"/>
  <c r="E2123" i="2" s="1"/>
  <c r="D5205" i="2" a="1"/>
  <c r="D5205" i="2" s="1"/>
  <c r="F999" i="2" a="1"/>
  <c r="F999" i="2" s="1"/>
  <c r="E5376" i="2" a="1"/>
  <c r="E5376" i="2" s="1"/>
  <c r="H5985" i="2" a="1"/>
  <c r="H5985" i="2" s="1"/>
  <c r="G4253" i="2" a="1"/>
  <c r="G4253" i="2" s="1"/>
  <c r="F4528" i="2" a="1"/>
  <c r="F4528" i="2" s="1"/>
  <c r="H2373" i="2" a="1"/>
  <c r="H2373" i="2" s="1"/>
  <c r="F1132" i="2" a="1"/>
  <c r="F1132" i="2" s="1"/>
  <c r="D3377" i="2" a="1"/>
  <c r="D3377" i="2" s="1"/>
  <c r="D3370" i="2" a="1"/>
  <c r="D3370" i="2" s="1"/>
  <c r="D3380" i="2" a="1"/>
  <c r="D3380" i="2" s="1"/>
  <c r="D3376" i="2" a="1"/>
  <c r="D3376" i="2" s="1"/>
  <c r="D3382" i="2" a="1"/>
  <c r="D3382" i="2" s="1"/>
  <c r="F4013" i="2" a="1"/>
  <c r="F4013" i="2" s="1"/>
  <c r="F1475" i="2" a="1"/>
  <c r="F1475" i="2" s="1"/>
  <c r="F6267" i="2" a="1"/>
  <c r="F6267" i="2" s="1"/>
  <c r="H4032" i="2" a="1"/>
  <c r="H4032" i="2" s="1"/>
  <c r="E2129" i="2" a="1"/>
  <c r="E2129" i="2" s="1"/>
  <c r="D5202" i="2" a="1"/>
  <c r="D5202" i="2" s="1"/>
  <c r="F1013" i="2" a="1"/>
  <c r="F1013" i="2" s="1"/>
  <c r="H2382" i="2" a="1"/>
  <c r="H2382" i="2" s="1"/>
  <c r="E3132" i="2" a="1"/>
  <c r="E3132" i="2" s="1"/>
  <c r="E3133" i="2" a="1"/>
  <c r="E3133" i="2" s="1"/>
  <c r="E3140" i="2" a="1"/>
  <c r="E3140" i="2" s="1"/>
  <c r="E3139" i="2" a="1"/>
  <c r="E3139" i="2" s="1"/>
  <c r="E621" i="2" a="1"/>
  <c r="E621" i="2" s="1"/>
  <c r="E630" i="2" a="1"/>
  <c r="E630" i="2" s="1"/>
  <c r="E631" i="2" a="1"/>
  <c r="E631" i="2" s="1"/>
  <c r="E619" i="2" a="1"/>
  <c r="E619" i="2" s="1"/>
  <c r="E624" i="2" a="1"/>
  <c r="E624" i="2" s="1"/>
  <c r="E611" i="2" a="1"/>
  <c r="E611" i="2" s="1"/>
  <c r="D3619" i="2" a="1"/>
  <c r="D3619" i="2" s="1"/>
  <c r="D3633" i="2" a="1"/>
  <c r="D3633" i="2" s="1"/>
  <c r="D3628" i="2" a="1"/>
  <c r="D3628" i="2" s="1"/>
  <c r="H8308" i="2" a="1"/>
  <c r="H8308" i="2" s="1"/>
  <c r="H8294" i="2" a="1"/>
  <c r="H8294" i="2" s="1"/>
  <c r="H8307" i="2" a="1"/>
  <c r="H8307" i="2" s="1"/>
  <c r="H8290" i="2" a="1"/>
  <c r="H8290" i="2" s="1"/>
  <c r="H8293" i="2" a="1"/>
  <c r="H8293" i="2" s="1"/>
  <c r="G7431" i="2" a="1"/>
  <c r="G7431" i="2" s="1"/>
  <c r="G7439" i="2" a="1"/>
  <c r="G7439" i="2" s="1"/>
  <c r="G7435" i="2" a="1"/>
  <c r="G7435" i="2" s="1"/>
  <c r="G7449" i="2" a="1"/>
  <c r="G7449" i="2" s="1"/>
  <c r="G7443" i="2" a="1"/>
  <c r="G7443" i="2" s="1"/>
  <c r="G7434" i="2" a="1"/>
  <c r="G7434" i="2" s="1"/>
  <c r="G7442" i="2" a="1"/>
  <c r="G7442" i="2" s="1"/>
  <c r="E2410" i="2" a="1"/>
  <c r="E2410" i="2" s="1"/>
  <c r="E2424" i="2" a="1"/>
  <c r="E2424" i="2" s="1"/>
  <c r="E2429" i="2" a="1"/>
  <c r="E2429" i="2" s="1"/>
  <c r="E2432" i="2" a="1"/>
  <c r="E2432" i="2" s="1"/>
  <c r="E2433" i="2" a="1"/>
  <c r="E2433" i="2" s="1"/>
  <c r="E2425" i="2" a="1"/>
  <c r="E2425" i="2" s="1"/>
  <c r="F3781" i="2" a="1"/>
  <c r="F3781" i="2" s="1"/>
  <c r="F3794" i="2" a="1"/>
  <c r="F3794" i="2" s="1"/>
  <c r="F3793" i="2" a="1"/>
  <c r="F3793" i="2" s="1"/>
  <c r="F3795" i="2" a="1"/>
  <c r="F3795" i="2" s="1"/>
  <c r="F3799" i="2" a="1"/>
  <c r="F3799" i="2" s="1"/>
  <c r="F5715" i="2" a="1"/>
  <c r="F5715" i="2" s="1"/>
  <c r="F5714" i="2" a="1"/>
  <c r="F5714" i="2" s="1"/>
  <c r="H1371" i="2" a="1"/>
  <c r="H1371" i="2" s="1"/>
  <c r="H1374" i="2" a="1"/>
  <c r="H1374" i="2" s="1"/>
  <c r="H1376" i="2" a="1"/>
  <c r="H1376" i="2" s="1"/>
  <c r="F5677" i="2" a="1"/>
  <c r="F5677" i="2" s="1"/>
  <c r="F5686" i="2" a="1"/>
  <c r="F5686" i="2" s="1"/>
  <c r="F5689" i="2" a="1"/>
  <c r="F5689" i="2" s="1"/>
  <c r="F5694" i="2" a="1"/>
  <c r="F5694" i="2" s="1"/>
  <c r="F5695" i="2" a="1"/>
  <c r="F5695" i="2" s="1"/>
  <c r="F5679" i="2" a="1"/>
  <c r="F5679" i="2" s="1"/>
  <c r="G4939" i="2" a="1"/>
  <c r="G4939" i="2" s="1"/>
  <c r="G4941" i="2" a="1"/>
  <c r="G4941" i="2" s="1"/>
  <c r="G305" i="2" a="1"/>
  <c r="G305" i="2" s="1"/>
  <c r="G299" i="2" a="1"/>
  <c r="G299" i="2" s="1"/>
  <c r="G300" i="2" a="1"/>
  <c r="G300" i="2" s="1"/>
  <c r="G318" i="2" a="1"/>
  <c r="G318" i="2" s="1"/>
  <c r="G309" i="2" a="1"/>
  <c r="G309" i="2" s="1"/>
  <c r="E5385" i="2" a="1"/>
  <c r="E5385" i="2" s="1"/>
  <c r="E5381" i="2" a="1"/>
  <c r="E5381" i="2" s="1"/>
  <c r="G3276" i="2" a="1"/>
  <c r="G3276" i="2" s="1"/>
  <c r="G3275" i="2" a="1"/>
  <c r="G3275" i="2" s="1"/>
  <c r="G3274" i="2" a="1"/>
  <c r="G3274" i="2" s="1"/>
  <c r="G3284" i="2" a="1"/>
  <c r="G3284" i="2" s="1"/>
  <c r="G3292" i="2" a="1"/>
  <c r="G3292" i="2" s="1"/>
  <c r="D6636" i="2" a="1"/>
  <c r="D6636" i="2" s="1"/>
  <c r="D6640" i="2" a="1"/>
  <c r="D6640" i="2" s="1"/>
  <c r="D6644" i="2" a="1"/>
  <c r="D6644" i="2" s="1"/>
  <c r="H5982" i="2" a="1"/>
  <c r="H5982" i="2" s="1"/>
  <c r="H5968" i="2" a="1"/>
  <c r="H5968" i="2" s="1"/>
  <c r="H5970" i="2" a="1"/>
  <c r="H5970" i="2" s="1"/>
  <c r="H7530" i="2" a="1"/>
  <c r="H7530" i="2" s="1"/>
  <c r="H7522" i="2" a="1"/>
  <c r="H7522" i="2" s="1"/>
  <c r="F3244" i="2" a="1"/>
  <c r="F3244" i="2" s="1"/>
  <c r="F3242" i="2" a="1"/>
  <c r="F3242" i="2" s="1"/>
  <c r="F3240" i="2" a="1"/>
  <c r="F3240" i="2" s="1"/>
  <c r="F3231" i="2" a="1"/>
  <c r="F3231" i="2" s="1"/>
  <c r="F3248" i="2" a="1"/>
  <c r="F3248" i="2" s="1"/>
  <c r="F1329" i="2" a="1"/>
  <c r="F1329" i="2" s="1"/>
  <c r="F1310" i="2" a="1"/>
  <c r="F1310" i="2" s="1"/>
  <c r="F1312" i="2" a="1"/>
  <c r="F1312" i="2" s="1"/>
  <c r="E3367" i="2" a="1"/>
  <c r="E3367" i="2" s="1"/>
  <c r="E3368" i="2" a="1"/>
  <c r="E3368" i="2" s="1"/>
  <c r="E3369" i="2" a="1"/>
  <c r="E3369" i="2" s="1"/>
  <c r="E3353" i="2" a="1"/>
  <c r="E3353" i="2" s="1"/>
  <c r="E8394" i="2" a="1"/>
  <c r="E8394" i="2" s="1"/>
  <c r="E8395" i="2" a="1"/>
  <c r="E8395" i="2" s="1"/>
  <c r="E8399" i="2" a="1"/>
  <c r="E8399" i="2" s="1"/>
  <c r="E8409" i="2" a="1"/>
  <c r="E8409" i="2" s="1"/>
  <c r="E8402" i="2" a="1"/>
  <c r="E8402" i="2" s="1"/>
  <c r="E8397" i="2" a="1"/>
  <c r="E8397" i="2" s="1"/>
  <c r="F4525" i="2" a="1"/>
  <c r="F4525" i="2" s="1"/>
  <c r="F4534" i="2" a="1"/>
  <c r="F4534" i="2" s="1"/>
  <c r="F4537" i="2" a="1"/>
  <c r="F4537" i="2" s="1"/>
  <c r="F4545" i="2" a="1"/>
  <c r="F4545" i="2" s="1"/>
  <c r="F4535" i="2" a="1"/>
  <c r="F4535" i="2" s="1"/>
  <c r="F5847" i="2" a="1"/>
  <c r="F5847" i="2" s="1"/>
  <c r="F5843" i="2" a="1"/>
  <c r="F5843" i="2" s="1"/>
  <c r="F5855" i="2" a="1"/>
  <c r="F5855" i="2" s="1"/>
  <c r="F5846" i="2" a="1"/>
  <c r="F5846" i="2" s="1"/>
  <c r="F5865" i="2" a="1"/>
  <c r="F5865" i="2" s="1"/>
  <c r="F5864" i="2" a="1"/>
  <c r="F5864" i="2" s="1"/>
  <c r="F5863" i="2" a="1"/>
  <c r="F5863" i="2" s="1"/>
  <c r="G7625" i="2" a="1"/>
  <c r="G7625" i="2" s="1"/>
  <c r="G7637" i="2" a="1"/>
  <c r="G7637" i="2" s="1"/>
  <c r="G7618" i="2" a="1"/>
  <c r="G7618" i="2" s="1"/>
  <c r="E3244" i="2" a="1"/>
  <c r="E3244" i="2" s="1"/>
  <c r="E3236" i="2" a="1"/>
  <c r="E3236" i="2" s="1"/>
  <c r="E3246" i="2" a="1"/>
  <c r="E3246" i="2" s="1"/>
  <c r="E3226" i="2" a="1"/>
  <c r="E3226" i="2" s="1"/>
  <c r="E3243" i="2" a="1"/>
  <c r="E3243" i="2" s="1"/>
  <c r="E5891" i="2" a="1"/>
  <c r="E5891" i="2" s="1"/>
  <c r="E5892" i="2" a="1"/>
  <c r="E5892" i="2" s="1"/>
  <c r="E5912" i="2" a="1"/>
  <c r="E5912" i="2" s="1"/>
  <c r="E5904" i="2" a="1"/>
  <c r="E5904" i="2" s="1"/>
  <c r="E5906" i="2" a="1"/>
  <c r="E5906" i="2" s="1"/>
  <c r="D1760" i="2" a="1"/>
  <c r="D1760" i="2" s="1"/>
  <c r="D1740" i="2" a="1"/>
  <c r="D1740" i="2" s="1"/>
  <c r="D1738" i="2" a="1"/>
  <c r="D1738" i="2" s="1"/>
  <c r="D1739" i="2" a="1"/>
  <c r="D1739" i="2" s="1"/>
  <c r="G4243" i="2" a="1"/>
  <c r="G4243" i="2" s="1"/>
  <c r="G4254" i="2" a="1"/>
  <c r="G4254" i="2" s="1"/>
  <c r="G4256" i="2" a="1"/>
  <c r="G4256" i="2" s="1"/>
  <c r="G4237" i="2" a="1"/>
  <c r="G4237" i="2" s="1"/>
  <c r="G4238" i="2" a="1"/>
  <c r="G4238" i="2" s="1"/>
  <c r="D6859" i="2" a="1"/>
  <c r="D6859" i="2" s="1"/>
  <c r="D6873" i="2" a="1"/>
  <c r="D6873" i="2" s="1"/>
  <c r="D6855" i="2" a="1"/>
  <c r="D6855" i="2" s="1"/>
  <c r="D6850" i="2" a="1"/>
  <c r="D6850" i="2" s="1"/>
  <c r="D6868" i="2" a="1"/>
  <c r="D6868" i="2" s="1"/>
  <c r="D6858" i="2" a="1"/>
  <c r="D6858" i="2" s="1"/>
  <c r="D6862" i="2" a="1"/>
  <c r="D6862" i="2" s="1"/>
  <c r="D6866" i="2" a="1"/>
  <c r="D6866" i="2" s="1"/>
  <c r="D4411" i="2" a="1"/>
  <c r="D4411" i="2" s="1"/>
  <c r="D4409" i="2" a="1"/>
  <c r="D4409" i="2" s="1"/>
  <c r="F1869" i="2" a="1"/>
  <c r="F1869" i="2" s="1"/>
  <c r="F1861" i="2" a="1"/>
  <c r="F1861" i="2" s="1"/>
  <c r="F1864" i="2" a="1"/>
  <c r="F1864" i="2" s="1"/>
  <c r="F1880" i="2" a="1"/>
  <c r="F1880" i="2" s="1"/>
  <c r="F1862" i="2" a="1"/>
  <c r="F1862" i="2" s="1"/>
  <c r="F1858" i="2" a="1"/>
  <c r="F1858" i="2" s="1"/>
  <c r="F4335" i="2" a="1"/>
  <c r="F4335" i="2" s="1"/>
  <c r="F4350" i="2" a="1"/>
  <c r="F4350" i="2" s="1"/>
  <c r="F4343" i="2" a="1"/>
  <c r="F4343" i="2" s="1"/>
  <c r="F4351" i="2" a="1"/>
  <c r="F4351" i="2" s="1"/>
  <c r="F4348" i="2" a="1"/>
  <c r="F4348" i="2" s="1"/>
  <c r="F4336" i="2" a="1"/>
  <c r="F4336" i="2" s="1"/>
  <c r="F4334" i="2" a="1"/>
  <c r="F4334" i="2" s="1"/>
  <c r="D7553" i="2" a="1"/>
  <c r="D7553" i="2" s="1"/>
  <c r="D7556" i="2" a="1"/>
  <c r="D7556" i="2" s="1"/>
  <c r="D7546" i="2" a="1"/>
  <c r="D7546" i="2" s="1"/>
  <c r="D7560" i="2" a="1"/>
  <c r="D7560" i="2" s="1"/>
  <c r="D7563" i="2" a="1"/>
  <c r="D7563" i="2" s="1"/>
  <c r="D7547" i="2" a="1"/>
  <c r="D7547" i="2" s="1"/>
  <c r="D7568" i="2" a="1"/>
  <c r="D7568" i="2" s="1"/>
  <c r="D6387" i="2" a="1"/>
  <c r="D6387" i="2" s="1"/>
  <c r="D6374" i="2" a="1"/>
  <c r="D6374" i="2" s="1"/>
  <c r="D6385" i="2" a="1"/>
  <c r="D6385" i="2" s="1"/>
  <c r="D6373" i="2" a="1"/>
  <c r="D6373" i="2" s="1"/>
  <c r="D6391" i="2" a="1"/>
  <c r="D6391" i="2" s="1"/>
  <c r="F1134" i="2" a="1"/>
  <c r="F1134" i="2" s="1"/>
  <c r="F1115" i="2" a="1"/>
  <c r="F1115" i="2" s="1"/>
  <c r="F1137" i="2" a="1"/>
  <c r="F1137" i="2" s="1"/>
  <c r="F1116" i="2" a="1"/>
  <c r="F1116" i="2" s="1"/>
  <c r="F1130" i="2" a="1"/>
  <c r="F1130" i="2" s="1"/>
  <c r="H3300" i="2" a="1"/>
  <c r="H3300" i="2" s="1"/>
  <c r="H3309" i="2" a="1"/>
  <c r="H3309" i="2" s="1"/>
  <c r="H3298" i="2" a="1"/>
  <c r="H3298" i="2" s="1"/>
  <c r="H3320" i="2" a="1"/>
  <c r="H3320" i="2" s="1"/>
  <c r="H3311" i="2" a="1"/>
  <c r="H3311" i="2" s="1"/>
  <c r="H3305" i="2" a="1"/>
  <c r="H3305" i="2" s="1"/>
  <c r="H3168" i="2" a="1"/>
  <c r="H3168" i="2" s="1"/>
  <c r="H3155" i="2" a="1"/>
  <c r="H3155" i="2" s="1"/>
  <c r="H3159" i="2" a="1"/>
  <c r="H3159" i="2" s="1"/>
  <c r="H3175" i="2" a="1"/>
  <c r="H3175" i="2" s="1"/>
  <c r="H3171" i="2" a="1"/>
  <c r="H3171" i="2" s="1"/>
  <c r="H3158" i="2" a="1"/>
  <c r="H3158" i="2" s="1"/>
  <c r="H3176" i="2" a="1"/>
  <c r="H3176" i="2" s="1"/>
  <c r="E5931" i="2" a="1"/>
  <c r="E5931" i="2" s="1"/>
  <c r="E5925" i="2" a="1"/>
  <c r="E5925" i="2" s="1"/>
  <c r="E5934" i="2" a="1"/>
  <c r="E5934" i="2" s="1"/>
  <c r="E5918" i="2" a="1"/>
  <c r="E5918" i="2" s="1"/>
  <c r="E5935" i="2" a="1"/>
  <c r="E5935" i="2" s="1"/>
  <c r="E5936" i="2" a="1"/>
  <c r="E5936" i="2" s="1"/>
  <c r="E5921" i="2" a="1"/>
  <c r="E5921" i="2" s="1"/>
  <c r="E7055" i="2" a="1"/>
  <c r="E7055" i="2" s="1"/>
  <c r="E7057" i="2" a="1"/>
  <c r="E7057" i="2" s="1"/>
  <c r="E7052" i="2" a="1"/>
  <c r="E7052" i="2" s="1"/>
  <c r="E7065" i="2" a="1"/>
  <c r="E7065" i="2" s="1"/>
  <c r="E7054" i="2" a="1"/>
  <c r="E7054" i="2" s="1"/>
  <c r="D3323" i="2" a="1"/>
  <c r="D3323" i="2" s="1"/>
  <c r="D3335" i="2" a="1"/>
  <c r="D3335" i="2" s="1"/>
  <c r="D3339" i="2" a="1"/>
  <c r="D3339" i="2" s="1"/>
  <c r="D3324" i="2" a="1"/>
  <c r="D3324" i="2" s="1"/>
  <c r="F2930" i="2" a="1"/>
  <c r="F2930" i="2" s="1"/>
  <c r="F2918" i="2" a="1"/>
  <c r="F2918" i="2" s="1"/>
  <c r="F2926" i="2" a="1"/>
  <c r="F2926" i="2" s="1"/>
  <c r="F2928" i="2" a="1"/>
  <c r="F2928" i="2" s="1"/>
  <c r="F2920" i="2" a="1"/>
  <c r="F2920" i="2" s="1"/>
  <c r="F2923" i="2" a="1"/>
  <c r="F2923" i="2" s="1"/>
  <c r="F2937" i="2" a="1"/>
  <c r="F2937" i="2" s="1"/>
  <c r="H6366" i="2" a="1"/>
  <c r="H6366" i="2" s="1"/>
  <c r="H6353" i="2" a="1"/>
  <c r="H6353" i="2" s="1"/>
  <c r="H6360" i="2" a="1"/>
  <c r="H6360" i="2" s="1"/>
  <c r="H6358" i="2" a="1"/>
  <c r="H6358" i="2" s="1"/>
  <c r="H6368" i="2" a="1"/>
  <c r="H6368" i="2" s="1"/>
  <c r="G4746" i="2" a="1"/>
  <c r="G4746" i="2" s="1"/>
  <c r="G4740" i="2" a="1"/>
  <c r="G4740" i="2" s="1"/>
  <c r="G4747" i="2" a="1"/>
  <c r="G4747" i="2" s="1"/>
  <c r="G4745" i="2" a="1"/>
  <c r="G4745" i="2" s="1"/>
  <c r="G4760" i="2" a="1"/>
  <c r="G4760" i="2" s="1"/>
  <c r="D4893" i="2" a="1"/>
  <c r="D4893" i="2" s="1"/>
  <c r="D4885" i="2" a="1"/>
  <c r="D4885" i="2" s="1"/>
  <c r="D4882" i="2" a="1"/>
  <c r="D4882" i="2" s="1"/>
  <c r="D4898" i="2" a="1"/>
  <c r="D4898" i="2" s="1"/>
  <c r="D4905" i="2" a="1"/>
  <c r="D4905" i="2" s="1"/>
  <c r="G4899" i="2" a="1"/>
  <c r="G4899" i="2" s="1"/>
  <c r="G8729" i="2" a="1"/>
  <c r="G8729" i="2" s="1"/>
  <c r="H3025" i="2" a="1"/>
  <c r="H3025" i="2" s="1"/>
  <c r="H3014" i="2" a="1"/>
  <c r="H3014" i="2" s="1"/>
  <c r="D2594" i="2" a="1"/>
  <c r="D2594" i="2" s="1"/>
  <c r="AM108" i="1"/>
  <c r="C114" i="5" s="1"/>
  <c r="D3423" i="2" a="1"/>
  <c r="D3423" i="2" s="1"/>
  <c r="D8736" i="2" a="1"/>
  <c r="D8736" i="2" s="1"/>
  <c r="E6243" i="2" a="1"/>
  <c r="E6243" i="2" s="1"/>
  <c r="E1269" i="2" a="1"/>
  <c r="E1269" i="2" s="1"/>
  <c r="F4001" i="2" a="1"/>
  <c r="F4001" i="2" s="1"/>
  <c r="D1256" i="2" a="1"/>
  <c r="D1256" i="2" s="1"/>
  <c r="D3293" i="2" a="1"/>
  <c r="D3293" i="2" s="1"/>
  <c r="F1494" i="2" a="1"/>
  <c r="F1494" i="2" s="1"/>
  <c r="F6266" i="2" a="1"/>
  <c r="F6266" i="2" s="1"/>
  <c r="H8298" i="2" a="1"/>
  <c r="H8298" i="2" s="1"/>
  <c r="G7444" i="2" a="1"/>
  <c r="G7444" i="2" s="1"/>
  <c r="E8388" i="2" a="1"/>
  <c r="E8388" i="2" s="1"/>
  <c r="E618" i="2" a="1"/>
  <c r="E618" i="2" s="1"/>
  <c r="G3297" i="2" a="1"/>
  <c r="G3297" i="2" s="1"/>
  <c r="D5204" i="2" a="1"/>
  <c r="D5204" i="2" s="1"/>
  <c r="D5744" i="2" a="1"/>
  <c r="D5744" i="2" s="1"/>
  <c r="F1009" i="2" a="1"/>
  <c r="F1009" i="2" s="1"/>
  <c r="H3822" i="2" a="1"/>
  <c r="H3822" i="2" s="1"/>
  <c r="D1751" i="2" a="1"/>
  <c r="D1751" i="2" s="1"/>
  <c r="F5850" i="2" a="1"/>
  <c r="F5850" i="2" s="1"/>
  <c r="E5382" i="2" a="1"/>
  <c r="E5382" i="2" s="1"/>
  <c r="E7061" i="2" a="1"/>
  <c r="E7061" i="2" s="1"/>
  <c r="F4522" i="2" a="1"/>
  <c r="F4522" i="2" s="1"/>
  <c r="H3317" i="2" a="1"/>
  <c r="H3317" i="2" s="1"/>
  <c r="F1126" i="2" a="1"/>
  <c r="F1126" i="2" s="1"/>
  <c r="F4008" i="2" a="1"/>
  <c r="F4008" i="2" s="1"/>
  <c r="F1497" i="2" a="1"/>
  <c r="F1497" i="2" s="1"/>
  <c r="F6262" i="2" a="1"/>
  <c r="F6262" i="2" s="1"/>
  <c r="H8312" i="2" a="1"/>
  <c r="H8312" i="2" s="1"/>
  <c r="G7437" i="2" a="1"/>
  <c r="G7437" i="2" s="1"/>
  <c r="F683" i="2" a="1"/>
  <c r="F683" i="2" s="1"/>
  <c r="H7542" i="2" a="1"/>
  <c r="H7542" i="2" s="1"/>
  <c r="E5367" i="2" a="1"/>
  <c r="E5367" i="2" s="1"/>
  <c r="G669" i="2" a="1"/>
  <c r="G669" i="2" s="1"/>
  <c r="F4529" i="2" a="1"/>
  <c r="F4529" i="2" s="1"/>
  <c r="F1483" i="2" a="1"/>
  <c r="F1483" i="2" s="1"/>
  <c r="H8306" i="2" a="1"/>
  <c r="H8306" i="2" s="1"/>
  <c r="H7545" i="2" a="1"/>
  <c r="H7545" i="2" s="1"/>
  <c r="G671" i="2" a="1"/>
  <c r="G671" i="2" s="1"/>
  <c r="F4530" i="2" a="1"/>
  <c r="F4530" i="2" s="1"/>
  <c r="F1482" i="2" a="1"/>
  <c r="F1482" i="2" s="1"/>
  <c r="H8296" i="2" a="1"/>
  <c r="H8296" i="2" s="1"/>
  <c r="G7428" i="2" a="1"/>
  <c r="G7428" i="2" s="1"/>
  <c r="D899" i="2" a="1"/>
  <c r="D899" i="2" s="1"/>
  <c r="H7535" i="2" a="1"/>
  <c r="H7535" i="2" s="1"/>
  <c r="F4542" i="2" a="1"/>
  <c r="F4542" i="2" s="1"/>
  <c r="D6654" i="2" a="1"/>
  <c r="D6654" i="2" s="1"/>
  <c r="E8640" i="2" a="1"/>
  <c r="E8640" i="2" s="1"/>
  <c r="F1477" i="2" a="1"/>
  <c r="F1477" i="2" s="1"/>
  <c r="H8311" i="2" a="1"/>
  <c r="H8311" i="2" s="1"/>
  <c r="G7430" i="2" a="1"/>
  <c r="G7430" i="2" s="1"/>
  <c r="H7543" i="2" a="1"/>
  <c r="H7543" i="2" s="1"/>
  <c r="F1872" i="2" a="1"/>
  <c r="F1872" i="2" s="1"/>
  <c r="D6392" i="2" a="1"/>
  <c r="D6392" i="2" s="1"/>
  <c r="D4419" i="2" a="1"/>
  <c r="D4419" i="2" s="1"/>
  <c r="E8631" i="2" a="1"/>
  <c r="E8631" i="2" s="1"/>
  <c r="E7184" i="2" a="1"/>
  <c r="E7184" i="2" s="1"/>
  <c r="F1490" i="2" a="1"/>
  <c r="F1490" i="2" s="1"/>
  <c r="H8310" i="2" a="1"/>
  <c r="H8310" i="2" s="1"/>
  <c r="E3130" i="2" a="1"/>
  <c r="E3130" i="2" s="1"/>
  <c r="E2423" i="2" a="1"/>
  <c r="E2423" i="2" s="1"/>
  <c r="F5692" i="2" a="1"/>
  <c r="F5692" i="2" s="1"/>
  <c r="G301" i="2" a="1"/>
  <c r="G301" i="2" s="1"/>
  <c r="D3622" i="2" a="1"/>
  <c r="D3622" i="2" s="1"/>
  <c r="E3363" i="2" a="1"/>
  <c r="E3363" i="2" s="1"/>
  <c r="D7737" i="2" a="1"/>
  <c r="D7737" i="2" s="1"/>
  <c r="F1876" i="2" a="1"/>
  <c r="F1876" i="2" s="1"/>
  <c r="D6388" i="2" a="1"/>
  <c r="D6388" i="2" s="1"/>
  <c r="D4421" i="2" a="1"/>
  <c r="D4421" i="2" s="1"/>
  <c r="G4882" i="2" a="1"/>
  <c r="G4882" i="2" s="1"/>
  <c r="G8741" i="2" a="1"/>
  <c r="G8741" i="2" s="1"/>
  <c r="H3018" i="2" a="1"/>
  <c r="H3018" i="2" s="1"/>
  <c r="D2592" i="2" a="1"/>
  <c r="D2592" i="2" s="1"/>
  <c r="D3420" i="2" a="1"/>
  <c r="D3420" i="2" s="1"/>
  <c r="D8737" i="2" a="1"/>
  <c r="D8737" i="2" s="1"/>
  <c r="E6240" i="2" a="1"/>
  <c r="E6240" i="2" s="1"/>
  <c r="E1274" i="2" a="1"/>
  <c r="E1274" i="2" s="1"/>
  <c r="F3997" i="2" a="1"/>
  <c r="F3997" i="2" s="1"/>
  <c r="D1241" i="2" a="1"/>
  <c r="D1241" i="2" s="1"/>
  <c r="D3297" i="2" a="1"/>
  <c r="D3297" i="2" s="1"/>
  <c r="F1493" i="2" a="1"/>
  <c r="F1493" i="2" s="1"/>
  <c r="F6258" i="2" a="1"/>
  <c r="F6258" i="2" s="1"/>
  <c r="E3153" i="2" a="1"/>
  <c r="E3153" i="2" s="1"/>
  <c r="E8400" i="2" a="1"/>
  <c r="E8400" i="2" s="1"/>
  <c r="E2422" i="2" a="1"/>
  <c r="E2422" i="2" s="1"/>
  <c r="H108" i="2" a="1"/>
  <c r="H108" i="2" s="1"/>
  <c r="D6329" i="2" a="1"/>
  <c r="D6329" i="2" s="1"/>
  <c r="E2034" i="2" a="1"/>
  <c r="E2034" i="2" s="1"/>
  <c r="F5681" i="2" a="1"/>
  <c r="F5681" i="2" s="1"/>
  <c r="F3171" i="2" a="1"/>
  <c r="F3171" i="2" s="1"/>
  <c r="G319" i="2" a="1"/>
  <c r="G319" i="2" s="1"/>
  <c r="E2021" i="2" a="1"/>
  <c r="E2021" i="2" s="1"/>
  <c r="E3360" i="2" a="1"/>
  <c r="E3360" i="2" s="1"/>
  <c r="D7727" i="2" a="1"/>
  <c r="D7727" i="2" s="1"/>
  <c r="F1867" i="2" a="1"/>
  <c r="F1867" i="2" s="1"/>
  <c r="H6365" i="2" a="1"/>
  <c r="H6365" i="2" s="1"/>
  <c r="D6378" i="2" a="1"/>
  <c r="D6378" i="2" s="1"/>
  <c r="D4417" i="2" a="1"/>
  <c r="D4417" i="2" s="1"/>
  <c r="G4898" i="2" a="1"/>
  <c r="G4898" i="2" s="1"/>
  <c r="G4891" i="2" a="1"/>
  <c r="G4891" i="2" s="1"/>
  <c r="G8728" i="2" a="1"/>
  <c r="G8728" i="2" s="1"/>
  <c r="H3020" i="2" a="1"/>
  <c r="H3020" i="2" s="1"/>
  <c r="D2591" i="2" a="1"/>
  <c r="D2591" i="2" s="1"/>
  <c r="D3428" i="2" a="1"/>
  <c r="D3428" i="2" s="1"/>
  <c r="D8735" i="2" a="1"/>
  <c r="D8735" i="2" s="1"/>
  <c r="E6237" i="2" a="1"/>
  <c r="E6237" i="2" s="1"/>
  <c r="E1268" i="2" a="1"/>
  <c r="E1268" i="2" s="1"/>
  <c r="F3999" i="2" a="1"/>
  <c r="F3999" i="2" s="1"/>
  <c r="D1250" i="2" a="1"/>
  <c r="D1250" i="2" s="1"/>
  <c r="D3285" i="2" a="1"/>
  <c r="D3285" i="2" s="1"/>
  <c r="F1487" i="2" a="1"/>
  <c r="F1487" i="2" s="1"/>
  <c r="F6254" i="2" a="1"/>
  <c r="F6254" i="2" s="1"/>
  <c r="E3152" i="2" a="1"/>
  <c r="E3152" i="2" s="1"/>
  <c r="E8403" i="2" a="1"/>
  <c r="E8403" i="2" s="1"/>
  <c r="E2416" i="2" a="1"/>
  <c r="E2416" i="2" s="1"/>
  <c r="H107" i="2" a="1"/>
  <c r="H107" i="2" s="1"/>
  <c r="D6327" i="2" a="1"/>
  <c r="D6327" i="2" s="1"/>
  <c r="E2049" i="2" a="1"/>
  <c r="E2049" i="2" s="1"/>
  <c r="F5685" i="2" a="1"/>
  <c r="F5685" i="2" s="1"/>
  <c r="F3169" i="2" a="1"/>
  <c r="F3169" i="2" s="1"/>
  <c r="G315" i="2" a="1"/>
  <c r="G315" i="2" s="1"/>
  <c r="E2009" i="2" a="1"/>
  <c r="E2009" i="2" s="1"/>
  <c r="F1314" i="2" a="1"/>
  <c r="F1314" i="2" s="1"/>
  <c r="D7716" i="2" a="1"/>
  <c r="D7716" i="2" s="1"/>
  <c r="F1875" i="2" a="1"/>
  <c r="F1875" i="2" s="1"/>
  <c r="H6350" i="2" a="1"/>
  <c r="H6350" i="2" s="1"/>
  <c r="D4405" i="2" a="1"/>
  <c r="D4405" i="2" s="1"/>
  <c r="G4886" i="2" a="1"/>
  <c r="G4886" i="2" s="1"/>
  <c r="D3424" i="2" a="1"/>
  <c r="D3424" i="2" s="1"/>
  <c r="F3998" i="2" a="1"/>
  <c r="F3998" i="2" s="1"/>
  <c r="F6271" i="2" a="1"/>
  <c r="F6271" i="2" s="1"/>
  <c r="E3137" i="2" a="1"/>
  <c r="E3137" i="2" s="1"/>
  <c r="E8392" i="2" a="1"/>
  <c r="E8392" i="2" s="1"/>
  <c r="AQ171" i="1"/>
  <c r="G177" i="5" s="1"/>
  <c r="E2421" i="2" a="1"/>
  <c r="E2421" i="2" s="1"/>
  <c r="H116" i="2" a="1"/>
  <c r="H116" i="2" s="1"/>
  <c r="D6342" i="2" a="1"/>
  <c r="D6342" i="2" s="1"/>
  <c r="E2032" i="2" a="1"/>
  <c r="E2032" i="2" s="1"/>
  <c r="F5680" i="2" a="1"/>
  <c r="F5680" i="2" s="1"/>
  <c r="G310" i="2" a="1"/>
  <c r="G310" i="2" s="1"/>
  <c r="F1328" i="2" a="1"/>
  <c r="F1328" i="2" s="1"/>
  <c r="D745" i="2" a="1"/>
  <c r="D745" i="2" s="1"/>
  <c r="H6089" i="2" a="1"/>
  <c r="H6089" i="2" s="1"/>
  <c r="F1865" i="2" a="1"/>
  <c r="F1865" i="2" s="1"/>
  <c r="H6359" i="2" a="1"/>
  <c r="H6359" i="2" s="1"/>
  <c r="E3229" i="2" a="1"/>
  <c r="E3229" i="2" s="1"/>
  <c r="D4420" i="2" a="1"/>
  <c r="D4420" i="2" s="1"/>
  <c r="E5895" i="2" a="1"/>
  <c r="E5895" i="2" s="1"/>
  <c r="F3995" i="2" a="1"/>
  <c r="F3995" i="2" s="1"/>
  <c r="F6256" i="2" a="1"/>
  <c r="F6256" i="2" s="1"/>
  <c r="E3141" i="2" a="1"/>
  <c r="E3141" i="2" s="1"/>
  <c r="E612" i="2" a="1"/>
  <c r="E612" i="2" s="1"/>
  <c r="E2418" i="2" a="1"/>
  <c r="E2418" i="2" s="1"/>
  <c r="H119" i="2" a="1"/>
  <c r="H119" i="2" s="1"/>
  <c r="E2037" i="2" a="1"/>
  <c r="E2037" i="2" s="1"/>
  <c r="F5688" i="2" a="1"/>
  <c r="F5688" i="2" s="1"/>
  <c r="F1320" i="2" a="1"/>
  <c r="F1320" i="2" s="1"/>
  <c r="G7639" i="2" a="1"/>
  <c r="G7639" i="2" s="1"/>
  <c r="F1879" i="2" a="1"/>
  <c r="F1879" i="2" s="1"/>
  <c r="H6349" i="2" a="1"/>
  <c r="H6349" i="2" s="1"/>
  <c r="E3240" i="2" a="1"/>
  <c r="E3240" i="2" s="1"/>
  <c r="D4416" i="2" a="1"/>
  <c r="D4416" i="2" s="1"/>
  <c r="E6269" i="2" a="1"/>
  <c r="E6269" i="2" s="1"/>
  <c r="G1664" i="2" a="1"/>
  <c r="G1664" i="2" s="1"/>
  <c r="E6266" i="2" a="1"/>
  <c r="E6266" i="2" s="1"/>
  <c r="F4271" i="2" a="1"/>
  <c r="F4271" i="2" s="1"/>
  <c r="E3793" i="2" a="1"/>
  <c r="E3793" i="2" s="1"/>
  <c r="H6515" i="2" a="1"/>
  <c r="H6515" i="2" s="1"/>
  <c r="AN62" i="1"/>
  <c r="AN313" i="1"/>
  <c r="D319" i="5" s="1"/>
  <c r="AM320" i="1"/>
  <c r="C326" i="5" s="1"/>
  <c r="AP292" i="1"/>
  <c r="F298" i="5" s="1"/>
  <c r="AM251" i="1"/>
  <c r="C257" i="5" s="1"/>
  <c r="E6272" i="2" a="1"/>
  <c r="E6272" i="2" s="1"/>
  <c r="F4269" i="2" a="1"/>
  <c r="F4269" i="2" s="1"/>
  <c r="E4779" i="2" a="1"/>
  <c r="E4779" i="2" s="1"/>
  <c r="F2912" i="2" a="1"/>
  <c r="F2912" i="2" s="1"/>
  <c r="E2590" i="2" a="1"/>
  <c r="E2590" i="2" s="1"/>
  <c r="F5576" i="2" a="1"/>
  <c r="F5576" i="2" s="1"/>
  <c r="E6273" i="2" a="1"/>
  <c r="E6273" i="2" s="1"/>
  <c r="F4278" i="2" a="1"/>
  <c r="F4278" i="2" s="1"/>
  <c r="E4769" i="2" a="1"/>
  <c r="E4769" i="2" s="1"/>
  <c r="F2899" i="2" a="1"/>
  <c r="F2899" i="2" s="1"/>
  <c r="E2597" i="2" a="1"/>
  <c r="E2597" i="2" s="1"/>
  <c r="F5555" i="2" a="1"/>
  <c r="F5555" i="2" s="1"/>
  <c r="E6256" i="2" a="1"/>
  <c r="E6256" i="2" s="1"/>
  <c r="F4263" i="2" a="1"/>
  <c r="F4263" i="2" s="1"/>
  <c r="E4777" i="2" a="1"/>
  <c r="E4777" i="2" s="1"/>
  <c r="E2584" i="2" a="1"/>
  <c r="E2584" i="2" s="1"/>
  <c r="F5562" i="2" a="1"/>
  <c r="F5562" i="2" s="1"/>
  <c r="E6259" i="2" a="1"/>
  <c r="E6259" i="2" s="1"/>
  <c r="F5568" i="2" a="1"/>
  <c r="F5568" i="2" s="1"/>
  <c r="AM173" i="1"/>
  <c r="AP298" i="1"/>
  <c r="F304" i="5" s="1"/>
  <c r="E7432" i="2" a="1"/>
  <c r="E7432" i="2" s="1"/>
  <c r="F4688" i="2" a="1"/>
  <c r="F4688" i="2" s="1"/>
  <c r="D1227" i="2" a="1"/>
  <c r="D1227" i="2" s="1"/>
  <c r="F6131" i="2" a="1"/>
  <c r="F6131" i="2" s="1"/>
  <c r="E1850" i="2" a="1"/>
  <c r="E1850" i="2" s="1"/>
  <c r="E1645" i="2" a="1"/>
  <c r="E1645" i="2" s="1"/>
  <c r="H1497" i="2" a="1"/>
  <c r="H1497" i="2" s="1"/>
  <c r="H4115" i="2" a="1"/>
  <c r="H4115" i="2" s="1"/>
  <c r="F6161" i="2" a="1"/>
  <c r="F6161" i="2" s="1"/>
  <c r="G4344" i="2" a="1"/>
  <c r="G4344" i="2" s="1"/>
  <c r="G1264" i="2" a="1"/>
  <c r="G1264" i="2" s="1"/>
  <c r="E6289" i="2" a="1"/>
  <c r="E6289" i="2" s="1"/>
  <c r="E7205" i="2" a="1"/>
  <c r="E7205" i="2" s="1"/>
  <c r="D1892" i="2" a="1"/>
  <c r="D1892" i="2" s="1"/>
  <c r="F7485" i="2" a="1"/>
  <c r="F7485" i="2" s="1"/>
  <c r="E1946" i="2" a="1"/>
  <c r="E1946" i="2" s="1"/>
  <c r="F7447" i="2" a="1"/>
  <c r="F7447" i="2" s="1"/>
  <c r="E7725" i="2" a="1"/>
  <c r="E7725" i="2" s="1"/>
  <c r="H4293" i="2" a="1"/>
  <c r="H4293" i="2" s="1"/>
  <c r="G6400" i="2" a="1"/>
  <c r="G6400" i="2" s="1"/>
  <c r="H5865" i="2" a="1"/>
  <c r="H5865" i="2" s="1"/>
  <c r="D1587" i="2" a="1"/>
  <c r="D1587" i="2" s="1"/>
  <c r="AO298" i="1"/>
  <c r="E304" i="5" s="1"/>
  <c r="E7435" i="2" a="1"/>
  <c r="E7435" i="2" s="1"/>
  <c r="F4669" i="2" a="1"/>
  <c r="F4669" i="2" s="1"/>
  <c r="D1223" i="2" a="1"/>
  <c r="D1223" i="2" s="1"/>
  <c r="F6147" i="2" a="1"/>
  <c r="F6147" i="2" s="1"/>
  <c r="E1840" i="2" a="1"/>
  <c r="E1840" i="2" s="1"/>
  <c r="AO201" i="1"/>
  <c r="E207" i="5" s="1"/>
  <c r="F4283" i="2" a="1"/>
  <c r="F4283" i="2" s="1"/>
  <c r="G4336" i="2" a="1"/>
  <c r="G4336" i="2" s="1"/>
  <c r="E6283" i="2" a="1"/>
  <c r="E6283" i="2" s="1"/>
  <c r="E7187" i="2" a="1"/>
  <c r="E7187" i="2" s="1"/>
  <c r="AO79" i="1"/>
  <c r="E85" i="5" s="1"/>
  <c r="F7475" i="2" a="1"/>
  <c r="F7475" i="2" s="1"/>
  <c r="E1933" i="2" a="1"/>
  <c r="E1933" i="2" s="1"/>
  <c r="E7728" i="2" a="1"/>
  <c r="E7728" i="2" s="1"/>
  <c r="H5854" i="2" a="1"/>
  <c r="H5854" i="2" s="1"/>
  <c r="D1593" i="2" a="1"/>
  <c r="D1593" i="2" s="1"/>
  <c r="H218" i="2" a="1"/>
  <c r="H218" i="2" s="1"/>
  <c r="H205" i="2" a="1"/>
  <c r="H205" i="2" s="1"/>
  <c r="H207" i="2" a="1"/>
  <c r="H207" i="2" s="1"/>
  <c r="H220" i="2" a="1"/>
  <c r="H220" i="2" s="1"/>
  <c r="H208" i="2" a="1"/>
  <c r="H208" i="2" s="1"/>
  <c r="H212" i="2" a="1"/>
  <c r="H212" i="2" s="1"/>
  <c r="H203" i="2" a="1"/>
  <c r="H203" i="2" s="1"/>
  <c r="H214" i="2" a="1"/>
  <c r="H214" i="2" s="1"/>
  <c r="H224" i="2" a="1"/>
  <c r="H224" i="2" s="1"/>
  <c r="H210" i="2" a="1"/>
  <c r="H210" i="2" s="1"/>
  <c r="H209" i="2" a="1"/>
  <c r="H209" i="2" s="1"/>
  <c r="H202" i="2" a="1"/>
  <c r="H202" i="2" s="1"/>
  <c r="H222" i="2" a="1"/>
  <c r="H222" i="2" s="1"/>
  <c r="E4585" i="2" a="1"/>
  <c r="E4585" i="2" s="1"/>
  <c r="E4583" i="2" a="1"/>
  <c r="E4583" i="2" s="1"/>
  <c r="E4579" i="2" a="1"/>
  <c r="E4579" i="2" s="1"/>
  <c r="E4576" i="2" a="1"/>
  <c r="E4576" i="2" s="1"/>
  <c r="E4589" i="2" a="1"/>
  <c r="E4589" i="2" s="1"/>
  <c r="E4592" i="2" a="1"/>
  <c r="E4592" i="2" s="1"/>
  <c r="E4578" i="2" a="1"/>
  <c r="E4578" i="2" s="1"/>
  <c r="E4590" i="2" a="1"/>
  <c r="E4590" i="2" s="1"/>
  <c r="E4584" i="2" a="1"/>
  <c r="E4584" i="2" s="1"/>
  <c r="E4580" i="2" a="1"/>
  <c r="E4580" i="2" s="1"/>
  <c r="E4571" i="2" a="1"/>
  <c r="E4571" i="2" s="1"/>
  <c r="E4588" i="2" a="1"/>
  <c r="E4588" i="2" s="1"/>
  <c r="E4575" i="2" a="1"/>
  <c r="E4575" i="2" s="1"/>
  <c r="AO191" i="1"/>
  <c r="E197" i="5" s="1"/>
  <c r="E4581" i="2" a="1"/>
  <c r="E4581" i="2" s="1"/>
  <c r="AQ191" i="1"/>
  <c r="G197" i="5" s="1"/>
  <c r="E4582" i="2" a="1"/>
  <c r="E4582" i="2" s="1"/>
  <c r="G8498" i="2" a="1"/>
  <c r="G8498" i="2" s="1"/>
  <c r="G8503" i="2" a="1"/>
  <c r="G8503" i="2" s="1"/>
  <c r="G8485" i="2" a="1"/>
  <c r="G8485" i="2" s="1"/>
  <c r="G8490" i="2" a="1"/>
  <c r="G8490" i="2" s="1"/>
  <c r="G8491" i="2" a="1"/>
  <c r="G8491" i="2" s="1"/>
  <c r="G8504" i="2" a="1"/>
  <c r="G8504" i="2" s="1"/>
  <c r="G8499" i="2" a="1"/>
  <c r="G8499" i="2" s="1"/>
  <c r="G8484" i="2" a="1"/>
  <c r="G8484" i="2" s="1"/>
  <c r="G8495" i="2" a="1"/>
  <c r="G8495" i="2" s="1"/>
  <c r="G8493" i="2" a="1"/>
  <c r="G8493" i="2" s="1"/>
  <c r="G8488" i="2" a="1"/>
  <c r="G8488" i="2" s="1"/>
  <c r="AQ192" i="1"/>
  <c r="G198" i="5" s="1"/>
  <c r="AO192" i="1"/>
  <c r="E198" i="5" s="1"/>
  <c r="D4606" i="2" a="1"/>
  <c r="D4606" i="2" s="1"/>
  <c r="D7741" i="2" a="1"/>
  <c r="D7741" i="2" s="1"/>
  <c r="D7745" i="2" a="1"/>
  <c r="D7745" i="2" s="1"/>
  <c r="D7761" i="2" a="1"/>
  <c r="D7761" i="2" s="1"/>
  <c r="D7746" i="2" a="1"/>
  <c r="D7746" i="2" s="1"/>
  <c r="D7750" i="2" a="1"/>
  <c r="D7750" i="2" s="1"/>
  <c r="D7747" i="2" a="1"/>
  <c r="D7747" i="2" s="1"/>
  <c r="D7743" i="2" a="1"/>
  <c r="D7743" i="2" s="1"/>
  <c r="D7760" i="2" a="1"/>
  <c r="D7760" i="2" s="1"/>
  <c r="AQ264" i="1"/>
  <c r="G270" i="5" s="1"/>
  <c r="AN264" i="1"/>
  <c r="D270" i="5" s="1"/>
  <c r="AO264" i="1"/>
  <c r="E270" i="5" s="1"/>
  <c r="G6345" i="2" a="1"/>
  <c r="G6345" i="2" s="1"/>
  <c r="G6341" i="2" a="1"/>
  <c r="G6341" i="2" s="1"/>
  <c r="G6331" i="2" a="1"/>
  <c r="G6331" i="2" s="1"/>
  <c r="G6334" i="2" a="1"/>
  <c r="G6334" i="2" s="1"/>
  <c r="G6333" i="2" a="1"/>
  <c r="G6333" i="2" s="1"/>
  <c r="G6328" i="2" a="1"/>
  <c r="G6328" i="2" s="1"/>
  <c r="G6322" i="2" a="1"/>
  <c r="G6322" i="2" s="1"/>
  <c r="G6324" i="2" a="1"/>
  <c r="G6324" i="2" s="1"/>
  <c r="G6344" i="2" a="1"/>
  <c r="G6344" i="2" s="1"/>
  <c r="AM264" i="1"/>
  <c r="C270" i="5" s="1"/>
  <c r="G6338" i="2" a="1"/>
  <c r="G6338" i="2" s="1"/>
  <c r="G6332" i="2" a="1"/>
  <c r="G6332" i="2" s="1"/>
  <c r="G6342" i="2" a="1"/>
  <c r="G6342" i="2" s="1"/>
  <c r="G6329" i="2" a="1"/>
  <c r="G6329" i="2" s="1"/>
  <c r="G6343" i="2" a="1"/>
  <c r="G6343" i="2" s="1"/>
  <c r="AO328" i="1"/>
  <c r="E334" i="5" s="1"/>
  <c r="E7860" i="2" a="1"/>
  <c r="E7860" i="2" s="1"/>
  <c r="E7879" i="2" a="1"/>
  <c r="E7879" i="2" s="1"/>
  <c r="E7865" i="2" a="1"/>
  <c r="E7865" i="2" s="1"/>
  <c r="E7868" i="2" a="1"/>
  <c r="E7868" i="2" s="1"/>
  <c r="E7859" i="2" a="1"/>
  <c r="E7859" i="2" s="1"/>
  <c r="E7864" i="2" a="1"/>
  <c r="E7864" i="2" s="1"/>
  <c r="E7866" i="2" a="1"/>
  <c r="E7866" i="2" s="1"/>
  <c r="E7875" i="2" a="1"/>
  <c r="E7875" i="2" s="1"/>
  <c r="E7877" i="2" a="1"/>
  <c r="E7877" i="2" s="1"/>
  <c r="E7871" i="2" a="1"/>
  <c r="E7871" i="2" s="1"/>
  <c r="E7861" i="2" a="1"/>
  <c r="E7861" i="2" s="1"/>
  <c r="E7876" i="2" a="1"/>
  <c r="E7876" i="2" s="1"/>
  <c r="E7881" i="2" a="1"/>
  <c r="E7881" i="2" s="1"/>
  <c r="E7862" i="2" a="1"/>
  <c r="E7862" i="2" s="1"/>
  <c r="E7878" i="2" a="1"/>
  <c r="E7878" i="2" s="1"/>
  <c r="E7640" i="2" a="1"/>
  <c r="E7640" i="2" s="1"/>
  <c r="E7635" i="2" a="1"/>
  <c r="E7635" i="2" s="1"/>
  <c r="E7622" i="2" a="1"/>
  <c r="E7622" i="2" s="1"/>
  <c r="E7620" i="2" a="1"/>
  <c r="E7620" i="2" s="1"/>
  <c r="E7626" i="2" a="1"/>
  <c r="E7626" i="2" s="1"/>
  <c r="H620" i="2" a="1"/>
  <c r="H620" i="2" s="1"/>
  <c r="H622" i="2" a="1"/>
  <c r="H622" i="2" s="1"/>
  <c r="H621" i="2" a="1"/>
  <c r="H621" i="2" s="1"/>
  <c r="H628" i="2" a="1"/>
  <c r="H628" i="2" s="1"/>
  <c r="H625" i="2" a="1"/>
  <c r="H625" i="2" s="1"/>
  <c r="E8501" i="2" a="1"/>
  <c r="E8501" i="2" s="1"/>
  <c r="E8494" i="2" a="1"/>
  <c r="E8494" i="2" s="1"/>
  <c r="E8488" i="2" a="1"/>
  <c r="E8488" i="2" s="1"/>
  <c r="E8495" i="2" a="1"/>
  <c r="E8495" i="2" s="1"/>
  <c r="E8487" i="2" a="1"/>
  <c r="E8487" i="2" s="1"/>
  <c r="E8489" i="2" a="1"/>
  <c r="E8489" i="2" s="1"/>
  <c r="E8482" i="2" a="1"/>
  <c r="E8482" i="2" s="1"/>
  <c r="E8497" i="2" a="1"/>
  <c r="E8497" i="2" s="1"/>
  <c r="E8502" i="2" a="1"/>
  <c r="E8502" i="2" s="1"/>
  <c r="F5220" i="2" a="1"/>
  <c r="F5220" i="2" s="1"/>
  <c r="F5218" i="2" a="1"/>
  <c r="F5218" i="2" s="1"/>
  <c r="F5231" i="2" a="1"/>
  <c r="F5231" i="2" s="1"/>
  <c r="F5225" i="2" a="1"/>
  <c r="F5225" i="2" s="1"/>
  <c r="F5236" i="2" a="1"/>
  <c r="F5236" i="2" s="1"/>
  <c r="F5226" i="2" a="1"/>
  <c r="F5226" i="2" s="1"/>
  <c r="F5240" i="2" a="1"/>
  <c r="F5240" i="2" s="1"/>
  <c r="F5219" i="2" a="1"/>
  <c r="F5219" i="2" s="1"/>
  <c r="F5237" i="2" a="1"/>
  <c r="F5237" i="2" s="1"/>
  <c r="F5235" i="2" a="1"/>
  <c r="F5235" i="2" s="1"/>
  <c r="F5228" i="2" a="1"/>
  <c r="F5228" i="2" s="1"/>
  <c r="F5230" i="2" a="1"/>
  <c r="F5230" i="2" s="1"/>
  <c r="F5224" i="2" a="1"/>
  <c r="F5224" i="2" s="1"/>
  <c r="F5234" i="2" a="1"/>
  <c r="F5234" i="2" s="1"/>
  <c r="F5221" i="2" a="1"/>
  <c r="F5221" i="2" s="1"/>
  <c r="F5238" i="2" a="1"/>
  <c r="F5238" i="2" s="1"/>
  <c r="G3552" i="2" a="1"/>
  <c r="G3552" i="2" s="1"/>
  <c r="G3555" i="2" a="1"/>
  <c r="G3555" i="2" s="1"/>
  <c r="G3543" i="2" a="1"/>
  <c r="G3543" i="2" s="1"/>
  <c r="G3538" i="2" a="1"/>
  <c r="G3538" i="2" s="1"/>
  <c r="G3547" i="2" a="1"/>
  <c r="G3547" i="2" s="1"/>
  <c r="G3556" i="2" a="1"/>
  <c r="G3556" i="2" s="1"/>
  <c r="G3541" i="2" a="1"/>
  <c r="G3541" i="2" s="1"/>
  <c r="G3560" i="2" a="1"/>
  <c r="G3560" i="2" s="1"/>
  <c r="G3557" i="2" a="1"/>
  <c r="G3557" i="2" s="1"/>
  <c r="G3548" i="2" a="1"/>
  <c r="G3548" i="2" s="1"/>
  <c r="G3549" i="2" a="1"/>
  <c r="G3549" i="2" s="1"/>
  <c r="G6927" i="2" a="1"/>
  <c r="G6927" i="2" s="1"/>
  <c r="G6939" i="2" a="1"/>
  <c r="G6939" i="2" s="1"/>
  <c r="G6925" i="2" a="1"/>
  <c r="G6925" i="2" s="1"/>
  <c r="G6941" i="2" a="1"/>
  <c r="G6941" i="2" s="1"/>
  <c r="G6933" i="2" a="1"/>
  <c r="G6933" i="2" s="1"/>
  <c r="E1419" i="2" a="1"/>
  <c r="E1419" i="2" s="1"/>
  <c r="E1412" i="2" a="1"/>
  <c r="E1412" i="2" s="1"/>
  <c r="AQ59" i="1"/>
  <c r="G65" i="5" s="1"/>
  <c r="D7130" i="2" a="1"/>
  <c r="D7130" i="2" s="1"/>
  <c r="D7135" i="2" a="1"/>
  <c r="D7135" i="2" s="1"/>
  <c r="D7132" i="2" a="1"/>
  <c r="D7132" i="2" s="1"/>
  <c r="D7118" i="2" a="1"/>
  <c r="D7118" i="2" s="1"/>
  <c r="D7119" i="2" a="1"/>
  <c r="D7119" i="2" s="1"/>
  <c r="H2266" i="2" a="1"/>
  <c r="H2266" i="2" s="1"/>
  <c r="H2285" i="2" a="1"/>
  <c r="H2285" i="2" s="1"/>
  <c r="F4747" i="2" a="1"/>
  <c r="F4747" i="2" s="1"/>
  <c r="F4743" i="2" a="1"/>
  <c r="F4743" i="2" s="1"/>
  <c r="F4741" i="2" a="1"/>
  <c r="F4741" i="2" s="1"/>
  <c r="F4897" i="2" a="1"/>
  <c r="F4897" i="2" s="1"/>
  <c r="F4896" i="2" a="1"/>
  <c r="F4896" i="2" s="1"/>
  <c r="F4895" i="2" a="1"/>
  <c r="F4895" i="2" s="1"/>
  <c r="F4900" i="2" a="1"/>
  <c r="F4900" i="2" s="1"/>
  <c r="F4890" i="2" a="1"/>
  <c r="F4890" i="2" s="1"/>
  <c r="F4905" i="2" a="1"/>
  <c r="F4905" i="2" s="1"/>
  <c r="F4887" i="2" a="1"/>
  <c r="F4887" i="2" s="1"/>
  <c r="F4902" i="2" a="1"/>
  <c r="F4902" i="2" s="1"/>
  <c r="F4903" i="2" a="1"/>
  <c r="F4903" i="2" s="1"/>
  <c r="F4893" i="2" a="1"/>
  <c r="F4893" i="2" s="1"/>
  <c r="F6525" i="2" a="1"/>
  <c r="F6525" i="2" s="1"/>
  <c r="F6514" i="2" a="1"/>
  <c r="F6514" i="2" s="1"/>
  <c r="F6517" i="2" a="1"/>
  <c r="F6517" i="2" s="1"/>
  <c r="F6529" i="2" a="1"/>
  <c r="F6529" i="2" s="1"/>
  <c r="F6526" i="2" a="1"/>
  <c r="F6526" i="2" s="1"/>
  <c r="F6516" i="2" a="1"/>
  <c r="F6516" i="2" s="1"/>
  <c r="F6520" i="2" a="1"/>
  <c r="F6520" i="2" s="1"/>
  <c r="F6528" i="2" a="1"/>
  <c r="F6528" i="2" s="1"/>
  <c r="F6537" i="2" a="1"/>
  <c r="F6537" i="2" s="1"/>
  <c r="F6523" i="2" a="1"/>
  <c r="F6523" i="2" s="1"/>
  <c r="F6519" i="2" a="1"/>
  <c r="F6519" i="2" s="1"/>
  <c r="F6524" i="2" a="1"/>
  <c r="F6524" i="2" s="1"/>
  <c r="E3460" i="2" a="1"/>
  <c r="E3460" i="2" s="1"/>
  <c r="E3451" i="2" a="1"/>
  <c r="E3451" i="2" s="1"/>
  <c r="G8280" i="2" a="1"/>
  <c r="G8280" i="2" s="1"/>
  <c r="G8266" i="2" a="1"/>
  <c r="G8266" i="2" s="1"/>
  <c r="G8270" i="2" a="1"/>
  <c r="G8270" i="2" s="1"/>
  <c r="G8274" i="2" a="1"/>
  <c r="G8274" i="2" s="1"/>
  <c r="G8273" i="2" a="1"/>
  <c r="G8273" i="2" s="1"/>
  <c r="G8287" i="2" a="1"/>
  <c r="G8287" i="2" s="1"/>
  <c r="G8271" i="2" a="1"/>
  <c r="G8271" i="2" s="1"/>
  <c r="G8275" i="2" a="1"/>
  <c r="G8275" i="2" s="1"/>
  <c r="G8267" i="2" a="1"/>
  <c r="G8267" i="2" s="1"/>
  <c r="G4452" i="2" a="1"/>
  <c r="G4452" i="2" s="1"/>
  <c r="G4456" i="2" a="1"/>
  <c r="G4456" i="2" s="1"/>
  <c r="G4462" i="2" a="1"/>
  <c r="G4462" i="2" s="1"/>
  <c r="G4460" i="2" a="1"/>
  <c r="G4460" i="2" s="1"/>
  <c r="G4467" i="2" a="1"/>
  <c r="G4467" i="2" s="1"/>
  <c r="G4466" i="2" a="1"/>
  <c r="G4466" i="2" s="1"/>
  <c r="G4463" i="2" a="1"/>
  <c r="G4463" i="2" s="1"/>
  <c r="G4465" i="2" a="1"/>
  <c r="G4465" i="2" s="1"/>
  <c r="G4454" i="2" a="1"/>
  <c r="G4454" i="2" s="1"/>
  <c r="G4472" i="2" a="1"/>
  <c r="G4472" i="2" s="1"/>
  <c r="G4461" i="2" a="1"/>
  <c r="G4461" i="2" s="1"/>
  <c r="D4792" i="2" a="1"/>
  <c r="D4792" i="2" s="1"/>
  <c r="D4797" i="2" a="1"/>
  <c r="D4797" i="2" s="1"/>
  <c r="F5048" i="2" a="1"/>
  <c r="F5048" i="2" s="1"/>
  <c r="F5037" i="2" a="1"/>
  <c r="F5037" i="2" s="1"/>
  <c r="F5030" i="2" a="1"/>
  <c r="F5030" i="2" s="1"/>
  <c r="F5047" i="2" a="1"/>
  <c r="F5047" i="2" s="1"/>
  <c r="F5033" i="2" a="1"/>
  <c r="F5033" i="2" s="1"/>
  <c r="F5039" i="2" a="1"/>
  <c r="F5039" i="2" s="1"/>
  <c r="F5036" i="2" a="1"/>
  <c r="F5036" i="2" s="1"/>
  <c r="F5038" i="2" a="1"/>
  <c r="F5038" i="2" s="1"/>
  <c r="F5031" i="2" a="1"/>
  <c r="F5031" i="2" s="1"/>
  <c r="F5043" i="2" a="1"/>
  <c r="F5043" i="2" s="1"/>
  <c r="F5046" i="2" a="1"/>
  <c r="F5046" i="2" s="1"/>
  <c r="F5049" i="2" a="1"/>
  <c r="F5049" i="2" s="1"/>
  <c r="F5045" i="2" a="1"/>
  <c r="F5045" i="2" s="1"/>
  <c r="F5040" i="2" a="1"/>
  <c r="F5040" i="2" s="1"/>
  <c r="F5044" i="2" a="1"/>
  <c r="F5044" i="2" s="1"/>
  <c r="F1196" i="2" a="1"/>
  <c r="F1196" i="2" s="1"/>
  <c r="F1186" i="2" a="1"/>
  <c r="F1186" i="2" s="1"/>
  <c r="F1207" i="2" a="1"/>
  <c r="F1207" i="2" s="1"/>
  <c r="F1198" i="2" a="1"/>
  <c r="F1198" i="2" s="1"/>
  <c r="F1189" i="2" a="1"/>
  <c r="F1189" i="2" s="1"/>
  <c r="F1200" i="2" a="1"/>
  <c r="F1200" i="2" s="1"/>
  <c r="F1209" i="2" a="1"/>
  <c r="F1209" i="2" s="1"/>
  <c r="F1203" i="2" a="1"/>
  <c r="F1203" i="2" s="1"/>
  <c r="H6376" i="2" a="1"/>
  <c r="H6376" i="2" s="1"/>
  <c r="H6379" i="2" a="1"/>
  <c r="H6379" i="2" s="1"/>
  <c r="H6372" i="2" a="1"/>
  <c r="H6372" i="2" s="1"/>
  <c r="E3742" i="2" a="1"/>
  <c r="E3742" i="2" s="1"/>
  <c r="E3748" i="2" a="1"/>
  <c r="E3748" i="2" s="1"/>
  <c r="E3731" i="2" a="1"/>
  <c r="E3731" i="2" s="1"/>
  <c r="E3746" i="2" a="1"/>
  <c r="E3746" i="2" s="1"/>
  <c r="E3734" i="2" a="1"/>
  <c r="E3734" i="2" s="1"/>
  <c r="E3749" i="2" a="1"/>
  <c r="E3749" i="2" s="1"/>
  <c r="E3745" i="2" a="1"/>
  <c r="E3745" i="2" s="1"/>
  <c r="E3740" i="2" a="1"/>
  <c r="E3740" i="2" s="1"/>
  <c r="E3733" i="2" a="1"/>
  <c r="E3733" i="2" s="1"/>
  <c r="E3743" i="2" a="1"/>
  <c r="E3743" i="2" s="1"/>
  <c r="E3735" i="2" a="1"/>
  <c r="E3735" i="2" s="1"/>
  <c r="E3738" i="2" a="1"/>
  <c r="E3738" i="2" s="1"/>
  <c r="E3750" i="2" a="1"/>
  <c r="E3750" i="2" s="1"/>
  <c r="E3741" i="2" a="1"/>
  <c r="E3741" i="2" s="1"/>
  <c r="E3744" i="2" a="1"/>
  <c r="E3744" i="2" s="1"/>
  <c r="D3680" i="2" a="1"/>
  <c r="D3680" i="2" s="1"/>
  <c r="D3675" i="2" a="1"/>
  <c r="D3675" i="2" s="1"/>
  <c r="D3660" i="2" a="1"/>
  <c r="D3660" i="2" s="1"/>
  <c r="D3658" i="2" a="1"/>
  <c r="D3658" i="2" s="1"/>
  <c r="D3670" i="2" a="1"/>
  <c r="D3670" i="2" s="1"/>
  <c r="D3668" i="2" a="1"/>
  <c r="D3668" i="2" s="1"/>
  <c r="D3662" i="2" a="1"/>
  <c r="D3662" i="2" s="1"/>
  <c r="D3667" i="2" a="1"/>
  <c r="D3667" i="2" s="1"/>
  <c r="D3665" i="2" a="1"/>
  <c r="D3665" i="2" s="1"/>
  <c r="D3669" i="2" a="1"/>
  <c r="D3669" i="2" s="1"/>
  <c r="D3681" i="2" a="1"/>
  <c r="D3681" i="2" s="1"/>
  <c r="D3678" i="2" a="1"/>
  <c r="D3678" i="2" s="1"/>
  <c r="D3663" i="2" a="1"/>
  <c r="D3663" i="2" s="1"/>
  <c r="D3661" i="2" a="1"/>
  <c r="D3661" i="2" s="1"/>
  <c r="AP198" i="1"/>
  <c r="F204" i="5" s="1"/>
  <c r="D4757" i="2" a="1"/>
  <c r="D4757" i="2" s="1"/>
  <c r="AN198" i="1"/>
  <c r="D204" i="5" s="1"/>
  <c r="D4761" i="2" a="1"/>
  <c r="D4761" i="2" s="1"/>
  <c r="AM198" i="1"/>
  <c r="D4738" i="2" a="1"/>
  <c r="D4738" i="2" s="1"/>
  <c r="D4753" i="2" a="1"/>
  <c r="D4753" i="2" s="1"/>
  <c r="D4751" i="2" a="1"/>
  <c r="D4751" i="2" s="1"/>
  <c r="D4740" i="2" a="1"/>
  <c r="D4740" i="2" s="1"/>
  <c r="D4756" i="2" a="1"/>
  <c r="D4756" i="2" s="1"/>
  <c r="D4752" i="2" a="1"/>
  <c r="D4752" i="2" s="1"/>
  <c r="D4739" i="2" a="1"/>
  <c r="D4739" i="2" s="1"/>
  <c r="D4759" i="2" a="1"/>
  <c r="D4759" i="2" s="1"/>
  <c r="D4749" i="2" a="1"/>
  <c r="D4749" i="2" s="1"/>
  <c r="F7793" i="2" a="1"/>
  <c r="F7793" i="2" s="1"/>
  <c r="F7809" i="2" a="1"/>
  <c r="F7809" i="2" s="1"/>
  <c r="F7802" i="2" a="1"/>
  <c r="F7802" i="2" s="1"/>
  <c r="F7786" i="2" a="1"/>
  <c r="F7786" i="2" s="1"/>
  <c r="F7804" i="2" a="1"/>
  <c r="F7804" i="2" s="1"/>
  <c r="F7795" i="2" a="1"/>
  <c r="F7795" i="2" s="1"/>
  <c r="F7797" i="2" a="1"/>
  <c r="F7797" i="2" s="1"/>
  <c r="F7808" i="2" a="1"/>
  <c r="F7808" i="2" s="1"/>
  <c r="F7800" i="2" a="1"/>
  <c r="F7800" i="2" s="1"/>
  <c r="F7796" i="2" a="1"/>
  <c r="F7796" i="2" s="1"/>
  <c r="D5812" i="2" a="1"/>
  <c r="D5812" i="2" s="1"/>
  <c r="D5816" i="2" a="1"/>
  <c r="D5816" i="2" s="1"/>
  <c r="D5795" i="2" a="1"/>
  <c r="D5795" i="2" s="1"/>
  <c r="D5799" i="2" a="1"/>
  <c r="D5799" i="2" s="1"/>
  <c r="D5811" i="2" a="1"/>
  <c r="D5811" i="2" s="1"/>
  <c r="D5817" i="2" a="1"/>
  <c r="D5817" i="2" s="1"/>
  <c r="D5801" i="2" a="1"/>
  <c r="D5801" i="2" s="1"/>
  <c r="H8469" i="2" a="1"/>
  <c r="H8469" i="2" s="1"/>
  <c r="H8475" i="2" a="1"/>
  <c r="H8475" i="2" s="1"/>
  <c r="H8466" i="2" a="1"/>
  <c r="H8466" i="2" s="1"/>
  <c r="H8463" i="2" a="1"/>
  <c r="H8463" i="2" s="1"/>
  <c r="H8476" i="2" a="1"/>
  <c r="H8476" i="2" s="1"/>
  <c r="H8473" i="2" a="1"/>
  <c r="H8473" i="2" s="1"/>
  <c r="H8467" i="2" a="1"/>
  <c r="H8467" i="2" s="1"/>
  <c r="H8479" i="2" a="1"/>
  <c r="H8479" i="2" s="1"/>
  <c r="H8477" i="2" a="1"/>
  <c r="H8477" i="2" s="1"/>
  <c r="H8472" i="2" a="1"/>
  <c r="H8472" i="2" s="1"/>
  <c r="G46" i="2" a="1"/>
  <c r="G46" i="2" s="1"/>
  <c r="G38" i="2" a="1"/>
  <c r="G38" i="2" s="1"/>
  <c r="G51" i="2" a="1"/>
  <c r="G51" i="2" s="1"/>
  <c r="G53" i="2" a="1"/>
  <c r="G53" i="2" s="1"/>
  <c r="G54" i="2" a="1"/>
  <c r="G54" i="2" s="1"/>
  <c r="AM2" i="1"/>
  <c r="C8" i="5" s="1"/>
  <c r="G50" i="2" a="1"/>
  <c r="G50" i="2" s="1"/>
  <c r="G34" i="2" a="1"/>
  <c r="G34" i="2" s="1"/>
  <c r="G57" i="2" a="1"/>
  <c r="G57" i="2" s="1"/>
  <c r="G49" i="2" a="1"/>
  <c r="G49" i="2" s="1"/>
  <c r="AQ2" i="1"/>
  <c r="G8" i="5" s="1"/>
  <c r="G2631" i="2" a="1"/>
  <c r="G2631" i="2" s="1"/>
  <c r="G2638" i="2" a="1"/>
  <c r="G2638" i="2" s="1"/>
  <c r="G2648" i="2" a="1"/>
  <c r="G2648" i="2" s="1"/>
  <c r="G2626" i="2" a="1"/>
  <c r="G2626" i="2" s="1"/>
  <c r="G2635" i="2" a="1"/>
  <c r="G2635" i="2" s="1"/>
  <c r="G2628" i="2" a="1"/>
  <c r="G2628" i="2" s="1"/>
  <c r="AP44" i="1"/>
  <c r="F50" i="5" s="1"/>
  <c r="E1054" i="2" a="1"/>
  <c r="E1054" i="2" s="1"/>
  <c r="AO44" i="1"/>
  <c r="E50" i="5" s="1"/>
  <c r="AN44" i="1"/>
  <c r="D50" i="5" s="1"/>
  <c r="AQ44" i="1"/>
  <c r="G50" i="5" s="1"/>
  <c r="E1057" i="2" a="1"/>
  <c r="E1057" i="2" s="1"/>
  <c r="E1053" i="2" a="1"/>
  <c r="E1053" i="2" s="1"/>
  <c r="E1049" i="2" a="1"/>
  <c r="E1049" i="2" s="1"/>
  <c r="E7578" i="2" a="1"/>
  <c r="E7578" i="2" s="1"/>
  <c r="E7582" i="2" a="1"/>
  <c r="E7582" i="2" s="1"/>
  <c r="E7590" i="2" a="1"/>
  <c r="E7590" i="2" s="1"/>
  <c r="E7585" i="2" a="1"/>
  <c r="E7585" i="2" s="1"/>
  <c r="E7581" i="2" a="1"/>
  <c r="E7581" i="2" s="1"/>
  <c r="E7579" i="2" a="1"/>
  <c r="E7579" i="2" s="1"/>
  <c r="E7576" i="2" a="1"/>
  <c r="E7576" i="2" s="1"/>
  <c r="E7587" i="2" a="1"/>
  <c r="E7587" i="2" s="1"/>
  <c r="E7577" i="2" a="1"/>
  <c r="E7577" i="2" s="1"/>
  <c r="F573" i="2" a="1"/>
  <c r="F573" i="2" s="1"/>
  <c r="F568" i="2" a="1"/>
  <c r="F568" i="2" s="1"/>
  <c r="F578" i="2" a="1"/>
  <c r="F578" i="2" s="1"/>
  <c r="H1890" i="2" a="1"/>
  <c r="H1890" i="2" s="1"/>
  <c r="H1902" i="2" a="1"/>
  <c r="H1902" i="2" s="1"/>
  <c r="AN174" i="1"/>
  <c r="AP174" i="1"/>
  <c r="F180" i="5" s="1"/>
  <c r="AM174" i="1"/>
  <c r="C180" i="5" s="1"/>
  <c r="AO174" i="1"/>
  <c r="E180" i="5" s="1"/>
  <c r="G5857" i="2" a="1"/>
  <c r="G5857" i="2" s="1"/>
  <c r="G5860" i="2" a="1"/>
  <c r="G5860" i="2" s="1"/>
  <c r="G5846" i="2" a="1"/>
  <c r="G5846" i="2" s="1"/>
  <c r="G5850" i="2" a="1"/>
  <c r="G5850" i="2" s="1"/>
  <c r="G5843" i="2" a="1"/>
  <c r="G5843" i="2" s="1"/>
  <c r="G5848" i="2" a="1"/>
  <c r="G5848" i="2" s="1"/>
  <c r="G5861" i="2" a="1"/>
  <c r="G5861" i="2" s="1"/>
  <c r="G5854" i="2" a="1"/>
  <c r="G5854" i="2" s="1"/>
  <c r="G5852" i="2" a="1"/>
  <c r="G5852" i="2" s="1"/>
  <c r="G5849" i="2" a="1"/>
  <c r="G5849" i="2" s="1"/>
  <c r="G5858" i="2" a="1"/>
  <c r="G5858" i="2" s="1"/>
  <c r="G5865" i="2" a="1"/>
  <c r="G5865" i="2" s="1"/>
  <c r="G5844" i="2" a="1"/>
  <c r="G5844" i="2" s="1"/>
  <c r="G5859" i="2" a="1"/>
  <c r="G5859" i="2" s="1"/>
  <c r="G5845" i="2" a="1"/>
  <c r="G5845" i="2" s="1"/>
  <c r="G5853" i="2" a="1"/>
  <c r="G5853" i="2" s="1"/>
  <c r="G5847" i="2" a="1"/>
  <c r="G5847" i="2" s="1"/>
  <c r="G5855" i="2" a="1"/>
  <c r="G5855" i="2" s="1"/>
  <c r="G5842" i="2" a="1"/>
  <c r="G5842" i="2" s="1"/>
  <c r="G5851" i="2" a="1"/>
  <c r="G5851" i="2" s="1"/>
  <c r="E8789" i="2" a="1"/>
  <c r="E8789" i="2" s="1"/>
  <c r="E8771" i="2" a="1"/>
  <c r="E8771" i="2" s="1"/>
  <c r="E8777" i="2" a="1"/>
  <c r="E8777" i="2" s="1"/>
  <c r="E8776" i="2" a="1"/>
  <c r="E8776" i="2" s="1"/>
  <c r="E8784" i="2" a="1"/>
  <c r="E8784" i="2" s="1"/>
  <c r="E8786" i="2" a="1"/>
  <c r="E8786" i="2" s="1"/>
  <c r="E8780" i="2" a="1"/>
  <c r="E8780" i="2" s="1"/>
  <c r="E8772" i="2" a="1"/>
  <c r="E8772" i="2" s="1"/>
  <c r="E8770" i="2" a="1"/>
  <c r="E8770" i="2" s="1"/>
  <c r="E8792" i="2" a="1"/>
  <c r="E8792" i="2" s="1"/>
  <c r="E8785" i="2" a="1"/>
  <c r="E8785" i="2" s="1"/>
  <c r="E8778" i="2" a="1"/>
  <c r="E8778" i="2" s="1"/>
  <c r="E8782" i="2" a="1"/>
  <c r="E8782" i="2" s="1"/>
  <c r="E8791" i="2" a="1"/>
  <c r="E8791" i="2" s="1"/>
  <c r="E8779" i="2" a="1"/>
  <c r="E8779" i="2" s="1"/>
  <c r="E8790" i="2" a="1"/>
  <c r="E8790" i="2" s="1"/>
  <c r="E8793" i="2" a="1"/>
  <c r="E8793" i="2" s="1"/>
  <c r="E8775" i="2" a="1"/>
  <c r="E8775" i="2" s="1"/>
  <c r="E8783" i="2" a="1"/>
  <c r="E8783" i="2" s="1"/>
  <c r="E8773" i="2" a="1"/>
  <c r="E8773" i="2" s="1"/>
  <c r="E8774" i="2" a="1"/>
  <c r="E8774" i="2" s="1"/>
  <c r="E8788" i="2" a="1"/>
  <c r="E8788" i="2" s="1"/>
  <c r="E6428" i="2" a="1"/>
  <c r="E6428" i="2" s="1"/>
  <c r="E6440" i="2" a="1"/>
  <c r="E6440" i="2" s="1"/>
  <c r="E6420" i="2" a="1"/>
  <c r="E6420" i="2" s="1"/>
  <c r="E6425" i="2" a="1"/>
  <c r="E6425" i="2" s="1"/>
  <c r="E6438" i="2" a="1"/>
  <c r="E6438" i="2" s="1"/>
  <c r="E6436" i="2" a="1"/>
  <c r="E6436" i="2" s="1"/>
  <c r="E6437" i="2" a="1"/>
  <c r="E6437" i="2" s="1"/>
  <c r="E6422" i="2" a="1"/>
  <c r="E6422" i="2" s="1"/>
  <c r="E6419" i="2" a="1"/>
  <c r="E6419" i="2" s="1"/>
  <c r="E6421" i="2" a="1"/>
  <c r="E6421" i="2" s="1"/>
  <c r="G3423" i="2" a="1"/>
  <c r="G3423" i="2" s="1"/>
  <c r="G3428" i="2" a="1"/>
  <c r="G3428" i="2" s="1"/>
  <c r="G3432" i="2" a="1"/>
  <c r="G3432" i="2" s="1"/>
  <c r="G3424" i="2" a="1"/>
  <c r="G3424" i="2" s="1"/>
  <c r="G3434" i="2" a="1"/>
  <c r="G3434" i="2" s="1"/>
  <c r="G3431" i="2" a="1"/>
  <c r="G3431" i="2" s="1"/>
  <c r="G3435" i="2" a="1"/>
  <c r="G3435" i="2" s="1"/>
  <c r="AQ286" i="1"/>
  <c r="G292" i="5" s="1"/>
  <c r="AP286" i="1"/>
  <c r="F292" i="5" s="1"/>
  <c r="E6870" i="2" a="1"/>
  <c r="E6870" i="2" s="1"/>
  <c r="E6868" i="2" a="1"/>
  <c r="E6868" i="2" s="1"/>
  <c r="E6856" i="2" a="1"/>
  <c r="E6856" i="2" s="1"/>
  <c r="E6853" i="2" a="1"/>
  <c r="E6853" i="2" s="1"/>
  <c r="E6854" i="2" a="1"/>
  <c r="E6854" i="2" s="1"/>
  <c r="E6865" i="2" a="1"/>
  <c r="E6865" i="2" s="1"/>
  <c r="E6873" i="2" a="1"/>
  <c r="E6873" i="2" s="1"/>
  <c r="E6860" i="2" a="1"/>
  <c r="E6860" i="2" s="1"/>
  <c r="E6872" i="2" a="1"/>
  <c r="E6872" i="2" s="1"/>
  <c r="E6851" i="2" a="1"/>
  <c r="E6851" i="2" s="1"/>
  <c r="E6857" i="2" a="1"/>
  <c r="E6857" i="2" s="1"/>
  <c r="E6871" i="2" a="1"/>
  <c r="E6871" i="2" s="1"/>
  <c r="E6862" i="2" a="1"/>
  <c r="E6862" i="2" s="1"/>
  <c r="E6866" i="2" a="1"/>
  <c r="E6866" i="2" s="1"/>
  <c r="E6867" i="2" a="1"/>
  <c r="E6867" i="2" s="1"/>
  <c r="G1597" i="2" a="1"/>
  <c r="G1597" i="2" s="1"/>
  <c r="G1605" i="2" a="1"/>
  <c r="G1605" i="2" s="1"/>
  <c r="G1614" i="2" a="1"/>
  <c r="G1614" i="2" s="1"/>
  <c r="F964" i="2" a="1"/>
  <c r="F964" i="2" s="1"/>
  <c r="F954" i="2" a="1"/>
  <c r="F954" i="2" s="1"/>
  <c r="F966" i="2" a="1"/>
  <c r="F966" i="2" s="1"/>
  <c r="F965" i="2" a="1"/>
  <c r="F965" i="2" s="1"/>
  <c r="F959" i="2" a="1"/>
  <c r="F959" i="2" s="1"/>
  <c r="F953" i="2" a="1"/>
  <c r="F953" i="2" s="1"/>
  <c r="F948" i="2" a="1"/>
  <c r="F948" i="2" s="1"/>
  <c r="F961" i="2" a="1"/>
  <c r="F961" i="2" s="1"/>
  <c r="F962" i="2" a="1"/>
  <c r="F962" i="2" s="1"/>
  <c r="F957" i="2" a="1"/>
  <c r="F957" i="2" s="1"/>
  <c r="F969" i="2" a="1"/>
  <c r="F969" i="2" s="1"/>
  <c r="F960" i="2" a="1"/>
  <c r="F960" i="2" s="1"/>
  <c r="F947" i="2" a="1"/>
  <c r="F947" i="2" s="1"/>
  <c r="F958" i="2" a="1"/>
  <c r="F958" i="2" s="1"/>
  <c r="F967" i="2" a="1"/>
  <c r="F967" i="2" s="1"/>
  <c r="F968" i="2" a="1"/>
  <c r="F968" i="2" s="1"/>
  <c r="F955" i="2" a="1"/>
  <c r="F955" i="2" s="1"/>
  <c r="F950" i="2" a="1"/>
  <c r="F950" i="2" s="1"/>
  <c r="F951" i="2" a="1"/>
  <c r="F951" i="2" s="1"/>
  <c r="F952" i="2" a="1"/>
  <c r="F952" i="2" s="1"/>
  <c r="F956" i="2" a="1"/>
  <c r="F956" i="2" s="1"/>
  <c r="H228" i="2" a="1"/>
  <c r="H228" i="2" s="1"/>
  <c r="H231" i="2" a="1"/>
  <c r="H231" i="2" s="1"/>
  <c r="H230" i="2" a="1"/>
  <c r="H230" i="2" s="1"/>
  <c r="H241" i="2" a="1"/>
  <c r="H241" i="2" s="1"/>
  <c r="H248" i="2" a="1"/>
  <c r="H248" i="2" s="1"/>
  <c r="H247" i="2" a="1"/>
  <c r="H247" i="2" s="1"/>
  <c r="H235" i="2" a="1"/>
  <c r="H235" i="2" s="1"/>
  <c r="H233" i="2" a="1"/>
  <c r="H233" i="2" s="1"/>
  <c r="E8288" i="2" a="1"/>
  <c r="E8288" i="2" s="1"/>
  <c r="E8268" i="2" a="1"/>
  <c r="E8268" i="2" s="1"/>
  <c r="E8271" i="2" a="1"/>
  <c r="E8271" i="2" s="1"/>
  <c r="E8282" i="2" a="1"/>
  <c r="E8282" i="2" s="1"/>
  <c r="E8270" i="2" a="1"/>
  <c r="E8270" i="2" s="1"/>
  <c r="E8279" i="2" a="1"/>
  <c r="E8279" i="2" s="1"/>
  <c r="E8269" i="2" a="1"/>
  <c r="E8269" i="2" s="1"/>
  <c r="E8276" i="2" a="1"/>
  <c r="E8276" i="2" s="1"/>
  <c r="AO345" i="1"/>
  <c r="E351" i="5" s="1"/>
  <c r="E8278" i="2" a="1"/>
  <c r="E8278" i="2" s="1"/>
  <c r="E8273" i="2" a="1"/>
  <c r="E8273" i="2" s="1"/>
  <c r="E8281" i="2" a="1"/>
  <c r="E8281" i="2" s="1"/>
  <c r="E8267" i="2" a="1"/>
  <c r="E8267" i="2" s="1"/>
  <c r="E8289" i="2" a="1"/>
  <c r="E8289" i="2" s="1"/>
  <c r="E8275" i="2" a="1"/>
  <c r="E8275" i="2" s="1"/>
  <c r="E8280" i="2" a="1"/>
  <c r="E8280" i="2" s="1"/>
  <c r="E8283" i="2" a="1"/>
  <c r="E8283" i="2" s="1"/>
  <c r="AQ345" i="1"/>
  <c r="G351" i="5" s="1"/>
  <c r="E8287" i="2" a="1"/>
  <c r="E8287" i="2" s="1"/>
  <c r="E8266" i="2" a="1"/>
  <c r="E8266" i="2" s="1"/>
  <c r="E8286" i="2" a="1"/>
  <c r="E8286" i="2" s="1"/>
  <c r="E8274" i="2" a="1"/>
  <c r="E8274" i="2" s="1"/>
  <c r="E8272" i="2" a="1"/>
  <c r="E8272" i="2" s="1"/>
  <c r="E8285" i="2" a="1"/>
  <c r="E8285" i="2" s="1"/>
  <c r="G1071" i="2" a="1"/>
  <c r="G1071" i="2" s="1"/>
  <c r="G1066" i="2" a="1"/>
  <c r="G1066" i="2" s="1"/>
  <c r="G1087" i="2" a="1"/>
  <c r="G1087" i="2" s="1"/>
  <c r="G1067" i="2" a="1"/>
  <c r="G1067" i="2" s="1"/>
  <c r="G1081" i="2" a="1"/>
  <c r="G1081" i="2" s="1"/>
  <c r="G1086" i="2" a="1"/>
  <c r="G1086" i="2" s="1"/>
  <c r="G1074" i="2" a="1"/>
  <c r="G1074" i="2" s="1"/>
  <c r="G1082" i="2" a="1"/>
  <c r="G1082" i="2" s="1"/>
  <c r="G1072" i="2" a="1"/>
  <c r="G1072" i="2" s="1"/>
  <c r="G1069" i="2" a="1"/>
  <c r="G1069" i="2" s="1"/>
  <c r="G1080" i="2" a="1"/>
  <c r="G1080" i="2" s="1"/>
  <c r="G1077" i="2" a="1"/>
  <c r="G1077" i="2" s="1"/>
  <c r="G1085" i="2" a="1"/>
  <c r="G1085" i="2" s="1"/>
  <c r="G1089" i="2" a="1"/>
  <c r="G1089" i="2" s="1"/>
  <c r="G1075" i="2" a="1"/>
  <c r="G1075" i="2" s="1"/>
  <c r="G1083" i="2" a="1"/>
  <c r="G1083" i="2" s="1"/>
  <c r="G1073" i="2" a="1"/>
  <c r="G1073" i="2" s="1"/>
  <c r="G1088" i="2" a="1"/>
  <c r="G1088" i="2" s="1"/>
  <c r="E1759" i="2" a="1"/>
  <c r="E1759" i="2" s="1"/>
  <c r="E1747" i="2" a="1"/>
  <c r="E1747" i="2" s="1"/>
  <c r="E1745" i="2" a="1"/>
  <c r="E1745" i="2" s="1"/>
  <c r="E1752" i="2" a="1"/>
  <c r="E1752" i="2" s="1"/>
  <c r="E1755" i="2" a="1"/>
  <c r="E1755" i="2" s="1"/>
  <c r="E1742" i="2" a="1"/>
  <c r="E1742" i="2" s="1"/>
  <c r="E1744" i="2" a="1"/>
  <c r="E1744" i="2" s="1"/>
  <c r="E1740" i="2" a="1"/>
  <c r="E1740" i="2" s="1"/>
  <c r="E1749" i="2" a="1"/>
  <c r="E1749" i="2" s="1"/>
  <c r="E1746" i="2" a="1"/>
  <c r="E1746" i="2" s="1"/>
  <c r="E1751" i="2" a="1"/>
  <c r="E1751" i="2" s="1"/>
  <c r="G1098" i="2" a="1"/>
  <c r="G1098" i="2" s="1"/>
  <c r="G1104" i="2" a="1"/>
  <c r="G1104" i="2" s="1"/>
  <c r="G1108" i="2" a="1"/>
  <c r="G1108" i="2" s="1"/>
  <c r="G1100" i="2" a="1"/>
  <c r="G1100" i="2" s="1"/>
  <c r="G1107" i="2" a="1"/>
  <c r="G1107" i="2" s="1"/>
  <c r="G1110" i="2" a="1"/>
  <c r="G1110" i="2" s="1"/>
  <c r="G1092" i="2" a="1"/>
  <c r="G1092" i="2" s="1"/>
  <c r="G1109" i="2" a="1"/>
  <c r="G1109" i="2" s="1"/>
  <c r="G1090" i="2" a="1"/>
  <c r="G1090" i="2" s="1"/>
  <c r="G1105" i="2" a="1"/>
  <c r="G1105" i="2" s="1"/>
  <c r="G1111" i="2" a="1"/>
  <c r="G1111" i="2" s="1"/>
  <c r="G1091" i="2" a="1"/>
  <c r="G1091" i="2" s="1"/>
  <c r="G1096" i="2" a="1"/>
  <c r="G1096" i="2" s="1"/>
  <c r="G1097" i="2" a="1"/>
  <c r="G1097" i="2" s="1"/>
  <c r="G1102" i="2" a="1"/>
  <c r="G1102" i="2" s="1"/>
  <c r="G1101" i="2" a="1"/>
  <c r="G1101" i="2" s="1"/>
  <c r="G1095" i="2" a="1"/>
  <c r="G1095" i="2" s="1"/>
  <c r="G1103" i="2" a="1"/>
  <c r="G1103" i="2" s="1"/>
  <c r="G1113" i="2" a="1"/>
  <c r="G1113" i="2" s="1"/>
  <c r="G1112" i="2" a="1"/>
  <c r="G1112" i="2" s="1"/>
  <c r="G1106" i="2" a="1"/>
  <c r="G1106" i="2" s="1"/>
  <c r="D6158" i="2" a="1"/>
  <c r="D6158" i="2" s="1"/>
  <c r="D6167" i="2" a="1"/>
  <c r="D6167" i="2" s="1"/>
  <c r="D6161" i="2" a="1"/>
  <c r="D6161" i="2" s="1"/>
  <c r="D6177" i="2" a="1"/>
  <c r="D6177" i="2" s="1"/>
  <c r="D6163" i="2" a="1"/>
  <c r="D6163" i="2" s="1"/>
  <c r="D6154" i="2" a="1"/>
  <c r="D6154" i="2" s="1"/>
  <c r="F4404" i="2" a="1"/>
  <c r="F4404" i="2" s="1"/>
  <c r="F4414" i="2" a="1"/>
  <c r="F4414" i="2" s="1"/>
  <c r="F4409" i="2" a="1"/>
  <c r="F4409" i="2" s="1"/>
  <c r="F4424" i="2" a="1"/>
  <c r="F4424" i="2" s="1"/>
  <c r="F4411" i="2" a="1"/>
  <c r="F4411" i="2" s="1"/>
  <c r="F4405" i="2" a="1"/>
  <c r="F4405" i="2" s="1"/>
  <c r="F4407" i="2" a="1"/>
  <c r="F4407" i="2" s="1"/>
  <c r="F4425" i="2" a="1"/>
  <c r="F4425" i="2" s="1"/>
  <c r="F4415" i="2" a="1"/>
  <c r="F4415" i="2" s="1"/>
  <c r="F4408" i="2" a="1"/>
  <c r="F4408" i="2" s="1"/>
  <c r="F4421" i="2" a="1"/>
  <c r="F4421" i="2" s="1"/>
  <c r="F4418" i="2" a="1"/>
  <c r="F4418" i="2" s="1"/>
  <c r="F4422" i="2" a="1"/>
  <c r="F4422" i="2" s="1"/>
  <c r="F4419" i="2" a="1"/>
  <c r="F4419" i="2" s="1"/>
  <c r="G6897" i="2" a="1"/>
  <c r="G6897" i="2" s="1"/>
  <c r="G6889" i="2" a="1"/>
  <c r="G6889" i="2" s="1"/>
  <c r="G6892" i="2" a="1"/>
  <c r="G6892" i="2" s="1"/>
  <c r="G6896" i="2" a="1"/>
  <c r="G6896" i="2" s="1"/>
  <c r="G6878" i="2" a="1"/>
  <c r="G6878" i="2" s="1"/>
  <c r="E920" i="2" a="1"/>
  <c r="E920" i="2" s="1"/>
  <c r="E917" i="2" a="1"/>
  <c r="E917" i="2" s="1"/>
  <c r="E913" i="2" a="1"/>
  <c r="E913" i="2" s="1"/>
  <c r="E907" i="2" a="1"/>
  <c r="E907" i="2" s="1"/>
  <c r="E909" i="2" a="1"/>
  <c r="E909" i="2" s="1"/>
  <c r="E918" i="2" a="1"/>
  <c r="E918" i="2" s="1"/>
  <c r="E912" i="2" a="1"/>
  <c r="E912" i="2" s="1"/>
  <c r="E901" i="2" a="1"/>
  <c r="E901" i="2" s="1"/>
  <c r="E904" i="2" a="1"/>
  <c r="E904" i="2" s="1"/>
  <c r="E908" i="2" a="1"/>
  <c r="E908" i="2" s="1"/>
  <c r="E905" i="2" a="1"/>
  <c r="E905" i="2" s="1"/>
  <c r="E919" i="2" a="1"/>
  <c r="E919" i="2" s="1"/>
  <c r="E900" i="2" a="1"/>
  <c r="E900" i="2" s="1"/>
  <c r="E906" i="2" a="1"/>
  <c r="E906" i="2" s="1"/>
  <c r="E911" i="2" a="1"/>
  <c r="E911" i="2" s="1"/>
  <c r="E903" i="2" a="1"/>
  <c r="E903" i="2" s="1"/>
  <c r="E921" i="2" a="1"/>
  <c r="E921" i="2" s="1"/>
  <c r="H7352" i="2" a="1"/>
  <c r="H7352" i="2" s="1"/>
  <c r="H7350" i="2" a="1"/>
  <c r="H7350" i="2" s="1"/>
  <c r="H7340" i="2" a="1"/>
  <c r="H7340" i="2" s="1"/>
  <c r="H7349" i="2" a="1"/>
  <c r="H7349" i="2" s="1"/>
  <c r="H7332" i="2" a="1"/>
  <c r="H7332" i="2" s="1"/>
  <c r="H7343" i="2" a="1"/>
  <c r="H7343" i="2" s="1"/>
  <c r="H7348" i="2" a="1"/>
  <c r="H7348" i="2" s="1"/>
  <c r="H7347" i="2" a="1"/>
  <c r="H7347" i="2" s="1"/>
  <c r="H7330" i="2" a="1"/>
  <c r="H7330" i="2" s="1"/>
  <c r="H7342" i="2" a="1"/>
  <c r="H7342" i="2" s="1"/>
  <c r="H7346" i="2" a="1"/>
  <c r="H7346" i="2" s="1"/>
  <c r="H7338" i="2" a="1"/>
  <c r="H7338" i="2" s="1"/>
  <c r="H7333" i="2" a="1"/>
  <c r="H7333" i="2" s="1"/>
  <c r="H7351" i="2" a="1"/>
  <c r="H7351" i="2" s="1"/>
  <c r="H7335" i="2" a="1"/>
  <c r="H7335" i="2" s="1"/>
  <c r="H7339" i="2" a="1"/>
  <c r="H7339" i="2" s="1"/>
  <c r="H7353" i="2" a="1"/>
  <c r="H7353" i="2" s="1"/>
  <c r="H7341" i="2" a="1"/>
  <c r="H7341" i="2" s="1"/>
  <c r="H7331" i="2" a="1"/>
  <c r="H7331" i="2" s="1"/>
  <c r="H7344" i="2" a="1"/>
  <c r="H7344" i="2" s="1"/>
  <c r="H7345" i="2" a="1"/>
  <c r="H7345" i="2" s="1"/>
  <c r="H7334" i="2" a="1"/>
  <c r="H7334" i="2" s="1"/>
  <c r="H7337" i="2" a="1"/>
  <c r="H7337" i="2" s="1"/>
  <c r="E2168" i="2" a="1"/>
  <c r="E2168" i="2" s="1"/>
  <c r="AP90" i="1"/>
  <c r="F96" i="5" s="1"/>
  <c r="H6489" i="2" a="1"/>
  <c r="H6489" i="2" s="1"/>
  <c r="H6468" i="2" a="1"/>
  <c r="H6468" i="2" s="1"/>
  <c r="H6488" i="2" a="1"/>
  <c r="H6488" i="2" s="1"/>
  <c r="H6473" i="2" a="1"/>
  <c r="H6473" i="2" s="1"/>
  <c r="H6471" i="2" a="1"/>
  <c r="H6471" i="2" s="1"/>
  <c r="H6469" i="2" a="1"/>
  <c r="H6469" i="2" s="1"/>
  <c r="H6475" i="2" a="1"/>
  <c r="H6475" i="2" s="1"/>
  <c r="H6479" i="2" a="1"/>
  <c r="H6479" i="2" s="1"/>
  <c r="H6476" i="2" a="1"/>
  <c r="H6476" i="2" s="1"/>
  <c r="H6467" i="2" a="1"/>
  <c r="H6467" i="2" s="1"/>
  <c r="H6466" i="2" a="1"/>
  <c r="H6466" i="2" s="1"/>
  <c r="H6485" i="2" a="1"/>
  <c r="H6485" i="2" s="1"/>
  <c r="H6478" i="2" a="1"/>
  <c r="H6478" i="2" s="1"/>
  <c r="H6470" i="2" a="1"/>
  <c r="H6470" i="2" s="1"/>
  <c r="H6472" i="2" a="1"/>
  <c r="H6472" i="2" s="1"/>
  <c r="AP361" i="1"/>
  <c r="F367" i="5" s="1"/>
  <c r="D8654" i="2" a="1"/>
  <c r="D8654" i="2" s="1"/>
  <c r="D8658" i="2" a="1"/>
  <c r="D8658" i="2" s="1"/>
  <c r="D8670" i="2" a="1"/>
  <c r="D8670" i="2" s="1"/>
  <c r="D8666" i="2" a="1"/>
  <c r="D8666" i="2" s="1"/>
  <c r="D8659" i="2" a="1"/>
  <c r="D8659" i="2" s="1"/>
  <c r="D8668" i="2" a="1"/>
  <c r="D8668" i="2" s="1"/>
  <c r="D8671" i="2" a="1"/>
  <c r="D8671" i="2" s="1"/>
  <c r="D8673" i="2" a="1"/>
  <c r="D8673" i="2" s="1"/>
  <c r="D8650" i="2" a="1"/>
  <c r="D8650" i="2" s="1"/>
  <c r="D8672" i="2" a="1"/>
  <c r="D8672" i="2" s="1"/>
  <c r="D8660" i="2" a="1"/>
  <c r="D8660" i="2" s="1"/>
  <c r="D8662" i="2" a="1"/>
  <c r="D8662" i="2" s="1"/>
  <c r="D8656" i="2" a="1"/>
  <c r="D8656" i="2" s="1"/>
  <c r="D8665" i="2" a="1"/>
  <c r="D8665" i="2" s="1"/>
  <c r="D8667" i="2" a="1"/>
  <c r="D8667" i="2" s="1"/>
  <c r="D8663" i="2" a="1"/>
  <c r="D8663" i="2" s="1"/>
  <c r="D8655" i="2" a="1"/>
  <c r="D8655" i="2" s="1"/>
  <c r="D8664" i="2" a="1"/>
  <c r="D8664" i="2" s="1"/>
  <c r="G5972" i="2" a="1"/>
  <c r="G5972" i="2" s="1"/>
  <c r="G5978" i="2" a="1"/>
  <c r="G5978" i="2" s="1"/>
  <c r="G5969" i="2" a="1"/>
  <c r="G5969" i="2" s="1"/>
  <c r="G5980" i="2" a="1"/>
  <c r="G5980" i="2" s="1"/>
  <c r="G5962" i="2" a="1"/>
  <c r="G5962" i="2" s="1"/>
  <c r="G5975" i="2" a="1"/>
  <c r="G5975" i="2" s="1"/>
  <c r="G5984" i="2" a="1"/>
  <c r="G5984" i="2" s="1"/>
  <c r="G5968" i="2" a="1"/>
  <c r="G5968" i="2" s="1"/>
  <c r="G5979" i="2" a="1"/>
  <c r="G5979" i="2" s="1"/>
  <c r="G5974" i="2" a="1"/>
  <c r="G5974" i="2" s="1"/>
  <c r="G5965" i="2" a="1"/>
  <c r="G5965" i="2" s="1"/>
  <c r="G5970" i="2" a="1"/>
  <c r="G5970" i="2" s="1"/>
  <c r="G5976" i="2" a="1"/>
  <c r="G5976" i="2" s="1"/>
  <c r="G5967" i="2" a="1"/>
  <c r="G5967" i="2" s="1"/>
  <c r="G5981" i="2" a="1"/>
  <c r="G5981" i="2" s="1"/>
  <c r="G5971" i="2" a="1"/>
  <c r="G5971" i="2" s="1"/>
  <c r="G5973" i="2" a="1"/>
  <c r="G5973" i="2" s="1"/>
  <c r="G5963" i="2" a="1"/>
  <c r="G5963" i="2" s="1"/>
  <c r="G5985" i="2" a="1"/>
  <c r="G5985" i="2" s="1"/>
  <c r="G5966" i="2" a="1"/>
  <c r="G5966" i="2" s="1"/>
  <c r="G5982" i="2" a="1"/>
  <c r="G5982" i="2" s="1"/>
  <c r="G5983" i="2" a="1"/>
  <c r="G5983" i="2" s="1"/>
  <c r="G5964" i="2" a="1"/>
  <c r="G5964" i="2" s="1"/>
  <c r="G5977" i="2" a="1"/>
  <c r="G5977" i="2" s="1"/>
  <c r="AM249" i="1"/>
  <c r="C255" i="5" s="1"/>
  <c r="H6499" i="2" a="1"/>
  <c r="H6499" i="2" s="1"/>
  <c r="H6494" i="2" a="1"/>
  <c r="H6494" i="2" s="1"/>
  <c r="H6492" i="2" a="1"/>
  <c r="H6492" i="2" s="1"/>
  <c r="H6503" i="2" a="1"/>
  <c r="H6503" i="2" s="1"/>
  <c r="H6500" i="2" a="1"/>
  <c r="H6500" i="2" s="1"/>
  <c r="H6490" i="2" a="1"/>
  <c r="H6490" i="2" s="1"/>
  <c r="H6498" i="2" a="1"/>
  <c r="H6498" i="2" s="1"/>
  <c r="H6501" i="2" a="1"/>
  <c r="H6501" i="2" s="1"/>
  <c r="H6491" i="2" a="1"/>
  <c r="H6491" i="2" s="1"/>
  <c r="H6497" i="2" a="1"/>
  <c r="H6497" i="2" s="1"/>
  <c r="H6506" i="2" a="1"/>
  <c r="H6506" i="2" s="1"/>
  <c r="H6507" i="2" a="1"/>
  <c r="H6507" i="2" s="1"/>
  <c r="H6495" i="2" a="1"/>
  <c r="H6495" i="2" s="1"/>
  <c r="H6510" i="2" a="1"/>
  <c r="H6510" i="2" s="1"/>
  <c r="H6511" i="2" a="1"/>
  <c r="H6511" i="2" s="1"/>
  <c r="F8467" i="2" a="1"/>
  <c r="F8467" i="2" s="1"/>
  <c r="F8458" i="2" a="1"/>
  <c r="F8458" i="2" s="1"/>
  <c r="F8464" i="2" a="1"/>
  <c r="F8464" i="2" s="1"/>
  <c r="F8479" i="2" a="1"/>
  <c r="F8479" i="2" s="1"/>
  <c r="F8465" i="2" a="1"/>
  <c r="F8465" i="2" s="1"/>
  <c r="F8459" i="2" a="1"/>
  <c r="F8459" i="2" s="1"/>
  <c r="F8477" i="2" a="1"/>
  <c r="F8477" i="2" s="1"/>
  <c r="F8461" i="2" a="1"/>
  <c r="F8461" i="2" s="1"/>
  <c r="F8471" i="2" a="1"/>
  <c r="F8471" i="2" s="1"/>
  <c r="F8481" i="2" a="1"/>
  <c r="F8481" i="2" s="1"/>
  <c r="F8472" i="2" a="1"/>
  <c r="F8472" i="2" s="1"/>
  <c r="F8462" i="2" a="1"/>
  <c r="F8462" i="2" s="1"/>
  <c r="F8468" i="2" a="1"/>
  <c r="F8468" i="2" s="1"/>
  <c r="F8473" i="2" a="1"/>
  <c r="F8473" i="2" s="1"/>
  <c r="F8460" i="2" a="1"/>
  <c r="F8460" i="2" s="1"/>
  <c r="F8476" i="2" a="1"/>
  <c r="F8476" i="2" s="1"/>
  <c r="F8474" i="2" a="1"/>
  <c r="F8474" i="2" s="1"/>
  <c r="F8475" i="2" a="1"/>
  <c r="F8475" i="2" s="1"/>
  <c r="F8478" i="2" a="1"/>
  <c r="F8478" i="2" s="1"/>
  <c r="F8480" i="2" a="1"/>
  <c r="F8480" i="2" s="1"/>
  <c r="F8463" i="2" a="1"/>
  <c r="F8463" i="2" s="1"/>
  <c r="F8469" i="2" a="1"/>
  <c r="F8469" i="2" s="1"/>
  <c r="H314" i="2" a="1"/>
  <c r="H314" i="2" s="1"/>
  <c r="H298" i="2" a="1"/>
  <c r="H298" i="2" s="1"/>
  <c r="H306" i="2" a="1"/>
  <c r="H306" i="2" s="1"/>
  <c r="H315" i="2" a="1"/>
  <c r="H315" i="2" s="1"/>
  <c r="H317" i="2" a="1"/>
  <c r="H317" i="2" s="1"/>
  <c r="H303" i="2" a="1"/>
  <c r="H303" i="2" s="1"/>
  <c r="AN173" i="1"/>
  <c r="D179" i="5" s="1"/>
  <c r="AN355" i="1"/>
  <c r="D361" i="5" s="1"/>
  <c r="E7092" i="2" a="1"/>
  <c r="E7092" i="2" s="1"/>
  <c r="D5815" i="2" a="1"/>
  <c r="D5815" i="2" s="1"/>
  <c r="D1215" i="2" a="1"/>
  <c r="D1215" i="2" s="1"/>
  <c r="H2738" i="2" a="1"/>
  <c r="H2738" i="2" s="1"/>
  <c r="E1853" i="2" a="1"/>
  <c r="E1853" i="2" s="1"/>
  <c r="F4894" i="2" a="1"/>
  <c r="F4894" i="2" s="1"/>
  <c r="E1657" i="2" a="1"/>
  <c r="E1657" i="2" s="1"/>
  <c r="H1485" i="2" a="1"/>
  <c r="H1485" i="2" s="1"/>
  <c r="F4289" i="2" a="1"/>
  <c r="F4289" i="2" s="1"/>
  <c r="G4468" i="2" a="1"/>
  <c r="G4468" i="2" s="1"/>
  <c r="E7186" i="2" a="1"/>
  <c r="E7186" i="2" s="1"/>
  <c r="F7491" i="2" a="1"/>
  <c r="F7491" i="2" s="1"/>
  <c r="G5864" i="2" a="1"/>
  <c r="G5864" i="2" s="1"/>
  <c r="E8787" i="2" a="1"/>
  <c r="E8787" i="2" s="1"/>
  <c r="F1854" i="2" a="1"/>
  <c r="F1854" i="2" s="1"/>
  <c r="F139" i="2" a="1"/>
  <c r="F139" i="2" s="1"/>
  <c r="F148" i="2" a="1"/>
  <c r="F148" i="2" s="1"/>
  <c r="F130" i="2" a="1"/>
  <c r="F130" i="2" s="1"/>
  <c r="F153" i="2" a="1"/>
  <c r="F153" i="2" s="1"/>
  <c r="D3715" i="2" a="1"/>
  <c r="D3715" i="2" s="1"/>
  <c r="D3724" i="2" a="1"/>
  <c r="D3724" i="2" s="1"/>
  <c r="D3714" i="2" a="1"/>
  <c r="D3714" i="2" s="1"/>
  <c r="D3712" i="2" a="1"/>
  <c r="D3712" i="2" s="1"/>
  <c r="D3718" i="2" a="1"/>
  <c r="D3718" i="2" s="1"/>
  <c r="E95" i="2" a="1"/>
  <c r="E95" i="2" s="1"/>
  <c r="E101" i="2" a="1"/>
  <c r="E101" i="2" s="1"/>
  <c r="E90" i="2" a="1"/>
  <c r="E90" i="2" s="1"/>
  <c r="E100" i="2" a="1"/>
  <c r="E100" i="2" s="1"/>
  <c r="E91" i="2" a="1"/>
  <c r="E91" i="2" s="1"/>
  <c r="E93" i="2" a="1"/>
  <c r="E93" i="2" s="1"/>
  <c r="G6673" i="2" a="1"/>
  <c r="G6673" i="2" s="1"/>
  <c r="G6662" i="2" a="1"/>
  <c r="G6662" i="2" s="1"/>
  <c r="G6677" i="2" a="1"/>
  <c r="G6677" i="2" s="1"/>
  <c r="G6666" i="2" a="1"/>
  <c r="G6666" i="2" s="1"/>
  <c r="E4034" i="2" a="1"/>
  <c r="E4034" i="2" s="1"/>
  <c r="E4018" i="2" a="1"/>
  <c r="E4018" i="2" s="1"/>
  <c r="E4035" i="2" a="1"/>
  <c r="E4035" i="2" s="1"/>
  <c r="F664" i="2" a="1"/>
  <c r="F664" i="2" s="1"/>
  <c r="F672" i="2" a="1"/>
  <c r="F672" i="2" s="1"/>
  <c r="F678" i="2" a="1"/>
  <c r="F678" i="2" s="1"/>
  <c r="F671" i="2" a="1"/>
  <c r="F671" i="2" s="1"/>
  <c r="F680" i="2" a="1"/>
  <c r="F680" i="2" s="1"/>
  <c r="F668" i="2" a="1"/>
  <c r="F668" i="2" s="1"/>
  <c r="F669" i="2" a="1"/>
  <c r="F669" i="2" s="1"/>
  <c r="F679" i="2" a="1"/>
  <c r="F679" i="2" s="1"/>
  <c r="F666" i="2" a="1"/>
  <c r="F666" i="2" s="1"/>
  <c r="F674" i="2" a="1"/>
  <c r="F674" i="2" s="1"/>
  <c r="F4869" i="2" a="1"/>
  <c r="F4869" i="2" s="1"/>
  <c r="F4863" i="2" a="1"/>
  <c r="F4863" i="2" s="1"/>
  <c r="F4874" i="2" a="1"/>
  <c r="F4874" i="2" s="1"/>
  <c r="F4858" i="2" a="1"/>
  <c r="F4858" i="2" s="1"/>
  <c r="F4859" i="2" a="1"/>
  <c r="F4859" i="2" s="1"/>
  <c r="F4864" i="2" a="1"/>
  <c r="F4864" i="2" s="1"/>
  <c r="F4877" i="2" a="1"/>
  <c r="F4877" i="2" s="1"/>
  <c r="F4860" i="2" a="1"/>
  <c r="F4860" i="2" s="1"/>
  <c r="F4879" i="2" a="1"/>
  <c r="F4879" i="2" s="1"/>
  <c r="F4873" i="2" a="1"/>
  <c r="F4873" i="2" s="1"/>
  <c r="E6814" i="2" a="1"/>
  <c r="E6814" i="2" s="1"/>
  <c r="E6825" i="2" a="1"/>
  <c r="E6825" i="2" s="1"/>
  <c r="E6803" i="2" a="1"/>
  <c r="E6803" i="2" s="1"/>
  <c r="E6819" i="2" a="1"/>
  <c r="E6819" i="2" s="1"/>
  <c r="AO284" i="1"/>
  <c r="E290" i="5" s="1"/>
  <c r="E6812" i="2" a="1"/>
  <c r="E6812" i="2" s="1"/>
  <c r="E6820" i="2" a="1"/>
  <c r="E6820" i="2" s="1"/>
  <c r="E6809" i="2" a="1"/>
  <c r="E6809" i="2" s="1"/>
  <c r="E6818" i="2" a="1"/>
  <c r="E6818" i="2" s="1"/>
  <c r="E6817" i="2" a="1"/>
  <c r="E6817" i="2" s="1"/>
  <c r="G998" i="2" a="1"/>
  <c r="G998" i="2" s="1"/>
  <c r="G1004" i="2" a="1"/>
  <c r="G1004" i="2" s="1"/>
  <c r="G1015" i="2" a="1"/>
  <c r="G1015" i="2" s="1"/>
  <c r="G1009" i="2" a="1"/>
  <c r="G1009" i="2" s="1"/>
  <c r="G1001" i="2" a="1"/>
  <c r="G1001" i="2" s="1"/>
  <c r="G999" i="2" a="1"/>
  <c r="G999" i="2" s="1"/>
  <c r="G997" i="2" a="1"/>
  <c r="G997" i="2" s="1"/>
  <c r="G1006" i="2" a="1"/>
  <c r="G1006" i="2" s="1"/>
  <c r="G1011" i="2" a="1"/>
  <c r="G1011" i="2" s="1"/>
  <c r="G1008" i="2" a="1"/>
  <c r="G1008" i="2" s="1"/>
  <c r="G995" i="2" a="1"/>
  <c r="G995" i="2" s="1"/>
  <c r="G1016" i="2" a="1"/>
  <c r="G1016" i="2" s="1"/>
  <c r="G1005" i="2" a="1"/>
  <c r="G1005" i="2" s="1"/>
  <c r="G994" i="2" a="1"/>
  <c r="G994" i="2" s="1"/>
  <c r="F6146" i="2" a="1"/>
  <c r="F6146" i="2" s="1"/>
  <c r="F6137" i="2" a="1"/>
  <c r="F6137" i="2" s="1"/>
  <c r="F6148" i="2" a="1"/>
  <c r="F6148" i="2" s="1"/>
  <c r="F6143" i="2" a="1"/>
  <c r="F6143" i="2" s="1"/>
  <c r="F6153" i="2" a="1"/>
  <c r="F6153" i="2" s="1"/>
  <c r="F6130" i="2" a="1"/>
  <c r="F6130" i="2" s="1"/>
  <c r="F6150" i="2" a="1"/>
  <c r="F6150" i="2" s="1"/>
  <c r="E5244" i="2" a="1"/>
  <c r="E5244" i="2" s="1"/>
  <c r="E5252" i="2" a="1"/>
  <c r="E5252" i="2" s="1"/>
  <c r="E5251" i="2" a="1"/>
  <c r="E5251" i="2" s="1"/>
  <c r="E5246" i="2" a="1"/>
  <c r="E5246" i="2" s="1"/>
  <c r="E5243" i="2" a="1"/>
  <c r="E5243" i="2" s="1"/>
  <c r="E5260" i="2" a="1"/>
  <c r="E5260" i="2" s="1"/>
  <c r="E5261" i="2" a="1"/>
  <c r="E5261" i="2" s="1"/>
  <c r="E5262" i="2" a="1"/>
  <c r="E5262" i="2" s="1"/>
  <c r="AN219" i="1"/>
  <c r="D225" i="5" s="1"/>
  <c r="E5256" i="2" a="1"/>
  <c r="E5256" i="2" s="1"/>
  <c r="AM219" i="1"/>
  <c r="C225" i="5" s="1"/>
  <c r="E5168" i="2" a="1"/>
  <c r="E5168" i="2" s="1"/>
  <c r="E5163" i="2" a="1"/>
  <c r="E5163" i="2" s="1"/>
  <c r="E5165" i="2" a="1"/>
  <c r="E5165" i="2" s="1"/>
  <c r="E5158" i="2" a="1"/>
  <c r="E5158" i="2" s="1"/>
  <c r="E5159" i="2" a="1"/>
  <c r="E5159" i="2" s="1"/>
  <c r="E5150" i="2" a="1"/>
  <c r="E5150" i="2" s="1"/>
  <c r="E5152" i="2" a="1"/>
  <c r="E5152" i="2" s="1"/>
  <c r="H258" i="2" a="1"/>
  <c r="H258" i="2" s="1"/>
  <c r="H273" i="2" a="1"/>
  <c r="H273" i="2" s="1"/>
  <c r="H270" i="2" a="1"/>
  <c r="H270" i="2" s="1"/>
  <c r="H261" i="2" a="1"/>
  <c r="H261" i="2" s="1"/>
  <c r="H257" i="2" a="1"/>
  <c r="H257" i="2" s="1"/>
  <c r="H264" i="2" a="1"/>
  <c r="H264" i="2" s="1"/>
  <c r="H272" i="2" a="1"/>
  <c r="H272" i="2" s="1"/>
  <c r="H254" i="2" a="1"/>
  <c r="H254" i="2" s="1"/>
  <c r="H255" i="2" a="1"/>
  <c r="H255" i="2" s="1"/>
  <c r="H263" i="2" a="1"/>
  <c r="H263" i="2" s="1"/>
  <c r="H269" i="2" a="1"/>
  <c r="H269" i="2" s="1"/>
  <c r="H250" i="2" a="1"/>
  <c r="H250" i="2" s="1"/>
  <c r="H252" i="2" a="1"/>
  <c r="H252" i="2" s="1"/>
  <c r="H262" i="2" a="1"/>
  <c r="H262" i="2" s="1"/>
  <c r="H268" i="2" a="1"/>
  <c r="H268" i="2" s="1"/>
  <c r="H267" i="2" a="1"/>
  <c r="H267" i="2" s="1"/>
  <c r="H265" i="2" a="1"/>
  <c r="H265" i="2" s="1"/>
  <c r="G8335" i="2" a="1"/>
  <c r="G8335" i="2" s="1"/>
  <c r="G8315" i="2" a="1"/>
  <c r="G8315" i="2" s="1"/>
  <c r="G8320" i="2" a="1"/>
  <c r="G8320" i="2" s="1"/>
  <c r="G8330" i="2" a="1"/>
  <c r="G8330" i="2" s="1"/>
  <c r="G8327" i="2" a="1"/>
  <c r="G8327" i="2" s="1"/>
  <c r="G8321" i="2" a="1"/>
  <c r="G8321" i="2" s="1"/>
  <c r="G8323" i="2" a="1"/>
  <c r="G8323" i="2" s="1"/>
  <c r="G8336" i="2" a="1"/>
  <c r="G8336" i="2" s="1"/>
  <c r="G8319" i="2" a="1"/>
  <c r="G8319" i="2" s="1"/>
  <c r="G8326" i="2" a="1"/>
  <c r="G8326" i="2" s="1"/>
  <c r="G8324" i="2" a="1"/>
  <c r="G8324" i="2" s="1"/>
  <c r="G8332" i="2" a="1"/>
  <c r="G8332" i="2" s="1"/>
  <c r="G8331" i="2" a="1"/>
  <c r="G8331" i="2" s="1"/>
  <c r="G8334" i="2" a="1"/>
  <c r="G8334" i="2" s="1"/>
  <c r="G8317" i="2" a="1"/>
  <c r="G8317" i="2" s="1"/>
  <c r="H4318" i="2" a="1"/>
  <c r="H4318" i="2" s="1"/>
  <c r="H4311" i="2" a="1"/>
  <c r="H4311" i="2" s="1"/>
  <c r="H4324" i="2" a="1"/>
  <c r="H4324" i="2" s="1"/>
  <c r="H4315" i="2" a="1"/>
  <c r="H4315" i="2" s="1"/>
  <c r="H4319" i="2" a="1"/>
  <c r="H4319" i="2" s="1"/>
  <c r="H4307" i="2" a="1"/>
  <c r="H4307" i="2" s="1"/>
  <c r="G3224" i="2" a="1"/>
  <c r="G3224" i="2" s="1"/>
  <c r="G3215" i="2" a="1"/>
  <c r="G3215" i="2" s="1"/>
  <c r="G3216" i="2" a="1"/>
  <c r="G3216" i="2" s="1"/>
  <c r="G3203" i="2" a="1"/>
  <c r="G3203" i="2" s="1"/>
  <c r="G3202" i="2" a="1"/>
  <c r="G3202" i="2" s="1"/>
  <c r="G3207" i="2" a="1"/>
  <c r="G3207" i="2" s="1"/>
  <c r="G3222" i="2" a="1"/>
  <c r="G3222" i="2" s="1"/>
  <c r="G3206" i="2" a="1"/>
  <c r="G3206" i="2" s="1"/>
  <c r="G3221" i="2" a="1"/>
  <c r="G3221" i="2" s="1"/>
  <c r="G3218" i="2" a="1"/>
  <c r="G3218" i="2" s="1"/>
  <c r="G3225" i="2" a="1"/>
  <c r="G3225" i="2" s="1"/>
  <c r="G3214" i="2" a="1"/>
  <c r="G3214" i="2" s="1"/>
  <c r="G3210" i="2" a="1"/>
  <c r="G3210" i="2" s="1"/>
  <c r="G3211" i="2" a="1"/>
  <c r="G3211" i="2" s="1"/>
  <c r="G3205" i="2" a="1"/>
  <c r="G3205" i="2" s="1"/>
  <c r="G3208" i="2" a="1"/>
  <c r="G3208" i="2" s="1"/>
  <c r="G3217" i="2" a="1"/>
  <c r="G3217" i="2" s="1"/>
  <c r="G7363" i="2" a="1"/>
  <c r="G7363" i="2" s="1"/>
  <c r="G7355" i="2" a="1"/>
  <c r="G7355" i="2" s="1"/>
  <c r="G7367" i="2" a="1"/>
  <c r="G7367" i="2" s="1"/>
  <c r="G7288" i="2" a="1"/>
  <c r="G7288" i="2" s="1"/>
  <c r="G7283" i="2" a="1"/>
  <c r="G7283" i="2" s="1"/>
  <c r="F6902" i="2" a="1"/>
  <c r="F6902" i="2" s="1"/>
  <c r="F6912" i="2" a="1"/>
  <c r="F6912" i="2" s="1"/>
  <c r="F6906" i="2" a="1"/>
  <c r="F6906" i="2" s="1"/>
  <c r="F6909" i="2" a="1"/>
  <c r="F6909" i="2" s="1"/>
  <c r="F6921" i="2" a="1"/>
  <c r="F6921" i="2" s="1"/>
  <c r="F6910" i="2" a="1"/>
  <c r="F6910" i="2" s="1"/>
  <c r="F6907" i="2" a="1"/>
  <c r="F6907" i="2" s="1"/>
  <c r="F6915" i="2" a="1"/>
  <c r="F6915" i="2" s="1"/>
  <c r="F6905" i="2" a="1"/>
  <c r="F6905" i="2" s="1"/>
  <c r="F6918" i="2" a="1"/>
  <c r="F6918" i="2" s="1"/>
  <c r="F6917" i="2" a="1"/>
  <c r="F6917" i="2" s="1"/>
  <c r="F6914" i="2" a="1"/>
  <c r="F6914" i="2" s="1"/>
  <c r="F6913" i="2" a="1"/>
  <c r="F6913" i="2" s="1"/>
  <c r="F6920" i="2" a="1"/>
  <c r="F6920" i="2" s="1"/>
  <c r="F6916" i="2" a="1"/>
  <c r="F6916" i="2" s="1"/>
  <c r="F6899" i="2" a="1"/>
  <c r="F6899" i="2" s="1"/>
  <c r="F6904" i="2" a="1"/>
  <c r="F6904" i="2" s="1"/>
  <c r="D4464" i="2" a="1"/>
  <c r="D4464" i="2" s="1"/>
  <c r="D4455" i="2" a="1"/>
  <c r="D4455" i="2" s="1"/>
  <c r="D4459" i="2" a="1"/>
  <c r="D4459" i="2" s="1"/>
  <c r="D4463" i="2" a="1"/>
  <c r="D4463" i="2" s="1"/>
  <c r="AN186" i="1"/>
  <c r="D192" i="5" s="1"/>
  <c r="D4451" i="2" a="1"/>
  <c r="D4451" i="2" s="1"/>
  <c r="AP186" i="1"/>
  <c r="F192" i="5" s="1"/>
  <c r="D4470" i="2" a="1"/>
  <c r="D4470" i="2" s="1"/>
  <c r="AM186" i="1"/>
  <c r="C192" i="5" s="1"/>
  <c r="D4453" i="2" a="1"/>
  <c r="D4453" i="2" s="1"/>
  <c r="D4461" i="2" a="1"/>
  <c r="D4461" i="2" s="1"/>
  <c r="D4450" i="2" a="1"/>
  <c r="D4450" i="2" s="1"/>
  <c r="D4467" i="2" a="1"/>
  <c r="D4467" i="2" s="1"/>
  <c r="D4469" i="2" a="1"/>
  <c r="D4469" i="2" s="1"/>
  <c r="D4457" i="2" a="1"/>
  <c r="D4457" i="2" s="1"/>
  <c r="D4456" i="2" a="1"/>
  <c r="D4456" i="2" s="1"/>
  <c r="D4471" i="2" a="1"/>
  <c r="D4471" i="2" s="1"/>
  <c r="D4454" i="2" a="1"/>
  <c r="D4454" i="2" s="1"/>
  <c r="D4466" i="2" a="1"/>
  <c r="D4466" i="2" s="1"/>
  <c r="F6816" i="2" a="1"/>
  <c r="F6816" i="2" s="1"/>
  <c r="F6811" i="2" a="1"/>
  <c r="F6811" i="2" s="1"/>
  <c r="F6810" i="2" a="1"/>
  <c r="F6810" i="2" s="1"/>
  <c r="F6804" i="2" a="1"/>
  <c r="F6804" i="2" s="1"/>
  <c r="F6820" i="2" a="1"/>
  <c r="F6820" i="2" s="1"/>
  <c r="F6814" i="2" a="1"/>
  <c r="F6814" i="2" s="1"/>
  <c r="F6812" i="2" a="1"/>
  <c r="F6812" i="2" s="1"/>
  <c r="F6821" i="2" a="1"/>
  <c r="F6821" i="2" s="1"/>
  <c r="F6815" i="2" a="1"/>
  <c r="F6815" i="2" s="1"/>
  <c r="F6807" i="2" a="1"/>
  <c r="F6807" i="2" s="1"/>
  <c r="F6824" i="2" a="1"/>
  <c r="F6824" i="2" s="1"/>
  <c r="F6825" i="2" a="1"/>
  <c r="F6825" i="2" s="1"/>
  <c r="F6806" i="2" a="1"/>
  <c r="F6806" i="2" s="1"/>
  <c r="F6813" i="2" a="1"/>
  <c r="F6813" i="2" s="1"/>
  <c r="F6819" i="2" a="1"/>
  <c r="F6819" i="2" s="1"/>
  <c r="F6818" i="2" a="1"/>
  <c r="F6818" i="2" s="1"/>
  <c r="F6817" i="2" a="1"/>
  <c r="F6817" i="2" s="1"/>
  <c r="AQ263" i="1"/>
  <c r="E6313" i="2" a="1"/>
  <c r="E6313" i="2" s="1"/>
  <c r="E6309" i="2" a="1"/>
  <c r="E6309" i="2" s="1"/>
  <c r="E6312" i="2" a="1"/>
  <c r="E6312" i="2" s="1"/>
  <c r="AM263" i="1"/>
  <c r="C269" i="5" s="1"/>
  <c r="E6307" i="2" a="1"/>
  <c r="E6307" i="2" s="1"/>
  <c r="E6306" i="2" a="1"/>
  <c r="E6306" i="2" s="1"/>
  <c r="E6303" i="2" a="1"/>
  <c r="E6303" i="2" s="1"/>
  <c r="E6315" i="2" a="1"/>
  <c r="E6315" i="2" s="1"/>
  <c r="E6302" i="2" a="1"/>
  <c r="E6302" i="2" s="1"/>
  <c r="E6321" i="2" a="1"/>
  <c r="E6321" i="2" s="1"/>
  <c r="E6299" i="2" a="1"/>
  <c r="E6299" i="2" s="1"/>
  <c r="E6317" i="2" a="1"/>
  <c r="E6317" i="2" s="1"/>
  <c r="E6308" i="2" a="1"/>
  <c r="E6308" i="2" s="1"/>
  <c r="E6318" i="2" a="1"/>
  <c r="E6318" i="2" s="1"/>
  <c r="E6316" i="2" a="1"/>
  <c r="E6316" i="2" s="1"/>
  <c r="E6314" i="2" a="1"/>
  <c r="E6314" i="2" s="1"/>
  <c r="H507" i="2" a="1"/>
  <c r="H507" i="2" s="1"/>
  <c r="H492" i="2" a="1"/>
  <c r="H492" i="2" s="1"/>
  <c r="H491" i="2" a="1"/>
  <c r="H491" i="2" s="1"/>
  <c r="H497" i="2" a="1"/>
  <c r="H497" i="2" s="1"/>
  <c r="H512" i="2" a="1"/>
  <c r="H512" i="2" s="1"/>
  <c r="H493" i="2" a="1"/>
  <c r="H493" i="2" s="1"/>
  <c r="H509" i="2" a="1"/>
  <c r="H509" i="2" s="1"/>
  <c r="H4118" i="2" a="1"/>
  <c r="H4118" i="2" s="1"/>
  <c r="H4136" i="2" a="1"/>
  <c r="H4136" i="2" s="1"/>
  <c r="H4127" i="2" a="1"/>
  <c r="H4127" i="2" s="1"/>
  <c r="H4133" i="2" a="1"/>
  <c r="H4133" i="2" s="1"/>
  <c r="H4128" i="2" a="1"/>
  <c r="H4128" i="2" s="1"/>
  <c r="H4135" i="2" a="1"/>
  <c r="H4135" i="2" s="1"/>
  <c r="H4116" i="2" a="1"/>
  <c r="H4116" i="2" s="1"/>
  <c r="H4129" i="2" a="1"/>
  <c r="H4129" i="2" s="1"/>
  <c r="H4131" i="2" a="1"/>
  <c r="H4131" i="2" s="1"/>
  <c r="H4134" i="2" a="1"/>
  <c r="H4134" i="2" s="1"/>
  <c r="H4126" i="2" a="1"/>
  <c r="H4126" i="2" s="1"/>
  <c r="F4682" i="2" a="1"/>
  <c r="F4682" i="2" s="1"/>
  <c r="F4678" i="2" a="1"/>
  <c r="F4678" i="2" s="1"/>
  <c r="F4666" i="2" a="1"/>
  <c r="F4666" i="2" s="1"/>
  <c r="F4667" i="2" a="1"/>
  <c r="F4667" i="2" s="1"/>
  <c r="F4683" i="2" a="1"/>
  <c r="F4683" i="2" s="1"/>
  <c r="F4689" i="2" a="1"/>
  <c r="F4689" i="2" s="1"/>
  <c r="F4677" i="2" a="1"/>
  <c r="F4677" i="2" s="1"/>
  <c r="I4677" i="2" s="1"/>
  <c r="I4651" i="5" s="1"/>
  <c r="F4668" i="2" a="1"/>
  <c r="F4668" i="2" s="1"/>
  <c r="F4676" i="2" a="1"/>
  <c r="F4676" i="2" s="1"/>
  <c r="AO310" i="1"/>
  <c r="E316" i="5" s="1"/>
  <c r="E7427" i="2" a="1"/>
  <c r="E7427" i="2" s="1"/>
  <c r="E7429" i="2" a="1"/>
  <c r="E7429" i="2" s="1"/>
  <c r="E7440" i="2" a="1"/>
  <c r="E7440" i="2" s="1"/>
  <c r="E7438" i="2" a="1"/>
  <c r="E7438" i="2" s="1"/>
  <c r="E7447" i="2" a="1"/>
  <c r="E7447" i="2" s="1"/>
  <c r="E7426" i="2" a="1"/>
  <c r="E7426" i="2" s="1"/>
  <c r="D7147" i="2" a="1"/>
  <c r="D7147" i="2" s="1"/>
  <c r="D7149" i="2" a="1"/>
  <c r="D7149" i="2" s="1"/>
  <c r="D7151" i="2" a="1"/>
  <c r="D7151" i="2" s="1"/>
  <c r="D7140" i="2" a="1"/>
  <c r="D7140" i="2" s="1"/>
  <c r="D7150" i="2" a="1"/>
  <c r="D7150" i="2" s="1"/>
  <c r="D7160" i="2" a="1"/>
  <c r="D7160" i="2" s="1"/>
  <c r="D7154" i="2" a="1"/>
  <c r="D7154" i="2" s="1"/>
  <c r="D7156" i="2" a="1"/>
  <c r="D7156" i="2" s="1"/>
  <c r="D7161" i="2" a="1"/>
  <c r="D7161" i="2" s="1"/>
  <c r="AN61" i="1"/>
  <c r="E1452" i="2" a="1"/>
  <c r="E1452" i="2" s="1"/>
  <c r="AQ61" i="1"/>
  <c r="G67" i="5" s="1"/>
  <c r="AO61" i="1"/>
  <c r="E67" i="5" s="1"/>
  <c r="E1466" i="2" a="1"/>
  <c r="E1466" i="2" s="1"/>
  <c r="AM61" i="1"/>
  <c r="C67" i="5" s="1"/>
  <c r="E1450" i="2" a="1"/>
  <c r="E1450" i="2" s="1"/>
  <c r="E1462" i="2" a="1"/>
  <c r="E1462" i="2" s="1"/>
  <c r="E1460" i="2" a="1"/>
  <c r="E1460" i="2" s="1"/>
  <c r="E1469" i="2" a="1"/>
  <c r="E1469" i="2" s="1"/>
  <c r="G4616" i="2" a="1"/>
  <c r="G4616" i="2" s="1"/>
  <c r="G4607" i="2" a="1"/>
  <c r="G4607" i="2" s="1"/>
  <c r="G4600" i="2" a="1"/>
  <c r="G4600" i="2" s="1"/>
  <c r="G4606" i="2" a="1"/>
  <c r="G4606" i="2" s="1"/>
  <c r="G490" i="2" a="1"/>
  <c r="G490" i="2" s="1"/>
  <c r="G491" i="2" a="1"/>
  <c r="G491" i="2" s="1"/>
  <c r="G493" i="2" a="1"/>
  <c r="G493" i="2" s="1"/>
  <c r="F5734" i="2" a="1"/>
  <c r="F5734" i="2" s="1"/>
  <c r="F5731" i="2" a="1"/>
  <c r="F5731" i="2" s="1"/>
  <c r="F5735" i="2" a="1"/>
  <c r="F5735" i="2" s="1"/>
  <c r="F5732" i="2" a="1"/>
  <c r="F5732" i="2" s="1"/>
  <c r="F5733" i="2" a="1"/>
  <c r="F5733" i="2" s="1"/>
  <c r="F5744" i="2" a="1"/>
  <c r="F5744" i="2" s="1"/>
  <c r="F5736" i="2" a="1"/>
  <c r="F5736" i="2" s="1"/>
  <c r="F5728" i="2" a="1"/>
  <c r="F5728" i="2" s="1"/>
  <c r="F5723" i="2" a="1"/>
  <c r="F5723" i="2" s="1"/>
  <c r="F5737" i="2" a="1"/>
  <c r="F5737" i="2" s="1"/>
  <c r="F5726" i="2" a="1"/>
  <c r="F5726" i="2" s="1"/>
  <c r="F5739" i="2" a="1"/>
  <c r="F5739" i="2" s="1"/>
  <c r="F5742" i="2" a="1"/>
  <c r="F5742" i="2" s="1"/>
  <c r="F5730" i="2" a="1"/>
  <c r="F5730" i="2" s="1"/>
  <c r="F5738" i="2" a="1"/>
  <c r="F5738" i="2" s="1"/>
  <c r="F5729" i="2" a="1"/>
  <c r="F5729" i="2" s="1"/>
  <c r="F5740" i="2" a="1"/>
  <c r="F5740" i="2" s="1"/>
  <c r="F5724" i="2" a="1"/>
  <c r="F5724" i="2" s="1"/>
  <c r="F5722" i="2" a="1"/>
  <c r="F5722" i="2" s="1"/>
  <c r="F5745" i="2" a="1"/>
  <c r="F5745" i="2" s="1"/>
  <c r="H5512" i="2" a="1"/>
  <c r="H5512" i="2" s="1"/>
  <c r="H5513" i="2" a="1"/>
  <c r="H5513" i="2" s="1"/>
  <c r="H5520" i="2" a="1"/>
  <c r="H5520" i="2" s="1"/>
  <c r="G8767" i="2" a="1"/>
  <c r="G8767" i="2" s="1"/>
  <c r="G8750" i="2" a="1"/>
  <c r="G8750" i="2" s="1"/>
  <c r="G8746" i="2" a="1"/>
  <c r="G8746" i="2" s="1"/>
  <c r="G8766" i="2" a="1"/>
  <c r="G8766" i="2" s="1"/>
  <c r="G8761" i="2" a="1"/>
  <c r="G8761" i="2" s="1"/>
  <c r="G8764" i="2" a="1"/>
  <c r="G8764" i="2" s="1"/>
  <c r="G8768" i="2" a="1"/>
  <c r="G8768" i="2" s="1"/>
  <c r="G8762" i="2" a="1"/>
  <c r="G8762" i="2" s="1"/>
  <c r="G8754" i="2" a="1"/>
  <c r="G8754" i="2" s="1"/>
  <c r="G8763" i="2" a="1"/>
  <c r="G8763" i="2" s="1"/>
  <c r="G8749" i="2" a="1"/>
  <c r="G8749" i="2" s="1"/>
  <c r="G8751" i="2" a="1"/>
  <c r="G8751" i="2" s="1"/>
  <c r="G8747" i="2" a="1"/>
  <c r="G8747" i="2" s="1"/>
  <c r="G8753" i="2" a="1"/>
  <c r="G8753" i="2" s="1"/>
  <c r="G8759" i="2" a="1"/>
  <c r="G8759" i="2" s="1"/>
  <c r="G8756" i="2" a="1"/>
  <c r="G8756" i="2" s="1"/>
  <c r="G8769" i="2" a="1"/>
  <c r="G8769" i="2" s="1"/>
  <c r="G8748" i="2" a="1"/>
  <c r="G8748" i="2" s="1"/>
  <c r="E4610" i="2" a="1"/>
  <c r="E4610" i="2" s="1"/>
  <c r="E4608" i="2" a="1"/>
  <c r="E4608" i="2" s="1"/>
  <c r="E4604" i="2" a="1"/>
  <c r="E4604" i="2" s="1"/>
  <c r="E4601" i="2" a="1"/>
  <c r="E4601" i="2" s="1"/>
  <c r="E4595" i="2" a="1"/>
  <c r="E4595" i="2" s="1"/>
  <c r="E4609" i="2" a="1"/>
  <c r="E4609" i="2" s="1"/>
  <c r="E4605" i="2" a="1"/>
  <c r="E4605" i="2" s="1"/>
  <c r="E4613" i="2" a="1"/>
  <c r="E4613" i="2" s="1"/>
  <c r="E4616" i="2" a="1"/>
  <c r="E4616" i="2" s="1"/>
  <c r="E4615" i="2" a="1"/>
  <c r="E4615" i="2" s="1"/>
  <c r="E4600" i="2" a="1"/>
  <c r="E4600" i="2" s="1"/>
  <c r="E4617" i="2" a="1"/>
  <c r="E4617" i="2" s="1"/>
  <c r="E4611" i="2" a="1"/>
  <c r="E4611" i="2" s="1"/>
  <c r="E4603" i="2" a="1"/>
  <c r="E4603" i="2" s="1"/>
  <c r="E4606" i="2" a="1"/>
  <c r="E4606" i="2" s="1"/>
  <c r="E4612" i="2" a="1"/>
  <c r="E4612" i="2" s="1"/>
  <c r="E4598" i="2" a="1"/>
  <c r="E4598" i="2" s="1"/>
  <c r="E4599" i="2" a="1"/>
  <c r="E4599" i="2" s="1"/>
  <c r="E4597" i="2" a="1"/>
  <c r="E4597" i="2" s="1"/>
  <c r="E4614" i="2" a="1"/>
  <c r="E4614" i="2" s="1"/>
  <c r="E4594" i="2" a="1"/>
  <c r="E4594" i="2" s="1"/>
  <c r="E4607" i="2" a="1"/>
  <c r="E4607" i="2" s="1"/>
  <c r="E4602" i="2" a="1"/>
  <c r="E4602" i="2" s="1"/>
  <c r="E3609" i="2" a="1"/>
  <c r="E3609" i="2" s="1"/>
  <c r="E3605" i="2" a="1"/>
  <c r="E3605" i="2" s="1"/>
  <c r="E3600" i="2" a="1"/>
  <c r="E3600" i="2" s="1"/>
  <c r="E3598" i="2" a="1"/>
  <c r="E3598" i="2" s="1"/>
  <c r="E3589" i="2" a="1"/>
  <c r="E3589" i="2" s="1"/>
  <c r="E3602" i="2" a="1"/>
  <c r="E3602" i="2" s="1"/>
  <c r="E3608" i="2" a="1"/>
  <c r="E3608" i="2" s="1"/>
  <c r="E3586" i="2" a="1"/>
  <c r="E3586" i="2" s="1"/>
  <c r="E3592" i="2" a="1"/>
  <c r="E3592" i="2" s="1"/>
  <c r="AO150" i="1"/>
  <c r="E156" i="5" s="1"/>
  <c r="E3606" i="2" a="1"/>
  <c r="E3606" i="2" s="1"/>
  <c r="E3590" i="2" a="1"/>
  <c r="E3590" i="2" s="1"/>
  <c r="E3601" i="2" a="1"/>
  <c r="E3601" i="2" s="1"/>
  <c r="E3597" i="2" a="1"/>
  <c r="E3597" i="2" s="1"/>
  <c r="E3596" i="2" a="1"/>
  <c r="E3596" i="2" s="1"/>
  <c r="E3599" i="2" a="1"/>
  <c r="E3599" i="2" s="1"/>
  <c r="E3603" i="2" a="1"/>
  <c r="E3603" i="2" s="1"/>
  <c r="E3588" i="2" a="1"/>
  <c r="E3588" i="2" s="1"/>
  <c r="E3587" i="2" a="1"/>
  <c r="E3587" i="2" s="1"/>
  <c r="E3607" i="2" a="1"/>
  <c r="E3607" i="2" s="1"/>
  <c r="E3593" i="2" a="1"/>
  <c r="E3593" i="2" s="1"/>
  <c r="H7978" i="2" a="1"/>
  <c r="H7978" i="2" s="1"/>
  <c r="H7987" i="2" a="1"/>
  <c r="H7987" i="2" s="1"/>
  <c r="H7988" i="2" a="1"/>
  <c r="H7988" i="2" s="1"/>
  <c r="H7980" i="2" a="1"/>
  <c r="H7980" i="2" s="1"/>
  <c r="H7997" i="2" a="1"/>
  <c r="H7997" i="2" s="1"/>
  <c r="H7981" i="2" a="1"/>
  <c r="H7981" i="2" s="1"/>
  <c r="H7984" i="2" a="1"/>
  <c r="H7984" i="2" s="1"/>
  <c r="H7999" i="2" a="1"/>
  <c r="H7999" i="2" s="1"/>
  <c r="H7989" i="2" a="1"/>
  <c r="H7989" i="2" s="1"/>
  <c r="H7983" i="2" a="1"/>
  <c r="H7983" i="2" s="1"/>
  <c r="H7993" i="2" a="1"/>
  <c r="H7993" i="2" s="1"/>
  <c r="H7994" i="2" a="1"/>
  <c r="H7994" i="2" s="1"/>
  <c r="H7990" i="2" a="1"/>
  <c r="H7990" i="2" s="1"/>
  <c r="H7991" i="2" a="1"/>
  <c r="H7991" i="2" s="1"/>
  <c r="H7998" i="2" a="1"/>
  <c r="H7998" i="2" s="1"/>
  <c r="H7995" i="2" a="1"/>
  <c r="H7995" i="2" s="1"/>
  <c r="H8001" i="2" a="1"/>
  <c r="H8001" i="2" s="1"/>
  <c r="H8000" i="2" a="1"/>
  <c r="H8000" i="2" s="1"/>
  <c r="F5822" i="2" a="1"/>
  <c r="F5822" i="2" s="1"/>
  <c r="F5826" i="2" a="1"/>
  <c r="F5826" i="2" s="1"/>
  <c r="F5830" i="2" a="1"/>
  <c r="F5830" i="2" s="1"/>
  <c r="F5818" i="2" a="1"/>
  <c r="F5818" i="2" s="1"/>
  <c r="F5835" i="2" a="1"/>
  <c r="F5835" i="2" s="1"/>
  <c r="F5836" i="2" a="1"/>
  <c r="F5836" i="2" s="1"/>
  <c r="F5827" i="2" a="1"/>
  <c r="F5827" i="2" s="1"/>
  <c r="D5721" i="2" a="1"/>
  <c r="D5721" i="2" s="1"/>
  <c r="D5716" i="2" a="1"/>
  <c r="D5716" i="2" s="1"/>
  <c r="D5719" i="2" a="1"/>
  <c r="D5719" i="2" s="1"/>
  <c r="D5718" i="2" a="1"/>
  <c r="D5718" i="2" s="1"/>
  <c r="D5698" i="2" a="1"/>
  <c r="D5698" i="2" s="1"/>
  <c r="D5703" i="2" a="1"/>
  <c r="D5703" i="2" s="1"/>
  <c r="D5701" i="2" a="1"/>
  <c r="D5701" i="2" s="1"/>
  <c r="D5717" i="2" a="1"/>
  <c r="D5717" i="2" s="1"/>
  <c r="D5711" i="2" a="1"/>
  <c r="D5711" i="2" s="1"/>
  <c r="D5714" i="2" a="1"/>
  <c r="D5714" i="2" s="1"/>
  <c r="D5699" i="2" a="1"/>
  <c r="D5699" i="2" s="1"/>
  <c r="D5706" i="2" a="1"/>
  <c r="D5706" i="2" s="1"/>
  <c r="D5708" i="2" a="1"/>
  <c r="D5708" i="2" s="1"/>
  <c r="D5704" i="2" a="1"/>
  <c r="D5704" i="2" s="1"/>
  <c r="D5720" i="2" a="1"/>
  <c r="D5720" i="2" s="1"/>
  <c r="D5705" i="2" a="1"/>
  <c r="D5705" i="2" s="1"/>
  <c r="D5707" i="2" a="1"/>
  <c r="D5707" i="2" s="1"/>
  <c r="D5712" i="2" a="1"/>
  <c r="D5712" i="2" s="1"/>
  <c r="D5709" i="2" a="1"/>
  <c r="D5709" i="2" s="1"/>
  <c r="D5710" i="2" a="1"/>
  <c r="D5710" i="2" s="1"/>
  <c r="D5702" i="2" a="1"/>
  <c r="D5702" i="2" s="1"/>
  <c r="H4709" i="2" a="1"/>
  <c r="H4709" i="2" s="1"/>
  <c r="H4712" i="2" a="1"/>
  <c r="H4712" i="2" s="1"/>
  <c r="H4699" i="2" a="1"/>
  <c r="H4699" i="2" s="1"/>
  <c r="H4708" i="2" a="1"/>
  <c r="H4708" i="2" s="1"/>
  <c r="H4707" i="2" a="1"/>
  <c r="H4707" i="2" s="1"/>
  <c r="H4693" i="2" a="1"/>
  <c r="H4693" i="2" s="1"/>
  <c r="H4696" i="2" a="1"/>
  <c r="H4696" i="2" s="1"/>
  <c r="H4702" i="2" a="1"/>
  <c r="H4702" i="2" s="1"/>
  <c r="H4692" i="2" a="1"/>
  <c r="H4692" i="2" s="1"/>
  <c r="H4710" i="2" a="1"/>
  <c r="H4710" i="2" s="1"/>
  <c r="H4690" i="2" a="1"/>
  <c r="H4690" i="2" s="1"/>
  <c r="H4700" i="2" a="1"/>
  <c r="H4700" i="2" s="1"/>
  <c r="H4704" i="2" a="1"/>
  <c r="H4704" i="2" s="1"/>
  <c r="H4711" i="2" a="1"/>
  <c r="H4711" i="2" s="1"/>
  <c r="H4703" i="2" a="1"/>
  <c r="H4703" i="2" s="1"/>
  <c r="H4695" i="2" a="1"/>
  <c r="H4695" i="2" s="1"/>
  <c r="E7732" i="2" a="1"/>
  <c r="E7732" i="2" s="1"/>
  <c r="E7720" i="2" a="1"/>
  <c r="E7720" i="2" s="1"/>
  <c r="E7723" i="2" a="1"/>
  <c r="E7723" i="2" s="1"/>
  <c r="E7735" i="2" a="1"/>
  <c r="E7735" i="2" s="1"/>
  <c r="E7734" i="2" a="1"/>
  <c r="E7734" i="2" s="1"/>
  <c r="E7733" i="2" a="1"/>
  <c r="E7733" i="2" s="1"/>
  <c r="E7724" i="2" a="1"/>
  <c r="E7724" i="2" s="1"/>
  <c r="E7715" i="2" a="1"/>
  <c r="E7715" i="2" s="1"/>
  <c r="E7722" i="2" a="1"/>
  <c r="E7722" i="2" s="1"/>
  <c r="E7736" i="2" a="1"/>
  <c r="E7736" i="2" s="1"/>
  <c r="E7737" i="2" a="1"/>
  <c r="E7737" i="2" s="1"/>
  <c r="E7726" i="2" a="1"/>
  <c r="E7726" i="2" s="1"/>
  <c r="E7716" i="2" a="1"/>
  <c r="E7716" i="2" s="1"/>
  <c r="E7727" i="2" a="1"/>
  <c r="E7727" i="2" s="1"/>
  <c r="E7714" i="2" a="1"/>
  <c r="E7714" i="2" s="1"/>
  <c r="E7721" i="2" a="1"/>
  <c r="E7721" i="2" s="1"/>
  <c r="E7729" i="2" a="1"/>
  <c r="E7729" i="2" s="1"/>
  <c r="E7718" i="2" a="1"/>
  <c r="E7718" i="2" s="1"/>
  <c r="G5501" i="2" a="1"/>
  <c r="G5501" i="2" s="1"/>
  <c r="G5498" i="2" a="1"/>
  <c r="G5498" i="2" s="1"/>
  <c r="H1840" i="2" a="1"/>
  <c r="H1840" i="2" s="1"/>
  <c r="H1849" i="2" a="1"/>
  <c r="H1849" i="2" s="1"/>
  <c r="H1837" i="2" a="1"/>
  <c r="H1837" i="2" s="1"/>
  <c r="H1853" i="2" a="1"/>
  <c r="H1853" i="2" s="1"/>
  <c r="H1850" i="2" a="1"/>
  <c r="H1850" i="2" s="1"/>
  <c r="H1856" i="2" a="1"/>
  <c r="H1856" i="2" s="1"/>
  <c r="H1857" i="2" a="1"/>
  <c r="H1857" i="2" s="1"/>
  <c r="H1839" i="2" a="1"/>
  <c r="H1839" i="2" s="1"/>
  <c r="H1855" i="2" a="1"/>
  <c r="H1855" i="2" s="1"/>
  <c r="H1841" i="2" a="1"/>
  <c r="H1841" i="2" s="1"/>
  <c r="H1846" i="2" a="1"/>
  <c r="H1846" i="2" s="1"/>
  <c r="H1836" i="2" a="1"/>
  <c r="H1836" i="2" s="1"/>
  <c r="H1847" i="2" a="1"/>
  <c r="H1847" i="2" s="1"/>
  <c r="H1834" i="2" a="1"/>
  <c r="H1834" i="2" s="1"/>
  <c r="G4821" i="2" a="1"/>
  <c r="G4821" i="2" s="1"/>
  <c r="G4825" i="2" a="1"/>
  <c r="G4825" i="2" s="1"/>
  <c r="G4833" i="2" a="1"/>
  <c r="G4833" i="2" s="1"/>
  <c r="G4827" i="2" a="1"/>
  <c r="G4827" i="2" s="1"/>
  <c r="G4823" i="2" a="1"/>
  <c r="G4823" i="2" s="1"/>
  <c r="G4830" i="2" a="1"/>
  <c r="G4830" i="2" s="1"/>
  <c r="G4832" i="2" a="1"/>
  <c r="G4832" i="2" s="1"/>
  <c r="G4820" i="2" a="1"/>
  <c r="G4820" i="2" s="1"/>
  <c r="G4812" i="2" a="1"/>
  <c r="G4812" i="2" s="1"/>
  <c r="G4822" i="2" a="1"/>
  <c r="G4822" i="2" s="1"/>
  <c r="G4810" i="2" a="1"/>
  <c r="G4810" i="2" s="1"/>
  <c r="G4831" i="2" a="1"/>
  <c r="G4831" i="2" s="1"/>
  <c r="M4831" i="2" s="1"/>
  <c r="M4805" i="5" s="1"/>
  <c r="P4805" i="5" s="1"/>
  <c r="G4816" i="2" a="1"/>
  <c r="G4816" i="2" s="1"/>
  <c r="G4818" i="2" a="1"/>
  <c r="G4818" i="2" s="1"/>
  <c r="G4817" i="2" a="1"/>
  <c r="G4817" i="2" s="1"/>
  <c r="G4829" i="2" a="1"/>
  <c r="G4829" i="2" s="1"/>
  <c r="G4826" i="2" a="1"/>
  <c r="G4826" i="2" s="1"/>
  <c r="G4813" i="2" a="1"/>
  <c r="G4813" i="2" s="1"/>
  <c r="G4819" i="2" a="1"/>
  <c r="G4819" i="2" s="1"/>
  <c r="G4814" i="2" a="1"/>
  <c r="G4814" i="2" s="1"/>
  <c r="G4824" i="2" a="1"/>
  <c r="G4824" i="2" s="1"/>
  <c r="AP201" i="1"/>
  <c r="F207" i="5" s="1"/>
  <c r="E2818" i="2" a="1"/>
  <c r="E2818" i="2" s="1"/>
  <c r="E2837" i="2" a="1"/>
  <c r="E2837" i="2" s="1"/>
  <c r="E2828" i="2" a="1"/>
  <c r="E2828" i="2" s="1"/>
  <c r="E2822" i="2" a="1"/>
  <c r="E2822" i="2" s="1"/>
  <c r="E2823" i="2" a="1"/>
  <c r="E2823" i="2" s="1"/>
  <c r="E2830" i="2" a="1"/>
  <c r="E2830" i="2" s="1"/>
  <c r="E2839" i="2" a="1"/>
  <c r="E2839" i="2" s="1"/>
  <c r="E2840" i="2" a="1"/>
  <c r="E2840" i="2" s="1"/>
  <c r="E2836" i="2" a="1"/>
  <c r="E2836" i="2" s="1"/>
  <c r="E2831" i="2" a="1"/>
  <c r="E2831" i="2" s="1"/>
  <c r="E2826" i="2" a="1"/>
  <c r="E2826" i="2" s="1"/>
  <c r="E2834" i="2" a="1"/>
  <c r="E2834" i="2" s="1"/>
  <c r="E2825" i="2" a="1"/>
  <c r="E2825" i="2" s="1"/>
  <c r="E2841" i="2" a="1"/>
  <c r="E2841" i="2" s="1"/>
  <c r="E2819" i="2" a="1"/>
  <c r="E2819" i="2" s="1"/>
  <c r="E2833" i="2" a="1"/>
  <c r="E2833" i="2" s="1"/>
  <c r="E2827" i="2" a="1"/>
  <c r="E2827" i="2" s="1"/>
  <c r="E2821" i="2" a="1"/>
  <c r="E2821" i="2" s="1"/>
  <c r="E2820" i="2" a="1"/>
  <c r="E2820" i="2" s="1"/>
  <c r="E1685" i="2" a="1"/>
  <c r="E1685" i="2" s="1"/>
  <c r="E1687" i="2" a="1"/>
  <c r="E1687" i="2" s="1"/>
  <c r="E1675" i="2" a="1"/>
  <c r="E1675" i="2" s="1"/>
  <c r="E1676" i="2" a="1"/>
  <c r="E1676" i="2" s="1"/>
  <c r="E1673" i="2" a="1"/>
  <c r="E1673" i="2" s="1"/>
  <c r="E1672" i="2" a="1"/>
  <c r="E1672" i="2" s="1"/>
  <c r="E1680" i="2" a="1"/>
  <c r="E1680" i="2" s="1"/>
  <c r="E1667" i="2" a="1"/>
  <c r="E1667" i="2" s="1"/>
  <c r="E1669" i="2" a="1"/>
  <c r="E1669" i="2" s="1"/>
  <c r="AN165" i="1"/>
  <c r="D171" i="5" s="1"/>
  <c r="AQ165" i="1"/>
  <c r="AM165" i="1"/>
  <c r="C171" i="5" s="1"/>
  <c r="G1260" i="2" a="1"/>
  <c r="G1260" i="2" s="1"/>
  <c r="G1273" i="2" a="1"/>
  <c r="G1273" i="2" s="1"/>
  <c r="G1265" i="2" a="1"/>
  <c r="G1265" i="2" s="1"/>
  <c r="G1275" i="2" a="1"/>
  <c r="G1275" i="2" s="1"/>
  <c r="G1271" i="2" a="1"/>
  <c r="G1271" i="2" s="1"/>
  <c r="G1281" i="2" a="1"/>
  <c r="G1281" i="2" s="1"/>
  <c r="G1274" i="2" a="1"/>
  <c r="G1274" i="2" s="1"/>
  <c r="G1270" i="2" a="1"/>
  <c r="G1270" i="2" s="1"/>
  <c r="G1268" i="2" a="1"/>
  <c r="G1268" i="2" s="1"/>
  <c r="G1272" i="2" a="1"/>
  <c r="G1272" i="2" s="1"/>
  <c r="G1278" i="2" a="1"/>
  <c r="G1278" i="2" s="1"/>
  <c r="G1269" i="2" a="1"/>
  <c r="G1269" i="2" s="1"/>
  <c r="G1263" i="2" a="1"/>
  <c r="G1263" i="2" s="1"/>
  <c r="G1279" i="2" a="1"/>
  <c r="G1279" i="2" s="1"/>
  <c r="G1276" i="2" a="1"/>
  <c r="G1276" i="2" s="1"/>
  <c r="H4294" i="2" a="1"/>
  <c r="H4294" i="2" s="1"/>
  <c r="H4300" i="2" a="1"/>
  <c r="H4300" i="2" s="1"/>
  <c r="H4286" i="2" a="1"/>
  <c r="H4286" i="2" s="1"/>
  <c r="H4287" i="2" a="1"/>
  <c r="H4287" i="2" s="1"/>
  <c r="H4283" i="2" a="1"/>
  <c r="H4283" i="2" s="1"/>
  <c r="H4296" i="2" a="1"/>
  <c r="H4296" i="2" s="1"/>
  <c r="H4282" i="2" a="1"/>
  <c r="H4282" i="2" s="1"/>
  <c r="H4291" i="2" a="1"/>
  <c r="H4291" i="2" s="1"/>
  <c r="H4285" i="2" a="1"/>
  <c r="H4285" i="2" s="1"/>
  <c r="H4304" i="2" a="1"/>
  <c r="H4304" i="2" s="1"/>
  <c r="H4302" i="2" a="1"/>
  <c r="H4302" i="2" s="1"/>
  <c r="H4303" i="2" a="1"/>
  <c r="H4303" i="2" s="1"/>
  <c r="H4298" i="2" a="1"/>
  <c r="H4298" i="2" s="1"/>
  <c r="H4290" i="2" a="1"/>
  <c r="H4290" i="2" s="1"/>
  <c r="H4289" i="2" a="1"/>
  <c r="H4289" i="2" s="1"/>
  <c r="H4284" i="2" a="1"/>
  <c r="H4284" i="2" s="1"/>
  <c r="H4297" i="2" a="1"/>
  <c r="H4297" i="2" s="1"/>
  <c r="H4288" i="2" a="1"/>
  <c r="H4288" i="2" s="1"/>
  <c r="H4305" i="2" a="1"/>
  <c r="H4305" i="2" s="1"/>
  <c r="D1577" i="2" a="1"/>
  <c r="D1577" i="2" s="1"/>
  <c r="D1580" i="2" a="1"/>
  <c r="D1580" i="2" s="1"/>
  <c r="D1589" i="2" a="1"/>
  <c r="D1589" i="2" s="1"/>
  <c r="D1582" i="2" a="1"/>
  <c r="D1582" i="2" s="1"/>
  <c r="D1584" i="2" a="1"/>
  <c r="D1584" i="2" s="1"/>
  <c r="D1592" i="2" a="1"/>
  <c r="D1592" i="2" s="1"/>
  <c r="D1570" i="2" a="1"/>
  <c r="D1570" i="2" s="1"/>
  <c r="D1579" i="2" a="1"/>
  <c r="D1579" i="2" s="1"/>
  <c r="D1571" i="2" a="1"/>
  <c r="D1571" i="2" s="1"/>
  <c r="AM66" i="1"/>
  <c r="C72" i="5" s="1"/>
  <c r="D1590" i="2" a="1"/>
  <c r="D1590" i="2" s="1"/>
  <c r="D1573" i="2" a="1"/>
  <c r="D1573" i="2" s="1"/>
  <c r="D1585" i="2" a="1"/>
  <c r="D1585" i="2" s="1"/>
  <c r="AQ66" i="1"/>
  <c r="G72" i="5" s="1"/>
  <c r="AN66" i="1"/>
  <c r="D72" i="5" s="1"/>
  <c r="D1576" i="2" a="1"/>
  <c r="D1576" i="2" s="1"/>
  <c r="D1586" i="2" a="1"/>
  <c r="D1586" i="2" s="1"/>
  <c r="D1591" i="2" a="1"/>
  <c r="D1591" i="2" s="1"/>
  <c r="D1574" i="2" a="1"/>
  <c r="D1574" i="2" s="1"/>
  <c r="D1583" i="2" a="1"/>
  <c r="D1583" i="2" s="1"/>
  <c r="D1581" i="2" a="1"/>
  <c r="D1581" i="2" s="1"/>
  <c r="D1572" i="2" a="1"/>
  <c r="D1572" i="2" s="1"/>
  <c r="D1575" i="2" a="1"/>
  <c r="D1575" i="2" s="1"/>
  <c r="D1578" i="2" a="1"/>
  <c r="D1578" i="2" s="1"/>
  <c r="G5602" i="2" a="1"/>
  <c r="G5602" i="2" s="1"/>
  <c r="G5616" i="2" a="1"/>
  <c r="G5616" i="2" s="1"/>
  <c r="G5619" i="2" a="1"/>
  <c r="G5619" i="2" s="1"/>
  <c r="G5623" i="2" a="1"/>
  <c r="G5623" i="2" s="1"/>
  <c r="G5615" i="2" a="1"/>
  <c r="G5615" i="2" s="1"/>
  <c r="G5608" i="2" a="1"/>
  <c r="G5608" i="2" s="1"/>
  <c r="G5606" i="2" a="1"/>
  <c r="G5606" i="2" s="1"/>
  <c r="G5620" i="2" a="1"/>
  <c r="G5620" i="2" s="1"/>
  <c r="G5621" i="2" a="1"/>
  <c r="G5621" i="2" s="1"/>
  <c r="G5624" i="2" a="1"/>
  <c r="G5624" i="2" s="1"/>
  <c r="G5612" i="2" a="1"/>
  <c r="G5612" i="2" s="1"/>
  <c r="G5611" i="2" a="1"/>
  <c r="G5611" i="2" s="1"/>
  <c r="G5610" i="2" a="1"/>
  <c r="G5610" i="2" s="1"/>
  <c r="G5618" i="2" a="1"/>
  <c r="G5618" i="2" s="1"/>
  <c r="G5625" i="2" a="1"/>
  <c r="G5625" i="2" s="1"/>
  <c r="G5622" i="2" a="1"/>
  <c r="G5622" i="2" s="1"/>
  <c r="G7572" i="2" a="1"/>
  <c r="G7572" i="2" s="1"/>
  <c r="G7577" i="2" a="1"/>
  <c r="G7577" i="2" s="1"/>
  <c r="G7589" i="2" a="1"/>
  <c r="G7589" i="2" s="1"/>
  <c r="G7574" i="2" a="1"/>
  <c r="G7574" i="2" s="1"/>
  <c r="G7581" i="2" a="1"/>
  <c r="G7581" i="2" s="1"/>
  <c r="G7579" i="2" a="1"/>
  <c r="G7579" i="2" s="1"/>
  <c r="G7571" i="2" a="1"/>
  <c r="G7571" i="2" s="1"/>
  <c r="G7582" i="2" a="1"/>
  <c r="G7582" i="2" s="1"/>
  <c r="G7583" i="2" a="1"/>
  <c r="G7583" i="2" s="1"/>
  <c r="G7573" i="2" a="1"/>
  <c r="G7573" i="2" s="1"/>
  <c r="G7593" i="2" a="1"/>
  <c r="G7593" i="2" s="1"/>
  <c r="G7585" i="2" a="1"/>
  <c r="G7585" i="2" s="1"/>
  <c r="G7587" i="2" a="1"/>
  <c r="G7587" i="2" s="1"/>
  <c r="G7578" i="2" a="1"/>
  <c r="G7578" i="2" s="1"/>
  <c r="G7570" i="2" a="1"/>
  <c r="G7570" i="2" s="1"/>
  <c r="G7588" i="2" a="1"/>
  <c r="G7588" i="2" s="1"/>
  <c r="G7580" i="2" a="1"/>
  <c r="G7580" i="2" s="1"/>
  <c r="G7590" i="2" a="1"/>
  <c r="G7590" i="2" s="1"/>
  <c r="G7592" i="2" a="1"/>
  <c r="G7592" i="2" s="1"/>
  <c r="G7591" i="2" a="1"/>
  <c r="G7591" i="2" s="1"/>
  <c r="E6837" i="2" a="1"/>
  <c r="E6837" i="2" s="1"/>
  <c r="E6830" i="2" a="1"/>
  <c r="E6830" i="2" s="1"/>
  <c r="E6826" i="2" a="1"/>
  <c r="E6826" i="2" s="1"/>
  <c r="E6838" i="2" a="1"/>
  <c r="E6838" i="2" s="1"/>
  <c r="E6829" i="2" a="1"/>
  <c r="E6829" i="2" s="1"/>
  <c r="E6828" i="2" a="1"/>
  <c r="E6828" i="2" s="1"/>
  <c r="E6848" i="2" a="1"/>
  <c r="E6848" i="2" s="1"/>
  <c r="E6839" i="2" a="1"/>
  <c r="E6839" i="2" s="1"/>
  <c r="E6846" i="2" a="1"/>
  <c r="E6846" i="2" s="1"/>
  <c r="E6842" i="2" a="1"/>
  <c r="E6842" i="2" s="1"/>
  <c r="E6843" i="2" a="1"/>
  <c r="E6843" i="2" s="1"/>
  <c r="E6836" i="2" a="1"/>
  <c r="E6836" i="2" s="1"/>
  <c r="E6834" i="2" a="1"/>
  <c r="E6834" i="2" s="1"/>
  <c r="E6831" i="2" a="1"/>
  <c r="E6831" i="2" s="1"/>
  <c r="E6835" i="2" a="1"/>
  <c r="E6835" i="2" s="1"/>
  <c r="E6841" i="2" a="1"/>
  <c r="E6841" i="2" s="1"/>
  <c r="E6833" i="2" a="1"/>
  <c r="E6833" i="2" s="1"/>
  <c r="H3529" i="2" a="1"/>
  <c r="H3529" i="2" s="1"/>
  <c r="H3531" i="2" a="1"/>
  <c r="H3531" i="2" s="1"/>
  <c r="H3530" i="2" a="1"/>
  <c r="H3530" i="2" s="1"/>
  <c r="H3521" i="2" a="1"/>
  <c r="H3521" i="2" s="1"/>
  <c r="H3534" i="2" a="1"/>
  <c r="H3534" i="2" s="1"/>
  <c r="H3532" i="2" a="1"/>
  <c r="H3532" i="2" s="1"/>
  <c r="H3523" i="2" a="1"/>
  <c r="H3523" i="2" s="1"/>
  <c r="H3527" i="2" a="1"/>
  <c r="H3527" i="2" s="1"/>
  <c r="H3517" i="2" a="1"/>
  <c r="H3517" i="2" s="1"/>
  <c r="H3520" i="2" a="1"/>
  <c r="H3520" i="2" s="1"/>
  <c r="H3515" i="2" a="1"/>
  <c r="H3515" i="2" s="1"/>
  <c r="H3535" i="2" a="1"/>
  <c r="H3535" i="2" s="1"/>
  <c r="H3528" i="2" a="1"/>
  <c r="H3528" i="2" s="1"/>
  <c r="H3522" i="2" a="1"/>
  <c r="H3522" i="2" s="1"/>
  <c r="H3516" i="2" a="1"/>
  <c r="H3516" i="2" s="1"/>
  <c r="H3519" i="2" a="1"/>
  <c r="H3519" i="2" s="1"/>
  <c r="G1563" i="2" a="1"/>
  <c r="G1563" i="2" s="1"/>
  <c r="G1552" i="2" a="1"/>
  <c r="G1552" i="2" s="1"/>
  <c r="G1565" i="2" a="1"/>
  <c r="G1565" i="2" s="1"/>
  <c r="G1546" i="2" a="1"/>
  <c r="G1546" i="2" s="1"/>
  <c r="G1550" i="2" a="1"/>
  <c r="G1550" i="2" s="1"/>
  <c r="G1562" i="2" a="1"/>
  <c r="G1562" i="2" s="1"/>
  <c r="G1569" i="2" a="1"/>
  <c r="G1569" i="2" s="1"/>
  <c r="G1564" i="2" a="1"/>
  <c r="G1564" i="2" s="1"/>
  <c r="G1566" i="2" a="1"/>
  <c r="G1566" i="2" s="1"/>
  <c r="G1561" i="2" a="1"/>
  <c r="G1561" i="2" s="1"/>
  <c r="G1567" i="2" a="1"/>
  <c r="G1567" i="2" s="1"/>
  <c r="G1558" i="2" a="1"/>
  <c r="G1558" i="2" s="1"/>
  <c r="G1549" i="2" a="1"/>
  <c r="G1549" i="2" s="1"/>
  <c r="G1557" i="2" a="1"/>
  <c r="G1557" i="2" s="1"/>
  <c r="G1560" i="2" a="1"/>
  <c r="G1560" i="2" s="1"/>
  <c r="G1568" i="2" a="1"/>
  <c r="G1568" i="2" s="1"/>
  <c r="E1458" i="2" a="1"/>
  <c r="E1458" i="2" s="1"/>
  <c r="D5567" i="2" a="1"/>
  <c r="D5567" i="2" s="1"/>
  <c r="H8563" i="2" a="1"/>
  <c r="H8563" i="2" s="1"/>
  <c r="D7146" i="2" a="1"/>
  <c r="D7146" i="2" s="1"/>
  <c r="E7434" i="2" a="1"/>
  <c r="E7434" i="2" s="1"/>
  <c r="F4670" i="2" a="1"/>
  <c r="F4670" i="2" s="1"/>
  <c r="D1228" i="2" a="1"/>
  <c r="D1228" i="2" s="1"/>
  <c r="F6136" i="2" a="1"/>
  <c r="F6136" i="2" s="1"/>
  <c r="H2736" i="2" a="1"/>
  <c r="H2736" i="2" s="1"/>
  <c r="G3027" i="2" a="1"/>
  <c r="G3027" i="2" s="1"/>
  <c r="E1834" i="2" a="1"/>
  <c r="E1834" i="2" s="1"/>
  <c r="F4880" i="2" a="1"/>
  <c r="F4880" i="2" s="1"/>
  <c r="F4885" i="2" a="1"/>
  <c r="F4885" i="2" s="1"/>
  <c r="F2493" i="2" a="1"/>
  <c r="F2493" i="2" s="1"/>
  <c r="F4298" i="2" a="1"/>
  <c r="F4298" i="2" s="1"/>
  <c r="G8333" i="2" a="1"/>
  <c r="G8333" i="2" s="1"/>
  <c r="F6515" i="2" a="1"/>
  <c r="F6515" i="2" s="1"/>
  <c r="G1266" i="2" a="1"/>
  <c r="G1266" i="2" s="1"/>
  <c r="E6827" i="2" a="1"/>
  <c r="E6827" i="2" s="1"/>
  <c r="G4450" i="2" a="1"/>
  <c r="G4450" i="2" s="1"/>
  <c r="H1838" i="2" a="1"/>
  <c r="H1838" i="2" s="1"/>
  <c r="G1013" i="2" a="1"/>
  <c r="G1013" i="2" s="1"/>
  <c r="E7198" i="2" a="1"/>
  <c r="E7198" i="2" s="1"/>
  <c r="D4743" i="2" a="1"/>
  <c r="D4743" i="2" s="1"/>
  <c r="F7493" i="2" a="1"/>
  <c r="F7493" i="2" s="1"/>
  <c r="D4458" i="2" a="1"/>
  <c r="D4458" i="2" s="1"/>
  <c r="H1021" i="2" a="1"/>
  <c r="H1021" i="2" s="1"/>
  <c r="D5700" i="2" a="1"/>
  <c r="D5700" i="2" s="1"/>
  <c r="G5856" i="2" a="1"/>
  <c r="G5856" i="2" s="1"/>
  <c r="G1078" i="2" a="1"/>
  <c r="G1078" i="2" s="1"/>
  <c r="E8439" i="2" a="1"/>
  <c r="E8439" i="2" s="1"/>
  <c r="G729" i="2" a="1"/>
  <c r="G729" i="2" s="1"/>
  <c r="D127" i="2" a="1"/>
  <c r="D127" i="2" s="1"/>
  <c r="H6241" i="2" a="1"/>
  <c r="H6241" i="2" s="1"/>
  <c r="E5146" i="2" a="1"/>
  <c r="E5146" i="2" s="1"/>
  <c r="H240" i="2" a="1"/>
  <c r="H240" i="2" s="1"/>
  <c r="G4998" i="2" a="1"/>
  <c r="G4998" i="2" s="1"/>
  <c r="E8708" i="2" a="1"/>
  <c r="E8708" i="2" s="1"/>
  <c r="E1457" i="2" a="1"/>
  <c r="E1457" i="2" s="1"/>
  <c r="D5566" i="2" a="1"/>
  <c r="D5566" i="2" s="1"/>
  <c r="H8559" i="2" a="1"/>
  <c r="H8559" i="2" s="1"/>
  <c r="D7155" i="2" a="1"/>
  <c r="D7155" i="2" s="1"/>
  <c r="E7433" i="2" a="1"/>
  <c r="E7433" i="2" s="1"/>
  <c r="D8514" i="2" a="1"/>
  <c r="D8514" i="2" s="1"/>
  <c r="E7108" i="2" a="1"/>
  <c r="E7108" i="2" s="1"/>
  <c r="F4674" i="2" a="1"/>
  <c r="F4674" i="2" s="1"/>
  <c r="F6145" i="2" a="1"/>
  <c r="F6145" i="2" s="1"/>
  <c r="H2745" i="2" a="1"/>
  <c r="H2745" i="2" s="1"/>
  <c r="G3033" i="2" a="1"/>
  <c r="G3033" i="2" s="1"/>
  <c r="E1836" i="2" a="1"/>
  <c r="E1836" i="2" s="1"/>
  <c r="F4862" i="2" a="1"/>
  <c r="F4862" i="2" s="1"/>
  <c r="F4884" i="2" a="1"/>
  <c r="F4884" i="2" s="1"/>
  <c r="F7792" i="2" a="1"/>
  <c r="F7792" i="2" s="1"/>
  <c r="F2490" i="2" a="1"/>
  <c r="F2490" i="2" s="1"/>
  <c r="F4287" i="2" a="1"/>
  <c r="F4287" i="2" s="1"/>
  <c r="G8325" i="2" a="1"/>
  <c r="G8325" i="2" s="1"/>
  <c r="F6522" i="2" a="1"/>
  <c r="F6522" i="2" s="1"/>
  <c r="E6844" i="2" a="1"/>
  <c r="E6844" i="2" s="1"/>
  <c r="H3514" i="2" a="1"/>
  <c r="H3514" i="2" s="1"/>
  <c r="G4470" i="2" a="1"/>
  <c r="G4470" i="2" s="1"/>
  <c r="H1835" i="2" a="1"/>
  <c r="H1835" i="2" s="1"/>
  <c r="G1012" i="2" a="1"/>
  <c r="G1012" i="2" s="1"/>
  <c r="E7204" i="2" a="1"/>
  <c r="E7204" i="2" s="1"/>
  <c r="D4758" i="2" a="1"/>
  <c r="D4758" i="2" s="1"/>
  <c r="F6802" i="2" a="1"/>
  <c r="F6802" i="2" s="1"/>
  <c r="D4452" i="2" a="1"/>
  <c r="D4452" i="2" s="1"/>
  <c r="H1037" i="2" a="1"/>
  <c r="H1037" i="2" s="1"/>
  <c r="G1076" i="2" a="1"/>
  <c r="G1076" i="2" s="1"/>
  <c r="E8445" i="2" a="1"/>
  <c r="E8445" i="2" s="1"/>
  <c r="D116" i="2" a="1"/>
  <c r="D116" i="2" s="1"/>
  <c r="H211" i="2" a="1"/>
  <c r="H211" i="2" s="1"/>
  <c r="E8707" i="2" a="1"/>
  <c r="E8707" i="2" s="1"/>
  <c r="E4354" i="2" a="1"/>
  <c r="E4354" i="2" s="1"/>
  <c r="G4155" i="2" a="1"/>
  <c r="G4155" i="2" s="1"/>
  <c r="G4157" i="2" a="1"/>
  <c r="G4157" i="2" s="1"/>
  <c r="AO59" i="1"/>
  <c r="E65" i="5" s="1"/>
  <c r="G4595" i="2" a="1"/>
  <c r="G4595" i="2" s="1"/>
  <c r="E1468" i="2" a="1"/>
  <c r="E1468" i="2" s="1"/>
  <c r="H2029" i="2" a="1"/>
  <c r="H2029" i="2" s="1"/>
  <c r="D5564" i="2" a="1"/>
  <c r="D5564" i="2" s="1"/>
  <c r="F5823" i="2" a="1"/>
  <c r="F5823" i="2" s="1"/>
  <c r="D5086" i="2" a="1"/>
  <c r="D5086" i="2" s="1"/>
  <c r="H8562" i="2" a="1"/>
  <c r="H8562" i="2" s="1"/>
  <c r="D4161" i="2" a="1"/>
  <c r="D4161" i="2" s="1"/>
  <c r="E2920" i="2" a="1"/>
  <c r="E2920" i="2" s="1"/>
  <c r="D7152" i="2" a="1"/>
  <c r="D7152" i="2" s="1"/>
  <c r="G7152" i="2" a="1"/>
  <c r="G7152" i="2" s="1"/>
  <c r="D3482" i="2" a="1"/>
  <c r="D3482" i="2" s="1"/>
  <c r="AQ88" i="1"/>
  <c r="G94" i="5" s="1"/>
  <c r="E7442" i="2" a="1"/>
  <c r="E7442" i="2" s="1"/>
  <c r="H8461" i="2" a="1"/>
  <c r="H8461" i="2" s="1"/>
  <c r="D8529" i="2" a="1"/>
  <c r="D8529" i="2" s="1"/>
  <c r="E7098" i="2" a="1"/>
  <c r="E7098" i="2" s="1"/>
  <c r="F4687" i="2" a="1"/>
  <c r="F4687" i="2" s="1"/>
  <c r="D5804" i="2" a="1"/>
  <c r="D5804" i="2" s="1"/>
  <c r="D5054" i="2" a="1"/>
  <c r="D5054" i="2" s="1"/>
  <c r="F6135" i="2" a="1"/>
  <c r="F6135" i="2" s="1"/>
  <c r="H2732" i="2" a="1"/>
  <c r="H2732" i="2" s="1"/>
  <c r="G3016" i="2" a="1"/>
  <c r="G3016" i="2" s="1"/>
  <c r="E1857" i="2" a="1"/>
  <c r="E1857" i="2" s="1"/>
  <c r="F4872" i="2" a="1"/>
  <c r="F4872" i="2" s="1"/>
  <c r="F4891" i="2" a="1"/>
  <c r="F4891" i="2" s="1"/>
  <c r="F7799" i="2" a="1"/>
  <c r="F7799" i="2" s="1"/>
  <c r="F2495" i="2" a="1"/>
  <c r="F2495" i="2" s="1"/>
  <c r="E6869" i="2" a="1"/>
  <c r="E6869" i="2" s="1"/>
  <c r="F4282" i="2" a="1"/>
  <c r="F4282" i="2" s="1"/>
  <c r="G8328" i="2" a="1"/>
  <c r="G8328" i="2" s="1"/>
  <c r="F6530" i="2" a="1"/>
  <c r="F6530" i="2" s="1"/>
  <c r="E6832" i="2" a="1"/>
  <c r="E6832" i="2" s="1"/>
  <c r="H4691" i="2" a="1"/>
  <c r="H4691" i="2" s="1"/>
  <c r="H3525" i="2" a="1"/>
  <c r="H3525" i="2" s="1"/>
  <c r="G6339" i="2" a="1"/>
  <c r="G6339" i="2" s="1"/>
  <c r="F8577" i="2" a="1"/>
  <c r="F8577" i="2" s="1"/>
  <c r="H1843" i="2" a="1"/>
  <c r="H1843" i="2" s="1"/>
  <c r="G1014" i="2" a="1"/>
  <c r="G1014" i="2" s="1"/>
  <c r="E7208" i="2" a="1"/>
  <c r="E7208" i="2" s="1"/>
  <c r="D4754" i="2" a="1"/>
  <c r="D4754" i="2" s="1"/>
  <c r="F6803" i="2" a="1"/>
  <c r="F6803" i="2" s="1"/>
  <c r="D4472" i="2" a="1"/>
  <c r="D4472" i="2" s="1"/>
  <c r="AO152" i="1"/>
  <c r="E158" i="5" s="1"/>
  <c r="H1028" i="2" a="1"/>
  <c r="H1028" i="2" s="1"/>
  <c r="G1070" i="2" a="1"/>
  <c r="G1070" i="2" s="1"/>
  <c r="G270" i="2" a="1"/>
  <c r="G270" i="2" s="1"/>
  <c r="H96" i="2" a="1"/>
  <c r="H96" i="2" s="1"/>
  <c r="E8447" i="2" a="1"/>
  <c r="E8447" i="2" s="1"/>
  <c r="D113" i="2" a="1"/>
  <c r="D113" i="2" s="1"/>
  <c r="E898" i="2" a="1"/>
  <c r="E898" i="2" s="1"/>
  <c r="E4357" i="2" a="1"/>
  <c r="E4357" i="2" s="1"/>
  <c r="G4147" i="2" a="1"/>
  <c r="G4147" i="2" s="1"/>
  <c r="AN59" i="1"/>
  <c r="D65" i="5" s="1"/>
  <c r="G4615" i="2" a="1"/>
  <c r="G4615" i="2" s="1"/>
  <c r="E1465" i="2" a="1"/>
  <c r="E1465" i="2" s="1"/>
  <c r="H2047" i="2" a="1"/>
  <c r="H2047" i="2" s="1"/>
  <c r="D5560" i="2" a="1"/>
  <c r="D5560" i="2" s="1"/>
  <c r="F5838" i="2" a="1"/>
  <c r="F5838" i="2" s="1"/>
  <c r="D5096" i="2" a="1"/>
  <c r="D5096" i="2" s="1"/>
  <c r="H8556" i="2" a="1"/>
  <c r="H8556" i="2" s="1"/>
  <c r="D7141" i="2" a="1"/>
  <c r="D7141" i="2" s="1"/>
  <c r="G7146" i="2" a="1"/>
  <c r="G7146" i="2" s="1"/>
  <c r="D3479" i="2" a="1"/>
  <c r="D3479" i="2" s="1"/>
  <c r="E7445" i="2" a="1"/>
  <c r="E7445" i="2" s="1"/>
  <c r="H8478" i="2" a="1"/>
  <c r="H8478" i="2" s="1"/>
  <c r="D8512" i="2" a="1"/>
  <c r="D8512" i="2" s="1"/>
  <c r="F4681" i="2" a="1"/>
  <c r="F4681" i="2" s="1"/>
  <c r="D5800" i="2" a="1"/>
  <c r="D5800" i="2" s="1"/>
  <c r="H2729" i="2" a="1"/>
  <c r="H2729" i="2" s="1"/>
  <c r="G3011" i="2" a="1"/>
  <c r="G3011" i="2" s="1"/>
  <c r="E1851" i="2" a="1"/>
  <c r="E1851" i="2" s="1"/>
  <c r="F4865" i="2" a="1"/>
  <c r="F4865" i="2" s="1"/>
  <c r="E1689" i="2" a="1"/>
  <c r="E1689" i="2" s="1"/>
  <c r="F4888" i="2" a="1"/>
  <c r="F4888" i="2" s="1"/>
  <c r="F7798" i="2" a="1"/>
  <c r="F7798" i="2" s="1"/>
  <c r="H2813" i="2" a="1"/>
  <c r="H2813" i="2" s="1"/>
  <c r="F2482" i="2" a="1"/>
  <c r="F2482" i="2" s="1"/>
  <c r="E6861" i="2" a="1"/>
  <c r="E6861" i="2" s="1"/>
  <c r="F4296" i="2" a="1"/>
  <c r="F4296" i="2" s="1"/>
  <c r="G8316" i="2" a="1"/>
  <c r="G8316" i="2" s="1"/>
  <c r="F6535" i="2" a="1"/>
  <c r="F6535" i="2" s="1"/>
  <c r="E6840" i="2" a="1"/>
  <c r="E6840" i="2" s="1"/>
  <c r="H4701" i="2" a="1"/>
  <c r="H4701" i="2" s="1"/>
  <c r="H3537" i="2" a="1"/>
  <c r="H3537" i="2" s="1"/>
  <c r="F8557" i="2" a="1"/>
  <c r="F8557" i="2" s="1"/>
  <c r="H1854" i="2" a="1"/>
  <c r="H1854" i="2" s="1"/>
  <c r="D4742" i="2" a="1"/>
  <c r="D4742" i="2" s="1"/>
  <c r="F6822" i="2" a="1"/>
  <c r="F6822" i="2" s="1"/>
  <c r="D4468" i="2" a="1"/>
  <c r="D4468" i="2" s="1"/>
  <c r="AQ174" i="1"/>
  <c r="G180" i="5" s="1"/>
  <c r="AN150" i="1"/>
  <c r="H1024" i="2" a="1"/>
  <c r="H1024" i="2" s="1"/>
  <c r="E149" i="2" a="1"/>
  <c r="E149" i="2" s="1"/>
  <c r="G1084" i="2" a="1"/>
  <c r="G1084" i="2" s="1"/>
  <c r="G262" i="2" a="1"/>
  <c r="G262" i="2" s="1"/>
  <c r="E8456" i="2" a="1"/>
  <c r="E8456" i="2" s="1"/>
  <c r="D111" i="2" a="1"/>
  <c r="D111" i="2" s="1"/>
  <c r="D7144" i="2" a="1"/>
  <c r="D7144" i="2" s="1"/>
  <c r="E7446" i="2" a="1"/>
  <c r="E7446" i="2" s="1"/>
  <c r="F4684" i="2" a="1"/>
  <c r="F4684" i="2" s="1"/>
  <c r="H2741" i="2" a="1"/>
  <c r="H2741" i="2" s="1"/>
  <c r="G3030" i="2" a="1"/>
  <c r="G3030" i="2" s="1"/>
  <c r="E1852" i="2" a="1"/>
  <c r="E1852" i="2" s="1"/>
  <c r="F4861" i="2" a="1"/>
  <c r="F4861" i="2" s="1"/>
  <c r="E1668" i="2" a="1"/>
  <c r="E1668" i="2" s="1"/>
  <c r="F4882" i="2" a="1"/>
  <c r="F4882" i="2" s="1"/>
  <c r="AP2" i="1"/>
  <c r="F8" i="5" s="1"/>
  <c r="H4119" i="2" a="1"/>
  <c r="H4119" i="2" s="1"/>
  <c r="F7791" i="2" a="1"/>
  <c r="F7791" i="2" s="1"/>
  <c r="H2810" i="2" a="1"/>
  <c r="H2810" i="2" s="1"/>
  <c r="F2498" i="2" a="1"/>
  <c r="F2498" i="2" s="1"/>
  <c r="F4295" i="2" a="1"/>
  <c r="F4295" i="2" s="1"/>
  <c r="G8337" i="2" a="1"/>
  <c r="G8337" i="2" s="1"/>
  <c r="F6532" i="2" a="1"/>
  <c r="F6532" i="2" s="1"/>
  <c r="E6849" i="2" a="1"/>
  <c r="E6849" i="2" s="1"/>
  <c r="H4698" i="2" a="1"/>
  <c r="H4698" i="2" s="1"/>
  <c r="H3518" i="2" a="1"/>
  <c r="H3518" i="2" s="1"/>
  <c r="H1842" i="2" a="1"/>
  <c r="H1842" i="2" s="1"/>
  <c r="D4755" i="2" a="1"/>
  <c r="D4755" i="2" s="1"/>
  <c r="F6823" i="2" a="1"/>
  <c r="F6823" i="2" s="1"/>
  <c r="D4460" i="2" a="1"/>
  <c r="D4460" i="2" s="1"/>
  <c r="H7865" i="2" a="1"/>
  <c r="H7865" i="2" s="1"/>
  <c r="E145" i="2" a="1"/>
  <c r="E145" i="2" s="1"/>
  <c r="G250" i="2" a="1"/>
  <c r="G250" i="2" s="1"/>
  <c r="G8284" i="2" a="1"/>
  <c r="G8284" i="2" s="1"/>
  <c r="G7586" i="2" a="1"/>
  <c r="G7586" i="2" s="1"/>
  <c r="E8437" i="2" a="1"/>
  <c r="E8437" i="2" s="1"/>
  <c r="AN304" i="1"/>
  <c r="D310" i="5" s="1"/>
  <c r="D7301" i="2" a="1"/>
  <c r="D7301" i="2" s="1"/>
  <c r="AO304" i="1"/>
  <c r="E310" i="5" s="1"/>
  <c r="H3884" i="2" a="1"/>
  <c r="H3884" i="2" s="1"/>
  <c r="H3875" i="2" a="1"/>
  <c r="H3875" i="2" s="1"/>
  <c r="D3126" i="2" a="1"/>
  <c r="D3126" i="2" s="1"/>
  <c r="AN130" i="1"/>
  <c r="D136" i="5" s="1"/>
  <c r="AP136" i="1"/>
  <c r="E7958" i="2" a="1"/>
  <c r="E7958" i="2" s="1"/>
  <c r="E7954" i="2" a="1"/>
  <c r="E7954" i="2" s="1"/>
  <c r="E7976" i="2" a="1"/>
  <c r="E7976" i="2" s="1"/>
  <c r="G1243" i="2" a="1"/>
  <c r="G1243" i="2" s="1"/>
  <c r="G1253" i="2" a="1"/>
  <c r="G1253" i="2" s="1"/>
  <c r="E5779" i="2" a="1"/>
  <c r="E5779" i="2" s="1"/>
  <c r="E5792" i="2" a="1"/>
  <c r="E5792" i="2" s="1"/>
  <c r="E4271" i="2" a="1"/>
  <c r="E4271" i="2" s="1"/>
  <c r="E4272" i="2" a="1"/>
  <c r="E4272" i="2" s="1"/>
  <c r="AN227" i="1"/>
  <c r="D233" i="5" s="1"/>
  <c r="AP110" i="1"/>
  <c r="F116" i="5" s="1"/>
  <c r="AQ110" i="1"/>
  <c r="G116" i="5" s="1"/>
  <c r="D2637" i="2" a="1"/>
  <c r="D2637" i="2" s="1"/>
  <c r="E4371" i="2" a="1"/>
  <c r="E4371" i="2" s="1"/>
  <c r="G4594" i="2" a="1"/>
  <c r="G4594" i="2" s="1"/>
  <c r="F5820" i="2" a="1"/>
  <c r="F5820" i="2" s="1"/>
  <c r="D7158" i="2" a="1"/>
  <c r="D7158" i="2" s="1"/>
  <c r="E7448" i="2" a="1"/>
  <c r="E7448" i="2" s="1"/>
  <c r="D8515" i="2" a="1"/>
  <c r="D8515" i="2" s="1"/>
  <c r="F4679" i="2" a="1"/>
  <c r="F4679" i="2" s="1"/>
  <c r="D5810" i="2" a="1"/>
  <c r="D5810" i="2" s="1"/>
  <c r="E1843" i="2" a="1"/>
  <c r="E1843" i="2" s="1"/>
  <c r="F4867" i="2" a="1"/>
  <c r="F4867" i="2" s="1"/>
  <c r="E1670" i="2" a="1"/>
  <c r="E1670" i="2" s="1"/>
  <c r="F4904" i="2" a="1"/>
  <c r="F4904" i="2" s="1"/>
  <c r="AO2" i="1"/>
  <c r="E8" i="5" s="1"/>
  <c r="E1653" i="2" a="1"/>
  <c r="E1653" i="2" s="1"/>
  <c r="H4132" i="2" a="1"/>
  <c r="H4132" i="2" s="1"/>
  <c r="F7801" i="2" a="1"/>
  <c r="F7801" i="2" s="1"/>
  <c r="H2802" i="2" a="1"/>
  <c r="H2802" i="2" s="1"/>
  <c r="E6852" i="2" a="1"/>
  <c r="E6852" i="2" s="1"/>
  <c r="G8318" i="2" a="1"/>
  <c r="G8318" i="2" s="1"/>
  <c r="F6534" i="2" a="1"/>
  <c r="F6534" i="2" s="1"/>
  <c r="E6847" i="2" a="1"/>
  <c r="E6847" i="2" s="1"/>
  <c r="H4697" i="2" a="1"/>
  <c r="H4697" i="2" s="1"/>
  <c r="H3536" i="2" a="1"/>
  <c r="H3536" i="2" s="1"/>
  <c r="F8562" i="2" a="1"/>
  <c r="F8562" i="2" s="1"/>
  <c r="H1845" i="2" a="1"/>
  <c r="H1845" i="2" s="1"/>
  <c r="D4747" i="2" a="1"/>
  <c r="D4747" i="2" s="1"/>
  <c r="F6809" i="2" a="1"/>
  <c r="F6809" i="2" s="1"/>
  <c r="D4465" i="2" a="1"/>
  <c r="D4465" i="2" s="1"/>
  <c r="H7870" i="2" a="1"/>
  <c r="H7870" i="2" s="1"/>
  <c r="G8282" i="2" a="1"/>
  <c r="G8282" i="2" s="1"/>
  <c r="G7576" i="2" a="1"/>
  <c r="G7576" i="2" s="1"/>
  <c r="F670" i="2" a="1"/>
  <c r="F670" i="2" s="1"/>
  <c r="G4811" i="2" a="1"/>
  <c r="G4811" i="2" s="1"/>
  <c r="H7336" i="2" a="1"/>
  <c r="H7336" i="2" s="1"/>
  <c r="AP264" i="1"/>
  <c r="F270" i="5" s="1"/>
  <c r="D2853" i="2" a="1"/>
  <c r="D2853" i="2" s="1"/>
  <c r="D2844" i="2" a="1"/>
  <c r="D2844" i="2" s="1"/>
  <c r="D2854" i="2" a="1"/>
  <c r="D2854" i="2" s="1"/>
  <c r="D2859" i="2" a="1"/>
  <c r="D2859" i="2" s="1"/>
  <c r="D2865" i="2" a="1"/>
  <c r="D2865" i="2" s="1"/>
  <c r="D2842" i="2" a="1"/>
  <c r="D2842" i="2" s="1"/>
  <c r="D2846" i="2" a="1"/>
  <c r="D2846" i="2" s="1"/>
  <c r="D2845" i="2" a="1"/>
  <c r="D2845" i="2" s="1"/>
  <c r="D2861" i="2" a="1"/>
  <c r="D2861" i="2" s="1"/>
  <c r="D2848" i="2" a="1"/>
  <c r="D2848" i="2" s="1"/>
  <c r="D2851" i="2" a="1"/>
  <c r="D2851" i="2" s="1"/>
  <c r="D2857" i="2" a="1"/>
  <c r="D2857" i="2" s="1"/>
  <c r="D2864" i="2" a="1"/>
  <c r="D2864" i="2" s="1"/>
  <c r="D2860" i="2" a="1"/>
  <c r="D2860" i="2" s="1"/>
  <c r="D2863" i="2" a="1"/>
  <c r="D2863" i="2" s="1"/>
  <c r="D2856" i="2" a="1"/>
  <c r="D2856" i="2" s="1"/>
  <c r="D2847" i="2" a="1"/>
  <c r="D2847" i="2" s="1"/>
  <c r="D2843" i="2" a="1"/>
  <c r="D2843" i="2" s="1"/>
  <c r="D2852" i="2" a="1"/>
  <c r="D2852" i="2" s="1"/>
  <c r="D2858" i="2" a="1"/>
  <c r="D2858" i="2" s="1"/>
  <c r="D2850" i="2" a="1"/>
  <c r="D2850" i="2" s="1"/>
  <c r="D2862" i="2" a="1"/>
  <c r="D2862" i="2" s="1"/>
  <c r="D2849" i="2" a="1"/>
  <c r="D2849" i="2" s="1"/>
  <c r="F6172" i="2" a="1"/>
  <c r="F6172" i="2" s="1"/>
  <c r="F6175" i="2" a="1"/>
  <c r="F6175" i="2" s="1"/>
  <c r="F6160" i="2" a="1"/>
  <c r="F6160" i="2" s="1"/>
  <c r="F6166" i="2" a="1"/>
  <c r="F6166" i="2" s="1"/>
  <c r="F6170" i="2" a="1"/>
  <c r="F6170" i="2" s="1"/>
  <c r="F6163" i="2" a="1"/>
  <c r="F6163" i="2" s="1"/>
  <c r="F6157" i="2" a="1"/>
  <c r="F6157" i="2" s="1"/>
  <c r="F6165" i="2" a="1"/>
  <c r="F6165" i="2" s="1"/>
  <c r="F6169" i="2" a="1"/>
  <c r="F6169" i="2" s="1"/>
  <c r="F6168" i="2" a="1"/>
  <c r="F6168" i="2" s="1"/>
  <c r="F6158" i="2" a="1"/>
  <c r="F6158" i="2" s="1"/>
  <c r="F6164" i="2" a="1"/>
  <c r="F6164" i="2" s="1"/>
  <c r="F6154" i="2" a="1"/>
  <c r="F6154" i="2" s="1"/>
  <c r="F6173" i="2" a="1"/>
  <c r="F6173" i="2" s="1"/>
  <c r="F5410" i="2" a="1"/>
  <c r="F5410" i="2" s="1"/>
  <c r="F5422" i="2" a="1"/>
  <c r="F5422" i="2" s="1"/>
  <c r="F5429" i="2" a="1"/>
  <c r="F5429" i="2" s="1"/>
  <c r="F5431" i="2" a="1"/>
  <c r="F5431" i="2" s="1"/>
  <c r="F5411" i="2" a="1"/>
  <c r="F5411" i="2" s="1"/>
  <c r="F5418" i="2" a="1"/>
  <c r="F5418" i="2" s="1"/>
  <c r="F5416" i="2" a="1"/>
  <c r="F5416" i="2" s="1"/>
  <c r="F5423" i="2" a="1"/>
  <c r="F5423" i="2" s="1"/>
  <c r="F5413" i="2" a="1"/>
  <c r="F5413" i="2" s="1"/>
  <c r="F5424" i="2" a="1"/>
  <c r="F5424" i="2" s="1"/>
  <c r="F5426" i="2" a="1"/>
  <c r="F5426" i="2" s="1"/>
  <c r="F5432" i="2" a="1"/>
  <c r="F5432" i="2" s="1"/>
  <c r="F5433" i="2" a="1"/>
  <c r="F5433" i="2" s="1"/>
  <c r="F5414" i="2" a="1"/>
  <c r="F5414" i="2" s="1"/>
  <c r="F5427" i="2" a="1"/>
  <c r="F5427" i="2" s="1"/>
  <c r="F5428" i="2" a="1"/>
  <c r="F5428" i="2" s="1"/>
  <c r="F5412" i="2" a="1"/>
  <c r="F5412" i="2" s="1"/>
  <c r="F5415" i="2" a="1"/>
  <c r="F5415" i="2" s="1"/>
  <c r="F5430" i="2" a="1"/>
  <c r="F5430" i="2" s="1"/>
  <c r="F5417" i="2" a="1"/>
  <c r="F5417" i="2" s="1"/>
  <c r="F5421" i="2" a="1"/>
  <c r="F5421" i="2" s="1"/>
  <c r="F5420" i="2" a="1"/>
  <c r="F5420" i="2" s="1"/>
  <c r="AP226" i="1"/>
  <c r="F232" i="5" s="1"/>
  <c r="F5425" i="2" a="1"/>
  <c r="F5425" i="2" s="1"/>
  <c r="D7049" i="2" a="1"/>
  <c r="D7049" i="2" s="1"/>
  <c r="D7045" i="2" a="1"/>
  <c r="D7045" i="2" s="1"/>
  <c r="D7061" i="2" a="1"/>
  <c r="D7061" i="2" s="1"/>
  <c r="D7052" i="2" a="1"/>
  <c r="D7052" i="2" s="1"/>
  <c r="D7056" i="2" a="1"/>
  <c r="D7056" i="2" s="1"/>
  <c r="D7062" i="2" a="1"/>
  <c r="D7062" i="2" s="1"/>
  <c r="D7050" i="2" a="1"/>
  <c r="D7050" i="2" s="1"/>
  <c r="D7064" i="2" a="1"/>
  <c r="D7064" i="2" s="1"/>
  <c r="D7063" i="2" a="1"/>
  <c r="D7063" i="2" s="1"/>
  <c r="D7065" i="2" a="1"/>
  <c r="D7065" i="2" s="1"/>
  <c r="D7055" i="2" a="1"/>
  <c r="D7055" i="2" s="1"/>
  <c r="D7047" i="2" a="1"/>
  <c r="D7047" i="2" s="1"/>
  <c r="G2460" i="2" a="1"/>
  <c r="G2460" i="2" s="1"/>
  <c r="G2463" i="2" a="1"/>
  <c r="G2463" i="2" s="1"/>
  <c r="G2471" i="2" a="1"/>
  <c r="G2471" i="2" s="1"/>
  <c r="G2459" i="2" a="1"/>
  <c r="G2459" i="2" s="1"/>
  <c r="G2469" i="2" a="1"/>
  <c r="G2469" i="2" s="1"/>
  <c r="G2467" i="2" a="1"/>
  <c r="G2467" i="2" s="1"/>
  <c r="G2468" i="2" a="1"/>
  <c r="G2468" i="2" s="1"/>
  <c r="G2461" i="2" a="1"/>
  <c r="G2461" i="2" s="1"/>
  <c r="G2475" i="2" a="1"/>
  <c r="G2475" i="2" s="1"/>
  <c r="G2476" i="2" a="1"/>
  <c r="G2476" i="2" s="1"/>
  <c r="G2458" i="2" a="1"/>
  <c r="G2458" i="2" s="1"/>
  <c r="G2479" i="2" a="1"/>
  <c r="G2479" i="2" s="1"/>
  <c r="G2480" i="2" a="1"/>
  <c r="G2480" i="2" s="1"/>
  <c r="G2470" i="2" a="1"/>
  <c r="G2470" i="2" s="1"/>
  <c r="G2481" i="2" a="1"/>
  <c r="G2481" i="2" s="1"/>
  <c r="G2472" i="2" a="1"/>
  <c r="G2472" i="2" s="1"/>
  <c r="G2477" i="2" a="1"/>
  <c r="G2477" i="2" s="1"/>
  <c r="G2466" i="2" a="1"/>
  <c r="G2466" i="2" s="1"/>
  <c r="G2464" i="2" a="1"/>
  <c r="G2464" i="2" s="1"/>
  <c r="G2465" i="2" a="1"/>
  <c r="G2465" i="2" s="1"/>
  <c r="G2462" i="2" a="1"/>
  <c r="G2462" i="2" s="1"/>
  <c r="G2474" i="2" a="1"/>
  <c r="G2474" i="2" s="1"/>
  <c r="F2049" i="2" a="1"/>
  <c r="F2049" i="2" s="1"/>
  <c r="F2044" i="2" a="1"/>
  <c r="F2044" i="2" s="1"/>
  <c r="F2035" i="2" a="1"/>
  <c r="F2035" i="2" s="1"/>
  <c r="F2045" i="2" a="1"/>
  <c r="F2045" i="2" s="1"/>
  <c r="F2037" i="2" a="1"/>
  <c r="F2037" i="2" s="1"/>
  <c r="F2034" i="2" a="1"/>
  <c r="F2034" i="2" s="1"/>
  <c r="F2048" i="2" a="1"/>
  <c r="F2048" i="2" s="1"/>
  <c r="F2027" i="2" a="1"/>
  <c r="F2027" i="2" s="1"/>
  <c r="F2031" i="2" a="1"/>
  <c r="F2031" i="2" s="1"/>
  <c r="D6431" i="2" a="1"/>
  <c r="D6431" i="2" s="1"/>
  <c r="D6433" i="2" a="1"/>
  <c r="D6433" i="2" s="1"/>
  <c r="D6430" i="2" a="1"/>
  <c r="D6430" i="2" s="1"/>
  <c r="D6436" i="2" a="1"/>
  <c r="D6436" i="2" s="1"/>
  <c r="D6420" i="2" a="1"/>
  <c r="D6420" i="2" s="1"/>
  <c r="D6423" i="2" a="1"/>
  <c r="D6423" i="2" s="1"/>
  <c r="D6429" i="2" a="1"/>
  <c r="D6429" i="2" s="1"/>
  <c r="D6435" i="2" a="1"/>
  <c r="D6435" i="2" s="1"/>
  <c r="D6437" i="2" a="1"/>
  <c r="D6437" i="2" s="1"/>
  <c r="D6425" i="2" a="1"/>
  <c r="D6425" i="2" s="1"/>
  <c r="D6427" i="2" a="1"/>
  <c r="D6427" i="2" s="1"/>
  <c r="D6432" i="2" a="1"/>
  <c r="D6432" i="2" s="1"/>
  <c r="D6441" i="2" a="1"/>
  <c r="D6441" i="2" s="1"/>
  <c r="D6418" i="2" a="1"/>
  <c r="D6418" i="2" s="1"/>
  <c r="D6438" i="2" a="1"/>
  <c r="D6438" i="2" s="1"/>
  <c r="D6421" i="2" a="1"/>
  <c r="D6421" i="2" s="1"/>
  <c r="D6426" i="2" a="1"/>
  <c r="D6426" i="2" s="1"/>
  <c r="D6440" i="2" a="1"/>
  <c r="D6440" i="2" s="1"/>
  <c r="D6439" i="2" a="1"/>
  <c r="D6439" i="2" s="1"/>
  <c r="D6424" i="2" a="1"/>
  <c r="D6424" i="2" s="1"/>
  <c r="D6434" i="2" a="1"/>
  <c r="D6434" i="2" s="1"/>
  <c r="D6428" i="2" a="1"/>
  <c r="D6428" i="2" s="1"/>
  <c r="D6422" i="2" a="1"/>
  <c r="D6422" i="2" s="1"/>
  <c r="E2951" i="2" a="1"/>
  <c r="E2951" i="2" s="1"/>
  <c r="E2958" i="2" a="1"/>
  <c r="E2958" i="2" s="1"/>
  <c r="E2955" i="2" a="1"/>
  <c r="E2955" i="2" s="1"/>
  <c r="E2945" i="2" a="1"/>
  <c r="E2945" i="2" s="1"/>
  <c r="E2961" i="2" a="1"/>
  <c r="E2961" i="2" s="1"/>
  <c r="E2941" i="2" a="1"/>
  <c r="E2941" i="2" s="1"/>
  <c r="E2947" i="2" a="1"/>
  <c r="E2947" i="2" s="1"/>
  <c r="E2956" i="2" a="1"/>
  <c r="E2956" i="2" s="1"/>
  <c r="E2948" i="2" a="1"/>
  <c r="E2948" i="2" s="1"/>
  <c r="E2942" i="2" a="1"/>
  <c r="E2942" i="2" s="1"/>
  <c r="E2939" i="2" a="1"/>
  <c r="E2939" i="2" s="1"/>
  <c r="E2946" i="2" a="1"/>
  <c r="E2946" i="2" s="1"/>
  <c r="E2957" i="2" a="1"/>
  <c r="E2957" i="2" s="1"/>
  <c r="E2938" i="2" a="1"/>
  <c r="E2938" i="2" s="1"/>
  <c r="E2953" i="2" a="1"/>
  <c r="E2953" i="2" s="1"/>
  <c r="E2944" i="2" a="1"/>
  <c r="E2944" i="2" s="1"/>
  <c r="E2959" i="2" a="1"/>
  <c r="E2959" i="2" s="1"/>
  <c r="E2949" i="2" a="1"/>
  <c r="E2949" i="2" s="1"/>
  <c r="E2940" i="2" a="1"/>
  <c r="E2940" i="2" s="1"/>
  <c r="E2960" i="2" a="1"/>
  <c r="E2960" i="2" s="1"/>
  <c r="E2950" i="2" a="1"/>
  <c r="E2950" i="2" s="1"/>
  <c r="E2943" i="2" a="1"/>
  <c r="E2943" i="2" s="1"/>
  <c r="G3031" i="2" a="1"/>
  <c r="G3031" i="2" s="1"/>
  <c r="G3024" i="2" a="1"/>
  <c r="G3024" i="2" s="1"/>
  <c r="G3032" i="2" a="1"/>
  <c r="G3032" i="2" s="1"/>
  <c r="G3021" i="2" a="1"/>
  <c r="G3021" i="2" s="1"/>
  <c r="G3025" i="2" a="1"/>
  <c r="G3025" i="2" s="1"/>
  <c r="G3018" i="2" a="1"/>
  <c r="G3018" i="2" s="1"/>
  <c r="G3022" i="2" a="1"/>
  <c r="G3022" i="2" s="1"/>
  <c r="G3023" i="2" a="1"/>
  <c r="G3023" i="2" s="1"/>
  <c r="G3014" i="2" a="1"/>
  <c r="G3014" i="2" s="1"/>
  <c r="G3019" i="2" a="1"/>
  <c r="G3019" i="2" s="1"/>
  <c r="AP51" i="1"/>
  <c r="F57" i="5" s="1"/>
  <c r="D1218" i="2" a="1"/>
  <c r="D1218" i="2" s="1"/>
  <c r="AO51" i="1"/>
  <c r="E57" i="5" s="1"/>
  <c r="D1229" i="2" a="1"/>
  <c r="D1229" i="2" s="1"/>
  <c r="D1212" i="2" a="1"/>
  <c r="D1212" i="2" s="1"/>
  <c r="D1224" i="2" a="1"/>
  <c r="D1224" i="2" s="1"/>
  <c r="D1216" i="2" a="1"/>
  <c r="D1216" i="2" s="1"/>
  <c r="D1214" i="2" a="1"/>
  <c r="D1214" i="2" s="1"/>
  <c r="D1232" i="2" a="1"/>
  <c r="D1232" i="2" s="1"/>
  <c r="D1213" i="2" a="1"/>
  <c r="D1213" i="2" s="1"/>
  <c r="F5495" i="2" a="1"/>
  <c r="F5495" i="2" s="1"/>
  <c r="AM229" i="1"/>
  <c r="C235" i="5" s="1"/>
  <c r="E8449" i="2" a="1"/>
  <c r="E8449" i="2" s="1"/>
  <c r="E8446" i="2" a="1"/>
  <c r="E8446" i="2" s="1"/>
  <c r="E8454" i="2" a="1"/>
  <c r="E8454" i="2" s="1"/>
  <c r="E8441" i="2" a="1"/>
  <c r="E8441" i="2" s="1"/>
  <c r="E8443" i="2" a="1"/>
  <c r="E8443" i="2" s="1"/>
  <c r="E8442" i="2" a="1"/>
  <c r="E8442" i="2" s="1"/>
  <c r="E8435" i="2" a="1"/>
  <c r="E8435" i="2" s="1"/>
  <c r="E8452" i="2" a="1"/>
  <c r="E8452" i="2" s="1"/>
  <c r="E8453" i="2" a="1"/>
  <c r="E8453" i="2" s="1"/>
  <c r="E8440" i="2" a="1"/>
  <c r="E8440" i="2" s="1"/>
  <c r="E8434" i="2" a="1"/>
  <c r="E8434" i="2" s="1"/>
  <c r="E8457" i="2" a="1"/>
  <c r="E8457" i="2" s="1"/>
  <c r="E8448" i="2" a="1"/>
  <c r="E8448" i="2" s="1"/>
  <c r="E8436" i="2" a="1"/>
  <c r="E8436" i="2" s="1"/>
  <c r="E8444" i="2" a="1"/>
  <c r="E8444" i="2" s="1"/>
  <c r="E8438" i="2" a="1"/>
  <c r="E8438" i="2" s="1"/>
  <c r="E8455" i="2" a="1"/>
  <c r="E8455" i="2" s="1"/>
  <c r="E8450" i="2" a="1"/>
  <c r="E8450" i="2" s="1"/>
  <c r="F4304" i="2" a="1"/>
  <c r="F4304" i="2" s="1"/>
  <c r="F4305" i="2" a="1"/>
  <c r="F4305" i="2" s="1"/>
  <c r="F4284" i="2" a="1"/>
  <c r="F4284" i="2" s="1"/>
  <c r="F4292" i="2" a="1"/>
  <c r="F4292" i="2" s="1"/>
  <c r="F4286" i="2" a="1"/>
  <c r="F4286" i="2" s="1"/>
  <c r="F4293" i="2" a="1"/>
  <c r="F4293" i="2" s="1"/>
  <c r="F4290" i="2" a="1"/>
  <c r="F4290" i="2" s="1"/>
  <c r="F4285" i="2" a="1"/>
  <c r="F4285" i="2" s="1"/>
  <c r="F4294" i="2" a="1"/>
  <c r="F4294" i="2" s="1"/>
  <c r="F4303" i="2" a="1"/>
  <c r="F4303" i="2" s="1"/>
  <c r="F4288" i="2" a="1"/>
  <c r="F4288" i="2" s="1"/>
  <c r="F4299" i="2" a="1"/>
  <c r="F4299" i="2" s="1"/>
  <c r="F4291" i="2" a="1"/>
  <c r="F4291" i="2" s="1"/>
  <c r="F4302" i="2" a="1"/>
  <c r="F4302" i="2" s="1"/>
  <c r="D5555" i="2" a="1"/>
  <c r="D5555" i="2" s="1"/>
  <c r="D5568" i="2" a="1"/>
  <c r="D5568" i="2" s="1"/>
  <c r="D5577" i="2" a="1"/>
  <c r="D5577" i="2" s="1"/>
  <c r="D5572" i="2" a="1"/>
  <c r="D5572" i="2" s="1"/>
  <c r="D5557" i="2" a="1"/>
  <c r="D5557" i="2" s="1"/>
  <c r="D5573" i="2" a="1"/>
  <c r="D5573" i="2" s="1"/>
  <c r="H731" i="2" a="1"/>
  <c r="H731" i="2" s="1"/>
  <c r="H743" i="2" a="1"/>
  <c r="H743" i="2" s="1"/>
  <c r="H732" i="2" a="1"/>
  <c r="H732" i="2" s="1"/>
  <c r="H734" i="2" a="1"/>
  <c r="H734" i="2" s="1"/>
  <c r="H730" i="2" a="1"/>
  <c r="H730" i="2" s="1"/>
  <c r="H737" i="2" a="1"/>
  <c r="H737" i="2" s="1"/>
  <c r="H746" i="2" a="1"/>
  <c r="H746" i="2" s="1"/>
  <c r="H747" i="2" a="1"/>
  <c r="H747" i="2" s="1"/>
  <c r="H739" i="2" a="1"/>
  <c r="H739" i="2" s="1"/>
  <c r="H744" i="2" a="1"/>
  <c r="H744" i="2" s="1"/>
  <c r="H740" i="2" a="1"/>
  <c r="H740" i="2" s="1"/>
  <c r="H738" i="2" a="1"/>
  <c r="H738" i="2" s="1"/>
  <c r="H735" i="2" a="1"/>
  <c r="H735" i="2" s="1"/>
  <c r="H753" i="2" a="1"/>
  <c r="H753" i="2" s="1"/>
  <c r="H736" i="2" a="1"/>
  <c r="H736" i="2" s="1"/>
  <c r="H749" i="2" a="1"/>
  <c r="H749" i="2" s="1"/>
  <c r="H741" i="2" a="1"/>
  <c r="H741" i="2" s="1"/>
  <c r="H733" i="2" a="1"/>
  <c r="H733" i="2" s="1"/>
  <c r="H748" i="2" a="1"/>
  <c r="H748" i="2" s="1"/>
  <c r="H742" i="2" a="1"/>
  <c r="H742" i="2" s="1"/>
  <c r="H750" i="2" a="1"/>
  <c r="H750" i="2" s="1"/>
  <c r="H752" i="2" a="1"/>
  <c r="H752" i="2" s="1"/>
  <c r="G6412" i="2" a="1"/>
  <c r="G6412" i="2" s="1"/>
  <c r="G6396" i="2" a="1"/>
  <c r="G6396" i="2" s="1"/>
  <c r="G6415" i="2" a="1"/>
  <c r="G6415" i="2" s="1"/>
  <c r="G6397" i="2" a="1"/>
  <c r="G6397" i="2" s="1"/>
  <c r="G6410" i="2" a="1"/>
  <c r="G6410" i="2" s="1"/>
  <c r="G6399" i="2" a="1"/>
  <c r="G6399" i="2" s="1"/>
  <c r="G6417" i="2" a="1"/>
  <c r="G6417" i="2" s="1"/>
  <c r="G6398" i="2" a="1"/>
  <c r="G6398" i="2" s="1"/>
  <c r="G6403" i="2" a="1"/>
  <c r="G6403" i="2" s="1"/>
  <c r="G6394" i="2" a="1"/>
  <c r="G6394" i="2" s="1"/>
  <c r="G6395" i="2" a="1"/>
  <c r="G6395" i="2" s="1"/>
  <c r="G6404" i="2" a="1"/>
  <c r="G6404" i="2" s="1"/>
  <c r="G6406" i="2" a="1"/>
  <c r="G6406" i="2" s="1"/>
  <c r="G6414" i="2" a="1"/>
  <c r="G6414" i="2" s="1"/>
  <c r="G6405" i="2" a="1"/>
  <c r="G6405" i="2" s="1"/>
  <c r="G6413" i="2" a="1"/>
  <c r="G6413" i="2" s="1"/>
  <c r="G6407" i="2" a="1"/>
  <c r="G6407" i="2" s="1"/>
  <c r="G6401" i="2" a="1"/>
  <c r="G6401" i="2" s="1"/>
  <c r="F8638" i="2" a="1"/>
  <c r="F8638" i="2" s="1"/>
  <c r="F8633" i="2" a="1"/>
  <c r="F8633" i="2" s="1"/>
  <c r="F8634" i="2" a="1"/>
  <c r="F8634" i="2" s="1"/>
  <c r="D120" i="2" a="1"/>
  <c r="D120" i="2" s="1"/>
  <c r="D114" i="2" a="1"/>
  <c r="D114" i="2" s="1"/>
  <c r="D110" i="2" a="1"/>
  <c r="D110" i="2" s="1"/>
  <c r="D128" i="2" a="1"/>
  <c r="D128" i="2" s="1"/>
  <c r="D117" i="2" a="1"/>
  <c r="D117" i="2" s="1"/>
  <c r="D119" i="2" a="1"/>
  <c r="D119" i="2" s="1"/>
  <c r="D126" i="2" a="1"/>
  <c r="D126" i="2" s="1"/>
  <c r="D115" i="2" a="1"/>
  <c r="D115" i="2" s="1"/>
  <c r="D109" i="2" a="1"/>
  <c r="D109" i="2" s="1"/>
  <c r="D129" i="2" a="1"/>
  <c r="D129" i="2" s="1"/>
  <c r="D124" i="2" a="1"/>
  <c r="D124" i="2" s="1"/>
  <c r="D122" i="2" a="1"/>
  <c r="D122" i="2" s="1"/>
  <c r="D112" i="2" a="1"/>
  <c r="D112" i="2" s="1"/>
  <c r="D107" i="2" a="1"/>
  <c r="D107" i="2" s="1"/>
  <c r="D106" i="2" a="1"/>
  <c r="D106" i="2" s="1"/>
  <c r="D121" i="2" a="1"/>
  <c r="D121" i="2" s="1"/>
  <c r="D123" i="2" a="1"/>
  <c r="D123" i="2" s="1"/>
  <c r="D125" i="2" a="1"/>
  <c r="D125" i="2" s="1"/>
  <c r="D118" i="2" a="1"/>
  <c r="D118" i="2" s="1"/>
  <c r="D108" i="2" a="1"/>
  <c r="D108" i="2" s="1"/>
  <c r="H5856" i="2" a="1"/>
  <c r="H5856" i="2" s="1"/>
  <c r="H5857" i="2" a="1"/>
  <c r="H5857" i="2" s="1"/>
  <c r="H5846" i="2" a="1"/>
  <c r="H5846" i="2" s="1"/>
  <c r="H5860" i="2" a="1"/>
  <c r="H5860" i="2" s="1"/>
  <c r="H5863" i="2" a="1"/>
  <c r="H5863" i="2" s="1"/>
  <c r="H5859" i="2" a="1"/>
  <c r="H5859" i="2" s="1"/>
  <c r="H5845" i="2" a="1"/>
  <c r="H5845" i="2" s="1"/>
  <c r="H5858" i="2" a="1"/>
  <c r="H5858" i="2" s="1"/>
  <c r="H5848" i="2" a="1"/>
  <c r="H5848" i="2" s="1"/>
  <c r="H5847" i="2" a="1"/>
  <c r="H5847" i="2" s="1"/>
  <c r="H5861" i="2" a="1"/>
  <c r="H5861" i="2" s="1"/>
  <c r="H5851" i="2" a="1"/>
  <c r="H5851" i="2" s="1"/>
  <c r="H5843" i="2" a="1"/>
  <c r="H5843" i="2" s="1"/>
  <c r="H5855" i="2" a="1"/>
  <c r="H5855" i="2" s="1"/>
  <c r="H5853" i="2" a="1"/>
  <c r="H5853" i="2" s="1"/>
  <c r="H5842" i="2" a="1"/>
  <c r="H5842" i="2" s="1"/>
  <c r="H5850" i="2" a="1"/>
  <c r="H5850" i="2" s="1"/>
  <c r="H5864" i="2" a="1"/>
  <c r="H5864" i="2" s="1"/>
  <c r="H8571" i="2" a="1"/>
  <c r="H8571" i="2" s="1"/>
  <c r="H8564" i="2" a="1"/>
  <c r="H8564" i="2" s="1"/>
  <c r="H8572" i="2" a="1"/>
  <c r="H8572" i="2" s="1"/>
  <c r="H8561" i="2" a="1"/>
  <c r="H8561" i="2" s="1"/>
  <c r="H8576" i="2" a="1"/>
  <c r="H8576" i="2" s="1"/>
  <c r="H8568" i="2" a="1"/>
  <c r="H8568" i="2" s="1"/>
  <c r="H8574" i="2" a="1"/>
  <c r="H8574" i="2" s="1"/>
  <c r="G7477" i="2" a="1"/>
  <c r="G7477" i="2" s="1"/>
  <c r="G7491" i="2" a="1"/>
  <c r="G7491" i="2" s="1"/>
  <c r="G7483" i="2" a="1"/>
  <c r="G7483" i="2" s="1"/>
  <c r="G7481" i="2" a="1"/>
  <c r="G7481" i="2" s="1"/>
  <c r="G7488" i="2" a="1"/>
  <c r="G7488" i="2" s="1"/>
  <c r="G7485" i="2" a="1"/>
  <c r="G7485" i="2" s="1"/>
  <c r="G7490" i="2" a="1"/>
  <c r="G7490" i="2" s="1"/>
  <c r="G7487" i="2" a="1"/>
  <c r="G7487" i="2" s="1"/>
  <c r="G7482" i="2" a="1"/>
  <c r="G7482" i="2" s="1"/>
  <c r="G7479" i="2" a="1"/>
  <c r="G7479" i="2" s="1"/>
  <c r="G7474" i="2" a="1"/>
  <c r="G7474" i="2" s="1"/>
  <c r="G7494" i="2" a="1"/>
  <c r="G7494" i="2" s="1"/>
  <c r="G7475" i="2" a="1"/>
  <c r="G7475" i="2" s="1"/>
  <c r="G7476" i="2" a="1"/>
  <c r="G7476" i="2" s="1"/>
  <c r="G7493" i="2" a="1"/>
  <c r="G7493" i="2" s="1"/>
  <c r="G7495" i="2" a="1"/>
  <c r="G7495" i="2" s="1"/>
  <c r="G7480" i="2" a="1"/>
  <c r="G7480" i="2" s="1"/>
  <c r="G7489" i="2" a="1"/>
  <c r="G7489" i="2" s="1"/>
  <c r="G7496" i="2" a="1"/>
  <c r="G7496" i="2" s="1"/>
  <c r="G7486" i="2" a="1"/>
  <c r="G7486" i="2" s="1"/>
  <c r="G7478" i="2" a="1"/>
  <c r="G7478" i="2" s="1"/>
  <c r="G7484" i="2" a="1"/>
  <c r="G7484" i="2" s="1"/>
  <c r="G7497" i="2" a="1"/>
  <c r="G7497" i="2" s="1"/>
  <c r="G7492" i="2" a="1"/>
  <c r="G7492" i="2" s="1"/>
  <c r="E6697" i="2" a="1"/>
  <c r="E6697" i="2" s="1"/>
  <c r="E6683" i="2" a="1"/>
  <c r="E6683" i="2" s="1"/>
  <c r="E6700" i="2" a="1"/>
  <c r="E6700" i="2" s="1"/>
  <c r="E6685" i="2" a="1"/>
  <c r="E6685" i="2" s="1"/>
  <c r="E6704" i="2" a="1"/>
  <c r="E6704" i="2" s="1"/>
  <c r="E6682" i="2" a="1"/>
  <c r="E6682" i="2" s="1"/>
  <c r="E6684" i="2" a="1"/>
  <c r="E6684" i="2" s="1"/>
  <c r="E6693" i="2" a="1"/>
  <c r="E6693" i="2" s="1"/>
  <c r="E6701" i="2" a="1"/>
  <c r="E6701" i="2" s="1"/>
  <c r="E6703" i="2" a="1"/>
  <c r="E6703" i="2" s="1"/>
  <c r="E6698" i="2" a="1"/>
  <c r="E6698" i="2" s="1"/>
  <c r="E6690" i="2" a="1"/>
  <c r="E6690" i="2" s="1"/>
  <c r="E6687" i="2" a="1"/>
  <c r="E6687" i="2" s="1"/>
  <c r="E6686" i="2" a="1"/>
  <c r="E6686" i="2" s="1"/>
  <c r="E6688" i="2" a="1"/>
  <c r="E6688" i="2" s="1"/>
  <c r="E6689" i="2" a="1"/>
  <c r="E6689" i="2" s="1"/>
  <c r="E6702" i="2" a="1"/>
  <c r="E6702" i="2" s="1"/>
  <c r="E6694" i="2" a="1"/>
  <c r="E6694" i="2" s="1"/>
  <c r="E6695" i="2" a="1"/>
  <c r="E6695" i="2" s="1"/>
  <c r="E6691" i="2" a="1"/>
  <c r="E6691" i="2" s="1"/>
  <c r="E6696" i="2" a="1"/>
  <c r="E6696" i="2" s="1"/>
  <c r="E6699" i="2" a="1"/>
  <c r="E6699" i="2" s="1"/>
  <c r="E1609" i="2" a="1"/>
  <c r="E1609" i="2" s="1"/>
  <c r="E1603" i="2" a="1"/>
  <c r="E1603" i="2" s="1"/>
  <c r="E1612" i="2" a="1"/>
  <c r="E1612" i="2" s="1"/>
  <c r="E1610" i="2" a="1"/>
  <c r="E1610" i="2" s="1"/>
  <c r="E1616" i="2" a="1"/>
  <c r="E1616" i="2" s="1"/>
  <c r="E1617" i="2" a="1"/>
  <c r="E1617" i="2" s="1"/>
  <c r="E1600" i="2" a="1"/>
  <c r="E1600" i="2" s="1"/>
  <c r="E1599" i="2" a="1"/>
  <c r="E1599" i="2" s="1"/>
  <c r="E1608" i="2" a="1"/>
  <c r="E1608" i="2" s="1"/>
  <c r="E1602" i="2" a="1"/>
  <c r="E1602" i="2" s="1"/>
  <c r="H2742" i="2" a="1"/>
  <c r="H2742" i="2" s="1"/>
  <c r="H2737" i="2" a="1"/>
  <c r="H2737" i="2" s="1"/>
  <c r="H2726" i="2" a="1"/>
  <c r="H2726" i="2" s="1"/>
  <c r="H2725" i="2" a="1"/>
  <c r="H2725" i="2" s="1"/>
  <c r="H2739" i="2" a="1"/>
  <c r="H2739" i="2" s="1"/>
  <c r="H2722" i="2" a="1"/>
  <c r="H2722" i="2" s="1"/>
  <c r="H2733" i="2" a="1"/>
  <c r="H2733" i="2" s="1"/>
  <c r="H2735" i="2" a="1"/>
  <c r="H2735" i="2" s="1"/>
  <c r="H2731" i="2" a="1"/>
  <c r="H2731" i="2" s="1"/>
  <c r="H2723" i="2" a="1"/>
  <c r="H2723" i="2" s="1"/>
  <c r="H6533" i="2" a="1"/>
  <c r="H6533" i="2" s="1"/>
  <c r="H6536" i="2" a="1"/>
  <c r="H6536" i="2" s="1"/>
  <c r="H6529" i="2" a="1"/>
  <c r="H6529" i="2" s="1"/>
  <c r="H6525" i="2" a="1"/>
  <c r="H6525" i="2" s="1"/>
  <c r="H6522" i="2" a="1"/>
  <c r="H6522" i="2" s="1"/>
  <c r="H6535" i="2" a="1"/>
  <c r="H6535" i="2" s="1"/>
  <c r="H6537" i="2" a="1"/>
  <c r="H6537" i="2" s="1"/>
  <c r="H6517" i="2" a="1"/>
  <c r="H6517" i="2" s="1"/>
  <c r="H6530" i="2" a="1"/>
  <c r="H6530" i="2" s="1"/>
  <c r="H6520" i="2" a="1"/>
  <c r="H6520" i="2" s="1"/>
  <c r="H6521" i="2" a="1"/>
  <c r="H6521" i="2" s="1"/>
  <c r="H6519" i="2" a="1"/>
  <c r="H6519" i="2" s="1"/>
  <c r="H6524" i="2" a="1"/>
  <c r="H6524" i="2" s="1"/>
  <c r="H6534" i="2" a="1"/>
  <c r="H6534" i="2" s="1"/>
  <c r="H6531" i="2" a="1"/>
  <c r="H6531" i="2" s="1"/>
  <c r="G897" i="2" a="1"/>
  <c r="G897" i="2" s="1"/>
  <c r="G889" i="2" a="1"/>
  <c r="G889" i="2" s="1"/>
  <c r="G892" i="2" a="1"/>
  <c r="G892" i="2" s="1"/>
  <c r="G895" i="2" a="1"/>
  <c r="G895" i="2" s="1"/>
  <c r="G879" i="2" a="1"/>
  <c r="G879" i="2" s="1"/>
  <c r="G882" i="2" a="1"/>
  <c r="G882" i="2" s="1"/>
  <c r="G886" i="2" a="1"/>
  <c r="G886" i="2" s="1"/>
  <c r="G896" i="2" a="1"/>
  <c r="G896" i="2" s="1"/>
  <c r="G876" i="2" a="1"/>
  <c r="G876" i="2" s="1"/>
  <c r="G880" i="2" a="1"/>
  <c r="G880" i="2" s="1"/>
  <c r="G877" i="2" a="1"/>
  <c r="G877" i="2" s="1"/>
  <c r="G878" i="2" a="1"/>
  <c r="G878" i="2" s="1"/>
  <c r="G888" i="2" a="1"/>
  <c r="G888" i="2" s="1"/>
  <c r="G883" i="2" a="1"/>
  <c r="G883" i="2" s="1"/>
  <c r="G884" i="2" a="1"/>
  <c r="G884" i="2" s="1"/>
  <c r="G874" i="2" a="1"/>
  <c r="G874" i="2" s="1"/>
  <c r="F7683" i="2" a="1"/>
  <c r="F7683" i="2" s="1"/>
  <c r="F7678" i="2" a="1"/>
  <c r="F7678" i="2" s="1"/>
  <c r="F7673" i="2" a="1"/>
  <c r="F7673" i="2" s="1"/>
  <c r="F7684" i="2" a="1"/>
  <c r="F7684" i="2" s="1"/>
  <c r="F7685" i="2" a="1"/>
  <c r="F7685" i="2" s="1"/>
  <c r="F7666" i="2" a="1"/>
  <c r="F7666" i="2" s="1"/>
  <c r="F7675" i="2" a="1"/>
  <c r="F7675" i="2" s="1"/>
  <c r="F7687" i="2" a="1"/>
  <c r="F7687" i="2" s="1"/>
  <c r="F7681" i="2" a="1"/>
  <c r="F7681" i="2" s="1"/>
  <c r="F7686" i="2" a="1"/>
  <c r="F7686" i="2" s="1"/>
  <c r="F7688" i="2" a="1"/>
  <c r="F7688" i="2" s="1"/>
  <c r="F7672" i="2" a="1"/>
  <c r="F7672" i="2" s="1"/>
  <c r="F7679" i="2" a="1"/>
  <c r="F7679" i="2" s="1"/>
  <c r="AP320" i="1"/>
  <c r="F326" i="5" s="1"/>
  <c r="F7682" i="2" a="1"/>
  <c r="F7682" i="2" s="1"/>
  <c r="H7087" i="2" a="1"/>
  <c r="H7087" i="2" s="1"/>
  <c r="H7075" i="2" a="1"/>
  <c r="H7075" i="2" s="1"/>
  <c r="H7079" i="2" a="1"/>
  <c r="H7079" i="2" s="1"/>
  <c r="H7089" i="2" a="1"/>
  <c r="H7089" i="2" s="1"/>
  <c r="H7086" i="2" a="1"/>
  <c r="H7086" i="2" s="1"/>
  <c r="H7078" i="2" a="1"/>
  <c r="H7078" i="2" s="1"/>
  <c r="H7081" i="2" a="1"/>
  <c r="H7081" i="2" s="1"/>
  <c r="H7082" i="2" a="1"/>
  <c r="H7082" i="2" s="1"/>
  <c r="H7068" i="2" a="1"/>
  <c r="H7068" i="2" s="1"/>
  <c r="H7070" i="2" a="1"/>
  <c r="H7070" i="2" s="1"/>
  <c r="H7071" i="2" a="1"/>
  <c r="H7071" i="2" s="1"/>
  <c r="H7088" i="2" a="1"/>
  <c r="H7088" i="2" s="1"/>
  <c r="H7069" i="2" a="1"/>
  <c r="H7069" i="2" s="1"/>
  <c r="H7074" i="2" a="1"/>
  <c r="H7074" i="2" s="1"/>
  <c r="H7072" i="2" a="1"/>
  <c r="H7072" i="2" s="1"/>
  <c r="H7067" i="2" a="1"/>
  <c r="H7067" i="2" s="1"/>
  <c r="H7080" i="2" a="1"/>
  <c r="H7080" i="2" s="1"/>
  <c r="H7066" i="2" a="1"/>
  <c r="H7066" i="2" s="1"/>
  <c r="H7073" i="2" a="1"/>
  <c r="H7073" i="2" s="1"/>
  <c r="H7076" i="2" a="1"/>
  <c r="H7076" i="2" s="1"/>
  <c r="H7085" i="2" a="1"/>
  <c r="H7085" i="2" s="1"/>
  <c r="H7077" i="2" a="1"/>
  <c r="H7077" i="2" s="1"/>
  <c r="H7083" i="2" a="1"/>
  <c r="H7083" i="2" s="1"/>
  <c r="H7084" i="2" a="1"/>
  <c r="H7084" i="2" s="1"/>
  <c r="F6941" i="2" a="1"/>
  <c r="F6941" i="2" s="1"/>
  <c r="F6924" i="2" a="1"/>
  <c r="F6924" i="2" s="1"/>
  <c r="F6929" i="2" a="1"/>
  <c r="F6929" i="2" s="1"/>
  <c r="F6926" i="2" a="1"/>
  <c r="F6926" i="2" s="1"/>
  <c r="F6939" i="2" a="1"/>
  <c r="F6939" i="2" s="1"/>
  <c r="F6938" i="2" a="1"/>
  <c r="F6938" i="2" s="1"/>
  <c r="F6945" i="2" a="1"/>
  <c r="F6945" i="2" s="1"/>
  <c r="F6930" i="2" a="1"/>
  <c r="F6930" i="2" s="1"/>
  <c r="F6925" i="2" a="1"/>
  <c r="F6925" i="2" s="1"/>
  <c r="F6942" i="2" a="1"/>
  <c r="F6942" i="2" s="1"/>
  <c r="F6928" i="2" a="1"/>
  <c r="F6928" i="2" s="1"/>
  <c r="F6927" i="2" a="1"/>
  <c r="F6927" i="2" s="1"/>
  <c r="F6932" i="2" a="1"/>
  <c r="F6932" i="2" s="1"/>
  <c r="F6940" i="2" a="1"/>
  <c r="F6940" i="2" s="1"/>
  <c r="F6943" i="2" a="1"/>
  <c r="F6943" i="2" s="1"/>
  <c r="F6931" i="2" a="1"/>
  <c r="F6931" i="2" s="1"/>
  <c r="AQ289" i="1"/>
  <c r="G295" i="5" s="1"/>
  <c r="AO289" i="1"/>
  <c r="E295" i="5" s="1"/>
  <c r="F6933" i="2" a="1"/>
  <c r="F6933" i="2" s="1"/>
  <c r="F6935" i="2" a="1"/>
  <c r="F6935" i="2" s="1"/>
  <c r="G4983" i="2" a="1"/>
  <c r="G4983" i="2" s="1"/>
  <c r="G4993" i="2" a="1"/>
  <c r="G4993" i="2" s="1"/>
  <c r="G4995" i="2" a="1"/>
  <c r="G4995" i="2" s="1"/>
  <c r="G4989" i="2" a="1"/>
  <c r="G4989" i="2" s="1"/>
  <c r="G4997" i="2" a="1"/>
  <c r="G4997" i="2" s="1"/>
  <c r="G4988" i="2" a="1"/>
  <c r="G4988" i="2" s="1"/>
  <c r="G4981" i="2" a="1"/>
  <c r="G4981" i="2" s="1"/>
  <c r="G4985" i="2" a="1"/>
  <c r="G4985" i="2" s="1"/>
  <c r="G4999" i="2" a="1"/>
  <c r="G4999" i="2" s="1"/>
  <c r="G4979" i="2" a="1"/>
  <c r="G4979" i="2" s="1"/>
  <c r="G4978" i="2" a="1"/>
  <c r="G4978" i="2" s="1"/>
  <c r="G4996" i="2" a="1"/>
  <c r="G4996" i="2" s="1"/>
  <c r="G4990" i="2" a="1"/>
  <c r="G4990" i="2" s="1"/>
  <c r="G4987" i="2" a="1"/>
  <c r="G4987" i="2" s="1"/>
  <c r="G4982" i="2" a="1"/>
  <c r="G4982" i="2" s="1"/>
  <c r="D3456" i="2" a="1"/>
  <c r="D3456" i="2" s="1"/>
  <c r="D3446" i="2" a="1"/>
  <c r="D3446" i="2" s="1"/>
  <c r="D3445" i="2" a="1"/>
  <c r="D3445" i="2" s="1"/>
  <c r="D3450" i="2" a="1"/>
  <c r="D3450" i="2" s="1"/>
  <c r="D3453" i="2" a="1"/>
  <c r="D3453" i="2" s="1"/>
  <c r="D3458" i="2" a="1"/>
  <c r="D3458" i="2" s="1"/>
  <c r="D3454" i="2" a="1"/>
  <c r="D3454" i="2" s="1"/>
  <c r="D3460" i="2" a="1"/>
  <c r="D3460" i="2" s="1"/>
  <c r="D3442" i="2" a="1"/>
  <c r="D3442" i="2" s="1"/>
  <c r="D3452" i="2" a="1"/>
  <c r="D3452" i="2" s="1"/>
  <c r="D3464" i="2" a="1"/>
  <c r="D3464" i="2" s="1"/>
  <c r="D3465" i="2" a="1"/>
  <c r="D3465" i="2" s="1"/>
  <c r="D3463" i="2" a="1"/>
  <c r="D3463" i="2" s="1"/>
  <c r="D3459" i="2" a="1"/>
  <c r="D3459" i="2" s="1"/>
  <c r="D3461" i="2" a="1"/>
  <c r="D3461" i="2" s="1"/>
  <c r="D3449" i="2" a="1"/>
  <c r="D3449" i="2" s="1"/>
  <c r="D3457" i="2" a="1"/>
  <c r="D3457" i="2" s="1"/>
  <c r="D3444" i="2" a="1"/>
  <c r="D3444" i="2" s="1"/>
  <c r="D3451" i="2" a="1"/>
  <c r="D3451" i="2" s="1"/>
  <c r="D3448" i="2" a="1"/>
  <c r="D3448" i="2" s="1"/>
  <c r="D3443" i="2" a="1"/>
  <c r="D3443" i="2" s="1"/>
  <c r="D3447" i="2" a="1"/>
  <c r="D3447" i="2" s="1"/>
  <c r="D3455" i="2" a="1"/>
  <c r="D3455" i="2" s="1"/>
  <c r="D3462" i="2" a="1"/>
  <c r="D3462" i="2" s="1"/>
  <c r="E1174" i="2" a="1"/>
  <c r="E1174" i="2" s="1"/>
  <c r="E1162" i="2" a="1"/>
  <c r="E1162" i="2" s="1"/>
  <c r="E1167" i="2" a="1"/>
  <c r="E1167" i="2" s="1"/>
  <c r="E1164" i="2" a="1"/>
  <c r="E1164" i="2" s="1"/>
  <c r="E1169" i="2" a="1"/>
  <c r="E1169" i="2" s="1"/>
  <c r="E1171" i="2" a="1"/>
  <c r="E1171" i="2" s="1"/>
  <c r="E1181" i="2" a="1"/>
  <c r="E1181" i="2" s="1"/>
  <c r="E1172" i="2" a="1"/>
  <c r="E1172" i="2" s="1"/>
  <c r="E1177" i="2" a="1"/>
  <c r="E1177" i="2" s="1"/>
  <c r="E1165" i="2" a="1"/>
  <c r="E1165" i="2" s="1"/>
  <c r="E1182" i="2" a="1"/>
  <c r="E1182" i="2" s="1"/>
  <c r="E1183" i="2" a="1"/>
  <c r="E1183" i="2" s="1"/>
  <c r="E1175" i="2" a="1"/>
  <c r="E1175" i="2" s="1"/>
  <c r="E1163" i="2" a="1"/>
  <c r="E1163" i="2" s="1"/>
  <c r="E1176" i="2" a="1"/>
  <c r="E1176" i="2" s="1"/>
  <c r="E1179" i="2" a="1"/>
  <c r="E1179" i="2" s="1"/>
  <c r="E1180" i="2" a="1"/>
  <c r="E1180" i="2" s="1"/>
  <c r="E1170" i="2" a="1"/>
  <c r="E1170" i="2" s="1"/>
  <c r="E1166" i="2" a="1"/>
  <c r="E1166" i="2" s="1"/>
  <c r="E1178" i="2" a="1"/>
  <c r="E1178" i="2" s="1"/>
  <c r="AQ81" i="1"/>
  <c r="G87" i="5" s="1"/>
  <c r="AM81" i="1"/>
  <c r="C87" i="5" s="1"/>
  <c r="AP81" i="1"/>
  <c r="F87" i="5" s="1"/>
  <c r="AN81" i="1"/>
  <c r="D87" i="5" s="1"/>
  <c r="E1952" i="2" a="1"/>
  <c r="E1952" i="2" s="1"/>
  <c r="E1948" i="2" a="1"/>
  <c r="E1948" i="2" s="1"/>
  <c r="E1953" i="2" a="1"/>
  <c r="E1953" i="2" s="1"/>
  <c r="E1931" i="2" a="1"/>
  <c r="E1931" i="2" s="1"/>
  <c r="E1941" i="2" a="1"/>
  <c r="E1941" i="2" s="1"/>
  <c r="E1932" i="2" a="1"/>
  <c r="E1932" i="2" s="1"/>
  <c r="E1951" i="2" a="1"/>
  <c r="E1951" i="2" s="1"/>
  <c r="E1938" i="2" a="1"/>
  <c r="E1938" i="2" s="1"/>
  <c r="E1940" i="2" a="1"/>
  <c r="E1940" i="2" s="1"/>
  <c r="E1939" i="2" a="1"/>
  <c r="E1939" i="2" s="1"/>
  <c r="AO81" i="1"/>
  <c r="E87" i="5" s="1"/>
  <c r="E1944" i="2" a="1"/>
  <c r="E1944" i="2" s="1"/>
  <c r="E1945" i="2" a="1"/>
  <c r="E1945" i="2" s="1"/>
  <c r="E1934" i="2" a="1"/>
  <c r="E1934" i="2" s="1"/>
  <c r="E1947" i="2" a="1"/>
  <c r="E1947" i="2" s="1"/>
  <c r="E1949" i="2" a="1"/>
  <c r="E1949" i="2" s="1"/>
  <c r="E1936" i="2" a="1"/>
  <c r="E1936" i="2" s="1"/>
  <c r="E1942" i="2" a="1"/>
  <c r="E1942" i="2" s="1"/>
  <c r="G3086" i="2" a="1"/>
  <c r="G3086" i="2" s="1"/>
  <c r="G3098" i="2" a="1"/>
  <c r="G3098" i="2" s="1"/>
  <c r="G3089" i="2" a="1"/>
  <c r="G3089" i="2" s="1"/>
  <c r="G3095" i="2" a="1"/>
  <c r="G3095" i="2" s="1"/>
  <c r="G3085" i="2" a="1"/>
  <c r="G3085" i="2" s="1"/>
  <c r="G3101" i="2" a="1"/>
  <c r="G3101" i="2" s="1"/>
  <c r="G3091" i="2" a="1"/>
  <c r="G3091" i="2" s="1"/>
  <c r="G3097" i="2" a="1"/>
  <c r="G3097" i="2" s="1"/>
  <c r="G3103" i="2" a="1"/>
  <c r="G3103" i="2" s="1"/>
  <c r="AQ129" i="1"/>
  <c r="G135" i="5" s="1"/>
  <c r="G3094" i="2" a="1"/>
  <c r="G3094" i="2" s="1"/>
  <c r="G3096" i="2" a="1"/>
  <c r="G3096" i="2" s="1"/>
  <c r="AP129" i="1"/>
  <c r="G3099" i="2" a="1"/>
  <c r="G3099" i="2" s="1"/>
  <c r="AN129" i="1"/>
  <c r="D135" i="5" s="1"/>
  <c r="G3092" i="2" a="1"/>
  <c r="G3092" i="2" s="1"/>
  <c r="AO129" i="1"/>
  <c r="E135" i="5" s="1"/>
  <c r="G3087" i="2" a="1"/>
  <c r="G3087" i="2" s="1"/>
  <c r="G3083" i="2" a="1"/>
  <c r="G3083" i="2" s="1"/>
  <c r="G3104" i="2" a="1"/>
  <c r="G3104" i="2" s="1"/>
  <c r="G3093" i="2" a="1"/>
  <c r="G3093" i="2" s="1"/>
  <c r="G3102" i="2" a="1"/>
  <c r="G3102" i="2" s="1"/>
  <c r="E7190" i="2" a="1"/>
  <c r="E7190" i="2" s="1"/>
  <c r="E7188" i="2" a="1"/>
  <c r="E7188" i="2" s="1"/>
  <c r="E7193" i="2" a="1"/>
  <c r="E7193" i="2" s="1"/>
  <c r="E7191" i="2" a="1"/>
  <c r="E7191" i="2" s="1"/>
  <c r="E7196" i="2" a="1"/>
  <c r="E7196" i="2" s="1"/>
  <c r="E7207" i="2" a="1"/>
  <c r="E7207" i="2" s="1"/>
  <c r="E7194" i="2" a="1"/>
  <c r="E7194" i="2" s="1"/>
  <c r="E7209" i="2" a="1"/>
  <c r="E7209" i="2" s="1"/>
  <c r="E7200" i="2" a="1"/>
  <c r="E7200" i="2" s="1"/>
  <c r="E7192" i="2" a="1"/>
  <c r="E7192" i="2" s="1"/>
  <c r="E7201" i="2" a="1"/>
  <c r="E7201" i="2" s="1"/>
  <c r="E7197" i="2" a="1"/>
  <c r="E7197" i="2" s="1"/>
  <c r="E7195" i="2" a="1"/>
  <c r="E7195" i="2" s="1"/>
  <c r="E7199" i="2" a="1"/>
  <c r="E7199" i="2" s="1"/>
  <c r="F2501" i="2" a="1"/>
  <c r="F2501" i="2" s="1"/>
  <c r="F2500" i="2" a="1"/>
  <c r="F2500" i="2" s="1"/>
  <c r="F2486" i="2" a="1"/>
  <c r="F2486" i="2" s="1"/>
  <c r="F2505" i="2" a="1"/>
  <c r="F2505" i="2" s="1"/>
  <c r="F2485" i="2" a="1"/>
  <c r="F2485" i="2" s="1"/>
  <c r="F2497" i="2" a="1"/>
  <c r="F2497" i="2" s="1"/>
  <c r="F2499" i="2" a="1"/>
  <c r="F2499" i="2" s="1"/>
  <c r="F2491" i="2" a="1"/>
  <c r="F2491" i="2" s="1"/>
  <c r="F2489" i="2" a="1"/>
  <c r="F2489" i="2" s="1"/>
  <c r="F2484" i="2" a="1"/>
  <c r="F2484" i="2" s="1"/>
  <c r="F2504" i="2" a="1"/>
  <c r="F2504" i="2" s="1"/>
  <c r="F2483" i="2" a="1"/>
  <c r="F2483" i="2" s="1"/>
  <c r="H1493" i="2" a="1"/>
  <c r="H1493" i="2" s="1"/>
  <c r="H1476" i="2" a="1"/>
  <c r="H1476" i="2" s="1"/>
  <c r="H1487" i="2" a="1"/>
  <c r="H1487" i="2" s="1"/>
  <c r="H1486" i="2" a="1"/>
  <c r="H1486" i="2" s="1"/>
  <c r="H1482" i="2" a="1"/>
  <c r="H1482" i="2" s="1"/>
  <c r="H1491" i="2" a="1"/>
  <c r="H1491" i="2" s="1"/>
  <c r="H1477" i="2" a="1"/>
  <c r="H1477" i="2" s="1"/>
  <c r="H1495" i="2" a="1"/>
  <c r="H1495" i="2" s="1"/>
  <c r="H1496" i="2" a="1"/>
  <c r="H1496" i="2" s="1"/>
  <c r="H1480" i="2" a="1"/>
  <c r="H1480" i="2" s="1"/>
  <c r="E7095" i="2" a="1"/>
  <c r="E7095" i="2" s="1"/>
  <c r="E7107" i="2" a="1"/>
  <c r="E7107" i="2" s="1"/>
  <c r="E7103" i="2" a="1"/>
  <c r="E7103" i="2" s="1"/>
  <c r="E7093" i="2" a="1"/>
  <c r="E7093" i="2" s="1"/>
  <c r="E7110" i="2" a="1"/>
  <c r="E7110" i="2" s="1"/>
  <c r="E7094" i="2" a="1"/>
  <c r="E7094" i="2" s="1"/>
  <c r="E7101" i="2" a="1"/>
  <c r="E7101" i="2" s="1"/>
  <c r="D3469" i="2" a="1"/>
  <c r="D3469" i="2" s="1"/>
  <c r="D3468" i="2" a="1"/>
  <c r="D3468" i="2" s="1"/>
  <c r="D3472" i="2" a="1"/>
  <c r="D3472" i="2" s="1"/>
  <c r="D3476" i="2" a="1"/>
  <c r="D3476" i="2" s="1"/>
  <c r="D3489" i="2" a="1"/>
  <c r="D3489" i="2" s="1"/>
  <c r="D3477" i="2" a="1"/>
  <c r="D3477" i="2" s="1"/>
  <c r="D3486" i="2" a="1"/>
  <c r="D3486" i="2" s="1"/>
  <c r="E2924" i="2" a="1"/>
  <c r="E2924" i="2" s="1"/>
  <c r="E2918" i="2" a="1"/>
  <c r="E2918" i="2" s="1"/>
  <c r="E2929" i="2" a="1"/>
  <c r="E2929" i="2" s="1"/>
  <c r="E2925" i="2" a="1"/>
  <c r="E2925" i="2" s="1"/>
  <c r="E2922" i="2" a="1"/>
  <c r="E2922" i="2" s="1"/>
  <c r="E2919" i="2" a="1"/>
  <c r="E2919" i="2" s="1"/>
  <c r="E3049" i="2" a="1"/>
  <c r="E3049" i="2" s="1"/>
  <c r="E3045" i="2" a="1"/>
  <c r="E3045" i="2" s="1"/>
  <c r="E1158" i="2" a="1"/>
  <c r="E1158" i="2" s="1"/>
  <c r="E1152" i="2" a="1"/>
  <c r="E1152" i="2" s="1"/>
  <c r="E1138" i="2" a="1"/>
  <c r="E1138" i="2" s="1"/>
  <c r="E1147" i="2" a="1"/>
  <c r="E1147" i="2" s="1"/>
  <c r="E1157" i="2" a="1"/>
  <c r="E1157" i="2" s="1"/>
  <c r="F1923" i="2" a="1"/>
  <c r="F1923" i="2" s="1"/>
  <c r="F1911" i="2" a="1"/>
  <c r="F1911" i="2" s="1"/>
  <c r="H6246" i="2" a="1"/>
  <c r="H6246" i="2" s="1"/>
  <c r="H6247" i="2" a="1"/>
  <c r="H6247" i="2" s="1"/>
  <c r="H6233" i="2" a="1"/>
  <c r="H6233" i="2" s="1"/>
  <c r="H6237" i="2" a="1"/>
  <c r="H6237" i="2" s="1"/>
  <c r="H6243" i="2" a="1"/>
  <c r="H6243" i="2" s="1"/>
  <c r="H6229" i="2" a="1"/>
  <c r="H6229" i="2" s="1"/>
  <c r="H6245" i="2" a="1"/>
  <c r="H6245" i="2" s="1"/>
  <c r="H6242" i="2" a="1"/>
  <c r="H6242" i="2" s="1"/>
  <c r="H6249" i="2" a="1"/>
  <c r="H6249" i="2" s="1"/>
  <c r="H6244" i="2" a="1"/>
  <c r="H6244" i="2" s="1"/>
  <c r="H6235" i="2" a="1"/>
  <c r="H6235" i="2" s="1"/>
  <c r="H6227" i="2" a="1"/>
  <c r="H6227" i="2" s="1"/>
  <c r="H6234" i="2" a="1"/>
  <c r="H6234" i="2" s="1"/>
  <c r="H6248" i="2" a="1"/>
  <c r="H6248" i="2" s="1"/>
  <c r="H6230" i="2" a="1"/>
  <c r="H6230" i="2" s="1"/>
  <c r="H6240" i="2" a="1"/>
  <c r="H6240" i="2" s="1"/>
  <c r="H6236" i="2" a="1"/>
  <c r="H6236" i="2" s="1"/>
  <c r="H6231" i="2" a="1"/>
  <c r="H6231" i="2" s="1"/>
  <c r="H6239" i="2" a="1"/>
  <c r="H6239" i="2" s="1"/>
  <c r="H6226" i="2" a="1"/>
  <c r="H6226" i="2" s="1"/>
  <c r="H6232" i="2" a="1"/>
  <c r="H6232" i="2" s="1"/>
  <c r="F7882" i="2" a="1"/>
  <c r="F7882" i="2" s="1"/>
  <c r="F7883" i="2" a="1"/>
  <c r="F7883" i="2" s="1"/>
  <c r="F7886" i="2" a="1"/>
  <c r="F7886" i="2" s="1"/>
  <c r="F7901" i="2" a="1"/>
  <c r="F7901" i="2" s="1"/>
  <c r="F7903" i="2" a="1"/>
  <c r="F7903" i="2" s="1"/>
  <c r="F7897" i="2" a="1"/>
  <c r="F7897" i="2" s="1"/>
  <c r="F7899" i="2" a="1"/>
  <c r="F7899" i="2" s="1"/>
  <c r="F7885" i="2" a="1"/>
  <c r="F7885" i="2" s="1"/>
  <c r="F7889" i="2" a="1"/>
  <c r="F7889" i="2" s="1"/>
  <c r="F7898" i="2" a="1"/>
  <c r="F7898" i="2" s="1"/>
  <c r="F7895" i="2" a="1"/>
  <c r="F7895" i="2" s="1"/>
  <c r="F7904" i="2" a="1"/>
  <c r="F7904" i="2" s="1"/>
  <c r="F7892" i="2" a="1"/>
  <c r="F7892" i="2" s="1"/>
  <c r="F7893" i="2" a="1"/>
  <c r="F7893" i="2" s="1"/>
  <c r="F7884" i="2" a="1"/>
  <c r="F7884" i="2" s="1"/>
  <c r="F7890" i="2" a="1"/>
  <c r="F7890" i="2" s="1"/>
  <c r="F7902" i="2" a="1"/>
  <c r="F7902" i="2" s="1"/>
  <c r="F7887" i="2" a="1"/>
  <c r="F7887" i="2" s="1"/>
  <c r="F7900" i="2" a="1"/>
  <c r="F7900" i="2" s="1"/>
  <c r="F7888" i="2" a="1"/>
  <c r="F7888" i="2" s="1"/>
  <c r="F7891" i="2" a="1"/>
  <c r="F7891" i="2" s="1"/>
  <c r="E8719" i="2" a="1"/>
  <c r="E8719" i="2" s="1"/>
  <c r="E8706" i="2" a="1"/>
  <c r="E8706" i="2" s="1"/>
  <c r="E8698" i="2" a="1"/>
  <c r="E8698" i="2" s="1"/>
  <c r="E8699" i="2" a="1"/>
  <c r="E8699" i="2" s="1"/>
  <c r="E8704" i="2" a="1"/>
  <c r="E8704" i="2" s="1"/>
  <c r="E8703" i="2" a="1"/>
  <c r="E8703" i="2" s="1"/>
  <c r="E8718" i="2" a="1"/>
  <c r="E8718" i="2" s="1"/>
  <c r="E8702" i="2" a="1"/>
  <c r="E8702" i="2" s="1"/>
  <c r="E8714" i="2" a="1"/>
  <c r="E8714" i="2" s="1"/>
  <c r="E8716" i="2" a="1"/>
  <c r="E8716" i="2" s="1"/>
  <c r="E8713" i="2" a="1"/>
  <c r="E8713" i="2" s="1"/>
  <c r="E8709" i="2" a="1"/>
  <c r="E8709" i="2" s="1"/>
  <c r="E8700" i="2" a="1"/>
  <c r="E8700" i="2" s="1"/>
  <c r="E8701" i="2" a="1"/>
  <c r="E8701" i="2" s="1"/>
  <c r="E8721" i="2" a="1"/>
  <c r="E8721" i="2" s="1"/>
  <c r="AN363" i="1"/>
  <c r="D369" i="5" s="1"/>
  <c r="AQ363" i="1"/>
  <c r="AP363" i="1"/>
  <c r="F369" i="5" s="1"/>
  <c r="E8705" i="2" a="1"/>
  <c r="E8705" i="2" s="1"/>
  <c r="E8712" i="2" a="1"/>
  <c r="E8712" i="2" s="1"/>
  <c r="AM363" i="1"/>
  <c r="C369" i="5" s="1"/>
  <c r="G473" i="2" a="1"/>
  <c r="G473" i="2" s="1"/>
  <c r="G481" i="2" a="1"/>
  <c r="G481" i="2" s="1"/>
  <c r="G474" i="2" a="1"/>
  <c r="G474" i="2" s="1"/>
  <c r="G485" i="2" a="1"/>
  <c r="G485" i="2" s="1"/>
  <c r="G476" i="2" a="1"/>
  <c r="G476" i="2" s="1"/>
  <c r="G467" i="2" a="1"/>
  <c r="G467" i="2" s="1"/>
  <c r="G487" i="2" a="1"/>
  <c r="G487" i="2" s="1"/>
  <c r="G468" i="2" a="1"/>
  <c r="G468" i="2" s="1"/>
  <c r="G488" i="2" a="1"/>
  <c r="G488" i="2" s="1"/>
  <c r="G469" i="2" a="1"/>
  <c r="G469" i="2" s="1"/>
  <c r="G475" i="2" a="1"/>
  <c r="G475" i="2" s="1"/>
  <c r="AM20" i="1"/>
  <c r="C26" i="5" s="1"/>
  <c r="F5451" i="2" a="1"/>
  <c r="F5451" i="2" s="1"/>
  <c r="F5452" i="2" a="1"/>
  <c r="F5452" i="2" s="1"/>
  <c r="F5450" i="2" a="1"/>
  <c r="F5450" i="2" s="1"/>
  <c r="F5443" i="2" a="1"/>
  <c r="F5443" i="2" s="1"/>
  <c r="F5440" i="2" a="1"/>
  <c r="F5440" i="2" s="1"/>
  <c r="F5455" i="2" a="1"/>
  <c r="F5455" i="2" s="1"/>
  <c r="F5448" i="2" a="1"/>
  <c r="F5448" i="2" s="1"/>
  <c r="F5449" i="2" a="1"/>
  <c r="F5449" i="2" s="1"/>
  <c r="F5457" i="2" a="1"/>
  <c r="F5457" i="2" s="1"/>
  <c r="F5456" i="2" a="1"/>
  <c r="F5456" i="2" s="1"/>
  <c r="F5436" i="2" a="1"/>
  <c r="F5436" i="2" s="1"/>
  <c r="F5454" i="2" a="1"/>
  <c r="F5454" i="2" s="1"/>
  <c r="F5434" i="2" a="1"/>
  <c r="F5434" i="2" s="1"/>
  <c r="F5438" i="2" a="1"/>
  <c r="F5438" i="2" s="1"/>
  <c r="AQ227" i="1"/>
  <c r="G233" i="5" s="1"/>
  <c r="F7434" i="2" a="1"/>
  <c r="F7434" i="2" s="1"/>
  <c r="F7432" i="2" a="1"/>
  <c r="F7432" i="2" s="1"/>
  <c r="F7427" i="2" a="1"/>
  <c r="F7427" i="2" s="1"/>
  <c r="F7443" i="2" a="1"/>
  <c r="F7443" i="2" s="1"/>
  <c r="F7435" i="2" a="1"/>
  <c r="F7435" i="2" s="1"/>
  <c r="F7441" i="2" a="1"/>
  <c r="F7441" i="2" s="1"/>
  <c r="F7433" i="2" a="1"/>
  <c r="F7433" i="2" s="1"/>
  <c r="F7429" i="2" a="1"/>
  <c r="F7429" i="2" s="1"/>
  <c r="F7426" i="2" a="1"/>
  <c r="F7426" i="2" s="1"/>
  <c r="F7439" i="2" a="1"/>
  <c r="F7439" i="2" s="1"/>
  <c r="F7442" i="2" a="1"/>
  <c r="F7442" i="2" s="1"/>
  <c r="F7430" i="2" a="1"/>
  <c r="F7430" i="2" s="1"/>
  <c r="F7448" i="2" a="1"/>
  <c r="F7448" i="2" s="1"/>
  <c r="F7449" i="2" a="1"/>
  <c r="F7449" i="2" s="1"/>
  <c r="F7446" i="2" a="1"/>
  <c r="F7446" i="2" s="1"/>
  <c r="F7436" i="2" a="1"/>
  <c r="F7436" i="2" s="1"/>
  <c r="F7437" i="2" a="1"/>
  <c r="F7437" i="2" s="1"/>
  <c r="F7428" i="2" a="1"/>
  <c r="F7428" i="2" s="1"/>
  <c r="F7444" i="2" a="1"/>
  <c r="F7444" i="2" s="1"/>
  <c r="F7445" i="2" a="1"/>
  <c r="F7445" i="2" s="1"/>
  <c r="G124" i="2" a="1"/>
  <c r="G124" i="2" s="1"/>
  <c r="G111" i="2" a="1"/>
  <c r="G111" i="2" s="1"/>
  <c r="G129" i="2" a="1"/>
  <c r="G129" i="2" s="1"/>
  <c r="G108" i="2" a="1"/>
  <c r="G108" i="2" s="1"/>
  <c r="G125" i="2" a="1"/>
  <c r="G125" i="2" s="1"/>
  <c r="G107" i="2" a="1"/>
  <c r="G107" i="2" s="1"/>
  <c r="G117" i="2" a="1"/>
  <c r="G117" i="2" s="1"/>
  <c r="G123" i="2" a="1"/>
  <c r="G123" i="2" s="1"/>
  <c r="G114" i="2" a="1"/>
  <c r="G114" i="2" s="1"/>
  <c r="G127" i="2" a="1"/>
  <c r="G127" i="2" s="1"/>
  <c r="G120" i="2" a="1"/>
  <c r="G120" i="2" s="1"/>
  <c r="G126" i="2" a="1"/>
  <c r="G126" i="2" s="1"/>
  <c r="G110" i="2" a="1"/>
  <c r="G110" i="2" s="1"/>
  <c r="G121" i="2" a="1"/>
  <c r="G121" i="2" s="1"/>
  <c r="G113" i="2" a="1"/>
  <c r="G113" i="2" s="1"/>
  <c r="G119" i="2" a="1"/>
  <c r="G119" i="2" s="1"/>
  <c r="G115" i="2" a="1"/>
  <c r="G115" i="2" s="1"/>
  <c r="G106" i="2" a="1"/>
  <c r="G106" i="2" s="1"/>
  <c r="G112" i="2" a="1"/>
  <c r="G112" i="2" s="1"/>
  <c r="G122" i="2" a="1"/>
  <c r="G122" i="2" s="1"/>
  <c r="G109" i="2" a="1"/>
  <c r="G109" i="2" s="1"/>
  <c r="G116" i="2" a="1"/>
  <c r="G116" i="2" s="1"/>
  <c r="G128" i="2" a="1"/>
  <c r="G128" i="2" s="1"/>
  <c r="G118" i="2" a="1"/>
  <c r="G118" i="2" s="1"/>
  <c r="F2190" i="2" a="1"/>
  <c r="F2190" i="2" s="1"/>
  <c r="F2171" i="2" a="1"/>
  <c r="F2171" i="2" s="1"/>
  <c r="F2170" i="2" a="1"/>
  <c r="F2170" i="2" s="1"/>
  <c r="F2191" i="2" a="1"/>
  <c r="F2191" i="2" s="1"/>
  <c r="F2185" i="2" a="1"/>
  <c r="F2185" i="2" s="1"/>
  <c r="F2188" i="2" a="1"/>
  <c r="F2188" i="2" s="1"/>
  <c r="F2186" i="2" a="1"/>
  <c r="F2186" i="2" s="1"/>
  <c r="E151" i="2" a="1"/>
  <c r="E151" i="2" s="1"/>
  <c r="E138" i="2" a="1"/>
  <c r="E138" i="2" s="1"/>
  <c r="E137" i="2" a="1"/>
  <c r="E137" i="2" s="1"/>
  <c r="E139" i="2" a="1"/>
  <c r="E139" i="2" s="1"/>
  <c r="E153" i="2" a="1"/>
  <c r="E153" i="2" s="1"/>
  <c r="E146" i="2" a="1"/>
  <c r="E146" i="2" s="1"/>
  <c r="E131" i="2" a="1"/>
  <c r="E131" i="2" s="1"/>
  <c r="E134" i="2" a="1"/>
  <c r="E134" i="2" s="1"/>
  <c r="E136" i="2" a="1"/>
  <c r="E136" i="2" s="1"/>
  <c r="E142" i="2" a="1"/>
  <c r="E142" i="2" s="1"/>
  <c r="E147" i="2" a="1"/>
  <c r="E147" i="2" s="1"/>
  <c r="E144" i="2" a="1"/>
  <c r="E144" i="2" s="1"/>
  <c r="E130" i="2" a="1"/>
  <c r="E130" i="2" s="1"/>
  <c r="E152" i="2" a="1"/>
  <c r="E152" i="2" s="1"/>
  <c r="E141" i="2" a="1"/>
  <c r="E141" i="2" s="1"/>
  <c r="E143" i="2" a="1"/>
  <c r="E143" i="2" s="1"/>
  <c r="E140" i="2" a="1"/>
  <c r="E140" i="2" s="1"/>
  <c r="E133" i="2" a="1"/>
  <c r="E133" i="2" s="1"/>
  <c r="E148" i="2" a="1"/>
  <c r="E148" i="2" s="1"/>
  <c r="G2565" i="2" a="1"/>
  <c r="G2565" i="2" s="1"/>
  <c r="G2567" i="2" a="1"/>
  <c r="G2567" i="2" s="1"/>
  <c r="G2555" i="2" a="1"/>
  <c r="G2555" i="2" s="1"/>
  <c r="G2573" i="2" a="1"/>
  <c r="G2573" i="2" s="1"/>
  <c r="G2575" i="2" a="1"/>
  <c r="G2575" i="2" s="1"/>
  <c r="G2566" i="2" a="1"/>
  <c r="G2566" i="2" s="1"/>
  <c r="G2577" i="2" a="1"/>
  <c r="G2577" i="2" s="1"/>
  <c r="G2560" i="2" a="1"/>
  <c r="G2560" i="2" s="1"/>
  <c r="G2568" i="2" a="1"/>
  <c r="G2568" i="2" s="1"/>
  <c r="G2569" i="2" a="1"/>
  <c r="G2569" i="2" s="1"/>
  <c r="G2559" i="2" a="1"/>
  <c r="G2559" i="2" s="1"/>
  <c r="G2554" i="2" a="1"/>
  <c r="G2554" i="2" s="1"/>
  <c r="G2558" i="2" a="1"/>
  <c r="G2558" i="2" s="1"/>
  <c r="G2564" i="2" a="1"/>
  <c r="G2564" i="2" s="1"/>
  <c r="G2572" i="2" a="1"/>
  <c r="G2572" i="2" s="1"/>
  <c r="G2562" i="2" a="1"/>
  <c r="G2562" i="2" s="1"/>
  <c r="G2571" i="2" a="1"/>
  <c r="G2571" i="2" s="1"/>
  <c r="G2556" i="2" a="1"/>
  <c r="G2556" i="2" s="1"/>
  <c r="D986" i="2" a="1"/>
  <c r="D986" i="2" s="1"/>
  <c r="D976" i="2" a="1"/>
  <c r="D976" i="2" s="1"/>
  <c r="D973" i="2" a="1"/>
  <c r="D973" i="2" s="1"/>
  <c r="D985" i="2" a="1"/>
  <c r="D985" i="2" s="1"/>
  <c r="D993" i="2" a="1"/>
  <c r="D993" i="2" s="1"/>
  <c r="D990" i="2" a="1"/>
  <c r="D990" i="2" s="1"/>
  <c r="D989" i="2" a="1"/>
  <c r="D989" i="2" s="1"/>
  <c r="D970" i="2" a="1"/>
  <c r="D970" i="2" s="1"/>
  <c r="D979" i="2" a="1"/>
  <c r="D979" i="2" s="1"/>
  <c r="D983" i="2" a="1"/>
  <c r="D983" i="2" s="1"/>
  <c r="F2513" i="2" a="1"/>
  <c r="F2513" i="2" s="1"/>
  <c r="F2511" i="2" a="1"/>
  <c r="F2511" i="2" s="1"/>
  <c r="F2516" i="2" a="1"/>
  <c r="F2516" i="2" s="1"/>
  <c r="F2506" i="2" a="1"/>
  <c r="F2506" i="2" s="1"/>
  <c r="F2529" i="2" a="1"/>
  <c r="F2529" i="2" s="1"/>
  <c r="F2512" i="2" a="1"/>
  <c r="F2512" i="2" s="1"/>
  <c r="F2526" i="2" a="1"/>
  <c r="F2526" i="2" s="1"/>
  <c r="F2522" i="2" a="1"/>
  <c r="F2522" i="2" s="1"/>
  <c r="F2509" i="2" a="1"/>
  <c r="F2509" i="2" s="1"/>
  <c r="F2528" i="2" a="1"/>
  <c r="F2528" i="2" s="1"/>
  <c r="F2508" i="2" a="1"/>
  <c r="F2508" i="2" s="1"/>
  <c r="F2514" i="2" a="1"/>
  <c r="F2514" i="2" s="1"/>
  <c r="F2519" i="2" a="1"/>
  <c r="F2519" i="2" s="1"/>
  <c r="F2518" i="2" a="1"/>
  <c r="F2518" i="2" s="1"/>
  <c r="F2524" i="2" a="1"/>
  <c r="F2524" i="2" s="1"/>
  <c r="F2525" i="2" a="1"/>
  <c r="F2525" i="2" s="1"/>
  <c r="F2527" i="2" a="1"/>
  <c r="F2527" i="2" s="1"/>
  <c r="D4485" i="2" a="1"/>
  <c r="D4485" i="2" s="1"/>
  <c r="D4490" i="2" a="1"/>
  <c r="D4490" i="2" s="1"/>
  <c r="D4494" i="2" a="1"/>
  <c r="D4494" i="2" s="1"/>
  <c r="D4491" i="2" a="1"/>
  <c r="D4491" i="2" s="1"/>
  <c r="D4476" i="2" a="1"/>
  <c r="D4476" i="2" s="1"/>
  <c r="D4484" i="2" a="1"/>
  <c r="D4484" i="2" s="1"/>
  <c r="D4492" i="2" a="1"/>
  <c r="D4492" i="2" s="1"/>
  <c r="D4475" i="2" a="1"/>
  <c r="D4475" i="2" s="1"/>
  <c r="D4489" i="2" a="1"/>
  <c r="D4489" i="2" s="1"/>
  <c r="F1096" i="2" a="1"/>
  <c r="F1096" i="2" s="1"/>
  <c r="F1105" i="2" a="1"/>
  <c r="F1105" i="2" s="1"/>
  <c r="F1103" i="2" a="1"/>
  <c r="F1103" i="2" s="1"/>
  <c r="F1092" i="2" a="1"/>
  <c r="F1092" i="2" s="1"/>
  <c r="F1113" i="2" a="1"/>
  <c r="F1113" i="2" s="1"/>
  <c r="F1104" i="2" a="1"/>
  <c r="F1104" i="2" s="1"/>
  <c r="F1101" i="2" a="1"/>
  <c r="F1101" i="2" s="1"/>
  <c r="F1107" i="2" a="1"/>
  <c r="F1107" i="2" s="1"/>
  <c r="F1106" i="2" a="1"/>
  <c r="F1106" i="2" s="1"/>
  <c r="F1097" i="2" a="1"/>
  <c r="F1097" i="2" s="1"/>
  <c r="F1095" i="2" a="1"/>
  <c r="F1095" i="2" s="1"/>
  <c r="F1108" i="2" a="1"/>
  <c r="F1108" i="2" s="1"/>
  <c r="F1109" i="2" a="1"/>
  <c r="F1109" i="2" s="1"/>
  <c r="F1093" i="2" a="1"/>
  <c r="F1093" i="2" s="1"/>
  <c r="F1111" i="2" a="1"/>
  <c r="F1111" i="2" s="1"/>
  <c r="AO46" i="1"/>
  <c r="AM46" i="1"/>
  <c r="C52" i="5" s="1"/>
  <c r="F1110" i="2" a="1"/>
  <c r="F1110" i="2" s="1"/>
  <c r="AQ46" i="1"/>
  <c r="G52" i="5" s="1"/>
  <c r="G267" i="2" a="1"/>
  <c r="G267" i="2" s="1"/>
  <c r="G273" i="2" a="1"/>
  <c r="G273" i="2" s="1"/>
  <c r="G252" i="2" a="1"/>
  <c r="G252" i="2" s="1"/>
  <c r="G254" i="2" a="1"/>
  <c r="G254" i="2" s="1"/>
  <c r="G269" i="2" a="1"/>
  <c r="G269" i="2" s="1"/>
  <c r="G251" i="2" a="1"/>
  <c r="G251" i="2" s="1"/>
  <c r="G265" i="2" a="1"/>
  <c r="G265" i="2" s="1"/>
  <c r="G253" i="2" a="1"/>
  <c r="G253" i="2" s="1"/>
  <c r="G261" i="2" a="1"/>
  <c r="G261" i="2" s="1"/>
  <c r="G257" i="2" a="1"/>
  <c r="G257" i="2" s="1"/>
  <c r="G258" i="2" a="1"/>
  <c r="G258" i="2" s="1"/>
  <c r="G255" i="2" a="1"/>
  <c r="G255" i="2" s="1"/>
  <c r="G263" i="2" a="1"/>
  <c r="G263" i="2" s="1"/>
  <c r="G271" i="2" a="1"/>
  <c r="G271" i="2" s="1"/>
  <c r="G268" i="2" a="1"/>
  <c r="G268" i="2" s="1"/>
  <c r="G256" i="2" a="1"/>
  <c r="G256" i="2" s="1"/>
  <c r="G266" i="2" a="1"/>
  <c r="G266" i="2" s="1"/>
  <c r="G264" i="2" a="1"/>
  <c r="G264" i="2" s="1"/>
  <c r="G260" i="2" a="1"/>
  <c r="G260" i="2" s="1"/>
  <c r="G259" i="2" a="1"/>
  <c r="G259" i="2" s="1"/>
  <c r="E1025" i="2" a="1"/>
  <c r="E1025" i="2" s="1"/>
  <c r="E1037" i="2" a="1"/>
  <c r="E1037" i="2" s="1"/>
  <c r="E1026" i="2" a="1"/>
  <c r="E1026" i="2" s="1"/>
  <c r="E1030" i="2" a="1"/>
  <c r="E1030" i="2" s="1"/>
  <c r="E1020" i="2" a="1"/>
  <c r="E1020" i="2" s="1"/>
  <c r="E1019" i="2" a="1"/>
  <c r="E1019" i="2" s="1"/>
  <c r="E1028" i="2" a="1"/>
  <c r="E1028" i="2" s="1"/>
  <c r="E1032" i="2" a="1"/>
  <c r="E1032" i="2" s="1"/>
  <c r="E1021" i="2" a="1"/>
  <c r="E1021" i="2" s="1"/>
  <c r="E1035" i="2" a="1"/>
  <c r="E1035" i="2" s="1"/>
  <c r="E1022" i="2" a="1"/>
  <c r="E1022" i="2" s="1"/>
  <c r="E1018" i="2" a="1"/>
  <c r="E1018" i="2" s="1"/>
  <c r="E1034" i="2" a="1"/>
  <c r="E1034" i="2" s="1"/>
  <c r="E1041" i="2" a="1"/>
  <c r="E1041" i="2" s="1"/>
  <c r="E1036" i="2" a="1"/>
  <c r="E1036" i="2" s="1"/>
  <c r="E1024" i="2" a="1"/>
  <c r="E1024" i="2" s="1"/>
  <c r="E1029" i="2" a="1"/>
  <c r="E1029" i="2" s="1"/>
  <c r="E1039" i="2" a="1"/>
  <c r="E1039" i="2" s="1"/>
  <c r="E1040" i="2" a="1"/>
  <c r="E1040" i="2" s="1"/>
  <c r="E1027" i="2" a="1"/>
  <c r="E1027" i="2" s="1"/>
  <c r="E1033" i="2" a="1"/>
  <c r="E1033" i="2" s="1"/>
  <c r="E1031" i="2" a="1"/>
  <c r="E1031" i="2" s="1"/>
  <c r="E1023" i="2" a="1"/>
  <c r="E1023" i="2" s="1"/>
  <c r="E1038" i="2" a="1"/>
  <c r="E1038" i="2" s="1"/>
  <c r="H1030" i="2" a="1"/>
  <c r="H1030" i="2" s="1"/>
  <c r="H1041" i="2" a="1"/>
  <c r="H1041" i="2" s="1"/>
  <c r="H1020" i="2" a="1"/>
  <c r="H1020" i="2" s="1"/>
  <c r="H1019" i="2" a="1"/>
  <c r="H1019" i="2" s="1"/>
  <c r="H1035" i="2" a="1"/>
  <c r="H1035" i="2" s="1"/>
  <c r="H1036" i="2" a="1"/>
  <c r="H1036" i="2" s="1"/>
  <c r="H1026" i="2" a="1"/>
  <c r="H1026" i="2" s="1"/>
  <c r="H1032" i="2" a="1"/>
  <c r="H1032" i="2" s="1"/>
  <c r="H1033" i="2" a="1"/>
  <c r="H1033" i="2" s="1"/>
  <c r="H1034" i="2" a="1"/>
  <c r="H1034" i="2" s="1"/>
  <c r="H1018" i="2" a="1"/>
  <c r="H1018" i="2" s="1"/>
  <c r="H1029" i="2" a="1"/>
  <c r="H1029" i="2" s="1"/>
  <c r="H1022" i="2" a="1"/>
  <c r="H1022" i="2" s="1"/>
  <c r="H1027" i="2" a="1"/>
  <c r="H1027" i="2" s="1"/>
  <c r="H1031" i="2" a="1"/>
  <c r="H1031" i="2" s="1"/>
  <c r="H1038" i="2" a="1"/>
  <c r="H1038" i="2" s="1"/>
  <c r="D3406" i="2" a="1"/>
  <c r="D3406" i="2" s="1"/>
  <c r="D3403" i="2" a="1"/>
  <c r="D3403" i="2" s="1"/>
  <c r="D3397" i="2" a="1"/>
  <c r="D3397" i="2" s="1"/>
  <c r="D3413" i="2" a="1"/>
  <c r="D3413" i="2" s="1"/>
  <c r="D3415" i="2" a="1"/>
  <c r="D3415" i="2" s="1"/>
  <c r="G2938" i="2" a="1"/>
  <c r="G2938" i="2" s="1"/>
  <c r="G2952" i="2" a="1"/>
  <c r="G2952" i="2" s="1"/>
  <c r="G2942" i="2" a="1"/>
  <c r="G2942" i="2" s="1"/>
  <c r="G2953" i="2" a="1"/>
  <c r="G2953" i="2" s="1"/>
  <c r="G2950" i="2" a="1"/>
  <c r="G2950" i="2" s="1"/>
  <c r="G2944" i="2" a="1"/>
  <c r="G2944" i="2" s="1"/>
  <c r="G2955" i="2" a="1"/>
  <c r="G2955" i="2" s="1"/>
  <c r="G2951" i="2" a="1"/>
  <c r="G2951" i="2" s="1"/>
  <c r="G2947" i="2" a="1"/>
  <c r="G2947" i="2" s="1"/>
  <c r="G2956" i="2" a="1"/>
  <c r="G2956" i="2" s="1"/>
  <c r="G2946" i="2" a="1"/>
  <c r="G2946" i="2" s="1"/>
  <c r="G2961" i="2" a="1"/>
  <c r="G2961" i="2" s="1"/>
  <c r="G2948" i="2" a="1"/>
  <c r="G2948" i="2" s="1"/>
  <c r="G2959" i="2" a="1"/>
  <c r="G2959" i="2" s="1"/>
  <c r="G2943" i="2" a="1"/>
  <c r="G2943" i="2" s="1"/>
  <c r="G2954" i="2" a="1"/>
  <c r="G2954" i="2" s="1"/>
  <c r="G2949" i="2" a="1"/>
  <c r="G2949" i="2" s="1"/>
  <c r="G2940" i="2" a="1"/>
  <c r="G2940" i="2" s="1"/>
  <c r="D8216" i="2" a="1"/>
  <c r="D8216" i="2" s="1"/>
  <c r="D8201" i="2" a="1"/>
  <c r="D8201" i="2" s="1"/>
  <c r="D8205" i="2" a="1"/>
  <c r="D8205" i="2" s="1"/>
  <c r="D8196" i="2" a="1"/>
  <c r="D8196" i="2" s="1"/>
  <c r="D8210" i="2" a="1"/>
  <c r="D8210" i="2" s="1"/>
  <c r="D8208" i="2" a="1"/>
  <c r="D8208" i="2" s="1"/>
  <c r="D8204" i="2" a="1"/>
  <c r="D8204" i="2" s="1"/>
  <c r="D8212" i="2" a="1"/>
  <c r="D8212" i="2" s="1"/>
  <c r="D8215" i="2" a="1"/>
  <c r="D8215" i="2" s="1"/>
  <c r="D8213" i="2" a="1"/>
  <c r="D8213" i="2" s="1"/>
  <c r="E1581" i="2" a="1"/>
  <c r="E1581" i="2" s="1"/>
  <c r="E1586" i="2" a="1"/>
  <c r="E1586" i="2" s="1"/>
  <c r="E1585" i="2" a="1"/>
  <c r="E1585" i="2" s="1"/>
  <c r="E1573" i="2" a="1"/>
  <c r="E1573" i="2" s="1"/>
  <c r="E1575" i="2" a="1"/>
  <c r="E1575" i="2" s="1"/>
  <c r="E1578" i="2" a="1"/>
  <c r="E1578" i="2" s="1"/>
  <c r="F5395" i="2" a="1"/>
  <c r="F5395" i="2" s="1"/>
  <c r="F5387" i="2" a="1"/>
  <c r="F5387" i="2" s="1"/>
  <c r="F5398" i="2" a="1"/>
  <c r="F5398" i="2" s="1"/>
  <c r="F5396" i="2" a="1"/>
  <c r="F5396" i="2" s="1"/>
  <c r="F5400" i="2" a="1"/>
  <c r="F5400" i="2" s="1"/>
  <c r="F5399" i="2" a="1"/>
  <c r="F5399" i="2" s="1"/>
  <c r="F5402" i="2" a="1"/>
  <c r="F5402" i="2" s="1"/>
  <c r="F5403" i="2" a="1"/>
  <c r="F5403" i="2" s="1"/>
  <c r="F5404" i="2" a="1"/>
  <c r="F5404" i="2" s="1"/>
  <c r="F5393" i="2" a="1"/>
  <c r="F5393" i="2" s="1"/>
  <c r="F5409" i="2" a="1"/>
  <c r="F5409" i="2" s="1"/>
  <c r="F5401" i="2" a="1"/>
  <c r="F5401" i="2" s="1"/>
  <c r="F5391" i="2" a="1"/>
  <c r="F5391" i="2" s="1"/>
  <c r="F5405" i="2" a="1"/>
  <c r="F5405" i="2" s="1"/>
  <c r="F5407" i="2" a="1"/>
  <c r="F5407" i="2" s="1"/>
  <c r="F5408" i="2" a="1"/>
  <c r="F5408" i="2" s="1"/>
  <c r="F5392" i="2" a="1"/>
  <c r="F5392" i="2" s="1"/>
  <c r="F5406" i="2" a="1"/>
  <c r="F5406" i="2" s="1"/>
  <c r="F5389" i="2" a="1"/>
  <c r="F5389" i="2" s="1"/>
  <c r="F5390" i="2" a="1"/>
  <c r="F5390" i="2" s="1"/>
  <c r="F5397" i="2" a="1"/>
  <c r="F5397" i="2" s="1"/>
  <c r="F5388" i="2" a="1"/>
  <c r="F5388" i="2" s="1"/>
  <c r="F5394" i="2" a="1"/>
  <c r="F5394" i="2" s="1"/>
  <c r="F5386" i="2" a="1"/>
  <c r="F5386" i="2" s="1"/>
  <c r="H4744" i="2" a="1"/>
  <c r="H4744" i="2" s="1"/>
  <c r="H4750" i="2" a="1"/>
  <c r="H4750" i="2" s="1"/>
  <c r="H4756" i="2" a="1"/>
  <c r="H4756" i="2" s="1"/>
  <c r="H4738" i="2" a="1"/>
  <c r="H4738" i="2" s="1"/>
  <c r="H4757" i="2" a="1"/>
  <c r="H4757" i="2" s="1"/>
  <c r="H4739" i="2" a="1"/>
  <c r="H4739" i="2" s="1"/>
  <c r="H4746" i="2" a="1"/>
  <c r="H4746" i="2" s="1"/>
  <c r="H4755" i="2" a="1"/>
  <c r="H4755" i="2" s="1"/>
  <c r="H4741" i="2" a="1"/>
  <c r="H4741" i="2" s="1"/>
  <c r="H4745" i="2" a="1"/>
  <c r="H4745" i="2" s="1"/>
  <c r="H4751" i="2" a="1"/>
  <c r="H4751" i="2" s="1"/>
  <c r="H4759" i="2" a="1"/>
  <c r="H4759" i="2" s="1"/>
  <c r="H4754" i="2" a="1"/>
  <c r="H4754" i="2" s="1"/>
  <c r="H4748" i="2" a="1"/>
  <c r="H4748" i="2" s="1"/>
  <c r="H4743" i="2" a="1"/>
  <c r="H4743" i="2" s="1"/>
  <c r="H4749" i="2" a="1"/>
  <c r="H4749" i="2" s="1"/>
  <c r="H4742" i="2" a="1"/>
  <c r="H4742" i="2" s="1"/>
  <c r="H4752" i="2" a="1"/>
  <c r="H4752" i="2" s="1"/>
  <c r="H4758" i="2" a="1"/>
  <c r="H4758" i="2" s="1"/>
  <c r="H4753" i="2" a="1"/>
  <c r="H4753" i="2" s="1"/>
  <c r="H4760" i="2" a="1"/>
  <c r="H4760" i="2" s="1"/>
  <c r="H4740" i="2" a="1"/>
  <c r="H4740" i="2" s="1"/>
  <c r="H4761" i="2" a="1"/>
  <c r="H4761" i="2" s="1"/>
  <c r="H4747" i="2" a="1"/>
  <c r="H4747" i="2" s="1"/>
  <c r="F1836" i="2" a="1"/>
  <c r="F1836" i="2" s="1"/>
  <c r="F1848" i="2" a="1"/>
  <c r="F1848" i="2" s="1"/>
  <c r="F1837" i="2" a="1"/>
  <c r="F1837" i="2" s="1"/>
  <c r="F1851" i="2" a="1"/>
  <c r="F1851" i="2" s="1"/>
  <c r="F1844" i="2" a="1"/>
  <c r="F1844" i="2" s="1"/>
  <c r="F1835" i="2" a="1"/>
  <c r="F1835" i="2" s="1"/>
  <c r="F1840" i="2" a="1"/>
  <c r="F1840" i="2" s="1"/>
  <c r="F1846" i="2" a="1"/>
  <c r="F1846" i="2" s="1"/>
  <c r="F1839" i="2" a="1"/>
  <c r="F1839" i="2" s="1"/>
  <c r="F1843" i="2" a="1"/>
  <c r="F1843" i="2" s="1"/>
  <c r="F1855" i="2" a="1"/>
  <c r="F1855" i="2" s="1"/>
  <c r="F1838" i="2" a="1"/>
  <c r="F1838" i="2" s="1"/>
  <c r="F1845" i="2" a="1"/>
  <c r="F1845" i="2" s="1"/>
  <c r="F1847" i="2" a="1"/>
  <c r="F1847" i="2" s="1"/>
  <c r="F1852" i="2" a="1"/>
  <c r="F1852" i="2" s="1"/>
  <c r="F1857" i="2" a="1"/>
  <c r="F1857" i="2" s="1"/>
  <c r="F1856" i="2" a="1"/>
  <c r="F1856" i="2" s="1"/>
  <c r="F1849" i="2" a="1"/>
  <c r="F1849" i="2" s="1"/>
  <c r="F1834" i="2" a="1"/>
  <c r="F1834" i="2" s="1"/>
  <c r="F1842" i="2" a="1"/>
  <c r="F1842" i="2" s="1"/>
  <c r="F1841" i="2" a="1"/>
  <c r="F1841" i="2" s="1"/>
  <c r="F7931" i="2" a="1"/>
  <c r="F7931" i="2" s="1"/>
  <c r="F7946" i="2" a="1"/>
  <c r="F7946" i="2" s="1"/>
  <c r="F7940" i="2" a="1"/>
  <c r="F7940" i="2" s="1"/>
  <c r="F7944" i="2" a="1"/>
  <c r="F7944" i="2" s="1"/>
  <c r="F7933" i="2" a="1"/>
  <c r="F7933" i="2" s="1"/>
  <c r="F7937" i="2" a="1"/>
  <c r="F7937" i="2" s="1"/>
  <c r="F7932" i="2" a="1"/>
  <c r="F7932" i="2" s="1"/>
  <c r="F7949" i="2" a="1"/>
  <c r="F7949" i="2" s="1"/>
  <c r="F7947" i="2" a="1"/>
  <c r="F7947" i="2" s="1"/>
  <c r="F7930" i="2" a="1"/>
  <c r="F7930" i="2" s="1"/>
  <c r="F7939" i="2" a="1"/>
  <c r="F7939" i="2" s="1"/>
  <c r="F7943" i="2" a="1"/>
  <c r="F7943" i="2" s="1"/>
  <c r="F7952" i="2" a="1"/>
  <c r="F7952" i="2" s="1"/>
  <c r="F7941" i="2" a="1"/>
  <c r="F7941" i="2" s="1"/>
  <c r="F7951" i="2" a="1"/>
  <c r="F7951" i="2" s="1"/>
  <c r="F7942" i="2" a="1"/>
  <c r="F7942" i="2" s="1"/>
  <c r="F7935" i="2" a="1"/>
  <c r="F7935" i="2" s="1"/>
  <c r="F7945" i="2" a="1"/>
  <c r="F7945" i="2" s="1"/>
  <c r="F7950" i="2" a="1"/>
  <c r="F7950" i="2" s="1"/>
  <c r="F7953" i="2" a="1"/>
  <c r="F7953" i="2" s="1"/>
  <c r="F7934" i="2" a="1"/>
  <c r="F7934" i="2" s="1"/>
  <c r="F7936" i="2" a="1"/>
  <c r="F7936" i="2" s="1"/>
  <c r="F7938" i="2" a="1"/>
  <c r="F7938" i="2" s="1"/>
  <c r="F4041" i="2" a="1"/>
  <c r="F4041" i="2" s="1"/>
  <c r="F4039" i="2" a="1"/>
  <c r="F4039" i="2" s="1"/>
  <c r="F4028" i="2" a="1"/>
  <c r="F4028" i="2" s="1"/>
  <c r="F4020" i="2" a="1"/>
  <c r="F4020" i="2" s="1"/>
  <c r="F4029" i="2" a="1"/>
  <c r="F4029" i="2" s="1"/>
  <c r="F4019" i="2" a="1"/>
  <c r="F4019" i="2" s="1"/>
  <c r="F4030" i="2" a="1"/>
  <c r="F4030" i="2" s="1"/>
  <c r="F4031" i="2" a="1"/>
  <c r="F4031" i="2" s="1"/>
  <c r="F4025" i="2" a="1"/>
  <c r="F4025" i="2" s="1"/>
  <c r="F4032" i="2" a="1"/>
  <c r="F4032" i="2" s="1"/>
  <c r="F4023" i="2" a="1"/>
  <c r="F4023" i="2" s="1"/>
  <c r="F4034" i="2" a="1"/>
  <c r="F4034" i="2" s="1"/>
  <c r="F4035" i="2" a="1"/>
  <c r="F4035" i="2" s="1"/>
  <c r="F4037" i="2" a="1"/>
  <c r="F4037" i="2" s="1"/>
  <c r="F4036" i="2" a="1"/>
  <c r="F4036" i="2" s="1"/>
  <c r="D222" i="2" a="1"/>
  <c r="D222" i="2" s="1"/>
  <c r="D205" i="2" a="1"/>
  <c r="D205" i="2" s="1"/>
  <c r="D209" i="2" a="1"/>
  <c r="D209" i="2" s="1"/>
  <c r="D214" i="2" a="1"/>
  <c r="D214" i="2" s="1"/>
  <c r="D225" i="2" a="1"/>
  <c r="D225" i="2" s="1"/>
  <c r="D216" i="2" a="1"/>
  <c r="D216" i="2" s="1"/>
  <c r="D206" i="2" a="1"/>
  <c r="D206" i="2" s="1"/>
  <c r="D204" i="2" a="1"/>
  <c r="D204" i="2" s="1"/>
  <c r="D213" i="2" a="1"/>
  <c r="D213" i="2" s="1"/>
  <c r="D224" i="2" a="1"/>
  <c r="D224" i="2" s="1"/>
  <c r="D219" i="2" a="1"/>
  <c r="D219" i="2" s="1"/>
  <c r="D220" i="2" a="1"/>
  <c r="D220" i="2" s="1"/>
  <c r="D210" i="2" a="1"/>
  <c r="D210" i="2" s="1"/>
  <c r="D203" i="2" a="1"/>
  <c r="D203" i="2" s="1"/>
  <c r="D217" i="2" a="1"/>
  <c r="D217" i="2" s="1"/>
  <c r="F6880" i="2" a="1"/>
  <c r="F6880" i="2" s="1"/>
  <c r="F6885" i="2" a="1"/>
  <c r="F6885" i="2" s="1"/>
  <c r="F6875" i="2" a="1"/>
  <c r="F6875" i="2" s="1"/>
  <c r="F6896" i="2" a="1"/>
  <c r="F6896" i="2" s="1"/>
  <c r="F6887" i="2" a="1"/>
  <c r="F6887" i="2" s="1"/>
  <c r="F6891" i="2" a="1"/>
  <c r="F6891" i="2" s="1"/>
  <c r="F6882" i="2" a="1"/>
  <c r="F6882" i="2" s="1"/>
  <c r="F6889" i="2" a="1"/>
  <c r="F6889" i="2" s="1"/>
  <c r="F6883" i="2" a="1"/>
  <c r="F6883" i="2" s="1"/>
  <c r="F6874" i="2" a="1"/>
  <c r="F6874" i="2" s="1"/>
  <c r="G1703" i="2" a="1"/>
  <c r="G1703" i="2" s="1"/>
  <c r="G1713" i="2" a="1"/>
  <c r="G1713" i="2" s="1"/>
  <c r="G1691" i="2" a="1"/>
  <c r="G1691" i="2" s="1"/>
  <c r="G1704" i="2" a="1"/>
  <c r="G1704" i="2" s="1"/>
  <c r="G1699" i="2" a="1"/>
  <c r="G1699" i="2" s="1"/>
  <c r="G1701" i="2" a="1"/>
  <c r="G1701" i="2" s="1"/>
  <c r="G1708" i="2" a="1"/>
  <c r="G1708" i="2" s="1"/>
  <c r="E1503" i="2" a="1"/>
  <c r="E1503" i="2" s="1"/>
  <c r="E1512" i="2" a="1"/>
  <c r="E1512" i="2" s="1"/>
  <c r="E1514" i="2" a="1"/>
  <c r="E1514" i="2" s="1"/>
  <c r="E1520" i="2" a="1"/>
  <c r="E1520" i="2" s="1"/>
  <c r="E1513" i="2" a="1"/>
  <c r="E1513" i="2" s="1"/>
  <c r="E1519" i="2" a="1"/>
  <c r="E1519" i="2" s="1"/>
  <c r="E1518" i="2" a="1"/>
  <c r="E1518" i="2" s="1"/>
  <c r="E1500" i="2" a="1"/>
  <c r="E1500" i="2" s="1"/>
  <c r="E1506" i="2" a="1"/>
  <c r="E1506" i="2" s="1"/>
  <c r="E1511" i="2" a="1"/>
  <c r="E1511" i="2" s="1"/>
  <c r="E1521" i="2" a="1"/>
  <c r="E1521" i="2" s="1"/>
  <c r="E1499" i="2" a="1"/>
  <c r="E1499" i="2" s="1"/>
  <c r="E1510" i="2" a="1"/>
  <c r="E1510" i="2" s="1"/>
  <c r="E1505" i="2" a="1"/>
  <c r="E1505" i="2" s="1"/>
  <c r="E1502" i="2" a="1"/>
  <c r="E1502" i="2" s="1"/>
  <c r="E1517" i="2" a="1"/>
  <c r="E1517" i="2" s="1"/>
  <c r="E1516" i="2" a="1"/>
  <c r="E1516" i="2" s="1"/>
  <c r="E1501" i="2" a="1"/>
  <c r="E1501" i="2" s="1"/>
  <c r="E1515" i="2" a="1"/>
  <c r="E1515" i="2" s="1"/>
  <c r="E1508" i="2" a="1"/>
  <c r="E1508" i="2" s="1"/>
  <c r="E1509" i="2" a="1"/>
  <c r="E1509" i="2" s="1"/>
  <c r="E1498" i="2" a="1"/>
  <c r="E1498" i="2" s="1"/>
  <c r="E1504" i="2" a="1"/>
  <c r="E1504" i="2" s="1"/>
  <c r="E1507" i="2" a="1"/>
  <c r="E1507" i="2" s="1"/>
  <c r="H2435" i="2" a="1"/>
  <c r="H2435" i="2" s="1"/>
  <c r="H2443" i="2" a="1"/>
  <c r="H2443" i="2" s="1"/>
  <c r="H2440" i="2" a="1"/>
  <c r="H2440" i="2" s="1"/>
  <c r="H2448" i="2" a="1"/>
  <c r="H2448" i="2" s="1"/>
  <c r="H2439" i="2" a="1"/>
  <c r="H2439" i="2" s="1"/>
  <c r="H2452" i="2" a="1"/>
  <c r="H2452" i="2" s="1"/>
  <c r="H2437" i="2" a="1"/>
  <c r="H2437" i="2" s="1"/>
  <c r="H2450" i="2" a="1"/>
  <c r="H2450" i="2" s="1"/>
  <c r="H2438" i="2" a="1"/>
  <c r="H2438" i="2" s="1"/>
  <c r="H2436" i="2" a="1"/>
  <c r="H2436" i="2" s="1"/>
  <c r="H2447" i="2" a="1"/>
  <c r="H2447" i="2" s="1"/>
  <c r="H2456" i="2" a="1"/>
  <c r="H2456" i="2" s="1"/>
  <c r="H101" i="2" a="1"/>
  <c r="H101" i="2" s="1"/>
  <c r="H84" i="2" a="1"/>
  <c r="H84" i="2" s="1"/>
  <c r="H82" i="2" a="1"/>
  <c r="H82" i="2" s="1"/>
  <c r="H94" i="2" a="1"/>
  <c r="H94" i="2" s="1"/>
  <c r="H83" i="2" a="1"/>
  <c r="H83" i="2" s="1"/>
  <c r="H90" i="2" a="1"/>
  <c r="H90" i="2" s="1"/>
  <c r="H97" i="2" a="1"/>
  <c r="H97" i="2" s="1"/>
  <c r="H85" i="2" a="1"/>
  <c r="H85" i="2" s="1"/>
  <c r="H88" i="2" a="1"/>
  <c r="H88" i="2" s="1"/>
  <c r="H91" i="2" a="1"/>
  <c r="H91" i="2" s="1"/>
  <c r="H100" i="2" a="1"/>
  <c r="H100" i="2" s="1"/>
  <c r="H103" i="2" a="1"/>
  <c r="H103" i="2" s="1"/>
  <c r="H102" i="2" a="1"/>
  <c r="H102" i="2" s="1"/>
  <c r="H93" i="2" a="1"/>
  <c r="H93" i="2" s="1"/>
  <c r="H104" i="2" a="1"/>
  <c r="H104" i="2" s="1"/>
  <c r="H105" i="2" a="1"/>
  <c r="H105" i="2" s="1"/>
  <c r="H95" i="2" a="1"/>
  <c r="H95" i="2" s="1"/>
  <c r="H92" i="2" a="1"/>
  <c r="H92" i="2" s="1"/>
  <c r="H86" i="2" a="1"/>
  <c r="H86" i="2" s="1"/>
  <c r="F3370" i="2" a="1"/>
  <c r="F3370" i="2" s="1"/>
  <c r="F3392" i="2" a="1"/>
  <c r="F3392" i="2" s="1"/>
  <c r="F3382" i="2" a="1"/>
  <c r="F3382" i="2" s="1"/>
  <c r="F3381" i="2" a="1"/>
  <c r="F3381" i="2" s="1"/>
  <c r="F3378" i="2" a="1"/>
  <c r="F3378" i="2" s="1"/>
  <c r="F3389" i="2" a="1"/>
  <c r="F3389" i="2" s="1"/>
  <c r="F3376" i="2" a="1"/>
  <c r="F3376" i="2" s="1"/>
  <c r="F3391" i="2" a="1"/>
  <c r="F3391" i="2" s="1"/>
  <c r="F3393" i="2" a="1"/>
  <c r="F3393" i="2" s="1"/>
  <c r="F3375" i="2" a="1"/>
  <c r="F3375" i="2" s="1"/>
  <c r="F3388" i="2" a="1"/>
  <c r="F3388" i="2" s="1"/>
  <c r="F3390" i="2" a="1"/>
  <c r="F3390" i="2" s="1"/>
  <c r="F3377" i="2" a="1"/>
  <c r="F3377" i="2" s="1"/>
  <c r="F3385" i="2" a="1"/>
  <c r="F3385" i="2" s="1"/>
  <c r="F3386" i="2" a="1"/>
  <c r="F3386" i="2" s="1"/>
  <c r="F3372" i="2" a="1"/>
  <c r="F3372" i="2" s="1"/>
  <c r="F3374" i="2" a="1"/>
  <c r="F3374" i="2" s="1"/>
  <c r="F3371" i="2" a="1"/>
  <c r="F3371" i="2" s="1"/>
  <c r="F3384" i="2" a="1"/>
  <c r="F3384" i="2" s="1"/>
  <c r="F3373" i="2" a="1"/>
  <c r="F3373" i="2" s="1"/>
  <c r="F3387" i="2" a="1"/>
  <c r="F3387" i="2" s="1"/>
  <c r="F3379" i="2" a="1"/>
  <c r="F3379" i="2" s="1"/>
  <c r="F3380" i="2" a="1"/>
  <c r="F3380" i="2" s="1"/>
  <c r="F3383" i="2" a="1"/>
  <c r="F3383" i="2" s="1"/>
  <c r="H5106" i="2" a="1"/>
  <c r="H5106" i="2" s="1"/>
  <c r="H5115" i="2" a="1"/>
  <c r="H5115" i="2" s="1"/>
  <c r="H5116" i="2" a="1"/>
  <c r="H5116" i="2" s="1"/>
  <c r="H5107" i="2" a="1"/>
  <c r="H5107" i="2" s="1"/>
  <c r="H5117" i="2" a="1"/>
  <c r="H5117" i="2" s="1"/>
  <c r="H5099" i="2" a="1"/>
  <c r="H5099" i="2" s="1"/>
  <c r="H5113" i="2" a="1"/>
  <c r="H5113" i="2" s="1"/>
  <c r="H5098" i="2" a="1"/>
  <c r="H5098" i="2" s="1"/>
  <c r="H5101" i="2" a="1"/>
  <c r="H5101" i="2" s="1"/>
  <c r="H5120" i="2" a="1"/>
  <c r="H5120" i="2" s="1"/>
  <c r="H5114" i="2" a="1"/>
  <c r="H5114" i="2" s="1"/>
  <c r="H5104" i="2" a="1"/>
  <c r="H5104" i="2" s="1"/>
  <c r="H5110" i="2" a="1"/>
  <c r="H5110" i="2" s="1"/>
  <c r="H5102" i="2" a="1"/>
  <c r="H5102" i="2" s="1"/>
  <c r="H5111" i="2" a="1"/>
  <c r="H5111" i="2" s="1"/>
  <c r="H5103" i="2" a="1"/>
  <c r="H5103" i="2" s="1"/>
  <c r="H5105" i="2" a="1"/>
  <c r="H5105" i="2" s="1"/>
  <c r="H5109" i="2" a="1"/>
  <c r="H5109" i="2" s="1"/>
  <c r="H5118" i="2" a="1"/>
  <c r="H5118" i="2" s="1"/>
  <c r="H5121" i="2" a="1"/>
  <c r="H5121" i="2" s="1"/>
  <c r="H5100" i="2" a="1"/>
  <c r="H5100" i="2" s="1"/>
  <c r="H5108" i="2" a="1"/>
  <c r="H5108" i="2" s="1"/>
  <c r="H5119" i="2" a="1"/>
  <c r="H5119" i="2" s="1"/>
  <c r="H3405" i="2" a="1"/>
  <c r="H3405" i="2" s="1"/>
  <c r="H3400" i="2" a="1"/>
  <c r="H3400" i="2" s="1"/>
  <c r="H3404" i="2" a="1"/>
  <c r="H3404" i="2" s="1"/>
  <c r="H3395" i="2" a="1"/>
  <c r="H3395" i="2" s="1"/>
  <c r="H3397" i="2" a="1"/>
  <c r="H3397" i="2" s="1"/>
  <c r="H3398" i="2" a="1"/>
  <c r="H3398" i="2" s="1"/>
  <c r="H3412" i="2" a="1"/>
  <c r="H3412" i="2" s="1"/>
  <c r="H3402" i="2" a="1"/>
  <c r="H3402" i="2" s="1"/>
  <c r="H3409" i="2" a="1"/>
  <c r="H3409" i="2" s="1"/>
  <c r="H3414" i="2" a="1"/>
  <c r="H3414" i="2" s="1"/>
  <c r="H3411" i="2" a="1"/>
  <c r="H3411" i="2" s="1"/>
  <c r="H3416" i="2" a="1"/>
  <c r="H3416" i="2" s="1"/>
  <c r="H3408" i="2" a="1"/>
  <c r="H3408" i="2" s="1"/>
  <c r="H3394" i="2" a="1"/>
  <c r="H3394" i="2" s="1"/>
  <c r="H3396" i="2" a="1"/>
  <c r="H3396" i="2" s="1"/>
  <c r="H3403" i="2" a="1"/>
  <c r="H3403" i="2" s="1"/>
  <c r="H3399" i="2" a="1"/>
  <c r="H3399" i="2" s="1"/>
  <c r="H3410" i="2" a="1"/>
  <c r="H3410" i="2" s="1"/>
  <c r="H3413" i="2" a="1"/>
  <c r="H3413" i="2" s="1"/>
  <c r="H3406" i="2" a="1"/>
  <c r="H3406" i="2" s="1"/>
  <c r="H3417" i="2" a="1"/>
  <c r="H3417" i="2" s="1"/>
  <c r="H3415" i="2" a="1"/>
  <c r="H3415" i="2" s="1"/>
  <c r="H3401" i="2" a="1"/>
  <c r="H3401" i="2" s="1"/>
  <c r="H3407" i="2" a="1"/>
  <c r="H3407" i="2" s="1"/>
  <c r="E1080" i="2" a="1"/>
  <c r="E1080" i="2" s="1"/>
  <c r="E1070" i="2" a="1"/>
  <c r="E1070" i="2" s="1"/>
  <c r="E1084" i="2" a="1"/>
  <c r="E1084" i="2" s="1"/>
  <c r="E1068" i="2" a="1"/>
  <c r="E1068" i="2" s="1"/>
  <c r="E1066" i="2" a="1"/>
  <c r="E1066" i="2" s="1"/>
  <c r="E1085" i="2" a="1"/>
  <c r="E1085" i="2" s="1"/>
  <c r="E1087" i="2" a="1"/>
  <c r="E1087" i="2" s="1"/>
  <c r="E1071" i="2" a="1"/>
  <c r="E1071" i="2" s="1"/>
  <c r="E1077" i="2" a="1"/>
  <c r="E1077" i="2" s="1"/>
  <c r="F3886" i="2" a="1"/>
  <c r="F3886" i="2" s="1"/>
  <c r="F3888" i="2" a="1"/>
  <c r="F3888" i="2" s="1"/>
  <c r="F3887" i="2" a="1"/>
  <c r="F3887" i="2" s="1"/>
  <c r="F3895" i="2" a="1"/>
  <c r="F3895" i="2" s="1"/>
  <c r="F3896" i="2" a="1"/>
  <c r="F3896" i="2" s="1"/>
  <c r="F3880" i="2" a="1"/>
  <c r="F3880" i="2" s="1"/>
  <c r="F3876" i="2" a="1"/>
  <c r="F3876" i="2" s="1"/>
  <c r="F3884" i="2" a="1"/>
  <c r="F3884" i="2" s="1"/>
  <c r="F3892" i="2" a="1"/>
  <c r="F3892" i="2" s="1"/>
  <c r="F3875" i="2" a="1"/>
  <c r="F3875" i="2" s="1"/>
  <c r="F3879" i="2" a="1"/>
  <c r="F3879" i="2" s="1"/>
  <c r="F3889" i="2" a="1"/>
  <c r="F3889" i="2" s="1"/>
  <c r="F3897" i="2" a="1"/>
  <c r="F3897" i="2" s="1"/>
  <c r="F3885" i="2" a="1"/>
  <c r="F3885" i="2" s="1"/>
  <c r="F3878" i="2" a="1"/>
  <c r="F3878" i="2" s="1"/>
  <c r="F3891" i="2" a="1"/>
  <c r="F3891" i="2" s="1"/>
  <c r="F3893" i="2" a="1"/>
  <c r="F3893" i="2" s="1"/>
  <c r="F3877" i="2" a="1"/>
  <c r="F3877" i="2" s="1"/>
  <c r="F3890" i="2" a="1"/>
  <c r="F3890" i="2" s="1"/>
  <c r="F3894" i="2" a="1"/>
  <c r="F3894" i="2" s="1"/>
  <c r="F3882" i="2" a="1"/>
  <c r="F3882" i="2" s="1"/>
  <c r="F3881" i="2" a="1"/>
  <c r="F3881" i="2" s="1"/>
  <c r="D3363" i="2" a="1"/>
  <c r="D3363" i="2" s="1"/>
  <c r="D3352" i="2" a="1"/>
  <c r="D3352" i="2" s="1"/>
  <c r="D3353" i="2" a="1"/>
  <c r="D3353" i="2" s="1"/>
  <c r="D3368" i="2" a="1"/>
  <c r="D3368" i="2" s="1"/>
  <c r="D3349" i="2" a="1"/>
  <c r="D3349" i="2" s="1"/>
  <c r="D3369" i="2" a="1"/>
  <c r="D3369" i="2" s="1"/>
  <c r="D3346" i="2" a="1"/>
  <c r="D3346" i="2" s="1"/>
  <c r="D3355" i="2" a="1"/>
  <c r="D3355" i="2" s="1"/>
  <c r="D3364" i="2" a="1"/>
  <c r="D3364" i="2" s="1"/>
  <c r="D3365" i="2" a="1"/>
  <c r="D3365" i="2" s="1"/>
  <c r="D3348" i="2" a="1"/>
  <c r="D3348" i="2" s="1"/>
  <c r="D3347" i="2" a="1"/>
  <c r="D3347" i="2" s="1"/>
  <c r="D3357" i="2" a="1"/>
  <c r="D3357" i="2" s="1"/>
  <c r="D3360" i="2" a="1"/>
  <c r="D3360" i="2" s="1"/>
  <c r="D3354" i="2" a="1"/>
  <c r="D3354" i="2" s="1"/>
  <c r="D3359" i="2" a="1"/>
  <c r="D3359" i="2" s="1"/>
  <c r="D3350" i="2" a="1"/>
  <c r="D3350" i="2" s="1"/>
  <c r="D3362" i="2" a="1"/>
  <c r="D3362" i="2" s="1"/>
  <c r="D3358" i="2" a="1"/>
  <c r="D3358" i="2" s="1"/>
  <c r="D3361" i="2" a="1"/>
  <c r="D3361" i="2" s="1"/>
  <c r="D3356" i="2" a="1"/>
  <c r="D3356" i="2" s="1"/>
  <c r="D3366" i="2" a="1"/>
  <c r="D3366" i="2" s="1"/>
  <c r="D3351" i="2" a="1"/>
  <c r="D3351" i="2" s="1"/>
  <c r="D3367" i="2" a="1"/>
  <c r="D3367" i="2" s="1"/>
  <c r="D7927" i="2" a="1"/>
  <c r="D7927" i="2" s="1"/>
  <c r="D7917" i="2" a="1"/>
  <c r="D7917" i="2" s="1"/>
  <c r="D7914" i="2" a="1"/>
  <c r="D7914" i="2" s="1"/>
  <c r="D7909" i="2" a="1"/>
  <c r="D7909" i="2" s="1"/>
  <c r="D7923" i="2" a="1"/>
  <c r="D7923" i="2" s="1"/>
  <c r="D7919" i="2" a="1"/>
  <c r="D7919" i="2" s="1"/>
  <c r="D7907" i="2" a="1"/>
  <c r="D7907" i="2" s="1"/>
  <c r="D7908" i="2" a="1"/>
  <c r="D7908" i="2" s="1"/>
  <c r="D7915" i="2" a="1"/>
  <c r="D7915" i="2" s="1"/>
  <c r="D7928" i="2" a="1"/>
  <c r="D7928" i="2" s="1"/>
  <c r="D7916" i="2" a="1"/>
  <c r="D7916" i="2" s="1"/>
  <c r="D7922" i="2" a="1"/>
  <c r="D7922" i="2" s="1"/>
  <c r="D7926" i="2" a="1"/>
  <c r="D7926" i="2" s="1"/>
  <c r="D7921" i="2" a="1"/>
  <c r="D7921" i="2" s="1"/>
  <c r="D7929" i="2" a="1"/>
  <c r="D7929" i="2" s="1"/>
  <c r="D7918" i="2" a="1"/>
  <c r="D7918" i="2" s="1"/>
  <c r="D7924" i="2" a="1"/>
  <c r="D7924" i="2" s="1"/>
  <c r="D7925" i="2" a="1"/>
  <c r="D7925" i="2" s="1"/>
  <c r="D7911" i="2" a="1"/>
  <c r="D7911" i="2" s="1"/>
  <c r="D7906" i="2" a="1"/>
  <c r="D7906" i="2" s="1"/>
  <c r="D7912" i="2" a="1"/>
  <c r="D7912" i="2" s="1"/>
  <c r="D7920" i="2" a="1"/>
  <c r="D7920" i="2" s="1"/>
  <c r="D7910" i="2" a="1"/>
  <c r="D7910" i="2" s="1"/>
  <c r="D7913" i="2" a="1"/>
  <c r="D7913" i="2" s="1"/>
  <c r="E1459" i="2" a="1"/>
  <c r="E1459" i="2" s="1"/>
  <c r="D5556" i="2" a="1"/>
  <c r="D5556" i="2" s="1"/>
  <c r="H8567" i="2" a="1"/>
  <c r="H8567" i="2" s="1"/>
  <c r="D7159" i="2" a="1"/>
  <c r="D7159" i="2" s="1"/>
  <c r="E7439" i="2" a="1"/>
  <c r="E7439" i="2" s="1"/>
  <c r="D1230" i="2" a="1"/>
  <c r="D1230" i="2" s="1"/>
  <c r="F6132" i="2" a="1"/>
  <c r="F6132" i="2" s="1"/>
  <c r="H2734" i="2" a="1"/>
  <c r="H2734" i="2" s="1"/>
  <c r="G3012" i="2" a="1"/>
  <c r="G3012" i="2" s="1"/>
  <c r="E1849" i="2" a="1"/>
  <c r="E1849" i="2" s="1"/>
  <c r="F4875" i="2" a="1"/>
  <c r="F4875" i="2" s="1"/>
  <c r="E1684" i="2" a="1"/>
  <c r="E1684" i="2" s="1"/>
  <c r="F4886" i="2" a="1"/>
  <c r="F4886" i="2" s="1"/>
  <c r="AN2" i="1"/>
  <c r="D8" i="5" s="1"/>
  <c r="E1650" i="2" a="1"/>
  <c r="E1650" i="2" s="1"/>
  <c r="H1488" i="2" a="1"/>
  <c r="H1488" i="2" s="1"/>
  <c r="H4117" i="2" a="1"/>
  <c r="H4117" i="2" s="1"/>
  <c r="F7787" i="2" a="1"/>
  <c r="F7787" i="2" s="1"/>
  <c r="H2806" i="2" a="1"/>
  <c r="H2806" i="2" s="1"/>
  <c r="F2494" i="2" a="1"/>
  <c r="F2494" i="2" s="1"/>
  <c r="F6176" i="2" a="1"/>
  <c r="F6176" i="2" s="1"/>
  <c r="H4705" i="2" a="1"/>
  <c r="H4705" i="2" s="1"/>
  <c r="H3524" i="2" a="1"/>
  <c r="H3524" i="2" s="1"/>
  <c r="AO20" i="1"/>
  <c r="E26" i="5" s="1"/>
  <c r="F8564" i="2" a="1"/>
  <c r="F8564" i="2" s="1"/>
  <c r="H1844" i="2" a="1"/>
  <c r="H1844" i="2" s="1"/>
  <c r="F6919" i="2" a="1"/>
  <c r="F6919" i="2" s="1"/>
  <c r="E6311" i="2" a="1"/>
  <c r="E6311" i="2" s="1"/>
  <c r="AQ198" i="1"/>
  <c r="G204" i="5" s="1"/>
  <c r="D1899" i="2" a="1"/>
  <c r="D1899" i="2" s="1"/>
  <c r="F6805" i="2" a="1"/>
  <c r="F6805" i="2" s="1"/>
  <c r="H7872" i="2" a="1"/>
  <c r="H7872" i="2" s="1"/>
  <c r="E3591" i="2" a="1"/>
  <c r="E3591" i="2" s="1"/>
  <c r="E135" i="2" a="1"/>
  <c r="E135" i="2" s="1"/>
  <c r="G2941" i="2" a="1"/>
  <c r="G2941" i="2" s="1"/>
  <c r="G7584" i="2" a="1"/>
  <c r="G7584" i="2" s="1"/>
  <c r="G4815" i="2" a="1"/>
  <c r="G4815" i="2" s="1"/>
  <c r="F7896" i="2" a="1"/>
  <c r="F7896" i="2" s="1"/>
  <c r="F946" i="2" a="1"/>
  <c r="F946" i="2" s="1"/>
  <c r="H4310" i="2" a="1"/>
  <c r="H4310" i="2" s="1"/>
  <c r="H745" i="2" a="1"/>
  <c r="H745" i="2" s="1"/>
  <c r="H4532" i="2" a="1"/>
  <c r="H4532" i="2" s="1"/>
  <c r="F7948" i="2" a="1"/>
  <c r="F7948" i="2" s="1"/>
  <c r="D7153" i="2" a="1"/>
  <c r="D7153" i="2" s="1"/>
  <c r="E7449" i="2" a="1"/>
  <c r="E7449" i="2" s="1"/>
  <c r="D1217" i="2" a="1"/>
  <c r="D1217" i="2" s="1"/>
  <c r="F6138" i="2" a="1"/>
  <c r="F6138" i="2" s="1"/>
  <c r="H2728" i="2" a="1"/>
  <c r="H2728" i="2" s="1"/>
  <c r="G3010" i="2" a="1"/>
  <c r="G3010" i="2" s="1"/>
  <c r="F4881" i="2" a="1"/>
  <c r="F4881" i="2" s="1"/>
  <c r="F4899" i="2" a="1"/>
  <c r="F4899" i="2" s="1"/>
  <c r="H1478" i="2" a="1"/>
  <c r="H1478" i="2" s="1"/>
  <c r="H4121" i="2" a="1"/>
  <c r="H4121" i="2" s="1"/>
  <c r="F2503" i="2" a="1"/>
  <c r="F2503" i="2" s="1"/>
  <c r="F6174" i="2" a="1"/>
  <c r="F6174" i="2" s="1"/>
  <c r="G894" i="2" a="1"/>
  <c r="G894" i="2" s="1"/>
  <c r="H4694" i="2" a="1"/>
  <c r="H4694" i="2" s="1"/>
  <c r="H3526" i="2" a="1"/>
  <c r="H3526" i="2" s="1"/>
  <c r="AP20" i="1"/>
  <c r="F26" i="5" s="1"/>
  <c r="F5041" i="2" a="1"/>
  <c r="F5041" i="2" s="1"/>
  <c r="F6911" i="2" a="1"/>
  <c r="F6911" i="2" s="1"/>
  <c r="E6310" i="2" a="1"/>
  <c r="E6310" i="2" s="1"/>
  <c r="E3595" i="2" a="1"/>
  <c r="E3595" i="2" s="1"/>
  <c r="G2939" i="2" a="1"/>
  <c r="G2939" i="2" s="1"/>
  <c r="E4573" i="2" a="1"/>
  <c r="E4573" i="2" s="1"/>
  <c r="AM226" i="1"/>
  <c r="C232" i="5" s="1"/>
  <c r="F7894" i="2" a="1"/>
  <c r="F7894" i="2" s="1"/>
  <c r="F963" i="2" a="1"/>
  <c r="F963" i="2" s="1"/>
  <c r="H4308" i="2" a="1"/>
  <c r="H4308" i="2" s="1"/>
  <c r="G2478" i="2" a="1"/>
  <c r="G2478" i="2" s="1"/>
  <c r="H751" i="2" a="1"/>
  <c r="H751" i="2" s="1"/>
  <c r="E1844" i="2" a="1"/>
  <c r="E1844" i="2" s="1"/>
  <c r="E1854" i="2" a="1"/>
  <c r="E1854" i="2" s="1"/>
  <c r="E1848" i="2" a="1"/>
  <c r="E1848" i="2" s="1"/>
  <c r="E1845" i="2" a="1"/>
  <c r="E1845" i="2" s="1"/>
  <c r="E1847" i="2" a="1"/>
  <c r="E1847" i="2" s="1"/>
  <c r="E1846" i="2" a="1"/>
  <c r="E1846" i="2" s="1"/>
  <c r="E1837" i="2" a="1"/>
  <c r="E1837" i="2" s="1"/>
  <c r="E1856" i="2" a="1"/>
  <c r="E1856" i="2" s="1"/>
  <c r="E1838" i="2" a="1"/>
  <c r="E1838" i="2" s="1"/>
  <c r="H7669" i="2" a="1"/>
  <c r="H7669" i="2" s="1"/>
  <c r="H7681" i="2" a="1"/>
  <c r="H7681" i="2" s="1"/>
  <c r="G4350" i="2" a="1"/>
  <c r="G4350" i="2" s="1"/>
  <c r="G4348" i="2" a="1"/>
  <c r="G4348" i="2" s="1"/>
  <c r="G4338" i="2" a="1"/>
  <c r="G4338" i="2" s="1"/>
  <c r="G4351" i="2" a="1"/>
  <c r="G4351" i="2" s="1"/>
  <c r="G4333" i="2" a="1"/>
  <c r="G4333" i="2" s="1"/>
  <c r="G4330" i="2" a="1"/>
  <c r="G4330" i="2" s="1"/>
  <c r="G4332" i="2" a="1"/>
  <c r="G4332" i="2" s="1"/>
  <c r="G4345" i="2" a="1"/>
  <c r="G4345" i="2" s="1"/>
  <c r="G4334" i="2" a="1"/>
  <c r="G4334" i="2" s="1"/>
  <c r="G4335" i="2" a="1"/>
  <c r="G4335" i="2" s="1"/>
  <c r="G4352" i="2" a="1"/>
  <c r="G4352" i="2" s="1"/>
  <c r="G4353" i="2" a="1"/>
  <c r="G4353" i="2" s="1"/>
  <c r="G4340" i="2" a="1"/>
  <c r="G4340" i="2" s="1"/>
  <c r="G4343" i="2" a="1"/>
  <c r="G4343" i="2" s="1"/>
  <c r="E6290" i="2" a="1"/>
  <c r="E6290" i="2" s="1"/>
  <c r="E6276" i="2" a="1"/>
  <c r="E6276" i="2" s="1"/>
  <c r="E6292" i="2" a="1"/>
  <c r="E6292" i="2" s="1"/>
  <c r="E6279" i="2" a="1"/>
  <c r="E6279" i="2" s="1"/>
  <c r="E6287" i="2" a="1"/>
  <c r="E6287" i="2" s="1"/>
  <c r="E6274" i="2" a="1"/>
  <c r="E6274" i="2" s="1"/>
  <c r="E6285" i="2" a="1"/>
  <c r="E6285" i="2" s="1"/>
  <c r="E6293" i="2" a="1"/>
  <c r="E6293" i="2" s="1"/>
  <c r="E6295" i="2" a="1"/>
  <c r="E6295" i="2" s="1"/>
  <c r="E6296" i="2" a="1"/>
  <c r="E6296" i="2" s="1"/>
  <c r="E6278" i="2" a="1"/>
  <c r="E6278" i="2" s="1"/>
  <c r="E6284" i="2" a="1"/>
  <c r="E6284" i="2" s="1"/>
  <c r="E6286" i="2" a="1"/>
  <c r="E6286" i="2" s="1"/>
  <c r="E6288" i="2" a="1"/>
  <c r="E6288" i="2" s="1"/>
  <c r="E6275" i="2" a="1"/>
  <c r="E6275" i="2" s="1"/>
  <c r="E6297" i="2" a="1"/>
  <c r="E6297" i="2" s="1"/>
  <c r="H4514" i="2" a="1"/>
  <c r="H4514" i="2" s="1"/>
  <c r="H4505" i="2" a="1"/>
  <c r="H4505" i="2" s="1"/>
  <c r="H4519" i="2" a="1"/>
  <c r="H4519" i="2" s="1"/>
  <c r="H4503" i="2" a="1"/>
  <c r="H4503" i="2" s="1"/>
  <c r="G7884" i="2" a="1"/>
  <c r="G7884" i="2" s="1"/>
  <c r="G7888" i="2" a="1"/>
  <c r="G7888" i="2" s="1"/>
  <c r="G7905" i="2" a="1"/>
  <c r="G7905" i="2" s="1"/>
  <c r="F1549" i="2" a="1"/>
  <c r="F1549" i="2" s="1"/>
  <c r="F1567" i="2" a="1"/>
  <c r="F1567" i="2" s="1"/>
  <c r="D7201" i="2" a="1"/>
  <c r="D7201" i="2" s="1"/>
  <c r="D7202" i="2" a="1"/>
  <c r="D7202" i="2" s="1"/>
  <c r="D7187" i="2" a="1"/>
  <c r="D7187" i="2" s="1"/>
  <c r="AQ300" i="1"/>
  <c r="G306" i="5" s="1"/>
  <c r="D7209" i="2" a="1"/>
  <c r="D7209" i="2" s="1"/>
  <c r="D7197" i="2" a="1"/>
  <c r="D7197" i="2" s="1"/>
  <c r="D7193" i="2" a="1"/>
  <c r="D7193" i="2" s="1"/>
  <c r="H4548" i="2" a="1"/>
  <c r="H4548" i="2" s="1"/>
  <c r="H4558" i="2" a="1"/>
  <c r="H4558" i="2" s="1"/>
  <c r="H4551" i="2" a="1"/>
  <c r="H4551" i="2" s="1"/>
  <c r="H4562" i="2" a="1"/>
  <c r="H4562" i="2" s="1"/>
  <c r="H4565" i="2" a="1"/>
  <c r="H4565" i="2" s="1"/>
  <c r="H4563" i="2" a="1"/>
  <c r="H4563" i="2" s="1"/>
  <c r="H4557" i="2" a="1"/>
  <c r="H4557" i="2" s="1"/>
  <c r="D6692" i="2" a="1"/>
  <c r="D6692" i="2" s="1"/>
  <c r="D6688" i="2" a="1"/>
  <c r="D6688" i="2" s="1"/>
  <c r="D6695" i="2" a="1"/>
  <c r="D6695" i="2" s="1"/>
  <c r="AM279" i="1"/>
  <c r="C285" i="5" s="1"/>
  <c r="D6696" i="2" a="1"/>
  <c r="D6696" i="2" s="1"/>
  <c r="D6684" i="2" a="1"/>
  <c r="D6684" i="2" s="1"/>
  <c r="D6703" i="2" a="1"/>
  <c r="D6703" i="2" s="1"/>
  <c r="AP279" i="1"/>
  <c r="F285" i="5" s="1"/>
  <c r="AN279" i="1"/>
  <c r="D285" i="5" s="1"/>
  <c r="H2040" i="2" a="1"/>
  <c r="H2040" i="2" s="1"/>
  <c r="H2048" i="2" a="1"/>
  <c r="H2048" i="2" s="1"/>
  <c r="H2043" i="2" a="1"/>
  <c r="H2043" i="2" s="1"/>
  <c r="H2035" i="2" a="1"/>
  <c r="H2035" i="2" s="1"/>
  <c r="H2042" i="2" a="1"/>
  <c r="H2042" i="2" s="1"/>
  <c r="H2036" i="2" a="1"/>
  <c r="H2036" i="2" s="1"/>
  <c r="H2034" i="2" a="1"/>
  <c r="H2034" i="2" s="1"/>
  <c r="D5082" i="2" a="1"/>
  <c r="D5082" i="2" s="1"/>
  <c r="D5077" i="2" a="1"/>
  <c r="D5077" i="2" s="1"/>
  <c r="D5085" i="2" a="1"/>
  <c r="D5085" i="2" s="1"/>
  <c r="D5097" i="2" a="1"/>
  <c r="D5097" i="2" s="1"/>
  <c r="AQ212" i="1"/>
  <c r="G218" i="5" s="1"/>
  <c r="D5089" i="2" a="1"/>
  <c r="D5089" i="2" s="1"/>
  <c r="D5095" i="2" a="1"/>
  <c r="D5095" i="2" s="1"/>
  <c r="AQ10" i="1"/>
  <c r="G16" i="5" s="1"/>
  <c r="AN10" i="1"/>
  <c r="AO10" i="1"/>
  <c r="E16" i="5" s="1"/>
  <c r="H7858" i="2" a="1"/>
  <c r="H7858" i="2" s="1"/>
  <c r="H7879" i="2" a="1"/>
  <c r="H7879" i="2" s="1"/>
  <c r="H7863" i="2" a="1"/>
  <c r="H7863" i="2" s="1"/>
  <c r="H7874" i="2" a="1"/>
  <c r="H7874" i="2" s="1"/>
  <c r="H7875" i="2" a="1"/>
  <c r="H7875" i="2" s="1"/>
  <c r="H7862" i="2" a="1"/>
  <c r="H7862" i="2" s="1"/>
  <c r="H7864" i="2" a="1"/>
  <c r="H7864" i="2" s="1"/>
  <c r="H7878" i="2" a="1"/>
  <c r="H7878" i="2" s="1"/>
  <c r="H7866" i="2" a="1"/>
  <c r="H7866" i="2" s="1"/>
  <c r="H7877" i="2" a="1"/>
  <c r="H7877" i="2" s="1"/>
  <c r="H7871" i="2" a="1"/>
  <c r="H7871" i="2" s="1"/>
  <c r="H7876" i="2" a="1"/>
  <c r="H7876" i="2" s="1"/>
  <c r="H7861" i="2" a="1"/>
  <c r="H7861" i="2" s="1"/>
  <c r="H7860" i="2" a="1"/>
  <c r="H7860" i="2" s="1"/>
  <c r="H7859" i="2" a="1"/>
  <c r="H7859" i="2" s="1"/>
  <c r="F7482" i="2" a="1"/>
  <c r="F7482" i="2" s="1"/>
  <c r="F7477" i="2" a="1"/>
  <c r="F7477" i="2" s="1"/>
  <c r="F7480" i="2" a="1"/>
  <c r="F7480" i="2" s="1"/>
  <c r="F7483" i="2" a="1"/>
  <c r="F7483" i="2" s="1"/>
  <c r="F7476" i="2" a="1"/>
  <c r="F7476" i="2" s="1"/>
  <c r="F7474" i="2" a="1"/>
  <c r="F7474" i="2" s="1"/>
  <c r="F7478" i="2" a="1"/>
  <c r="F7478" i="2" s="1"/>
  <c r="F7486" i="2" a="1"/>
  <c r="F7486" i="2" s="1"/>
  <c r="F7497" i="2" a="1"/>
  <c r="F7497" i="2" s="1"/>
  <c r="F7496" i="2" a="1"/>
  <c r="F7496" i="2" s="1"/>
  <c r="F7487" i="2" a="1"/>
  <c r="F7487" i="2" s="1"/>
  <c r="F7492" i="2" a="1"/>
  <c r="F7492" i="2" s="1"/>
  <c r="F7479" i="2" a="1"/>
  <c r="F7479" i="2" s="1"/>
  <c r="F7495" i="2" a="1"/>
  <c r="F7495" i="2" s="1"/>
  <c r="AP79" i="1"/>
  <c r="F85" i="5" s="1"/>
  <c r="D1897" i="2" a="1"/>
  <c r="D1897" i="2" s="1"/>
  <c r="D1894" i="2" a="1"/>
  <c r="D1894" i="2" s="1"/>
  <c r="D1898" i="2" a="1"/>
  <c r="D1898" i="2" s="1"/>
  <c r="D1902" i="2" a="1"/>
  <c r="D1902" i="2" s="1"/>
  <c r="D1884" i="2" a="1"/>
  <c r="D1884" i="2" s="1"/>
  <c r="D1900" i="2" a="1"/>
  <c r="D1900" i="2" s="1"/>
  <c r="AQ79" i="1"/>
  <c r="G85" i="5" s="1"/>
  <c r="D1905" i="2" a="1"/>
  <c r="D1905" i="2" s="1"/>
  <c r="AM79" i="1"/>
  <c r="C85" i="5" s="1"/>
  <c r="D1882" i="2" a="1"/>
  <c r="D1882" i="2" s="1"/>
  <c r="D1886" i="2" a="1"/>
  <c r="D1886" i="2" s="1"/>
  <c r="D1890" i="2" a="1"/>
  <c r="D1890" i="2" s="1"/>
  <c r="D1887" i="2" a="1"/>
  <c r="D1887" i="2" s="1"/>
  <c r="D1895" i="2" a="1"/>
  <c r="D1895" i="2" s="1"/>
  <c r="D1888" i="2" a="1"/>
  <c r="D1888" i="2" s="1"/>
  <c r="D1883" i="2" a="1"/>
  <c r="D1883" i="2" s="1"/>
  <c r="D1901" i="2" a="1"/>
  <c r="D1901" i="2" s="1"/>
  <c r="AN79" i="1"/>
  <c r="D85" i="5" s="1"/>
  <c r="H2803" i="2" a="1"/>
  <c r="H2803" i="2" s="1"/>
  <c r="H2801" i="2" a="1"/>
  <c r="H2801" i="2" s="1"/>
  <c r="H2795" i="2" a="1"/>
  <c r="H2795" i="2" s="1"/>
  <c r="H2797" i="2" a="1"/>
  <c r="H2797" i="2" s="1"/>
  <c r="H2815" i="2" a="1"/>
  <c r="H2815" i="2" s="1"/>
  <c r="H2805" i="2" a="1"/>
  <c r="H2805" i="2" s="1"/>
  <c r="H2796" i="2" a="1"/>
  <c r="H2796" i="2" s="1"/>
  <c r="H2800" i="2" a="1"/>
  <c r="H2800" i="2" s="1"/>
  <c r="H2799" i="2" a="1"/>
  <c r="H2799" i="2" s="1"/>
  <c r="H2812" i="2" a="1"/>
  <c r="H2812" i="2" s="1"/>
  <c r="H2816" i="2" a="1"/>
  <c r="H2816" i="2" s="1"/>
  <c r="H2807" i="2" a="1"/>
  <c r="H2807" i="2" s="1"/>
  <c r="H2811" i="2" a="1"/>
  <c r="H2811" i="2" s="1"/>
  <c r="E1643" i="2" a="1"/>
  <c r="E1643" i="2" s="1"/>
  <c r="E1665" i="2" a="1"/>
  <c r="E1665" i="2" s="1"/>
  <c r="E1652" i="2" a="1"/>
  <c r="E1652" i="2" s="1"/>
  <c r="E1654" i="2" a="1"/>
  <c r="E1654" i="2" s="1"/>
  <c r="E1661" i="2" a="1"/>
  <c r="E1661" i="2" s="1"/>
  <c r="E1647" i="2" a="1"/>
  <c r="E1647" i="2" s="1"/>
  <c r="E1663" i="2" a="1"/>
  <c r="E1663" i="2" s="1"/>
  <c r="E1655" i="2" a="1"/>
  <c r="E1655" i="2" s="1"/>
  <c r="E1658" i="2" a="1"/>
  <c r="E1658" i="2" s="1"/>
  <c r="E1651" i="2" a="1"/>
  <c r="E1651" i="2" s="1"/>
  <c r="H4727" i="2" a="1"/>
  <c r="H4727" i="2" s="1"/>
  <c r="H4723" i="2" a="1"/>
  <c r="H4723" i="2" s="1"/>
  <c r="H4735" i="2" a="1"/>
  <c r="H4735" i="2" s="1"/>
  <c r="H4733" i="2" a="1"/>
  <c r="H4733" i="2" s="1"/>
  <c r="D8511" i="2" a="1"/>
  <c r="D8511" i="2" s="1"/>
  <c r="D8519" i="2" a="1"/>
  <c r="D8519" i="2" s="1"/>
  <c r="D8523" i="2" a="1"/>
  <c r="D8523" i="2" s="1"/>
  <c r="AO355" i="1"/>
  <c r="D8516" i="2" a="1"/>
  <c r="D8516" i="2" s="1"/>
  <c r="AQ355" i="1"/>
  <c r="G361" i="5" s="1"/>
  <c r="D8526" i="2" a="1"/>
  <c r="D8526" i="2" s="1"/>
  <c r="D8522" i="2" a="1"/>
  <c r="D8522" i="2" s="1"/>
  <c r="G7160" i="2" a="1"/>
  <c r="G7160" i="2" s="1"/>
  <c r="G7151" i="2" a="1"/>
  <c r="G7151" i="2" s="1"/>
  <c r="G7147" i="2" a="1"/>
  <c r="G7147" i="2" s="1"/>
  <c r="G7149" i="2" a="1"/>
  <c r="G7149" i="2" s="1"/>
  <c r="G7158" i="2" a="1"/>
  <c r="G7158" i="2" s="1"/>
  <c r="G7144" i="2" a="1"/>
  <c r="G7144" i="2" s="1"/>
  <c r="G7139" i="2" a="1"/>
  <c r="G7139" i="2" s="1"/>
  <c r="D4147" i="2" a="1"/>
  <c r="D4147" i="2" s="1"/>
  <c r="D4155" i="2" a="1"/>
  <c r="D4155" i="2" s="1"/>
  <c r="D4159" i="2" a="1"/>
  <c r="D4159" i="2" s="1"/>
  <c r="D4142" i="2" a="1"/>
  <c r="D4142" i="2" s="1"/>
  <c r="D4158" i="2" a="1"/>
  <c r="D4158" i="2" s="1"/>
  <c r="AQ173" i="1"/>
  <c r="G179" i="5" s="1"/>
  <c r="D4157" i="2" a="1"/>
  <c r="D4157" i="2" s="1"/>
  <c r="D4213" i="2" a="1"/>
  <c r="D4213" i="2" s="1"/>
  <c r="D4231" i="2" a="1"/>
  <c r="D4231" i="2" s="1"/>
  <c r="D4232" i="2" a="1"/>
  <c r="D4232" i="2" s="1"/>
  <c r="H140" i="2" a="1"/>
  <c r="H140" i="2" s="1"/>
  <c r="H135" i="2" a="1"/>
  <c r="H135" i="2" s="1"/>
  <c r="H132" i="2" a="1"/>
  <c r="H132" i="2" s="1"/>
  <c r="H150" i="2" a="1"/>
  <c r="H150" i="2" s="1"/>
  <c r="H130" i="2" a="1"/>
  <c r="H130" i="2" s="1"/>
  <c r="E5829" i="2" a="1"/>
  <c r="E5829" i="2" s="1"/>
  <c r="AM243" i="1"/>
  <c r="D5059" i="2" a="1"/>
  <c r="D5059" i="2" s="1"/>
  <c r="D5062" i="2" a="1"/>
  <c r="D5062" i="2" s="1"/>
  <c r="D5065" i="2" a="1"/>
  <c r="D5065" i="2" s="1"/>
  <c r="D5050" i="2" a="1"/>
  <c r="D5050" i="2" s="1"/>
  <c r="D5064" i="2" a="1"/>
  <c r="D5064" i="2" s="1"/>
  <c r="D5070" i="2" a="1"/>
  <c r="D5070" i="2" s="1"/>
  <c r="D5066" i="2" a="1"/>
  <c r="D5066" i="2" s="1"/>
  <c r="D5072" i="2" a="1"/>
  <c r="D5072" i="2" s="1"/>
  <c r="D5060" i="2" a="1"/>
  <c r="D5060" i="2" s="1"/>
  <c r="D5073" i="2" a="1"/>
  <c r="D5073" i="2" s="1"/>
  <c r="F806" i="2" a="1"/>
  <c r="F806" i="2" s="1"/>
  <c r="F817" i="2" a="1"/>
  <c r="F817" i="2" s="1"/>
  <c r="F822" i="2" a="1"/>
  <c r="F822" i="2" s="1"/>
  <c r="F824" i="2" a="1"/>
  <c r="F824" i="2" s="1"/>
  <c r="F802" i="2" a="1"/>
  <c r="F802" i="2" s="1"/>
  <c r="F804" i="2" a="1"/>
  <c r="F804" i="2" s="1"/>
  <c r="F805" i="2" a="1"/>
  <c r="F805" i="2" s="1"/>
  <c r="F814" i="2" a="1"/>
  <c r="F814" i="2" s="1"/>
  <c r="F8569" i="2" a="1"/>
  <c r="F8569" i="2" s="1"/>
  <c r="F8571" i="2" a="1"/>
  <c r="F8571" i="2" s="1"/>
  <c r="F8575" i="2" a="1"/>
  <c r="F8575" i="2" s="1"/>
  <c r="F8560" i="2" a="1"/>
  <c r="F8560" i="2" s="1"/>
  <c r="F8572" i="2" a="1"/>
  <c r="F8572" i="2" s="1"/>
  <c r="F8556" i="2" a="1"/>
  <c r="F8556" i="2" s="1"/>
  <c r="F8568" i="2" a="1"/>
  <c r="F8568" i="2" s="1"/>
  <c r="F8558" i="2" a="1"/>
  <c r="F8558" i="2" s="1"/>
  <c r="F8563" i="2" a="1"/>
  <c r="F8563" i="2" s="1"/>
  <c r="F8565" i="2" a="1"/>
  <c r="F8565" i="2" s="1"/>
  <c r="F8573" i="2" a="1"/>
  <c r="F8573" i="2" s="1"/>
  <c r="F8559" i="2" a="1"/>
  <c r="F8559" i="2" s="1"/>
  <c r="F8574" i="2" a="1"/>
  <c r="F8574" i="2" s="1"/>
  <c r="F8554" i="2" a="1"/>
  <c r="F8554" i="2" s="1"/>
  <c r="F8576" i="2" a="1"/>
  <c r="F8576" i="2" s="1"/>
  <c r="F8561" i="2" a="1"/>
  <c r="F8561" i="2" s="1"/>
  <c r="D8058" i="2" a="1"/>
  <c r="D8058" i="2" s="1"/>
  <c r="D8068" i="2" a="1"/>
  <c r="D8068" i="2" s="1"/>
  <c r="D8059" i="2" a="1"/>
  <c r="D8059" i="2" s="1"/>
  <c r="D8064" i="2" a="1"/>
  <c r="D8064" i="2" s="1"/>
  <c r="D8072" i="2" a="1"/>
  <c r="D8072" i="2" s="1"/>
  <c r="D8063" i="2" a="1"/>
  <c r="D8063" i="2" s="1"/>
  <c r="D8060" i="2" a="1"/>
  <c r="D8060" i="2" s="1"/>
  <c r="G7242" i="2" a="1"/>
  <c r="G7242" i="2" s="1"/>
  <c r="G7256" i="2" a="1"/>
  <c r="G7256" i="2" s="1"/>
  <c r="G7235" i="2" a="1"/>
  <c r="G7235" i="2" s="1"/>
  <c r="F3756" i="2" a="1"/>
  <c r="F3756" i="2" s="1"/>
  <c r="F3769" i="2" a="1"/>
  <c r="F3769" i="2" s="1"/>
  <c r="H6319" i="2" a="1"/>
  <c r="H6319" i="2" s="1"/>
  <c r="H6299" i="2" a="1"/>
  <c r="H6299" i="2" s="1"/>
  <c r="H6298" i="2" a="1"/>
  <c r="H6298" i="2" s="1"/>
  <c r="H6304" i="2" a="1"/>
  <c r="H6304" i="2" s="1"/>
  <c r="H6310" i="2" a="1"/>
  <c r="H6310" i="2" s="1"/>
  <c r="H6309" i="2" a="1"/>
  <c r="H6309" i="2" s="1"/>
  <c r="H6313" i="2" a="1"/>
  <c r="H6313" i="2" s="1"/>
  <c r="H6306" i="2" a="1"/>
  <c r="H6306" i="2" s="1"/>
  <c r="H6311" i="2" a="1"/>
  <c r="H6311" i="2" s="1"/>
  <c r="H6321" i="2" a="1"/>
  <c r="H6321" i="2" s="1"/>
  <c r="H6303" i="2" a="1"/>
  <c r="H6303" i="2" s="1"/>
  <c r="G726" i="2" a="1"/>
  <c r="G726" i="2" s="1"/>
  <c r="G723" i="2" a="1"/>
  <c r="G723" i="2" s="1"/>
  <c r="G715" i="2" a="1"/>
  <c r="G715" i="2" s="1"/>
  <c r="G728" i="2" a="1"/>
  <c r="G728" i="2" s="1"/>
  <c r="G708" i="2" a="1"/>
  <c r="G708" i="2" s="1"/>
  <c r="G710" i="2" a="1"/>
  <c r="G710" i="2" s="1"/>
  <c r="G721" i="2" a="1"/>
  <c r="G721" i="2" s="1"/>
  <c r="G706" i="2" a="1"/>
  <c r="G706" i="2" s="1"/>
  <c r="G716" i="2" a="1"/>
  <c r="G716" i="2" s="1"/>
  <c r="G717" i="2" a="1"/>
  <c r="G717" i="2" s="1"/>
  <c r="G719" i="2" a="1"/>
  <c r="G719" i="2" s="1"/>
  <c r="G718" i="2" a="1"/>
  <c r="G718" i="2" s="1"/>
  <c r="G713" i="2" a="1"/>
  <c r="G713" i="2" s="1"/>
  <c r="D1864" i="2" a="1"/>
  <c r="D1864" i="2" s="1"/>
  <c r="D1878" i="2" a="1"/>
  <c r="D1878" i="2" s="1"/>
  <c r="D1874" i="2" a="1"/>
  <c r="D1874" i="2" s="1"/>
  <c r="D1871" i="2" a="1"/>
  <c r="D1871" i="2" s="1"/>
  <c r="D1880" i="2" a="1"/>
  <c r="D1880" i="2" s="1"/>
  <c r="D1858" i="2" a="1"/>
  <c r="D1858" i="2" s="1"/>
  <c r="D1875" i="2" a="1"/>
  <c r="D1875" i="2" s="1"/>
  <c r="D1862" i="2" a="1"/>
  <c r="D1862" i="2" s="1"/>
  <c r="D1859" i="2" a="1"/>
  <c r="D1859" i="2" s="1"/>
  <c r="D1872" i="2" a="1"/>
  <c r="D1872" i="2" s="1"/>
  <c r="H2066" i="2" a="1"/>
  <c r="H2066" i="2" s="1"/>
  <c r="H2051" i="2" a="1"/>
  <c r="H2051" i="2" s="1"/>
  <c r="H2060" i="2" a="1"/>
  <c r="H2060" i="2" s="1"/>
  <c r="H2071" i="2" a="1"/>
  <c r="H2071" i="2" s="1"/>
  <c r="H2056" i="2" a="1"/>
  <c r="H2056" i="2" s="1"/>
  <c r="H2053" i="2" a="1"/>
  <c r="H2053" i="2" s="1"/>
  <c r="E6573" i="2" a="1"/>
  <c r="E6573" i="2" s="1"/>
  <c r="E6562" i="2" a="1"/>
  <c r="E6562" i="2" s="1"/>
  <c r="E6583" i="2" a="1"/>
  <c r="E6583" i="2" s="1"/>
  <c r="E6576" i="2" a="1"/>
  <c r="E6576" i="2" s="1"/>
  <c r="E6568" i="2" a="1"/>
  <c r="E6568" i="2" s="1"/>
  <c r="E6574" i="2" a="1"/>
  <c r="E6574" i="2" s="1"/>
  <c r="E6566" i="2" a="1"/>
  <c r="E6566" i="2" s="1"/>
  <c r="G2806" i="2" a="1"/>
  <c r="G2806" i="2" s="1"/>
  <c r="G2802" i="2" a="1"/>
  <c r="G2802" i="2" s="1"/>
  <c r="G2799" i="2" a="1"/>
  <c r="G2799" i="2" s="1"/>
  <c r="G2794" i="2" a="1"/>
  <c r="G2794" i="2" s="1"/>
  <c r="G2797" i="2" a="1"/>
  <c r="G2797" i="2" s="1"/>
  <c r="F6847" i="2" a="1"/>
  <c r="F6847" i="2" s="1"/>
  <c r="F6842" i="2" a="1"/>
  <c r="F6842" i="2" s="1"/>
  <c r="F6843" i="2" a="1"/>
  <c r="F6843" i="2" s="1"/>
  <c r="F6841" i="2" a="1"/>
  <c r="F6841" i="2" s="1"/>
  <c r="F6828" i="2" a="1"/>
  <c r="F6828" i="2" s="1"/>
  <c r="F6836" i="2" a="1"/>
  <c r="F6836" i="2" s="1"/>
  <c r="F6845" i="2" a="1"/>
  <c r="F6845" i="2" s="1"/>
  <c r="F6835" i="2" a="1"/>
  <c r="F6835" i="2" s="1"/>
  <c r="F6829" i="2" a="1"/>
  <c r="F6829" i="2" s="1"/>
  <c r="F6844" i="2" a="1"/>
  <c r="F6844" i="2" s="1"/>
  <c r="F6830" i="2" a="1"/>
  <c r="F6830" i="2" s="1"/>
  <c r="F6833" i="2" a="1"/>
  <c r="F6833" i="2" s="1"/>
  <c r="F6827" i="2" a="1"/>
  <c r="F6827" i="2" s="1"/>
  <c r="F6840" i="2" a="1"/>
  <c r="F6840" i="2" s="1"/>
  <c r="F6839" i="2" a="1"/>
  <c r="F6839" i="2" s="1"/>
  <c r="F6849" i="2" a="1"/>
  <c r="F6849" i="2" s="1"/>
  <c r="F6848" i="2" a="1"/>
  <c r="F6848" i="2" s="1"/>
  <c r="F6837" i="2" a="1"/>
  <c r="F6837" i="2" s="1"/>
  <c r="F6826" i="2" a="1"/>
  <c r="F6826" i="2" s="1"/>
  <c r="F6846" i="2" a="1"/>
  <c r="F6846" i="2" s="1"/>
  <c r="E8313" i="2" a="1"/>
  <c r="E8313" i="2" s="1"/>
  <c r="E8312" i="2" a="1"/>
  <c r="E8312" i="2" s="1"/>
  <c r="E8308" i="2" a="1"/>
  <c r="E8308" i="2" s="1"/>
  <c r="E8297" i="2" a="1"/>
  <c r="E8297" i="2" s="1"/>
  <c r="E8302" i="2" a="1"/>
  <c r="E8302" i="2" s="1"/>
  <c r="E8293" i="2" a="1"/>
  <c r="E8293" i="2" s="1"/>
  <c r="AP346" i="1"/>
  <c r="F352" i="5" s="1"/>
  <c r="E8303" i="2" a="1"/>
  <c r="E8303" i="2" s="1"/>
  <c r="E8306" i="2" a="1"/>
  <c r="E8306" i="2" s="1"/>
  <c r="E8298" i="2" a="1"/>
  <c r="E8298" i="2" s="1"/>
  <c r="E8290" i="2" a="1"/>
  <c r="E8290" i="2" s="1"/>
  <c r="H2427" i="2" a="1"/>
  <c r="H2427" i="2" s="1"/>
  <c r="H2412" i="2" a="1"/>
  <c r="H2412" i="2" s="1"/>
  <c r="H2428" i="2" a="1"/>
  <c r="H2428" i="2" s="1"/>
  <c r="H2425" i="2" a="1"/>
  <c r="H2425" i="2" s="1"/>
  <c r="H2422" i="2" a="1"/>
  <c r="H2422" i="2" s="1"/>
  <c r="H2411" i="2" a="1"/>
  <c r="H2411" i="2" s="1"/>
  <c r="H2418" i="2" a="1"/>
  <c r="H2418" i="2" s="1"/>
  <c r="H2416" i="2" a="1"/>
  <c r="H2416" i="2" s="1"/>
  <c r="H2424" i="2" a="1"/>
  <c r="H2424" i="2" s="1"/>
  <c r="G2325" i="2" a="1"/>
  <c r="G2325" i="2" s="1"/>
  <c r="G2314" i="2" a="1"/>
  <c r="G2314" i="2" s="1"/>
  <c r="G2333" i="2" a="1"/>
  <c r="G2333" i="2" s="1"/>
  <c r="G2331" i="2" a="1"/>
  <c r="G2331" i="2" s="1"/>
  <c r="G2336" i="2" a="1"/>
  <c r="G2336" i="2" s="1"/>
  <c r="G2319" i="2" a="1"/>
  <c r="G2319" i="2" s="1"/>
  <c r="G2322" i="2" a="1"/>
  <c r="G2322" i="2" s="1"/>
  <c r="F838" i="2" a="1"/>
  <c r="F838" i="2" s="1"/>
  <c r="F834" i="2" a="1"/>
  <c r="F834" i="2" s="1"/>
  <c r="F847" i="2" a="1"/>
  <c r="F847" i="2" s="1"/>
  <c r="F841" i="2" a="1"/>
  <c r="F841" i="2" s="1"/>
  <c r="F830" i="2" a="1"/>
  <c r="F830" i="2" s="1"/>
  <c r="F831" i="2" a="1"/>
  <c r="F831" i="2" s="1"/>
  <c r="F848" i="2" a="1"/>
  <c r="F848" i="2" s="1"/>
  <c r="F826" i="2" a="1"/>
  <c r="F826" i="2" s="1"/>
  <c r="F849" i="2" a="1"/>
  <c r="F849" i="2" s="1"/>
  <c r="F835" i="2" a="1"/>
  <c r="F835" i="2" s="1"/>
  <c r="F840" i="2" a="1"/>
  <c r="F840" i="2" s="1"/>
  <c r="F836" i="2" a="1"/>
  <c r="F836" i="2" s="1"/>
  <c r="F845" i="2" a="1"/>
  <c r="F845" i="2" s="1"/>
  <c r="F829" i="2" a="1"/>
  <c r="F829" i="2" s="1"/>
  <c r="F837" i="2" a="1"/>
  <c r="F837" i="2" s="1"/>
  <c r="F843" i="2" a="1"/>
  <c r="F843" i="2" s="1"/>
  <c r="F846" i="2" a="1"/>
  <c r="F846" i="2" s="1"/>
  <c r="F832" i="2" a="1"/>
  <c r="F832" i="2" s="1"/>
  <c r="F827" i="2" a="1"/>
  <c r="F827" i="2" s="1"/>
  <c r="H935" i="2" a="1"/>
  <c r="H935" i="2" s="1"/>
  <c r="H941" i="2" a="1"/>
  <c r="H941" i="2" s="1"/>
  <c r="H931" i="2" a="1"/>
  <c r="H931" i="2" s="1"/>
  <c r="H937" i="2" a="1"/>
  <c r="H937" i="2" s="1"/>
  <c r="H926" i="2" a="1"/>
  <c r="H926" i="2" s="1"/>
  <c r="H932" i="2" a="1"/>
  <c r="H932" i="2" s="1"/>
  <c r="H945" i="2" a="1"/>
  <c r="H945" i="2" s="1"/>
  <c r="H933" i="2" a="1"/>
  <c r="H933" i="2" s="1"/>
  <c r="H923" i="2" a="1"/>
  <c r="H923" i="2" s="1"/>
  <c r="H924" i="2" a="1"/>
  <c r="H924" i="2" s="1"/>
  <c r="H943" i="2" a="1"/>
  <c r="H943" i="2" s="1"/>
  <c r="H944" i="2" a="1"/>
  <c r="H944" i="2" s="1"/>
  <c r="H927" i="2" a="1"/>
  <c r="H927" i="2" s="1"/>
  <c r="H928" i="2" a="1"/>
  <c r="H928" i="2" s="1"/>
  <c r="H939" i="2" a="1"/>
  <c r="H939" i="2" s="1"/>
  <c r="H929" i="2" a="1"/>
  <c r="H929" i="2" s="1"/>
  <c r="H1415" i="2" a="1"/>
  <c r="H1415" i="2" s="1"/>
  <c r="H1405" i="2" a="1"/>
  <c r="H1405" i="2" s="1"/>
  <c r="F3730" i="2" a="1"/>
  <c r="F3730" i="2" s="1"/>
  <c r="F3733" i="2" a="1"/>
  <c r="F3733" i="2" s="1"/>
  <c r="F3743" i="2" a="1"/>
  <c r="F3743" i="2" s="1"/>
  <c r="F3747" i="2" a="1"/>
  <c r="F3747" i="2" s="1"/>
  <c r="F3741" i="2" a="1"/>
  <c r="F3741" i="2" s="1"/>
  <c r="F3742" i="2" a="1"/>
  <c r="F3742" i="2" s="1"/>
  <c r="F3740" i="2" a="1"/>
  <c r="F3740" i="2" s="1"/>
  <c r="F3750" i="2" a="1"/>
  <c r="F3750" i="2" s="1"/>
  <c r="F3744" i="2" a="1"/>
  <c r="F3744" i="2" s="1"/>
  <c r="F3731" i="2" a="1"/>
  <c r="F3731" i="2" s="1"/>
  <c r="F3749" i="2" a="1"/>
  <c r="F3749" i="2" s="1"/>
  <c r="F3752" i="2" a="1"/>
  <c r="F3752" i="2" s="1"/>
  <c r="F3734" i="2" a="1"/>
  <c r="F3734" i="2" s="1"/>
  <c r="F3735" i="2" a="1"/>
  <c r="F3735" i="2" s="1"/>
  <c r="F3751" i="2" a="1"/>
  <c r="F3751" i="2" s="1"/>
  <c r="F3738" i="2" a="1"/>
  <c r="F3738" i="2" s="1"/>
  <c r="F3753" i="2" a="1"/>
  <c r="F3753" i="2" s="1"/>
  <c r="F3732" i="2" a="1"/>
  <c r="F3732" i="2" s="1"/>
  <c r="F3746" i="2" a="1"/>
  <c r="F3746" i="2" s="1"/>
  <c r="F3739" i="2" a="1"/>
  <c r="F3739" i="2" s="1"/>
  <c r="F3748" i="2" a="1"/>
  <c r="F3748" i="2" s="1"/>
  <c r="F3737" i="2" a="1"/>
  <c r="F3737" i="2" s="1"/>
  <c r="F3736" i="2" a="1"/>
  <c r="F3736" i="2" s="1"/>
  <c r="F3745" i="2" a="1"/>
  <c r="F3745" i="2" s="1"/>
  <c r="G6443" i="2" a="1"/>
  <c r="G6443" i="2" s="1"/>
  <c r="G6455" i="2" a="1"/>
  <c r="G6455" i="2" s="1"/>
  <c r="G6463" i="2" a="1"/>
  <c r="G6463" i="2" s="1"/>
  <c r="G6457" i="2" a="1"/>
  <c r="G6457" i="2" s="1"/>
  <c r="G6458" i="2" a="1"/>
  <c r="G6458" i="2" s="1"/>
  <c r="G6447" i="2" a="1"/>
  <c r="G6447" i="2" s="1"/>
  <c r="G6442" i="2" a="1"/>
  <c r="G6442" i="2" s="1"/>
  <c r="G6459" i="2" a="1"/>
  <c r="G6459" i="2" s="1"/>
  <c r="G6448" i="2" a="1"/>
  <c r="G6448" i="2" s="1"/>
  <c r="G6444" i="2" a="1"/>
  <c r="G6444" i="2" s="1"/>
  <c r="G6450" i="2" a="1"/>
  <c r="G6450" i="2" s="1"/>
  <c r="G6452" i="2" a="1"/>
  <c r="G6452" i="2" s="1"/>
  <c r="G6465" i="2" a="1"/>
  <c r="G6465" i="2" s="1"/>
  <c r="G6445" i="2" a="1"/>
  <c r="G6445" i="2" s="1"/>
  <c r="G6461" i="2" a="1"/>
  <c r="G6461" i="2" s="1"/>
  <c r="G6449" i="2" a="1"/>
  <c r="G6449" i="2" s="1"/>
  <c r="G6456" i="2" a="1"/>
  <c r="G6456" i="2" s="1"/>
  <c r="G6464" i="2" a="1"/>
  <c r="G6464" i="2" s="1"/>
  <c r="G6462" i="2" a="1"/>
  <c r="G6462" i="2" s="1"/>
  <c r="G4598" i="2" a="1"/>
  <c r="G4598" i="2" s="1"/>
  <c r="E1453" i="2" a="1"/>
  <c r="E1453" i="2" s="1"/>
  <c r="H2041" i="2" a="1"/>
  <c r="H2041" i="2" s="1"/>
  <c r="D5575" i="2" a="1"/>
  <c r="D5575" i="2" s="1"/>
  <c r="F5828" i="2" a="1"/>
  <c r="F5828" i="2" s="1"/>
  <c r="D5093" i="2" a="1"/>
  <c r="D5093" i="2" s="1"/>
  <c r="AO212" i="1"/>
  <c r="D7145" i="2" a="1"/>
  <c r="D7145" i="2" s="1"/>
  <c r="E7441" i="2" a="1"/>
  <c r="E7441" i="2" s="1"/>
  <c r="D8513" i="2" a="1"/>
  <c r="D8513" i="2" s="1"/>
  <c r="E7104" i="2" a="1"/>
  <c r="E7104" i="2" s="1"/>
  <c r="D1210" i="2" a="1"/>
  <c r="D1210" i="2" s="1"/>
  <c r="F6152" i="2" a="1"/>
  <c r="F6152" i="2" s="1"/>
  <c r="H2724" i="2" a="1"/>
  <c r="H2724" i="2" s="1"/>
  <c r="G3020" i="2" a="1"/>
  <c r="G3020" i="2" s="1"/>
  <c r="F4868" i="2" a="1"/>
  <c r="F4868" i="2" s="1"/>
  <c r="E1679" i="2" a="1"/>
  <c r="E1679" i="2" s="1"/>
  <c r="F4898" i="2" a="1"/>
  <c r="F4898" i="2" s="1"/>
  <c r="E1659" i="2" a="1"/>
  <c r="E1659" i="2" s="1"/>
  <c r="H1489" i="2" a="1"/>
  <c r="H1489" i="2" s="1"/>
  <c r="H4130" i="2" a="1"/>
  <c r="H4130" i="2" s="1"/>
  <c r="F7789" i="2" a="1"/>
  <c r="F7789" i="2" s="1"/>
  <c r="H2809" i="2" a="1"/>
  <c r="H2809" i="2" s="1"/>
  <c r="F2492" i="2" a="1"/>
  <c r="F2492" i="2" s="1"/>
  <c r="F6155" i="2" a="1"/>
  <c r="F6155" i="2" s="1"/>
  <c r="G875" i="2" a="1"/>
  <c r="G875" i="2" s="1"/>
  <c r="G4342" i="2" a="1"/>
  <c r="G4342" i="2" s="1"/>
  <c r="F5032" i="2" a="1"/>
  <c r="F5032" i="2" s="1"/>
  <c r="F6903" i="2" a="1"/>
  <c r="F6903" i="2" s="1"/>
  <c r="E6305" i="2" a="1"/>
  <c r="E6305" i="2" s="1"/>
  <c r="D1891" i="2" a="1"/>
  <c r="D1891" i="2" s="1"/>
  <c r="G3082" i="2" a="1"/>
  <c r="G3082" i="2" s="1"/>
  <c r="H7868" i="2" a="1"/>
  <c r="H7868" i="2" s="1"/>
  <c r="E3604" i="2" a="1"/>
  <c r="E3604" i="2" s="1"/>
  <c r="G8755" i="2" a="1"/>
  <c r="G8755" i="2" s="1"/>
  <c r="G2957" i="2" a="1"/>
  <c r="G2957" i="2" s="1"/>
  <c r="F6832" i="2" a="1"/>
  <c r="F6832" i="2" s="1"/>
  <c r="F5727" i="2" a="1"/>
  <c r="F5727" i="2" s="1"/>
  <c r="H6301" i="2" a="1"/>
  <c r="H6301" i="2" s="1"/>
  <c r="E2824" i="2" a="1"/>
  <c r="E2824" i="2" s="1"/>
  <c r="E1184" i="2" a="1"/>
  <c r="E1184" i="2" s="1"/>
  <c r="E8284" i="2" a="1"/>
  <c r="E8284" i="2" s="1"/>
  <c r="E2954" i="2" a="1"/>
  <c r="E2954" i="2" s="1"/>
  <c r="H5112" i="2" a="1"/>
  <c r="H5112" i="2" s="1"/>
  <c r="E1455" i="2" a="1"/>
  <c r="E1455" i="2" s="1"/>
  <c r="H2031" i="2" a="1"/>
  <c r="H2031" i="2" s="1"/>
  <c r="D5563" i="2" a="1"/>
  <c r="D5563" i="2" s="1"/>
  <c r="D5092" i="2" a="1"/>
  <c r="D5092" i="2" s="1"/>
  <c r="AN212" i="1"/>
  <c r="D218" i="5" s="1"/>
  <c r="D7143" i="2" a="1"/>
  <c r="D7143" i="2" s="1"/>
  <c r="G7161" i="2" a="1"/>
  <c r="G7161" i="2" s="1"/>
  <c r="D3474" i="2" a="1"/>
  <c r="D3474" i="2" s="1"/>
  <c r="E7437" i="2" a="1"/>
  <c r="E7437" i="2" s="1"/>
  <c r="D8509" i="2" a="1"/>
  <c r="D8509" i="2" s="1"/>
  <c r="E7106" i="2" a="1"/>
  <c r="E7106" i="2" s="1"/>
  <c r="F4680" i="2" a="1"/>
  <c r="F4680" i="2" s="1"/>
  <c r="D5809" i="2" a="1"/>
  <c r="D5809" i="2" s="1"/>
  <c r="AP242" i="1"/>
  <c r="F248" i="5" s="1"/>
  <c r="D1221" i="2" a="1"/>
  <c r="D1221" i="2" s="1"/>
  <c r="F6142" i="2" a="1"/>
  <c r="F6142" i="2" s="1"/>
  <c r="H2727" i="2" a="1"/>
  <c r="H2727" i="2" s="1"/>
  <c r="G3026" i="2" a="1"/>
  <c r="G3026" i="2" s="1"/>
  <c r="F4866" i="2" a="1"/>
  <c r="F4866" i="2" s="1"/>
  <c r="E1688" i="2" a="1"/>
  <c r="E1688" i="2" s="1"/>
  <c r="F4892" i="2" a="1"/>
  <c r="F4892" i="2" s="1"/>
  <c r="E1664" i="2" a="1"/>
  <c r="E1664" i="2" s="1"/>
  <c r="H1492" i="2" a="1"/>
  <c r="H1492" i="2" s="1"/>
  <c r="H4114" i="2" a="1"/>
  <c r="H4114" i="2" s="1"/>
  <c r="F7805" i="2" a="1"/>
  <c r="F7805" i="2" s="1"/>
  <c r="H2814" i="2" a="1"/>
  <c r="H2814" i="2" s="1"/>
  <c r="F6162" i="2" a="1"/>
  <c r="F6162" i="2" s="1"/>
  <c r="G881" i="2" a="1"/>
  <c r="G881" i="2" s="1"/>
  <c r="G4347" i="2" a="1"/>
  <c r="G4347" i="2" s="1"/>
  <c r="AM129" i="1"/>
  <c r="C135" i="5" s="1"/>
  <c r="F5026" i="2" a="1"/>
  <c r="F5026" i="2" s="1"/>
  <c r="F6898" i="2" a="1"/>
  <c r="F6898" i="2" s="1"/>
  <c r="E6304" i="2" a="1"/>
  <c r="E6304" i="2" s="1"/>
  <c r="D1889" i="2" a="1"/>
  <c r="D1889" i="2" s="1"/>
  <c r="G3090" i="2" a="1"/>
  <c r="G3090" i="2" s="1"/>
  <c r="E3739" i="2" a="1"/>
  <c r="E3739" i="2" s="1"/>
  <c r="G8765" i="2" a="1"/>
  <c r="G8765" i="2" s="1"/>
  <c r="F6831" i="2" a="1"/>
  <c r="F6831" i="2" s="1"/>
  <c r="F5725" i="2" a="1"/>
  <c r="F5725" i="2" s="1"/>
  <c r="G6416" i="2" a="1"/>
  <c r="G6416" i="2" s="1"/>
  <c r="H6312" i="2" a="1"/>
  <c r="H6312" i="2" s="1"/>
  <c r="E2832" i="2" a="1"/>
  <c r="E2832" i="2" s="1"/>
  <c r="E1173" i="2" a="1"/>
  <c r="E1173" i="2" s="1"/>
  <c r="F8466" i="2" a="1"/>
  <c r="F8466" i="2" s="1"/>
  <c r="F5419" i="2" a="1"/>
  <c r="F5419" i="2" s="1"/>
  <c r="E2952" i="2" a="1"/>
  <c r="E2952" i="2" s="1"/>
  <c r="E4373" i="2" a="1"/>
  <c r="E4373" i="2" s="1"/>
  <c r="G4611" i="2" a="1"/>
  <c r="G4611" i="2" s="1"/>
  <c r="E1471" i="2" a="1"/>
  <c r="E1471" i="2" s="1"/>
  <c r="AP67" i="1"/>
  <c r="F73" i="5" s="1"/>
  <c r="H2032" i="2" a="1"/>
  <c r="H2032" i="2" s="1"/>
  <c r="D5576" i="2" a="1"/>
  <c r="D5576" i="2" s="1"/>
  <c r="F5834" i="2" a="1"/>
  <c r="F5834" i="2" s="1"/>
  <c r="D5088" i="2" a="1"/>
  <c r="D5088" i="2" s="1"/>
  <c r="H8573" i="2" a="1"/>
  <c r="H8573" i="2" s="1"/>
  <c r="D7139" i="2" a="1"/>
  <c r="D7139" i="2" s="1"/>
  <c r="D3470" i="2" a="1"/>
  <c r="D3470" i="2" s="1"/>
  <c r="E7436" i="2" a="1"/>
  <c r="E7436" i="2" s="1"/>
  <c r="D8518" i="2" a="1"/>
  <c r="D8518" i="2" s="1"/>
  <c r="E7096" i="2" a="1"/>
  <c r="E7096" i="2" s="1"/>
  <c r="F4671" i="2" a="1"/>
  <c r="F4671" i="2" s="1"/>
  <c r="D5805" i="2" a="1"/>
  <c r="D5805" i="2" s="1"/>
  <c r="D1226" i="2" a="1"/>
  <c r="D1226" i="2" s="1"/>
  <c r="F6134" i="2" a="1"/>
  <c r="F6134" i="2" s="1"/>
  <c r="G3028" i="2" a="1"/>
  <c r="G3028" i="2" s="1"/>
  <c r="F4876" i="2" a="1"/>
  <c r="F4876" i="2" s="1"/>
  <c r="E1677" i="2" a="1"/>
  <c r="E1677" i="2" s="1"/>
  <c r="E1644" i="2" a="1"/>
  <c r="E1644" i="2" s="1"/>
  <c r="H1474" i="2" a="1"/>
  <c r="H1474" i="2" s="1"/>
  <c r="H4123" i="2" a="1"/>
  <c r="H4123" i="2" s="1"/>
  <c r="F7807" i="2" a="1"/>
  <c r="F7807" i="2" s="1"/>
  <c r="H2794" i="2" a="1"/>
  <c r="H2794" i="2" s="1"/>
  <c r="F6167" i="2" a="1"/>
  <c r="F6167" i="2" s="1"/>
  <c r="G885" i="2" a="1"/>
  <c r="G885" i="2" s="1"/>
  <c r="G4349" i="2" a="1"/>
  <c r="G4349" i="2" s="1"/>
  <c r="G1277" i="2" a="1"/>
  <c r="G1277" i="2" s="1"/>
  <c r="E6280" i="2" a="1"/>
  <c r="E6280" i="2" s="1"/>
  <c r="F6901" i="2" a="1"/>
  <c r="F6901" i="2" s="1"/>
  <c r="E6300" i="2" a="1"/>
  <c r="E6300" i="2" s="1"/>
  <c r="D1896" i="2" a="1"/>
  <c r="D1896" i="2" s="1"/>
  <c r="G3084" i="2" a="1"/>
  <c r="G3084" i="2" s="1"/>
  <c r="D3676" i="2" a="1"/>
  <c r="D3676" i="2" s="1"/>
  <c r="E3730" i="2" a="1"/>
  <c r="E3730" i="2" s="1"/>
  <c r="G8758" i="2" a="1"/>
  <c r="G8758" i="2" s="1"/>
  <c r="H4295" i="2" a="1"/>
  <c r="H4295" i="2" s="1"/>
  <c r="F6838" i="2" a="1"/>
  <c r="F6838" i="2" s="1"/>
  <c r="F5741" i="2" a="1"/>
  <c r="F5741" i="2" s="1"/>
  <c r="G6411" i="2" a="1"/>
  <c r="G6411" i="2" s="1"/>
  <c r="H6318" i="2" a="1"/>
  <c r="H6318" i="2" s="1"/>
  <c r="E2829" i="2" a="1"/>
  <c r="E2829" i="2" s="1"/>
  <c r="E1185" i="2" a="1"/>
  <c r="E1185" i="2" s="1"/>
  <c r="F8470" i="2" a="1"/>
  <c r="F8470" i="2" s="1"/>
  <c r="E4033" i="2" a="1"/>
  <c r="E4033" i="2" s="1"/>
  <c r="F581" i="2" a="1"/>
  <c r="F581" i="2" s="1"/>
  <c r="E4374" i="2" a="1"/>
  <c r="E4374" i="2" s="1"/>
  <c r="G4599" i="2" a="1"/>
  <c r="G4599" i="2" s="1"/>
  <c r="E1464" i="2" a="1"/>
  <c r="E1464" i="2" s="1"/>
  <c r="AO243" i="1"/>
  <c r="E249" i="5" s="1"/>
  <c r="AQ67" i="1"/>
  <c r="G73" i="5" s="1"/>
  <c r="H2049" i="2" a="1"/>
  <c r="H2049" i="2" s="1"/>
  <c r="F5821" i="2" a="1"/>
  <c r="F5821" i="2" s="1"/>
  <c r="D5084" i="2" a="1"/>
  <c r="D5084" i="2" s="1"/>
  <c r="H8569" i="2" a="1"/>
  <c r="H8569" i="2" s="1"/>
  <c r="D4140" i="2" a="1"/>
  <c r="D4140" i="2" s="1"/>
  <c r="E2923" i="2" a="1"/>
  <c r="E2923" i="2" s="1"/>
  <c r="AM298" i="1"/>
  <c r="C304" i="5" s="1"/>
  <c r="G36" i="2" a="1"/>
  <c r="G36" i="2" s="1"/>
  <c r="D3466" i="2" a="1"/>
  <c r="D3466" i="2" s="1"/>
  <c r="D8506" i="2" a="1"/>
  <c r="D8506" i="2" s="1"/>
  <c r="E7105" i="2" a="1"/>
  <c r="E7105" i="2" s="1"/>
  <c r="F4675" i="2" a="1"/>
  <c r="F4675" i="2" s="1"/>
  <c r="D5797" i="2" a="1"/>
  <c r="D5797" i="2" s="1"/>
  <c r="D1233" i="2" a="1"/>
  <c r="D1233" i="2" s="1"/>
  <c r="F6151" i="2" a="1"/>
  <c r="F6151" i="2" s="1"/>
  <c r="G3017" i="2" a="1"/>
  <c r="G3017" i="2" s="1"/>
  <c r="E1666" i="2" a="1"/>
  <c r="E1666" i="2" s="1"/>
  <c r="E1649" i="2" a="1"/>
  <c r="E1649" i="2" s="1"/>
  <c r="H1494" i="2" a="1"/>
  <c r="H1494" i="2" s="1"/>
  <c r="H4137" i="2" a="1"/>
  <c r="H4137" i="2" s="1"/>
  <c r="F7803" i="2" a="1"/>
  <c r="F7803" i="2" s="1"/>
  <c r="H2817" i="2" a="1"/>
  <c r="H2817" i="2" s="1"/>
  <c r="F6177" i="2" a="1"/>
  <c r="F6177" i="2" s="1"/>
  <c r="G891" i="2" a="1"/>
  <c r="G891" i="2" s="1"/>
  <c r="G4346" i="2" a="1"/>
  <c r="G4346" i="2" s="1"/>
  <c r="G1258" i="2" a="1"/>
  <c r="G1258" i="2" s="1"/>
  <c r="E6291" i="2" a="1"/>
  <c r="E6291" i="2" s="1"/>
  <c r="F4021" i="2" a="1"/>
  <c r="F4021" i="2" s="1"/>
  <c r="F6908" i="2" a="1"/>
  <c r="F6908" i="2" s="1"/>
  <c r="E6320" i="2" a="1"/>
  <c r="E6320" i="2" s="1"/>
  <c r="D1903" i="2" a="1"/>
  <c r="D1903" i="2" s="1"/>
  <c r="G3105" i="2" a="1"/>
  <c r="G3105" i="2" s="1"/>
  <c r="D3679" i="2" a="1"/>
  <c r="D3679" i="2" s="1"/>
  <c r="F7490" i="2" a="1"/>
  <c r="F7490" i="2" s="1"/>
  <c r="E1937" i="2" a="1"/>
  <c r="E1937" i="2" s="1"/>
  <c r="E3751" i="2" a="1"/>
  <c r="E3751" i="2" s="1"/>
  <c r="G8760" i="2" a="1"/>
  <c r="G8760" i="2" s="1"/>
  <c r="E7717" i="2" a="1"/>
  <c r="E7717" i="2" s="1"/>
  <c r="H259" i="2" a="1"/>
  <c r="H259" i="2" s="1"/>
  <c r="H4292" i="2" a="1"/>
  <c r="H4292" i="2" s="1"/>
  <c r="F6834" i="2" a="1"/>
  <c r="F6834" i="2" s="1"/>
  <c r="F5743" i="2" a="1"/>
  <c r="F5743" i="2" s="1"/>
  <c r="G6408" i="2" a="1"/>
  <c r="G6408" i="2" s="1"/>
  <c r="H5849" i="2" a="1"/>
  <c r="H5849" i="2" s="1"/>
  <c r="G1093" i="2" a="1"/>
  <c r="G1093" i="2" s="1"/>
  <c r="E2835" i="2" a="1"/>
  <c r="E2835" i="2" s="1"/>
  <c r="E1168" i="2" a="1"/>
  <c r="E1168" i="2" s="1"/>
  <c r="H7992" i="2" a="1"/>
  <c r="H7992" i="2" s="1"/>
  <c r="G4610" i="2" a="1"/>
  <c r="G4610" i="2" s="1"/>
  <c r="E1461" i="2" a="1"/>
  <c r="E1461" i="2" s="1"/>
  <c r="AN67" i="1"/>
  <c r="H2030" i="2" a="1"/>
  <c r="H2030" i="2" s="1"/>
  <c r="F5832" i="2" a="1"/>
  <c r="F5832" i="2" s="1"/>
  <c r="D5080" i="2" a="1"/>
  <c r="D5080" i="2" s="1"/>
  <c r="H8566" i="2" a="1"/>
  <c r="H8566" i="2" s="1"/>
  <c r="AN298" i="1"/>
  <c r="D304" i="5" s="1"/>
  <c r="D8525" i="2" a="1"/>
  <c r="D8525" i="2" s="1"/>
  <c r="E7097" i="2" a="1"/>
  <c r="E7097" i="2" s="1"/>
  <c r="F4686" i="2" a="1"/>
  <c r="F4686" i="2" s="1"/>
  <c r="D1231" i="2" a="1"/>
  <c r="D1231" i="2" s="1"/>
  <c r="F6144" i="2" a="1"/>
  <c r="F6144" i="2" s="1"/>
  <c r="E1841" i="2" a="1"/>
  <c r="E1841" i="2" s="1"/>
  <c r="E1683" i="2" a="1"/>
  <c r="E1683" i="2" s="1"/>
  <c r="E1660" i="2" a="1"/>
  <c r="E1660" i="2" s="1"/>
  <c r="H1484" i="2" a="1"/>
  <c r="H1484" i="2" s="1"/>
  <c r="H4122" i="2" a="1"/>
  <c r="H4122" i="2" s="1"/>
  <c r="F7806" i="2" a="1"/>
  <c r="F7806" i="2" s="1"/>
  <c r="F6159" i="2" a="1"/>
  <c r="F6159" i="2" s="1"/>
  <c r="G890" i="2" a="1"/>
  <c r="G890" i="2" s="1"/>
  <c r="G4337" i="2" a="1"/>
  <c r="G4337" i="2" s="1"/>
  <c r="G1280" i="2" a="1"/>
  <c r="G1280" i="2" s="1"/>
  <c r="E6277" i="2" a="1"/>
  <c r="E6277" i="2" s="1"/>
  <c r="F2515" i="2" a="1"/>
  <c r="F2515" i="2" s="1"/>
  <c r="E7206" i="2" a="1"/>
  <c r="E7206" i="2" s="1"/>
  <c r="E6301" i="2" a="1"/>
  <c r="E6301" i="2" s="1"/>
  <c r="AN340" i="1"/>
  <c r="D346" i="5" s="1"/>
  <c r="D1904" i="2" a="1"/>
  <c r="D1904" i="2" s="1"/>
  <c r="G3100" i="2" a="1"/>
  <c r="G3100" i="2" s="1"/>
  <c r="D3671" i="2" a="1"/>
  <c r="D3671" i="2" s="1"/>
  <c r="F7481" i="2" a="1"/>
  <c r="F7481" i="2" s="1"/>
  <c r="E1935" i="2" a="1"/>
  <c r="E1935" i="2" s="1"/>
  <c r="G8757" i="2" a="1"/>
  <c r="G8757" i="2" s="1"/>
  <c r="E7730" i="2" a="1"/>
  <c r="E7730" i="2" s="1"/>
  <c r="H266" i="2" a="1"/>
  <c r="H266" i="2" s="1"/>
  <c r="H4299" i="2" a="1"/>
  <c r="H4299" i="2" s="1"/>
  <c r="G6409" i="2" a="1"/>
  <c r="G6409" i="2" s="1"/>
  <c r="H5862" i="2" a="1"/>
  <c r="H5862" i="2" s="1"/>
  <c r="G1094" i="2" a="1"/>
  <c r="G1094" i="2" s="1"/>
  <c r="G7892" i="2" a="1"/>
  <c r="G7892" i="2" s="1"/>
  <c r="E5248" i="2" a="1"/>
  <c r="E5248" i="2" s="1"/>
  <c r="E1754" i="2" a="1"/>
  <c r="E1754" i="2" s="1"/>
  <c r="G6132" i="2" a="1"/>
  <c r="G6132" i="2" s="1"/>
  <c r="G6609" i="2" a="1"/>
  <c r="G6609" i="2" s="1"/>
  <c r="G6596" i="2" a="1"/>
  <c r="G6596" i="2" s="1"/>
  <c r="E1119" i="2" a="1"/>
  <c r="E1119" i="2" s="1"/>
  <c r="E1114" i="2" a="1"/>
  <c r="E1114" i="2" s="1"/>
  <c r="E6009" i="2" a="1"/>
  <c r="E6009" i="2" s="1"/>
  <c r="E5991" i="2" a="1"/>
  <c r="E5991" i="2" s="1"/>
  <c r="F4719" i="2" a="1"/>
  <c r="F4719" i="2" s="1"/>
  <c r="F4727" i="2" a="1"/>
  <c r="F4727" i="2" s="1"/>
  <c r="D836" i="2" a="1"/>
  <c r="D836" i="2" s="1"/>
  <c r="D830" i="2" a="1"/>
  <c r="D830" i="2" s="1"/>
  <c r="F3531" i="2" a="1"/>
  <c r="F3531" i="2" s="1"/>
  <c r="F3537" i="2" a="1"/>
  <c r="F3537" i="2" s="1"/>
  <c r="H5289" i="2" a="1"/>
  <c r="H5289" i="2" s="1"/>
  <c r="H5283" i="2" a="1"/>
  <c r="H5283" i="2" s="1"/>
  <c r="H5281" i="2" a="1"/>
  <c r="H5281" i="2" s="1"/>
  <c r="H5282" i="2" a="1"/>
  <c r="H5282" i="2" s="1"/>
  <c r="H5288" i="2" a="1"/>
  <c r="H5288" i="2" s="1"/>
  <c r="D5523" i="2" a="1"/>
  <c r="D5523" i="2" s="1"/>
  <c r="F6957" i="2" a="1"/>
  <c r="F6957" i="2" s="1"/>
  <c r="F6967" i="2" a="1"/>
  <c r="F6967" i="2" s="1"/>
  <c r="F6958" i="2" a="1"/>
  <c r="F6958" i="2" s="1"/>
  <c r="F6962" i="2" a="1"/>
  <c r="F6962" i="2" s="1"/>
  <c r="E896" i="2" a="1"/>
  <c r="E896" i="2" s="1"/>
  <c r="E884" i="2" a="1"/>
  <c r="E884" i="2" s="1"/>
  <c r="F8283" i="2" a="1"/>
  <c r="F8283" i="2" s="1"/>
  <c r="F8284" i="2" a="1"/>
  <c r="F8284" i="2" s="1"/>
  <c r="F8286" i="2" a="1"/>
  <c r="F8286" i="2" s="1"/>
  <c r="F8269" i="2" a="1"/>
  <c r="F8269" i="2" s="1"/>
  <c r="F1651" i="2" a="1"/>
  <c r="F1651" i="2" s="1"/>
  <c r="E3146" i="2" a="1"/>
  <c r="E3146" i="2" s="1"/>
  <c r="E3142" i="2" a="1"/>
  <c r="E3142" i="2" s="1"/>
  <c r="E3147" i="2" a="1"/>
  <c r="E3147" i="2" s="1"/>
  <c r="E3150" i="2" a="1"/>
  <c r="E3150" i="2" s="1"/>
  <c r="E3135" i="2" a="1"/>
  <c r="E3135" i="2" s="1"/>
  <c r="E3149" i="2" a="1"/>
  <c r="E3149" i="2" s="1"/>
  <c r="E3144" i="2" a="1"/>
  <c r="E3144" i="2" s="1"/>
  <c r="E627" i="2" a="1"/>
  <c r="E627" i="2" s="1"/>
  <c r="E616" i="2" a="1"/>
  <c r="E616" i="2" s="1"/>
  <c r="E617" i="2" a="1"/>
  <c r="E617" i="2" s="1"/>
  <c r="E632" i="2" a="1"/>
  <c r="E632" i="2" s="1"/>
  <c r="E629" i="2" a="1"/>
  <c r="E629" i="2" s="1"/>
  <c r="E610" i="2" a="1"/>
  <c r="E610" i="2" s="1"/>
  <c r="E620" i="2" a="1"/>
  <c r="E620" i="2" s="1"/>
  <c r="D3626" i="2" a="1"/>
  <c r="D3626" i="2" s="1"/>
  <c r="D3611" i="2" a="1"/>
  <c r="D3611" i="2" s="1"/>
  <c r="D3623" i="2" a="1"/>
  <c r="D3623" i="2" s="1"/>
  <c r="D3631" i="2" a="1"/>
  <c r="D3631" i="2" s="1"/>
  <c r="D3615" i="2" a="1"/>
  <c r="D3615" i="2" s="1"/>
  <c r="D3610" i="2" a="1"/>
  <c r="D3610" i="2" s="1"/>
  <c r="D3627" i="2" a="1"/>
  <c r="D3627" i="2" s="1"/>
  <c r="D3613" i="2" a="1"/>
  <c r="D3613" i="2" s="1"/>
  <c r="D3625" i="2" a="1"/>
  <c r="D3625" i="2" s="1"/>
  <c r="D3616" i="2" a="1"/>
  <c r="D3616" i="2" s="1"/>
  <c r="D3624" i="2" a="1"/>
  <c r="D3624" i="2" s="1"/>
  <c r="D3614" i="2" a="1"/>
  <c r="D3614" i="2" s="1"/>
  <c r="D3620" i="2" a="1"/>
  <c r="D3620" i="2" s="1"/>
  <c r="D3617" i="2" a="1"/>
  <c r="D3617" i="2" s="1"/>
  <c r="H8299" i="2" a="1"/>
  <c r="H8299" i="2" s="1"/>
  <c r="H8297" i="2" a="1"/>
  <c r="H8297" i="2" s="1"/>
  <c r="H8313" i="2" a="1"/>
  <c r="H8313" i="2" s="1"/>
  <c r="H8300" i="2" a="1"/>
  <c r="H8300" i="2" s="1"/>
  <c r="H8291" i="2" a="1"/>
  <c r="H8291" i="2" s="1"/>
  <c r="H8292" i="2" a="1"/>
  <c r="H8292" i="2" s="1"/>
  <c r="E349" i="2" a="1"/>
  <c r="E349" i="2" s="1"/>
  <c r="F2153" i="2" a="1"/>
  <c r="F2153" i="2" s="1"/>
  <c r="F2154" i="2" a="1"/>
  <c r="F2154" i="2" s="1"/>
  <c r="F2157" i="2" a="1"/>
  <c r="F2157" i="2" s="1"/>
  <c r="F2152" i="2" a="1"/>
  <c r="F2152" i="2" s="1"/>
  <c r="F2160" i="2" a="1"/>
  <c r="F2160" i="2" s="1"/>
  <c r="D4634" i="2" a="1"/>
  <c r="D4634" i="2" s="1"/>
  <c r="D4622" i="2" a="1"/>
  <c r="D4622" i="2" s="1"/>
  <c r="G4432" i="2" a="1"/>
  <c r="G4432" i="2" s="1"/>
  <c r="G4439" i="2" a="1"/>
  <c r="G4439" i="2" s="1"/>
  <c r="G4437" i="2" a="1"/>
  <c r="G4437" i="2" s="1"/>
  <c r="G3496" i="2" a="1"/>
  <c r="G3496" i="2" s="1"/>
  <c r="AM146" i="1"/>
  <c r="C152" i="5" s="1"/>
  <c r="E3957" i="2" a="1"/>
  <c r="E3957" i="2" s="1"/>
  <c r="E3962" i="2" a="1"/>
  <c r="E3962" i="2" s="1"/>
  <c r="D7274" i="2" a="1"/>
  <c r="D7274" i="2" s="1"/>
  <c r="D7265" i="2" a="1"/>
  <c r="D7265" i="2" s="1"/>
  <c r="AP303" i="1"/>
  <c r="F309" i="5" s="1"/>
  <c r="D7271" i="2" a="1"/>
  <c r="D7271" i="2" s="1"/>
  <c r="D6497" i="2" a="1"/>
  <c r="D6497" i="2" s="1"/>
  <c r="D6507" i="2" a="1"/>
  <c r="D6507" i="2" s="1"/>
  <c r="D5292" i="2" a="1"/>
  <c r="D5292" i="2" s="1"/>
  <c r="D5293" i="2" a="1"/>
  <c r="D5293" i="2" s="1"/>
  <c r="E6921" i="2" a="1"/>
  <c r="E6921" i="2" s="1"/>
  <c r="E6913" i="2" a="1"/>
  <c r="E6913" i="2" s="1"/>
  <c r="E6909" i="2" a="1"/>
  <c r="E6909" i="2" s="1"/>
  <c r="E6902" i="2" a="1"/>
  <c r="E6902" i="2" s="1"/>
  <c r="E6919" i="2" a="1"/>
  <c r="E6919" i="2" s="1"/>
  <c r="E6911" i="2" a="1"/>
  <c r="E6911" i="2" s="1"/>
  <c r="E6898" i="2" a="1"/>
  <c r="E6898" i="2" s="1"/>
  <c r="E6916" i="2" a="1"/>
  <c r="E6916" i="2" s="1"/>
  <c r="E6915" i="2" a="1"/>
  <c r="E6915" i="2" s="1"/>
  <c r="E6900" i="2" a="1"/>
  <c r="E6900" i="2" s="1"/>
  <c r="E6899" i="2" a="1"/>
  <c r="E6899" i="2" s="1"/>
  <c r="E6920" i="2" a="1"/>
  <c r="E6920" i="2" s="1"/>
  <c r="E6914" i="2" a="1"/>
  <c r="E6914" i="2" s="1"/>
  <c r="E6906" i="2" a="1"/>
  <c r="E6906" i="2" s="1"/>
  <c r="E6901" i="2" a="1"/>
  <c r="E6901" i="2" s="1"/>
  <c r="E6907" i="2" a="1"/>
  <c r="E6907" i="2" s="1"/>
  <c r="E6910" i="2" a="1"/>
  <c r="E6910" i="2" s="1"/>
  <c r="G1946" i="2" a="1"/>
  <c r="G1946" i="2" s="1"/>
  <c r="G1947" i="2" a="1"/>
  <c r="G1947" i="2" s="1"/>
  <c r="G1935" i="2" a="1"/>
  <c r="G1935" i="2" s="1"/>
  <c r="D2546" i="2" a="1"/>
  <c r="D2546" i="2" s="1"/>
  <c r="D2547" i="2" a="1"/>
  <c r="D2547" i="2" s="1"/>
  <c r="D2534" i="2" a="1"/>
  <c r="D2534" i="2" s="1"/>
  <c r="D2535" i="2" a="1"/>
  <c r="D2535" i="2" s="1"/>
  <c r="D2542" i="2" a="1"/>
  <c r="D2542" i="2" s="1"/>
  <c r="D2548" i="2" a="1"/>
  <c r="D2548" i="2" s="1"/>
  <c r="D2532" i="2" a="1"/>
  <c r="D2532" i="2" s="1"/>
  <c r="D2531" i="2" a="1"/>
  <c r="D2531" i="2" s="1"/>
  <c r="D2539" i="2" a="1"/>
  <c r="D2539" i="2" s="1"/>
  <c r="D2540" i="2" a="1"/>
  <c r="D2540" i="2" s="1"/>
  <c r="D2533" i="2" a="1"/>
  <c r="D2533" i="2" s="1"/>
  <c r="D2541" i="2" a="1"/>
  <c r="D2541" i="2" s="1"/>
  <c r="D2549" i="2" a="1"/>
  <c r="D2549" i="2" s="1"/>
  <c r="F2999" i="2" a="1"/>
  <c r="F2999" i="2" s="1"/>
  <c r="F2991" i="2" a="1"/>
  <c r="F2991" i="2" s="1"/>
  <c r="F3003" i="2" a="1"/>
  <c r="F3003" i="2" s="1"/>
  <c r="F3002" i="2" a="1"/>
  <c r="F3002" i="2" s="1"/>
  <c r="F2992" i="2" a="1"/>
  <c r="F2992" i="2" s="1"/>
  <c r="F3006" i="2" a="1"/>
  <c r="F3006" i="2" s="1"/>
  <c r="F3007" i="2" a="1"/>
  <c r="F3007" i="2" s="1"/>
  <c r="F3009" i="2" a="1"/>
  <c r="F3009" i="2" s="1"/>
  <c r="F2995" i="2" a="1"/>
  <c r="F2995" i="2" s="1"/>
  <c r="F2996" i="2" a="1"/>
  <c r="F2996" i="2" s="1"/>
  <c r="F3004" i="2" a="1"/>
  <c r="F3004" i="2" s="1"/>
  <c r="F2989" i="2" a="1"/>
  <c r="F2989" i="2" s="1"/>
  <c r="F2988" i="2" a="1"/>
  <c r="F2988" i="2" s="1"/>
  <c r="F2993" i="2" a="1"/>
  <c r="F2993" i="2" s="1"/>
  <c r="F2990" i="2" a="1"/>
  <c r="F2990" i="2" s="1"/>
  <c r="F2997" i="2" a="1"/>
  <c r="F2997" i="2" s="1"/>
  <c r="F2994" i="2" a="1"/>
  <c r="F2994" i="2" s="1"/>
  <c r="F3005" i="2" a="1"/>
  <c r="F3005" i="2" s="1"/>
  <c r="F7724" i="2" a="1"/>
  <c r="F7724" i="2" s="1"/>
  <c r="F7727" i="2" a="1"/>
  <c r="F7727" i="2" s="1"/>
  <c r="F7728" i="2" a="1"/>
  <c r="F7728" i="2" s="1"/>
  <c r="F125" i="2" a="1"/>
  <c r="F125" i="2" s="1"/>
  <c r="F116" i="2" a="1"/>
  <c r="F116" i="2" s="1"/>
  <c r="F127" i="2" a="1"/>
  <c r="F127" i="2" s="1"/>
  <c r="F118" i="2" a="1"/>
  <c r="F118" i="2" s="1"/>
  <c r="F123" i="2" a="1"/>
  <c r="F123" i="2" s="1"/>
  <c r="F110" i="2" a="1"/>
  <c r="F110" i="2" s="1"/>
  <c r="F126" i="2" a="1"/>
  <c r="F126" i="2" s="1"/>
  <c r="F128" i="2" a="1"/>
  <c r="F128" i="2" s="1"/>
  <c r="F106" i="2" a="1"/>
  <c r="F106" i="2" s="1"/>
  <c r="F129" i="2" a="1"/>
  <c r="F129" i="2" s="1"/>
  <c r="F124" i="2" a="1"/>
  <c r="F124" i="2" s="1"/>
  <c r="F107" i="2" a="1"/>
  <c r="F107" i="2" s="1"/>
  <c r="D3753" i="2" a="1"/>
  <c r="D3753" i="2" s="1"/>
  <c r="D3742" i="2" a="1"/>
  <c r="D3742" i="2" s="1"/>
  <c r="H1524" i="2" a="1"/>
  <c r="H1524" i="2" s="1"/>
  <c r="H1522" i="2" a="1"/>
  <c r="H1522" i="2" s="1"/>
  <c r="H1535" i="2" a="1"/>
  <c r="H1535" i="2" s="1"/>
  <c r="H1538" i="2" a="1"/>
  <c r="H1538" i="2" s="1"/>
  <c r="H1540" i="2" a="1"/>
  <c r="H1540" i="2" s="1"/>
  <c r="H1527" i="2" a="1"/>
  <c r="H1527" i="2" s="1"/>
  <c r="H1523" i="2" a="1"/>
  <c r="H1523" i="2" s="1"/>
  <c r="H1536" i="2" a="1"/>
  <c r="H1536" i="2" s="1"/>
  <c r="H1532" i="2" a="1"/>
  <c r="H1532" i="2" s="1"/>
  <c r="H1543" i="2" a="1"/>
  <c r="H1543" i="2" s="1"/>
  <c r="H1542" i="2" a="1"/>
  <c r="H1542" i="2" s="1"/>
  <c r="H1531" i="2" a="1"/>
  <c r="H1531" i="2" s="1"/>
  <c r="H1541" i="2" a="1"/>
  <c r="H1541" i="2" s="1"/>
  <c r="F5322" i="2" a="1"/>
  <c r="F5322" i="2" s="1"/>
  <c r="F5314" i="2" a="1"/>
  <c r="F5314" i="2" s="1"/>
  <c r="F5328" i="2" a="1"/>
  <c r="F5328" i="2" s="1"/>
  <c r="F5334" i="2" a="1"/>
  <c r="F5334" i="2" s="1"/>
  <c r="F5190" i="2" a="1"/>
  <c r="F5190" i="2" s="1"/>
  <c r="F5175" i="2" a="1"/>
  <c r="F5175" i="2" s="1"/>
  <c r="F5177" i="2" a="1"/>
  <c r="F5177" i="2" s="1"/>
  <c r="F5172" i="2" a="1"/>
  <c r="F5172" i="2" s="1"/>
  <c r="F5186" i="2" a="1"/>
  <c r="F5186" i="2" s="1"/>
  <c r="F5193" i="2" a="1"/>
  <c r="F5193" i="2" s="1"/>
  <c r="F5179" i="2" a="1"/>
  <c r="F5179" i="2" s="1"/>
  <c r="F5180" i="2" a="1"/>
  <c r="F5180" i="2" s="1"/>
  <c r="F5178" i="2" a="1"/>
  <c r="F5178" i="2" s="1"/>
  <c r="F5192" i="2" a="1"/>
  <c r="F5192" i="2" s="1"/>
  <c r="F5170" i="2" a="1"/>
  <c r="F5170" i="2" s="1"/>
  <c r="F5173" i="2" a="1"/>
  <c r="F5173" i="2" s="1"/>
  <c r="E8673" i="2" a="1"/>
  <c r="E8673" i="2" s="1"/>
  <c r="E8656" i="2" a="1"/>
  <c r="E8656" i="2" s="1"/>
  <c r="E8671" i="2" a="1"/>
  <c r="E8671" i="2" s="1"/>
  <c r="E8655" i="2" a="1"/>
  <c r="E8655" i="2" s="1"/>
  <c r="E8651" i="2" a="1"/>
  <c r="E8651" i="2" s="1"/>
  <c r="D3215" i="2" a="1"/>
  <c r="D3215" i="2" s="1"/>
  <c r="D3206" i="2" a="1"/>
  <c r="D3206" i="2" s="1"/>
  <c r="D3211" i="2" a="1"/>
  <c r="D3211" i="2" s="1"/>
  <c r="D3219" i="2" a="1"/>
  <c r="D3219" i="2" s="1"/>
  <c r="D3204" i="2" a="1"/>
  <c r="D3204" i="2" s="1"/>
  <c r="D3212" i="2" a="1"/>
  <c r="D3212" i="2" s="1"/>
  <c r="D3217" i="2" a="1"/>
  <c r="D3217" i="2" s="1"/>
  <c r="D3220" i="2" a="1"/>
  <c r="D3220" i="2" s="1"/>
  <c r="D3202" i="2" a="1"/>
  <c r="D3202" i="2" s="1"/>
  <c r="D3208" i="2" a="1"/>
  <c r="D3208" i="2" s="1"/>
  <c r="D3225" i="2" a="1"/>
  <c r="D3225" i="2" s="1"/>
  <c r="D3214" i="2" a="1"/>
  <c r="D3214" i="2" s="1"/>
  <c r="D3223" i="2" a="1"/>
  <c r="D3223" i="2" s="1"/>
  <c r="D3224" i="2" a="1"/>
  <c r="D3224" i="2" s="1"/>
  <c r="D3218" i="2" a="1"/>
  <c r="D3218" i="2" s="1"/>
  <c r="D3221" i="2" a="1"/>
  <c r="D3221" i="2" s="1"/>
  <c r="D3222" i="2" a="1"/>
  <c r="D3222" i="2" s="1"/>
  <c r="D3213" i="2" a="1"/>
  <c r="D3213" i="2" s="1"/>
  <c r="D3207" i="2" a="1"/>
  <c r="D3207" i="2" s="1"/>
  <c r="D3216" i="2" a="1"/>
  <c r="D3216" i="2" s="1"/>
  <c r="E358" i="2" a="1"/>
  <c r="E358" i="2" s="1"/>
  <c r="D6501" i="2" a="1"/>
  <c r="D6501" i="2" s="1"/>
  <c r="D7275" i="2" a="1"/>
  <c r="D7275" i="2" s="1"/>
  <c r="G5400" i="2" a="1"/>
  <c r="G5400" i="2" s="1"/>
  <c r="E6908" i="2" a="1"/>
  <c r="E6908" i="2" s="1"/>
  <c r="E366" i="2" a="1"/>
  <c r="E366" i="2" s="1"/>
  <c r="G5386" i="2" a="1"/>
  <c r="G5386" i="2" s="1"/>
  <c r="E6918" i="2" a="1"/>
  <c r="E6918" i="2" s="1"/>
  <c r="H2200" i="2" a="1"/>
  <c r="H2200" i="2" s="1"/>
  <c r="E6912" i="2" a="1"/>
  <c r="E6912" i="2" s="1"/>
  <c r="H2215" i="2" a="1"/>
  <c r="H2215" i="2" s="1"/>
  <c r="G4393" i="2" a="1"/>
  <c r="G4393" i="2" s="1"/>
  <c r="G4398" i="2" a="1"/>
  <c r="G4398" i="2" s="1"/>
  <c r="G4399" i="2" a="1"/>
  <c r="G4399" i="2" s="1"/>
  <c r="AP150" i="1"/>
  <c r="F156" i="5" s="1"/>
  <c r="H7142" i="2" a="1"/>
  <c r="H7142" i="2" s="1"/>
  <c r="H7147" i="2" a="1"/>
  <c r="H7147" i="2" s="1"/>
  <c r="H7140" i="2" a="1"/>
  <c r="H7140" i="2" s="1"/>
  <c r="AQ361" i="1"/>
  <c r="G367" i="5" s="1"/>
  <c r="G4395" i="2" a="1"/>
  <c r="G4395" i="2" s="1"/>
  <c r="F1307" i="2" a="1"/>
  <c r="F1307" i="2" s="1"/>
  <c r="H7538" i="2" a="1"/>
  <c r="H7538" i="2" s="1"/>
  <c r="H5971" i="2" a="1"/>
  <c r="H5971" i="2" s="1"/>
  <c r="G4931" i="2" a="1"/>
  <c r="G4931" i="2" s="1"/>
  <c r="F1039" i="2" a="1"/>
  <c r="F1039" i="2" s="1"/>
  <c r="G7440" i="2" a="1"/>
  <c r="G7440" i="2" s="1"/>
  <c r="F2871" i="2" a="1"/>
  <c r="F2871" i="2" s="1"/>
  <c r="F1323" i="2" a="1"/>
  <c r="F1323" i="2" s="1"/>
  <c r="H7531" i="2" a="1"/>
  <c r="H7531" i="2" s="1"/>
  <c r="H5983" i="2" a="1"/>
  <c r="H5983" i="2" s="1"/>
  <c r="F3780" i="2" a="1"/>
  <c r="F3780" i="2" s="1"/>
  <c r="G4932" i="2" a="1"/>
  <c r="G4932" i="2" s="1"/>
  <c r="F1035" i="2" a="1"/>
  <c r="F1035" i="2" s="1"/>
  <c r="F1319" i="2" a="1"/>
  <c r="F1319" i="2" s="1"/>
  <c r="H7526" i="2" a="1"/>
  <c r="H7526" i="2" s="1"/>
  <c r="H5974" i="2" a="1"/>
  <c r="H5974" i="2" s="1"/>
  <c r="F3782" i="2" a="1"/>
  <c r="F3782" i="2" s="1"/>
  <c r="F1021" i="2" a="1"/>
  <c r="F1021" i="2" s="1"/>
  <c r="E504" i="2" a="1"/>
  <c r="E504" i="2" s="1"/>
  <c r="E501" i="2" a="1"/>
  <c r="E501" i="2" s="1"/>
  <c r="E505" i="2" a="1"/>
  <c r="E505" i="2" s="1"/>
  <c r="E493" i="2" a="1"/>
  <c r="E493" i="2" s="1"/>
  <c r="E2413" i="2" a="1"/>
  <c r="E2413" i="2" s="1"/>
  <c r="E2427" i="2" a="1"/>
  <c r="E2427" i="2" s="1"/>
  <c r="E2420" i="2" a="1"/>
  <c r="E2420" i="2" s="1"/>
  <c r="E2411" i="2" a="1"/>
  <c r="E2411" i="2" s="1"/>
  <c r="E2431" i="2" a="1"/>
  <c r="E2431" i="2" s="1"/>
  <c r="E2417" i="2" a="1"/>
  <c r="E2417" i="2" s="1"/>
  <c r="E2428" i="2" a="1"/>
  <c r="E2428" i="2" s="1"/>
  <c r="F3785" i="2" a="1"/>
  <c r="F3785" i="2" s="1"/>
  <c r="F3796" i="2" a="1"/>
  <c r="F3796" i="2" s="1"/>
  <c r="F3788" i="2" a="1"/>
  <c r="F3788" i="2" s="1"/>
  <c r="F3783" i="2" a="1"/>
  <c r="F3783" i="2" s="1"/>
  <c r="F3792" i="2" a="1"/>
  <c r="F3792" i="2" s="1"/>
  <c r="F3778" i="2" a="1"/>
  <c r="F3778" i="2" s="1"/>
  <c r="F3789" i="2" a="1"/>
  <c r="F3789" i="2" s="1"/>
  <c r="F3786" i="2" a="1"/>
  <c r="F3786" i="2" s="1"/>
  <c r="F3790" i="2" a="1"/>
  <c r="F3790" i="2" s="1"/>
  <c r="F3791" i="2" a="1"/>
  <c r="F3791" i="2" s="1"/>
  <c r="F3798" i="2" a="1"/>
  <c r="F3798" i="2" s="1"/>
  <c r="F3779" i="2" a="1"/>
  <c r="F3779" i="2" s="1"/>
  <c r="F3787" i="2" a="1"/>
  <c r="F3787" i="2" s="1"/>
  <c r="F3800" i="2" a="1"/>
  <c r="F3800" i="2" s="1"/>
  <c r="F3784" i="2" a="1"/>
  <c r="F3784" i="2" s="1"/>
  <c r="F3797" i="2" a="1"/>
  <c r="F3797" i="2" s="1"/>
  <c r="F5720" i="2" a="1"/>
  <c r="F5720" i="2" s="1"/>
  <c r="F5718" i="2" a="1"/>
  <c r="F5718" i="2" s="1"/>
  <c r="F5709" i="2" a="1"/>
  <c r="F5709" i="2" s="1"/>
  <c r="F5703" i="2" a="1"/>
  <c r="F5703" i="2" s="1"/>
  <c r="F5707" i="2" a="1"/>
  <c r="F5707" i="2" s="1"/>
  <c r="F5708" i="2" a="1"/>
  <c r="F5708" i="2" s="1"/>
  <c r="F5699" i="2" a="1"/>
  <c r="F5699" i="2" s="1"/>
  <c r="F5701" i="2" a="1"/>
  <c r="F5701" i="2" s="1"/>
  <c r="F5704" i="2" a="1"/>
  <c r="F5704" i="2" s="1"/>
  <c r="F5717" i="2" a="1"/>
  <c r="F5717" i="2" s="1"/>
  <c r="F5705" i="2" a="1"/>
  <c r="F5705" i="2" s="1"/>
  <c r="F5719" i="2" a="1"/>
  <c r="F5719" i="2" s="1"/>
  <c r="F5698" i="2" a="1"/>
  <c r="F5698" i="2" s="1"/>
  <c r="F5716" i="2" a="1"/>
  <c r="F5716" i="2" s="1"/>
  <c r="H1355" i="2" a="1"/>
  <c r="H1355" i="2" s="1"/>
  <c r="H1364" i="2" a="1"/>
  <c r="H1364" i="2" s="1"/>
  <c r="H1365" i="2" a="1"/>
  <c r="H1365" i="2" s="1"/>
  <c r="H1368" i="2" a="1"/>
  <c r="H1368" i="2" s="1"/>
  <c r="H1373" i="2" a="1"/>
  <c r="H1373" i="2" s="1"/>
  <c r="H1372" i="2" a="1"/>
  <c r="H1372" i="2" s="1"/>
  <c r="H1356" i="2" a="1"/>
  <c r="H1356" i="2" s="1"/>
  <c r="H1377" i="2" a="1"/>
  <c r="H1377" i="2" s="1"/>
  <c r="H1360" i="2" a="1"/>
  <c r="H1360" i="2" s="1"/>
  <c r="H1362" i="2" a="1"/>
  <c r="H1362" i="2" s="1"/>
  <c r="H1354" i="2" a="1"/>
  <c r="H1354" i="2" s="1"/>
  <c r="H1357" i="2" a="1"/>
  <c r="H1357" i="2" s="1"/>
  <c r="D7717" i="2" a="1"/>
  <c r="D7717" i="2" s="1"/>
  <c r="D7733" i="2" a="1"/>
  <c r="D7733" i="2" s="1"/>
  <c r="D7725" i="2" a="1"/>
  <c r="D7725" i="2" s="1"/>
  <c r="D7718" i="2" a="1"/>
  <c r="D7718" i="2" s="1"/>
  <c r="D7735" i="2" a="1"/>
  <c r="D7735" i="2" s="1"/>
  <c r="D7736" i="2" a="1"/>
  <c r="D7736" i="2" s="1"/>
  <c r="F5676" i="2" a="1"/>
  <c r="F5676" i="2" s="1"/>
  <c r="F5682" i="2" a="1"/>
  <c r="F5682" i="2" s="1"/>
  <c r="F5690" i="2" a="1"/>
  <c r="F5690" i="2" s="1"/>
  <c r="F5697" i="2" a="1"/>
  <c r="F5697" i="2" s="1"/>
  <c r="F5674" i="2" a="1"/>
  <c r="F5674" i="2" s="1"/>
  <c r="F1022" i="2" a="1"/>
  <c r="F1022" i="2" s="1"/>
  <c r="F1024" i="2" a="1"/>
  <c r="F1024" i="2" s="1"/>
  <c r="F1030" i="2" a="1"/>
  <c r="F1030" i="2" s="1"/>
  <c r="F1018" i="2" a="1"/>
  <c r="F1018" i="2" s="1"/>
  <c r="F1038" i="2" a="1"/>
  <c r="F1038" i="2" s="1"/>
  <c r="F1029" i="2" a="1"/>
  <c r="F1029" i="2" s="1"/>
  <c r="F1033" i="2" a="1"/>
  <c r="F1033" i="2" s="1"/>
  <c r="F1025" i="2" a="1"/>
  <c r="F1025" i="2" s="1"/>
  <c r="F1036" i="2" a="1"/>
  <c r="F1036" i="2" s="1"/>
  <c r="G4952" i="2" a="1"/>
  <c r="G4952" i="2" s="1"/>
  <c r="G4945" i="2" a="1"/>
  <c r="G4945" i="2" s="1"/>
  <c r="G4940" i="2" a="1"/>
  <c r="G4940" i="2" s="1"/>
  <c r="G4942" i="2" a="1"/>
  <c r="G4942" i="2" s="1"/>
  <c r="G4949" i="2" a="1"/>
  <c r="G4949" i="2" s="1"/>
  <c r="G4950" i="2" a="1"/>
  <c r="G4950" i="2" s="1"/>
  <c r="G4947" i="2" a="1"/>
  <c r="G4947" i="2" s="1"/>
  <c r="G4951" i="2" a="1"/>
  <c r="G4951" i="2" s="1"/>
  <c r="G4933" i="2" a="1"/>
  <c r="G4933" i="2" s="1"/>
  <c r="G4930" i="2" a="1"/>
  <c r="G4930" i="2" s="1"/>
  <c r="G4943" i="2" a="1"/>
  <c r="G4943" i="2" s="1"/>
  <c r="G4938" i="2" a="1"/>
  <c r="G4938" i="2" s="1"/>
  <c r="G4934" i="2" a="1"/>
  <c r="G4934" i="2" s="1"/>
  <c r="G311" i="2" a="1"/>
  <c r="G311" i="2" s="1"/>
  <c r="G316" i="2" a="1"/>
  <c r="G316" i="2" s="1"/>
  <c r="G317" i="2" a="1"/>
  <c r="G317" i="2" s="1"/>
  <c r="G314" i="2" a="1"/>
  <c r="G314" i="2" s="1"/>
  <c r="G321" i="2" a="1"/>
  <c r="G321" i="2" s="1"/>
  <c r="G308" i="2" a="1"/>
  <c r="G308" i="2" s="1"/>
  <c r="G307" i="2" a="1"/>
  <c r="G307" i="2" s="1"/>
  <c r="G303" i="2" a="1"/>
  <c r="G303" i="2" s="1"/>
  <c r="G306" i="2" a="1"/>
  <c r="G306" i="2" s="1"/>
  <c r="G302" i="2" a="1"/>
  <c r="G302" i="2" s="1"/>
  <c r="H6095" i="2" a="1"/>
  <c r="H6095" i="2" s="1"/>
  <c r="H6105" i="2" a="1"/>
  <c r="H6105" i="2" s="1"/>
  <c r="H6083" i="2" a="1"/>
  <c r="H6083" i="2" s="1"/>
  <c r="H6102" i="2" a="1"/>
  <c r="H6102" i="2" s="1"/>
  <c r="H6093" i="2" a="1"/>
  <c r="H6093" i="2" s="1"/>
  <c r="H6103" i="2" a="1"/>
  <c r="H6103" i="2" s="1"/>
  <c r="H6090" i="2" a="1"/>
  <c r="H6090" i="2" s="1"/>
  <c r="H6087" i="2" a="1"/>
  <c r="H6087" i="2" s="1"/>
  <c r="H6088" i="2" a="1"/>
  <c r="H6088" i="2" s="1"/>
  <c r="H6099" i="2" a="1"/>
  <c r="H6099" i="2" s="1"/>
  <c r="E5384" i="2" a="1"/>
  <c r="E5384" i="2" s="1"/>
  <c r="E5375" i="2" a="1"/>
  <c r="E5375" i="2" s="1"/>
  <c r="E5362" i="2" a="1"/>
  <c r="E5362" i="2" s="1"/>
  <c r="E5377" i="2" a="1"/>
  <c r="E5377" i="2" s="1"/>
  <c r="E5366" i="2" a="1"/>
  <c r="E5366" i="2" s="1"/>
  <c r="E5368" i="2" a="1"/>
  <c r="E5368" i="2" s="1"/>
  <c r="E5373" i="2" a="1"/>
  <c r="E5373" i="2" s="1"/>
  <c r="E5371" i="2" a="1"/>
  <c r="E5371" i="2" s="1"/>
  <c r="E5363" i="2" a="1"/>
  <c r="E5363" i="2" s="1"/>
  <c r="E5372" i="2" a="1"/>
  <c r="E5372" i="2" s="1"/>
  <c r="E5379" i="2" a="1"/>
  <c r="E5379" i="2" s="1"/>
  <c r="E5378" i="2" a="1"/>
  <c r="E5378" i="2" s="1"/>
  <c r="G3293" i="2" a="1"/>
  <c r="G3293" i="2" s="1"/>
  <c r="G3283" i="2" a="1"/>
  <c r="G3283" i="2" s="1"/>
  <c r="G3277" i="2" a="1"/>
  <c r="G3277" i="2" s="1"/>
  <c r="G3280" i="2" a="1"/>
  <c r="G3280" i="2" s="1"/>
  <c r="G3289" i="2" a="1"/>
  <c r="G3289" i="2" s="1"/>
  <c r="G3287" i="2" a="1"/>
  <c r="G3287" i="2" s="1"/>
  <c r="D6652" i="2" a="1"/>
  <c r="D6652" i="2" s="1"/>
  <c r="D6648" i="2" a="1"/>
  <c r="D6648" i="2" s="1"/>
  <c r="D6656" i="2" a="1"/>
  <c r="D6656" i="2" s="1"/>
  <c r="D6637" i="2" a="1"/>
  <c r="D6637" i="2" s="1"/>
  <c r="D6655" i="2" a="1"/>
  <c r="D6655" i="2" s="1"/>
  <c r="D6645" i="2" a="1"/>
  <c r="D6645" i="2" s="1"/>
  <c r="H5966" i="2" a="1"/>
  <c r="H5966" i="2" s="1"/>
  <c r="H5978" i="2" a="1"/>
  <c r="H5978" i="2" s="1"/>
  <c r="H5973" i="2" a="1"/>
  <c r="H5973" i="2" s="1"/>
  <c r="H5975" i="2" a="1"/>
  <c r="H5975" i="2" s="1"/>
  <c r="H5981" i="2" a="1"/>
  <c r="H5981" i="2" s="1"/>
  <c r="H5972" i="2" a="1"/>
  <c r="H5972" i="2" s="1"/>
  <c r="H5967" i="2" a="1"/>
  <c r="H5967" i="2" s="1"/>
  <c r="H5969" i="2" a="1"/>
  <c r="H5969" i="2" s="1"/>
  <c r="H5977" i="2" a="1"/>
  <c r="H5977" i="2" s="1"/>
  <c r="H5965" i="2" a="1"/>
  <c r="H5965" i="2" s="1"/>
  <c r="H5976" i="2" a="1"/>
  <c r="H5976" i="2" s="1"/>
  <c r="H5964" i="2" a="1"/>
  <c r="H5964" i="2" s="1"/>
  <c r="H5984" i="2" a="1"/>
  <c r="H5984" i="2" s="1"/>
  <c r="H7523" i="2" a="1"/>
  <c r="H7523" i="2" s="1"/>
  <c r="H7524" i="2" a="1"/>
  <c r="H7524" i="2" s="1"/>
  <c r="H7544" i="2" a="1"/>
  <c r="H7544" i="2" s="1"/>
  <c r="H7540" i="2" a="1"/>
  <c r="H7540" i="2" s="1"/>
  <c r="H7527" i="2" a="1"/>
  <c r="H7527" i="2" s="1"/>
  <c r="H7541" i="2" a="1"/>
  <c r="H7541" i="2" s="1"/>
  <c r="H7525" i="2" a="1"/>
  <c r="H7525" i="2" s="1"/>
  <c r="H7539" i="2" a="1"/>
  <c r="H7539" i="2" s="1"/>
  <c r="H7529" i="2" a="1"/>
  <c r="H7529" i="2" s="1"/>
  <c r="H7528" i="2" a="1"/>
  <c r="H7528" i="2" s="1"/>
  <c r="H7534" i="2" a="1"/>
  <c r="H7534" i="2" s="1"/>
  <c r="H7537" i="2" a="1"/>
  <c r="H7537" i="2" s="1"/>
  <c r="H7536" i="2" a="1"/>
  <c r="H7536" i="2" s="1"/>
  <c r="H7532" i="2" a="1"/>
  <c r="H7532" i="2" s="1"/>
  <c r="F3247" i="2" a="1"/>
  <c r="F3247" i="2" s="1"/>
  <c r="F3236" i="2" a="1"/>
  <c r="F3236" i="2" s="1"/>
  <c r="F3232" i="2" a="1"/>
  <c r="F3232" i="2" s="1"/>
  <c r="F3243" i="2" a="1"/>
  <c r="F3243" i="2" s="1"/>
  <c r="F3226" i="2" a="1"/>
  <c r="F3226" i="2" s="1"/>
  <c r="F3229" i="2" a="1"/>
  <c r="F3229" i="2" s="1"/>
  <c r="F3245" i="2" a="1"/>
  <c r="F3245" i="2" s="1"/>
  <c r="F3228" i="2" a="1"/>
  <c r="F3228" i="2" s="1"/>
  <c r="F3233" i="2" a="1"/>
  <c r="F3233" i="2" s="1"/>
  <c r="F3237" i="2" a="1"/>
  <c r="F3237" i="2" s="1"/>
  <c r="F3249" i="2" a="1"/>
  <c r="F3249" i="2" s="1"/>
  <c r="F3230" i="2" a="1"/>
  <c r="F3230" i="2" s="1"/>
  <c r="F1318" i="2" a="1"/>
  <c r="F1318" i="2" s="1"/>
  <c r="F1327" i="2" a="1"/>
  <c r="F1327" i="2" s="1"/>
  <c r="F1315" i="2" a="1"/>
  <c r="F1315" i="2" s="1"/>
  <c r="F1306" i="2" a="1"/>
  <c r="F1306" i="2" s="1"/>
  <c r="F1311" i="2" a="1"/>
  <c r="F1311" i="2" s="1"/>
  <c r="F1309" i="2" a="1"/>
  <c r="F1309" i="2" s="1"/>
  <c r="F1313" i="2" a="1"/>
  <c r="F1313" i="2" s="1"/>
  <c r="F1321" i="2" a="1"/>
  <c r="F1321" i="2" s="1"/>
  <c r="F1326" i="2" a="1"/>
  <c r="F1326" i="2" s="1"/>
  <c r="F1325" i="2" a="1"/>
  <c r="F1325" i="2" s="1"/>
  <c r="F1324" i="2" a="1"/>
  <c r="F1324" i="2" s="1"/>
  <c r="G659" i="2" a="1"/>
  <c r="G659" i="2" s="1"/>
  <c r="G666" i="2" a="1"/>
  <c r="G666" i="2" s="1"/>
  <c r="G670" i="2" a="1"/>
  <c r="G670" i="2" s="1"/>
  <c r="G662" i="2" a="1"/>
  <c r="G662" i="2" s="1"/>
  <c r="G663" i="2" a="1"/>
  <c r="G663" i="2" s="1"/>
  <c r="G678" i="2" a="1"/>
  <c r="G678" i="2" s="1"/>
  <c r="G679" i="2" a="1"/>
  <c r="G679" i="2" s="1"/>
  <c r="G658" i="2" a="1"/>
  <c r="G658" i="2" s="1"/>
  <c r="E3366" i="2" a="1"/>
  <c r="E3366" i="2" s="1"/>
  <c r="E3350" i="2" a="1"/>
  <c r="E3350" i="2" s="1"/>
  <c r="E3346" i="2" a="1"/>
  <c r="E3346" i="2" s="1"/>
  <c r="E3357" i="2" a="1"/>
  <c r="E3357" i="2" s="1"/>
  <c r="E3355" i="2" a="1"/>
  <c r="E3355" i="2" s="1"/>
  <c r="E3364" i="2" a="1"/>
  <c r="E3364" i="2" s="1"/>
  <c r="E3348" i="2" a="1"/>
  <c r="E3348" i="2" s="1"/>
  <c r="E3361" i="2" a="1"/>
  <c r="E3361" i="2" s="1"/>
  <c r="E3351" i="2" a="1"/>
  <c r="E3351" i="2" s="1"/>
  <c r="E3356" i="2" a="1"/>
  <c r="E3356" i="2" s="1"/>
  <c r="E3347" i="2" a="1"/>
  <c r="E3347" i="2" s="1"/>
  <c r="E3359" i="2" a="1"/>
  <c r="E3359" i="2" s="1"/>
  <c r="E3358" i="2" a="1"/>
  <c r="E3358" i="2" s="1"/>
  <c r="G7432" i="2" a="1"/>
  <c r="G7432" i="2" s="1"/>
  <c r="E2430" i="2" a="1"/>
  <c r="E2430" i="2" s="1"/>
  <c r="F5687" i="2" a="1"/>
  <c r="F5687" i="2" s="1"/>
  <c r="G298" i="2" a="1"/>
  <c r="G298" i="2" s="1"/>
  <c r="H1375" i="2" a="1"/>
  <c r="H1375" i="2" s="1"/>
  <c r="E3354" i="2" a="1"/>
  <c r="E3354" i="2" s="1"/>
  <c r="F1322" i="2" a="1"/>
  <c r="F1322" i="2" s="1"/>
  <c r="F3235" i="2" a="1"/>
  <c r="F3235" i="2" s="1"/>
  <c r="F3801" i="2" a="1"/>
  <c r="F3801" i="2" s="1"/>
  <c r="H6092" i="2" a="1"/>
  <c r="H6092" i="2" s="1"/>
  <c r="G7426" i="2" a="1"/>
  <c r="G7426" i="2" s="1"/>
  <c r="E2412" i="2" a="1"/>
  <c r="E2412" i="2" s="1"/>
  <c r="F6396" i="2" a="1"/>
  <c r="F6396" i="2" s="1"/>
  <c r="F5678" i="2" a="1"/>
  <c r="F5678" i="2" s="1"/>
  <c r="G304" i="2" a="1"/>
  <c r="G304" i="2" s="1"/>
  <c r="H1366" i="2" a="1"/>
  <c r="H1366" i="2" s="1"/>
  <c r="E3352" i="2" a="1"/>
  <c r="E3352" i="2" s="1"/>
  <c r="F3227" i="2" a="1"/>
  <c r="F3227" i="2" s="1"/>
  <c r="E5369" i="2" a="1"/>
  <c r="E5369" i="2" s="1"/>
  <c r="G4946" i="2" a="1"/>
  <c r="G4946" i="2" s="1"/>
  <c r="H6104" i="2" a="1"/>
  <c r="H6104" i="2" s="1"/>
  <c r="G674" i="2" a="1"/>
  <c r="G674" i="2" s="1"/>
  <c r="G7441" i="2" a="1"/>
  <c r="G7441" i="2" s="1"/>
  <c r="E2414" i="2" a="1"/>
  <c r="E2414" i="2" s="1"/>
  <c r="F6399" i="2" a="1"/>
  <c r="F6399" i="2" s="1"/>
  <c r="F5675" i="2" a="1"/>
  <c r="F5675" i="2" s="1"/>
  <c r="G320" i="2" a="1"/>
  <c r="G320" i="2" s="1"/>
  <c r="H1359" i="2" a="1"/>
  <c r="H1359" i="2" s="1"/>
  <c r="E3349" i="2" a="1"/>
  <c r="E3349" i="2" s="1"/>
  <c r="F3246" i="2" a="1"/>
  <c r="F3246" i="2" s="1"/>
  <c r="E5383" i="2" a="1"/>
  <c r="E5383" i="2" s="1"/>
  <c r="G4948" i="2" a="1"/>
  <c r="G4948" i="2" s="1"/>
  <c r="H6096" i="2" a="1"/>
  <c r="H6096" i="2" s="1"/>
  <c r="D7731" i="2" a="1"/>
  <c r="D7731" i="2" s="1"/>
  <c r="G661" i="2" a="1"/>
  <c r="G661" i="2" s="1"/>
  <c r="G7427" i="2" a="1"/>
  <c r="G7427" i="2" s="1"/>
  <c r="E2426" i="2" a="1"/>
  <c r="E2426" i="2" s="1"/>
  <c r="F6409" i="2" a="1"/>
  <c r="F6409" i="2" s="1"/>
  <c r="F2869" i="2" a="1"/>
  <c r="F2869" i="2" s="1"/>
  <c r="F5693" i="2" a="1"/>
  <c r="F5693" i="2" s="1"/>
  <c r="G313" i="2" a="1"/>
  <c r="G313" i="2" s="1"/>
  <c r="H1358" i="2" a="1"/>
  <c r="H1358" i="2" s="1"/>
  <c r="E3362" i="2" a="1"/>
  <c r="E3362" i="2" s="1"/>
  <c r="F3234" i="2" a="1"/>
  <c r="F3234" i="2" s="1"/>
  <c r="E5365" i="2" a="1"/>
  <c r="E5365" i="2" s="1"/>
  <c r="H5963" i="2" a="1"/>
  <c r="H5963" i="2" s="1"/>
  <c r="G4937" i="2" a="1"/>
  <c r="G4937" i="2" s="1"/>
  <c r="H6091" i="2" a="1"/>
  <c r="H6091" i="2" s="1"/>
  <c r="D7722" i="2" a="1"/>
  <c r="D7722" i="2" s="1"/>
  <c r="G673" i="2" a="1"/>
  <c r="G673" i="2" s="1"/>
  <c r="G7429" i="2" a="1"/>
  <c r="G7429" i="2" s="1"/>
  <c r="G3295" i="2" a="1"/>
  <c r="G3295" i="2" s="1"/>
  <c r="F6408" i="2" a="1"/>
  <c r="F6408" i="2" s="1"/>
  <c r="F5691" i="2" a="1"/>
  <c r="F5691" i="2" s="1"/>
  <c r="G1539" i="2" a="1"/>
  <c r="G1539" i="2" s="1"/>
  <c r="G312" i="2" a="1"/>
  <c r="G312" i="2" s="1"/>
  <c r="H7533" i="2" a="1"/>
  <c r="H7533" i="2" s="1"/>
  <c r="E5370" i="2" a="1"/>
  <c r="E5370" i="2" s="1"/>
  <c r="H5980" i="2" a="1"/>
  <c r="H5980" i="2" s="1"/>
  <c r="G4935" i="2" a="1"/>
  <c r="G4935" i="2" s="1"/>
  <c r="F5713" i="2" a="1"/>
  <c r="F5713" i="2" s="1"/>
  <c r="D7729" i="2" a="1"/>
  <c r="D7729" i="2" s="1"/>
  <c r="G672" i="2" a="1"/>
  <c r="G672" i="2" s="1"/>
  <c r="H5588" i="2" a="1"/>
  <c r="H5588" i="2" s="1"/>
  <c r="H5597" i="2" a="1"/>
  <c r="H5597" i="2" s="1"/>
  <c r="G4242" i="2" a="1"/>
  <c r="G4242" i="2" s="1"/>
  <c r="E755" i="2" a="1"/>
  <c r="E755" i="2" s="1"/>
  <c r="E769" i="2" a="1"/>
  <c r="E769" i="2" s="1"/>
  <c r="G7634" i="2" a="1"/>
  <c r="G7634" i="2" s="1"/>
  <c r="F4532" i="2" a="1"/>
  <c r="F4532" i="2" s="1"/>
  <c r="E3242" i="2" a="1"/>
  <c r="E3242" i="2" s="1"/>
  <c r="E5898" i="2" a="1"/>
  <c r="E5898" i="2" s="1"/>
  <c r="D5182" i="2" a="1"/>
  <c r="D5182" i="2" s="1"/>
  <c r="G7635" i="2" a="1"/>
  <c r="G7635" i="2" s="1"/>
  <c r="F4523" i="2" a="1"/>
  <c r="F4523" i="2" s="1"/>
  <c r="E3241" i="2" a="1"/>
  <c r="E3241" i="2" s="1"/>
  <c r="D4415" i="2" a="1"/>
  <c r="D4415" i="2" s="1"/>
  <c r="E5894" i="2" a="1"/>
  <c r="E5894" i="2" s="1"/>
  <c r="E2475" i="2" a="1"/>
  <c r="E2475" i="2" s="1"/>
  <c r="E2463" i="2" a="1"/>
  <c r="E2463" i="2" s="1"/>
  <c r="E6326" i="2" a="1"/>
  <c r="E6326" i="2" s="1"/>
  <c r="E6337" i="2" a="1"/>
  <c r="E6337" i="2" s="1"/>
  <c r="E6344" i="2" a="1"/>
  <c r="E6344" i="2" s="1"/>
  <c r="E6325" i="2" a="1"/>
  <c r="E6325" i="2" s="1"/>
  <c r="E6330" i="2" a="1"/>
  <c r="E6330" i="2" s="1"/>
  <c r="D5177" i="2" a="1"/>
  <c r="D5177" i="2" s="1"/>
  <c r="E4764" i="2" a="1"/>
  <c r="E4764" i="2" s="1"/>
  <c r="E4772" i="2" a="1"/>
  <c r="E4772" i="2" s="1"/>
  <c r="E4778" i="2" a="1"/>
  <c r="E4778" i="2" s="1"/>
  <c r="G5169" i="2" a="1"/>
  <c r="G5169" i="2" s="1"/>
  <c r="G5159" i="2" a="1"/>
  <c r="G5159" i="2" s="1"/>
  <c r="G5163" i="2" a="1"/>
  <c r="G5163" i="2" s="1"/>
  <c r="G5164" i="2" a="1"/>
  <c r="G5164" i="2" s="1"/>
  <c r="G5149" i="2" a="1"/>
  <c r="G5149" i="2" s="1"/>
  <c r="H2374" i="2" a="1"/>
  <c r="H2374" i="2" s="1"/>
  <c r="H2366" i="2" a="1"/>
  <c r="H2366" i="2" s="1"/>
  <c r="H2372" i="2" a="1"/>
  <c r="H2372" i="2" s="1"/>
  <c r="H2378" i="2" a="1"/>
  <c r="H2378" i="2" s="1"/>
  <c r="H2383" i="2" a="1"/>
  <c r="H2383" i="2" s="1"/>
  <c r="H2362" i="2" a="1"/>
  <c r="H2362" i="2" s="1"/>
  <c r="F4524" i="2" a="1"/>
  <c r="F4524" i="2" s="1"/>
  <c r="F4543" i="2" a="1"/>
  <c r="F4543" i="2" s="1"/>
  <c r="F4531" i="2" a="1"/>
  <c r="F4531" i="2" s="1"/>
  <c r="F4544" i="2" a="1"/>
  <c r="F4544" i="2" s="1"/>
  <c r="F4533" i="2" a="1"/>
  <c r="F4533" i="2" s="1"/>
  <c r="F4541" i="2" a="1"/>
  <c r="F4541" i="2" s="1"/>
  <c r="F5853" i="2" a="1"/>
  <c r="F5853" i="2" s="1"/>
  <c r="F5857" i="2" a="1"/>
  <c r="F5857" i="2" s="1"/>
  <c r="F5859" i="2" a="1"/>
  <c r="F5859" i="2" s="1"/>
  <c r="F5862" i="2" a="1"/>
  <c r="F5862" i="2" s="1"/>
  <c r="F5848" i="2" a="1"/>
  <c r="F5848" i="2" s="1"/>
  <c r="F5844" i="2" a="1"/>
  <c r="F5844" i="2" s="1"/>
  <c r="F5845" i="2" a="1"/>
  <c r="F5845" i="2" s="1"/>
  <c r="F5854" i="2" a="1"/>
  <c r="F5854" i="2" s="1"/>
  <c r="G7631" i="2" a="1"/>
  <c r="G7631" i="2" s="1"/>
  <c r="G7633" i="2" a="1"/>
  <c r="G7633" i="2" s="1"/>
  <c r="G7636" i="2" a="1"/>
  <c r="G7636" i="2" s="1"/>
  <c r="G7640" i="2" a="1"/>
  <c r="G7640" i="2" s="1"/>
  <c r="G7623" i="2" a="1"/>
  <c r="G7623" i="2" s="1"/>
  <c r="G7632" i="2" a="1"/>
  <c r="G7632" i="2" s="1"/>
  <c r="G7627" i="2" a="1"/>
  <c r="G7627" i="2" s="1"/>
  <c r="E3248" i="2" a="1"/>
  <c r="E3248" i="2" s="1"/>
  <c r="E3247" i="2" a="1"/>
  <c r="E3247" i="2" s="1"/>
  <c r="E3249" i="2" a="1"/>
  <c r="E3249" i="2" s="1"/>
  <c r="E3231" i="2" a="1"/>
  <c r="E3231" i="2" s="1"/>
  <c r="E3235" i="2" a="1"/>
  <c r="E3235" i="2" s="1"/>
  <c r="E5900" i="2" a="1"/>
  <c r="E5900" i="2" s="1"/>
  <c r="E5896" i="2" a="1"/>
  <c r="E5896" i="2" s="1"/>
  <c r="E5907" i="2" a="1"/>
  <c r="E5907" i="2" s="1"/>
  <c r="E5901" i="2" a="1"/>
  <c r="E5901" i="2" s="1"/>
  <c r="E5903" i="2" a="1"/>
  <c r="E5903" i="2" s="1"/>
  <c r="E5910" i="2" a="1"/>
  <c r="E5910" i="2" s="1"/>
  <c r="D1745" i="2" a="1"/>
  <c r="D1745" i="2" s="1"/>
  <c r="D1749" i="2" a="1"/>
  <c r="D1749" i="2" s="1"/>
  <c r="D1753" i="2" a="1"/>
  <c r="D1753" i="2" s="1"/>
  <c r="D1757" i="2" a="1"/>
  <c r="D1757" i="2" s="1"/>
  <c r="D1743" i="2" a="1"/>
  <c r="D1743" i="2" s="1"/>
  <c r="D1746" i="2" a="1"/>
  <c r="D1746" i="2" s="1"/>
  <c r="D1748" i="2" a="1"/>
  <c r="D1748" i="2" s="1"/>
  <c r="G4257" i="2" a="1"/>
  <c r="G4257" i="2" s="1"/>
  <c r="G4250" i="2" a="1"/>
  <c r="G4250" i="2" s="1"/>
  <c r="G4234" i="2" a="1"/>
  <c r="G4234" i="2" s="1"/>
  <c r="G4245" i="2" a="1"/>
  <c r="G4245" i="2" s="1"/>
  <c r="G4241" i="2" a="1"/>
  <c r="G4241" i="2" s="1"/>
  <c r="G4239" i="2" a="1"/>
  <c r="G4239" i="2" s="1"/>
  <c r="G4248" i="2" a="1"/>
  <c r="G4248" i="2" s="1"/>
  <c r="D4406" i="2" a="1"/>
  <c r="D4406" i="2" s="1"/>
  <c r="D4424" i="2" a="1"/>
  <c r="D4424" i="2" s="1"/>
  <c r="D4404" i="2" a="1"/>
  <c r="D4404" i="2" s="1"/>
  <c r="D4423" i="2" a="1"/>
  <c r="D4423" i="2" s="1"/>
  <c r="D4402" i="2" a="1"/>
  <c r="D4402" i="2" s="1"/>
  <c r="D4413" i="2" a="1"/>
  <c r="D4413" i="2" s="1"/>
  <c r="F1878" i="2" a="1"/>
  <c r="F1878" i="2" s="1"/>
  <c r="F1881" i="2" a="1"/>
  <c r="F1881" i="2" s="1"/>
  <c r="F1873" i="2" a="1"/>
  <c r="F1873" i="2" s="1"/>
  <c r="F1868" i="2" a="1"/>
  <c r="F1868" i="2" s="1"/>
  <c r="F1866" i="2" a="1"/>
  <c r="F1866" i="2" s="1"/>
  <c r="F1860" i="2" a="1"/>
  <c r="F1860" i="2" s="1"/>
  <c r="D6386" i="2" a="1"/>
  <c r="D6386" i="2" s="1"/>
  <c r="D6389" i="2" a="1"/>
  <c r="D6389" i="2" s="1"/>
  <c r="D6370" i="2" a="1"/>
  <c r="D6370" i="2" s="1"/>
  <c r="D6372" i="2" a="1"/>
  <c r="D6372" i="2" s="1"/>
  <c r="D6381" i="2" a="1"/>
  <c r="D6381" i="2" s="1"/>
  <c r="D6384" i="2" a="1"/>
  <c r="D6384" i="2" s="1"/>
  <c r="F1120" i="2" a="1"/>
  <c r="F1120" i="2" s="1"/>
  <c r="F1118" i="2" a="1"/>
  <c r="F1118" i="2" s="1"/>
  <c r="F1123" i="2" a="1"/>
  <c r="F1123" i="2" s="1"/>
  <c r="F1133" i="2" a="1"/>
  <c r="F1133" i="2" s="1"/>
  <c r="F1131" i="2" a="1"/>
  <c r="F1131" i="2" s="1"/>
  <c r="E8641" i="2" a="1"/>
  <c r="E8641" i="2" s="1"/>
  <c r="E8642" i="2" a="1"/>
  <c r="E8642" i="2" s="1"/>
  <c r="E8646" i="2" a="1"/>
  <c r="E8646" i="2" s="1"/>
  <c r="E8632" i="2" a="1"/>
  <c r="E8632" i="2" s="1"/>
  <c r="E8628" i="2" a="1"/>
  <c r="E8628" i="2" s="1"/>
  <c r="E8626" i="2" a="1"/>
  <c r="E8626" i="2" s="1"/>
  <c r="H3308" i="2" a="1"/>
  <c r="H3308" i="2" s="1"/>
  <c r="H3310" i="2" a="1"/>
  <c r="H3310" i="2" s="1"/>
  <c r="H3316" i="2" a="1"/>
  <c r="H3316" i="2" s="1"/>
  <c r="H3312" i="2" a="1"/>
  <c r="H3312" i="2" s="1"/>
  <c r="H3299" i="2" a="1"/>
  <c r="H3299" i="2" s="1"/>
  <c r="H3302" i="2" a="1"/>
  <c r="H3302" i="2" s="1"/>
  <c r="H3321" i="2" a="1"/>
  <c r="H3321" i="2" s="1"/>
  <c r="E7048" i="2" a="1"/>
  <c r="E7048" i="2" s="1"/>
  <c r="E7062" i="2" a="1"/>
  <c r="E7062" i="2" s="1"/>
  <c r="E7046" i="2" a="1"/>
  <c r="E7046" i="2" s="1"/>
  <c r="E7056" i="2" a="1"/>
  <c r="E7056" i="2" s="1"/>
  <c r="E7059" i="2" a="1"/>
  <c r="E7059" i="2" s="1"/>
  <c r="E7063" i="2" a="1"/>
  <c r="E7063" i="2" s="1"/>
  <c r="E7058" i="2" a="1"/>
  <c r="E7058" i="2" s="1"/>
  <c r="H6354" i="2" a="1"/>
  <c r="H6354" i="2" s="1"/>
  <c r="H6355" i="2" a="1"/>
  <c r="H6355" i="2" s="1"/>
  <c r="H6357" i="2" a="1"/>
  <c r="H6357" i="2" s="1"/>
  <c r="H6346" i="2" a="1"/>
  <c r="H6346" i="2" s="1"/>
  <c r="H6367" i="2" a="1"/>
  <c r="H6367" i="2" s="1"/>
  <c r="H6361" i="2" a="1"/>
  <c r="H6361" i="2" s="1"/>
  <c r="G4742" i="2" a="1"/>
  <c r="G4742" i="2" s="1"/>
  <c r="G4743" i="2" a="1"/>
  <c r="G4743" i="2" s="1"/>
  <c r="G4739" i="2" a="1"/>
  <c r="G4739" i="2" s="1"/>
  <c r="G4759" i="2" a="1"/>
  <c r="G4759" i="2" s="1"/>
  <c r="G4756" i="2" a="1"/>
  <c r="G4756" i="2" s="1"/>
  <c r="G4757" i="2" a="1"/>
  <c r="G4757" i="2" s="1"/>
  <c r="G4753" i="2" a="1"/>
  <c r="G4753" i="2" s="1"/>
  <c r="G4744" i="2" a="1"/>
  <c r="G4744" i="2" s="1"/>
  <c r="D4902" i="2" a="1"/>
  <c r="D4902" i="2" s="1"/>
  <c r="D4894" i="2" a="1"/>
  <c r="D4894" i="2" s="1"/>
  <c r="D4897" i="2" a="1"/>
  <c r="D4897" i="2" s="1"/>
  <c r="D4886" i="2" a="1"/>
  <c r="D4886" i="2" s="1"/>
  <c r="D4892" i="2" a="1"/>
  <c r="D4892" i="2" s="1"/>
  <c r="D4900" i="2" a="1"/>
  <c r="D4900" i="2" s="1"/>
  <c r="D4891" i="2" a="1"/>
  <c r="D4891" i="2" s="1"/>
  <c r="H3599" i="2" a="1"/>
  <c r="H3599" i="2" s="1"/>
  <c r="H3597" i="2" a="1"/>
  <c r="H3597" i="2" s="1"/>
  <c r="H3600" i="2" a="1"/>
  <c r="H3600" i="2" s="1"/>
  <c r="H3588" i="2" a="1"/>
  <c r="H3588" i="2" s="1"/>
  <c r="H3589" i="2" a="1"/>
  <c r="H3589" i="2" s="1"/>
  <c r="H3593" i="2" a="1"/>
  <c r="H3593" i="2" s="1"/>
  <c r="F3467" i="2" a="1"/>
  <c r="F3467" i="2" s="1"/>
  <c r="D5690" i="2" a="1"/>
  <c r="D5690" i="2" s="1"/>
  <c r="D1755" i="2" a="1"/>
  <c r="D1755" i="2" s="1"/>
  <c r="G7630" i="2" a="1"/>
  <c r="G7630" i="2" s="1"/>
  <c r="E7043" i="2" a="1"/>
  <c r="E7043" i="2" s="1"/>
  <c r="G4255" i="2" a="1"/>
  <c r="G4255" i="2" s="1"/>
  <c r="F1863" i="2" a="1"/>
  <c r="F1863" i="2" s="1"/>
  <c r="H6356" i="2" a="1"/>
  <c r="H6356" i="2" s="1"/>
  <c r="F4527" i="2" a="1"/>
  <c r="F4527" i="2" s="1"/>
  <c r="H3303" i="2" a="1"/>
  <c r="H3303" i="2" s="1"/>
  <c r="E3234" i="2" a="1"/>
  <c r="E3234" i="2" s="1"/>
  <c r="H2369" i="2" a="1"/>
  <c r="H2369" i="2" s="1"/>
  <c r="D6383" i="2" a="1"/>
  <c r="D6383" i="2" s="1"/>
  <c r="D4412" i="2" a="1"/>
  <c r="D4412" i="2" s="1"/>
  <c r="E8639" i="2" a="1"/>
  <c r="E8639" i="2" s="1"/>
  <c r="F1136" i="2" a="1"/>
  <c r="F1136" i="2" s="1"/>
  <c r="F3488" i="2" a="1"/>
  <c r="F3488" i="2" s="1"/>
  <c r="D5686" i="2" a="1"/>
  <c r="D5686" i="2" s="1"/>
  <c r="D6865" i="2" a="1"/>
  <c r="D6865" i="2" s="1"/>
  <c r="E4768" i="2" a="1"/>
  <c r="E4768" i="2" s="1"/>
  <c r="D1758" i="2" a="1"/>
  <c r="D1758" i="2" s="1"/>
  <c r="G7626" i="2" a="1"/>
  <c r="G7626" i="2" s="1"/>
  <c r="E7064" i="2" a="1"/>
  <c r="E7064" i="2" s="1"/>
  <c r="G4251" i="2" a="1"/>
  <c r="G4251" i="2" s="1"/>
  <c r="F1874" i="2" a="1"/>
  <c r="F1874" i="2" s="1"/>
  <c r="H6347" i="2" a="1"/>
  <c r="H6347" i="2" s="1"/>
  <c r="F4526" i="2" a="1"/>
  <c r="F4526" i="2" s="1"/>
  <c r="H3319" i="2" a="1"/>
  <c r="H3319" i="2" s="1"/>
  <c r="H2380" i="2" a="1"/>
  <c r="H2380" i="2" s="1"/>
  <c r="D6376" i="2" a="1"/>
  <c r="D6376" i="2" s="1"/>
  <c r="D4410" i="2" a="1"/>
  <c r="D4410" i="2" s="1"/>
  <c r="E8643" i="2" a="1"/>
  <c r="E8643" i="2" s="1"/>
  <c r="F1114" i="2" a="1"/>
  <c r="F1114" i="2" s="1"/>
  <c r="F3484" i="2" a="1"/>
  <c r="F3484" i="2" s="1"/>
  <c r="D6861" i="2" a="1"/>
  <c r="D6861" i="2" s="1"/>
  <c r="E2481" i="2" a="1"/>
  <c r="E2481" i="2" s="1"/>
  <c r="E4766" i="2" a="1"/>
  <c r="E4766" i="2" s="1"/>
  <c r="D1754" i="2" a="1"/>
  <c r="D1754" i="2" s="1"/>
  <c r="G7622" i="2" a="1"/>
  <c r="G7622" i="2" s="1"/>
  <c r="E7047" i="2" a="1"/>
  <c r="E7047" i="2" s="1"/>
  <c r="G4246" i="2" a="1"/>
  <c r="G4246" i="2" s="1"/>
  <c r="F1859" i="2" a="1"/>
  <c r="F1859" i="2" s="1"/>
  <c r="H6352" i="2" a="1"/>
  <c r="H6352" i="2" s="1"/>
  <c r="F4536" i="2" a="1"/>
  <c r="F4536" i="2" s="1"/>
  <c r="H3306" i="2" a="1"/>
  <c r="H3306" i="2" s="1"/>
  <c r="H2379" i="2" a="1"/>
  <c r="H2379" i="2" s="1"/>
  <c r="D6371" i="2" a="1"/>
  <c r="D6371" i="2" s="1"/>
  <c r="D4408" i="2" a="1"/>
  <c r="D4408" i="2" s="1"/>
  <c r="E8633" i="2" a="1"/>
  <c r="E8633" i="2" s="1"/>
  <c r="F1119" i="2" a="1"/>
  <c r="F1119" i="2" s="1"/>
  <c r="E5913" i="2" a="1"/>
  <c r="E5913" i="2" s="1"/>
  <c r="E2467" i="2" a="1"/>
  <c r="E2467" i="2" s="1"/>
  <c r="E4785" i="2" a="1"/>
  <c r="E4785" i="2" s="1"/>
  <c r="D1742" i="2" a="1"/>
  <c r="D1742" i="2" s="1"/>
  <c r="G7638" i="2" a="1"/>
  <c r="G7638" i="2" s="1"/>
  <c r="E7049" i="2" a="1"/>
  <c r="E7049" i="2" s="1"/>
  <c r="G4236" i="2" a="1"/>
  <c r="G4236" i="2" s="1"/>
  <c r="F1870" i="2" a="1"/>
  <c r="F1870" i="2" s="1"/>
  <c r="H6348" i="2" a="1"/>
  <c r="H6348" i="2" s="1"/>
  <c r="F4539" i="2" a="1"/>
  <c r="F4539" i="2" s="1"/>
  <c r="H3314" i="2" a="1"/>
  <c r="H3314" i="2" s="1"/>
  <c r="H2368" i="2" a="1"/>
  <c r="H2368" i="2" s="1"/>
  <c r="D6382" i="2" a="1"/>
  <c r="D6382" i="2" s="1"/>
  <c r="F1125" i="2" a="1"/>
  <c r="F1125" i="2" s="1"/>
  <c r="E5899" i="2" a="1"/>
  <c r="E5899" i="2" s="1"/>
  <c r="F4087" i="2" a="1"/>
  <c r="F4087" i="2" s="1"/>
  <c r="AP340" i="1"/>
  <c r="AO250" i="1"/>
  <c r="E256" i="5" s="1"/>
  <c r="G1647" i="2" a="1"/>
  <c r="G1647" i="2" s="1"/>
  <c r="G6810" i="2" a="1"/>
  <c r="G6810" i="2" s="1"/>
  <c r="G1643" i="2" a="1"/>
  <c r="G1643" i="2" s="1"/>
  <c r="AP10" i="1"/>
  <c r="F16" i="5" s="1"/>
  <c r="AM60" i="1"/>
  <c r="C66" i="5" s="1"/>
  <c r="E7602" i="2" a="1"/>
  <c r="E7602" i="2" s="1"/>
  <c r="AO227" i="1"/>
  <c r="E233" i="5" s="1"/>
  <c r="F8159" i="2" a="1"/>
  <c r="F8159" i="2" s="1"/>
  <c r="D5132" i="2" a="1"/>
  <c r="D5132" i="2" s="1"/>
  <c r="D5123" i="2" a="1"/>
  <c r="D5123" i="2" s="1"/>
  <c r="G5526" i="2" a="1"/>
  <c r="G5526" i="2" s="1"/>
  <c r="D2279" i="2" a="1"/>
  <c r="D2279" i="2" s="1"/>
  <c r="E6498" i="2" a="1"/>
  <c r="E6498" i="2" s="1"/>
  <c r="E6509" i="2" a="1"/>
  <c r="E6509" i="2" s="1"/>
  <c r="D2634" i="2" a="1"/>
  <c r="D2634" i="2" s="1"/>
  <c r="AN110" i="1"/>
  <c r="D116" i="5" s="1"/>
  <c r="D3125" i="2" a="1"/>
  <c r="D3125" i="2" s="1"/>
  <c r="G7469" i="2" a="1"/>
  <c r="G7469" i="2" s="1"/>
  <c r="G7463" i="2" a="1"/>
  <c r="G7463" i="2" s="1"/>
  <c r="E7966" i="2" a="1"/>
  <c r="E7966" i="2" s="1"/>
  <c r="D7398" i="2" a="1"/>
  <c r="D7398" i="2" s="1"/>
  <c r="E5647" i="2" a="1"/>
  <c r="E5647" i="2" s="1"/>
  <c r="E4804" i="2" a="1"/>
  <c r="E4804" i="2" s="1"/>
  <c r="AQ235" i="1"/>
  <c r="G241" i="5" s="1"/>
  <c r="F429" i="2" a="1"/>
  <c r="F429" i="2" s="1"/>
  <c r="G799" i="2" a="1"/>
  <c r="G799" i="2" s="1"/>
  <c r="E5785" i="2" a="1"/>
  <c r="E5785" i="2" s="1"/>
  <c r="D7283" i="2" a="1"/>
  <c r="D7283" i="2" s="1"/>
  <c r="AO52" i="1"/>
  <c r="E58" i="5" s="1"/>
  <c r="E4266" i="2" a="1"/>
  <c r="E4266" i="2" s="1"/>
  <c r="D4205" i="2" a="1"/>
  <c r="D4205" i="2" s="1"/>
  <c r="E4707" i="2" a="1"/>
  <c r="E4707" i="2" s="1"/>
  <c r="H3890" i="2" a="1"/>
  <c r="H3890" i="2" s="1"/>
  <c r="G5990" i="2" a="1"/>
  <c r="G5990" i="2" s="1"/>
  <c r="D6600" i="2" a="1"/>
  <c r="D6600" i="2" s="1"/>
  <c r="AQ275" i="1"/>
  <c r="G281" i="5" s="1"/>
  <c r="D6604" i="2" a="1"/>
  <c r="D6604" i="2" s="1"/>
  <c r="D6587" i="2" a="1"/>
  <c r="D6587" i="2" s="1"/>
  <c r="D6586" i="2" a="1"/>
  <c r="D6586" i="2" s="1"/>
  <c r="D6595" i="2" a="1"/>
  <c r="D6595" i="2" s="1"/>
  <c r="D6594" i="2" a="1"/>
  <c r="D6594" i="2" s="1"/>
  <c r="D6599" i="2" a="1"/>
  <c r="D6599" i="2" s="1"/>
  <c r="D6606" i="2" a="1"/>
  <c r="D6606" i="2" s="1"/>
  <c r="D6593" i="2" a="1"/>
  <c r="D6593" i="2" s="1"/>
  <c r="D6605" i="2" a="1"/>
  <c r="D6605" i="2" s="1"/>
  <c r="D6608" i="2" a="1"/>
  <c r="D6608" i="2" s="1"/>
  <c r="E2332" i="2" a="1"/>
  <c r="E2332" i="2" s="1"/>
  <c r="E2335" i="2" a="1"/>
  <c r="E2335" i="2" s="1"/>
  <c r="E2330" i="2" a="1"/>
  <c r="E2330" i="2" s="1"/>
  <c r="E2315" i="2" a="1"/>
  <c r="E2315" i="2" s="1"/>
  <c r="E2331" i="2" a="1"/>
  <c r="E2331" i="2" s="1"/>
  <c r="E2334" i="2" a="1"/>
  <c r="E2334" i="2" s="1"/>
  <c r="E2337" i="2" a="1"/>
  <c r="E2337" i="2" s="1"/>
  <c r="E2319" i="2" a="1"/>
  <c r="E2319" i="2" s="1"/>
  <c r="E2328" i="2" a="1"/>
  <c r="E2328" i="2" s="1"/>
  <c r="E2314" i="2" a="1"/>
  <c r="E2314" i="2" s="1"/>
  <c r="E2320" i="2" a="1"/>
  <c r="E2320" i="2" s="1"/>
  <c r="E2317" i="2" a="1"/>
  <c r="E2317" i="2" s="1"/>
  <c r="E2321" i="2" a="1"/>
  <c r="E2321" i="2" s="1"/>
  <c r="E2316" i="2" a="1"/>
  <c r="E2316" i="2" s="1"/>
  <c r="E2323" i="2" a="1"/>
  <c r="E2323" i="2" s="1"/>
  <c r="E2324" i="2" a="1"/>
  <c r="E2324" i="2" s="1"/>
  <c r="E2336" i="2" a="1"/>
  <c r="E2336" i="2" s="1"/>
  <c r="E2322" i="2" a="1"/>
  <c r="E2322" i="2" s="1"/>
  <c r="E2325" i="2" a="1"/>
  <c r="E2325" i="2" s="1"/>
  <c r="E2326" i="2" a="1"/>
  <c r="E2326" i="2" s="1"/>
  <c r="E2333" i="2" a="1"/>
  <c r="E2333" i="2" s="1"/>
  <c r="E2329" i="2" a="1"/>
  <c r="E2329" i="2" s="1"/>
  <c r="E2318" i="2" a="1"/>
  <c r="E2318" i="2" s="1"/>
  <c r="F864" i="2" a="1"/>
  <c r="F864" i="2" s="1"/>
  <c r="F867" i="2" a="1"/>
  <c r="F867" i="2" s="1"/>
  <c r="F869" i="2" a="1"/>
  <c r="F869" i="2" s="1"/>
  <c r="F859" i="2" a="1"/>
  <c r="F859" i="2" s="1"/>
  <c r="F863" i="2" a="1"/>
  <c r="F863" i="2" s="1"/>
  <c r="F866" i="2" a="1"/>
  <c r="F866" i="2" s="1"/>
  <c r="F868" i="2" a="1"/>
  <c r="F868" i="2" s="1"/>
  <c r="F871" i="2" a="1"/>
  <c r="F871" i="2" s="1"/>
  <c r="F853" i="2" a="1"/>
  <c r="F853" i="2" s="1"/>
  <c r="F865" i="2" a="1"/>
  <c r="F865" i="2" s="1"/>
  <c r="F856" i="2" a="1"/>
  <c r="F856" i="2" s="1"/>
  <c r="F857" i="2" a="1"/>
  <c r="F857" i="2" s="1"/>
  <c r="F851" i="2" a="1"/>
  <c r="F851" i="2" s="1"/>
  <c r="F860" i="2" a="1"/>
  <c r="F860" i="2" s="1"/>
  <c r="F854" i="2" a="1"/>
  <c r="F854" i="2" s="1"/>
  <c r="F855" i="2" a="1"/>
  <c r="F855" i="2" s="1"/>
  <c r="F858" i="2" a="1"/>
  <c r="F858" i="2" s="1"/>
  <c r="F862" i="2" a="1"/>
  <c r="F862" i="2" s="1"/>
  <c r="F873" i="2" a="1"/>
  <c r="F873" i="2" s="1"/>
  <c r="F872" i="2" a="1"/>
  <c r="F872" i="2" s="1"/>
  <c r="F870" i="2" a="1"/>
  <c r="F870" i="2" s="1"/>
  <c r="D5793" i="2" a="1"/>
  <c r="D5793" i="2" s="1"/>
  <c r="D5792" i="2" a="1"/>
  <c r="D5792" i="2" s="1"/>
  <c r="D5771" i="2" a="1"/>
  <c r="D5771" i="2" s="1"/>
  <c r="D5783" i="2" a="1"/>
  <c r="D5783" i="2" s="1"/>
  <c r="D5784" i="2" a="1"/>
  <c r="D5784" i="2" s="1"/>
  <c r="D5788" i="2" a="1"/>
  <c r="D5788" i="2" s="1"/>
  <c r="D5775" i="2" a="1"/>
  <c r="D5775" i="2" s="1"/>
  <c r="D5779" i="2" a="1"/>
  <c r="D5779" i="2" s="1"/>
  <c r="D5787" i="2" a="1"/>
  <c r="D5787" i="2" s="1"/>
  <c r="D5791" i="2" a="1"/>
  <c r="D5791" i="2" s="1"/>
  <c r="D5774" i="2" a="1"/>
  <c r="D5774" i="2" s="1"/>
  <c r="D5778" i="2" a="1"/>
  <c r="D5778" i="2" s="1"/>
  <c r="D5782" i="2" a="1"/>
  <c r="D5782" i="2" s="1"/>
  <c r="D5777" i="2" a="1"/>
  <c r="D5777" i="2" s="1"/>
  <c r="D5789" i="2" a="1"/>
  <c r="D5789" i="2" s="1"/>
  <c r="F5002" i="2" a="1"/>
  <c r="F5002" i="2" s="1"/>
  <c r="F5012" i="2" a="1"/>
  <c r="F5012" i="2" s="1"/>
  <c r="F5004" i="2" a="1"/>
  <c r="F5004" i="2" s="1"/>
  <c r="F5011" i="2" a="1"/>
  <c r="F5011" i="2" s="1"/>
  <c r="F5006" i="2" a="1"/>
  <c r="F5006" i="2" s="1"/>
  <c r="F5017" i="2" a="1"/>
  <c r="F5017" i="2" s="1"/>
  <c r="F5016" i="2" a="1"/>
  <c r="F5016" i="2" s="1"/>
  <c r="F5025" i="2" a="1"/>
  <c r="F5025" i="2" s="1"/>
  <c r="F5021" i="2" a="1"/>
  <c r="F5021" i="2" s="1"/>
  <c r="E4067" i="2" a="1"/>
  <c r="E4067" i="2" s="1"/>
  <c r="E4071" i="2" a="1"/>
  <c r="E4071" i="2" s="1"/>
  <c r="E4077" i="2" a="1"/>
  <c r="E4077" i="2" s="1"/>
  <c r="E4074" i="2" a="1"/>
  <c r="E4074" i="2" s="1"/>
  <c r="E4079" i="2" a="1"/>
  <c r="E4079" i="2" s="1"/>
  <c r="E4078" i="2" a="1"/>
  <c r="E4078" i="2" s="1"/>
  <c r="E4068" i="2" a="1"/>
  <c r="E4068" i="2" s="1"/>
  <c r="E4072" i="2" a="1"/>
  <c r="E4072" i="2" s="1"/>
  <c r="E4076" i="2" a="1"/>
  <c r="E4076" i="2" s="1"/>
  <c r="E4084" i="2" a="1"/>
  <c r="E4084" i="2" s="1"/>
  <c r="E4070" i="2" a="1"/>
  <c r="E4070" i="2" s="1"/>
  <c r="E4073" i="2" a="1"/>
  <c r="E4073" i="2" s="1"/>
  <c r="E4066" i="2" a="1"/>
  <c r="E4066" i="2" s="1"/>
  <c r="E4080" i="2" a="1"/>
  <c r="E4080" i="2" s="1"/>
  <c r="E4081" i="2" a="1"/>
  <c r="E4081" i="2" s="1"/>
  <c r="E4082" i="2" a="1"/>
  <c r="E4082" i="2" s="1"/>
  <c r="E4085" i="2" a="1"/>
  <c r="E4085" i="2" s="1"/>
  <c r="E4086" i="2" a="1"/>
  <c r="E4086" i="2" s="1"/>
  <c r="E4087" i="2" a="1"/>
  <c r="E4087" i="2" s="1"/>
  <c r="E4089" i="2" a="1"/>
  <c r="E4089" i="2" s="1"/>
  <c r="E4075" i="2" a="1"/>
  <c r="E4075" i="2" s="1"/>
  <c r="E4088" i="2" a="1"/>
  <c r="E4088" i="2" s="1"/>
  <c r="F2065" i="2" a="1"/>
  <c r="F2065" i="2" s="1"/>
  <c r="F2060" i="2" a="1"/>
  <c r="F2060" i="2" s="1"/>
  <c r="F2050" i="2" a="1"/>
  <c r="F2050" i="2" s="1"/>
  <c r="F2070" i="2" a="1"/>
  <c r="F2070" i="2" s="1"/>
  <c r="F2051" i="2" a="1"/>
  <c r="F2051" i="2" s="1"/>
  <c r="F2053" i="2" a="1"/>
  <c r="F2053" i="2" s="1"/>
  <c r="F2058" i="2" a="1"/>
  <c r="F2058" i="2" s="1"/>
  <c r="F2069" i="2" a="1"/>
  <c r="F2069" i="2" s="1"/>
  <c r="F2055" i="2" a="1"/>
  <c r="F2055" i="2" s="1"/>
  <c r="F2059" i="2" a="1"/>
  <c r="F2059" i="2" s="1"/>
  <c r="F2061" i="2" a="1"/>
  <c r="F2061" i="2" s="1"/>
  <c r="F2071" i="2" a="1"/>
  <c r="F2071" i="2" s="1"/>
  <c r="F2068" i="2" a="1"/>
  <c r="F2068" i="2" s="1"/>
  <c r="F2073" i="2" a="1"/>
  <c r="F2073" i="2" s="1"/>
  <c r="F2066" i="2" a="1"/>
  <c r="F2066" i="2" s="1"/>
  <c r="F2056" i="2" a="1"/>
  <c r="F2056" i="2" s="1"/>
  <c r="F2067" i="2" a="1"/>
  <c r="F2067" i="2" s="1"/>
  <c r="AQ86" i="1"/>
  <c r="G92" i="5" s="1"/>
  <c r="F2062" i="2" a="1"/>
  <c r="F2062" i="2" s="1"/>
  <c r="F2063" i="2" a="1"/>
  <c r="F2063" i="2" s="1"/>
  <c r="AN86" i="1"/>
  <c r="D92" i="5" s="1"/>
  <c r="F2072" i="2" a="1"/>
  <c r="F2072" i="2" s="1"/>
  <c r="AP86" i="1"/>
  <c r="F92" i="5" s="1"/>
  <c r="F2064" i="2" a="1"/>
  <c r="F2064" i="2" s="1"/>
  <c r="F2054" i="2" a="1"/>
  <c r="F2054" i="2" s="1"/>
  <c r="F8326" i="2" a="1"/>
  <c r="F8326" i="2" s="1"/>
  <c r="F8317" i="2" a="1"/>
  <c r="F8317" i="2" s="1"/>
  <c r="F8324" i="2" a="1"/>
  <c r="F8324" i="2" s="1"/>
  <c r="F8315" i="2" a="1"/>
  <c r="F8315" i="2" s="1"/>
  <c r="F8322" i="2" a="1"/>
  <c r="F8322" i="2" s="1"/>
  <c r="F8331" i="2" a="1"/>
  <c r="F8331" i="2" s="1"/>
  <c r="F8318" i="2" a="1"/>
  <c r="F8318" i="2" s="1"/>
  <c r="F8332" i="2" a="1"/>
  <c r="F8332" i="2" s="1"/>
  <c r="F8328" i="2" a="1"/>
  <c r="F8328" i="2" s="1"/>
  <c r="F8319" i="2" a="1"/>
  <c r="F8319" i="2" s="1"/>
  <c r="F8337" i="2" a="1"/>
  <c r="F8337" i="2" s="1"/>
  <c r="F8335" i="2" a="1"/>
  <c r="F8335" i="2" s="1"/>
  <c r="F8323" i="2" a="1"/>
  <c r="F8323" i="2" s="1"/>
  <c r="F8329" i="2" a="1"/>
  <c r="F8329" i="2" s="1"/>
  <c r="F8316" i="2" a="1"/>
  <c r="F8316" i="2" s="1"/>
  <c r="F8320" i="2" a="1"/>
  <c r="F8320" i="2" s="1"/>
  <c r="F8325" i="2" a="1"/>
  <c r="F8325" i="2" s="1"/>
  <c r="F8333" i="2" a="1"/>
  <c r="F8333" i="2" s="1"/>
  <c r="F8321" i="2" a="1"/>
  <c r="F8321" i="2" s="1"/>
  <c r="F8330" i="2" a="1"/>
  <c r="F8330" i="2" s="1"/>
  <c r="F8314" i="2" a="1"/>
  <c r="F8314" i="2" s="1"/>
  <c r="F8334" i="2" a="1"/>
  <c r="F8334" i="2" s="1"/>
  <c r="F8336" i="2" a="1"/>
  <c r="F8336" i="2" s="1"/>
  <c r="H3700" i="2" a="1"/>
  <c r="H3700" i="2" s="1"/>
  <c r="H3701" i="2" a="1"/>
  <c r="H3701" i="2" s="1"/>
  <c r="H3699" i="2" a="1"/>
  <c r="H3699" i="2" s="1"/>
  <c r="H3694" i="2" a="1"/>
  <c r="H3694" i="2" s="1"/>
  <c r="H3684" i="2" a="1"/>
  <c r="H3684" i="2" s="1"/>
  <c r="H3696" i="2" a="1"/>
  <c r="H3696" i="2" s="1"/>
  <c r="H3687" i="2" a="1"/>
  <c r="H3687" i="2" s="1"/>
  <c r="H3698" i="2" a="1"/>
  <c r="H3698" i="2" s="1"/>
  <c r="H3705" i="2" a="1"/>
  <c r="H3705" i="2" s="1"/>
  <c r="H3704" i="2" a="1"/>
  <c r="H3704" i="2" s="1"/>
  <c r="H3697" i="2" a="1"/>
  <c r="H3697" i="2" s="1"/>
  <c r="H3695" i="2" a="1"/>
  <c r="H3695" i="2" s="1"/>
  <c r="H3702" i="2" a="1"/>
  <c r="H3702" i="2" s="1"/>
  <c r="H3689" i="2" a="1"/>
  <c r="H3689" i="2" s="1"/>
  <c r="H3703" i="2" a="1"/>
  <c r="H3703" i="2" s="1"/>
  <c r="H3691" i="2" a="1"/>
  <c r="H3691" i="2" s="1"/>
  <c r="H3692" i="2" a="1"/>
  <c r="H3692" i="2" s="1"/>
  <c r="H3682" i="2" a="1"/>
  <c r="H3682" i="2" s="1"/>
  <c r="H3683" i="2" a="1"/>
  <c r="H3683" i="2" s="1"/>
  <c r="H3686" i="2" a="1"/>
  <c r="H3686" i="2" s="1"/>
  <c r="H3690" i="2" a="1"/>
  <c r="H3690" i="2" s="1"/>
  <c r="H1269" i="2" a="1"/>
  <c r="H1269" i="2" s="1"/>
  <c r="H1258" i="2" a="1"/>
  <c r="H1258" i="2" s="1"/>
  <c r="H8071" i="2" a="1"/>
  <c r="H8071" i="2" s="1"/>
  <c r="H8055" i="2" a="1"/>
  <c r="H8055" i="2" s="1"/>
  <c r="H8068" i="2" a="1"/>
  <c r="H8068" i="2" s="1"/>
  <c r="H8063" i="2" a="1"/>
  <c r="H8063" i="2" s="1"/>
  <c r="H8059" i="2" a="1"/>
  <c r="H8059" i="2" s="1"/>
  <c r="H8065" i="2" a="1"/>
  <c r="H8065" i="2" s="1"/>
  <c r="H8054" i="2" a="1"/>
  <c r="H8054" i="2" s="1"/>
  <c r="H8058" i="2" a="1"/>
  <c r="H8058" i="2" s="1"/>
  <c r="H8051" i="2" a="1"/>
  <c r="H8051" i="2" s="1"/>
  <c r="H8064" i="2" a="1"/>
  <c r="H8064" i="2" s="1"/>
  <c r="H6439" i="2" a="1"/>
  <c r="H6439" i="2" s="1"/>
  <c r="H6440" i="2" a="1"/>
  <c r="H6440" i="2" s="1"/>
  <c r="F5775" i="2" a="1"/>
  <c r="F5775" i="2" s="1"/>
  <c r="F5788" i="2" a="1"/>
  <c r="F5788" i="2" s="1"/>
  <c r="F5779" i="2" a="1"/>
  <c r="F5779" i="2" s="1"/>
  <c r="F5772" i="2" a="1"/>
  <c r="F5772" i="2" s="1"/>
  <c r="F5792" i="2" a="1"/>
  <c r="F5792" i="2" s="1"/>
  <c r="F5774" i="2" a="1"/>
  <c r="F5774" i="2" s="1"/>
  <c r="F5781" i="2" a="1"/>
  <c r="F5781" i="2" s="1"/>
  <c r="F5786" i="2" a="1"/>
  <c r="F5786" i="2" s="1"/>
  <c r="F5776" i="2" a="1"/>
  <c r="F5776" i="2" s="1"/>
  <c r="F5770" i="2" a="1"/>
  <c r="F5770" i="2" s="1"/>
  <c r="F5773" i="2" a="1"/>
  <c r="F5773" i="2" s="1"/>
  <c r="F5777" i="2" a="1"/>
  <c r="F5777" i="2" s="1"/>
  <c r="F5782" i="2" a="1"/>
  <c r="F5782" i="2" s="1"/>
  <c r="F5793" i="2" a="1"/>
  <c r="F5793" i="2" s="1"/>
  <c r="F5789" i="2" a="1"/>
  <c r="F5789" i="2" s="1"/>
  <c r="F5147" i="2" a="1"/>
  <c r="F5147" i="2" s="1"/>
  <c r="F5159" i="2" a="1"/>
  <c r="F5159" i="2" s="1"/>
  <c r="F5148" i="2" a="1"/>
  <c r="F5148" i="2" s="1"/>
  <c r="F5163" i="2" a="1"/>
  <c r="F5163" i="2" s="1"/>
  <c r="F5161" i="2" a="1"/>
  <c r="F5161" i="2" s="1"/>
  <c r="F5166" i="2" a="1"/>
  <c r="F5166" i="2" s="1"/>
  <c r="F5165" i="2" a="1"/>
  <c r="F5165" i="2" s="1"/>
  <c r="F5146" i="2" a="1"/>
  <c r="F5146" i="2" s="1"/>
  <c r="F5151" i="2" a="1"/>
  <c r="F5151" i="2" s="1"/>
  <c r="F5153" i="2" a="1"/>
  <c r="F5153" i="2" s="1"/>
  <c r="F5167" i="2" a="1"/>
  <c r="F5167" i="2" s="1"/>
  <c r="H2569" i="2" a="1"/>
  <c r="H2569" i="2" s="1"/>
  <c r="H2574" i="2" a="1"/>
  <c r="H2574" i="2" s="1"/>
  <c r="H2567" i="2" a="1"/>
  <c r="H2567" i="2" s="1"/>
  <c r="H2559" i="2" a="1"/>
  <c r="H2559" i="2" s="1"/>
  <c r="H2570" i="2" a="1"/>
  <c r="H2570" i="2" s="1"/>
  <c r="H2575" i="2" a="1"/>
  <c r="H2575" i="2" s="1"/>
  <c r="H2558" i="2" a="1"/>
  <c r="H2558" i="2" s="1"/>
  <c r="H2561" i="2" a="1"/>
  <c r="H2561" i="2" s="1"/>
  <c r="H2568" i="2" a="1"/>
  <c r="H2568" i="2" s="1"/>
  <c r="H2563" i="2" a="1"/>
  <c r="H2563" i="2" s="1"/>
  <c r="H2565" i="2" a="1"/>
  <c r="H2565" i="2" s="1"/>
  <c r="H2556" i="2" a="1"/>
  <c r="H2556" i="2" s="1"/>
  <c r="H2573" i="2" a="1"/>
  <c r="H2573" i="2" s="1"/>
  <c r="H2577" i="2" a="1"/>
  <c r="H2577" i="2" s="1"/>
  <c r="H2557" i="2" a="1"/>
  <c r="H2557" i="2" s="1"/>
  <c r="H2560" i="2" a="1"/>
  <c r="H2560" i="2" s="1"/>
  <c r="H2566" i="2" a="1"/>
  <c r="H2566" i="2" s="1"/>
  <c r="H6784" i="2" a="1"/>
  <c r="H6784" i="2" s="1"/>
  <c r="H6788" i="2" a="1"/>
  <c r="H6788" i="2" s="1"/>
  <c r="H6790" i="2" a="1"/>
  <c r="H6790" i="2" s="1"/>
  <c r="H6786" i="2" a="1"/>
  <c r="H6786" i="2" s="1"/>
  <c r="H6785" i="2" a="1"/>
  <c r="H6785" i="2" s="1"/>
  <c r="H6800" i="2" a="1"/>
  <c r="H6800" i="2" s="1"/>
  <c r="H6778" i="2" a="1"/>
  <c r="H6778" i="2" s="1"/>
  <c r="H6792" i="2" a="1"/>
  <c r="H6792" i="2" s="1"/>
  <c r="H6796" i="2" a="1"/>
  <c r="H6796" i="2" s="1"/>
  <c r="H6789" i="2" a="1"/>
  <c r="H6789" i="2" s="1"/>
  <c r="H6780" i="2" a="1"/>
  <c r="H6780" i="2" s="1"/>
  <c r="H6793" i="2" a="1"/>
  <c r="H6793" i="2" s="1"/>
  <c r="H6791" i="2" a="1"/>
  <c r="H6791" i="2" s="1"/>
  <c r="H6797" i="2" a="1"/>
  <c r="H6797" i="2" s="1"/>
  <c r="H6787" i="2" a="1"/>
  <c r="H6787" i="2" s="1"/>
  <c r="H6794" i="2" a="1"/>
  <c r="H6794" i="2" s="1"/>
  <c r="H6781" i="2" a="1"/>
  <c r="H6781" i="2" s="1"/>
  <c r="H6779" i="2" a="1"/>
  <c r="H6779" i="2" s="1"/>
  <c r="H6795" i="2" a="1"/>
  <c r="H6795" i="2" s="1"/>
  <c r="H6801" i="2" a="1"/>
  <c r="H6801" i="2" s="1"/>
  <c r="H6782" i="2" a="1"/>
  <c r="H6782" i="2" s="1"/>
  <c r="H6799" i="2" a="1"/>
  <c r="H6799" i="2" s="1"/>
  <c r="H6783" i="2" a="1"/>
  <c r="H6783" i="2" s="1"/>
  <c r="H6798" i="2" a="1"/>
  <c r="H6798" i="2" s="1"/>
  <c r="H4938" i="2" a="1"/>
  <c r="H4938" i="2" s="1"/>
  <c r="H4933" i="2" a="1"/>
  <c r="H4933" i="2" s="1"/>
  <c r="H4950" i="2" a="1"/>
  <c r="H4950" i="2" s="1"/>
  <c r="H4934" i="2" a="1"/>
  <c r="H4934" i="2" s="1"/>
  <c r="H4948" i="2" a="1"/>
  <c r="H4948" i="2" s="1"/>
  <c r="H4946" i="2" a="1"/>
  <c r="H4946" i="2" s="1"/>
  <c r="H4935" i="2" a="1"/>
  <c r="H4935" i="2" s="1"/>
  <c r="H4942" i="2" a="1"/>
  <c r="H4942" i="2" s="1"/>
  <c r="H4936" i="2" a="1"/>
  <c r="H4936" i="2" s="1"/>
  <c r="H4941" i="2" a="1"/>
  <c r="H4941" i="2" s="1"/>
  <c r="F3855" i="2" a="1"/>
  <c r="F3855" i="2" s="1"/>
  <c r="F3856" i="2" a="1"/>
  <c r="F3856" i="2" s="1"/>
  <c r="F3850" i="2" a="1"/>
  <c r="F3850" i="2" s="1"/>
  <c r="F3867" i="2" a="1"/>
  <c r="F3867" i="2" s="1"/>
  <c r="F3866" i="2" a="1"/>
  <c r="F3866" i="2" s="1"/>
  <c r="F3863" i="2" a="1"/>
  <c r="F3863" i="2" s="1"/>
  <c r="F3872" i="2" a="1"/>
  <c r="F3872" i="2" s="1"/>
  <c r="F3851" i="2" a="1"/>
  <c r="F3851" i="2" s="1"/>
  <c r="F3873" i="2" a="1"/>
  <c r="F3873" i="2" s="1"/>
  <c r="F3870" i="2" a="1"/>
  <c r="F3870" i="2" s="1"/>
  <c r="E3273" i="2" a="1"/>
  <c r="E3273" i="2" s="1"/>
  <c r="E3269" i="2" a="1"/>
  <c r="E3269" i="2" s="1"/>
  <c r="E3252" i="2" a="1"/>
  <c r="E3252" i="2" s="1"/>
  <c r="E3270" i="2" a="1"/>
  <c r="E3270" i="2" s="1"/>
  <c r="E3259" i="2" a="1"/>
  <c r="E3259" i="2" s="1"/>
  <c r="E3254" i="2" a="1"/>
  <c r="E3254" i="2" s="1"/>
  <c r="E3258" i="2" a="1"/>
  <c r="E3258" i="2" s="1"/>
  <c r="E3253" i="2" a="1"/>
  <c r="E3253" i="2" s="1"/>
  <c r="E3261" i="2" a="1"/>
  <c r="E3261" i="2" s="1"/>
  <c r="E3271" i="2" a="1"/>
  <c r="E3271" i="2" s="1"/>
  <c r="E3262" i="2" a="1"/>
  <c r="E3262" i="2" s="1"/>
  <c r="E3264" i="2" a="1"/>
  <c r="E3264" i="2" s="1"/>
  <c r="E3263" i="2" a="1"/>
  <c r="E3263" i="2" s="1"/>
  <c r="E3260" i="2" a="1"/>
  <c r="E3260" i="2" s="1"/>
  <c r="E3268" i="2" a="1"/>
  <c r="E3268" i="2" s="1"/>
  <c r="E3272" i="2" a="1"/>
  <c r="E3272" i="2" s="1"/>
  <c r="E3250" i="2" a="1"/>
  <c r="E3250" i="2" s="1"/>
  <c r="E3255" i="2" a="1"/>
  <c r="E3255" i="2" s="1"/>
  <c r="E3251" i="2" a="1"/>
  <c r="E3251" i="2" s="1"/>
  <c r="E3265" i="2" a="1"/>
  <c r="E3265" i="2" s="1"/>
  <c r="E3257" i="2" a="1"/>
  <c r="E3257" i="2" s="1"/>
  <c r="E3256" i="2" a="1"/>
  <c r="E3256" i="2" s="1"/>
  <c r="E3267" i="2" a="1"/>
  <c r="E3267" i="2" s="1"/>
  <c r="E3266" i="2" a="1"/>
  <c r="E3266" i="2" s="1"/>
  <c r="G3977" i="2" a="1"/>
  <c r="G3977" i="2" s="1"/>
  <c r="G3992" i="2" a="1"/>
  <c r="G3992" i="2" s="1"/>
  <c r="G3988" i="2" a="1"/>
  <c r="G3988" i="2" s="1"/>
  <c r="G3993" i="2" a="1"/>
  <c r="G3993" i="2" s="1"/>
  <c r="G3978" i="2" a="1"/>
  <c r="G3978" i="2" s="1"/>
  <c r="G3974" i="2" a="1"/>
  <c r="G3974" i="2" s="1"/>
  <c r="G3973" i="2" a="1"/>
  <c r="G3973" i="2" s="1"/>
  <c r="G3982" i="2" a="1"/>
  <c r="G3982" i="2" s="1"/>
  <c r="G3976" i="2" a="1"/>
  <c r="G3976" i="2" s="1"/>
  <c r="G3980" i="2" a="1"/>
  <c r="G3980" i="2" s="1"/>
  <c r="AQ221" i="1"/>
  <c r="G227" i="5" s="1"/>
  <c r="F5304" i="2" a="1"/>
  <c r="F5304" i="2" s="1"/>
  <c r="AN221" i="1"/>
  <c r="D227" i="5" s="1"/>
  <c r="F5301" i="2" a="1"/>
  <c r="F5301" i="2" s="1"/>
  <c r="F5306" i="2" a="1"/>
  <c r="F5306" i="2" s="1"/>
  <c r="F5290" i="2" a="1"/>
  <c r="F5290" i="2" s="1"/>
  <c r="F5302" i="2" a="1"/>
  <c r="F5302" i="2" s="1"/>
  <c r="F5312" i="2" a="1"/>
  <c r="F5312" i="2" s="1"/>
  <c r="F5309" i="2" a="1"/>
  <c r="F5309" i="2" s="1"/>
  <c r="F5308" i="2" a="1"/>
  <c r="F5308" i="2" s="1"/>
  <c r="F5297" i="2" a="1"/>
  <c r="F5297" i="2" s="1"/>
  <c r="F5313" i="2" a="1"/>
  <c r="F5313" i="2" s="1"/>
  <c r="F5295" i="2" a="1"/>
  <c r="F5295" i="2" s="1"/>
  <c r="F5311" i="2" a="1"/>
  <c r="F5311" i="2" s="1"/>
  <c r="E6402" i="2" a="1"/>
  <c r="E6402" i="2" s="1"/>
  <c r="E6395" i="2" a="1"/>
  <c r="E6395" i="2" s="1"/>
  <c r="E6397" i="2" a="1"/>
  <c r="E6397" i="2" s="1"/>
  <c r="E6410" i="2" a="1"/>
  <c r="E6410" i="2" s="1"/>
  <c r="E6405" i="2" a="1"/>
  <c r="E6405" i="2" s="1"/>
  <c r="E6408" i="2" a="1"/>
  <c r="E6408" i="2" s="1"/>
  <c r="E6398" i="2" a="1"/>
  <c r="E6398" i="2" s="1"/>
  <c r="E6412" i="2" a="1"/>
  <c r="E6412" i="2" s="1"/>
  <c r="E6394" i="2" a="1"/>
  <c r="E6394" i="2" s="1"/>
  <c r="E6413" i="2" a="1"/>
  <c r="E6413" i="2" s="1"/>
  <c r="E6401" i="2" a="1"/>
  <c r="E6401" i="2" s="1"/>
  <c r="E6411" i="2" a="1"/>
  <c r="E6411" i="2" s="1"/>
  <c r="E6417" i="2" a="1"/>
  <c r="E6417" i="2" s="1"/>
  <c r="E6407" i="2" a="1"/>
  <c r="E6407" i="2" s="1"/>
  <c r="E6396" i="2" a="1"/>
  <c r="E6396" i="2" s="1"/>
  <c r="E6400" i="2" a="1"/>
  <c r="E6400" i="2" s="1"/>
  <c r="E6399" i="2" a="1"/>
  <c r="E6399" i="2" s="1"/>
  <c r="E6414" i="2" a="1"/>
  <c r="E6414" i="2" s="1"/>
  <c r="F5890" i="2" a="1"/>
  <c r="F5890" i="2" s="1"/>
  <c r="F5891" i="2" a="1"/>
  <c r="F5891" i="2" s="1"/>
  <c r="F5893" i="2" a="1"/>
  <c r="F5893" i="2" s="1"/>
  <c r="F5904" i="2" a="1"/>
  <c r="F5904" i="2" s="1"/>
  <c r="F5896" i="2" a="1"/>
  <c r="F5896" i="2" s="1"/>
  <c r="F5912" i="2" a="1"/>
  <c r="F5912" i="2" s="1"/>
  <c r="F5907" i="2" a="1"/>
  <c r="F5907" i="2" s="1"/>
  <c r="F5905" i="2" a="1"/>
  <c r="F5905" i="2" s="1"/>
  <c r="F5902" i="2" a="1"/>
  <c r="F5902" i="2" s="1"/>
  <c r="F5903" i="2" a="1"/>
  <c r="F5903" i="2" s="1"/>
  <c r="F5909" i="2" a="1"/>
  <c r="F5909" i="2" s="1"/>
  <c r="F5906" i="2" a="1"/>
  <c r="F5906" i="2" s="1"/>
  <c r="F5897" i="2" a="1"/>
  <c r="F5897" i="2" s="1"/>
  <c r="F5894" i="2" a="1"/>
  <c r="F5894" i="2" s="1"/>
  <c r="F5913" i="2" a="1"/>
  <c r="F5913" i="2" s="1"/>
  <c r="F5910" i="2" a="1"/>
  <c r="F5910" i="2" s="1"/>
  <c r="F5900" i="2" a="1"/>
  <c r="F5900" i="2" s="1"/>
  <c r="F5911" i="2" a="1"/>
  <c r="F5911" i="2" s="1"/>
  <c r="F5908" i="2" a="1"/>
  <c r="F5908" i="2" s="1"/>
  <c r="F5901" i="2" a="1"/>
  <c r="F5901" i="2" s="1"/>
  <c r="F5895" i="2" a="1"/>
  <c r="F5895" i="2" s="1"/>
  <c r="F5898" i="2" a="1"/>
  <c r="F5898" i="2" s="1"/>
  <c r="E7498" i="2" a="1"/>
  <c r="E7498" i="2" s="1"/>
  <c r="E7499" i="2" a="1"/>
  <c r="E7499" i="2" s="1"/>
  <c r="E7513" i="2" a="1"/>
  <c r="E7513" i="2" s="1"/>
  <c r="E7504" i="2" a="1"/>
  <c r="E7504" i="2" s="1"/>
  <c r="E7512" i="2" a="1"/>
  <c r="E7512" i="2" s="1"/>
  <c r="E7505" i="2" a="1"/>
  <c r="E7505" i="2" s="1"/>
  <c r="E7515" i="2" a="1"/>
  <c r="E7515" i="2" s="1"/>
  <c r="E7501" i="2" a="1"/>
  <c r="E7501" i="2" s="1"/>
  <c r="E7519" i="2" a="1"/>
  <c r="E7519" i="2" s="1"/>
  <c r="E7518" i="2" a="1"/>
  <c r="E7518" i="2" s="1"/>
  <c r="E7502" i="2" a="1"/>
  <c r="E7502" i="2" s="1"/>
  <c r="E7500" i="2" a="1"/>
  <c r="E7500" i="2" s="1"/>
  <c r="E7517" i="2" a="1"/>
  <c r="E7517" i="2" s="1"/>
  <c r="E7511" i="2" a="1"/>
  <c r="E7511" i="2" s="1"/>
  <c r="E7514" i="2" a="1"/>
  <c r="E7514" i="2" s="1"/>
  <c r="E7510" i="2" a="1"/>
  <c r="E7510" i="2" s="1"/>
  <c r="E7516" i="2" a="1"/>
  <c r="E7516" i="2" s="1"/>
  <c r="E7508" i="2" a="1"/>
  <c r="E7508" i="2" s="1"/>
  <c r="E7507" i="2" a="1"/>
  <c r="E7507" i="2" s="1"/>
  <c r="E7520" i="2" a="1"/>
  <c r="E7520" i="2" s="1"/>
  <c r="E7503" i="2" a="1"/>
  <c r="E7503" i="2" s="1"/>
  <c r="E7506" i="2" a="1"/>
  <c r="E7506" i="2" s="1"/>
  <c r="H3283" i="2" a="1"/>
  <c r="H3283" i="2" s="1"/>
  <c r="H3275" i="2" a="1"/>
  <c r="H3275" i="2" s="1"/>
  <c r="H3291" i="2" a="1"/>
  <c r="H3291" i="2" s="1"/>
  <c r="H3296" i="2" a="1"/>
  <c r="H3296" i="2" s="1"/>
  <c r="H3292" i="2" a="1"/>
  <c r="H3292" i="2" s="1"/>
  <c r="H3288" i="2" a="1"/>
  <c r="H3288" i="2" s="1"/>
  <c r="H3280" i="2" a="1"/>
  <c r="H3280" i="2" s="1"/>
  <c r="H3294" i="2" a="1"/>
  <c r="H3294" i="2" s="1"/>
  <c r="H3289" i="2" a="1"/>
  <c r="H3289" i="2" s="1"/>
  <c r="H3279" i="2" a="1"/>
  <c r="H3279" i="2" s="1"/>
  <c r="H3284" i="2" a="1"/>
  <c r="H3284" i="2" s="1"/>
  <c r="H3276" i="2" a="1"/>
  <c r="H3276" i="2" s="1"/>
  <c r="H3297" i="2" a="1"/>
  <c r="H3297" i="2" s="1"/>
  <c r="H3281" i="2" a="1"/>
  <c r="H3281" i="2" s="1"/>
  <c r="H3274" i="2" a="1"/>
  <c r="H3274" i="2" s="1"/>
  <c r="H3285" i="2" a="1"/>
  <c r="H3285" i="2" s="1"/>
  <c r="H3290" i="2" a="1"/>
  <c r="H3290" i="2" s="1"/>
  <c r="H3282" i="2" a="1"/>
  <c r="H3282" i="2" s="1"/>
  <c r="H3295" i="2" a="1"/>
  <c r="H3295" i="2" s="1"/>
  <c r="H3287" i="2" a="1"/>
  <c r="H3287" i="2" s="1"/>
  <c r="H3286" i="2" a="1"/>
  <c r="H3286" i="2" s="1"/>
  <c r="H3277" i="2" a="1"/>
  <c r="H3277" i="2" s="1"/>
  <c r="H3278" i="2" a="1"/>
  <c r="H3278" i="2" s="1"/>
  <c r="G3299" i="2" a="1"/>
  <c r="G3299" i="2" s="1"/>
  <c r="G3321" i="2" a="1"/>
  <c r="G3321" i="2" s="1"/>
  <c r="G3319" i="2" a="1"/>
  <c r="G3319" i="2" s="1"/>
  <c r="G3303" i="2" a="1"/>
  <c r="G3303" i="2" s="1"/>
  <c r="G3316" i="2" a="1"/>
  <c r="G3316" i="2" s="1"/>
  <c r="G3309" i="2" a="1"/>
  <c r="G3309" i="2" s="1"/>
  <c r="G3310" i="2" a="1"/>
  <c r="G3310" i="2" s="1"/>
  <c r="G3311" i="2" a="1"/>
  <c r="G3311" i="2" s="1"/>
  <c r="G3306" i="2" a="1"/>
  <c r="G3306" i="2" s="1"/>
  <c r="G3320" i="2" a="1"/>
  <c r="G3320" i="2" s="1"/>
  <c r="G3308" i="2" a="1"/>
  <c r="G3308" i="2" s="1"/>
  <c r="G3317" i="2" a="1"/>
  <c r="G3317" i="2" s="1"/>
  <c r="G3314" i="2" a="1"/>
  <c r="G3314" i="2" s="1"/>
  <c r="G3315" i="2" a="1"/>
  <c r="G3315" i="2" s="1"/>
  <c r="G3302" i="2" a="1"/>
  <c r="G3302" i="2" s="1"/>
  <c r="G3300" i="2" a="1"/>
  <c r="G3300" i="2" s="1"/>
  <c r="G3313" i="2" a="1"/>
  <c r="G3313" i="2" s="1"/>
  <c r="G3318" i="2" a="1"/>
  <c r="G3318" i="2" s="1"/>
  <c r="G3304" i="2" a="1"/>
  <c r="G3304" i="2" s="1"/>
  <c r="G3298" i="2" a="1"/>
  <c r="G3298" i="2" s="1"/>
  <c r="G3307" i="2" a="1"/>
  <c r="G3307" i="2" s="1"/>
  <c r="G3301" i="2" a="1"/>
  <c r="G3301" i="2" s="1"/>
  <c r="F6742" i="2" a="1"/>
  <c r="F6742" i="2" s="1"/>
  <c r="F6741" i="2" a="1"/>
  <c r="F6741" i="2" s="1"/>
  <c r="F6731" i="2" a="1"/>
  <c r="F6731" i="2" s="1"/>
  <c r="F6746" i="2" a="1"/>
  <c r="F6746" i="2" s="1"/>
  <c r="F6750" i="2" a="1"/>
  <c r="F6750" i="2" s="1"/>
  <c r="F6752" i="2" a="1"/>
  <c r="F6752" i="2" s="1"/>
  <c r="F6747" i="2" a="1"/>
  <c r="F6747" i="2" s="1"/>
  <c r="E7133" i="2" a="1"/>
  <c r="E7133" i="2" s="1"/>
  <c r="E7114" i="2" a="1"/>
  <c r="E7114" i="2" s="1"/>
  <c r="E7136" i="2" a="1"/>
  <c r="E7136" i="2" s="1"/>
  <c r="E7132" i="2" a="1"/>
  <c r="E7132" i="2" s="1"/>
  <c r="E7137" i="2" a="1"/>
  <c r="E7137" i="2" s="1"/>
  <c r="E7124" i="2" a="1"/>
  <c r="E7124" i="2" s="1"/>
  <c r="E7125" i="2" a="1"/>
  <c r="E7125" i="2" s="1"/>
  <c r="F6801" i="2" a="1"/>
  <c r="F6801" i="2" s="1"/>
  <c r="F6794" i="2" a="1"/>
  <c r="F6794" i="2" s="1"/>
  <c r="F6795" i="2" a="1"/>
  <c r="F6795" i="2" s="1"/>
  <c r="F6789" i="2" a="1"/>
  <c r="F6789" i="2" s="1"/>
  <c r="F6780" i="2" a="1"/>
  <c r="F6780" i="2" s="1"/>
  <c r="F6782" i="2" a="1"/>
  <c r="F6782" i="2" s="1"/>
  <c r="H4600" i="2" a="1"/>
  <c r="H4600" i="2" s="1"/>
  <c r="H4594" i="2" a="1"/>
  <c r="H4594" i="2" s="1"/>
  <c r="H4605" i="2" a="1"/>
  <c r="H4605" i="2" s="1"/>
  <c r="H4603" i="2" a="1"/>
  <c r="H4603" i="2" s="1"/>
  <c r="H4601" i="2" a="1"/>
  <c r="H4601" i="2" s="1"/>
  <c r="H4611" i="2" a="1"/>
  <c r="H4611" i="2" s="1"/>
  <c r="H4599" i="2" a="1"/>
  <c r="H4599" i="2" s="1"/>
  <c r="H2887" i="2" a="1"/>
  <c r="H2887" i="2" s="1"/>
  <c r="H2885" i="2" a="1"/>
  <c r="H2885" i="2" s="1"/>
  <c r="H2872" i="2" a="1"/>
  <c r="H2872" i="2" s="1"/>
  <c r="H2884" i="2" a="1"/>
  <c r="H2884" i="2" s="1"/>
  <c r="H2886" i="2" a="1"/>
  <c r="H2886" i="2" s="1"/>
  <c r="H2873" i="2" a="1"/>
  <c r="H2873" i="2" s="1"/>
  <c r="H2881" i="2" a="1"/>
  <c r="H2881" i="2" s="1"/>
  <c r="H2878" i="2" a="1"/>
  <c r="H2878" i="2" s="1"/>
  <c r="H2882" i="2" a="1"/>
  <c r="H2882" i="2" s="1"/>
  <c r="H2867" i="2" a="1"/>
  <c r="H2867" i="2" s="1"/>
  <c r="H2879" i="2" a="1"/>
  <c r="H2879" i="2" s="1"/>
  <c r="H2876" i="2" a="1"/>
  <c r="H2876" i="2" s="1"/>
  <c r="H2880" i="2" a="1"/>
  <c r="H2880" i="2" s="1"/>
  <c r="H2877" i="2" a="1"/>
  <c r="H2877" i="2" s="1"/>
  <c r="H2888" i="2" a="1"/>
  <c r="H2888" i="2" s="1"/>
  <c r="H2875" i="2" a="1"/>
  <c r="H2875" i="2" s="1"/>
  <c r="H2866" i="2" a="1"/>
  <c r="H2866" i="2" s="1"/>
  <c r="H2870" i="2" a="1"/>
  <c r="H2870" i="2" s="1"/>
  <c r="H2869" i="2" a="1"/>
  <c r="H2869" i="2" s="1"/>
  <c r="H2889" i="2" a="1"/>
  <c r="H2889" i="2" s="1"/>
  <c r="H2883" i="2" a="1"/>
  <c r="H2883" i="2" s="1"/>
  <c r="D2019" i="2" a="1"/>
  <c r="D2019" i="2" s="1"/>
  <c r="D2016" i="2" a="1"/>
  <c r="D2016" i="2" s="1"/>
  <c r="D2005" i="2" a="1"/>
  <c r="D2005" i="2" s="1"/>
  <c r="D2009" i="2" a="1"/>
  <c r="D2009" i="2" s="1"/>
  <c r="D2002" i="2" a="1"/>
  <c r="D2002" i="2" s="1"/>
  <c r="D2008" i="2" a="1"/>
  <c r="D2008" i="2" s="1"/>
  <c r="D2003" i="2" a="1"/>
  <c r="D2003" i="2" s="1"/>
  <c r="D2018" i="2" a="1"/>
  <c r="D2018" i="2" s="1"/>
  <c r="D2004" i="2" a="1"/>
  <c r="D2004" i="2" s="1"/>
  <c r="D2017" i="2" a="1"/>
  <c r="D2017" i="2" s="1"/>
  <c r="D2007" i="2" a="1"/>
  <c r="D2007" i="2" s="1"/>
  <c r="AP263" i="1"/>
  <c r="F269" i="5" s="1"/>
  <c r="AO263" i="1"/>
  <c r="E269" i="5" s="1"/>
  <c r="E5028" i="2" a="1"/>
  <c r="E5028" i="2" s="1"/>
  <c r="E5031" i="2" a="1"/>
  <c r="E5031" i="2" s="1"/>
  <c r="E5043" i="2" a="1"/>
  <c r="E5043" i="2" s="1"/>
  <c r="E5044" i="2" a="1"/>
  <c r="E5044" i="2" s="1"/>
  <c r="E5046" i="2" a="1"/>
  <c r="E5046" i="2" s="1"/>
  <c r="E5040" i="2" a="1"/>
  <c r="E5040" i="2" s="1"/>
  <c r="E5042" i="2" a="1"/>
  <c r="E5042" i="2" s="1"/>
  <c r="E5048" i="2" a="1"/>
  <c r="E5048" i="2" s="1"/>
  <c r="E5029" i="2" a="1"/>
  <c r="E5029" i="2" s="1"/>
  <c r="E5045" i="2" a="1"/>
  <c r="E5045" i="2" s="1"/>
  <c r="E5047" i="2" a="1"/>
  <c r="E5047" i="2" s="1"/>
  <c r="E5039" i="2" a="1"/>
  <c r="E5039" i="2" s="1"/>
  <c r="E5049" i="2" a="1"/>
  <c r="E5049" i="2" s="1"/>
  <c r="E5035" i="2" a="1"/>
  <c r="E5035" i="2" s="1"/>
  <c r="E5032" i="2" a="1"/>
  <c r="E5032" i="2" s="1"/>
  <c r="E5027" i="2" a="1"/>
  <c r="E5027" i="2" s="1"/>
  <c r="E5033" i="2" a="1"/>
  <c r="E5033" i="2" s="1"/>
  <c r="E5026" i="2" a="1"/>
  <c r="E5026" i="2" s="1"/>
  <c r="E5030" i="2" a="1"/>
  <c r="E5030" i="2" s="1"/>
  <c r="E5038" i="2" a="1"/>
  <c r="E5038" i="2" s="1"/>
  <c r="E5034" i="2" a="1"/>
  <c r="E5034" i="2" s="1"/>
  <c r="E5037" i="2" a="1"/>
  <c r="E5037" i="2" s="1"/>
  <c r="E5036" i="2" a="1"/>
  <c r="E5036" i="2" s="1"/>
  <c r="E5041" i="2" a="1"/>
  <c r="E5041" i="2" s="1"/>
  <c r="F2658" i="2" a="1"/>
  <c r="F2658" i="2" s="1"/>
  <c r="F2663" i="2" a="1"/>
  <c r="F2663" i="2" s="1"/>
  <c r="F2665" i="2" a="1"/>
  <c r="F2665" i="2" s="1"/>
  <c r="F2653" i="2" a="1"/>
  <c r="F2653" i="2" s="1"/>
  <c r="F2661" i="2" a="1"/>
  <c r="F2661" i="2" s="1"/>
  <c r="F2657" i="2" a="1"/>
  <c r="F2657" i="2" s="1"/>
  <c r="F2662" i="2" a="1"/>
  <c r="F2662" i="2" s="1"/>
  <c r="F2659" i="2" a="1"/>
  <c r="F2659" i="2" s="1"/>
  <c r="E7462" i="2" a="1"/>
  <c r="E7462" i="2" s="1"/>
  <c r="E7471" i="2" a="1"/>
  <c r="E7471" i="2" s="1"/>
  <c r="E7453" i="2" a="1"/>
  <c r="E7453" i="2" s="1"/>
  <c r="E7456" i="2" a="1"/>
  <c r="E7456" i="2" s="1"/>
  <c r="E7457" i="2" a="1"/>
  <c r="E7457" i="2" s="1"/>
  <c r="E7454" i="2" a="1"/>
  <c r="E7454" i="2" s="1"/>
  <c r="E7463" i="2" a="1"/>
  <c r="E7463" i="2" s="1"/>
  <c r="E7452" i="2" a="1"/>
  <c r="E7452" i="2" s="1"/>
  <c r="E7466" i="2" a="1"/>
  <c r="E7466" i="2" s="1"/>
  <c r="G1395" i="2" a="1"/>
  <c r="G1395" i="2" s="1"/>
  <c r="G1394" i="2" a="1"/>
  <c r="G1394" i="2" s="1"/>
  <c r="G1379" i="2" a="1"/>
  <c r="G1379" i="2" s="1"/>
  <c r="G1381" i="2" a="1"/>
  <c r="G1381" i="2" s="1"/>
  <c r="G1398" i="2" a="1"/>
  <c r="G1398" i="2" s="1"/>
  <c r="G1401" i="2" a="1"/>
  <c r="G1401" i="2" s="1"/>
  <c r="G1380" i="2" a="1"/>
  <c r="G1380" i="2" s="1"/>
  <c r="G1399" i="2" a="1"/>
  <c r="G1399" i="2" s="1"/>
  <c r="G1400" i="2" a="1"/>
  <c r="G1400" i="2" s="1"/>
  <c r="G1388" i="2" a="1"/>
  <c r="G1388" i="2" s="1"/>
  <c r="G1378" i="2" a="1"/>
  <c r="G1378" i="2" s="1"/>
  <c r="G1382" i="2" a="1"/>
  <c r="G1382" i="2" s="1"/>
  <c r="G1389" i="2" a="1"/>
  <c r="G1389" i="2" s="1"/>
  <c r="G1385" i="2" a="1"/>
  <c r="G1385" i="2" s="1"/>
  <c r="G1383" i="2" a="1"/>
  <c r="G1383" i="2" s="1"/>
  <c r="G1392" i="2" a="1"/>
  <c r="G1392" i="2" s="1"/>
  <c r="G1387" i="2" a="1"/>
  <c r="G1387" i="2" s="1"/>
  <c r="G1393" i="2" a="1"/>
  <c r="G1393" i="2" s="1"/>
  <c r="G1386" i="2" a="1"/>
  <c r="G1386" i="2" s="1"/>
  <c r="F1171" i="2" a="1"/>
  <c r="F1171" i="2" s="1"/>
  <c r="F1174" i="2" a="1"/>
  <c r="F1174" i="2" s="1"/>
  <c r="F1179" i="2" a="1"/>
  <c r="F1179" i="2" s="1"/>
  <c r="F1166" i="2" a="1"/>
  <c r="F1166" i="2" s="1"/>
  <c r="F1169" i="2" a="1"/>
  <c r="F1169" i="2" s="1"/>
  <c r="F1185" i="2" a="1"/>
  <c r="F1185" i="2" s="1"/>
  <c r="F1178" i="2" a="1"/>
  <c r="F1178" i="2" s="1"/>
  <c r="F1184" i="2" a="1"/>
  <c r="F1184" i="2" s="1"/>
  <c r="F1170" i="2" a="1"/>
  <c r="F1170" i="2" s="1"/>
  <c r="F1164" i="2" a="1"/>
  <c r="F1164" i="2" s="1"/>
  <c r="F1167" i="2" a="1"/>
  <c r="F1167" i="2" s="1"/>
  <c r="F1175" i="2" a="1"/>
  <c r="F1175" i="2" s="1"/>
  <c r="F1181" i="2" a="1"/>
  <c r="F1181" i="2" s="1"/>
  <c r="F1183" i="2" a="1"/>
  <c r="F1183" i="2" s="1"/>
  <c r="F2544" i="2" a="1"/>
  <c r="F2544" i="2" s="1"/>
  <c r="F2530" i="2" a="1"/>
  <c r="F2530" i="2" s="1"/>
  <c r="F2548" i="2" a="1"/>
  <c r="F2548" i="2" s="1"/>
  <c r="F2531" i="2" a="1"/>
  <c r="F2531" i="2" s="1"/>
  <c r="F2536" i="2" a="1"/>
  <c r="F2536" i="2" s="1"/>
  <c r="F2534" i="2" a="1"/>
  <c r="F2534" i="2" s="1"/>
  <c r="F2533" i="2" a="1"/>
  <c r="F2533" i="2" s="1"/>
  <c r="F2541" i="2" a="1"/>
  <c r="F2541" i="2" s="1"/>
  <c r="F2549" i="2" a="1"/>
  <c r="F2549" i="2" s="1"/>
  <c r="F2551" i="2" a="1"/>
  <c r="F2551" i="2" s="1"/>
  <c r="F2552" i="2" a="1"/>
  <c r="F2552" i="2" s="1"/>
  <c r="F2553" i="2" a="1"/>
  <c r="F2553" i="2" s="1"/>
  <c r="F2546" i="2" a="1"/>
  <c r="F2546" i="2" s="1"/>
  <c r="F2542" i="2" a="1"/>
  <c r="F2542" i="2" s="1"/>
  <c r="F2550" i="2" a="1"/>
  <c r="F2550" i="2" s="1"/>
  <c r="F2540" i="2" a="1"/>
  <c r="F2540" i="2" s="1"/>
  <c r="F2545" i="2" a="1"/>
  <c r="F2545" i="2" s="1"/>
  <c r="F2535" i="2" a="1"/>
  <c r="F2535" i="2" s="1"/>
  <c r="F2537" i="2" a="1"/>
  <c r="F2537" i="2" s="1"/>
  <c r="F2538" i="2" a="1"/>
  <c r="F2538" i="2" s="1"/>
  <c r="F2543" i="2" a="1"/>
  <c r="F2543" i="2" s="1"/>
  <c r="F2532" i="2" a="1"/>
  <c r="F2532" i="2" s="1"/>
  <c r="H6747" i="2" a="1"/>
  <c r="H6747" i="2" s="1"/>
  <c r="H6744" i="2" a="1"/>
  <c r="H6744" i="2" s="1"/>
  <c r="H6731" i="2" a="1"/>
  <c r="H6731" i="2" s="1"/>
  <c r="H6745" i="2" a="1"/>
  <c r="H6745" i="2" s="1"/>
  <c r="H6734" i="2" a="1"/>
  <c r="H6734" i="2" s="1"/>
  <c r="H6735" i="2" a="1"/>
  <c r="H6735" i="2" s="1"/>
  <c r="H6746" i="2" a="1"/>
  <c r="H6746" i="2" s="1"/>
  <c r="H6751" i="2" a="1"/>
  <c r="H6751" i="2" s="1"/>
  <c r="H6736" i="2" a="1"/>
  <c r="H6736" i="2" s="1"/>
  <c r="G5268" i="2" a="1"/>
  <c r="G5268" i="2" s="1"/>
  <c r="G5280" i="2" a="1"/>
  <c r="G5280" i="2" s="1"/>
  <c r="G5266" i="2" a="1"/>
  <c r="G5266" i="2" s="1"/>
  <c r="G5277" i="2" a="1"/>
  <c r="G5277" i="2" s="1"/>
  <c r="G5285" i="2" a="1"/>
  <c r="G5285" i="2" s="1"/>
  <c r="G5272" i="2" a="1"/>
  <c r="G5272" i="2" s="1"/>
  <c r="G5286" i="2" a="1"/>
  <c r="G5286" i="2" s="1"/>
  <c r="G5267" i="2" a="1"/>
  <c r="G5267" i="2" s="1"/>
  <c r="G5284" i="2" a="1"/>
  <c r="G5284" i="2" s="1"/>
  <c r="G5289" i="2" a="1"/>
  <c r="G5289" i="2" s="1"/>
  <c r="D7230" i="2" a="1"/>
  <c r="D7230" i="2" s="1"/>
  <c r="D7216" i="2" a="1"/>
  <c r="D7216" i="2" s="1"/>
  <c r="D7215" i="2" a="1"/>
  <c r="D7215" i="2" s="1"/>
  <c r="D7225" i="2" a="1"/>
  <c r="D7225" i="2" s="1"/>
  <c r="D7224" i="2" a="1"/>
  <c r="D7224" i="2" s="1"/>
  <c r="D7233" i="2" a="1"/>
  <c r="D7233" i="2" s="1"/>
  <c r="D7228" i="2" a="1"/>
  <c r="D7228" i="2" s="1"/>
  <c r="D7232" i="2" a="1"/>
  <c r="D7232" i="2" s="1"/>
  <c r="D7211" i="2" a="1"/>
  <c r="D7211" i="2" s="1"/>
  <c r="D7222" i="2" a="1"/>
  <c r="D7222" i="2" s="1"/>
  <c r="D7229" i="2" a="1"/>
  <c r="D7229" i="2" s="1"/>
  <c r="D7212" i="2" a="1"/>
  <c r="D7212" i="2" s="1"/>
  <c r="D7218" i="2" a="1"/>
  <c r="D7218" i="2" s="1"/>
  <c r="D7220" i="2" a="1"/>
  <c r="D7220" i="2" s="1"/>
  <c r="D7213" i="2" a="1"/>
  <c r="D7213" i="2" s="1"/>
  <c r="D7214" i="2" a="1"/>
  <c r="D7214" i="2" s="1"/>
  <c r="D7219" i="2" a="1"/>
  <c r="D7219" i="2" s="1"/>
  <c r="D7221" i="2" a="1"/>
  <c r="D7221" i="2" s="1"/>
  <c r="D7223" i="2" a="1"/>
  <c r="D7223" i="2" s="1"/>
  <c r="D7210" i="2" a="1"/>
  <c r="D7210" i="2" s="1"/>
  <c r="D7226" i="2" a="1"/>
  <c r="D7226" i="2" s="1"/>
  <c r="D6141" i="2" a="1"/>
  <c r="D6141" i="2" s="1"/>
  <c r="D6144" i="2" a="1"/>
  <c r="D6144" i="2" s="1"/>
  <c r="D6132" i="2" a="1"/>
  <c r="D6132" i="2" s="1"/>
  <c r="D6146" i="2" a="1"/>
  <c r="D6146" i="2" s="1"/>
  <c r="D6150" i="2" a="1"/>
  <c r="D6150" i="2" s="1"/>
  <c r="D6131" i="2" a="1"/>
  <c r="D6131" i="2" s="1"/>
  <c r="D6135" i="2" a="1"/>
  <c r="D6135" i="2" s="1"/>
  <c r="D6149" i="2" a="1"/>
  <c r="D6149" i="2" s="1"/>
  <c r="D6143" i="2" a="1"/>
  <c r="D6143" i="2" s="1"/>
  <c r="D6151" i="2" a="1"/>
  <c r="D6151" i="2" s="1"/>
  <c r="D6139" i="2" a="1"/>
  <c r="D6139" i="2" s="1"/>
  <c r="D6147" i="2" a="1"/>
  <c r="D6147" i="2" s="1"/>
  <c r="D6133" i="2" a="1"/>
  <c r="D6133" i="2" s="1"/>
  <c r="D6134" i="2" a="1"/>
  <c r="D6134" i="2" s="1"/>
  <c r="D6142" i="2" a="1"/>
  <c r="D6142" i="2" s="1"/>
  <c r="H8003" i="2" a="1"/>
  <c r="H8003" i="2" s="1"/>
  <c r="H8018" i="2" a="1"/>
  <c r="H8018" i="2" s="1"/>
  <c r="H8025" i="2" a="1"/>
  <c r="H8025" i="2" s="1"/>
  <c r="H8008" i="2" a="1"/>
  <c r="H8008" i="2" s="1"/>
  <c r="H8004" i="2" a="1"/>
  <c r="H8004" i="2" s="1"/>
  <c r="H8022" i="2" a="1"/>
  <c r="H8022" i="2" s="1"/>
  <c r="H8009" i="2" a="1"/>
  <c r="H8009" i="2" s="1"/>
  <c r="H8013" i="2" a="1"/>
  <c r="H8013" i="2" s="1"/>
  <c r="H8017" i="2" a="1"/>
  <c r="H8017" i="2" s="1"/>
  <c r="D7349" i="2" a="1"/>
  <c r="D7349" i="2" s="1"/>
  <c r="D7350" i="2" a="1"/>
  <c r="D7350" i="2" s="1"/>
  <c r="D7351" i="2" a="1"/>
  <c r="D7351" i="2" s="1"/>
  <c r="D7333" i="2" a="1"/>
  <c r="D7333" i="2" s="1"/>
  <c r="D7337" i="2" a="1"/>
  <c r="D7337" i="2" s="1"/>
  <c r="D7341" i="2" a="1"/>
  <c r="D7341" i="2" s="1"/>
  <c r="D7345" i="2" a="1"/>
  <c r="D7345" i="2" s="1"/>
  <c r="D7339" i="2" a="1"/>
  <c r="D7339" i="2" s="1"/>
  <c r="D7343" i="2" a="1"/>
  <c r="D7343" i="2" s="1"/>
  <c r="D7332" i="2" a="1"/>
  <c r="D7332" i="2" s="1"/>
  <c r="D7347" i="2" a="1"/>
  <c r="D7347" i="2" s="1"/>
  <c r="D7352" i="2" a="1"/>
  <c r="D7352" i="2" s="1"/>
  <c r="D7330" i="2" a="1"/>
  <c r="D7330" i="2" s="1"/>
  <c r="D7338" i="2" a="1"/>
  <c r="D7338" i="2" s="1"/>
  <c r="D7342" i="2" a="1"/>
  <c r="D7342" i="2" s="1"/>
  <c r="D7346" i="2" a="1"/>
  <c r="D7346" i="2" s="1"/>
  <c r="D7348" i="2" a="1"/>
  <c r="D7348" i="2" s="1"/>
  <c r="D6271" i="2" a="1"/>
  <c r="D6271" i="2" s="1"/>
  <c r="D6251" i="2" a="1"/>
  <c r="D6251" i="2" s="1"/>
  <c r="D6259" i="2" a="1"/>
  <c r="D6259" i="2" s="1"/>
  <c r="D6262" i="2" a="1"/>
  <c r="D6262" i="2" s="1"/>
  <c r="D6269" i="2" a="1"/>
  <c r="D6269" i="2" s="1"/>
  <c r="D6273" i="2" a="1"/>
  <c r="D6273" i="2" s="1"/>
  <c r="D6257" i="2" a="1"/>
  <c r="D6257" i="2" s="1"/>
  <c r="D6260" i="2" a="1"/>
  <c r="D6260" i="2" s="1"/>
  <c r="D6254" i="2" a="1"/>
  <c r="D6254" i="2" s="1"/>
  <c r="D6255" i="2" a="1"/>
  <c r="D6255" i="2" s="1"/>
  <c r="D6253" i="2" a="1"/>
  <c r="D6253" i="2" s="1"/>
  <c r="D6270" i="2" a="1"/>
  <c r="D6270" i="2" s="1"/>
  <c r="D6250" i="2" a="1"/>
  <c r="D6250" i="2" s="1"/>
  <c r="D6258" i="2" a="1"/>
  <c r="D6258" i="2" s="1"/>
  <c r="D6263" i="2" a="1"/>
  <c r="D6263" i="2" s="1"/>
  <c r="D6261" i="2" a="1"/>
  <c r="D6261" i="2" s="1"/>
  <c r="D6266" i="2" a="1"/>
  <c r="D6266" i="2" s="1"/>
  <c r="D6268" i="2" a="1"/>
  <c r="D6268" i="2" s="1"/>
  <c r="D6272" i="2" a="1"/>
  <c r="D6272" i="2" s="1"/>
  <c r="D6256" i="2" a="1"/>
  <c r="D6256" i="2" s="1"/>
  <c r="D6265" i="2" a="1"/>
  <c r="D6265" i="2" s="1"/>
  <c r="E7210" i="2" a="1"/>
  <c r="E7210" i="2" s="1"/>
  <c r="E7228" i="2" a="1"/>
  <c r="E7228" i="2" s="1"/>
  <c r="E7216" i="2" a="1"/>
  <c r="E7216" i="2" s="1"/>
  <c r="E7214" i="2" a="1"/>
  <c r="E7214" i="2" s="1"/>
  <c r="E7227" i="2" a="1"/>
  <c r="E7227" i="2" s="1"/>
  <c r="E7231" i="2" a="1"/>
  <c r="E7231" i="2" s="1"/>
  <c r="E7221" i="2" a="1"/>
  <c r="E7221" i="2" s="1"/>
  <c r="E7226" i="2" a="1"/>
  <c r="E7226" i="2" s="1"/>
  <c r="E7229" i="2" a="1"/>
  <c r="E7229" i="2" s="1"/>
  <c r="E7230" i="2" a="1"/>
  <c r="E7230" i="2" s="1"/>
  <c r="E7224" i="2" a="1"/>
  <c r="E7224" i="2" s="1"/>
  <c r="E7232" i="2" a="1"/>
  <c r="E7232" i="2" s="1"/>
  <c r="E7225" i="2" a="1"/>
  <c r="E7225" i="2" s="1"/>
  <c r="D418" i="2" a="1"/>
  <c r="D418" i="2" s="1"/>
  <c r="D428" i="2" a="1"/>
  <c r="D428" i="2" s="1"/>
  <c r="D434" i="2" a="1"/>
  <c r="D434" i="2" s="1"/>
  <c r="D419" i="2" a="1"/>
  <c r="D419" i="2" s="1"/>
  <c r="D440" i="2" a="1"/>
  <c r="D440" i="2" s="1"/>
  <c r="D431" i="2" a="1"/>
  <c r="D431" i="2" s="1"/>
  <c r="D430" i="2" a="1"/>
  <c r="D430" i="2" s="1"/>
  <c r="D439" i="2" a="1"/>
  <c r="D439" i="2" s="1"/>
  <c r="D427" i="2" a="1"/>
  <c r="D427" i="2" s="1"/>
  <c r="D435" i="2" a="1"/>
  <c r="D435" i="2" s="1"/>
  <c r="D429" i="2" a="1"/>
  <c r="D429" i="2" s="1"/>
  <c r="D420" i="2" a="1"/>
  <c r="D420" i="2" s="1"/>
  <c r="D424" i="2" a="1"/>
  <c r="D424" i="2" s="1"/>
  <c r="D436" i="2" a="1"/>
  <c r="D436" i="2" s="1"/>
  <c r="D432" i="2" a="1"/>
  <c r="D432" i="2" s="1"/>
  <c r="D426" i="2" a="1"/>
  <c r="D426" i="2" s="1"/>
  <c r="D433" i="2" a="1"/>
  <c r="D433" i="2" s="1"/>
  <c r="D423" i="2" a="1"/>
  <c r="D423" i="2" s="1"/>
  <c r="D437" i="2" a="1"/>
  <c r="D437" i="2" s="1"/>
  <c r="D441" i="2" a="1"/>
  <c r="D441" i="2" s="1"/>
  <c r="D422" i="2" a="1"/>
  <c r="D422" i="2" s="1"/>
  <c r="D438" i="2" a="1"/>
  <c r="D438" i="2" s="1"/>
  <c r="D421" i="2" a="1"/>
  <c r="D421" i="2" s="1"/>
  <c r="D425" i="2" a="1"/>
  <c r="D425" i="2" s="1"/>
  <c r="D690" i="2" a="1"/>
  <c r="D690" i="2" s="1"/>
  <c r="D698" i="2" a="1"/>
  <c r="D698" i="2" s="1"/>
  <c r="D684" i="2" a="1"/>
  <c r="D684" i="2" s="1"/>
  <c r="D683" i="2" a="1"/>
  <c r="D683" i="2" s="1"/>
  <c r="D701" i="2" a="1"/>
  <c r="D701" i="2" s="1"/>
  <c r="D691" i="2" a="1"/>
  <c r="D691" i="2" s="1"/>
  <c r="D695" i="2" a="1"/>
  <c r="D695" i="2" s="1"/>
  <c r="D699" i="2" a="1"/>
  <c r="D699" i="2" s="1"/>
  <c r="D700" i="2" a="1"/>
  <c r="D700" i="2" s="1"/>
  <c r="D692" i="2" a="1"/>
  <c r="D692" i="2" s="1"/>
  <c r="D705" i="2" a="1"/>
  <c r="D705" i="2" s="1"/>
  <c r="D702" i="2" a="1"/>
  <c r="D702" i="2" s="1"/>
  <c r="D685" i="2" a="1"/>
  <c r="D685" i="2" s="1"/>
  <c r="D686" i="2" a="1"/>
  <c r="D686" i="2" s="1"/>
  <c r="D696" i="2" a="1"/>
  <c r="D696" i="2" s="1"/>
  <c r="D693" i="2" a="1"/>
  <c r="D693" i="2" s="1"/>
  <c r="D694" i="2" a="1"/>
  <c r="D694" i="2" s="1"/>
  <c r="D689" i="2" a="1"/>
  <c r="D689" i="2" s="1"/>
  <c r="D697" i="2" a="1"/>
  <c r="D697" i="2" s="1"/>
  <c r="D703" i="2" a="1"/>
  <c r="D703" i="2" s="1"/>
  <c r="D682" i="2" a="1"/>
  <c r="D682" i="2" s="1"/>
  <c r="D704" i="2" a="1"/>
  <c r="D704" i="2" s="1"/>
  <c r="D688" i="2" a="1"/>
  <c r="D688" i="2" s="1"/>
  <c r="D687" i="2" a="1"/>
  <c r="D687" i="2" s="1"/>
  <c r="H546" i="2" a="1"/>
  <c r="H546" i="2" s="1"/>
  <c r="H557" i="2" a="1"/>
  <c r="H557" i="2" s="1"/>
  <c r="H556" i="2" a="1"/>
  <c r="H556" i="2" s="1"/>
  <c r="H558" i="2" a="1"/>
  <c r="H558" i="2" s="1"/>
  <c r="H549" i="2" a="1"/>
  <c r="H549" i="2" s="1"/>
  <c r="H550" i="2" a="1"/>
  <c r="H550" i="2" s="1"/>
  <c r="H542" i="2" a="1"/>
  <c r="H542" i="2" s="1"/>
  <c r="H561" i="2" a="1"/>
  <c r="H561" i="2" s="1"/>
  <c r="H555" i="2" a="1"/>
  <c r="H555" i="2" s="1"/>
  <c r="H551" i="2" a="1"/>
  <c r="H551" i="2" s="1"/>
  <c r="H560" i="2" a="1"/>
  <c r="H560" i="2" s="1"/>
  <c r="H545" i="2" a="1"/>
  <c r="H545" i="2" s="1"/>
  <c r="D8750" i="2" a="1"/>
  <c r="D8750" i="2" s="1"/>
  <c r="D8762" i="2" a="1"/>
  <c r="D8762" i="2" s="1"/>
  <c r="D8747" i="2" a="1"/>
  <c r="D8747" i="2" s="1"/>
  <c r="D8755" i="2" a="1"/>
  <c r="D8755" i="2" s="1"/>
  <c r="D8759" i="2" a="1"/>
  <c r="D8759" i="2" s="1"/>
  <c r="D8765" i="2" a="1"/>
  <c r="D8765" i="2" s="1"/>
  <c r="D8748" i="2" a="1"/>
  <c r="D8748" i="2" s="1"/>
  <c r="D8764" i="2" a="1"/>
  <c r="D8764" i="2" s="1"/>
  <c r="D8751" i="2" a="1"/>
  <c r="D8751" i="2" s="1"/>
  <c r="D8757" i="2" a="1"/>
  <c r="D8757" i="2" s="1"/>
  <c r="D8766" i="2" a="1"/>
  <c r="D8766" i="2" s="1"/>
  <c r="D8769" i="2" a="1"/>
  <c r="D8769" i="2" s="1"/>
  <c r="D8768" i="2" a="1"/>
  <c r="D8768" i="2" s="1"/>
  <c r="D8760" i="2" a="1"/>
  <c r="D8760" i="2" s="1"/>
  <c r="D8761" i="2" a="1"/>
  <c r="D8761" i="2" s="1"/>
  <c r="D8758" i="2" a="1"/>
  <c r="D8758" i="2" s="1"/>
  <c r="D8746" i="2" a="1"/>
  <c r="D8746" i="2" s="1"/>
  <c r="D8754" i="2" a="1"/>
  <c r="D8754" i="2" s="1"/>
  <c r="D8753" i="2" a="1"/>
  <c r="D8753" i="2" s="1"/>
  <c r="D8767" i="2" a="1"/>
  <c r="D8767" i="2" s="1"/>
  <c r="AP249" i="1"/>
  <c r="F255" i="5" s="1"/>
  <c r="D5985" i="2" a="1"/>
  <c r="D5985" i="2" s="1"/>
  <c r="AO249" i="1"/>
  <c r="E255" i="5" s="1"/>
  <c r="D5984" i="2" a="1"/>
  <c r="D5984" i="2" s="1"/>
  <c r="D5979" i="2" a="1"/>
  <c r="D5979" i="2" s="1"/>
  <c r="D5971" i="2" a="1"/>
  <c r="D5971" i="2" s="1"/>
  <c r="D5970" i="2" a="1"/>
  <c r="D5970" i="2" s="1"/>
  <c r="D5964" i="2" a="1"/>
  <c r="D5964" i="2" s="1"/>
  <c r="D5969" i="2" a="1"/>
  <c r="D5969" i="2" s="1"/>
  <c r="G3760" i="2" a="1"/>
  <c r="G3760" i="2" s="1"/>
  <c r="G3772" i="2" a="1"/>
  <c r="G3772" i="2" s="1"/>
  <c r="G3762" i="2" a="1"/>
  <c r="G3762" i="2" s="1"/>
  <c r="G3773" i="2" a="1"/>
  <c r="G3773" i="2" s="1"/>
  <c r="G3770" i="2" a="1"/>
  <c r="G3770" i="2" s="1"/>
  <c r="G3763" i="2" a="1"/>
  <c r="G3763" i="2" s="1"/>
  <c r="G3775" i="2" a="1"/>
  <c r="G3775" i="2" s="1"/>
  <c r="G3761" i="2" a="1"/>
  <c r="G3761" i="2" s="1"/>
  <c r="G3774" i="2" a="1"/>
  <c r="G3774" i="2" s="1"/>
  <c r="G3777" i="2" a="1"/>
  <c r="G3777" i="2" s="1"/>
  <c r="G3759" i="2" a="1"/>
  <c r="G3759" i="2" s="1"/>
  <c r="G3765" i="2" a="1"/>
  <c r="G3765" i="2" s="1"/>
  <c r="G3755" i="2" a="1"/>
  <c r="G3755" i="2" s="1"/>
  <c r="G3769" i="2" a="1"/>
  <c r="G3769" i="2" s="1"/>
  <c r="G3766" i="2" a="1"/>
  <c r="G3766" i="2" s="1"/>
  <c r="G3756" i="2" a="1"/>
  <c r="G3756" i="2" s="1"/>
  <c r="G3771" i="2" a="1"/>
  <c r="G3771" i="2" s="1"/>
  <c r="G3754" i="2" a="1"/>
  <c r="G3754" i="2" s="1"/>
  <c r="G3764" i="2" a="1"/>
  <c r="G3764" i="2" s="1"/>
  <c r="G3767" i="2" a="1"/>
  <c r="G3767" i="2" s="1"/>
  <c r="G3776" i="2" a="1"/>
  <c r="G3776" i="2" s="1"/>
  <c r="G3757" i="2" a="1"/>
  <c r="G3757" i="2" s="1"/>
  <c r="G3768" i="2" a="1"/>
  <c r="G3768" i="2" s="1"/>
  <c r="H4246" i="2" a="1"/>
  <c r="H4246" i="2" s="1"/>
  <c r="H4236" i="2" a="1"/>
  <c r="H4236" i="2" s="1"/>
  <c r="H4253" i="2" a="1"/>
  <c r="H4253" i="2" s="1"/>
  <c r="H4255" i="2" a="1"/>
  <c r="H4255" i="2" s="1"/>
  <c r="H4248" i="2" a="1"/>
  <c r="H4248" i="2" s="1"/>
  <c r="H4252" i="2" a="1"/>
  <c r="H4252" i="2" s="1"/>
  <c r="H4257" i="2" a="1"/>
  <c r="H4257" i="2" s="1"/>
  <c r="H4238" i="2" a="1"/>
  <c r="H4238" i="2" s="1"/>
  <c r="H4242" i="2" a="1"/>
  <c r="H4242" i="2" s="1"/>
  <c r="H4239" i="2" a="1"/>
  <c r="H4239" i="2" s="1"/>
  <c r="H4256" i="2" a="1"/>
  <c r="H4256" i="2" s="1"/>
  <c r="H4250" i="2" a="1"/>
  <c r="H4250" i="2" s="1"/>
  <c r="H4249" i="2" a="1"/>
  <c r="H4249" i="2" s="1"/>
  <c r="H4247" i="2" a="1"/>
  <c r="H4247" i="2" s="1"/>
  <c r="H4245" i="2" a="1"/>
  <c r="H4245" i="2" s="1"/>
  <c r="H4234" i="2" a="1"/>
  <c r="H4234" i="2" s="1"/>
  <c r="H4243" i="2" a="1"/>
  <c r="H4243" i="2" s="1"/>
  <c r="H4251" i="2" a="1"/>
  <c r="H4251" i="2" s="1"/>
  <c r="H4235" i="2" a="1"/>
  <c r="H4235" i="2" s="1"/>
  <c r="H4237" i="2" a="1"/>
  <c r="H4237" i="2" s="1"/>
  <c r="H4241" i="2" a="1"/>
  <c r="H4241" i="2" s="1"/>
  <c r="H4240" i="2" a="1"/>
  <c r="H4240" i="2" s="1"/>
  <c r="H4254" i="2" a="1"/>
  <c r="H4254" i="2" s="1"/>
  <c r="H4244" i="2" a="1"/>
  <c r="H4244" i="2" s="1"/>
  <c r="G448" i="2" a="1"/>
  <c r="G448" i="2" s="1"/>
  <c r="G442" i="2" a="1"/>
  <c r="G442" i="2" s="1"/>
  <c r="G455" i="2" a="1"/>
  <c r="G455" i="2" s="1"/>
  <c r="G458" i="2" a="1"/>
  <c r="G458" i="2" s="1"/>
  <c r="G461" i="2" a="1"/>
  <c r="G461" i="2" s="1"/>
  <c r="G459" i="2" a="1"/>
  <c r="G459" i="2" s="1"/>
  <c r="G447" i="2" a="1"/>
  <c r="G447" i="2" s="1"/>
  <c r="G456" i="2" a="1"/>
  <c r="G456" i="2" s="1"/>
  <c r="G464" i="2" a="1"/>
  <c r="G464" i="2" s="1"/>
  <c r="G446" i="2" a="1"/>
  <c r="G446" i="2" s="1"/>
  <c r="G462" i="2" a="1"/>
  <c r="G462" i="2" s="1"/>
  <c r="G445" i="2" a="1"/>
  <c r="G445" i="2" s="1"/>
  <c r="G444" i="2" a="1"/>
  <c r="G444" i="2" s="1"/>
  <c r="G457" i="2" a="1"/>
  <c r="G457" i="2" s="1"/>
  <c r="G463" i="2" a="1"/>
  <c r="G463" i="2" s="1"/>
  <c r="H5293" i="2" a="1"/>
  <c r="H5293" i="2" s="1"/>
  <c r="H5290" i="2" a="1"/>
  <c r="H5290" i="2" s="1"/>
  <c r="H5311" i="2" a="1"/>
  <c r="H5311" i="2" s="1"/>
  <c r="H5291" i="2" a="1"/>
  <c r="H5291" i="2" s="1"/>
  <c r="H5298" i="2" a="1"/>
  <c r="H5298" i="2" s="1"/>
  <c r="H5308" i="2" a="1"/>
  <c r="H5308" i="2" s="1"/>
  <c r="H5302" i="2" a="1"/>
  <c r="H5302" i="2" s="1"/>
  <c r="H5299" i="2" a="1"/>
  <c r="H5299" i="2" s="1"/>
  <c r="H5300" i="2" a="1"/>
  <c r="H5300" i="2" s="1"/>
  <c r="H5292" i="2" a="1"/>
  <c r="H5292" i="2" s="1"/>
  <c r="H5303" i="2" a="1"/>
  <c r="H5303" i="2" s="1"/>
  <c r="H5304" i="2" a="1"/>
  <c r="H5304" i="2" s="1"/>
  <c r="H5301" i="2" a="1"/>
  <c r="H5301" i="2" s="1"/>
  <c r="H5295" i="2" a="1"/>
  <c r="H5295" i="2" s="1"/>
  <c r="H5313" i="2" a="1"/>
  <c r="H5313" i="2" s="1"/>
  <c r="H5305" i="2" a="1"/>
  <c r="H5305" i="2" s="1"/>
  <c r="H5296" i="2" a="1"/>
  <c r="H5296" i="2" s="1"/>
  <c r="H5309" i="2" a="1"/>
  <c r="H5309" i="2" s="1"/>
  <c r="H5310" i="2" a="1"/>
  <c r="H5310" i="2" s="1"/>
  <c r="H5307" i="2" a="1"/>
  <c r="H5307" i="2" s="1"/>
  <c r="H5297" i="2" a="1"/>
  <c r="H5297" i="2" s="1"/>
  <c r="H5306" i="2" a="1"/>
  <c r="H5306" i="2" s="1"/>
  <c r="H5312" i="2" a="1"/>
  <c r="H5312" i="2" s="1"/>
  <c r="G4273" i="2" a="1"/>
  <c r="G4273" i="2" s="1"/>
  <c r="G4277" i="2" a="1"/>
  <c r="G4277" i="2" s="1"/>
  <c r="G4261" i="2" a="1"/>
  <c r="G4261" i="2" s="1"/>
  <c r="G4278" i="2" a="1"/>
  <c r="G4278" i="2" s="1"/>
  <c r="G4275" i="2" a="1"/>
  <c r="G4275" i="2" s="1"/>
  <c r="G4259" i="2" a="1"/>
  <c r="G4259" i="2" s="1"/>
  <c r="G4260" i="2" a="1"/>
  <c r="G4260" i="2" s="1"/>
  <c r="G4258" i="2" a="1"/>
  <c r="G4258" i="2" s="1"/>
  <c r="G4272" i="2" a="1"/>
  <c r="G4272" i="2" s="1"/>
  <c r="G4269" i="2" a="1"/>
  <c r="G4269" i="2" s="1"/>
  <c r="G4270" i="2" a="1"/>
  <c r="G4270" i="2" s="1"/>
  <c r="G4265" i="2" a="1"/>
  <c r="G4265" i="2" s="1"/>
  <c r="G4274" i="2" a="1"/>
  <c r="G4274" i="2" s="1"/>
  <c r="G4279" i="2" a="1"/>
  <c r="G4279" i="2" s="1"/>
  <c r="G4264" i="2" a="1"/>
  <c r="G4264" i="2" s="1"/>
  <c r="G4271" i="2" a="1"/>
  <c r="G4271" i="2" s="1"/>
  <c r="G4266" i="2" a="1"/>
  <c r="G4266" i="2" s="1"/>
  <c r="G4276" i="2" a="1"/>
  <c r="G4276" i="2" s="1"/>
  <c r="G4262" i="2" a="1"/>
  <c r="G4262" i="2" s="1"/>
  <c r="G4267" i="2" a="1"/>
  <c r="G4267" i="2" s="1"/>
  <c r="D174" i="2" a="1"/>
  <c r="D174" i="2" s="1"/>
  <c r="D171" i="2" a="1"/>
  <c r="D171" i="2" s="1"/>
  <c r="D162" i="2" a="1"/>
  <c r="D162" i="2" s="1"/>
  <c r="D164" i="2" a="1"/>
  <c r="D164" i="2" s="1"/>
  <c r="D154" i="2" a="1"/>
  <c r="D154" i="2" s="1"/>
  <c r="D163" i="2" a="1"/>
  <c r="D163" i="2" s="1"/>
  <c r="D170" i="2" a="1"/>
  <c r="D170" i="2" s="1"/>
  <c r="D161" i="2" a="1"/>
  <c r="D161" i="2" s="1"/>
  <c r="D173" i="2" a="1"/>
  <c r="D173" i="2" s="1"/>
  <c r="D160" i="2" a="1"/>
  <c r="D160" i="2" s="1"/>
  <c r="D165" i="2" a="1"/>
  <c r="D165" i="2" s="1"/>
  <c r="D177" i="2" a="1"/>
  <c r="D177" i="2" s="1"/>
  <c r="D172" i="2" a="1"/>
  <c r="D172" i="2" s="1"/>
  <c r="D166" i="2" a="1"/>
  <c r="D166" i="2" s="1"/>
  <c r="D167" i="2" a="1"/>
  <c r="D167" i="2" s="1"/>
  <c r="F1695" i="2" a="1"/>
  <c r="F1695" i="2" s="1"/>
  <c r="F1694" i="2" a="1"/>
  <c r="F1694" i="2" s="1"/>
  <c r="F1711" i="2" a="1"/>
  <c r="F1711" i="2" s="1"/>
  <c r="F1713" i="2" a="1"/>
  <c r="F1713" i="2" s="1"/>
  <c r="F1707" i="2" a="1"/>
  <c r="F1707" i="2" s="1"/>
  <c r="F1698" i="2" a="1"/>
  <c r="F1698" i="2" s="1"/>
  <c r="F1696" i="2" a="1"/>
  <c r="F1696" i="2" s="1"/>
  <c r="F1703" i="2" a="1"/>
  <c r="F1703" i="2" s="1"/>
  <c r="F1704" i="2" a="1"/>
  <c r="F1704" i="2" s="1"/>
  <c r="F1712" i="2" a="1"/>
  <c r="F1712" i="2" s="1"/>
  <c r="F1697" i="2" a="1"/>
  <c r="F1697" i="2" s="1"/>
  <c r="F1709" i="2" a="1"/>
  <c r="F1709" i="2" s="1"/>
  <c r="F1702" i="2" a="1"/>
  <c r="F1702" i="2" s="1"/>
  <c r="F1705" i="2" a="1"/>
  <c r="F1705" i="2" s="1"/>
  <c r="F1706" i="2" a="1"/>
  <c r="F1706" i="2" s="1"/>
  <c r="F1700" i="2" a="1"/>
  <c r="F1700" i="2" s="1"/>
  <c r="F1691" i="2" a="1"/>
  <c r="F1691" i="2" s="1"/>
  <c r="F1692" i="2" a="1"/>
  <c r="F1692" i="2" s="1"/>
  <c r="F1710" i="2" a="1"/>
  <c r="F1710" i="2" s="1"/>
  <c r="F1708" i="2" a="1"/>
  <c r="F1708" i="2" s="1"/>
  <c r="F1690" i="2" a="1"/>
  <c r="F1690" i="2" s="1"/>
  <c r="F1693" i="2" a="1"/>
  <c r="F1693" i="2" s="1"/>
  <c r="F1701" i="2" a="1"/>
  <c r="F1701" i="2" s="1"/>
  <c r="H5373" i="2" a="1"/>
  <c r="H5373" i="2" s="1"/>
  <c r="H5362" i="2" a="1"/>
  <c r="H5362" i="2" s="1"/>
  <c r="H5383" i="2" a="1"/>
  <c r="H5383" i="2" s="1"/>
  <c r="H5377" i="2" a="1"/>
  <c r="H5377" i="2" s="1"/>
  <c r="H5375" i="2" a="1"/>
  <c r="H5375" i="2" s="1"/>
  <c r="H5363" i="2" a="1"/>
  <c r="H5363" i="2" s="1"/>
  <c r="H5364" i="2" a="1"/>
  <c r="H5364" i="2" s="1"/>
  <c r="H5376" i="2" a="1"/>
  <c r="H5376" i="2" s="1"/>
  <c r="H5365" i="2" a="1"/>
  <c r="H5365" i="2" s="1"/>
  <c r="H5370" i="2" a="1"/>
  <c r="H5370" i="2" s="1"/>
  <c r="H5366" i="2" a="1"/>
  <c r="H5366" i="2" s="1"/>
  <c r="H5378" i="2" a="1"/>
  <c r="H5378" i="2" s="1"/>
  <c r="H5385" i="2" a="1"/>
  <c r="H5385" i="2" s="1"/>
  <c r="G2851" i="2" a="1"/>
  <c r="G2851" i="2" s="1"/>
  <c r="G2844" i="2" a="1"/>
  <c r="G2844" i="2" s="1"/>
  <c r="G2861" i="2" a="1"/>
  <c r="G2861" i="2" s="1"/>
  <c r="G2843" i="2" a="1"/>
  <c r="G2843" i="2" s="1"/>
  <c r="G2860" i="2" a="1"/>
  <c r="G2860" i="2" s="1"/>
  <c r="G2846" i="2" a="1"/>
  <c r="G2846" i="2" s="1"/>
  <c r="G2855" i="2" a="1"/>
  <c r="G2855" i="2" s="1"/>
  <c r="G2848" i="2" a="1"/>
  <c r="G2848" i="2" s="1"/>
  <c r="G2842" i="2" a="1"/>
  <c r="G2842" i="2" s="1"/>
  <c r="G2864" i="2" a="1"/>
  <c r="G2864" i="2" s="1"/>
  <c r="G2852" i="2" a="1"/>
  <c r="G2852" i="2" s="1"/>
  <c r="G2865" i="2" a="1"/>
  <c r="G2865" i="2" s="1"/>
  <c r="G2862" i="2" a="1"/>
  <c r="G2862" i="2" s="1"/>
  <c r="G2854" i="2" a="1"/>
  <c r="G2854" i="2" s="1"/>
  <c r="H7854" i="2" a="1"/>
  <c r="H7854" i="2" s="1"/>
  <c r="H7849" i="2" a="1"/>
  <c r="H7849" i="2" s="1"/>
  <c r="H7841" i="2" a="1"/>
  <c r="H7841" i="2" s="1"/>
  <c r="H7836" i="2" a="1"/>
  <c r="H7836" i="2" s="1"/>
  <c r="H7856" i="2" a="1"/>
  <c r="H7856" i="2" s="1"/>
  <c r="H7835" i="2" a="1"/>
  <c r="H7835" i="2" s="1"/>
  <c r="H7853" i="2" a="1"/>
  <c r="H7853" i="2" s="1"/>
  <c r="H7845" i="2" a="1"/>
  <c r="H7845" i="2" s="1"/>
  <c r="H7857" i="2" a="1"/>
  <c r="H7857" i="2" s="1"/>
  <c r="H7852" i="2" a="1"/>
  <c r="H7852" i="2" s="1"/>
  <c r="H7848" i="2" a="1"/>
  <c r="H7848" i="2" s="1"/>
  <c r="H7837" i="2" a="1"/>
  <c r="H7837" i="2" s="1"/>
  <c r="H7839" i="2" a="1"/>
  <c r="H7839" i="2" s="1"/>
  <c r="H7843" i="2" a="1"/>
  <c r="H7843" i="2" s="1"/>
  <c r="H7846" i="2" a="1"/>
  <c r="H7846" i="2" s="1"/>
  <c r="H7844" i="2" a="1"/>
  <c r="H7844" i="2" s="1"/>
  <c r="H7855" i="2" a="1"/>
  <c r="H7855" i="2" s="1"/>
  <c r="H7850" i="2" a="1"/>
  <c r="H7850" i="2" s="1"/>
  <c r="H7838" i="2" a="1"/>
  <c r="H7838" i="2" s="1"/>
  <c r="H7842" i="2" a="1"/>
  <c r="H7842" i="2" s="1"/>
  <c r="H7834" i="2" a="1"/>
  <c r="H7834" i="2" s="1"/>
  <c r="H7840" i="2" a="1"/>
  <c r="H7840" i="2" s="1"/>
  <c r="H7851" i="2" a="1"/>
  <c r="H7851" i="2" s="1"/>
  <c r="H7847" i="2" a="1"/>
  <c r="H7847" i="2" s="1"/>
  <c r="E2213" i="2" a="1"/>
  <c r="E2213" i="2" s="1"/>
  <c r="E2196" i="2" a="1"/>
  <c r="E2196" i="2" s="1"/>
  <c r="E2217" i="2" a="1"/>
  <c r="E2217" i="2" s="1"/>
  <c r="E2202" i="2" a="1"/>
  <c r="E2202" i="2" s="1"/>
  <c r="E2209" i="2" a="1"/>
  <c r="E2209" i="2" s="1"/>
  <c r="E2199" i="2" a="1"/>
  <c r="E2199" i="2" s="1"/>
  <c r="E2203" i="2" a="1"/>
  <c r="E2203" i="2" s="1"/>
  <c r="E2214" i="2" a="1"/>
  <c r="E2214" i="2" s="1"/>
  <c r="E2207" i="2" a="1"/>
  <c r="E2207" i="2" s="1"/>
  <c r="D5854" i="2" a="1"/>
  <c r="D5854" i="2" s="1"/>
  <c r="D5843" i="2" a="1"/>
  <c r="D5843" i="2" s="1"/>
  <c r="D5851" i="2" a="1"/>
  <c r="D5851" i="2" s="1"/>
  <c r="D5855" i="2" a="1"/>
  <c r="D5855" i="2" s="1"/>
  <c r="D5856" i="2" a="1"/>
  <c r="D5856" i="2" s="1"/>
  <c r="D5847" i="2" a="1"/>
  <c r="D5847" i="2" s="1"/>
  <c r="D5859" i="2" a="1"/>
  <c r="D5859" i="2" s="1"/>
  <c r="D5852" i="2" a="1"/>
  <c r="D5852" i="2" s="1"/>
  <c r="D5860" i="2" a="1"/>
  <c r="D5860" i="2" s="1"/>
  <c r="D5864" i="2" a="1"/>
  <c r="D5864" i="2" s="1"/>
  <c r="D5846" i="2" a="1"/>
  <c r="D5846" i="2" s="1"/>
  <c r="D5850" i="2" a="1"/>
  <c r="D5850" i="2" s="1"/>
  <c r="D5849" i="2" a="1"/>
  <c r="D5849" i="2" s="1"/>
  <c r="D5853" i="2" a="1"/>
  <c r="D5853" i="2" s="1"/>
  <c r="D5861" i="2" a="1"/>
  <c r="D5861" i="2" s="1"/>
  <c r="F8354" i="2" a="1"/>
  <c r="F8354" i="2" s="1"/>
  <c r="F8356" i="2" a="1"/>
  <c r="F8356" i="2" s="1"/>
  <c r="F8344" i="2" a="1"/>
  <c r="F8344" i="2" s="1"/>
  <c r="F8361" i="2" a="1"/>
  <c r="F8361" i="2" s="1"/>
  <c r="F8342" i="2" a="1"/>
  <c r="F8342" i="2" s="1"/>
  <c r="F8347" i="2" a="1"/>
  <c r="F8347" i="2" s="1"/>
  <c r="H3540" i="2" a="1"/>
  <c r="H3540" i="2" s="1"/>
  <c r="H3552" i="2" a="1"/>
  <c r="H3552" i="2" s="1"/>
  <c r="H3554" i="2" a="1"/>
  <c r="H3554" i="2" s="1"/>
  <c r="H3548" i="2" a="1"/>
  <c r="H3548" i="2" s="1"/>
  <c r="H3557" i="2" a="1"/>
  <c r="H3557" i="2" s="1"/>
  <c r="H3555" i="2" a="1"/>
  <c r="H3555" i="2" s="1"/>
  <c r="H3549" i="2" a="1"/>
  <c r="H3549" i="2" s="1"/>
  <c r="H3553" i="2" a="1"/>
  <c r="H3553" i="2" s="1"/>
  <c r="H3544" i="2" a="1"/>
  <c r="H3544" i="2" s="1"/>
  <c r="H3541" i="2" a="1"/>
  <c r="H3541" i="2" s="1"/>
  <c r="H3556" i="2" a="1"/>
  <c r="H3556" i="2" s="1"/>
  <c r="H3545" i="2" a="1"/>
  <c r="H3545" i="2" s="1"/>
  <c r="H3550" i="2" a="1"/>
  <c r="H3550" i="2" s="1"/>
  <c r="H3560" i="2" a="1"/>
  <c r="H3560" i="2" s="1"/>
  <c r="H3547" i="2" a="1"/>
  <c r="H3547" i="2" s="1"/>
  <c r="H3543" i="2" a="1"/>
  <c r="H3543" i="2" s="1"/>
  <c r="H3551" i="2" a="1"/>
  <c r="H3551" i="2" s="1"/>
  <c r="H3561" i="2" a="1"/>
  <c r="H3561" i="2" s="1"/>
  <c r="H3538" i="2" a="1"/>
  <c r="H3538" i="2" s="1"/>
  <c r="H3558" i="2" a="1"/>
  <c r="H3558" i="2" s="1"/>
  <c r="H3546" i="2" a="1"/>
  <c r="H3546" i="2" s="1"/>
  <c r="H3559" i="2" a="1"/>
  <c r="H3559" i="2" s="1"/>
  <c r="H3539" i="2" a="1"/>
  <c r="H3539" i="2" s="1"/>
  <c r="H3542" i="2" a="1"/>
  <c r="H3542" i="2" s="1"/>
  <c r="D357" i="2" a="1"/>
  <c r="D357" i="2" s="1"/>
  <c r="D352" i="2" a="1"/>
  <c r="D352" i="2" s="1"/>
  <c r="D360" i="2" a="1"/>
  <c r="D360" i="2" s="1"/>
  <c r="D346" i="2" a="1"/>
  <c r="D346" i="2" s="1"/>
  <c r="D363" i="2" a="1"/>
  <c r="D363" i="2" s="1"/>
  <c r="D347" i="2" a="1"/>
  <c r="D347" i="2" s="1"/>
  <c r="D368" i="2" a="1"/>
  <c r="D368" i="2" s="1"/>
  <c r="D356" i="2" a="1"/>
  <c r="D356" i="2" s="1"/>
  <c r="D364" i="2" a="1"/>
  <c r="D364" i="2" s="1"/>
  <c r="D365" i="2" a="1"/>
  <c r="D365" i="2" s="1"/>
  <c r="D349" i="2" a="1"/>
  <c r="D349" i="2" s="1"/>
  <c r="D362" i="2" a="1"/>
  <c r="D362" i="2" s="1"/>
  <c r="D353" i="2" a="1"/>
  <c r="D353" i="2" s="1"/>
  <c r="D354" i="2" a="1"/>
  <c r="D354" i="2" s="1"/>
  <c r="D359" i="2" a="1"/>
  <c r="D359" i="2" s="1"/>
  <c r="D367" i="2" a="1"/>
  <c r="D367" i="2" s="1"/>
  <c r="D355" i="2" a="1"/>
  <c r="D355" i="2" s="1"/>
  <c r="D366" i="2" a="1"/>
  <c r="D366" i="2" s="1"/>
  <c r="D350" i="2" a="1"/>
  <c r="D350" i="2" s="1"/>
  <c r="D351" i="2" a="1"/>
  <c r="D351" i="2" s="1"/>
  <c r="D348" i="2" a="1"/>
  <c r="D348" i="2" s="1"/>
  <c r="F7401" i="2" a="1"/>
  <c r="F7401" i="2" s="1"/>
  <c r="F7392" i="2" a="1"/>
  <c r="F7392" i="2" s="1"/>
  <c r="F7379" i="2" a="1"/>
  <c r="F7379" i="2" s="1"/>
  <c r="F7382" i="2" a="1"/>
  <c r="F7382" i="2" s="1"/>
  <c r="F7390" i="2" a="1"/>
  <c r="F7390" i="2" s="1"/>
  <c r="F7384" i="2" a="1"/>
  <c r="F7384" i="2" s="1"/>
  <c r="F7380" i="2" a="1"/>
  <c r="F7380" i="2" s="1"/>
  <c r="F7393" i="2" a="1"/>
  <c r="F7393" i="2" s="1"/>
  <c r="F7394" i="2" a="1"/>
  <c r="F7394" i="2" s="1"/>
  <c r="F7396" i="2" a="1"/>
  <c r="F7396" i="2" s="1"/>
  <c r="F7381" i="2" a="1"/>
  <c r="F7381" i="2" s="1"/>
  <c r="F7385" i="2" a="1"/>
  <c r="F7385" i="2" s="1"/>
  <c r="F7397" i="2" a="1"/>
  <c r="F7397" i="2" s="1"/>
  <c r="F7399" i="2" a="1"/>
  <c r="F7399" i="2" s="1"/>
  <c r="F7395" i="2" a="1"/>
  <c r="F7395" i="2" s="1"/>
  <c r="F7398" i="2" a="1"/>
  <c r="F7398" i="2" s="1"/>
  <c r="F7383" i="2" a="1"/>
  <c r="F7383" i="2" s="1"/>
  <c r="F7391" i="2" a="1"/>
  <c r="F7391" i="2" s="1"/>
  <c r="F7400" i="2" a="1"/>
  <c r="F7400" i="2" s="1"/>
  <c r="F7378" i="2" a="1"/>
  <c r="F7378" i="2" s="1"/>
  <c r="G2264" i="2" a="1"/>
  <c r="G2264" i="2" s="1"/>
  <c r="H6296" i="2" a="1"/>
  <c r="H6296" i="2" s="1"/>
  <c r="H6289" i="2" a="1"/>
  <c r="H6289" i="2" s="1"/>
  <c r="AM136" i="1"/>
  <c r="C142" i="5" s="1"/>
  <c r="AP311" i="1"/>
  <c r="F317" i="5" s="1"/>
  <c r="D4379" i="2" a="1"/>
  <c r="D4379" i="2" s="1"/>
  <c r="D4393" i="2" a="1"/>
  <c r="D4393" i="2" s="1"/>
  <c r="H5721" i="2" a="1"/>
  <c r="H5721" i="2" s="1"/>
  <c r="H6932" i="2" a="1"/>
  <c r="H6932" i="2" s="1"/>
  <c r="H568" i="2" a="1"/>
  <c r="H568" i="2" s="1"/>
  <c r="H566" i="2" a="1"/>
  <c r="H566" i="2" s="1"/>
  <c r="F720" i="2" a="1"/>
  <c r="F720" i="2" s="1"/>
  <c r="D3544" i="2" a="1"/>
  <c r="D3544" i="2" s="1"/>
  <c r="E6665" i="2" a="1"/>
  <c r="E6665" i="2" s="1"/>
  <c r="D2182" i="2" a="1"/>
  <c r="D2182" i="2" s="1"/>
  <c r="D2175" i="2" a="1"/>
  <c r="D2175" i="2" s="1"/>
  <c r="F4221" i="2" a="1"/>
  <c r="F4221" i="2" s="1"/>
  <c r="G2742" i="2" a="1"/>
  <c r="G2742" i="2" s="1"/>
  <c r="E7611" i="2" a="1"/>
  <c r="E7611" i="2" s="1"/>
  <c r="E7600" i="2" a="1"/>
  <c r="E7600" i="2" s="1"/>
  <c r="AP227" i="1"/>
  <c r="F233" i="5" s="1"/>
  <c r="F8149" i="2" a="1"/>
  <c r="F8149" i="2" s="1"/>
  <c r="D5124" i="2" a="1"/>
  <c r="D5124" i="2" s="1"/>
  <c r="D5137" i="2" a="1"/>
  <c r="D5137" i="2" s="1"/>
  <c r="G5520" i="2" a="1"/>
  <c r="G5520" i="2" s="1"/>
  <c r="D2276" i="2" a="1"/>
  <c r="D2276" i="2" s="1"/>
  <c r="AM270" i="1"/>
  <c r="C276" i="5" s="1"/>
  <c r="E6496" i="2" a="1"/>
  <c r="E6496" i="2" s="1"/>
  <c r="E6508" i="2" a="1"/>
  <c r="E6508" i="2" s="1"/>
  <c r="D2647" i="2" a="1"/>
  <c r="D2647" i="2" s="1"/>
  <c r="AO110" i="1"/>
  <c r="D3118" i="2" a="1"/>
  <c r="D3118" i="2" s="1"/>
  <c r="G7468" i="2" a="1"/>
  <c r="G7468" i="2" s="1"/>
  <c r="G7466" i="2" a="1"/>
  <c r="G7466" i="2" s="1"/>
  <c r="E7964" i="2" a="1"/>
  <c r="E7964" i="2" s="1"/>
  <c r="D7389" i="2" a="1"/>
  <c r="D7389" i="2" s="1"/>
  <c r="E5629" i="2" a="1"/>
  <c r="E5629" i="2" s="1"/>
  <c r="AM340" i="1"/>
  <c r="C346" i="5" s="1"/>
  <c r="E4800" i="2" a="1"/>
  <c r="E4800" i="2" s="1"/>
  <c r="AP235" i="1"/>
  <c r="F241" i="5" s="1"/>
  <c r="D6601" i="2" a="1"/>
  <c r="D6601" i="2" s="1"/>
  <c r="G795" i="2" a="1"/>
  <c r="G795" i="2" s="1"/>
  <c r="F5005" i="2" a="1"/>
  <c r="F5005" i="2" s="1"/>
  <c r="E5784" i="2" a="1"/>
  <c r="E5784" i="2" s="1"/>
  <c r="D7287" i="2" a="1"/>
  <c r="D7287" i="2" s="1"/>
  <c r="AQ52" i="1"/>
  <c r="G58" i="5" s="1"/>
  <c r="E4264" i="2" a="1"/>
  <c r="E4264" i="2" s="1"/>
  <c r="AO5" i="1"/>
  <c r="E11" i="5" s="1"/>
  <c r="D4188" i="2" a="1"/>
  <c r="D4188" i="2" s="1"/>
  <c r="D3725" i="2" a="1"/>
  <c r="D3725" i="2" s="1"/>
  <c r="F5158" i="2" a="1"/>
  <c r="F5158" i="2" s="1"/>
  <c r="E4706" i="2" a="1"/>
  <c r="E4706" i="2" s="1"/>
  <c r="H3894" i="2" a="1"/>
  <c r="H3894" i="2" s="1"/>
  <c r="G1242" i="2" a="1"/>
  <c r="G1242" i="2" s="1"/>
  <c r="D6252" i="2" a="1"/>
  <c r="D6252" i="2" s="1"/>
  <c r="H3693" i="2" a="1"/>
  <c r="H3693" i="2" s="1"/>
  <c r="E1829" i="2" a="1"/>
  <c r="E1829" i="2" s="1"/>
  <c r="E1822" i="2" a="1"/>
  <c r="E1822" i="2" s="1"/>
  <c r="E1832" i="2" a="1"/>
  <c r="E1832" i="2" s="1"/>
  <c r="E1818" i="2" a="1"/>
  <c r="E1818" i="2" s="1"/>
  <c r="E1820" i="2" a="1"/>
  <c r="E1820" i="2" s="1"/>
  <c r="E1830" i="2" a="1"/>
  <c r="E1830" i="2" s="1"/>
  <c r="E1815" i="2" a="1"/>
  <c r="E1815" i="2" s="1"/>
  <c r="E1831" i="2" a="1"/>
  <c r="E1831" i="2" s="1"/>
  <c r="E1819" i="2" a="1"/>
  <c r="E1819" i="2" s="1"/>
  <c r="E1825" i="2" a="1"/>
  <c r="E1825" i="2" s="1"/>
  <c r="E1814" i="2" a="1"/>
  <c r="E1814" i="2" s="1"/>
  <c r="E1828" i="2" a="1"/>
  <c r="E1828" i="2" s="1"/>
  <c r="E1823" i="2" a="1"/>
  <c r="E1823" i="2" s="1"/>
  <c r="E1824" i="2" a="1"/>
  <c r="E1824" i="2" s="1"/>
  <c r="E1833" i="2" a="1"/>
  <c r="E1833" i="2" s="1"/>
  <c r="E1813" i="2" a="1"/>
  <c r="E1813" i="2" s="1"/>
  <c r="E1827" i="2" a="1"/>
  <c r="E1827" i="2" s="1"/>
  <c r="E1817" i="2" a="1"/>
  <c r="E1817" i="2" s="1"/>
  <c r="E1821" i="2" a="1"/>
  <c r="E1821" i="2" s="1"/>
  <c r="E1826" i="2" a="1"/>
  <c r="E1826" i="2" s="1"/>
  <c r="H6258" i="2" a="1"/>
  <c r="H6258" i="2" s="1"/>
  <c r="H6269" i="2" a="1"/>
  <c r="H6269" i="2" s="1"/>
  <c r="H6261" i="2" a="1"/>
  <c r="H6261" i="2" s="1"/>
  <c r="H6264" i="2" a="1"/>
  <c r="H6264" i="2" s="1"/>
  <c r="H6263" i="2" a="1"/>
  <c r="H6263" i="2" s="1"/>
  <c r="H6260" i="2" a="1"/>
  <c r="H6260" i="2" s="1"/>
  <c r="H6251" i="2" a="1"/>
  <c r="H6251" i="2" s="1"/>
  <c r="H6265" i="2" a="1"/>
  <c r="H6265" i="2" s="1"/>
  <c r="H6253" i="2" a="1"/>
  <c r="H6253" i="2" s="1"/>
  <c r="H6257" i="2" a="1"/>
  <c r="H6257" i="2" s="1"/>
  <c r="H6252" i="2" a="1"/>
  <c r="H6252" i="2" s="1"/>
  <c r="H6272" i="2" a="1"/>
  <c r="H6272" i="2" s="1"/>
  <c r="H6270" i="2" a="1"/>
  <c r="H6270" i="2" s="1"/>
  <c r="H6268" i="2" a="1"/>
  <c r="H6268" i="2" s="1"/>
  <c r="H6250" i="2" a="1"/>
  <c r="H6250" i="2" s="1"/>
  <c r="H6271" i="2" a="1"/>
  <c r="H6271" i="2" s="1"/>
  <c r="H6259" i="2" a="1"/>
  <c r="H6259" i="2" s="1"/>
  <c r="F6954" i="2" a="1"/>
  <c r="F6954" i="2" s="1"/>
  <c r="F6965" i="2" a="1"/>
  <c r="F6965" i="2" s="1"/>
  <c r="F6964" i="2" a="1"/>
  <c r="F6964" i="2" s="1"/>
  <c r="F6950" i="2" a="1"/>
  <c r="F6950" i="2" s="1"/>
  <c r="F6969" i="2" a="1"/>
  <c r="F6969" i="2" s="1"/>
  <c r="F6960" i="2" a="1"/>
  <c r="F6960" i="2" s="1"/>
  <c r="F6966" i="2" a="1"/>
  <c r="F6966" i="2" s="1"/>
  <c r="F6949" i="2" a="1"/>
  <c r="F6949" i="2" s="1"/>
  <c r="F6953" i="2" a="1"/>
  <c r="F6953" i="2" s="1"/>
  <c r="F6968" i="2" a="1"/>
  <c r="F6968" i="2" s="1"/>
  <c r="F6955" i="2" a="1"/>
  <c r="F6955" i="2" s="1"/>
  <c r="F6956" i="2" a="1"/>
  <c r="F6956" i="2" s="1"/>
  <c r="F6948" i="2" a="1"/>
  <c r="F6948" i="2" s="1"/>
  <c r="F6946" i="2" a="1"/>
  <c r="F6946" i="2" s="1"/>
  <c r="F6947" i="2" a="1"/>
  <c r="F6947" i="2" s="1"/>
  <c r="E878" i="2" a="1"/>
  <c r="E878" i="2" s="1"/>
  <c r="E893" i="2" a="1"/>
  <c r="E893" i="2" s="1"/>
  <c r="E882" i="2" a="1"/>
  <c r="E882" i="2" s="1"/>
  <c r="E891" i="2" a="1"/>
  <c r="E891" i="2" s="1"/>
  <c r="E883" i="2" a="1"/>
  <c r="E883" i="2" s="1"/>
  <c r="E885" i="2" a="1"/>
  <c r="E885" i="2" s="1"/>
  <c r="E897" i="2" a="1"/>
  <c r="E897" i="2" s="1"/>
  <c r="E889" i="2" a="1"/>
  <c r="E889" i="2" s="1"/>
  <c r="E880" i="2" a="1"/>
  <c r="E880" i="2" s="1"/>
  <c r="E876" i="2" a="1"/>
  <c r="E876" i="2" s="1"/>
  <c r="E875" i="2" a="1"/>
  <c r="E875" i="2" s="1"/>
  <c r="E879" i="2" a="1"/>
  <c r="E879" i="2" s="1"/>
  <c r="E881" i="2" a="1"/>
  <c r="E881" i="2" s="1"/>
  <c r="F8276" i="2" a="1"/>
  <c r="F8276" i="2" s="1"/>
  <c r="F8280" i="2" a="1"/>
  <c r="F8280" i="2" s="1"/>
  <c r="F8289" i="2" a="1"/>
  <c r="F8289" i="2" s="1"/>
  <c r="F8274" i="2" a="1"/>
  <c r="F8274" i="2" s="1"/>
  <c r="F8270" i="2" a="1"/>
  <c r="F8270" i="2" s="1"/>
  <c r="F8287" i="2" a="1"/>
  <c r="F8287" i="2" s="1"/>
  <c r="F8282" i="2" a="1"/>
  <c r="F8282" i="2" s="1"/>
  <c r="F8275" i="2" a="1"/>
  <c r="F8275" i="2" s="1"/>
  <c r="F8272" i="2" a="1"/>
  <c r="F8272" i="2" s="1"/>
  <c r="F8267" i="2" a="1"/>
  <c r="F8267" i="2" s="1"/>
  <c r="F8271" i="2" a="1"/>
  <c r="F8271" i="2" s="1"/>
  <c r="F8268" i="2" a="1"/>
  <c r="F8268" i="2" s="1"/>
  <c r="F8266" i="2" a="1"/>
  <c r="F8266" i="2" s="1"/>
  <c r="F8278" i="2" a="1"/>
  <c r="F8278" i="2" s="1"/>
  <c r="AN345" i="1"/>
  <c r="D351" i="5" s="1"/>
  <c r="H7499" i="2" a="1"/>
  <c r="H7499" i="2" s="1"/>
  <c r="H7498" i="2" a="1"/>
  <c r="H7498" i="2" s="1"/>
  <c r="H7510" i="2" a="1"/>
  <c r="H7510" i="2" s="1"/>
  <c r="H7514" i="2" a="1"/>
  <c r="H7514" i="2" s="1"/>
  <c r="H7519" i="2" a="1"/>
  <c r="H7519" i="2" s="1"/>
  <c r="H7505" i="2" a="1"/>
  <c r="H7505" i="2" s="1"/>
  <c r="H7520" i="2" a="1"/>
  <c r="H7520" i="2" s="1"/>
  <c r="H7521" i="2" a="1"/>
  <c r="H7521" i="2" s="1"/>
  <c r="H7504" i="2" a="1"/>
  <c r="H7504" i="2" s="1"/>
  <c r="H7501" i="2" a="1"/>
  <c r="H7501" i="2" s="1"/>
  <c r="H7515" i="2" a="1"/>
  <c r="H7515" i="2" s="1"/>
  <c r="H7500" i="2" a="1"/>
  <c r="H7500" i="2" s="1"/>
  <c r="H7507" i="2" a="1"/>
  <c r="H7507" i="2" s="1"/>
  <c r="H7512" i="2" a="1"/>
  <c r="H7512" i="2" s="1"/>
  <c r="H7518" i="2" a="1"/>
  <c r="H7518" i="2" s="1"/>
  <c r="H7506" i="2" a="1"/>
  <c r="H7506" i="2" s="1"/>
  <c r="H7503" i="2" a="1"/>
  <c r="H7503" i="2" s="1"/>
  <c r="H7517" i="2" a="1"/>
  <c r="H7517" i="2" s="1"/>
  <c r="H7513" i="2" a="1"/>
  <c r="H7513" i="2" s="1"/>
  <c r="H7511" i="2" a="1"/>
  <c r="H7511" i="2" s="1"/>
  <c r="H7509" i="2" a="1"/>
  <c r="H7509" i="2" s="1"/>
  <c r="F727" i="2" a="1"/>
  <c r="F727" i="2" s="1"/>
  <c r="D3550" i="2" a="1"/>
  <c r="D3550" i="2" s="1"/>
  <c r="E6679" i="2" a="1"/>
  <c r="E6679" i="2" s="1"/>
  <c r="D2173" i="2" a="1"/>
  <c r="D2173" i="2" s="1"/>
  <c r="F4220" i="2" a="1"/>
  <c r="F4220" i="2" s="1"/>
  <c r="G2724" i="2" a="1"/>
  <c r="G2724" i="2" s="1"/>
  <c r="E7601" i="2" a="1"/>
  <c r="E7601" i="2" s="1"/>
  <c r="E7614" i="2" a="1"/>
  <c r="E7614" i="2" s="1"/>
  <c r="F8161" i="2" a="1"/>
  <c r="F8161" i="2" s="1"/>
  <c r="D5145" i="2" a="1"/>
  <c r="D5145" i="2" s="1"/>
  <c r="AN214" i="1"/>
  <c r="D220" i="5" s="1"/>
  <c r="G5522" i="2" a="1"/>
  <c r="G5522" i="2" s="1"/>
  <c r="D2282" i="2" a="1"/>
  <c r="D2282" i="2" s="1"/>
  <c r="AN270" i="1"/>
  <c r="E6506" i="2" a="1"/>
  <c r="E6506" i="2" s="1"/>
  <c r="D2636" i="2" a="1"/>
  <c r="D2636" i="2" s="1"/>
  <c r="D3127" i="2" a="1"/>
  <c r="D3127" i="2" s="1"/>
  <c r="D3116" i="2" a="1"/>
  <c r="D3116" i="2" s="1"/>
  <c r="G7465" i="2" a="1"/>
  <c r="G7465" i="2" s="1"/>
  <c r="G7450" i="2" a="1"/>
  <c r="G7450" i="2" s="1"/>
  <c r="E7973" i="2" a="1"/>
  <c r="E7973" i="2" s="1"/>
  <c r="D7388" i="2" a="1"/>
  <c r="D7388" i="2" s="1"/>
  <c r="E5636" i="2" a="1"/>
  <c r="E5636" i="2" s="1"/>
  <c r="AQ340" i="1"/>
  <c r="G346" i="5" s="1"/>
  <c r="E4799" i="2" a="1"/>
  <c r="E4799" i="2" s="1"/>
  <c r="E115" i="2" a="1"/>
  <c r="E115" i="2" s="1"/>
  <c r="E5787" i="2" a="1"/>
  <c r="E5787" i="2" s="1"/>
  <c r="D7305" i="2" a="1"/>
  <c r="D7305" i="2" s="1"/>
  <c r="E4280" i="2" a="1"/>
  <c r="E4280" i="2" s="1"/>
  <c r="AQ5" i="1"/>
  <c r="G11" i="5" s="1"/>
  <c r="H5208" i="2" a="1"/>
  <c r="H5208" i="2" s="1"/>
  <c r="E4694" i="2" a="1"/>
  <c r="E4694" i="2" s="1"/>
  <c r="H3897" i="2" a="1"/>
  <c r="H3897" i="2" s="1"/>
  <c r="G1235" i="2" a="1"/>
  <c r="G1235" i="2" s="1"/>
  <c r="H3685" i="2" a="1"/>
  <c r="H3685" i="2" s="1"/>
  <c r="G6935" i="2" a="1"/>
  <c r="G6935" i="2" s="1"/>
  <c r="G6929" i="2" a="1"/>
  <c r="G6929" i="2" s="1"/>
  <c r="AN289" i="1"/>
  <c r="G6936" i="2" a="1"/>
  <c r="G6936" i="2" s="1"/>
  <c r="AM289" i="1"/>
  <c r="C295" i="5" s="1"/>
  <c r="G6943" i="2" a="1"/>
  <c r="G6943" i="2" s="1"/>
  <c r="G6922" i="2" a="1"/>
  <c r="G6922" i="2" s="1"/>
  <c r="G6923" i="2" a="1"/>
  <c r="G6923" i="2" s="1"/>
  <c r="G6937" i="2" a="1"/>
  <c r="G6937" i="2" s="1"/>
  <c r="G6945" i="2" a="1"/>
  <c r="G6945" i="2" s="1"/>
  <c r="G6928" i="2" a="1"/>
  <c r="G6928" i="2" s="1"/>
  <c r="G6938" i="2" a="1"/>
  <c r="G6938" i="2" s="1"/>
  <c r="G6932" i="2" a="1"/>
  <c r="G6932" i="2" s="1"/>
  <c r="D6579" i="2" a="1"/>
  <c r="D6579" i="2" s="1"/>
  <c r="D6565" i="2" a="1"/>
  <c r="D6565" i="2" s="1"/>
  <c r="D6566" i="2" a="1"/>
  <c r="D6566" i="2" s="1"/>
  <c r="D6573" i="2" a="1"/>
  <c r="D6573" i="2" s="1"/>
  <c r="D6577" i="2" a="1"/>
  <c r="D6577" i="2" s="1"/>
  <c r="D6568" i="2" a="1"/>
  <c r="D6568" i="2" s="1"/>
  <c r="D6582" i="2" a="1"/>
  <c r="D6582" i="2" s="1"/>
  <c r="D6570" i="2" a="1"/>
  <c r="D6570" i="2" s="1"/>
  <c r="D6578" i="2" a="1"/>
  <c r="D6578" i="2" s="1"/>
  <c r="D6584" i="2" a="1"/>
  <c r="D6584" i="2" s="1"/>
  <c r="D6571" i="2" a="1"/>
  <c r="D6571" i="2" s="1"/>
  <c r="D6563" i="2" a="1"/>
  <c r="D6563" i="2" s="1"/>
  <c r="D6572" i="2" a="1"/>
  <c r="D6572" i="2" s="1"/>
  <c r="D6585" i="2" a="1"/>
  <c r="D6585" i="2" s="1"/>
  <c r="D6575" i="2" a="1"/>
  <c r="D6575" i="2" s="1"/>
  <c r="D6580" i="2" a="1"/>
  <c r="D6580" i="2" s="1"/>
  <c r="D6569" i="2" a="1"/>
  <c r="D6569" i="2" s="1"/>
  <c r="D6576" i="2" a="1"/>
  <c r="D6576" i="2" s="1"/>
  <c r="D6581" i="2" a="1"/>
  <c r="D6581" i="2" s="1"/>
  <c r="D6564" i="2" a="1"/>
  <c r="D6564" i="2" s="1"/>
  <c r="D6567" i="2" a="1"/>
  <c r="D6567" i="2" s="1"/>
  <c r="D6574" i="2" a="1"/>
  <c r="D6574" i="2" s="1"/>
  <c r="E1408" i="2" a="1"/>
  <c r="E1408" i="2" s="1"/>
  <c r="E1402" i="2" a="1"/>
  <c r="E1402" i="2" s="1"/>
  <c r="E1418" i="2" a="1"/>
  <c r="E1418" i="2" s="1"/>
  <c r="E1416" i="2" a="1"/>
  <c r="E1416" i="2" s="1"/>
  <c r="E1409" i="2" a="1"/>
  <c r="E1409" i="2" s="1"/>
  <c r="E1425" i="2" a="1"/>
  <c r="E1425" i="2" s="1"/>
  <c r="E1422" i="2" a="1"/>
  <c r="E1422" i="2" s="1"/>
  <c r="E1403" i="2" a="1"/>
  <c r="E1403" i="2" s="1"/>
  <c r="E1414" i="2" a="1"/>
  <c r="E1414" i="2" s="1"/>
  <c r="E1413" i="2" a="1"/>
  <c r="E1413" i="2" s="1"/>
  <c r="E1406" i="2" a="1"/>
  <c r="E1406" i="2" s="1"/>
  <c r="E1410" i="2" a="1"/>
  <c r="E1410" i="2" s="1"/>
  <c r="E1417" i="2" a="1"/>
  <c r="E1417" i="2" s="1"/>
  <c r="E1423" i="2" a="1"/>
  <c r="E1423" i="2" s="1"/>
  <c r="E1404" i="2" a="1"/>
  <c r="E1404" i="2" s="1"/>
  <c r="E1405" i="2" a="1"/>
  <c r="E1405" i="2" s="1"/>
  <c r="E1411" i="2" a="1"/>
  <c r="E1411" i="2" s="1"/>
  <c r="E1415" i="2" a="1"/>
  <c r="E1415" i="2" s="1"/>
  <c r="E1424" i="2" a="1"/>
  <c r="E1424" i="2" s="1"/>
  <c r="E1420" i="2" a="1"/>
  <c r="E1420" i="2" s="1"/>
  <c r="D7120" i="2" a="1"/>
  <c r="D7120" i="2" s="1"/>
  <c r="D7126" i="2" a="1"/>
  <c r="D7126" i="2" s="1"/>
  <c r="D7131" i="2" a="1"/>
  <c r="D7131" i="2" s="1"/>
  <c r="D7117" i="2" a="1"/>
  <c r="D7117" i="2" s="1"/>
  <c r="D7115" i="2" a="1"/>
  <c r="D7115" i="2" s="1"/>
  <c r="D7123" i="2" a="1"/>
  <c r="D7123" i="2" s="1"/>
  <c r="D7122" i="2" a="1"/>
  <c r="D7122" i="2" s="1"/>
  <c r="D7133" i="2" a="1"/>
  <c r="D7133" i="2" s="1"/>
  <c r="AN297" i="1"/>
  <c r="D303" i="5" s="1"/>
  <c r="D7125" i="2" a="1"/>
  <c r="D7125" i="2" s="1"/>
  <c r="AO297" i="1"/>
  <c r="D7127" i="2" a="1"/>
  <c r="D7127" i="2" s="1"/>
  <c r="H6335" i="2" a="1"/>
  <c r="H6335" i="2" s="1"/>
  <c r="H6328" i="2" a="1"/>
  <c r="H6328" i="2" s="1"/>
  <c r="D4711" i="2" a="1"/>
  <c r="D4711" i="2" s="1"/>
  <c r="D4692" i="2" a="1"/>
  <c r="D4692" i="2" s="1"/>
  <c r="D4694" i="2" a="1"/>
  <c r="D4694" i="2" s="1"/>
  <c r="D4712" i="2" a="1"/>
  <c r="D4712" i="2" s="1"/>
  <c r="D4708" i="2" a="1"/>
  <c r="D4708" i="2" s="1"/>
  <c r="D4690" i="2" a="1"/>
  <c r="D4690" i="2" s="1"/>
  <c r="D4696" i="2" a="1"/>
  <c r="D4696" i="2" s="1"/>
  <c r="D4700" i="2" a="1"/>
  <c r="D4700" i="2" s="1"/>
  <c r="D4697" i="2" a="1"/>
  <c r="D4697" i="2" s="1"/>
  <c r="D4704" i="2" a="1"/>
  <c r="D4704" i="2" s="1"/>
  <c r="D4701" i="2" a="1"/>
  <c r="D4701" i="2" s="1"/>
  <c r="D4702" i="2" a="1"/>
  <c r="D4702" i="2" s="1"/>
  <c r="D4699" i="2" a="1"/>
  <c r="D4699" i="2" s="1"/>
  <c r="D4713" i="2" a="1"/>
  <c r="D4713" i="2" s="1"/>
  <c r="D4710" i="2" a="1"/>
  <c r="D4710" i="2" s="1"/>
  <c r="D4691" i="2" a="1"/>
  <c r="D4691" i="2" s="1"/>
  <c r="D4709" i="2" a="1"/>
  <c r="D4709" i="2" s="1"/>
  <c r="D4693" i="2" a="1"/>
  <c r="D4693" i="2" s="1"/>
  <c r="D4695" i="2" a="1"/>
  <c r="D4695" i="2" s="1"/>
  <c r="D4706" i="2" a="1"/>
  <c r="D4706" i="2" s="1"/>
  <c r="D4703" i="2" a="1"/>
  <c r="D4703" i="2" s="1"/>
  <c r="D4707" i="2" a="1"/>
  <c r="D4707" i="2" s="1"/>
  <c r="H2267" i="2" a="1"/>
  <c r="H2267" i="2" s="1"/>
  <c r="H2278" i="2" a="1"/>
  <c r="H2278" i="2" s="1"/>
  <c r="H2286" i="2" a="1"/>
  <c r="H2286" i="2" s="1"/>
  <c r="H2281" i="2" a="1"/>
  <c r="H2281" i="2" s="1"/>
  <c r="H2273" i="2" a="1"/>
  <c r="H2273" i="2" s="1"/>
  <c r="H2271" i="2" a="1"/>
  <c r="H2271" i="2" s="1"/>
  <c r="H2269" i="2" a="1"/>
  <c r="H2269" i="2" s="1"/>
  <c r="H2287" i="2" a="1"/>
  <c r="H2287" i="2" s="1"/>
  <c r="H2270" i="2" a="1"/>
  <c r="H2270" i="2" s="1"/>
  <c r="H2276" i="2" a="1"/>
  <c r="H2276" i="2" s="1"/>
  <c r="H2277" i="2" a="1"/>
  <c r="H2277" i="2" s="1"/>
  <c r="H2288" i="2" a="1"/>
  <c r="H2288" i="2" s="1"/>
  <c r="H2289" i="2" a="1"/>
  <c r="H2289" i="2" s="1"/>
  <c r="H2284" i="2" a="1"/>
  <c r="H2284" i="2" s="1"/>
  <c r="E7477" i="2" a="1"/>
  <c r="E7477" i="2" s="1"/>
  <c r="E7483" i="2" a="1"/>
  <c r="E7483" i="2" s="1"/>
  <c r="E7490" i="2" a="1"/>
  <c r="E7490" i="2" s="1"/>
  <c r="E7496" i="2" a="1"/>
  <c r="E7496" i="2" s="1"/>
  <c r="E7474" i="2" a="1"/>
  <c r="E7474" i="2" s="1"/>
  <c r="E7485" i="2" a="1"/>
  <c r="E7485" i="2" s="1"/>
  <c r="E7479" i="2" a="1"/>
  <c r="E7479" i="2" s="1"/>
  <c r="E7480" i="2" a="1"/>
  <c r="E7480" i="2" s="1"/>
  <c r="E7489" i="2" a="1"/>
  <c r="E7489" i="2" s="1"/>
  <c r="E7495" i="2" a="1"/>
  <c r="E7495" i="2" s="1"/>
  <c r="E7487" i="2" a="1"/>
  <c r="E7487" i="2" s="1"/>
  <c r="E7484" i="2" a="1"/>
  <c r="E7484" i="2" s="1"/>
  <c r="H679" i="2" a="1"/>
  <c r="H679" i="2" s="1"/>
  <c r="H678" i="2" a="1"/>
  <c r="H678" i="2" s="1"/>
  <c r="H680" i="2" a="1"/>
  <c r="H680" i="2" s="1"/>
  <c r="H674" i="2" a="1"/>
  <c r="H674" i="2" s="1"/>
  <c r="H662" i="2" a="1"/>
  <c r="H662" i="2" s="1"/>
  <c r="H675" i="2" a="1"/>
  <c r="H675" i="2" s="1"/>
  <c r="H664" i="2" a="1"/>
  <c r="H664" i="2" s="1"/>
  <c r="H661" i="2" a="1"/>
  <c r="H661" i="2" s="1"/>
  <c r="H681" i="2" a="1"/>
  <c r="H681" i="2" s="1"/>
  <c r="H673" i="2" a="1"/>
  <c r="H673" i="2" s="1"/>
  <c r="H667" i="2" a="1"/>
  <c r="H667" i="2" s="1"/>
  <c r="H660" i="2" a="1"/>
  <c r="H660" i="2" s="1"/>
  <c r="H670" i="2" a="1"/>
  <c r="H670" i="2" s="1"/>
  <c r="H677" i="2" a="1"/>
  <c r="H677" i="2" s="1"/>
  <c r="H663" i="2" a="1"/>
  <c r="H663" i="2" s="1"/>
  <c r="H671" i="2" a="1"/>
  <c r="H671" i="2" s="1"/>
  <c r="H665" i="2" a="1"/>
  <c r="H665" i="2" s="1"/>
  <c r="H659" i="2" a="1"/>
  <c r="H659" i="2" s="1"/>
  <c r="H666" i="2" a="1"/>
  <c r="H666" i="2" s="1"/>
  <c r="H676" i="2" a="1"/>
  <c r="H676" i="2" s="1"/>
  <c r="H672" i="2" a="1"/>
  <c r="H672" i="2" s="1"/>
  <c r="H658" i="2" a="1"/>
  <c r="H658" i="2" s="1"/>
  <c r="F7619" i="2" a="1"/>
  <c r="F7619" i="2" s="1"/>
  <c r="F7636" i="2" a="1"/>
  <c r="F7636" i="2" s="1"/>
  <c r="F7632" i="2" a="1"/>
  <c r="F7632" i="2" s="1"/>
  <c r="F7626" i="2" a="1"/>
  <c r="F7626" i="2" s="1"/>
  <c r="F7641" i="2" a="1"/>
  <c r="F7641" i="2" s="1"/>
  <c r="F7625" i="2" a="1"/>
  <c r="F7625" i="2" s="1"/>
  <c r="F7633" i="2" a="1"/>
  <c r="F7633" i="2" s="1"/>
  <c r="F7635" i="2" a="1"/>
  <c r="F7635" i="2" s="1"/>
  <c r="F7637" i="2" a="1"/>
  <c r="F7637" i="2" s="1"/>
  <c r="F7638" i="2" a="1"/>
  <c r="F7638" i="2" s="1"/>
  <c r="F7620" i="2" a="1"/>
  <c r="F7620" i="2" s="1"/>
  <c r="F7627" i="2" a="1"/>
  <c r="F7627" i="2" s="1"/>
  <c r="F7622" i="2" a="1"/>
  <c r="F7622" i="2" s="1"/>
  <c r="F7628" i="2" a="1"/>
  <c r="F7628" i="2" s="1"/>
  <c r="F7624" i="2" a="1"/>
  <c r="F7624" i="2" s="1"/>
  <c r="F7634" i="2" a="1"/>
  <c r="F7634" i="2" s="1"/>
  <c r="F7639" i="2" a="1"/>
  <c r="F7639" i="2" s="1"/>
  <c r="F7631" i="2" a="1"/>
  <c r="F7631" i="2" s="1"/>
  <c r="F7621" i="2" a="1"/>
  <c r="F7621" i="2" s="1"/>
  <c r="F7630" i="2" a="1"/>
  <c r="F7630" i="2" s="1"/>
  <c r="F7640" i="2" a="1"/>
  <c r="F7640" i="2" s="1"/>
  <c r="F7629" i="2" a="1"/>
  <c r="F7629" i="2" s="1"/>
  <c r="F901" i="2" a="1"/>
  <c r="F901" i="2" s="1"/>
  <c r="F918" i="2" a="1"/>
  <c r="F918" i="2" s="1"/>
  <c r="F905" i="2" a="1"/>
  <c r="F905" i="2" s="1"/>
  <c r="F910" i="2" a="1"/>
  <c r="F910" i="2" s="1"/>
  <c r="F904" i="2" a="1"/>
  <c r="F904" i="2" s="1"/>
  <c r="F908" i="2" a="1"/>
  <c r="F908" i="2" s="1"/>
  <c r="F902" i="2" a="1"/>
  <c r="F902" i="2" s="1"/>
  <c r="F911" i="2" a="1"/>
  <c r="F911" i="2" s="1"/>
  <c r="F900" i="2" a="1"/>
  <c r="F900" i="2" s="1"/>
  <c r="F916" i="2" a="1"/>
  <c r="F916" i="2" s="1"/>
  <c r="F705" i="2" a="1"/>
  <c r="F705" i="2" s="1"/>
  <c r="F697" i="2" a="1"/>
  <c r="F697" i="2" s="1"/>
  <c r="F699" i="2" a="1"/>
  <c r="F699" i="2" s="1"/>
  <c r="F688" i="2" a="1"/>
  <c r="F688" i="2" s="1"/>
  <c r="F686" i="2" a="1"/>
  <c r="F686" i="2" s="1"/>
  <c r="F693" i="2" a="1"/>
  <c r="F693" i="2" s="1"/>
  <c r="F694" i="2" a="1"/>
  <c r="F694" i="2" s="1"/>
  <c r="F695" i="2" a="1"/>
  <c r="F695" i="2" s="1"/>
  <c r="F703" i="2" a="1"/>
  <c r="F703" i="2" s="1"/>
  <c r="F684" i="2" a="1"/>
  <c r="F684" i="2" s="1"/>
  <c r="F687" i="2" a="1"/>
  <c r="F687" i="2" s="1"/>
  <c r="F701" i="2" a="1"/>
  <c r="F701" i="2" s="1"/>
  <c r="F704" i="2" a="1"/>
  <c r="F704" i="2" s="1"/>
  <c r="F689" i="2" a="1"/>
  <c r="F689" i="2" s="1"/>
  <c r="F696" i="2" a="1"/>
  <c r="F696" i="2" s="1"/>
  <c r="F685" i="2" a="1"/>
  <c r="F685" i="2" s="1"/>
  <c r="F690" i="2" a="1"/>
  <c r="F690" i="2" s="1"/>
  <c r="F698" i="2" a="1"/>
  <c r="F698" i="2" s="1"/>
  <c r="F682" i="2" a="1"/>
  <c r="F682" i="2" s="1"/>
  <c r="H8485" i="2" a="1"/>
  <c r="H8485" i="2" s="1"/>
  <c r="H8501" i="2" a="1"/>
  <c r="H8501" i="2" s="1"/>
  <c r="H8503" i="2" a="1"/>
  <c r="H8503" i="2" s="1"/>
  <c r="H8489" i="2" a="1"/>
  <c r="H8489" i="2" s="1"/>
  <c r="H8502" i="2" a="1"/>
  <c r="H8502" i="2" s="1"/>
  <c r="H8490" i="2" a="1"/>
  <c r="H8490" i="2" s="1"/>
  <c r="H8491" i="2" a="1"/>
  <c r="H8491" i="2" s="1"/>
  <c r="H8495" i="2" a="1"/>
  <c r="H8495" i="2" s="1"/>
  <c r="H8486" i="2" a="1"/>
  <c r="H8486" i="2" s="1"/>
  <c r="F2863" i="2" a="1"/>
  <c r="F2863" i="2" s="1"/>
  <c r="F2846" i="2" a="1"/>
  <c r="F2846" i="2" s="1"/>
  <c r="F2849" i="2" a="1"/>
  <c r="F2849" i="2" s="1"/>
  <c r="F2862" i="2" a="1"/>
  <c r="F2862" i="2" s="1"/>
  <c r="F2865" i="2" a="1"/>
  <c r="F2865" i="2" s="1"/>
  <c r="F2845" i="2" a="1"/>
  <c r="F2845" i="2" s="1"/>
  <c r="F2852" i="2" a="1"/>
  <c r="F2852" i="2" s="1"/>
  <c r="F2854" i="2" a="1"/>
  <c r="F2854" i="2" s="1"/>
  <c r="F2844" i="2" a="1"/>
  <c r="F2844" i="2" s="1"/>
  <c r="F2864" i="2" a="1"/>
  <c r="F2864" i="2" s="1"/>
  <c r="F2855" i="2" a="1"/>
  <c r="F2855" i="2" s="1"/>
  <c r="F2842" i="2" a="1"/>
  <c r="F2842" i="2" s="1"/>
  <c r="F2847" i="2" a="1"/>
  <c r="F2847" i="2" s="1"/>
  <c r="F2860" i="2" a="1"/>
  <c r="F2860" i="2" s="1"/>
  <c r="F2856" i="2" a="1"/>
  <c r="F2856" i="2" s="1"/>
  <c r="F2857" i="2" a="1"/>
  <c r="F2857" i="2" s="1"/>
  <c r="F2843" i="2" a="1"/>
  <c r="F2843" i="2" s="1"/>
  <c r="F2859" i="2" a="1"/>
  <c r="F2859" i="2" s="1"/>
  <c r="F2861" i="2" a="1"/>
  <c r="F2861" i="2" s="1"/>
  <c r="F2858" i="2" a="1"/>
  <c r="F2858" i="2" s="1"/>
  <c r="F4752" i="2" a="1"/>
  <c r="F4752" i="2" s="1"/>
  <c r="F4760" i="2" a="1"/>
  <c r="F4760" i="2" s="1"/>
  <c r="F4748" i="2" a="1"/>
  <c r="F4748" i="2" s="1"/>
  <c r="F4744" i="2" a="1"/>
  <c r="F4744" i="2" s="1"/>
  <c r="F4749" i="2" a="1"/>
  <c r="F4749" i="2" s="1"/>
  <c r="F4750" i="2" a="1"/>
  <c r="F4750" i="2" s="1"/>
  <c r="F4739" i="2" a="1"/>
  <c r="F4739" i="2" s="1"/>
  <c r="F4759" i="2" a="1"/>
  <c r="F4759" i="2" s="1"/>
  <c r="F4756" i="2" a="1"/>
  <c r="F4756" i="2" s="1"/>
  <c r="F4753" i="2" a="1"/>
  <c r="F4753" i="2" s="1"/>
  <c r="F4740" i="2" a="1"/>
  <c r="F4740" i="2" s="1"/>
  <c r="F4754" i="2" a="1"/>
  <c r="F4754" i="2" s="1"/>
  <c r="F4755" i="2" a="1"/>
  <c r="F4755" i="2" s="1"/>
  <c r="F4751" i="2" a="1"/>
  <c r="F4751" i="2" s="1"/>
  <c r="F4758" i="2" a="1"/>
  <c r="F4758" i="2" s="1"/>
  <c r="F4746" i="2" a="1"/>
  <c r="F4746" i="2" s="1"/>
  <c r="F4738" i="2" a="1"/>
  <c r="F4738" i="2" s="1"/>
  <c r="F4745" i="2" a="1"/>
  <c r="F4745" i="2" s="1"/>
  <c r="F4761" i="2" a="1"/>
  <c r="F4761" i="2" s="1"/>
  <c r="G7129" i="2" a="1"/>
  <c r="G7129" i="2" s="1"/>
  <c r="G7135" i="2" a="1"/>
  <c r="G7135" i="2" s="1"/>
  <c r="G7123" i="2" a="1"/>
  <c r="G7123" i="2" s="1"/>
  <c r="G7137" i="2" a="1"/>
  <c r="G7137" i="2" s="1"/>
  <c r="G7120" i="2" a="1"/>
  <c r="G7120" i="2" s="1"/>
  <c r="G7127" i="2" a="1"/>
  <c r="G7127" i="2" s="1"/>
  <c r="G7114" i="2" a="1"/>
  <c r="G7114" i="2" s="1"/>
  <c r="G7130" i="2" a="1"/>
  <c r="G7130" i="2" s="1"/>
  <c r="G7126" i="2" a="1"/>
  <c r="G7126" i="2" s="1"/>
  <c r="G7131" i="2" a="1"/>
  <c r="G7131" i="2" s="1"/>
  <c r="G7124" i="2" a="1"/>
  <c r="G7124" i="2" s="1"/>
  <c r="G7132" i="2" a="1"/>
  <c r="G7132" i="2" s="1"/>
  <c r="G7128" i="2" a="1"/>
  <c r="G7128" i="2" s="1"/>
  <c r="G7116" i="2" a="1"/>
  <c r="G7116" i="2" s="1"/>
  <c r="G7122" i="2" a="1"/>
  <c r="G7122" i="2" s="1"/>
  <c r="G7125" i="2" a="1"/>
  <c r="G7125" i="2" s="1"/>
  <c r="G7118" i="2" a="1"/>
  <c r="G7118" i="2" s="1"/>
  <c r="G7136" i="2" a="1"/>
  <c r="G7136" i="2" s="1"/>
  <c r="G7133" i="2" a="1"/>
  <c r="G7133" i="2" s="1"/>
  <c r="G7119" i="2" a="1"/>
  <c r="G7119" i="2" s="1"/>
  <c r="G7117" i="2" a="1"/>
  <c r="G7117" i="2" s="1"/>
  <c r="G7121" i="2" a="1"/>
  <c r="G7121" i="2" s="1"/>
  <c r="G7134" i="2" a="1"/>
  <c r="G7134" i="2" s="1"/>
  <c r="G7115" i="2" a="1"/>
  <c r="G7115" i="2" s="1"/>
  <c r="F6533" i="2" a="1"/>
  <c r="F6533" i="2" s="1"/>
  <c r="F6536" i="2" a="1"/>
  <c r="F6536" i="2" s="1"/>
  <c r="F6527" i="2" a="1"/>
  <c r="F6527" i="2" s="1"/>
  <c r="F6518" i="2" a="1"/>
  <c r="F6518" i="2" s="1"/>
  <c r="F6521" i="2" a="1"/>
  <c r="F6521" i="2" s="1"/>
  <c r="E3459" i="2" a="1"/>
  <c r="E3459" i="2" s="1"/>
  <c r="E3464" i="2" a="1"/>
  <c r="E3464" i="2" s="1"/>
  <c r="E3453" i="2" a="1"/>
  <c r="E3453" i="2" s="1"/>
  <c r="E3454" i="2" a="1"/>
  <c r="E3454" i="2" s="1"/>
  <c r="E3465" i="2" a="1"/>
  <c r="E3465" i="2" s="1"/>
  <c r="E3446" i="2" a="1"/>
  <c r="E3446" i="2" s="1"/>
  <c r="E3448" i="2" a="1"/>
  <c r="E3448" i="2" s="1"/>
  <c r="E3444" i="2" a="1"/>
  <c r="E3444" i="2" s="1"/>
  <c r="E3458" i="2" a="1"/>
  <c r="E3458" i="2" s="1"/>
  <c r="E3442" i="2" a="1"/>
  <c r="E3442" i="2" s="1"/>
  <c r="E3445" i="2" a="1"/>
  <c r="E3445" i="2" s="1"/>
  <c r="E3455" i="2" a="1"/>
  <c r="E3455" i="2" s="1"/>
  <c r="E3456" i="2" a="1"/>
  <c r="E3456" i="2" s="1"/>
  <c r="E3457" i="2" a="1"/>
  <c r="E3457" i="2" s="1"/>
  <c r="E3447" i="2" a="1"/>
  <c r="E3447" i="2" s="1"/>
  <c r="E3449" i="2" a="1"/>
  <c r="E3449" i="2" s="1"/>
  <c r="E3452" i="2" a="1"/>
  <c r="E3452" i="2" s="1"/>
  <c r="E3463" i="2" a="1"/>
  <c r="E3463" i="2" s="1"/>
  <c r="E3450" i="2" a="1"/>
  <c r="E3450" i="2" s="1"/>
  <c r="E3443" i="2" a="1"/>
  <c r="E3443" i="2" s="1"/>
  <c r="E3462" i="2" a="1"/>
  <c r="E3462" i="2" s="1"/>
  <c r="G2686" i="2" a="1"/>
  <c r="G2686" i="2" s="1"/>
  <c r="G2685" i="2" a="1"/>
  <c r="G2685" i="2" s="1"/>
  <c r="G2682" i="2" a="1"/>
  <c r="G2682" i="2" s="1"/>
  <c r="G2684" i="2" a="1"/>
  <c r="G2684" i="2" s="1"/>
  <c r="G2691" i="2" a="1"/>
  <c r="G2691" i="2" s="1"/>
  <c r="G2688" i="2" a="1"/>
  <c r="G2688" i="2" s="1"/>
  <c r="G2680" i="2" a="1"/>
  <c r="G2680" i="2" s="1"/>
  <c r="G2694" i="2" a="1"/>
  <c r="G2694" i="2" s="1"/>
  <c r="G2674" i="2" a="1"/>
  <c r="G2674" i="2" s="1"/>
  <c r="G2679" i="2" a="1"/>
  <c r="G2679" i="2" s="1"/>
  <c r="G2687" i="2" a="1"/>
  <c r="G2687" i="2" s="1"/>
  <c r="G2692" i="2" a="1"/>
  <c r="G2692" i="2" s="1"/>
  <c r="G2690" i="2" a="1"/>
  <c r="G2690" i="2" s="1"/>
  <c r="G2676" i="2" a="1"/>
  <c r="G2676" i="2" s="1"/>
  <c r="G2697" i="2" a="1"/>
  <c r="G2697" i="2" s="1"/>
  <c r="G2689" i="2" a="1"/>
  <c r="G2689" i="2" s="1"/>
  <c r="G2675" i="2" a="1"/>
  <c r="G2675" i="2" s="1"/>
  <c r="G2693" i="2" a="1"/>
  <c r="G2693" i="2" s="1"/>
  <c r="G2683" i="2" a="1"/>
  <c r="G2683" i="2" s="1"/>
  <c r="G2677" i="2" a="1"/>
  <c r="G2677" i="2" s="1"/>
  <c r="G2678" i="2" a="1"/>
  <c r="G2678" i="2" s="1"/>
  <c r="G2695" i="2" a="1"/>
  <c r="G2695" i="2" s="1"/>
  <c r="G2681" i="2" a="1"/>
  <c r="G2681" i="2" s="1"/>
  <c r="G2696" i="2" a="1"/>
  <c r="G2696" i="2" s="1"/>
  <c r="G8278" i="2" a="1"/>
  <c r="G8278" i="2" s="1"/>
  <c r="G8288" i="2" a="1"/>
  <c r="G8288" i="2" s="1"/>
  <c r="G8283" i="2" a="1"/>
  <c r="G8283" i="2" s="1"/>
  <c r="G8285" i="2" a="1"/>
  <c r="G8285" i="2" s="1"/>
  <c r="G8281" i="2" a="1"/>
  <c r="G8281" i="2" s="1"/>
  <c r="G8276" i="2" a="1"/>
  <c r="G8276" i="2" s="1"/>
  <c r="G8268" i="2" a="1"/>
  <c r="G8268" i="2" s="1"/>
  <c r="G8286" i="2" a="1"/>
  <c r="G8286" i="2" s="1"/>
  <c r="G8289" i="2" a="1"/>
  <c r="G8289" i="2" s="1"/>
  <c r="G8277" i="2" a="1"/>
  <c r="G8277" i="2" s="1"/>
  <c r="G8279" i="2" a="1"/>
  <c r="G8279" i="2" s="1"/>
  <c r="G8269" i="2" a="1"/>
  <c r="G8269" i="2" s="1"/>
  <c r="AQ186" i="1"/>
  <c r="G192" i="5" s="1"/>
  <c r="G4453" i="2" a="1"/>
  <c r="G4453" i="2" s="1"/>
  <c r="G4455" i="2" a="1"/>
  <c r="G4455" i="2" s="1"/>
  <c r="AO186" i="1"/>
  <c r="E192" i="5" s="1"/>
  <c r="G4457" i="2" a="1"/>
  <c r="G4457" i="2" s="1"/>
  <c r="G4469" i="2" a="1"/>
  <c r="G4469" i="2" s="1"/>
  <c r="G4464" i="2" a="1"/>
  <c r="G4464" i="2" s="1"/>
  <c r="G4451" i="2" a="1"/>
  <c r="G4451" i="2" s="1"/>
  <c r="G4458" i="2" a="1"/>
  <c r="G4458" i="2" s="1"/>
  <c r="G4459" i="2" a="1"/>
  <c r="G4459" i="2" s="1"/>
  <c r="H8376" i="2" a="1"/>
  <c r="H8376" i="2" s="1"/>
  <c r="H8384" i="2" a="1"/>
  <c r="H8384" i="2" s="1"/>
  <c r="H8365" i="2" a="1"/>
  <c r="H8365" i="2" s="1"/>
  <c r="H8385" i="2" a="1"/>
  <c r="H8385" i="2" s="1"/>
  <c r="H8377" i="2" a="1"/>
  <c r="H8377" i="2" s="1"/>
  <c r="H8369" i="2" a="1"/>
  <c r="H8369" i="2" s="1"/>
  <c r="H8370" i="2" a="1"/>
  <c r="H8370" i="2" s="1"/>
  <c r="H8378" i="2" a="1"/>
  <c r="H8378" i="2" s="1"/>
  <c r="H8363" i="2" a="1"/>
  <c r="H8363" i="2" s="1"/>
  <c r="H8367" i="2" a="1"/>
  <c r="H8367" i="2" s="1"/>
  <c r="H8362" i="2" a="1"/>
  <c r="H8362" i="2" s="1"/>
  <c r="H8381" i="2" a="1"/>
  <c r="H8381" i="2" s="1"/>
  <c r="H8373" i="2" a="1"/>
  <c r="H8373" i="2" s="1"/>
  <c r="H8371" i="2" a="1"/>
  <c r="H8371" i="2" s="1"/>
  <c r="H8368" i="2" a="1"/>
  <c r="H8368" i="2" s="1"/>
  <c r="H8382" i="2" a="1"/>
  <c r="H8382" i="2" s="1"/>
  <c r="H8375" i="2" a="1"/>
  <c r="H8375" i="2" s="1"/>
  <c r="H8383" i="2" a="1"/>
  <c r="H8383" i="2" s="1"/>
  <c r="H8364" i="2" a="1"/>
  <c r="H8364" i="2" s="1"/>
  <c r="H8374" i="2" a="1"/>
  <c r="H8374" i="2" s="1"/>
  <c r="H8380" i="2" a="1"/>
  <c r="H8380" i="2" s="1"/>
  <c r="D3868" i="2" a="1"/>
  <c r="D3868" i="2" s="1"/>
  <c r="D3872" i="2" a="1"/>
  <c r="D3872" i="2" s="1"/>
  <c r="D3852" i="2" a="1"/>
  <c r="D3852" i="2" s="1"/>
  <c r="D3870" i="2" a="1"/>
  <c r="D3870" i="2" s="1"/>
  <c r="D3858" i="2" a="1"/>
  <c r="D3858" i="2" s="1"/>
  <c r="D3862" i="2" a="1"/>
  <c r="D3862" i="2" s="1"/>
  <c r="D3853" i="2" a="1"/>
  <c r="D3853" i="2" s="1"/>
  <c r="D3871" i="2" a="1"/>
  <c r="D3871" i="2" s="1"/>
  <c r="D3861" i="2" a="1"/>
  <c r="D3861" i="2" s="1"/>
  <c r="D3857" i="2" a="1"/>
  <c r="D3857" i="2" s="1"/>
  <c r="D3856" i="2" a="1"/>
  <c r="D3856" i="2" s="1"/>
  <c r="D3866" i="2" a="1"/>
  <c r="D3866" i="2" s="1"/>
  <c r="D3873" i="2" a="1"/>
  <c r="D3873" i="2" s="1"/>
  <c r="D3850" i="2" a="1"/>
  <c r="D3850" i="2" s="1"/>
  <c r="D3854" i="2" a="1"/>
  <c r="D3854" i="2" s="1"/>
  <c r="D3865" i="2" a="1"/>
  <c r="D3865" i="2" s="1"/>
  <c r="D3855" i="2" a="1"/>
  <c r="D3855" i="2" s="1"/>
  <c r="D3863" i="2" a="1"/>
  <c r="D3863" i="2" s="1"/>
  <c r="D3851" i="2" a="1"/>
  <c r="D3851" i="2" s="1"/>
  <c r="D3859" i="2" a="1"/>
  <c r="D3859" i="2" s="1"/>
  <c r="D3869" i="2" a="1"/>
  <c r="D3869" i="2" s="1"/>
  <c r="D3867" i="2" a="1"/>
  <c r="D3867" i="2" s="1"/>
  <c r="D3860" i="2" a="1"/>
  <c r="D3860" i="2" s="1"/>
  <c r="D3864" i="2" a="1"/>
  <c r="D3864" i="2" s="1"/>
  <c r="H4875" i="2" a="1"/>
  <c r="H4875" i="2" s="1"/>
  <c r="H4866" i="2" a="1"/>
  <c r="H4866" i="2" s="1"/>
  <c r="H4860" i="2" a="1"/>
  <c r="H4860" i="2" s="1"/>
  <c r="H4879" i="2" a="1"/>
  <c r="H4879" i="2" s="1"/>
  <c r="H4877" i="2" a="1"/>
  <c r="H4877" i="2" s="1"/>
  <c r="H4869" i="2" a="1"/>
  <c r="H4869" i="2" s="1"/>
  <c r="H4861" i="2" a="1"/>
  <c r="H4861" i="2" s="1"/>
  <c r="H4868" i="2" a="1"/>
  <c r="H4868" i="2" s="1"/>
  <c r="H4873" i="2" a="1"/>
  <c r="H4873" i="2" s="1"/>
  <c r="F1245" i="2" a="1"/>
  <c r="F1245" i="2" s="1"/>
  <c r="F1256" i="2" a="1"/>
  <c r="F1256" i="2" s="1"/>
  <c r="F1255" i="2" a="1"/>
  <c r="F1255" i="2" s="1"/>
  <c r="F1240" i="2" a="1"/>
  <c r="F1240" i="2" s="1"/>
  <c r="F1254" i="2" a="1"/>
  <c r="F1254" i="2" s="1"/>
  <c r="F1249" i="2" a="1"/>
  <c r="F1249" i="2" s="1"/>
  <c r="F1252" i="2" a="1"/>
  <c r="F1252" i="2" s="1"/>
  <c r="F1251" i="2" a="1"/>
  <c r="F1251" i="2" s="1"/>
  <c r="F1238" i="2" a="1"/>
  <c r="F1238" i="2" s="1"/>
  <c r="AN52" i="1"/>
  <c r="D4799" i="2" a="1"/>
  <c r="D4799" i="2" s="1"/>
  <c r="D4803" i="2" a="1"/>
  <c r="D4803" i="2" s="1"/>
  <c r="D4807" i="2" a="1"/>
  <c r="D4807" i="2" s="1"/>
  <c r="D4789" i="2" a="1"/>
  <c r="D4789" i="2" s="1"/>
  <c r="D4790" i="2" a="1"/>
  <c r="D4790" i="2" s="1"/>
  <c r="D4793" i="2" a="1"/>
  <c r="D4793" i="2" s="1"/>
  <c r="D4794" i="2" a="1"/>
  <c r="D4794" i="2" s="1"/>
  <c r="D4801" i="2" a="1"/>
  <c r="D4801" i="2" s="1"/>
  <c r="D4802" i="2" a="1"/>
  <c r="D4802" i="2" s="1"/>
  <c r="D4805" i="2" a="1"/>
  <c r="D4805" i="2" s="1"/>
  <c r="D4809" i="2" a="1"/>
  <c r="D4809" i="2" s="1"/>
  <c r="D4798" i="2" a="1"/>
  <c r="D4798" i="2" s="1"/>
  <c r="D4788" i="2" a="1"/>
  <c r="D4788" i="2" s="1"/>
  <c r="D4800" i="2" a="1"/>
  <c r="D4800" i="2" s="1"/>
  <c r="D4804" i="2" a="1"/>
  <c r="D4804" i="2" s="1"/>
  <c r="D4808" i="2" a="1"/>
  <c r="D4808" i="2" s="1"/>
  <c r="D4787" i="2" a="1"/>
  <c r="D4787" i="2" s="1"/>
  <c r="D4791" i="2" a="1"/>
  <c r="D4791" i="2" s="1"/>
  <c r="D4795" i="2" a="1"/>
  <c r="D4795" i="2" s="1"/>
  <c r="D4806" i="2" a="1"/>
  <c r="D4806" i="2" s="1"/>
  <c r="D4786" i="2" a="1"/>
  <c r="D4786" i="2" s="1"/>
  <c r="F5027" i="2" a="1"/>
  <c r="F5027" i="2" s="1"/>
  <c r="F5042" i="2" a="1"/>
  <c r="F5042" i="2" s="1"/>
  <c r="F5028" i="2" a="1"/>
  <c r="F5028" i="2" s="1"/>
  <c r="F5029" i="2" a="1"/>
  <c r="F5029" i="2" s="1"/>
  <c r="F5035" i="2" a="1"/>
  <c r="F5035" i="2" s="1"/>
  <c r="F1202" i="2" a="1"/>
  <c r="F1202" i="2" s="1"/>
  <c r="F1201" i="2" a="1"/>
  <c r="F1201" i="2" s="1"/>
  <c r="F1190" i="2" a="1"/>
  <c r="F1190" i="2" s="1"/>
  <c r="F1205" i="2" a="1"/>
  <c r="F1205" i="2" s="1"/>
  <c r="F1191" i="2" a="1"/>
  <c r="F1191" i="2" s="1"/>
  <c r="F1197" i="2" a="1"/>
  <c r="F1197" i="2" s="1"/>
  <c r="F1194" i="2" a="1"/>
  <c r="F1194" i="2" s="1"/>
  <c r="F1187" i="2" a="1"/>
  <c r="F1187" i="2" s="1"/>
  <c r="F1195" i="2" a="1"/>
  <c r="F1195" i="2" s="1"/>
  <c r="F1192" i="2" a="1"/>
  <c r="F1192" i="2" s="1"/>
  <c r="F1193" i="2" a="1"/>
  <c r="F1193" i="2" s="1"/>
  <c r="F1208" i="2" a="1"/>
  <c r="F1208" i="2" s="1"/>
  <c r="F1199" i="2" a="1"/>
  <c r="F1199" i="2" s="1"/>
  <c r="E4625" i="2" a="1"/>
  <c r="E4625" i="2" s="1"/>
  <c r="E4640" i="2" a="1"/>
  <c r="E4640" i="2" s="1"/>
  <c r="E4632" i="2" a="1"/>
  <c r="E4632" i="2" s="1"/>
  <c r="E4628" i="2" a="1"/>
  <c r="E4628" i="2" s="1"/>
  <c r="E4622" i="2" a="1"/>
  <c r="E4622" i="2" s="1"/>
  <c r="E4636" i="2" a="1"/>
  <c r="E4636" i="2" s="1"/>
  <c r="E4634" i="2" a="1"/>
  <c r="E4634" i="2" s="1"/>
  <c r="E4641" i="2" a="1"/>
  <c r="E4641" i="2" s="1"/>
  <c r="E4623" i="2" a="1"/>
  <c r="E4623" i="2" s="1"/>
  <c r="E4635" i="2" a="1"/>
  <c r="E4635" i="2" s="1"/>
  <c r="E4624" i="2" a="1"/>
  <c r="E4624" i="2" s="1"/>
  <c r="E4639" i="2" a="1"/>
  <c r="E4639" i="2" s="1"/>
  <c r="E4631" i="2" a="1"/>
  <c r="E4631" i="2" s="1"/>
  <c r="E4626" i="2" a="1"/>
  <c r="E4626" i="2" s="1"/>
  <c r="E4619" i="2" a="1"/>
  <c r="E4619" i="2" s="1"/>
  <c r="E4618" i="2" a="1"/>
  <c r="E4618" i="2" s="1"/>
  <c r="E4629" i="2" a="1"/>
  <c r="E4629" i="2" s="1"/>
  <c r="E4620" i="2" a="1"/>
  <c r="E4620" i="2" s="1"/>
  <c r="E4621" i="2" a="1"/>
  <c r="E4621" i="2" s="1"/>
  <c r="E4627" i="2" a="1"/>
  <c r="E4627" i="2" s="1"/>
  <c r="E4630" i="2" a="1"/>
  <c r="E4630" i="2" s="1"/>
  <c r="E4633" i="2" a="1"/>
  <c r="E4633" i="2" s="1"/>
  <c r="E4637" i="2" a="1"/>
  <c r="E4637" i="2" s="1"/>
  <c r="E4638" i="2" a="1"/>
  <c r="E4638" i="2" s="1"/>
  <c r="E2103" i="2" a="1"/>
  <c r="E2103" i="2" s="1"/>
  <c r="E2107" i="2" a="1"/>
  <c r="E2107" i="2" s="1"/>
  <c r="E2114" i="2" a="1"/>
  <c r="E2114" i="2" s="1"/>
  <c r="E2104" i="2" a="1"/>
  <c r="E2104" i="2" s="1"/>
  <c r="E2112" i="2" a="1"/>
  <c r="E2112" i="2" s="1"/>
  <c r="E2099" i="2" a="1"/>
  <c r="E2099" i="2" s="1"/>
  <c r="E2101" i="2" a="1"/>
  <c r="E2101" i="2" s="1"/>
  <c r="E2111" i="2" a="1"/>
  <c r="E2111" i="2" s="1"/>
  <c r="E2098" i="2" a="1"/>
  <c r="E2098" i="2" s="1"/>
  <c r="E2109" i="2" a="1"/>
  <c r="E2109" i="2" s="1"/>
  <c r="E2121" i="2" a="1"/>
  <c r="E2121" i="2" s="1"/>
  <c r="E2110" i="2" a="1"/>
  <c r="E2110" i="2" s="1"/>
  <c r="E2106" i="2" a="1"/>
  <c r="E2106" i="2" s="1"/>
  <c r="E2116" i="2" a="1"/>
  <c r="E2116" i="2" s="1"/>
  <c r="E2118" i="2" a="1"/>
  <c r="E2118" i="2" s="1"/>
  <c r="E2117" i="2" a="1"/>
  <c r="E2117" i="2" s="1"/>
  <c r="E2105" i="2" a="1"/>
  <c r="E2105" i="2" s="1"/>
  <c r="E2115" i="2" a="1"/>
  <c r="E2115" i="2" s="1"/>
  <c r="E2102" i="2" a="1"/>
  <c r="E2102" i="2" s="1"/>
  <c r="E2120" i="2" a="1"/>
  <c r="E2120" i="2" s="1"/>
  <c r="E2119" i="2" a="1"/>
  <c r="E2119" i="2" s="1"/>
  <c r="E2113" i="2" a="1"/>
  <c r="E2113" i="2" s="1"/>
  <c r="E2100" i="2" a="1"/>
  <c r="E2100" i="2" s="1"/>
  <c r="E2108" i="2" a="1"/>
  <c r="E2108" i="2" s="1"/>
  <c r="E1729" i="2" a="1"/>
  <c r="E1729" i="2" s="1"/>
  <c r="E1731" i="2" a="1"/>
  <c r="E1731" i="2" s="1"/>
  <c r="E1719" i="2" a="1"/>
  <c r="E1719" i="2" s="1"/>
  <c r="E1736" i="2" a="1"/>
  <c r="E1736" i="2" s="1"/>
  <c r="E1721" i="2" a="1"/>
  <c r="E1721" i="2" s="1"/>
  <c r="E1714" i="2" a="1"/>
  <c r="E1714" i="2" s="1"/>
  <c r="E1723" i="2" a="1"/>
  <c r="E1723" i="2" s="1"/>
  <c r="E1727" i="2" a="1"/>
  <c r="E1727" i="2" s="1"/>
  <c r="E1735" i="2" a="1"/>
  <c r="E1735" i="2" s="1"/>
  <c r="E1730" i="2" a="1"/>
  <c r="E1730" i="2" s="1"/>
  <c r="E1725" i="2" a="1"/>
  <c r="E1725" i="2" s="1"/>
  <c r="E1718" i="2" a="1"/>
  <c r="E1718" i="2" s="1"/>
  <c r="E1720" i="2" a="1"/>
  <c r="E1720" i="2" s="1"/>
  <c r="E1722" i="2" a="1"/>
  <c r="E1722" i="2" s="1"/>
  <c r="E1728" i="2" a="1"/>
  <c r="E1728" i="2" s="1"/>
  <c r="E1726" i="2" a="1"/>
  <c r="E1726" i="2" s="1"/>
  <c r="E1734" i="2" a="1"/>
  <c r="E1734" i="2" s="1"/>
  <c r="E1733" i="2" a="1"/>
  <c r="E1733" i="2" s="1"/>
  <c r="E1737" i="2" a="1"/>
  <c r="E1737" i="2" s="1"/>
  <c r="E1732" i="2" a="1"/>
  <c r="E1732" i="2" s="1"/>
  <c r="E1724" i="2" a="1"/>
  <c r="E1724" i="2" s="1"/>
  <c r="E1716" i="2" a="1"/>
  <c r="E1716" i="2" s="1"/>
  <c r="E1717" i="2" a="1"/>
  <c r="E1717" i="2" s="1"/>
  <c r="H6374" i="2" a="1"/>
  <c r="H6374" i="2" s="1"/>
  <c r="H6381" i="2" a="1"/>
  <c r="H6381" i="2" s="1"/>
  <c r="H6385" i="2" a="1"/>
  <c r="H6385" i="2" s="1"/>
  <c r="H6375" i="2" a="1"/>
  <c r="H6375" i="2" s="1"/>
  <c r="H6382" i="2" a="1"/>
  <c r="H6382" i="2" s="1"/>
  <c r="H6380" i="2" a="1"/>
  <c r="H6380" i="2" s="1"/>
  <c r="H6388" i="2" a="1"/>
  <c r="H6388" i="2" s="1"/>
  <c r="H6386" i="2" a="1"/>
  <c r="H6386" i="2" s="1"/>
  <c r="H6387" i="2" a="1"/>
  <c r="H6387" i="2" s="1"/>
  <c r="H6377" i="2" a="1"/>
  <c r="H6377" i="2" s="1"/>
  <c r="H6389" i="2" a="1"/>
  <c r="H6389" i="2" s="1"/>
  <c r="H6370" i="2" a="1"/>
  <c r="H6370" i="2" s="1"/>
  <c r="H6383" i="2" a="1"/>
  <c r="H6383" i="2" s="1"/>
  <c r="H6371" i="2" a="1"/>
  <c r="H6371" i="2" s="1"/>
  <c r="H6390" i="2" a="1"/>
  <c r="H6390" i="2" s="1"/>
  <c r="H6393" i="2" a="1"/>
  <c r="H6393" i="2" s="1"/>
  <c r="H6384" i="2" a="1"/>
  <c r="H6384" i="2" s="1"/>
  <c r="H6391" i="2" a="1"/>
  <c r="H6391" i="2" s="1"/>
  <c r="H6392" i="2" a="1"/>
  <c r="H6392" i="2" s="1"/>
  <c r="H6373" i="2" a="1"/>
  <c r="H6373" i="2" s="1"/>
  <c r="H6378" i="2" a="1"/>
  <c r="H6378" i="2" s="1"/>
  <c r="E3736" i="2" a="1"/>
  <c r="E3736" i="2" s="1"/>
  <c r="E3752" i="2" a="1"/>
  <c r="E3752" i="2" s="1"/>
  <c r="E3737" i="2" a="1"/>
  <c r="E3737" i="2" s="1"/>
  <c r="E3732" i="2" a="1"/>
  <c r="E3732" i="2" s="1"/>
  <c r="E3753" i="2" a="1"/>
  <c r="E3753" i="2" s="1"/>
  <c r="E3747" i="2" a="1"/>
  <c r="E3747" i="2" s="1"/>
  <c r="D3673" i="2" a="1"/>
  <c r="D3673" i="2" s="1"/>
  <c r="D3677" i="2" a="1"/>
  <c r="D3677" i="2" s="1"/>
  <c r="D3672" i="2" a="1"/>
  <c r="D3672" i="2" s="1"/>
  <c r="D3674" i="2" a="1"/>
  <c r="D3674" i="2" s="1"/>
  <c r="D3659" i="2" a="1"/>
  <c r="D3659" i="2" s="1"/>
  <c r="D3666" i="2" a="1"/>
  <c r="D3666" i="2" s="1"/>
  <c r="D4744" i="2" a="1"/>
  <c r="D4744" i="2" s="1"/>
  <c r="D4748" i="2" a="1"/>
  <c r="D4748" i="2" s="1"/>
  <c r="D4760" i="2" a="1"/>
  <c r="D4760" i="2" s="1"/>
  <c r="D4741" i="2" a="1"/>
  <c r="D4741" i="2" s="1"/>
  <c r="AO198" i="1"/>
  <c r="E204" i="5" s="1"/>
  <c r="D4746" i="2" a="1"/>
  <c r="D4746" i="2" s="1"/>
  <c r="F536" i="2" a="1"/>
  <c r="F536" i="2" s="1"/>
  <c r="F527" i="2" a="1"/>
  <c r="F527" i="2" s="1"/>
  <c r="F532" i="2" a="1"/>
  <c r="F532" i="2" s="1"/>
  <c r="F519" i="2" a="1"/>
  <c r="F519" i="2" s="1"/>
  <c r="F534" i="2" a="1"/>
  <c r="F534" i="2" s="1"/>
  <c r="F524" i="2" a="1"/>
  <c r="F524" i="2" s="1"/>
  <c r="F514" i="2" a="1"/>
  <c r="F514" i="2" s="1"/>
  <c r="F525" i="2" a="1"/>
  <c r="F525" i="2" s="1"/>
  <c r="F517" i="2" a="1"/>
  <c r="F517" i="2" s="1"/>
  <c r="F521" i="2" a="1"/>
  <c r="F521" i="2" s="1"/>
  <c r="F526" i="2" a="1"/>
  <c r="F526" i="2" s="1"/>
  <c r="F529" i="2" a="1"/>
  <c r="F529" i="2" s="1"/>
  <c r="F522" i="2" a="1"/>
  <c r="F522" i="2" s="1"/>
  <c r="F520" i="2" a="1"/>
  <c r="F520" i="2" s="1"/>
  <c r="F515" i="2" a="1"/>
  <c r="F515" i="2" s="1"/>
  <c r="F516" i="2" a="1"/>
  <c r="F516" i="2" s="1"/>
  <c r="F530" i="2" a="1"/>
  <c r="F530" i="2" s="1"/>
  <c r="F518" i="2" a="1"/>
  <c r="F518" i="2" s="1"/>
  <c r="G1848" i="2" a="1"/>
  <c r="G1848" i="2" s="1"/>
  <c r="G1840" i="2" a="1"/>
  <c r="G1840" i="2" s="1"/>
  <c r="G1846" i="2" a="1"/>
  <c r="G1846" i="2" s="1"/>
  <c r="G1854" i="2" a="1"/>
  <c r="G1854" i="2" s="1"/>
  <c r="G1845" i="2" a="1"/>
  <c r="G1845" i="2" s="1"/>
  <c r="G1837" i="2" a="1"/>
  <c r="G1837" i="2" s="1"/>
  <c r="G1847" i="2" a="1"/>
  <c r="G1847" i="2" s="1"/>
  <c r="G1852" i="2" a="1"/>
  <c r="G1852" i="2" s="1"/>
  <c r="G1839" i="2" a="1"/>
  <c r="G1839" i="2" s="1"/>
  <c r="G1844" i="2" a="1"/>
  <c r="G1844" i="2" s="1"/>
  <c r="G1853" i="2" a="1"/>
  <c r="G1853" i="2" s="1"/>
  <c r="G1851" i="2" a="1"/>
  <c r="G1851" i="2" s="1"/>
  <c r="G1842" i="2" a="1"/>
  <c r="G1842" i="2" s="1"/>
  <c r="G1855" i="2" a="1"/>
  <c r="G1855" i="2" s="1"/>
  <c r="G1841" i="2" a="1"/>
  <c r="G1841" i="2" s="1"/>
  <c r="G1838" i="2" a="1"/>
  <c r="G1838" i="2" s="1"/>
  <c r="G1857" i="2" a="1"/>
  <c r="G1857" i="2" s="1"/>
  <c r="G1836" i="2" a="1"/>
  <c r="G1836" i="2" s="1"/>
  <c r="G1843" i="2" a="1"/>
  <c r="G1843" i="2" s="1"/>
  <c r="G1849" i="2" a="1"/>
  <c r="G1849" i="2" s="1"/>
  <c r="G1835" i="2" a="1"/>
  <c r="G1835" i="2" s="1"/>
  <c r="G1834" i="2" a="1"/>
  <c r="G1834" i="2" s="1"/>
  <c r="G1856" i="2" a="1"/>
  <c r="G1856" i="2" s="1"/>
  <c r="G1850" i="2" a="1"/>
  <c r="G1850" i="2" s="1"/>
  <c r="E8723" i="2" a="1"/>
  <c r="E8723" i="2" s="1"/>
  <c r="E8722" i="2" a="1"/>
  <c r="E8722" i="2" s="1"/>
  <c r="E8735" i="2" a="1"/>
  <c r="E8735" i="2" s="1"/>
  <c r="E8730" i="2" a="1"/>
  <c r="E8730" i="2" s="1"/>
  <c r="E8729" i="2" a="1"/>
  <c r="E8729" i="2" s="1"/>
  <c r="E8732" i="2" a="1"/>
  <c r="E8732" i="2" s="1"/>
  <c r="E8739" i="2" a="1"/>
  <c r="E8739" i="2" s="1"/>
  <c r="E8740" i="2" a="1"/>
  <c r="E8740" i="2" s="1"/>
  <c r="E8725" i="2" a="1"/>
  <c r="E8725" i="2" s="1"/>
  <c r="E8733" i="2" a="1"/>
  <c r="E8733" i="2" s="1"/>
  <c r="E8742" i="2" a="1"/>
  <c r="E8742" i="2" s="1"/>
  <c r="E8731" i="2" a="1"/>
  <c r="E8731" i="2" s="1"/>
  <c r="E8734" i="2" a="1"/>
  <c r="E8734" i="2" s="1"/>
  <c r="E8727" i="2" a="1"/>
  <c r="E8727" i="2" s="1"/>
  <c r="E8726" i="2" a="1"/>
  <c r="E8726" i="2" s="1"/>
  <c r="E8741" i="2" a="1"/>
  <c r="E8741" i="2" s="1"/>
  <c r="E8744" i="2" a="1"/>
  <c r="E8744" i="2" s="1"/>
  <c r="E8737" i="2" a="1"/>
  <c r="E8737" i="2" s="1"/>
  <c r="E8724" i="2" a="1"/>
  <c r="E8724" i="2" s="1"/>
  <c r="E8738" i="2" a="1"/>
  <c r="E8738" i="2" s="1"/>
  <c r="E8728" i="2" a="1"/>
  <c r="E8728" i="2" s="1"/>
  <c r="E8736" i="2" a="1"/>
  <c r="E8736" i="2" s="1"/>
  <c r="E8743" i="2" a="1"/>
  <c r="E8743" i="2" s="1"/>
  <c r="E4549" i="2" a="1"/>
  <c r="E4549" i="2" s="1"/>
  <c r="E4558" i="2" a="1"/>
  <c r="E4558" i="2" s="1"/>
  <c r="E4547" i="2" a="1"/>
  <c r="E4547" i="2" s="1"/>
  <c r="E4546" i="2" a="1"/>
  <c r="E4546" i="2" s="1"/>
  <c r="E4567" i="2" a="1"/>
  <c r="E4567" i="2" s="1"/>
  <c r="E4553" i="2" a="1"/>
  <c r="E4553" i="2" s="1"/>
  <c r="E4561" i="2" a="1"/>
  <c r="E4561" i="2" s="1"/>
  <c r="E4552" i="2" a="1"/>
  <c r="E4552" i="2" s="1"/>
  <c r="E4559" i="2" a="1"/>
  <c r="E4559" i="2" s="1"/>
  <c r="E4550" i="2" a="1"/>
  <c r="E4550" i="2" s="1"/>
  <c r="E4562" i="2" a="1"/>
  <c r="E4562" i="2" s="1"/>
  <c r="E4568" i="2" a="1"/>
  <c r="E4568" i="2" s="1"/>
  <c r="E4565" i="2" a="1"/>
  <c r="E4565" i="2" s="1"/>
  <c r="E4551" i="2" a="1"/>
  <c r="E4551" i="2" s="1"/>
  <c r="E4554" i="2" a="1"/>
  <c r="E4554" i="2" s="1"/>
  <c r="E4563" i="2" a="1"/>
  <c r="E4563" i="2" s="1"/>
  <c r="E4557" i="2" a="1"/>
  <c r="E4557" i="2" s="1"/>
  <c r="E4548" i="2" a="1"/>
  <c r="E4548" i="2" s="1"/>
  <c r="E4560" i="2" a="1"/>
  <c r="E4560" i="2" s="1"/>
  <c r="E4564" i="2" a="1"/>
  <c r="E4564" i="2" s="1"/>
  <c r="E4566" i="2" a="1"/>
  <c r="E4566" i="2" s="1"/>
  <c r="E4556" i="2" a="1"/>
  <c r="E4556" i="2" s="1"/>
  <c r="E4555" i="2" a="1"/>
  <c r="E4555" i="2" s="1"/>
  <c r="E4569" i="2" a="1"/>
  <c r="E4569" i="2" s="1"/>
  <c r="D7172" i="2" a="1"/>
  <c r="D7172" i="2" s="1"/>
  <c r="D7175" i="2" a="1"/>
  <c r="D7175" i="2" s="1"/>
  <c r="D7178" i="2" a="1"/>
  <c r="D7178" i="2" s="1"/>
  <c r="D7181" i="2" a="1"/>
  <c r="D7181" i="2" s="1"/>
  <c r="D7169" i="2" a="1"/>
  <c r="D7169" i="2" s="1"/>
  <c r="D7185" i="2" a="1"/>
  <c r="D7185" i="2" s="1"/>
  <c r="D7179" i="2" a="1"/>
  <c r="D7179" i="2" s="1"/>
  <c r="D7170" i="2" a="1"/>
  <c r="D7170" i="2" s="1"/>
  <c r="D7163" i="2" a="1"/>
  <c r="D7163" i="2" s="1"/>
  <c r="D7166" i="2" a="1"/>
  <c r="D7166" i="2" s="1"/>
  <c r="D7165" i="2" a="1"/>
  <c r="D7165" i="2" s="1"/>
  <c r="D7168" i="2" a="1"/>
  <c r="D7168" i="2" s="1"/>
  <c r="D7171" i="2" a="1"/>
  <c r="D7171" i="2" s="1"/>
  <c r="D7174" i="2" a="1"/>
  <c r="D7174" i="2" s="1"/>
  <c r="D7177" i="2" a="1"/>
  <c r="D7177" i="2" s="1"/>
  <c r="D7183" i="2" a="1"/>
  <c r="D7183" i="2" s="1"/>
  <c r="D7164" i="2" a="1"/>
  <c r="D7164" i="2" s="1"/>
  <c r="D7180" i="2" a="1"/>
  <c r="D7180" i="2" s="1"/>
  <c r="D7167" i="2" a="1"/>
  <c r="D7167" i="2" s="1"/>
  <c r="D7173" i="2" a="1"/>
  <c r="D7173" i="2" s="1"/>
  <c r="D7176" i="2" a="1"/>
  <c r="D7176" i="2" s="1"/>
  <c r="D7182" i="2" a="1"/>
  <c r="D7182" i="2" s="1"/>
  <c r="D7184" i="2" a="1"/>
  <c r="D7184" i="2" s="1"/>
  <c r="D7162" i="2" a="1"/>
  <c r="D7162" i="2" s="1"/>
  <c r="G2438" i="2" a="1"/>
  <c r="G2438" i="2" s="1"/>
  <c r="G2442" i="2" a="1"/>
  <c r="G2442" i="2" s="1"/>
  <c r="G2446" i="2" a="1"/>
  <c r="G2446" i="2" s="1"/>
  <c r="G2448" i="2" a="1"/>
  <c r="G2448" i="2" s="1"/>
  <c r="G2455" i="2" a="1"/>
  <c r="G2455" i="2" s="1"/>
  <c r="G2439" i="2" a="1"/>
  <c r="G2439" i="2" s="1"/>
  <c r="G2444" i="2" a="1"/>
  <c r="G2444" i="2" s="1"/>
  <c r="G2456" i="2" a="1"/>
  <c r="G2456" i="2" s="1"/>
  <c r="G2441" i="2" a="1"/>
  <c r="G2441" i="2" s="1"/>
  <c r="G2451" i="2" a="1"/>
  <c r="G2451" i="2" s="1"/>
  <c r="G2445" i="2" a="1"/>
  <c r="G2445" i="2" s="1"/>
  <c r="G2457" i="2" a="1"/>
  <c r="G2457" i="2" s="1"/>
  <c r="G2440" i="2" a="1"/>
  <c r="G2440" i="2" s="1"/>
  <c r="G2447" i="2" a="1"/>
  <c r="G2447" i="2" s="1"/>
  <c r="G2437" i="2" a="1"/>
  <c r="G2437" i="2" s="1"/>
  <c r="G2453" i="2" a="1"/>
  <c r="G2453" i="2" s="1"/>
  <c r="G2434" i="2" a="1"/>
  <c r="G2434" i="2" s="1"/>
  <c r="G2454" i="2" a="1"/>
  <c r="G2454" i="2" s="1"/>
  <c r="G2435" i="2" a="1"/>
  <c r="G2435" i="2" s="1"/>
  <c r="G2452" i="2" a="1"/>
  <c r="G2452" i="2" s="1"/>
  <c r="G2443" i="2" a="1"/>
  <c r="G2443" i="2" s="1"/>
  <c r="G2449" i="2" a="1"/>
  <c r="G2449" i="2" s="1"/>
  <c r="G2436" i="2" a="1"/>
  <c r="G2436" i="2" s="1"/>
  <c r="G2450" i="2" a="1"/>
  <c r="G2450" i="2" s="1"/>
  <c r="F4847" i="2" a="1"/>
  <c r="F4847" i="2" s="1"/>
  <c r="F4854" i="2" a="1"/>
  <c r="F4854" i="2" s="1"/>
  <c r="F4849" i="2" a="1"/>
  <c r="F4849" i="2" s="1"/>
  <c r="F4850" i="2" a="1"/>
  <c r="F4850" i="2" s="1"/>
  <c r="F4853" i="2" a="1"/>
  <c r="F4853" i="2" s="1"/>
  <c r="F4842" i="2" a="1"/>
  <c r="F4842" i="2" s="1"/>
  <c r="F4856" i="2" a="1"/>
  <c r="F4856" i="2" s="1"/>
  <c r="F4841" i="2" a="1"/>
  <c r="F4841" i="2" s="1"/>
  <c r="F4835" i="2" a="1"/>
  <c r="F4835" i="2" s="1"/>
  <c r="F4843" i="2" a="1"/>
  <c r="F4843" i="2" s="1"/>
  <c r="F4836" i="2" a="1"/>
  <c r="F4836" i="2" s="1"/>
  <c r="F4851" i="2" a="1"/>
  <c r="F4851" i="2" s="1"/>
  <c r="F4839" i="2" a="1"/>
  <c r="F4839" i="2" s="1"/>
  <c r="F4837" i="2" a="1"/>
  <c r="F4837" i="2" s="1"/>
  <c r="F4857" i="2" a="1"/>
  <c r="F4857" i="2" s="1"/>
  <c r="F4844" i="2" a="1"/>
  <c r="F4844" i="2" s="1"/>
  <c r="F4855" i="2" a="1"/>
  <c r="F4855" i="2" s="1"/>
  <c r="F4848" i="2" a="1"/>
  <c r="F4848" i="2" s="1"/>
  <c r="F4845" i="2" a="1"/>
  <c r="F4845" i="2" s="1"/>
  <c r="F4834" i="2" a="1"/>
  <c r="F4834" i="2" s="1"/>
  <c r="F4840" i="2" a="1"/>
  <c r="F4840" i="2" s="1"/>
  <c r="F4852" i="2" a="1"/>
  <c r="F4852" i="2" s="1"/>
  <c r="F4838" i="2" a="1"/>
  <c r="F4838" i="2" s="1"/>
  <c r="F4846" i="2" a="1"/>
  <c r="F4846" i="2" s="1"/>
  <c r="E7591" i="2" a="1"/>
  <c r="E7591" i="2" s="1"/>
  <c r="E7589" i="2" a="1"/>
  <c r="E7589" i="2" s="1"/>
  <c r="E7572" i="2" a="1"/>
  <c r="E7572" i="2" s="1"/>
  <c r="E7586" i="2" a="1"/>
  <c r="E7586" i="2" s="1"/>
  <c r="E7571" i="2" a="1"/>
  <c r="E7571" i="2" s="1"/>
  <c r="E7593" i="2" a="1"/>
  <c r="E7593" i="2" s="1"/>
  <c r="E7575" i="2" a="1"/>
  <c r="E7575" i="2" s="1"/>
  <c r="E7574" i="2" a="1"/>
  <c r="E7574" i="2" s="1"/>
  <c r="E7583" i="2" a="1"/>
  <c r="E7583" i="2" s="1"/>
  <c r="E7592" i="2" a="1"/>
  <c r="E7592" i="2" s="1"/>
  <c r="E7573" i="2" a="1"/>
  <c r="E7573" i="2" s="1"/>
  <c r="E7584" i="2" a="1"/>
  <c r="E7584" i="2" s="1"/>
  <c r="E7580" i="2" a="1"/>
  <c r="E7580" i="2" s="1"/>
  <c r="E7588" i="2" a="1"/>
  <c r="E7588" i="2" s="1"/>
  <c r="E7570" i="2" a="1"/>
  <c r="E7570" i="2" s="1"/>
  <c r="H8598" i="2" a="1"/>
  <c r="H8598" i="2" s="1"/>
  <c r="D1975" i="2" a="1"/>
  <c r="D1975" i="2" s="1"/>
  <c r="G2249" i="2" a="1"/>
  <c r="G2249" i="2" s="1"/>
  <c r="H6276" i="2" a="1"/>
  <c r="H6276" i="2" s="1"/>
  <c r="AO136" i="1"/>
  <c r="E142" i="5" s="1"/>
  <c r="D4385" i="2" a="1"/>
  <c r="D4385" i="2" s="1"/>
  <c r="H5718" i="2" a="1"/>
  <c r="H5718" i="2" s="1"/>
  <c r="H5719" i="2" a="1"/>
  <c r="H5719" i="2" s="1"/>
  <c r="H6931" i="2" a="1"/>
  <c r="H6931" i="2" s="1"/>
  <c r="H574" i="2" a="1"/>
  <c r="H574" i="2" s="1"/>
  <c r="H585" i="2" a="1"/>
  <c r="H585" i="2" s="1"/>
  <c r="AM313" i="1"/>
  <c r="C319" i="5" s="1"/>
  <c r="F717" i="2" a="1"/>
  <c r="F717" i="2" s="1"/>
  <c r="D3555" i="2" a="1"/>
  <c r="D3555" i="2" s="1"/>
  <c r="E6671" i="2" a="1"/>
  <c r="E6671" i="2" s="1"/>
  <c r="D2181" i="2" a="1"/>
  <c r="D2181" i="2" s="1"/>
  <c r="F4226" i="2" a="1"/>
  <c r="F4226" i="2" s="1"/>
  <c r="G2735" i="2" a="1"/>
  <c r="G2735" i="2" s="1"/>
  <c r="E7603" i="2" a="1"/>
  <c r="E7603" i="2" s="1"/>
  <c r="E7610" i="2" a="1"/>
  <c r="E7610" i="2" s="1"/>
  <c r="F8148" i="2" a="1"/>
  <c r="F8148" i="2" s="1"/>
  <c r="D5141" i="2" a="1"/>
  <c r="D5141" i="2" s="1"/>
  <c r="AQ214" i="1"/>
  <c r="G220" i="5" s="1"/>
  <c r="G5516" i="2" a="1"/>
  <c r="G5516" i="2" s="1"/>
  <c r="G5514" i="2" a="1"/>
  <c r="G5514" i="2" s="1"/>
  <c r="D2269" i="2" a="1"/>
  <c r="D2269" i="2" s="1"/>
  <c r="AO270" i="1"/>
  <c r="E276" i="5" s="1"/>
  <c r="E6512" i="2" a="1"/>
  <c r="E6512" i="2" s="1"/>
  <c r="D2643" i="2" a="1"/>
  <c r="D2643" i="2" s="1"/>
  <c r="D3124" i="2" a="1"/>
  <c r="D3124" i="2" s="1"/>
  <c r="D3112" i="2" a="1"/>
  <c r="D3112" i="2" s="1"/>
  <c r="G7472" i="2" a="1"/>
  <c r="G7472" i="2" s="1"/>
  <c r="E7967" i="2" a="1"/>
  <c r="E7967" i="2" s="1"/>
  <c r="D7395" i="2" a="1"/>
  <c r="D7395" i="2" s="1"/>
  <c r="AO340" i="1"/>
  <c r="E346" i="5" s="1"/>
  <c r="F425" i="2" a="1"/>
  <c r="F425" i="2" s="1"/>
  <c r="F3858" i="2" a="1"/>
  <c r="F3858" i="2" s="1"/>
  <c r="D6589" i="2" a="1"/>
  <c r="D6589" i="2" s="1"/>
  <c r="F5019" i="2" a="1"/>
  <c r="F5019" i="2" s="1"/>
  <c r="H4944" i="2" a="1"/>
  <c r="H4944" i="2" s="1"/>
  <c r="E127" i="2" a="1"/>
  <c r="E127" i="2" s="1"/>
  <c r="G3986" i="2" a="1"/>
  <c r="G3986" i="2" s="1"/>
  <c r="E5775" i="2" a="1"/>
  <c r="E5775" i="2" s="1"/>
  <c r="D7291" i="2" a="1"/>
  <c r="D7291" i="2" s="1"/>
  <c r="AP5" i="1"/>
  <c r="F11" i="5" s="1"/>
  <c r="H8053" i="2" a="1"/>
  <c r="H8053" i="2" s="1"/>
  <c r="D7121" i="2" a="1"/>
  <c r="D7121" i="2" s="1"/>
  <c r="F5160" i="2" a="1"/>
  <c r="F5160" i="2" s="1"/>
  <c r="H5212" i="2" a="1"/>
  <c r="H5212" i="2" s="1"/>
  <c r="D6152" i="2" a="1"/>
  <c r="D6152" i="2" s="1"/>
  <c r="D5773" i="2" a="1"/>
  <c r="D5773" i="2" s="1"/>
  <c r="E4698" i="2" a="1"/>
  <c r="E4698" i="2" s="1"/>
  <c r="H3895" i="2" a="1"/>
  <c r="H3895" i="2" s="1"/>
  <c r="F2853" i="2" a="1"/>
  <c r="F2853" i="2" s="1"/>
  <c r="E3461" i="2" a="1"/>
  <c r="E3461" i="2" s="1"/>
  <c r="AP313" i="1"/>
  <c r="D2193" i="2" a="1"/>
  <c r="D2193" i="2" s="1"/>
  <c r="G2743" i="2" a="1"/>
  <c r="G2743" i="2" s="1"/>
  <c r="E7596" i="2" a="1"/>
  <c r="E7596" i="2" s="1"/>
  <c r="F8168" i="2" a="1"/>
  <c r="F8168" i="2" s="1"/>
  <c r="F8154" i="2" a="1"/>
  <c r="F8154" i="2" s="1"/>
  <c r="D5129" i="2" a="1"/>
  <c r="D5129" i="2" s="1"/>
  <c r="AP214" i="1"/>
  <c r="G5509" i="2" a="1"/>
  <c r="G5509" i="2" s="1"/>
  <c r="G5519" i="2" a="1"/>
  <c r="G5519" i="2" s="1"/>
  <c r="D2280" i="2" a="1"/>
  <c r="D2280" i="2" s="1"/>
  <c r="AQ270" i="1"/>
  <c r="G276" i="5" s="1"/>
  <c r="E6501" i="2" a="1"/>
  <c r="E6501" i="2" s="1"/>
  <c r="D2635" i="2" a="1"/>
  <c r="D2635" i="2" s="1"/>
  <c r="D3123" i="2" a="1"/>
  <c r="D3123" i="2" s="1"/>
  <c r="D3109" i="2" a="1"/>
  <c r="D3109" i="2" s="1"/>
  <c r="G7454" i="2" a="1"/>
  <c r="G7454" i="2" s="1"/>
  <c r="E7971" i="2" a="1"/>
  <c r="E7971" i="2" s="1"/>
  <c r="F419" i="2" a="1"/>
  <c r="F419" i="2" s="1"/>
  <c r="E128" i="2" a="1"/>
  <c r="E128" i="2" s="1"/>
  <c r="E5771" i="2" a="1"/>
  <c r="E5771" i="2" s="1"/>
  <c r="D7286" i="2" a="1"/>
  <c r="D7286" i="2" s="1"/>
  <c r="H5202" i="2" a="1"/>
  <c r="H5202" i="2" s="1"/>
  <c r="H3888" i="2" a="1"/>
  <c r="H3888" i="2" s="1"/>
  <c r="F2052" i="2" a="1"/>
  <c r="F2052" i="2" s="1"/>
  <c r="H8208" i="2" a="1"/>
  <c r="H8208" i="2" s="1"/>
  <c r="H8210" i="2" a="1"/>
  <c r="H8210" i="2" s="1"/>
  <c r="H8198" i="2" a="1"/>
  <c r="H8198" i="2" s="1"/>
  <c r="H8203" i="2" a="1"/>
  <c r="H8203" i="2" s="1"/>
  <c r="H8204" i="2" a="1"/>
  <c r="H8204" i="2" s="1"/>
  <c r="H8214" i="2" a="1"/>
  <c r="H8214" i="2" s="1"/>
  <c r="H8207" i="2" a="1"/>
  <c r="H8207" i="2" s="1"/>
  <c r="H8194" i="2" a="1"/>
  <c r="H8194" i="2" s="1"/>
  <c r="D597" i="2" a="1"/>
  <c r="D597" i="2" s="1"/>
  <c r="D606" i="2" a="1"/>
  <c r="D606" i="2" s="1"/>
  <c r="D590" i="2" a="1"/>
  <c r="D590" i="2" s="1"/>
  <c r="D608" i="2" a="1"/>
  <c r="D608" i="2" s="1"/>
  <c r="D594" i="2" a="1"/>
  <c r="D594" i="2" s="1"/>
  <c r="D601" i="2" a="1"/>
  <c r="D601" i="2" s="1"/>
  <c r="D586" i="2" a="1"/>
  <c r="D586" i="2" s="1"/>
  <c r="D593" i="2" a="1"/>
  <c r="D593" i="2" s="1"/>
  <c r="AO25" i="1"/>
  <c r="E31" i="5" s="1"/>
  <c r="D591" i="2" a="1"/>
  <c r="D591" i="2" s="1"/>
  <c r="F144" i="2" a="1"/>
  <c r="F144" i="2" s="1"/>
  <c r="F134" i="2" a="1"/>
  <c r="F134" i="2" s="1"/>
  <c r="F143" i="2" a="1"/>
  <c r="F143" i="2" s="1"/>
  <c r="F147" i="2" a="1"/>
  <c r="F147" i="2" s="1"/>
  <c r="F135" i="2" a="1"/>
  <c r="F135" i="2" s="1"/>
  <c r="F137" i="2" a="1"/>
  <c r="F137" i="2" s="1"/>
  <c r="F132" i="2" a="1"/>
  <c r="F132" i="2" s="1"/>
  <c r="F149" i="2" a="1"/>
  <c r="F149" i="2" s="1"/>
  <c r="F145" i="2" a="1"/>
  <c r="F145" i="2" s="1"/>
  <c r="F140" i="2" a="1"/>
  <c r="F140" i="2" s="1"/>
  <c r="F133" i="2" a="1"/>
  <c r="F133" i="2" s="1"/>
  <c r="F141" i="2" a="1"/>
  <c r="F141" i="2" s="1"/>
  <c r="F151" i="2" a="1"/>
  <c r="F151" i="2" s="1"/>
  <c r="F131" i="2" a="1"/>
  <c r="F131" i="2" s="1"/>
  <c r="F142" i="2" a="1"/>
  <c r="F142" i="2" s="1"/>
  <c r="F152" i="2" a="1"/>
  <c r="F152" i="2" s="1"/>
  <c r="F136" i="2" a="1"/>
  <c r="F136" i="2" s="1"/>
  <c r="D3708" i="2" a="1"/>
  <c r="D3708" i="2" s="1"/>
  <c r="D3721" i="2" a="1"/>
  <c r="D3721" i="2" s="1"/>
  <c r="D3713" i="2" a="1"/>
  <c r="D3713" i="2" s="1"/>
  <c r="D3727" i="2" a="1"/>
  <c r="D3727" i="2" s="1"/>
  <c r="D3722" i="2" a="1"/>
  <c r="D3722" i="2" s="1"/>
  <c r="D3707" i="2" a="1"/>
  <c r="D3707" i="2" s="1"/>
  <c r="D3728" i="2" a="1"/>
  <c r="D3728" i="2" s="1"/>
  <c r="D3717" i="2" a="1"/>
  <c r="D3717" i="2" s="1"/>
  <c r="D3710" i="2" a="1"/>
  <c r="D3710" i="2" s="1"/>
  <c r="D3720" i="2" a="1"/>
  <c r="D3720" i="2" s="1"/>
  <c r="E83" i="2" a="1"/>
  <c r="E83" i="2" s="1"/>
  <c r="E99" i="2" a="1"/>
  <c r="E99" i="2" s="1"/>
  <c r="E98" i="2" a="1"/>
  <c r="E98" i="2" s="1"/>
  <c r="E92" i="2" a="1"/>
  <c r="E92" i="2" s="1"/>
  <c r="E82" i="2" a="1"/>
  <c r="E82" i="2" s="1"/>
  <c r="E105" i="2" a="1"/>
  <c r="E105" i="2" s="1"/>
  <c r="E97" i="2" a="1"/>
  <c r="E97" i="2" s="1"/>
  <c r="E84" i="2" a="1"/>
  <c r="E84" i="2" s="1"/>
  <c r="E94" i="2" a="1"/>
  <c r="E94" i="2" s="1"/>
  <c r="D3543" i="2" a="1"/>
  <c r="D3543" i="2" s="1"/>
  <c r="E6673" i="2" a="1"/>
  <c r="E6673" i="2" s="1"/>
  <c r="D1976" i="2" a="1"/>
  <c r="D1976" i="2" s="1"/>
  <c r="H6293" i="2" a="1"/>
  <c r="H6293" i="2" s="1"/>
  <c r="D4399" i="2" a="1"/>
  <c r="D4399" i="2" s="1"/>
  <c r="H5717" i="2" a="1"/>
  <c r="H5717" i="2" s="1"/>
  <c r="H5698" i="2" a="1"/>
  <c r="H5698" i="2" s="1"/>
  <c r="H6938" i="2" a="1"/>
  <c r="H6938" i="2" s="1"/>
  <c r="H576" i="2" a="1"/>
  <c r="H576" i="2" s="1"/>
  <c r="AQ313" i="1"/>
  <c r="G319" i="5" s="1"/>
  <c r="F721" i="2" a="1"/>
  <c r="F721" i="2" s="1"/>
  <c r="F711" i="2" a="1"/>
  <c r="F711" i="2" s="1"/>
  <c r="D3558" i="2" a="1"/>
  <c r="D3558" i="2" s="1"/>
  <c r="E6668" i="2" a="1"/>
  <c r="E6668" i="2" s="1"/>
  <c r="D2172" i="2" a="1"/>
  <c r="D2172" i="2" s="1"/>
  <c r="F4223" i="2" a="1"/>
  <c r="F4223" i="2" s="1"/>
  <c r="G2729" i="2" a="1"/>
  <c r="G2729" i="2" s="1"/>
  <c r="E7594" i="2" a="1"/>
  <c r="E7594" i="2" s="1"/>
  <c r="F8167" i="2" a="1"/>
  <c r="F8167" i="2" s="1"/>
  <c r="F8152" i="2" a="1"/>
  <c r="F8152" i="2" s="1"/>
  <c r="D5125" i="2" a="1"/>
  <c r="D5125" i="2" s="1"/>
  <c r="AO214" i="1"/>
  <c r="E220" i="5" s="1"/>
  <c r="G5512" i="2" a="1"/>
  <c r="G5512" i="2" s="1"/>
  <c r="G5515" i="2" a="1"/>
  <c r="G5515" i="2" s="1"/>
  <c r="D2272" i="2" a="1"/>
  <c r="D2272" i="2" s="1"/>
  <c r="E6494" i="2" a="1"/>
  <c r="E6494" i="2" s="1"/>
  <c r="D2631" i="2" a="1"/>
  <c r="D2631" i="2" s="1"/>
  <c r="D3107" i="2" a="1"/>
  <c r="D3107" i="2" s="1"/>
  <c r="D3108" i="2" a="1"/>
  <c r="D3108" i="2" s="1"/>
  <c r="G7471" i="2" a="1"/>
  <c r="G7471" i="2" s="1"/>
  <c r="E5642" i="2" a="1"/>
  <c r="E5642" i="2" s="1"/>
  <c r="E4801" i="2" a="1"/>
  <c r="E4801" i="2" s="1"/>
  <c r="F439" i="2" a="1"/>
  <c r="F439" i="2" s="1"/>
  <c r="F3859" i="2" a="1"/>
  <c r="F3859" i="2" s="1"/>
  <c r="D6598" i="2" a="1"/>
  <c r="D6598" i="2" s="1"/>
  <c r="H4939" i="2" a="1"/>
  <c r="H4939" i="2" s="1"/>
  <c r="F5303" i="2" a="1"/>
  <c r="F5303" i="2" s="1"/>
  <c r="E103" i="2" a="1"/>
  <c r="E103" i="2" s="1"/>
  <c r="E123" i="2" a="1"/>
  <c r="E123" i="2" s="1"/>
  <c r="G3985" i="2" a="1"/>
  <c r="G3985" i="2" s="1"/>
  <c r="E5773" i="2" a="1"/>
  <c r="E5773" i="2" s="1"/>
  <c r="D7296" i="2" a="1"/>
  <c r="D7296" i="2" s="1"/>
  <c r="D3716" i="2" a="1"/>
  <c r="D3716" i="2" s="1"/>
  <c r="H8066" i="2" a="1"/>
  <c r="H8066" i="2" s="1"/>
  <c r="D7124" i="2" a="1"/>
  <c r="D7124" i="2" s="1"/>
  <c r="H5197" i="2" a="1"/>
  <c r="H5197" i="2" s="1"/>
  <c r="D6140" i="2" a="1"/>
  <c r="D6140" i="2" s="1"/>
  <c r="D5786" i="2" a="1"/>
  <c r="D5786" i="2" s="1"/>
  <c r="H3886" i="2" a="1"/>
  <c r="H3886" i="2" s="1"/>
  <c r="F150" i="2" a="1"/>
  <c r="F150" i="2" s="1"/>
  <c r="F2850" i="2" a="1"/>
  <c r="F2850" i="2" s="1"/>
  <c r="F2057" i="2" a="1"/>
  <c r="F2057" i="2" s="1"/>
  <c r="F1699" i="2" a="1"/>
  <c r="F1699" i="2" s="1"/>
  <c r="D4400" i="2" a="1"/>
  <c r="D4400" i="2" s="1"/>
  <c r="H5701" i="2" a="1"/>
  <c r="H5701" i="2" s="1"/>
  <c r="F4214" i="2" a="1"/>
  <c r="F4214" i="2" s="1"/>
  <c r="H8592" i="2" a="1"/>
  <c r="H8592" i="2" s="1"/>
  <c r="G2262" i="2" a="1"/>
  <c r="G2262" i="2" s="1"/>
  <c r="H8600" i="2" a="1"/>
  <c r="H8600" i="2" s="1"/>
  <c r="D1967" i="2" a="1"/>
  <c r="D1967" i="2" s="1"/>
  <c r="G2248" i="2" a="1"/>
  <c r="G2248" i="2" s="1"/>
  <c r="H6283" i="2" a="1"/>
  <c r="H6283" i="2" s="1"/>
  <c r="D4389" i="2" a="1"/>
  <c r="D4389" i="2" s="1"/>
  <c r="H5713" i="2" a="1"/>
  <c r="H5713" i="2" s="1"/>
  <c r="H5700" i="2" a="1"/>
  <c r="H5700" i="2" s="1"/>
  <c r="H6930" i="2" a="1"/>
  <c r="H6930" i="2" s="1"/>
  <c r="H563" i="2" a="1"/>
  <c r="H563" i="2" s="1"/>
  <c r="AO313" i="1"/>
  <c r="E319" i="5" s="1"/>
  <c r="F713" i="2" a="1"/>
  <c r="F713" i="2" s="1"/>
  <c r="F709" i="2" a="1"/>
  <c r="F709" i="2" s="1"/>
  <c r="D3542" i="2" a="1"/>
  <c r="D3542" i="2" s="1"/>
  <c r="D3561" i="2" a="1"/>
  <c r="D3561" i="2" s="1"/>
  <c r="E6661" i="2" a="1"/>
  <c r="E6661" i="2" s="1"/>
  <c r="D2192" i="2" a="1"/>
  <c r="D2192" i="2" s="1"/>
  <c r="F4228" i="2" a="1"/>
  <c r="F4228" i="2" s="1"/>
  <c r="G2731" i="2" a="1"/>
  <c r="G2731" i="2" s="1"/>
  <c r="E7613" i="2" a="1"/>
  <c r="E7613" i="2" s="1"/>
  <c r="F8147" i="2" a="1"/>
  <c r="F8147" i="2" s="1"/>
  <c r="F8158" i="2" a="1"/>
  <c r="F8158" i="2" s="1"/>
  <c r="D5126" i="2" a="1"/>
  <c r="D5126" i="2" s="1"/>
  <c r="D4563" i="2" a="1"/>
  <c r="D4563" i="2" s="1"/>
  <c r="G5518" i="2" a="1"/>
  <c r="G5518" i="2" s="1"/>
  <c r="G5513" i="2" a="1"/>
  <c r="G5513" i="2" s="1"/>
  <c r="D2286" i="2" a="1"/>
  <c r="D2286" i="2" s="1"/>
  <c r="E6504" i="2" a="1"/>
  <c r="E6504" i="2" s="1"/>
  <c r="D2641" i="2" a="1"/>
  <c r="D2641" i="2" s="1"/>
  <c r="D3121" i="2" a="1"/>
  <c r="D3121" i="2" s="1"/>
  <c r="AM130" i="1"/>
  <c r="C136" i="5" s="1"/>
  <c r="G7457" i="2" a="1"/>
  <c r="G7457" i="2" s="1"/>
  <c r="E7968" i="2" a="1"/>
  <c r="E7968" i="2" s="1"/>
  <c r="E5644" i="2" a="1"/>
  <c r="E5644" i="2" s="1"/>
  <c r="H4615" i="2" a="1"/>
  <c r="H4615" i="2" s="1"/>
  <c r="E4797" i="2" a="1"/>
  <c r="E4797" i="2" s="1"/>
  <c r="F6788" i="2" a="1"/>
  <c r="F6788" i="2" s="1"/>
  <c r="F422" i="2" a="1"/>
  <c r="F422" i="2" s="1"/>
  <c r="E7128" i="2" a="1"/>
  <c r="E7128" i="2" s="1"/>
  <c r="F3868" i="2" a="1"/>
  <c r="F3868" i="2" s="1"/>
  <c r="F6734" i="2" a="1"/>
  <c r="F6734" i="2" s="1"/>
  <c r="G5287" i="2" a="1"/>
  <c r="G5287" i="2" s="1"/>
  <c r="D6609" i="2" a="1"/>
  <c r="D6609" i="2" s="1"/>
  <c r="G6944" i="2" a="1"/>
  <c r="G6944" i="2" s="1"/>
  <c r="H4931" i="2" a="1"/>
  <c r="H4931" i="2" s="1"/>
  <c r="F5299" i="2" a="1"/>
  <c r="F5299" i="2" s="1"/>
  <c r="E86" i="2" a="1"/>
  <c r="E86" i="2" s="1"/>
  <c r="E110" i="2" a="1"/>
  <c r="E110" i="2" s="1"/>
  <c r="G8272" i="2" a="1"/>
  <c r="G8272" i="2" s="1"/>
  <c r="G3983" i="2" a="1"/>
  <c r="G3983" i="2" s="1"/>
  <c r="E5778" i="2" a="1"/>
  <c r="E5778" i="2" s="1"/>
  <c r="H6739" i="2" a="1"/>
  <c r="H6739" i="2" s="1"/>
  <c r="AM304" i="1"/>
  <c r="D3711" i="2" a="1"/>
  <c r="D3711" i="2" s="1"/>
  <c r="H8057" i="2" a="1"/>
  <c r="H8057" i="2" s="1"/>
  <c r="D7136" i="2" a="1"/>
  <c r="D7136" i="2" s="1"/>
  <c r="H5204" i="2" a="1"/>
  <c r="H5204" i="2" s="1"/>
  <c r="G451" i="2" a="1"/>
  <c r="G451" i="2" s="1"/>
  <c r="D6130" i="2" a="1"/>
  <c r="D6130" i="2" s="1"/>
  <c r="D5780" i="2" a="1"/>
  <c r="D5780" i="2" s="1"/>
  <c r="F138" i="2" a="1"/>
  <c r="F138" i="2" s="1"/>
  <c r="F2851" i="2" a="1"/>
  <c r="F2851" i="2" s="1"/>
  <c r="G4281" i="2" a="1"/>
  <c r="G4281" i="2" s="1"/>
  <c r="H7827" i="2" a="1"/>
  <c r="H7827" i="2" s="1"/>
  <c r="H7516" i="2" a="1"/>
  <c r="H7516" i="2" s="1"/>
  <c r="F7388" i="2" a="1"/>
  <c r="F7388" i="2" s="1"/>
  <c r="E8745" i="2" a="1"/>
  <c r="E8745" i="2" s="1"/>
  <c r="H5702" i="2" a="1"/>
  <c r="H5702" i="2" s="1"/>
  <c r="H6926" i="2" a="1"/>
  <c r="H6926" i="2" s="1"/>
  <c r="H578" i="2" a="1"/>
  <c r="H578" i="2" s="1"/>
  <c r="F712" i="2" a="1"/>
  <c r="F712" i="2" s="1"/>
  <c r="H8581" i="2" a="1"/>
  <c r="H8581" i="2" s="1"/>
  <c r="D1965" i="2" a="1"/>
  <c r="D1965" i="2" s="1"/>
  <c r="G2255" i="2" a="1"/>
  <c r="G2255" i="2" s="1"/>
  <c r="H6294" i="2" a="1"/>
  <c r="H6294" i="2" s="1"/>
  <c r="D4384" i="2" a="1"/>
  <c r="D4384" i="2" s="1"/>
  <c r="H5720" i="2" a="1"/>
  <c r="H5720" i="2" s="1"/>
  <c r="H6925" i="2" a="1"/>
  <c r="H6925" i="2" s="1"/>
  <c r="H575" i="2" a="1"/>
  <c r="H575" i="2" s="1"/>
  <c r="F729" i="2" a="1"/>
  <c r="F729" i="2" s="1"/>
  <c r="F728" i="2" a="1"/>
  <c r="F728" i="2" s="1"/>
  <c r="D3538" i="2" a="1"/>
  <c r="D3538" i="2" s="1"/>
  <c r="D3546" i="2" a="1"/>
  <c r="D3546" i="2" s="1"/>
  <c r="E6680" i="2" a="1"/>
  <c r="E6680" i="2" s="1"/>
  <c r="D2174" i="2" a="1"/>
  <c r="D2174" i="2" s="1"/>
  <c r="F4219" i="2" a="1"/>
  <c r="F4219" i="2" s="1"/>
  <c r="G2737" i="2" a="1"/>
  <c r="G2737" i="2" s="1"/>
  <c r="E7606" i="2" a="1"/>
  <c r="E7606" i="2" s="1"/>
  <c r="F8165" i="2" a="1"/>
  <c r="F8165" i="2" s="1"/>
  <c r="F8153" i="2" a="1"/>
  <c r="F8153" i="2" s="1"/>
  <c r="D5139" i="2" a="1"/>
  <c r="D5139" i="2" s="1"/>
  <c r="G5508" i="2" a="1"/>
  <c r="G5508" i="2" s="1"/>
  <c r="D2281" i="2" a="1"/>
  <c r="D2281" i="2" s="1"/>
  <c r="D2266" i="2" a="1"/>
  <c r="D2266" i="2" s="1"/>
  <c r="E6502" i="2" a="1"/>
  <c r="E6502" i="2" s="1"/>
  <c r="D2644" i="2" a="1"/>
  <c r="D2644" i="2" s="1"/>
  <c r="D3117" i="2" a="1"/>
  <c r="D3117" i="2" s="1"/>
  <c r="AP130" i="1"/>
  <c r="F136" i="5" s="1"/>
  <c r="G7458" i="2" a="1"/>
  <c r="G7458" i="2" s="1"/>
  <c r="E7955" i="2" a="1"/>
  <c r="E7955" i="2" s="1"/>
  <c r="E5632" i="2" a="1"/>
  <c r="E5632" i="2" s="1"/>
  <c r="E4788" i="2" a="1"/>
  <c r="E4788" i="2" s="1"/>
  <c r="AM86" i="1"/>
  <c r="C92" i="5" s="1"/>
  <c r="F435" i="2" a="1"/>
  <c r="F435" i="2" s="1"/>
  <c r="F3854" i="2" a="1"/>
  <c r="F3854" i="2" s="1"/>
  <c r="D6591" i="2" a="1"/>
  <c r="D6591" i="2" s="1"/>
  <c r="G6942" i="2" a="1"/>
  <c r="G6942" i="2" s="1"/>
  <c r="H4932" i="2" a="1"/>
  <c r="H4932" i="2" s="1"/>
  <c r="F5300" i="2" a="1"/>
  <c r="F5300" i="2" s="1"/>
  <c r="E102" i="2" a="1"/>
  <c r="E102" i="2" s="1"/>
  <c r="E109" i="2" a="1"/>
  <c r="E109" i="2" s="1"/>
  <c r="G3987" i="2" a="1"/>
  <c r="G3987" i="2" s="1"/>
  <c r="AQ304" i="1"/>
  <c r="G310" i="5" s="1"/>
  <c r="AM284" i="1"/>
  <c r="C290" i="5" s="1"/>
  <c r="D4204" i="2" a="1"/>
  <c r="D4204" i="2" s="1"/>
  <c r="H8067" i="2" a="1"/>
  <c r="H8067" i="2" s="1"/>
  <c r="D7114" i="2" a="1"/>
  <c r="D7114" i="2" s="1"/>
  <c r="H2275" i="2" a="1"/>
  <c r="H2275" i="2" s="1"/>
  <c r="H5207" i="2" a="1"/>
  <c r="H5207" i="2" s="1"/>
  <c r="F5621" i="2" a="1"/>
  <c r="F5621" i="2" s="1"/>
  <c r="D6153" i="2" a="1"/>
  <c r="D6153" i="2" s="1"/>
  <c r="D5776" i="2" a="1"/>
  <c r="D5776" i="2" s="1"/>
  <c r="F146" i="2" a="1"/>
  <c r="F146" i="2" s="1"/>
  <c r="F2539" i="2" a="1"/>
  <c r="F2539" i="2" s="1"/>
  <c r="H8119" i="2" a="1"/>
  <c r="H8119" i="2" s="1"/>
  <c r="H8116" i="2" a="1"/>
  <c r="H8116" i="2" s="1"/>
  <c r="H8117" i="2" a="1"/>
  <c r="H8117" i="2" s="1"/>
  <c r="H8106" i="2" a="1"/>
  <c r="H8106" i="2" s="1"/>
  <c r="H8101" i="2" a="1"/>
  <c r="H8101" i="2" s="1"/>
  <c r="H8110" i="2" a="1"/>
  <c r="H8110" i="2" s="1"/>
  <c r="H8114" i="2" a="1"/>
  <c r="H8114" i="2" s="1"/>
  <c r="H8118" i="2" a="1"/>
  <c r="H8118" i="2" s="1"/>
  <c r="H8113" i="2" a="1"/>
  <c r="H8113" i="2" s="1"/>
  <c r="H8105" i="2" a="1"/>
  <c r="H8105" i="2" s="1"/>
  <c r="H8111" i="2" a="1"/>
  <c r="H8111" i="2" s="1"/>
  <c r="H8108" i="2" a="1"/>
  <c r="H8108" i="2" s="1"/>
  <c r="H8115" i="2" a="1"/>
  <c r="H8115" i="2" s="1"/>
  <c r="H8109" i="2" a="1"/>
  <c r="H8109" i="2" s="1"/>
  <c r="H8103" i="2" a="1"/>
  <c r="H8103" i="2" s="1"/>
  <c r="H8107" i="2" a="1"/>
  <c r="H8107" i="2" s="1"/>
  <c r="H8120" i="2" a="1"/>
  <c r="H8120" i="2" s="1"/>
  <c r="H8112" i="2" a="1"/>
  <c r="H8112" i="2" s="1"/>
  <c r="H8121" i="2" a="1"/>
  <c r="H8121" i="2" s="1"/>
  <c r="H8590" i="2" a="1"/>
  <c r="H8590" i="2" s="1"/>
  <c r="D1958" i="2" a="1"/>
  <c r="D1958" i="2" s="1"/>
  <c r="D1954" i="2" a="1"/>
  <c r="D1954" i="2" s="1"/>
  <c r="G2247" i="2" a="1"/>
  <c r="G2247" i="2" s="1"/>
  <c r="G2243" i="2" a="1"/>
  <c r="G2243" i="2" s="1"/>
  <c r="H6282" i="2" a="1"/>
  <c r="H6282" i="2" s="1"/>
  <c r="D4391" i="2" a="1"/>
  <c r="D4391" i="2" s="1"/>
  <c r="H5716" i="2" a="1"/>
  <c r="H5716" i="2" s="1"/>
  <c r="H6944" i="2" a="1"/>
  <c r="H6944" i="2" s="1"/>
  <c r="H565" i="2" a="1"/>
  <c r="H565" i="2" s="1"/>
  <c r="F716" i="2" a="1"/>
  <c r="F716" i="2" s="1"/>
  <c r="F726" i="2" a="1"/>
  <c r="F726" i="2" s="1"/>
  <c r="D3554" i="2" a="1"/>
  <c r="D3554" i="2" s="1"/>
  <c r="D3541" i="2" a="1"/>
  <c r="D3541" i="2" s="1"/>
  <c r="E6658" i="2" a="1"/>
  <c r="E6658" i="2" s="1"/>
  <c r="D2171" i="2" a="1"/>
  <c r="D2171" i="2" s="1"/>
  <c r="F4222" i="2" a="1"/>
  <c r="F4222" i="2" s="1"/>
  <c r="G2725" i="2" a="1"/>
  <c r="G2725" i="2" s="1"/>
  <c r="E7617" i="2" a="1"/>
  <c r="E7617" i="2" s="1"/>
  <c r="F8160" i="2" a="1"/>
  <c r="F8160" i="2" s="1"/>
  <c r="D5127" i="2" a="1"/>
  <c r="D5127" i="2" s="1"/>
  <c r="G5511" i="2" a="1"/>
  <c r="G5511" i="2" s="1"/>
  <c r="D2284" i="2" a="1"/>
  <c r="D2284" i="2" s="1"/>
  <c r="D2283" i="2" a="1"/>
  <c r="D2283" i="2" s="1"/>
  <c r="E6513" i="2" a="1"/>
  <c r="E6513" i="2" s="1"/>
  <c r="D2632" i="2" a="1"/>
  <c r="D2632" i="2" s="1"/>
  <c r="D3113" i="2" a="1"/>
  <c r="D3113" i="2" s="1"/>
  <c r="AO130" i="1"/>
  <c r="E136" i="5" s="1"/>
  <c r="G7452" i="2" a="1"/>
  <c r="G7452" i="2" s="1"/>
  <c r="D7396" i="2" a="1"/>
  <c r="D7396" i="2" s="1"/>
  <c r="E4798" i="2" a="1"/>
  <c r="E4798" i="2" s="1"/>
  <c r="AO86" i="1"/>
  <c r="E92" i="5" s="1"/>
  <c r="F431" i="2" a="1"/>
  <c r="F431" i="2" s="1"/>
  <c r="F6739" i="2" a="1"/>
  <c r="F6739" i="2" s="1"/>
  <c r="G784" i="2" a="1"/>
  <c r="G784" i="2" s="1"/>
  <c r="G6924" i="2" a="1"/>
  <c r="G6924" i="2" s="1"/>
  <c r="H4937" i="2" a="1"/>
  <c r="H4937" i="2" s="1"/>
  <c r="F5294" i="2" a="1"/>
  <c r="F5294" i="2" s="1"/>
  <c r="E119" i="2" a="1"/>
  <c r="E119" i="2" s="1"/>
  <c r="G3972" i="2" a="1"/>
  <c r="G3972" i="2" s="1"/>
  <c r="AP304" i="1"/>
  <c r="F310" i="5" s="1"/>
  <c r="AQ284" i="1"/>
  <c r="G290" i="5" s="1"/>
  <c r="D4198" i="2" a="1"/>
  <c r="D4198" i="2" s="1"/>
  <c r="H8062" i="2" a="1"/>
  <c r="H8062" i="2" s="1"/>
  <c r="D7116" i="2" a="1"/>
  <c r="D7116" i="2" s="1"/>
  <c r="H2279" i="2" a="1"/>
  <c r="H2279" i="2" s="1"/>
  <c r="AM345" i="1"/>
  <c r="H5205" i="2" a="1"/>
  <c r="H5205" i="2" s="1"/>
  <c r="F5624" i="2" a="1"/>
  <c r="F5624" i="2" s="1"/>
  <c r="G460" i="2" a="1"/>
  <c r="G460" i="2" s="1"/>
  <c r="D6145" i="2" a="1"/>
  <c r="D6145" i="2" s="1"/>
  <c r="D5772" i="2" a="1"/>
  <c r="D5772" i="2" s="1"/>
  <c r="F692" i="2" a="1"/>
  <c r="F692" i="2" s="1"/>
  <c r="D4796" i="2" a="1"/>
  <c r="D4796" i="2" s="1"/>
  <c r="F2547" i="2" a="1"/>
  <c r="F2547" i="2" s="1"/>
  <c r="E7960" i="2" a="1"/>
  <c r="E7960" i="2" s="1"/>
  <c r="E7975" i="2" a="1"/>
  <c r="E7975" i="2" s="1"/>
  <c r="E7957" i="2" a="1"/>
  <c r="E7957" i="2" s="1"/>
  <c r="E7969" i="2" a="1"/>
  <c r="E7969" i="2" s="1"/>
  <c r="E7956" i="2" a="1"/>
  <c r="E7956" i="2" s="1"/>
  <c r="AN235" i="1"/>
  <c r="D241" i="5" s="1"/>
  <c r="E5639" i="2" a="1"/>
  <c r="E5639" i="2" s="1"/>
  <c r="AM235" i="1"/>
  <c r="C241" i="5" s="1"/>
  <c r="E5640" i="2" a="1"/>
  <c r="E5640" i="2" s="1"/>
  <c r="E5633" i="2" a="1"/>
  <c r="E5633" i="2" s="1"/>
  <c r="E5649" i="2" a="1"/>
  <c r="E5649" i="2" s="1"/>
  <c r="E5630" i="2" a="1"/>
  <c r="E5630" i="2" s="1"/>
  <c r="E5627" i="2" a="1"/>
  <c r="E5627" i="2" s="1"/>
  <c r="G3664" i="2" a="1"/>
  <c r="G3664" i="2" s="1"/>
  <c r="G3666" i="2" a="1"/>
  <c r="G3666" i="2" s="1"/>
  <c r="G3660" i="2" a="1"/>
  <c r="G3660" i="2" s="1"/>
  <c r="G3678" i="2" a="1"/>
  <c r="G3678" i="2" s="1"/>
  <c r="G3676" i="2" a="1"/>
  <c r="G3676" i="2" s="1"/>
  <c r="G3679" i="2" a="1"/>
  <c r="G3679" i="2" s="1"/>
  <c r="G3669" i="2" a="1"/>
  <c r="G3669" i="2" s="1"/>
  <c r="G3674" i="2" a="1"/>
  <c r="G3674" i="2" s="1"/>
  <c r="G3658" i="2" a="1"/>
  <c r="G3658" i="2" s="1"/>
  <c r="G3668" i="2" a="1"/>
  <c r="G3668" i="2" s="1"/>
  <c r="G3671" i="2" a="1"/>
  <c r="G3671" i="2" s="1"/>
  <c r="G3677" i="2" a="1"/>
  <c r="G3677" i="2" s="1"/>
  <c r="G3680" i="2" a="1"/>
  <c r="G3680" i="2" s="1"/>
  <c r="G3667" i="2" a="1"/>
  <c r="G3667" i="2" s="1"/>
  <c r="G3670" i="2" a="1"/>
  <c r="G3670" i="2" s="1"/>
  <c r="G3673" i="2" a="1"/>
  <c r="G3673" i="2" s="1"/>
  <c r="G3672" i="2" a="1"/>
  <c r="G3672" i="2" s="1"/>
  <c r="G3661" i="2" a="1"/>
  <c r="G3661" i="2" s="1"/>
  <c r="G3681" i="2" a="1"/>
  <c r="G3681" i="2" s="1"/>
  <c r="G3659" i="2" a="1"/>
  <c r="G3659" i="2" s="1"/>
  <c r="G3662" i="2" a="1"/>
  <c r="G3662" i="2" s="1"/>
  <c r="G3663" i="2" a="1"/>
  <c r="G3663" i="2" s="1"/>
  <c r="D2754" i="2" a="1"/>
  <c r="D2754" i="2" s="1"/>
  <c r="D2768" i="2" a="1"/>
  <c r="D2768" i="2" s="1"/>
  <c r="D2752" i="2" a="1"/>
  <c r="D2752" i="2" s="1"/>
  <c r="D2764" i="2" a="1"/>
  <c r="D2764" i="2" s="1"/>
  <c r="D2747" i="2" a="1"/>
  <c r="D2747" i="2" s="1"/>
  <c r="D2751" i="2" a="1"/>
  <c r="D2751" i="2" s="1"/>
  <c r="D2759" i="2" a="1"/>
  <c r="D2759" i="2" s="1"/>
  <c r="D2753" i="2" a="1"/>
  <c r="D2753" i="2" s="1"/>
  <c r="D2765" i="2" a="1"/>
  <c r="D2765" i="2" s="1"/>
  <c r="D2769" i="2" a="1"/>
  <c r="D2769" i="2" s="1"/>
  <c r="D2748" i="2" a="1"/>
  <c r="D2748" i="2" s="1"/>
  <c r="D2756" i="2" a="1"/>
  <c r="D2756" i="2" s="1"/>
  <c r="D2761" i="2" a="1"/>
  <c r="D2761" i="2" s="1"/>
  <c r="D2760" i="2" a="1"/>
  <c r="D2760" i="2" s="1"/>
  <c r="D2746" i="2" a="1"/>
  <c r="D2746" i="2" s="1"/>
  <c r="D2757" i="2" a="1"/>
  <c r="D2757" i="2" s="1"/>
  <c r="D2766" i="2" a="1"/>
  <c r="D2766" i="2" s="1"/>
  <c r="D2749" i="2" a="1"/>
  <c r="D2749" i="2" s="1"/>
  <c r="D2763" i="2" a="1"/>
  <c r="D2763" i="2" s="1"/>
  <c r="G2259" i="2" a="1"/>
  <c r="G2259" i="2" s="1"/>
  <c r="D5138" i="2" a="1"/>
  <c r="D5138" i="2" s="1"/>
  <c r="G5507" i="2" a="1"/>
  <c r="G5507" i="2" s="1"/>
  <c r="D2270" i="2" a="1"/>
  <c r="D2270" i="2" s="1"/>
  <c r="D2287" i="2" a="1"/>
  <c r="D2287" i="2" s="1"/>
  <c r="E6500" i="2" a="1"/>
  <c r="E6500" i="2" s="1"/>
  <c r="D2626" i="2" a="1"/>
  <c r="D2626" i="2" s="1"/>
  <c r="D3120" i="2" a="1"/>
  <c r="D3120" i="2" s="1"/>
  <c r="AQ130" i="1"/>
  <c r="G136" i="5" s="1"/>
  <c r="G7467" i="2" a="1"/>
  <c r="G7467" i="2" s="1"/>
  <c r="E7977" i="2" a="1"/>
  <c r="E7977" i="2" s="1"/>
  <c r="D7392" i="2" a="1"/>
  <c r="D7392" i="2" s="1"/>
  <c r="E5645" i="2" a="1"/>
  <c r="E5645" i="2" s="1"/>
  <c r="E4795" i="2" a="1"/>
  <c r="E4795" i="2" s="1"/>
  <c r="AM153" i="1"/>
  <c r="C159" i="5" s="1"/>
  <c r="F438" i="2" a="1"/>
  <c r="F438" i="2" s="1"/>
  <c r="G790" i="2" a="1"/>
  <c r="G790" i="2" s="1"/>
  <c r="E121" i="2" a="1"/>
  <c r="E121" i="2" s="1"/>
  <c r="D4187" i="2" a="1"/>
  <c r="D4187" i="2" s="1"/>
  <c r="F5607" i="2" a="1"/>
  <c r="F5607" i="2" s="1"/>
  <c r="D5785" i="2" a="1"/>
  <c r="D5785" i="2" s="1"/>
  <c r="D2750" i="2" a="1"/>
  <c r="D2750" i="2" s="1"/>
  <c r="G6804" i="2" a="1"/>
  <c r="G6804" i="2" s="1"/>
  <c r="G7506" i="2" a="1"/>
  <c r="G7506" i="2" s="1"/>
  <c r="G7512" i="2" a="1"/>
  <c r="G7512" i="2" s="1"/>
  <c r="E689" i="2" a="1"/>
  <c r="E689" i="2" s="1"/>
  <c r="E685" i="2" a="1"/>
  <c r="E685" i="2" s="1"/>
  <c r="E686" i="2" a="1"/>
  <c r="E686" i="2" s="1"/>
  <c r="E695" i="2" a="1"/>
  <c r="E695" i="2" s="1"/>
  <c r="E682" i="2" a="1"/>
  <c r="E682" i="2" s="1"/>
  <c r="E692" i="2" a="1"/>
  <c r="E692" i="2" s="1"/>
  <c r="E700" i="2" a="1"/>
  <c r="E700" i="2" s="1"/>
  <c r="E684" i="2" a="1"/>
  <c r="E684" i="2" s="1"/>
  <c r="E702" i="2" a="1"/>
  <c r="E702" i="2" s="1"/>
  <c r="E693" i="2" a="1"/>
  <c r="E693" i="2" s="1"/>
  <c r="E705" i="2" a="1"/>
  <c r="E705" i="2" s="1"/>
  <c r="E703" i="2" a="1"/>
  <c r="E703" i="2" s="1"/>
  <c r="E683" i="2" a="1"/>
  <c r="E683" i="2" s="1"/>
  <c r="E690" i="2" a="1"/>
  <c r="E690" i="2" s="1"/>
  <c r="E699" i="2" a="1"/>
  <c r="E699" i="2" s="1"/>
  <c r="E694" i="2" a="1"/>
  <c r="E694" i="2" s="1"/>
  <c r="E688" i="2" a="1"/>
  <c r="E688" i="2" s="1"/>
  <c r="E704" i="2" a="1"/>
  <c r="E704" i="2" s="1"/>
  <c r="E696" i="2" a="1"/>
  <c r="E696" i="2" s="1"/>
  <c r="E697" i="2" a="1"/>
  <c r="E697" i="2" s="1"/>
  <c r="E701" i="2" a="1"/>
  <c r="E701" i="2" s="1"/>
  <c r="H5699" i="2" a="1"/>
  <c r="H5699" i="2" s="1"/>
  <c r="H6928" i="2" a="1"/>
  <c r="H6928" i="2" s="1"/>
  <c r="H6937" i="2" a="1"/>
  <c r="H6937" i="2" s="1"/>
  <c r="H582" i="2" a="1"/>
  <c r="H582" i="2" s="1"/>
  <c r="F718" i="2" a="1"/>
  <c r="F718" i="2" s="1"/>
  <c r="D3553" i="2" a="1"/>
  <c r="D3553" i="2" s="1"/>
  <c r="E6664" i="2" a="1"/>
  <c r="E6664" i="2" s="1"/>
  <c r="E6672" i="2" a="1"/>
  <c r="E6672" i="2" s="1"/>
  <c r="D2189" i="2" a="1"/>
  <c r="D2189" i="2" s="1"/>
  <c r="F4210" i="2" a="1"/>
  <c r="F4210" i="2" s="1"/>
  <c r="G2745" i="2" a="1"/>
  <c r="G2745" i="2" s="1"/>
  <c r="E7595" i="2" a="1"/>
  <c r="E7595" i="2" s="1"/>
  <c r="F8151" i="2" a="1"/>
  <c r="F8151" i="2" s="1"/>
  <c r="D5134" i="2" a="1"/>
  <c r="D5134" i="2" s="1"/>
  <c r="G5510" i="2" a="1"/>
  <c r="G5510" i="2" s="1"/>
  <c r="D2275" i="2" a="1"/>
  <c r="D2275" i="2" s="1"/>
  <c r="AM95" i="1"/>
  <c r="C101" i="5" s="1"/>
  <c r="D2649" i="2" a="1"/>
  <c r="D2649" i="2" s="1"/>
  <c r="D3111" i="2" a="1"/>
  <c r="D3111" i="2" s="1"/>
  <c r="G7462" i="2" a="1"/>
  <c r="G7462" i="2" s="1"/>
  <c r="E7959" i="2" a="1"/>
  <c r="E7959" i="2" s="1"/>
  <c r="D7391" i="2" a="1"/>
  <c r="D7391" i="2" s="1"/>
  <c r="E5631" i="2" a="1"/>
  <c r="E5631" i="2" s="1"/>
  <c r="E4807" i="2" a="1"/>
  <c r="E4807" i="2" s="1"/>
  <c r="AP153" i="1"/>
  <c r="F159" i="5" s="1"/>
  <c r="F434" i="2" a="1"/>
  <c r="F434" i="2" s="1"/>
  <c r="F6738" i="2" a="1"/>
  <c r="F6738" i="2" s="1"/>
  <c r="G789" i="2" a="1"/>
  <c r="G789" i="2" s="1"/>
  <c r="G6926" i="2" a="1"/>
  <c r="G6926" i="2" s="1"/>
  <c r="F5009" i="2" a="1"/>
  <c r="F5009" i="2" s="1"/>
  <c r="H4953" i="2" a="1"/>
  <c r="H4953" i="2" s="1"/>
  <c r="F5296" i="2" a="1"/>
  <c r="F5296" i="2" s="1"/>
  <c r="E114" i="2" a="1"/>
  <c r="E114" i="2" s="1"/>
  <c r="E4281" i="2" a="1"/>
  <c r="E4281" i="2" s="1"/>
  <c r="D4199" i="2" a="1"/>
  <c r="D4199" i="2" s="1"/>
  <c r="H8050" i="2" a="1"/>
  <c r="H8050" i="2" s="1"/>
  <c r="D7128" i="2" a="1"/>
  <c r="D7128" i="2" s="1"/>
  <c r="H2282" i="2" a="1"/>
  <c r="H2282" i="2" s="1"/>
  <c r="AP345" i="1"/>
  <c r="F351" i="5" s="1"/>
  <c r="D5781" i="2" a="1"/>
  <c r="D5781" i="2" s="1"/>
  <c r="F5785" i="2" a="1"/>
  <c r="F5785" i="2" s="1"/>
  <c r="F691" i="2" a="1"/>
  <c r="F691" i="2" s="1"/>
  <c r="G4698" i="2" a="1"/>
  <c r="G4698" i="2" s="1"/>
  <c r="D7231" i="2" a="1"/>
  <c r="D7231" i="2" s="1"/>
  <c r="E2327" i="2" a="1"/>
  <c r="E2327" i="2" s="1"/>
  <c r="D2755" i="2" a="1"/>
  <c r="D2755" i="2" s="1"/>
  <c r="G3312" i="2" a="1"/>
  <c r="G3312" i="2" s="1"/>
  <c r="E7509" i="2" a="1"/>
  <c r="E7509" i="2" s="1"/>
  <c r="F5892" i="2" a="1"/>
  <c r="F5892" i="2" s="1"/>
  <c r="D7285" i="2" a="1"/>
  <c r="D7285" i="2" s="1"/>
  <c r="D7282" i="2" a="1"/>
  <c r="D7282" i="2" s="1"/>
  <c r="D7292" i="2" a="1"/>
  <c r="D7292" i="2" s="1"/>
  <c r="D7289" i="2" a="1"/>
  <c r="D7289" i="2" s="1"/>
  <c r="D7299" i="2" a="1"/>
  <c r="D7299" i="2" s="1"/>
  <c r="D7303" i="2" a="1"/>
  <c r="D7303" i="2" s="1"/>
  <c r="D7302" i="2" a="1"/>
  <c r="D7302" i="2" s="1"/>
  <c r="D7288" i="2" a="1"/>
  <c r="D7288" i="2" s="1"/>
  <c r="D7295" i="2" a="1"/>
  <c r="D7295" i="2" s="1"/>
  <c r="D7284" i="2" a="1"/>
  <c r="D7284" i="2" s="1"/>
  <c r="D7290" i="2" a="1"/>
  <c r="D7290" i="2" s="1"/>
  <c r="D7297" i="2" a="1"/>
  <c r="D7297" i="2" s="1"/>
  <c r="F5620" i="2" a="1"/>
  <c r="F5620" i="2" s="1"/>
  <c r="F5617" i="2" a="1"/>
  <c r="F5617" i="2" s="1"/>
  <c r="F5609" i="2" a="1"/>
  <c r="F5609" i="2" s="1"/>
  <c r="F5603" i="2" a="1"/>
  <c r="F5603" i="2" s="1"/>
  <c r="F5623" i="2" a="1"/>
  <c r="F5623" i="2" s="1"/>
  <c r="F5613" i="2" a="1"/>
  <c r="F5613" i="2" s="1"/>
  <c r="F5604" i="2" a="1"/>
  <c r="F5604" i="2" s="1"/>
  <c r="F5602" i="2" a="1"/>
  <c r="F5602" i="2" s="1"/>
  <c r="F5614" i="2" a="1"/>
  <c r="F5614" i="2" s="1"/>
  <c r="F5606" i="2" a="1"/>
  <c r="F5606" i="2" s="1"/>
  <c r="F5616" i="2" a="1"/>
  <c r="F5616" i="2" s="1"/>
  <c r="F5622" i="2" a="1"/>
  <c r="F5622" i="2" s="1"/>
  <c r="F5610" i="2" a="1"/>
  <c r="F5610" i="2" s="1"/>
  <c r="F5618" i="2" a="1"/>
  <c r="F5618" i="2" s="1"/>
  <c r="F5619" i="2" a="1"/>
  <c r="F5619" i="2" s="1"/>
  <c r="AO271" i="1"/>
  <c r="E277" i="5" s="1"/>
  <c r="AM271" i="1"/>
  <c r="C277" i="5" s="1"/>
  <c r="G2254" i="2" a="1"/>
  <c r="G2254" i="2" s="1"/>
  <c r="D4401" i="2" a="1"/>
  <c r="D4401" i="2" s="1"/>
  <c r="H5709" i="2" a="1"/>
  <c r="H5709" i="2" s="1"/>
  <c r="H6945" i="2" a="1"/>
  <c r="H6945" i="2" s="1"/>
  <c r="H6941" i="2" a="1"/>
  <c r="H6941" i="2" s="1"/>
  <c r="H567" i="2" a="1"/>
  <c r="H567" i="2" s="1"/>
  <c r="F706" i="2" a="1"/>
  <c r="F706" i="2" s="1"/>
  <c r="D3560" i="2" a="1"/>
  <c r="D3560" i="2" s="1"/>
  <c r="E6670" i="2" a="1"/>
  <c r="E6670" i="2" s="1"/>
  <c r="E6660" i="2" a="1"/>
  <c r="E6660" i="2" s="1"/>
  <c r="D2190" i="2" a="1"/>
  <c r="D2190" i="2" s="1"/>
  <c r="F4229" i="2" a="1"/>
  <c r="F4229" i="2" s="1"/>
  <c r="G2738" i="2" a="1"/>
  <c r="G2738" i="2" s="1"/>
  <c r="E7599" i="2" a="1"/>
  <c r="E7599" i="2" s="1"/>
  <c r="F8162" i="2" a="1"/>
  <c r="F8162" i="2" s="1"/>
  <c r="D5130" i="2" a="1"/>
  <c r="D5130" i="2" s="1"/>
  <c r="G5517" i="2" a="1"/>
  <c r="G5517" i="2" s="1"/>
  <c r="D2288" i="2" a="1"/>
  <c r="D2288" i="2" s="1"/>
  <c r="AO95" i="1"/>
  <c r="E101" i="5" s="1"/>
  <c r="E6505" i="2" a="1"/>
  <c r="E6505" i="2" s="1"/>
  <c r="D2645" i="2" a="1"/>
  <c r="D2645" i="2" s="1"/>
  <c r="D3110" i="2" a="1"/>
  <c r="D3110" i="2" s="1"/>
  <c r="G7473" i="2" a="1"/>
  <c r="G7473" i="2" s="1"/>
  <c r="E7972" i="2" a="1"/>
  <c r="E7972" i="2" s="1"/>
  <c r="D7390" i="2" a="1"/>
  <c r="D7390" i="2" s="1"/>
  <c r="E5643" i="2" a="1"/>
  <c r="E5643" i="2" s="1"/>
  <c r="E4786" i="2" a="1"/>
  <c r="E4786" i="2" s="1"/>
  <c r="AO153" i="1"/>
  <c r="E159" i="5" s="1"/>
  <c r="F441" i="2" a="1"/>
  <c r="F441" i="2" s="1"/>
  <c r="F6735" i="2" a="1"/>
  <c r="F6735" i="2" s="1"/>
  <c r="G798" i="2" a="1"/>
  <c r="G798" i="2" s="1"/>
  <c r="G6940" i="2" a="1"/>
  <c r="G6940" i="2" s="1"/>
  <c r="F5003" i="2" a="1"/>
  <c r="F5003" i="2" s="1"/>
  <c r="H4951" i="2" a="1"/>
  <c r="H4951" i="2" s="1"/>
  <c r="F5292" i="2" a="1"/>
  <c r="F5292" i="2" s="1"/>
  <c r="E107" i="2" a="1"/>
  <c r="E107" i="2" s="1"/>
  <c r="E4262" i="2" a="1"/>
  <c r="E4262" i="2" s="1"/>
  <c r="D4189" i="2" a="1"/>
  <c r="D4189" i="2" s="1"/>
  <c r="H8060" i="2" a="1"/>
  <c r="H8060" i="2" s="1"/>
  <c r="D7134" i="2" a="1"/>
  <c r="D7134" i="2" s="1"/>
  <c r="F5168" i="2" a="1"/>
  <c r="F5168" i="2" s="1"/>
  <c r="H2283" i="2" a="1"/>
  <c r="H2283" i="2" s="1"/>
  <c r="F5625" i="2" a="1"/>
  <c r="F5625" i="2" s="1"/>
  <c r="F5791" i="2" a="1"/>
  <c r="F5791" i="2" s="1"/>
  <c r="F700" i="2" a="1"/>
  <c r="F700" i="2" s="1"/>
  <c r="G4706" i="2" a="1"/>
  <c r="G4706" i="2" s="1"/>
  <c r="H1431" i="2" a="1"/>
  <c r="H1431" i="2" s="1"/>
  <c r="D7227" i="2" a="1"/>
  <c r="D7227" i="2" s="1"/>
  <c r="E1810" i="2" a="1"/>
  <c r="E1810" i="2" s="1"/>
  <c r="D2767" i="2" a="1"/>
  <c r="D2767" i="2" s="1"/>
  <c r="F7623" i="2" a="1"/>
  <c r="F7623" i="2" s="1"/>
  <c r="H669" i="2" a="1"/>
  <c r="H669" i="2" s="1"/>
  <c r="G1257" i="2" a="1"/>
  <c r="G1257" i="2" s="1"/>
  <c r="G1244" i="2" a="1"/>
  <c r="G1244" i="2" s="1"/>
  <c r="G1241" i="2" a="1"/>
  <c r="G1241" i="2" s="1"/>
  <c r="G1237" i="2" a="1"/>
  <c r="G1237" i="2" s="1"/>
  <c r="G1234" i="2" a="1"/>
  <c r="G1234" i="2" s="1"/>
  <c r="G1255" i="2" a="1"/>
  <c r="G1255" i="2" s="1"/>
  <c r="G1247" i="2" a="1"/>
  <c r="G1247" i="2" s="1"/>
  <c r="G1250" i="2" a="1"/>
  <c r="G1250" i="2" s="1"/>
  <c r="G1251" i="2" a="1"/>
  <c r="G1251" i="2" s="1"/>
  <c r="G1252" i="2" a="1"/>
  <c r="G1252" i="2" s="1"/>
  <c r="G1248" i="2" a="1"/>
  <c r="G1248" i="2" s="1"/>
  <c r="G1236" i="2" a="1"/>
  <c r="G1236" i="2" s="1"/>
  <c r="G1254" i="2" a="1"/>
  <c r="G1254" i="2" s="1"/>
  <c r="G1238" i="2" a="1"/>
  <c r="G1238" i="2" s="1"/>
  <c r="G1245" i="2" a="1"/>
  <c r="G1245" i="2" s="1"/>
  <c r="G1246" i="2" a="1"/>
  <c r="G1246" i="2" s="1"/>
  <c r="G1240" i="2" a="1"/>
  <c r="G1240" i="2" s="1"/>
  <c r="G1249" i="2" a="1"/>
  <c r="G1249" i="2" s="1"/>
  <c r="D1957" i="2" a="1"/>
  <c r="D1957" i="2" s="1"/>
  <c r="D4395" i="2" a="1"/>
  <c r="D4395" i="2" s="1"/>
  <c r="H6943" i="2" a="1"/>
  <c r="H6943" i="2" s="1"/>
  <c r="D3540" i="2" a="1"/>
  <c r="D3540" i="2" s="1"/>
  <c r="H8578" i="2" a="1"/>
  <c r="H8578" i="2" s="1"/>
  <c r="D4390" i="2" a="1"/>
  <c r="D4390" i="2" s="1"/>
  <c r="H8586" i="2" a="1"/>
  <c r="H8586" i="2" s="1"/>
  <c r="D1970" i="2" a="1"/>
  <c r="D1970" i="2" s="1"/>
  <c r="H6280" i="2" a="1"/>
  <c r="H6280" i="2" s="1"/>
  <c r="F710" i="2" a="1"/>
  <c r="F710" i="2" s="1"/>
  <c r="D2185" i="2" a="1"/>
  <c r="D2185" i="2" s="1"/>
  <c r="F4216" i="2" a="1"/>
  <c r="F4216" i="2" s="1"/>
  <c r="G2722" i="2" a="1"/>
  <c r="G2722" i="2" s="1"/>
  <c r="E7609" i="2" a="1"/>
  <c r="E7609" i="2" s="1"/>
  <c r="F8155" i="2" a="1"/>
  <c r="F8155" i="2" s="1"/>
  <c r="D5122" i="2" a="1"/>
  <c r="D5122" i="2" s="1"/>
  <c r="G5524" i="2" a="1"/>
  <c r="G5524" i="2" s="1"/>
  <c r="D2274" i="2" a="1"/>
  <c r="D2274" i="2" s="1"/>
  <c r="AN95" i="1"/>
  <c r="D101" i="5" s="1"/>
  <c r="E6499" i="2" a="1"/>
  <c r="E6499" i="2" s="1"/>
  <c r="D2640" i="2" a="1"/>
  <c r="D2640" i="2" s="1"/>
  <c r="D2633" i="2" a="1"/>
  <c r="D2633" i="2" s="1"/>
  <c r="D3115" i="2" a="1"/>
  <c r="D3115" i="2" s="1"/>
  <c r="G7456" i="2" a="1"/>
  <c r="G7456" i="2" s="1"/>
  <c r="E7965" i="2" a="1"/>
  <c r="E7965" i="2" s="1"/>
  <c r="D7394" i="2" a="1"/>
  <c r="D7394" i="2" s="1"/>
  <c r="E5638" i="2" a="1"/>
  <c r="E5638" i="2" s="1"/>
  <c r="AN153" i="1"/>
  <c r="D159" i="5" s="1"/>
  <c r="F430" i="2" a="1"/>
  <c r="F430" i="2" s="1"/>
  <c r="G779" i="2" a="1"/>
  <c r="G779" i="2" s="1"/>
  <c r="F5007" i="2" a="1"/>
  <c r="F5007" i="2" s="1"/>
  <c r="H4930" i="2" a="1"/>
  <c r="H4930" i="2" s="1"/>
  <c r="F5310" i="2" a="1"/>
  <c r="F5310" i="2" s="1"/>
  <c r="E85" i="2" a="1"/>
  <c r="E85" i="2" s="1"/>
  <c r="D4186" i="2" a="1"/>
  <c r="D4186" i="2" s="1"/>
  <c r="D3723" i="2" a="1"/>
  <c r="D3723" i="2" s="1"/>
  <c r="H8052" i="2" a="1"/>
  <c r="H8052" i="2" s="1"/>
  <c r="D7137" i="2" a="1"/>
  <c r="D7137" i="2" s="1"/>
  <c r="F5149" i="2" a="1"/>
  <c r="F5149" i="2" s="1"/>
  <c r="H2274" i="2" a="1"/>
  <c r="H2274" i="2" s="1"/>
  <c r="AO221" i="1"/>
  <c r="E227" i="5" s="1"/>
  <c r="F5611" i="2" a="1"/>
  <c r="F5611" i="2" s="1"/>
  <c r="F5771" i="2" a="1"/>
  <c r="F5771" i="2" s="1"/>
  <c r="H1427" i="2" a="1"/>
  <c r="H1427" i="2" s="1"/>
  <c r="E1816" i="2" a="1"/>
  <c r="E1816" i="2" s="1"/>
  <c r="D2758" i="2" a="1"/>
  <c r="D2758" i="2" s="1"/>
  <c r="F7618" i="2" a="1"/>
  <c r="F7618" i="2" s="1"/>
  <c r="H668" i="2" a="1"/>
  <c r="H668" i="2" s="1"/>
  <c r="D6583" i="2" a="1"/>
  <c r="D6583" i="2" s="1"/>
  <c r="H2871" i="2" a="1"/>
  <c r="H2871" i="2" s="1"/>
  <c r="H2555" i="2" a="1"/>
  <c r="H2555" i="2" s="1"/>
  <c r="H3889" i="2" a="1"/>
  <c r="H3889" i="2" s="1"/>
  <c r="H3885" i="2" a="1"/>
  <c r="H3885" i="2" s="1"/>
  <c r="H3891" i="2" a="1"/>
  <c r="H3891" i="2" s="1"/>
  <c r="H3877" i="2" a="1"/>
  <c r="H3877" i="2" s="1"/>
  <c r="H3882" i="2" a="1"/>
  <c r="H3882" i="2" s="1"/>
  <c r="H3883" i="2" a="1"/>
  <c r="H3883" i="2" s="1"/>
  <c r="H3893" i="2" a="1"/>
  <c r="H3893" i="2" s="1"/>
  <c r="H3880" i="2" a="1"/>
  <c r="H3880" i="2" s="1"/>
  <c r="H3887" i="2" a="1"/>
  <c r="H3887" i="2" s="1"/>
  <c r="H3878" i="2" a="1"/>
  <c r="H3878" i="2" s="1"/>
  <c r="H3879" i="2" a="1"/>
  <c r="H3879" i="2" s="1"/>
  <c r="H3896" i="2" a="1"/>
  <c r="H3896" i="2" s="1"/>
  <c r="H3892" i="2" a="1"/>
  <c r="H3892" i="2" s="1"/>
  <c r="H3876" i="2" a="1"/>
  <c r="H3876" i="2" s="1"/>
  <c r="H3881" i="2" a="1"/>
  <c r="H3881" i="2" s="1"/>
  <c r="E4279" i="2" a="1"/>
  <c r="E4279" i="2" s="1"/>
  <c r="E4275" i="2" a="1"/>
  <c r="E4275" i="2" s="1"/>
  <c r="E4261" i="2" a="1"/>
  <c r="E4261" i="2" s="1"/>
  <c r="E4263" i="2" a="1"/>
  <c r="E4263" i="2" s="1"/>
  <c r="E4277" i="2" a="1"/>
  <c r="E4277" i="2" s="1"/>
  <c r="E4278" i="2" a="1"/>
  <c r="E4278" i="2" s="1"/>
  <c r="E4268" i="2" a="1"/>
  <c r="E4268" i="2" s="1"/>
  <c r="E4258" i="2" a="1"/>
  <c r="E4258" i="2" s="1"/>
  <c r="E4274" i="2" a="1"/>
  <c r="E4274" i="2" s="1"/>
  <c r="E4260" i="2" a="1"/>
  <c r="E4260" i="2" s="1"/>
  <c r="E4269" i="2" a="1"/>
  <c r="E4269" i="2" s="1"/>
  <c r="E4267" i="2" a="1"/>
  <c r="E4267" i="2" s="1"/>
  <c r="E4806" i="2" a="1"/>
  <c r="E4806" i="2" s="1"/>
  <c r="E4794" i="2" a="1"/>
  <c r="E4794" i="2" s="1"/>
  <c r="E4792" i="2" a="1"/>
  <c r="E4792" i="2" s="1"/>
  <c r="E4803" i="2" a="1"/>
  <c r="E4803" i="2" s="1"/>
  <c r="E4802" i="2" a="1"/>
  <c r="E4802" i="2" s="1"/>
  <c r="E4808" i="2" a="1"/>
  <c r="E4808" i="2" s="1"/>
  <c r="H6942" i="2" a="1"/>
  <c r="H6942" i="2" s="1"/>
  <c r="E7616" i="2" a="1"/>
  <c r="E7616" i="2" s="1"/>
  <c r="D1972" i="2" a="1"/>
  <c r="D1972" i="2" s="1"/>
  <c r="D1969" i="2" a="1"/>
  <c r="D1969" i="2" s="1"/>
  <c r="AM82" i="1"/>
  <c r="C88" i="5" s="1"/>
  <c r="G2242" i="2" a="1"/>
  <c r="G2242" i="2" s="1"/>
  <c r="H8588" i="2" a="1"/>
  <c r="H8588" i="2" s="1"/>
  <c r="AQ82" i="1"/>
  <c r="G88" i="5" s="1"/>
  <c r="AN332" i="1"/>
  <c r="D338" i="5" s="1"/>
  <c r="D3539" i="2" a="1"/>
  <c r="D3539" i="2" s="1"/>
  <c r="E6659" i="2" a="1"/>
  <c r="E6659" i="2" s="1"/>
  <c r="H8599" i="2" a="1"/>
  <c r="H8599" i="2" s="1"/>
  <c r="AN82" i="1"/>
  <c r="D88" i="5" s="1"/>
  <c r="H571" i="2" a="1"/>
  <c r="H571" i="2" s="1"/>
  <c r="F707" i="2" a="1"/>
  <c r="F707" i="2" s="1"/>
  <c r="D3549" i="2" a="1"/>
  <c r="D3549" i="2" s="1"/>
  <c r="E6663" i="2" a="1"/>
  <c r="E6663" i="2" s="1"/>
  <c r="D2187" i="2" a="1"/>
  <c r="D2187" i="2" s="1"/>
  <c r="F4232" i="2" a="1"/>
  <c r="F4232" i="2" s="1"/>
  <c r="F4218" i="2" a="1"/>
  <c r="F4218" i="2" s="1"/>
  <c r="G2726" i="2" a="1"/>
  <c r="G2726" i="2" s="1"/>
  <c r="G2744" i="2" a="1"/>
  <c r="G2744" i="2" s="1"/>
  <c r="E7604" i="2" a="1"/>
  <c r="E7604" i="2" s="1"/>
  <c r="AM62" i="1"/>
  <c r="C68" i="5" s="1"/>
  <c r="F8156" i="2" a="1"/>
  <c r="F8156" i="2" s="1"/>
  <c r="D5136" i="2" a="1"/>
  <c r="D5136" i="2" s="1"/>
  <c r="G5521" i="2" a="1"/>
  <c r="G5521" i="2" s="1"/>
  <c r="D2267" i="2" a="1"/>
  <c r="D2267" i="2" s="1"/>
  <c r="AP95" i="1"/>
  <c r="E6511" i="2" a="1"/>
  <c r="E6511" i="2" s="1"/>
  <c r="D2628" i="2" a="1"/>
  <c r="D2628" i="2" s="1"/>
  <c r="D2629" i="2" a="1"/>
  <c r="D2629" i="2" s="1"/>
  <c r="D3122" i="2" a="1"/>
  <c r="D3122" i="2" s="1"/>
  <c r="G7461" i="2" a="1"/>
  <c r="G7461" i="2" s="1"/>
  <c r="E7962" i="2" a="1"/>
  <c r="E7962" i="2" s="1"/>
  <c r="D7379" i="2" a="1"/>
  <c r="D7379" i="2" s="1"/>
  <c r="E5628" i="2" a="1"/>
  <c r="E5628" i="2" s="1"/>
  <c r="H4614" i="2" a="1"/>
  <c r="H4614" i="2" s="1"/>
  <c r="E4787" i="2" a="1"/>
  <c r="E4787" i="2" s="1"/>
  <c r="AQ153" i="1"/>
  <c r="G159" i="5" s="1"/>
  <c r="F6800" i="2" a="1"/>
  <c r="F6800" i="2" s="1"/>
  <c r="F421" i="2" a="1"/>
  <c r="F421" i="2" s="1"/>
  <c r="E7130" i="2" a="1"/>
  <c r="E7130" i="2" s="1"/>
  <c r="F3862" i="2" a="1"/>
  <c r="F3862" i="2" s="1"/>
  <c r="F6737" i="2" a="1"/>
  <c r="F6737" i="2" s="1"/>
  <c r="G5269" i="2" a="1"/>
  <c r="G5269" i="2" s="1"/>
  <c r="G782" i="2" a="1"/>
  <c r="G782" i="2" s="1"/>
  <c r="G6934" i="2" a="1"/>
  <c r="G6934" i="2" s="1"/>
  <c r="F5020" i="2" a="1"/>
  <c r="F5020" i="2" s="1"/>
  <c r="H4947" i="2" a="1"/>
  <c r="H4947" i="2" s="1"/>
  <c r="F5291" i="2" a="1"/>
  <c r="F5291" i="2" s="1"/>
  <c r="E87" i="2" a="1"/>
  <c r="E87" i="2" s="1"/>
  <c r="F1188" i="2" a="1"/>
  <c r="F1188" i="2" s="1"/>
  <c r="H6738" i="2" a="1"/>
  <c r="H6738" i="2" s="1"/>
  <c r="D7304" i="2" a="1"/>
  <c r="D7304" i="2" s="1"/>
  <c r="E4270" i="2" a="1"/>
  <c r="E4270" i="2" s="1"/>
  <c r="D4208" i="2" a="1"/>
  <c r="D4208" i="2" s="1"/>
  <c r="D3729" i="2" a="1"/>
  <c r="D3729" i="2" s="1"/>
  <c r="H8069" i="2" a="1"/>
  <c r="H8069" i="2" s="1"/>
  <c r="D7129" i="2" a="1"/>
  <c r="D7129" i="2" s="1"/>
  <c r="F5162" i="2" a="1"/>
  <c r="F5162" i="2" s="1"/>
  <c r="H2268" i="2" a="1"/>
  <c r="H2268" i="2" s="1"/>
  <c r="F5615" i="2" a="1"/>
  <c r="F5615" i="2" s="1"/>
  <c r="D169" i="2" a="1"/>
  <c r="D169" i="2" s="1"/>
  <c r="F6951" i="2" a="1"/>
  <c r="F6951" i="2" s="1"/>
  <c r="F5784" i="2" a="1"/>
  <c r="F5784" i="2" s="1"/>
  <c r="H1449" i="2" a="1"/>
  <c r="H1449" i="2" s="1"/>
  <c r="H8379" i="2" a="1"/>
  <c r="H8379" i="2" s="1"/>
  <c r="D361" i="2" a="1"/>
  <c r="D361" i="2" s="1"/>
  <c r="E1811" i="2" a="1"/>
  <c r="E1811" i="2" s="1"/>
  <c r="H6267" i="2" a="1"/>
  <c r="H6267" i="2" s="1"/>
  <c r="D6562" i="2" a="1"/>
  <c r="D6562" i="2" s="1"/>
  <c r="H2874" i="2" a="1"/>
  <c r="H2874" i="2" s="1"/>
  <c r="G8618" i="2" a="1"/>
  <c r="G8618" i="2" s="1"/>
  <c r="G8614" i="2" a="1"/>
  <c r="G8614" i="2" s="1"/>
  <c r="G8603" i="2" a="1"/>
  <c r="G8603" i="2" s="1"/>
  <c r="G8616" i="2" a="1"/>
  <c r="G8616" i="2" s="1"/>
  <c r="G8620" i="2" a="1"/>
  <c r="G8620" i="2" s="1"/>
  <c r="G8619" i="2" a="1"/>
  <c r="G8619" i="2" s="1"/>
  <c r="G8605" i="2" a="1"/>
  <c r="G8605" i="2" s="1"/>
  <c r="G8611" i="2" a="1"/>
  <c r="G8611" i="2" s="1"/>
  <c r="G8623" i="2" a="1"/>
  <c r="G8623" i="2" s="1"/>
  <c r="G8606" i="2" a="1"/>
  <c r="G8606" i="2" s="1"/>
  <c r="G8608" i="2" a="1"/>
  <c r="G8608" i="2" s="1"/>
  <c r="G8602" i="2" a="1"/>
  <c r="G8602" i="2" s="1"/>
  <c r="G8621" i="2" a="1"/>
  <c r="G8621" i="2" s="1"/>
  <c r="G8617" i="2" a="1"/>
  <c r="G8617" i="2" s="1"/>
  <c r="G8612" i="2" a="1"/>
  <c r="G8612" i="2" s="1"/>
  <c r="G8609" i="2" a="1"/>
  <c r="G8609" i="2" s="1"/>
  <c r="G8615" i="2" a="1"/>
  <c r="G8615" i="2" s="1"/>
  <c r="G8610" i="2" a="1"/>
  <c r="G8610" i="2" s="1"/>
  <c r="G8604" i="2" a="1"/>
  <c r="G8604" i="2" s="1"/>
  <c r="G8622" i="2" a="1"/>
  <c r="G8622" i="2" s="1"/>
  <c r="G8624" i="2" a="1"/>
  <c r="G8624" i="2" s="1"/>
  <c r="G4700" i="2" a="1"/>
  <c r="G4700" i="2" s="1"/>
  <c r="G4713" i="2" a="1"/>
  <c r="G4713" i="2" s="1"/>
  <c r="G4696" i="2" a="1"/>
  <c r="G4696" i="2" s="1"/>
  <c r="G4692" i="2" a="1"/>
  <c r="G4692" i="2" s="1"/>
  <c r="G4694" i="2" a="1"/>
  <c r="G4694" i="2" s="1"/>
  <c r="G4693" i="2" a="1"/>
  <c r="G4693" i="2" s="1"/>
  <c r="G4691" i="2" a="1"/>
  <c r="G4691" i="2" s="1"/>
  <c r="G4705" i="2" a="1"/>
  <c r="G4705" i="2" s="1"/>
  <c r="G4712" i="2" a="1"/>
  <c r="G4712" i="2" s="1"/>
  <c r="G4697" i="2" a="1"/>
  <c r="G4697" i="2" s="1"/>
  <c r="G4702" i="2" a="1"/>
  <c r="G4702" i="2" s="1"/>
  <c r="G4699" i="2" a="1"/>
  <c r="G4699" i="2" s="1"/>
  <c r="G4703" i="2" a="1"/>
  <c r="G4703" i="2" s="1"/>
  <c r="G4711" i="2" a="1"/>
  <c r="G4711" i="2" s="1"/>
  <c r="G4707" i="2" a="1"/>
  <c r="G4707" i="2" s="1"/>
  <c r="G4708" i="2" a="1"/>
  <c r="G4708" i="2" s="1"/>
  <c r="G4709" i="2" a="1"/>
  <c r="G4709" i="2" s="1"/>
  <c r="G4704" i="2" a="1"/>
  <c r="G4704" i="2" s="1"/>
  <c r="G4710" i="2" a="1"/>
  <c r="G4710" i="2" s="1"/>
  <c r="G4701" i="2" a="1"/>
  <c r="G4701" i="2" s="1"/>
  <c r="G4695" i="2" a="1"/>
  <c r="G4695" i="2" s="1"/>
  <c r="D943" i="2" a="1"/>
  <c r="D943" i="2" s="1"/>
  <c r="D924" i="2" a="1"/>
  <c r="D924" i="2" s="1"/>
  <c r="F4230" i="2" a="1"/>
  <c r="F4230" i="2" s="1"/>
  <c r="F8166" i="2" a="1"/>
  <c r="F8166" i="2" s="1"/>
  <c r="G2260" i="2" a="1"/>
  <c r="G2260" i="2" s="1"/>
  <c r="H6297" i="2" a="1"/>
  <c r="H6297" i="2" s="1"/>
  <c r="H8579" i="2" a="1"/>
  <c r="H8579" i="2" s="1"/>
  <c r="H6281" i="2" a="1"/>
  <c r="H6281" i="2" s="1"/>
  <c r="G2246" i="2" a="1"/>
  <c r="G2246" i="2" s="1"/>
  <c r="H8584" i="2" a="1"/>
  <c r="H8584" i="2" s="1"/>
  <c r="H6290" i="2" a="1"/>
  <c r="H6290" i="2" s="1"/>
  <c r="AO332" i="1"/>
  <c r="E338" i="5" s="1"/>
  <c r="D4378" i="2" a="1"/>
  <c r="D4378" i="2" s="1"/>
  <c r="H5706" i="2" a="1"/>
  <c r="H5706" i="2" s="1"/>
  <c r="H6279" i="2" a="1"/>
  <c r="H6279" i="2" s="1"/>
  <c r="AP332" i="1"/>
  <c r="D4380" i="2" a="1"/>
  <c r="D4380" i="2" s="1"/>
  <c r="H5710" i="2" a="1"/>
  <c r="H5710" i="2" s="1"/>
  <c r="H6923" i="2" a="1"/>
  <c r="H6923" i="2" s="1"/>
  <c r="H564" i="2" a="1"/>
  <c r="H564" i="2" s="1"/>
  <c r="F725" i="2" a="1"/>
  <c r="F725" i="2" s="1"/>
  <c r="D3556" i="2" a="1"/>
  <c r="D3556" i="2" s="1"/>
  <c r="E6669" i="2" a="1"/>
  <c r="E6669" i="2" s="1"/>
  <c r="D2176" i="2" a="1"/>
  <c r="D2176" i="2" s="1"/>
  <c r="F4217" i="2" a="1"/>
  <c r="F4217" i="2" s="1"/>
  <c r="F4213" i="2" a="1"/>
  <c r="F4213" i="2" s="1"/>
  <c r="G2730" i="2" a="1"/>
  <c r="G2730" i="2" s="1"/>
  <c r="G2739" i="2" a="1"/>
  <c r="G2739" i="2" s="1"/>
  <c r="E7608" i="2" a="1"/>
  <c r="E7608" i="2" s="1"/>
  <c r="AO62" i="1"/>
  <c r="E68" i="5" s="1"/>
  <c r="F8150" i="2" a="1"/>
  <c r="F8150" i="2" s="1"/>
  <c r="D5128" i="2" a="1"/>
  <c r="D5128" i="2" s="1"/>
  <c r="D4565" i="2" a="1"/>
  <c r="D4565" i="2" s="1"/>
  <c r="G5220" i="2" a="1"/>
  <c r="G5220" i="2" s="1"/>
  <c r="G5528" i="2" a="1"/>
  <c r="G5528" i="2" s="1"/>
  <c r="D2285" i="2" a="1"/>
  <c r="D2285" i="2" s="1"/>
  <c r="AQ95" i="1"/>
  <c r="G101" i="5" s="1"/>
  <c r="E6510" i="2" a="1"/>
  <c r="E6510" i="2" s="1"/>
  <c r="D2648" i="2" a="1"/>
  <c r="D2648" i="2" s="1"/>
  <c r="D2638" i="2" a="1"/>
  <c r="D2638" i="2" s="1"/>
  <c r="D3114" i="2" a="1"/>
  <c r="D3114" i="2" s="1"/>
  <c r="G7451" i="2" a="1"/>
  <c r="G7451" i="2" s="1"/>
  <c r="E7963" i="2" a="1"/>
  <c r="E7963" i="2" s="1"/>
  <c r="D7397" i="2" a="1"/>
  <c r="D7397" i="2" s="1"/>
  <c r="E5634" i="2" a="1"/>
  <c r="E5634" i="2" s="1"/>
  <c r="H4598" i="2" a="1"/>
  <c r="H4598" i="2" s="1"/>
  <c r="E4796" i="2" a="1"/>
  <c r="E4796" i="2" s="1"/>
  <c r="F6797" i="2" a="1"/>
  <c r="F6797" i="2" s="1"/>
  <c r="F432" i="2" a="1"/>
  <c r="F432" i="2" s="1"/>
  <c r="E7121" i="2" a="1"/>
  <c r="E7121" i="2" s="1"/>
  <c r="F3853" i="2" a="1"/>
  <c r="F3853" i="2" s="1"/>
  <c r="F6751" i="2" a="1"/>
  <c r="F6751" i="2" s="1"/>
  <c r="D6590" i="2" a="1"/>
  <c r="D6590" i="2" s="1"/>
  <c r="G6931" i="2" a="1"/>
  <c r="G6931" i="2" s="1"/>
  <c r="F5018" i="2" a="1"/>
  <c r="F5018" i="2" s="1"/>
  <c r="H4945" i="2" a="1"/>
  <c r="H4945" i="2" s="1"/>
  <c r="F5298" i="2" a="1"/>
  <c r="F5298" i="2" s="1"/>
  <c r="E104" i="2" a="1"/>
  <c r="E104" i="2" s="1"/>
  <c r="F1206" i="2" a="1"/>
  <c r="F1206" i="2" s="1"/>
  <c r="H6730" i="2" a="1"/>
  <c r="H6730" i="2" s="1"/>
  <c r="D7300" i="2" a="1"/>
  <c r="D7300" i="2" s="1"/>
  <c r="E4265" i="2" a="1"/>
  <c r="E4265" i="2" s="1"/>
  <c r="D3726" i="2" a="1"/>
  <c r="D3726" i="2" s="1"/>
  <c r="H8061" i="2" a="1"/>
  <c r="H8061" i="2" s="1"/>
  <c r="AM297" i="1"/>
  <c r="C303" i="5" s="1"/>
  <c r="F5164" i="2" a="1"/>
  <c r="F5164" i="2" s="1"/>
  <c r="H2272" i="2" a="1"/>
  <c r="H2272" i="2" s="1"/>
  <c r="F8279" i="2" a="1"/>
  <c r="F8279" i="2" s="1"/>
  <c r="F5608" i="2" a="1"/>
  <c r="F5608" i="2" s="1"/>
  <c r="D158" i="2" a="1"/>
  <c r="D158" i="2" s="1"/>
  <c r="F6959" i="2" a="1"/>
  <c r="F6959" i="2" s="1"/>
  <c r="F5780" i="2" a="1"/>
  <c r="F5780" i="2" s="1"/>
  <c r="H8372" i="2" a="1"/>
  <c r="H8372" i="2" s="1"/>
  <c r="D358" i="2" a="1"/>
  <c r="D358" i="2" s="1"/>
  <c r="E4069" i="2" a="1"/>
  <c r="E4069" i="2" s="1"/>
  <c r="E691" i="2" a="1"/>
  <c r="E691" i="2" s="1"/>
  <c r="H6266" i="2" a="1"/>
  <c r="H6266" i="2" s="1"/>
  <c r="H2868" i="2" a="1"/>
  <c r="H2868" i="2" s="1"/>
  <c r="H7822" i="2" a="1"/>
  <c r="H7822" i="2" s="1"/>
  <c r="H7817" i="2" a="1"/>
  <c r="H7817" i="2" s="1"/>
  <c r="H7824" i="2" a="1"/>
  <c r="H7824" i="2" s="1"/>
  <c r="H7829" i="2" a="1"/>
  <c r="H7829" i="2" s="1"/>
  <c r="H7815" i="2" a="1"/>
  <c r="H7815" i="2" s="1"/>
  <c r="H7820" i="2" a="1"/>
  <c r="H7820" i="2" s="1"/>
  <c r="H7828" i="2" a="1"/>
  <c r="H7828" i="2" s="1"/>
  <c r="H7826" i="2" a="1"/>
  <c r="H7826" i="2" s="1"/>
  <c r="H7813" i="2" a="1"/>
  <c r="H7813" i="2" s="1"/>
  <c r="H7819" i="2" a="1"/>
  <c r="H7819" i="2" s="1"/>
  <c r="H7831" i="2" a="1"/>
  <c r="H7831" i="2" s="1"/>
  <c r="H7823" i="2" a="1"/>
  <c r="H7823" i="2" s="1"/>
  <c r="H7811" i="2" a="1"/>
  <c r="H7811" i="2" s="1"/>
  <c r="H7818" i="2" a="1"/>
  <c r="H7818" i="2" s="1"/>
  <c r="H7830" i="2" a="1"/>
  <c r="H7830" i="2" s="1"/>
  <c r="H7825" i="2" a="1"/>
  <c r="H7825" i="2" s="1"/>
  <c r="H7812" i="2" a="1"/>
  <c r="H7812" i="2" s="1"/>
  <c r="H7832" i="2" a="1"/>
  <c r="H7832" i="2" s="1"/>
  <c r="E5788" i="2" a="1"/>
  <c r="E5788" i="2" s="1"/>
  <c r="E5772" i="2" a="1"/>
  <c r="E5772" i="2" s="1"/>
  <c r="E5777" i="2" a="1"/>
  <c r="E5777" i="2" s="1"/>
  <c r="E5789" i="2" a="1"/>
  <c r="E5789" i="2" s="1"/>
  <c r="E5780" i="2" a="1"/>
  <c r="E5780" i="2" s="1"/>
  <c r="E5770" i="2" a="1"/>
  <c r="E5770" i="2" s="1"/>
  <c r="E5781" i="2" a="1"/>
  <c r="E5781" i="2" s="1"/>
  <c r="E5776" i="2" a="1"/>
  <c r="E5776" i="2" s="1"/>
  <c r="E5786" i="2" a="1"/>
  <c r="E5786" i="2" s="1"/>
  <c r="E5791" i="2" a="1"/>
  <c r="E5791" i="2" s="1"/>
  <c r="E5793" i="2" a="1"/>
  <c r="E5793" i="2" s="1"/>
  <c r="E5774" i="2" a="1"/>
  <c r="E5774" i="2" s="1"/>
  <c r="H1445" i="2" a="1"/>
  <c r="H1445" i="2" s="1"/>
  <c r="H1435" i="2" a="1"/>
  <c r="H1435" i="2" s="1"/>
  <c r="H1426" i="2" a="1"/>
  <c r="H1426" i="2" s="1"/>
  <c r="H1429" i="2" a="1"/>
  <c r="H1429" i="2" s="1"/>
  <c r="H1432" i="2" a="1"/>
  <c r="H1432" i="2" s="1"/>
  <c r="H1448" i="2" a="1"/>
  <c r="H1448" i="2" s="1"/>
  <c r="H1436" i="2" a="1"/>
  <c r="H1436" i="2" s="1"/>
  <c r="H1443" i="2" a="1"/>
  <c r="H1443" i="2" s="1"/>
  <c r="H1447" i="2" a="1"/>
  <c r="H1447" i="2" s="1"/>
  <c r="H1441" i="2" a="1"/>
  <c r="H1441" i="2" s="1"/>
  <c r="H1444" i="2" a="1"/>
  <c r="H1444" i="2" s="1"/>
  <c r="H1434" i="2" a="1"/>
  <c r="H1434" i="2" s="1"/>
  <c r="H1442" i="2" a="1"/>
  <c r="H1442" i="2" s="1"/>
  <c r="H1439" i="2" a="1"/>
  <c r="H1439" i="2" s="1"/>
  <c r="H1446" i="2" a="1"/>
  <c r="H1446" i="2" s="1"/>
  <c r="H1433" i="2" a="1"/>
  <c r="H1433" i="2" s="1"/>
  <c r="G781" i="2" a="1"/>
  <c r="G781" i="2" s="1"/>
  <c r="G797" i="2" a="1"/>
  <c r="G797" i="2" s="1"/>
  <c r="G786" i="2" a="1"/>
  <c r="G786" i="2" s="1"/>
  <c r="G800" i="2" a="1"/>
  <c r="G800" i="2" s="1"/>
  <c r="G794" i="2" a="1"/>
  <c r="G794" i="2" s="1"/>
  <c r="G785" i="2" a="1"/>
  <c r="G785" i="2" s="1"/>
  <c r="G801" i="2" a="1"/>
  <c r="G801" i="2" s="1"/>
  <c r="G787" i="2" a="1"/>
  <c r="G787" i="2" s="1"/>
  <c r="G793" i="2" a="1"/>
  <c r="G793" i="2" s="1"/>
  <c r="G783" i="2" a="1"/>
  <c r="G783" i="2" s="1"/>
  <c r="E4691" i="2" a="1"/>
  <c r="E4691" i="2" s="1"/>
  <c r="E4708" i="2" a="1"/>
  <c r="E4708" i="2" s="1"/>
  <c r="E4692" i="2" a="1"/>
  <c r="E4692" i="2" s="1"/>
  <c r="E4710" i="2" a="1"/>
  <c r="E4710" i="2" s="1"/>
  <c r="E4703" i="2" a="1"/>
  <c r="E4703" i="2" s="1"/>
  <c r="E4696" i="2" a="1"/>
  <c r="E4696" i="2" s="1"/>
  <c r="E4713" i="2" a="1"/>
  <c r="E4713" i="2" s="1"/>
  <c r="E4700" i="2" a="1"/>
  <c r="E4700" i="2" s="1"/>
  <c r="E4712" i="2" a="1"/>
  <c r="E4712" i="2" s="1"/>
  <c r="E4709" i="2" a="1"/>
  <c r="E4709" i="2" s="1"/>
  <c r="E4693" i="2" a="1"/>
  <c r="E4693" i="2" s="1"/>
  <c r="E4697" i="2" a="1"/>
  <c r="E4697" i="2" s="1"/>
  <c r="E4695" i="2" a="1"/>
  <c r="E4695" i="2" s="1"/>
  <c r="G5989" i="2" a="1"/>
  <c r="G5989" i="2" s="1"/>
  <c r="G6009" i="2" a="1"/>
  <c r="G6009" i="2" s="1"/>
  <c r="G5998" i="2" a="1"/>
  <c r="G5998" i="2" s="1"/>
  <c r="G6001" i="2" a="1"/>
  <c r="G6001" i="2" s="1"/>
  <c r="G5994" i="2" a="1"/>
  <c r="G5994" i="2" s="1"/>
  <c r="G5997" i="2" a="1"/>
  <c r="G5997" i="2" s="1"/>
  <c r="G6007" i="2" a="1"/>
  <c r="G6007" i="2" s="1"/>
  <c r="G5988" i="2" a="1"/>
  <c r="G5988" i="2" s="1"/>
  <c r="G6002" i="2" a="1"/>
  <c r="G6002" i="2" s="1"/>
  <c r="G5987" i="2" a="1"/>
  <c r="G5987" i="2" s="1"/>
  <c r="G6004" i="2" a="1"/>
  <c r="G6004" i="2" s="1"/>
  <c r="G5996" i="2" a="1"/>
  <c r="G5996" i="2" s="1"/>
  <c r="G5992" i="2" a="1"/>
  <c r="G5992" i="2" s="1"/>
  <c r="G5999" i="2" a="1"/>
  <c r="G5999" i="2" s="1"/>
  <c r="G6000" i="2" a="1"/>
  <c r="G6000" i="2" s="1"/>
  <c r="G6005" i="2" a="1"/>
  <c r="G6005" i="2" s="1"/>
  <c r="G6008" i="2" a="1"/>
  <c r="G6008" i="2" s="1"/>
  <c r="G5993" i="2" a="1"/>
  <c r="G5993" i="2" s="1"/>
  <c r="G5991" i="2" a="1"/>
  <c r="G5991" i="2" s="1"/>
  <c r="G5986" i="2" a="1"/>
  <c r="G5986" i="2" s="1"/>
  <c r="D4203" i="2" a="1"/>
  <c r="D4203" i="2" s="1"/>
  <c r="D4196" i="2" a="1"/>
  <c r="D4196" i="2" s="1"/>
  <c r="D4195" i="2" a="1"/>
  <c r="D4195" i="2" s="1"/>
  <c r="D4190" i="2" a="1"/>
  <c r="D4190" i="2" s="1"/>
  <c r="D4202" i="2" a="1"/>
  <c r="D4202" i="2" s="1"/>
  <c r="D4197" i="2" a="1"/>
  <c r="D4197" i="2" s="1"/>
  <c r="D4207" i="2" a="1"/>
  <c r="D4207" i="2" s="1"/>
  <c r="D4192" i="2" a="1"/>
  <c r="D4192" i="2" s="1"/>
  <c r="D4194" i="2" a="1"/>
  <c r="D4194" i="2" s="1"/>
  <c r="D4201" i="2" a="1"/>
  <c r="D4201" i="2" s="1"/>
  <c r="H8589" i="2" a="1"/>
  <c r="H8589" i="2" s="1"/>
  <c r="D1961" i="2" a="1"/>
  <c r="D1961" i="2" s="1"/>
  <c r="H5712" i="2" a="1"/>
  <c r="H5712" i="2" s="1"/>
  <c r="E6675" i="2" a="1"/>
  <c r="E6675" i="2" s="1"/>
  <c r="D2191" i="2" a="1"/>
  <c r="D2191" i="2" s="1"/>
  <c r="D1964" i="2" a="1"/>
  <c r="D1964" i="2" s="1"/>
  <c r="G2252" i="2" a="1"/>
  <c r="G2252" i="2" s="1"/>
  <c r="AM332" i="1"/>
  <c r="C338" i="5" s="1"/>
  <c r="AQ332" i="1"/>
  <c r="G338" i="5" s="1"/>
  <c r="H5711" i="2" a="1"/>
  <c r="H5711" i="2" s="1"/>
  <c r="H6939" i="2" a="1"/>
  <c r="H6939" i="2" s="1"/>
  <c r="H577" i="2" a="1"/>
  <c r="H577" i="2" s="1"/>
  <c r="H6924" i="2" a="1"/>
  <c r="H6924" i="2" s="1"/>
  <c r="H8583" i="2" a="1"/>
  <c r="H8583" i="2" s="1"/>
  <c r="D1956" i="2" a="1"/>
  <c r="D1956" i="2" s="1"/>
  <c r="AP82" i="1"/>
  <c r="F88" i="5" s="1"/>
  <c r="G2265" i="2" a="1"/>
  <c r="G2265" i="2" s="1"/>
  <c r="H6274" i="2" a="1"/>
  <c r="H6274" i="2" s="1"/>
  <c r="AM311" i="1"/>
  <c r="C317" i="5" s="1"/>
  <c r="D4388" i="2" a="1"/>
  <c r="D4388" i="2" s="1"/>
  <c r="H5715" i="2" a="1"/>
  <c r="H5715" i="2" s="1"/>
  <c r="H6922" i="2" a="1"/>
  <c r="H6922" i="2" s="1"/>
  <c r="H579" i="2" a="1"/>
  <c r="H579" i="2" s="1"/>
  <c r="F722" i="2" a="1"/>
  <c r="F722" i="2" s="1"/>
  <c r="D3548" i="2" a="1"/>
  <c r="D3548" i="2" s="1"/>
  <c r="E6677" i="2" a="1"/>
  <c r="E6677" i="2" s="1"/>
  <c r="D2186" i="2" a="1"/>
  <c r="D2186" i="2" s="1"/>
  <c r="F4212" i="2" a="1"/>
  <c r="F4212" i="2" s="1"/>
  <c r="F4233" i="2" a="1"/>
  <c r="F4233" i="2" s="1"/>
  <c r="G2723" i="2" a="1"/>
  <c r="G2723" i="2" s="1"/>
  <c r="G2727" i="2" a="1"/>
  <c r="G2727" i="2" s="1"/>
  <c r="E7598" i="2" a="1"/>
  <c r="E7598" i="2" s="1"/>
  <c r="AQ62" i="1"/>
  <c r="G68" i="5" s="1"/>
  <c r="F8169" i="2" a="1"/>
  <c r="F8169" i="2" s="1"/>
  <c r="D5143" i="2" a="1"/>
  <c r="D5143" i="2" s="1"/>
  <c r="D4567" i="2" a="1"/>
  <c r="D4567" i="2" s="1"/>
  <c r="G5506" i="2" a="1"/>
  <c r="G5506" i="2" s="1"/>
  <c r="D2278" i="2" a="1"/>
  <c r="D2278" i="2" s="1"/>
  <c r="E6493" i="2" a="1"/>
  <c r="E6493" i="2" s="1"/>
  <c r="D2627" i="2" a="1"/>
  <c r="D2627" i="2" s="1"/>
  <c r="D2630" i="2" a="1"/>
  <c r="D2630" i="2" s="1"/>
  <c r="D3128" i="2" a="1"/>
  <c r="D3128" i="2" s="1"/>
  <c r="G7455" i="2" a="1"/>
  <c r="G7455" i="2" s="1"/>
  <c r="E7974" i="2" a="1"/>
  <c r="E7974" i="2" s="1"/>
  <c r="E5641" i="2" a="1"/>
  <c r="E5641" i="2" s="1"/>
  <c r="E4793" i="2" a="1"/>
  <c r="E4793" i="2" s="1"/>
  <c r="F6787" i="2" a="1"/>
  <c r="F6787" i="2" s="1"/>
  <c r="F433" i="2" a="1"/>
  <c r="F433" i="2" s="1"/>
  <c r="E7129" i="2" a="1"/>
  <c r="E7129" i="2" s="1"/>
  <c r="F3865" i="2" a="1"/>
  <c r="F3865" i="2" s="1"/>
  <c r="F6753" i="2" a="1"/>
  <c r="F6753" i="2" s="1"/>
  <c r="D6596" i="2" a="1"/>
  <c r="D6596" i="2" s="1"/>
  <c r="G791" i="2" a="1"/>
  <c r="G791" i="2" s="1"/>
  <c r="G6930" i="2" a="1"/>
  <c r="G6930" i="2" s="1"/>
  <c r="F5010" i="2" a="1"/>
  <c r="F5010" i="2" s="1"/>
  <c r="E96" i="2" a="1"/>
  <c r="E96" i="2" s="1"/>
  <c r="E5783" i="2" a="1"/>
  <c r="E5783" i="2" s="1"/>
  <c r="H6733" i="2" a="1"/>
  <c r="H6733" i="2" s="1"/>
  <c r="D7293" i="2" a="1"/>
  <c r="D7293" i="2" s="1"/>
  <c r="E4259" i="2" a="1"/>
  <c r="E4259" i="2" s="1"/>
  <c r="D4209" i="2" a="1"/>
  <c r="D4209" i="2" s="1"/>
  <c r="D3719" i="2" a="1"/>
  <c r="D3719" i="2" s="1"/>
  <c r="H8073" i="2" a="1"/>
  <c r="H8073" i="2" s="1"/>
  <c r="AQ297" i="1"/>
  <c r="G303" i="5" s="1"/>
  <c r="F5155" i="2" a="1"/>
  <c r="F5155" i="2" s="1"/>
  <c r="H2280" i="2" a="1"/>
  <c r="H2280" i="2" s="1"/>
  <c r="F5790" i="2" a="1"/>
  <c r="F5790" i="2" s="1"/>
  <c r="E4702" i="2" a="1"/>
  <c r="E4702" i="2" s="1"/>
  <c r="H8366" i="2" a="1"/>
  <c r="H8366" i="2" s="1"/>
  <c r="E4083" i="2" a="1"/>
  <c r="E4083" i="2" s="1"/>
  <c r="E698" i="2" a="1"/>
  <c r="E698" i="2" s="1"/>
  <c r="H7124" i="2" a="1"/>
  <c r="H7124" i="2" s="1"/>
  <c r="H7125" i="2" a="1"/>
  <c r="H7125" i="2" s="1"/>
  <c r="H7121" i="2" a="1"/>
  <c r="H7121" i="2" s="1"/>
  <c r="H7115" i="2" a="1"/>
  <c r="H7115" i="2" s="1"/>
  <c r="H7126" i="2" a="1"/>
  <c r="H7126" i="2" s="1"/>
  <c r="H7127" i="2" a="1"/>
  <c r="H7127" i="2" s="1"/>
  <c r="H7129" i="2" a="1"/>
  <c r="H7129" i="2" s="1"/>
  <c r="H7135" i="2" a="1"/>
  <c r="H7135" i="2" s="1"/>
  <c r="H7119" i="2" a="1"/>
  <c r="H7119" i="2" s="1"/>
  <c r="H7134" i="2" a="1"/>
  <c r="H7134" i="2" s="1"/>
  <c r="H7131" i="2" a="1"/>
  <c r="H7131" i="2" s="1"/>
  <c r="H7114" i="2" a="1"/>
  <c r="H7114" i="2" s="1"/>
  <c r="H7117" i="2" a="1"/>
  <c r="H7117" i="2" s="1"/>
  <c r="H7118" i="2" a="1"/>
  <c r="H7118" i="2" s="1"/>
  <c r="H7123" i="2" a="1"/>
  <c r="H7123" i="2" s="1"/>
  <c r="H7128" i="2" a="1"/>
  <c r="H7128" i="2" s="1"/>
  <c r="H7137" i="2" a="1"/>
  <c r="H7137" i="2" s="1"/>
  <c r="AM5" i="1"/>
  <c r="C11" i="5" s="1"/>
  <c r="E129" i="2" a="1"/>
  <c r="E129" i="2" s="1"/>
  <c r="E120" i="2" a="1"/>
  <c r="E120" i="2" s="1"/>
  <c r="E113" i="2" a="1"/>
  <c r="E113" i="2" s="1"/>
  <c r="E111" i="2" a="1"/>
  <c r="E111" i="2" s="1"/>
  <c r="E106" i="2" a="1"/>
  <c r="E106" i="2" s="1"/>
  <c r="E108" i="2" a="1"/>
  <c r="E108" i="2" s="1"/>
  <c r="E122" i="2" a="1"/>
  <c r="E122" i="2" s="1"/>
  <c r="E124" i="2" a="1"/>
  <c r="E124" i="2" s="1"/>
  <c r="E118" i="2" a="1"/>
  <c r="E118" i="2" s="1"/>
  <c r="E112" i="2" a="1"/>
  <c r="E112" i="2" s="1"/>
  <c r="E116" i="2" a="1"/>
  <c r="E116" i="2" s="1"/>
  <c r="H7975" i="2" a="1"/>
  <c r="H7975" i="2" s="1"/>
  <c r="H7970" i="2" a="1"/>
  <c r="H7970" i="2" s="1"/>
  <c r="D7401" i="2" a="1"/>
  <c r="D7401" i="2" s="1"/>
  <c r="D7380" i="2" a="1"/>
  <c r="D7380" i="2" s="1"/>
  <c r="D7400" i="2" a="1"/>
  <c r="D7400" i="2" s="1"/>
  <c r="D7385" i="2" a="1"/>
  <c r="D7385" i="2" s="1"/>
  <c r="D7384" i="2" a="1"/>
  <c r="D7384" i="2" s="1"/>
  <c r="D7393" i="2" a="1"/>
  <c r="D7393" i="2" s="1"/>
  <c r="D7387" i="2" a="1"/>
  <c r="D7387" i="2" s="1"/>
  <c r="D7381" i="2" a="1"/>
  <c r="D7381" i="2" s="1"/>
  <c r="H4648" i="2" a="1"/>
  <c r="H4648" i="2" s="1"/>
  <c r="H4661" i="2" a="1"/>
  <c r="H4661" i="2" s="1"/>
  <c r="H4645" i="2" a="1"/>
  <c r="H4645" i="2" s="1"/>
  <c r="H4646" i="2" a="1"/>
  <c r="H4646" i="2" s="1"/>
  <c r="H4655" i="2" a="1"/>
  <c r="H4655" i="2" s="1"/>
  <c r="H4659" i="2" a="1"/>
  <c r="H4659" i="2" s="1"/>
  <c r="H4650" i="2" a="1"/>
  <c r="H4650" i="2" s="1"/>
  <c r="H4643" i="2" a="1"/>
  <c r="H4643" i="2" s="1"/>
  <c r="H4660" i="2" a="1"/>
  <c r="H4660" i="2" s="1"/>
  <c r="H4664" i="2" a="1"/>
  <c r="H4664" i="2" s="1"/>
  <c r="H4663" i="2" a="1"/>
  <c r="H4663" i="2" s="1"/>
  <c r="H4649" i="2" a="1"/>
  <c r="H4649" i="2" s="1"/>
  <c r="H4658" i="2" a="1"/>
  <c r="H4658" i="2" s="1"/>
  <c r="H4653" i="2" a="1"/>
  <c r="H4653" i="2" s="1"/>
  <c r="H6275" i="2" a="1"/>
  <c r="H6275" i="2" s="1"/>
  <c r="H572" i="2" a="1"/>
  <c r="H572" i="2" s="1"/>
  <c r="F715" i="2" a="1"/>
  <c r="F715" i="2" s="1"/>
  <c r="E6676" i="2" a="1"/>
  <c r="E6676" i="2" s="1"/>
  <c r="G2741" i="2" a="1"/>
  <c r="G2741" i="2" s="1"/>
  <c r="H8596" i="2" a="1"/>
  <c r="H8596" i="2" s="1"/>
  <c r="H8601" i="2" a="1"/>
  <c r="H8601" i="2" s="1"/>
  <c r="D4386" i="2" a="1"/>
  <c r="D4386" i="2" s="1"/>
  <c r="H6934" i="2" a="1"/>
  <c r="H6934" i="2" s="1"/>
  <c r="E6674" i="2" a="1"/>
  <c r="E6674" i="2" s="1"/>
  <c r="D1966" i="2" a="1"/>
  <c r="D1966" i="2" s="1"/>
  <c r="G2257" i="2" a="1"/>
  <c r="G2257" i="2" s="1"/>
  <c r="AO82" i="1"/>
  <c r="E88" i="5" s="1"/>
  <c r="G2244" i="2" a="1"/>
  <c r="G2244" i="2" s="1"/>
  <c r="H8587" i="2" a="1"/>
  <c r="H8587" i="2" s="1"/>
  <c r="D1977" i="2" a="1"/>
  <c r="D1977" i="2" s="1"/>
  <c r="H8582" i="2" a="1"/>
  <c r="H8582" i="2" s="1"/>
  <c r="D1962" i="2" a="1"/>
  <c r="D1962" i="2" s="1"/>
  <c r="G2245" i="2" a="1"/>
  <c r="G2245" i="2" s="1"/>
  <c r="H6288" i="2" a="1"/>
  <c r="H6288" i="2" s="1"/>
  <c r="AQ311" i="1"/>
  <c r="G317" i="5" s="1"/>
  <c r="D4396" i="2" a="1"/>
  <c r="D4396" i="2" s="1"/>
  <c r="H5703" i="2" a="1"/>
  <c r="H5703" i="2" s="1"/>
  <c r="H6933" i="2" a="1"/>
  <c r="H6933" i="2" s="1"/>
  <c r="H580" i="2" a="1"/>
  <c r="H580" i="2" s="1"/>
  <c r="F708" i="2" a="1"/>
  <c r="F708" i="2" s="1"/>
  <c r="D3552" i="2" a="1"/>
  <c r="D3552" i="2" s="1"/>
  <c r="E6667" i="2" a="1"/>
  <c r="E6667" i="2" s="1"/>
  <c r="D2180" i="2" a="1"/>
  <c r="D2180" i="2" s="1"/>
  <c r="F4227" i="2" a="1"/>
  <c r="F4227" i="2" s="1"/>
  <c r="F4231" i="2" a="1"/>
  <c r="F4231" i="2" s="1"/>
  <c r="G2732" i="2" a="1"/>
  <c r="G2732" i="2" s="1"/>
  <c r="G2734" i="2" a="1"/>
  <c r="G2734" i="2" s="1"/>
  <c r="E7607" i="2" a="1"/>
  <c r="E7607" i="2" s="1"/>
  <c r="AM227" i="1"/>
  <c r="C233" i="5" s="1"/>
  <c r="AP62" i="1"/>
  <c r="F68" i="5" s="1"/>
  <c r="F8157" i="2" a="1"/>
  <c r="F8157" i="2" s="1"/>
  <c r="D5144" i="2" a="1"/>
  <c r="D5144" i="2" s="1"/>
  <c r="D5135" i="2" a="1"/>
  <c r="D5135" i="2" s="1"/>
  <c r="G5527" i="2" a="1"/>
  <c r="G5527" i="2" s="1"/>
  <c r="D2271" i="2" a="1"/>
  <c r="D2271" i="2" s="1"/>
  <c r="E6491" i="2" a="1"/>
  <c r="E6491" i="2" s="1"/>
  <c r="E6492" i="2" a="1"/>
  <c r="E6492" i="2" s="1"/>
  <c r="D2646" i="2" a="1"/>
  <c r="D2646" i="2" s="1"/>
  <c r="AM110" i="1"/>
  <c r="C116" i="5" s="1"/>
  <c r="D3129" i="2" a="1"/>
  <c r="D3129" i="2" s="1"/>
  <c r="G7464" i="2" a="1"/>
  <c r="G7464" i="2" s="1"/>
  <c r="E7961" i="2" a="1"/>
  <c r="E7961" i="2" s="1"/>
  <c r="D7383" i="2" a="1"/>
  <c r="D7383" i="2" s="1"/>
  <c r="E5648" i="2" a="1"/>
  <c r="E5648" i="2" s="1"/>
  <c r="E4791" i="2" a="1"/>
  <c r="E4791" i="2" s="1"/>
  <c r="F6784" i="2" a="1"/>
  <c r="F6784" i="2" s="1"/>
  <c r="E7120" i="2" a="1"/>
  <c r="E7120" i="2" s="1"/>
  <c r="F3869" i="2" a="1"/>
  <c r="F3869" i="2" s="1"/>
  <c r="F6745" i="2" a="1"/>
  <c r="F6745" i="2" s="1"/>
  <c r="D6607" i="2" a="1"/>
  <c r="D6607" i="2" s="1"/>
  <c r="G796" i="2" a="1"/>
  <c r="G796" i="2" s="1"/>
  <c r="F5008" i="2" a="1"/>
  <c r="F5008" i="2" s="1"/>
  <c r="E89" i="2" a="1"/>
  <c r="E89" i="2" s="1"/>
  <c r="G3984" i="2" a="1"/>
  <c r="G3984" i="2" s="1"/>
  <c r="E5782" i="2" a="1"/>
  <c r="E5782" i="2" s="1"/>
  <c r="F1204" i="2" a="1"/>
  <c r="F1204" i="2" s="1"/>
  <c r="H6753" i="2" a="1"/>
  <c r="H6753" i="2" s="1"/>
  <c r="D7298" i="2" a="1"/>
  <c r="D7298" i="2" s="1"/>
  <c r="E4276" i="2" a="1"/>
  <c r="E4276" i="2" s="1"/>
  <c r="D4191" i="2" a="1"/>
  <c r="D4191" i="2" s="1"/>
  <c r="D3709" i="2" a="1"/>
  <c r="D3709" i="2" s="1"/>
  <c r="AP297" i="1"/>
  <c r="F303" i="5" s="1"/>
  <c r="F5150" i="2" a="1"/>
  <c r="F5150" i="2" s="1"/>
  <c r="D159" i="2" a="1"/>
  <c r="D159" i="2" s="1"/>
  <c r="F6952" i="2" a="1"/>
  <c r="F6952" i="2" s="1"/>
  <c r="F5783" i="2" a="1"/>
  <c r="F5783" i="2" s="1"/>
  <c r="E4699" i="2" a="1"/>
  <c r="E4699" i="2" s="1"/>
  <c r="F4757" i="2" a="1"/>
  <c r="F4757" i="2" s="1"/>
  <c r="E1407" i="2" a="1"/>
  <c r="E1407" i="2" s="1"/>
  <c r="G5995" i="2" a="1"/>
  <c r="G5995" i="2" s="1"/>
  <c r="D8749" i="2" a="1"/>
  <c r="D8749" i="2" s="1"/>
  <c r="G3675" i="2" a="1"/>
  <c r="G3675" i="2" s="1"/>
  <c r="G3758" i="2" a="1"/>
  <c r="G3758" i="2" s="1"/>
  <c r="F437" i="2" a="1"/>
  <c r="F437" i="2" s="1"/>
  <c r="F436" i="2" a="1"/>
  <c r="F436" i="2" s="1"/>
  <c r="F426" i="2" a="1"/>
  <c r="F426" i="2" s="1"/>
  <c r="F424" i="2" a="1"/>
  <c r="F424" i="2" s="1"/>
  <c r="F420" i="2" a="1"/>
  <c r="F420" i="2" s="1"/>
  <c r="F440" i="2" a="1"/>
  <c r="F440" i="2" s="1"/>
  <c r="F418" i="2" a="1"/>
  <c r="F418" i="2" s="1"/>
  <c r="H5216" i="2" a="1"/>
  <c r="H5216" i="2" s="1"/>
  <c r="H5209" i="2" a="1"/>
  <c r="H5209" i="2" s="1"/>
  <c r="H5214" i="2" a="1"/>
  <c r="H5214" i="2" s="1"/>
  <c r="H5206" i="2" a="1"/>
  <c r="H5206" i="2" s="1"/>
  <c r="H5201" i="2" a="1"/>
  <c r="H5201" i="2" s="1"/>
  <c r="H5217" i="2" a="1"/>
  <c r="H5217" i="2" s="1"/>
  <c r="H5215" i="2" a="1"/>
  <c r="H5215" i="2" s="1"/>
  <c r="H5210" i="2" a="1"/>
  <c r="H5210" i="2" s="1"/>
  <c r="H5213" i="2" a="1"/>
  <c r="H5213" i="2" s="1"/>
  <c r="H5194" i="2" a="1"/>
  <c r="H5194" i="2" s="1"/>
  <c r="H5198" i="2" a="1"/>
  <c r="H5198" i="2" s="1"/>
  <c r="H5211" i="2" a="1"/>
  <c r="H5211" i="2" s="1"/>
  <c r="H5199" i="2" a="1"/>
  <c r="H5199" i="2" s="1"/>
  <c r="H5195" i="2" a="1"/>
  <c r="H5195" i="2" s="1"/>
  <c r="H5200" i="2" a="1"/>
  <c r="H5200" i="2" s="1"/>
  <c r="H6291" i="2" a="1"/>
  <c r="H6291" i="2" s="1"/>
  <c r="AN311" i="1"/>
  <c r="D2178" i="2" a="1"/>
  <c r="D2178" i="2" s="1"/>
  <c r="F8163" i="2" a="1"/>
  <c r="F8163" i="2" s="1"/>
  <c r="D5140" i="2" a="1"/>
  <c r="D5140" i="2" s="1"/>
  <c r="E6507" i="2" a="1"/>
  <c r="E6507" i="2" s="1"/>
  <c r="E6490" i="2" a="1"/>
  <c r="E6490" i="2" s="1"/>
  <c r="D2642" i="2" a="1"/>
  <c r="D2642" i="2" s="1"/>
  <c r="E7970" i="2" a="1"/>
  <c r="E7970" i="2" s="1"/>
  <c r="D7386" i="2" a="1"/>
  <c r="D7386" i="2" s="1"/>
  <c r="E5635" i="2" a="1"/>
  <c r="E5635" i="2" s="1"/>
  <c r="E4805" i="2" a="1"/>
  <c r="E4805" i="2" s="1"/>
  <c r="F6798" i="2" a="1"/>
  <c r="F6798" i="2" s="1"/>
  <c r="F427" i="2" a="1"/>
  <c r="F427" i="2" s="1"/>
  <c r="E7116" i="2" a="1"/>
  <c r="E7116" i="2" s="1"/>
  <c r="F3871" i="2" a="1"/>
  <c r="F3871" i="2" s="1"/>
  <c r="F6749" i="2" a="1"/>
  <c r="F6749" i="2" s="1"/>
  <c r="D6603" i="2" a="1"/>
  <c r="D6603" i="2" s="1"/>
  <c r="G778" i="2" a="1"/>
  <c r="G778" i="2" s="1"/>
  <c r="F5024" i="2" a="1"/>
  <c r="F5024" i="2" s="1"/>
  <c r="E88" i="2" a="1"/>
  <c r="E88" i="2" s="1"/>
  <c r="G3975" i="2" a="1"/>
  <c r="G3975" i="2" s="1"/>
  <c r="E5790" i="2" a="1"/>
  <c r="E5790" i="2" s="1"/>
  <c r="H6750" i="2" a="1"/>
  <c r="H6750" i="2" s="1"/>
  <c r="D7294" i="2" a="1"/>
  <c r="D7294" i="2" s="1"/>
  <c r="AM52" i="1"/>
  <c r="C58" i="5" s="1"/>
  <c r="E4273" i="2" a="1"/>
  <c r="E4273" i="2" s="1"/>
  <c r="D4193" i="2" a="1"/>
  <c r="D4193" i="2" s="1"/>
  <c r="D3706" i="2" a="1"/>
  <c r="D3706" i="2" s="1"/>
  <c r="F5154" i="2" a="1"/>
  <c r="F5154" i="2" s="1"/>
  <c r="D157" i="2" a="1"/>
  <c r="D157" i="2" s="1"/>
  <c r="F5787" i="2" a="1"/>
  <c r="F5787" i="2" s="1"/>
  <c r="E4711" i="2" a="1"/>
  <c r="E4711" i="2" s="1"/>
  <c r="H3874" i="2" a="1"/>
  <c r="H3874" i="2" s="1"/>
  <c r="F4742" i="2" a="1"/>
  <c r="F4742" i="2" s="1"/>
  <c r="E1421" i="2" a="1"/>
  <c r="E1421" i="2" s="1"/>
  <c r="G6003" i="2" a="1"/>
  <c r="G6003" i="2" s="1"/>
  <c r="D6267" i="2" a="1"/>
  <c r="D6267" i="2" s="1"/>
  <c r="D8763" i="2" a="1"/>
  <c r="D8763" i="2" s="1"/>
  <c r="D4698" i="2" a="1"/>
  <c r="D4698" i="2" s="1"/>
  <c r="D8484" i="2" a="1"/>
  <c r="D8484" i="2" s="1"/>
  <c r="D8491" i="2" a="1"/>
  <c r="D8491" i="2" s="1"/>
  <c r="D8496" i="2" a="1"/>
  <c r="D8496" i="2" s="1"/>
  <c r="D8495" i="2" a="1"/>
  <c r="D8495" i="2" s="1"/>
  <c r="AN354" i="1"/>
  <c r="D360" i="5" s="1"/>
  <c r="D8499" i="2" a="1"/>
  <c r="D8499" i="2" s="1"/>
  <c r="AP354" i="1"/>
  <c r="F360" i="5" s="1"/>
  <c r="D8503" i="2" a="1"/>
  <c r="D8503" i="2" s="1"/>
  <c r="AQ354" i="1"/>
  <c r="G360" i="5" s="1"/>
  <c r="D8486" i="2" a="1"/>
  <c r="D8486" i="2" s="1"/>
  <c r="D8483" i="2" a="1"/>
  <c r="D8483" i="2" s="1"/>
  <c r="D8500" i="2" a="1"/>
  <c r="D8500" i="2" s="1"/>
  <c r="D8492" i="2" a="1"/>
  <c r="D8492" i="2" s="1"/>
  <c r="D8504" i="2" a="1"/>
  <c r="D8504" i="2" s="1"/>
  <c r="AO354" i="1"/>
  <c r="E360" i="5" s="1"/>
  <c r="AM354" i="1"/>
  <c r="C360" i="5" s="1"/>
  <c r="D8489" i="2" a="1"/>
  <c r="D8489" i="2" s="1"/>
  <c r="D8482" i="2" a="1"/>
  <c r="D8482" i="2" s="1"/>
  <c r="G1530" i="2" a="1"/>
  <c r="G1530" i="2" s="1"/>
  <c r="G1522" i="2" a="1"/>
  <c r="G1522" i="2" s="1"/>
  <c r="G1543" i="2" a="1"/>
  <c r="G1543" i="2" s="1"/>
  <c r="G1534" i="2" a="1"/>
  <c r="G1534" i="2" s="1"/>
  <c r="G1544" i="2" a="1"/>
  <c r="G1544" i="2" s="1"/>
  <c r="G1533" i="2" a="1"/>
  <c r="G1533" i="2" s="1"/>
  <c r="G1526" i="2" a="1"/>
  <c r="G1526" i="2" s="1"/>
  <c r="G1525" i="2" a="1"/>
  <c r="G1525" i="2" s="1"/>
  <c r="G1537" i="2" a="1"/>
  <c r="G1537" i="2" s="1"/>
  <c r="G1535" i="2" a="1"/>
  <c r="G1535" i="2" s="1"/>
  <c r="G1528" i="2" a="1"/>
  <c r="G1528" i="2" s="1"/>
  <c r="G1538" i="2" a="1"/>
  <c r="G1538" i="2" s="1"/>
  <c r="G1527" i="2" a="1"/>
  <c r="G1527" i="2" s="1"/>
  <c r="G1532" i="2" a="1"/>
  <c r="G1532" i="2" s="1"/>
  <c r="H4826" i="2" a="1"/>
  <c r="H4826" i="2" s="1"/>
  <c r="H4817" i="2" a="1"/>
  <c r="H4817" i="2" s="1"/>
  <c r="H4819" i="2" a="1"/>
  <c r="H4819" i="2" s="1"/>
  <c r="G7685" i="2" a="1"/>
  <c r="G7685" i="2" s="1"/>
  <c r="G7689" i="2" a="1"/>
  <c r="G7689" i="2" s="1"/>
  <c r="G7673" i="2" a="1"/>
  <c r="G7673" i="2" s="1"/>
  <c r="G7675" i="2" a="1"/>
  <c r="G7675" i="2" s="1"/>
  <c r="G7681" i="2" a="1"/>
  <c r="G7681" i="2" s="1"/>
  <c r="G7680" i="2" a="1"/>
  <c r="G7680" i="2" s="1"/>
  <c r="G7683" i="2" a="1"/>
  <c r="G7683" i="2" s="1"/>
  <c r="G7676" i="2" a="1"/>
  <c r="G7676" i="2" s="1"/>
  <c r="G7679" i="2" a="1"/>
  <c r="G7679" i="2" s="1"/>
  <c r="G7677" i="2" a="1"/>
  <c r="G7677" i="2" s="1"/>
  <c r="G7670" i="2" a="1"/>
  <c r="G7670" i="2" s="1"/>
  <c r="G7686" i="2" a="1"/>
  <c r="G7686" i="2" s="1"/>
  <c r="G7684" i="2" a="1"/>
  <c r="G7684" i="2" s="1"/>
  <c r="G7672" i="2" a="1"/>
  <c r="G7672" i="2" s="1"/>
  <c r="G7678" i="2" a="1"/>
  <c r="G7678" i="2" s="1"/>
  <c r="G7667" i="2" a="1"/>
  <c r="G7667" i="2" s="1"/>
  <c r="G7682" i="2" a="1"/>
  <c r="G7682" i="2" s="1"/>
  <c r="G7666" i="2" a="1"/>
  <c r="G7666" i="2" s="1"/>
  <c r="G7687" i="2" a="1"/>
  <c r="G7687" i="2" s="1"/>
  <c r="G7671" i="2" a="1"/>
  <c r="G7671" i="2" s="1"/>
  <c r="G4385" i="2" a="1"/>
  <c r="G4385" i="2" s="1"/>
  <c r="G4394" i="2" a="1"/>
  <c r="G4394" i="2" s="1"/>
  <c r="G4380" i="2" a="1"/>
  <c r="G4380" i="2" s="1"/>
  <c r="G4400" i="2" a="1"/>
  <c r="G4400" i="2" s="1"/>
  <c r="G4382" i="2" a="1"/>
  <c r="G4382" i="2" s="1"/>
  <c r="G4384" i="2" a="1"/>
  <c r="G4384" i="2" s="1"/>
  <c r="G4397" i="2" a="1"/>
  <c r="G4397" i="2" s="1"/>
  <c r="G4381" i="2" a="1"/>
  <c r="G4381" i="2" s="1"/>
  <c r="G4383" i="2" a="1"/>
  <c r="G4383" i="2" s="1"/>
  <c r="G4379" i="2" a="1"/>
  <c r="G4379" i="2" s="1"/>
  <c r="G4386" i="2" a="1"/>
  <c r="G4386" i="2" s="1"/>
  <c r="G4378" i="2" a="1"/>
  <c r="G4378" i="2" s="1"/>
  <c r="G4396" i="2" a="1"/>
  <c r="G4396" i="2" s="1"/>
  <c r="H7139" i="2" a="1"/>
  <c r="H7139" i="2" s="1"/>
  <c r="H7149" i="2" a="1"/>
  <c r="H7149" i="2" s="1"/>
  <c r="H7151" i="2" a="1"/>
  <c r="H7151" i="2" s="1"/>
  <c r="H7143" i="2" a="1"/>
  <c r="H7143" i="2" s="1"/>
  <c r="H7138" i="2" a="1"/>
  <c r="H7138" i="2" s="1"/>
  <c r="H7144" i="2" a="1"/>
  <c r="H7144" i="2" s="1"/>
  <c r="H7157" i="2" a="1"/>
  <c r="H7157" i="2" s="1"/>
  <c r="H7141" i="2" a="1"/>
  <c r="H7141" i="2" s="1"/>
  <c r="H7161" i="2" a="1"/>
  <c r="H7161" i="2" s="1"/>
  <c r="H7145" i="2" a="1"/>
  <c r="H7145" i="2" s="1"/>
  <c r="H7152" i="2" a="1"/>
  <c r="H7152" i="2" s="1"/>
  <c r="H7159" i="2" a="1"/>
  <c r="H7159" i="2" s="1"/>
  <c r="H7155" i="2" a="1"/>
  <c r="H7155" i="2" s="1"/>
  <c r="H7148" i="2" a="1"/>
  <c r="H7148" i="2" s="1"/>
  <c r="F2887" i="2" a="1"/>
  <c r="F2887" i="2" s="1"/>
  <c r="F2875" i="2" a="1"/>
  <c r="F2875" i="2" s="1"/>
  <c r="F2882" i="2" a="1"/>
  <c r="F2882" i="2" s="1"/>
  <c r="F2876" i="2" a="1"/>
  <c r="F2876" i="2" s="1"/>
  <c r="F2867" i="2" a="1"/>
  <c r="F2867" i="2" s="1"/>
  <c r="F2868" i="2" a="1"/>
  <c r="F2868" i="2" s="1"/>
  <c r="F2873" i="2" a="1"/>
  <c r="F2873" i="2" s="1"/>
  <c r="F2880" i="2" a="1"/>
  <c r="F2880" i="2" s="1"/>
  <c r="F2888" i="2" a="1"/>
  <c r="F2888" i="2" s="1"/>
  <c r="F2870" i="2" a="1"/>
  <c r="F2870" i="2" s="1"/>
  <c r="F2878" i="2" a="1"/>
  <c r="F2878" i="2" s="1"/>
  <c r="F2881" i="2" a="1"/>
  <c r="F2881" i="2" s="1"/>
  <c r="F2884" i="2" a="1"/>
  <c r="F2884" i="2" s="1"/>
  <c r="F2885" i="2" a="1"/>
  <c r="F2885" i="2" s="1"/>
  <c r="D7474" i="2" a="1"/>
  <c r="D7474" i="2" s="1"/>
  <c r="D7482" i="2" a="1"/>
  <c r="D7482" i="2" s="1"/>
  <c r="D7490" i="2" a="1"/>
  <c r="D7490" i="2" s="1"/>
  <c r="D7476" i="2" a="1"/>
  <c r="D7476" i="2" s="1"/>
  <c r="D7481" i="2" a="1"/>
  <c r="D7481" i="2" s="1"/>
  <c r="D7493" i="2" a="1"/>
  <c r="D7493" i="2" s="1"/>
  <c r="D7486" i="2" a="1"/>
  <c r="D7486" i="2" s="1"/>
  <c r="D7494" i="2" a="1"/>
  <c r="D7494" i="2" s="1"/>
  <c r="D7492" i="2" a="1"/>
  <c r="D7492" i="2" s="1"/>
  <c r="D7484" i="2" a="1"/>
  <c r="D7484" i="2" s="1"/>
  <c r="D7475" i="2" a="1"/>
  <c r="D7475" i="2" s="1"/>
  <c r="D7479" i="2" a="1"/>
  <c r="D7479" i="2" s="1"/>
  <c r="D7480" i="2" a="1"/>
  <c r="D7480" i="2" s="1"/>
  <c r="D7496" i="2" a="1"/>
  <c r="D7496" i="2" s="1"/>
  <c r="G6099" i="2" a="1"/>
  <c r="G6099" i="2" s="1"/>
  <c r="G6089" i="2" a="1"/>
  <c r="G6089" i="2" s="1"/>
  <c r="G6092" i="2" a="1"/>
  <c r="G6092" i="2" s="1"/>
  <c r="G6090" i="2" a="1"/>
  <c r="G6090" i="2" s="1"/>
  <c r="G6097" i="2" a="1"/>
  <c r="G6097" i="2" s="1"/>
  <c r="G6091" i="2" a="1"/>
  <c r="G6091" i="2" s="1"/>
  <c r="G6093" i="2" a="1"/>
  <c r="G6093" i="2" s="1"/>
  <c r="G6095" i="2" a="1"/>
  <c r="G6095" i="2" s="1"/>
  <c r="G6094" i="2" a="1"/>
  <c r="G6094" i="2" s="1"/>
  <c r="G6103" i="2" a="1"/>
  <c r="G6103" i="2" s="1"/>
  <c r="G6104" i="2" a="1"/>
  <c r="G6104" i="2" s="1"/>
  <c r="G6083" i="2" a="1"/>
  <c r="G6083" i="2" s="1"/>
  <c r="G6101" i="2" a="1"/>
  <c r="G6101" i="2" s="1"/>
  <c r="G6082" i="2" a="1"/>
  <c r="G6082" i="2" s="1"/>
  <c r="G6086" i="2" a="1"/>
  <c r="G6086" i="2" s="1"/>
  <c r="G6102" i="2" a="1"/>
  <c r="G6102" i="2" s="1"/>
  <c r="G6096" i="2" a="1"/>
  <c r="G6096" i="2" s="1"/>
  <c r="G6088" i="2" a="1"/>
  <c r="G6088" i="2" s="1"/>
  <c r="G6100" i="2" a="1"/>
  <c r="G6100" i="2" s="1"/>
  <c r="H1651" i="2" a="1"/>
  <c r="H1651" i="2" s="1"/>
  <c r="H1660" i="2" a="1"/>
  <c r="H1660" i="2" s="1"/>
  <c r="H1654" i="2" a="1"/>
  <c r="H1654" i="2" s="1"/>
  <c r="H1662" i="2" a="1"/>
  <c r="H1662" i="2" s="1"/>
  <c r="H1643" i="2" a="1"/>
  <c r="H1643" i="2" s="1"/>
  <c r="H1642" i="2" a="1"/>
  <c r="H1642" i="2" s="1"/>
  <c r="H1649" i="2" a="1"/>
  <c r="H1649" i="2" s="1"/>
  <c r="H1664" i="2" a="1"/>
  <c r="H1664" i="2" s="1"/>
  <c r="H1657" i="2" a="1"/>
  <c r="H1657" i="2" s="1"/>
  <c r="H1652" i="2" a="1"/>
  <c r="H1652" i="2" s="1"/>
  <c r="H1653" i="2" a="1"/>
  <c r="H1653" i="2" s="1"/>
  <c r="H1663" i="2" a="1"/>
  <c r="H1663" i="2" s="1"/>
  <c r="H1648" i="2" a="1"/>
  <c r="H1648" i="2" s="1"/>
  <c r="H1655" i="2" a="1"/>
  <c r="H1655" i="2" s="1"/>
  <c r="H1645" i="2" a="1"/>
  <c r="H1645" i="2" s="1"/>
  <c r="H1644" i="2" a="1"/>
  <c r="H1644" i="2" s="1"/>
  <c r="H1650" i="2" a="1"/>
  <c r="H1650" i="2" s="1"/>
  <c r="H1665" i="2" a="1"/>
  <c r="H1665" i="2" s="1"/>
  <c r="F6412" i="2" a="1"/>
  <c r="F6412" i="2" s="1"/>
  <c r="F6405" i="2" a="1"/>
  <c r="F6405" i="2" s="1"/>
  <c r="F6394" i="2" a="1"/>
  <c r="F6394" i="2" s="1"/>
  <c r="F6417" i="2" a="1"/>
  <c r="F6417" i="2" s="1"/>
  <c r="F6404" i="2" a="1"/>
  <c r="F6404" i="2" s="1"/>
  <c r="F6400" i="2" a="1"/>
  <c r="F6400" i="2" s="1"/>
  <c r="F6397" i="2" a="1"/>
  <c r="F6397" i="2" s="1"/>
  <c r="F6414" i="2" a="1"/>
  <c r="F6414" i="2" s="1"/>
  <c r="F6406" i="2" a="1"/>
  <c r="F6406" i="2" s="1"/>
  <c r="F6407" i="2" a="1"/>
  <c r="F6407" i="2" s="1"/>
  <c r="D5172" i="2" a="1"/>
  <c r="D5172" i="2" s="1"/>
  <c r="D5192" i="2" a="1"/>
  <c r="D5192" i="2" s="1"/>
  <c r="D5174" i="2" a="1"/>
  <c r="D5174" i="2" s="1"/>
  <c r="D5186" i="2" a="1"/>
  <c r="D5186" i="2" s="1"/>
  <c r="AO216" i="1"/>
  <c r="E222" i="5" s="1"/>
  <c r="D5190" i="2" a="1"/>
  <c r="D5190" i="2" s="1"/>
  <c r="AN216" i="1"/>
  <c r="D222" i="5" s="1"/>
  <c r="D5173" i="2" a="1"/>
  <c r="D5173" i="2" s="1"/>
  <c r="AQ216" i="1"/>
  <c r="G222" i="5" s="1"/>
  <c r="D5181" i="2" a="1"/>
  <c r="D5181" i="2" s="1"/>
  <c r="D5184" i="2" a="1"/>
  <c r="D5184" i="2" s="1"/>
  <c r="D5188" i="2" a="1"/>
  <c r="D5188" i="2" s="1"/>
  <c r="D5171" i="2" a="1"/>
  <c r="D5171" i="2" s="1"/>
  <c r="D5175" i="2" a="1"/>
  <c r="D5175" i="2" s="1"/>
  <c r="D5179" i="2" a="1"/>
  <c r="D5179" i="2" s="1"/>
  <c r="D5183" i="2" a="1"/>
  <c r="D5183" i="2" s="1"/>
  <c r="D5187" i="2" a="1"/>
  <c r="D5187" i="2" s="1"/>
  <c r="D5191" i="2" a="1"/>
  <c r="D5191" i="2" s="1"/>
  <c r="AP216" i="1"/>
  <c r="F222" i="5" s="1"/>
  <c r="AM216" i="1"/>
  <c r="C222" i="5" s="1"/>
  <c r="D5180" i="2" a="1"/>
  <c r="D5180" i="2" s="1"/>
  <c r="D5185" i="2" a="1"/>
  <c r="D5185" i="2" s="1"/>
  <c r="D5178" i="2" a="1"/>
  <c r="D5178" i="2" s="1"/>
  <c r="E2969" i="2" a="1"/>
  <c r="E2969" i="2" s="1"/>
  <c r="E2964" i="2" a="1"/>
  <c r="E2964" i="2" s="1"/>
  <c r="E2977" i="2" a="1"/>
  <c r="E2977" i="2" s="1"/>
  <c r="E2970" i="2" a="1"/>
  <c r="E2970" i="2" s="1"/>
  <c r="E2965" i="2" a="1"/>
  <c r="E2965" i="2" s="1"/>
  <c r="E2978" i="2" a="1"/>
  <c r="E2978" i="2" s="1"/>
  <c r="E2975" i="2" a="1"/>
  <c r="E2975" i="2" s="1"/>
  <c r="D7695" i="2" a="1"/>
  <c r="D7695" i="2" s="1"/>
  <c r="D7691" i="2" a="1"/>
  <c r="D7691" i="2" s="1"/>
  <c r="D7711" i="2" a="1"/>
  <c r="D7711" i="2" s="1"/>
  <c r="D7690" i="2" a="1"/>
  <c r="D7690" i="2" s="1"/>
  <c r="D7709" i="2" a="1"/>
  <c r="D7709" i="2" s="1"/>
  <c r="D7696" i="2" a="1"/>
  <c r="D7696" i="2" s="1"/>
  <c r="D7698" i="2" a="1"/>
  <c r="D7698" i="2" s="1"/>
  <c r="D7706" i="2" a="1"/>
  <c r="D7706" i="2" s="1"/>
  <c r="D7700" i="2" a="1"/>
  <c r="D7700" i="2" s="1"/>
  <c r="D7704" i="2" a="1"/>
  <c r="D7704" i="2" s="1"/>
  <c r="D7712" i="2" a="1"/>
  <c r="D7712" i="2" s="1"/>
  <c r="D7703" i="2" a="1"/>
  <c r="D7703" i="2" s="1"/>
  <c r="D7707" i="2" a="1"/>
  <c r="D7707" i="2" s="1"/>
  <c r="D7708" i="2" a="1"/>
  <c r="D7708" i="2" s="1"/>
  <c r="D7697" i="2" a="1"/>
  <c r="D7697" i="2" s="1"/>
  <c r="D7699" i="2" a="1"/>
  <c r="D7699" i="2" s="1"/>
  <c r="D7693" i="2" a="1"/>
  <c r="D7693" i="2" s="1"/>
  <c r="D7071" i="2" a="1"/>
  <c r="D7071" i="2" s="1"/>
  <c r="D7084" i="2" a="1"/>
  <c r="D7084" i="2" s="1"/>
  <c r="D7072" i="2" a="1"/>
  <c r="D7072" i="2" s="1"/>
  <c r="D7088" i="2" a="1"/>
  <c r="D7088" i="2" s="1"/>
  <c r="F3468" i="2" a="1"/>
  <c r="F3468" i="2" s="1"/>
  <c r="F3475" i="2" a="1"/>
  <c r="F3475" i="2" s="1"/>
  <c r="F3482" i="2" a="1"/>
  <c r="F3482" i="2" s="1"/>
  <c r="F3466" i="2" a="1"/>
  <c r="F3466" i="2" s="1"/>
  <c r="F3483" i="2" a="1"/>
  <c r="F3483" i="2" s="1"/>
  <c r="F3485" i="2" a="1"/>
  <c r="F3485" i="2" s="1"/>
  <c r="F3471" i="2" a="1"/>
  <c r="F3471" i="2" s="1"/>
  <c r="F3478" i="2" a="1"/>
  <c r="F3478" i="2" s="1"/>
  <c r="F3473" i="2" a="1"/>
  <c r="F3473" i="2" s="1"/>
  <c r="D5694" i="2" a="1"/>
  <c r="D5694" i="2" s="1"/>
  <c r="D5681" i="2" a="1"/>
  <c r="D5681" i="2" s="1"/>
  <c r="D5689" i="2" a="1"/>
  <c r="D5689" i="2" s="1"/>
  <c r="D5693" i="2" a="1"/>
  <c r="D5693" i="2" s="1"/>
  <c r="D5697" i="2" a="1"/>
  <c r="D5697" i="2" s="1"/>
  <c r="D5674" i="2" a="1"/>
  <c r="D5674" i="2" s="1"/>
  <c r="D5677" i="2" a="1"/>
  <c r="D5677" i="2" s="1"/>
  <c r="D5685" i="2" a="1"/>
  <c r="D5685" i="2" s="1"/>
  <c r="D5679" i="2" a="1"/>
  <c r="D5679" i="2" s="1"/>
  <c r="D5683" i="2" a="1"/>
  <c r="D5683" i="2" s="1"/>
  <c r="D5687" i="2" a="1"/>
  <c r="D5687" i="2" s="1"/>
  <c r="D5691" i="2" a="1"/>
  <c r="D5691" i="2" s="1"/>
  <c r="D5695" i="2" a="1"/>
  <c r="D5695" i="2" s="1"/>
  <c r="D5692" i="2" a="1"/>
  <c r="D5692" i="2" s="1"/>
  <c r="D5682" i="2" a="1"/>
  <c r="D5682" i="2" s="1"/>
  <c r="F2968" i="2" a="1"/>
  <c r="F2968" i="2" s="1"/>
  <c r="F2979" i="2" a="1"/>
  <c r="F2979" i="2" s="1"/>
  <c r="F2970" i="2" a="1"/>
  <c r="F2970" i="2" s="1"/>
  <c r="F2978" i="2" a="1"/>
  <c r="F2978" i="2" s="1"/>
  <c r="F2969" i="2" a="1"/>
  <c r="F2969" i="2" s="1"/>
  <c r="F2973" i="2" a="1"/>
  <c r="F2973" i="2" s="1"/>
  <c r="F2962" i="2" a="1"/>
  <c r="F2962" i="2" s="1"/>
  <c r="F2966" i="2" a="1"/>
  <c r="F2966" i="2" s="1"/>
  <c r="G8189" i="2" a="1"/>
  <c r="G8189" i="2" s="1"/>
  <c r="G8174" i="2" a="1"/>
  <c r="G8174" i="2" s="1"/>
  <c r="G8181" i="2" a="1"/>
  <c r="G8181" i="2" s="1"/>
  <c r="G8180" i="2" a="1"/>
  <c r="G8180" i="2" s="1"/>
  <c r="G8177" i="2" a="1"/>
  <c r="G8177" i="2" s="1"/>
  <c r="G8192" i="2" a="1"/>
  <c r="G8192" i="2" s="1"/>
  <c r="E525" i="2" a="1"/>
  <c r="E525" i="2" s="1"/>
  <c r="E517" i="2" a="1"/>
  <c r="E517" i="2" s="1"/>
  <c r="E534" i="2" a="1"/>
  <c r="E534" i="2" s="1"/>
  <c r="E523" i="2" a="1"/>
  <c r="E523" i="2" s="1"/>
  <c r="E514" i="2" a="1"/>
  <c r="E514" i="2" s="1"/>
  <c r="E535" i="2" a="1"/>
  <c r="E535" i="2" s="1"/>
  <c r="E524" i="2" a="1"/>
  <c r="E524" i="2" s="1"/>
  <c r="E520" i="2" a="1"/>
  <c r="E520" i="2" s="1"/>
  <c r="E526" i="2" a="1"/>
  <c r="E526" i="2" s="1"/>
  <c r="E518" i="2" a="1"/>
  <c r="E518" i="2" s="1"/>
  <c r="E536" i="2" a="1"/>
  <c r="E536" i="2" s="1"/>
  <c r="E529" i="2" a="1"/>
  <c r="E529" i="2" s="1"/>
  <c r="E537" i="2" a="1"/>
  <c r="E537" i="2" s="1"/>
  <c r="E515" i="2" a="1"/>
  <c r="E515" i="2" s="1"/>
  <c r="E519" i="2" a="1"/>
  <c r="E519" i="2" s="1"/>
  <c r="E516" i="2" a="1"/>
  <c r="E516" i="2" s="1"/>
  <c r="E522" i="2" a="1"/>
  <c r="E522" i="2" s="1"/>
  <c r="E521" i="2" a="1"/>
  <c r="E521" i="2" s="1"/>
  <c r="E530" i="2" a="1"/>
  <c r="E530" i="2" s="1"/>
  <c r="E528" i="2" a="1"/>
  <c r="E528" i="2" s="1"/>
  <c r="E531" i="2" a="1"/>
  <c r="E531" i="2" s="1"/>
  <c r="E527" i="2" a="1"/>
  <c r="E527" i="2" s="1"/>
  <c r="E532" i="2" a="1"/>
  <c r="E532" i="2" s="1"/>
  <c r="E6528" i="2" a="1"/>
  <c r="E6528" i="2" s="1"/>
  <c r="E6527" i="2" a="1"/>
  <c r="E6527" i="2" s="1"/>
  <c r="E6521" i="2" a="1"/>
  <c r="E6521" i="2" s="1"/>
  <c r="E6518" i="2" a="1"/>
  <c r="E6518" i="2" s="1"/>
  <c r="E6516" i="2" a="1"/>
  <c r="E6516" i="2" s="1"/>
  <c r="E6526" i="2" a="1"/>
  <c r="E6526" i="2" s="1"/>
  <c r="E6520" i="2" a="1"/>
  <c r="E6520" i="2" s="1"/>
  <c r="E6519" i="2" a="1"/>
  <c r="E6519" i="2" s="1"/>
  <c r="E6522" i="2" a="1"/>
  <c r="E6522" i="2" s="1"/>
  <c r="E6529" i="2" a="1"/>
  <c r="E6529" i="2" s="1"/>
  <c r="E6533" i="2" a="1"/>
  <c r="E6533" i="2" s="1"/>
  <c r="G3834" i="2" a="1"/>
  <c r="G3834" i="2" s="1"/>
  <c r="G3839" i="2" a="1"/>
  <c r="G3839" i="2" s="1"/>
  <c r="G3840" i="2" a="1"/>
  <c r="G3840" i="2" s="1"/>
  <c r="G3826" i="2" a="1"/>
  <c r="G3826" i="2" s="1"/>
  <c r="G1063" i="2" a="1"/>
  <c r="G1063" i="2" s="1"/>
  <c r="G1043" i="2" a="1"/>
  <c r="G1043" i="2" s="1"/>
  <c r="G1052" i="2" a="1"/>
  <c r="G1052" i="2" s="1"/>
  <c r="G1045" i="2" a="1"/>
  <c r="G1045" i="2" s="1"/>
  <c r="G1054" i="2" a="1"/>
  <c r="G1054" i="2" s="1"/>
  <c r="G1060" i="2" a="1"/>
  <c r="G1060" i="2" s="1"/>
  <c r="G1065" i="2" a="1"/>
  <c r="G1065" i="2" s="1"/>
  <c r="G4924" i="2" a="1"/>
  <c r="G4924" i="2" s="1"/>
  <c r="AP205" i="1"/>
  <c r="F211" i="5" s="1"/>
  <c r="H2227" i="2" a="1"/>
  <c r="H2227" i="2" s="1"/>
  <c r="H2235" i="2" a="1"/>
  <c r="H2235" i="2" s="1"/>
  <c r="H2240" i="2" a="1"/>
  <c r="H2240" i="2" s="1"/>
  <c r="H2221" i="2" a="1"/>
  <c r="H2221" i="2" s="1"/>
  <c r="H2239" i="2" a="1"/>
  <c r="H2239" i="2" s="1"/>
  <c r="H2230" i="2" a="1"/>
  <c r="H2230" i="2" s="1"/>
  <c r="H2222" i="2" a="1"/>
  <c r="H2222" i="2" s="1"/>
  <c r="H2220" i="2" a="1"/>
  <c r="H2220" i="2" s="1"/>
  <c r="H2236" i="2" a="1"/>
  <c r="H2236" i="2" s="1"/>
  <c r="H2219" i="2" a="1"/>
  <c r="H2219" i="2" s="1"/>
  <c r="H2223" i="2" a="1"/>
  <c r="H2223" i="2" s="1"/>
  <c r="H2234" i="2" a="1"/>
  <c r="H2234" i="2" s="1"/>
  <c r="H2228" i="2" a="1"/>
  <c r="H2228" i="2" s="1"/>
  <c r="H2241" i="2" a="1"/>
  <c r="H2241" i="2" s="1"/>
  <c r="H2232" i="2" a="1"/>
  <c r="H2232" i="2" s="1"/>
  <c r="H2218" i="2" a="1"/>
  <c r="H2218" i="2" s="1"/>
  <c r="H2229" i="2" a="1"/>
  <c r="H2229" i="2" s="1"/>
  <c r="H2226" i="2" a="1"/>
  <c r="H2226" i="2" s="1"/>
  <c r="H2231" i="2" a="1"/>
  <c r="H2231" i="2" s="1"/>
  <c r="H2224" i="2" a="1"/>
  <c r="H2224" i="2" s="1"/>
  <c r="H2233" i="2" a="1"/>
  <c r="H2233" i="2" s="1"/>
  <c r="H2225" i="2" a="1"/>
  <c r="H2225" i="2" s="1"/>
  <c r="G2917" i="2" a="1"/>
  <c r="G2917" i="2" s="1"/>
  <c r="G2928" i="2" a="1"/>
  <c r="G2928" i="2" s="1"/>
  <c r="G2931" i="2" a="1"/>
  <c r="G2931" i="2" s="1"/>
  <c r="G2932" i="2" a="1"/>
  <c r="G2932" i="2" s="1"/>
  <c r="G2916" i="2" a="1"/>
  <c r="G2916" i="2" s="1"/>
  <c r="G2934" i="2" a="1"/>
  <c r="G2934" i="2" s="1"/>
  <c r="G2926" i="2" a="1"/>
  <c r="G2926" i="2" s="1"/>
  <c r="G2918" i="2" a="1"/>
  <c r="G2918" i="2" s="1"/>
  <c r="G2937" i="2" a="1"/>
  <c r="G2937" i="2" s="1"/>
  <c r="G2915" i="2" a="1"/>
  <c r="G2915" i="2" s="1"/>
  <c r="G2935" i="2" a="1"/>
  <c r="G2935" i="2" s="1"/>
  <c r="G2924" i="2" a="1"/>
  <c r="G2924" i="2" s="1"/>
  <c r="G2929" i="2" a="1"/>
  <c r="G2929" i="2" s="1"/>
  <c r="G2922" i="2" a="1"/>
  <c r="G2922" i="2" s="1"/>
  <c r="G2923" i="2" a="1"/>
  <c r="G2923" i="2" s="1"/>
  <c r="G2936" i="2" a="1"/>
  <c r="G2936" i="2" s="1"/>
  <c r="G2927" i="2" a="1"/>
  <c r="G2927" i="2" s="1"/>
  <c r="G2930" i="2" a="1"/>
  <c r="G2930" i="2" s="1"/>
  <c r="G2919" i="2" a="1"/>
  <c r="G2919" i="2" s="1"/>
  <c r="G2920" i="2" a="1"/>
  <c r="G2920" i="2" s="1"/>
  <c r="G2921" i="2" a="1"/>
  <c r="G2921" i="2" s="1"/>
  <c r="G2914" i="2" a="1"/>
  <c r="G2914" i="2" s="1"/>
  <c r="G2933" i="2" a="1"/>
  <c r="G2933" i="2" s="1"/>
  <c r="H5265" i="2" a="1"/>
  <c r="H5265" i="2" s="1"/>
  <c r="H5257" i="2" a="1"/>
  <c r="H5257" i="2" s="1"/>
  <c r="H5250" i="2" a="1"/>
  <c r="H5250" i="2" s="1"/>
  <c r="E2632" i="2" a="1"/>
  <c r="E2632" i="2" s="1"/>
  <c r="E2626" i="2" a="1"/>
  <c r="E2626" i="2" s="1"/>
  <c r="E2627" i="2" a="1"/>
  <c r="E2627" i="2" s="1"/>
  <c r="E2631" i="2" a="1"/>
  <c r="E2631" i="2" s="1"/>
  <c r="E2629" i="2" a="1"/>
  <c r="E2629" i="2" s="1"/>
  <c r="E2628" i="2" a="1"/>
  <c r="E2628" i="2" s="1"/>
  <c r="E2634" i="2" a="1"/>
  <c r="E2634" i="2" s="1"/>
  <c r="E2637" i="2" a="1"/>
  <c r="E2637" i="2" s="1"/>
  <c r="E2648" i="2" a="1"/>
  <c r="E2648" i="2" s="1"/>
  <c r="E2647" i="2" a="1"/>
  <c r="E2647" i="2" s="1"/>
  <c r="E2639" i="2" a="1"/>
  <c r="E2639" i="2" s="1"/>
  <c r="E2646" i="2" a="1"/>
  <c r="E2646" i="2" s="1"/>
  <c r="D5240" i="2" a="1"/>
  <c r="D5240" i="2" s="1"/>
  <c r="D5234" i="2" a="1"/>
  <c r="D5234" i="2" s="1"/>
  <c r="D5239" i="2" a="1"/>
  <c r="D5239" i="2" s="1"/>
  <c r="H5593" i="2" a="1"/>
  <c r="H5593" i="2" s="1"/>
  <c r="H5583" i="2" a="1"/>
  <c r="H5583" i="2" s="1"/>
  <c r="H5584" i="2" a="1"/>
  <c r="H5584" i="2" s="1"/>
  <c r="H5600" i="2" a="1"/>
  <c r="H5600" i="2" s="1"/>
  <c r="H5599" i="2" a="1"/>
  <c r="H5599" i="2" s="1"/>
  <c r="H5579" i="2" a="1"/>
  <c r="H5579" i="2" s="1"/>
  <c r="H5585" i="2" a="1"/>
  <c r="H5585" i="2" s="1"/>
  <c r="H5586" i="2" a="1"/>
  <c r="H5586" i="2" s="1"/>
  <c r="H5589" i="2" a="1"/>
  <c r="H5589" i="2" s="1"/>
  <c r="H5591" i="2" a="1"/>
  <c r="H5591" i="2" s="1"/>
  <c r="H5581" i="2" a="1"/>
  <c r="H5581" i="2" s="1"/>
  <c r="H5580" i="2" a="1"/>
  <c r="H5580" i="2" s="1"/>
  <c r="H5578" i="2" a="1"/>
  <c r="H5578" i="2" s="1"/>
  <c r="H5587" i="2" a="1"/>
  <c r="H5587" i="2" s="1"/>
  <c r="H5594" i="2" a="1"/>
  <c r="H5594" i="2" s="1"/>
  <c r="H5582" i="2" a="1"/>
  <c r="H5582" i="2" s="1"/>
  <c r="H5592" i="2" a="1"/>
  <c r="H5592" i="2" s="1"/>
  <c r="H5598" i="2" a="1"/>
  <c r="H5598" i="2" s="1"/>
  <c r="H5595" i="2" a="1"/>
  <c r="H5595" i="2" s="1"/>
  <c r="H5601" i="2" a="1"/>
  <c r="H5601" i="2" s="1"/>
  <c r="H5590" i="2" a="1"/>
  <c r="H5590" i="2" s="1"/>
  <c r="H5596" i="2" a="1"/>
  <c r="H5596" i="2" s="1"/>
  <c r="D4732" i="2" a="1"/>
  <c r="D4732" i="2" s="1"/>
  <c r="D4734" i="2" a="1"/>
  <c r="D4734" i="2" s="1"/>
  <c r="D4716" i="2" a="1"/>
  <c r="D4716" i="2" s="1"/>
  <c r="D4726" i="2" a="1"/>
  <c r="D4726" i="2" s="1"/>
  <c r="D4717" i="2" a="1"/>
  <c r="D4717" i="2" s="1"/>
  <c r="D4719" i="2" a="1"/>
  <c r="D4719" i="2" s="1"/>
  <c r="D4733" i="2" a="1"/>
  <c r="D4733" i="2" s="1"/>
  <c r="D4727" i="2" a="1"/>
  <c r="D4727" i="2" s="1"/>
  <c r="D4728" i="2" a="1"/>
  <c r="D4728" i="2" s="1"/>
  <c r="D4724" i="2" a="1"/>
  <c r="D4724" i="2" s="1"/>
  <c r="D4722" i="2" a="1"/>
  <c r="D4722" i="2" s="1"/>
  <c r="D4730" i="2" a="1"/>
  <c r="D4730" i="2" s="1"/>
  <c r="D4720" i="2" a="1"/>
  <c r="D4720" i="2" s="1"/>
  <c r="D4736" i="2" a="1"/>
  <c r="D4736" i="2" s="1"/>
  <c r="D4718" i="2" a="1"/>
  <c r="D4718" i="2" s="1"/>
  <c r="D4721" i="2" a="1"/>
  <c r="D4721" i="2" s="1"/>
  <c r="D4725" i="2" a="1"/>
  <c r="D4725" i="2" s="1"/>
  <c r="D4729" i="2" a="1"/>
  <c r="D4729" i="2" s="1"/>
  <c r="D4723" i="2" a="1"/>
  <c r="D4723" i="2" s="1"/>
  <c r="D4715" i="2" a="1"/>
  <c r="D4715" i="2" s="1"/>
  <c r="D4731" i="2" a="1"/>
  <c r="D4731" i="2" s="1"/>
  <c r="D4737" i="2" a="1"/>
  <c r="D4737" i="2" s="1"/>
  <c r="G8505" i="2" a="1"/>
  <c r="G8505" i="2" s="1"/>
  <c r="G8496" i="2" a="1"/>
  <c r="G8496" i="2" s="1"/>
  <c r="G8500" i="2" a="1"/>
  <c r="G8500" i="2" s="1"/>
  <c r="G8492" i="2" a="1"/>
  <c r="G8492" i="2" s="1"/>
  <c r="G8483" i="2" a="1"/>
  <c r="G8483" i="2" s="1"/>
  <c r="G8494" i="2" a="1"/>
  <c r="G8494" i="2" s="1"/>
  <c r="G8501" i="2" a="1"/>
  <c r="G8501" i="2" s="1"/>
  <c r="D4599" i="2" a="1"/>
  <c r="D4599" i="2" s="1"/>
  <c r="D4603" i="2" a="1"/>
  <c r="D4603" i="2" s="1"/>
  <c r="D4611" i="2" a="1"/>
  <c r="D4611" i="2" s="1"/>
  <c r="D4594" i="2" a="1"/>
  <c r="D4594" i="2" s="1"/>
  <c r="D4615" i="2" a="1"/>
  <c r="D4615" i="2" s="1"/>
  <c r="D4614" i="2" a="1"/>
  <c r="D4614" i="2" s="1"/>
  <c r="D4616" i="2" a="1"/>
  <c r="D4616" i="2" s="1"/>
  <c r="D4596" i="2" a="1"/>
  <c r="D4596" i="2" s="1"/>
  <c r="D4598" i="2" a="1"/>
  <c r="D4598" i="2" s="1"/>
  <c r="D4607" i="2" a="1"/>
  <c r="D4607" i="2" s="1"/>
  <c r="AM192" i="1"/>
  <c r="C198" i="5" s="1"/>
  <c r="D4601" i="2" a="1"/>
  <c r="D4601" i="2" s="1"/>
  <c r="D4605" i="2" a="1"/>
  <c r="D4605" i="2" s="1"/>
  <c r="D4609" i="2" a="1"/>
  <c r="D4609" i="2" s="1"/>
  <c r="D4613" i="2" a="1"/>
  <c r="D4613" i="2" s="1"/>
  <c r="D4608" i="2" a="1"/>
  <c r="D4608" i="2" s="1"/>
  <c r="D4595" i="2" a="1"/>
  <c r="D4595" i="2" s="1"/>
  <c r="D4600" i="2" a="1"/>
  <c r="D4600" i="2" s="1"/>
  <c r="D4597" i="2" a="1"/>
  <c r="D4597" i="2" s="1"/>
  <c r="E8209" i="2" a="1"/>
  <c r="E8209" i="2" s="1"/>
  <c r="E8208" i="2" a="1"/>
  <c r="E8208" i="2" s="1"/>
  <c r="E8211" i="2" a="1"/>
  <c r="E8211" i="2" s="1"/>
  <c r="E8200" i="2" a="1"/>
  <c r="E8200" i="2" s="1"/>
  <c r="E8195" i="2" a="1"/>
  <c r="E8195" i="2" s="1"/>
  <c r="E8205" i="2" a="1"/>
  <c r="E8205" i="2" s="1"/>
  <c r="E8201" i="2" a="1"/>
  <c r="E8201" i="2" s="1"/>
  <c r="E8204" i="2" a="1"/>
  <c r="E8204" i="2" s="1"/>
  <c r="E8206" i="2" a="1"/>
  <c r="E8206" i="2" s="1"/>
  <c r="E8212" i="2" a="1"/>
  <c r="E8212" i="2" s="1"/>
  <c r="E8215" i="2" a="1"/>
  <c r="E8215" i="2" s="1"/>
  <c r="E8213" i="2" a="1"/>
  <c r="E8213" i="2" s="1"/>
  <c r="E8203" i="2" a="1"/>
  <c r="E8203" i="2" s="1"/>
  <c r="E8207" i="2" a="1"/>
  <c r="E8207" i="2" s="1"/>
  <c r="G380" i="2" a="1"/>
  <c r="G380" i="2" s="1"/>
  <c r="G374" i="2" a="1"/>
  <c r="G374" i="2" s="1"/>
  <c r="G389" i="2" a="1"/>
  <c r="G389" i="2" s="1"/>
  <c r="G377" i="2" a="1"/>
  <c r="G377" i="2" s="1"/>
  <c r="G385" i="2" a="1"/>
  <c r="G385" i="2" s="1"/>
  <c r="G388" i="2" a="1"/>
  <c r="G388" i="2" s="1"/>
  <c r="G392" i="2" a="1"/>
  <c r="G392" i="2" s="1"/>
  <c r="G391" i="2" a="1"/>
  <c r="G391" i="2" s="1"/>
  <c r="G393" i="2" a="1"/>
  <c r="G393" i="2" s="1"/>
  <c r="G370" i="2" a="1"/>
  <c r="G370" i="2" s="1"/>
  <c r="G387" i="2" a="1"/>
  <c r="G387" i="2" s="1"/>
  <c r="G378" i="2" a="1"/>
  <c r="G378" i="2" s="1"/>
  <c r="G371" i="2" a="1"/>
  <c r="G371" i="2" s="1"/>
  <c r="G390" i="2" a="1"/>
  <c r="G390" i="2" s="1"/>
  <c r="G372" i="2" a="1"/>
  <c r="G372" i="2" s="1"/>
  <c r="G376" i="2" a="1"/>
  <c r="G376" i="2" s="1"/>
  <c r="G373" i="2" a="1"/>
  <c r="G373" i="2" s="1"/>
  <c r="G383" i="2" a="1"/>
  <c r="G383" i="2" s="1"/>
  <c r="G384" i="2" a="1"/>
  <c r="G384" i="2" s="1"/>
  <c r="G379" i="2" a="1"/>
  <c r="G379" i="2" s="1"/>
  <c r="G386" i="2" a="1"/>
  <c r="G386" i="2" s="1"/>
  <c r="G3113" i="2" a="1"/>
  <c r="G3113" i="2" s="1"/>
  <c r="G3112" i="2" a="1"/>
  <c r="G3112" i="2" s="1"/>
  <c r="G3116" i="2" a="1"/>
  <c r="G3116" i="2" s="1"/>
  <c r="G3120" i="2" a="1"/>
  <c r="G3120" i="2" s="1"/>
  <c r="G3117" i="2" a="1"/>
  <c r="G3117" i="2" s="1"/>
  <c r="G3106" i="2" a="1"/>
  <c r="G3106" i="2" s="1"/>
  <c r="G3121" i="2" a="1"/>
  <c r="G3121" i="2" s="1"/>
  <c r="G3110" i="2" a="1"/>
  <c r="G3110" i="2" s="1"/>
  <c r="G3108" i="2" a="1"/>
  <c r="G3108" i="2" s="1"/>
  <c r="G3107" i="2" a="1"/>
  <c r="G3107" i="2" s="1"/>
  <c r="G3109" i="2" a="1"/>
  <c r="G3109" i="2" s="1"/>
  <c r="G3114" i="2" a="1"/>
  <c r="G3114" i="2" s="1"/>
  <c r="G3111" i="2" a="1"/>
  <c r="G3111" i="2" s="1"/>
  <c r="G3125" i="2" a="1"/>
  <c r="G3125" i="2" s="1"/>
  <c r="G3127" i="2" a="1"/>
  <c r="G3127" i="2" s="1"/>
  <c r="G3122" i="2" a="1"/>
  <c r="G3122" i="2" s="1"/>
  <c r="E7618" i="2" a="1"/>
  <c r="E7618" i="2" s="1"/>
  <c r="E7637" i="2" a="1"/>
  <c r="E7637" i="2" s="1"/>
  <c r="E7621" i="2" a="1"/>
  <c r="E7621" i="2" s="1"/>
  <c r="E7619" i="2" a="1"/>
  <c r="E7619" i="2" s="1"/>
  <c r="E7630" i="2" a="1"/>
  <c r="E7630" i="2" s="1"/>
  <c r="E7623" i="2" a="1"/>
  <c r="E7623" i="2" s="1"/>
  <c r="E7638" i="2" a="1"/>
  <c r="E7638" i="2" s="1"/>
  <c r="E7631" i="2" a="1"/>
  <c r="E7631" i="2" s="1"/>
  <c r="E7641" i="2" a="1"/>
  <c r="E7641" i="2" s="1"/>
  <c r="E7634" i="2" a="1"/>
  <c r="E7634" i="2" s="1"/>
  <c r="E7625" i="2" a="1"/>
  <c r="E7625" i="2" s="1"/>
  <c r="E7629" i="2" a="1"/>
  <c r="E7629" i="2" s="1"/>
  <c r="E7636" i="2" a="1"/>
  <c r="E7636" i="2" s="1"/>
  <c r="E7639" i="2" a="1"/>
  <c r="E7639" i="2" s="1"/>
  <c r="E7632" i="2" a="1"/>
  <c r="E7632" i="2" s="1"/>
  <c r="H630" i="2" a="1"/>
  <c r="H630" i="2" s="1"/>
  <c r="H614" i="2" a="1"/>
  <c r="H614" i="2" s="1"/>
  <c r="H627" i="2" a="1"/>
  <c r="H627" i="2" s="1"/>
  <c r="H610" i="2" a="1"/>
  <c r="H610" i="2" s="1"/>
  <c r="H617" i="2" a="1"/>
  <c r="H617" i="2" s="1"/>
  <c r="H615" i="2" a="1"/>
  <c r="H615" i="2" s="1"/>
  <c r="H624" i="2" a="1"/>
  <c r="H624" i="2" s="1"/>
  <c r="H612" i="2" a="1"/>
  <c r="H612" i="2" s="1"/>
  <c r="H616" i="2" a="1"/>
  <c r="H616" i="2" s="1"/>
  <c r="H611" i="2" a="1"/>
  <c r="H611" i="2" s="1"/>
  <c r="H632" i="2" a="1"/>
  <c r="H632" i="2" s="1"/>
  <c r="E8498" i="2" a="1"/>
  <c r="E8498" i="2" s="1"/>
  <c r="E8483" i="2" a="1"/>
  <c r="E8483" i="2" s="1"/>
  <c r="E8493" i="2" a="1"/>
  <c r="E8493" i="2" s="1"/>
  <c r="E8504" i="2" a="1"/>
  <c r="E8504" i="2" s="1"/>
  <c r="E8485" i="2" a="1"/>
  <c r="E8485" i="2" s="1"/>
  <c r="E8491" i="2" a="1"/>
  <c r="E8491" i="2" s="1"/>
  <c r="E8499" i="2" a="1"/>
  <c r="E8499" i="2" s="1"/>
  <c r="E8490" i="2" a="1"/>
  <c r="E8490" i="2" s="1"/>
  <c r="E8496" i="2" a="1"/>
  <c r="E8496" i="2" s="1"/>
  <c r="E8500" i="2" a="1"/>
  <c r="E8500" i="2" s="1"/>
  <c r="E8505" i="2" a="1"/>
  <c r="E8505" i="2" s="1"/>
  <c r="E8486" i="2" a="1"/>
  <c r="E8486" i="2" s="1"/>
  <c r="E8492" i="2" a="1"/>
  <c r="E8492" i="2" s="1"/>
  <c r="H4157" i="2" a="1"/>
  <c r="H4157" i="2" s="1"/>
  <c r="H4159" i="2" a="1"/>
  <c r="H4159" i="2" s="1"/>
  <c r="H8543" i="2" a="1"/>
  <c r="H8543" i="2" s="1"/>
  <c r="H8538" i="2" a="1"/>
  <c r="H8538" i="2" s="1"/>
  <c r="H8541" i="2" a="1"/>
  <c r="H8541" i="2" s="1"/>
  <c r="H8539" i="2" a="1"/>
  <c r="H8539" i="2" s="1"/>
  <c r="H8544" i="2" a="1"/>
  <c r="H8544" i="2" s="1"/>
  <c r="H8547" i="2" a="1"/>
  <c r="H8547" i="2" s="1"/>
  <c r="H8531" i="2" a="1"/>
  <c r="H8531" i="2" s="1"/>
  <c r="H8550" i="2" a="1"/>
  <c r="H8550" i="2" s="1"/>
  <c r="H8542" i="2" a="1"/>
  <c r="H8542" i="2" s="1"/>
  <c r="H8532" i="2" a="1"/>
  <c r="H8532" i="2" s="1"/>
  <c r="H8536" i="2" a="1"/>
  <c r="H8536" i="2" s="1"/>
  <c r="H8549" i="2" a="1"/>
  <c r="H8549" i="2" s="1"/>
  <c r="H8534" i="2" a="1"/>
  <c r="H8534" i="2" s="1"/>
  <c r="H8530" i="2" a="1"/>
  <c r="H8530" i="2" s="1"/>
  <c r="H8537" i="2" a="1"/>
  <c r="H8537" i="2" s="1"/>
  <c r="D6837" i="2" a="1"/>
  <c r="D6837" i="2" s="1"/>
  <c r="D6843" i="2" a="1"/>
  <c r="D6843" i="2" s="1"/>
  <c r="D6829" i="2" a="1"/>
  <c r="D6829" i="2" s="1"/>
  <c r="H7640" i="2" a="1"/>
  <c r="H7640" i="2" s="1"/>
  <c r="H7634" i="2" a="1"/>
  <c r="H7634" i="2" s="1"/>
  <c r="H7636" i="2" a="1"/>
  <c r="H7636" i="2" s="1"/>
  <c r="H7631" i="2" a="1"/>
  <c r="H7631" i="2" s="1"/>
  <c r="H7638" i="2" a="1"/>
  <c r="H7638" i="2" s="1"/>
  <c r="H7621" i="2" a="1"/>
  <c r="H7621" i="2" s="1"/>
  <c r="H7618" i="2" a="1"/>
  <c r="H7618" i="2" s="1"/>
  <c r="H7620" i="2" a="1"/>
  <c r="H7620" i="2" s="1"/>
  <c r="H7625" i="2" a="1"/>
  <c r="H7625" i="2" s="1"/>
  <c r="H7629" i="2" a="1"/>
  <c r="H7629" i="2" s="1"/>
  <c r="H7637" i="2" a="1"/>
  <c r="H7637" i="2" s="1"/>
  <c r="H7635" i="2" a="1"/>
  <c r="H7635" i="2" s="1"/>
  <c r="H7630" i="2" a="1"/>
  <c r="H7630" i="2" s="1"/>
  <c r="H7622" i="2" a="1"/>
  <c r="H7622" i="2" s="1"/>
  <c r="H7628" i="2" a="1"/>
  <c r="H7628" i="2" s="1"/>
  <c r="H7633" i="2" a="1"/>
  <c r="H7633" i="2" s="1"/>
  <c r="H7632" i="2" a="1"/>
  <c r="H7632" i="2" s="1"/>
  <c r="H7623" i="2" a="1"/>
  <c r="H7623" i="2" s="1"/>
  <c r="H7626" i="2" a="1"/>
  <c r="H7626" i="2" s="1"/>
  <c r="H7624" i="2" a="1"/>
  <c r="H7624" i="2" s="1"/>
  <c r="H7639" i="2" a="1"/>
  <c r="H7639" i="2" s="1"/>
  <c r="H8043" i="2" a="1"/>
  <c r="H8043" i="2" s="1"/>
  <c r="H8028" i="2" a="1"/>
  <c r="H8028" i="2" s="1"/>
  <c r="H6549" i="2" a="1"/>
  <c r="H6549" i="2" s="1"/>
  <c r="H6551" i="2" a="1"/>
  <c r="H6551" i="2" s="1"/>
  <c r="H6550" i="2" a="1"/>
  <c r="H6550" i="2" s="1"/>
  <c r="H6559" i="2" a="1"/>
  <c r="H6559" i="2" s="1"/>
  <c r="H6540" i="2" a="1"/>
  <c r="H6540" i="2" s="1"/>
  <c r="H6552" i="2" a="1"/>
  <c r="H6552" i="2" s="1"/>
  <c r="H6546" i="2" a="1"/>
  <c r="H6546" i="2" s="1"/>
  <c r="H6554" i="2" a="1"/>
  <c r="H6554" i="2" s="1"/>
  <c r="H6542" i="2" a="1"/>
  <c r="H6542" i="2" s="1"/>
  <c r="H6555" i="2" a="1"/>
  <c r="H6555" i="2" s="1"/>
  <c r="H6557" i="2" a="1"/>
  <c r="H6557" i="2" s="1"/>
  <c r="H6556" i="2" a="1"/>
  <c r="H6556" i="2" s="1"/>
  <c r="H6545" i="2" a="1"/>
  <c r="H6545" i="2" s="1"/>
  <c r="H5947" i="2" a="1"/>
  <c r="H5947" i="2" s="1"/>
  <c r="H5942" i="2" a="1"/>
  <c r="H5942" i="2" s="1"/>
  <c r="H5961" i="2" a="1"/>
  <c r="H5961" i="2" s="1"/>
  <c r="H5940" i="2" a="1"/>
  <c r="H5940" i="2" s="1"/>
  <c r="D2292" i="2" a="1"/>
  <c r="D2292" i="2" s="1"/>
  <c r="D2308" i="2" a="1"/>
  <c r="D2308" i="2" s="1"/>
  <c r="D8570" i="2" a="1"/>
  <c r="D8570" i="2" s="1"/>
  <c r="D8564" i="2" a="1"/>
  <c r="D8564" i="2" s="1"/>
  <c r="D8561" i="2" a="1"/>
  <c r="D8561" i="2" s="1"/>
  <c r="D8575" i="2" a="1"/>
  <c r="D8575" i="2" s="1"/>
  <c r="D8571" i="2" a="1"/>
  <c r="D8571" i="2" s="1"/>
  <c r="D8558" i="2" a="1"/>
  <c r="D8558" i="2" s="1"/>
  <c r="D8563" i="2" a="1"/>
  <c r="D8563" i="2" s="1"/>
  <c r="D8568" i="2" a="1"/>
  <c r="D8568" i="2" s="1"/>
  <c r="D8569" i="2" a="1"/>
  <c r="D8569" i="2" s="1"/>
  <c r="D8555" i="2" a="1"/>
  <c r="D8555" i="2" s="1"/>
  <c r="D8557" i="2" a="1"/>
  <c r="D8557" i="2" s="1"/>
  <c r="D8566" i="2" a="1"/>
  <c r="D8566" i="2" s="1"/>
  <c r="D8574" i="2" a="1"/>
  <c r="D8574" i="2" s="1"/>
  <c r="D8576" i="2" a="1"/>
  <c r="D8576" i="2" s="1"/>
  <c r="D8554" i="2" a="1"/>
  <c r="D8554" i="2" s="1"/>
  <c r="D303" i="2" a="1"/>
  <c r="D303" i="2" s="1"/>
  <c r="D316" i="2" a="1"/>
  <c r="D316" i="2" s="1"/>
  <c r="D298" i="2" a="1"/>
  <c r="D298" i="2" s="1"/>
  <c r="D311" i="2" a="1"/>
  <c r="D311" i="2" s="1"/>
  <c r="D308" i="2" a="1"/>
  <c r="D308" i="2" s="1"/>
  <c r="D306" i="2" a="1"/>
  <c r="D306" i="2" s="1"/>
  <c r="D304" i="2" a="1"/>
  <c r="D304" i="2" s="1"/>
  <c r="D313" i="2" a="1"/>
  <c r="D313" i="2" s="1"/>
  <c r="D314" i="2" a="1"/>
  <c r="D314" i="2" s="1"/>
  <c r="D315" i="2" a="1"/>
  <c r="D315" i="2" s="1"/>
  <c r="D302" i="2" a="1"/>
  <c r="D302" i="2" s="1"/>
  <c r="D320" i="2" a="1"/>
  <c r="D320" i="2" s="1"/>
  <c r="D307" i="2" a="1"/>
  <c r="D307" i="2" s="1"/>
  <c r="D301" i="2" a="1"/>
  <c r="D301" i="2" s="1"/>
  <c r="D310" i="2" a="1"/>
  <c r="D310" i="2" s="1"/>
  <c r="AO13" i="1"/>
  <c r="E19" i="5" s="1"/>
  <c r="AQ13" i="1"/>
  <c r="G19" i="5" s="1"/>
  <c r="D299" i="2" a="1"/>
  <c r="D299" i="2" s="1"/>
  <c r="D312" i="2" a="1"/>
  <c r="D312" i="2" s="1"/>
  <c r="D319" i="2" a="1"/>
  <c r="D319" i="2" s="1"/>
  <c r="D318" i="2" a="1"/>
  <c r="D318" i="2" s="1"/>
  <c r="D305" i="2" a="1"/>
  <c r="D305" i="2" s="1"/>
  <c r="D309" i="2" a="1"/>
  <c r="D309" i="2" s="1"/>
  <c r="AM13" i="1"/>
  <c r="C19" i="5" s="1"/>
  <c r="D300" i="2" a="1"/>
  <c r="D300" i="2" s="1"/>
  <c r="D317" i="2" a="1"/>
  <c r="D317" i="2" s="1"/>
  <c r="D321" i="2" a="1"/>
  <c r="D321" i="2" s="1"/>
  <c r="H4489" i="2" a="1"/>
  <c r="H4489" i="2" s="1"/>
  <c r="H4496" i="2" a="1"/>
  <c r="H4496" i="2" s="1"/>
  <c r="H4493" i="2" a="1"/>
  <c r="H4493" i="2" s="1"/>
  <c r="H4477" i="2" a="1"/>
  <c r="H4477" i="2" s="1"/>
  <c r="H4480" i="2" a="1"/>
  <c r="H4480" i="2" s="1"/>
  <c r="H4479" i="2" a="1"/>
  <c r="H4479" i="2" s="1"/>
  <c r="H4483" i="2" a="1"/>
  <c r="H4483" i="2" s="1"/>
  <c r="H4476" i="2" a="1"/>
  <c r="H4476" i="2" s="1"/>
  <c r="H4490" i="2" a="1"/>
  <c r="H4490" i="2" s="1"/>
  <c r="H4474" i="2" a="1"/>
  <c r="H4474" i="2" s="1"/>
  <c r="H4478" i="2" a="1"/>
  <c r="H4478" i="2" s="1"/>
  <c r="H4497" i="2" a="1"/>
  <c r="H4497" i="2" s="1"/>
  <c r="H4475" i="2" a="1"/>
  <c r="H4475" i="2" s="1"/>
  <c r="H4494" i="2" a="1"/>
  <c r="H4494" i="2" s="1"/>
  <c r="H4487" i="2" a="1"/>
  <c r="H4487" i="2" s="1"/>
  <c r="H4495" i="2" a="1"/>
  <c r="H4495" i="2" s="1"/>
  <c r="H4492" i="2" a="1"/>
  <c r="H4492" i="2" s="1"/>
  <c r="H4481" i="2" a="1"/>
  <c r="H4481" i="2" s="1"/>
  <c r="G5129" i="2" a="1"/>
  <c r="G5129" i="2" s="1"/>
  <c r="G5128" i="2" a="1"/>
  <c r="G5128" i="2" s="1"/>
  <c r="G5136" i="2" a="1"/>
  <c r="G5136" i="2" s="1"/>
  <c r="G5122" i="2" a="1"/>
  <c r="G5122" i="2" s="1"/>
  <c r="G5144" i="2" a="1"/>
  <c r="G5144" i="2" s="1"/>
  <c r="G5131" i="2" a="1"/>
  <c r="G5131" i="2" s="1"/>
  <c r="G5141" i="2" a="1"/>
  <c r="G5141" i="2" s="1"/>
  <c r="G5133" i="2" a="1"/>
  <c r="G5133" i="2" s="1"/>
  <c r="G5145" i="2" a="1"/>
  <c r="G5145" i="2" s="1"/>
  <c r="G5143" i="2" a="1"/>
  <c r="G5143" i="2" s="1"/>
  <c r="G5124" i="2" a="1"/>
  <c r="G5124" i="2" s="1"/>
  <c r="G5139" i="2" a="1"/>
  <c r="G5139" i="2" s="1"/>
  <c r="G5138" i="2" a="1"/>
  <c r="G5138" i="2" s="1"/>
  <c r="G5142" i="2" a="1"/>
  <c r="G5142" i="2" s="1"/>
  <c r="G5140" i="2" a="1"/>
  <c r="G5140" i="2" s="1"/>
  <c r="G5137" i="2" a="1"/>
  <c r="G5137" i="2" s="1"/>
  <c r="G5132" i="2" a="1"/>
  <c r="G5132" i="2" s="1"/>
  <c r="G5125" i="2" a="1"/>
  <c r="G5125" i="2" s="1"/>
  <c r="G5126" i="2" a="1"/>
  <c r="G5126" i="2" s="1"/>
  <c r="G5127" i="2" a="1"/>
  <c r="G5127" i="2" s="1"/>
  <c r="G5134" i="2" a="1"/>
  <c r="G5134" i="2" s="1"/>
  <c r="G5135" i="2" a="1"/>
  <c r="G5135" i="2" s="1"/>
  <c r="G5130" i="2" a="1"/>
  <c r="G5130" i="2" s="1"/>
  <c r="G5123" i="2" a="1"/>
  <c r="G5123" i="2" s="1"/>
  <c r="G3866" i="2" a="1"/>
  <c r="G3866" i="2" s="1"/>
  <c r="G3859" i="2" a="1"/>
  <c r="G3859" i="2" s="1"/>
  <c r="G3863" i="2" a="1"/>
  <c r="G3863" i="2" s="1"/>
  <c r="G3872" i="2" a="1"/>
  <c r="G3872" i="2" s="1"/>
  <c r="G3869" i="2" a="1"/>
  <c r="G3869" i="2" s="1"/>
  <c r="G3854" i="2" a="1"/>
  <c r="G3854" i="2" s="1"/>
  <c r="G3867" i="2" a="1"/>
  <c r="G3867" i="2" s="1"/>
  <c r="G3855" i="2" a="1"/>
  <c r="G3855" i="2" s="1"/>
  <c r="G3856" i="2" a="1"/>
  <c r="G3856" i="2" s="1"/>
  <c r="G3850" i="2" a="1"/>
  <c r="G3850" i="2" s="1"/>
  <c r="G3870" i="2" a="1"/>
  <c r="G3870" i="2" s="1"/>
  <c r="G3873" i="2" a="1"/>
  <c r="G3873" i="2" s="1"/>
  <c r="G3851" i="2" a="1"/>
  <c r="G3851" i="2" s="1"/>
  <c r="G3861" i="2" a="1"/>
  <c r="G3861" i="2" s="1"/>
  <c r="G3853" i="2" a="1"/>
  <c r="G3853" i="2" s="1"/>
  <c r="G3868" i="2" a="1"/>
  <c r="G3868" i="2" s="1"/>
  <c r="G3857" i="2" a="1"/>
  <c r="G3857" i="2" s="1"/>
  <c r="G3862" i="2" a="1"/>
  <c r="G3862" i="2" s="1"/>
  <c r="G3864" i="2" a="1"/>
  <c r="G3864" i="2" s="1"/>
  <c r="G3860" i="2" a="1"/>
  <c r="G3860" i="2" s="1"/>
  <c r="G3852" i="2" a="1"/>
  <c r="G3852" i="2" s="1"/>
  <c r="G3858" i="2" a="1"/>
  <c r="G3858" i="2" s="1"/>
  <c r="G3871" i="2" a="1"/>
  <c r="G3871" i="2" s="1"/>
  <c r="G3865" i="2" a="1"/>
  <c r="G3865" i="2" s="1"/>
  <c r="F7085" i="2" a="1"/>
  <c r="F7085" i="2" s="1"/>
  <c r="F7068" i="2" a="1"/>
  <c r="F7068" i="2" s="1"/>
  <c r="F7078" i="2" a="1"/>
  <c r="F7078" i="2" s="1"/>
  <c r="G8567" i="2" a="1"/>
  <c r="G8567" i="2" s="1"/>
  <c r="G8562" i="2" a="1"/>
  <c r="G8562" i="2" s="1"/>
  <c r="G8574" i="2" a="1"/>
  <c r="G8574" i="2" s="1"/>
  <c r="G8568" i="2" a="1"/>
  <c r="G8568" i="2" s="1"/>
  <c r="G8575" i="2" a="1"/>
  <c r="G8575" i="2" s="1"/>
  <c r="G8559" i="2" a="1"/>
  <c r="G8559" i="2" s="1"/>
  <c r="G8572" i="2" a="1"/>
  <c r="G8572" i="2" s="1"/>
  <c r="G8576" i="2" a="1"/>
  <c r="G8576" i="2" s="1"/>
  <c r="G8561" i="2" a="1"/>
  <c r="G8561" i="2" s="1"/>
  <c r="G8566" i="2" a="1"/>
  <c r="G8566" i="2" s="1"/>
  <c r="G8557" i="2" a="1"/>
  <c r="G8557" i="2" s="1"/>
  <c r="G8573" i="2" a="1"/>
  <c r="G8573" i="2" s="1"/>
  <c r="G8563" i="2" a="1"/>
  <c r="G8563" i="2" s="1"/>
  <c r="G8554" i="2" a="1"/>
  <c r="G8554" i="2" s="1"/>
  <c r="G8577" i="2" a="1"/>
  <c r="G8577" i="2" s="1"/>
  <c r="G8558" i="2" a="1"/>
  <c r="G8558" i="2" s="1"/>
  <c r="G8570" i="2" a="1"/>
  <c r="G8570" i="2" s="1"/>
  <c r="G8569" i="2" a="1"/>
  <c r="G8569" i="2" s="1"/>
  <c r="G1540" i="2" a="1"/>
  <c r="G1540" i="2" s="1"/>
  <c r="F1601" i="2" a="1"/>
  <c r="F1601" i="2" s="1"/>
  <c r="F1598" i="2" a="1"/>
  <c r="F1598" i="2" s="1"/>
  <c r="F1603" i="2" a="1"/>
  <c r="F1603" i="2" s="1"/>
  <c r="F1610" i="2" a="1"/>
  <c r="F1610" i="2" s="1"/>
  <c r="F1602" i="2" a="1"/>
  <c r="F1602" i="2" s="1"/>
  <c r="D5207" i="2" a="1"/>
  <c r="D5207" i="2" s="1"/>
  <c r="D5210" i="2" a="1"/>
  <c r="D5210" i="2" s="1"/>
  <c r="D5201" i="2" a="1"/>
  <c r="D5201" i="2" s="1"/>
  <c r="D5197" i="2" a="1"/>
  <c r="D5197" i="2" s="1"/>
  <c r="D5195" i="2" a="1"/>
  <c r="D5195" i="2" s="1"/>
  <c r="D5196" i="2" a="1"/>
  <c r="D5196" i="2" s="1"/>
  <c r="D5198" i="2" a="1"/>
  <c r="D5198" i="2" s="1"/>
  <c r="D5217" i="2" a="1"/>
  <c r="D5217" i="2" s="1"/>
  <c r="D5199" i="2" a="1"/>
  <c r="D5199" i="2" s="1"/>
  <c r="G4627" i="2" a="1"/>
  <c r="G4627" i="2" s="1"/>
  <c r="G4631" i="2" a="1"/>
  <c r="G4631" i="2" s="1"/>
  <c r="G4622" i="2" a="1"/>
  <c r="G4622" i="2" s="1"/>
  <c r="G4632" i="2" a="1"/>
  <c r="G4632" i="2" s="1"/>
  <c r="G4639" i="2" a="1"/>
  <c r="G4639" i="2" s="1"/>
  <c r="G4634" i="2" a="1"/>
  <c r="G4634" i="2" s="1"/>
  <c r="G4621" i="2" a="1"/>
  <c r="G4621" i="2" s="1"/>
  <c r="G4636" i="2" a="1"/>
  <c r="G4636" i="2" s="1"/>
  <c r="G4619" i="2" a="1"/>
  <c r="G4619" i="2" s="1"/>
  <c r="G4638" i="2" a="1"/>
  <c r="G4638" i="2" s="1"/>
  <c r="G4628" i="2" a="1"/>
  <c r="G4628" i="2" s="1"/>
  <c r="G4637" i="2" a="1"/>
  <c r="G4637" i="2" s="1"/>
  <c r="G4640" i="2" a="1"/>
  <c r="G4640" i="2" s="1"/>
  <c r="G4623" i="2" a="1"/>
  <c r="G4623" i="2" s="1"/>
  <c r="G4618" i="2" a="1"/>
  <c r="G4618" i="2" s="1"/>
  <c r="G4620" i="2" a="1"/>
  <c r="G4620" i="2" s="1"/>
  <c r="G4629" i="2" a="1"/>
  <c r="G4629" i="2" s="1"/>
  <c r="G4624" i="2" a="1"/>
  <c r="G4624" i="2" s="1"/>
  <c r="E2018" i="2" a="1"/>
  <c r="E2018" i="2" s="1"/>
  <c r="E2024" i="2" a="1"/>
  <c r="E2024" i="2" s="1"/>
  <c r="E2023" i="2" a="1"/>
  <c r="E2023" i="2" s="1"/>
  <c r="E2017" i="2" a="1"/>
  <c r="E2017" i="2" s="1"/>
  <c r="E2006" i="2" a="1"/>
  <c r="E2006" i="2" s="1"/>
  <c r="E2022" i="2" a="1"/>
  <c r="E2022" i="2" s="1"/>
  <c r="E2007" i="2" a="1"/>
  <c r="E2007" i="2" s="1"/>
  <c r="E2003" i="2" a="1"/>
  <c r="E2003" i="2" s="1"/>
  <c r="E2008" i="2" a="1"/>
  <c r="E2008" i="2" s="1"/>
  <c r="E2016" i="2" a="1"/>
  <c r="E2016" i="2" s="1"/>
  <c r="E2015" i="2" a="1"/>
  <c r="E2015" i="2" s="1"/>
  <c r="E2002" i="2" a="1"/>
  <c r="E2002" i="2" s="1"/>
  <c r="E2004" i="2" a="1"/>
  <c r="E2004" i="2" s="1"/>
  <c r="E2019" i="2" a="1"/>
  <c r="E2019" i="2" s="1"/>
  <c r="E2025" i="2" a="1"/>
  <c r="E2025" i="2" s="1"/>
  <c r="E2020" i="2" a="1"/>
  <c r="E2020" i="2" s="1"/>
  <c r="E2010" i="2" a="1"/>
  <c r="E2010" i="2" s="1"/>
  <c r="E2012" i="2" a="1"/>
  <c r="E2012" i="2" s="1"/>
  <c r="E2005" i="2" a="1"/>
  <c r="E2005" i="2" s="1"/>
  <c r="E3868" i="2" a="1"/>
  <c r="E3868" i="2" s="1"/>
  <c r="E3864" i="2" a="1"/>
  <c r="E3864" i="2" s="1"/>
  <c r="E3852" i="2" a="1"/>
  <c r="E3852" i="2" s="1"/>
  <c r="E3855" i="2" a="1"/>
  <c r="E3855" i="2" s="1"/>
  <c r="E3871" i="2" a="1"/>
  <c r="E3871" i="2" s="1"/>
  <c r="E3861" i="2" a="1"/>
  <c r="E3861" i="2" s="1"/>
  <c r="E3859" i="2" a="1"/>
  <c r="E3859" i="2" s="1"/>
  <c r="E3869" i="2" a="1"/>
  <c r="E3869" i="2" s="1"/>
  <c r="E3872" i="2" a="1"/>
  <c r="E3872" i="2" s="1"/>
  <c r="E3858" i="2" a="1"/>
  <c r="E3858" i="2" s="1"/>
  <c r="E3853" i="2" a="1"/>
  <c r="E3853" i="2" s="1"/>
  <c r="E3862" i="2" a="1"/>
  <c r="E3862" i="2" s="1"/>
  <c r="E3856" i="2" a="1"/>
  <c r="E3856" i="2" s="1"/>
  <c r="E3873" i="2" a="1"/>
  <c r="E3873" i="2" s="1"/>
  <c r="E3867" i="2" a="1"/>
  <c r="E3867" i="2" s="1"/>
  <c r="E3854" i="2" a="1"/>
  <c r="E3854" i="2" s="1"/>
  <c r="E3865" i="2" a="1"/>
  <c r="E3865" i="2" s="1"/>
  <c r="E3860" i="2" a="1"/>
  <c r="E3860" i="2" s="1"/>
  <c r="E3863" i="2" a="1"/>
  <c r="E3863" i="2" s="1"/>
  <c r="E3850" i="2" a="1"/>
  <c r="E3850" i="2" s="1"/>
  <c r="E2130" i="2" a="1"/>
  <c r="E2130" i="2" s="1"/>
  <c r="E2127" i="2" a="1"/>
  <c r="E2127" i="2" s="1"/>
  <c r="E2125" i="2" a="1"/>
  <c r="E2125" i="2" s="1"/>
  <c r="E2144" i="2" a="1"/>
  <c r="E2144" i="2" s="1"/>
  <c r="E2131" i="2" a="1"/>
  <c r="E2131" i="2" s="1"/>
  <c r="E2137" i="2" a="1"/>
  <c r="E2137" i="2" s="1"/>
  <c r="E2122" i="2" a="1"/>
  <c r="E2122" i="2" s="1"/>
  <c r="E2141" i="2" a="1"/>
  <c r="E2141" i="2" s="1"/>
  <c r="E2142" i="2" a="1"/>
  <c r="E2142" i="2" s="1"/>
  <c r="H113" i="2" a="1"/>
  <c r="H113" i="2" s="1"/>
  <c r="H115" i="2" a="1"/>
  <c r="H115" i="2" s="1"/>
  <c r="H117" i="2" a="1"/>
  <c r="H117" i="2" s="1"/>
  <c r="H129" i="2" a="1"/>
  <c r="H129" i="2" s="1"/>
  <c r="H110" i="2" a="1"/>
  <c r="H110" i="2" s="1"/>
  <c r="H112" i="2" a="1"/>
  <c r="H112" i="2" s="1"/>
  <c r="H109" i="2" a="1"/>
  <c r="H109" i="2" s="1"/>
  <c r="H121" i="2" a="1"/>
  <c r="H121" i="2" s="1"/>
  <c r="H127" i="2" a="1"/>
  <c r="H127" i="2" s="1"/>
  <c r="F399" i="2" a="1"/>
  <c r="F399" i="2" s="1"/>
  <c r="F416" i="2" a="1"/>
  <c r="F416" i="2" s="1"/>
  <c r="F405" i="2" a="1"/>
  <c r="F405" i="2" s="1"/>
  <c r="F401" i="2" a="1"/>
  <c r="F401" i="2" s="1"/>
  <c r="F403" i="2" a="1"/>
  <c r="F403" i="2" s="1"/>
  <c r="F413" i="2" a="1"/>
  <c r="F413" i="2" s="1"/>
  <c r="F414" i="2" a="1"/>
  <c r="F414" i="2" s="1"/>
  <c r="H4022" i="2" a="1"/>
  <c r="H4022" i="2" s="1"/>
  <c r="H4026" i="2" a="1"/>
  <c r="H4026" i="2" s="1"/>
  <c r="H4029" i="2" a="1"/>
  <c r="H4029" i="2" s="1"/>
  <c r="H4040" i="2" a="1"/>
  <c r="H4040" i="2" s="1"/>
  <c r="H4034" i="2" a="1"/>
  <c r="H4034" i="2" s="1"/>
  <c r="H2099" i="2" a="1"/>
  <c r="H2099" i="2" s="1"/>
  <c r="H2119" i="2" a="1"/>
  <c r="H2119" i="2" s="1"/>
  <c r="H2118" i="2" a="1"/>
  <c r="H2118" i="2" s="1"/>
  <c r="H2100" i="2" a="1"/>
  <c r="H2100" i="2" s="1"/>
  <c r="H2101" i="2" a="1"/>
  <c r="H2101" i="2" s="1"/>
  <c r="H2120" i="2" a="1"/>
  <c r="H2120" i="2" s="1"/>
  <c r="H2109" i="2" a="1"/>
  <c r="H2109" i="2" s="1"/>
  <c r="H2114" i="2" a="1"/>
  <c r="H2114" i="2" s="1"/>
  <c r="H2104" i="2" a="1"/>
  <c r="H2104" i="2" s="1"/>
  <c r="H2115" i="2" a="1"/>
  <c r="H2115" i="2" s="1"/>
  <c r="H2108" i="2" a="1"/>
  <c r="H2108" i="2" s="1"/>
  <c r="H2106" i="2" a="1"/>
  <c r="H2106" i="2" s="1"/>
  <c r="H2103" i="2" a="1"/>
  <c r="H2103" i="2" s="1"/>
  <c r="H2102" i="2" a="1"/>
  <c r="H2102" i="2" s="1"/>
  <c r="H2113" i="2" a="1"/>
  <c r="H2113" i="2" s="1"/>
  <c r="H2111" i="2" a="1"/>
  <c r="H2111" i="2" s="1"/>
  <c r="H2098" i="2" a="1"/>
  <c r="H2098" i="2" s="1"/>
  <c r="H2112" i="2" a="1"/>
  <c r="H2112" i="2" s="1"/>
  <c r="H2105" i="2" a="1"/>
  <c r="H2105" i="2" s="1"/>
  <c r="H2116" i="2" a="1"/>
  <c r="H2116" i="2" s="1"/>
  <c r="E7164" i="2" a="1"/>
  <c r="E7164" i="2" s="1"/>
  <c r="E7182" i="2" a="1"/>
  <c r="E7182" i="2" s="1"/>
  <c r="E7167" i="2" a="1"/>
  <c r="E7167" i="2" s="1"/>
  <c r="E7177" i="2" a="1"/>
  <c r="E7177" i="2" s="1"/>
  <c r="E7178" i="2" a="1"/>
  <c r="E7178" i="2" s="1"/>
  <c r="E7168" i="2" a="1"/>
  <c r="E7168" i="2" s="1"/>
  <c r="E7183" i="2" a="1"/>
  <c r="E7183" i="2" s="1"/>
  <c r="E7174" i="2" a="1"/>
  <c r="E7174" i="2" s="1"/>
  <c r="E7165" i="2" a="1"/>
  <c r="E7165" i="2" s="1"/>
  <c r="E7180" i="2" a="1"/>
  <c r="E7180" i="2" s="1"/>
  <c r="E7162" i="2" a="1"/>
  <c r="E7162" i="2" s="1"/>
  <c r="E7185" i="2" a="1"/>
  <c r="E7185" i="2" s="1"/>
  <c r="E7176" i="2" a="1"/>
  <c r="E7176" i="2" s="1"/>
  <c r="E7169" i="2" a="1"/>
  <c r="E7169" i="2" s="1"/>
  <c r="E7172" i="2" a="1"/>
  <c r="E7172" i="2" s="1"/>
  <c r="E7170" i="2" a="1"/>
  <c r="E7170" i="2" s="1"/>
  <c r="E7173" i="2" a="1"/>
  <c r="E7173" i="2" s="1"/>
  <c r="E7171" i="2" a="1"/>
  <c r="E7171" i="2" s="1"/>
  <c r="E7175" i="2" a="1"/>
  <c r="E7175" i="2" s="1"/>
  <c r="E7179" i="2" a="1"/>
  <c r="E7179" i="2" s="1"/>
  <c r="E7389" i="2" a="1"/>
  <c r="E7389" i="2" s="1"/>
  <c r="E7398" i="2" a="1"/>
  <c r="E7398" i="2" s="1"/>
  <c r="E7395" i="2" a="1"/>
  <c r="E7395" i="2" s="1"/>
  <c r="E7387" i="2" a="1"/>
  <c r="E7387" i="2" s="1"/>
  <c r="D2801" i="2" a="1"/>
  <c r="D2801" i="2" s="1"/>
  <c r="D2797" i="2" a="1"/>
  <c r="D2797" i="2" s="1"/>
  <c r="D2808" i="2" a="1"/>
  <c r="D2808" i="2" s="1"/>
  <c r="E4518" i="2" a="1"/>
  <c r="E4518" i="2" s="1"/>
  <c r="E4519" i="2" a="1"/>
  <c r="E4519" i="2" s="1"/>
  <c r="E4511" i="2" a="1"/>
  <c r="E4511" i="2" s="1"/>
  <c r="E4512" i="2" a="1"/>
  <c r="E4512" i="2" s="1"/>
  <c r="E4514" i="2" a="1"/>
  <c r="E4514" i="2" s="1"/>
  <c r="E4502" i="2" a="1"/>
  <c r="E4502" i="2" s="1"/>
  <c r="E4516" i="2" a="1"/>
  <c r="E4516" i="2" s="1"/>
  <c r="E4509" i="2" a="1"/>
  <c r="E4509" i="2" s="1"/>
  <c r="E4505" i="2" a="1"/>
  <c r="E4505" i="2" s="1"/>
  <c r="E4507" i="2" a="1"/>
  <c r="E4507" i="2" s="1"/>
  <c r="E4515" i="2" a="1"/>
  <c r="E4515" i="2" s="1"/>
  <c r="E4500" i="2" a="1"/>
  <c r="E4500" i="2" s="1"/>
  <c r="E4510" i="2" a="1"/>
  <c r="E4510" i="2" s="1"/>
  <c r="E4503" i="2" a="1"/>
  <c r="E4503" i="2" s="1"/>
  <c r="E4513" i="2" a="1"/>
  <c r="E4513" i="2" s="1"/>
  <c r="E4508" i="2" a="1"/>
  <c r="E4508" i="2" s="1"/>
  <c r="E4498" i="2" a="1"/>
  <c r="E4498" i="2" s="1"/>
  <c r="E4517" i="2" a="1"/>
  <c r="E4517" i="2" s="1"/>
  <c r="E4499" i="2" a="1"/>
  <c r="E4499" i="2" s="1"/>
  <c r="E4504" i="2" a="1"/>
  <c r="E4504" i="2" s="1"/>
  <c r="E4501" i="2" a="1"/>
  <c r="E4501" i="2" s="1"/>
  <c r="E4506" i="2" a="1"/>
  <c r="E4506" i="2" s="1"/>
  <c r="E4521" i="2" a="1"/>
  <c r="E4521" i="2" s="1"/>
  <c r="G2719" i="2" a="1"/>
  <c r="G2719" i="2" s="1"/>
  <c r="G2702" i="2" a="1"/>
  <c r="G2702" i="2" s="1"/>
  <c r="G2713" i="2" a="1"/>
  <c r="G2713" i="2" s="1"/>
  <c r="G2720" i="2" a="1"/>
  <c r="G2720" i="2" s="1"/>
  <c r="G2709" i="2" a="1"/>
  <c r="G2709" i="2" s="1"/>
  <c r="G2721" i="2" a="1"/>
  <c r="G2721" i="2" s="1"/>
  <c r="G2717" i="2" a="1"/>
  <c r="G2717" i="2" s="1"/>
  <c r="H61" i="2" a="1"/>
  <c r="H61" i="2" s="1"/>
  <c r="H67" i="2" a="1"/>
  <c r="H67" i="2" s="1"/>
  <c r="H58" i="2" a="1"/>
  <c r="H58" i="2" s="1"/>
  <c r="H69" i="2" a="1"/>
  <c r="H69" i="2" s="1"/>
  <c r="H60" i="2" a="1"/>
  <c r="H60" i="2" s="1"/>
  <c r="H71" i="2" a="1"/>
  <c r="H71" i="2" s="1"/>
  <c r="H80" i="2" a="1"/>
  <c r="H80" i="2" s="1"/>
  <c r="H75" i="2" a="1"/>
  <c r="H75" i="2" s="1"/>
  <c r="H72" i="2" a="1"/>
  <c r="H72" i="2" s="1"/>
  <c r="H62" i="2" a="1"/>
  <c r="H62" i="2" s="1"/>
  <c r="H59" i="2" a="1"/>
  <c r="H59" i="2" s="1"/>
  <c r="H79" i="2" a="1"/>
  <c r="H79" i="2" s="1"/>
  <c r="H81" i="2" a="1"/>
  <c r="H81" i="2" s="1"/>
  <c r="H63" i="2" a="1"/>
  <c r="H63" i="2" s="1"/>
  <c r="H78" i="2" a="1"/>
  <c r="H78" i="2" s="1"/>
  <c r="H66" i="2" a="1"/>
  <c r="H66" i="2" s="1"/>
  <c r="F6609" i="2" a="1"/>
  <c r="F6609" i="2" s="1"/>
  <c r="F6597" i="2" a="1"/>
  <c r="F6597" i="2" s="1"/>
  <c r="F6605" i="2" a="1"/>
  <c r="F6605" i="2" s="1"/>
  <c r="F6606" i="2" a="1"/>
  <c r="F6606" i="2" s="1"/>
  <c r="F6602" i="2" a="1"/>
  <c r="F6602" i="2" s="1"/>
  <c r="F6587" i="2" a="1"/>
  <c r="F6587" i="2" s="1"/>
  <c r="F6603" i="2" a="1"/>
  <c r="F6603" i="2" s="1"/>
  <c r="F6586" i="2" a="1"/>
  <c r="F6586" i="2" s="1"/>
  <c r="F6598" i="2" a="1"/>
  <c r="F6598" i="2" s="1"/>
  <c r="F6608" i="2" a="1"/>
  <c r="F6608" i="2" s="1"/>
  <c r="F6592" i="2" a="1"/>
  <c r="F6592" i="2" s="1"/>
  <c r="F6594" i="2" a="1"/>
  <c r="F6594" i="2" s="1"/>
  <c r="F6596" i="2" a="1"/>
  <c r="F6596" i="2" s="1"/>
  <c r="F6595" i="2" a="1"/>
  <c r="F6595" i="2" s="1"/>
  <c r="F6599" i="2" a="1"/>
  <c r="F6599" i="2" s="1"/>
  <c r="F6590" i="2" a="1"/>
  <c r="F6590" i="2" s="1"/>
  <c r="F6607" i="2" a="1"/>
  <c r="F6607" i="2" s="1"/>
  <c r="F6588" i="2" a="1"/>
  <c r="F6588" i="2" s="1"/>
  <c r="F6600" i="2" a="1"/>
  <c r="F6600" i="2" s="1"/>
  <c r="F6591" i="2" a="1"/>
  <c r="F6591" i="2" s="1"/>
  <c r="F6604" i="2" a="1"/>
  <c r="F6604" i="2" s="1"/>
  <c r="F6589" i="2" a="1"/>
  <c r="F6589" i="2" s="1"/>
  <c r="F6601" i="2" a="1"/>
  <c r="F6601" i="2" s="1"/>
  <c r="G2393" i="2" a="1"/>
  <c r="G2393" i="2" s="1"/>
  <c r="G2409" i="2" a="1"/>
  <c r="G2409" i="2" s="1"/>
  <c r="G2389" i="2" a="1"/>
  <c r="G2389" i="2" s="1"/>
  <c r="G2402" i="2" a="1"/>
  <c r="G2402" i="2" s="1"/>
  <c r="G2391" i="2" a="1"/>
  <c r="G2391" i="2" s="1"/>
  <c r="G2407" i="2" a="1"/>
  <c r="G2407" i="2" s="1"/>
  <c r="G2390" i="2" a="1"/>
  <c r="G2390" i="2" s="1"/>
  <c r="G2404" i="2" a="1"/>
  <c r="G2404" i="2" s="1"/>
  <c r="G2394" i="2" a="1"/>
  <c r="G2394" i="2" s="1"/>
  <c r="G2405" i="2" a="1"/>
  <c r="G2405" i="2" s="1"/>
  <c r="G2406" i="2" a="1"/>
  <c r="G2406" i="2" s="1"/>
  <c r="G2398" i="2" a="1"/>
  <c r="G2398" i="2" s="1"/>
  <c r="G2386" i="2" a="1"/>
  <c r="G2386" i="2" s="1"/>
  <c r="G2399" i="2" a="1"/>
  <c r="G2399" i="2" s="1"/>
  <c r="G2408" i="2" a="1"/>
  <c r="G2408" i="2" s="1"/>
  <c r="G2400" i="2" a="1"/>
  <c r="G2400" i="2" s="1"/>
  <c r="G2401" i="2" a="1"/>
  <c r="G2401" i="2" s="1"/>
  <c r="G2395" i="2" a="1"/>
  <c r="G2395" i="2" s="1"/>
  <c r="G2387" i="2" a="1"/>
  <c r="G2387" i="2" s="1"/>
  <c r="G2397" i="2" a="1"/>
  <c r="G2397" i="2" s="1"/>
  <c r="G2396" i="2" a="1"/>
  <c r="G2396" i="2" s="1"/>
  <c r="G2388" i="2" a="1"/>
  <c r="G2388" i="2" s="1"/>
  <c r="G2392" i="2" a="1"/>
  <c r="G2392" i="2" s="1"/>
  <c r="D903" i="2" a="1"/>
  <c r="D903" i="2" s="1"/>
  <c r="D916" i="2" a="1"/>
  <c r="D916" i="2" s="1"/>
  <c r="AQ38" i="1"/>
  <c r="G44" i="5" s="1"/>
  <c r="D919" i="2" a="1"/>
  <c r="D919" i="2" s="1"/>
  <c r="AO38" i="1"/>
  <c r="E44" i="5" s="1"/>
  <c r="D905" i="2" a="1"/>
  <c r="D905" i="2" s="1"/>
  <c r="AP38" i="1"/>
  <c r="F44" i="5" s="1"/>
  <c r="D901" i="2" a="1"/>
  <c r="D901" i="2" s="1"/>
  <c r="AN38" i="1"/>
  <c r="D44" i="5" s="1"/>
  <c r="D909" i="2" a="1"/>
  <c r="D909" i="2" s="1"/>
  <c r="AM38" i="1"/>
  <c r="C44" i="5" s="1"/>
  <c r="D911" i="2" a="1"/>
  <c r="D911" i="2" s="1"/>
  <c r="D904" i="2" a="1"/>
  <c r="D904" i="2" s="1"/>
  <c r="D918" i="2" a="1"/>
  <c r="D918" i="2" s="1"/>
  <c r="D910" i="2" a="1"/>
  <c r="D910" i="2" s="1"/>
  <c r="D908" i="2" a="1"/>
  <c r="D908" i="2" s="1"/>
  <c r="D902" i="2" a="1"/>
  <c r="D902" i="2" s="1"/>
  <c r="D906" i="2" a="1"/>
  <c r="D906" i="2" s="1"/>
  <c r="D912" i="2" a="1"/>
  <c r="D912" i="2" s="1"/>
  <c r="D915" i="2" a="1"/>
  <c r="D915" i="2" s="1"/>
  <c r="D917" i="2" a="1"/>
  <c r="D917" i="2" s="1"/>
  <c r="D898" i="2" a="1"/>
  <c r="D898" i="2" s="1"/>
  <c r="D900" i="2" a="1"/>
  <c r="D900" i="2" s="1"/>
  <c r="D913" i="2" a="1"/>
  <c r="D913" i="2" s="1"/>
  <c r="D920" i="2" a="1"/>
  <c r="D920" i="2" s="1"/>
  <c r="F1006" i="2" a="1"/>
  <c r="F1006" i="2" s="1"/>
  <c r="F997" i="2" a="1"/>
  <c r="F997" i="2" s="1"/>
  <c r="F1001" i="2" a="1"/>
  <c r="F1001" i="2" s="1"/>
  <c r="F1005" i="2" a="1"/>
  <c r="F1005" i="2" s="1"/>
  <c r="F1004" i="2" a="1"/>
  <c r="F1004" i="2" s="1"/>
  <c r="F1002" i="2" a="1"/>
  <c r="F1002" i="2" s="1"/>
  <c r="F1010" i="2" a="1"/>
  <c r="F1010" i="2" s="1"/>
  <c r="F1007" i="2" a="1"/>
  <c r="F1007" i="2" s="1"/>
  <c r="F998" i="2" a="1"/>
  <c r="F998" i="2" s="1"/>
  <c r="F1012" i="2" a="1"/>
  <c r="F1012" i="2" s="1"/>
  <c r="F1017" i="2" a="1"/>
  <c r="F1017" i="2" s="1"/>
  <c r="F996" i="2" a="1"/>
  <c r="F996" i="2" s="1"/>
  <c r="G3349" i="2" a="1"/>
  <c r="G3349" i="2" s="1"/>
  <c r="G3362" i="2" a="1"/>
  <c r="G3362" i="2" s="1"/>
  <c r="G3365" i="2" a="1"/>
  <c r="G3365" i="2" s="1"/>
  <c r="G3359" i="2" a="1"/>
  <c r="G3359" i="2" s="1"/>
  <c r="G3369" i="2" a="1"/>
  <c r="G3369" i="2" s="1"/>
  <c r="G3356" i="2" a="1"/>
  <c r="G3356" i="2" s="1"/>
  <c r="G3355" i="2" a="1"/>
  <c r="G3355" i="2" s="1"/>
  <c r="G3357" i="2" a="1"/>
  <c r="G3357" i="2" s="1"/>
  <c r="G3366" i="2" a="1"/>
  <c r="G3366" i="2" s="1"/>
  <c r="G3367" i="2" a="1"/>
  <c r="G3367" i="2" s="1"/>
  <c r="G3361" i="2" a="1"/>
  <c r="G3361" i="2" s="1"/>
  <c r="G3360" i="2" a="1"/>
  <c r="G3360" i="2" s="1"/>
  <c r="G3364" i="2" a="1"/>
  <c r="G3364" i="2" s="1"/>
  <c r="G3352" i="2" a="1"/>
  <c r="G3352" i="2" s="1"/>
  <c r="G3350" i="2" a="1"/>
  <c r="G3350" i="2" s="1"/>
  <c r="G3347" i="2" a="1"/>
  <c r="G3347" i="2" s="1"/>
  <c r="G3363" i="2" a="1"/>
  <c r="G3363" i="2" s="1"/>
  <c r="G3346" i="2" a="1"/>
  <c r="G3346" i="2" s="1"/>
  <c r="E6718" i="2" a="1"/>
  <c r="E6718" i="2" s="1"/>
  <c r="E6714" i="2" a="1"/>
  <c r="E6714" i="2" s="1"/>
  <c r="E6729" i="2" a="1"/>
  <c r="E6729" i="2" s="1"/>
  <c r="E6708" i="2" a="1"/>
  <c r="E6708" i="2" s="1"/>
  <c r="E6719" i="2" a="1"/>
  <c r="E6719" i="2" s="1"/>
  <c r="E6723" i="2" a="1"/>
  <c r="E6723" i="2" s="1"/>
  <c r="E6707" i="2" a="1"/>
  <c r="E6707" i="2" s="1"/>
  <c r="E6725" i="2" a="1"/>
  <c r="E6725" i="2" s="1"/>
  <c r="E6711" i="2" a="1"/>
  <c r="E6711" i="2" s="1"/>
  <c r="E6709" i="2" a="1"/>
  <c r="E6709" i="2" s="1"/>
  <c r="E6712" i="2" a="1"/>
  <c r="E6712" i="2" s="1"/>
  <c r="E6710" i="2" a="1"/>
  <c r="E6710" i="2" s="1"/>
  <c r="E6713" i="2" a="1"/>
  <c r="E6713" i="2" s="1"/>
  <c r="E6706" i="2" a="1"/>
  <c r="E6706" i="2" s="1"/>
  <c r="E6717" i="2" a="1"/>
  <c r="E6717" i="2" s="1"/>
  <c r="E6727" i="2" a="1"/>
  <c r="E6727" i="2" s="1"/>
  <c r="E6728" i="2" a="1"/>
  <c r="E6728" i="2" s="1"/>
  <c r="E6715" i="2" a="1"/>
  <c r="E6715" i="2" s="1"/>
  <c r="E6721" i="2" a="1"/>
  <c r="E6721" i="2" s="1"/>
  <c r="E6720" i="2" a="1"/>
  <c r="E6720" i="2" s="1"/>
  <c r="E6722" i="2" a="1"/>
  <c r="E6722" i="2" s="1"/>
  <c r="E6716" i="2" a="1"/>
  <c r="E6716" i="2" s="1"/>
  <c r="E6726" i="2" a="1"/>
  <c r="E6726" i="2" s="1"/>
  <c r="E2534" i="2" a="1"/>
  <c r="E2534" i="2" s="1"/>
  <c r="E2544" i="2" a="1"/>
  <c r="E2544" i="2" s="1"/>
  <c r="E2552" i="2" a="1"/>
  <c r="E2552" i="2" s="1"/>
  <c r="E2045" i="2" a="1"/>
  <c r="E2045" i="2" s="1"/>
  <c r="E2026" i="2" a="1"/>
  <c r="E2026" i="2" s="1"/>
  <c r="E2039" i="2" a="1"/>
  <c r="E2039" i="2" s="1"/>
  <c r="E2031" i="2" a="1"/>
  <c r="E2031" i="2" s="1"/>
  <c r="E2040" i="2" a="1"/>
  <c r="E2040" i="2" s="1"/>
  <c r="E2047" i="2" a="1"/>
  <c r="E2047" i="2" s="1"/>
  <c r="E2038" i="2" a="1"/>
  <c r="E2038" i="2" s="1"/>
  <c r="E2033" i="2" a="1"/>
  <c r="E2033" i="2" s="1"/>
  <c r="E2044" i="2" a="1"/>
  <c r="E2044" i="2" s="1"/>
  <c r="E2046" i="2" a="1"/>
  <c r="E2046" i="2" s="1"/>
  <c r="H3513" i="2" a="1"/>
  <c r="H3513" i="2" s="1"/>
  <c r="H3511" i="2" a="1"/>
  <c r="H3511" i="2" s="1"/>
  <c r="H3493" i="2" a="1"/>
  <c r="H3493" i="2" s="1"/>
  <c r="H3498" i="2" a="1"/>
  <c r="H3498" i="2" s="1"/>
  <c r="H3491" i="2" a="1"/>
  <c r="H3491" i="2" s="1"/>
  <c r="H3492" i="2" a="1"/>
  <c r="H3492" i="2" s="1"/>
  <c r="H3494" i="2" a="1"/>
  <c r="H3494" i="2" s="1"/>
  <c r="H3504" i="2" a="1"/>
  <c r="H3504" i="2" s="1"/>
  <c r="H3501" i="2" a="1"/>
  <c r="H3501" i="2" s="1"/>
  <c r="H3510" i="2" a="1"/>
  <c r="H3510" i="2" s="1"/>
  <c r="H3495" i="2" a="1"/>
  <c r="H3495" i="2" s="1"/>
  <c r="H3490" i="2" a="1"/>
  <c r="H3490" i="2" s="1"/>
  <c r="D2620" i="2" a="1"/>
  <c r="D2620" i="2" s="1"/>
  <c r="D2611" i="2" a="1"/>
  <c r="D2611" i="2" s="1"/>
  <c r="D2615" i="2" a="1"/>
  <c r="D2615" i="2" s="1"/>
  <c r="D2604" i="2" a="1"/>
  <c r="D2604" i="2" s="1"/>
  <c r="D2616" i="2" a="1"/>
  <c r="D2616" i="2" s="1"/>
  <c r="D2603" i="2" a="1"/>
  <c r="D2603" i="2" s="1"/>
  <c r="D2623" i="2" a="1"/>
  <c r="D2623" i="2" s="1"/>
  <c r="D2614" i="2" a="1"/>
  <c r="D2614" i="2" s="1"/>
  <c r="D2605" i="2" a="1"/>
  <c r="D2605" i="2" s="1"/>
  <c r="D2621" i="2" a="1"/>
  <c r="D2621" i="2" s="1"/>
  <c r="D2612" i="2" a="1"/>
  <c r="D2612" i="2" s="1"/>
  <c r="D2624" i="2" a="1"/>
  <c r="D2624" i="2" s="1"/>
  <c r="D2608" i="2" a="1"/>
  <c r="D2608" i="2" s="1"/>
  <c r="D2607" i="2" a="1"/>
  <c r="D2607" i="2" s="1"/>
  <c r="D2606" i="2" a="1"/>
  <c r="D2606" i="2" s="1"/>
  <c r="D2602" i="2" a="1"/>
  <c r="D2602" i="2" s="1"/>
  <c r="D2609" i="2" a="1"/>
  <c r="D2609" i="2" s="1"/>
  <c r="D2613" i="2" a="1"/>
  <c r="D2613" i="2" s="1"/>
  <c r="D2617" i="2" a="1"/>
  <c r="D2617" i="2" s="1"/>
  <c r="D2625" i="2" a="1"/>
  <c r="D2625" i="2" s="1"/>
  <c r="D2622" i="2" a="1"/>
  <c r="D2622" i="2" s="1"/>
  <c r="H6112" i="2" a="1"/>
  <c r="H6112" i="2" s="1"/>
  <c r="H6122" i="2" a="1"/>
  <c r="H6122" i="2" s="1"/>
  <c r="H6109" i="2" a="1"/>
  <c r="H6109" i="2" s="1"/>
  <c r="H6129" i="2" a="1"/>
  <c r="H6129" i="2" s="1"/>
  <c r="H6108" i="2" a="1"/>
  <c r="H6108" i="2" s="1"/>
  <c r="G6667" i="2" a="1"/>
  <c r="G6667" i="2" s="1"/>
  <c r="G6678" i="2" a="1"/>
  <c r="G6678" i="2" s="1"/>
  <c r="G6660" i="2" a="1"/>
  <c r="G6660" i="2" s="1"/>
  <c r="G6659" i="2" a="1"/>
  <c r="G6659" i="2" s="1"/>
  <c r="G6675" i="2" a="1"/>
  <c r="G6675" i="2" s="1"/>
  <c r="G6674" i="2" a="1"/>
  <c r="G6674" i="2" s="1"/>
  <c r="G6665" i="2" a="1"/>
  <c r="G6665" i="2" s="1"/>
  <c r="G6668" i="2" a="1"/>
  <c r="G6668" i="2" s="1"/>
  <c r="G6680" i="2" a="1"/>
  <c r="G6680" i="2" s="1"/>
  <c r="G6661" i="2" a="1"/>
  <c r="G6661" i="2" s="1"/>
  <c r="G6676" i="2" a="1"/>
  <c r="G6676" i="2" s="1"/>
  <c r="G6672" i="2" a="1"/>
  <c r="G6672" i="2" s="1"/>
  <c r="G6679" i="2" a="1"/>
  <c r="G6679" i="2" s="1"/>
  <c r="E4026" i="2" a="1"/>
  <c r="E4026" i="2" s="1"/>
  <c r="E4040" i="2" a="1"/>
  <c r="E4040" i="2" s="1"/>
  <c r="E4028" i="2" a="1"/>
  <c r="E4028" i="2" s="1"/>
  <c r="E4020" i="2" a="1"/>
  <c r="E4020" i="2" s="1"/>
  <c r="E4041" i="2" a="1"/>
  <c r="E4041" i="2" s="1"/>
  <c r="E4031" i="2" a="1"/>
  <c r="E4031" i="2" s="1"/>
  <c r="E4029" i="2" a="1"/>
  <c r="E4029" i="2" s="1"/>
  <c r="E4030" i="2" a="1"/>
  <c r="E4030" i="2" s="1"/>
  <c r="E4036" i="2" a="1"/>
  <c r="E4036" i="2" s="1"/>
  <c r="E4022" i="2" a="1"/>
  <c r="E4022" i="2" s="1"/>
  <c r="E4032" i="2" a="1"/>
  <c r="E4032" i="2" s="1"/>
  <c r="E4037" i="2" a="1"/>
  <c r="E4037" i="2" s="1"/>
  <c r="E4038" i="2" a="1"/>
  <c r="E4038" i="2" s="1"/>
  <c r="E1529" i="2" a="1"/>
  <c r="E1529" i="2" s="1"/>
  <c r="E1541" i="2" a="1"/>
  <c r="E1541" i="2" s="1"/>
  <c r="E1530" i="2" a="1"/>
  <c r="E1530" i="2" s="1"/>
  <c r="E1540" i="2" a="1"/>
  <c r="E1540" i="2" s="1"/>
  <c r="E1545" i="2" a="1"/>
  <c r="E1545" i="2" s="1"/>
  <c r="E1524" i="2" a="1"/>
  <c r="E1524" i="2" s="1"/>
  <c r="E1522" i="2" a="1"/>
  <c r="E1522" i="2" s="1"/>
  <c r="E1534" i="2" a="1"/>
  <c r="E1534" i="2" s="1"/>
  <c r="E1527" i="2" a="1"/>
  <c r="E1527" i="2" s="1"/>
  <c r="E1539" i="2" a="1"/>
  <c r="E1539" i="2" s="1"/>
  <c r="E1536" i="2" a="1"/>
  <c r="E1536" i="2" s="1"/>
  <c r="E1528" i="2" a="1"/>
  <c r="E1528" i="2" s="1"/>
  <c r="E1525" i="2" a="1"/>
  <c r="E1525" i="2" s="1"/>
  <c r="E1544" i="2" a="1"/>
  <c r="E1544" i="2" s="1"/>
  <c r="E1531" i="2" a="1"/>
  <c r="E1531" i="2" s="1"/>
  <c r="E1532" i="2" a="1"/>
  <c r="E1532" i="2" s="1"/>
  <c r="E1523" i="2" a="1"/>
  <c r="E1523" i="2" s="1"/>
  <c r="E1537" i="2" a="1"/>
  <c r="E1537" i="2" s="1"/>
  <c r="E1538" i="2" a="1"/>
  <c r="E1538" i="2" s="1"/>
  <c r="E1543" i="2" a="1"/>
  <c r="E1543" i="2" s="1"/>
  <c r="E1533" i="2" a="1"/>
  <c r="E1533" i="2" s="1"/>
  <c r="G5091" i="2" a="1"/>
  <c r="G5091" i="2" s="1"/>
  <c r="G5077" i="2" a="1"/>
  <c r="G5077" i="2" s="1"/>
  <c r="G5095" i="2" a="1"/>
  <c r="G5095" i="2" s="1"/>
  <c r="G5097" i="2" a="1"/>
  <c r="G5097" i="2" s="1"/>
  <c r="G5089" i="2" a="1"/>
  <c r="G5089" i="2" s="1"/>
  <c r="G5074" i="2" a="1"/>
  <c r="G5074" i="2" s="1"/>
  <c r="G5092" i="2" a="1"/>
  <c r="G5092" i="2" s="1"/>
  <c r="G5085" i="2" a="1"/>
  <c r="G5085" i="2" s="1"/>
  <c r="G5082" i="2" a="1"/>
  <c r="G5082" i="2" s="1"/>
  <c r="G5080" i="2" a="1"/>
  <c r="G5080" i="2" s="1"/>
  <c r="F3107" i="2" a="1"/>
  <c r="F3107" i="2" s="1"/>
  <c r="F3119" i="2" a="1"/>
  <c r="F3119" i="2" s="1"/>
  <c r="F3126" i="2" a="1"/>
  <c r="F3126" i="2" s="1"/>
  <c r="F3128" i="2" a="1"/>
  <c r="F3128" i="2" s="1"/>
  <c r="F3123" i="2" a="1"/>
  <c r="F3123" i="2" s="1"/>
  <c r="H2907" i="2" a="1"/>
  <c r="H2907" i="2" s="1"/>
  <c r="H2910" i="2" a="1"/>
  <c r="H2910" i="2" s="1"/>
  <c r="H2903" i="2" a="1"/>
  <c r="H2903" i="2" s="1"/>
  <c r="H2891" i="2" a="1"/>
  <c r="H2891" i="2" s="1"/>
  <c r="H2901" i="2" a="1"/>
  <c r="H2901" i="2" s="1"/>
  <c r="H2902" i="2" a="1"/>
  <c r="H2902" i="2" s="1"/>
  <c r="H2900" i="2" a="1"/>
  <c r="H2900" i="2" s="1"/>
  <c r="H2893" i="2" a="1"/>
  <c r="H2893" i="2" s="1"/>
  <c r="E6815" i="2" a="1"/>
  <c r="E6815" i="2" s="1"/>
  <c r="E6807" i="2" a="1"/>
  <c r="E6807" i="2" s="1"/>
  <c r="E6810" i="2" a="1"/>
  <c r="E6810" i="2" s="1"/>
  <c r="E6806" i="2" a="1"/>
  <c r="E6806" i="2" s="1"/>
  <c r="E388" i="2" a="1"/>
  <c r="E388" i="2" s="1"/>
  <c r="E385" i="2" a="1"/>
  <c r="E385" i="2" s="1"/>
  <c r="E392" i="2" a="1"/>
  <c r="E392" i="2" s="1"/>
  <c r="E371" i="2" a="1"/>
  <c r="E371" i="2" s="1"/>
  <c r="E372" i="2" a="1"/>
  <c r="E372" i="2" s="1"/>
  <c r="E386" i="2" a="1"/>
  <c r="E386" i="2" s="1"/>
  <c r="E375" i="2" a="1"/>
  <c r="E375" i="2" s="1"/>
  <c r="E374" i="2" a="1"/>
  <c r="E374" i="2" s="1"/>
  <c r="E376" i="2" a="1"/>
  <c r="E376" i="2" s="1"/>
  <c r="E382" i="2" a="1"/>
  <c r="E382" i="2" s="1"/>
  <c r="E379" i="2" a="1"/>
  <c r="E379" i="2" s="1"/>
  <c r="E380" i="2" a="1"/>
  <c r="E380" i="2" s="1"/>
  <c r="E389" i="2" a="1"/>
  <c r="E389" i="2" s="1"/>
  <c r="E377" i="2" a="1"/>
  <c r="E377" i="2" s="1"/>
  <c r="E378" i="2" a="1"/>
  <c r="E378" i="2" s="1"/>
  <c r="H4541" i="2" a="1"/>
  <c r="H4541" i="2" s="1"/>
  <c r="H4544" i="2" a="1"/>
  <c r="H4544" i="2" s="1"/>
  <c r="H4545" i="2" a="1"/>
  <c r="H4545" i="2" s="1"/>
  <c r="H4535" i="2" a="1"/>
  <c r="H4535" i="2" s="1"/>
  <c r="H4539" i="2" a="1"/>
  <c r="H4539" i="2" s="1"/>
  <c r="H4528" i="2" a="1"/>
  <c r="H4528" i="2" s="1"/>
  <c r="H4538" i="2" a="1"/>
  <c r="H4538" i="2" s="1"/>
  <c r="H4524" i="2" a="1"/>
  <c r="H4524" i="2" s="1"/>
  <c r="H4534" i="2" a="1"/>
  <c r="H4534" i="2" s="1"/>
  <c r="H4522" i="2" a="1"/>
  <c r="H4522" i="2" s="1"/>
  <c r="H4540" i="2" a="1"/>
  <c r="H4540" i="2" s="1"/>
  <c r="H4523" i="2" a="1"/>
  <c r="H4523" i="2" s="1"/>
  <c r="H4536" i="2" a="1"/>
  <c r="H4536" i="2" s="1"/>
  <c r="H4530" i="2" a="1"/>
  <c r="H4530" i="2" s="1"/>
  <c r="H4527" i="2" a="1"/>
  <c r="H4527" i="2" s="1"/>
  <c r="H4537" i="2" a="1"/>
  <c r="H4537" i="2" s="1"/>
  <c r="H4531" i="2" a="1"/>
  <c r="H4531" i="2" s="1"/>
  <c r="H4525" i="2" a="1"/>
  <c r="H4525" i="2" s="1"/>
  <c r="H4542" i="2" a="1"/>
  <c r="H4542" i="2" s="1"/>
  <c r="H4529" i="2" a="1"/>
  <c r="H4529" i="2" s="1"/>
  <c r="H4543" i="2" a="1"/>
  <c r="H4543" i="2" s="1"/>
  <c r="G2096" i="2" a="1"/>
  <c r="G2096" i="2" s="1"/>
  <c r="G2082" i="2" a="1"/>
  <c r="G2082" i="2" s="1"/>
  <c r="G2078" i="2" a="1"/>
  <c r="G2078" i="2" s="1"/>
  <c r="G2097" i="2" a="1"/>
  <c r="G2097" i="2" s="1"/>
  <c r="G2083" i="2" a="1"/>
  <c r="G2083" i="2" s="1"/>
  <c r="G2088" i="2" a="1"/>
  <c r="G2088" i="2" s="1"/>
  <c r="E5259" i="2" a="1"/>
  <c r="E5259" i="2" s="1"/>
  <c r="E5247" i="2" a="1"/>
  <c r="E5247" i="2" s="1"/>
  <c r="E5250" i="2" a="1"/>
  <c r="E5250" i="2" s="1"/>
  <c r="E5162" i="2" a="1"/>
  <c r="E5162" i="2" s="1"/>
  <c r="E5148" i="2" a="1"/>
  <c r="E5148" i="2" s="1"/>
  <c r="E5154" i="2" a="1"/>
  <c r="E5154" i="2" s="1"/>
  <c r="E5166" i="2" a="1"/>
  <c r="E5166" i="2" s="1"/>
  <c r="E5160" i="2" a="1"/>
  <c r="E5160" i="2" s="1"/>
  <c r="E5149" i="2" a="1"/>
  <c r="E5149" i="2" s="1"/>
  <c r="E5164" i="2" a="1"/>
  <c r="E5164" i="2" s="1"/>
  <c r="H4312" i="2" a="1"/>
  <c r="H4312" i="2" s="1"/>
  <c r="H4317" i="2" a="1"/>
  <c r="H4317" i="2" s="1"/>
  <c r="H4327" i="2" a="1"/>
  <c r="H4327" i="2" s="1"/>
  <c r="H4309" i="2" a="1"/>
  <c r="H4309" i="2" s="1"/>
  <c r="H4313" i="2" a="1"/>
  <c r="H4313" i="2" s="1"/>
  <c r="H4326" i="2" a="1"/>
  <c r="H4326" i="2" s="1"/>
  <c r="H4329" i="2" a="1"/>
  <c r="H4329" i="2" s="1"/>
  <c r="H4323" i="2" a="1"/>
  <c r="H4323" i="2" s="1"/>
  <c r="H4321" i="2" a="1"/>
  <c r="H4321" i="2" s="1"/>
  <c r="H4325" i="2" a="1"/>
  <c r="H4325" i="2" s="1"/>
  <c r="H4306" i="2" a="1"/>
  <c r="H4306" i="2" s="1"/>
  <c r="D491" i="2" a="1"/>
  <c r="D491" i="2" s="1"/>
  <c r="D505" i="2" a="1"/>
  <c r="D505" i="2" s="1"/>
  <c r="D509" i="2" a="1"/>
  <c r="D509" i="2" s="1"/>
  <c r="D497" i="2" a="1"/>
  <c r="D497" i="2" s="1"/>
  <c r="D500" i="2" a="1"/>
  <c r="D500" i="2" s="1"/>
  <c r="D490" i="2" a="1"/>
  <c r="D490" i="2" s="1"/>
  <c r="D508" i="2" a="1"/>
  <c r="D508" i="2" s="1"/>
  <c r="D493" i="2" a="1"/>
  <c r="D493" i="2" s="1"/>
  <c r="D499" i="2" a="1"/>
  <c r="D499" i="2" s="1"/>
  <c r="D501" i="2" a="1"/>
  <c r="D501" i="2" s="1"/>
  <c r="D495" i="2" a="1"/>
  <c r="D495" i="2" s="1"/>
  <c r="D494" i="2" a="1"/>
  <c r="D494" i="2" s="1"/>
  <c r="D506" i="2" a="1"/>
  <c r="D506" i="2" s="1"/>
  <c r="D502" i="2" a="1"/>
  <c r="D502" i="2" s="1"/>
  <c r="D507" i="2" a="1"/>
  <c r="D507" i="2" s="1"/>
  <c r="D503" i="2" a="1"/>
  <c r="D503" i="2" s="1"/>
  <c r="G7370" i="2" a="1"/>
  <c r="G7370" i="2" s="1"/>
  <c r="G7375" i="2" a="1"/>
  <c r="G7375" i="2" s="1"/>
  <c r="G7369" i="2" a="1"/>
  <c r="G7369" i="2" s="1"/>
  <c r="G7357" i="2" a="1"/>
  <c r="G7357" i="2" s="1"/>
  <c r="G7360" i="2" a="1"/>
  <c r="G7360" i="2" s="1"/>
  <c r="G7376" i="2" a="1"/>
  <c r="G7376" i="2" s="1"/>
  <c r="G7356" i="2" a="1"/>
  <c r="G7356" i="2" s="1"/>
  <c r="G7361" i="2" a="1"/>
  <c r="G7361" i="2" s="1"/>
  <c r="G7362" i="2" a="1"/>
  <c r="G7362" i="2" s="1"/>
  <c r="G7358" i="2" a="1"/>
  <c r="G7358" i="2" s="1"/>
  <c r="G7364" i="2" a="1"/>
  <c r="G7364" i="2" s="1"/>
  <c r="G7371" i="2" a="1"/>
  <c r="G7371" i="2" s="1"/>
  <c r="G7373" i="2" a="1"/>
  <c r="G7373" i="2" s="1"/>
  <c r="G7366" i="2" a="1"/>
  <c r="G7366" i="2" s="1"/>
  <c r="G7377" i="2" a="1"/>
  <c r="G7377" i="2" s="1"/>
  <c r="G7365" i="2" a="1"/>
  <c r="G7365" i="2" s="1"/>
  <c r="G7354" i="2" a="1"/>
  <c r="G7354" i="2" s="1"/>
  <c r="G7374" i="2" a="1"/>
  <c r="G7374" i="2" s="1"/>
  <c r="G7368" i="2" a="1"/>
  <c r="G7368" i="2" s="1"/>
  <c r="G7286" i="2" a="1"/>
  <c r="G7286" i="2" s="1"/>
  <c r="G7301" i="2" a="1"/>
  <c r="G7301" i="2" s="1"/>
  <c r="G7299" i="2" a="1"/>
  <c r="G7299" i="2" s="1"/>
  <c r="G7297" i="2" a="1"/>
  <c r="G7297" i="2" s="1"/>
  <c r="G7303" i="2" a="1"/>
  <c r="G7303" i="2" s="1"/>
  <c r="G7304" i="2" a="1"/>
  <c r="G7304" i="2" s="1"/>
  <c r="G7282" i="2" a="1"/>
  <c r="G7282" i="2" s="1"/>
  <c r="G7305" i="2" a="1"/>
  <c r="G7305" i="2" s="1"/>
  <c r="G7295" i="2" a="1"/>
  <c r="G7295" i="2" s="1"/>
  <c r="G7293" i="2" a="1"/>
  <c r="G7293" i="2" s="1"/>
  <c r="G7289" i="2" a="1"/>
  <c r="G7289" i="2" s="1"/>
  <c r="G7302" i="2" a="1"/>
  <c r="G7302" i="2" s="1"/>
  <c r="G7292" i="2" a="1"/>
  <c r="G7292" i="2" s="1"/>
  <c r="G7294" i="2" a="1"/>
  <c r="G7294" i="2" s="1"/>
  <c r="G7291" i="2" a="1"/>
  <c r="G7291" i="2" s="1"/>
  <c r="G7298" i="2" a="1"/>
  <c r="G7298" i="2" s="1"/>
  <c r="G7287" i="2" a="1"/>
  <c r="G7287" i="2" s="1"/>
  <c r="G7296" i="2" a="1"/>
  <c r="G7296" i="2" s="1"/>
  <c r="E4748" i="2" a="1"/>
  <c r="E4748" i="2" s="1"/>
  <c r="E4757" i="2" a="1"/>
  <c r="E4757" i="2" s="1"/>
  <c r="E4750" i="2" a="1"/>
  <c r="E4750" i="2" s="1"/>
  <c r="E4746" i="2" a="1"/>
  <c r="E4746" i="2" s="1"/>
  <c r="E4751" i="2" a="1"/>
  <c r="E4751" i="2" s="1"/>
  <c r="E4742" i="2" a="1"/>
  <c r="E4742" i="2" s="1"/>
  <c r="E4738" i="2" a="1"/>
  <c r="E4738" i="2" s="1"/>
  <c r="E4739" i="2" a="1"/>
  <c r="E4739" i="2" s="1"/>
  <c r="E4755" i="2" a="1"/>
  <c r="E4755" i="2" s="1"/>
  <c r="E4741" i="2" a="1"/>
  <c r="E4741" i="2" s="1"/>
  <c r="E4752" i="2" a="1"/>
  <c r="E4752" i="2" s="1"/>
  <c r="E4758" i="2" a="1"/>
  <c r="E4758" i="2" s="1"/>
  <c r="E4744" i="2" a="1"/>
  <c r="E4744" i="2" s="1"/>
  <c r="E4760" i="2" a="1"/>
  <c r="E4760" i="2" s="1"/>
  <c r="E4747" i="2" a="1"/>
  <c r="E4747" i="2" s="1"/>
  <c r="E4753" i="2" a="1"/>
  <c r="E4753" i="2" s="1"/>
  <c r="E4749" i="2" a="1"/>
  <c r="E4749" i="2" s="1"/>
  <c r="E4761" i="2" a="1"/>
  <c r="E4761" i="2" s="1"/>
  <c r="E4740" i="2" a="1"/>
  <c r="E4740" i="2" s="1"/>
  <c r="E4759" i="2" a="1"/>
  <c r="E4759" i="2" s="1"/>
  <c r="E4754" i="2" a="1"/>
  <c r="E4754" i="2" s="1"/>
  <c r="E4743" i="2" a="1"/>
  <c r="E4743" i="2" s="1"/>
  <c r="E4756" i="2" a="1"/>
  <c r="E4756" i="2" s="1"/>
  <c r="E4745" i="2" a="1"/>
  <c r="E4745" i="2" s="1"/>
  <c r="H498" i="2" a="1"/>
  <c r="H498" i="2" s="1"/>
  <c r="H506" i="2" a="1"/>
  <c r="H506" i="2" s="1"/>
  <c r="H494" i="2" a="1"/>
  <c r="H494" i="2" s="1"/>
  <c r="H500" i="2" a="1"/>
  <c r="H500" i="2" s="1"/>
  <c r="H495" i="2" a="1"/>
  <c r="H495" i="2" s="1"/>
  <c r="H508" i="2" a="1"/>
  <c r="H508" i="2" s="1"/>
  <c r="H504" i="2" a="1"/>
  <c r="H504" i="2" s="1"/>
  <c r="H505" i="2" a="1"/>
  <c r="H505" i="2" s="1"/>
  <c r="H490" i="2" a="1"/>
  <c r="H490" i="2" s="1"/>
  <c r="H510" i="2" a="1"/>
  <c r="H510" i="2" s="1"/>
  <c r="H499" i="2" a="1"/>
  <c r="H499" i="2" s="1"/>
  <c r="H496" i="2" a="1"/>
  <c r="H496" i="2" s="1"/>
  <c r="H503" i="2" a="1"/>
  <c r="H503" i="2" s="1"/>
  <c r="H501" i="2" a="1"/>
  <c r="H501" i="2" s="1"/>
  <c r="G4370" i="2" a="1"/>
  <c r="G4370" i="2" s="1"/>
  <c r="G4369" i="2" a="1"/>
  <c r="G4369" i="2" s="1"/>
  <c r="G4371" i="2" a="1"/>
  <c r="G4371" i="2" s="1"/>
  <c r="G4375" i="2" a="1"/>
  <c r="G4375" i="2" s="1"/>
  <c r="G4354" i="2" a="1"/>
  <c r="G4354" i="2" s="1"/>
  <c r="G4367" i="2" a="1"/>
  <c r="G4367" i="2" s="1"/>
  <c r="G4363" i="2" a="1"/>
  <c r="G4363" i="2" s="1"/>
  <c r="G4359" i="2" a="1"/>
  <c r="G4359" i="2" s="1"/>
  <c r="G4377" i="2" a="1"/>
  <c r="G4377" i="2" s="1"/>
  <c r="G4374" i="2" a="1"/>
  <c r="G4374" i="2" s="1"/>
  <c r="G4360" i="2" a="1"/>
  <c r="G4360" i="2" s="1"/>
  <c r="G4365" i="2" a="1"/>
  <c r="G4365" i="2" s="1"/>
  <c r="G4356" i="2" a="1"/>
  <c r="G4356" i="2" s="1"/>
  <c r="G4362" i="2" a="1"/>
  <c r="G4362" i="2" s="1"/>
  <c r="G4368" i="2" a="1"/>
  <c r="G4368" i="2" s="1"/>
  <c r="AP195" i="1"/>
  <c r="F201" i="5" s="1"/>
  <c r="AO195" i="1"/>
  <c r="E201" i="5" s="1"/>
  <c r="AN195" i="1"/>
  <c r="AM195" i="1"/>
  <c r="C201" i="5" s="1"/>
  <c r="G2190" i="2" a="1"/>
  <c r="G2190" i="2" s="1"/>
  <c r="G2174" i="2" a="1"/>
  <c r="G2174" i="2" s="1"/>
  <c r="G2180" i="2" a="1"/>
  <c r="G2180" i="2" s="1"/>
  <c r="G2183" i="2" a="1"/>
  <c r="G2183" i="2" s="1"/>
  <c r="G2184" i="2" a="1"/>
  <c r="G2184" i="2" s="1"/>
  <c r="G2193" i="2" a="1"/>
  <c r="G2193" i="2" s="1"/>
  <c r="G2181" i="2" a="1"/>
  <c r="G2181" i="2" s="1"/>
  <c r="G2179" i="2" a="1"/>
  <c r="G2179" i="2" s="1"/>
  <c r="G2177" i="2" a="1"/>
  <c r="G2177" i="2" s="1"/>
  <c r="G2178" i="2" a="1"/>
  <c r="G2178" i="2" s="1"/>
  <c r="G2182" i="2" a="1"/>
  <c r="G2182" i="2" s="1"/>
  <c r="G2173" i="2" a="1"/>
  <c r="G2173" i="2" s="1"/>
  <c r="G2186" i="2" a="1"/>
  <c r="G2186" i="2" s="1"/>
  <c r="G2188" i="2" a="1"/>
  <c r="G2188" i="2" s="1"/>
  <c r="G2187" i="2" a="1"/>
  <c r="G2187" i="2" s="1"/>
  <c r="G2171" i="2" a="1"/>
  <c r="G2171" i="2" s="1"/>
  <c r="G2189" i="2" a="1"/>
  <c r="G2189" i="2" s="1"/>
  <c r="G2185" i="2" a="1"/>
  <c r="G2185" i="2" s="1"/>
  <c r="G2175" i="2" a="1"/>
  <c r="G2175" i="2" s="1"/>
  <c r="G2191" i="2" a="1"/>
  <c r="G2191" i="2" s="1"/>
  <c r="G2170" i="2" a="1"/>
  <c r="G2170" i="2" s="1"/>
  <c r="G2192" i="2" a="1"/>
  <c r="G2192" i="2" s="1"/>
  <c r="G2176" i="2" a="1"/>
  <c r="G2176" i="2" s="1"/>
  <c r="G502" i="2" a="1"/>
  <c r="G502" i="2" s="1"/>
  <c r="G512" i="2" a="1"/>
  <c r="G512" i="2" s="1"/>
  <c r="G497" i="2" a="1"/>
  <c r="G497" i="2" s="1"/>
  <c r="G506" i="2" a="1"/>
  <c r="G506" i="2" s="1"/>
  <c r="G509" i="2" a="1"/>
  <c r="G509" i="2" s="1"/>
  <c r="G513" i="2" a="1"/>
  <c r="G513" i="2" s="1"/>
  <c r="G495" i="2" a="1"/>
  <c r="G495" i="2" s="1"/>
  <c r="G511" i="2" a="1"/>
  <c r="G511" i="2" s="1"/>
  <c r="G496" i="2" a="1"/>
  <c r="G496" i="2" s="1"/>
  <c r="G498" i="2" a="1"/>
  <c r="G498" i="2" s="1"/>
  <c r="G492" i="2" a="1"/>
  <c r="G492" i="2" s="1"/>
  <c r="G499" i="2" a="1"/>
  <c r="G499" i="2" s="1"/>
  <c r="G504" i="2" a="1"/>
  <c r="G504" i="2" s="1"/>
  <c r="G500" i="2" a="1"/>
  <c r="G500" i="2" s="1"/>
  <c r="G507" i="2" a="1"/>
  <c r="G507" i="2" s="1"/>
  <c r="G501" i="2" a="1"/>
  <c r="G501" i="2" s="1"/>
  <c r="F1995" i="2" a="1"/>
  <c r="F1995" i="2" s="1"/>
  <c r="F2000" i="2" a="1"/>
  <c r="F2000" i="2" s="1"/>
  <c r="F1999" i="2" a="1"/>
  <c r="F1999" i="2" s="1"/>
  <c r="F1978" i="2" a="1"/>
  <c r="F1978" i="2" s="1"/>
  <c r="F1990" i="2" a="1"/>
  <c r="F1990" i="2" s="1"/>
  <c r="F1991" i="2" a="1"/>
  <c r="F1991" i="2" s="1"/>
  <c r="F2001" i="2" a="1"/>
  <c r="F2001" i="2" s="1"/>
  <c r="F1982" i="2" a="1"/>
  <c r="F1982" i="2" s="1"/>
  <c r="F1992" i="2" a="1"/>
  <c r="F1992" i="2" s="1"/>
  <c r="F1984" i="2" a="1"/>
  <c r="F1984" i="2" s="1"/>
  <c r="F1997" i="2" a="1"/>
  <c r="F1997" i="2" s="1"/>
  <c r="F1996" i="2" a="1"/>
  <c r="F1996" i="2" s="1"/>
  <c r="F1979" i="2" a="1"/>
  <c r="F1979" i="2" s="1"/>
  <c r="F1988" i="2" a="1"/>
  <c r="F1988" i="2" s="1"/>
  <c r="F1980" i="2" a="1"/>
  <c r="F1980" i="2" s="1"/>
  <c r="F1998" i="2" a="1"/>
  <c r="F1998" i="2" s="1"/>
  <c r="F1981" i="2" a="1"/>
  <c r="F1981" i="2" s="1"/>
  <c r="F1989" i="2" a="1"/>
  <c r="F1989" i="2" s="1"/>
  <c r="F1986" i="2" a="1"/>
  <c r="F1986" i="2" s="1"/>
  <c r="F1985" i="2" a="1"/>
  <c r="F1985" i="2" s="1"/>
  <c r="F1983" i="2" a="1"/>
  <c r="F1983" i="2" s="1"/>
  <c r="F1987" i="2" a="1"/>
  <c r="F1987" i="2" s="1"/>
  <c r="F6623" i="2" a="1"/>
  <c r="F6623" i="2" s="1"/>
  <c r="F6616" i="2" a="1"/>
  <c r="F6616" i="2" s="1"/>
  <c r="F6626" i="2" a="1"/>
  <c r="F6626" i="2" s="1"/>
  <c r="F6627" i="2" a="1"/>
  <c r="F6627" i="2" s="1"/>
  <c r="F6624" i="2" a="1"/>
  <c r="F6624" i="2" s="1"/>
  <c r="F6611" i="2" a="1"/>
  <c r="F6611" i="2" s="1"/>
  <c r="F6619" i="2" a="1"/>
  <c r="F6619" i="2" s="1"/>
  <c r="F6625" i="2" a="1"/>
  <c r="F6625" i="2" s="1"/>
  <c r="F6621" i="2" a="1"/>
  <c r="F6621" i="2" s="1"/>
  <c r="F6615" i="2" a="1"/>
  <c r="F6615" i="2" s="1"/>
  <c r="F6614" i="2" a="1"/>
  <c r="F6614" i="2" s="1"/>
  <c r="F6612" i="2" a="1"/>
  <c r="F6612" i="2" s="1"/>
  <c r="F6631" i="2" a="1"/>
  <c r="F6631" i="2" s="1"/>
  <c r="F6618" i="2" a="1"/>
  <c r="F6618" i="2" s="1"/>
  <c r="F6613" i="2" a="1"/>
  <c r="F6613" i="2" s="1"/>
  <c r="H5519" i="2" a="1"/>
  <c r="H5519" i="2" s="1"/>
  <c r="H5511" i="2" a="1"/>
  <c r="H5511" i="2" s="1"/>
  <c r="H5509" i="2" a="1"/>
  <c r="H5509" i="2" s="1"/>
  <c r="H5526" i="2" a="1"/>
  <c r="H5526" i="2" s="1"/>
  <c r="H5514" i="2" a="1"/>
  <c r="H5514" i="2" s="1"/>
  <c r="H5506" i="2" a="1"/>
  <c r="H5506" i="2" s="1"/>
  <c r="H5527" i="2" a="1"/>
  <c r="H5527" i="2" s="1"/>
  <c r="H5521" i="2" a="1"/>
  <c r="H5521" i="2" s="1"/>
  <c r="H5523" i="2" a="1"/>
  <c r="H5523" i="2" s="1"/>
  <c r="H5517" i="2" a="1"/>
  <c r="H5517" i="2" s="1"/>
  <c r="H5522" i="2" a="1"/>
  <c r="H5522" i="2" s="1"/>
  <c r="H5510" i="2" a="1"/>
  <c r="H5510" i="2" s="1"/>
  <c r="H5518" i="2" a="1"/>
  <c r="H5518" i="2" s="1"/>
  <c r="H5515" i="2" a="1"/>
  <c r="H5515" i="2" s="1"/>
  <c r="H5529" i="2" a="1"/>
  <c r="H5529" i="2" s="1"/>
  <c r="H5508" i="2" a="1"/>
  <c r="H5508" i="2" s="1"/>
  <c r="H5525" i="2" a="1"/>
  <c r="H5525" i="2" s="1"/>
  <c r="H5524" i="2" a="1"/>
  <c r="H5524" i="2" s="1"/>
  <c r="H5507" i="2" a="1"/>
  <c r="H5507" i="2" s="1"/>
  <c r="H5516" i="2" a="1"/>
  <c r="H5516" i="2" s="1"/>
  <c r="H5528" i="2" a="1"/>
  <c r="H5528" i="2" s="1"/>
  <c r="E3984" i="2" a="1"/>
  <c r="E3984" i="2" s="1"/>
  <c r="E3985" i="2" a="1"/>
  <c r="E3985" i="2" s="1"/>
  <c r="E3993" i="2" a="1"/>
  <c r="E3993" i="2" s="1"/>
  <c r="E3981" i="2" a="1"/>
  <c r="E3981" i="2" s="1"/>
  <c r="E3988" i="2" a="1"/>
  <c r="E3988" i="2" s="1"/>
  <c r="E3972" i="2" a="1"/>
  <c r="E3972" i="2" s="1"/>
  <c r="E5080" i="2" a="1"/>
  <c r="E5080" i="2" s="1"/>
  <c r="E5084" i="2" a="1"/>
  <c r="E5084" i="2" s="1"/>
  <c r="E5089" i="2" a="1"/>
  <c r="E5089" i="2" s="1"/>
  <c r="E5076" i="2" a="1"/>
  <c r="E5076" i="2" s="1"/>
  <c r="E5087" i="2" a="1"/>
  <c r="E5087" i="2" s="1"/>
  <c r="E5090" i="2" a="1"/>
  <c r="E5090" i="2" s="1"/>
  <c r="E5077" i="2" a="1"/>
  <c r="E5077" i="2" s="1"/>
  <c r="E5095" i="2" a="1"/>
  <c r="E5095" i="2" s="1"/>
  <c r="E5079" i="2" a="1"/>
  <c r="E5079" i="2" s="1"/>
  <c r="E5074" i="2" a="1"/>
  <c r="E5074" i="2" s="1"/>
  <c r="E5086" i="2" a="1"/>
  <c r="E5086" i="2" s="1"/>
  <c r="E5094" i="2" a="1"/>
  <c r="E5094" i="2" s="1"/>
  <c r="E5091" i="2" a="1"/>
  <c r="E5091" i="2" s="1"/>
  <c r="E5088" i="2" a="1"/>
  <c r="E5088" i="2" s="1"/>
  <c r="E5075" i="2" a="1"/>
  <c r="E5075" i="2" s="1"/>
  <c r="E5092" i="2" a="1"/>
  <c r="E5092" i="2" s="1"/>
  <c r="E5093" i="2" a="1"/>
  <c r="E5093" i="2" s="1"/>
  <c r="E5078" i="2" a="1"/>
  <c r="E5078" i="2" s="1"/>
  <c r="E5081" i="2" a="1"/>
  <c r="E5081" i="2" s="1"/>
  <c r="E5082" i="2" a="1"/>
  <c r="E5082" i="2" s="1"/>
  <c r="E5085" i="2" a="1"/>
  <c r="E5085" i="2" s="1"/>
  <c r="E5097" i="2" a="1"/>
  <c r="E5097" i="2" s="1"/>
  <c r="E5083" i="2" a="1"/>
  <c r="E5083" i="2" s="1"/>
  <c r="E5096" i="2" a="1"/>
  <c r="E5096" i="2" s="1"/>
  <c r="G5505" i="2" a="1"/>
  <c r="G5505" i="2" s="1"/>
  <c r="G5484" i="2" a="1"/>
  <c r="G5484" i="2" s="1"/>
  <c r="G5483" i="2" a="1"/>
  <c r="G5483" i="2" s="1"/>
  <c r="G5485" i="2" a="1"/>
  <c r="G5485" i="2" s="1"/>
  <c r="G5492" i="2" a="1"/>
  <c r="G5492" i="2" s="1"/>
  <c r="G5500" i="2" a="1"/>
  <c r="G5500" i="2" s="1"/>
  <c r="G5504" i="2" a="1"/>
  <c r="G5504" i="2" s="1"/>
  <c r="G5489" i="2" a="1"/>
  <c r="G5489" i="2" s="1"/>
  <c r="G5502" i="2" a="1"/>
  <c r="G5502" i="2" s="1"/>
  <c r="G5482" i="2" a="1"/>
  <c r="G5482" i="2" s="1"/>
  <c r="G5497" i="2" a="1"/>
  <c r="G5497" i="2" s="1"/>
  <c r="G5486" i="2" a="1"/>
  <c r="G5486" i="2" s="1"/>
  <c r="G5503" i="2" a="1"/>
  <c r="G5503" i="2" s="1"/>
  <c r="G5491" i="2" a="1"/>
  <c r="G5491" i="2" s="1"/>
  <c r="G5495" i="2" a="1"/>
  <c r="G5495" i="2" s="1"/>
  <c r="G5488" i="2" a="1"/>
  <c r="G5488" i="2" s="1"/>
  <c r="G5493" i="2" a="1"/>
  <c r="G5493" i="2" s="1"/>
  <c r="G5496" i="2" a="1"/>
  <c r="G5496" i="2" s="1"/>
  <c r="G5494" i="2" a="1"/>
  <c r="G5494" i="2" s="1"/>
  <c r="G5487" i="2" a="1"/>
  <c r="G5487" i="2" s="1"/>
  <c r="G5490" i="2" a="1"/>
  <c r="G5490" i="2" s="1"/>
  <c r="G5499" i="2" a="1"/>
  <c r="G5499" i="2" s="1"/>
  <c r="F1392" i="2" a="1"/>
  <c r="F1392" i="2" s="1"/>
  <c r="F1400" i="2" a="1"/>
  <c r="F1400" i="2" s="1"/>
  <c r="F1401" i="2" a="1"/>
  <c r="F1401" i="2" s="1"/>
  <c r="F1383" i="2" a="1"/>
  <c r="F1383" i="2" s="1"/>
  <c r="F1382" i="2" a="1"/>
  <c r="F1382" i="2" s="1"/>
  <c r="F1391" i="2" a="1"/>
  <c r="F1391" i="2" s="1"/>
  <c r="F1387" i="2" a="1"/>
  <c r="F1387" i="2" s="1"/>
  <c r="F1396" i="2" a="1"/>
  <c r="F1396" i="2" s="1"/>
  <c r="F1380" i="2" a="1"/>
  <c r="F1380" i="2" s="1"/>
  <c r="F1398" i="2" a="1"/>
  <c r="F1398" i="2" s="1"/>
  <c r="F1394" i="2" a="1"/>
  <c r="F1394" i="2" s="1"/>
  <c r="F1399" i="2" a="1"/>
  <c r="F1399" i="2" s="1"/>
  <c r="F1389" i="2" a="1"/>
  <c r="F1389" i="2" s="1"/>
  <c r="F1385" i="2" a="1"/>
  <c r="F1385" i="2" s="1"/>
  <c r="F1378" i="2" a="1"/>
  <c r="F1378" i="2" s="1"/>
  <c r="F1393" i="2" a="1"/>
  <c r="F1393" i="2" s="1"/>
  <c r="F1384" i="2" a="1"/>
  <c r="F1384" i="2" s="1"/>
  <c r="AN58" i="1"/>
  <c r="D64" i="5" s="1"/>
  <c r="AQ58" i="1"/>
  <c r="G64" i="5" s="1"/>
  <c r="AP58" i="1"/>
  <c r="F64" i="5" s="1"/>
  <c r="AO58" i="1"/>
  <c r="AM58" i="1"/>
  <c r="C64" i="5" s="1"/>
  <c r="D4079" i="2" a="1"/>
  <c r="D4079" i="2" s="1"/>
  <c r="D4089" i="2" a="1"/>
  <c r="D4089" i="2" s="1"/>
  <c r="D4083" i="2" a="1"/>
  <c r="D4083" i="2" s="1"/>
  <c r="D4066" i="2" a="1"/>
  <c r="D4066" i="2" s="1"/>
  <c r="D4087" i="2" a="1"/>
  <c r="D4087" i="2" s="1"/>
  <c r="D4068" i="2" a="1"/>
  <c r="D4068" i="2" s="1"/>
  <c r="D4072" i="2" a="1"/>
  <c r="D4072" i="2" s="1"/>
  <c r="D4071" i="2" a="1"/>
  <c r="D4071" i="2" s="1"/>
  <c r="D4088" i="2" a="1"/>
  <c r="D4088" i="2" s="1"/>
  <c r="D4075" i="2" a="1"/>
  <c r="D4075" i="2" s="1"/>
  <c r="D4074" i="2" a="1"/>
  <c r="D4074" i="2" s="1"/>
  <c r="D4073" i="2" a="1"/>
  <c r="D4073" i="2" s="1"/>
  <c r="D4085" i="2" a="1"/>
  <c r="D4085" i="2" s="1"/>
  <c r="D4070" i="2" a="1"/>
  <c r="D4070" i="2" s="1"/>
  <c r="D4086" i="2" a="1"/>
  <c r="D4086" i="2" s="1"/>
  <c r="D4076" i="2" a="1"/>
  <c r="D4076" i="2" s="1"/>
  <c r="D4080" i="2" a="1"/>
  <c r="D4080" i="2" s="1"/>
  <c r="D4084" i="2" a="1"/>
  <c r="D4084" i="2" s="1"/>
  <c r="D4082" i="2" a="1"/>
  <c r="D4082" i="2" s="1"/>
  <c r="D4069" i="2" a="1"/>
  <c r="D4069" i="2" s="1"/>
  <c r="D4077" i="2" a="1"/>
  <c r="D4077" i="2" s="1"/>
  <c r="D4081" i="2" a="1"/>
  <c r="D4081" i="2" s="1"/>
  <c r="D4078" i="2" a="1"/>
  <c r="D4078" i="2" s="1"/>
  <c r="D4067" i="2" a="1"/>
  <c r="D4067" i="2" s="1"/>
  <c r="D1796" i="2" a="1"/>
  <c r="D1796" i="2" s="1"/>
  <c r="D1794" i="2" a="1"/>
  <c r="D1794" i="2" s="1"/>
  <c r="D1801" i="2" a="1"/>
  <c r="D1801" i="2" s="1"/>
  <c r="D1805" i="2" a="1"/>
  <c r="D1805" i="2" s="1"/>
  <c r="D1791" i="2" a="1"/>
  <c r="D1791" i="2" s="1"/>
  <c r="D1799" i="2" a="1"/>
  <c r="D1799" i="2" s="1"/>
  <c r="D1787" i="2" a="1"/>
  <c r="D1787" i="2" s="1"/>
  <c r="D1803" i="2" a="1"/>
  <c r="D1803" i="2" s="1"/>
  <c r="D1793" i="2" a="1"/>
  <c r="D1793" i="2" s="1"/>
  <c r="D1797" i="2" a="1"/>
  <c r="D1797" i="2" s="1"/>
  <c r="D1807" i="2" a="1"/>
  <c r="D1807" i="2" s="1"/>
  <c r="D1788" i="2" a="1"/>
  <c r="D1788" i="2" s="1"/>
  <c r="D1792" i="2" a="1"/>
  <c r="D1792" i="2" s="1"/>
  <c r="D1804" i="2" a="1"/>
  <c r="D1804" i="2" s="1"/>
  <c r="F3953" i="2" a="1"/>
  <c r="F3953" i="2" s="1"/>
  <c r="F3955" i="2" a="1"/>
  <c r="F3955" i="2" s="1"/>
  <c r="F3958" i="2" a="1"/>
  <c r="F3958" i="2" s="1"/>
  <c r="F3960" i="2" a="1"/>
  <c r="F3960" i="2" s="1"/>
  <c r="F3962" i="2" a="1"/>
  <c r="F3962" i="2" s="1"/>
  <c r="F3959" i="2" a="1"/>
  <c r="F3959" i="2" s="1"/>
  <c r="F3966" i="2" a="1"/>
  <c r="F3966" i="2" s="1"/>
  <c r="F3950" i="2" a="1"/>
  <c r="F3950" i="2" s="1"/>
  <c r="F3961" i="2" a="1"/>
  <c r="F3961" i="2" s="1"/>
  <c r="F3964" i="2" a="1"/>
  <c r="F3964" i="2" s="1"/>
  <c r="F3963" i="2" a="1"/>
  <c r="F3963" i="2" s="1"/>
  <c r="F3965" i="2" a="1"/>
  <c r="F3965" i="2" s="1"/>
  <c r="F3946" i="2" a="1"/>
  <c r="F3946" i="2" s="1"/>
  <c r="F3967" i="2" a="1"/>
  <c r="F3967" i="2" s="1"/>
  <c r="F3954" i="2" a="1"/>
  <c r="F3954" i="2" s="1"/>
  <c r="F3947" i="2" a="1"/>
  <c r="F3947" i="2" s="1"/>
  <c r="F3948" i="2" a="1"/>
  <c r="F3948" i="2" s="1"/>
  <c r="F3956" i="2" a="1"/>
  <c r="F3956" i="2" s="1"/>
  <c r="F3969" i="2" a="1"/>
  <c r="F3969" i="2" s="1"/>
  <c r="F3957" i="2" a="1"/>
  <c r="F3957" i="2" s="1"/>
  <c r="F3949" i="2" a="1"/>
  <c r="F3949" i="2" s="1"/>
  <c r="F3951" i="2" a="1"/>
  <c r="F3951" i="2" s="1"/>
  <c r="F3968" i="2" a="1"/>
  <c r="F3968" i="2" s="1"/>
  <c r="F3952" i="2" a="1"/>
  <c r="F3952" i="2" s="1"/>
  <c r="G8151" i="2" a="1"/>
  <c r="G8151" i="2" s="1"/>
  <c r="G8160" i="2" a="1"/>
  <c r="G8160" i="2" s="1"/>
  <c r="G8159" i="2" a="1"/>
  <c r="G8159" i="2" s="1"/>
  <c r="G8161" i="2" a="1"/>
  <c r="G8161" i="2" s="1"/>
  <c r="G8168" i="2" a="1"/>
  <c r="G8168" i="2" s="1"/>
  <c r="G8167" i="2" a="1"/>
  <c r="G8167" i="2" s="1"/>
  <c r="G8166" i="2" a="1"/>
  <c r="G8166" i="2" s="1"/>
  <c r="G8162" i="2" a="1"/>
  <c r="G8162" i="2" s="1"/>
  <c r="G8149" i="2" a="1"/>
  <c r="G8149" i="2" s="1"/>
  <c r="G8165" i="2" a="1"/>
  <c r="G8165" i="2" s="1"/>
  <c r="G8147" i="2" a="1"/>
  <c r="G8147" i="2" s="1"/>
  <c r="G8148" i="2" a="1"/>
  <c r="G8148" i="2" s="1"/>
  <c r="G8157" i="2" a="1"/>
  <c r="G8157" i="2" s="1"/>
  <c r="G8155" i="2" a="1"/>
  <c r="G8155" i="2" s="1"/>
  <c r="G8150" i="2" a="1"/>
  <c r="G8150" i="2" s="1"/>
  <c r="G8169" i="2" a="1"/>
  <c r="G8169" i="2" s="1"/>
  <c r="G8146" i="2" a="1"/>
  <c r="G8146" i="2" s="1"/>
  <c r="G8154" i="2" a="1"/>
  <c r="G8154" i="2" s="1"/>
  <c r="G8152" i="2" a="1"/>
  <c r="G8152" i="2" s="1"/>
  <c r="G8158" i="2" a="1"/>
  <c r="G8158" i="2" s="1"/>
  <c r="G8153" i="2" a="1"/>
  <c r="G8153" i="2" s="1"/>
  <c r="G8156" i="2" a="1"/>
  <c r="G8156" i="2" s="1"/>
  <c r="D1763" i="2" a="1"/>
  <c r="D1763" i="2" s="1"/>
  <c r="D1767" i="2" a="1"/>
  <c r="D1767" i="2" s="1"/>
  <c r="D1775" i="2" a="1"/>
  <c r="D1775" i="2" s="1"/>
  <c r="D1768" i="2" a="1"/>
  <c r="D1768" i="2" s="1"/>
  <c r="D1779" i="2" a="1"/>
  <c r="D1779" i="2" s="1"/>
  <c r="D1780" i="2" a="1"/>
  <c r="D1780" i="2" s="1"/>
  <c r="D1783" i="2" a="1"/>
  <c r="D1783" i="2" s="1"/>
  <c r="D1762" i="2" a="1"/>
  <c r="D1762" i="2" s="1"/>
  <c r="D1785" i="2" a="1"/>
  <c r="D1785" i="2" s="1"/>
  <c r="D1764" i="2" a="1"/>
  <c r="D1764" i="2" s="1"/>
  <c r="D1772" i="2" a="1"/>
  <c r="D1772" i="2" s="1"/>
  <c r="D1776" i="2" a="1"/>
  <c r="D1776" i="2" s="1"/>
  <c r="D1784" i="2" a="1"/>
  <c r="D1784" i="2" s="1"/>
  <c r="D1769" i="2" a="1"/>
  <c r="D1769" i="2" s="1"/>
  <c r="D1782" i="2" a="1"/>
  <c r="D1782" i="2" s="1"/>
  <c r="D1771" i="2" a="1"/>
  <c r="D1771" i="2" s="1"/>
  <c r="D1765" i="2" a="1"/>
  <c r="D1765" i="2" s="1"/>
  <c r="D1773" i="2" a="1"/>
  <c r="D1773" i="2" s="1"/>
  <c r="D1777" i="2" a="1"/>
  <c r="D1777" i="2" s="1"/>
  <c r="D1781" i="2" a="1"/>
  <c r="D1781" i="2" s="1"/>
  <c r="D1770" i="2" a="1"/>
  <c r="D1770" i="2" s="1"/>
  <c r="D1766" i="2" a="1"/>
  <c r="D1766" i="2" s="1"/>
  <c r="D1774" i="2" a="1"/>
  <c r="D1774" i="2" s="1"/>
  <c r="D1778" i="2" a="1"/>
  <c r="D1778" i="2" s="1"/>
  <c r="G3638" i="2" a="1"/>
  <c r="G3638" i="2" s="1"/>
  <c r="G3647" i="2" a="1"/>
  <c r="G3647" i="2" s="1"/>
  <c r="G3644" i="2" a="1"/>
  <c r="G3644" i="2" s="1"/>
  <c r="G3649" i="2" a="1"/>
  <c r="G3649" i="2" s="1"/>
  <c r="G3657" i="2" a="1"/>
  <c r="G3657" i="2" s="1"/>
  <c r="G3651" i="2" a="1"/>
  <c r="G3651" i="2" s="1"/>
  <c r="G3640" i="2" a="1"/>
  <c r="G3640" i="2" s="1"/>
  <c r="G3645" i="2" a="1"/>
  <c r="G3645" i="2" s="1"/>
  <c r="G3634" i="2" a="1"/>
  <c r="G3634" i="2" s="1"/>
  <c r="G3639" i="2" a="1"/>
  <c r="G3639" i="2" s="1"/>
  <c r="G3643" i="2" a="1"/>
  <c r="G3643" i="2" s="1"/>
  <c r="G3642" i="2" a="1"/>
  <c r="G3642" i="2" s="1"/>
  <c r="G3641" i="2" a="1"/>
  <c r="G3641" i="2" s="1"/>
  <c r="G3648" i="2" a="1"/>
  <c r="G3648" i="2" s="1"/>
  <c r="G3655" i="2" a="1"/>
  <c r="G3655" i="2" s="1"/>
  <c r="G3656" i="2" a="1"/>
  <c r="G3656" i="2" s="1"/>
  <c r="G3652" i="2" a="1"/>
  <c r="G3652" i="2" s="1"/>
  <c r="G3653" i="2" a="1"/>
  <c r="G3653" i="2" s="1"/>
  <c r="G3654" i="2" a="1"/>
  <c r="G3654" i="2" s="1"/>
  <c r="G3637" i="2" a="1"/>
  <c r="G3637" i="2" s="1"/>
  <c r="G3635" i="2" a="1"/>
  <c r="G3635" i="2" s="1"/>
  <c r="G3646" i="2" a="1"/>
  <c r="G3646" i="2" s="1"/>
  <c r="G3650" i="2" a="1"/>
  <c r="G3650" i="2" s="1"/>
  <c r="E4963" i="2" a="1"/>
  <c r="E4963" i="2" s="1"/>
  <c r="E4977" i="2" a="1"/>
  <c r="E4977" i="2" s="1"/>
  <c r="E4974" i="2" a="1"/>
  <c r="E4974" i="2" s="1"/>
  <c r="E4959" i="2" a="1"/>
  <c r="E4959" i="2" s="1"/>
  <c r="E4960" i="2" a="1"/>
  <c r="E4960" i="2" s="1"/>
  <c r="E4973" i="2" a="1"/>
  <c r="E4973" i="2" s="1"/>
  <c r="E4962" i="2" a="1"/>
  <c r="E4962" i="2" s="1"/>
  <c r="E4975" i="2" a="1"/>
  <c r="E4975" i="2" s="1"/>
  <c r="E4954" i="2" a="1"/>
  <c r="E4954" i="2" s="1"/>
  <c r="E4968" i="2" a="1"/>
  <c r="E4968" i="2" s="1"/>
  <c r="G5609" i="2" a="1"/>
  <c r="G5609" i="2" s="1"/>
  <c r="G5605" i="2" a="1"/>
  <c r="G5605" i="2" s="1"/>
  <c r="G5617" i="2" a="1"/>
  <c r="G5617" i="2" s="1"/>
  <c r="G5614" i="2" a="1"/>
  <c r="G5614" i="2" s="1"/>
  <c r="G5607" i="2" a="1"/>
  <c r="G5607" i="2" s="1"/>
  <c r="G5603" i="2" a="1"/>
  <c r="G5603" i="2" s="1"/>
  <c r="G5604" i="2" a="1"/>
  <c r="G5604" i="2" s="1"/>
  <c r="E186" i="2" a="1"/>
  <c r="E186" i="2" s="1"/>
  <c r="E199" i="2" a="1"/>
  <c r="E199" i="2" s="1"/>
  <c r="E184" i="2" a="1"/>
  <c r="E184" i="2" s="1"/>
  <c r="E200" i="2" a="1"/>
  <c r="E200" i="2" s="1"/>
  <c r="E189" i="2" a="1"/>
  <c r="E189" i="2" s="1"/>
  <c r="E195" i="2" a="1"/>
  <c r="E195" i="2" s="1"/>
  <c r="E201" i="2" a="1"/>
  <c r="E201" i="2" s="1"/>
  <c r="E192" i="2" a="1"/>
  <c r="E192" i="2" s="1"/>
  <c r="E198" i="2" a="1"/>
  <c r="E198" i="2" s="1"/>
  <c r="E190" i="2" a="1"/>
  <c r="E190" i="2" s="1"/>
  <c r="E180" i="2" a="1"/>
  <c r="E180" i="2" s="1"/>
  <c r="E185" i="2" a="1"/>
  <c r="E185" i="2" s="1"/>
  <c r="E194" i="2" a="1"/>
  <c r="E194" i="2" s="1"/>
  <c r="E191" i="2" a="1"/>
  <c r="E191" i="2" s="1"/>
  <c r="E196" i="2" a="1"/>
  <c r="E196" i="2" s="1"/>
  <c r="E197" i="2" a="1"/>
  <c r="E197" i="2" s="1"/>
  <c r="E187" i="2" a="1"/>
  <c r="E187" i="2" s="1"/>
  <c r="E182" i="2" a="1"/>
  <c r="E182" i="2" s="1"/>
  <c r="E188" i="2" a="1"/>
  <c r="E188" i="2" s="1"/>
  <c r="E179" i="2" a="1"/>
  <c r="E179" i="2" s="1"/>
  <c r="E178" i="2" a="1"/>
  <c r="E178" i="2" s="1"/>
  <c r="E5357" i="2" a="1"/>
  <c r="E5357" i="2" s="1"/>
  <c r="E5344" i="2" a="1"/>
  <c r="E5344" i="2" s="1"/>
  <c r="E5341" i="2" a="1"/>
  <c r="E5341" i="2" s="1"/>
  <c r="E5349" i="2" a="1"/>
  <c r="E5349" i="2" s="1"/>
  <c r="E5342" i="2" a="1"/>
  <c r="E5342" i="2" s="1"/>
  <c r="E5354" i="2" a="1"/>
  <c r="E5354" i="2" s="1"/>
  <c r="E5351" i="2" a="1"/>
  <c r="E5351" i="2" s="1"/>
  <c r="E5338" i="2" a="1"/>
  <c r="E5338" i="2" s="1"/>
  <c r="E5340" i="2" a="1"/>
  <c r="E5340" i="2" s="1"/>
  <c r="E5358" i="2" a="1"/>
  <c r="E5358" i="2" s="1"/>
  <c r="E5352" i="2" a="1"/>
  <c r="E5352" i="2" s="1"/>
  <c r="E5356" i="2" a="1"/>
  <c r="E5356" i="2" s="1"/>
  <c r="E5345" i="2" a="1"/>
  <c r="E5345" i="2" s="1"/>
  <c r="E5353" i="2" a="1"/>
  <c r="E5353" i="2" s="1"/>
  <c r="E5360" i="2" a="1"/>
  <c r="E5360" i="2" s="1"/>
  <c r="E5343" i="2" a="1"/>
  <c r="E5343" i="2" s="1"/>
  <c r="E5346" i="2" a="1"/>
  <c r="E5346" i="2" s="1"/>
  <c r="E5361" i="2" a="1"/>
  <c r="E5361" i="2" s="1"/>
  <c r="E5359" i="2" a="1"/>
  <c r="E5359" i="2" s="1"/>
  <c r="E5350" i="2" a="1"/>
  <c r="E5350" i="2" s="1"/>
  <c r="E5339" i="2" a="1"/>
  <c r="E5339" i="2" s="1"/>
  <c r="E5347" i="2" a="1"/>
  <c r="E5347" i="2" s="1"/>
  <c r="E5348" i="2" a="1"/>
  <c r="E5348" i="2" s="1"/>
  <c r="E5355" i="2" a="1"/>
  <c r="E5355" i="2" s="1"/>
  <c r="E7032" i="2" a="1"/>
  <c r="E7032" i="2" s="1"/>
  <c r="E7020" i="2" a="1"/>
  <c r="E7020" i="2" s="1"/>
  <c r="E7018" i="2" a="1"/>
  <c r="E7018" i="2" s="1"/>
  <c r="E7040" i="2" a="1"/>
  <c r="E7040" i="2" s="1"/>
  <c r="E7019" i="2" a="1"/>
  <c r="E7019" i="2" s="1"/>
  <c r="E7024" i="2" a="1"/>
  <c r="E7024" i="2" s="1"/>
  <c r="E7031" i="2" a="1"/>
  <c r="E7031" i="2" s="1"/>
  <c r="E7025" i="2" a="1"/>
  <c r="E7025" i="2" s="1"/>
  <c r="E7037" i="2" a="1"/>
  <c r="E7037" i="2" s="1"/>
  <c r="E7034" i="2" a="1"/>
  <c r="E7034" i="2" s="1"/>
  <c r="E7022" i="2" a="1"/>
  <c r="E7022" i="2" s="1"/>
  <c r="E7030" i="2" a="1"/>
  <c r="E7030" i="2" s="1"/>
  <c r="E7026" i="2" a="1"/>
  <c r="E7026" i="2" s="1"/>
  <c r="E7033" i="2" a="1"/>
  <c r="E7033" i="2" s="1"/>
  <c r="E7035" i="2" a="1"/>
  <c r="E7035" i="2" s="1"/>
  <c r="E7029" i="2" a="1"/>
  <c r="E7029" i="2" s="1"/>
  <c r="E7038" i="2" a="1"/>
  <c r="E7038" i="2" s="1"/>
  <c r="E7027" i="2" a="1"/>
  <c r="E7027" i="2" s="1"/>
  <c r="E7021" i="2" a="1"/>
  <c r="E7021" i="2" s="1"/>
  <c r="E7039" i="2" a="1"/>
  <c r="E7039" i="2" s="1"/>
  <c r="E7028" i="2" a="1"/>
  <c r="E7028" i="2" s="1"/>
  <c r="E7023" i="2" a="1"/>
  <c r="E7023" i="2" s="1"/>
  <c r="E7041" i="2" a="1"/>
  <c r="E7041" i="2" s="1"/>
  <c r="E7036" i="2" a="1"/>
  <c r="E7036" i="2" s="1"/>
  <c r="G1547" i="2" a="1"/>
  <c r="G1547" i="2" s="1"/>
  <c r="G1554" i="2" a="1"/>
  <c r="G1554" i="2" s="1"/>
  <c r="G1559" i="2" a="1"/>
  <c r="G1559" i="2" s="1"/>
  <c r="G1548" i="2" a="1"/>
  <c r="G1548" i="2" s="1"/>
  <c r="G1551" i="2" a="1"/>
  <c r="G1551" i="2" s="1"/>
  <c r="G1555" i="2" a="1"/>
  <c r="G1555" i="2" s="1"/>
  <c r="G1553" i="2" a="1"/>
  <c r="G1553" i="2" s="1"/>
  <c r="G1556" i="2" a="1"/>
  <c r="G1556" i="2" s="1"/>
  <c r="D1853" i="2" a="1"/>
  <c r="D1853" i="2" s="1"/>
  <c r="D1838" i="2" a="1"/>
  <c r="D1838" i="2" s="1"/>
  <c r="D1834" i="2" a="1"/>
  <c r="D1834" i="2" s="1"/>
  <c r="D1856" i="2" a="1"/>
  <c r="D1856" i="2" s="1"/>
  <c r="D1852" i="2" a="1"/>
  <c r="D1852" i="2" s="1"/>
  <c r="D1844" i="2" a="1"/>
  <c r="D1844" i="2" s="1"/>
  <c r="D1843" i="2" a="1"/>
  <c r="D1843" i="2" s="1"/>
  <c r="D1842" i="2" a="1"/>
  <c r="D1842" i="2" s="1"/>
  <c r="D1845" i="2" a="1"/>
  <c r="D1845" i="2" s="1"/>
  <c r="D1837" i="2" a="1"/>
  <c r="D1837" i="2" s="1"/>
  <c r="D1839" i="2" a="1"/>
  <c r="D1839" i="2" s="1"/>
  <c r="D1857" i="2" a="1"/>
  <c r="D1857" i="2" s="1"/>
  <c r="D1840" i="2" a="1"/>
  <c r="D1840" i="2" s="1"/>
  <c r="D1851" i="2" a="1"/>
  <c r="D1851" i="2" s="1"/>
  <c r="D1846" i="2" a="1"/>
  <c r="D1846" i="2" s="1"/>
  <c r="D1854" i="2" a="1"/>
  <c r="D1854" i="2" s="1"/>
  <c r="D1836" i="2" a="1"/>
  <c r="D1836" i="2" s="1"/>
  <c r="D1841" i="2" a="1"/>
  <c r="D1841" i="2" s="1"/>
  <c r="D1835" i="2" a="1"/>
  <c r="D1835" i="2" s="1"/>
  <c r="D1847" i="2" a="1"/>
  <c r="D1847" i="2" s="1"/>
  <c r="D1849" i="2" a="1"/>
  <c r="D1849" i="2" s="1"/>
  <c r="D1850" i="2" a="1"/>
  <c r="D1850" i="2" s="1"/>
  <c r="D1848" i="2" a="1"/>
  <c r="D1848" i="2" s="1"/>
  <c r="D1855" i="2" a="1"/>
  <c r="D1855" i="2" s="1"/>
  <c r="G1003" i="2" a="1"/>
  <c r="G1003" i="2" s="1"/>
  <c r="G1010" i="2" a="1"/>
  <c r="G1010" i="2" s="1"/>
  <c r="H834" i="2" a="1"/>
  <c r="H834" i="2" s="1"/>
  <c r="H842" i="2" a="1"/>
  <c r="H842" i="2" s="1"/>
  <c r="G1890" i="2" a="1"/>
  <c r="G1890" i="2" s="1"/>
  <c r="H2140" i="2" a="1"/>
  <c r="H2140" i="2" s="1"/>
  <c r="D3589" i="2" a="1"/>
  <c r="D3589" i="2" s="1"/>
  <c r="E5704" i="2" a="1"/>
  <c r="E5704" i="2" s="1"/>
  <c r="H256" i="2" a="1"/>
  <c r="H256" i="2" s="1"/>
  <c r="H251" i="2" a="1"/>
  <c r="H251" i="2" s="1"/>
  <c r="E4574" i="2" a="1"/>
  <c r="E4574" i="2" s="1"/>
  <c r="D3440" i="2" a="1"/>
  <c r="D3440" i="2" s="1"/>
  <c r="D3425" i="2" a="1"/>
  <c r="D3425" i="2" s="1"/>
  <c r="F661" i="2" a="1"/>
  <c r="F661" i="2" s="1"/>
  <c r="G3212" i="2" a="1"/>
  <c r="G3212" i="2" s="1"/>
  <c r="G3223" i="2" a="1"/>
  <c r="G3223" i="2" s="1"/>
  <c r="F4012" i="2" a="1"/>
  <c r="F4012" i="2" s="1"/>
  <c r="AN284" i="1"/>
  <c r="D290" i="5" s="1"/>
  <c r="F1481" i="2" a="1"/>
  <c r="F1481" i="2" s="1"/>
  <c r="H213" i="2" a="1"/>
  <c r="H213" i="2" s="1"/>
  <c r="H215" i="2" a="1"/>
  <c r="H215" i="2" s="1"/>
  <c r="F6250" i="2" a="1"/>
  <c r="F6250" i="2" s="1"/>
  <c r="H7996" i="2" a="1"/>
  <c r="H7996" i="2" s="1"/>
  <c r="E5245" i="2" a="1"/>
  <c r="E5245" i="2" s="1"/>
  <c r="E2981" i="2" a="1"/>
  <c r="E2981" i="2" s="1"/>
  <c r="E6823" i="2" a="1"/>
  <c r="E6823" i="2" s="1"/>
  <c r="G3838" i="2" a="1"/>
  <c r="G3838" i="2" s="1"/>
  <c r="G8173" i="2" a="1"/>
  <c r="G8173" i="2" s="1"/>
  <c r="H5952" i="2" a="1"/>
  <c r="H5952" i="2" s="1"/>
  <c r="G1064" i="2" a="1"/>
  <c r="G1064" i="2" s="1"/>
  <c r="H4019" i="2" a="1"/>
  <c r="H4019" i="2" s="1"/>
  <c r="G8489" i="2" a="1"/>
  <c r="G8489" i="2" s="1"/>
  <c r="H629" i="2" a="1"/>
  <c r="H629" i="2" s="1"/>
  <c r="E2138" i="2" a="1"/>
  <c r="E2138" i="2" s="1"/>
  <c r="H4316" i="2" a="1"/>
  <c r="H4316" i="2" s="1"/>
  <c r="E6517" i="2" a="1"/>
  <c r="E6517" i="2" s="1"/>
  <c r="F2975" i="2" a="1"/>
  <c r="F2975" i="2" s="1"/>
  <c r="F3489" i="2" a="1"/>
  <c r="F3489" i="2" s="1"/>
  <c r="D5203" i="2" a="1"/>
  <c r="D5203" i="2" s="1"/>
  <c r="F6416" i="2" a="1"/>
  <c r="F6416" i="2" s="1"/>
  <c r="F1014" i="2" a="1"/>
  <c r="F1014" i="2" s="1"/>
  <c r="F2874" i="2" a="1"/>
  <c r="F2874" i="2" s="1"/>
  <c r="D5684" i="2" a="1"/>
  <c r="D5684" i="2" s="1"/>
  <c r="E8503" i="2" a="1"/>
  <c r="E8503" i="2" s="1"/>
  <c r="H502" i="2" a="1"/>
  <c r="H502" i="2" s="1"/>
  <c r="H6548" i="2" a="1"/>
  <c r="H6548" i="2" s="1"/>
  <c r="G4392" i="2" a="1"/>
  <c r="G4392" i="2" s="1"/>
  <c r="G1523" i="2" a="1"/>
  <c r="G1523" i="2" s="1"/>
  <c r="E1535" i="2" a="1"/>
  <c r="E1535" i="2" s="1"/>
  <c r="D7705" i="2" a="1"/>
  <c r="D7705" i="2" s="1"/>
  <c r="E2014" i="2" a="1"/>
  <c r="E2014" i="2" s="1"/>
  <c r="G8565" i="2" a="1"/>
  <c r="G8565" i="2" s="1"/>
  <c r="D907" i="2" a="1"/>
  <c r="D907" i="2" s="1"/>
  <c r="F676" i="2" a="1"/>
  <c r="F676" i="2" s="1"/>
  <c r="AP284" i="1"/>
  <c r="H221" i="2" a="1"/>
  <c r="H221" i="2" s="1"/>
  <c r="H206" i="2" a="1"/>
  <c r="H206" i="2" s="1"/>
  <c r="F6273" i="2" a="1"/>
  <c r="F6273" i="2" s="1"/>
  <c r="E5265" i="2" a="1"/>
  <c r="E5265" i="2" s="1"/>
  <c r="E2984" i="2" a="1"/>
  <c r="E2984" i="2" s="1"/>
  <c r="E6804" i="2" a="1"/>
  <c r="E6804" i="2" s="1"/>
  <c r="H4036" i="2" a="1"/>
  <c r="H4036" i="2" s="1"/>
  <c r="G8502" i="2" a="1"/>
  <c r="G8502" i="2" s="1"/>
  <c r="H626" i="2" a="1"/>
  <c r="H626" i="2" s="1"/>
  <c r="E2139" i="2" a="1"/>
  <c r="E2139" i="2" s="1"/>
  <c r="H4320" i="2" a="1"/>
  <c r="H4320" i="2" s="1"/>
  <c r="E6537" i="2" a="1"/>
  <c r="E6537" i="2" s="1"/>
  <c r="F2980" i="2" a="1"/>
  <c r="F2980" i="2" s="1"/>
  <c r="F3472" i="2" a="1"/>
  <c r="F3472" i="2" s="1"/>
  <c r="D5212" i="2" a="1"/>
  <c r="D5212" i="2" s="1"/>
  <c r="F6401" i="2" a="1"/>
  <c r="F6401" i="2" s="1"/>
  <c r="F1011" i="2" a="1"/>
  <c r="F1011" i="2" s="1"/>
  <c r="F2886" i="2" a="1"/>
  <c r="F2886" i="2" s="1"/>
  <c r="D5680" i="2" a="1"/>
  <c r="D5680" i="2" s="1"/>
  <c r="E8484" i="2" a="1"/>
  <c r="E8484" i="2" s="1"/>
  <c r="D8490" i="2" a="1"/>
  <c r="D8490" i="2" s="1"/>
  <c r="H511" i="2" a="1"/>
  <c r="H511" i="2" s="1"/>
  <c r="H6547" i="2" a="1"/>
  <c r="H6547" i="2" s="1"/>
  <c r="G4391" i="2" a="1"/>
  <c r="G4391" i="2" s="1"/>
  <c r="G1529" i="2" a="1"/>
  <c r="G1529" i="2" s="1"/>
  <c r="E1542" i="2" a="1"/>
  <c r="E1542" i="2" s="1"/>
  <c r="H4526" i="2" a="1"/>
  <c r="H4526" i="2" s="1"/>
  <c r="D7701" i="2" a="1"/>
  <c r="D7701" i="2" s="1"/>
  <c r="E7166" i="2" a="1"/>
  <c r="E7166" i="2" s="1"/>
  <c r="E2011" i="2" a="1"/>
  <c r="E2011" i="2" s="1"/>
  <c r="D914" i="2" a="1"/>
  <c r="D914" i="2" s="1"/>
  <c r="D4714" i="2" a="1"/>
  <c r="D4714" i="2" s="1"/>
  <c r="E4520" i="2" a="1"/>
  <c r="E4520" i="2" s="1"/>
  <c r="E6813" i="2" a="1"/>
  <c r="E6813" i="2" s="1"/>
  <c r="E5157" i="2" a="1"/>
  <c r="E5157" i="2" s="1"/>
  <c r="H4322" i="2" a="1"/>
  <c r="H4322" i="2" s="1"/>
  <c r="D5200" i="2" a="1"/>
  <c r="D5200" i="2" s="1"/>
  <c r="F6413" i="2" a="1"/>
  <c r="F6413" i="2" s="1"/>
  <c r="D8493" i="2" a="1"/>
  <c r="D8493" i="2" s="1"/>
  <c r="H513" i="2" a="1"/>
  <c r="H513" i="2" s="1"/>
  <c r="G1536" i="2" a="1"/>
  <c r="G1536" i="2" s="1"/>
  <c r="G7688" i="2" a="1"/>
  <c r="G7688" i="2" s="1"/>
  <c r="E3866" i="2" a="1"/>
  <c r="E3866" i="2" s="1"/>
  <c r="G7285" i="2" a="1"/>
  <c r="G7285" i="2" s="1"/>
  <c r="G7359" i="2" a="1"/>
  <c r="G7359" i="2" s="1"/>
  <c r="F1993" i="2" a="1"/>
  <c r="F1993" i="2" s="1"/>
  <c r="G381" i="2" a="1"/>
  <c r="G381" i="2" s="1"/>
  <c r="F663" i="2" a="1"/>
  <c r="F663" i="2" s="1"/>
  <c r="F662" i="2" a="1"/>
  <c r="F662" i="2" s="1"/>
  <c r="F1486" i="2" a="1"/>
  <c r="F1486" i="2" s="1"/>
  <c r="H216" i="2" a="1"/>
  <c r="H216" i="2" s="1"/>
  <c r="F6260" i="2" a="1"/>
  <c r="F6260" i="2" s="1"/>
  <c r="E5255" i="2" a="1"/>
  <c r="E5255" i="2" s="1"/>
  <c r="E2976" i="2" a="1"/>
  <c r="E2976" i="2" s="1"/>
  <c r="E6808" i="2" a="1"/>
  <c r="E6808" i="2" s="1"/>
  <c r="G8184" i="2" a="1"/>
  <c r="G8184" i="2" s="1"/>
  <c r="H5954" i="2" a="1"/>
  <c r="H5954" i="2" s="1"/>
  <c r="H4021" i="2" a="1"/>
  <c r="H4021" i="2" s="1"/>
  <c r="G8487" i="2" a="1"/>
  <c r="G8487" i="2" s="1"/>
  <c r="H623" i="2" a="1"/>
  <c r="H623" i="2" s="1"/>
  <c r="E5167" i="2" a="1"/>
  <c r="E5167" i="2" s="1"/>
  <c r="E2135" i="2" a="1"/>
  <c r="E2135" i="2" s="1"/>
  <c r="H4328" i="2" a="1"/>
  <c r="H4328" i="2" s="1"/>
  <c r="E6525" i="2" a="1"/>
  <c r="E6525" i="2" s="1"/>
  <c r="F2965" i="2" a="1"/>
  <c r="F2965" i="2" s="1"/>
  <c r="H126" i="2" a="1"/>
  <c r="H126" i="2" s="1"/>
  <c r="F3477" i="2" a="1"/>
  <c r="F3477" i="2" s="1"/>
  <c r="D5209" i="2" a="1"/>
  <c r="D5209" i="2" s="1"/>
  <c r="F6411" i="2" a="1"/>
  <c r="F6411" i="2" s="1"/>
  <c r="F1008" i="2" a="1"/>
  <c r="F1008" i="2" s="1"/>
  <c r="D8572" i="2" a="1"/>
  <c r="D8572" i="2" s="1"/>
  <c r="D5675" i="2" a="1"/>
  <c r="D5675" i="2" s="1"/>
  <c r="D8485" i="2" a="1"/>
  <c r="D8485" i="2" s="1"/>
  <c r="H73" i="2" a="1"/>
  <c r="H73" i="2" s="1"/>
  <c r="H6539" i="2" a="1"/>
  <c r="H6539" i="2" s="1"/>
  <c r="G1542" i="2" a="1"/>
  <c r="G1542" i="2" s="1"/>
  <c r="G3119" i="2" a="1"/>
  <c r="G3119" i="2" s="1"/>
  <c r="E373" i="2" a="1"/>
  <c r="E373" i="2" s="1"/>
  <c r="E3851" i="2" a="1"/>
  <c r="E3851" i="2" s="1"/>
  <c r="D2618" i="2" a="1"/>
  <c r="D2618" i="2" s="1"/>
  <c r="G7284" i="2" a="1"/>
  <c r="G7284" i="2" s="1"/>
  <c r="G7372" i="2" a="1"/>
  <c r="G7372" i="2" s="1"/>
  <c r="G375" i="2" a="1"/>
  <c r="G375" i="2" s="1"/>
  <c r="F677" i="2" a="1"/>
  <c r="F677" i="2" s="1"/>
  <c r="F667" i="2" a="1"/>
  <c r="F667" i="2" s="1"/>
  <c r="F1479" i="2" a="1"/>
  <c r="F1479" i="2" s="1"/>
  <c r="H204" i="2" a="1"/>
  <c r="H204" i="2" s="1"/>
  <c r="F6255" i="2" a="1"/>
  <c r="F6255" i="2" s="1"/>
  <c r="E5258" i="2" a="1"/>
  <c r="E5258" i="2" s="1"/>
  <c r="E2985" i="2" a="1"/>
  <c r="E2985" i="2" s="1"/>
  <c r="E6811" i="2" a="1"/>
  <c r="E6811" i="2" s="1"/>
  <c r="G8175" i="2" a="1"/>
  <c r="G8175" i="2" s="1"/>
  <c r="H5956" i="2" a="1"/>
  <c r="H5956" i="2" s="1"/>
  <c r="H4024" i="2" a="1"/>
  <c r="H4024" i="2" s="1"/>
  <c r="G8497" i="2" a="1"/>
  <c r="G8497" i="2" s="1"/>
  <c r="H633" i="2" a="1"/>
  <c r="H633" i="2" s="1"/>
  <c r="E5156" i="2" a="1"/>
  <c r="E5156" i="2" s="1"/>
  <c r="E2134" i="2" a="1"/>
  <c r="E2134" i="2" s="1"/>
  <c r="H4314" i="2" a="1"/>
  <c r="H4314" i="2" s="1"/>
  <c r="E6531" i="2" a="1"/>
  <c r="E6531" i="2" s="1"/>
  <c r="F2972" i="2" a="1"/>
  <c r="F2972" i="2" s="1"/>
  <c r="H123" i="2" a="1"/>
  <c r="H123" i="2" s="1"/>
  <c r="G6658" i="2" a="1"/>
  <c r="G6658" i="2" s="1"/>
  <c r="F3487" i="2" a="1"/>
  <c r="F3487" i="2" s="1"/>
  <c r="D5213" i="2" a="1"/>
  <c r="D5213" i="2" s="1"/>
  <c r="F994" i="2" a="1"/>
  <c r="F994" i="2" s="1"/>
  <c r="D8559" i="2" a="1"/>
  <c r="D8559" i="2" s="1"/>
  <c r="D8502" i="2" a="1"/>
  <c r="D8502" i="2" s="1"/>
  <c r="H74" i="2" a="1"/>
  <c r="H74" i="2" s="1"/>
  <c r="H8546" i="2" a="1"/>
  <c r="H8546" i="2" s="1"/>
  <c r="H6553" i="2" a="1"/>
  <c r="H6553" i="2" s="1"/>
  <c r="E4021" i="2" a="1"/>
  <c r="E4021" i="2" s="1"/>
  <c r="G3118" i="2" a="1"/>
  <c r="G3118" i="2" s="1"/>
  <c r="E384" i="2" a="1"/>
  <c r="E384" i="2" s="1"/>
  <c r="E3857" i="2" a="1"/>
  <c r="E3857" i="2" s="1"/>
  <c r="D2610" i="2" a="1"/>
  <c r="D2610" i="2" s="1"/>
  <c r="G7300" i="2" a="1"/>
  <c r="G7300" i="2" s="1"/>
  <c r="F6593" i="2" a="1"/>
  <c r="F6593" i="2" s="1"/>
  <c r="G382" i="2" a="1"/>
  <c r="G382" i="2" s="1"/>
  <c r="E2643" i="2" a="1"/>
  <c r="E2643" i="2" s="1"/>
  <c r="G1017" i="2" a="1"/>
  <c r="G1017" i="2" s="1"/>
  <c r="H835" i="2" a="1"/>
  <c r="H835" i="2" s="1"/>
  <c r="G1892" i="2" a="1"/>
  <c r="G1892" i="2" s="1"/>
  <c r="G1887" i="2" a="1"/>
  <c r="G1887" i="2" s="1"/>
  <c r="AO320" i="1"/>
  <c r="E326" i="5" s="1"/>
  <c r="H2134" i="2" a="1"/>
  <c r="H2134" i="2" s="1"/>
  <c r="D3603" i="2" a="1"/>
  <c r="D3603" i="2" s="1"/>
  <c r="D3592" i="2" a="1"/>
  <c r="D3592" i="2" s="1"/>
  <c r="E5720" i="2" a="1"/>
  <c r="E5720" i="2" s="1"/>
  <c r="H253" i="2" a="1"/>
  <c r="H253" i="2" s="1"/>
  <c r="AN263" i="1"/>
  <c r="D269" i="5" s="1"/>
  <c r="E4593" i="2" a="1"/>
  <c r="E4593" i="2" s="1"/>
  <c r="E4587" i="2" a="1"/>
  <c r="E4587" i="2" s="1"/>
  <c r="F659" i="2" a="1"/>
  <c r="F659" i="2" s="1"/>
  <c r="F665" i="2" a="1"/>
  <c r="F665" i="2" s="1"/>
  <c r="G3220" i="2" a="1"/>
  <c r="G3220" i="2" s="1"/>
  <c r="F4010" i="2" a="1"/>
  <c r="F4010" i="2" s="1"/>
  <c r="F4003" i="2" a="1"/>
  <c r="F4003" i="2" s="1"/>
  <c r="F1478" i="2" a="1"/>
  <c r="F1478" i="2" s="1"/>
  <c r="H225" i="2" a="1"/>
  <c r="H225" i="2" s="1"/>
  <c r="F6261" i="2" a="1"/>
  <c r="F6261" i="2" s="1"/>
  <c r="H7986" i="2" a="1"/>
  <c r="H7986" i="2" s="1"/>
  <c r="E5253" i="2" a="1"/>
  <c r="E5253" i="2" s="1"/>
  <c r="E2963" i="2" a="1"/>
  <c r="E2963" i="2" s="1"/>
  <c r="E6824" i="2" a="1"/>
  <c r="E6824" i="2" s="1"/>
  <c r="H5951" i="2" a="1"/>
  <c r="H5951" i="2" s="1"/>
  <c r="G1062" i="2" a="1"/>
  <c r="G1062" i="2" s="1"/>
  <c r="G8486" i="2" a="1"/>
  <c r="G8486" i="2" s="1"/>
  <c r="H618" i="2" a="1"/>
  <c r="H618" i="2" s="1"/>
  <c r="E5155" i="2" a="1"/>
  <c r="E5155" i="2" s="1"/>
  <c r="E2128" i="2" a="1"/>
  <c r="E2128" i="2" s="1"/>
  <c r="E6534" i="2" a="1"/>
  <c r="E6534" i="2" s="1"/>
  <c r="F2967" i="2" a="1"/>
  <c r="F2967" i="2" s="1"/>
  <c r="H125" i="2" a="1"/>
  <c r="H125" i="2" s="1"/>
  <c r="G6663" i="2" a="1"/>
  <c r="G6663" i="2" s="1"/>
  <c r="F3470" i="2" a="1"/>
  <c r="F3470" i="2" s="1"/>
  <c r="D5216" i="2" a="1"/>
  <c r="D5216" i="2" s="1"/>
  <c r="D8573" i="2" a="1"/>
  <c r="D8573" i="2" s="1"/>
  <c r="D8498" i="2" a="1"/>
  <c r="D8498" i="2" s="1"/>
  <c r="H68" i="2" a="1"/>
  <c r="H68" i="2" s="1"/>
  <c r="H8540" i="2" a="1"/>
  <c r="H8540" i="2" s="1"/>
  <c r="H6558" i="2" a="1"/>
  <c r="H6558" i="2" s="1"/>
  <c r="E4024" i="2" a="1"/>
  <c r="E4024" i="2" s="1"/>
  <c r="G3115" i="2" a="1"/>
  <c r="G3115" i="2" s="1"/>
  <c r="E393" i="2" a="1"/>
  <c r="E393" i="2" s="1"/>
  <c r="H7153" i="2" a="1"/>
  <c r="H7153" i="2" s="1"/>
  <c r="G7290" i="2" a="1"/>
  <c r="G7290" i="2" s="1"/>
  <c r="H2110" i="2" a="1"/>
  <c r="H2110" i="2" s="1"/>
  <c r="H3505" i="2" a="1"/>
  <c r="H3505" i="2" s="1"/>
  <c r="G1000" i="2" a="1"/>
  <c r="G1000" i="2" s="1"/>
  <c r="H846" i="2" a="1"/>
  <c r="H846" i="2" s="1"/>
  <c r="G1886" i="2" a="1"/>
  <c r="G1886" i="2" s="1"/>
  <c r="G1898" i="2" a="1"/>
  <c r="G1898" i="2" s="1"/>
  <c r="AQ320" i="1"/>
  <c r="G326" i="5" s="1"/>
  <c r="H2129" i="2" a="1"/>
  <c r="H2129" i="2" s="1"/>
  <c r="D3588" i="2" a="1"/>
  <c r="D3588" i="2" s="1"/>
  <c r="AM150" i="1"/>
  <c r="C156" i="5" s="1"/>
  <c r="E5712" i="2" a="1"/>
  <c r="E5712" i="2" s="1"/>
  <c r="H260" i="2" a="1"/>
  <c r="H260" i="2" s="1"/>
  <c r="E4591" i="2" a="1"/>
  <c r="E4591" i="2" s="1"/>
  <c r="E4570" i="2" a="1"/>
  <c r="E4570" i="2" s="1"/>
  <c r="F675" i="2" a="1"/>
  <c r="F675" i="2" s="1"/>
  <c r="F673" i="2" a="1"/>
  <c r="F673" i="2" s="1"/>
  <c r="G3204" i="2" a="1"/>
  <c r="G3204" i="2" s="1"/>
  <c r="F4004" i="2" a="1"/>
  <c r="F4004" i="2" s="1"/>
  <c r="F4016" i="2" a="1"/>
  <c r="F4016" i="2" s="1"/>
  <c r="F1484" i="2" a="1"/>
  <c r="F1484" i="2" s="1"/>
  <c r="H223" i="2" a="1"/>
  <c r="H223" i="2" s="1"/>
  <c r="F6251" i="2" a="1"/>
  <c r="F6251" i="2" s="1"/>
  <c r="H7979" i="2" a="1"/>
  <c r="H7979" i="2" s="1"/>
  <c r="E5263" i="2" a="1"/>
  <c r="E5263" i="2" s="1"/>
  <c r="E2962" i="2" a="1"/>
  <c r="E2962" i="2" s="1"/>
  <c r="E6822" i="2" a="1"/>
  <c r="E6822" i="2" s="1"/>
  <c r="H5948" i="2" a="1"/>
  <c r="H5948" i="2" s="1"/>
  <c r="G1061" i="2" a="1"/>
  <c r="G1061" i="2" s="1"/>
  <c r="H4038" i="2" a="1"/>
  <c r="H4038" i="2" s="1"/>
  <c r="G8482" i="2" a="1"/>
  <c r="G8482" i="2" s="1"/>
  <c r="H631" i="2" a="1"/>
  <c r="H631" i="2" s="1"/>
  <c r="E5169" i="2" a="1"/>
  <c r="E5169" i="2" s="1"/>
  <c r="E2140" i="2" a="1"/>
  <c r="E2140" i="2" s="1"/>
  <c r="E6532" i="2" a="1"/>
  <c r="E6532" i="2" s="1"/>
  <c r="F2983" i="2" a="1"/>
  <c r="F2983" i="2" s="1"/>
  <c r="H120" i="2" a="1"/>
  <c r="H120" i="2" s="1"/>
  <c r="G6681" i="2" a="1"/>
  <c r="G6681" i="2" s="1"/>
  <c r="F3476" i="2" a="1"/>
  <c r="F3476" i="2" s="1"/>
  <c r="D5211" i="2" a="1"/>
  <c r="D5211" i="2" s="1"/>
  <c r="D8567" i="2" a="1"/>
  <c r="D8567" i="2" s="1"/>
  <c r="E7628" i="2" a="1"/>
  <c r="E7628" i="2" s="1"/>
  <c r="G4633" i="2" a="1"/>
  <c r="G4633" i="2" s="1"/>
  <c r="D8494" i="2" a="1"/>
  <c r="D8494" i="2" s="1"/>
  <c r="AM361" i="1"/>
  <c r="C367" i="5" s="1"/>
  <c r="H70" i="2" a="1"/>
  <c r="H70" i="2" s="1"/>
  <c r="H8533" i="2" a="1"/>
  <c r="H8533" i="2" s="1"/>
  <c r="H6538" i="2" a="1"/>
  <c r="H6538" i="2" s="1"/>
  <c r="E4019" i="2" a="1"/>
  <c r="E4019" i="2" s="1"/>
  <c r="G3124" i="2" a="1"/>
  <c r="G3124" i="2" s="1"/>
  <c r="E383" i="2" a="1"/>
  <c r="E383" i="2" s="1"/>
  <c r="H7154" i="2" a="1"/>
  <c r="H7154" i="2" s="1"/>
  <c r="G508" i="2" a="1"/>
  <c r="G508" i="2" s="1"/>
  <c r="AQ195" i="1"/>
  <c r="G201" i="5" s="1"/>
  <c r="H1659" i="2" a="1"/>
  <c r="H1659" i="2" s="1"/>
  <c r="G2403" i="2" a="1"/>
  <c r="G2403" i="2" s="1"/>
  <c r="AN13" i="1"/>
  <c r="D19" i="5" s="1"/>
  <c r="E6724" i="2" a="1"/>
  <c r="E6724" i="2" s="1"/>
  <c r="H2107" i="2" a="1"/>
  <c r="H2107" i="2" s="1"/>
  <c r="H3502" i="2" a="1"/>
  <c r="H3502" i="2" s="1"/>
  <c r="E6805" i="2" a="1"/>
  <c r="E6805" i="2" s="1"/>
  <c r="E5151" i="2" a="1"/>
  <c r="E5151" i="2" s="1"/>
  <c r="G6671" i="2" a="1"/>
  <c r="G6671" i="2" s="1"/>
  <c r="D5194" i="2" a="1"/>
  <c r="D5194" i="2" s="1"/>
  <c r="G4641" i="2" a="1"/>
  <c r="G4641" i="2" s="1"/>
  <c r="D8501" i="2" a="1"/>
  <c r="D8501" i="2" s="1"/>
  <c r="E4039" i="2" a="1"/>
  <c r="E4039" i="2" s="1"/>
  <c r="G3126" i="2" a="1"/>
  <c r="G3126" i="2" s="1"/>
  <c r="E387" i="2" a="1"/>
  <c r="E387" i="2" s="1"/>
  <c r="H7160" i="2" a="1"/>
  <c r="H7160" i="2" s="1"/>
  <c r="G503" i="2" a="1"/>
  <c r="G503" i="2" s="1"/>
  <c r="H1658" i="2" a="1"/>
  <c r="H1658" i="2" s="1"/>
  <c r="H2121" i="2" a="1"/>
  <c r="H2121" i="2" s="1"/>
  <c r="D2810" i="2" a="1"/>
  <c r="D2810" i="2" s="1"/>
  <c r="G1007" i="2" a="1"/>
  <c r="G1007" i="2" s="1"/>
  <c r="H844" i="2" a="1"/>
  <c r="H844" i="2" s="1"/>
  <c r="G1905" i="2" a="1"/>
  <c r="G1905" i="2" s="1"/>
  <c r="H2144" i="2" a="1"/>
  <c r="H2144" i="2" s="1"/>
  <c r="D3587" i="2" a="1"/>
  <c r="D3587" i="2" s="1"/>
  <c r="AQ150" i="1"/>
  <c r="G156" i="5" s="1"/>
  <c r="E5705" i="2" a="1"/>
  <c r="E5705" i="2" s="1"/>
  <c r="H271" i="2" a="1"/>
  <c r="H271" i="2" s="1"/>
  <c r="E4577" i="2" a="1"/>
  <c r="E4577" i="2" s="1"/>
  <c r="E4586" i="2" a="1"/>
  <c r="E4586" i="2" s="1"/>
  <c r="F660" i="2" a="1"/>
  <c r="F660" i="2" s="1"/>
  <c r="G3213" i="2" a="1"/>
  <c r="G3213" i="2" s="1"/>
  <c r="F3996" i="2" a="1"/>
  <c r="F3996" i="2" s="1"/>
  <c r="F4000" i="2" a="1"/>
  <c r="F4000" i="2" s="1"/>
  <c r="F1488" i="2" a="1"/>
  <c r="F1488" i="2" s="1"/>
  <c r="H219" i="2" a="1"/>
  <c r="H219" i="2" s="1"/>
  <c r="F6264" i="2" a="1"/>
  <c r="F6264" i="2" s="1"/>
  <c r="H7982" i="2" a="1"/>
  <c r="H7982" i="2" s="1"/>
  <c r="H7985" i="2" a="1"/>
  <c r="H7985" i="2" s="1"/>
  <c r="E5242" i="2" a="1"/>
  <c r="E5242" i="2" s="1"/>
  <c r="E6816" i="2" a="1"/>
  <c r="E6816" i="2" s="1"/>
  <c r="G3844" i="2" a="1"/>
  <c r="G3844" i="2" s="1"/>
  <c r="G8170" i="2" a="1"/>
  <c r="G8170" i="2" s="1"/>
  <c r="H5950" i="2" a="1"/>
  <c r="H5950" i="2" s="1"/>
  <c r="G1048" i="2" a="1"/>
  <c r="G1048" i="2" s="1"/>
  <c r="H4018" i="2" a="1"/>
  <c r="H4018" i="2" s="1"/>
  <c r="H619" i="2" a="1"/>
  <c r="H619" i="2" s="1"/>
  <c r="E5161" i="2" a="1"/>
  <c r="E5161" i="2" s="1"/>
  <c r="E2143" i="2" a="1"/>
  <c r="E2143" i="2" s="1"/>
  <c r="F2971" i="2" a="1"/>
  <c r="F2971" i="2" s="1"/>
  <c r="H124" i="2" a="1"/>
  <c r="H124" i="2" s="1"/>
  <c r="G6670" i="2" a="1"/>
  <c r="G6670" i="2" s="1"/>
  <c r="F3481" i="2" a="1"/>
  <c r="F3481" i="2" s="1"/>
  <c r="D8565" i="2" a="1"/>
  <c r="D8565" i="2" s="1"/>
  <c r="E7627" i="2" a="1"/>
  <c r="E7627" i="2" s="1"/>
  <c r="G4625" i="2" a="1"/>
  <c r="G4625" i="2" s="1"/>
  <c r="D8497" i="2" a="1"/>
  <c r="D8497" i="2" s="1"/>
  <c r="AN361" i="1"/>
  <c r="D367" i="5" s="1"/>
  <c r="H8552" i="2" a="1"/>
  <c r="H8552" i="2" s="1"/>
  <c r="E4023" i="2" a="1"/>
  <c r="E4023" i="2" s="1"/>
  <c r="G3129" i="2" a="1"/>
  <c r="G3129" i="2" s="1"/>
  <c r="E391" i="2" a="1"/>
  <c r="E391" i="2" s="1"/>
  <c r="H7158" i="2" a="1"/>
  <c r="H7158" i="2" s="1"/>
  <c r="G510" i="2" a="1"/>
  <c r="G510" i="2" s="1"/>
  <c r="G8163" i="2" a="1"/>
  <c r="G8163" i="2" s="1"/>
  <c r="D7477" i="2" a="1"/>
  <c r="D7477" i="2" s="1"/>
  <c r="H2117" i="2" a="1"/>
  <c r="H2117" i="2" s="1"/>
  <c r="D3598" i="2" a="1"/>
  <c r="D3598" i="2" s="1"/>
  <c r="E5703" i="2" a="1"/>
  <c r="E5703" i="2" s="1"/>
  <c r="F658" i="2" a="1"/>
  <c r="F658" i="2" s="1"/>
  <c r="G3219" i="2" a="1"/>
  <c r="G3219" i="2" s="1"/>
  <c r="F4011" i="2" a="1"/>
  <c r="F4011" i="2" s="1"/>
  <c r="F1485" i="2" a="1"/>
  <c r="F1485" i="2" s="1"/>
  <c r="H217" i="2" a="1"/>
  <c r="H217" i="2" s="1"/>
  <c r="F6253" i="2" a="1"/>
  <c r="F6253" i="2" s="1"/>
  <c r="E5257" i="2" a="1"/>
  <c r="E5257" i="2" s="1"/>
  <c r="E6821" i="2" a="1"/>
  <c r="E6821" i="2" s="1"/>
  <c r="G8188" i="2" a="1"/>
  <c r="G8188" i="2" s="1"/>
  <c r="H5945" i="2" a="1"/>
  <c r="H5945" i="2" s="1"/>
  <c r="G1042" i="2" a="1"/>
  <c r="G1042" i="2" s="1"/>
  <c r="H4035" i="2" a="1"/>
  <c r="H4035" i="2" s="1"/>
  <c r="H613" i="2" a="1"/>
  <c r="H613" i="2" s="1"/>
  <c r="E5153" i="2" a="1"/>
  <c r="E5153" i="2" s="1"/>
  <c r="E2126" i="2" a="1"/>
  <c r="E2126" i="2" s="1"/>
  <c r="F2964" i="2" a="1"/>
  <c r="F2964" i="2" s="1"/>
  <c r="H118" i="2" a="1"/>
  <c r="H118" i="2" s="1"/>
  <c r="G6664" i="2" a="1"/>
  <c r="G6664" i="2" s="1"/>
  <c r="F3486" i="2" a="1"/>
  <c r="F3486" i="2" s="1"/>
  <c r="D8577" i="2" a="1"/>
  <c r="D8577" i="2" s="1"/>
  <c r="E7624" i="2" a="1"/>
  <c r="E7624" i="2" s="1"/>
  <c r="G4630" i="2" a="1"/>
  <c r="G4630" i="2" s="1"/>
  <c r="AO361" i="1"/>
  <c r="E367" i="5" s="1"/>
  <c r="H8545" i="2" a="1"/>
  <c r="H8545" i="2" s="1"/>
  <c r="G4401" i="2" a="1"/>
  <c r="G4401" i="2" s="1"/>
  <c r="E4025" i="2" a="1"/>
  <c r="E4025" i="2" s="1"/>
  <c r="G3123" i="2" a="1"/>
  <c r="G3123" i="2" s="1"/>
  <c r="E381" i="2" a="1"/>
  <c r="E381" i="2" s="1"/>
  <c r="H7146" i="2" a="1"/>
  <c r="H7146" i="2" s="1"/>
  <c r="G505" i="2" a="1"/>
  <c r="G505" i="2" s="1"/>
  <c r="E181" i="2" a="1"/>
  <c r="E181" i="2" s="1"/>
  <c r="H4488" i="2" a="1"/>
  <c r="H4488" i="2" s="1"/>
  <c r="D7487" i="2" a="1"/>
  <c r="D7487" i="2" s="1"/>
  <c r="E5249" i="2" a="1"/>
  <c r="E5249" i="2" s="1"/>
  <c r="E5254" i="2" a="1"/>
  <c r="E5254" i="2" s="1"/>
  <c r="E6802" i="2" a="1"/>
  <c r="E6802" i="2" s="1"/>
  <c r="G3843" i="2" a="1"/>
  <c r="G3843" i="2" s="1"/>
  <c r="G8186" i="2" a="1"/>
  <c r="G8186" i="2" s="1"/>
  <c r="H5944" i="2" a="1"/>
  <c r="H5944" i="2" s="1"/>
  <c r="H4041" i="2" a="1"/>
  <c r="H4041" i="2" s="1"/>
  <c r="E5147" i="2" a="1"/>
  <c r="E5147" i="2" s="1"/>
  <c r="E2133" i="2" a="1"/>
  <c r="E2133" i="2" s="1"/>
  <c r="F2963" i="2" a="1"/>
  <c r="F2963" i="2" s="1"/>
  <c r="H111" i="2" a="1"/>
  <c r="H111" i="2" s="1"/>
  <c r="G6669" i="2" a="1"/>
  <c r="G6669" i="2" s="1"/>
  <c r="F6395" i="2" a="1"/>
  <c r="F6395" i="2" s="1"/>
  <c r="D8560" i="2" a="1"/>
  <c r="D8560" i="2" s="1"/>
  <c r="E7633" i="2" a="1"/>
  <c r="E7633" i="2" s="1"/>
  <c r="G4635" i="2" a="1"/>
  <c r="G4635" i="2" s="1"/>
  <c r="H8553" i="2" a="1"/>
  <c r="H8553" i="2" s="1"/>
  <c r="G4390" i="2" a="1"/>
  <c r="G4390" i="2" s="1"/>
  <c r="E4027" i="2" a="1"/>
  <c r="E4027" i="2" s="1"/>
  <c r="G3128" i="2" a="1"/>
  <c r="G3128" i="2" s="1"/>
  <c r="E370" i="2" a="1"/>
  <c r="E370" i="2" s="1"/>
  <c r="H7150" i="2" a="1"/>
  <c r="H7150" i="2" s="1"/>
  <c r="G494" i="2" a="1"/>
  <c r="G494" i="2" s="1"/>
  <c r="E193" i="2" a="1"/>
  <c r="E193" i="2" s="1"/>
  <c r="H4484" i="2" a="1"/>
  <c r="H4484" i="2" s="1"/>
  <c r="D7483" i="2" a="1"/>
  <c r="D7483" i="2" s="1"/>
  <c r="E6891" i="2" a="1"/>
  <c r="E6891" i="2" s="1"/>
  <c r="E6895" i="2" a="1"/>
  <c r="E6895" i="2" s="1"/>
  <c r="E6890" i="2" a="1"/>
  <c r="E6890" i="2" s="1"/>
  <c r="E6882" i="2" a="1"/>
  <c r="E6882" i="2" s="1"/>
  <c r="E6886" i="2" a="1"/>
  <c r="E6886" i="2" s="1"/>
  <c r="E6884" i="2" a="1"/>
  <c r="E6884" i="2" s="1"/>
  <c r="E6897" i="2" a="1"/>
  <c r="E6897" i="2" s="1"/>
  <c r="E6877" i="2" a="1"/>
  <c r="E6877" i="2" s="1"/>
  <c r="E6887" i="2" a="1"/>
  <c r="E6887" i="2" s="1"/>
  <c r="E6880" i="2" a="1"/>
  <c r="E6880" i="2" s="1"/>
  <c r="E6889" i="2" a="1"/>
  <c r="E6889" i="2" s="1"/>
  <c r="E6885" i="2" a="1"/>
  <c r="E6885" i="2" s="1"/>
  <c r="E6874" i="2" a="1"/>
  <c r="E6874" i="2" s="1"/>
  <c r="E6875" i="2" a="1"/>
  <c r="E6875" i="2" s="1"/>
  <c r="E6894" i="2" a="1"/>
  <c r="E6894" i="2" s="1"/>
  <c r="AN349" i="1"/>
  <c r="D355" i="5" s="1"/>
  <c r="D8381" i="2" a="1"/>
  <c r="D8381" i="2" s="1"/>
  <c r="D8369" i="2" a="1"/>
  <c r="D8369" i="2" s="1"/>
  <c r="D8377" i="2" a="1"/>
  <c r="D8377" i="2" s="1"/>
  <c r="D8378" i="2" a="1"/>
  <c r="D8378" i="2" s="1"/>
  <c r="D8370" i="2" a="1"/>
  <c r="D8370" i="2" s="1"/>
  <c r="D8366" i="2" a="1"/>
  <c r="D8366" i="2" s="1"/>
  <c r="D8374" i="2" a="1"/>
  <c r="D8374" i="2" s="1"/>
  <c r="D8363" i="2" a="1"/>
  <c r="D8363" i="2" s="1"/>
  <c r="D8382" i="2" a="1"/>
  <c r="D8382" i="2" s="1"/>
  <c r="D8371" i="2" a="1"/>
  <c r="D8371" i="2" s="1"/>
  <c r="D8383" i="2" a="1"/>
  <c r="D8383" i="2" s="1"/>
  <c r="D8364" i="2" a="1"/>
  <c r="D8364" i="2" s="1"/>
  <c r="D8376" i="2" a="1"/>
  <c r="D8376" i="2" s="1"/>
  <c r="D8380" i="2" a="1"/>
  <c r="D8380" i="2" s="1"/>
  <c r="D8384" i="2" a="1"/>
  <c r="D8384" i="2" s="1"/>
  <c r="D8367" i="2" a="1"/>
  <c r="D8367" i="2" s="1"/>
  <c r="D8375" i="2" a="1"/>
  <c r="D8375" i="2" s="1"/>
  <c r="D8379" i="2" a="1"/>
  <c r="D8379" i="2" s="1"/>
  <c r="D8368" i="2" a="1"/>
  <c r="D8368" i="2" s="1"/>
  <c r="D8373" i="2" a="1"/>
  <c r="D8373" i="2" s="1"/>
  <c r="G759" i="2" a="1"/>
  <c r="G759" i="2" s="1"/>
  <c r="G764" i="2" a="1"/>
  <c r="G764" i="2" s="1"/>
  <c r="G777" i="2" a="1"/>
  <c r="G777" i="2" s="1"/>
  <c r="G763" i="2" a="1"/>
  <c r="G763" i="2" s="1"/>
  <c r="G755" i="2" a="1"/>
  <c r="G755" i="2" s="1"/>
  <c r="G760" i="2" a="1"/>
  <c r="G760" i="2" s="1"/>
  <c r="G769" i="2" a="1"/>
  <c r="G769" i="2" s="1"/>
  <c r="G762" i="2" a="1"/>
  <c r="G762" i="2" s="1"/>
  <c r="H7291" i="2" a="1"/>
  <c r="H7291" i="2" s="1"/>
  <c r="H7299" i="2" a="1"/>
  <c r="H7299" i="2" s="1"/>
  <c r="H7284" i="2" a="1"/>
  <c r="H7284" i="2" s="1"/>
  <c r="H7288" i="2" a="1"/>
  <c r="H7288" i="2" s="1"/>
  <c r="H7295" i="2" a="1"/>
  <c r="H7295" i="2" s="1"/>
  <c r="H7282" i="2" a="1"/>
  <c r="H7282" i="2" s="1"/>
  <c r="H7305" i="2" a="1"/>
  <c r="H7305" i="2" s="1"/>
  <c r="H7293" i="2" a="1"/>
  <c r="H7293" i="2" s="1"/>
  <c r="H7283" i="2" a="1"/>
  <c r="H7283" i="2" s="1"/>
  <c r="H7289" i="2" a="1"/>
  <c r="H7289" i="2" s="1"/>
  <c r="H7302" i="2" a="1"/>
  <c r="H7302" i="2" s="1"/>
  <c r="H7300" i="2" a="1"/>
  <c r="H7300" i="2" s="1"/>
  <c r="H7294" i="2" a="1"/>
  <c r="H7294" i="2" s="1"/>
  <c r="H7287" i="2" a="1"/>
  <c r="H7287" i="2" s="1"/>
  <c r="H7298" i="2" a="1"/>
  <c r="H7298" i="2" s="1"/>
  <c r="F8117" i="2" a="1"/>
  <c r="F8117" i="2" s="1"/>
  <c r="F8110" i="2" a="1"/>
  <c r="F8110" i="2" s="1"/>
  <c r="F8106" i="2" a="1"/>
  <c r="F8106" i="2" s="1"/>
  <c r="F8108" i="2" a="1"/>
  <c r="F8108" i="2" s="1"/>
  <c r="F8102" i="2" a="1"/>
  <c r="F8102" i="2" s="1"/>
  <c r="F8113" i="2" a="1"/>
  <c r="F8113" i="2" s="1"/>
  <c r="D8435" i="2" a="1"/>
  <c r="D8435" i="2" s="1"/>
  <c r="D8442" i="2" a="1"/>
  <c r="D8442" i="2" s="1"/>
  <c r="D8441" i="2" a="1"/>
  <c r="D8441" i="2" s="1"/>
  <c r="D8438" i="2" a="1"/>
  <c r="D8438" i="2" s="1"/>
  <c r="D8445" i="2" a="1"/>
  <c r="D8445" i="2" s="1"/>
  <c r="D8446" i="2" a="1"/>
  <c r="D8446" i="2" s="1"/>
  <c r="D8449" i="2" a="1"/>
  <c r="D8449" i="2" s="1"/>
  <c r="D8440" i="2" a="1"/>
  <c r="D8440" i="2" s="1"/>
  <c r="D8453" i="2" a="1"/>
  <c r="D8453" i="2" s="1"/>
  <c r="D8437" i="2" a="1"/>
  <c r="D8437" i="2" s="1"/>
  <c r="D8457" i="2" a="1"/>
  <c r="D8457" i="2" s="1"/>
  <c r="D8444" i="2" a="1"/>
  <c r="D8444" i="2" s="1"/>
  <c r="D8452" i="2" a="1"/>
  <c r="D8452" i="2" s="1"/>
  <c r="D8436" i="2" a="1"/>
  <c r="D8436" i="2" s="1"/>
  <c r="D3236" i="2" a="1"/>
  <c r="D3236" i="2" s="1"/>
  <c r="D3240" i="2" a="1"/>
  <c r="D3240" i="2" s="1"/>
  <c r="D3245" i="2" a="1"/>
  <c r="D3245" i="2" s="1"/>
  <c r="D3244" i="2" a="1"/>
  <c r="D3244" i="2" s="1"/>
  <c r="D3231" i="2" a="1"/>
  <c r="D3231" i="2" s="1"/>
  <c r="D3235" i="2" a="1"/>
  <c r="D3235" i="2" s="1"/>
  <c r="D3233" i="2" a="1"/>
  <c r="D3233" i="2" s="1"/>
  <c r="D3237" i="2" a="1"/>
  <c r="D3237" i="2" s="1"/>
  <c r="D3241" i="2" a="1"/>
  <c r="D3241" i="2" s="1"/>
  <c r="D3249" i="2" a="1"/>
  <c r="D3249" i="2" s="1"/>
  <c r="D3226" i="2" a="1"/>
  <c r="D3226" i="2" s="1"/>
  <c r="D3228" i="2" a="1"/>
  <c r="D3228" i="2" s="1"/>
  <c r="D3227" i="2" a="1"/>
  <c r="D3227" i="2" s="1"/>
  <c r="D3239" i="2" a="1"/>
  <c r="D3239" i="2" s="1"/>
  <c r="D3246" i="2" a="1"/>
  <c r="D3246" i="2" s="1"/>
  <c r="D3229" i="2" a="1"/>
  <c r="D3229" i="2" s="1"/>
  <c r="D3243" i="2" a="1"/>
  <c r="D3243" i="2" s="1"/>
  <c r="D3247" i="2" a="1"/>
  <c r="D3247" i="2" s="1"/>
  <c r="D3232" i="2" a="1"/>
  <c r="D3232" i="2" s="1"/>
  <c r="D3234" i="2" a="1"/>
  <c r="D3234" i="2" s="1"/>
  <c r="D3238" i="2" a="1"/>
  <c r="D3238" i="2" s="1"/>
  <c r="D3242" i="2" a="1"/>
  <c r="D3242" i="2" s="1"/>
  <c r="D3248" i="2" a="1"/>
  <c r="D3248" i="2" s="1"/>
  <c r="D3230" i="2" a="1"/>
  <c r="D3230" i="2" s="1"/>
  <c r="E5301" i="2" a="1"/>
  <c r="E5301" i="2" s="1"/>
  <c r="E5297" i="2" a="1"/>
  <c r="E5297" i="2" s="1"/>
  <c r="E5291" i="2" a="1"/>
  <c r="E5291" i="2" s="1"/>
  <c r="E5306" i="2" a="1"/>
  <c r="E5306" i="2" s="1"/>
  <c r="E5290" i="2" a="1"/>
  <c r="E5290" i="2" s="1"/>
  <c r="E5309" i="2" a="1"/>
  <c r="E5309" i="2" s="1"/>
  <c r="E5293" i="2" a="1"/>
  <c r="E5293" i="2" s="1"/>
  <c r="E5310" i="2" a="1"/>
  <c r="E5310" i="2" s="1"/>
  <c r="D1645" i="2" a="1"/>
  <c r="D1645" i="2" s="1"/>
  <c r="D1650" i="2" a="1"/>
  <c r="D1650" i="2" s="1"/>
  <c r="D1655" i="2" a="1"/>
  <c r="D1655" i="2" s="1"/>
  <c r="D1659" i="2" a="1"/>
  <c r="D1659" i="2" s="1"/>
  <c r="D1648" i="2" a="1"/>
  <c r="D1648" i="2" s="1"/>
  <c r="D1660" i="2" a="1"/>
  <c r="D1660" i="2" s="1"/>
  <c r="D1665" i="2" a="1"/>
  <c r="D1665" i="2" s="1"/>
  <c r="D1643" i="2" a="1"/>
  <c r="D1643" i="2" s="1"/>
  <c r="D1646" i="2" a="1"/>
  <c r="D1646" i="2" s="1"/>
  <c r="D1275" i="2" a="1"/>
  <c r="D1275" i="2" s="1"/>
  <c r="D1268" i="2" a="1"/>
  <c r="D1268" i="2" s="1"/>
  <c r="D1265" i="2" a="1"/>
  <c r="D1265" i="2" s="1"/>
  <c r="D1260" i="2" a="1"/>
  <c r="D1260" i="2" s="1"/>
  <c r="D1269" i="2" a="1"/>
  <c r="D1269" i="2" s="1"/>
  <c r="G1474" i="2" a="1"/>
  <c r="G1474" i="2" s="1"/>
  <c r="G1495" i="2" a="1"/>
  <c r="G1495" i="2" s="1"/>
  <c r="G1493" i="2" a="1"/>
  <c r="G1493" i="2" s="1"/>
  <c r="G1496" i="2" a="1"/>
  <c r="G1496" i="2" s="1"/>
  <c r="G1487" i="2" a="1"/>
  <c r="G1487" i="2" s="1"/>
  <c r="G1475" i="2" a="1"/>
  <c r="G1475" i="2" s="1"/>
  <c r="G1480" i="2" a="1"/>
  <c r="G1480" i="2" s="1"/>
  <c r="G1490" i="2" a="1"/>
  <c r="G1490" i="2" s="1"/>
  <c r="G1492" i="2" a="1"/>
  <c r="G1492" i="2" s="1"/>
  <c r="G1488" i="2" a="1"/>
  <c r="G1488" i="2" s="1"/>
  <c r="G1485" i="2" a="1"/>
  <c r="G1485" i="2" s="1"/>
  <c r="G1494" i="2" a="1"/>
  <c r="G1494" i="2" s="1"/>
  <c r="G1486" i="2" a="1"/>
  <c r="G1486" i="2" s="1"/>
  <c r="G1497" i="2" a="1"/>
  <c r="G1497" i="2" s="1"/>
  <c r="G1478" i="2" a="1"/>
  <c r="G1478" i="2" s="1"/>
  <c r="G1489" i="2" a="1"/>
  <c r="G1489" i="2" s="1"/>
  <c r="G1476" i="2" a="1"/>
  <c r="G1476" i="2" s="1"/>
  <c r="G1484" i="2" a="1"/>
  <c r="G1484" i="2" s="1"/>
  <c r="G1481" i="2" a="1"/>
  <c r="G1481" i="2" s="1"/>
  <c r="G1477" i="2" a="1"/>
  <c r="G1477" i="2" s="1"/>
  <c r="E3098" i="2" a="1"/>
  <c r="E3098" i="2" s="1"/>
  <c r="E3084" i="2" a="1"/>
  <c r="E3084" i="2" s="1"/>
  <c r="E3083" i="2" a="1"/>
  <c r="E3083" i="2" s="1"/>
  <c r="E3103" i="2" a="1"/>
  <c r="E3103" i="2" s="1"/>
  <c r="E3099" i="2" a="1"/>
  <c r="E3099" i="2" s="1"/>
  <c r="E3105" i="2" a="1"/>
  <c r="E3105" i="2" s="1"/>
  <c r="E3100" i="2" a="1"/>
  <c r="E3100" i="2" s="1"/>
  <c r="E3082" i="2" a="1"/>
  <c r="E3082" i="2" s="1"/>
  <c r="E3104" i="2" a="1"/>
  <c r="E3104" i="2" s="1"/>
  <c r="E3090" i="2" a="1"/>
  <c r="E3090" i="2" s="1"/>
  <c r="E3086" i="2" a="1"/>
  <c r="E3086" i="2" s="1"/>
  <c r="E3097" i="2" a="1"/>
  <c r="E3097" i="2" s="1"/>
  <c r="E3093" i="2" a="1"/>
  <c r="E3093" i="2" s="1"/>
  <c r="E3094" i="2" a="1"/>
  <c r="E3094" i="2" s="1"/>
  <c r="E3095" i="2" a="1"/>
  <c r="E3095" i="2" s="1"/>
  <c r="E3096" i="2" a="1"/>
  <c r="E3096" i="2" s="1"/>
  <c r="E3092" i="2" a="1"/>
  <c r="E3092" i="2" s="1"/>
  <c r="E3091" i="2" a="1"/>
  <c r="E3091" i="2" s="1"/>
  <c r="E3087" i="2" a="1"/>
  <c r="E3087" i="2" s="1"/>
  <c r="E3089" i="2" a="1"/>
  <c r="E3089" i="2" s="1"/>
  <c r="E3085" i="2" a="1"/>
  <c r="E3085" i="2" s="1"/>
  <c r="E3101" i="2" a="1"/>
  <c r="E3101" i="2" s="1"/>
  <c r="E3102" i="2" a="1"/>
  <c r="E3102" i="2" s="1"/>
  <c r="E3088" i="2" a="1"/>
  <c r="E3088" i="2" s="1"/>
  <c r="D6885" i="2" a="1"/>
  <c r="D6885" i="2" s="1"/>
  <c r="D6879" i="2" a="1"/>
  <c r="D6879" i="2" s="1"/>
  <c r="D6888" i="2" a="1"/>
  <c r="D6888" i="2" s="1"/>
  <c r="D6874" i="2" a="1"/>
  <c r="D6874" i="2" s="1"/>
  <c r="D6895" i="2" a="1"/>
  <c r="D6895" i="2" s="1"/>
  <c r="D6890" i="2" a="1"/>
  <c r="D6890" i="2" s="1"/>
  <c r="D6891" i="2" a="1"/>
  <c r="D6891" i="2" s="1"/>
  <c r="D6896" i="2" a="1"/>
  <c r="D6896" i="2" s="1"/>
  <c r="D6880" i="2" a="1"/>
  <c r="D6880" i="2" s="1"/>
  <c r="D6892" i="2" a="1"/>
  <c r="D6892" i="2" s="1"/>
  <c r="D6881" i="2" a="1"/>
  <c r="D6881" i="2" s="1"/>
  <c r="D6878" i="2" a="1"/>
  <c r="D6878" i="2" s="1"/>
  <c r="D6883" i="2" a="1"/>
  <c r="D6883" i="2" s="1"/>
  <c r="D6894" i="2" a="1"/>
  <c r="D6894" i="2" s="1"/>
  <c r="D6886" i="2" a="1"/>
  <c r="D6886" i="2" s="1"/>
  <c r="AQ68" i="1"/>
  <c r="G74" i="5" s="1"/>
  <c r="AO68" i="1"/>
  <c r="E74" i="5" s="1"/>
  <c r="AN68" i="1"/>
  <c r="D74" i="5" s="1"/>
  <c r="E942" i="2" a="1"/>
  <c r="E942" i="2" s="1"/>
  <c r="E924" i="2" a="1"/>
  <c r="E924" i="2" s="1"/>
  <c r="E933" i="2" a="1"/>
  <c r="E933" i="2" s="1"/>
  <c r="E937" i="2" a="1"/>
  <c r="E937" i="2" s="1"/>
  <c r="E936" i="2" a="1"/>
  <c r="E936" i="2" s="1"/>
  <c r="E938" i="2" a="1"/>
  <c r="E938" i="2" s="1"/>
  <c r="E932" i="2" a="1"/>
  <c r="E932" i="2" s="1"/>
  <c r="E939" i="2" a="1"/>
  <c r="E939" i="2" s="1"/>
  <c r="E943" i="2" a="1"/>
  <c r="E943" i="2" s="1"/>
  <c r="E941" i="2" a="1"/>
  <c r="E941" i="2" s="1"/>
  <c r="E930" i="2" a="1"/>
  <c r="E930" i="2" s="1"/>
  <c r="E922" i="2" a="1"/>
  <c r="E922" i="2" s="1"/>
  <c r="E927" i="2" a="1"/>
  <c r="E927" i="2" s="1"/>
  <c r="E928" i="2" a="1"/>
  <c r="E928" i="2" s="1"/>
  <c r="E931" i="2" a="1"/>
  <c r="E931" i="2" s="1"/>
  <c r="E923" i="2" a="1"/>
  <c r="E923" i="2" s="1"/>
  <c r="E945" i="2" a="1"/>
  <c r="E945" i="2" s="1"/>
  <c r="E929" i="2" a="1"/>
  <c r="E929" i="2" s="1"/>
  <c r="E925" i="2" a="1"/>
  <c r="E925" i="2" s="1"/>
  <c r="E935" i="2" a="1"/>
  <c r="E935" i="2" s="1"/>
  <c r="E944" i="2" a="1"/>
  <c r="E944" i="2" s="1"/>
  <c r="E934" i="2" a="1"/>
  <c r="E934" i="2" s="1"/>
  <c r="E940" i="2" a="1"/>
  <c r="E940" i="2" s="1"/>
  <c r="E926" i="2" a="1"/>
  <c r="E926" i="2" s="1"/>
  <c r="H4162" i="2" a="1"/>
  <c r="H4162" i="2" s="1"/>
  <c r="H4184" i="2" a="1"/>
  <c r="H4184" i="2" s="1"/>
  <c r="H4175" i="2" a="1"/>
  <c r="H4175" i="2" s="1"/>
  <c r="H4183" i="2" a="1"/>
  <c r="H4183" i="2" s="1"/>
  <c r="H4166" i="2" a="1"/>
  <c r="H4166" i="2" s="1"/>
  <c r="H4177" i="2" a="1"/>
  <c r="H4177" i="2" s="1"/>
  <c r="H4170" i="2" a="1"/>
  <c r="H4170" i="2" s="1"/>
  <c r="H4176" i="2" a="1"/>
  <c r="H4176" i="2" s="1"/>
  <c r="H4171" i="2" a="1"/>
  <c r="H4171" i="2" s="1"/>
  <c r="H4182" i="2" a="1"/>
  <c r="H4182" i="2" s="1"/>
  <c r="H4172" i="2" a="1"/>
  <c r="H4172" i="2" s="1"/>
  <c r="H4163" i="2" a="1"/>
  <c r="H4163" i="2" s="1"/>
  <c r="H4178" i="2" a="1"/>
  <c r="H4178" i="2" s="1"/>
  <c r="H4179" i="2" a="1"/>
  <c r="H4179" i="2" s="1"/>
  <c r="H4168" i="2" a="1"/>
  <c r="H4168" i="2" s="1"/>
  <c r="E479" i="2" a="1"/>
  <c r="E479" i="2" s="1"/>
  <c r="E466" i="2" a="1"/>
  <c r="E466" i="2" s="1"/>
  <c r="E486" i="2" a="1"/>
  <c r="E486" i="2" s="1"/>
  <c r="E478" i="2" a="1"/>
  <c r="E478" i="2" s="1"/>
  <c r="E470" i="2" a="1"/>
  <c r="E470" i="2" s="1"/>
  <c r="E485" i="2" a="1"/>
  <c r="E485" i="2" s="1"/>
  <c r="E472" i="2" a="1"/>
  <c r="E472" i="2" s="1"/>
  <c r="E488" i="2" a="1"/>
  <c r="E488" i="2" s="1"/>
  <c r="E474" i="2" a="1"/>
  <c r="E474" i="2" s="1"/>
  <c r="E482" i="2" a="1"/>
  <c r="E482" i="2" s="1"/>
  <c r="E468" i="2" a="1"/>
  <c r="E468" i="2" s="1"/>
  <c r="E469" i="2" a="1"/>
  <c r="E469" i="2" s="1"/>
  <c r="E476" i="2" a="1"/>
  <c r="E476" i="2" s="1"/>
  <c r="E480" i="2" a="1"/>
  <c r="E480" i="2" s="1"/>
  <c r="E484" i="2" a="1"/>
  <c r="E484" i="2" s="1"/>
  <c r="E475" i="2" a="1"/>
  <c r="E475" i="2" s="1"/>
  <c r="E477" i="2" a="1"/>
  <c r="E477" i="2" s="1"/>
  <c r="E473" i="2" a="1"/>
  <c r="E473" i="2" s="1"/>
  <c r="E467" i="2" a="1"/>
  <c r="E467" i="2" s="1"/>
  <c r="E471" i="2" a="1"/>
  <c r="E471" i="2" s="1"/>
  <c r="E489" i="2" a="1"/>
  <c r="E489" i="2" s="1"/>
  <c r="E481" i="2" a="1"/>
  <c r="E481" i="2" s="1"/>
  <c r="E487" i="2" a="1"/>
  <c r="E487" i="2" s="1"/>
  <c r="E483" i="2" a="1"/>
  <c r="E483" i="2" s="1"/>
  <c r="F8416" i="2" a="1"/>
  <c r="F8416" i="2" s="1"/>
  <c r="F8426" i="2" a="1"/>
  <c r="F8426" i="2" s="1"/>
  <c r="F8421" i="2" a="1"/>
  <c r="F8421" i="2" s="1"/>
  <c r="F8412" i="2" a="1"/>
  <c r="F8412" i="2" s="1"/>
  <c r="F8419" i="2" a="1"/>
  <c r="F8419" i="2" s="1"/>
  <c r="F8420" i="2" a="1"/>
  <c r="F8420" i="2" s="1"/>
  <c r="F8415" i="2" a="1"/>
  <c r="F8415" i="2" s="1"/>
  <c r="F8425" i="2" a="1"/>
  <c r="F8425" i="2" s="1"/>
  <c r="F8417" i="2" a="1"/>
  <c r="F8417" i="2" s="1"/>
  <c r="F8428" i="2" a="1"/>
  <c r="F8428" i="2" s="1"/>
  <c r="F8427" i="2" a="1"/>
  <c r="F8427" i="2" s="1"/>
  <c r="F8414" i="2" a="1"/>
  <c r="F8414" i="2" s="1"/>
  <c r="F8432" i="2" a="1"/>
  <c r="F8432" i="2" s="1"/>
  <c r="F8431" i="2" a="1"/>
  <c r="F8431" i="2" s="1"/>
  <c r="F8424" i="2" a="1"/>
  <c r="F8424" i="2" s="1"/>
  <c r="F8422" i="2" a="1"/>
  <c r="F8422" i="2" s="1"/>
  <c r="F8429" i="2" a="1"/>
  <c r="F8429" i="2" s="1"/>
  <c r="F8418" i="2" a="1"/>
  <c r="F8418" i="2" s="1"/>
  <c r="F8410" i="2" a="1"/>
  <c r="F8410" i="2" s="1"/>
  <c r="F8413" i="2" a="1"/>
  <c r="F8413" i="2" s="1"/>
  <c r="F8411" i="2" a="1"/>
  <c r="F8411" i="2" s="1"/>
  <c r="F8423" i="2" a="1"/>
  <c r="F8423" i="2" s="1"/>
  <c r="F8430" i="2" a="1"/>
  <c r="F8430" i="2" s="1"/>
  <c r="E1253" i="2" a="1"/>
  <c r="E1253" i="2" s="1"/>
  <c r="E1235" i="2" a="1"/>
  <c r="E1235" i="2" s="1"/>
  <c r="E1234" i="2" a="1"/>
  <c r="E1234" i="2" s="1"/>
  <c r="E1257" i="2" a="1"/>
  <c r="E1257" i="2" s="1"/>
  <c r="E1238" i="2" a="1"/>
  <c r="E1238" i="2" s="1"/>
  <c r="E1237" i="2" a="1"/>
  <c r="E1237" i="2" s="1"/>
  <c r="E1254" i="2" a="1"/>
  <c r="E1254" i="2" s="1"/>
  <c r="E1252" i="2" a="1"/>
  <c r="E1252" i="2" s="1"/>
  <c r="E1246" i="2" a="1"/>
  <c r="E1246" i="2" s="1"/>
  <c r="E1239" i="2" a="1"/>
  <c r="E1239" i="2" s="1"/>
  <c r="E1236" i="2" a="1"/>
  <c r="E1236" i="2" s="1"/>
  <c r="E1240" i="2" a="1"/>
  <c r="E1240" i="2" s="1"/>
  <c r="E1242" i="2" a="1"/>
  <c r="E1242" i="2" s="1"/>
  <c r="E1241" i="2" a="1"/>
  <c r="E1241" i="2" s="1"/>
  <c r="E1250" i="2" a="1"/>
  <c r="E1250" i="2" s="1"/>
  <c r="E1256" i="2" a="1"/>
  <c r="E1256" i="2" s="1"/>
  <c r="E1255" i="2" a="1"/>
  <c r="E1255" i="2" s="1"/>
  <c r="E1243" i="2" a="1"/>
  <c r="E1243" i="2" s="1"/>
  <c r="E1251" i="2" a="1"/>
  <c r="E1251" i="2" s="1"/>
  <c r="E1249" i="2" a="1"/>
  <c r="E1249" i="2" s="1"/>
  <c r="F8385" i="2" a="1"/>
  <c r="F8385" i="2" s="1"/>
  <c r="F8383" i="2" a="1"/>
  <c r="F8383" i="2" s="1"/>
  <c r="F8379" i="2" a="1"/>
  <c r="F8379" i="2" s="1"/>
  <c r="F8377" i="2" a="1"/>
  <c r="F8377" i="2" s="1"/>
  <c r="F8368" i="2" a="1"/>
  <c r="F8368" i="2" s="1"/>
  <c r="F8373" i="2" a="1"/>
  <c r="F8373" i="2" s="1"/>
  <c r="F8370" i="2" a="1"/>
  <c r="F8370" i="2" s="1"/>
  <c r="F8374" i="2" a="1"/>
  <c r="F8374" i="2" s="1"/>
  <c r="F8362" i="2" a="1"/>
  <c r="F8362" i="2" s="1"/>
  <c r="F8378" i="2" a="1"/>
  <c r="F8378" i="2" s="1"/>
  <c r="F8371" i="2" a="1"/>
  <c r="F8371" i="2" s="1"/>
  <c r="F8372" i="2" a="1"/>
  <c r="F8372" i="2" s="1"/>
  <c r="F8365" i="2" a="1"/>
  <c r="F8365" i="2" s="1"/>
  <c r="F8366" i="2" a="1"/>
  <c r="F8366" i="2" s="1"/>
  <c r="F8384" i="2" a="1"/>
  <c r="F8384" i="2" s="1"/>
  <c r="F8375" i="2" a="1"/>
  <c r="F8375" i="2" s="1"/>
  <c r="F2463" i="2" a="1"/>
  <c r="F2463" i="2" s="1"/>
  <c r="F2474" i="2" a="1"/>
  <c r="F2474" i="2" s="1"/>
  <c r="F2481" i="2" a="1"/>
  <c r="F2481" i="2" s="1"/>
  <c r="F2468" i="2" a="1"/>
  <c r="F2468" i="2" s="1"/>
  <c r="F2464" i="2" a="1"/>
  <c r="F2464" i="2" s="1"/>
  <c r="F2465" i="2" a="1"/>
  <c r="F2465" i="2" s="1"/>
  <c r="F2460" i="2" a="1"/>
  <c r="F2460" i="2" s="1"/>
  <c r="F2469" i="2" a="1"/>
  <c r="F2469" i="2" s="1"/>
  <c r="F2472" i="2" a="1"/>
  <c r="F2472" i="2" s="1"/>
  <c r="F2475" i="2" a="1"/>
  <c r="F2475" i="2" s="1"/>
  <c r="F2467" i="2" a="1"/>
  <c r="F2467" i="2" s="1"/>
  <c r="F2458" i="2" a="1"/>
  <c r="F2458" i="2" s="1"/>
  <c r="F2479" i="2" a="1"/>
  <c r="F2479" i="2" s="1"/>
  <c r="F2471" i="2" a="1"/>
  <c r="F2471" i="2" s="1"/>
  <c r="F2477" i="2" a="1"/>
  <c r="F2477" i="2" s="1"/>
  <c r="F2473" i="2" a="1"/>
  <c r="F2473" i="2" s="1"/>
  <c r="F2480" i="2" a="1"/>
  <c r="F2480" i="2" s="1"/>
  <c r="F2466" i="2" a="1"/>
  <c r="F2466" i="2" s="1"/>
  <c r="F2462" i="2" a="1"/>
  <c r="F2462" i="2" s="1"/>
  <c r="F2476" i="2" a="1"/>
  <c r="F2476" i="2" s="1"/>
  <c r="F2459" i="2" a="1"/>
  <c r="F2459" i="2" s="1"/>
  <c r="F2478" i="2" a="1"/>
  <c r="F2478" i="2" s="1"/>
  <c r="F2470" i="2" a="1"/>
  <c r="F2470" i="2" s="1"/>
  <c r="D446" i="2" a="1"/>
  <c r="D446" i="2" s="1"/>
  <c r="AQ19" i="1"/>
  <c r="G25" i="5" s="1"/>
  <c r="D450" i="2" a="1"/>
  <c r="D450" i="2" s="1"/>
  <c r="AN19" i="1"/>
  <c r="D25" i="5" s="1"/>
  <c r="D442" i="2" a="1"/>
  <c r="D442" i="2" s="1"/>
  <c r="AO19" i="1"/>
  <c r="E25" i="5" s="1"/>
  <c r="D454" i="2" a="1"/>
  <c r="D454" i="2" s="1"/>
  <c r="AP19" i="1"/>
  <c r="D462" i="2" a="1"/>
  <c r="D462" i="2" s="1"/>
  <c r="D460" i="2" a="1"/>
  <c r="D460" i="2" s="1"/>
  <c r="D449" i="2" a="1"/>
  <c r="D449" i="2" s="1"/>
  <c r="D464" i="2" a="1"/>
  <c r="D464" i="2" s="1"/>
  <c r="D453" i="2" a="1"/>
  <c r="D453" i="2" s="1"/>
  <c r="D444" i="2" a="1"/>
  <c r="D444" i="2" s="1"/>
  <c r="D443" i="2" a="1"/>
  <c r="D443" i="2" s="1"/>
  <c r="K443" i="2" s="1"/>
  <c r="K417" i="5" s="1"/>
  <c r="D451" i="2" a="1"/>
  <c r="D451" i="2" s="1"/>
  <c r="D456" i="2" a="1"/>
  <c r="D456" i="2" s="1"/>
  <c r="D465" i="2" a="1"/>
  <c r="D465" i="2" s="1"/>
  <c r="D463" i="2" a="1"/>
  <c r="D463" i="2" s="1"/>
  <c r="D445" i="2" a="1"/>
  <c r="D445" i="2" s="1"/>
  <c r="D447" i="2" a="1"/>
  <c r="D447" i="2" s="1"/>
  <c r="AM19" i="1"/>
  <c r="C25" i="5" s="1"/>
  <c r="D459" i="2" a="1"/>
  <c r="D459" i="2" s="1"/>
  <c r="D458" i="2" a="1"/>
  <c r="D458" i="2" s="1"/>
  <c r="D457" i="2" a="1"/>
  <c r="D457" i="2" s="1"/>
  <c r="D461" i="2" a="1"/>
  <c r="D461" i="2" s="1"/>
  <c r="D448" i="2" a="1"/>
  <c r="D448" i="2" s="1"/>
  <c r="D452" i="2" a="1"/>
  <c r="D452" i="2" s="1"/>
  <c r="F3846" i="2" a="1"/>
  <c r="F3846" i="2" s="1"/>
  <c r="F3834" i="2" a="1"/>
  <c r="F3834" i="2" s="1"/>
  <c r="F3849" i="2" a="1"/>
  <c r="F3849" i="2" s="1"/>
  <c r="F3835" i="2" a="1"/>
  <c r="F3835" i="2" s="1"/>
  <c r="F3828" i="2" a="1"/>
  <c r="F3828" i="2" s="1"/>
  <c r="F3836" i="2" a="1"/>
  <c r="F3836" i="2" s="1"/>
  <c r="F3845" i="2" a="1"/>
  <c r="F3845" i="2" s="1"/>
  <c r="F3837" i="2" a="1"/>
  <c r="F3837" i="2" s="1"/>
  <c r="F3826" i="2" a="1"/>
  <c r="F3826" i="2" s="1"/>
  <c r="F3838" i="2" a="1"/>
  <c r="F3838" i="2" s="1"/>
  <c r="F3830" i="2" a="1"/>
  <c r="F3830" i="2" s="1"/>
  <c r="F3847" i="2" a="1"/>
  <c r="F3847" i="2" s="1"/>
  <c r="F3832" i="2" a="1"/>
  <c r="F3832" i="2" s="1"/>
  <c r="F3848" i="2" a="1"/>
  <c r="F3848" i="2" s="1"/>
  <c r="F3841" i="2" a="1"/>
  <c r="F3841" i="2" s="1"/>
  <c r="F3844" i="2" a="1"/>
  <c r="F3844" i="2" s="1"/>
  <c r="F3829" i="2" a="1"/>
  <c r="F3829" i="2" s="1"/>
  <c r="F3833" i="2" a="1"/>
  <c r="F3833" i="2" s="1"/>
  <c r="F3842" i="2" a="1"/>
  <c r="F3842" i="2" s="1"/>
  <c r="F3827" i="2" a="1"/>
  <c r="F3827" i="2" s="1"/>
  <c r="F3843" i="2" a="1"/>
  <c r="F3843" i="2" s="1"/>
  <c r="F3839" i="2" a="1"/>
  <c r="F3839" i="2" s="1"/>
  <c r="F3840" i="2" a="1"/>
  <c r="F3840" i="2" s="1"/>
  <c r="F3831" i="2" a="1"/>
  <c r="F3831" i="2" s="1"/>
  <c r="F2684" i="2" a="1"/>
  <c r="F2684" i="2" s="1"/>
  <c r="F2681" i="2" a="1"/>
  <c r="F2681" i="2" s="1"/>
  <c r="F2682" i="2" a="1"/>
  <c r="F2682" i="2" s="1"/>
  <c r="F2692" i="2" a="1"/>
  <c r="F2692" i="2" s="1"/>
  <c r="F2688" i="2" a="1"/>
  <c r="F2688" i="2" s="1"/>
  <c r="F2689" i="2" a="1"/>
  <c r="F2689" i="2" s="1"/>
  <c r="F2696" i="2" a="1"/>
  <c r="F2696" i="2" s="1"/>
  <c r="F2677" i="2" a="1"/>
  <c r="F2677" i="2" s="1"/>
  <c r="F2686" i="2" a="1"/>
  <c r="F2686" i="2" s="1"/>
  <c r="F2690" i="2" a="1"/>
  <c r="F2690" i="2" s="1"/>
  <c r="F2683" i="2" a="1"/>
  <c r="F2683" i="2" s="1"/>
  <c r="F2675" i="2" a="1"/>
  <c r="F2675" i="2" s="1"/>
  <c r="F2679" i="2" a="1"/>
  <c r="F2679" i="2" s="1"/>
  <c r="F2687" i="2" a="1"/>
  <c r="F2687" i="2" s="1"/>
  <c r="F2691" i="2" a="1"/>
  <c r="F2691" i="2" s="1"/>
  <c r="F2678" i="2" a="1"/>
  <c r="F2678" i="2" s="1"/>
  <c r="F2694" i="2" a="1"/>
  <c r="F2694" i="2" s="1"/>
  <c r="F2676" i="2" a="1"/>
  <c r="F2676" i="2" s="1"/>
  <c r="F2695" i="2" a="1"/>
  <c r="F2695" i="2" s="1"/>
  <c r="F2680" i="2" a="1"/>
  <c r="F2680" i="2" s="1"/>
  <c r="F2685" i="2" a="1"/>
  <c r="F2685" i="2" s="1"/>
  <c r="G8307" i="2" a="1"/>
  <c r="G8307" i="2" s="1"/>
  <c r="G8303" i="2" a="1"/>
  <c r="G8303" i="2" s="1"/>
  <c r="G8309" i="2" a="1"/>
  <c r="G8309" i="2" s="1"/>
  <c r="G8295" i="2" a="1"/>
  <c r="G8295" i="2" s="1"/>
  <c r="G8306" i="2" a="1"/>
  <c r="G8306" i="2" s="1"/>
  <c r="G8294" i="2" a="1"/>
  <c r="G8294" i="2" s="1"/>
  <c r="G8291" i="2" a="1"/>
  <c r="G8291" i="2" s="1"/>
  <c r="G8310" i="2" a="1"/>
  <c r="G8310" i="2" s="1"/>
  <c r="G8292" i="2" a="1"/>
  <c r="G8292" i="2" s="1"/>
  <c r="G8301" i="2" a="1"/>
  <c r="G8301" i="2" s="1"/>
  <c r="G8313" i="2" a="1"/>
  <c r="G8313" i="2" s="1"/>
  <c r="G8297" i="2" a="1"/>
  <c r="G8297" i="2" s="1"/>
  <c r="G8300" i="2" a="1"/>
  <c r="G8300" i="2" s="1"/>
  <c r="G8304" i="2" a="1"/>
  <c r="G8304" i="2" s="1"/>
  <c r="G8311" i="2" a="1"/>
  <c r="G8311" i="2" s="1"/>
  <c r="G8302" i="2" a="1"/>
  <c r="G8302" i="2" s="1"/>
  <c r="G8293" i="2" a="1"/>
  <c r="G8293" i="2" s="1"/>
  <c r="G8312" i="2" a="1"/>
  <c r="G8312" i="2" s="1"/>
  <c r="G8298" i="2" a="1"/>
  <c r="G8298" i="2" s="1"/>
  <c r="G8290" i="2" a="1"/>
  <c r="G8290" i="2" s="1"/>
  <c r="G8299" i="2" a="1"/>
  <c r="G8299" i="2" s="1"/>
  <c r="G8305" i="2" a="1"/>
  <c r="G8305" i="2" s="1"/>
  <c r="G8308" i="2" a="1"/>
  <c r="G8308" i="2" s="1"/>
  <c r="F574" i="2" a="1"/>
  <c r="F574" i="2" s="1"/>
  <c r="F576" i="2" a="1"/>
  <c r="F576" i="2" s="1"/>
  <c r="F582" i="2" a="1"/>
  <c r="F582" i="2" s="1"/>
  <c r="F563" i="2" a="1"/>
  <c r="F563" i="2" s="1"/>
  <c r="F562" i="2" a="1"/>
  <c r="F562" i="2" s="1"/>
  <c r="F579" i="2" a="1"/>
  <c r="F579" i="2" s="1"/>
  <c r="F583" i="2" a="1"/>
  <c r="F583" i="2" s="1"/>
  <c r="F565" i="2" a="1"/>
  <c r="F565" i="2" s="1"/>
  <c r="F575" i="2" a="1"/>
  <c r="F575" i="2" s="1"/>
  <c r="F584" i="2" a="1"/>
  <c r="F584" i="2" s="1"/>
  <c r="F585" i="2" a="1"/>
  <c r="F585" i="2" s="1"/>
  <c r="F564" i="2" a="1"/>
  <c r="F564" i="2" s="1"/>
  <c r="F569" i="2" a="1"/>
  <c r="F569" i="2" s="1"/>
  <c r="F566" i="2" a="1"/>
  <c r="F566" i="2" s="1"/>
  <c r="F570" i="2" a="1"/>
  <c r="F570" i="2" s="1"/>
  <c r="F577" i="2" a="1"/>
  <c r="F577" i="2" s="1"/>
  <c r="H1896" i="2" a="1"/>
  <c r="H1896" i="2" s="1"/>
  <c r="H1888" i="2" a="1"/>
  <c r="H1888" i="2" s="1"/>
  <c r="H1891" i="2" a="1"/>
  <c r="H1891" i="2" s="1"/>
  <c r="H1897" i="2" a="1"/>
  <c r="H1897" i="2" s="1"/>
  <c r="H1885" i="2" a="1"/>
  <c r="H1885" i="2" s="1"/>
  <c r="H1895" i="2" a="1"/>
  <c r="H1895" i="2" s="1"/>
  <c r="H1882" i="2" a="1"/>
  <c r="H1882" i="2" s="1"/>
  <c r="H1893" i="2" a="1"/>
  <c r="H1893" i="2" s="1"/>
  <c r="H1894" i="2" a="1"/>
  <c r="H1894" i="2" s="1"/>
  <c r="H1883" i="2" a="1"/>
  <c r="H1883" i="2" s="1"/>
  <c r="H1884" i="2" a="1"/>
  <c r="H1884" i="2" s="1"/>
  <c r="H1901" i="2" a="1"/>
  <c r="H1901" i="2" s="1"/>
  <c r="H1886" i="2" a="1"/>
  <c r="H1886" i="2" s="1"/>
  <c r="H1905" i="2" a="1"/>
  <c r="H1905" i="2" s="1"/>
  <c r="H1903" i="2" a="1"/>
  <c r="H1903" i="2" s="1"/>
  <c r="H1898" i="2" a="1"/>
  <c r="H1898" i="2" s="1"/>
  <c r="H1899" i="2" a="1"/>
  <c r="H1899" i="2" s="1"/>
  <c r="H1892" i="2" a="1"/>
  <c r="H1892" i="2" s="1"/>
  <c r="H1904" i="2" a="1"/>
  <c r="H1904" i="2" s="1"/>
  <c r="H1887" i="2" a="1"/>
  <c r="H1887" i="2" s="1"/>
  <c r="H1889" i="2" a="1"/>
  <c r="H1889" i="2" s="1"/>
  <c r="H1900" i="2" a="1"/>
  <c r="H1900" i="2" s="1"/>
  <c r="E4183" i="2" a="1"/>
  <c r="E4183" i="2" s="1"/>
  <c r="E4170" i="2" a="1"/>
  <c r="E4170" i="2" s="1"/>
  <c r="E4178" i="2" a="1"/>
  <c r="E4178" i="2" s="1"/>
  <c r="E4177" i="2" a="1"/>
  <c r="E4177" i="2" s="1"/>
  <c r="E4180" i="2" a="1"/>
  <c r="E4180" i="2" s="1"/>
  <c r="E4179" i="2" a="1"/>
  <c r="E4179" i="2" s="1"/>
  <c r="E4175" i="2" a="1"/>
  <c r="E4175" i="2" s="1"/>
  <c r="E4173" i="2" a="1"/>
  <c r="E4173" i="2" s="1"/>
  <c r="E4164" i="2" a="1"/>
  <c r="E4164" i="2" s="1"/>
  <c r="J4164" i="2" s="1"/>
  <c r="J4138" i="5" s="1"/>
  <c r="N4138" i="5" s="1"/>
  <c r="E4171" i="2" a="1"/>
  <c r="E4171" i="2" s="1"/>
  <c r="E4167" i="2" a="1"/>
  <c r="E4167" i="2" s="1"/>
  <c r="E4181" i="2" a="1"/>
  <c r="E4181" i="2" s="1"/>
  <c r="J4181" i="2" s="1"/>
  <c r="J4155" i="5" s="1"/>
  <c r="N4155" i="5" s="1"/>
  <c r="E4162" i="2" a="1"/>
  <c r="E4162" i="2" s="1"/>
  <c r="E4163" i="2" a="1"/>
  <c r="E4163" i="2" s="1"/>
  <c r="E4174" i="2" a="1"/>
  <c r="E4174" i="2" s="1"/>
  <c r="J4174" i="2" s="1"/>
  <c r="J4148" i="5" s="1"/>
  <c r="N4148" i="5" s="1"/>
  <c r="E4168" i="2" a="1"/>
  <c r="E4168" i="2" s="1"/>
  <c r="E4169" i="2" a="1"/>
  <c r="E4169" i="2" s="1"/>
  <c r="E4166" i="2" a="1"/>
  <c r="E4166" i="2" s="1"/>
  <c r="E4172" i="2" a="1"/>
  <c r="E4172" i="2" s="1"/>
  <c r="E4165" i="2" a="1"/>
  <c r="E4165" i="2" s="1"/>
  <c r="E4176" i="2" a="1"/>
  <c r="E4176" i="2" s="1"/>
  <c r="E4184" i="2" a="1"/>
  <c r="E4184" i="2" s="1"/>
  <c r="E4185" i="2" a="1"/>
  <c r="E4185" i="2" s="1"/>
  <c r="E7533" i="2" a="1"/>
  <c r="E7533" i="2" s="1"/>
  <c r="E7526" i="2" a="1"/>
  <c r="E7526" i="2" s="1"/>
  <c r="E7540" i="2" a="1"/>
  <c r="E7540" i="2" s="1"/>
  <c r="E7522" i="2" a="1"/>
  <c r="E7522" i="2" s="1"/>
  <c r="E7524" i="2" a="1"/>
  <c r="E7524" i="2" s="1"/>
  <c r="E7527" i="2" a="1"/>
  <c r="E7527" i="2" s="1"/>
  <c r="E7537" i="2" a="1"/>
  <c r="E7537" i="2" s="1"/>
  <c r="E7531" i="2" a="1"/>
  <c r="E7531" i="2" s="1"/>
  <c r="E7542" i="2" a="1"/>
  <c r="E7542" i="2" s="1"/>
  <c r="E7523" i="2" a="1"/>
  <c r="E7523" i="2" s="1"/>
  <c r="E7530" i="2" a="1"/>
  <c r="E7530" i="2" s="1"/>
  <c r="E7545" i="2" a="1"/>
  <c r="E7545" i="2" s="1"/>
  <c r="E7535" i="2" a="1"/>
  <c r="E7535" i="2" s="1"/>
  <c r="E7534" i="2" a="1"/>
  <c r="E7534" i="2" s="1"/>
  <c r="E7536" i="2" a="1"/>
  <c r="E7536" i="2" s="1"/>
  <c r="E7541" i="2" a="1"/>
  <c r="E7541" i="2" s="1"/>
  <c r="E7532" i="2" a="1"/>
  <c r="E7532" i="2" s="1"/>
  <c r="E7538" i="2" a="1"/>
  <c r="E7538" i="2" s="1"/>
  <c r="E7543" i="2" a="1"/>
  <c r="E7543" i="2" s="1"/>
  <c r="AQ314" i="1"/>
  <c r="G320" i="5" s="1"/>
  <c r="E7525" i="2" a="1"/>
  <c r="E7525" i="2" s="1"/>
  <c r="E7529" i="2" a="1"/>
  <c r="E7529" i="2" s="1"/>
  <c r="E7539" i="2" a="1"/>
  <c r="E7539" i="2" s="1"/>
  <c r="AN347" i="1"/>
  <c r="D353" i="5" s="1"/>
  <c r="D8326" i="2" a="1"/>
  <c r="D8326" i="2" s="1"/>
  <c r="AP347" i="1"/>
  <c r="F353" i="5" s="1"/>
  <c r="D8330" i="2" a="1"/>
  <c r="D8330" i="2" s="1"/>
  <c r="AO347" i="1"/>
  <c r="E353" i="5" s="1"/>
  <c r="D8334" i="2" a="1"/>
  <c r="D8334" i="2" s="1"/>
  <c r="AM347" i="1"/>
  <c r="D8337" i="2" a="1"/>
  <c r="D8337" i="2" s="1"/>
  <c r="D8327" i="2" a="1"/>
  <c r="D8327" i="2" s="1"/>
  <c r="D8318" i="2" a="1"/>
  <c r="D8318" i="2" s="1"/>
  <c r="D8316" i="2" a="1"/>
  <c r="D8316" i="2" s="1"/>
  <c r="D8328" i="2" a="1"/>
  <c r="D8328" i="2" s="1"/>
  <c r="D8332" i="2" a="1"/>
  <c r="D8332" i="2" s="1"/>
  <c r="D8315" i="2" a="1"/>
  <c r="D8315" i="2" s="1"/>
  <c r="D8319" i="2" a="1"/>
  <c r="D8319" i="2" s="1"/>
  <c r="D8320" i="2" a="1"/>
  <c r="D8320" i="2" s="1"/>
  <c r="D8336" i="2" a="1"/>
  <c r="D8336" i="2" s="1"/>
  <c r="D8314" i="2" a="1"/>
  <c r="D8314" i="2" s="1"/>
  <c r="D8329" i="2" a="1"/>
  <c r="D8329" i="2" s="1"/>
  <c r="D8322" i="2" a="1"/>
  <c r="D8322" i="2" s="1"/>
  <c r="D8317" i="2" a="1"/>
  <c r="D8317" i="2" s="1"/>
  <c r="D8321" i="2" a="1"/>
  <c r="D8321" i="2" s="1"/>
  <c r="D8333" i="2" a="1"/>
  <c r="D8333" i="2" s="1"/>
  <c r="AQ347" i="1"/>
  <c r="G353" i="5" s="1"/>
  <c r="D8331" i="2" a="1"/>
  <c r="D8331" i="2" s="1"/>
  <c r="D8335" i="2" a="1"/>
  <c r="D8335" i="2" s="1"/>
  <c r="D8323" i="2" a="1"/>
  <c r="D8323" i="2" s="1"/>
  <c r="D8325" i="2" a="1"/>
  <c r="D8325" i="2" s="1"/>
  <c r="E6441" i="2" a="1"/>
  <c r="E6441" i="2" s="1"/>
  <c r="E6423" i="2" a="1"/>
  <c r="E6423" i="2" s="1"/>
  <c r="E6431" i="2" a="1"/>
  <c r="E6431" i="2" s="1"/>
  <c r="E6426" i="2" a="1"/>
  <c r="E6426" i="2" s="1"/>
  <c r="E6427" i="2" a="1"/>
  <c r="E6427" i="2" s="1"/>
  <c r="E6424" i="2" a="1"/>
  <c r="E6424" i="2" s="1"/>
  <c r="G3429" i="2" a="1"/>
  <c r="G3429" i="2" s="1"/>
  <c r="G3440" i="2" a="1"/>
  <c r="G3440" i="2" s="1"/>
  <c r="G3436" i="2" a="1"/>
  <c r="G3436" i="2" s="1"/>
  <c r="G3418" i="2" a="1"/>
  <c r="G3418" i="2" s="1"/>
  <c r="G3437" i="2" a="1"/>
  <c r="G3437" i="2" s="1"/>
  <c r="G3420" i="2" a="1"/>
  <c r="G3420" i="2" s="1"/>
  <c r="G3427" i="2" a="1"/>
  <c r="G3427" i="2" s="1"/>
  <c r="G3419" i="2" a="1"/>
  <c r="G3419" i="2" s="1"/>
  <c r="G3438" i="2" a="1"/>
  <c r="G3438" i="2" s="1"/>
  <c r="G1608" i="2" a="1"/>
  <c r="G1608" i="2" s="1"/>
  <c r="G1598" i="2" a="1"/>
  <c r="G1598" i="2" s="1"/>
  <c r="G1616" i="2" a="1"/>
  <c r="G1616" i="2" s="1"/>
  <c r="G1617" i="2" a="1"/>
  <c r="G1617" i="2" s="1"/>
  <c r="G1602" i="2" a="1"/>
  <c r="G1602" i="2" s="1"/>
  <c r="G1595" i="2" a="1"/>
  <c r="G1595" i="2" s="1"/>
  <c r="G1615" i="2" a="1"/>
  <c r="G1615" i="2" s="1"/>
  <c r="G1601" i="2" a="1"/>
  <c r="G1601" i="2" s="1"/>
  <c r="G1599" i="2" a="1"/>
  <c r="G1599" i="2" s="1"/>
  <c r="G1606" i="2" a="1"/>
  <c r="G1606" i="2" s="1"/>
  <c r="G1604" i="2" a="1"/>
  <c r="G1604" i="2" s="1"/>
  <c r="G1607" i="2" a="1"/>
  <c r="G1607" i="2" s="1"/>
  <c r="G1611" i="2" a="1"/>
  <c r="G1611" i="2" s="1"/>
  <c r="G1613" i="2" a="1"/>
  <c r="G1613" i="2" s="1"/>
  <c r="G1594" i="2" a="1"/>
  <c r="G1594" i="2" s="1"/>
  <c r="G1603" i="2" a="1"/>
  <c r="G1603" i="2" s="1"/>
  <c r="G1596" i="2" a="1"/>
  <c r="G1596" i="2" s="1"/>
  <c r="G1600" i="2" a="1"/>
  <c r="G1600" i="2" s="1"/>
  <c r="G1609" i="2" a="1"/>
  <c r="G1609" i="2" s="1"/>
  <c r="H243" i="2" a="1"/>
  <c r="H243" i="2" s="1"/>
  <c r="H232" i="2" a="1"/>
  <c r="H232" i="2" s="1"/>
  <c r="H249" i="2" a="1"/>
  <c r="H249" i="2" s="1"/>
  <c r="H234" i="2" a="1"/>
  <c r="H234" i="2" s="1"/>
  <c r="H245" i="2" a="1"/>
  <c r="H245" i="2" s="1"/>
  <c r="H237" i="2" a="1"/>
  <c r="H237" i="2" s="1"/>
  <c r="H6668" i="2" a="1"/>
  <c r="H6668" i="2" s="1"/>
  <c r="H6664" i="2" a="1"/>
  <c r="H6664" i="2" s="1"/>
  <c r="H6658" i="2" a="1"/>
  <c r="H6658" i="2" s="1"/>
  <c r="H6676" i="2" a="1"/>
  <c r="H6676" i="2" s="1"/>
  <c r="H6675" i="2" a="1"/>
  <c r="H6675" i="2" s="1"/>
  <c r="H6665" i="2" a="1"/>
  <c r="H6665" i="2" s="1"/>
  <c r="H6673" i="2" a="1"/>
  <c r="H6673" i="2" s="1"/>
  <c r="H6678" i="2" a="1"/>
  <c r="H6678" i="2" s="1"/>
  <c r="H6662" i="2" a="1"/>
  <c r="H6662" i="2" s="1"/>
  <c r="H6677" i="2" a="1"/>
  <c r="H6677" i="2" s="1"/>
  <c r="H6670" i="2" a="1"/>
  <c r="H6670" i="2" s="1"/>
  <c r="H6661" i="2" a="1"/>
  <c r="H6661" i="2" s="1"/>
  <c r="H6669" i="2" a="1"/>
  <c r="H6669" i="2" s="1"/>
  <c r="H6666" i="2" a="1"/>
  <c r="H6666" i="2" s="1"/>
  <c r="H6660" i="2" a="1"/>
  <c r="H6660" i="2" s="1"/>
  <c r="H6667" i="2" a="1"/>
  <c r="H6667" i="2" s="1"/>
  <c r="H6672" i="2" a="1"/>
  <c r="H6672" i="2" s="1"/>
  <c r="H6681" i="2" a="1"/>
  <c r="H6681" i="2" s="1"/>
  <c r="H6680" i="2" a="1"/>
  <c r="H6680" i="2" s="1"/>
  <c r="H6659" i="2" a="1"/>
  <c r="H6659" i="2" s="1"/>
  <c r="H6663" i="2" a="1"/>
  <c r="H6663" i="2" s="1"/>
  <c r="H6679" i="2" a="1"/>
  <c r="H6679" i="2" s="1"/>
  <c r="H6671" i="2" a="1"/>
  <c r="H6671" i="2" s="1"/>
  <c r="H6674" i="2" a="1"/>
  <c r="H6674" i="2" s="1"/>
  <c r="E7738" i="2" a="1"/>
  <c r="E7738" i="2" s="1"/>
  <c r="E7747" i="2" a="1"/>
  <c r="E7747" i="2" s="1"/>
  <c r="E7745" i="2" a="1"/>
  <c r="E7745" i="2" s="1"/>
  <c r="E7760" i="2" a="1"/>
  <c r="E7760" i="2" s="1"/>
  <c r="E7742" i="2" a="1"/>
  <c r="E7742" i="2" s="1"/>
  <c r="E7755" i="2" a="1"/>
  <c r="E7755" i="2" s="1"/>
  <c r="E7759" i="2" a="1"/>
  <c r="E7759" i="2" s="1"/>
  <c r="E7758" i="2" a="1"/>
  <c r="E7758" i="2" s="1"/>
  <c r="E7749" i="2" a="1"/>
  <c r="E7749" i="2" s="1"/>
  <c r="E7753" i="2" a="1"/>
  <c r="E7753" i="2" s="1"/>
  <c r="E7746" i="2" a="1"/>
  <c r="E7746" i="2" s="1"/>
  <c r="E7761" i="2" a="1"/>
  <c r="E7761" i="2" s="1"/>
  <c r="E7741" i="2" a="1"/>
  <c r="E7741" i="2" s="1"/>
  <c r="E7756" i="2" a="1"/>
  <c r="E7756" i="2" s="1"/>
  <c r="E7757" i="2" a="1"/>
  <c r="E7757" i="2" s="1"/>
  <c r="E7739" i="2" a="1"/>
  <c r="E7739" i="2" s="1"/>
  <c r="E7744" i="2" a="1"/>
  <c r="E7744" i="2" s="1"/>
  <c r="E7752" i="2" a="1"/>
  <c r="E7752" i="2" s="1"/>
  <c r="E7750" i="2" a="1"/>
  <c r="E7750" i="2" s="1"/>
  <c r="E7754" i="2" a="1"/>
  <c r="E7754" i="2" s="1"/>
  <c r="E7743" i="2" a="1"/>
  <c r="E7743" i="2" s="1"/>
  <c r="E7751" i="2" a="1"/>
  <c r="E7751" i="2" s="1"/>
  <c r="E7740" i="2" a="1"/>
  <c r="E7740" i="2" s="1"/>
  <c r="E1753" i="2" a="1"/>
  <c r="E1753" i="2" s="1"/>
  <c r="E1738" i="2" a="1"/>
  <c r="E1738" i="2" s="1"/>
  <c r="AQ73" i="1"/>
  <c r="G79" i="5" s="1"/>
  <c r="E1757" i="2" a="1"/>
  <c r="E1757" i="2" s="1"/>
  <c r="E1761" i="2" a="1"/>
  <c r="E1761" i="2" s="1"/>
  <c r="AP73" i="1"/>
  <c r="F79" i="5" s="1"/>
  <c r="E1748" i="2" a="1"/>
  <c r="E1748" i="2" s="1"/>
  <c r="E1758" i="2" a="1"/>
  <c r="E1758" i="2" s="1"/>
  <c r="AO73" i="1"/>
  <c r="E79" i="5" s="1"/>
  <c r="E1743" i="2" a="1"/>
  <c r="E1743" i="2" s="1"/>
  <c r="AN73" i="1"/>
  <c r="D79" i="5" s="1"/>
  <c r="E1760" i="2" a="1"/>
  <c r="E1760" i="2" s="1"/>
  <c r="AM73" i="1"/>
  <c r="C79" i="5" s="1"/>
  <c r="E1750" i="2" a="1"/>
  <c r="E1750" i="2" s="1"/>
  <c r="D6171" i="2" a="1"/>
  <c r="D6171" i="2" s="1"/>
  <c r="D6173" i="2" a="1"/>
  <c r="D6173" i="2" s="1"/>
  <c r="D6159" i="2" a="1"/>
  <c r="D6159" i="2" s="1"/>
  <c r="D6169" i="2" a="1"/>
  <c r="D6169" i="2" s="1"/>
  <c r="D6174" i="2" a="1"/>
  <c r="D6174" i="2" s="1"/>
  <c r="D6156" i="2" a="1"/>
  <c r="D6156" i="2" s="1"/>
  <c r="D6168" i="2" a="1"/>
  <c r="D6168" i="2" s="1"/>
  <c r="D6157" i="2" a="1"/>
  <c r="D6157" i="2" s="1"/>
  <c r="D6160" i="2" a="1"/>
  <c r="D6160" i="2" s="1"/>
  <c r="D6172" i="2" a="1"/>
  <c r="D6172" i="2" s="1"/>
  <c r="D6176" i="2" a="1"/>
  <c r="D6176" i="2" s="1"/>
  <c r="D6166" i="2" a="1"/>
  <c r="D6166" i="2" s="1"/>
  <c r="D6170" i="2" a="1"/>
  <c r="D6170" i="2" s="1"/>
  <c r="D6175" i="2" a="1"/>
  <c r="D6175" i="2" s="1"/>
  <c r="D6162" i="2" a="1"/>
  <c r="D6162" i="2" s="1"/>
  <c r="D6164" i="2" a="1"/>
  <c r="D6164" i="2" s="1"/>
  <c r="F4423" i="2" a="1"/>
  <c r="F4423" i="2" s="1"/>
  <c r="F4420" i="2" a="1"/>
  <c r="F4420" i="2" s="1"/>
  <c r="F4413" i="2" a="1"/>
  <c r="F4413" i="2" s="1"/>
  <c r="F4403" i="2" a="1"/>
  <c r="F4403" i="2" s="1"/>
  <c r="F4410" i="2" a="1"/>
  <c r="F4410" i="2" s="1"/>
  <c r="F4417" i="2" a="1"/>
  <c r="F4417" i="2" s="1"/>
  <c r="G6895" i="2" a="1"/>
  <c r="G6895" i="2" s="1"/>
  <c r="G6876" i="2" a="1"/>
  <c r="G6876" i="2" s="1"/>
  <c r="G6886" i="2" a="1"/>
  <c r="G6886" i="2" s="1"/>
  <c r="G6894" i="2" a="1"/>
  <c r="G6894" i="2" s="1"/>
  <c r="G6890" i="2" a="1"/>
  <c r="G6890" i="2" s="1"/>
  <c r="G6884" i="2" a="1"/>
  <c r="G6884" i="2" s="1"/>
  <c r="G6879" i="2" a="1"/>
  <c r="G6879" i="2" s="1"/>
  <c r="G6882" i="2" a="1"/>
  <c r="G6882" i="2" s="1"/>
  <c r="G6883" i="2" a="1"/>
  <c r="G6883" i="2" s="1"/>
  <c r="G6887" i="2" a="1"/>
  <c r="G6887" i="2" s="1"/>
  <c r="G6880" i="2" a="1"/>
  <c r="G6880" i="2" s="1"/>
  <c r="G6891" i="2" a="1"/>
  <c r="G6891" i="2" s="1"/>
  <c r="G6877" i="2" a="1"/>
  <c r="G6877" i="2" s="1"/>
  <c r="G6885" i="2" a="1"/>
  <c r="G6885" i="2" s="1"/>
  <c r="G6888" i="2" a="1"/>
  <c r="G6888" i="2" s="1"/>
  <c r="G6875" i="2" a="1"/>
  <c r="G6875" i="2" s="1"/>
  <c r="G6881" i="2" a="1"/>
  <c r="G6881" i="2" s="1"/>
  <c r="E916" i="2" a="1"/>
  <c r="E916" i="2" s="1"/>
  <c r="E914" i="2" a="1"/>
  <c r="E914" i="2" s="1"/>
  <c r="E910" i="2" a="1"/>
  <c r="E910" i="2" s="1"/>
  <c r="E915" i="2" a="1"/>
  <c r="E915" i="2" s="1"/>
  <c r="E899" i="2" a="1"/>
  <c r="E899" i="2" s="1"/>
  <c r="E902" i="2" a="1"/>
  <c r="E902" i="2" s="1"/>
  <c r="E2159" i="2" a="1"/>
  <c r="E2159" i="2" s="1"/>
  <c r="E2158" i="2" a="1"/>
  <c r="E2158" i="2" s="1"/>
  <c r="E2162" i="2" a="1"/>
  <c r="E2162" i="2" s="1"/>
  <c r="E2165" i="2" a="1"/>
  <c r="E2165" i="2" s="1"/>
  <c r="E2166" i="2" a="1"/>
  <c r="E2166" i="2" s="1"/>
  <c r="E2147" i="2" a="1"/>
  <c r="E2147" i="2" s="1"/>
  <c r="E2146" i="2" a="1"/>
  <c r="E2146" i="2" s="1"/>
  <c r="E2151" i="2" a="1"/>
  <c r="E2151" i="2" s="1"/>
  <c r="E2155" i="2" a="1"/>
  <c r="E2155" i="2" s="1"/>
  <c r="E2156" i="2" a="1"/>
  <c r="E2156" i="2" s="1"/>
  <c r="E2148" i="2" a="1"/>
  <c r="E2148" i="2" s="1"/>
  <c r="E2149" i="2" a="1"/>
  <c r="E2149" i="2" s="1"/>
  <c r="E2153" i="2" a="1"/>
  <c r="E2153" i="2" s="1"/>
  <c r="E2163" i="2" a="1"/>
  <c r="E2163" i="2" s="1"/>
  <c r="E2167" i="2" a="1"/>
  <c r="E2167" i="2" s="1"/>
  <c r="E2169" i="2" a="1"/>
  <c r="E2169" i="2" s="1"/>
  <c r="E2154" i="2" a="1"/>
  <c r="E2154" i="2" s="1"/>
  <c r="E2157" i="2" a="1"/>
  <c r="E2157" i="2" s="1"/>
  <c r="E2161" i="2" a="1"/>
  <c r="E2161" i="2" s="1"/>
  <c r="E2164" i="2" a="1"/>
  <c r="E2164" i="2" s="1"/>
  <c r="E2152" i="2" a="1"/>
  <c r="E2152" i="2" s="1"/>
  <c r="E2160" i="2" a="1"/>
  <c r="E2160" i="2" s="1"/>
  <c r="E2150" i="2" a="1"/>
  <c r="E2150" i="2" s="1"/>
  <c r="H6486" i="2" a="1"/>
  <c r="H6486" i="2" s="1"/>
  <c r="H6483" i="2" a="1"/>
  <c r="H6483" i="2" s="1"/>
  <c r="H6474" i="2" a="1"/>
  <c r="H6474" i="2" s="1"/>
  <c r="H6477" i="2" a="1"/>
  <c r="H6477" i="2" s="1"/>
  <c r="H6487" i="2" a="1"/>
  <c r="H6487" i="2" s="1"/>
  <c r="H6481" i="2" a="1"/>
  <c r="H6481" i="2" s="1"/>
  <c r="D8657" i="2" a="1"/>
  <c r="D8657" i="2" s="1"/>
  <c r="D8653" i="2" a="1"/>
  <c r="D8653" i="2" s="1"/>
  <c r="D8661" i="2" a="1"/>
  <c r="D8661" i="2" s="1"/>
  <c r="D8669" i="2" a="1"/>
  <c r="D8669" i="2" s="1"/>
  <c r="D8652" i="2" a="1"/>
  <c r="D8652" i="2" s="1"/>
  <c r="D8651" i="2" a="1"/>
  <c r="D8651" i="2" s="1"/>
  <c r="D6410" i="2" a="1"/>
  <c r="D6410" i="2" s="1"/>
  <c r="D6402" i="2" a="1"/>
  <c r="D6402" i="2" s="1"/>
  <c r="D6414" i="2" a="1"/>
  <c r="D6414" i="2" s="1"/>
  <c r="D6413" i="2" a="1"/>
  <c r="D6413" i="2" s="1"/>
  <c r="D6407" i="2" a="1"/>
  <c r="D6407" i="2" s="1"/>
  <c r="D6400" i="2" a="1"/>
  <c r="D6400" i="2" s="1"/>
  <c r="D6394" i="2" a="1"/>
  <c r="D6394" i="2" s="1"/>
  <c r="D6397" i="2" a="1"/>
  <c r="D6397" i="2" s="1"/>
  <c r="D6415" i="2" a="1"/>
  <c r="D6415" i="2" s="1"/>
  <c r="D6408" i="2" a="1"/>
  <c r="D6408" i="2" s="1"/>
  <c r="D6401" i="2" a="1"/>
  <c r="D6401" i="2" s="1"/>
  <c r="D6409" i="2" a="1"/>
  <c r="D6409" i="2" s="1"/>
  <c r="D6403" i="2" a="1"/>
  <c r="D6403" i="2" s="1"/>
  <c r="D6404" i="2" a="1"/>
  <c r="D6404" i="2" s="1"/>
  <c r="D6398" i="2" a="1"/>
  <c r="D6398" i="2" s="1"/>
  <c r="D6396" i="2" a="1"/>
  <c r="D6396" i="2" s="1"/>
  <c r="D6411" i="2" a="1"/>
  <c r="D6411" i="2" s="1"/>
  <c r="D6405" i="2" a="1"/>
  <c r="D6405" i="2" s="1"/>
  <c r="D6416" i="2" a="1"/>
  <c r="D6416" i="2" s="1"/>
  <c r="D6399" i="2" a="1"/>
  <c r="D6399" i="2" s="1"/>
  <c r="D6395" i="2" a="1"/>
  <c r="D6395" i="2" s="1"/>
  <c r="D6406" i="2" a="1"/>
  <c r="D6406" i="2" s="1"/>
  <c r="D6417" i="2" a="1"/>
  <c r="D6417" i="2" s="1"/>
  <c r="D6412" i="2" a="1"/>
  <c r="D6412" i="2" s="1"/>
  <c r="D2663" i="2" a="1"/>
  <c r="D2663" i="2" s="1"/>
  <c r="D2658" i="2" a="1"/>
  <c r="D2658" i="2" s="1"/>
  <c r="D2650" i="2" a="1"/>
  <c r="D2650" i="2" s="1"/>
  <c r="D2653" i="2" a="1"/>
  <c r="D2653" i="2" s="1"/>
  <c r="D2670" i="2" a="1"/>
  <c r="D2670" i="2" s="1"/>
  <c r="D2661" i="2" a="1"/>
  <c r="D2661" i="2" s="1"/>
  <c r="D2651" i="2" a="1"/>
  <c r="D2651" i="2" s="1"/>
  <c r="D2665" i="2" a="1"/>
  <c r="D2665" i="2" s="1"/>
  <c r="D2667" i="2" a="1"/>
  <c r="D2667" i="2" s="1"/>
  <c r="D2669" i="2" a="1"/>
  <c r="D2669" i="2" s="1"/>
  <c r="D2657" i="2" a="1"/>
  <c r="D2657" i="2" s="1"/>
  <c r="D2652" i="2" a="1"/>
  <c r="D2652" i="2" s="1"/>
  <c r="D2660" i="2" a="1"/>
  <c r="D2660" i="2" s="1"/>
  <c r="D2664" i="2" a="1"/>
  <c r="D2664" i="2" s="1"/>
  <c r="D2672" i="2" a="1"/>
  <c r="D2672" i="2" s="1"/>
  <c r="D2668" i="2" a="1"/>
  <c r="D2668" i="2" s="1"/>
  <c r="D2666" i="2" a="1"/>
  <c r="D2666" i="2" s="1"/>
  <c r="D2671" i="2" a="1"/>
  <c r="D2671" i="2" s="1"/>
  <c r="D2656" i="2" a="1"/>
  <c r="D2656" i="2" s="1"/>
  <c r="D2655" i="2" a="1"/>
  <c r="D2655" i="2" s="1"/>
  <c r="D2659" i="2" a="1"/>
  <c r="D2659" i="2" s="1"/>
  <c r="D2673" i="2" a="1"/>
  <c r="D2673" i="2" s="1"/>
  <c r="D2654" i="2" a="1"/>
  <c r="D2654" i="2" s="1"/>
  <c r="D2662" i="2" a="1"/>
  <c r="D2662" i="2" s="1"/>
  <c r="E1556" i="2" a="1"/>
  <c r="E1556" i="2" s="1"/>
  <c r="E1559" i="2" a="1"/>
  <c r="E1559" i="2" s="1"/>
  <c r="E1565" i="2" a="1"/>
  <c r="E1565" i="2" s="1"/>
  <c r="E1560" i="2" a="1"/>
  <c r="E1560" i="2" s="1"/>
  <c r="E1557" i="2" a="1"/>
  <c r="E1557" i="2" s="1"/>
  <c r="E1547" i="2" a="1"/>
  <c r="E1547" i="2" s="1"/>
  <c r="E1566" i="2" a="1"/>
  <c r="E1566" i="2" s="1"/>
  <c r="E1562" i="2" a="1"/>
  <c r="E1562" i="2" s="1"/>
  <c r="E1549" i="2" a="1"/>
  <c r="E1549" i="2" s="1"/>
  <c r="E1550" i="2" a="1"/>
  <c r="E1550" i="2" s="1"/>
  <c r="E1569" i="2" a="1"/>
  <c r="E1569" i="2" s="1"/>
  <c r="E1567" i="2" a="1"/>
  <c r="E1567" i="2" s="1"/>
  <c r="E1554" i="2" a="1"/>
  <c r="E1554" i="2" s="1"/>
  <c r="E1553" i="2" a="1"/>
  <c r="E1553" i="2" s="1"/>
  <c r="E1564" i="2" a="1"/>
  <c r="E1564" i="2" s="1"/>
  <c r="E1552" i="2" a="1"/>
  <c r="E1552" i="2" s="1"/>
  <c r="E1568" i="2" a="1"/>
  <c r="E1568" i="2" s="1"/>
  <c r="E1548" i="2" a="1"/>
  <c r="E1548" i="2" s="1"/>
  <c r="E1558" i="2" a="1"/>
  <c r="E1558" i="2" s="1"/>
  <c r="E1555" i="2" a="1"/>
  <c r="E1555" i="2" s="1"/>
  <c r="E1561" i="2" a="1"/>
  <c r="E1561" i="2" s="1"/>
  <c r="F3170" i="2" a="1"/>
  <c r="F3170" i="2" s="1"/>
  <c r="F3177" i="2" a="1"/>
  <c r="F3177" i="2" s="1"/>
  <c r="F3162" i="2" a="1"/>
  <c r="F3162" i="2" s="1"/>
  <c r="F3163" i="2" a="1"/>
  <c r="F3163" i="2" s="1"/>
  <c r="F3155" i="2" a="1"/>
  <c r="F3155" i="2" s="1"/>
  <c r="F3157" i="2" a="1"/>
  <c r="F3157" i="2" s="1"/>
  <c r="H3802" i="2" a="1"/>
  <c r="H3802" i="2" s="1"/>
  <c r="H3816" i="2" a="1"/>
  <c r="H3816" i="2" s="1"/>
  <c r="H3806" i="2" a="1"/>
  <c r="H3806" i="2" s="1"/>
  <c r="H3804" i="2" a="1"/>
  <c r="H3804" i="2" s="1"/>
  <c r="H3825" i="2" a="1"/>
  <c r="H3825" i="2" s="1"/>
  <c r="H3803" i="2" a="1"/>
  <c r="H3803" i="2" s="1"/>
  <c r="H3815" i="2" a="1"/>
  <c r="H3815" i="2" s="1"/>
  <c r="H8315" i="2" a="1"/>
  <c r="H8315" i="2" s="1"/>
  <c r="H8327" i="2" a="1"/>
  <c r="H8327" i="2" s="1"/>
  <c r="H8320" i="2" a="1"/>
  <c r="H8320" i="2" s="1"/>
  <c r="H8331" i="2" a="1"/>
  <c r="H8331" i="2" s="1"/>
  <c r="H8323" i="2" a="1"/>
  <c r="H8323" i="2" s="1"/>
  <c r="H8333" i="2" a="1"/>
  <c r="H8333" i="2" s="1"/>
  <c r="H8324" i="2" a="1"/>
  <c r="H8324" i="2" s="1"/>
  <c r="F64" i="2" a="1"/>
  <c r="F64" i="2" s="1"/>
  <c r="F58" i="2" a="1"/>
  <c r="F58" i="2" s="1"/>
  <c r="F77" i="2" a="1"/>
  <c r="F77" i="2" s="1"/>
  <c r="F78" i="2" a="1"/>
  <c r="F78" i="2" s="1"/>
  <c r="F80" i="2" a="1"/>
  <c r="F80" i="2" s="1"/>
  <c r="F63" i="2" a="1"/>
  <c r="F63" i="2" s="1"/>
  <c r="F79" i="2" a="1"/>
  <c r="F79" i="2" s="1"/>
  <c r="F68" i="2" a="1"/>
  <c r="F68" i="2" s="1"/>
  <c r="F61" i="2" a="1"/>
  <c r="F61" i="2" s="1"/>
  <c r="F62" i="2" a="1"/>
  <c r="F62" i="2" s="1"/>
  <c r="F70" i="2" a="1"/>
  <c r="F70" i="2" s="1"/>
  <c r="F75" i="2" a="1"/>
  <c r="F75" i="2" s="1"/>
  <c r="F66" i="2" a="1"/>
  <c r="F66" i="2" s="1"/>
  <c r="F60" i="2" a="1"/>
  <c r="F60" i="2" s="1"/>
  <c r="E8371" i="2" a="1"/>
  <c r="E8371" i="2" s="1"/>
  <c r="E8368" i="2" a="1"/>
  <c r="E8368" i="2" s="1"/>
  <c r="E8372" i="2" a="1"/>
  <c r="E8372" i="2" s="1"/>
  <c r="E8378" i="2" a="1"/>
  <c r="E8378" i="2" s="1"/>
  <c r="E8377" i="2" a="1"/>
  <c r="E8377" i="2" s="1"/>
  <c r="E8263" i="2" a="1"/>
  <c r="E8263" i="2" s="1"/>
  <c r="E8243" i="2" a="1"/>
  <c r="E8243" i="2" s="1"/>
  <c r="E8260" i="2" a="1"/>
  <c r="E8260" i="2" s="1"/>
  <c r="E8247" i="2" a="1"/>
  <c r="E8247" i="2" s="1"/>
  <c r="E8264" i="2" a="1"/>
  <c r="E8264" i="2" s="1"/>
  <c r="E8265" i="2" a="1"/>
  <c r="E8265" i="2" s="1"/>
  <c r="E4447" i="2" a="1"/>
  <c r="E4447" i="2" s="1"/>
  <c r="E4443" i="2" a="1"/>
  <c r="E4443" i="2" s="1"/>
  <c r="E4431" i="2" a="1"/>
  <c r="E4431" i="2" s="1"/>
  <c r="E4432" i="2" a="1"/>
  <c r="E4432" i="2" s="1"/>
  <c r="E4430" i="2" a="1"/>
  <c r="E4430" i="2" s="1"/>
  <c r="E4449" i="2" a="1"/>
  <c r="E4449" i="2" s="1"/>
  <c r="E4441" i="2" a="1"/>
  <c r="E4441" i="2" s="1"/>
  <c r="E4440" i="2" a="1"/>
  <c r="E4440" i="2" s="1"/>
  <c r="E4429" i="2" a="1"/>
  <c r="E4429" i="2" s="1"/>
  <c r="E4438" i="2" a="1"/>
  <c r="E4438" i="2" s="1"/>
  <c r="E4426" i="2" a="1"/>
  <c r="E4426" i="2" s="1"/>
  <c r="E4439" i="2" a="1"/>
  <c r="E4439" i="2" s="1"/>
  <c r="E4435" i="2" a="1"/>
  <c r="E4435" i="2" s="1"/>
  <c r="E4444" i="2" a="1"/>
  <c r="E4444" i="2" s="1"/>
  <c r="E4427" i="2" a="1"/>
  <c r="E4427" i="2" s="1"/>
  <c r="E4434" i="2" a="1"/>
  <c r="E4434" i="2" s="1"/>
  <c r="E4428" i="2" a="1"/>
  <c r="E4428" i="2" s="1"/>
  <c r="E4433" i="2" a="1"/>
  <c r="E4433" i="2" s="1"/>
  <c r="E4436" i="2" a="1"/>
  <c r="E4436" i="2" s="1"/>
  <c r="E4448" i="2" a="1"/>
  <c r="E4448" i="2" s="1"/>
  <c r="E4445" i="2" a="1"/>
  <c r="E4445" i="2" s="1"/>
  <c r="E4442" i="2" a="1"/>
  <c r="E4442" i="2" s="1"/>
  <c r="E4446" i="2" a="1"/>
  <c r="E4446" i="2" s="1"/>
  <c r="E4437" i="2" a="1"/>
  <c r="E4437" i="2" s="1"/>
  <c r="F7530" i="2" a="1"/>
  <c r="F7530" i="2" s="1"/>
  <c r="F7544" i="2" a="1"/>
  <c r="F7544" i="2" s="1"/>
  <c r="F7538" i="2" a="1"/>
  <c r="F7538" i="2" s="1"/>
  <c r="F7545" i="2" a="1"/>
  <c r="F7545" i="2" s="1"/>
  <c r="F7524" i="2" a="1"/>
  <c r="F7524" i="2" s="1"/>
  <c r="F7533" i="2" a="1"/>
  <c r="F7533" i="2" s="1"/>
  <c r="F7535" i="2" a="1"/>
  <c r="F7535" i="2" s="1"/>
  <c r="F7536" i="2" a="1"/>
  <c r="F7536" i="2" s="1"/>
  <c r="F7539" i="2" a="1"/>
  <c r="F7539" i="2" s="1"/>
  <c r="F7522" i="2" a="1"/>
  <c r="F7522" i="2" s="1"/>
  <c r="F7525" i="2" a="1"/>
  <c r="F7525" i="2" s="1"/>
  <c r="J7525" i="2" s="1"/>
  <c r="J7499" i="5" s="1"/>
  <c r="N7499" i="5" s="1"/>
  <c r="F7540" i="2" a="1"/>
  <c r="F7540" i="2" s="1"/>
  <c r="F7529" i="2" a="1"/>
  <c r="F7529" i="2" s="1"/>
  <c r="F7523" i="2" a="1"/>
  <c r="F7523" i="2" s="1"/>
  <c r="F7532" i="2" a="1"/>
  <c r="F7532" i="2" s="1"/>
  <c r="F7541" i="2" a="1"/>
  <c r="F7541" i="2" s="1"/>
  <c r="F7542" i="2" a="1"/>
  <c r="F7542" i="2" s="1"/>
  <c r="F7534" i="2" a="1"/>
  <c r="F7534" i="2" s="1"/>
  <c r="H3947" i="2" a="1"/>
  <c r="H3947" i="2" s="1"/>
  <c r="H3959" i="2" a="1"/>
  <c r="H3959" i="2" s="1"/>
  <c r="H3955" i="2" a="1"/>
  <c r="H3955" i="2" s="1"/>
  <c r="H3946" i="2" a="1"/>
  <c r="H3946" i="2" s="1"/>
  <c r="H3967" i="2" a="1"/>
  <c r="H3967" i="2" s="1"/>
  <c r="H3965" i="2" a="1"/>
  <c r="H3965" i="2" s="1"/>
  <c r="H3953" i="2" a="1"/>
  <c r="H3953" i="2" s="1"/>
  <c r="H3950" i="2" a="1"/>
  <c r="H3950" i="2" s="1"/>
  <c r="H3962" i="2" a="1"/>
  <c r="H3962" i="2" s="1"/>
  <c r="H3966" i="2" a="1"/>
  <c r="H3966" i="2" s="1"/>
  <c r="H3961" i="2" a="1"/>
  <c r="H3961" i="2" s="1"/>
  <c r="H3968" i="2" a="1"/>
  <c r="H3968" i="2" s="1"/>
  <c r="H3960" i="2" a="1"/>
  <c r="H3960" i="2" s="1"/>
  <c r="H3948" i="2" a="1"/>
  <c r="H3948" i="2" s="1"/>
  <c r="H3956" i="2" a="1"/>
  <c r="H3956" i="2" s="1"/>
  <c r="H3957" i="2" a="1"/>
  <c r="H3957" i="2" s="1"/>
  <c r="H3964" i="2" a="1"/>
  <c r="H3964" i="2" s="1"/>
  <c r="H3963" i="2" a="1"/>
  <c r="H3963" i="2" s="1"/>
  <c r="H3969" i="2" a="1"/>
  <c r="H3969" i="2" s="1"/>
  <c r="H3958" i="2" a="1"/>
  <c r="H3958" i="2" s="1"/>
  <c r="H3949" i="2" a="1"/>
  <c r="H3949" i="2" s="1"/>
  <c r="G1748" i="2" a="1"/>
  <c r="G1748" i="2" s="1"/>
  <c r="G1745" i="2" a="1"/>
  <c r="G1745" i="2" s="1"/>
  <c r="G1741" i="2" a="1"/>
  <c r="G1741" i="2" s="1"/>
  <c r="G1749" i="2" a="1"/>
  <c r="G1749" i="2" s="1"/>
  <c r="G1756" i="2" a="1"/>
  <c r="G1756" i="2" s="1"/>
  <c r="G1760" i="2" a="1"/>
  <c r="G1760" i="2" s="1"/>
  <c r="G1761" i="2" a="1"/>
  <c r="G1761" i="2" s="1"/>
  <c r="G1738" i="2" a="1"/>
  <c r="G1738" i="2" s="1"/>
  <c r="G1742" i="2" a="1"/>
  <c r="G1742" i="2" s="1"/>
  <c r="G1740" i="2" a="1"/>
  <c r="G1740" i="2" s="1"/>
  <c r="G1747" i="2" a="1"/>
  <c r="G1747" i="2" s="1"/>
  <c r="G1743" i="2" a="1"/>
  <c r="G1743" i="2" s="1"/>
  <c r="G1752" i="2" a="1"/>
  <c r="G1752" i="2" s="1"/>
  <c r="G1755" i="2" a="1"/>
  <c r="G1755" i="2" s="1"/>
  <c r="G1754" i="2" a="1"/>
  <c r="G1754" i="2" s="1"/>
  <c r="G1751" i="2" a="1"/>
  <c r="G1751" i="2" s="1"/>
  <c r="G1757" i="2" a="1"/>
  <c r="G1757" i="2" s="1"/>
  <c r="G1759" i="2" a="1"/>
  <c r="G1759" i="2" s="1"/>
  <c r="D2205" i="2" a="1"/>
  <c r="D2205" i="2" s="1"/>
  <c r="D2209" i="2" a="1"/>
  <c r="D2209" i="2" s="1"/>
  <c r="D2208" i="2" a="1"/>
  <c r="D2208" i="2" s="1"/>
  <c r="D2200" i="2" a="1"/>
  <c r="D2200" i="2" s="1"/>
  <c r="D2207" i="2" a="1"/>
  <c r="D2207" i="2" s="1"/>
  <c r="D2204" i="2" a="1"/>
  <c r="D2204" i="2" s="1"/>
  <c r="D2210" i="2" a="1"/>
  <c r="D2210" i="2" s="1"/>
  <c r="D2216" i="2" a="1"/>
  <c r="D2216" i="2" s="1"/>
  <c r="D2217" i="2" a="1"/>
  <c r="D2217" i="2" s="1"/>
  <c r="D2203" i="2" a="1"/>
  <c r="D2203" i="2" s="1"/>
  <c r="D2198" i="2" a="1"/>
  <c r="D2198" i="2" s="1"/>
  <c r="D2211" i="2" a="1"/>
  <c r="D2211" i="2" s="1"/>
  <c r="D2214" i="2" a="1"/>
  <c r="D2214" i="2" s="1"/>
  <c r="D2215" i="2" a="1"/>
  <c r="D2215" i="2" s="1"/>
  <c r="D2213" i="2" a="1"/>
  <c r="D2213" i="2" s="1"/>
  <c r="D2197" i="2" a="1"/>
  <c r="D2197" i="2" s="1"/>
  <c r="D2199" i="2" a="1"/>
  <c r="D2199" i="2" s="1"/>
  <c r="G1447" i="2" a="1"/>
  <c r="G1447" i="2" s="1"/>
  <c r="G1430" i="2" a="1"/>
  <c r="G1430" i="2" s="1"/>
  <c r="I1430" i="2" s="1"/>
  <c r="I1404" i="5" s="1"/>
  <c r="G1435" i="2" a="1"/>
  <c r="G1435" i="2" s="1"/>
  <c r="G1449" i="2" a="1"/>
  <c r="G1449" i="2" s="1"/>
  <c r="G1442" i="2" a="1"/>
  <c r="G1442" i="2" s="1"/>
  <c r="G1428" i="2" a="1"/>
  <c r="G1428" i="2" s="1"/>
  <c r="H861" i="2" a="1"/>
  <c r="H861" i="2" s="1"/>
  <c r="H866" i="2" a="1"/>
  <c r="H866" i="2" s="1"/>
  <c r="H854" i="2" a="1"/>
  <c r="H854" i="2" s="1"/>
  <c r="H862" i="2" a="1"/>
  <c r="H862" i="2" s="1"/>
  <c r="H872" i="2" a="1"/>
  <c r="H872" i="2" s="1"/>
  <c r="H867" i="2" a="1"/>
  <c r="H867" i="2" s="1"/>
  <c r="H873" i="2" a="1"/>
  <c r="H873" i="2" s="1"/>
  <c r="H864" i="2" a="1"/>
  <c r="H864" i="2" s="1"/>
  <c r="H855" i="2" a="1"/>
  <c r="H855" i="2" s="1"/>
  <c r="H853" i="2" a="1"/>
  <c r="H853" i="2" s="1"/>
  <c r="F1522" i="2" a="1"/>
  <c r="F1522" i="2" s="1"/>
  <c r="F1541" i="2" a="1"/>
  <c r="F1541" i="2" s="1"/>
  <c r="F1528" i="2" a="1"/>
  <c r="F1528" i="2" s="1"/>
  <c r="F1525" i="2" a="1"/>
  <c r="F1525" i="2" s="1"/>
  <c r="F1535" i="2" a="1"/>
  <c r="F1535" i="2" s="1"/>
  <c r="F1529" i="2" a="1"/>
  <c r="F1529" i="2" s="1"/>
  <c r="F1527" i="2" a="1"/>
  <c r="F1527" i="2" s="1"/>
  <c r="F1545" i="2" a="1"/>
  <c r="F1545" i="2" s="1"/>
  <c r="F1532" i="2" a="1"/>
  <c r="F1532" i="2" s="1"/>
  <c r="F1543" i="2" a="1"/>
  <c r="F1543" i="2" s="1"/>
  <c r="F1530" i="2" a="1"/>
  <c r="F1530" i="2" s="1"/>
  <c r="F1533" i="2" a="1"/>
  <c r="F1533" i="2" s="1"/>
  <c r="F1534" i="2" a="1"/>
  <c r="F1534" i="2" s="1"/>
  <c r="F1544" i="2" a="1"/>
  <c r="F1544" i="2" s="1"/>
  <c r="F1538" i="2" a="1"/>
  <c r="F1538" i="2" s="1"/>
  <c r="F1540" i="2" a="1"/>
  <c r="F1540" i="2" s="1"/>
  <c r="AP349" i="1"/>
  <c r="F355" i="5" s="1"/>
  <c r="G1656" i="2" a="1"/>
  <c r="G1656" i="2" s="1"/>
  <c r="D8443" i="2" a="1"/>
  <c r="D8443" i="2" s="1"/>
  <c r="AO349" i="1"/>
  <c r="E355" i="5" s="1"/>
  <c r="D1278" i="2" a="1"/>
  <c r="D1278" i="2" s="1"/>
  <c r="E2472" i="2" a="1"/>
  <c r="E2472" i="2" s="1"/>
  <c r="E2480" i="2" a="1"/>
  <c r="E2480" i="2" s="1"/>
  <c r="E2469" i="2" a="1"/>
  <c r="E2469" i="2" s="1"/>
  <c r="E2470" i="2" a="1"/>
  <c r="E2470" i="2" s="1"/>
  <c r="E2471" i="2" a="1"/>
  <c r="E2471" i="2" s="1"/>
  <c r="E2464" i="2" a="1"/>
  <c r="E2464" i="2" s="1"/>
  <c r="D3374" i="2" a="1"/>
  <c r="D3374" i="2" s="1"/>
  <c r="D3391" i="2" a="1"/>
  <c r="D3391" i="2" s="1"/>
  <c r="D3371" i="2" a="1"/>
  <c r="D3371" i="2" s="1"/>
  <c r="D3392" i="2" a="1"/>
  <c r="D3392" i="2" s="1"/>
  <c r="D3375" i="2" a="1"/>
  <c r="D3375" i="2" s="1"/>
  <c r="D3387" i="2" a="1"/>
  <c r="D3387" i="2" s="1"/>
  <c r="E6343" i="2" a="1"/>
  <c r="E6343" i="2" s="1"/>
  <c r="E6332" i="2" a="1"/>
  <c r="E6332" i="2" s="1"/>
  <c r="E6336" i="2" a="1"/>
  <c r="E6336" i="2" s="1"/>
  <c r="E6333" i="2" a="1"/>
  <c r="E6333" i="2" s="1"/>
  <c r="E6345" i="2" a="1"/>
  <c r="E6345" i="2" s="1"/>
  <c r="E6334" i="2" a="1"/>
  <c r="E6334" i="2" s="1"/>
  <c r="E3221" i="2" a="1"/>
  <c r="E3221" i="2" s="1"/>
  <c r="E3204" i="2" a="1"/>
  <c r="E3204" i="2" s="1"/>
  <c r="E3222" i="2" a="1"/>
  <c r="E3222" i="2" s="1"/>
  <c r="E3224" i="2" a="1"/>
  <c r="E3224" i="2" s="1"/>
  <c r="E3217" i="2" a="1"/>
  <c r="E3217" i="2" s="1"/>
  <c r="E3203" i="2" a="1"/>
  <c r="E3203" i="2" s="1"/>
  <c r="E3202" i="2" a="1"/>
  <c r="E3202" i="2" s="1"/>
  <c r="E3223" i="2" a="1"/>
  <c r="E3223" i="2" s="1"/>
  <c r="E3213" i="2" a="1"/>
  <c r="E3213" i="2" s="1"/>
  <c r="E3208" i="2" a="1"/>
  <c r="E3208" i="2" s="1"/>
  <c r="E3220" i="2" a="1"/>
  <c r="E3220" i="2" s="1"/>
  <c r="E3211" i="2" a="1"/>
  <c r="E3211" i="2" s="1"/>
  <c r="E3209" i="2" a="1"/>
  <c r="E3209" i="2" s="1"/>
  <c r="E3214" i="2" a="1"/>
  <c r="E3214" i="2" s="1"/>
  <c r="E3206" i="2" a="1"/>
  <c r="E3206" i="2" s="1"/>
  <c r="E3219" i="2" a="1"/>
  <c r="E3219" i="2" s="1"/>
  <c r="E3216" i="2" a="1"/>
  <c r="E3216" i="2" s="1"/>
  <c r="E3225" i="2" a="1"/>
  <c r="E3225" i="2" s="1"/>
  <c r="E3218" i="2" a="1"/>
  <c r="E3218" i="2" s="1"/>
  <c r="E3207" i="2" a="1"/>
  <c r="E3207" i="2" s="1"/>
  <c r="E3205" i="2" a="1"/>
  <c r="E3205" i="2" s="1"/>
  <c r="E3215" i="2" a="1"/>
  <c r="E3215" i="2" s="1"/>
  <c r="E3210" i="2" a="1"/>
  <c r="E3210" i="2" s="1"/>
  <c r="E3212" i="2" a="1"/>
  <c r="E3212" i="2" s="1"/>
  <c r="E3798" i="2" a="1"/>
  <c r="E3798" i="2" s="1"/>
  <c r="E3799" i="2" a="1"/>
  <c r="E3799" i="2" s="1"/>
  <c r="E3782" i="2" a="1"/>
  <c r="E3782" i="2" s="1"/>
  <c r="E3800" i="2" a="1"/>
  <c r="E3800" i="2" s="1"/>
  <c r="E3790" i="2" a="1"/>
  <c r="E3790" i="2" s="1"/>
  <c r="E3780" i="2" a="1"/>
  <c r="E3780" i="2" s="1"/>
  <c r="E3789" i="2" a="1"/>
  <c r="E3789" i="2" s="1"/>
  <c r="E3783" i="2" a="1"/>
  <c r="E3783" i="2" s="1"/>
  <c r="E3778" i="2" a="1"/>
  <c r="E3778" i="2" s="1"/>
  <c r="E3796" i="2" a="1"/>
  <c r="E3796" i="2" s="1"/>
  <c r="E3797" i="2" a="1"/>
  <c r="E3797" i="2" s="1"/>
  <c r="E3794" i="2" a="1"/>
  <c r="E3794" i="2" s="1"/>
  <c r="E3781" i="2" a="1"/>
  <c r="E3781" i="2" s="1"/>
  <c r="E3784" i="2" a="1"/>
  <c r="E3784" i="2" s="1"/>
  <c r="E3779" i="2" a="1"/>
  <c r="E3779" i="2" s="1"/>
  <c r="E304" i="2" a="1"/>
  <c r="E304" i="2" s="1"/>
  <c r="E314" i="2" a="1"/>
  <c r="E314" i="2" s="1"/>
  <c r="E299" i="2" a="1"/>
  <c r="E299" i="2" s="1"/>
  <c r="E313" i="2" a="1"/>
  <c r="E313" i="2" s="1"/>
  <c r="E309" i="2" a="1"/>
  <c r="E309" i="2" s="1"/>
  <c r="E312" i="2" a="1"/>
  <c r="E312" i="2" s="1"/>
  <c r="E315" i="2" a="1"/>
  <c r="E315" i="2" s="1"/>
  <c r="E316" i="2" a="1"/>
  <c r="E316" i="2" s="1"/>
  <c r="E300" i="2" a="1"/>
  <c r="E300" i="2" s="1"/>
  <c r="E298" i="2" a="1"/>
  <c r="E298" i="2" s="1"/>
  <c r="E305" i="2" a="1"/>
  <c r="E305" i="2" s="1"/>
  <c r="E320" i="2" a="1"/>
  <c r="E320" i="2" s="1"/>
  <c r="D5763" i="2" a="1"/>
  <c r="D5763" i="2" s="1"/>
  <c r="D5767" i="2" a="1"/>
  <c r="D5767" i="2" s="1"/>
  <c r="D5746" i="2" a="1"/>
  <c r="D5746" i="2" s="1"/>
  <c r="D5750" i="2" a="1"/>
  <c r="D5750" i="2" s="1"/>
  <c r="D5758" i="2" a="1"/>
  <c r="D5758" i="2" s="1"/>
  <c r="D5762" i="2" a="1"/>
  <c r="D5762" i="2" s="1"/>
  <c r="D5761" i="2" a="1"/>
  <c r="D5761" i="2" s="1"/>
  <c r="D5759" i="2" a="1"/>
  <c r="D5759" i="2" s="1"/>
  <c r="D5755" i="2" a="1"/>
  <c r="D5755" i="2" s="1"/>
  <c r="D5768" i="2" a="1"/>
  <c r="D5768" i="2" s="1"/>
  <c r="D5751" i="2" a="1"/>
  <c r="D5751" i="2" s="1"/>
  <c r="F4274" i="2" a="1"/>
  <c r="F4274" i="2" s="1"/>
  <c r="F4270" i="2" a="1"/>
  <c r="F4270" i="2" s="1"/>
  <c r="F4264" i="2" a="1"/>
  <c r="F4264" i="2" s="1"/>
  <c r="F4280" i="2" a="1"/>
  <c r="F4280" i="2" s="1"/>
  <c r="F4265" i="2" a="1"/>
  <c r="F4265" i="2" s="1"/>
  <c r="F4261" i="2" a="1"/>
  <c r="F4261" i="2" s="1"/>
  <c r="G8362" i="2" a="1"/>
  <c r="G8362" i="2" s="1"/>
  <c r="G8374" i="2" a="1"/>
  <c r="G8374" i="2" s="1"/>
  <c r="G8365" i="2" a="1"/>
  <c r="G8365" i="2" s="1"/>
  <c r="G8384" i="2" a="1"/>
  <c r="G8384" i="2" s="1"/>
  <c r="G8371" i="2" a="1"/>
  <c r="G8371" i="2" s="1"/>
  <c r="G8380" i="2" a="1"/>
  <c r="G8380" i="2" s="1"/>
  <c r="G8382" i="2" a="1"/>
  <c r="G8382" i="2" s="1"/>
  <c r="G8379" i="2" a="1"/>
  <c r="G8379" i="2" s="1"/>
  <c r="G8366" i="2" a="1"/>
  <c r="G8366" i="2" s="1"/>
  <c r="G8363" i="2" a="1"/>
  <c r="G8363" i="2" s="1"/>
  <c r="G8368" i="2" a="1"/>
  <c r="G8368" i="2" s="1"/>
  <c r="G8369" i="2" a="1"/>
  <c r="G8369" i="2" s="1"/>
  <c r="G8372" i="2" a="1"/>
  <c r="G8372" i="2" s="1"/>
  <c r="G8367" i="2" a="1"/>
  <c r="G8367" i="2" s="1"/>
  <c r="G8373" i="2" a="1"/>
  <c r="G8373" i="2" s="1"/>
  <c r="G8364" i="2" a="1"/>
  <c r="G8364" i="2" s="1"/>
  <c r="G8375" i="2" a="1"/>
  <c r="G8375" i="2" s="1"/>
  <c r="G8381" i="2" a="1"/>
  <c r="G8381" i="2" s="1"/>
  <c r="G8370" i="2" a="1"/>
  <c r="G8370" i="2" s="1"/>
  <c r="G8385" i="2" a="1"/>
  <c r="G8385" i="2" s="1"/>
  <c r="G8383" i="2" a="1"/>
  <c r="G8383" i="2" s="1"/>
  <c r="G8376" i="2" a="1"/>
  <c r="G8376" i="2" s="1"/>
  <c r="G6062" i="2" a="1"/>
  <c r="G6062" i="2" s="1"/>
  <c r="G6080" i="2" a="1"/>
  <c r="G6080" i="2" s="1"/>
  <c r="G6069" i="2" a="1"/>
  <c r="G6069" i="2" s="1"/>
  <c r="G6068" i="2" a="1"/>
  <c r="G6068" i="2" s="1"/>
  <c r="G6072" i="2" a="1"/>
  <c r="G6072" i="2" s="1"/>
  <c r="G6075" i="2" a="1"/>
  <c r="G6075" i="2" s="1"/>
  <c r="G6073" i="2" a="1"/>
  <c r="G6073" i="2" s="1"/>
  <c r="G6059" i="2" a="1"/>
  <c r="G6059" i="2" s="1"/>
  <c r="G6076" i="2" a="1"/>
  <c r="G6076" i="2" s="1"/>
  <c r="G6065" i="2" a="1"/>
  <c r="G6065" i="2" s="1"/>
  <c r="G6060" i="2" a="1"/>
  <c r="G6060" i="2" s="1"/>
  <c r="G6061" i="2" a="1"/>
  <c r="G6061" i="2" s="1"/>
  <c r="G6066" i="2" a="1"/>
  <c r="G6066" i="2" s="1"/>
  <c r="G6071" i="2" a="1"/>
  <c r="G6071" i="2" s="1"/>
  <c r="G6081" i="2" a="1"/>
  <c r="G6081" i="2" s="1"/>
  <c r="G6079" i="2" a="1"/>
  <c r="G6079" i="2" s="1"/>
  <c r="G6064" i="2" a="1"/>
  <c r="G6064" i="2" s="1"/>
  <c r="G6067" i="2" a="1"/>
  <c r="G6067" i="2" s="1"/>
  <c r="G6078" i="2" a="1"/>
  <c r="G6078" i="2" s="1"/>
  <c r="G6070" i="2" a="1"/>
  <c r="G6070" i="2" s="1"/>
  <c r="G6058" i="2" a="1"/>
  <c r="G6058" i="2" s="1"/>
  <c r="G6074" i="2" a="1"/>
  <c r="G6074" i="2" s="1"/>
  <c r="G6063" i="2" a="1"/>
  <c r="G6063" i="2" s="1"/>
  <c r="G1520" i="2" a="1"/>
  <c r="G1520" i="2" s="1"/>
  <c r="G1513" i="2" a="1"/>
  <c r="G1513" i="2" s="1"/>
  <c r="G1521" i="2" a="1"/>
  <c r="G1521" i="2" s="1"/>
  <c r="G1503" i="2" a="1"/>
  <c r="G1503" i="2" s="1"/>
  <c r="G1517" i="2" a="1"/>
  <c r="G1517" i="2" s="1"/>
  <c r="G1512" i="2" a="1"/>
  <c r="G1512" i="2" s="1"/>
  <c r="G1502" i="2" a="1"/>
  <c r="G1502" i="2" s="1"/>
  <c r="G1505" i="2" a="1"/>
  <c r="G1505" i="2" s="1"/>
  <c r="G1515" i="2" a="1"/>
  <c r="G1515" i="2" s="1"/>
  <c r="G1498" i="2" a="1"/>
  <c r="G1498" i="2" s="1"/>
  <c r="G1516" i="2" a="1"/>
  <c r="G1516" i="2" s="1"/>
  <c r="G1518" i="2" a="1"/>
  <c r="G1518" i="2" s="1"/>
  <c r="G1508" i="2" a="1"/>
  <c r="G1508" i="2" s="1"/>
  <c r="G1501" i="2" a="1"/>
  <c r="G1501" i="2" s="1"/>
  <c r="G1506" i="2" a="1"/>
  <c r="G1506" i="2" s="1"/>
  <c r="G1504" i="2" a="1"/>
  <c r="G1504" i="2" s="1"/>
  <c r="G1511" i="2" a="1"/>
  <c r="G1511" i="2" s="1"/>
  <c r="G1507" i="2" a="1"/>
  <c r="G1507" i="2" s="1"/>
  <c r="H1952" i="2" a="1"/>
  <c r="H1952" i="2" s="1"/>
  <c r="H1950" i="2" a="1"/>
  <c r="H1950" i="2" s="1"/>
  <c r="H1949" i="2" a="1"/>
  <c r="H1949" i="2" s="1"/>
  <c r="H1953" i="2" a="1"/>
  <c r="H1953" i="2" s="1"/>
  <c r="H1935" i="2" a="1"/>
  <c r="H1935" i="2" s="1"/>
  <c r="H1931" i="2" a="1"/>
  <c r="H1931" i="2" s="1"/>
  <c r="G163" i="2" a="1"/>
  <c r="G163" i="2" s="1"/>
  <c r="G169" i="2" a="1"/>
  <c r="G169" i="2" s="1"/>
  <c r="G171" i="2" a="1"/>
  <c r="G171" i="2" s="1"/>
  <c r="G164" i="2" a="1"/>
  <c r="G164" i="2" s="1"/>
  <c r="G157" i="2" a="1"/>
  <c r="G157" i="2" s="1"/>
  <c r="G162" i="2" a="1"/>
  <c r="G162" i="2" s="1"/>
  <c r="G158" i="2" a="1"/>
  <c r="G158" i="2" s="1"/>
  <c r="G168" i="2" a="1"/>
  <c r="G168" i="2" s="1"/>
  <c r="G166" i="2" a="1"/>
  <c r="G166" i="2" s="1"/>
  <c r="G170" i="2" a="1"/>
  <c r="G170" i="2" s="1"/>
  <c r="G161" i="2" a="1"/>
  <c r="G161" i="2" s="1"/>
  <c r="G172" i="2" a="1"/>
  <c r="G172" i="2" s="1"/>
  <c r="G165" i="2" a="1"/>
  <c r="G165" i="2" s="1"/>
  <c r="G154" i="2" a="1"/>
  <c r="G154" i="2" s="1"/>
  <c r="G167" i="2" a="1"/>
  <c r="G167" i="2" s="1"/>
  <c r="G173" i="2" a="1"/>
  <c r="G173" i="2" s="1"/>
  <c r="G177" i="2" a="1"/>
  <c r="G177" i="2" s="1"/>
  <c r="E2689" i="2" a="1"/>
  <c r="E2689" i="2" s="1"/>
  <c r="E2693" i="2" a="1"/>
  <c r="E2693" i="2" s="1"/>
  <c r="E2676" i="2" a="1"/>
  <c r="E2676" i="2" s="1"/>
  <c r="E2674" i="2" a="1"/>
  <c r="E2674" i="2" s="1"/>
  <c r="E2678" i="2" a="1"/>
  <c r="E2678" i="2" s="1"/>
  <c r="E2690" i="2" a="1"/>
  <c r="E2690" i="2" s="1"/>
  <c r="E2686" i="2" a="1"/>
  <c r="E2686" i="2" s="1"/>
  <c r="E2695" i="2" a="1"/>
  <c r="E2695" i="2" s="1"/>
  <c r="E2688" i="2" a="1"/>
  <c r="E2688" i="2" s="1"/>
  <c r="E2684" i="2" a="1"/>
  <c r="E2684" i="2" s="1"/>
  <c r="E2685" i="2" a="1"/>
  <c r="E2685" i="2" s="1"/>
  <c r="E2691" i="2" a="1"/>
  <c r="E2691" i="2" s="1"/>
  <c r="E2682" i="2" a="1"/>
  <c r="E2682" i="2" s="1"/>
  <c r="E2683" i="2" a="1"/>
  <c r="E2683" i="2" s="1"/>
  <c r="E2696" i="2" a="1"/>
  <c r="E2696" i="2" s="1"/>
  <c r="E2687" i="2" a="1"/>
  <c r="E2687" i="2" s="1"/>
  <c r="E2675" i="2" a="1"/>
  <c r="E2675" i="2" s="1"/>
  <c r="E2694" i="2" a="1"/>
  <c r="E2694" i="2" s="1"/>
  <c r="E2681" i="2" a="1"/>
  <c r="E2681" i="2" s="1"/>
  <c r="E2692" i="2" a="1"/>
  <c r="E2692" i="2" s="1"/>
  <c r="E2680" i="2" a="1"/>
  <c r="E2680" i="2" s="1"/>
  <c r="H3858" i="2" a="1"/>
  <c r="H3858" i="2" s="1"/>
  <c r="H3850" i="2" a="1"/>
  <c r="H3850" i="2" s="1"/>
  <c r="H3873" i="2" a="1"/>
  <c r="H3873" i="2" s="1"/>
  <c r="H3851" i="2" a="1"/>
  <c r="H3851" i="2" s="1"/>
  <c r="H3865" i="2" a="1"/>
  <c r="H3865" i="2" s="1"/>
  <c r="H3863" i="2" a="1"/>
  <c r="H3863" i="2" s="1"/>
  <c r="H3859" i="2" a="1"/>
  <c r="H3859" i="2" s="1"/>
  <c r="H3864" i="2" a="1"/>
  <c r="H3864" i="2" s="1"/>
  <c r="H3853" i="2" a="1"/>
  <c r="H3853" i="2" s="1"/>
  <c r="H3870" i="2" a="1"/>
  <c r="H3870" i="2" s="1"/>
  <c r="H3861" i="2" a="1"/>
  <c r="H3861" i="2" s="1"/>
  <c r="H3871" i="2" a="1"/>
  <c r="H3871" i="2" s="1"/>
  <c r="H3867" i="2" a="1"/>
  <c r="H3867" i="2" s="1"/>
  <c r="H3868" i="2" a="1"/>
  <c r="H3868" i="2" s="1"/>
  <c r="H3854" i="2" a="1"/>
  <c r="H3854" i="2" s="1"/>
  <c r="H3869" i="2" a="1"/>
  <c r="H3869" i="2" s="1"/>
  <c r="H3857" i="2" a="1"/>
  <c r="H3857" i="2" s="1"/>
  <c r="H3862" i="2" a="1"/>
  <c r="H3862" i="2" s="1"/>
  <c r="H3860" i="2" a="1"/>
  <c r="H3860" i="2" s="1"/>
  <c r="H3852" i="2" a="1"/>
  <c r="H3852" i="2" s="1"/>
  <c r="H3855" i="2" a="1"/>
  <c r="H3855" i="2" s="1"/>
  <c r="H4901" i="2" a="1"/>
  <c r="H4901" i="2" s="1"/>
  <c r="H4886" i="2" a="1"/>
  <c r="H4886" i="2" s="1"/>
  <c r="H4882" i="2" a="1"/>
  <c r="H4882" i="2" s="1"/>
  <c r="H4904" i="2" a="1"/>
  <c r="H4904" i="2" s="1"/>
  <c r="H4883" i="2" a="1"/>
  <c r="H4883" i="2" s="1"/>
  <c r="H4905" i="2" a="1"/>
  <c r="H4905" i="2" s="1"/>
  <c r="H4888" i="2" a="1"/>
  <c r="H4888" i="2" s="1"/>
  <c r="H4891" i="2" a="1"/>
  <c r="H4891" i="2" s="1"/>
  <c r="H4903" i="2" a="1"/>
  <c r="H4903" i="2" s="1"/>
  <c r="H4887" i="2" a="1"/>
  <c r="H4887" i="2" s="1"/>
  <c r="H4893" i="2" a="1"/>
  <c r="H4893" i="2" s="1"/>
  <c r="H4892" i="2" a="1"/>
  <c r="H4892" i="2" s="1"/>
  <c r="E3638" i="2" a="1"/>
  <c r="E3638" i="2" s="1"/>
  <c r="E3652" i="2" a="1"/>
  <c r="E3652" i="2" s="1"/>
  <c r="E3649" i="2" a="1"/>
  <c r="E3649" i="2" s="1"/>
  <c r="E3634" i="2" a="1"/>
  <c r="E3634" i="2" s="1"/>
  <c r="E3654" i="2" a="1"/>
  <c r="E3654" i="2" s="1"/>
  <c r="E3657" i="2" a="1"/>
  <c r="E3657" i="2" s="1"/>
  <c r="E3650" i="2" a="1"/>
  <c r="E3650" i="2" s="1"/>
  <c r="E3639" i="2" a="1"/>
  <c r="E3639" i="2" s="1"/>
  <c r="E3637" i="2" a="1"/>
  <c r="E3637" i="2" s="1"/>
  <c r="E3640" i="2" a="1"/>
  <c r="E3640" i="2" s="1"/>
  <c r="E3643" i="2" a="1"/>
  <c r="E3643" i="2" s="1"/>
  <c r="E3647" i="2" a="1"/>
  <c r="E3647" i="2" s="1"/>
  <c r="E3656" i="2" a="1"/>
  <c r="E3656" i="2" s="1"/>
  <c r="E3651" i="2" a="1"/>
  <c r="E3651" i="2" s="1"/>
  <c r="E3641" i="2" a="1"/>
  <c r="E3641" i="2" s="1"/>
  <c r="E3644" i="2" a="1"/>
  <c r="E3644" i="2" s="1"/>
  <c r="E3645" i="2" a="1"/>
  <c r="E3645" i="2" s="1"/>
  <c r="E3635" i="2" a="1"/>
  <c r="E3635" i="2" s="1"/>
  <c r="E3636" i="2" a="1"/>
  <c r="E3636" i="2" s="1"/>
  <c r="E3653" i="2" a="1"/>
  <c r="E3653" i="2" s="1"/>
  <c r="E3646" i="2" a="1"/>
  <c r="E3646" i="2" s="1"/>
  <c r="E3655" i="2" a="1"/>
  <c r="E3655" i="2" s="1"/>
  <c r="E3642" i="2" a="1"/>
  <c r="E3642" i="2" s="1"/>
  <c r="E3648" i="2" a="1"/>
  <c r="E3648" i="2" s="1"/>
  <c r="D6243" i="2" a="1"/>
  <c r="D6243" i="2" s="1"/>
  <c r="D6230" i="2" a="1"/>
  <c r="D6230" i="2" s="1"/>
  <c r="D6228" i="2" a="1"/>
  <c r="D6228" i="2" s="1"/>
  <c r="D6226" i="2" a="1"/>
  <c r="D6226" i="2" s="1"/>
  <c r="D6244" i="2" a="1"/>
  <c r="D6244" i="2" s="1"/>
  <c r="D6236" i="2" a="1"/>
  <c r="D6236" i="2" s="1"/>
  <c r="E2593" i="2" a="1"/>
  <c r="E2593" i="2" s="1"/>
  <c r="E2579" i="2" a="1"/>
  <c r="E2579" i="2" s="1"/>
  <c r="E2578" i="2" a="1"/>
  <c r="E2578" i="2" s="1"/>
  <c r="E2591" i="2" a="1"/>
  <c r="E2591" i="2" s="1"/>
  <c r="E2594" i="2" a="1"/>
  <c r="E2594" i="2" s="1"/>
  <c r="E2595" i="2" a="1"/>
  <c r="E2595" i="2" s="1"/>
  <c r="E2583" i="2" a="1"/>
  <c r="E2583" i="2" s="1"/>
  <c r="E2599" i="2" a="1"/>
  <c r="E2599" i="2" s="1"/>
  <c r="E2589" i="2" a="1"/>
  <c r="E2589" i="2" s="1"/>
  <c r="E2585" i="2" a="1"/>
  <c r="E2585" i="2" s="1"/>
  <c r="E2598" i="2" a="1"/>
  <c r="E2598" i="2" s="1"/>
  <c r="E2581" i="2" a="1"/>
  <c r="E2581" i="2" s="1"/>
  <c r="E2580" i="2" a="1"/>
  <c r="E2580" i="2" s="1"/>
  <c r="E2592" i="2" a="1"/>
  <c r="E2592" i="2" s="1"/>
  <c r="E2600" i="2" a="1"/>
  <c r="E2600" i="2" s="1"/>
  <c r="AO159" i="1"/>
  <c r="E165" i="5" s="1"/>
  <c r="AN159" i="1"/>
  <c r="D165" i="5" s="1"/>
  <c r="AQ159" i="1"/>
  <c r="G165" i="5" s="1"/>
  <c r="E3804" i="2" a="1"/>
  <c r="E3804" i="2" s="1"/>
  <c r="E3809" i="2" a="1"/>
  <c r="E3809" i="2" s="1"/>
  <c r="E3811" i="2" a="1"/>
  <c r="E3811" i="2" s="1"/>
  <c r="E3805" i="2" a="1"/>
  <c r="E3805" i="2" s="1"/>
  <c r="E3824" i="2" a="1"/>
  <c r="E3824" i="2" s="1"/>
  <c r="E3825" i="2" a="1"/>
  <c r="E3825" i="2" s="1"/>
  <c r="AP159" i="1"/>
  <c r="F165" i="5" s="1"/>
  <c r="E3802" i="2" a="1"/>
  <c r="E3802" i="2" s="1"/>
  <c r="AM159" i="1"/>
  <c r="E3810" i="2" a="1"/>
  <c r="E3810" i="2" s="1"/>
  <c r="E3820" i="2" a="1"/>
  <c r="E3820" i="2" s="1"/>
  <c r="E3818" i="2" a="1"/>
  <c r="E3818" i="2" s="1"/>
  <c r="E3814" i="2" a="1"/>
  <c r="E3814" i="2" s="1"/>
  <c r="E3819" i="2" a="1"/>
  <c r="E3819" i="2" s="1"/>
  <c r="E3807" i="2" a="1"/>
  <c r="E3807" i="2" s="1"/>
  <c r="E3823" i="2" a="1"/>
  <c r="E3823" i="2" s="1"/>
  <c r="E3808" i="2" a="1"/>
  <c r="E3808" i="2" s="1"/>
  <c r="K3808" i="2" s="1"/>
  <c r="K3782" i="5" s="1"/>
  <c r="F2896" i="2" a="1"/>
  <c r="F2896" i="2" s="1"/>
  <c r="F2893" i="2" a="1"/>
  <c r="F2893" i="2" s="1"/>
  <c r="F2910" i="2" a="1"/>
  <c r="F2910" i="2" s="1"/>
  <c r="F2892" i="2" a="1"/>
  <c r="F2892" i="2" s="1"/>
  <c r="F2897" i="2" a="1"/>
  <c r="F2897" i="2" s="1"/>
  <c r="F2891" i="2" a="1"/>
  <c r="F2891" i="2" s="1"/>
  <c r="F2905" i="2" a="1"/>
  <c r="F2905" i="2" s="1"/>
  <c r="F2903" i="2" a="1"/>
  <c r="F2903" i="2" s="1"/>
  <c r="F2898" i="2" a="1"/>
  <c r="F2898" i="2" s="1"/>
  <c r="F2900" i="2" a="1"/>
  <c r="F2900" i="2" s="1"/>
  <c r="F2902" i="2" a="1"/>
  <c r="F2902" i="2" s="1"/>
  <c r="F2907" i="2" a="1"/>
  <c r="F2907" i="2" s="1"/>
  <c r="F2894" i="2" a="1"/>
  <c r="F2894" i="2" s="1"/>
  <c r="F2911" i="2" a="1"/>
  <c r="F2911" i="2" s="1"/>
  <c r="F2901" i="2" a="1"/>
  <c r="F2901" i="2" s="1"/>
  <c r="F2906" i="2" a="1"/>
  <c r="F2906" i="2" s="1"/>
  <c r="H4198" i="2" a="1"/>
  <c r="H4198" i="2" s="1"/>
  <c r="H4205" i="2" a="1"/>
  <c r="H4205" i="2" s="1"/>
  <c r="H4196" i="2" a="1"/>
  <c r="H4196" i="2" s="1"/>
  <c r="H4202" i="2" a="1"/>
  <c r="H4202" i="2" s="1"/>
  <c r="H4191" i="2" a="1"/>
  <c r="H4191" i="2" s="1"/>
  <c r="H4199" i="2" a="1"/>
  <c r="H4199" i="2" s="1"/>
  <c r="H4193" i="2" a="1"/>
  <c r="H4193" i="2" s="1"/>
  <c r="H4207" i="2" a="1"/>
  <c r="H4207" i="2" s="1"/>
  <c r="H4203" i="2" a="1"/>
  <c r="H4203" i="2" s="1"/>
  <c r="H4195" i="2" a="1"/>
  <c r="H4195" i="2" s="1"/>
  <c r="H4200" i="2" a="1"/>
  <c r="H4200" i="2" s="1"/>
  <c r="H4192" i="2" a="1"/>
  <c r="H4192" i="2" s="1"/>
  <c r="H4201" i="2" a="1"/>
  <c r="H4201" i="2" s="1"/>
  <c r="H4209" i="2" a="1"/>
  <c r="H4209" i="2" s="1"/>
  <c r="H4189" i="2" a="1"/>
  <c r="H4189" i="2" s="1"/>
  <c r="H4194" i="2" a="1"/>
  <c r="H4194" i="2" s="1"/>
  <c r="H4204" i="2" a="1"/>
  <c r="H4204" i="2" s="1"/>
  <c r="H4186" i="2" a="1"/>
  <c r="H4186" i="2" s="1"/>
  <c r="H4188" i="2" a="1"/>
  <c r="H4188" i="2" s="1"/>
  <c r="H4206" i="2" a="1"/>
  <c r="H4206" i="2" s="1"/>
  <c r="H4187" i="2" a="1"/>
  <c r="H4187" i="2" s="1"/>
  <c r="H4190" i="2" a="1"/>
  <c r="H4190" i="2" s="1"/>
  <c r="H4208" i="2" a="1"/>
  <c r="H4208" i="2" s="1"/>
  <c r="H4197" i="2" a="1"/>
  <c r="H4197" i="2" s="1"/>
  <c r="E8421" i="2" a="1"/>
  <c r="E8421" i="2" s="1"/>
  <c r="E8425" i="2" a="1"/>
  <c r="E8425" i="2" s="1"/>
  <c r="E8429" i="2" a="1"/>
  <c r="E8429" i="2" s="1"/>
  <c r="E8424" i="2" a="1"/>
  <c r="E8424" i="2" s="1"/>
  <c r="E8433" i="2" a="1"/>
  <c r="E8433" i="2" s="1"/>
  <c r="E8411" i="2" a="1"/>
  <c r="E8411" i="2" s="1"/>
  <c r="E8418" i="2" a="1"/>
  <c r="E8418" i="2" s="1"/>
  <c r="E8430" i="2" a="1"/>
  <c r="E8430" i="2" s="1"/>
  <c r="G2522" i="2" a="1"/>
  <c r="G2522" i="2" s="1"/>
  <c r="G2529" i="2" a="1"/>
  <c r="G2529" i="2" s="1"/>
  <c r="G2509" i="2" a="1"/>
  <c r="G2509" i="2" s="1"/>
  <c r="G2508" i="2" a="1"/>
  <c r="G2508" i="2" s="1"/>
  <c r="G2527" i="2" a="1"/>
  <c r="G2527" i="2" s="1"/>
  <c r="G2525" i="2" a="1"/>
  <c r="G2525" i="2" s="1"/>
  <c r="G2517" i="2" a="1"/>
  <c r="G2517" i="2" s="1"/>
  <c r="G2516" i="2" a="1"/>
  <c r="G2516" i="2" s="1"/>
  <c r="G2511" i="2" a="1"/>
  <c r="G2511" i="2" s="1"/>
  <c r="G2506" i="2" a="1"/>
  <c r="G2506" i="2" s="1"/>
  <c r="G2526" i="2" a="1"/>
  <c r="G2526" i="2" s="1"/>
  <c r="G2528" i="2" a="1"/>
  <c r="G2528" i="2" s="1"/>
  <c r="G2507" i="2" a="1"/>
  <c r="G2507" i="2" s="1"/>
  <c r="G2518" i="2" a="1"/>
  <c r="G2518" i="2" s="1"/>
  <c r="G2524" i="2" a="1"/>
  <c r="G2524" i="2" s="1"/>
  <c r="G2514" i="2" a="1"/>
  <c r="G2514" i="2" s="1"/>
  <c r="G2519" i="2" a="1"/>
  <c r="G2519" i="2" s="1"/>
  <c r="G2515" i="2" a="1"/>
  <c r="G2515" i="2" s="1"/>
  <c r="G2510" i="2" a="1"/>
  <c r="G2510" i="2" s="1"/>
  <c r="G2520" i="2" a="1"/>
  <c r="G2520" i="2" s="1"/>
  <c r="G2521" i="2" a="1"/>
  <c r="G2521" i="2" s="1"/>
  <c r="G2523" i="2" a="1"/>
  <c r="G2523" i="2" s="1"/>
  <c r="G6227" i="2" a="1"/>
  <c r="G6227" i="2" s="1"/>
  <c r="G6239" i="2" a="1"/>
  <c r="G6239" i="2" s="1"/>
  <c r="G6234" i="2" a="1"/>
  <c r="G6234" i="2" s="1"/>
  <c r="G6236" i="2" a="1"/>
  <c r="G6236" i="2" s="1"/>
  <c r="G6245" i="2" a="1"/>
  <c r="G6245" i="2" s="1"/>
  <c r="G6235" i="2" a="1"/>
  <c r="G6235" i="2" s="1"/>
  <c r="G6240" i="2" a="1"/>
  <c r="G6240" i="2" s="1"/>
  <c r="G6243" i="2" a="1"/>
  <c r="G6243" i="2" s="1"/>
  <c r="G6238" i="2" a="1"/>
  <c r="G6238" i="2" s="1"/>
  <c r="G6232" i="2" a="1"/>
  <c r="G6232" i="2" s="1"/>
  <c r="G6229" i="2" a="1"/>
  <c r="G6229" i="2" s="1"/>
  <c r="F158" i="2" a="1"/>
  <c r="F158" i="2" s="1"/>
  <c r="F177" i="2" a="1"/>
  <c r="F177" i="2" s="1"/>
  <c r="F174" i="2" a="1"/>
  <c r="F174" i="2" s="1"/>
  <c r="F173" i="2" a="1"/>
  <c r="F173" i="2" s="1"/>
  <c r="F169" i="2" a="1"/>
  <c r="F169" i="2" s="1"/>
  <c r="F175" i="2" a="1"/>
  <c r="F175" i="2" s="1"/>
  <c r="F155" i="2" a="1"/>
  <c r="F155" i="2" s="1"/>
  <c r="F171" i="2" a="1"/>
  <c r="F171" i="2" s="1"/>
  <c r="F160" i="2" a="1"/>
  <c r="F160" i="2" s="1"/>
  <c r="F165" i="2" a="1"/>
  <c r="F165" i="2" s="1"/>
  <c r="F162" i="2" a="1"/>
  <c r="F162" i="2" s="1"/>
  <c r="F163" i="2" a="1"/>
  <c r="F163" i="2" s="1"/>
  <c r="E4774" i="2" a="1"/>
  <c r="E4774" i="2" s="1"/>
  <c r="E4771" i="2" a="1"/>
  <c r="E4771" i="2" s="1"/>
  <c r="E4773" i="2" a="1"/>
  <c r="E4773" i="2" s="1"/>
  <c r="E4775" i="2" a="1"/>
  <c r="E4775" i="2" s="1"/>
  <c r="E4762" i="2" a="1"/>
  <c r="E4762" i="2" s="1"/>
  <c r="E4765" i="2" a="1"/>
  <c r="E4765" i="2" s="1"/>
  <c r="E4767" i="2" a="1"/>
  <c r="E4767" i="2" s="1"/>
  <c r="E4776" i="2" a="1"/>
  <c r="E4776" i="2" s="1"/>
  <c r="G1633" i="2" a="1"/>
  <c r="G1633" i="2" s="1"/>
  <c r="G1622" i="2" a="1"/>
  <c r="G1622" i="2" s="1"/>
  <c r="G1621" i="2" a="1"/>
  <c r="G1621" i="2" s="1"/>
  <c r="G1630" i="2" a="1"/>
  <c r="G1630" i="2" s="1"/>
  <c r="G1620" i="2" a="1"/>
  <c r="G1620" i="2" s="1"/>
  <c r="G1625" i="2" a="1"/>
  <c r="G1625" i="2" s="1"/>
  <c r="G1628" i="2" a="1"/>
  <c r="G1628" i="2" s="1"/>
  <c r="G1640" i="2" a="1"/>
  <c r="G1640" i="2" s="1"/>
  <c r="G1634" i="2" a="1"/>
  <c r="G1634" i="2" s="1"/>
  <c r="G1629" i="2" a="1"/>
  <c r="G1629" i="2" s="1"/>
  <c r="G1619" i="2" a="1"/>
  <c r="G1619" i="2" s="1"/>
  <c r="G1639" i="2" a="1"/>
  <c r="G1639" i="2" s="1"/>
  <c r="G1631" i="2" a="1"/>
  <c r="G1631" i="2" s="1"/>
  <c r="G1623" i="2" a="1"/>
  <c r="G1623" i="2" s="1"/>
  <c r="G1627" i="2" a="1"/>
  <c r="G1627" i="2" s="1"/>
  <c r="G1618" i="2" a="1"/>
  <c r="G1618" i="2" s="1"/>
  <c r="G5146" i="2" a="1"/>
  <c r="G5146" i="2" s="1"/>
  <c r="G5148" i="2" a="1"/>
  <c r="G5148" i="2" s="1"/>
  <c r="G5165" i="2" a="1"/>
  <c r="G5165" i="2" s="1"/>
  <c r="G5152" i="2" a="1"/>
  <c r="G5152" i="2" s="1"/>
  <c r="G5166" i="2" a="1"/>
  <c r="G5166" i="2" s="1"/>
  <c r="G5161" i="2" a="1"/>
  <c r="G5161" i="2" s="1"/>
  <c r="G5158" i="2" a="1"/>
  <c r="G5158" i="2" s="1"/>
  <c r="G5168" i="2" a="1"/>
  <c r="G5168" i="2" s="1"/>
  <c r="G5151" i="2" a="1"/>
  <c r="G5151" i="2" s="1"/>
  <c r="F8299" i="2" a="1"/>
  <c r="F8299" i="2" s="1"/>
  <c r="F8292" i="2" a="1"/>
  <c r="F8292" i="2" s="1"/>
  <c r="F8291" i="2" a="1"/>
  <c r="F8291" i="2" s="1"/>
  <c r="F8298" i="2" a="1"/>
  <c r="F8298" i="2" s="1"/>
  <c r="F8311" i="2" a="1"/>
  <c r="F8311" i="2" s="1"/>
  <c r="F8308" i="2" a="1"/>
  <c r="F8308" i="2" s="1"/>
  <c r="F8307" i="2" a="1"/>
  <c r="F8307" i="2" s="1"/>
  <c r="F8306" i="2" a="1"/>
  <c r="F8306" i="2" s="1"/>
  <c r="F8313" i="2" a="1"/>
  <c r="F8313" i="2" s="1"/>
  <c r="F8293" i="2" a="1"/>
  <c r="F8293" i="2" s="1"/>
  <c r="F8297" i="2" a="1"/>
  <c r="F8297" i="2" s="1"/>
  <c r="F8302" i="2" a="1"/>
  <c r="F8302" i="2" s="1"/>
  <c r="F8310" i="2" a="1"/>
  <c r="F8310" i="2" s="1"/>
  <c r="F8301" i="2" a="1"/>
  <c r="F8301" i="2" s="1"/>
  <c r="F8303" i="2" a="1"/>
  <c r="F8303" i="2" s="1"/>
  <c r="F8295" i="2" a="1"/>
  <c r="F8295" i="2" s="1"/>
  <c r="F8300" i="2" a="1"/>
  <c r="F8300" i="2" s="1"/>
  <c r="F8309" i="2" a="1"/>
  <c r="F8309" i="2" s="1"/>
  <c r="F8312" i="2" a="1"/>
  <c r="F8312" i="2" s="1"/>
  <c r="F8304" i="2" a="1"/>
  <c r="F8304" i="2" s="1"/>
  <c r="F8294" i="2" a="1"/>
  <c r="F8294" i="2" s="1"/>
  <c r="F8296" i="2" a="1"/>
  <c r="F8296" i="2" s="1"/>
  <c r="F8305" i="2" a="1"/>
  <c r="F8305" i="2" s="1"/>
  <c r="F8290" i="2" a="1"/>
  <c r="F8290" i="2" s="1"/>
  <c r="G2495" i="2" a="1"/>
  <c r="G2495" i="2" s="1"/>
  <c r="G2483" i="2" a="1"/>
  <c r="G2483" i="2" s="1"/>
  <c r="G2482" i="2" a="1"/>
  <c r="G2482" i="2" s="1"/>
  <c r="G2498" i="2" a="1"/>
  <c r="G2498" i="2" s="1"/>
  <c r="G2487" i="2" a="1"/>
  <c r="G2487" i="2" s="1"/>
  <c r="G2499" i="2" a="1"/>
  <c r="G2499" i="2" s="1"/>
  <c r="G2497" i="2" a="1"/>
  <c r="G2497" i="2" s="1"/>
  <c r="G2486" i="2" a="1"/>
  <c r="G2486" i="2" s="1"/>
  <c r="G2491" i="2" a="1"/>
  <c r="G2491" i="2" s="1"/>
  <c r="G2492" i="2" a="1"/>
  <c r="G2492" i="2" s="1"/>
  <c r="E3170" i="2" a="1"/>
  <c r="E3170" i="2" s="1"/>
  <c r="E3173" i="2" a="1"/>
  <c r="E3173" i="2" s="1"/>
  <c r="E3177" i="2" a="1"/>
  <c r="E3177" i="2" s="1"/>
  <c r="E3166" i="2" a="1"/>
  <c r="E3166" i="2" s="1"/>
  <c r="E3168" i="2" a="1"/>
  <c r="E3168" i="2" s="1"/>
  <c r="E3162" i="2" a="1"/>
  <c r="E3162" i="2" s="1"/>
  <c r="E3163" i="2" a="1"/>
  <c r="E3163" i="2" s="1"/>
  <c r="E3165" i="2" a="1"/>
  <c r="E3165" i="2" s="1"/>
  <c r="E3156" i="2" a="1"/>
  <c r="E3156" i="2" s="1"/>
  <c r="E3155" i="2" a="1"/>
  <c r="E3155" i="2" s="1"/>
  <c r="E3158" i="2" a="1"/>
  <c r="E3158" i="2" s="1"/>
  <c r="E3164" i="2" a="1"/>
  <c r="E3164" i="2" s="1"/>
  <c r="E3159" i="2" a="1"/>
  <c r="E3159" i="2" s="1"/>
  <c r="E3176" i="2" a="1"/>
  <c r="E3176" i="2" s="1"/>
  <c r="E3169" i="2" a="1"/>
  <c r="E3169" i="2" s="1"/>
  <c r="E3157" i="2" a="1"/>
  <c r="E3157" i="2" s="1"/>
  <c r="E3175" i="2" a="1"/>
  <c r="E3175" i="2" s="1"/>
  <c r="D6552" i="2" a="1"/>
  <c r="D6552" i="2" s="1"/>
  <c r="D6538" i="2" a="1"/>
  <c r="D6538" i="2" s="1"/>
  <c r="D6553" i="2" a="1"/>
  <c r="D6553" i="2" s="1"/>
  <c r="D6549" i="2" a="1"/>
  <c r="D6549" i="2" s="1"/>
  <c r="D6544" i="2" a="1"/>
  <c r="D6544" i="2" s="1"/>
  <c r="D6560" i="2" a="1"/>
  <c r="D6560" i="2" s="1"/>
  <c r="D6543" i="2" a="1"/>
  <c r="D6543" i="2" s="1"/>
  <c r="D6545" i="2" a="1"/>
  <c r="D6545" i="2" s="1"/>
  <c r="D6550" i="2" a="1"/>
  <c r="D6550" i="2" s="1"/>
  <c r="D6548" i="2" a="1"/>
  <c r="D6548" i="2" s="1"/>
  <c r="D6558" i="2" a="1"/>
  <c r="D6558" i="2" s="1"/>
  <c r="D6547" i="2" a="1"/>
  <c r="D6547" i="2" s="1"/>
  <c r="D6554" i="2" a="1"/>
  <c r="D6554" i="2" s="1"/>
  <c r="D6546" i="2" a="1"/>
  <c r="D6546" i="2" s="1"/>
  <c r="D6540" i="2" a="1"/>
  <c r="D6540" i="2" s="1"/>
  <c r="D8549" i="2" a="1"/>
  <c r="D8549" i="2" s="1"/>
  <c r="D8553" i="2" a="1"/>
  <c r="D8553" i="2" s="1"/>
  <c r="D8536" i="2" a="1"/>
  <c r="D8536" i="2" s="1"/>
  <c r="D8544" i="2" a="1"/>
  <c r="D8544" i="2" s="1"/>
  <c r="D8548" i="2" a="1"/>
  <c r="D8548" i="2" s="1"/>
  <c r="D8542" i="2" a="1"/>
  <c r="D8542" i="2" s="1"/>
  <c r="D8540" i="2" a="1"/>
  <c r="D8540" i="2" s="1"/>
  <c r="D8552" i="2" a="1"/>
  <c r="D8552" i="2" s="1"/>
  <c r="D8531" i="2" a="1"/>
  <c r="D8531" i="2" s="1"/>
  <c r="D8535" i="2" a="1"/>
  <c r="D8535" i="2" s="1"/>
  <c r="D8543" i="2" a="1"/>
  <c r="D8543" i="2" s="1"/>
  <c r="D8551" i="2" a="1"/>
  <c r="D8551" i="2" s="1"/>
  <c r="D8539" i="2" a="1"/>
  <c r="D8539" i="2" s="1"/>
  <c r="D8547" i="2" a="1"/>
  <c r="D8547" i="2" s="1"/>
  <c r="D8530" i="2" a="1"/>
  <c r="D8530" i="2" s="1"/>
  <c r="D8545" i="2" a="1"/>
  <c r="D8545" i="2" s="1"/>
  <c r="D8532" i="2" a="1"/>
  <c r="D8532" i="2" s="1"/>
  <c r="D8534" i="2" a="1"/>
  <c r="D8534" i="2" s="1"/>
  <c r="D8533" i="2" a="1"/>
  <c r="D8533" i="2" s="1"/>
  <c r="D8538" i="2" a="1"/>
  <c r="D8538" i="2" s="1"/>
  <c r="D8546" i="2" a="1"/>
  <c r="D8546" i="2" s="1"/>
  <c r="D8550" i="2" a="1"/>
  <c r="D8550" i="2" s="1"/>
  <c r="D8537" i="2" a="1"/>
  <c r="D8537" i="2" s="1"/>
  <c r="D8541" i="2" a="1"/>
  <c r="D8541" i="2" s="1"/>
  <c r="H3348" i="2" a="1"/>
  <c r="H3348" i="2" s="1"/>
  <c r="H3363" i="2" a="1"/>
  <c r="H3363" i="2" s="1"/>
  <c r="H3359" i="2" a="1"/>
  <c r="H3359" i="2" s="1"/>
  <c r="H3366" i="2" a="1"/>
  <c r="H3366" i="2" s="1"/>
  <c r="H3350" i="2" a="1"/>
  <c r="H3350" i="2" s="1"/>
  <c r="H3362" i="2" a="1"/>
  <c r="H3362" i="2" s="1"/>
  <c r="H3351" i="2" a="1"/>
  <c r="H3351" i="2" s="1"/>
  <c r="H3353" i="2" a="1"/>
  <c r="H3353" i="2" s="1"/>
  <c r="H3355" i="2" a="1"/>
  <c r="H3355" i="2" s="1"/>
  <c r="H3352" i="2" a="1"/>
  <c r="H3352" i="2" s="1"/>
  <c r="H3358" i="2" a="1"/>
  <c r="H3358" i="2" s="1"/>
  <c r="H3357" i="2" a="1"/>
  <c r="H3357" i="2" s="1"/>
  <c r="H3356" i="2" a="1"/>
  <c r="H3356" i="2" s="1"/>
  <c r="H3368" i="2" a="1"/>
  <c r="H3368" i="2" s="1"/>
  <c r="H3365" i="2" a="1"/>
  <c r="H3365" i="2" s="1"/>
  <c r="H3347" i="2" a="1"/>
  <c r="H3347" i="2" s="1"/>
  <c r="H3360" i="2" a="1"/>
  <c r="H3360" i="2" s="1"/>
  <c r="H3369" i="2" a="1"/>
  <c r="H3369" i="2" s="1"/>
  <c r="H3354" i="2" a="1"/>
  <c r="H3354" i="2" s="1"/>
  <c r="F5577" i="2" a="1"/>
  <c r="F5577" i="2" s="1"/>
  <c r="F5567" i="2" a="1"/>
  <c r="F5567" i="2" s="1"/>
  <c r="F5558" i="2" a="1"/>
  <c r="F5558" i="2" s="1"/>
  <c r="F5569" i="2" a="1"/>
  <c r="F5569" i="2" s="1"/>
  <c r="F5559" i="2" a="1"/>
  <c r="F5559" i="2" s="1"/>
  <c r="F5575" i="2" a="1"/>
  <c r="F5575" i="2" s="1"/>
  <c r="F5560" i="2" a="1"/>
  <c r="F5560" i="2" s="1"/>
  <c r="F5572" i="2" a="1"/>
  <c r="F5572" i="2" s="1"/>
  <c r="F5574" i="2" a="1"/>
  <c r="F5574" i="2" s="1"/>
  <c r="F5561" i="2" a="1"/>
  <c r="F5561" i="2" s="1"/>
  <c r="F5573" i="2" a="1"/>
  <c r="F5573" i="2" s="1"/>
  <c r="F5563" i="2" a="1"/>
  <c r="F5563" i="2" s="1"/>
  <c r="F5570" i="2" a="1"/>
  <c r="F5570" i="2" s="1"/>
  <c r="F5554" i="2" a="1"/>
  <c r="F5554" i="2" s="1"/>
  <c r="F5564" i="2" a="1"/>
  <c r="F5564" i="2" s="1"/>
  <c r="F5571" i="2" a="1"/>
  <c r="F5571" i="2" s="1"/>
  <c r="F5565" i="2" a="1"/>
  <c r="F5565" i="2" s="1"/>
  <c r="F5557" i="2" a="1"/>
  <c r="F5557" i="2" s="1"/>
  <c r="G7165" i="2" a="1"/>
  <c r="G7165" i="2" s="1"/>
  <c r="G7179" i="2" a="1"/>
  <c r="G7179" i="2" s="1"/>
  <c r="G7185" i="2" a="1"/>
  <c r="G7185" i="2" s="1"/>
  <c r="G7178" i="2" a="1"/>
  <c r="G7178" i="2" s="1"/>
  <c r="G7175" i="2" a="1"/>
  <c r="G7175" i="2" s="1"/>
  <c r="G7182" i="2" a="1"/>
  <c r="G7182" i="2" s="1"/>
  <c r="G7162" i="2" a="1"/>
  <c r="G7162" i="2" s="1"/>
  <c r="G7166" i="2" a="1"/>
  <c r="G7166" i="2" s="1"/>
  <c r="G7164" i="2" a="1"/>
  <c r="G7164" i="2" s="1"/>
  <c r="G7169" i="2" a="1"/>
  <c r="G7169" i="2" s="1"/>
  <c r="G7170" i="2" a="1"/>
  <c r="G7170" i="2" s="1"/>
  <c r="G7173" i="2" a="1"/>
  <c r="G7173" i="2" s="1"/>
  <c r="G7174" i="2" a="1"/>
  <c r="G7174" i="2" s="1"/>
  <c r="G7171" i="2" a="1"/>
  <c r="G7171" i="2" s="1"/>
  <c r="G7172" i="2" a="1"/>
  <c r="G7172" i="2" s="1"/>
  <c r="G7180" i="2" a="1"/>
  <c r="G7180" i="2" s="1"/>
  <c r="E4104" i="2" a="1"/>
  <c r="E4104" i="2" s="1"/>
  <c r="E4111" i="2" a="1"/>
  <c r="E4111" i="2" s="1"/>
  <c r="E4097" i="2" a="1"/>
  <c r="E4097" i="2" s="1"/>
  <c r="E4100" i="2" a="1"/>
  <c r="E4100" i="2" s="1"/>
  <c r="E4109" i="2" a="1"/>
  <c r="E4109" i="2" s="1"/>
  <c r="E4101" i="2" a="1"/>
  <c r="E4101" i="2" s="1"/>
  <c r="E4092" i="2" a="1"/>
  <c r="E4092" i="2" s="1"/>
  <c r="E4103" i="2" a="1"/>
  <c r="E4103" i="2" s="1"/>
  <c r="E4090" i="2" a="1"/>
  <c r="E4090" i="2" s="1"/>
  <c r="E4094" i="2" a="1"/>
  <c r="E4094" i="2" s="1"/>
  <c r="E4093" i="2" a="1"/>
  <c r="E4093" i="2" s="1"/>
  <c r="E4095" i="2" a="1"/>
  <c r="E4095" i="2" s="1"/>
  <c r="E4107" i="2" a="1"/>
  <c r="E4107" i="2" s="1"/>
  <c r="E4102" i="2" a="1"/>
  <c r="E4102" i="2" s="1"/>
  <c r="E4099" i="2" a="1"/>
  <c r="E4099" i="2" s="1"/>
  <c r="E4108" i="2" a="1"/>
  <c r="E4108" i="2" s="1"/>
  <c r="E4106" i="2" a="1"/>
  <c r="E4106" i="2" s="1"/>
  <c r="E4112" i="2" a="1"/>
  <c r="E4112" i="2" s="1"/>
  <c r="E4096" i="2" a="1"/>
  <c r="E4096" i="2" s="1"/>
  <c r="E4091" i="2" a="1"/>
  <c r="E4091" i="2" s="1"/>
  <c r="E4110" i="2" a="1"/>
  <c r="E4110" i="2" s="1"/>
  <c r="E4098" i="2" a="1"/>
  <c r="E4098" i="2" s="1"/>
  <c r="E4113" i="2" a="1"/>
  <c r="E4113" i="2" s="1"/>
  <c r="E4105" i="2" a="1"/>
  <c r="E4105" i="2" s="1"/>
  <c r="G1655" i="2" a="1"/>
  <c r="G1655" i="2" s="1"/>
  <c r="G1654" i="2" a="1"/>
  <c r="G1654" i="2" s="1"/>
  <c r="G1653" i="2" a="1"/>
  <c r="G1653" i="2" s="1"/>
  <c r="G1659" i="2" a="1"/>
  <c r="G1659" i="2" s="1"/>
  <c r="G1663" i="2" a="1"/>
  <c r="G1663" i="2" s="1"/>
  <c r="G1657" i="2" a="1"/>
  <c r="G1657" i="2" s="1"/>
  <c r="G1658" i="2" a="1"/>
  <c r="G1658" i="2" s="1"/>
  <c r="G1648" i="2" a="1"/>
  <c r="G1648" i="2" s="1"/>
  <c r="G1650" i="2" a="1"/>
  <c r="G1650" i="2" s="1"/>
  <c r="G1646" i="2" a="1"/>
  <c r="G1646" i="2" s="1"/>
  <c r="G1652" i="2" a="1"/>
  <c r="G1652" i="2" s="1"/>
  <c r="G1660" i="2" a="1"/>
  <c r="G1660" i="2" s="1"/>
  <c r="G1661" i="2" a="1"/>
  <c r="G1661" i="2" s="1"/>
  <c r="G1665" i="2" a="1"/>
  <c r="G1665" i="2" s="1"/>
  <c r="G1662" i="2" a="1"/>
  <c r="G1662" i="2" s="1"/>
  <c r="G1645" i="2" a="1"/>
  <c r="G1645" i="2" s="1"/>
  <c r="G1644" i="2" a="1"/>
  <c r="G1644" i="2" s="1"/>
  <c r="G1651" i="2" a="1"/>
  <c r="G1651" i="2" s="1"/>
  <c r="G1649" i="2" a="1"/>
  <c r="G1649" i="2" s="1"/>
  <c r="G2053" i="2" a="1"/>
  <c r="G2053" i="2" s="1"/>
  <c r="G2063" i="2" a="1"/>
  <c r="G2063" i="2" s="1"/>
  <c r="G2058" i="2" a="1"/>
  <c r="G2058" i="2" s="1"/>
  <c r="G2064" i="2" a="1"/>
  <c r="G2064" i="2" s="1"/>
  <c r="G2071" i="2" a="1"/>
  <c r="G2071" i="2" s="1"/>
  <c r="G2066" i="2" a="1"/>
  <c r="G2066" i="2" s="1"/>
  <c r="G2050" i="2" a="1"/>
  <c r="G2050" i="2" s="1"/>
  <c r="G2065" i="2" a="1"/>
  <c r="G2065" i="2" s="1"/>
  <c r="G2056" i="2" a="1"/>
  <c r="G2056" i="2" s="1"/>
  <c r="G2073" i="2" a="1"/>
  <c r="G2073" i="2" s="1"/>
  <c r="G2055" i="2" a="1"/>
  <c r="G2055" i="2" s="1"/>
  <c r="G2069" i="2" a="1"/>
  <c r="G2069" i="2" s="1"/>
  <c r="G2051" i="2" a="1"/>
  <c r="G2051" i="2" s="1"/>
  <c r="G2060" i="2" a="1"/>
  <c r="G2060" i="2" s="1"/>
  <c r="G2057" i="2" a="1"/>
  <c r="G2057" i="2" s="1"/>
  <c r="G2054" i="2" a="1"/>
  <c r="G2054" i="2" s="1"/>
  <c r="G2072" i="2" a="1"/>
  <c r="G2072" i="2" s="1"/>
  <c r="G2070" i="2" a="1"/>
  <c r="G2070" i="2" s="1"/>
  <c r="G2061" i="2" a="1"/>
  <c r="G2061" i="2" s="1"/>
  <c r="G2062" i="2" a="1"/>
  <c r="G2062" i="2" s="1"/>
  <c r="G2067" i="2" a="1"/>
  <c r="G2067" i="2" s="1"/>
  <c r="G2068" i="2" a="1"/>
  <c r="G2068" i="2" s="1"/>
  <c r="G2059" i="2" a="1"/>
  <c r="G2059" i="2" s="1"/>
  <c r="G2052" i="2" a="1"/>
  <c r="G2052" i="2" s="1"/>
  <c r="G8212" i="2" a="1"/>
  <c r="G8212" i="2" s="1"/>
  <c r="G8216" i="2" a="1"/>
  <c r="G8216" i="2" s="1"/>
  <c r="G8201" i="2" a="1"/>
  <c r="G8201" i="2" s="1"/>
  <c r="G8203" i="2" a="1"/>
  <c r="G8203" i="2" s="1"/>
  <c r="G8208" i="2" a="1"/>
  <c r="G8208" i="2" s="1"/>
  <c r="G8206" i="2" a="1"/>
  <c r="G8206" i="2" s="1"/>
  <c r="G8214" i="2" a="1"/>
  <c r="G8214" i="2" s="1"/>
  <c r="G8211" i="2" a="1"/>
  <c r="G8211" i="2" s="1"/>
  <c r="G8213" i="2" a="1"/>
  <c r="G8213" i="2" s="1"/>
  <c r="G8215" i="2" a="1"/>
  <c r="G8215" i="2" s="1"/>
  <c r="G8200" i="2" a="1"/>
  <c r="G8200" i="2" s="1"/>
  <c r="G8195" i="2" a="1"/>
  <c r="G8195" i="2" s="1"/>
  <c r="G8210" i="2" a="1"/>
  <c r="G8210" i="2" s="1"/>
  <c r="G8205" i="2" a="1"/>
  <c r="G8205" i="2" s="1"/>
  <c r="G8196" i="2" a="1"/>
  <c r="G8196" i="2" s="1"/>
  <c r="G8194" i="2" a="1"/>
  <c r="G8194" i="2" s="1"/>
  <c r="G8197" i="2" a="1"/>
  <c r="G8197" i="2" s="1"/>
  <c r="G8209" i="2" a="1"/>
  <c r="G8209" i="2" s="1"/>
  <c r="F8400" i="2" a="1"/>
  <c r="F8400" i="2" s="1"/>
  <c r="F8391" i="2" a="1"/>
  <c r="F8391" i="2" s="1"/>
  <c r="F8404" i="2" a="1"/>
  <c r="F8404" i="2" s="1"/>
  <c r="F8392" i="2" a="1"/>
  <c r="F8392" i="2" s="1"/>
  <c r="F8408" i="2" a="1"/>
  <c r="F8408" i="2" s="1"/>
  <c r="F8402" i="2" a="1"/>
  <c r="F8402" i="2" s="1"/>
  <c r="F8405" i="2" a="1"/>
  <c r="F8405" i="2" s="1"/>
  <c r="F8396" i="2" a="1"/>
  <c r="F8396" i="2" s="1"/>
  <c r="F8409" i="2" a="1"/>
  <c r="F8409" i="2" s="1"/>
  <c r="F8389" i="2" a="1"/>
  <c r="F8389" i="2" s="1"/>
  <c r="F8390" i="2" a="1"/>
  <c r="F8390" i="2" s="1"/>
  <c r="F8393" i="2" a="1"/>
  <c r="F8393" i="2" s="1"/>
  <c r="F8386" i="2" a="1"/>
  <c r="F8386" i="2" s="1"/>
  <c r="F8397" i="2" a="1"/>
  <c r="F8397" i="2" s="1"/>
  <c r="F8387" i="2" a="1"/>
  <c r="F8387" i="2" s="1"/>
  <c r="F8398" i="2" a="1"/>
  <c r="F8398" i="2" s="1"/>
  <c r="F8399" i="2" a="1"/>
  <c r="F8399" i="2" s="1"/>
  <c r="F8406" i="2" a="1"/>
  <c r="F8406" i="2" s="1"/>
  <c r="F8403" i="2" a="1"/>
  <c r="F8403" i="2" s="1"/>
  <c r="F8394" i="2" a="1"/>
  <c r="F8394" i="2" s="1"/>
  <c r="F8395" i="2" a="1"/>
  <c r="F8395" i="2" s="1"/>
  <c r="F8388" i="2" a="1"/>
  <c r="F8388" i="2" s="1"/>
  <c r="F8407" i="2" a="1"/>
  <c r="F8407" i="2" s="1"/>
  <c r="F8401" i="2" a="1"/>
  <c r="F8401" i="2" s="1"/>
  <c r="E2173" i="2" a="1"/>
  <c r="E2173" i="2" s="1"/>
  <c r="E2182" i="2" a="1"/>
  <c r="E2182" i="2" s="1"/>
  <c r="E2172" i="2" a="1"/>
  <c r="E2172" i="2" s="1"/>
  <c r="E2171" i="2" a="1"/>
  <c r="E2171" i="2" s="1"/>
  <c r="E2184" i="2" a="1"/>
  <c r="E2184" i="2" s="1"/>
  <c r="E2188" i="2" a="1"/>
  <c r="E2188" i="2" s="1"/>
  <c r="E2174" i="2" a="1"/>
  <c r="E2174" i="2" s="1"/>
  <c r="E2176" i="2" a="1"/>
  <c r="E2176" i="2" s="1"/>
  <c r="E2185" i="2" a="1"/>
  <c r="E2185" i="2" s="1"/>
  <c r="E2178" i="2" a="1"/>
  <c r="E2178" i="2" s="1"/>
  <c r="E2186" i="2" a="1"/>
  <c r="E2186" i="2" s="1"/>
  <c r="E2187" i="2" a="1"/>
  <c r="E2187" i="2" s="1"/>
  <c r="E2170" i="2" a="1"/>
  <c r="E2170" i="2" s="1"/>
  <c r="E2180" i="2" a="1"/>
  <c r="E2180" i="2" s="1"/>
  <c r="E2192" i="2" a="1"/>
  <c r="E2192" i="2" s="1"/>
  <c r="E2190" i="2" a="1"/>
  <c r="E2190" i="2" s="1"/>
  <c r="E2175" i="2" a="1"/>
  <c r="E2175" i="2" s="1"/>
  <c r="E2189" i="2" a="1"/>
  <c r="E2189" i="2" s="1"/>
  <c r="E2096" i="2" a="1"/>
  <c r="E2096" i="2" s="1"/>
  <c r="E2090" i="2" a="1"/>
  <c r="E2090" i="2" s="1"/>
  <c r="E2087" i="2" a="1"/>
  <c r="E2087" i="2" s="1"/>
  <c r="E2077" i="2" a="1"/>
  <c r="E2077" i="2" s="1"/>
  <c r="E2097" i="2" a="1"/>
  <c r="E2097" i="2" s="1"/>
  <c r="E2079" i="2" a="1"/>
  <c r="E2079" i="2" s="1"/>
  <c r="E2088" i="2" a="1"/>
  <c r="E2088" i="2" s="1"/>
  <c r="E2092" i="2" a="1"/>
  <c r="E2092" i="2" s="1"/>
  <c r="E2078" i="2" a="1"/>
  <c r="E2078" i="2" s="1"/>
  <c r="E2080" i="2" a="1"/>
  <c r="E2080" i="2" s="1"/>
  <c r="E2086" i="2" a="1"/>
  <c r="E2086" i="2" s="1"/>
  <c r="E2074" i="2" a="1"/>
  <c r="E2074" i="2" s="1"/>
  <c r="E2082" i="2" a="1"/>
  <c r="E2082" i="2" s="1"/>
  <c r="E2076" i="2" a="1"/>
  <c r="E2076" i="2" s="1"/>
  <c r="E2094" i="2" a="1"/>
  <c r="E2094" i="2" s="1"/>
  <c r="E2089" i="2" a="1"/>
  <c r="E2089" i="2" s="1"/>
  <c r="E2095" i="2" a="1"/>
  <c r="E2095" i="2" s="1"/>
  <c r="E2085" i="2" a="1"/>
  <c r="E2085" i="2" s="1"/>
  <c r="E2093" i="2" a="1"/>
  <c r="E2093" i="2" s="1"/>
  <c r="E2083" i="2" a="1"/>
  <c r="E2083" i="2" s="1"/>
  <c r="E2075" i="2" a="1"/>
  <c r="E2075" i="2" s="1"/>
  <c r="E2081" i="2" a="1"/>
  <c r="E2081" i="2" s="1"/>
  <c r="E2091" i="2" a="1"/>
  <c r="E2091" i="2" s="1"/>
  <c r="E2084" i="2" a="1"/>
  <c r="E2084" i="2" s="1"/>
  <c r="AO87" i="1"/>
  <c r="E93" i="5" s="1"/>
  <c r="F1760" i="2" a="1"/>
  <c r="F1760" i="2" s="1"/>
  <c r="F1743" i="2" a="1"/>
  <c r="F1743" i="2" s="1"/>
  <c r="F1749" i="2" a="1"/>
  <c r="F1749" i="2" s="1"/>
  <c r="F1746" i="2" a="1"/>
  <c r="F1746" i="2" s="1"/>
  <c r="F1758" i="2" a="1"/>
  <c r="F1758" i="2" s="1"/>
  <c r="F1740" i="2" a="1"/>
  <c r="F1740" i="2" s="1"/>
  <c r="F1753" i="2" a="1"/>
  <c r="F1753" i="2" s="1"/>
  <c r="F1752" i="2" a="1"/>
  <c r="F1752" i="2" s="1"/>
  <c r="F1742" i="2" a="1"/>
  <c r="F1742" i="2" s="1"/>
  <c r="F1756" i="2" a="1"/>
  <c r="F1756" i="2" s="1"/>
  <c r="F1748" i="2" a="1"/>
  <c r="F1748" i="2" s="1"/>
  <c r="F1757" i="2" a="1"/>
  <c r="F1757" i="2" s="1"/>
  <c r="F1744" i="2" a="1"/>
  <c r="F1744" i="2" s="1"/>
  <c r="F1761" i="2" a="1"/>
  <c r="F1761" i="2" s="1"/>
  <c r="F1751" i="2" a="1"/>
  <c r="F1751" i="2" s="1"/>
  <c r="F1745" i="2" a="1"/>
  <c r="F1745" i="2" s="1"/>
  <c r="F7159" i="2" a="1"/>
  <c r="F7159" i="2" s="1"/>
  <c r="F7156" i="2" a="1"/>
  <c r="F7156" i="2" s="1"/>
  <c r="F7141" i="2" a="1"/>
  <c r="F7141" i="2" s="1"/>
  <c r="F7153" i="2" a="1"/>
  <c r="F7153" i="2" s="1"/>
  <c r="F7143" i="2" a="1"/>
  <c r="F7143" i="2" s="1"/>
  <c r="F7142" i="2" a="1"/>
  <c r="F7142" i="2" s="1"/>
  <c r="F7149" i="2" a="1"/>
  <c r="F7149" i="2" s="1"/>
  <c r="F7154" i="2" a="1"/>
  <c r="F7154" i="2" s="1"/>
  <c r="F7150" i="2" a="1"/>
  <c r="F7150" i="2" s="1"/>
  <c r="F7160" i="2" a="1"/>
  <c r="F7160" i="2" s="1"/>
  <c r="F7157" i="2" a="1"/>
  <c r="F7157" i="2" s="1"/>
  <c r="F7140" i="2" a="1"/>
  <c r="F7140" i="2" s="1"/>
  <c r="F7152" i="2" a="1"/>
  <c r="F7152" i="2" s="1"/>
  <c r="F7145" i="2" a="1"/>
  <c r="F7145" i="2" s="1"/>
  <c r="F7144" i="2" a="1"/>
  <c r="F7144" i="2" s="1"/>
  <c r="F7138" i="2" a="1"/>
  <c r="F7138" i="2" s="1"/>
  <c r="F7148" i="2" a="1"/>
  <c r="F7148" i="2" s="1"/>
  <c r="F7161" i="2" a="1"/>
  <c r="F7161" i="2" s="1"/>
  <c r="F7147" i="2" a="1"/>
  <c r="F7147" i="2" s="1"/>
  <c r="F7151" i="2" a="1"/>
  <c r="F7151" i="2" s="1"/>
  <c r="F7158" i="2" a="1"/>
  <c r="F7158" i="2" s="1"/>
  <c r="F4082" i="2" a="1"/>
  <c r="F4082" i="2" s="1"/>
  <c r="F4089" i="2" a="1"/>
  <c r="F4089" i="2" s="1"/>
  <c r="F4066" i="2" a="1"/>
  <c r="F4066" i="2" s="1"/>
  <c r="F4071" i="2" a="1"/>
  <c r="F4071" i="2" s="1"/>
  <c r="F4068" i="2" a="1"/>
  <c r="F4068" i="2" s="1"/>
  <c r="F4072" i="2" a="1"/>
  <c r="F4072" i="2" s="1"/>
  <c r="F4088" i="2" a="1"/>
  <c r="F4088" i="2" s="1"/>
  <c r="F4070" i="2" a="1"/>
  <c r="F4070" i="2" s="1"/>
  <c r="F4085" i="2" a="1"/>
  <c r="F4085" i="2" s="1"/>
  <c r="F4084" i="2" a="1"/>
  <c r="F4084" i="2" s="1"/>
  <c r="F4073" i="2" a="1"/>
  <c r="F4073" i="2" s="1"/>
  <c r="F4080" i="2" a="1"/>
  <c r="F4080" i="2" s="1"/>
  <c r="F4086" i="2" a="1"/>
  <c r="F4086" i="2" s="1"/>
  <c r="F4083" i="2" a="1"/>
  <c r="F4083" i="2" s="1"/>
  <c r="F4081" i="2" a="1"/>
  <c r="F4081" i="2" s="1"/>
  <c r="F4069" i="2" a="1"/>
  <c r="F4069" i="2" s="1"/>
  <c r="F4077" i="2" a="1"/>
  <c r="F4077" i="2" s="1"/>
  <c r="F4074" i="2" a="1"/>
  <c r="F4074" i="2" s="1"/>
  <c r="F4076" i="2" a="1"/>
  <c r="F4076" i="2" s="1"/>
  <c r="F4067" i="2" a="1"/>
  <c r="F4067" i="2" s="1"/>
  <c r="G8466" i="2" a="1"/>
  <c r="G8466" i="2" s="1"/>
  <c r="G8481" i="2" a="1"/>
  <c r="G8481" i="2" s="1"/>
  <c r="G8476" i="2" a="1"/>
  <c r="G8476" i="2" s="1"/>
  <c r="G8469" i="2" a="1"/>
  <c r="G8469" i="2" s="1"/>
  <c r="G8477" i="2" a="1"/>
  <c r="G8477" i="2" s="1"/>
  <c r="G8459" i="2" a="1"/>
  <c r="G8459" i="2" s="1"/>
  <c r="G8478" i="2" a="1"/>
  <c r="G8478" i="2" s="1"/>
  <c r="G8458" i="2" a="1"/>
  <c r="G8458" i="2" s="1"/>
  <c r="G8472" i="2" a="1"/>
  <c r="G8472" i="2" s="1"/>
  <c r="G8460" i="2" a="1"/>
  <c r="G8460" i="2" s="1"/>
  <c r="G8471" i="2" a="1"/>
  <c r="G8471" i="2" s="1"/>
  <c r="G8475" i="2" a="1"/>
  <c r="G8475" i="2" s="1"/>
  <c r="G8461" i="2" a="1"/>
  <c r="G8461" i="2" s="1"/>
  <c r="G8468" i="2" a="1"/>
  <c r="G8468" i="2" s="1"/>
  <c r="G8474" i="2" a="1"/>
  <c r="G8474" i="2" s="1"/>
  <c r="G8479" i="2" a="1"/>
  <c r="G8479" i="2" s="1"/>
  <c r="G8470" i="2" a="1"/>
  <c r="G8470" i="2" s="1"/>
  <c r="G8465" i="2" a="1"/>
  <c r="G8465" i="2" s="1"/>
  <c r="G8480" i="2" a="1"/>
  <c r="G8480" i="2" s="1"/>
  <c r="G8462" i="2" a="1"/>
  <c r="G8462" i="2" s="1"/>
  <c r="F2840" i="2" a="1"/>
  <c r="F2840" i="2" s="1"/>
  <c r="F2833" i="2" a="1"/>
  <c r="F2833" i="2" s="1"/>
  <c r="F2830" i="2" a="1"/>
  <c r="F2830" i="2" s="1"/>
  <c r="F2824" i="2" a="1"/>
  <c r="F2824" i="2" s="1"/>
  <c r="F2828" i="2" a="1"/>
  <c r="F2828" i="2" s="1"/>
  <c r="F2829" i="2" a="1"/>
  <c r="F2829" i="2" s="1"/>
  <c r="F2836" i="2" a="1"/>
  <c r="F2836" i="2" s="1"/>
  <c r="F2838" i="2" a="1"/>
  <c r="F2838" i="2" s="1"/>
  <c r="F2818" i="2" a="1"/>
  <c r="F2818" i="2" s="1"/>
  <c r="F2839" i="2" a="1"/>
  <c r="F2839" i="2" s="1"/>
  <c r="F2837" i="2" a="1"/>
  <c r="F2837" i="2" s="1"/>
  <c r="F2834" i="2" a="1"/>
  <c r="F2834" i="2" s="1"/>
  <c r="F2820" i="2" a="1"/>
  <c r="F2820" i="2" s="1"/>
  <c r="F2822" i="2" a="1"/>
  <c r="F2822" i="2" s="1"/>
  <c r="F2841" i="2" a="1"/>
  <c r="F2841" i="2" s="1"/>
  <c r="F2819" i="2" a="1"/>
  <c r="F2819" i="2" s="1"/>
  <c r="F2823" i="2" a="1"/>
  <c r="F2823" i="2" s="1"/>
  <c r="F2831" i="2" a="1"/>
  <c r="F2831" i="2" s="1"/>
  <c r="F2821" i="2" a="1"/>
  <c r="F2821" i="2" s="1"/>
  <c r="F2832" i="2" a="1"/>
  <c r="F2832" i="2" s="1"/>
  <c r="H6891" i="2" a="1"/>
  <c r="H6891" i="2" s="1"/>
  <c r="H6882" i="2" a="1"/>
  <c r="H6882" i="2" s="1"/>
  <c r="H6888" i="2" a="1"/>
  <c r="H6888" i="2" s="1"/>
  <c r="H6886" i="2" a="1"/>
  <c r="H6886" i="2" s="1"/>
  <c r="H6896" i="2" a="1"/>
  <c r="H6896" i="2" s="1"/>
  <c r="H6887" i="2" a="1"/>
  <c r="H6887" i="2" s="1"/>
  <c r="H6878" i="2" a="1"/>
  <c r="H6878" i="2" s="1"/>
  <c r="H6877" i="2" a="1"/>
  <c r="H6877" i="2" s="1"/>
  <c r="H6879" i="2" a="1"/>
  <c r="H6879" i="2" s="1"/>
  <c r="H6883" i="2" a="1"/>
  <c r="H6883" i="2" s="1"/>
  <c r="H6874" i="2" a="1"/>
  <c r="H6874" i="2" s="1"/>
  <c r="H6880" i="2" a="1"/>
  <c r="H6880" i="2" s="1"/>
  <c r="H6876" i="2" a="1"/>
  <c r="H6876" i="2" s="1"/>
  <c r="H6885" i="2" a="1"/>
  <c r="H6885" i="2" s="1"/>
  <c r="H6881" i="2" a="1"/>
  <c r="H6881" i="2" s="1"/>
  <c r="H6897" i="2" a="1"/>
  <c r="H6897" i="2" s="1"/>
  <c r="H6894" i="2" a="1"/>
  <c r="H6894" i="2" s="1"/>
  <c r="H6892" i="2" a="1"/>
  <c r="H6892" i="2" s="1"/>
  <c r="H6889" i="2" a="1"/>
  <c r="H6889" i="2" s="1"/>
  <c r="H6895" i="2" a="1"/>
  <c r="H6895" i="2" s="1"/>
  <c r="H6893" i="2" a="1"/>
  <c r="H6893" i="2" s="1"/>
  <c r="H6884" i="2" a="1"/>
  <c r="H6884" i="2" s="1"/>
  <c r="H6875" i="2" a="1"/>
  <c r="H6875" i="2" s="1"/>
  <c r="H6890" i="2" a="1"/>
  <c r="H6890" i="2" s="1"/>
  <c r="G2047" i="2" a="1"/>
  <c r="G2047" i="2" s="1"/>
  <c r="G2048" i="2" a="1"/>
  <c r="G2048" i="2" s="1"/>
  <c r="G2035" i="2" a="1"/>
  <c r="G2035" i="2" s="1"/>
  <c r="G2041" i="2" a="1"/>
  <c r="G2041" i="2" s="1"/>
  <c r="G2027" i="2" a="1"/>
  <c r="G2027" i="2" s="1"/>
  <c r="G2036" i="2" a="1"/>
  <c r="G2036" i="2" s="1"/>
  <c r="G2031" i="2" a="1"/>
  <c r="G2031" i="2" s="1"/>
  <c r="G2032" i="2" a="1"/>
  <c r="G2032" i="2" s="1"/>
  <c r="G2049" i="2" a="1"/>
  <c r="G2049" i="2" s="1"/>
  <c r="G2029" i="2" a="1"/>
  <c r="G2029" i="2" s="1"/>
  <c r="G2037" i="2" a="1"/>
  <c r="G2037" i="2" s="1"/>
  <c r="G2034" i="2" a="1"/>
  <c r="G2034" i="2" s="1"/>
  <c r="G2033" i="2" a="1"/>
  <c r="G2033" i="2" s="1"/>
  <c r="G2043" i="2" a="1"/>
  <c r="G2043" i="2" s="1"/>
  <c r="G2040" i="2" a="1"/>
  <c r="G2040" i="2" s="1"/>
  <c r="G2044" i="2" a="1"/>
  <c r="G2044" i="2" s="1"/>
  <c r="G2038" i="2" a="1"/>
  <c r="G2038" i="2" s="1"/>
  <c r="G2042" i="2" a="1"/>
  <c r="G2042" i="2" s="1"/>
  <c r="F4197" i="2" a="1"/>
  <c r="F4197" i="2" s="1"/>
  <c r="F4200" i="2" a="1"/>
  <c r="F4200" i="2" s="1"/>
  <c r="F4187" i="2" a="1"/>
  <c r="F4187" i="2" s="1"/>
  <c r="F4205" i="2" a="1"/>
  <c r="F4205" i="2" s="1"/>
  <c r="F4198" i="2" a="1"/>
  <c r="F4198" i="2" s="1"/>
  <c r="F4209" i="2" a="1"/>
  <c r="F4209" i="2" s="1"/>
  <c r="F4188" i="2" a="1"/>
  <c r="F4188" i="2" s="1"/>
  <c r="F4206" i="2" a="1"/>
  <c r="F4206" i="2" s="1"/>
  <c r="F4186" i="2" a="1"/>
  <c r="F4186" i="2" s="1"/>
  <c r="F4201" i="2" a="1"/>
  <c r="F4201" i="2" s="1"/>
  <c r="F4196" i="2" a="1"/>
  <c r="F4196" i="2" s="1"/>
  <c r="F4191" i="2" a="1"/>
  <c r="F4191" i="2" s="1"/>
  <c r="F4192" i="2" a="1"/>
  <c r="F4192" i="2" s="1"/>
  <c r="F4195" i="2" a="1"/>
  <c r="F4195" i="2" s="1"/>
  <c r="F4204" i="2" a="1"/>
  <c r="F4204" i="2" s="1"/>
  <c r="F4193" i="2" a="1"/>
  <c r="F4193" i="2" s="1"/>
  <c r="H8391" i="2" a="1"/>
  <c r="H8391" i="2" s="1"/>
  <c r="H8395" i="2" a="1"/>
  <c r="H8395" i="2" s="1"/>
  <c r="H8389" i="2" a="1"/>
  <c r="H8389" i="2" s="1"/>
  <c r="H8399" i="2" a="1"/>
  <c r="H8399" i="2" s="1"/>
  <c r="H8386" i="2" a="1"/>
  <c r="H8386" i="2" s="1"/>
  <c r="H8387" i="2" a="1"/>
  <c r="H8387" i="2" s="1"/>
  <c r="H8393" i="2" a="1"/>
  <c r="H8393" i="2" s="1"/>
  <c r="H8403" i="2" a="1"/>
  <c r="H8403" i="2" s="1"/>
  <c r="H8409" i="2" a="1"/>
  <c r="H8409" i="2" s="1"/>
  <c r="H8397" i="2" a="1"/>
  <c r="H8397" i="2" s="1"/>
  <c r="H8406" i="2" a="1"/>
  <c r="H8406" i="2" s="1"/>
  <c r="H8402" i="2" a="1"/>
  <c r="H8402" i="2" s="1"/>
  <c r="H8408" i="2" a="1"/>
  <c r="H8408" i="2" s="1"/>
  <c r="H8390" i="2" a="1"/>
  <c r="H8390" i="2" s="1"/>
  <c r="H8398" i="2" a="1"/>
  <c r="H8398" i="2" s="1"/>
  <c r="H8396" i="2" a="1"/>
  <c r="H8396" i="2" s="1"/>
  <c r="H8404" i="2" a="1"/>
  <c r="H8404" i="2" s="1"/>
  <c r="H8394" i="2" a="1"/>
  <c r="H8394" i="2" s="1"/>
  <c r="H8388" i="2" a="1"/>
  <c r="H8388" i="2" s="1"/>
  <c r="H8392" i="2" a="1"/>
  <c r="H8392" i="2" s="1"/>
  <c r="H8400" i="2" a="1"/>
  <c r="H8400" i="2" s="1"/>
  <c r="H8407" i="2" a="1"/>
  <c r="H8407" i="2" s="1"/>
  <c r="H8401" i="2" a="1"/>
  <c r="H8401" i="2" s="1"/>
  <c r="H8405" i="2" a="1"/>
  <c r="H8405" i="2" s="1"/>
  <c r="G5428" i="2" a="1"/>
  <c r="G5428" i="2" s="1"/>
  <c r="G5432" i="2" a="1"/>
  <c r="G5432" i="2" s="1"/>
  <c r="G5410" i="2" a="1"/>
  <c r="G5410" i="2" s="1"/>
  <c r="G5431" i="2" a="1"/>
  <c r="G5431" i="2" s="1"/>
  <c r="G5419" i="2" a="1"/>
  <c r="G5419" i="2" s="1"/>
  <c r="G5411" i="2" a="1"/>
  <c r="G5411" i="2" s="1"/>
  <c r="G5416" i="2" a="1"/>
  <c r="G5416" i="2" s="1"/>
  <c r="G5427" i="2" a="1"/>
  <c r="G5427" i="2" s="1"/>
  <c r="G5430" i="2" a="1"/>
  <c r="G5430" i="2" s="1"/>
  <c r="G5415" i="2" a="1"/>
  <c r="G5415" i="2" s="1"/>
  <c r="G5414" i="2" a="1"/>
  <c r="G5414" i="2" s="1"/>
  <c r="G5420" i="2" a="1"/>
  <c r="G5420" i="2" s="1"/>
  <c r="G5413" i="2" a="1"/>
  <c r="G5413" i="2" s="1"/>
  <c r="G5417" i="2" a="1"/>
  <c r="G5417" i="2" s="1"/>
  <c r="G5412" i="2" a="1"/>
  <c r="G5412" i="2" s="1"/>
  <c r="G5418" i="2" a="1"/>
  <c r="G5418" i="2" s="1"/>
  <c r="G5426" i="2" a="1"/>
  <c r="G5426" i="2" s="1"/>
  <c r="G5425" i="2" a="1"/>
  <c r="G5425" i="2" s="1"/>
  <c r="G5429" i="2" a="1"/>
  <c r="G5429" i="2" s="1"/>
  <c r="G5433" i="2" a="1"/>
  <c r="G5433" i="2" s="1"/>
  <c r="G5421" i="2" a="1"/>
  <c r="G5421" i="2" s="1"/>
  <c r="G5423" i="2" a="1"/>
  <c r="G5423" i="2" s="1"/>
  <c r="G5424" i="2" a="1"/>
  <c r="G5424" i="2" s="1"/>
  <c r="G5422" i="2" a="1"/>
  <c r="G5422" i="2" s="1"/>
  <c r="D1817" i="2" a="1"/>
  <c r="D1817" i="2" s="1"/>
  <c r="D1811" i="2" a="1"/>
  <c r="D1811" i="2" s="1"/>
  <c r="D1832" i="2" a="1"/>
  <c r="D1832" i="2" s="1"/>
  <c r="D1825" i="2" a="1"/>
  <c r="D1825" i="2" s="1"/>
  <c r="D1823" i="2" a="1"/>
  <c r="D1823" i="2" s="1"/>
  <c r="D1815" i="2" a="1"/>
  <c r="D1815" i="2" s="1"/>
  <c r="D1819" i="2" a="1"/>
  <c r="D1819" i="2" s="1"/>
  <c r="D1827" i="2" a="1"/>
  <c r="D1827" i="2" s="1"/>
  <c r="D1821" i="2" a="1"/>
  <c r="D1821" i="2" s="1"/>
  <c r="D1813" i="2" a="1"/>
  <c r="D1813" i="2" s="1"/>
  <c r="D1826" i="2" a="1"/>
  <c r="D1826" i="2" s="1"/>
  <c r="D1831" i="2" a="1"/>
  <c r="D1831" i="2" s="1"/>
  <c r="D1824" i="2" a="1"/>
  <c r="D1824" i="2" s="1"/>
  <c r="D1828" i="2" a="1"/>
  <c r="D1828" i="2" s="1"/>
  <c r="D1829" i="2" a="1"/>
  <c r="D1829" i="2" s="1"/>
  <c r="D1814" i="2" a="1"/>
  <c r="D1814" i="2" s="1"/>
  <c r="D1818" i="2" a="1"/>
  <c r="D1818" i="2" s="1"/>
  <c r="D1816" i="2" a="1"/>
  <c r="D1816" i="2" s="1"/>
  <c r="D1810" i="2" a="1"/>
  <c r="D1810" i="2" s="1"/>
  <c r="D1822" i="2" a="1"/>
  <c r="D1822" i="2" s="1"/>
  <c r="D1830" i="2" a="1"/>
  <c r="D1830" i="2" s="1"/>
  <c r="D1833" i="2" a="1"/>
  <c r="D1833" i="2" s="1"/>
  <c r="D1812" i="2" a="1"/>
  <c r="D1812" i="2" s="1"/>
  <c r="D1820" i="2" a="1"/>
  <c r="D1820" i="2" s="1"/>
  <c r="G2421" i="2" a="1"/>
  <c r="G2421" i="2" s="1"/>
  <c r="G2422" i="2" a="1"/>
  <c r="G2422" i="2" s="1"/>
  <c r="G2410" i="2" a="1"/>
  <c r="G2410" i="2" s="1"/>
  <c r="G2433" i="2" a="1"/>
  <c r="G2433" i="2" s="1"/>
  <c r="G2423" i="2" a="1"/>
  <c r="G2423" i="2" s="1"/>
  <c r="G2418" i="2" a="1"/>
  <c r="G2418" i="2" s="1"/>
  <c r="G2411" i="2" a="1"/>
  <c r="G2411" i="2" s="1"/>
  <c r="G2417" i="2" a="1"/>
  <c r="G2417" i="2" s="1"/>
  <c r="G2427" i="2" a="1"/>
  <c r="G2427" i="2" s="1"/>
  <c r="G2413" i="2" a="1"/>
  <c r="G2413" i="2" s="1"/>
  <c r="G2430" i="2" a="1"/>
  <c r="G2430" i="2" s="1"/>
  <c r="G2420" i="2" a="1"/>
  <c r="G2420" i="2" s="1"/>
  <c r="G2429" i="2" a="1"/>
  <c r="G2429" i="2" s="1"/>
  <c r="G2425" i="2" a="1"/>
  <c r="G2425" i="2" s="1"/>
  <c r="G2431" i="2" a="1"/>
  <c r="G2431" i="2" s="1"/>
  <c r="G2426" i="2" a="1"/>
  <c r="G2426" i="2" s="1"/>
  <c r="G2432" i="2" a="1"/>
  <c r="G2432" i="2" s="1"/>
  <c r="G2424" i="2" a="1"/>
  <c r="G2424" i="2" s="1"/>
  <c r="G2414" i="2" a="1"/>
  <c r="G2414" i="2" s="1"/>
  <c r="D7374" i="2" a="1"/>
  <c r="D7374" i="2" s="1"/>
  <c r="D7371" i="2" a="1"/>
  <c r="D7371" i="2" s="1"/>
  <c r="D7354" i="2" a="1"/>
  <c r="D7354" i="2" s="1"/>
  <c r="D7357" i="2" a="1"/>
  <c r="D7357" i="2" s="1"/>
  <c r="D7361" i="2" a="1"/>
  <c r="D7361" i="2" s="1"/>
  <c r="D7365" i="2" a="1"/>
  <c r="D7365" i="2" s="1"/>
  <c r="D7368" i="2" a="1"/>
  <c r="D7368" i="2" s="1"/>
  <c r="D7372" i="2" a="1"/>
  <c r="D7372" i="2" s="1"/>
  <c r="D7369" i="2" a="1"/>
  <c r="D7369" i="2" s="1"/>
  <c r="D7355" i="2" a="1"/>
  <c r="D7355" i="2" s="1"/>
  <c r="D7359" i="2" a="1"/>
  <c r="D7359" i="2" s="1"/>
  <c r="D7363" i="2" a="1"/>
  <c r="D7363" i="2" s="1"/>
  <c r="D7367" i="2" a="1"/>
  <c r="D7367" i="2" s="1"/>
  <c r="D7366" i="2" a="1"/>
  <c r="D7366" i="2" s="1"/>
  <c r="D7370" i="2" a="1"/>
  <c r="D7370" i="2" s="1"/>
  <c r="D7373" i="2" a="1"/>
  <c r="D7373" i="2" s="1"/>
  <c r="D7377" i="2" a="1"/>
  <c r="D7377" i="2" s="1"/>
  <c r="D7358" i="2" a="1"/>
  <c r="D7358" i="2" s="1"/>
  <c r="D7364" i="2" a="1"/>
  <c r="D7364" i="2" s="1"/>
  <c r="D7375" i="2" a="1"/>
  <c r="D7375" i="2" s="1"/>
  <c r="D7356" i="2" a="1"/>
  <c r="D7356" i="2" s="1"/>
  <c r="D7360" i="2" a="1"/>
  <c r="D7360" i="2" s="1"/>
  <c r="D7376" i="2" a="1"/>
  <c r="D7376" i="2" s="1"/>
  <c r="D7362" i="2" a="1"/>
  <c r="D7362" i="2" s="1"/>
  <c r="F7702" i="2" a="1"/>
  <c r="F7702" i="2" s="1"/>
  <c r="F7710" i="2" a="1"/>
  <c r="F7710" i="2" s="1"/>
  <c r="F7696" i="2" a="1"/>
  <c r="F7696" i="2" s="1"/>
  <c r="F7700" i="2" a="1"/>
  <c r="F7700" i="2" s="1"/>
  <c r="F7703" i="2" a="1"/>
  <c r="F7703" i="2" s="1"/>
  <c r="F7708" i="2" a="1"/>
  <c r="F7708" i="2" s="1"/>
  <c r="F7705" i="2" a="1"/>
  <c r="F7705" i="2" s="1"/>
  <c r="F7691" i="2" a="1"/>
  <c r="F7691" i="2" s="1"/>
  <c r="F7690" i="2" a="1"/>
  <c r="F7690" i="2" s="1"/>
  <c r="F7692" i="2" a="1"/>
  <c r="F7692" i="2" s="1"/>
  <c r="F7697" i="2" a="1"/>
  <c r="F7697" i="2" s="1"/>
  <c r="F7693" i="2" a="1"/>
  <c r="F7693" i="2" s="1"/>
  <c r="F7707" i="2" a="1"/>
  <c r="F7707" i="2" s="1"/>
  <c r="F7699" i="2" a="1"/>
  <c r="F7699" i="2" s="1"/>
  <c r="F7704" i="2" a="1"/>
  <c r="F7704" i="2" s="1"/>
  <c r="F7711" i="2" a="1"/>
  <c r="F7711" i="2" s="1"/>
  <c r="F7695" i="2" a="1"/>
  <c r="F7695" i="2" s="1"/>
  <c r="F7694" i="2" a="1"/>
  <c r="F7694" i="2" s="1"/>
  <c r="F7698" i="2" a="1"/>
  <c r="F7698" i="2" s="1"/>
  <c r="F7706" i="2" a="1"/>
  <c r="F7706" i="2" s="1"/>
  <c r="F7701" i="2" a="1"/>
  <c r="F7701" i="2" s="1"/>
  <c r="F7709" i="2" a="1"/>
  <c r="F7709" i="2" s="1"/>
  <c r="F7712" i="2" a="1"/>
  <c r="F7712" i="2" s="1"/>
  <c r="F7713" i="2" a="1"/>
  <c r="F7713" i="2" s="1"/>
  <c r="F8486" i="2" a="1"/>
  <c r="F8486" i="2" s="1"/>
  <c r="F8489" i="2" a="1"/>
  <c r="F8489" i="2" s="1"/>
  <c r="F8497" i="2" a="1"/>
  <c r="F8497" i="2" s="1"/>
  <c r="F8496" i="2" a="1"/>
  <c r="F8496" i="2" s="1"/>
  <c r="F8500" i="2" a="1"/>
  <c r="F8500" i="2" s="1"/>
  <c r="F8485" i="2" a="1"/>
  <c r="F8485" i="2" s="1"/>
  <c r="F8483" i="2" a="1"/>
  <c r="F8483" i="2" s="1"/>
  <c r="F8492" i="2" a="1"/>
  <c r="F8492" i="2" s="1"/>
  <c r="F8502" i="2" a="1"/>
  <c r="F8502" i="2" s="1"/>
  <c r="H1062" i="2" a="1"/>
  <c r="H1062" i="2" s="1"/>
  <c r="H1053" i="2" a="1"/>
  <c r="H1053" i="2" s="1"/>
  <c r="H1049" i="2" a="1"/>
  <c r="H1049" i="2" s="1"/>
  <c r="H1050" i="2" a="1"/>
  <c r="H1050" i="2" s="1"/>
  <c r="H1051" i="2" a="1"/>
  <c r="H1051" i="2" s="1"/>
  <c r="H1042" i="2" a="1"/>
  <c r="H1042" i="2" s="1"/>
  <c r="H1065" i="2" a="1"/>
  <c r="H1065" i="2" s="1"/>
  <c r="H1055" i="2" a="1"/>
  <c r="H1055" i="2" s="1"/>
  <c r="H1045" i="2" a="1"/>
  <c r="H1045" i="2" s="1"/>
  <c r="H1054" i="2" a="1"/>
  <c r="H1054" i="2" s="1"/>
  <c r="H1060" i="2" a="1"/>
  <c r="H1060" i="2" s="1"/>
  <c r="H1043" i="2" a="1"/>
  <c r="H1043" i="2" s="1"/>
  <c r="H1061" i="2" a="1"/>
  <c r="H1061" i="2" s="1"/>
  <c r="H1058" i="2" a="1"/>
  <c r="H1058" i="2" s="1"/>
  <c r="H1056" i="2" a="1"/>
  <c r="H1056" i="2" s="1"/>
  <c r="H1057" i="2" a="1"/>
  <c r="H1057" i="2" s="1"/>
  <c r="H1048" i="2" a="1"/>
  <c r="H1048" i="2" s="1"/>
  <c r="H1046" i="2" a="1"/>
  <c r="H1046" i="2" s="1"/>
  <c r="H1047" i="2" a="1"/>
  <c r="H1047" i="2" s="1"/>
  <c r="H1064" i="2" a="1"/>
  <c r="H1064" i="2" s="1"/>
  <c r="H1044" i="2" a="1"/>
  <c r="H1044" i="2" s="1"/>
  <c r="H1052" i="2" a="1"/>
  <c r="H1052" i="2" s="1"/>
  <c r="H1059" i="2" a="1"/>
  <c r="H1059" i="2" s="1"/>
  <c r="F3311" i="2" a="1"/>
  <c r="F3311" i="2" s="1"/>
  <c r="F3314" i="2" a="1"/>
  <c r="F3314" i="2" s="1"/>
  <c r="F3320" i="2" a="1"/>
  <c r="F3320" i="2" s="1"/>
  <c r="F3321" i="2" a="1"/>
  <c r="F3321" i="2" s="1"/>
  <c r="F3307" i="2" a="1"/>
  <c r="F3307" i="2" s="1"/>
  <c r="F3315" i="2" a="1"/>
  <c r="F3315" i="2" s="1"/>
  <c r="F3313" i="2" a="1"/>
  <c r="F3313" i="2" s="1"/>
  <c r="F3312" i="2" a="1"/>
  <c r="F3312" i="2" s="1"/>
  <c r="F3308" i="2" a="1"/>
  <c r="F3308" i="2" s="1"/>
  <c r="F3302" i="2" a="1"/>
  <c r="F3302" i="2" s="1"/>
  <c r="F3305" i="2" a="1"/>
  <c r="F3305" i="2" s="1"/>
  <c r="F3300" i="2" a="1"/>
  <c r="F3300" i="2" s="1"/>
  <c r="F3317" i="2" a="1"/>
  <c r="F3317" i="2" s="1"/>
  <c r="F3319" i="2" a="1"/>
  <c r="F3319" i="2" s="1"/>
  <c r="F3309" i="2" a="1"/>
  <c r="F3309" i="2" s="1"/>
  <c r="F3304" i="2" a="1"/>
  <c r="F3304" i="2" s="1"/>
  <c r="F3298" i="2" a="1"/>
  <c r="F3298" i="2" s="1"/>
  <c r="F3310" i="2" a="1"/>
  <c r="F3310" i="2" s="1"/>
  <c r="F3318" i="2" a="1"/>
  <c r="F3318" i="2" s="1"/>
  <c r="F3303" i="2" a="1"/>
  <c r="F3303" i="2" s="1"/>
  <c r="F3316" i="2" a="1"/>
  <c r="F3316" i="2" s="1"/>
  <c r="F3299" i="2" a="1"/>
  <c r="F3299" i="2" s="1"/>
  <c r="F3301" i="2" a="1"/>
  <c r="F3301" i="2" s="1"/>
  <c r="F3306" i="2" a="1"/>
  <c r="F3306" i="2" s="1"/>
  <c r="D178" i="2" a="1"/>
  <c r="D178" i="2" s="1"/>
  <c r="D183" i="2" a="1"/>
  <c r="D183" i="2" s="1"/>
  <c r="D194" i="2" a="1"/>
  <c r="D194" i="2" s="1"/>
  <c r="D193" i="2" a="1"/>
  <c r="D193" i="2" s="1"/>
  <c r="D201" i="2" a="1"/>
  <c r="D201" i="2" s="1"/>
  <c r="D196" i="2" a="1"/>
  <c r="D196" i="2" s="1"/>
  <c r="D184" i="2" a="1"/>
  <c r="D184" i="2" s="1"/>
  <c r="D180" i="2" a="1"/>
  <c r="D180" i="2" s="1"/>
  <c r="D191" i="2" a="1"/>
  <c r="D191" i="2" s="1"/>
  <c r="D187" i="2" a="1"/>
  <c r="D187" i="2" s="1"/>
  <c r="D181" i="2" a="1"/>
  <c r="D181" i="2" s="1"/>
  <c r="D200" i="2" a="1"/>
  <c r="D200" i="2" s="1"/>
  <c r="D192" i="2" a="1"/>
  <c r="D192" i="2" s="1"/>
  <c r="G4957" i="2" a="1"/>
  <c r="G4957" i="2" s="1"/>
  <c r="G4958" i="2" a="1"/>
  <c r="G4958" i="2" s="1"/>
  <c r="G4968" i="2" a="1"/>
  <c r="G4968" i="2" s="1"/>
  <c r="G4955" i="2" a="1"/>
  <c r="G4955" i="2" s="1"/>
  <c r="G4971" i="2" a="1"/>
  <c r="G4971" i="2" s="1"/>
  <c r="G4973" i="2" a="1"/>
  <c r="G4973" i="2" s="1"/>
  <c r="G4963" i="2" a="1"/>
  <c r="G4963" i="2" s="1"/>
  <c r="G4972" i="2" a="1"/>
  <c r="G4972" i="2" s="1"/>
  <c r="G4974" i="2" a="1"/>
  <c r="G4974" i="2" s="1"/>
  <c r="G4975" i="2" a="1"/>
  <c r="G4975" i="2" s="1"/>
  <c r="G4962" i="2" a="1"/>
  <c r="G4962" i="2" s="1"/>
  <c r="G4976" i="2" a="1"/>
  <c r="G4976" i="2" s="1"/>
  <c r="G4970" i="2" a="1"/>
  <c r="G4970" i="2" s="1"/>
  <c r="G4964" i="2" a="1"/>
  <c r="G4964" i="2" s="1"/>
  <c r="G4965" i="2" a="1"/>
  <c r="G4965" i="2" s="1"/>
  <c r="G4959" i="2" a="1"/>
  <c r="G4959" i="2" s="1"/>
  <c r="G4954" i="2" a="1"/>
  <c r="G4954" i="2" s="1"/>
  <c r="G4977" i="2" a="1"/>
  <c r="G4977" i="2" s="1"/>
  <c r="G4956" i="2" a="1"/>
  <c r="G4956" i="2" s="1"/>
  <c r="G4960" i="2" a="1"/>
  <c r="G4960" i="2" s="1"/>
  <c r="G4961" i="2" a="1"/>
  <c r="G4961" i="2" s="1"/>
  <c r="G4966" i="2" a="1"/>
  <c r="G4966" i="2" s="1"/>
  <c r="G4967" i="2" a="1"/>
  <c r="G4967" i="2" s="1"/>
  <c r="G4969" i="2" a="1"/>
  <c r="G4969" i="2" s="1"/>
  <c r="E4663" i="2" a="1"/>
  <c r="E4663" i="2" s="1"/>
  <c r="E4648" i="2" a="1"/>
  <c r="E4648" i="2" s="1"/>
  <c r="E4651" i="2" a="1"/>
  <c r="E4651" i="2" s="1"/>
  <c r="E4644" i="2" a="1"/>
  <c r="E4644" i="2" s="1"/>
  <c r="E4658" i="2" a="1"/>
  <c r="E4658" i="2" s="1"/>
  <c r="E4655" i="2" a="1"/>
  <c r="E4655" i="2" s="1"/>
  <c r="E5403" i="2" a="1"/>
  <c r="E5403" i="2" s="1"/>
  <c r="E5400" i="2" a="1"/>
  <c r="E5400" i="2" s="1"/>
  <c r="E5387" i="2" a="1"/>
  <c r="E5387" i="2" s="1"/>
  <c r="E5390" i="2" a="1"/>
  <c r="E5390" i="2" s="1"/>
  <c r="E5398" i="2" a="1"/>
  <c r="E5398" i="2" s="1"/>
  <c r="E5393" i="2" a="1"/>
  <c r="E5393" i="2" s="1"/>
  <c r="E5409" i="2" a="1"/>
  <c r="E5409" i="2" s="1"/>
  <c r="E5397" i="2" a="1"/>
  <c r="E5397" i="2" s="1"/>
  <c r="E5405" i="2" a="1"/>
  <c r="E5405" i="2" s="1"/>
  <c r="E5404" i="2" a="1"/>
  <c r="E5404" i="2" s="1"/>
  <c r="E5388" i="2" a="1"/>
  <c r="E5388" i="2" s="1"/>
  <c r="E5396" i="2" a="1"/>
  <c r="E5396" i="2" s="1"/>
  <c r="E5406" i="2" a="1"/>
  <c r="E5406" i="2" s="1"/>
  <c r="E5395" i="2" a="1"/>
  <c r="E5395" i="2" s="1"/>
  <c r="E5386" i="2" a="1"/>
  <c r="E5386" i="2" s="1"/>
  <c r="E5408" i="2" a="1"/>
  <c r="E5408" i="2" s="1"/>
  <c r="E5399" i="2" a="1"/>
  <c r="E5399" i="2" s="1"/>
  <c r="E5401" i="2" a="1"/>
  <c r="E5401" i="2" s="1"/>
  <c r="E5402" i="2" a="1"/>
  <c r="E5402" i="2" s="1"/>
  <c r="E5407" i="2" a="1"/>
  <c r="E5407" i="2" s="1"/>
  <c r="E5391" i="2" a="1"/>
  <c r="E5391" i="2" s="1"/>
  <c r="E5389" i="2" a="1"/>
  <c r="E5389" i="2" s="1"/>
  <c r="E5394" i="2" a="1"/>
  <c r="E5394" i="2" s="1"/>
  <c r="E5392" i="2" a="1"/>
  <c r="E5392" i="2" s="1"/>
  <c r="F2315" i="2" a="1"/>
  <c r="F2315" i="2" s="1"/>
  <c r="F2332" i="2" a="1"/>
  <c r="F2332" i="2" s="1"/>
  <c r="F2321" i="2" a="1"/>
  <c r="F2321" i="2" s="1"/>
  <c r="F2319" i="2" a="1"/>
  <c r="F2319" i="2" s="1"/>
  <c r="F2333" i="2" a="1"/>
  <c r="F2333" i="2" s="1"/>
  <c r="F2316" i="2" a="1"/>
  <c r="F2316" i="2" s="1"/>
  <c r="F2317" i="2" a="1"/>
  <c r="F2317" i="2" s="1"/>
  <c r="F2328" i="2" a="1"/>
  <c r="F2328" i="2" s="1"/>
  <c r="F2326" i="2" a="1"/>
  <c r="F2326" i="2" s="1"/>
  <c r="F2336" i="2" a="1"/>
  <c r="F2336" i="2" s="1"/>
  <c r="F2331" i="2" a="1"/>
  <c r="F2331" i="2" s="1"/>
  <c r="F2322" i="2" a="1"/>
  <c r="F2322" i="2" s="1"/>
  <c r="F2329" i="2" a="1"/>
  <c r="F2329" i="2" s="1"/>
  <c r="F2334" i="2" a="1"/>
  <c r="F2334" i="2" s="1"/>
  <c r="F2320" i="2" a="1"/>
  <c r="F2320" i="2" s="1"/>
  <c r="F2314" i="2" a="1"/>
  <c r="F2314" i="2" s="1"/>
  <c r="AN187" i="1"/>
  <c r="D193" i="5" s="1"/>
  <c r="AO187" i="1"/>
  <c r="E193" i="5" s="1"/>
  <c r="E4481" i="2" a="1"/>
  <c r="E4481" i="2" s="1"/>
  <c r="E4495" i="2" a="1"/>
  <c r="E4495" i="2" s="1"/>
  <c r="E4487" i="2" a="1"/>
  <c r="E4487" i="2" s="1"/>
  <c r="E4484" i="2" a="1"/>
  <c r="E4484" i="2" s="1"/>
  <c r="E4497" i="2" a="1"/>
  <c r="E4497" i="2" s="1"/>
  <c r="E4486" i="2" a="1"/>
  <c r="E4486" i="2" s="1"/>
  <c r="H4593" i="2" a="1"/>
  <c r="H4593" i="2" s="1"/>
  <c r="H4585" i="2" a="1"/>
  <c r="H4585" i="2" s="1"/>
  <c r="H4570" i="2" a="1"/>
  <c r="H4570" i="2" s="1"/>
  <c r="H4571" i="2" a="1"/>
  <c r="H4571" i="2" s="1"/>
  <c r="H4586" i="2" a="1"/>
  <c r="H4586" i="2" s="1"/>
  <c r="H4580" i="2" a="1"/>
  <c r="H4580" i="2" s="1"/>
  <c r="H4581" i="2" a="1"/>
  <c r="H4581" i="2" s="1"/>
  <c r="H4578" i="2" a="1"/>
  <c r="H4578" i="2" s="1"/>
  <c r="H4591" i="2" a="1"/>
  <c r="H4591" i="2" s="1"/>
  <c r="H4587" i="2" a="1"/>
  <c r="H4587" i="2" s="1"/>
  <c r="H4582" i="2" a="1"/>
  <c r="H4582" i="2" s="1"/>
  <c r="H4588" i="2" a="1"/>
  <c r="H4588" i="2" s="1"/>
  <c r="H4592" i="2" a="1"/>
  <c r="H4592" i="2" s="1"/>
  <c r="H4583" i="2" a="1"/>
  <c r="H4583" i="2" s="1"/>
  <c r="H4574" i="2" a="1"/>
  <c r="H4574" i="2" s="1"/>
  <c r="H4577" i="2" a="1"/>
  <c r="H4577" i="2" s="1"/>
  <c r="H4589" i="2" a="1"/>
  <c r="H4589" i="2" s="1"/>
  <c r="H4572" i="2" a="1"/>
  <c r="H4572" i="2" s="1"/>
  <c r="H4579" i="2" a="1"/>
  <c r="H4579" i="2" s="1"/>
  <c r="H4584" i="2" a="1"/>
  <c r="H4584" i="2" s="1"/>
  <c r="H4575" i="2" a="1"/>
  <c r="H4575" i="2" s="1"/>
  <c r="H4573" i="2" a="1"/>
  <c r="H4573" i="2" s="1"/>
  <c r="H4590" i="2" a="1"/>
  <c r="H4590" i="2" s="1"/>
  <c r="H4576" i="2" a="1"/>
  <c r="H4576" i="2" s="1"/>
  <c r="H2528" i="2" a="1"/>
  <c r="H2528" i="2" s="1"/>
  <c r="H2512" i="2" a="1"/>
  <c r="H2512" i="2" s="1"/>
  <c r="H2516" i="2" a="1"/>
  <c r="H2516" i="2" s="1"/>
  <c r="H2522" i="2" a="1"/>
  <c r="H2522" i="2" s="1"/>
  <c r="H2510" i="2" a="1"/>
  <c r="H2510" i="2" s="1"/>
  <c r="H2523" i="2" a="1"/>
  <c r="H2523" i="2" s="1"/>
  <c r="H2507" i="2" a="1"/>
  <c r="H2507" i="2" s="1"/>
  <c r="H2526" i="2" a="1"/>
  <c r="H2526" i="2" s="1"/>
  <c r="H2511" i="2" a="1"/>
  <c r="H2511" i="2" s="1"/>
  <c r="H2529" i="2" a="1"/>
  <c r="H2529" i="2" s="1"/>
  <c r="H2506" i="2" a="1"/>
  <c r="H2506" i="2" s="1"/>
  <c r="H2508" i="2" a="1"/>
  <c r="H2508" i="2" s="1"/>
  <c r="H2525" i="2" a="1"/>
  <c r="H2525" i="2" s="1"/>
  <c r="H8358" i="2" a="1"/>
  <c r="H8358" i="2" s="1"/>
  <c r="H8359" i="2" a="1"/>
  <c r="H8359" i="2" s="1"/>
  <c r="H8361" i="2" a="1"/>
  <c r="H8361" i="2" s="1"/>
  <c r="H8352" i="2" a="1"/>
  <c r="H8352" i="2" s="1"/>
  <c r="H8347" i="2" a="1"/>
  <c r="H8347" i="2" s="1"/>
  <c r="H8354" i="2" a="1"/>
  <c r="H8354" i="2" s="1"/>
  <c r="H8344" i="2" a="1"/>
  <c r="H8344" i="2" s="1"/>
  <c r="H8353" i="2" a="1"/>
  <c r="H8353" i="2" s="1"/>
  <c r="H8356" i="2" a="1"/>
  <c r="H8356" i="2" s="1"/>
  <c r="G5719" i="2" a="1"/>
  <c r="G5719" i="2" s="1"/>
  <c r="G5699" i="2" a="1"/>
  <c r="G5699" i="2" s="1"/>
  <c r="G5698" i="2" a="1"/>
  <c r="G5698" i="2" s="1"/>
  <c r="G5702" i="2" a="1"/>
  <c r="G5702" i="2" s="1"/>
  <c r="G5713" i="2" a="1"/>
  <c r="G5713" i="2" s="1"/>
  <c r="G5709" i="2" a="1"/>
  <c r="G5709" i="2" s="1"/>
  <c r="G5700" i="2" a="1"/>
  <c r="G5700" i="2" s="1"/>
  <c r="G5715" i="2" a="1"/>
  <c r="G5715" i="2" s="1"/>
  <c r="G5701" i="2" a="1"/>
  <c r="G5701" i="2" s="1"/>
  <c r="G5711" i="2" a="1"/>
  <c r="G5711" i="2" s="1"/>
  <c r="G5716" i="2" a="1"/>
  <c r="G5716" i="2" s="1"/>
  <c r="G5705" i="2" a="1"/>
  <c r="G5705" i="2" s="1"/>
  <c r="G5707" i="2" a="1"/>
  <c r="G5707" i="2" s="1"/>
  <c r="G5712" i="2" a="1"/>
  <c r="G5712" i="2" s="1"/>
  <c r="G5714" i="2" a="1"/>
  <c r="G5714" i="2" s="1"/>
  <c r="G5704" i="2" a="1"/>
  <c r="G5704" i="2" s="1"/>
  <c r="G5708" i="2" a="1"/>
  <c r="G5708" i="2" s="1"/>
  <c r="G5720" i="2" a="1"/>
  <c r="G5720" i="2" s="1"/>
  <c r="G5710" i="2" a="1"/>
  <c r="G5710" i="2" s="1"/>
  <c r="G5718" i="2" a="1"/>
  <c r="G5718" i="2" s="1"/>
  <c r="G5717" i="2" a="1"/>
  <c r="G5717" i="2" s="1"/>
  <c r="G5703" i="2" a="1"/>
  <c r="G5703" i="2" s="1"/>
  <c r="G5721" i="2" a="1"/>
  <c r="G5721" i="2" s="1"/>
  <c r="G5706" i="2" a="1"/>
  <c r="G5706" i="2" s="1"/>
  <c r="H956" i="2" a="1"/>
  <c r="H956" i="2" s="1"/>
  <c r="H948" i="2" a="1"/>
  <c r="H948" i="2" s="1"/>
  <c r="H965" i="2" a="1"/>
  <c r="H965" i="2" s="1"/>
  <c r="H964" i="2" a="1"/>
  <c r="H964" i="2" s="1"/>
  <c r="H966" i="2" a="1"/>
  <c r="H966" i="2" s="1"/>
  <c r="H954" i="2" a="1"/>
  <c r="H954" i="2" s="1"/>
  <c r="H946" i="2" a="1"/>
  <c r="H946" i="2" s="1"/>
  <c r="H957" i="2" a="1"/>
  <c r="H957" i="2" s="1"/>
  <c r="H953" i="2" a="1"/>
  <c r="H953" i="2" s="1"/>
  <c r="H949" i="2" a="1"/>
  <c r="H949" i="2" s="1"/>
  <c r="H1576" i="2" a="1"/>
  <c r="H1576" i="2" s="1"/>
  <c r="H1584" i="2" a="1"/>
  <c r="H1584" i="2" s="1"/>
  <c r="H1573" i="2" a="1"/>
  <c r="H1573" i="2" s="1"/>
  <c r="H1582" i="2" a="1"/>
  <c r="H1582" i="2" s="1"/>
  <c r="H1592" i="2" a="1"/>
  <c r="H1592" i="2" s="1"/>
  <c r="H1588" i="2" a="1"/>
  <c r="H1588" i="2" s="1"/>
  <c r="H1587" i="2" a="1"/>
  <c r="H1587" i="2" s="1"/>
  <c r="D2941" i="2" a="1"/>
  <c r="D2941" i="2" s="1"/>
  <c r="D2961" i="2" a="1"/>
  <c r="D2961" i="2" s="1"/>
  <c r="D2943" i="2" a="1"/>
  <c r="D2943" i="2" s="1"/>
  <c r="D2959" i="2" a="1"/>
  <c r="D2959" i="2" s="1"/>
  <c r="D2952" i="2" a="1"/>
  <c r="D2952" i="2" s="1"/>
  <c r="D2954" i="2" a="1"/>
  <c r="D2954" i="2" s="1"/>
  <c r="D2940" i="2" a="1"/>
  <c r="D2940" i="2" s="1"/>
  <c r="D2956" i="2" a="1"/>
  <c r="D2956" i="2" s="1"/>
  <c r="D2938" i="2" a="1"/>
  <c r="D2938" i="2" s="1"/>
  <c r="D2947" i="2" a="1"/>
  <c r="D2947" i="2" s="1"/>
  <c r="D2942" i="2" a="1"/>
  <c r="D2942" i="2" s="1"/>
  <c r="D2949" i="2" a="1"/>
  <c r="D2949" i="2" s="1"/>
  <c r="D2958" i="2" a="1"/>
  <c r="D2958" i="2" s="1"/>
  <c r="D2955" i="2" a="1"/>
  <c r="D2955" i="2" s="1"/>
  <c r="D2944" i="2" a="1"/>
  <c r="D2944" i="2" s="1"/>
  <c r="D2960" i="2" a="1"/>
  <c r="D2960" i="2" s="1"/>
  <c r="D2953" i="2" a="1"/>
  <c r="D2953" i="2" s="1"/>
  <c r="D2939" i="2" a="1"/>
  <c r="D2939" i="2" s="1"/>
  <c r="D2957" i="2" a="1"/>
  <c r="D2957" i="2" s="1"/>
  <c r="D2945" i="2" a="1"/>
  <c r="D2945" i="2" s="1"/>
  <c r="D2951" i="2" a="1"/>
  <c r="D2951" i="2" s="1"/>
  <c r="D2946" i="2" a="1"/>
  <c r="D2946" i="2" s="1"/>
  <c r="D2948" i="2" a="1"/>
  <c r="D2948" i="2" s="1"/>
  <c r="D2950" i="2" a="1"/>
  <c r="D2950" i="2" s="1"/>
  <c r="D5741" i="2" a="1"/>
  <c r="D5741" i="2" s="1"/>
  <c r="F3160" i="2" a="1"/>
  <c r="F3160" i="2" s="1"/>
  <c r="H229" i="2" a="1"/>
  <c r="H229" i="2" s="1"/>
  <c r="F8116" i="2" a="1"/>
  <c r="F8116" i="2" s="1"/>
  <c r="E2476" i="2" a="1"/>
  <c r="E2476" i="2" s="1"/>
  <c r="E5304" i="2" a="1"/>
  <c r="E5304" i="2" s="1"/>
  <c r="E6432" i="2" a="1"/>
  <c r="E6432" i="2" s="1"/>
  <c r="G5153" i="2" a="1"/>
  <c r="G5153" i="2" s="1"/>
  <c r="H3817" i="2" a="1"/>
  <c r="H3817" i="2" s="1"/>
  <c r="E4782" i="2" a="1"/>
  <c r="E4782" i="2" s="1"/>
  <c r="E3791" i="2" a="1"/>
  <c r="E3791" i="2" s="1"/>
  <c r="D8439" i="2" a="1"/>
  <c r="D8439" i="2" s="1"/>
  <c r="D6155" i="2" a="1"/>
  <c r="D6155" i="2" s="1"/>
  <c r="D2194" i="2" a="1"/>
  <c r="D2194" i="2" s="1"/>
  <c r="G2419" i="2" a="1"/>
  <c r="G2419" i="2" s="1"/>
  <c r="G1612" i="2" a="1"/>
  <c r="G1612" i="2" s="1"/>
  <c r="D6337" i="2" a="1"/>
  <c r="D6337" i="2" s="1"/>
  <c r="D5735" i="2" a="1"/>
  <c r="D5735" i="2" s="1"/>
  <c r="G3430" i="2" a="1"/>
  <c r="G3430" i="2" s="1"/>
  <c r="G2502" i="2" a="1"/>
  <c r="G2502" i="2" s="1"/>
  <c r="F3156" i="2" a="1"/>
  <c r="F3156" i="2" s="1"/>
  <c r="E8252" i="2" a="1"/>
  <c r="E8252" i="2" s="1"/>
  <c r="H242" i="2" a="1"/>
  <c r="H242" i="2" s="1"/>
  <c r="F8109" i="2" a="1"/>
  <c r="F8109" i="2" s="1"/>
  <c r="E6324" i="2" a="1"/>
  <c r="E6324" i="2" s="1"/>
  <c r="E2474" i="2" a="1"/>
  <c r="E2474" i="2" s="1"/>
  <c r="E5302" i="2" a="1"/>
  <c r="E5302" i="2" s="1"/>
  <c r="E6429" i="2" a="1"/>
  <c r="E6429" i="2" s="1"/>
  <c r="G5155" i="2" a="1"/>
  <c r="G5155" i="2" s="1"/>
  <c r="H3820" i="2" a="1"/>
  <c r="H3820" i="2" s="1"/>
  <c r="E4770" i="2" a="1"/>
  <c r="E4770" i="2" s="1"/>
  <c r="F157" i="2" a="1"/>
  <c r="F157" i="2" s="1"/>
  <c r="E3801" i="2" a="1"/>
  <c r="E3801" i="2" s="1"/>
  <c r="D6165" i="2" a="1"/>
  <c r="D6165" i="2" s="1"/>
  <c r="D6875" i="2" a="1"/>
  <c r="D6875" i="2" s="1"/>
  <c r="G2039" i="2" a="1"/>
  <c r="G2039" i="2" s="1"/>
  <c r="E3817" i="2" a="1"/>
  <c r="E3817" i="2" s="1"/>
  <c r="E2601" i="2" a="1"/>
  <c r="E2601" i="2" s="1"/>
  <c r="D2201" i="2" a="1"/>
  <c r="D2201" i="2" s="1"/>
  <c r="F7146" i="2" a="1"/>
  <c r="F7146" i="2" s="1"/>
  <c r="E2679" i="2" a="1"/>
  <c r="E2679" i="2" s="1"/>
  <c r="G8378" i="2" a="1"/>
  <c r="G8378" i="2" s="1"/>
  <c r="G1610" i="2" a="1"/>
  <c r="G1610" i="2" s="1"/>
  <c r="D5725" i="2" a="1"/>
  <c r="D5725" i="2" s="1"/>
  <c r="G3433" i="2" a="1"/>
  <c r="G3433" i="2" s="1"/>
  <c r="G2493" i="2" a="1"/>
  <c r="G2493" i="2" s="1"/>
  <c r="F3174" i="2" a="1"/>
  <c r="F3174" i="2" s="1"/>
  <c r="H238" i="2" a="1"/>
  <c r="H238" i="2" s="1"/>
  <c r="F8101" i="2" a="1"/>
  <c r="F8101" i="2" s="1"/>
  <c r="E5296" i="2" a="1"/>
  <c r="E5296" i="2" s="1"/>
  <c r="E6434" i="2" a="1"/>
  <c r="E6434" i="2" s="1"/>
  <c r="G5156" i="2" a="1"/>
  <c r="G5156" i="2" s="1"/>
  <c r="H3818" i="2" a="1"/>
  <c r="H3818" i="2" s="1"/>
  <c r="F167" i="2" a="1"/>
  <c r="F167" i="2" s="1"/>
  <c r="E3787" i="2" a="1"/>
  <c r="E3787" i="2" s="1"/>
  <c r="D6877" i="2" a="1"/>
  <c r="D6877" i="2" s="1"/>
  <c r="AM68" i="1"/>
  <c r="G2046" i="2" a="1"/>
  <c r="G2046" i="2" s="1"/>
  <c r="D2212" i="2" a="1"/>
  <c r="D2212" i="2" s="1"/>
  <c r="F7139" i="2" a="1"/>
  <c r="F7139" i="2" s="1"/>
  <c r="E2697" i="2" a="1"/>
  <c r="E2697" i="2" s="1"/>
  <c r="G8377" i="2" a="1"/>
  <c r="G8377" i="2" s="1"/>
  <c r="F73" i="2" a="1"/>
  <c r="F73" i="2" s="1"/>
  <c r="E7748" i="2" a="1"/>
  <c r="E7748" i="2" s="1"/>
  <c r="D4111" i="2" a="1"/>
  <c r="D4111" i="2" s="1"/>
  <c r="E8753" i="2" a="1"/>
  <c r="E8753" i="2" s="1"/>
  <c r="E634" i="2" a="1"/>
  <c r="E634" i="2" s="1"/>
  <c r="F7773" i="2" a="1"/>
  <c r="F7773" i="2" s="1"/>
  <c r="H4774" i="2" a="1"/>
  <c r="H4774" i="2" s="1"/>
  <c r="F1962" i="2" a="1"/>
  <c r="F1962" i="2" s="1"/>
  <c r="E6189" i="2" a="1"/>
  <c r="E6189" i="2" s="1"/>
  <c r="D6340" i="2" a="1"/>
  <c r="D6340" i="2" s="1"/>
  <c r="H4455" i="2" a="1"/>
  <c r="H4455" i="2" s="1"/>
  <c r="D5726" i="2" a="1"/>
  <c r="D5726" i="2" s="1"/>
  <c r="G3439" i="2" a="1"/>
  <c r="G3439" i="2" s="1"/>
  <c r="G2504" i="2" a="1"/>
  <c r="G2504" i="2" s="1"/>
  <c r="F3154" i="2" a="1"/>
  <c r="F3154" i="2" s="1"/>
  <c r="E8250" i="2" a="1"/>
  <c r="E8250" i="2" s="1"/>
  <c r="H226" i="2" a="1"/>
  <c r="H226" i="2" s="1"/>
  <c r="F8120" i="2" a="1"/>
  <c r="F8120" i="2" s="1"/>
  <c r="E6329" i="2" a="1"/>
  <c r="E6329" i="2" s="1"/>
  <c r="E2465" i="2" a="1"/>
  <c r="E2465" i="2" s="1"/>
  <c r="E5311" i="2" a="1"/>
  <c r="E5311" i="2" s="1"/>
  <c r="E6430" i="2" a="1"/>
  <c r="E6430" i="2" s="1"/>
  <c r="H3808" i="2" a="1"/>
  <c r="H3808" i="2" s="1"/>
  <c r="F161" i="2" a="1"/>
  <c r="F161" i="2" s="1"/>
  <c r="E3792" i="2" a="1"/>
  <c r="E3792" i="2" s="1"/>
  <c r="D6889" i="2" a="1"/>
  <c r="D6889" i="2" s="1"/>
  <c r="AP68" i="1"/>
  <c r="F74" i="5" s="1"/>
  <c r="G2028" i="2" a="1"/>
  <c r="G2028" i="2" s="1"/>
  <c r="E3812" i="2" a="1"/>
  <c r="E3812" i="2" s="1"/>
  <c r="E2587" i="2" a="1"/>
  <c r="E2587" i="2" s="1"/>
  <c r="E2177" i="2" a="1"/>
  <c r="E2177" i="2" s="1"/>
  <c r="E4182" i="2" a="1"/>
  <c r="E4182" i="2" s="1"/>
  <c r="E7528" i="2" a="1"/>
  <c r="E7528" i="2" s="1"/>
  <c r="E6196" i="2" a="1"/>
  <c r="E6196" i="2" s="1"/>
  <c r="D6332" i="2" a="1"/>
  <c r="D6332" i="2" s="1"/>
  <c r="D5724" i="2" a="1"/>
  <c r="D5724" i="2" s="1"/>
  <c r="G3426" i="2" a="1"/>
  <c r="G3426" i="2" s="1"/>
  <c r="G2489" i="2" a="1"/>
  <c r="G2489" i="2" s="1"/>
  <c r="F3172" i="2" a="1"/>
  <c r="F3172" i="2" s="1"/>
  <c r="E8257" i="2" a="1"/>
  <c r="E8257" i="2" s="1"/>
  <c r="H227" i="2" a="1"/>
  <c r="H227" i="2" s="1"/>
  <c r="F8105" i="2" a="1"/>
  <c r="F8105" i="2" s="1"/>
  <c r="F4412" i="2" a="1"/>
  <c r="F4412" i="2" s="1"/>
  <c r="E2458" i="2" a="1"/>
  <c r="E2458" i="2" s="1"/>
  <c r="E5298" i="2" a="1"/>
  <c r="E5298" i="2" s="1"/>
  <c r="E6418" i="2" a="1"/>
  <c r="E6418" i="2" s="1"/>
  <c r="H3814" i="2" a="1"/>
  <c r="H3814" i="2" s="1"/>
  <c r="F4190" i="2" a="1"/>
  <c r="F4190" i="2" s="1"/>
  <c r="D188" i="2" a="1"/>
  <c r="D188" i="2" s="1"/>
  <c r="F156" i="2" a="1"/>
  <c r="F156" i="2" s="1"/>
  <c r="F8380" i="2" a="1"/>
  <c r="F8380" i="2" s="1"/>
  <c r="D6882" i="2" a="1"/>
  <c r="D6882" i="2" s="1"/>
  <c r="F7528" i="2" a="1"/>
  <c r="F7528" i="2" s="1"/>
  <c r="G2026" i="2" a="1"/>
  <c r="G2026" i="2" s="1"/>
  <c r="E2596" i="2" a="1"/>
  <c r="E2596" i="2" s="1"/>
  <c r="E2191" i="2" a="1"/>
  <c r="E2191" i="2" s="1"/>
  <c r="AM314" i="1"/>
  <c r="H3866" i="2" a="1"/>
  <c r="H3866" i="2" s="1"/>
  <c r="E7544" i="2" a="1"/>
  <c r="E7544" i="2" s="1"/>
  <c r="E6192" i="2" a="1"/>
  <c r="E6192" i="2" s="1"/>
  <c r="D6328" i="2" a="1"/>
  <c r="D6328" i="2" s="1"/>
  <c r="D5745" i="2" a="1"/>
  <c r="D5745" i="2" s="1"/>
  <c r="G3425" i="2" a="1"/>
  <c r="G3425" i="2" s="1"/>
  <c r="G2505" i="2" a="1"/>
  <c r="G2505" i="2" s="1"/>
  <c r="F3167" i="2" a="1"/>
  <c r="F3167" i="2" s="1"/>
  <c r="E8246" i="2" a="1"/>
  <c r="E8246" i="2" s="1"/>
  <c r="H246" i="2" a="1"/>
  <c r="H246" i="2" s="1"/>
  <c r="F8115" i="2" a="1"/>
  <c r="F8115" i="2" s="1"/>
  <c r="E5305" i="2" a="1"/>
  <c r="E5305" i="2" s="1"/>
  <c r="E6433" i="2" a="1"/>
  <c r="E6433" i="2" s="1"/>
  <c r="H3811" i="2" a="1"/>
  <c r="H3811" i="2" s="1"/>
  <c r="F4203" i="2" a="1"/>
  <c r="F4203" i="2" s="1"/>
  <c r="F159" i="2" a="1"/>
  <c r="F159" i="2" s="1"/>
  <c r="H4181" i="2" a="1"/>
  <c r="H4181" i="2" s="1"/>
  <c r="D6887" i="2" a="1"/>
  <c r="D6887" i="2" s="1"/>
  <c r="F7531" i="2" a="1"/>
  <c r="F7531" i="2" s="1"/>
  <c r="G2030" i="2" a="1"/>
  <c r="G2030" i="2" s="1"/>
  <c r="F2827" i="2" a="1"/>
  <c r="F2827" i="2" s="1"/>
  <c r="E2586" i="2" a="1"/>
  <c r="E2586" i="2" s="1"/>
  <c r="E2181" i="2" a="1"/>
  <c r="E2181" i="2" s="1"/>
  <c r="AN314" i="1"/>
  <c r="D320" i="5" s="1"/>
  <c r="F572" i="2" a="1"/>
  <c r="F572" i="2" s="1"/>
  <c r="G1739" i="2" a="1"/>
  <c r="G1739" i="2" s="1"/>
  <c r="H3872" i="2" a="1"/>
  <c r="H3872" i="2" s="1"/>
  <c r="D4112" i="2" a="1"/>
  <c r="D4112" i="2" s="1"/>
  <c r="D4095" i="2" a="1"/>
  <c r="D4095" i="2" s="1"/>
  <c r="E8756" i="2" a="1"/>
  <c r="E8756" i="2" s="1"/>
  <c r="E653" i="2" a="1"/>
  <c r="E653" i="2" s="1"/>
  <c r="F7774" i="2" a="1"/>
  <c r="F7774" i="2" s="1"/>
  <c r="H4773" i="2" a="1"/>
  <c r="H4773" i="2" s="1"/>
  <c r="F1961" i="2" a="1"/>
  <c r="F1961" i="2" s="1"/>
  <c r="E6200" i="2" a="1"/>
  <c r="E6200" i="2" s="1"/>
  <c r="D6324" i="2" a="1"/>
  <c r="D6324" i="2" s="1"/>
  <c r="H4454" i="2" a="1"/>
  <c r="H4454" i="2" s="1"/>
  <c r="G589" i="2" a="1"/>
  <c r="G589" i="2" s="1"/>
  <c r="G608" i="2" a="1"/>
  <c r="G608" i="2" s="1"/>
  <c r="D5740" i="2" a="1"/>
  <c r="D5740" i="2" s="1"/>
  <c r="D3378" i="2" a="1"/>
  <c r="D3378" i="2" s="1"/>
  <c r="E1756" i="2" a="1"/>
  <c r="E1756" i="2" s="1"/>
  <c r="G3422" i="2" a="1"/>
  <c r="G3422" i="2" s="1"/>
  <c r="G2490" i="2" a="1"/>
  <c r="G2490" i="2" s="1"/>
  <c r="F3164" i="2" a="1"/>
  <c r="F3164" i="2" s="1"/>
  <c r="H236" i="2" a="1"/>
  <c r="H236" i="2" s="1"/>
  <c r="F8112" i="2" a="1"/>
  <c r="F8112" i="2" s="1"/>
  <c r="E6328" i="2" a="1"/>
  <c r="E6328" i="2" s="1"/>
  <c r="F4416" i="2" a="1"/>
  <c r="F4416" i="2" s="1"/>
  <c r="E5313" i="2" a="1"/>
  <c r="E5313" i="2" s="1"/>
  <c r="E6439" i="2" a="1"/>
  <c r="E6439" i="2" s="1"/>
  <c r="E4784" i="2" a="1"/>
  <c r="E4784" i="2" s="1"/>
  <c r="F4202" i="2" a="1"/>
  <c r="F4202" i="2" s="1"/>
  <c r="F166" i="2" a="1"/>
  <c r="F166" i="2" s="1"/>
  <c r="H4180" i="2" a="1"/>
  <c r="H4180" i="2" s="1"/>
  <c r="D6897" i="2" a="1"/>
  <c r="D6897" i="2" s="1"/>
  <c r="F7526" i="2" a="1"/>
  <c r="F7526" i="2" s="1"/>
  <c r="G2045" i="2" a="1"/>
  <c r="G2045" i="2" s="1"/>
  <c r="F2826" i="2" a="1"/>
  <c r="F2826" i="2" s="1"/>
  <c r="E2588" i="2" a="1"/>
  <c r="E2588" i="2" s="1"/>
  <c r="E2179" i="2" a="1"/>
  <c r="E2179" i="2" s="1"/>
  <c r="AP314" i="1"/>
  <c r="F320" i="5" s="1"/>
  <c r="F571" i="2" a="1"/>
  <c r="F571" i="2" s="1"/>
  <c r="G1750" i="2" a="1"/>
  <c r="G1750" i="2" s="1"/>
  <c r="D455" i="2" a="1"/>
  <c r="D455" i="2" s="1"/>
  <c r="H3856" i="2" a="1"/>
  <c r="H3856" i="2" s="1"/>
  <c r="D4108" i="2" a="1"/>
  <c r="D4108" i="2" s="1"/>
  <c r="D4091" i="2" a="1"/>
  <c r="D4091" i="2" s="1"/>
  <c r="E8758" i="2" a="1"/>
  <c r="E8758" i="2" s="1"/>
  <c r="E655" i="2" a="1"/>
  <c r="E655" i="2" s="1"/>
  <c r="F7763" i="2" a="1"/>
  <c r="F7763" i="2" s="1"/>
  <c r="H4782" i="2" a="1"/>
  <c r="H4782" i="2" s="1"/>
  <c r="F1969" i="2" a="1"/>
  <c r="F1969" i="2" s="1"/>
  <c r="E6178" i="2" a="1"/>
  <c r="E6178" i="2" s="1"/>
  <c r="D6331" i="2" a="1"/>
  <c r="D6331" i="2" s="1"/>
  <c r="D6334" i="2" a="1"/>
  <c r="D6334" i="2" s="1"/>
  <c r="H4469" i="2" a="1"/>
  <c r="H4469" i="2" s="1"/>
  <c r="G605" i="2" a="1"/>
  <c r="G605" i="2" s="1"/>
  <c r="G591" i="2" a="1"/>
  <c r="G591" i="2" s="1"/>
  <c r="D5734" i="2" a="1"/>
  <c r="D5734" i="2" s="1"/>
  <c r="D3372" i="2" a="1"/>
  <c r="D3372" i="2" s="1"/>
  <c r="E1739" i="2" a="1"/>
  <c r="E1739" i="2" s="1"/>
  <c r="G3421" i="2" a="1"/>
  <c r="G3421" i="2" s="1"/>
  <c r="G2494" i="2" a="1"/>
  <c r="G2494" i="2" s="1"/>
  <c r="F3175" i="2" a="1"/>
  <c r="F3175" i="2" s="1"/>
  <c r="H6480" i="2" a="1"/>
  <c r="H6480" i="2" s="1"/>
  <c r="H244" i="2" a="1"/>
  <c r="H244" i="2" s="1"/>
  <c r="E6327" i="2" a="1"/>
  <c r="E6327" i="2" s="1"/>
  <c r="F4406" i="2" a="1"/>
  <c r="F4406" i="2" s="1"/>
  <c r="E2462" i="2" a="1"/>
  <c r="E2462" i="2" s="1"/>
  <c r="G1427" i="2" a="1"/>
  <c r="G1427" i="2" s="1"/>
  <c r="E6435" i="2" a="1"/>
  <c r="E6435" i="2" s="1"/>
  <c r="E4783" i="2" a="1"/>
  <c r="E4783" i="2" s="1"/>
  <c r="F4207" i="2" a="1"/>
  <c r="F4207" i="2" s="1"/>
  <c r="D185" i="2" a="1"/>
  <c r="D185" i="2" s="1"/>
  <c r="F176" i="2" a="1"/>
  <c r="F176" i="2" s="1"/>
  <c r="H4185" i="2" a="1"/>
  <c r="H4185" i="2" s="1"/>
  <c r="D6876" i="2" a="1"/>
  <c r="D6876" i="2" s="1"/>
  <c r="F7527" i="2" a="1"/>
  <c r="F7527" i="2" s="1"/>
  <c r="F2835" i="2" a="1"/>
  <c r="F2835" i="2" s="1"/>
  <c r="E2193" i="2" a="1"/>
  <c r="E2193" i="2" s="1"/>
  <c r="AO314" i="1"/>
  <c r="E320" i="5" s="1"/>
  <c r="F567" i="2" a="1"/>
  <c r="F567" i="2" s="1"/>
  <c r="G1746" i="2" a="1"/>
  <c r="G1746" i="2" s="1"/>
  <c r="E3172" i="2" a="1"/>
  <c r="E3172" i="2" s="1"/>
  <c r="D4104" i="2" a="1"/>
  <c r="D4104" i="2" s="1"/>
  <c r="F7765" i="2" a="1"/>
  <c r="F7765" i="2" s="1"/>
  <c r="D6339" i="2" a="1"/>
  <c r="D6339" i="2" s="1"/>
  <c r="G601" i="2" a="1"/>
  <c r="G601" i="2" s="1"/>
  <c r="D3390" i="2" a="1"/>
  <c r="D3390" i="2" s="1"/>
  <c r="E1741" i="2" a="1"/>
  <c r="E1741" i="2" s="1"/>
  <c r="G3441" i="2" a="1"/>
  <c r="G3441" i="2" s="1"/>
  <c r="G2503" i="2" a="1"/>
  <c r="G2503" i="2" s="1"/>
  <c r="F3168" i="2" a="1"/>
  <c r="F3168" i="2" s="1"/>
  <c r="E8255" i="2" a="1"/>
  <c r="E8255" i="2" s="1"/>
  <c r="H6484" i="2" a="1"/>
  <c r="H6484" i="2" s="1"/>
  <c r="H239" i="2" a="1"/>
  <c r="H239" i="2" s="1"/>
  <c r="E6331" i="2" a="1"/>
  <c r="E6331" i="2" s="1"/>
  <c r="F4402" i="2" a="1"/>
  <c r="F4402" i="2" s="1"/>
  <c r="E2466" i="2" a="1"/>
  <c r="E2466" i="2" s="1"/>
  <c r="G1431" i="2" a="1"/>
  <c r="G1431" i="2" s="1"/>
  <c r="G5160" i="2" a="1"/>
  <c r="G5160" i="2" s="1"/>
  <c r="E4781" i="2" a="1"/>
  <c r="E4781" i="2" s="1"/>
  <c r="F4199" i="2" a="1"/>
  <c r="F4199" i="2" s="1"/>
  <c r="D195" i="2" a="1"/>
  <c r="D195" i="2" s="1"/>
  <c r="F172" i="2" a="1"/>
  <c r="F172" i="2" s="1"/>
  <c r="H4165" i="2" a="1"/>
  <c r="H4165" i="2" s="1"/>
  <c r="D6884" i="2" a="1"/>
  <c r="D6884" i="2" s="1"/>
  <c r="F7537" i="2" a="1"/>
  <c r="F7537" i="2" s="1"/>
  <c r="F2825" i="2" a="1"/>
  <c r="F2825" i="2" s="1"/>
  <c r="E2183" i="2" a="1"/>
  <c r="E2183" i="2" s="1"/>
  <c r="G6077" i="2" a="1"/>
  <c r="G6077" i="2" s="1"/>
  <c r="F580" i="2" a="1"/>
  <c r="F580" i="2" s="1"/>
  <c r="G1744" i="2" a="1"/>
  <c r="G1744" i="2" s="1"/>
  <c r="E3161" i="2" a="1"/>
  <c r="E3161" i="2" s="1"/>
  <c r="E3668" i="2" a="1"/>
  <c r="E3668" i="2" s="1"/>
  <c r="D3612" i="2" a="1"/>
  <c r="D3612" i="2" s="1"/>
  <c r="D3629" i="2" a="1"/>
  <c r="D3629" i="2" s="1"/>
  <c r="D3632" i="2" a="1"/>
  <c r="D3632" i="2" s="1"/>
  <c r="D3618" i="2" a="1"/>
  <c r="D3618" i="2" s="1"/>
  <c r="D3621" i="2" a="1"/>
  <c r="D3621" i="2" s="1"/>
  <c r="D3630" i="2" a="1"/>
  <c r="D3630" i="2" s="1"/>
  <c r="G1980" i="2" a="1"/>
  <c r="G1980" i="2" s="1"/>
  <c r="G1998" i="2" a="1"/>
  <c r="G1998" i="2" s="1"/>
  <c r="G1988" i="2" a="1"/>
  <c r="G1988" i="2" s="1"/>
  <c r="D736" i="2" a="1"/>
  <c r="D736" i="2" s="1"/>
  <c r="D753" i="2" a="1"/>
  <c r="D753" i="2" s="1"/>
  <c r="D730" i="2" a="1"/>
  <c r="D730" i="2" s="1"/>
  <c r="D746" i="2" a="1"/>
  <c r="D746" i="2" s="1"/>
  <c r="D737" i="2" a="1"/>
  <c r="D737" i="2" s="1"/>
  <c r="D731" i="2" a="1"/>
  <c r="D731" i="2" s="1"/>
  <c r="D739" i="2" a="1"/>
  <c r="D739" i="2" s="1"/>
  <c r="D743" i="2" a="1"/>
  <c r="D743" i="2" s="1"/>
  <c r="D747" i="2" a="1"/>
  <c r="D747" i="2" s="1"/>
  <c r="D735" i="2" a="1"/>
  <c r="D735" i="2" s="1"/>
  <c r="D751" i="2" a="1"/>
  <c r="D751" i="2" s="1"/>
  <c r="D738" i="2" a="1"/>
  <c r="D738" i="2" s="1"/>
  <c r="D742" i="2" a="1"/>
  <c r="D742" i="2" s="1"/>
  <c r="D734" i="2" a="1"/>
  <c r="D734" i="2" s="1"/>
  <c r="D733" i="2" a="1"/>
  <c r="D733" i="2" s="1"/>
  <c r="D749" i="2" a="1"/>
  <c r="D749" i="2" s="1"/>
  <c r="D750" i="2" a="1"/>
  <c r="D750" i="2" s="1"/>
  <c r="D5602" i="2" a="1"/>
  <c r="D5602" i="2" s="1"/>
  <c r="D5623" i="2" a="1"/>
  <c r="D5623" i="2" s="1"/>
  <c r="D5621" i="2" a="1"/>
  <c r="D5621" i="2" s="1"/>
  <c r="G1820" i="2" a="1"/>
  <c r="G1820" i="2" s="1"/>
  <c r="G1816" i="2" a="1"/>
  <c r="G1816" i="2" s="1"/>
  <c r="G1819" i="2" a="1"/>
  <c r="G1819" i="2" s="1"/>
  <c r="G1815" i="2" a="1"/>
  <c r="G1815" i="2" s="1"/>
  <c r="G1826" i="2" a="1"/>
  <c r="G1826" i="2" s="1"/>
  <c r="G1821" i="2" a="1"/>
  <c r="G1821" i="2" s="1"/>
  <c r="G1810" i="2" a="1"/>
  <c r="G1810" i="2" s="1"/>
  <c r="G1829" i="2" a="1"/>
  <c r="G1829" i="2" s="1"/>
  <c r="E3661" i="2" a="1"/>
  <c r="E3661" i="2" s="1"/>
  <c r="E3669" i="2" a="1"/>
  <c r="E3669" i="2" s="1"/>
  <c r="E3678" i="2" a="1"/>
  <c r="E3678" i="2" s="1"/>
  <c r="E3672" i="2" a="1"/>
  <c r="E3672" i="2" s="1"/>
  <c r="E3664" i="2" a="1"/>
  <c r="E3664" i="2" s="1"/>
  <c r="E3662" i="2" a="1"/>
  <c r="E3662" i="2" s="1"/>
  <c r="E3665" i="2" a="1"/>
  <c r="E3665" i="2" s="1"/>
  <c r="E3658" i="2" a="1"/>
  <c r="E3658" i="2" s="1"/>
  <c r="E4400" i="2" a="1"/>
  <c r="E4400" i="2" s="1"/>
  <c r="E4393" i="2" a="1"/>
  <c r="E4393" i="2" s="1"/>
  <c r="E7843" i="2" a="1"/>
  <c r="E7843" i="2" s="1"/>
  <c r="E7844" i="2" a="1"/>
  <c r="E7844" i="2" s="1"/>
  <c r="E7852" i="2" a="1"/>
  <c r="E7852" i="2" s="1"/>
  <c r="E7835" i="2" a="1"/>
  <c r="E7835" i="2" s="1"/>
  <c r="E7850" i="2" a="1"/>
  <c r="E7850" i="2" s="1"/>
  <c r="E7845" i="2" a="1"/>
  <c r="E7845" i="2" s="1"/>
  <c r="E7846" i="2" a="1"/>
  <c r="E7846" i="2" s="1"/>
  <c r="E7841" i="2" a="1"/>
  <c r="E7841" i="2" s="1"/>
  <c r="E7855" i="2" a="1"/>
  <c r="E7855" i="2" s="1"/>
  <c r="E7857" i="2" a="1"/>
  <c r="E7857" i="2" s="1"/>
  <c r="E7836" i="2" a="1"/>
  <c r="E7836" i="2" s="1"/>
  <c r="E7851" i="2" a="1"/>
  <c r="E7851" i="2" s="1"/>
  <c r="E7838" i="2" a="1"/>
  <c r="E7838" i="2" s="1"/>
  <c r="E7834" i="2" a="1"/>
  <c r="E7834" i="2" s="1"/>
  <c r="E7853" i="2" a="1"/>
  <c r="E7853" i="2" s="1"/>
  <c r="E7839" i="2" a="1"/>
  <c r="E7839" i="2" s="1"/>
  <c r="E7842" i="2" a="1"/>
  <c r="E7842" i="2" s="1"/>
  <c r="E7848" i="2" a="1"/>
  <c r="E7848" i="2" s="1"/>
  <c r="E7847" i="2" a="1"/>
  <c r="E7847" i="2" s="1"/>
  <c r="E7837" i="2" a="1"/>
  <c r="E7837" i="2" s="1"/>
  <c r="E3675" i="2" a="1"/>
  <c r="E3675" i="2" s="1"/>
  <c r="E3660" i="2" a="1"/>
  <c r="E3660" i="2" s="1"/>
  <c r="E3680" i="2" a="1"/>
  <c r="E3680" i="2" s="1"/>
  <c r="E7856" i="2" a="1"/>
  <c r="E7856" i="2" s="1"/>
  <c r="E3677" i="2" a="1"/>
  <c r="E3677" i="2" s="1"/>
  <c r="E7849" i="2" a="1"/>
  <c r="E7849" i="2" s="1"/>
  <c r="E3681" i="2" a="1"/>
  <c r="E3681" i="2" s="1"/>
  <c r="E7854" i="2" a="1"/>
  <c r="E7854" i="2" s="1"/>
  <c r="E7840" i="2" a="1"/>
  <c r="E7840" i="2" s="1"/>
  <c r="D4654" i="2" a="1"/>
  <c r="D4654" i="2" s="1"/>
  <c r="D4651" i="2" a="1"/>
  <c r="D4651" i="2" s="1"/>
  <c r="D4648" i="2" a="1"/>
  <c r="D4648" i="2" s="1"/>
  <c r="D4656" i="2" a="1"/>
  <c r="D4656" i="2" s="1"/>
  <c r="D4646" i="2" a="1"/>
  <c r="D4646" i="2" s="1"/>
  <c r="D4659" i="2" a="1"/>
  <c r="D4659" i="2" s="1"/>
  <c r="D4643" i="2" a="1"/>
  <c r="D4643" i="2" s="1"/>
  <c r="D4664" i="2" a="1"/>
  <c r="D4664" i="2" s="1"/>
  <c r="D4653" i="2" a="1"/>
  <c r="D4653" i="2" s="1"/>
  <c r="D4661" i="2" a="1"/>
  <c r="D4661" i="2" s="1"/>
  <c r="D4652" i="2" a="1"/>
  <c r="D4652" i="2" s="1"/>
  <c r="D4657" i="2" a="1"/>
  <c r="D4657" i="2" s="1"/>
  <c r="D4642" i="2" a="1"/>
  <c r="D4642" i="2" s="1"/>
  <c r="D4665" i="2" a="1"/>
  <c r="D4665" i="2" s="1"/>
  <c r="D4644" i="2" a="1"/>
  <c r="D4644" i="2" s="1"/>
  <c r="D4647" i="2" a="1"/>
  <c r="D4647" i="2" s="1"/>
  <c r="D4645" i="2" a="1"/>
  <c r="D4645" i="2" s="1"/>
  <c r="D4655" i="2" a="1"/>
  <c r="D4655" i="2" s="1"/>
  <c r="D4663" i="2" a="1"/>
  <c r="D4663" i="2" s="1"/>
  <c r="D4650" i="2" a="1"/>
  <c r="D4650" i="2" s="1"/>
  <c r="D4660" i="2" a="1"/>
  <c r="D4660" i="2" s="1"/>
  <c r="D4658" i="2" a="1"/>
  <c r="D4658" i="2" s="1"/>
  <c r="D4649" i="2" a="1"/>
  <c r="D4649" i="2" s="1"/>
  <c r="G7319" i="2" a="1"/>
  <c r="G7319" i="2" s="1"/>
  <c r="G7313" i="2" a="1"/>
  <c r="G7313" i="2" s="1"/>
  <c r="G7308" i="2" a="1"/>
  <c r="G7308" i="2" s="1"/>
  <c r="G7323" i="2" a="1"/>
  <c r="G7323" i="2" s="1"/>
  <c r="G7314" i="2" a="1"/>
  <c r="G7314" i="2" s="1"/>
  <c r="G7320" i="2" a="1"/>
  <c r="G7320" i="2" s="1"/>
  <c r="G7307" i="2" a="1"/>
  <c r="G7307" i="2" s="1"/>
  <c r="G7312" i="2" a="1"/>
  <c r="G7312" i="2" s="1"/>
  <c r="G7328" i="2" a="1"/>
  <c r="G7328" i="2" s="1"/>
  <c r="G7315" i="2" a="1"/>
  <c r="G7315" i="2" s="1"/>
  <c r="G7329" i="2" a="1"/>
  <c r="G7329" i="2" s="1"/>
  <c r="G7311" i="2" a="1"/>
  <c r="G7311" i="2" s="1"/>
  <c r="G7325" i="2" a="1"/>
  <c r="G7325" i="2" s="1"/>
  <c r="G7318" i="2" a="1"/>
  <c r="G7318" i="2" s="1"/>
  <c r="G7306" i="2" a="1"/>
  <c r="G7306" i="2" s="1"/>
  <c r="G7309" i="2" a="1"/>
  <c r="G7309" i="2" s="1"/>
  <c r="G7326" i="2" a="1"/>
  <c r="G7326" i="2" s="1"/>
  <c r="G7317" i="2" a="1"/>
  <c r="G7317" i="2" s="1"/>
  <c r="F3626" i="2" a="1"/>
  <c r="F3626" i="2" s="1"/>
  <c r="F3629" i="2" a="1"/>
  <c r="F3629" i="2" s="1"/>
  <c r="F3631" i="2" a="1"/>
  <c r="F3631" i="2" s="1"/>
  <c r="F3613" i="2" a="1"/>
  <c r="F3613" i="2" s="1"/>
  <c r="F3612" i="2" a="1"/>
  <c r="F3612" i="2" s="1"/>
  <c r="F3617" i="2" a="1"/>
  <c r="F3617" i="2" s="1"/>
  <c r="F3625" i="2" a="1"/>
  <c r="F3625" i="2" s="1"/>
  <c r="F3620" i="2" a="1"/>
  <c r="F3620" i="2" s="1"/>
  <c r="F3618" i="2" a="1"/>
  <c r="F3618" i="2" s="1"/>
  <c r="F3622" i="2" a="1"/>
  <c r="F3622" i="2" s="1"/>
  <c r="F3632" i="2" a="1"/>
  <c r="F3632" i="2" s="1"/>
  <c r="F3628" i="2" a="1"/>
  <c r="F3628" i="2" s="1"/>
  <c r="F3624" i="2" a="1"/>
  <c r="F3624" i="2" s="1"/>
  <c r="F3616" i="2" a="1"/>
  <c r="F3616" i="2" s="1"/>
  <c r="F3615" i="2" a="1"/>
  <c r="F3615" i="2" s="1"/>
  <c r="F3610" i="2" a="1"/>
  <c r="F3610" i="2" s="1"/>
  <c r="F3619" i="2" a="1"/>
  <c r="F3619" i="2" s="1"/>
  <c r="F3633" i="2" a="1"/>
  <c r="F3633" i="2" s="1"/>
  <c r="F3614" i="2" a="1"/>
  <c r="F3614" i="2" s="1"/>
  <c r="F3611" i="2" a="1"/>
  <c r="F3611" i="2" s="1"/>
  <c r="F3630" i="2" a="1"/>
  <c r="F3630" i="2" s="1"/>
  <c r="F3623" i="2" a="1"/>
  <c r="F3623" i="2" s="1"/>
  <c r="F3627" i="2" a="1"/>
  <c r="F3627" i="2" s="1"/>
  <c r="F3552" i="2" a="1"/>
  <c r="F3552" i="2" s="1"/>
  <c r="F3544" i="2" a="1"/>
  <c r="F3544" i="2" s="1"/>
  <c r="F3549" i="2" a="1"/>
  <c r="F3549" i="2" s="1"/>
  <c r="F3556" i="2" a="1"/>
  <c r="F3556" i="2" s="1"/>
  <c r="F3547" i="2" a="1"/>
  <c r="F3547" i="2" s="1"/>
  <c r="F3557" i="2" a="1"/>
  <c r="F3557" i="2" s="1"/>
  <c r="F3539" i="2" a="1"/>
  <c r="F3539" i="2" s="1"/>
  <c r="F3550" i="2" a="1"/>
  <c r="F3550" i="2" s="1"/>
  <c r="F3558" i="2" a="1"/>
  <c r="F3558" i="2" s="1"/>
  <c r="F3551" i="2" a="1"/>
  <c r="F3551" i="2" s="1"/>
  <c r="F3554" i="2" a="1"/>
  <c r="F3554" i="2" s="1"/>
  <c r="F3543" i="2" a="1"/>
  <c r="F3543" i="2" s="1"/>
  <c r="F3542" i="2" a="1"/>
  <c r="F3542" i="2" s="1"/>
  <c r="F3561" i="2" a="1"/>
  <c r="F3561" i="2" s="1"/>
  <c r="F3555" i="2" a="1"/>
  <c r="F3555" i="2" s="1"/>
  <c r="F3545" i="2" a="1"/>
  <c r="F3545" i="2" s="1"/>
  <c r="F3553" i="2" a="1"/>
  <c r="F3553" i="2" s="1"/>
  <c r="F3541" i="2" a="1"/>
  <c r="F3541" i="2" s="1"/>
  <c r="F3560" i="2" a="1"/>
  <c r="F3560" i="2" s="1"/>
  <c r="F3559" i="2" a="1"/>
  <c r="F3559" i="2" s="1"/>
  <c r="D4949" i="2" a="1"/>
  <c r="D4949" i="2" s="1"/>
  <c r="D4953" i="2" a="1"/>
  <c r="D4953" i="2" s="1"/>
  <c r="D4938" i="2" a="1"/>
  <c r="D4938" i="2" s="1"/>
  <c r="D4932" i="2" a="1"/>
  <c r="D4932" i="2" s="1"/>
  <c r="D4940" i="2" a="1"/>
  <c r="D4940" i="2" s="1"/>
  <c r="D4944" i="2" a="1"/>
  <c r="D4944" i="2" s="1"/>
  <c r="D4942" i="2" a="1"/>
  <c r="D4942" i="2" s="1"/>
  <c r="D4950" i="2" a="1"/>
  <c r="D4950" i="2" s="1"/>
  <c r="D4943" i="2" a="1"/>
  <c r="D4943" i="2" s="1"/>
  <c r="D4946" i="2" a="1"/>
  <c r="D4946" i="2" s="1"/>
  <c r="D4933" i="2" a="1"/>
  <c r="D4933" i="2" s="1"/>
  <c r="D4937" i="2" a="1"/>
  <c r="D4937" i="2" s="1"/>
  <c r="D4936" i="2" a="1"/>
  <c r="D4936" i="2" s="1"/>
  <c r="D4952" i="2" a="1"/>
  <c r="D4952" i="2" s="1"/>
  <c r="D4947" i="2" a="1"/>
  <c r="D4947" i="2" s="1"/>
  <c r="D4951" i="2" a="1"/>
  <c r="D4951" i="2" s="1"/>
  <c r="D4934" i="2" a="1"/>
  <c r="D4934" i="2" s="1"/>
  <c r="D4941" i="2" a="1"/>
  <c r="D4941" i="2" s="1"/>
  <c r="D4945" i="2" a="1"/>
  <c r="D4945" i="2" s="1"/>
  <c r="D4948" i="2" a="1"/>
  <c r="D4948" i="2" s="1"/>
  <c r="D4931" i="2" a="1"/>
  <c r="D4931" i="2" s="1"/>
  <c r="D4935" i="2" a="1"/>
  <c r="D4935" i="2" s="1"/>
  <c r="D4939" i="2" a="1"/>
  <c r="D4939" i="2" s="1"/>
  <c r="D4930" i="2" a="1"/>
  <c r="D4930" i="2" s="1"/>
  <c r="F2779" i="2" a="1"/>
  <c r="F2779" i="2" s="1"/>
  <c r="F2770" i="2" a="1"/>
  <c r="F2770" i="2" s="1"/>
  <c r="F2776" i="2" a="1"/>
  <c r="F2776" i="2" s="1"/>
  <c r="F2771" i="2" a="1"/>
  <c r="F2771" i="2" s="1"/>
  <c r="F2780" i="2" a="1"/>
  <c r="F2780" i="2" s="1"/>
  <c r="F2772" i="2" a="1"/>
  <c r="F2772" i="2" s="1"/>
  <c r="F2774" i="2" a="1"/>
  <c r="F2774" i="2" s="1"/>
  <c r="F2781" i="2" a="1"/>
  <c r="F2781" i="2" s="1"/>
  <c r="F2783" i="2" a="1"/>
  <c r="F2783" i="2" s="1"/>
  <c r="F2777" i="2" a="1"/>
  <c r="F2777" i="2" s="1"/>
  <c r="F2773" i="2" a="1"/>
  <c r="F2773" i="2" s="1"/>
  <c r="F2786" i="2" a="1"/>
  <c r="F2786" i="2" s="1"/>
  <c r="F2793" i="2" a="1"/>
  <c r="F2793" i="2" s="1"/>
  <c r="F2791" i="2" a="1"/>
  <c r="F2791" i="2" s="1"/>
  <c r="F2784" i="2" a="1"/>
  <c r="F2784" i="2" s="1"/>
  <c r="F2787" i="2" a="1"/>
  <c r="F2787" i="2" s="1"/>
  <c r="F2790" i="2" a="1"/>
  <c r="F2790" i="2" s="1"/>
  <c r="F2778" i="2" a="1"/>
  <c r="F2778" i="2" s="1"/>
  <c r="F2785" i="2" a="1"/>
  <c r="F2785" i="2" s="1"/>
  <c r="D1143" i="2" a="1"/>
  <c r="D1143" i="2" s="1"/>
  <c r="D1147" i="2" a="1"/>
  <c r="D1147" i="2" s="1"/>
  <c r="D1155" i="2" a="1"/>
  <c r="D1155" i="2" s="1"/>
  <c r="D1159" i="2" a="1"/>
  <c r="D1159" i="2" s="1"/>
  <c r="D1140" i="2" a="1"/>
  <c r="D1140" i="2" s="1"/>
  <c r="D1152" i="2" a="1"/>
  <c r="D1152" i="2" s="1"/>
  <c r="D1145" i="2" a="1"/>
  <c r="D1145" i="2" s="1"/>
  <c r="D1149" i="2" a="1"/>
  <c r="D1149" i="2" s="1"/>
  <c r="D1153" i="2" a="1"/>
  <c r="D1153" i="2" s="1"/>
  <c r="D1157" i="2" a="1"/>
  <c r="D1157" i="2" s="1"/>
  <c r="D1142" i="2" a="1"/>
  <c r="D1142" i="2" s="1"/>
  <c r="D1146" i="2" a="1"/>
  <c r="D1146" i="2" s="1"/>
  <c r="D1144" i="2" a="1"/>
  <c r="D1144" i="2" s="1"/>
  <c r="D1150" i="2" a="1"/>
  <c r="D1150" i="2" s="1"/>
  <c r="D1154" i="2" a="1"/>
  <c r="D1154" i="2" s="1"/>
  <c r="D1151" i="2" a="1"/>
  <c r="D1151" i="2" s="1"/>
  <c r="D1148" i="2" a="1"/>
  <c r="D1148" i="2" s="1"/>
  <c r="D1156" i="2" a="1"/>
  <c r="D1156" i="2" s="1"/>
  <c r="D1139" i="2" a="1"/>
  <c r="D1139" i="2" s="1"/>
  <c r="D1160" i="2" a="1"/>
  <c r="D1160" i="2" s="1"/>
  <c r="D1138" i="2" a="1"/>
  <c r="D1138" i="2" s="1"/>
  <c r="D3777" i="2" a="1"/>
  <c r="D3777" i="2" s="1"/>
  <c r="D3758" i="2" a="1"/>
  <c r="D3758" i="2" s="1"/>
  <c r="D3763" i="2" a="1"/>
  <c r="D3763" i="2" s="1"/>
  <c r="D3766" i="2" a="1"/>
  <c r="D3766" i="2" s="1"/>
  <c r="D3768" i="2" a="1"/>
  <c r="D3768" i="2" s="1"/>
  <c r="D3771" i="2" a="1"/>
  <c r="D3771" i="2" s="1"/>
  <c r="D3772" i="2" a="1"/>
  <c r="D3772" i="2" s="1"/>
  <c r="D3774" i="2" a="1"/>
  <c r="D3774" i="2" s="1"/>
  <c r="D3760" i="2" a="1"/>
  <c r="D3760" i="2" s="1"/>
  <c r="D3755" i="2" a="1"/>
  <c r="D3755" i="2" s="1"/>
  <c r="D3770" i="2" a="1"/>
  <c r="D3770" i="2" s="1"/>
  <c r="D3767" i="2" a="1"/>
  <c r="D3767" i="2" s="1"/>
  <c r="D3769" i="2" a="1"/>
  <c r="D3769" i="2" s="1"/>
  <c r="D3765" i="2" a="1"/>
  <c r="D3765" i="2" s="1"/>
  <c r="D3776" i="2" a="1"/>
  <c r="D3776" i="2" s="1"/>
  <c r="D3764" i="2" a="1"/>
  <c r="D3764" i="2" s="1"/>
  <c r="G6653" i="2" a="1"/>
  <c r="G6653" i="2" s="1"/>
  <c r="G6640" i="2" a="1"/>
  <c r="G6640" i="2" s="1"/>
  <c r="G6635" i="2" a="1"/>
  <c r="G6635" i="2" s="1"/>
  <c r="G6649" i="2" a="1"/>
  <c r="G6649" i="2" s="1"/>
  <c r="G6641" i="2" a="1"/>
  <c r="G6641" i="2" s="1"/>
  <c r="G6654" i="2" a="1"/>
  <c r="G6654" i="2" s="1"/>
  <c r="G6638" i="2" a="1"/>
  <c r="G6638" i="2" s="1"/>
  <c r="G6643" i="2" a="1"/>
  <c r="G6643" i="2" s="1"/>
  <c r="G6648" i="2" a="1"/>
  <c r="G6648" i="2" s="1"/>
  <c r="G6645" i="2" a="1"/>
  <c r="G6645" i="2" s="1"/>
  <c r="G6634" i="2" a="1"/>
  <c r="G6634" i="2" s="1"/>
  <c r="G6657" i="2" a="1"/>
  <c r="G6657" i="2" s="1"/>
  <c r="G2155" i="2" a="1"/>
  <c r="G2155" i="2" s="1"/>
  <c r="G2156" i="2" a="1"/>
  <c r="G2156" i="2" s="1"/>
  <c r="G2157" i="2" a="1"/>
  <c r="G2157" i="2" s="1"/>
  <c r="G2159" i="2" a="1"/>
  <c r="G2159" i="2" s="1"/>
  <c r="G2150" i="2" a="1"/>
  <c r="G2150" i="2" s="1"/>
  <c r="G2151" i="2" a="1"/>
  <c r="G2151" i="2" s="1"/>
  <c r="G2167" i="2" a="1"/>
  <c r="G2167" i="2" s="1"/>
  <c r="G2165" i="2" a="1"/>
  <c r="G2165" i="2" s="1"/>
  <c r="G2152" i="2" a="1"/>
  <c r="G2152" i="2" s="1"/>
  <c r="G2164" i="2" a="1"/>
  <c r="G2164" i="2" s="1"/>
  <c r="G2158" i="2" a="1"/>
  <c r="G2158" i="2" s="1"/>
  <c r="G2153" i="2" a="1"/>
  <c r="G2153" i="2" s="1"/>
  <c r="D8405" i="2" a="1"/>
  <c r="D8405" i="2" s="1"/>
  <c r="D8390" i="2" a="1"/>
  <c r="D8390" i="2" s="1"/>
  <c r="D8391" i="2" a="1"/>
  <c r="D8391" i="2" s="1"/>
  <c r="D8404" i="2" a="1"/>
  <c r="D8404" i="2" s="1"/>
  <c r="D8392" i="2" a="1"/>
  <c r="D8392" i="2" s="1"/>
  <c r="D8407" i="2" a="1"/>
  <c r="D8407" i="2" s="1"/>
  <c r="H3623" i="2" a="1"/>
  <c r="H3623" i="2" s="1"/>
  <c r="H3625" i="2" a="1"/>
  <c r="H3625" i="2" s="1"/>
  <c r="H3614" i="2" a="1"/>
  <c r="H3614" i="2" s="1"/>
  <c r="H3622" i="2" a="1"/>
  <c r="H3622" i="2" s="1"/>
  <c r="H3626" i="2" a="1"/>
  <c r="H3626" i="2" s="1"/>
  <c r="H3616" i="2" a="1"/>
  <c r="H3616" i="2" s="1"/>
  <c r="H3628" i="2" a="1"/>
  <c r="H3628" i="2" s="1"/>
  <c r="H3619" i="2" a="1"/>
  <c r="H3619" i="2" s="1"/>
  <c r="H3611" i="2" a="1"/>
  <c r="H3611" i="2" s="1"/>
  <c r="H3631" i="2" a="1"/>
  <c r="H3631" i="2" s="1"/>
  <c r="H3617" i="2" a="1"/>
  <c r="H3617" i="2" s="1"/>
  <c r="H3627" i="2" a="1"/>
  <c r="H3627" i="2" s="1"/>
  <c r="H3633" i="2" a="1"/>
  <c r="H3633" i="2" s="1"/>
  <c r="H3632" i="2" a="1"/>
  <c r="H3632" i="2" s="1"/>
  <c r="H3629" i="2" a="1"/>
  <c r="H3629" i="2" s="1"/>
  <c r="H3615" i="2" a="1"/>
  <c r="H3615" i="2" s="1"/>
  <c r="H3624" i="2" a="1"/>
  <c r="H3624" i="2" s="1"/>
  <c r="H3612" i="2" a="1"/>
  <c r="H3612" i="2" s="1"/>
  <c r="H3618" i="2" a="1"/>
  <c r="H3618" i="2" s="1"/>
  <c r="H3610" i="2" a="1"/>
  <c r="H3610" i="2" s="1"/>
  <c r="H3621" i="2" a="1"/>
  <c r="H3621" i="2" s="1"/>
  <c r="H3613" i="2" a="1"/>
  <c r="H3613" i="2" s="1"/>
  <c r="F6340" i="2" a="1"/>
  <c r="F6340" i="2" s="1"/>
  <c r="F6338" i="2" a="1"/>
  <c r="F6338" i="2" s="1"/>
  <c r="F6327" i="2" a="1"/>
  <c r="F6327" i="2" s="1"/>
  <c r="F6331" i="2" a="1"/>
  <c r="F6331" i="2" s="1"/>
  <c r="F6341" i="2" a="1"/>
  <c r="F6341" i="2" s="1"/>
  <c r="F6333" i="2" a="1"/>
  <c r="F6333" i="2" s="1"/>
  <c r="F6345" i="2" a="1"/>
  <c r="F6345" i="2" s="1"/>
  <c r="F6324" i="2" a="1"/>
  <c r="F6324" i="2" s="1"/>
  <c r="F6330" i="2" a="1"/>
  <c r="F6330" i="2" s="1"/>
  <c r="F6329" i="2" a="1"/>
  <c r="F6329" i="2" s="1"/>
  <c r="F6323" i="2" a="1"/>
  <c r="F6323" i="2" s="1"/>
  <c r="F6343" i="2" a="1"/>
  <c r="F6343" i="2" s="1"/>
  <c r="F6339" i="2" a="1"/>
  <c r="F6339" i="2" s="1"/>
  <c r="F6334" i="2" a="1"/>
  <c r="F6334" i="2" s="1"/>
  <c r="F6336" i="2" a="1"/>
  <c r="F6336" i="2" s="1"/>
  <c r="F6328" i="2" a="1"/>
  <c r="F6328" i="2" s="1"/>
  <c r="F6332" i="2" a="1"/>
  <c r="F6332" i="2" s="1"/>
  <c r="F6344" i="2" a="1"/>
  <c r="F6344" i="2" s="1"/>
  <c r="F6322" i="2" a="1"/>
  <c r="F6322" i="2" s="1"/>
  <c r="G6510" i="2" a="1"/>
  <c r="G6510" i="2" s="1"/>
  <c r="G6507" i="2" a="1"/>
  <c r="G6507" i="2" s="1"/>
  <c r="G6501" i="2" a="1"/>
  <c r="G6501" i="2" s="1"/>
  <c r="G6513" i="2" a="1"/>
  <c r="G6513" i="2" s="1"/>
  <c r="G6498" i="2" a="1"/>
  <c r="G6498" i="2" s="1"/>
  <c r="G6504" i="2" a="1"/>
  <c r="G6504" i="2" s="1"/>
  <c r="G6509" i="2" a="1"/>
  <c r="G6509" i="2" s="1"/>
  <c r="G6499" i="2" a="1"/>
  <c r="G6499" i="2" s="1"/>
  <c r="G6491" i="2" a="1"/>
  <c r="G6491" i="2" s="1"/>
  <c r="G6500" i="2" a="1"/>
  <c r="G6500" i="2" s="1"/>
  <c r="G6496" i="2" a="1"/>
  <c r="G6496" i="2" s="1"/>
  <c r="G6511" i="2" a="1"/>
  <c r="G6511" i="2" s="1"/>
  <c r="G6494" i="2" a="1"/>
  <c r="G6494" i="2" s="1"/>
  <c r="G6492" i="2" a="1"/>
  <c r="G6492" i="2" s="1"/>
  <c r="G6497" i="2" a="1"/>
  <c r="G6497" i="2" s="1"/>
  <c r="G6506" i="2" a="1"/>
  <c r="G6506" i="2" s="1"/>
  <c r="G6512" i="2" a="1"/>
  <c r="G6512" i="2" s="1"/>
  <c r="G6490" i="2" a="1"/>
  <c r="G6490" i="2" s="1"/>
  <c r="G6493" i="2" a="1"/>
  <c r="G6493" i="2" s="1"/>
  <c r="G6495" i="2" a="1"/>
  <c r="G6495" i="2" s="1"/>
  <c r="G6502" i="2" a="1"/>
  <c r="G6502" i="2" s="1"/>
  <c r="G6503" i="2" a="1"/>
  <c r="G6503" i="2" s="1"/>
  <c r="G6505" i="2" a="1"/>
  <c r="G6505" i="2" s="1"/>
  <c r="G6508" i="2" a="1"/>
  <c r="G6508" i="2" s="1"/>
  <c r="F1290" i="2" a="1"/>
  <c r="F1290" i="2" s="1"/>
  <c r="F1286" i="2" a="1"/>
  <c r="F1286" i="2" s="1"/>
  <c r="F1288" i="2" a="1"/>
  <c r="F1288" i="2" s="1"/>
  <c r="F1304" i="2" a="1"/>
  <c r="F1304" i="2" s="1"/>
  <c r="F1297" i="2" a="1"/>
  <c r="F1297" i="2" s="1"/>
  <c r="F1301" i="2" a="1"/>
  <c r="F1301" i="2" s="1"/>
  <c r="F1298" i="2" a="1"/>
  <c r="F1298" i="2" s="1"/>
  <c r="F1305" i="2" a="1"/>
  <c r="F1305" i="2" s="1"/>
  <c r="F1285" i="2" a="1"/>
  <c r="F1285" i="2" s="1"/>
  <c r="F1284" i="2" a="1"/>
  <c r="F1284" i="2" s="1"/>
  <c r="F1291" i="2" a="1"/>
  <c r="F1291" i="2" s="1"/>
  <c r="F1294" i="2" a="1"/>
  <c r="F1294" i="2" s="1"/>
  <c r="F1300" i="2" a="1"/>
  <c r="F1300" i="2" s="1"/>
  <c r="F1293" i="2" a="1"/>
  <c r="F1293" i="2" s="1"/>
  <c r="F1282" i="2" a="1"/>
  <c r="F1282" i="2" s="1"/>
  <c r="D8386" i="2" a="1"/>
  <c r="D8386" i="2" s="1"/>
  <c r="F1295" i="2" a="1"/>
  <c r="F1295" i="2" s="1"/>
  <c r="F6337" i="2" a="1"/>
  <c r="F6337" i="2" s="1"/>
  <c r="F2775" i="2" a="1"/>
  <c r="F2775" i="2" s="1"/>
  <c r="G7324" i="2" a="1"/>
  <c r="G7324" i="2" s="1"/>
  <c r="D8397" i="2" a="1"/>
  <c r="D8397" i="2" s="1"/>
  <c r="F1289" i="2" a="1"/>
  <c r="F1289" i="2" s="1"/>
  <c r="F6335" i="2" a="1"/>
  <c r="F6335" i="2" s="1"/>
  <c r="F2789" i="2" a="1"/>
  <c r="F2789" i="2" s="1"/>
  <c r="G7321" i="2" a="1"/>
  <c r="G7321" i="2" s="1"/>
  <c r="F6342" i="2" a="1"/>
  <c r="F6342" i="2" s="1"/>
  <c r="F2792" i="2" a="1"/>
  <c r="F2792" i="2" s="1"/>
  <c r="G7310" i="2" a="1"/>
  <c r="G7310" i="2" s="1"/>
  <c r="F6326" i="2" a="1"/>
  <c r="F6326" i="2" s="1"/>
  <c r="F2782" i="2" a="1"/>
  <c r="F2782" i="2" s="1"/>
  <c r="F6325" i="2" a="1"/>
  <c r="F6325" i="2" s="1"/>
  <c r="F2788" i="2" a="1"/>
  <c r="F2788" i="2" s="1"/>
  <c r="D8387" i="2" a="1"/>
  <c r="D8387" i="2" s="1"/>
  <c r="F1296" i="2" a="1"/>
  <c r="F1296" i="2" s="1"/>
  <c r="G6656" i="2" a="1"/>
  <c r="G6656" i="2" s="1"/>
  <c r="F3548" i="2" a="1"/>
  <c r="F3548" i="2" s="1"/>
  <c r="D3762" i="2" a="1"/>
  <c r="D3762" i="2" s="1"/>
  <c r="D8401" i="2" a="1"/>
  <c r="D8401" i="2" s="1"/>
  <c r="G6650" i="2" a="1"/>
  <c r="G6650" i="2" s="1"/>
  <c r="G2149" i="2" a="1"/>
  <c r="G2149" i="2" s="1"/>
  <c r="F1292" i="2" a="1"/>
  <c r="F1292" i="2" s="1"/>
  <c r="F3540" i="2" a="1"/>
  <c r="F3540" i="2" s="1"/>
  <c r="D4662" i="2" a="1"/>
  <c r="D4662" i="2" s="1"/>
  <c r="D3759" i="2" a="1"/>
  <c r="D3759" i="2" s="1"/>
  <c r="D4259" i="2" a="1"/>
  <c r="D4259" i="2" s="1"/>
  <c r="D4280" i="2" a="1"/>
  <c r="D4280" i="2" s="1"/>
  <c r="D4263" i="2" a="1"/>
  <c r="D4263" i="2" s="1"/>
  <c r="D4265" i="2" a="1"/>
  <c r="D4265" i="2" s="1"/>
  <c r="D4267" i="2" a="1"/>
  <c r="D4267" i="2" s="1"/>
  <c r="D4269" i="2" a="1"/>
  <c r="D4269" i="2" s="1"/>
  <c r="D4273" i="2" a="1"/>
  <c r="D4273" i="2" s="1"/>
  <c r="D4275" i="2" a="1"/>
  <c r="D4275" i="2" s="1"/>
  <c r="D4268" i="2" a="1"/>
  <c r="D4268" i="2" s="1"/>
  <c r="D4276" i="2" a="1"/>
  <c r="D4276" i="2" s="1"/>
  <c r="D4279" i="2" a="1"/>
  <c r="D4279" i="2" s="1"/>
  <c r="D4258" i="2" a="1"/>
  <c r="D4258" i="2" s="1"/>
  <c r="D4262" i="2" a="1"/>
  <c r="D4262" i="2" s="1"/>
  <c r="D4274" i="2" a="1"/>
  <c r="D4274" i="2" s="1"/>
  <c r="H4808" i="2" a="1"/>
  <c r="H4808" i="2" s="1"/>
  <c r="H4799" i="2" a="1"/>
  <c r="H4799" i="2" s="1"/>
  <c r="H4803" i="2" a="1"/>
  <c r="H4803" i="2" s="1"/>
  <c r="H4804" i="2" a="1"/>
  <c r="H4804" i="2" s="1"/>
  <c r="H4789" i="2" a="1"/>
  <c r="H4789" i="2" s="1"/>
  <c r="H4805" i="2" a="1"/>
  <c r="H4805" i="2" s="1"/>
  <c r="H4792" i="2" a="1"/>
  <c r="H4792" i="2" s="1"/>
  <c r="H4802" i="2" a="1"/>
  <c r="H4802" i="2" s="1"/>
  <c r="H4788" i="2" a="1"/>
  <c r="H4788" i="2" s="1"/>
  <c r="H4793" i="2" a="1"/>
  <c r="H4793" i="2" s="1"/>
  <c r="H4786" i="2" a="1"/>
  <c r="H4786" i="2" s="1"/>
  <c r="H4807" i="2" a="1"/>
  <c r="H4807" i="2" s="1"/>
  <c r="H4794" i="2" a="1"/>
  <c r="H4794" i="2" s="1"/>
  <c r="H4798" i="2" a="1"/>
  <c r="H4798" i="2" s="1"/>
  <c r="H4809" i="2" a="1"/>
  <c r="H4809" i="2" s="1"/>
  <c r="H4796" i="2" a="1"/>
  <c r="H4796" i="2" s="1"/>
  <c r="H4800" i="2" a="1"/>
  <c r="H4800" i="2" s="1"/>
  <c r="H4790" i="2" a="1"/>
  <c r="H4790" i="2" s="1"/>
  <c r="H4797" i="2" a="1"/>
  <c r="H4797" i="2" s="1"/>
  <c r="H4806" i="2" a="1"/>
  <c r="H4806" i="2" s="1"/>
  <c r="F481" i="2" a="1"/>
  <c r="F481" i="2" s="1"/>
  <c r="F488" i="2" a="1"/>
  <c r="F488" i="2" s="1"/>
  <c r="F483" i="2" a="1"/>
  <c r="F483" i="2" s="1"/>
  <c r="F489" i="2" a="1"/>
  <c r="F489" i="2" s="1"/>
  <c r="F486" i="2" a="1"/>
  <c r="F486" i="2" s="1"/>
  <c r="F474" i="2" a="1"/>
  <c r="F474" i="2" s="1"/>
  <c r="F475" i="2" a="1"/>
  <c r="F475" i="2" s="1"/>
  <c r="F469" i="2" a="1"/>
  <c r="F469" i="2" s="1"/>
  <c r="F468" i="2" a="1"/>
  <c r="F468" i="2" s="1"/>
  <c r="F484" i="2" a="1"/>
  <c r="F484" i="2" s="1"/>
  <c r="F470" i="2" a="1"/>
  <c r="F470" i="2" s="1"/>
  <c r="F477" i="2" a="1"/>
  <c r="F477" i="2" s="1"/>
  <c r="F480" i="2" a="1"/>
  <c r="F480" i="2" s="1"/>
  <c r="F473" i="2" a="1"/>
  <c r="F473" i="2" s="1"/>
  <c r="F482" i="2" a="1"/>
  <c r="F482" i="2" s="1"/>
  <c r="F466" i="2" a="1"/>
  <c r="F466" i="2" s="1"/>
  <c r="F472" i="2" a="1"/>
  <c r="F472" i="2" s="1"/>
  <c r="F476" i="2" a="1"/>
  <c r="F476" i="2" s="1"/>
  <c r="F487" i="2" a="1"/>
  <c r="F487" i="2" s="1"/>
  <c r="F478" i="2" a="1"/>
  <c r="F478" i="2" s="1"/>
  <c r="F467" i="2" a="1"/>
  <c r="F467" i="2" s="1"/>
  <c r="F471" i="2" a="1"/>
  <c r="F471" i="2" s="1"/>
  <c r="H877" i="2" a="1"/>
  <c r="H877" i="2" s="1"/>
  <c r="H886" i="2" a="1"/>
  <c r="H886" i="2" s="1"/>
  <c r="H890" i="2" a="1"/>
  <c r="H890" i="2" s="1"/>
  <c r="H887" i="2" a="1"/>
  <c r="H887" i="2" s="1"/>
  <c r="H881" i="2" a="1"/>
  <c r="H881" i="2" s="1"/>
  <c r="D4272" i="2" a="1"/>
  <c r="D4272" i="2" s="1"/>
  <c r="D4264" i="2" a="1"/>
  <c r="D4264" i="2" s="1"/>
  <c r="H4795" i="2" a="1"/>
  <c r="H4795" i="2" s="1"/>
  <c r="D4270" i="2" a="1"/>
  <c r="D4270" i="2" s="1"/>
  <c r="H4791" i="2" a="1"/>
  <c r="H4791" i="2" s="1"/>
  <c r="D4266" i="2" a="1"/>
  <c r="D4266" i="2" s="1"/>
  <c r="H4787" i="2" a="1"/>
  <c r="H4787" i="2" s="1"/>
  <c r="F485" i="2" a="1"/>
  <c r="F485" i="2" s="1"/>
  <c r="D4281" i="2" a="1"/>
  <c r="D4281" i="2" s="1"/>
  <c r="H4801" i="2" a="1"/>
  <c r="H4801" i="2" s="1"/>
  <c r="F479" i="2" a="1"/>
  <c r="F479" i="2" s="1"/>
  <c r="D4277" i="2" a="1"/>
  <c r="D4277" i="2" s="1"/>
  <c r="H876" i="2" a="1"/>
  <c r="H876" i="2" s="1"/>
  <c r="D4271" i="2" a="1"/>
  <c r="D4271" i="2" s="1"/>
  <c r="F2307" i="2" a="1"/>
  <c r="F2307" i="2" s="1"/>
  <c r="F2294" i="2" a="1"/>
  <c r="F2294" i="2" s="1"/>
  <c r="E2742" i="2" a="1"/>
  <c r="E2742" i="2" s="1"/>
  <c r="E2733" i="2" a="1"/>
  <c r="E2733" i="2" s="1"/>
  <c r="E2736" i="2" a="1"/>
  <c r="E2736" i="2" s="1"/>
  <c r="E2731" i="2" a="1"/>
  <c r="E2731" i="2" s="1"/>
  <c r="E2735" i="2" a="1"/>
  <c r="E2735" i="2" s="1"/>
  <c r="E2727" i="2" a="1"/>
  <c r="E2727" i="2" s="1"/>
  <c r="E2730" i="2" a="1"/>
  <c r="E2730" i="2" s="1"/>
  <c r="E2740" i="2" a="1"/>
  <c r="E2740" i="2" s="1"/>
  <c r="E2723" i="2" a="1"/>
  <c r="E2723" i="2" s="1"/>
  <c r="G3159" i="2" a="1"/>
  <c r="G3159" i="2" s="1"/>
  <c r="G3167" i="2" a="1"/>
  <c r="G3167" i="2" s="1"/>
  <c r="G3175" i="2" a="1"/>
  <c r="G3175" i="2" s="1"/>
  <c r="G3166" i="2" a="1"/>
  <c r="G3166" i="2" s="1"/>
  <c r="F446" i="2" a="1"/>
  <c r="F446" i="2" s="1"/>
  <c r="F462" i="2" a="1"/>
  <c r="F462" i="2" s="1"/>
  <c r="F444" i="2" a="1"/>
  <c r="F444" i="2" s="1"/>
  <c r="F456" i="2" a="1"/>
  <c r="F456" i="2" s="1"/>
  <c r="F459" i="2" a="1"/>
  <c r="F459" i="2" s="1"/>
  <c r="F463" i="2" a="1"/>
  <c r="F463" i="2" s="1"/>
  <c r="F464" i="2" a="1"/>
  <c r="F464" i="2" s="1"/>
  <c r="E497" i="2" a="1"/>
  <c r="E497" i="2" s="1"/>
  <c r="E510" i="2" a="1"/>
  <c r="E510" i="2" s="1"/>
  <c r="E498" i="2" a="1"/>
  <c r="E498" i="2" s="1"/>
  <c r="E507" i="2" a="1"/>
  <c r="E507" i="2" s="1"/>
  <c r="E492" i="2" a="1"/>
  <c r="E492" i="2" s="1"/>
  <c r="E509" i="2" a="1"/>
  <c r="E509" i="2" s="1"/>
  <c r="E513" i="2" a="1"/>
  <c r="E513" i="2" s="1"/>
  <c r="E511" i="2" a="1"/>
  <c r="E511" i="2" s="1"/>
  <c r="G3174" i="2" a="1"/>
  <c r="G3174" i="2" s="1"/>
  <c r="F5491" i="2" a="1"/>
  <c r="F5491" i="2" s="1"/>
  <c r="E494" i="2" a="1"/>
  <c r="E494" i="2" s="1"/>
  <c r="G3165" i="2" a="1"/>
  <c r="G3165" i="2" s="1"/>
  <c r="E499" i="2" a="1"/>
  <c r="E499" i="2" s="1"/>
  <c r="G3171" i="2" a="1"/>
  <c r="G3171" i="2" s="1"/>
  <c r="E512" i="2" a="1"/>
  <c r="E512" i="2" s="1"/>
  <c r="G3170" i="2" a="1"/>
  <c r="G3170" i="2" s="1"/>
  <c r="F448" i="2" a="1"/>
  <c r="F448" i="2" s="1"/>
  <c r="E503" i="2" a="1"/>
  <c r="E503" i="2" s="1"/>
  <c r="G3157" i="2" a="1"/>
  <c r="G3157" i="2" s="1"/>
  <c r="F447" i="2" a="1"/>
  <c r="F447" i="2" s="1"/>
  <c r="E491" i="2" a="1"/>
  <c r="E491" i="2" s="1"/>
  <c r="G3162" i="2" a="1"/>
  <c r="G3162" i="2" s="1"/>
  <c r="F458" i="2" a="1"/>
  <c r="F458" i="2" s="1"/>
  <c r="E502" i="2" a="1"/>
  <c r="E502" i="2" s="1"/>
  <c r="E7142" i="2" a="1"/>
  <c r="E7142" i="2" s="1"/>
  <c r="E7144" i="2" a="1"/>
  <c r="E7144" i="2" s="1"/>
  <c r="F2264" i="2" a="1"/>
  <c r="F2264" i="2" s="1"/>
  <c r="F2250" i="2" a="1"/>
  <c r="F2250" i="2" s="1"/>
  <c r="F2258" i="2" a="1"/>
  <c r="F2258" i="2" s="1"/>
  <c r="F2261" i="2" a="1"/>
  <c r="F2261" i="2" s="1"/>
  <c r="F2255" i="2" a="1"/>
  <c r="F2255" i="2" s="1"/>
  <c r="F2249" i="2" a="1"/>
  <c r="F2249" i="2" s="1"/>
  <c r="D7715" i="2" a="1"/>
  <c r="D7715" i="2" s="1"/>
  <c r="D7720" i="2" a="1"/>
  <c r="D7720" i="2" s="1"/>
  <c r="F2243" i="2" a="1"/>
  <c r="F2243" i="2" s="1"/>
  <c r="D7730" i="2" a="1"/>
  <c r="D7730" i="2" s="1"/>
  <c r="F2251" i="2" a="1"/>
  <c r="F2251" i="2" s="1"/>
  <c r="F2253" i="2" a="1"/>
  <c r="F2253" i="2" s="1"/>
  <c r="E7149" i="2" a="1"/>
  <c r="E7149" i="2" s="1"/>
  <c r="F8640" i="2" a="1"/>
  <c r="F8640" i="2" s="1"/>
  <c r="F2260" i="2" a="1"/>
  <c r="F2260" i="2" s="1"/>
  <c r="E7140" i="2" a="1"/>
  <c r="E7140" i="2" s="1"/>
  <c r="F8631" i="2" a="1"/>
  <c r="F8631" i="2" s="1"/>
  <c r="F2244" i="2" a="1"/>
  <c r="F2244" i="2" s="1"/>
  <c r="G959" i="2" a="1"/>
  <c r="G959" i="2" s="1"/>
  <c r="D6646" i="2" a="1"/>
  <c r="D6646" i="2" s="1"/>
  <c r="G957" i="2" a="1"/>
  <c r="G957" i="2" s="1"/>
  <c r="D6634" i="2" a="1"/>
  <c r="D6634" i="2" s="1"/>
  <c r="G949" i="2" a="1"/>
  <c r="G949" i="2" s="1"/>
  <c r="D6657" i="2" a="1"/>
  <c r="D6657" i="2" s="1"/>
  <c r="G955" i="2" a="1"/>
  <c r="G955" i="2" s="1"/>
  <c r="D6653" i="2" a="1"/>
  <c r="D6653" i="2" s="1"/>
  <c r="AM341" i="1"/>
  <c r="C347" i="5" s="1"/>
  <c r="G967" i="2" a="1"/>
  <c r="G967" i="2" s="1"/>
  <c r="D6641" i="2" a="1"/>
  <c r="D6641" i="2" s="1"/>
  <c r="AM187" i="1"/>
  <c r="C193" i="5" s="1"/>
  <c r="G956" i="2" a="1"/>
  <c r="G956" i="2" s="1"/>
  <c r="D6639" i="2" a="1"/>
  <c r="D6639" i="2" s="1"/>
  <c r="AQ334" i="1"/>
  <c r="G340" i="5" s="1"/>
  <c r="G1930" i="2" a="1"/>
  <c r="G1930" i="2" s="1"/>
  <c r="G1948" i="2" a="1"/>
  <c r="G1948" i="2" s="1"/>
  <c r="G1937" i="2" a="1"/>
  <c r="G1937" i="2" s="1"/>
  <c r="G1932" i="2" a="1"/>
  <c r="G1932" i="2" s="1"/>
  <c r="G1939" i="2" a="1"/>
  <c r="G1939" i="2" s="1"/>
  <c r="G1953" i="2" a="1"/>
  <c r="G1953" i="2" s="1"/>
  <c r="D3737" i="2" a="1"/>
  <c r="D3737" i="2" s="1"/>
  <c r="D3744" i="2" a="1"/>
  <c r="D3744" i="2" s="1"/>
  <c r="D3736" i="2" a="1"/>
  <c r="D3736" i="2" s="1"/>
  <c r="D3751" i="2" a="1"/>
  <c r="D3751" i="2" s="1"/>
  <c r="D3735" i="2" a="1"/>
  <c r="D3735" i="2" s="1"/>
  <c r="D3741" i="2" a="1"/>
  <c r="D3741" i="2" s="1"/>
  <c r="H2247" i="2" a="1"/>
  <c r="H2247" i="2" s="1"/>
  <c r="H2246" i="2" a="1"/>
  <c r="H2246" i="2" s="1"/>
  <c r="H2242" i="2" a="1"/>
  <c r="H2242" i="2" s="1"/>
  <c r="H2259" i="2" a="1"/>
  <c r="H2259" i="2" s="1"/>
  <c r="H2254" i="2" a="1"/>
  <c r="H2254" i="2" s="1"/>
  <c r="H2255" i="2" a="1"/>
  <c r="H2255" i="2" s="1"/>
  <c r="H2243" i="2" a="1"/>
  <c r="H2243" i="2" s="1"/>
  <c r="H1528" i="2" a="1"/>
  <c r="H1528" i="2" s="1"/>
  <c r="H1544" i="2" a="1"/>
  <c r="H1544" i="2" s="1"/>
  <c r="H1533" i="2" a="1"/>
  <c r="H1533" i="2" s="1"/>
  <c r="H1545" i="2" a="1"/>
  <c r="H1545" i="2" s="1"/>
  <c r="H1526" i="2" a="1"/>
  <c r="H1526" i="2" s="1"/>
  <c r="H1529" i="2" a="1"/>
  <c r="H1529" i="2" s="1"/>
  <c r="F6697" i="2" a="1"/>
  <c r="F6697" i="2" s="1"/>
  <c r="F6692" i="2" a="1"/>
  <c r="F6692" i="2" s="1"/>
  <c r="F6688" i="2" a="1"/>
  <c r="F6688" i="2" s="1"/>
  <c r="F6684" i="2" a="1"/>
  <c r="F6684" i="2" s="1"/>
  <c r="F6689" i="2" a="1"/>
  <c r="F6689" i="2" s="1"/>
  <c r="F6700" i="2" a="1"/>
  <c r="F6700" i="2" s="1"/>
  <c r="F6693" i="2" a="1"/>
  <c r="F6693" i="2" s="1"/>
  <c r="H5046" i="2" a="1"/>
  <c r="H5046" i="2" s="1"/>
  <c r="H5036" i="2" a="1"/>
  <c r="H5036" i="2" s="1"/>
  <c r="H5042" i="2" a="1"/>
  <c r="H5042" i="2" s="1"/>
  <c r="H5033" i="2" a="1"/>
  <c r="H5033" i="2" s="1"/>
  <c r="D1439" i="2" a="1"/>
  <c r="D1439" i="2" s="1"/>
  <c r="AQ60" i="1"/>
  <c r="G66" i="5" s="1"/>
  <c r="G2651" i="2" a="1"/>
  <c r="G2651" i="2" s="1"/>
  <c r="G2660" i="2" a="1"/>
  <c r="G2660" i="2" s="1"/>
  <c r="G2668" i="2" a="1"/>
  <c r="G2668" i="2" s="1"/>
  <c r="G2661" i="2" a="1"/>
  <c r="G2661" i="2" s="1"/>
  <c r="G2662" i="2" a="1"/>
  <c r="G2662" i="2" s="1"/>
  <c r="G2665" i="2" a="1"/>
  <c r="G2665" i="2" s="1"/>
  <c r="G2658" i="2" a="1"/>
  <c r="G2658" i="2" s="1"/>
  <c r="G1938" i="2" a="1"/>
  <c r="G1938" i="2" s="1"/>
  <c r="AN111" i="1"/>
  <c r="D117" i="5" s="1"/>
  <c r="E3392" i="2" a="1"/>
  <c r="E3392" i="2" s="1"/>
  <c r="E3381" i="2" a="1"/>
  <c r="E3381" i="2" s="1"/>
  <c r="H6418" i="2" a="1"/>
  <c r="H6418" i="2" s="1"/>
  <c r="H6425" i="2" a="1"/>
  <c r="H6425" i="2" s="1"/>
  <c r="H6429" i="2" a="1"/>
  <c r="H6429" i="2" s="1"/>
  <c r="H6433" i="2" a="1"/>
  <c r="H6433" i="2" s="1"/>
  <c r="H2554" i="2" a="1"/>
  <c r="H2554" i="2" s="1"/>
  <c r="H2562" i="2" a="1"/>
  <c r="H2562" i="2" s="1"/>
  <c r="H2571" i="2" a="1"/>
  <c r="H2571" i="2" s="1"/>
  <c r="H2564" i="2" a="1"/>
  <c r="H2564" i="2" s="1"/>
  <c r="H2572" i="2" a="1"/>
  <c r="H2572" i="2" s="1"/>
  <c r="H2576" i="2" a="1"/>
  <c r="H2576" i="2" s="1"/>
  <c r="E6409" i="2" a="1"/>
  <c r="E6409" i="2" s="1"/>
  <c r="E6415" i="2" a="1"/>
  <c r="E6415" i="2" s="1"/>
  <c r="E6403" i="2" a="1"/>
  <c r="E6403" i="2" s="1"/>
  <c r="E6416" i="2" a="1"/>
  <c r="E6416" i="2" s="1"/>
  <c r="E6406" i="2" a="1"/>
  <c r="E6406" i="2" s="1"/>
  <c r="E6404" i="2" a="1"/>
  <c r="E6404" i="2" s="1"/>
  <c r="F7718" i="2" a="1"/>
  <c r="F7718" i="2" s="1"/>
  <c r="D4604" i="2" a="1"/>
  <c r="D4604" i="2" s="1"/>
  <c r="D4617" i="2" a="1"/>
  <c r="D4617" i="2" s="1"/>
  <c r="D4602" i="2" a="1"/>
  <c r="D4602" i="2" s="1"/>
  <c r="D4610" i="2" a="1"/>
  <c r="D4610" i="2" s="1"/>
  <c r="D4612" i="2" a="1"/>
  <c r="D4612" i="2" s="1"/>
  <c r="E8196" i="2" a="1"/>
  <c r="E8196" i="2" s="1"/>
  <c r="E8197" i="2" a="1"/>
  <c r="E8197" i="2" s="1"/>
  <c r="E8216" i="2" a="1"/>
  <c r="E8216" i="2" s="1"/>
  <c r="E8198" i="2" a="1"/>
  <c r="E8198" i="2" s="1"/>
  <c r="E8214" i="2" a="1"/>
  <c r="E8214" i="2" s="1"/>
  <c r="E8194" i="2" a="1"/>
  <c r="E8194" i="2" s="1"/>
  <c r="E8210" i="2" a="1"/>
  <c r="E8210" i="2" s="1"/>
  <c r="E8202" i="2" a="1"/>
  <c r="E8202" i="2" s="1"/>
  <c r="E8217" i="2" a="1"/>
  <c r="E8217" i="2" s="1"/>
  <c r="E8199" i="2" a="1"/>
  <c r="E8199" i="2" s="1"/>
  <c r="F7732" i="2" a="1"/>
  <c r="F7732" i="2" s="1"/>
  <c r="H5041" i="2" a="1"/>
  <c r="H5041" i="2" s="1"/>
  <c r="D3749" i="2" a="1"/>
  <c r="D3749" i="2" s="1"/>
  <c r="H6434" i="2" a="1"/>
  <c r="H6434" i="2" s="1"/>
  <c r="G1993" i="2" a="1"/>
  <c r="G1993" i="2" s="1"/>
  <c r="G3501" i="2" a="1"/>
  <c r="G3501" i="2" s="1"/>
  <c r="F7715" i="2" a="1"/>
  <c r="F7715" i="2" s="1"/>
  <c r="D3731" i="2" a="1"/>
  <c r="D3731" i="2" s="1"/>
  <c r="G1987" i="2" a="1"/>
  <c r="G1987" i="2" s="1"/>
  <c r="H2250" i="2" a="1"/>
  <c r="H2250" i="2" s="1"/>
  <c r="F1600" i="2" a="1"/>
  <c r="F1600" i="2" s="1"/>
  <c r="F1594" i="2" a="1"/>
  <c r="F1594" i="2" s="1"/>
  <c r="F1616" i="2" a="1"/>
  <c r="F1616" i="2" s="1"/>
  <c r="E776" i="2" a="1"/>
  <c r="E776" i="2" s="1"/>
  <c r="E765" i="2" a="1"/>
  <c r="E765" i="2" s="1"/>
  <c r="G3508" i="2" a="1"/>
  <c r="G3508" i="2" s="1"/>
  <c r="H1539" i="2" a="1"/>
  <c r="H1539" i="2" s="1"/>
  <c r="F7714" i="2" a="1"/>
  <c r="F7714" i="2" s="1"/>
  <c r="E4721" i="2" a="1"/>
  <c r="E4721" i="2" s="1"/>
  <c r="D3747" i="2" a="1"/>
  <c r="D3747" i="2" s="1"/>
  <c r="H6441" i="2" a="1"/>
  <c r="H6441" i="2" s="1"/>
  <c r="G2000" i="2" a="1"/>
  <c r="G2000" i="2" s="1"/>
  <c r="F7729" i="2" a="1"/>
  <c r="F7729" i="2" s="1"/>
  <c r="D3739" i="2" a="1"/>
  <c r="D3739" i="2" s="1"/>
  <c r="G1985" i="2" a="1"/>
  <c r="G1985" i="2" s="1"/>
  <c r="F7723" i="2" a="1"/>
  <c r="F7723" i="2" s="1"/>
  <c r="D3748" i="2" a="1"/>
  <c r="D3748" i="2" s="1"/>
  <c r="G4123" i="2" a="1"/>
  <c r="G4123" i="2" s="1"/>
  <c r="G1999" i="2" a="1"/>
  <c r="G1999" i="2" s="1"/>
  <c r="F7734" i="2" a="1"/>
  <c r="F7734" i="2" s="1"/>
  <c r="D3745" i="2" a="1"/>
  <c r="D3745" i="2" s="1"/>
  <c r="G1983" i="2" a="1"/>
  <c r="G1983" i="2" s="1"/>
  <c r="G1990" i="2" a="1"/>
  <c r="G1990" i="2" s="1"/>
  <c r="G1986" i="2" a="1"/>
  <c r="G1986" i="2" s="1"/>
  <c r="G1978" i="2" a="1"/>
  <c r="G1978" i="2" s="1"/>
  <c r="G1981" i="2" a="1"/>
  <c r="G1981" i="2" s="1"/>
  <c r="G1991" i="2" a="1"/>
  <c r="G1991" i="2" s="1"/>
  <c r="G1997" i="2" a="1"/>
  <c r="G1997" i="2" s="1"/>
  <c r="G1982" i="2" a="1"/>
  <c r="G1982" i="2" s="1"/>
  <c r="G2001" i="2" a="1"/>
  <c r="G2001" i="2" s="1"/>
  <c r="G1992" i="2" a="1"/>
  <c r="G1992" i="2" s="1"/>
  <c r="G1994" i="2" a="1"/>
  <c r="G1994" i="2" s="1"/>
  <c r="G1996" i="2" a="1"/>
  <c r="G1996" i="2" s="1"/>
  <c r="G1952" i="2" a="1"/>
  <c r="G1952" i="2" s="1"/>
  <c r="F7716" i="2" a="1"/>
  <c r="F7716" i="2" s="1"/>
  <c r="D3732" i="2" a="1"/>
  <c r="D3732" i="2" s="1"/>
  <c r="G1984" i="2" a="1"/>
  <c r="G1984" i="2" s="1"/>
  <c r="G1934" i="2" a="1"/>
  <c r="G1934" i="2" s="1"/>
  <c r="F7721" i="2" a="1"/>
  <c r="F7721" i="2" s="1"/>
  <c r="G1979" i="2" a="1"/>
  <c r="G1979" i="2" s="1"/>
  <c r="G1943" i="2" a="1"/>
  <c r="G1943" i="2" s="1"/>
  <c r="F7725" i="2" a="1"/>
  <c r="F7725" i="2" s="1"/>
  <c r="G1936" i="2" a="1"/>
  <c r="G1936" i="2" s="1"/>
  <c r="G1941" i="2" a="1"/>
  <c r="G1941" i="2" s="1"/>
  <c r="G1949" i="2" a="1"/>
  <c r="G1949" i="2" s="1"/>
  <c r="H1274" i="2" a="1"/>
  <c r="H1274" i="2" s="1"/>
  <c r="AP192" i="1"/>
  <c r="F198" i="5" s="1"/>
  <c r="E7468" i="2" a="1"/>
  <c r="E7468" i="2" s="1"/>
  <c r="D740" i="2" a="1"/>
  <c r="D740" i="2" s="1"/>
  <c r="F5181" i="2" a="1"/>
  <c r="F5181" i="2" s="1"/>
  <c r="F5711" i="2" a="1"/>
  <c r="F5711" i="2" s="1"/>
  <c r="F1037" i="2" a="1"/>
  <c r="F1037" i="2" s="1"/>
  <c r="H6098" i="2" a="1"/>
  <c r="H6098" i="2" s="1"/>
  <c r="D7344" i="2" a="1"/>
  <c r="D7344" i="2" s="1"/>
  <c r="D7335" i="2" a="1"/>
  <c r="D7335" i="2" s="1"/>
  <c r="H8169" i="2" a="1"/>
  <c r="H8169" i="2" s="1"/>
  <c r="D7724" i="2" a="1"/>
  <c r="D7724" i="2" s="1"/>
  <c r="G664" i="2" a="1"/>
  <c r="G664" i="2" s="1"/>
  <c r="G668" i="2" a="1"/>
  <c r="G668" i="2" s="1"/>
  <c r="G1397" i="2" a="1"/>
  <c r="G1397" i="2" s="1"/>
  <c r="E7678" i="2" a="1"/>
  <c r="E7678" i="2" s="1"/>
  <c r="G2714" i="2" a="1"/>
  <c r="G2714" i="2" s="1"/>
  <c r="F1180" i="2" a="1"/>
  <c r="F1180" i="2" s="1"/>
  <c r="F410" i="2" a="1"/>
  <c r="F410" i="2" s="1"/>
  <c r="G1217" i="2" a="1"/>
  <c r="G1217" i="2" s="1"/>
  <c r="E3227" i="2" a="1"/>
  <c r="E3227" i="2" s="1"/>
  <c r="E3245" i="2" a="1"/>
  <c r="E3245" i="2" s="1"/>
  <c r="H7292" i="2" a="1"/>
  <c r="H7292" i="2" s="1"/>
  <c r="F2656" i="2" a="1"/>
  <c r="F2656" i="2" s="1"/>
  <c r="G159" i="2" a="1"/>
  <c r="G159" i="2" s="1"/>
  <c r="G155" i="2" a="1"/>
  <c r="G155" i="2" s="1"/>
  <c r="H3361" i="2" a="1"/>
  <c r="H3361" i="2" s="1"/>
  <c r="E490" i="2" a="1"/>
  <c r="E490" i="2" s="1"/>
  <c r="H5372" i="2" a="1"/>
  <c r="H5372" i="2" s="1"/>
  <c r="E6879" i="2" a="1"/>
  <c r="E6879" i="2" s="1"/>
  <c r="D5845" i="2" a="1"/>
  <c r="D5845" i="2" s="1"/>
  <c r="D5764" i="2" a="1"/>
  <c r="D5764" i="2" s="1"/>
  <c r="G7183" i="2" a="1"/>
  <c r="G7183" i="2" s="1"/>
  <c r="G7177" i="2" a="1"/>
  <c r="G7177" i="2" s="1"/>
  <c r="F1246" i="2" a="1"/>
  <c r="F1246" i="2" s="1"/>
  <c r="G776" i="2" a="1"/>
  <c r="G776" i="2" s="1"/>
  <c r="H6118" i="2" a="1"/>
  <c r="H6118" i="2" s="1"/>
  <c r="H2375" i="2" a="1"/>
  <c r="H2375" i="2" s="1"/>
  <c r="H2364" i="2" a="1"/>
  <c r="H2364" i="2" s="1"/>
  <c r="D6541" i="2" a="1"/>
  <c r="D6541" i="2" s="1"/>
  <c r="D6377" i="2" a="1"/>
  <c r="D6377" i="2" s="1"/>
  <c r="F7084" i="2" a="1"/>
  <c r="F7084" i="2" s="1"/>
  <c r="D1658" i="2" a="1"/>
  <c r="D1658" i="2" s="1"/>
  <c r="D6651" i="2" a="1"/>
  <c r="D6651" i="2" s="1"/>
  <c r="D6650" i="2" a="1"/>
  <c r="D6650" i="2" s="1"/>
  <c r="H8005" i="2" a="1"/>
  <c r="H8005" i="2" s="1"/>
  <c r="D4418" i="2" a="1"/>
  <c r="D4418" i="2" s="1"/>
  <c r="G1638" i="2" a="1"/>
  <c r="G1638" i="2" s="1"/>
  <c r="D6530" i="2" a="1"/>
  <c r="D6530" i="2" s="1"/>
  <c r="D1264" i="2" a="1"/>
  <c r="D1264" i="2" s="1"/>
  <c r="E5687" i="2" a="1"/>
  <c r="E5687" i="2" s="1"/>
  <c r="E8647" i="2" a="1"/>
  <c r="E8647" i="2" s="1"/>
  <c r="E8638" i="2" a="1"/>
  <c r="E8638" i="2" s="1"/>
  <c r="G8204" i="2" a="1"/>
  <c r="G8204" i="2" s="1"/>
  <c r="F1127" i="2" a="1"/>
  <c r="F1127" i="2" s="1"/>
  <c r="G5292" i="2" a="1"/>
  <c r="G5292" i="2" s="1"/>
  <c r="G1372" i="2" a="1"/>
  <c r="G1372" i="2" s="1"/>
  <c r="H3908" i="2" a="1"/>
  <c r="H3908" i="2" s="1"/>
  <c r="E5905" i="2" a="1"/>
  <c r="E5905" i="2" s="1"/>
  <c r="D741" i="2" a="1"/>
  <c r="D741" i="2" s="1"/>
  <c r="F5184" i="2" a="1"/>
  <c r="F5184" i="2" s="1"/>
  <c r="F5721" i="2" a="1"/>
  <c r="F5721" i="2" s="1"/>
  <c r="F1027" i="2" a="1"/>
  <c r="F1027" i="2" s="1"/>
  <c r="H6084" i="2" a="1"/>
  <c r="H6084" i="2" s="1"/>
  <c r="G3161" i="2" a="1"/>
  <c r="G3161" i="2" s="1"/>
  <c r="H8100" i="2" a="1"/>
  <c r="H8100" i="2" s="1"/>
  <c r="D7340" i="2" a="1"/>
  <c r="D7340" i="2" s="1"/>
  <c r="D7331" i="2" a="1"/>
  <c r="D7331" i="2" s="1"/>
  <c r="H8158" i="2" a="1"/>
  <c r="H8158" i="2" s="1"/>
  <c r="D7732" i="2" a="1"/>
  <c r="D7732" i="2" s="1"/>
  <c r="G665" i="2" a="1"/>
  <c r="G665" i="2" s="1"/>
  <c r="G681" i="2" a="1"/>
  <c r="G681" i="2" s="1"/>
  <c r="G1391" i="2" a="1"/>
  <c r="G1391" i="2" s="1"/>
  <c r="E7688" i="2" a="1"/>
  <c r="E7688" i="2" s="1"/>
  <c r="G2704" i="2" a="1"/>
  <c r="G2704" i="2" s="1"/>
  <c r="E7378" i="2" a="1"/>
  <c r="E7378" i="2" s="1"/>
  <c r="F1172" i="2" a="1"/>
  <c r="F1172" i="2" s="1"/>
  <c r="E3154" i="2" a="1"/>
  <c r="E3154" i="2" s="1"/>
  <c r="G946" i="2" a="1"/>
  <c r="G946" i="2" s="1"/>
  <c r="F5320" i="2" a="1"/>
  <c r="F5320" i="2" s="1"/>
  <c r="D2814" i="2" a="1"/>
  <c r="D2814" i="2" s="1"/>
  <c r="G1215" i="2" a="1"/>
  <c r="G1215" i="2" s="1"/>
  <c r="G2859" i="2" a="1"/>
  <c r="G2859" i="2" s="1"/>
  <c r="E3238" i="2" a="1"/>
  <c r="E3238" i="2" s="1"/>
  <c r="H7297" i="2" a="1"/>
  <c r="H7297" i="2" s="1"/>
  <c r="H7286" i="2" a="1"/>
  <c r="H7286" i="2" s="1"/>
  <c r="F2671" i="2" a="1"/>
  <c r="F2671" i="2" s="1"/>
  <c r="G156" i="2" a="1"/>
  <c r="G156" i="2" s="1"/>
  <c r="G160" i="2" a="1"/>
  <c r="G160" i="2" s="1"/>
  <c r="H3364" i="2" a="1"/>
  <c r="H3364" i="2" s="1"/>
  <c r="E500" i="2" a="1"/>
  <c r="E500" i="2" s="1"/>
  <c r="H5369" i="2" a="1"/>
  <c r="H5369" i="2" s="1"/>
  <c r="E6888" i="2" a="1"/>
  <c r="E6888" i="2" s="1"/>
  <c r="G1483" i="2" a="1"/>
  <c r="G1483" i="2" s="1"/>
  <c r="G8139" i="2" a="1"/>
  <c r="G8139" i="2" s="1"/>
  <c r="D5842" i="2" a="1"/>
  <c r="D5842" i="2" s="1"/>
  <c r="D5760" i="2" a="1"/>
  <c r="D5760" i="2" s="1"/>
  <c r="G7167" i="2" a="1"/>
  <c r="G7167" i="2" s="1"/>
  <c r="G7181" i="2" a="1"/>
  <c r="G7181" i="2" s="1"/>
  <c r="F1257" i="2" a="1"/>
  <c r="F1257" i="2" s="1"/>
  <c r="E1245" i="2" a="1"/>
  <c r="E1245" i="2" s="1"/>
  <c r="E1248" i="2" a="1"/>
  <c r="E1248" i="2" s="1"/>
  <c r="G758" i="2" a="1"/>
  <c r="G758" i="2" s="1"/>
  <c r="H2371" i="2" a="1"/>
  <c r="H2371" i="2" s="1"/>
  <c r="H2363" i="2" a="1"/>
  <c r="H2363" i="2" s="1"/>
  <c r="D6556" i="2" a="1"/>
  <c r="D6556" i="2" s="1"/>
  <c r="D6380" i="2" a="1"/>
  <c r="D6380" i="2" s="1"/>
  <c r="F7071" i="2" a="1"/>
  <c r="F7071" i="2" s="1"/>
  <c r="D1651" i="2" a="1"/>
  <c r="D1651" i="2" s="1"/>
  <c r="D6647" i="2" a="1"/>
  <c r="D6647" i="2" s="1"/>
  <c r="D6642" i="2" a="1"/>
  <c r="D6642" i="2" s="1"/>
  <c r="H8010" i="2" a="1"/>
  <c r="H8010" i="2" s="1"/>
  <c r="D4407" i="2" a="1"/>
  <c r="D4407" i="2" s="1"/>
  <c r="G1637" i="2" a="1"/>
  <c r="G1637" i="2" s="1"/>
  <c r="D6526" i="2" a="1"/>
  <c r="D6526" i="2" s="1"/>
  <c r="D1267" i="2" a="1"/>
  <c r="D1267" i="2" s="1"/>
  <c r="E5677" i="2" a="1"/>
  <c r="E5677" i="2" s="1"/>
  <c r="E8636" i="2" a="1"/>
  <c r="E8636" i="2" s="1"/>
  <c r="E8649" i="2" a="1"/>
  <c r="E8649" i="2" s="1"/>
  <c r="G8199" i="2" a="1"/>
  <c r="G8199" i="2" s="1"/>
  <c r="F1122" i="2" a="1"/>
  <c r="F1122" i="2" s="1"/>
  <c r="G5301" i="2" a="1"/>
  <c r="G5301" i="2" s="1"/>
  <c r="H4890" i="2" a="1"/>
  <c r="H4890" i="2" s="1"/>
  <c r="G1358" i="2" a="1"/>
  <c r="G1358" i="2" s="1"/>
  <c r="H3909" i="2" a="1"/>
  <c r="H3909" i="2" s="1"/>
  <c r="E8030" i="2" a="1"/>
  <c r="E8030" i="2" s="1"/>
  <c r="E5902" i="2" a="1"/>
  <c r="E5902" i="2" s="1"/>
  <c r="D5875" i="2" a="1"/>
  <c r="D5875" i="2" s="1"/>
  <c r="D752" i="2" a="1"/>
  <c r="D752" i="2" s="1"/>
  <c r="F5182" i="2" a="1"/>
  <c r="F5182" i="2" s="1"/>
  <c r="F5712" i="2" a="1"/>
  <c r="F5712" i="2" s="1"/>
  <c r="F1040" i="2" a="1"/>
  <c r="F1040" i="2" s="1"/>
  <c r="H6085" i="2" a="1"/>
  <c r="H6085" i="2" s="1"/>
  <c r="G3173" i="2" a="1"/>
  <c r="G3173" i="2" s="1"/>
  <c r="H8102" i="2" a="1"/>
  <c r="H8102" i="2" s="1"/>
  <c r="D7336" i="2" a="1"/>
  <c r="D7336" i="2" s="1"/>
  <c r="H8160" i="2" a="1"/>
  <c r="H8160" i="2" s="1"/>
  <c r="D7723" i="2" a="1"/>
  <c r="D7723" i="2" s="1"/>
  <c r="G667" i="2" a="1"/>
  <c r="G667" i="2" s="1"/>
  <c r="G680" i="2" a="1"/>
  <c r="G680" i="2" s="1"/>
  <c r="G1396" i="2" a="1"/>
  <c r="G1396" i="2" s="1"/>
  <c r="H3943" i="2" a="1"/>
  <c r="H3943" i="2" s="1"/>
  <c r="E7674" i="2" a="1"/>
  <c r="E7674" i="2" s="1"/>
  <c r="G2708" i="2" a="1"/>
  <c r="G2708" i="2" s="1"/>
  <c r="E7388" i="2" a="1"/>
  <c r="E7388" i="2" s="1"/>
  <c r="F1177" i="2" a="1"/>
  <c r="F1177" i="2" s="1"/>
  <c r="E3171" i="2" a="1"/>
  <c r="E3171" i="2" s="1"/>
  <c r="G958" i="2" a="1"/>
  <c r="G958" i="2" s="1"/>
  <c r="F5332" i="2" a="1"/>
  <c r="F5332" i="2" s="1"/>
  <c r="D2802" i="2" a="1"/>
  <c r="D2802" i="2" s="1"/>
  <c r="G1229" i="2" a="1"/>
  <c r="G1229" i="2" s="1"/>
  <c r="G2857" i="2" a="1"/>
  <c r="G2857" i="2" s="1"/>
  <c r="E3237" i="2" a="1"/>
  <c r="E3237" i="2" s="1"/>
  <c r="H7303" i="2" a="1"/>
  <c r="H7303" i="2" s="1"/>
  <c r="H7304" i="2" a="1"/>
  <c r="H7304" i="2" s="1"/>
  <c r="G176" i="2" a="1"/>
  <c r="G176" i="2" s="1"/>
  <c r="H3367" i="2" a="1"/>
  <c r="H3367" i="2" s="1"/>
  <c r="E508" i="2" a="1"/>
  <c r="E508" i="2" s="1"/>
  <c r="H5379" i="2" a="1"/>
  <c r="H5379" i="2" s="1"/>
  <c r="E6892" i="2" a="1"/>
  <c r="E6892" i="2" s="1"/>
  <c r="E6893" i="2" a="1"/>
  <c r="E6893" i="2" s="1"/>
  <c r="G1479" i="2" a="1"/>
  <c r="G1479" i="2" s="1"/>
  <c r="G8138" i="2" a="1"/>
  <c r="G8138" i="2" s="1"/>
  <c r="D5756" i="2" a="1"/>
  <c r="D5756" i="2" s="1"/>
  <c r="G7176" i="2" a="1"/>
  <c r="G7176" i="2" s="1"/>
  <c r="G7184" i="2" a="1"/>
  <c r="G7184" i="2" s="1"/>
  <c r="F1236" i="2" a="1"/>
  <c r="F1236" i="2" s="1"/>
  <c r="E1244" i="2" a="1"/>
  <c r="E1244" i="2" s="1"/>
  <c r="E318" i="2" a="1"/>
  <c r="E318" i="2" s="1"/>
  <c r="G773" i="2" a="1"/>
  <c r="G773" i="2" s="1"/>
  <c r="H2377" i="2" a="1"/>
  <c r="H2377" i="2" s="1"/>
  <c r="D6557" i="2" a="1"/>
  <c r="D6557" i="2" s="1"/>
  <c r="D6542" i="2" a="1"/>
  <c r="D6542" i="2" s="1"/>
  <c r="D6379" i="2" a="1"/>
  <c r="D6379" i="2" s="1"/>
  <c r="F7067" i="2" a="1"/>
  <c r="F7067" i="2" s="1"/>
  <c r="D1664" i="2" a="1"/>
  <c r="D1664" i="2" s="1"/>
  <c r="D6643" i="2" a="1"/>
  <c r="D6643" i="2" s="1"/>
  <c r="D6638" i="2" a="1"/>
  <c r="D6638" i="2" s="1"/>
  <c r="H8019" i="2" a="1"/>
  <c r="H8019" i="2" s="1"/>
  <c r="D4403" i="2" a="1"/>
  <c r="D4403" i="2" s="1"/>
  <c r="G1635" i="2" a="1"/>
  <c r="G1635" i="2" s="1"/>
  <c r="D6524" i="2" a="1"/>
  <c r="D6524" i="2" s="1"/>
  <c r="G8296" i="2" a="1"/>
  <c r="G8296" i="2" s="1"/>
  <c r="D1266" i="2" a="1"/>
  <c r="D1266" i="2" s="1"/>
  <c r="E5686" i="2" a="1"/>
  <c r="E5686" i="2" s="1"/>
  <c r="E8645" i="2" a="1"/>
  <c r="E8645" i="2" s="1"/>
  <c r="E8630" i="2" a="1"/>
  <c r="E8630" i="2" s="1"/>
  <c r="G8217" i="2" a="1"/>
  <c r="G8217" i="2" s="1"/>
  <c r="F1117" i="2" a="1"/>
  <c r="F1117" i="2" s="1"/>
  <c r="G5290" i="2" a="1"/>
  <c r="G5290" i="2" s="1"/>
  <c r="H4894" i="2" a="1"/>
  <c r="H4894" i="2" s="1"/>
  <c r="E3876" i="2" a="1"/>
  <c r="E3876" i="2" s="1"/>
  <c r="E8028" i="2" a="1"/>
  <c r="E8028" i="2" s="1"/>
  <c r="E5893" i="2" a="1"/>
  <c r="E5893" i="2" s="1"/>
  <c r="E5908" i="2" a="1"/>
  <c r="E5908" i="2" s="1"/>
  <c r="D5878" i="2" a="1"/>
  <c r="D5878" i="2" s="1"/>
  <c r="D748" i="2" a="1"/>
  <c r="D748" i="2" s="1"/>
  <c r="F5187" i="2" a="1"/>
  <c r="F5187" i="2" s="1"/>
  <c r="F5710" i="2" a="1"/>
  <c r="F5710" i="2" s="1"/>
  <c r="F1032" i="2" a="1"/>
  <c r="F1032" i="2" s="1"/>
  <c r="F1023" i="2" a="1"/>
  <c r="F1023" i="2" s="1"/>
  <c r="H6082" i="2" a="1"/>
  <c r="H6082" i="2" s="1"/>
  <c r="G3177" i="2" a="1"/>
  <c r="G3177" i="2" s="1"/>
  <c r="H8104" i="2" a="1"/>
  <c r="H8104" i="2" s="1"/>
  <c r="D7334" i="2" a="1"/>
  <c r="D7334" i="2" s="1"/>
  <c r="H8152" i="2" a="1"/>
  <c r="H8152" i="2" s="1"/>
  <c r="D7714" i="2" a="1"/>
  <c r="D7714" i="2" s="1"/>
  <c r="D7728" i="2" a="1"/>
  <c r="D7728" i="2" s="1"/>
  <c r="G660" i="2" a="1"/>
  <c r="G660" i="2" s="1"/>
  <c r="G677" i="2" a="1"/>
  <c r="G677" i="2" s="1"/>
  <c r="G1390" i="2" a="1"/>
  <c r="G1390" i="2" s="1"/>
  <c r="H3942" i="2" a="1"/>
  <c r="H3942" i="2" s="1"/>
  <c r="E7675" i="2" a="1"/>
  <c r="E7675" i="2" s="1"/>
  <c r="G2698" i="2" a="1"/>
  <c r="G2698" i="2" s="1"/>
  <c r="E7379" i="2" a="1"/>
  <c r="E7379" i="2" s="1"/>
  <c r="F1163" i="2" a="1"/>
  <c r="F1163" i="2" s="1"/>
  <c r="E3174" i="2" a="1"/>
  <c r="E3174" i="2" s="1"/>
  <c r="G952" i="2" a="1"/>
  <c r="G952" i="2" s="1"/>
  <c r="F5315" i="2" a="1"/>
  <c r="F5315" i="2" s="1"/>
  <c r="D2803" i="2" a="1"/>
  <c r="D2803" i="2" s="1"/>
  <c r="G1214" i="2" a="1"/>
  <c r="G1214" i="2" s="1"/>
  <c r="G2856" i="2" a="1"/>
  <c r="G2856" i="2" s="1"/>
  <c r="E3232" i="2" a="1"/>
  <c r="E3232" i="2" s="1"/>
  <c r="H7301" i="2" a="1"/>
  <c r="H7301" i="2" s="1"/>
  <c r="H7285" i="2" a="1"/>
  <c r="H7285" i="2" s="1"/>
  <c r="G2002" i="2" a="1"/>
  <c r="G2002" i="2" s="1"/>
  <c r="G175" i="2" a="1"/>
  <c r="G175" i="2" s="1"/>
  <c r="H3349" i="2" a="1"/>
  <c r="H3349" i="2" s="1"/>
  <c r="E495" i="2" a="1"/>
  <c r="E495" i="2" s="1"/>
  <c r="H5368" i="2" a="1"/>
  <c r="H5368" i="2" s="1"/>
  <c r="E6883" i="2" a="1"/>
  <c r="E6883" i="2" s="1"/>
  <c r="E6878" i="2" a="1"/>
  <c r="E6878" i="2" s="1"/>
  <c r="G1482" i="2" a="1"/>
  <c r="G1482" i="2" s="1"/>
  <c r="D5752" i="2" a="1"/>
  <c r="D5752" i="2" s="1"/>
  <c r="G7163" i="2" a="1"/>
  <c r="G7163" i="2" s="1"/>
  <c r="F1243" i="2" a="1"/>
  <c r="F1243" i="2" s="1"/>
  <c r="E310" i="2" a="1"/>
  <c r="E310" i="2" s="1"/>
  <c r="G754" i="2" a="1"/>
  <c r="G754" i="2" s="1"/>
  <c r="E7546" i="2" a="1"/>
  <c r="E7546" i="2" s="1"/>
  <c r="H2376" i="2" a="1"/>
  <c r="H2376" i="2" s="1"/>
  <c r="D6539" i="2" a="1"/>
  <c r="D6539" i="2" s="1"/>
  <c r="D6561" i="2" a="1"/>
  <c r="D6561" i="2" s="1"/>
  <c r="D6375" i="2" a="1"/>
  <c r="D6375" i="2" s="1"/>
  <c r="F7072" i="2" a="1"/>
  <c r="F7072" i="2" s="1"/>
  <c r="D1661" i="2" a="1"/>
  <c r="D1661" i="2" s="1"/>
  <c r="D6635" i="2" a="1"/>
  <c r="D6635" i="2" s="1"/>
  <c r="H548" i="2" a="1"/>
  <c r="H548" i="2" s="1"/>
  <c r="H8021" i="2" a="1"/>
  <c r="H8021" i="2" s="1"/>
  <c r="D4422" i="2" a="1"/>
  <c r="D4422" i="2" s="1"/>
  <c r="G1636" i="2" a="1"/>
  <c r="G1636" i="2" s="1"/>
  <c r="D1262" i="2" a="1"/>
  <c r="D1262" i="2" s="1"/>
  <c r="E5675" i="2" a="1"/>
  <c r="E5675" i="2" s="1"/>
  <c r="E8635" i="2" a="1"/>
  <c r="E8635" i="2" s="1"/>
  <c r="E8648" i="2" a="1"/>
  <c r="E8648" i="2" s="1"/>
  <c r="G8198" i="2" a="1"/>
  <c r="G8198" i="2" s="1"/>
  <c r="F1121" i="2" a="1"/>
  <c r="F1121" i="2" s="1"/>
  <c r="G5309" i="2" a="1"/>
  <c r="G5309" i="2" s="1"/>
  <c r="H4895" i="2" a="1"/>
  <c r="H4895" i="2" s="1"/>
  <c r="E3883" i="2" a="1"/>
  <c r="E3883" i="2" s="1"/>
  <c r="E5909" i="2" a="1"/>
  <c r="E5909" i="2" s="1"/>
  <c r="D5872" i="2" a="1"/>
  <c r="D5872" i="2" s="1"/>
  <c r="AM201" i="1"/>
  <c r="C207" i="5" s="1"/>
  <c r="D744" i="2" a="1"/>
  <c r="D744" i="2" s="1"/>
  <c r="F5176" i="2" a="1"/>
  <c r="F5176" i="2" s="1"/>
  <c r="F5183" i="2" a="1"/>
  <c r="F5183" i="2" s="1"/>
  <c r="F5706" i="2" a="1"/>
  <c r="F5706" i="2" s="1"/>
  <c r="F1019" i="2" a="1"/>
  <c r="F1019" i="2" s="1"/>
  <c r="F1026" i="2" a="1"/>
  <c r="F1026" i="2" s="1"/>
  <c r="H6094" i="2" a="1"/>
  <c r="H6094" i="2" s="1"/>
  <c r="G3154" i="2" a="1"/>
  <c r="G3154" i="2" s="1"/>
  <c r="H8099" i="2" a="1"/>
  <c r="H8099" i="2" s="1"/>
  <c r="D7353" i="2" a="1"/>
  <c r="D7353" i="2" s="1"/>
  <c r="H8150" i="2" a="1"/>
  <c r="H8150" i="2" s="1"/>
  <c r="D7734" i="2" a="1"/>
  <c r="D7734" i="2" s="1"/>
  <c r="D7719" i="2" a="1"/>
  <c r="D7719" i="2" s="1"/>
  <c r="G675" i="2" a="1"/>
  <c r="G675" i="2" s="1"/>
  <c r="G1384" i="2" a="1"/>
  <c r="G1384" i="2" s="1"/>
  <c r="H3937" i="2" a="1"/>
  <c r="H3937" i="2" s="1"/>
  <c r="E7686" i="2" a="1"/>
  <c r="E7686" i="2" s="1"/>
  <c r="G2705" i="2" a="1"/>
  <c r="G2705" i="2" s="1"/>
  <c r="E7400" i="2" a="1"/>
  <c r="E7400" i="2" s="1"/>
  <c r="F1176" i="2" a="1"/>
  <c r="F1176" i="2" s="1"/>
  <c r="H701" i="2" a="1"/>
  <c r="H701" i="2" s="1"/>
  <c r="E3167" i="2" a="1"/>
  <c r="E3167" i="2" s="1"/>
  <c r="G962" i="2" a="1"/>
  <c r="G962" i="2" s="1"/>
  <c r="F5318" i="2" a="1"/>
  <c r="F5318" i="2" s="1"/>
  <c r="D2799" i="2" a="1"/>
  <c r="D2799" i="2" s="1"/>
  <c r="G1210" i="2" a="1"/>
  <c r="G1210" i="2" s="1"/>
  <c r="G2858" i="2" a="1"/>
  <c r="G2858" i="2" s="1"/>
  <c r="E3233" i="2" a="1"/>
  <c r="E3233" i="2" s="1"/>
  <c r="H7290" i="2" a="1"/>
  <c r="H7290" i="2" s="1"/>
  <c r="H7296" i="2" a="1"/>
  <c r="H7296" i="2" s="1"/>
  <c r="G2019" i="2" a="1"/>
  <c r="G2019" i="2" s="1"/>
  <c r="G174" i="2" a="1"/>
  <c r="G174" i="2" s="1"/>
  <c r="H3346" i="2" a="1"/>
  <c r="H3346" i="2" s="1"/>
  <c r="E506" i="2" a="1"/>
  <c r="E506" i="2" s="1"/>
  <c r="H5367" i="2" a="1"/>
  <c r="H5367" i="2" s="1"/>
  <c r="E6896" i="2" a="1"/>
  <c r="E6896" i="2" s="1"/>
  <c r="E6881" i="2" a="1"/>
  <c r="E6881" i="2" s="1"/>
  <c r="G1491" i="2" a="1"/>
  <c r="G1491" i="2" s="1"/>
  <c r="F2311" i="2" a="1"/>
  <c r="F2311" i="2" s="1"/>
  <c r="D5862" i="2" a="1"/>
  <c r="D5862" i="2" s="1"/>
  <c r="G7168" i="2" a="1"/>
  <c r="G7168" i="2" s="1"/>
  <c r="F1239" i="2" a="1"/>
  <c r="F1239" i="2" s="1"/>
  <c r="E1247" i="2" a="1"/>
  <c r="E1247" i="2" s="1"/>
  <c r="E307" i="2" a="1"/>
  <c r="E307" i="2" s="1"/>
  <c r="G771" i="2" a="1"/>
  <c r="G771" i="2" s="1"/>
  <c r="E7568" i="2" a="1"/>
  <c r="E7568" i="2" s="1"/>
  <c r="H2384" i="2" a="1"/>
  <c r="H2384" i="2" s="1"/>
  <c r="D6555" i="2" a="1"/>
  <c r="D6555" i="2" s="1"/>
  <c r="D6559" i="2" a="1"/>
  <c r="D6559" i="2" s="1"/>
  <c r="D6393" i="2" a="1"/>
  <c r="D6393" i="2" s="1"/>
  <c r="F7070" i="2" a="1"/>
  <c r="F7070" i="2" s="1"/>
  <c r="D1656" i="2" a="1"/>
  <c r="D1656" i="2" s="1"/>
  <c r="D6649" i="2" a="1"/>
  <c r="D6649" i="2" s="1"/>
  <c r="H540" i="2" a="1"/>
  <c r="H540" i="2" s="1"/>
  <c r="H8012" i="2" a="1"/>
  <c r="H8012" i="2" s="1"/>
  <c r="D4414" i="2" a="1"/>
  <c r="D4414" i="2" s="1"/>
  <c r="G1632" i="2" a="1"/>
  <c r="G1632" i="2" s="1"/>
  <c r="D2307" i="2" a="1"/>
  <c r="D2307" i="2" s="1"/>
  <c r="D1258" i="2" a="1"/>
  <c r="D1258" i="2" s="1"/>
  <c r="E5691" i="2" a="1"/>
  <c r="E5691" i="2" s="1"/>
  <c r="E8629" i="2" a="1"/>
  <c r="E8629" i="2" s="1"/>
  <c r="G8202" i="2" a="1"/>
  <c r="G8202" i="2" s="1"/>
  <c r="F1124" i="2" a="1"/>
  <c r="F1124" i="2" s="1"/>
  <c r="G5308" i="2" a="1"/>
  <c r="G5308" i="2" s="1"/>
  <c r="H4900" i="2" a="1"/>
  <c r="H4900" i="2" s="1"/>
  <c r="E3892" i="2" a="1"/>
  <c r="E3892" i="2" s="1"/>
  <c r="E5890" i="2" a="1"/>
  <c r="E5890" i="2" s="1"/>
  <c r="E5911" i="2" a="1"/>
  <c r="E5911" i="2" s="1"/>
  <c r="F5189" i="2" a="1"/>
  <c r="F5189" i="2" s="1"/>
  <c r="F1028" i="2" a="1"/>
  <c r="F1028" i="2" s="1"/>
  <c r="H8098" i="2" a="1"/>
  <c r="H8098" i="2" s="1"/>
  <c r="D7726" i="2" a="1"/>
  <c r="D7726" i="2" s="1"/>
  <c r="G2700" i="2" a="1"/>
  <c r="G2700" i="2" s="1"/>
  <c r="E7381" i="2" a="1"/>
  <c r="E7381" i="2" s="1"/>
  <c r="F1162" i="2" a="1"/>
  <c r="F1162" i="2" s="1"/>
  <c r="G968" i="2" a="1"/>
  <c r="G968" i="2" s="1"/>
  <c r="E2724" i="2" a="1"/>
  <c r="E2724" i="2" s="1"/>
  <c r="G1219" i="2" a="1"/>
  <c r="G1219" i="2" s="1"/>
  <c r="E6876" i="2" a="1"/>
  <c r="E6876" i="2" s="1"/>
  <c r="F2296" i="2" a="1"/>
  <c r="F2296" i="2" s="1"/>
  <c r="F1247" i="2" a="1"/>
  <c r="F1247" i="2" s="1"/>
  <c r="D6551" i="2" a="1"/>
  <c r="D6551" i="2" s="1"/>
  <c r="F7081" i="2" a="1"/>
  <c r="F7081" i="2" s="1"/>
  <c r="D1653" i="2" a="1"/>
  <c r="D1653" i="2" s="1"/>
  <c r="H8011" i="2" a="1"/>
  <c r="H8011" i="2" s="1"/>
  <c r="G1641" i="2" a="1"/>
  <c r="G1641" i="2" s="1"/>
  <c r="D2311" i="2" a="1"/>
  <c r="D2311" i="2" s="1"/>
  <c r="D1271" i="2" a="1"/>
  <c r="D1271" i="2" s="1"/>
  <c r="E5674" i="2" a="1"/>
  <c r="E5674" i="2" s="1"/>
  <c r="G8207" i="2" a="1"/>
  <c r="G8207" i="2" s="1"/>
  <c r="G5302" i="2" a="1"/>
  <c r="G5302" i="2" s="1"/>
  <c r="H4899" i="2" a="1"/>
  <c r="H4899" i="2" s="1"/>
  <c r="E5897" i="2" a="1"/>
  <c r="E5897" i="2" s="1"/>
  <c r="AQ328" i="1"/>
  <c r="G334" i="5" s="1"/>
  <c r="D6753" i="2" a="1"/>
  <c r="D6753" i="2" s="1"/>
  <c r="D6735" i="2" a="1"/>
  <c r="D6735" i="2" s="1"/>
  <c r="D6744" i="2" a="1"/>
  <c r="D6744" i="2" s="1"/>
  <c r="D6745" i="2" a="1"/>
  <c r="D6745" i="2" s="1"/>
  <c r="D6742" i="2" a="1"/>
  <c r="D6742" i="2" s="1"/>
  <c r="D6731" i="2" a="1"/>
  <c r="D6731" i="2" s="1"/>
  <c r="D6730" i="2" a="1"/>
  <c r="D6730" i="2" s="1"/>
  <c r="D6751" i="2" a="1"/>
  <c r="D6751" i="2" s="1"/>
  <c r="D6746" i="2" a="1"/>
  <c r="D6746" i="2" s="1"/>
  <c r="D6740" i="2" a="1"/>
  <c r="D6740" i="2" s="1"/>
  <c r="D6747" i="2" a="1"/>
  <c r="D6747" i="2" s="1"/>
  <c r="D6743" i="2" a="1"/>
  <c r="D6743" i="2" s="1"/>
  <c r="D6749" i="2" a="1"/>
  <c r="D6749" i="2" s="1"/>
  <c r="D6741" i="2" a="1"/>
  <c r="D6741" i="2" s="1"/>
  <c r="D6752" i="2" a="1"/>
  <c r="D6752" i="2" s="1"/>
  <c r="D6737" i="2" a="1"/>
  <c r="D6737" i="2" s="1"/>
  <c r="D6748" i="2" a="1"/>
  <c r="D6748" i="2" s="1"/>
  <c r="D6734" i="2" a="1"/>
  <c r="D6734" i="2" s="1"/>
  <c r="D6736" i="2" a="1"/>
  <c r="D6736" i="2" s="1"/>
  <c r="G7337" i="2" a="1"/>
  <c r="G7337" i="2" s="1"/>
  <c r="M7337" i="2" s="1"/>
  <c r="M7311" i="5" s="1"/>
  <c r="P7311" i="5" s="1"/>
  <c r="G7347" i="2" a="1"/>
  <c r="G7347" i="2" s="1"/>
  <c r="G7339" i="2" a="1"/>
  <c r="G7339" i="2" s="1"/>
  <c r="G7340" i="2" a="1"/>
  <c r="G7340" i="2" s="1"/>
  <c r="G7344" i="2" a="1"/>
  <c r="G7344" i="2" s="1"/>
  <c r="G7330" i="2" a="1"/>
  <c r="G7330" i="2" s="1"/>
  <c r="G7331" i="2" a="1"/>
  <c r="G7331" i="2" s="1"/>
  <c r="G7333" i="2" a="1"/>
  <c r="G7333" i="2" s="1"/>
  <c r="G7350" i="2" a="1"/>
  <c r="G7350" i="2" s="1"/>
  <c r="G7353" i="2" a="1"/>
  <c r="G7353" i="2" s="1"/>
  <c r="G7343" i="2" a="1"/>
  <c r="G7343" i="2" s="1"/>
  <c r="G7346" i="2" a="1"/>
  <c r="G7346" i="2" s="1"/>
  <c r="G7335" i="2" a="1"/>
  <c r="G7335" i="2" s="1"/>
  <c r="G7336" i="2" a="1"/>
  <c r="G7336" i="2" s="1"/>
  <c r="AN125" i="1"/>
  <c r="D131" i="5" s="1"/>
  <c r="AO125" i="1"/>
  <c r="E131" i="5" s="1"/>
  <c r="AM125" i="1"/>
  <c r="C131" i="5" s="1"/>
  <c r="AQ125" i="1"/>
  <c r="G131" i="5" s="1"/>
  <c r="AP125" i="1"/>
  <c r="F131" i="5" s="1"/>
  <c r="H3006" i="2" a="1"/>
  <c r="H3006" i="2" s="1"/>
  <c r="H2991" i="2" a="1"/>
  <c r="H2991" i="2" s="1"/>
  <c r="F4503" i="2" a="1"/>
  <c r="F4503" i="2" s="1"/>
  <c r="F4499" i="2" a="1"/>
  <c r="F4499" i="2" s="1"/>
  <c r="F4517" i="2" a="1"/>
  <c r="F4517" i="2" s="1"/>
  <c r="F4505" i="2" a="1"/>
  <c r="F4505" i="2" s="1"/>
  <c r="F4509" i="2" a="1"/>
  <c r="F4509" i="2" s="1"/>
  <c r="F4514" i="2" a="1"/>
  <c r="F4514" i="2" s="1"/>
  <c r="F4502" i="2" a="1"/>
  <c r="F4502" i="2" s="1"/>
  <c r="F4518" i="2" a="1"/>
  <c r="F4518" i="2" s="1"/>
  <c r="F4500" i="2" a="1"/>
  <c r="F4500" i="2" s="1"/>
  <c r="F4507" i="2" a="1"/>
  <c r="F4507" i="2" s="1"/>
  <c r="F4519" i="2" a="1"/>
  <c r="F4519" i="2" s="1"/>
  <c r="F4512" i="2" a="1"/>
  <c r="F4512" i="2" s="1"/>
  <c r="F4508" i="2" a="1"/>
  <c r="F4508" i="2" s="1"/>
  <c r="F4511" i="2" a="1"/>
  <c r="F4511" i="2" s="1"/>
  <c r="F4516" i="2" a="1"/>
  <c r="F4516" i="2" s="1"/>
  <c r="F4515" i="2" a="1"/>
  <c r="F4515" i="2" s="1"/>
  <c r="F4498" i="2" a="1"/>
  <c r="F4498" i="2" s="1"/>
  <c r="F4513" i="2" a="1"/>
  <c r="F4513" i="2" s="1"/>
  <c r="F4506" i="2" a="1"/>
  <c r="F4506" i="2" s="1"/>
  <c r="F4510" i="2" a="1"/>
  <c r="F4510" i="2" s="1"/>
  <c r="F4521" i="2" a="1"/>
  <c r="F4521" i="2" s="1"/>
  <c r="F4501" i="2" a="1"/>
  <c r="F4501" i="2" s="1"/>
  <c r="F4504" i="2" a="1"/>
  <c r="F4504" i="2" s="1"/>
  <c r="AO188" i="1"/>
  <c r="E194" i="5" s="1"/>
  <c r="F4520" i="2" a="1"/>
  <c r="F4520" i="2" s="1"/>
  <c r="F6757" i="2" a="1"/>
  <c r="F6757" i="2" s="1"/>
  <c r="F6761" i="2" a="1"/>
  <c r="F6761" i="2" s="1"/>
  <c r="F6755" i="2" a="1"/>
  <c r="F6755" i="2" s="1"/>
  <c r="F6762" i="2" a="1"/>
  <c r="F6762" i="2" s="1"/>
  <c r="F6758" i="2" a="1"/>
  <c r="F6758" i="2" s="1"/>
  <c r="F6772" i="2" a="1"/>
  <c r="F6772" i="2" s="1"/>
  <c r="F6773" i="2" a="1"/>
  <c r="F6773" i="2" s="1"/>
  <c r="F6765" i="2" a="1"/>
  <c r="F6765" i="2" s="1"/>
  <c r="F6775" i="2" a="1"/>
  <c r="F6775" i="2" s="1"/>
  <c r="F6764" i="2" a="1"/>
  <c r="F6764" i="2" s="1"/>
  <c r="F6766" i="2" a="1"/>
  <c r="F6766" i="2" s="1"/>
  <c r="F6774" i="2" a="1"/>
  <c r="F6774" i="2" s="1"/>
  <c r="F6770" i="2" a="1"/>
  <c r="F6770" i="2" s="1"/>
  <c r="F6777" i="2" a="1"/>
  <c r="F6777" i="2" s="1"/>
  <c r="F6768" i="2" a="1"/>
  <c r="F6768" i="2" s="1"/>
  <c r="F6769" i="2" a="1"/>
  <c r="F6769" i="2" s="1"/>
  <c r="G6773" i="2" a="1"/>
  <c r="G6773" i="2" s="1"/>
  <c r="G6774" i="2" a="1"/>
  <c r="G6774" i="2" s="1"/>
  <c r="G6758" i="2" a="1"/>
  <c r="G6758" i="2" s="1"/>
  <c r="G6757" i="2" a="1"/>
  <c r="G6757" i="2" s="1"/>
  <c r="G6761" i="2" a="1"/>
  <c r="G6761" i="2" s="1"/>
  <c r="G6764" i="2" a="1"/>
  <c r="G6764" i="2" s="1"/>
  <c r="G6762" i="2" a="1"/>
  <c r="G6762" i="2" s="1"/>
  <c r="G6766" i="2" a="1"/>
  <c r="G6766" i="2" s="1"/>
  <c r="G6755" i="2" a="1"/>
  <c r="G6755" i="2" s="1"/>
  <c r="G6771" i="2" a="1"/>
  <c r="G6771" i="2" s="1"/>
  <c r="G6759" i="2" a="1"/>
  <c r="G6759" i="2" s="1"/>
  <c r="G6767" i="2" a="1"/>
  <c r="G6767" i="2" s="1"/>
  <c r="G6760" i="2" a="1"/>
  <c r="G6760" i="2" s="1"/>
  <c r="G6763" i="2" a="1"/>
  <c r="G6763" i="2" s="1"/>
  <c r="G6768" i="2" a="1"/>
  <c r="G6768" i="2" s="1"/>
  <c r="G6772" i="2" a="1"/>
  <c r="G6772" i="2" s="1"/>
  <c r="G6765" i="2" a="1"/>
  <c r="G6765" i="2" s="1"/>
  <c r="G6769" i="2" a="1"/>
  <c r="G6769" i="2" s="1"/>
  <c r="G6756" i="2" a="1"/>
  <c r="G6756" i="2" s="1"/>
  <c r="G6775" i="2" a="1"/>
  <c r="G6775" i="2" s="1"/>
  <c r="G6754" i="2" a="1"/>
  <c r="G6754" i="2" s="1"/>
  <c r="G6776" i="2" a="1"/>
  <c r="G6776" i="2" s="1"/>
  <c r="G6770" i="2" a="1"/>
  <c r="G6770" i="2" s="1"/>
  <c r="E5458" i="2" a="1"/>
  <c r="E5458" i="2" s="1"/>
  <c r="E5478" i="2" a="1"/>
  <c r="E5478" i="2" s="1"/>
  <c r="E5479" i="2" a="1"/>
  <c r="E5479" i="2" s="1"/>
  <c r="E5477" i="2" a="1"/>
  <c r="E5477" i="2" s="1"/>
  <c r="E5463" i="2" a="1"/>
  <c r="E5463" i="2" s="1"/>
  <c r="D3989" i="2" a="1"/>
  <c r="D3989" i="2" s="1"/>
  <c r="D3980" i="2" a="1"/>
  <c r="D3980" i="2" s="1"/>
  <c r="AN166" i="1"/>
  <c r="D172" i="5" s="1"/>
  <c r="D3987" i="2" a="1"/>
  <c r="D3987" i="2" s="1"/>
  <c r="AO166" i="1"/>
  <c r="E172" i="5" s="1"/>
  <c r="D3972" i="2" a="1"/>
  <c r="D3972" i="2" s="1"/>
  <c r="D3970" i="2" a="1"/>
  <c r="D3970" i="2" s="1"/>
  <c r="D3982" i="2" a="1"/>
  <c r="D3982" i="2" s="1"/>
  <c r="D3986" i="2" a="1"/>
  <c r="D3986" i="2" s="1"/>
  <c r="D3973" i="2" a="1"/>
  <c r="D3973" i="2" s="1"/>
  <c r="D3981" i="2" a="1"/>
  <c r="D3981" i="2" s="1"/>
  <c r="D3985" i="2" a="1"/>
  <c r="D3985" i="2" s="1"/>
  <c r="D3977" i="2" a="1"/>
  <c r="D3977" i="2" s="1"/>
  <c r="D3984" i="2" a="1"/>
  <c r="D3984" i="2" s="1"/>
  <c r="D3971" i="2" a="1"/>
  <c r="D3971" i="2" s="1"/>
  <c r="AP166" i="1"/>
  <c r="F172" i="5" s="1"/>
  <c r="D3974" i="2" a="1"/>
  <c r="D3974" i="2" s="1"/>
  <c r="D5102" i="2" a="1"/>
  <c r="D5102" i="2" s="1"/>
  <c r="D5110" i="2" a="1"/>
  <c r="D5110" i="2" s="1"/>
  <c r="D5114" i="2" a="1"/>
  <c r="D5114" i="2" s="1"/>
  <c r="D5107" i="2" a="1"/>
  <c r="D5107" i="2" s="1"/>
  <c r="D5119" i="2" a="1"/>
  <c r="D5119" i="2" s="1"/>
  <c r="AP213" i="1"/>
  <c r="F219" i="5" s="1"/>
  <c r="D5105" i="2" a="1"/>
  <c r="D5105" i="2" s="1"/>
  <c r="AQ213" i="1"/>
  <c r="G219" i="5" s="1"/>
  <c r="D5109" i="2" a="1"/>
  <c r="D5109" i="2" s="1"/>
  <c r="AN213" i="1"/>
  <c r="D219" i="5" s="1"/>
  <c r="D5113" i="2" a="1"/>
  <c r="D5113" i="2" s="1"/>
  <c r="AO213" i="1"/>
  <c r="E219" i="5" s="1"/>
  <c r="D5106" i="2" a="1"/>
  <c r="D5106" i="2" s="1"/>
  <c r="AM213" i="1"/>
  <c r="D5118" i="2" a="1"/>
  <c r="D5118" i="2" s="1"/>
  <c r="D5101" i="2" a="1"/>
  <c r="D5101" i="2" s="1"/>
  <c r="D5100" i="2" a="1"/>
  <c r="D5100" i="2" s="1"/>
  <c r="D5117" i="2" a="1"/>
  <c r="D5117" i="2" s="1"/>
  <c r="D5104" i="2" a="1"/>
  <c r="D5104" i="2" s="1"/>
  <c r="D5121" i="2" a="1"/>
  <c r="D5121" i="2" s="1"/>
  <c r="D5112" i="2" a="1"/>
  <c r="D5112" i="2" s="1"/>
  <c r="D5099" i="2" a="1"/>
  <c r="D5099" i="2" s="1"/>
  <c r="D5103" i="2" a="1"/>
  <c r="D5103" i="2" s="1"/>
  <c r="D5108" i="2" a="1"/>
  <c r="D5108" i="2" s="1"/>
  <c r="J5108" i="2" s="1"/>
  <c r="J5082" i="5" s="1"/>
  <c r="N5082" i="5" s="1"/>
  <c r="D5111" i="2" a="1"/>
  <c r="D5111" i="2" s="1"/>
  <c r="D5115" i="2" a="1"/>
  <c r="D5115" i="2" s="1"/>
  <c r="D5116" i="2" a="1"/>
  <c r="D5116" i="2" s="1"/>
  <c r="D5098" i="2" a="1"/>
  <c r="D5098" i="2" s="1"/>
  <c r="D5120" i="2" a="1"/>
  <c r="D5120" i="2" s="1"/>
  <c r="H5336" i="2" a="1"/>
  <c r="H5336" i="2" s="1"/>
  <c r="H5326" i="2" a="1"/>
  <c r="H5326" i="2" s="1"/>
  <c r="AQ222" i="1"/>
  <c r="G228" i="5" s="1"/>
  <c r="AM222" i="1"/>
  <c r="AO222" i="1"/>
  <c r="E228" i="5" s="1"/>
  <c r="H6014" i="2" a="1"/>
  <c r="H6014" i="2" s="1"/>
  <c r="H6032" i="2" a="1"/>
  <c r="H6032" i="2" s="1"/>
  <c r="H6023" i="2" a="1"/>
  <c r="H6023" i="2" s="1"/>
  <c r="H6019" i="2" a="1"/>
  <c r="H6019" i="2" s="1"/>
  <c r="H6031" i="2" a="1"/>
  <c r="H6031" i="2" s="1"/>
  <c r="H6020" i="2" a="1"/>
  <c r="H6020" i="2" s="1"/>
  <c r="H6010" i="2" a="1"/>
  <c r="H6010" i="2" s="1"/>
  <c r="H6016" i="2" a="1"/>
  <c r="H6016" i="2" s="1"/>
  <c r="H6030" i="2" a="1"/>
  <c r="H6030" i="2" s="1"/>
  <c r="H6017" i="2" a="1"/>
  <c r="H6017" i="2" s="1"/>
  <c r="H6011" i="2" a="1"/>
  <c r="H6011" i="2" s="1"/>
  <c r="H5496" i="2" a="1"/>
  <c r="H5496" i="2" s="1"/>
  <c r="H5484" i="2" a="1"/>
  <c r="H5484" i="2" s="1"/>
  <c r="H5490" i="2" a="1"/>
  <c r="H5490" i="2" s="1"/>
  <c r="H5482" i="2" a="1"/>
  <c r="H5482" i="2" s="1"/>
  <c r="H5504" i="2" a="1"/>
  <c r="H5504" i="2" s="1"/>
  <c r="H5494" i="2" a="1"/>
  <c r="H5494" i="2" s="1"/>
  <c r="H5501" i="2" a="1"/>
  <c r="H5501" i="2" s="1"/>
  <c r="H5493" i="2" a="1"/>
  <c r="H5493" i="2" s="1"/>
  <c r="H5502" i="2" a="1"/>
  <c r="H5502" i="2" s="1"/>
  <c r="H5499" i="2" a="1"/>
  <c r="H5499" i="2" s="1"/>
  <c r="H5487" i="2" a="1"/>
  <c r="H5487" i="2" s="1"/>
  <c r="H5486" i="2" a="1"/>
  <c r="H5486" i="2" s="1"/>
  <c r="H5503" i="2" a="1"/>
  <c r="H5503" i="2" s="1"/>
  <c r="F2807" i="2" a="1"/>
  <c r="F2807" i="2" s="1"/>
  <c r="F2804" i="2" a="1"/>
  <c r="F2804" i="2" s="1"/>
  <c r="F2808" i="2" a="1"/>
  <c r="F2808" i="2" s="1"/>
  <c r="F2798" i="2" a="1"/>
  <c r="F2798" i="2" s="1"/>
  <c r="F2811" i="2" a="1"/>
  <c r="F2811" i="2" s="1"/>
  <c r="F2794" i="2" a="1"/>
  <c r="F2794" i="2" s="1"/>
  <c r="F2817" i="2" a="1"/>
  <c r="F2817" i="2" s="1"/>
  <c r="F2815" i="2" a="1"/>
  <c r="F2815" i="2" s="1"/>
  <c r="F2816" i="2" a="1"/>
  <c r="F2816" i="2" s="1"/>
  <c r="F2813" i="2" a="1"/>
  <c r="F2813" i="2" s="1"/>
  <c r="F2795" i="2" a="1"/>
  <c r="F2795" i="2" s="1"/>
  <c r="F2796" i="2" a="1"/>
  <c r="F2796" i="2" s="1"/>
  <c r="F2801" i="2" a="1"/>
  <c r="F2801" i="2" s="1"/>
  <c r="F2814" i="2" a="1"/>
  <c r="F2814" i="2" s="1"/>
  <c r="F2797" i="2" a="1"/>
  <c r="F2797" i="2" s="1"/>
  <c r="F2800" i="2" a="1"/>
  <c r="F2800" i="2" s="1"/>
  <c r="F2802" i="2" a="1"/>
  <c r="F2802" i="2" s="1"/>
  <c r="F2812" i="2" a="1"/>
  <c r="F2812" i="2" s="1"/>
  <c r="D6351" i="2" a="1"/>
  <c r="D6351" i="2" s="1"/>
  <c r="D6358" i="2" a="1"/>
  <c r="D6358" i="2" s="1"/>
  <c r="D6347" i="2" a="1"/>
  <c r="D6347" i="2" s="1"/>
  <c r="D6357" i="2" a="1"/>
  <c r="D6357" i="2" s="1"/>
  <c r="E407" i="2" a="1"/>
  <c r="E407" i="2" s="1"/>
  <c r="E400" i="2" a="1"/>
  <c r="E400" i="2" s="1"/>
  <c r="E405" i="2" a="1"/>
  <c r="E405" i="2" s="1"/>
  <c r="E414" i="2" a="1"/>
  <c r="E414" i="2" s="1"/>
  <c r="E395" i="2" a="1"/>
  <c r="E395" i="2" s="1"/>
  <c r="E396" i="2" a="1"/>
  <c r="E396" i="2" s="1"/>
  <c r="E412" i="2" a="1"/>
  <c r="E412" i="2" s="1"/>
  <c r="E417" i="2" a="1"/>
  <c r="E417" i="2" s="1"/>
  <c r="E398" i="2" a="1"/>
  <c r="E398" i="2" s="1"/>
  <c r="E403" i="2" a="1"/>
  <c r="E403" i="2" s="1"/>
  <c r="E397" i="2" a="1"/>
  <c r="E397" i="2" s="1"/>
  <c r="H423" i="2" a="1"/>
  <c r="H423" i="2" s="1"/>
  <c r="H425" i="2" a="1"/>
  <c r="H425" i="2" s="1"/>
  <c r="H432" i="2" a="1"/>
  <c r="H432" i="2" s="1"/>
  <c r="H436" i="2" a="1"/>
  <c r="H436" i="2" s="1"/>
  <c r="H428" i="2" a="1"/>
  <c r="H428" i="2" s="1"/>
  <c r="H438" i="2" a="1"/>
  <c r="H438" i="2" s="1"/>
  <c r="H429" i="2" a="1"/>
  <c r="H429" i="2" s="1"/>
  <c r="H431" i="2" a="1"/>
  <c r="H431" i="2" s="1"/>
  <c r="H418" i="2" a="1"/>
  <c r="H418" i="2" s="1"/>
  <c r="H439" i="2" a="1"/>
  <c r="H439" i="2" s="1"/>
  <c r="H441" i="2" a="1"/>
  <c r="H441" i="2" s="1"/>
  <c r="H420" i="2" a="1"/>
  <c r="H420" i="2" s="1"/>
  <c r="H437" i="2" a="1"/>
  <c r="H437" i="2" s="1"/>
  <c r="H421" i="2" a="1"/>
  <c r="H421" i="2" s="1"/>
  <c r="H430" i="2" a="1"/>
  <c r="H430" i="2" s="1"/>
  <c r="H422" i="2" a="1"/>
  <c r="H422" i="2" s="1"/>
  <c r="H433" i="2" a="1"/>
  <c r="H433" i="2" s="1"/>
  <c r="H435" i="2" a="1"/>
  <c r="H435" i="2" s="1"/>
  <c r="H440" i="2" a="1"/>
  <c r="H440" i="2" s="1"/>
  <c r="H424" i="2" a="1"/>
  <c r="H424" i="2" s="1"/>
  <c r="H419" i="2" a="1"/>
  <c r="H419" i="2" s="1"/>
  <c r="H427" i="2" a="1"/>
  <c r="H427" i="2" s="1"/>
  <c r="H434" i="2" a="1"/>
  <c r="H434" i="2" s="1"/>
  <c r="H7015" i="2" a="1"/>
  <c r="H7015" i="2" s="1"/>
  <c r="H6997" i="2" a="1"/>
  <c r="H6997" i="2" s="1"/>
  <c r="H7013" i="2" a="1"/>
  <c r="H7013" i="2" s="1"/>
  <c r="H6998" i="2" a="1"/>
  <c r="H6998" i="2" s="1"/>
  <c r="H7006" i="2" a="1"/>
  <c r="H7006" i="2" s="1"/>
  <c r="H6996" i="2" a="1"/>
  <c r="H6996" i="2" s="1"/>
  <c r="H7004" i="2" a="1"/>
  <c r="H7004" i="2" s="1"/>
  <c r="H7009" i="2" a="1"/>
  <c r="H7009" i="2" s="1"/>
  <c r="H7010" i="2" a="1"/>
  <c r="H7010" i="2" s="1"/>
  <c r="H7014" i="2" a="1"/>
  <c r="H7014" i="2" s="1"/>
  <c r="H7000" i="2" a="1"/>
  <c r="H7000" i="2" s="1"/>
  <c r="H6995" i="2" a="1"/>
  <c r="H6995" i="2" s="1"/>
  <c r="H7002" i="2" a="1"/>
  <c r="H7002" i="2" s="1"/>
  <c r="H7016" i="2" a="1"/>
  <c r="H7016" i="2" s="1"/>
  <c r="H6994" i="2" a="1"/>
  <c r="H6994" i="2" s="1"/>
  <c r="H7008" i="2" a="1"/>
  <c r="H7008" i="2" s="1"/>
  <c r="H7017" i="2" a="1"/>
  <c r="H7017" i="2" s="1"/>
  <c r="H7007" i="2" a="1"/>
  <c r="H7007" i="2" s="1"/>
  <c r="H7003" i="2" a="1"/>
  <c r="H7003" i="2" s="1"/>
  <c r="H7001" i="2" a="1"/>
  <c r="H7001" i="2" s="1"/>
  <c r="AM135" i="1"/>
  <c r="C141" i="5" s="1"/>
  <c r="AN135" i="1"/>
  <c r="D141" i="5" s="1"/>
  <c r="AQ135" i="1"/>
  <c r="G141" i="5" s="1"/>
  <c r="AO135" i="1"/>
  <c r="E141" i="5" s="1"/>
  <c r="G3237" i="2" a="1"/>
  <c r="G3237" i="2" s="1"/>
  <c r="G3231" i="2" a="1"/>
  <c r="G3231" i="2" s="1"/>
  <c r="G3232" i="2" a="1"/>
  <c r="G3232" i="2" s="1"/>
  <c r="G3227" i="2" a="1"/>
  <c r="G3227" i="2" s="1"/>
  <c r="G3246" i="2" a="1"/>
  <c r="G3246" i="2" s="1"/>
  <c r="G3244" i="2" a="1"/>
  <c r="G3244" i="2" s="1"/>
  <c r="G3238" i="2" a="1"/>
  <c r="G3238" i="2" s="1"/>
  <c r="G3245" i="2" a="1"/>
  <c r="G3245" i="2" s="1"/>
  <c r="G3230" i="2" a="1"/>
  <c r="G3230" i="2" s="1"/>
  <c r="G3240" i="2" a="1"/>
  <c r="G3240" i="2" s="1"/>
  <c r="G3236" i="2" a="1"/>
  <c r="G3236" i="2" s="1"/>
  <c r="G3235" i="2" a="1"/>
  <c r="G3235" i="2" s="1"/>
  <c r="G3247" i="2" a="1"/>
  <c r="G3247" i="2" s="1"/>
  <c r="G3228" i="2" a="1"/>
  <c r="G3228" i="2" s="1"/>
  <c r="G3242" i="2" a="1"/>
  <c r="G3242" i="2" s="1"/>
  <c r="G3241" i="2" a="1"/>
  <c r="G3241" i="2" s="1"/>
  <c r="G3248" i="2" a="1"/>
  <c r="G3248" i="2" s="1"/>
  <c r="G3239" i="2" a="1"/>
  <c r="G3239" i="2" s="1"/>
  <c r="G3249" i="2" a="1"/>
  <c r="G3249" i="2" s="1"/>
  <c r="G3233" i="2" a="1"/>
  <c r="G3233" i="2" s="1"/>
  <c r="G3234" i="2" a="1"/>
  <c r="G3234" i="2" s="1"/>
  <c r="G3229" i="2" a="1"/>
  <c r="G3229" i="2" s="1"/>
  <c r="G3243" i="2" a="1"/>
  <c r="G3243" i="2" s="1"/>
  <c r="F3931" i="2" a="1"/>
  <c r="F3931" i="2" s="1"/>
  <c r="F3938" i="2" a="1"/>
  <c r="F3938" i="2" s="1"/>
  <c r="F3939" i="2" a="1"/>
  <c r="F3939" i="2" s="1"/>
  <c r="F3940" i="2" a="1"/>
  <c r="F3940" i="2" s="1"/>
  <c r="F3942" i="2" a="1"/>
  <c r="F3942" i="2" s="1"/>
  <c r="F3922" i="2" a="1"/>
  <c r="F3922" i="2" s="1"/>
  <c r="F3929" i="2" a="1"/>
  <c r="F3929" i="2" s="1"/>
  <c r="F3934" i="2" a="1"/>
  <c r="F3934" i="2" s="1"/>
  <c r="F3945" i="2" a="1"/>
  <c r="F3945" i="2" s="1"/>
  <c r="D968" i="2" a="1"/>
  <c r="D968" i="2" s="1"/>
  <c r="D947" i="2" a="1"/>
  <c r="D947" i="2" s="1"/>
  <c r="D954" i="2" a="1"/>
  <c r="D954" i="2" s="1"/>
  <c r="D960" i="2" a="1"/>
  <c r="D960" i="2" s="1"/>
  <c r="D946" i="2" a="1"/>
  <c r="D946" i="2" s="1"/>
  <c r="D949" i="2" a="1"/>
  <c r="D949" i="2" s="1"/>
  <c r="D969" i="2" a="1"/>
  <c r="D969" i="2" s="1"/>
  <c r="D955" i="2" a="1"/>
  <c r="D955" i="2" s="1"/>
  <c r="D950" i="2" a="1"/>
  <c r="D950" i="2" s="1"/>
  <c r="D953" i="2" a="1"/>
  <c r="D953" i="2" s="1"/>
  <c r="D961" i="2" a="1"/>
  <c r="D961" i="2" s="1"/>
  <c r="D965" i="2" a="1"/>
  <c r="D965" i="2" s="1"/>
  <c r="D951" i="2" a="1"/>
  <c r="D951" i="2" s="1"/>
  <c r="D952" i="2" a="1"/>
  <c r="D952" i="2" s="1"/>
  <c r="D963" i="2" a="1"/>
  <c r="D963" i="2" s="1"/>
  <c r="D957" i="2" a="1"/>
  <c r="D957" i="2" s="1"/>
  <c r="D948" i="2" a="1"/>
  <c r="D948" i="2" s="1"/>
  <c r="D958" i="2" a="1"/>
  <c r="D958" i="2" s="1"/>
  <c r="D966" i="2" a="1"/>
  <c r="D966" i="2" s="1"/>
  <c r="G696" i="2" a="1"/>
  <c r="G696" i="2" s="1"/>
  <c r="G686" i="2" a="1"/>
  <c r="G686" i="2" s="1"/>
  <c r="G683" i="2" a="1"/>
  <c r="G683" i="2" s="1"/>
  <c r="G690" i="2" a="1"/>
  <c r="G690" i="2" s="1"/>
  <c r="G691" i="2" a="1"/>
  <c r="G691" i="2" s="1"/>
  <c r="G700" i="2" a="1"/>
  <c r="G700" i="2" s="1"/>
  <c r="F8694" i="2" a="1"/>
  <c r="F8694" i="2" s="1"/>
  <c r="F8696" i="2" a="1"/>
  <c r="F8696" i="2" s="1"/>
  <c r="F8686" i="2" a="1"/>
  <c r="F8686" i="2" s="1"/>
  <c r="F8677" i="2" a="1"/>
  <c r="F8677" i="2" s="1"/>
  <c r="F8689" i="2" a="1"/>
  <c r="F8689" i="2" s="1"/>
  <c r="F8679" i="2" a="1"/>
  <c r="F8679" i="2" s="1"/>
  <c r="F8685" i="2" a="1"/>
  <c r="F8685" i="2" s="1"/>
  <c r="F8688" i="2" a="1"/>
  <c r="F8688" i="2" s="1"/>
  <c r="F8695" i="2" a="1"/>
  <c r="F8695" i="2" s="1"/>
  <c r="F8692" i="2" a="1"/>
  <c r="F8692" i="2" s="1"/>
  <c r="F8693" i="2" a="1"/>
  <c r="F8693" i="2" s="1"/>
  <c r="F8681" i="2" a="1"/>
  <c r="F8681" i="2" s="1"/>
  <c r="F8684" i="2" a="1"/>
  <c r="F8684" i="2" s="1"/>
  <c r="F8682" i="2" a="1"/>
  <c r="F8682" i="2" s="1"/>
  <c r="F8678" i="2" a="1"/>
  <c r="F8678" i="2" s="1"/>
  <c r="F8697" i="2" a="1"/>
  <c r="F8697" i="2" s="1"/>
  <c r="F8680" i="2" a="1"/>
  <c r="F8680" i="2" s="1"/>
  <c r="F8690" i="2" a="1"/>
  <c r="F8690" i="2" s="1"/>
  <c r="F8687" i="2" a="1"/>
  <c r="F8687" i="2" s="1"/>
  <c r="F8674" i="2" a="1"/>
  <c r="F8674" i="2" s="1"/>
  <c r="F8675" i="2" a="1"/>
  <c r="F8675" i="2" s="1"/>
  <c r="F8683" i="2" a="1"/>
  <c r="F8683" i="2" s="1"/>
  <c r="E545" i="2" a="1"/>
  <c r="E545" i="2" s="1"/>
  <c r="E550" i="2" a="1"/>
  <c r="E550" i="2" s="1"/>
  <c r="E547" i="2" a="1"/>
  <c r="E547" i="2" s="1"/>
  <c r="E554" i="2" a="1"/>
  <c r="E554" i="2" s="1"/>
  <c r="E561" i="2" a="1"/>
  <c r="E561" i="2" s="1"/>
  <c r="E542" i="2" a="1"/>
  <c r="E542" i="2" s="1"/>
  <c r="E538" i="2" a="1"/>
  <c r="E538" i="2" s="1"/>
  <c r="E539" i="2" a="1"/>
  <c r="E539" i="2" s="1"/>
  <c r="E540" i="2" a="1"/>
  <c r="E540" i="2" s="1"/>
  <c r="E544" i="2" a="1"/>
  <c r="E544" i="2" s="1"/>
  <c r="E555" i="2" a="1"/>
  <c r="E555" i="2" s="1"/>
  <c r="E548" i="2" a="1"/>
  <c r="E548" i="2" s="1"/>
  <c r="E546" i="2" a="1"/>
  <c r="E546" i="2" s="1"/>
  <c r="E557" i="2" a="1"/>
  <c r="E557" i="2" s="1"/>
  <c r="E558" i="2" a="1"/>
  <c r="E558" i="2" s="1"/>
  <c r="E551" i="2" a="1"/>
  <c r="E551" i="2" s="1"/>
  <c r="E553" i="2" a="1"/>
  <c r="E553" i="2" s="1"/>
  <c r="E560" i="2" a="1"/>
  <c r="E560" i="2" s="1"/>
  <c r="E543" i="2" a="1"/>
  <c r="E543" i="2" s="1"/>
  <c r="E556" i="2" a="1"/>
  <c r="E556" i="2" s="1"/>
  <c r="E559" i="2" a="1"/>
  <c r="E559" i="2" s="1"/>
  <c r="E541" i="2" a="1"/>
  <c r="E541" i="2" s="1"/>
  <c r="E549" i="2" a="1"/>
  <c r="E549" i="2" s="1"/>
  <c r="E552" i="2" a="1"/>
  <c r="E552" i="2" s="1"/>
  <c r="AP132" i="1"/>
  <c r="F138" i="5" s="1"/>
  <c r="D3173" i="2" a="1"/>
  <c r="D3173" i="2" s="1"/>
  <c r="AQ132" i="1"/>
  <c r="G138" i="5" s="1"/>
  <c r="D3164" i="2" a="1"/>
  <c r="D3164" i="2" s="1"/>
  <c r="D3170" i="2" a="1"/>
  <c r="D3170" i="2" s="1"/>
  <c r="D3172" i="2" a="1"/>
  <c r="D3172" i="2" s="1"/>
  <c r="D3161" i="2" a="1"/>
  <c r="D3161" i="2" s="1"/>
  <c r="D3169" i="2" a="1"/>
  <c r="D3169" i="2" s="1"/>
  <c r="D3177" i="2" a="1"/>
  <c r="D3177" i="2" s="1"/>
  <c r="D3166" i="2" a="1"/>
  <c r="D3166" i="2" s="1"/>
  <c r="D3174" i="2" a="1"/>
  <c r="D3174" i="2" s="1"/>
  <c r="D3156" i="2" a="1"/>
  <c r="D3156" i="2" s="1"/>
  <c r="D3160" i="2" a="1"/>
  <c r="D3160" i="2" s="1"/>
  <c r="D3168" i="2" a="1"/>
  <c r="D3168" i="2" s="1"/>
  <c r="D3165" i="2" a="1"/>
  <c r="D3165" i="2" s="1"/>
  <c r="D3176" i="2" a="1"/>
  <c r="D3176" i="2" s="1"/>
  <c r="D3155" i="2" a="1"/>
  <c r="D3155" i="2" s="1"/>
  <c r="D3159" i="2" a="1"/>
  <c r="D3159" i="2" s="1"/>
  <c r="AO132" i="1"/>
  <c r="D3163" i="2" a="1"/>
  <c r="D3163" i="2" s="1"/>
  <c r="AM132" i="1"/>
  <c r="C138" i="5" s="1"/>
  <c r="D3175" i="2" a="1"/>
  <c r="D3175" i="2" s="1"/>
  <c r="D3167" i="2" a="1"/>
  <c r="D3167" i="2" s="1"/>
  <c r="D3171" i="2" a="1"/>
  <c r="D3171" i="2" s="1"/>
  <c r="AN132" i="1"/>
  <c r="D138" i="5" s="1"/>
  <c r="D3162" i="2" a="1"/>
  <c r="D3162" i="2" s="1"/>
  <c r="AO12" i="1"/>
  <c r="E18" i="5" s="1"/>
  <c r="AQ12" i="1"/>
  <c r="G18" i="5" s="1"/>
  <c r="F2361" i="2" a="1"/>
  <c r="F2361" i="2" s="1"/>
  <c r="F2346" i="2" a="1"/>
  <c r="F2346" i="2" s="1"/>
  <c r="F2349" i="2" a="1"/>
  <c r="F2349" i="2" s="1"/>
  <c r="F2338" i="2" a="1"/>
  <c r="F2338" i="2" s="1"/>
  <c r="F2352" i="2" a="1"/>
  <c r="F2352" i="2" s="1"/>
  <c r="F2354" i="2" a="1"/>
  <c r="F2354" i="2" s="1"/>
  <c r="F2344" i="2" a="1"/>
  <c r="F2344" i="2" s="1"/>
  <c r="F2348" i="2" a="1"/>
  <c r="F2348" i="2" s="1"/>
  <c r="F2345" i="2" a="1"/>
  <c r="F2345" i="2" s="1"/>
  <c r="F2356" i="2" a="1"/>
  <c r="F2356" i="2" s="1"/>
  <c r="F2358" i="2" a="1"/>
  <c r="F2358" i="2" s="1"/>
  <c r="F2342" i="2" a="1"/>
  <c r="F2342" i="2" s="1"/>
  <c r="F2357" i="2" a="1"/>
  <c r="F2357" i="2" s="1"/>
  <c r="F2347" i="2" a="1"/>
  <c r="F2347" i="2" s="1"/>
  <c r="F2339" i="2" a="1"/>
  <c r="F2339" i="2" s="1"/>
  <c r="F2359" i="2" a="1"/>
  <c r="F2359" i="2" s="1"/>
  <c r="F2353" i="2" a="1"/>
  <c r="F2353" i="2" s="1"/>
  <c r="F2360" i="2" a="1"/>
  <c r="F2360" i="2" s="1"/>
  <c r="F2351" i="2" a="1"/>
  <c r="F2351" i="2" s="1"/>
  <c r="F2340" i="2" a="1"/>
  <c r="F2340" i="2" s="1"/>
  <c r="F2350" i="2" a="1"/>
  <c r="F2350" i="2" s="1"/>
  <c r="H8230" i="2" a="1"/>
  <c r="H8230" i="2" s="1"/>
  <c r="H8232" i="2" a="1"/>
  <c r="H8232" i="2" s="1"/>
  <c r="H8231" i="2" a="1"/>
  <c r="H8231" i="2" s="1"/>
  <c r="H8225" i="2" a="1"/>
  <c r="H8225" i="2" s="1"/>
  <c r="H8236" i="2" a="1"/>
  <c r="H8236" i="2" s="1"/>
  <c r="H8241" i="2" a="1"/>
  <c r="H8241" i="2" s="1"/>
  <c r="H8219" i="2" a="1"/>
  <c r="H8219" i="2" s="1"/>
  <c r="H8222" i="2" a="1"/>
  <c r="H8222" i="2" s="1"/>
  <c r="H8229" i="2" a="1"/>
  <c r="H8229" i="2" s="1"/>
  <c r="H8227" i="2" a="1"/>
  <c r="H8227" i="2" s="1"/>
  <c r="H8235" i="2" a="1"/>
  <c r="H8235" i="2" s="1"/>
  <c r="H8228" i="2" a="1"/>
  <c r="H8228" i="2" s="1"/>
  <c r="H8234" i="2" a="1"/>
  <c r="H8234" i="2" s="1"/>
  <c r="H8218" i="2" a="1"/>
  <c r="H8218" i="2" s="1"/>
  <c r="H8233" i="2" a="1"/>
  <c r="H8233" i="2" s="1"/>
  <c r="H8240" i="2" a="1"/>
  <c r="H8240" i="2" s="1"/>
  <c r="H8221" i="2" a="1"/>
  <c r="H8221" i="2" s="1"/>
  <c r="H8220" i="2" a="1"/>
  <c r="H8220" i="2" s="1"/>
  <c r="AN205" i="1"/>
  <c r="D211" i="5" s="1"/>
  <c r="AQ205" i="1"/>
  <c r="G211" i="5" s="1"/>
  <c r="AO205" i="1"/>
  <c r="E211" i="5" s="1"/>
  <c r="F2204" i="2" a="1"/>
  <c r="F2204" i="2" s="1"/>
  <c r="F2194" i="2" a="1"/>
  <c r="F2194" i="2" s="1"/>
  <c r="F2201" i="2" a="1"/>
  <c r="F2201" i="2" s="1"/>
  <c r="F2200" i="2" a="1"/>
  <c r="F2200" i="2" s="1"/>
  <c r="F2209" i="2" a="1"/>
  <c r="F2209" i="2" s="1"/>
  <c r="F2215" i="2" a="1"/>
  <c r="F2215" i="2" s="1"/>
  <c r="F2196" i="2" a="1"/>
  <c r="F2196" i="2" s="1"/>
  <c r="F2212" i="2" a="1"/>
  <c r="F2212" i="2" s="1"/>
  <c r="F2195" i="2" a="1"/>
  <c r="F2195" i="2" s="1"/>
  <c r="G2201" i="2" a="1"/>
  <c r="G2201" i="2" s="1"/>
  <c r="G2198" i="2" a="1"/>
  <c r="G2198" i="2" s="1"/>
  <c r="G2209" i="2" a="1"/>
  <c r="G2209" i="2" s="1"/>
  <c r="G2212" i="2" a="1"/>
  <c r="G2212" i="2" s="1"/>
  <c r="G2204" i="2" a="1"/>
  <c r="G2204" i="2" s="1"/>
  <c r="G5935" i="2" a="1"/>
  <c r="G5935" i="2" s="1"/>
  <c r="G5937" i="2" a="1"/>
  <c r="G5937" i="2" s="1"/>
  <c r="G5925" i="2" a="1"/>
  <c r="G5925" i="2" s="1"/>
  <c r="G5931" i="2" a="1"/>
  <c r="G5931" i="2" s="1"/>
  <c r="G5934" i="2" a="1"/>
  <c r="G5934" i="2" s="1"/>
  <c r="G5936" i="2" a="1"/>
  <c r="G5936" i="2" s="1"/>
  <c r="E1929" i="2" a="1"/>
  <c r="E1929" i="2" s="1"/>
  <c r="E1924" i="2" a="1"/>
  <c r="E1924" i="2" s="1"/>
  <c r="E1908" i="2" a="1"/>
  <c r="E1908" i="2" s="1"/>
  <c r="E1918" i="2" a="1"/>
  <c r="E1918" i="2" s="1"/>
  <c r="E1919" i="2" a="1"/>
  <c r="E1919" i="2" s="1"/>
  <c r="E1909" i="2" a="1"/>
  <c r="E1909" i="2" s="1"/>
  <c r="E1925" i="2" a="1"/>
  <c r="E1925" i="2" s="1"/>
  <c r="E1920" i="2" a="1"/>
  <c r="E1920" i="2" s="1"/>
  <c r="E1906" i="2" a="1"/>
  <c r="E1906" i="2" s="1"/>
  <c r="E1926" i="2" a="1"/>
  <c r="E1926" i="2" s="1"/>
  <c r="E1912" i="2" a="1"/>
  <c r="E1912" i="2" s="1"/>
  <c r="E1915" i="2" a="1"/>
  <c r="E1915" i="2" s="1"/>
  <c r="E1907" i="2" a="1"/>
  <c r="E1907" i="2" s="1"/>
  <c r="E1922" i="2" a="1"/>
  <c r="E1922" i="2" s="1"/>
  <c r="E1910" i="2" a="1"/>
  <c r="E1910" i="2" s="1"/>
  <c r="E1911" i="2" a="1"/>
  <c r="E1911" i="2" s="1"/>
  <c r="E1923" i="2" a="1"/>
  <c r="E1923" i="2" s="1"/>
  <c r="E1927" i="2" a="1"/>
  <c r="E1927" i="2" s="1"/>
  <c r="E1916" i="2" a="1"/>
  <c r="E1916" i="2" s="1"/>
  <c r="AQ80" i="1"/>
  <c r="G86" i="5" s="1"/>
  <c r="E1917" i="2" a="1"/>
  <c r="E1917" i="2" s="1"/>
  <c r="I1917" i="2" s="1"/>
  <c r="I1891" i="5" s="1"/>
  <c r="AM80" i="1"/>
  <c r="C86" i="5" s="1"/>
  <c r="E1928" i="2" a="1"/>
  <c r="E1928" i="2" s="1"/>
  <c r="E1914" i="2" a="1"/>
  <c r="E1914" i="2" s="1"/>
  <c r="E1913" i="2" a="1"/>
  <c r="E1913" i="2" s="1"/>
  <c r="E1921" i="2" a="1"/>
  <c r="E1921" i="2" s="1"/>
  <c r="AN80" i="1"/>
  <c r="D86" i="5" s="1"/>
  <c r="G3930" i="2" a="1"/>
  <c r="G3930" i="2" s="1"/>
  <c r="G3927" i="2" a="1"/>
  <c r="G3927" i="2" s="1"/>
  <c r="G3935" i="2" a="1"/>
  <c r="G3935" i="2" s="1"/>
  <c r="G3926" i="2" a="1"/>
  <c r="G3926" i="2" s="1"/>
  <c r="G3938" i="2" a="1"/>
  <c r="G3938" i="2" s="1"/>
  <c r="G3939" i="2" a="1"/>
  <c r="G3939" i="2" s="1"/>
  <c r="G3937" i="2" a="1"/>
  <c r="G3937" i="2" s="1"/>
  <c r="G3923" i="2" a="1"/>
  <c r="G3923" i="2" s="1"/>
  <c r="G3941" i="2" a="1"/>
  <c r="G3941" i="2" s="1"/>
  <c r="G3945" i="2" a="1"/>
  <c r="G3945" i="2" s="1"/>
  <c r="G3934" i="2" a="1"/>
  <c r="G3934" i="2" s="1"/>
  <c r="G3928" i="2" a="1"/>
  <c r="G3928" i="2" s="1"/>
  <c r="G3933" i="2" a="1"/>
  <c r="G3933" i="2" s="1"/>
  <c r="G3932" i="2" a="1"/>
  <c r="G3932" i="2" s="1"/>
  <c r="G3940" i="2" a="1"/>
  <c r="G3940" i="2" s="1"/>
  <c r="G3936" i="2" a="1"/>
  <c r="G3936" i="2" s="1"/>
  <c r="G3942" i="2" a="1"/>
  <c r="G3942" i="2" s="1"/>
  <c r="G3944" i="2" a="1"/>
  <c r="G3944" i="2" s="1"/>
  <c r="G3943" i="2" a="1"/>
  <c r="G3943" i="2" s="1"/>
  <c r="G3922" i="2" a="1"/>
  <c r="G3922" i="2" s="1"/>
  <c r="G3925" i="2" a="1"/>
  <c r="G3925" i="2" s="1"/>
  <c r="G3924" i="2" a="1"/>
  <c r="G3924" i="2" s="1"/>
  <c r="G3929" i="2" a="1"/>
  <c r="G3929" i="2" s="1"/>
  <c r="G3931" i="2" a="1"/>
  <c r="G3931" i="2" s="1"/>
  <c r="E3611" i="2" a="1"/>
  <c r="E3611" i="2" s="1"/>
  <c r="E3632" i="2" a="1"/>
  <c r="E3632" i="2" s="1"/>
  <c r="AO151" i="1"/>
  <c r="E157" i="5" s="1"/>
  <c r="AP151" i="1"/>
  <c r="F157" i="5" s="1"/>
  <c r="AN151" i="1"/>
  <c r="D157" i="5" s="1"/>
  <c r="AQ151" i="1"/>
  <c r="G157" i="5" s="1"/>
  <c r="AM151" i="1"/>
  <c r="C157" i="5" s="1"/>
  <c r="E3613" i="2" a="1"/>
  <c r="E3613" i="2" s="1"/>
  <c r="E3626" i="2" a="1"/>
  <c r="E3626" i="2" s="1"/>
  <c r="E3622" i="2" a="1"/>
  <c r="E3622" i="2" s="1"/>
  <c r="F979" i="2" a="1"/>
  <c r="F979" i="2" s="1"/>
  <c r="F972" i="2" a="1"/>
  <c r="F972" i="2" s="1"/>
  <c r="F985" i="2" a="1"/>
  <c r="F985" i="2" s="1"/>
  <c r="F990" i="2" a="1"/>
  <c r="F990" i="2" s="1"/>
  <c r="F982" i="2" a="1"/>
  <c r="F982" i="2" s="1"/>
  <c r="F986" i="2" a="1"/>
  <c r="F986" i="2" s="1"/>
  <c r="F977" i="2" a="1"/>
  <c r="F977" i="2" s="1"/>
  <c r="F980" i="2" a="1"/>
  <c r="F980" i="2" s="1"/>
  <c r="F991" i="2" a="1"/>
  <c r="F991" i="2" s="1"/>
  <c r="F988" i="2" a="1"/>
  <c r="F988" i="2" s="1"/>
  <c r="F976" i="2" a="1"/>
  <c r="F976" i="2" s="1"/>
  <c r="F973" i="2" a="1"/>
  <c r="F973" i="2" s="1"/>
  <c r="F974" i="2" a="1"/>
  <c r="F974" i="2" s="1"/>
  <c r="F992" i="2" a="1"/>
  <c r="F992" i="2" s="1"/>
  <c r="F987" i="2" a="1"/>
  <c r="F987" i="2" s="1"/>
  <c r="F971" i="2" a="1"/>
  <c r="F971" i="2" s="1"/>
  <c r="F975" i="2" a="1"/>
  <c r="F975" i="2" s="1"/>
  <c r="F984" i="2" a="1"/>
  <c r="F984" i="2" s="1"/>
  <c r="F993" i="2" a="1"/>
  <c r="F993" i="2" s="1"/>
  <c r="F989" i="2" a="1"/>
  <c r="F989" i="2" s="1"/>
  <c r="F981" i="2" a="1"/>
  <c r="F981" i="2" s="1"/>
  <c r="F970" i="2" a="1"/>
  <c r="F970" i="2" s="1"/>
  <c r="F983" i="2" a="1"/>
  <c r="F983" i="2" s="1"/>
  <c r="F978" i="2" a="1"/>
  <c r="F978" i="2" s="1"/>
  <c r="D7847" i="2" a="1"/>
  <c r="D7847" i="2" s="1"/>
  <c r="AO327" i="1"/>
  <c r="E333" i="5" s="1"/>
  <c r="D7842" i="2" a="1"/>
  <c r="D7842" i="2" s="1"/>
  <c r="AQ327" i="1"/>
  <c r="G333" i="5" s="1"/>
  <c r="D7852" i="2" a="1"/>
  <c r="D7852" i="2" s="1"/>
  <c r="AM327" i="1"/>
  <c r="C333" i="5" s="1"/>
  <c r="D7834" i="2" a="1"/>
  <c r="D7834" i="2" s="1"/>
  <c r="D7848" i="2" a="1"/>
  <c r="D7848" i="2" s="1"/>
  <c r="D7835" i="2" a="1"/>
  <c r="D7835" i="2" s="1"/>
  <c r="D7846" i="2" a="1"/>
  <c r="D7846" i="2" s="1"/>
  <c r="D7838" i="2" a="1"/>
  <c r="D7838" i="2" s="1"/>
  <c r="D7854" i="2" a="1"/>
  <c r="D7854" i="2" s="1"/>
  <c r="D7855" i="2" a="1"/>
  <c r="D7855" i="2" s="1"/>
  <c r="D7837" i="2" a="1"/>
  <c r="D7837" i="2" s="1"/>
  <c r="D7841" i="2" a="1"/>
  <c r="D7841" i="2" s="1"/>
  <c r="D7845" i="2" a="1"/>
  <c r="D7845" i="2" s="1"/>
  <c r="D7836" i="2" a="1"/>
  <c r="D7836" i="2" s="1"/>
  <c r="D7856" i="2" a="1"/>
  <c r="D7856" i="2" s="1"/>
  <c r="D7844" i="2" a="1"/>
  <c r="D7844" i="2" s="1"/>
  <c r="D7839" i="2" a="1"/>
  <c r="D7839" i="2" s="1"/>
  <c r="D7857" i="2" a="1"/>
  <c r="D7857" i="2" s="1"/>
  <c r="D7850" i="2" a="1"/>
  <c r="D7850" i="2" s="1"/>
  <c r="AP327" i="1"/>
  <c r="F333" i="5" s="1"/>
  <c r="D7840" i="2" a="1"/>
  <c r="D7840" i="2" s="1"/>
  <c r="D7843" i="2" a="1"/>
  <c r="D7843" i="2" s="1"/>
  <c r="F4431" i="2" a="1"/>
  <c r="F4431" i="2" s="1"/>
  <c r="F4447" i="2" a="1"/>
  <c r="F4447" i="2" s="1"/>
  <c r="F4449" i="2" a="1"/>
  <c r="F4449" i="2" s="1"/>
  <c r="D2830" i="2" a="1"/>
  <c r="D2830" i="2" s="1"/>
  <c r="AQ118" i="1"/>
  <c r="G124" i="5" s="1"/>
  <c r="D2824" i="2" a="1"/>
  <c r="D2824" i="2" s="1"/>
  <c r="AO118" i="1"/>
  <c r="E124" i="5" s="1"/>
  <c r="AP118" i="1"/>
  <c r="F124" i="5" s="1"/>
  <c r="D2832" i="2" a="1"/>
  <c r="D2832" i="2" s="1"/>
  <c r="D2819" i="2" a="1"/>
  <c r="D2819" i="2" s="1"/>
  <c r="D2841" i="2" a="1"/>
  <c r="D2841" i="2" s="1"/>
  <c r="D2828" i="2" a="1"/>
  <c r="D2828" i="2" s="1"/>
  <c r="D2820" i="2" a="1"/>
  <c r="D2820" i="2" s="1"/>
  <c r="D2836" i="2" a="1"/>
  <c r="D2836" i="2" s="1"/>
  <c r="D2829" i="2" a="1"/>
  <c r="D2829" i="2" s="1"/>
  <c r="D2826" i="2" a="1"/>
  <c r="D2826" i="2" s="1"/>
  <c r="D2834" i="2" a="1"/>
  <c r="D2834" i="2" s="1"/>
  <c r="D2835" i="2" a="1"/>
  <c r="D2835" i="2" s="1"/>
  <c r="AN118" i="1"/>
  <c r="D124" i="5" s="1"/>
  <c r="AM118" i="1"/>
  <c r="C124" i="5" s="1"/>
  <c r="D2818" i="2" a="1"/>
  <c r="D2818" i="2" s="1"/>
  <c r="D2822" i="2" a="1"/>
  <c r="D2822" i="2" s="1"/>
  <c r="D2823" i="2" a="1"/>
  <c r="D2823" i="2" s="1"/>
  <c r="D2827" i="2" a="1"/>
  <c r="D2827" i="2" s="1"/>
  <c r="D2831" i="2" a="1"/>
  <c r="D2831" i="2" s="1"/>
  <c r="D2839" i="2" a="1"/>
  <c r="D2839" i="2" s="1"/>
  <c r="D5426" i="2" a="1"/>
  <c r="D5426" i="2" s="1"/>
  <c r="D5411" i="2" a="1"/>
  <c r="D5411" i="2" s="1"/>
  <c r="D5433" i="2" a="1"/>
  <c r="D5433" i="2" s="1"/>
  <c r="D5412" i="2" a="1"/>
  <c r="D5412" i="2" s="1"/>
  <c r="H377" i="2" a="1"/>
  <c r="H377" i="2" s="1"/>
  <c r="H389" i="2" a="1"/>
  <c r="H389" i="2" s="1"/>
  <c r="H380" i="2" a="1"/>
  <c r="H380" i="2" s="1"/>
  <c r="H378" i="2" a="1"/>
  <c r="H378" i="2" s="1"/>
  <c r="H370" i="2" a="1"/>
  <c r="H370" i="2" s="1"/>
  <c r="H390" i="2" a="1"/>
  <c r="H390" i="2" s="1"/>
  <c r="H382" i="2" a="1"/>
  <c r="H382" i="2" s="1"/>
  <c r="H374" i="2" a="1"/>
  <c r="H374" i="2" s="1"/>
  <c r="H372" i="2" a="1"/>
  <c r="H372" i="2" s="1"/>
  <c r="H373" i="2" a="1"/>
  <c r="H373" i="2" s="1"/>
  <c r="H388" i="2" a="1"/>
  <c r="H388" i="2" s="1"/>
  <c r="H386" i="2" a="1"/>
  <c r="H386" i="2" s="1"/>
  <c r="H379" i="2" a="1"/>
  <c r="H379" i="2" s="1"/>
  <c r="H375" i="2" a="1"/>
  <c r="H375" i="2" s="1"/>
  <c r="H381" i="2" a="1"/>
  <c r="H381" i="2" s="1"/>
  <c r="H383" i="2" a="1"/>
  <c r="H383" i="2" s="1"/>
  <c r="H391" i="2" a="1"/>
  <c r="H391" i="2" s="1"/>
  <c r="H393" i="2" a="1"/>
  <c r="H393" i="2" s="1"/>
  <c r="H376" i="2" a="1"/>
  <c r="H376" i="2" s="1"/>
  <c r="H387" i="2" a="1"/>
  <c r="H387" i="2" s="1"/>
  <c r="H384" i="2" a="1"/>
  <c r="H384" i="2" s="1"/>
  <c r="H371" i="2" a="1"/>
  <c r="H371" i="2" s="1"/>
  <c r="G1737" i="2" a="1"/>
  <c r="G1737" i="2" s="1"/>
  <c r="G1726" i="2" a="1"/>
  <c r="G1726" i="2" s="1"/>
  <c r="G1715" i="2" a="1"/>
  <c r="G1715" i="2" s="1"/>
  <c r="G1735" i="2" a="1"/>
  <c r="G1735" i="2" s="1"/>
  <c r="G1725" i="2" a="1"/>
  <c r="G1725" i="2" s="1"/>
  <c r="G1719" i="2" a="1"/>
  <c r="G1719" i="2" s="1"/>
  <c r="E6206" i="2" a="1"/>
  <c r="E6206" i="2" s="1"/>
  <c r="E6222" i="2" a="1"/>
  <c r="E6222" i="2" s="1"/>
  <c r="E6208" i="2" a="1"/>
  <c r="E6208" i="2" s="1"/>
  <c r="E6220" i="2" a="1"/>
  <c r="E6220" i="2" s="1"/>
  <c r="E6213" i="2" a="1"/>
  <c r="E6213" i="2" s="1"/>
  <c r="E6205" i="2" a="1"/>
  <c r="E6205" i="2" s="1"/>
  <c r="F1788" i="2" a="1"/>
  <c r="F1788" i="2" s="1"/>
  <c r="F1787" i="2" a="1"/>
  <c r="F1787" i="2" s="1"/>
  <c r="F1793" i="2" a="1"/>
  <c r="F1793" i="2" s="1"/>
  <c r="F1798" i="2" a="1"/>
  <c r="F1798" i="2" s="1"/>
  <c r="H1922" i="2" a="1"/>
  <c r="H1922" i="2" s="1"/>
  <c r="H1923" i="2" a="1"/>
  <c r="H1923" i="2" s="1"/>
  <c r="H1906" i="2" a="1"/>
  <c r="H1906" i="2" s="1"/>
  <c r="H1918" i="2" a="1"/>
  <c r="H1918" i="2" s="1"/>
  <c r="H1915" i="2" a="1"/>
  <c r="H1915" i="2" s="1"/>
  <c r="H1916" i="2" a="1"/>
  <c r="H1916" i="2" s="1"/>
  <c r="H1920" i="2" a="1"/>
  <c r="H1920" i="2" s="1"/>
  <c r="H1908" i="2" a="1"/>
  <c r="H1908" i="2" s="1"/>
  <c r="H1910" i="2" a="1"/>
  <c r="H1910" i="2" s="1"/>
  <c r="H1926" i="2" a="1"/>
  <c r="H1926" i="2" s="1"/>
  <c r="H1907" i="2" a="1"/>
  <c r="H1907" i="2" s="1"/>
  <c r="H1913" i="2" a="1"/>
  <c r="H1913" i="2" s="1"/>
  <c r="H1927" i="2" a="1"/>
  <c r="H1927" i="2" s="1"/>
  <c r="H1914" i="2" a="1"/>
  <c r="H1914" i="2" s="1"/>
  <c r="H1921" i="2" a="1"/>
  <c r="H1921" i="2" s="1"/>
  <c r="H1929" i="2" a="1"/>
  <c r="H1929" i="2" s="1"/>
  <c r="H1917" i="2" a="1"/>
  <c r="H1917" i="2" s="1"/>
  <c r="H1919" i="2" a="1"/>
  <c r="H1919" i="2" s="1"/>
  <c r="H7698" i="2" a="1"/>
  <c r="H7698" i="2" s="1"/>
  <c r="H7696" i="2" a="1"/>
  <c r="H7696" i="2" s="1"/>
  <c r="H7691" i="2" a="1"/>
  <c r="H7691" i="2" s="1"/>
  <c r="H7712" i="2" a="1"/>
  <c r="H7712" i="2" s="1"/>
  <c r="H7699" i="2" a="1"/>
  <c r="H7699" i="2" s="1"/>
  <c r="H7694" i="2" a="1"/>
  <c r="H7694" i="2" s="1"/>
  <c r="H7692" i="2" a="1"/>
  <c r="H7692" i="2" s="1"/>
  <c r="H7706" i="2" a="1"/>
  <c r="H7706" i="2" s="1"/>
  <c r="H7713" i="2" a="1"/>
  <c r="H7713" i="2" s="1"/>
  <c r="H7703" i="2" a="1"/>
  <c r="H7703" i="2" s="1"/>
  <c r="H7709" i="2" a="1"/>
  <c r="H7709" i="2" s="1"/>
  <c r="H7705" i="2" a="1"/>
  <c r="H7705" i="2" s="1"/>
  <c r="H7701" i="2" a="1"/>
  <c r="H7701" i="2" s="1"/>
  <c r="H7700" i="2" a="1"/>
  <c r="H7700" i="2" s="1"/>
  <c r="H7690" i="2" a="1"/>
  <c r="H7690" i="2" s="1"/>
  <c r="H7693" i="2" a="1"/>
  <c r="H7693" i="2" s="1"/>
  <c r="H7702" i="2" a="1"/>
  <c r="H7702" i="2" s="1"/>
  <c r="H7710" i="2" a="1"/>
  <c r="H7710" i="2" s="1"/>
  <c r="H7695" i="2" a="1"/>
  <c r="H7695" i="2" s="1"/>
  <c r="H7704" i="2" a="1"/>
  <c r="H7704" i="2" s="1"/>
  <c r="H7707" i="2" a="1"/>
  <c r="H7707" i="2" s="1"/>
  <c r="H7708" i="2" a="1"/>
  <c r="H7708" i="2" s="1"/>
  <c r="H7697" i="2" a="1"/>
  <c r="H7697" i="2" s="1"/>
  <c r="AO321" i="1"/>
  <c r="E327" i="5" s="1"/>
  <c r="AN321" i="1"/>
  <c r="D327" i="5" s="1"/>
  <c r="AM321" i="1"/>
  <c r="D618" i="2" a="1"/>
  <c r="D618" i="2" s="1"/>
  <c r="D630" i="2" a="1"/>
  <c r="D630" i="2" s="1"/>
  <c r="D629" i="2" a="1"/>
  <c r="D629" i="2" s="1"/>
  <c r="D624" i="2" a="1"/>
  <c r="D624" i="2" s="1"/>
  <c r="D632" i="2" a="1"/>
  <c r="D632" i="2" s="1"/>
  <c r="D623" i="2" a="1"/>
  <c r="D623" i="2" s="1"/>
  <c r="D612" i="2" a="1"/>
  <c r="D612" i="2" s="1"/>
  <c r="D625" i="2" a="1"/>
  <c r="D625" i="2" s="1"/>
  <c r="D620" i="2" a="1"/>
  <c r="D620" i="2" s="1"/>
  <c r="D617" i="2" a="1"/>
  <c r="D617" i="2" s="1"/>
  <c r="D622" i="2" a="1"/>
  <c r="D622" i="2" s="1"/>
  <c r="D631" i="2" a="1"/>
  <c r="D631" i="2" s="1"/>
  <c r="D614" i="2" a="1"/>
  <c r="D614" i="2" s="1"/>
  <c r="D627" i="2" a="1"/>
  <c r="D627" i="2" s="1"/>
  <c r="D615" i="2" a="1"/>
  <c r="D615" i="2" s="1"/>
  <c r="D628" i="2" a="1"/>
  <c r="D628" i="2" s="1"/>
  <c r="D611" i="2" a="1"/>
  <c r="D611" i="2" s="1"/>
  <c r="D613" i="2" a="1"/>
  <c r="D613" i="2" s="1"/>
  <c r="D619" i="2" a="1"/>
  <c r="D619" i="2" s="1"/>
  <c r="D621" i="2" a="1"/>
  <c r="D621" i="2" s="1"/>
  <c r="D616" i="2" a="1"/>
  <c r="D616" i="2" s="1"/>
  <c r="F6725" i="2" a="1"/>
  <c r="F6725" i="2" s="1"/>
  <c r="F6716" i="2" a="1"/>
  <c r="F6716" i="2" s="1"/>
  <c r="F6710" i="2" a="1"/>
  <c r="F6710" i="2" s="1"/>
  <c r="F6728" i="2" a="1"/>
  <c r="F6728" i="2" s="1"/>
  <c r="E2242" i="2" a="1"/>
  <c r="E2242" i="2" s="1"/>
  <c r="E2257" i="2" a="1"/>
  <c r="E2257" i="2" s="1"/>
  <c r="E2247" i="2" a="1"/>
  <c r="E2247" i="2" s="1"/>
  <c r="E2261" i="2" a="1"/>
  <c r="E2261" i="2" s="1"/>
  <c r="E2255" i="2" a="1"/>
  <c r="E2255" i="2" s="1"/>
  <c r="E2252" i="2" a="1"/>
  <c r="E2252" i="2" s="1"/>
  <c r="E2243" i="2" a="1"/>
  <c r="E2243" i="2" s="1"/>
  <c r="E2256" i="2" a="1"/>
  <c r="E2256" i="2" s="1"/>
  <c r="E2244" i="2" a="1"/>
  <c r="E2244" i="2" s="1"/>
  <c r="E2253" i="2" a="1"/>
  <c r="E2253" i="2" s="1"/>
  <c r="E2262" i="2" a="1"/>
  <c r="E2262" i="2" s="1"/>
  <c r="E2250" i="2" a="1"/>
  <c r="E2250" i="2" s="1"/>
  <c r="E2254" i="2" a="1"/>
  <c r="E2254" i="2" s="1"/>
  <c r="E2258" i="2" a="1"/>
  <c r="E2258" i="2" s="1"/>
  <c r="E2264" i="2" a="1"/>
  <c r="E2264" i="2" s="1"/>
  <c r="E2260" i="2" a="1"/>
  <c r="E2260" i="2" s="1"/>
  <c r="E2248" i="2" a="1"/>
  <c r="E2248" i="2" s="1"/>
  <c r="E2245" i="2" a="1"/>
  <c r="E2245" i="2" s="1"/>
  <c r="E2246" i="2" a="1"/>
  <c r="E2246" i="2" s="1"/>
  <c r="E2259" i="2" a="1"/>
  <c r="E2259" i="2" s="1"/>
  <c r="E2249" i="2" a="1"/>
  <c r="E2249" i="2" s="1"/>
  <c r="E2251" i="2" a="1"/>
  <c r="E2251" i="2" s="1"/>
  <c r="F5802" i="2" a="1"/>
  <c r="F5802" i="2" s="1"/>
  <c r="F5816" i="2" a="1"/>
  <c r="F5816" i="2" s="1"/>
  <c r="F5806" i="2" a="1"/>
  <c r="F5806" i="2" s="1"/>
  <c r="F5799" i="2" a="1"/>
  <c r="F5799" i="2" s="1"/>
  <c r="F5794" i="2" a="1"/>
  <c r="F5794" i="2" s="1"/>
  <c r="F5804" i="2" a="1"/>
  <c r="F5804" i="2" s="1"/>
  <c r="F5807" i="2" a="1"/>
  <c r="F5807" i="2" s="1"/>
  <c r="F5808" i="2" a="1"/>
  <c r="F5808" i="2" s="1"/>
  <c r="F5805" i="2" a="1"/>
  <c r="F5805" i="2" s="1"/>
  <c r="F5813" i="2" a="1"/>
  <c r="F5813" i="2" s="1"/>
  <c r="F5809" i="2" a="1"/>
  <c r="F5809" i="2" s="1"/>
  <c r="F5810" i="2" a="1"/>
  <c r="F5810" i="2" s="1"/>
  <c r="F5795" i="2" a="1"/>
  <c r="F5795" i="2" s="1"/>
  <c r="F5811" i="2" a="1"/>
  <c r="F5811" i="2" s="1"/>
  <c r="F5815" i="2" a="1"/>
  <c r="F5815" i="2" s="1"/>
  <c r="F5812" i="2" a="1"/>
  <c r="F5812" i="2" s="1"/>
  <c r="F5817" i="2" a="1"/>
  <c r="F5817" i="2" s="1"/>
  <c r="F5800" i="2" a="1"/>
  <c r="F5800" i="2" s="1"/>
  <c r="F5801" i="2" a="1"/>
  <c r="F5801" i="2" s="1"/>
  <c r="F5797" i="2" a="1"/>
  <c r="F5797" i="2" s="1"/>
  <c r="F5814" i="2" a="1"/>
  <c r="F5814" i="2" s="1"/>
  <c r="AN146" i="1"/>
  <c r="D152" i="5" s="1"/>
  <c r="AO146" i="1"/>
  <c r="E152" i="5" s="1"/>
  <c r="AQ146" i="1"/>
  <c r="G152" i="5" s="1"/>
  <c r="F4250" i="2" a="1"/>
  <c r="F4250" i="2" s="1"/>
  <c r="F4240" i="2" a="1"/>
  <c r="F4240" i="2" s="1"/>
  <c r="F4251" i="2" a="1"/>
  <c r="F4251" i="2" s="1"/>
  <c r="F4254" i="2" a="1"/>
  <c r="F4254" i="2" s="1"/>
  <c r="F4237" i="2" a="1"/>
  <c r="F4237" i="2" s="1"/>
  <c r="F4238" i="2" a="1"/>
  <c r="F4238" i="2" s="1"/>
  <c r="F4234" i="2" a="1"/>
  <c r="F4234" i="2" s="1"/>
  <c r="F4239" i="2" a="1"/>
  <c r="F4239" i="2" s="1"/>
  <c r="F4245" i="2" a="1"/>
  <c r="F4245" i="2" s="1"/>
  <c r="F4253" i="2" a="1"/>
  <c r="F4253" i="2" s="1"/>
  <c r="AP177" i="1"/>
  <c r="F183" i="5" s="1"/>
  <c r="AQ177" i="1"/>
  <c r="G183" i="5" s="1"/>
  <c r="AO177" i="1"/>
  <c r="E183" i="5" s="1"/>
  <c r="F4252" i="2" a="1"/>
  <c r="F4252" i="2" s="1"/>
  <c r="F4249" i="2" a="1"/>
  <c r="F4249" i="2" s="1"/>
  <c r="AN177" i="1"/>
  <c r="D183" i="5" s="1"/>
  <c r="G5906" i="2" a="1"/>
  <c r="G5906" i="2" s="1"/>
  <c r="G5900" i="2" a="1"/>
  <c r="G5900" i="2" s="1"/>
  <c r="G5905" i="2" a="1"/>
  <c r="G5905" i="2" s="1"/>
  <c r="G5911" i="2" a="1"/>
  <c r="G5911" i="2" s="1"/>
  <c r="G5910" i="2" a="1"/>
  <c r="G5910" i="2" s="1"/>
  <c r="G5898" i="2" a="1"/>
  <c r="G5898" i="2" s="1"/>
  <c r="G5892" i="2" a="1"/>
  <c r="G5892" i="2" s="1"/>
  <c r="G5913" i="2" a="1"/>
  <c r="G5913" i="2" s="1"/>
  <c r="G5901" i="2" a="1"/>
  <c r="G5901" i="2" s="1"/>
  <c r="G5912" i="2" a="1"/>
  <c r="G5912" i="2" s="1"/>
  <c r="G5904" i="2" a="1"/>
  <c r="G5904" i="2" s="1"/>
  <c r="G5907" i="2" a="1"/>
  <c r="G5907" i="2" s="1"/>
  <c r="G5902" i="2" a="1"/>
  <c r="G5902" i="2" s="1"/>
  <c r="G5899" i="2" a="1"/>
  <c r="G5899" i="2" s="1"/>
  <c r="G5893" i="2" a="1"/>
  <c r="G5893" i="2" s="1"/>
  <c r="F7111" i="2" a="1"/>
  <c r="F7111" i="2" s="1"/>
  <c r="F7090" i="2" a="1"/>
  <c r="F7090" i="2" s="1"/>
  <c r="F7108" i="2" a="1"/>
  <c r="F7108" i="2" s="1"/>
  <c r="F7096" i="2" a="1"/>
  <c r="F7096" i="2" s="1"/>
  <c r="F7094" i="2" a="1"/>
  <c r="F7094" i="2" s="1"/>
  <c r="F7102" i="2" a="1"/>
  <c r="F7102" i="2" s="1"/>
  <c r="D788" i="2" a="1"/>
  <c r="D788" i="2" s="1"/>
  <c r="D796" i="2" a="1"/>
  <c r="D796" i="2" s="1"/>
  <c r="D800" i="2" a="1"/>
  <c r="D800" i="2" s="1"/>
  <c r="D787" i="2" a="1"/>
  <c r="D787" i="2" s="1"/>
  <c r="D791" i="2" a="1"/>
  <c r="D791" i="2" s="1"/>
  <c r="D789" i="2" a="1"/>
  <c r="D789" i="2" s="1"/>
  <c r="D797" i="2" a="1"/>
  <c r="D797" i="2" s="1"/>
  <c r="D780" i="2" a="1"/>
  <c r="D780" i="2" s="1"/>
  <c r="D779" i="2" a="1"/>
  <c r="D779" i="2" s="1"/>
  <c r="D783" i="2" a="1"/>
  <c r="D783" i="2" s="1"/>
  <c r="D799" i="2" a="1"/>
  <c r="D799" i="2" s="1"/>
  <c r="D784" i="2" a="1"/>
  <c r="D784" i="2" s="1"/>
  <c r="D778" i="2" a="1"/>
  <c r="D778" i="2" s="1"/>
  <c r="D782" i="2" a="1"/>
  <c r="D782" i="2" s="1"/>
  <c r="D786" i="2" a="1"/>
  <c r="D786" i="2" s="1"/>
  <c r="D794" i="2" a="1"/>
  <c r="D794" i="2" s="1"/>
  <c r="D781" i="2" a="1"/>
  <c r="D781" i="2" s="1"/>
  <c r="D793" i="2" a="1"/>
  <c r="D793" i="2" s="1"/>
  <c r="D785" i="2" a="1"/>
  <c r="D785" i="2" s="1"/>
  <c r="D790" i="2" a="1"/>
  <c r="D790" i="2" s="1"/>
  <c r="D792" i="2" a="1"/>
  <c r="D792" i="2" s="1"/>
  <c r="D798" i="2" a="1"/>
  <c r="D798" i="2" s="1"/>
  <c r="AQ331" i="1"/>
  <c r="G337" i="5" s="1"/>
  <c r="G7932" i="2" a="1"/>
  <c r="G7932" i="2" s="1"/>
  <c r="AP331" i="1"/>
  <c r="F337" i="5" s="1"/>
  <c r="G7947" i="2" a="1"/>
  <c r="G7947" i="2" s="1"/>
  <c r="AN331" i="1"/>
  <c r="D337" i="5" s="1"/>
  <c r="AM331" i="1"/>
  <c r="C337" i="5" s="1"/>
  <c r="G7934" i="2" a="1"/>
  <c r="G7934" i="2" s="1"/>
  <c r="G7931" i="2" a="1"/>
  <c r="G7931" i="2" s="1"/>
  <c r="G7949" i="2" a="1"/>
  <c r="G7949" i="2" s="1"/>
  <c r="G7933" i="2" a="1"/>
  <c r="G7933" i="2" s="1"/>
  <c r="G7945" i="2" a="1"/>
  <c r="G7945" i="2" s="1"/>
  <c r="G7930" i="2" a="1"/>
  <c r="G7930" i="2" s="1"/>
  <c r="G7951" i="2" a="1"/>
  <c r="G7951" i="2" s="1"/>
  <c r="G7936" i="2" a="1"/>
  <c r="G7936" i="2" s="1"/>
  <c r="G7937" i="2" a="1"/>
  <c r="G7937" i="2" s="1"/>
  <c r="G7939" i="2" a="1"/>
  <c r="G7939" i="2" s="1"/>
  <c r="G7946" i="2" a="1"/>
  <c r="G7946" i="2" s="1"/>
  <c r="G7948" i="2" a="1"/>
  <c r="G7948" i="2" s="1"/>
  <c r="G7943" i="2" a="1"/>
  <c r="G7943" i="2" s="1"/>
  <c r="G7941" i="2" a="1"/>
  <c r="G7941" i="2" s="1"/>
  <c r="G7952" i="2" a="1"/>
  <c r="G7952" i="2" s="1"/>
  <c r="G7942" i="2" a="1"/>
  <c r="G7942" i="2" s="1"/>
  <c r="G7953" i="2" a="1"/>
  <c r="G7953" i="2" s="1"/>
  <c r="AO331" i="1"/>
  <c r="G7950" i="2" a="1"/>
  <c r="G7950" i="2" s="1"/>
  <c r="G7935" i="2" a="1"/>
  <c r="G7935" i="2" s="1"/>
  <c r="G7938" i="2" a="1"/>
  <c r="G7938" i="2" s="1"/>
  <c r="G7944" i="2" a="1"/>
  <c r="G7944" i="2" s="1"/>
  <c r="G7940" i="2" a="1"/>
  <c r="G7940" i="2" s="1"/>
  <c r="E4350" i="2" a="1"/>
  <c r="E4350" i="2" s="1"/>
  <c r="D7630" i="2" a="1"/>
  <c r="D7630" i="2" s="1"/>
  <c r="H7743" i="2" a="1"/>
  <c r="H7743" i="2" s="1"/>
  <c r="H7754" i="2" a="1"/>
  <c r="H7754" i="2" s="1"/>
  <c r="H6035" i="2" a="1"/>
  <c r="H6035" i="2" s="1"/>
  <c r="G6951" i="2" a="1"/>
  <c r="G6951" i="2" s="1"/>
  <c r="E346" i="2" a="1"/>
  <c r="E346" i="2" s="1"/>
  <c r="H8736" i="2" a="1"/>
  <c r="H8736" i="2" s="1"/>
  <c r="H4546" i="2" a="1"/>
  <c r="H4546" i="2" s="1"/>
  <c r="H3008" i="2" a="1"/>
  <c r="H3008" i="2" s="1"/>
  <c r="D5418" i="2" a="1"/>
  <c r="D5418" i="2" s="1"/>
  <c r="D6346" i="2" a="1"/>
  <c r="D6346" i="2" s="1"/>
  <c r="AP146" i="1"/>
  <c r="F152" i="5" s="1"/>
  <c r="G2203" i="2" a="1"/>
  <c r="G2203" i="2" s="1"/>
  <c r="AM205" i="1"/>
  <c r="F7113" i="2" a="1"/>
  <c r="F7113" i="2" s="1"/>
  <c r="F2216" i="2" a="1"/>
  <c r="F2216" i="2" s="1"/>
  <c r="G703" i="2" a="1"/>
  <c r="G703" i="2" s="1"/>
  <c r="F3924" i="2" a="1"/>
  <c r="F3924" i="2" s="1"/>
  <c r="F5650" i="2" a="1"/>
  <c r="F5650" i="2" s="1"/>
  <c r="G7341" i="2" a="1"/>
  <c r="G7341" i="2" s="1"/>
  <c r="AN327" i="1"/>
  <c r="G682" i="2" a="1"/>
  <c r="G682" i="2" s="1"/>
  <c r="F3933" i="2" a="1"/>
  <c r="F3933" i="2" s="1"/>
  <c r="D3990" i="2" a="1"/>
  <c r="D3990" i="2" s="1"/>
  <c r="G7351" i="2" a="1"/>
  <c r="G7351" i="2" s="1"/>
  <c r="E206" i="2" a="1"/>
  <c r="E206" i="2" s="1"/>
  <c r="E225" i="2" a="1"/>
  <c r="E225" i="2" s="1"/>
  <c r="E223" i="2" a="1"/>
  <c r="E223" i="2" s="1"/>
  <c r="E218" i="2" a="1"/>
  <c r="E218" i="2" s="1"/>
  <c r="E207" i="2" a="1"/>
  <c r="E207" i="2" s="1"/>
  <c r="H7668" i="2" a="1"/>
  <c r="H7668" i="2" s="1"/>
  <c r="H7685" i="2" a="1"/>
  <c r="H7685" i="2" s="1"/>
  <c r="H7674" i="2" a="1"/>
  <c r="H7674" i="2" s="1"/>
  <c r="H7683" i="2" a="1"/>
  <c r="H7683" i="2" s="1"/>
  <c r="H7689" i="2" a="1"/>
  <c r="H7689" i="2" s="1"/>
  <c r="H7687" i="2" a="1"/>
  <c r="H7687" i="2" s="1"/>
  <c r="H7675" i="2" a="1"/>
  <c r="H7675" i="2" s="1"/>
  <c r="H7672" i="2" a="1"/>
  <c r="H7672" i="2" s="1"/>
  <c r="H7666" i="2" a="1"/>
  <c r="H7666" i="2" s="1"/>
  <c r="H7667" i="2" a="1"/>
  <c r="H7667" i="2" s="1"/>
  <c r="H7671" i="2" a="1"/>
  <c r="H7671" i="2" s="1"/>
  <c r="H7682" i="2" a="1"/>
  <c r="H7682" i="2" s="1"/>
  <c r="H7684" i="2" a="1"/>
  <c r="H7684" i="2" s="1"/>
  <c r="H7676" i="2" a="1"/>
  <c r="H7676" i="2" s="1"/>
  <c r="H7688" i="2" a="1"/>
  <c r="H7688" i="2" s="1"/>
  <c r="H7677" i="2" a="1"/>
  <c r="H7677" i="2" s="1"/>
  <c r="H7670" i="2" a="1"/>
  <c r="H7670" i="2" s="1"/>
  <c r="H7678" i="2" a="1"/>
  <c r="H7678" i="2" s="1"/>
  <c r="H7673" i="2" a="1"/>
  <c r="H7673" i="2" s="1"/>
  <c r="H7679" i="2" a="1"/>
  <c r="H7679" i="2" s="1"/>
  <c r="H7680" i="2" a="1"/>
  <c r="H7680" i="2" s="1"/>
  <c r="D7983" i="2" a="1"/>
  <c r="D7983" i="2" s="1"/>
  <c r="D8001" i="2" a="1"/>
  <c r="D8001" i="2" s="1"/>
  <c r="D7987" i="2" a="1"/>
  <c r="D7987" i="2" s="1"/>
  <c r="D7984" i="2" a="1"/>
  <c r="D7984" i="2" s="1"/>
  <c r="D7994" i="2" a="1"/>
  <c r="D7994" i="2" s="1"/>
  <c r="D7986" i="2" a="1"/>
  <c r="D7986" i="2" s="1"/>
  <c r="D7997" i="2" a="1"/>
  <c r="D7997" i="2" s="1"/>
  <c r="D7990" i="2" a="1"/>
  <c r="D7990" i="2" s="1"/>
  <c r="D7992" i="2" a="1"/>
  <c r="D7992" i="2" s="1"/>
  <c r="D8000" i="2" a="1"/>
  <c r="D8000" i="2" s="1"/>
  <c r="E8616" i="2" a="1"/>
  <c r="E8616" i="2" s="1"/>
  <c r="AO359" i="1"/>
  <c r="E365" i="5" s="1"/>
  <c r="AN359" i="1"/>
  <c r="D365" i="5" s="1"/>
  <c r="AQ359" i="1"/>
  <c r="G365" i="5" s="1"/>
  <c r="D2373" i="2" a="1"/>
  <c r="D2373" i="2" s="1"/>
  <c r="D2383" i="2" a="1"/>
  <c r="D2383" i="2" s="1"/>
  <c r="D2378" i="2" a="1"/>
  <c r="D2378" i="2" s="1"/>
  <c r="D2367" i="2" a="1"/>
  <c r="D2367" i="2" s="1"/>
  <c r="D2377" i="2" a="1"/>
  <c r="D2377" i="2" s="1"/>
  <c r="D2382" i="2" a="1"/>
  <c r="D2382" i="2" s="1"/>
  <c r="D2379" i="2" a="1"/>
  <c r="D2379" i="2" s="1"/>
  <c r="D2370" i="2" a="1"/>
  <c r="D2370" i="2" s="1"/>
  <c r="D2362" i="2" a="1"/>
  <c r="D2362" i="2" s="1"/>
  <c r="D2384" i="2" a="1"/>
  <c r="D2384" i="2" s="1"/>
  <c r="D2376" i="2" a="1"/>
  <c r="D2376" i="2" s="1"/>
  <c r="D2374" i="2" a="1"/>
  <c r="D2374" i="2" s="1"/>
  <c r="D2366" i="2" a="1"/>
  <c r="D2366" i="2" s="1"/>
  <c r="D2375" i="2" a="1"/>
  <c r="D2375" i="2" s="1"/>
  <c r="D2364" i="2" a="1"/>
  <c r="D2364" i="2" s="1"/>
  <c r="D2369" i="2" a="1"/>
  <c r="D2369" i="2" s="1"/>
  <c r="H4520" i="2" a="1"/>
  <c r="H4520" i="2" s="1"/>
  <c r="H4518" i="2" a="1"/>
  <c r="H4518" i="2" s="1"/>
  <c r="H4507" i="2" a="1"/>
  <c r="H4507" i="2" s="1"/>
  <c r="H4521" i="2" a="1"/>
  <c r="H4521" i="2" s="1"/>
  <c r="H4517" i="2" a="1"/>
  <c r="H4517" i="2" s="1"/>
  <c r="H4512" i="2" a="1"/>
  <c r="H4512" i="2" s="1"/>
  <c r="H4513" i="2" a="1"/>
  <c r="H4513" i="2" s="1"/>
  <c r="H4510" i="2" a="1"/>
  <c r="H4510" i="2" s="1"/>
  <c r="H4511" i="2" a="1"/>
  <c r="H4511" i="2" s="1"/>
  <c r="H4504" i="2" a="1"/>
  <c r="H4504" i="2" s="1"/>
  <c r="G7889" i="2" a="1"/>
  <c r="G7889" i="2" s="1"/>
  <c r="G7895" i="2" a="1"/>
  <c r="G7895" i="2" s="1"/>
  <c r="G7882" i="2" a="1"/>
  <c r="G7882" i="2" s="1"/>
  <c r="G7883" i="2" a="1"/>
  <c r="G7883" i="2" s="1"/>
  <c r="F4932" i="2" a="1"/>
  <c r="F4932" i="2" s="1"/>
  <c r="F4945" i="2" a="1"/>
  <c r="F4945" i="2" s="1"/>
  <c r="F4953" i="2" a="1"/>
  <c r="F4953" i="2" s="1"/>
  <c r="F4939" i="2" a="1"/>
  <c r="F4939" i="2" s="1"/>
  <c r="F1550" i="2" a="1"/>
  <c r="F1550" i="2" s="1"/>
  <c r="F1548" i="2" a="1"/>
  <c r="F1548" i="2" s="1"/>
  <c r="F1553" i="2" a="1"/>
  <c r="F1553" i="2" s="1"/>
  <c r="F1554" i="2" a="1"/>
  <c r="F1554" i="2" s="1"/>
  <c r="F1556" i="2" a="1"/>
  <c r="F1556" i="2" s="1"/>
  <c r="F1568" i="2" a="1"/>
  <c r="F1568" i="2" s="1"/>
  <c r="F1546" i="2" a="1"/>
  <c r="F1546" i="2" s="1"/>
  <c r="F1560" i="2" a="1"/>
  <c r="F1560" i="2" s="1"/>
  <c r="F1565" i="2" a="1"/>
  <c r="F1565" i="2" s="1"/>
  <c r="F1552" i="2" a="1"/>
  <c r="F1552" i="2" s="1"/>
  <c r="F1557" i="2" a="1"/>
  <c r="F1557" i="2" s="1"/>
  <c r="F1547" i="2" a="1"/>
  <c r="F1547" i="2" s="1"/>
  <c r="F1558" i="2" a="1"/>
  <c r="F1558" i="2" s="1"/>
  <c r="F1569" i="2" a="1"/>
  <c r="F1569" i="2" s="1"/>
  <c r="F1566" i="2" a="1"/>
  <c r="F1566" i="2" s="1"/>
  <c r="F1555" i="2" a="1"/>
  <c r="F1555" i="2" s="1"/>
  <c r="F1561" i="2" a="1"/>
  <c r="F1561" i="2" s="1"/>
  <c r="F1562" i="2" a="1"/>
  <c r="F1562" i="2" s="1"/>
  <c r="F1563" i="2" a="1"/>
  <c r="F1563" i="2" s="1"/>
  <c r="E952" i="2" a="1"/>
  <c r="E952" i="2" s="1"/>
  <c r="E951" i="2" a="1"/>
  <c r="E951" i="2" s="1"/>
  <c r="E962" i="2" a="1"/>
  <c r="E962" i="2" s="1"/>
  <c r="E957" i="2" a="1"/>
  <c r="E957" i="2" s="1"/>
  <c r="E966" i="2" a="1"/>
  <c r="E966" i="2" s="1"/>
  <c r="E947" i="2" a="1"/>
  <c r="E947" i="2" s="1"/>
  <c r="E954" i="2" a="1"/>
  <c r="E954" i="2" s="1"/>
  <c r="E963" i="2" a="1"/>
  <c r="E963" i="2" s="1"/>
  <c r="E964" i="2" a="1"/>
  <c r="E964" i="2" s="1"/>
  <c r="E958" i="2" a="1"/>
  <c r="E958" i="2" s="1"/>
  <c r="E967" i="2" a="1"/>
  <c r="E967" i="2" s="1"/>
  <c r="E959" i="2" a="1"/>
  <c r="E959" i="2" s="1"/>
  <c r="E948" i="2" a="1"/>
  <c r="E948" i="2" s="1"/>
  <c r="E968" i="2" a="1"/>
  <c r="E968" i="2" s="1"/>
  <c r="E946" i="2" a="1"/>
  <c r="E946" i="2" s="1"/>
  <c r="E969" i="2" a="1"/>
  <c r="E969" i="2" s="1"/>
  <c r="E955" i="2" a="1"/>
  <c r="E955" i="2" s="1"/>
  <c r="E965" i="2" a="1"/>
  <c r="E965" i="2" s="1"/>
  <c r="AP328" i="1"/>
  <c r="F334" i="5" s="1"/>
  <c r="AN328" i="1"/>
  <c r="D334" i="5" s="1"/>
  <c r="AM328" i="1"/>
  <c r="AO300" i="1"/>
  <c r="E306" i="5" s="1"/>
  <c r="D7207" i="2" a="1"/>
  <c r="D7207" i="2" s="1"/>
  <c r="AN300" i="1"/>
  <c r="D306" i="5" s="1"/>
  <c r="D7203" i="2" a="1"/>
  <c r="D7203" i="2" s="1"/>
  <c r="AM300" i="1"/>
  <c r="C306" i="5" s="1"/>
  <c r="D7204" i="2" a="1"/>
  <c r="D7204" i="2" s="1"/>
  <c r="D7205" i="2" a="1"/>
  <c r="D7205" i="2" s="1"/>
  <c r="H802" i="2" a="1"/>
  <c r="H802" i="2" s="1"/>
  <c r="H803" i="2" a="1"/>
  <c r="H803" i="2" s="1"/>
  <c r="H811" i="2" a="1"/>
  <c r="H811" i="2" s="1"/>
  <c r="G568" i="2" a="1"/>
  <c r="G568" i="2" s="1"/>
  <c r="G573" i="2" a="1"/>
  <c r="G573" i="2" s="1"/>
  <c r="G583" i="2" a="1"/>
  <c r="G583" i="2" s="1"/>
  <c r="D6690" i="2" a="1"/>
  <c r="D6690" i="2" s="1"/>
  <c r="D6694" i="2" a="1"/>
  <c r="D6694" i="2" s="1"/>
  <c r="D6702" i="2" a="1"/>
  <c r="D6702" i="2" s="1"/>
  <c r="D6701" i="2" a="1"/>
  <c r="D6701" i="2" s="1"/>
  <c r="H1802" i="2" a="1"/>
  <c r="H1802" i="2" s="1"/>
  <c r="H1800" i="2" a="1"/>
  <c r="H1800" i="2" s="1"/>
  <c r="H1794" i="2" a="1"/>
  <c r="H1794" i="2" s="1"/>
  <c r="H1790" i="2" a="1"/>
  <c r="H1790" i="2" s="1"/>
  <c r="H1804" i="2" a="1"/>
  <c r="H1804" i="2" s="1"/>
  <c r="H1795" i="2" a="1"/>
  <c r="H1795" i="2" s="1"/>
  <c r="E2902" i="2" a="1"/>
  <c r="E2902" i="2" s="1"/>
  <c r="E2911" i="2" a="1"/>
  <c r="E2911" i="2" s="1"/>
  <c r="E2891" i="2" a="1"/>
  <c r="E2891" i="2" s="1"/>
  <c r="AP121" i="1"/>
  <c r="F127" i="5" s="1"/>
  <c r="AM121" i="1"/>
  <c r="C127" i="5" s="1"/>
  <c r="E2895" i="2" a="1"/>
  <c r="E2895" i="2" s="1"/>
  <c r="G5062" i="2" a="1"/>
  <c r="G5062" i="2" s="1"/>
  <c r="G5067" i="2" a="1"/>
  <c r="G5067" i="2" s="1"/>
  <c r="G229" i="2" a="1"/>
  <c r="G229" i="2" s="1"/>
  <c r="G241" i="2" a="1"/>
  <c r="G241" i="2" s="1"/>
  <c r="G239" i="2" a="1"/>
  <c r="G239" i="2" s="1"/>
  <c r="G231" i="2" a="1"/>
  <c r="G231" i="2" s="1"/>
  <c r="G226" i="2" a="1"/>
  <c r="G226" i="2" s="1"/>
  <c r="G237" i="2" a="1"/>
  <c r="G237" i="2" s="1"/>
  <c r="G243" i="2" a="1"/>
  <c r="G243" i="2" s="1"/>
  <c r="G235" i="2" a="1"/>
  <c r="G235" i="2" s="1"/>
  <c r="G238" i="2" a="1"/>
  <c r="G238" i="2" s="1"/>
  <c r="G233" i="2" a="1"/>
  <c r="G233" i="2" s="1"/>
  <c r="G240" i="2" a="1"/>
  <c r="G240" i="2" s="1"/>
  <c r="G245" i="2" a="1"/>
  <c r="G245" i="2" s="1"/>
  <c r="G234" i="2" a="1"/>
  <c r="G234" i="2" s="1"/>
  <c r="F8213" i="2" a="1"/>
  <c r="F8213" i="2" s="1"/>
  <c r="F8216" i="2" a="1"/>
  <c r="F8216" i="2" s="1"/>
  <c r="F8217" i="2" a="1"/>
  <c r="F8217" i="2" s="1"/>
  <c r="F8210" i="2" a="1"/>
  <c r="F8210" i="2" s="1"/>
  <c r="F8215" i="2" a="1"/>
  <c r="F8215" i="2" s="1"/>
  <c r="F8204" i="2" a="1"/>
  <c r="F8204" i="2" s="1"/>
  <c r="F8205" i="2" a="1"/>
  <c r="F8205" i="2" s="1"/>
  <c r="F8201" i="2" a="1"/>
  <c r="F8201" i="2" s="1"/>
  <c r="F8198" i="2" a="1"/>
  <c r="F8198" i="2" s="1"/>
  <c r="F8202" i="2" a="1"/>
  <c r="F8202" i="2" s="1"/>
  <c r="F8194" i="2" a="1"/>
  <c r="F8194" i="2" s="1"/>
  <c r="F8211" i="2" a="1"/>
  <c r="F8211" i="2" s="1"/>
  <c r="F8212" i="2" a="1"/>
  <c r="F8212" i="2" s="1"/>
  <c r="F8206" i="2" a="1"/>
  <c r="F8206" i="2" s="1"/>
  <c r="F8195" i="2" a="1"/>
  <c r="F8195" i="2" s="1"/>
  <c r="G7991" i="2" a="1"/>
  <c r="G7991" i="2" s="1"/>
  <c r="G7981" i="2" a="1"/>
  <c r="G7981" i="2" s="1"/>
  <c r="G7987" i="2" a="1"/>
  <c r="G7987" i="2" s="1"/>
  <c r="G7984" i="2" a="1"/>
  <c r="G7984" i="2" s="1"/>
  <c r="G7982" i="2" a="1"/>
  <c r="G7982" i="2" s="1"/>
  <c r="G7986" i="2" a="1"/>
  <c r="G7986" i="2" s="1"/>
  <c r="G7992" i="2" a="1"/>
  <c r="G7992" i="2" s="1"/>
  <c r="G7996" i="2" a="1"/>
  <c r="G7996" i="2" s="1"/>
  <c r="G7985" i="2" a="1"/>
  <c r="G7985" i="2" s="1"/>
  <c r="G7999" i="2" a="1"/>
  <c r="G7999" i="2" s="1"/>
  <c r="G7980" i="2" a="1"/>
  <c r="G7980" i="2" s="1"/>
  <c r="G7989" i="2" a="1"/>
  <c r="G7989" i="2" s="1"/>
  <c r="G7998" i="2" a="1"/>
  <c r="G7998" i="2" s="1"/>
  <c r="G8001" i="2" a="1"/>
  <c r="G8001" i="2" s="1"/>
  <c r="G7988" i="2" a="1"/>
  <c r="G7988" i="2" s="1"/>
  <c r="G7997" i="2" a="1"/>
  <c r="G7997" i="2" s="1"/>
  <c r="G7993" i="2" a="1"/>
  <c r="G7993" i="2" s="1"/>
  <c r="G7994" i="2" a="1"/>
  <c r="G7994" i="2" s="1"/>
  <c r="G7979" i="2" a="1"/>
  <c r="G7979" i="2" s="1"/>
  <c r="G7978" i="2" a="1"/>
  <c r="G7978" i="2" s="1"/>
  <c r="G7995" i="2" a="1"/>
  <c r="G7995" i="2" s="1"/>
  <c r="G8000" i="2" a="1"/>
  <c r="G8000" i="2" s="1"/>
  <c r="G7983" i="2" a="1"/>
  <c r="G7983" i="2" s="1"/>
  <c r="G7990" i="2" a="1"/>
  <c r="G7990" i="2" s="1"/>
  <c r="H1725" i="2" a="1"/>
  <c r="H1725" i="2" s="1"/>
  <c r="H1732" i="2" a="1"/>
  <c r="H1732" i="2" s="1"/>
  <c r="H1714" i="2" a="1"/>
  <c r="H1714" i="2" s="1"/>
  <c r="H1722" i="2" a="1"/>
  <c r="H1722" i="2" s="1"/>
  <c r="H1724" i="2" a="1"/>
  <c r="H1724" i="2" s="1"/>
  <c r="H1730" i="2" a="1"/>
  <c r="H1730" i="2" s="1"/>
  <c r="H1726" i="2" a="1"/>
  <c r="H1726" i="2" s="1"/>
  <c r="H1715" i="2" a="1"/>
  <c r="H1715" i="2" s="1"/>
  <c r="H1735" i="2" a="1"/>
  <c r="H1735" i="2" s="1"/>
  <c r="H1736" i="2" a="1"/>
  <c r="H1736" i="2" s="1"/>
  <c r="H1734" i="2" a="1"/>
  <c r="H1734" i="2" s="1"/>
  <c r="H1716" i="2" a="1"/>
  <c r="H1716" i="2" s="1"/>
  <c r="H1720" i="2" a="1"/>
  <c r="H1720" i="2" s="1"/>
  <c r="H1719" i="2" a="1"/>
  <c r="H1719" i="2" s="1"/>
  <c r="H1733" i="2" a="1"/>
  <c r="H1733" i="2" s="1"/>
  <c r="H1727" i="2" a="1"/>
  <c r="H1727" i="2" s="1"/>
  <c r="H1729" i="2" a="1"/>
  <c r="H1729" i="2" s="1"/>
  <c r="H1721" i="2" a="1"/>
  <c r="H1721" i="2" s="1"/>
  <c r="H1723" i="2" a="1"/>
  <c r="H1723" i="2" s="1"/>
  <c r="H1728" i="2" a="1"/>
  <c r="H1728" i="2" s="1"/>
  <c r="H1718" i="2" a="1"/>
  <c r="H1718" i="2" s="1"/>
  <c r="H1737" i="2" a="1"/>
  <c r="H1737" i="2" s="1"/>
  <c r="H1717" i="2" a="1"/>
  <c r="H1717" i="2" s="1"/>
  <c r="H1731" i="2" a="1"/>
  <c r="H1731" i="2" s="1"/>
  <c r="AN312" i="1"/>
  <c r="D318" i="5" s="1"/>
  <c r="AQ312" i="1"/>
  <c r="G318" i="5" s="1"/>
  <c r="AO312" i="1"/>
  <c r="E318" i="5" s="1"/>
  <c r="AP312" i="1"/>
  <c r="F318" i="5" s="1"/>
  <c r="AM312" i="1"/>
  <c r="C318" i="5" s="1"/>
  <c r="H4722" i="2" a="1"/>
  <c r="H4722" i="2" s="1"/>
  <c r="H4732" i="2" a="1"/>
  <c r="H4732" i="2" s="1"/>
  <c r="H4716" i="2" a="1"/>
  <c r="H4716" i="2" s="1"/>
  <c r="H4737" i="2" a="1"/>
  <c r="H4737" i="2" s="1"/>
  <c r="H4736" i="2" a="1"/>
  <c r="H4736" i="2" s="1"/>
  <c r="H4731" i="2" a="1"/>
  <c r="H4731" i="2" s="1"/>
  <c r="H4717" i="2" a="1"/>
  <c r="H4717" i="2" s="1"/>
  <c r="H4725" i="2" a="1"/>
  <c r="H4725" i="2" s="1"/>
  <c r="H4718" i="2" a="1"/>
  <c r="H4718" i="2" s="1"/>
  <c r="H4721" i="2" a="1"/>
  <c r="H4721" i="2" s="1"/>
  <c r="H4715" i="2" a="1"/>
  <c r="H4715" i="2" s="1"/>
  <c r="H4726" i="2" a="1"/>
  <c r="H4726" i="2" s="1"/>
  <c r="H4728" i="2" a="1"/>
  <c r="H4728" i="2" s="1"/>
  <c r="H4729" i="2" a="1"/>
  <c r="H4729" i="2" s="1"/>
  <c r="H4730" i="2" a="1"/>
  <c r="H4730" i="2" s="1"/>
  <c r="H4719" i="2" a="1"/>
  <c r="H4719" i="2" s="1"/>
  <c r="H4720" i="2" a="1"/>
  <c r="H4720" i="2" s="1"/>
  <c r="H4734" i="2" a="1"/>
  <c r="H4734" i="2" s="1"/>
  <c r="D4216" i="2" a="1"/>
  <c r="D4216" i="2" s="1"/>
  <c r="D4225" i="2" a="1"/>
  <c r="D4225" i="2" s="1"/>
  <c r="D4228" i="2" a="1"/>
  <c r="D4228" i="2" s="1"/>
  <c r="D4215" i="2" a="1"/>
  <c r="D4215" i="2" s="1"/>
  <c r="D4217" i="2" a="1"/>
  <c r="D4217" i="2" s="1"/>
  <c r="D4219" i="2" a="1"/>
  <c r="D4219" i="2" s="1"/>
  <c r="D4224" i="2" a="1"/>
  <c r="D4224" i="2" s="1"/>
  <c r="D4210" i="2" a="1"/>
  <c r="D4210" i="2" s="1"/>
  <c r="D4226" i="2" a="1"/>
  <c r="D4226" i="2" s="1"/>
  <c r="D4214" i="2" a="1"/>
  <c r="D4214" i="2" s="1"/>
  <c r="D4220" i="2" a="1"/>
  <c r="D4220" i="2" s="1"/>
  <c r="D4212" i="2" a="1"/>
  <c r="D4212" i="2" s="1"/>
  <c r="D4221" i="2" a="1"/>
  <c r="D4221" i="2" s="1"/>
  <c r="D4233" i="2" a="1"/>
  <c r="D4233" i="2" s="1"/>
  <c r="D4230" i="2" a="1"/>
  <c r="D4230" i="2" s="1"/>
  <c r="D4227" i="2" a="1"/>
  <c r="D4227" i="2" s="1"/>
  <c r="D4222" i="2" a="1"/>
  <c r="D4222" i="2" s="1"/>
  <c r="H6851" i="2" a="1"/>
  <c r="H6851" i="2" s="1"/>
  <c r="H6859" i="2" a="1"/>
  <c r="H6859" i="2" s="1"/>
  <c r="H6863" i="2" a="1"/>
  <c r="H6863" i="2" s="1"/>
  <c r="H6864" i="2" a="1"/>
  <c r="H6864" i="2" s="1"/>
  <c r="H6868" i="2" a="1"/>
  <c r="H6868" i="2" s="1"/>
  <c r="H6870" i="2" a="1"/>
  <c r="H6870" i="2" s="1"/>
  <c r="H6865" i="2" a="1"/>
  <c r="H6865" i="2" s="1"/>
  <c r="H6871" i="2" a="1"/>
  <c r="H6871" i="2" s="1"/>
  <c r="H6866" i="2" a="1"/>
  <c r="H6866" i="2" s="1"/>
  <c r="H6873" i="2" a="1"/>
  <c r="H6873" i="2" s="1"/>
  <c r="H6867" i="2" a="1"/>
  <c r="H6867" i="2" s="1"/>
  <c r="H6856" i="2" a="1"/>
  <c r="H6856" i="2" s="1"/>
  <c r="H6860" i="2" a="1"/>
  <c r="H6860" i="2" s="1"/>
  <c r="H6850" i="2" a="1"/>
  <c r="H6850" i="2" s="1"/>
  <c r="H6855" i="2" a="1"/>
  <c r="H6855" i="2" s="1"/>
  <c r="H6858" i="2" a="1"/>
  <c r="H6858" i="2" s="1"/>
  <c r="H6869" i="2" a="1"/>
  <c r="H6869" i="2" s="1"/>
  <c r="H6852" i="2" a="1"/>
  <c r="H6852" i="2" s="1"/>
  <c r="H6853" i="2" a="1"/>
  <c r="H6853" i="2" s="1"/>
  <c r="H6862" i="2" a="1"/>
  <c r="H6862" i="2" s="1"/>
  <c r="H6857" i="2" a="1"/>
  <c r="H6857" i="2" s="1"/>
  <c r="G5568" i="2" a="1"/>
  <c r="G5568" i="2" s="1"/>
  <c r="G5558" i="2" a="1"/>
  <c r="G5558" i="2" s="1"/>
  <c r="G5556" i="2" a="1"/>
  <c r="G5556" i="2" s="1"/>
  <c r="G5559" i="2" a="1"/>
  <c r="G5559" i="2" s="1"/>
  <c r="G5566" i="2" a="1"/>
  <c r="G5566" i="2" s="1"/>
  <c r="F7928" i="2" a="1"/>
  <c r="F7928" i="2" s="1"/>
  <c r="F7907" i="2" a="1"/>
  <c r="F7907" i="2" s="1"/>
  <c r="F7923" i="2" a="1"/>
  <c r="F7923" i="2" s="1"/>
  <c r="F7925" i="2" a="1"/>
  <c r="F7925" i="2" s="1"/>
  <c r="F7909" i="2" a="1"/>
  <c r="F7909" i="2" s="1"/>
  <c r="F7912" i="2" a="1"/>
  <c r="F7912" i="2" s="1"/>
  <c r="F7910" i="2" a="1"/>
  <c r="F7910" i="2" s="1"/>
  <c r="F7919" i="2" a="1"/>
  <c r="F7919" i="2" s="1"/>
  <c r="F7920" i="2" a="1"/>
  <c r="F7920" i="2" s="1"/>
  <c r="F7913" i="2" a="1"/>
  <c r="F7913" i="2" s="1"/>
  <c r="F7922" i="2" a="1"/>
  <c r="F7922" i="2" s="1"/>
  <c r="F7927" i="2" a="1"/>
  <c r="F7927" i="2" s="1"/>
  <c r="F7921" i="2" a="1"/>
  <c r="F7921" i="2" s="1"/>
  <c r="F7917" i="2" a="1"/>
  <c r="F7917" i="2" s="1"/>
  <c r="F7916" i="2" a="1"/>
  <c r="F7916" i="2" s="1"/>
  <c r="F7914" i="2" a="1"/>
  <c r="F7914" i="2" s="1"/>
  <c r="D2555" i="2" a="1"/>
  <c r="D2555" i="2" s="1"/>
  <c r="D2563" i="2" a="1"/>
  <c r="D2563" i="2" s="1"/>
  <c r="D2571" i="2" a="1"/>
  <c r="D2571" i="2" s="1"/>
  <c r="D2575" i="2" a="1"/>
  <c r="D2575" i="2" s="1"/>
  <c r="F808" i="2" a="1"/>
  <c r="F808" i="2" s="1"/>
  <c r="F821" i="2" a="1"/>
  <c r="F821" i="2" s="1"/>
  <c r="F813" i="2" a="1"/>
  <c r="F813" i="2" s="1"/>
  <c r="F809" i="2" a="1"/>
  <c r="F809" i="2" s="1"/>
  <c r="F5068" i="2" a="1"/>
  <c r="F5068" i="2" s="1"/>
  <c r="F5051" i="2" a="1"/>
  <c r="F5051" i="2" s="1"/>
  <c r="F5067" i="2" a="1"/>
  <c r="F5067" i="2" s="1"/>
  <c r="F5063" i="2" a="1"/>
  <c r="F5063" i="2" s="1"/>
  <c r="F5056" i="2" a="1"/>
  <c r="F5056" i="2" s="1"/>
  <c r="F5070" i="2" a="1"/>
  <c r="F5070" i="2" s="1"/>
  <c r="D4056" i="2" a="1"/>
  <c r="D4056" i="2" s="1"/>
  <c r="D4051" i="2" a="1"/>
  <c r="D4051" i="2" s="1"/>
  <c r="D4059" i="2" a="1"/>
  <c r="D4059" i="2" s="1"/>
  <c r="D4052" i="2" a="1"/>
  <c r="D4052" i="2" s="1"/>
  <c r="D4046" i="2" a="1"/>
  <c r="D4046" i="2" s="1"/>
  <c r="D4053" i="2" a="1"/>
  <c r="D4053" i="2" s="1"/>
  <c r="D4064" i="2" a="1"/>
  <c r="D4064" i="2" s="1"/>
  <c r="D4050" i="2" a="1"/>
  <c r="D4050" i="2" s="1"/>
  <c r="D4058" i="2" a="1"/>
  <c r="D4058" i="2" s="1"/>
  <c r="D4054" i="2" a="1"/>
  <c r="D4054" i="2" s="1"/>
  <c r="D4043" i="2" a="1"/>
  <c r="D4043" i="2" s="1"/>
  <c r="D4055" i="2" a="1"/>
  <c r="D4055" i="2" s="1"/>
  <c r="D4063" i="2" a="1"/>
  <c r="D4063" i="2" s="1"/>
  <c r="D4062" i="2" a="1"/>
  <c r="D4062" i="2" s="1"/>
  <c r="D4057" i="2" a="1"/>
  <c r="D4057" i="2" s="1"/>
  <c r="D4060" i="2" a="1"/>
  <c r="D4060" i="2" s="1"/>
  <c r="D4049" i="2" a="1"/>
  <c r="D4049" i="2" s="1"/>
  <c r="D4042" i="2" a="1"/>
  <c r="D4042" i="2" s="1"/>
  <c r="D4061" i="2" a="1"/>
  <c r="D4061" i="2" s="1"/>
  <c r="D4048" i="2" a="1"/>
  <c r="D4048" i="2" s="1"/>
  <c r="D4065" i="2" a="1"/>
  <c r="D4065" i="2" s="1"/>
  <c r="D4044" i="2" a="1"/>
  <c r="D4044" i="2" s="1"/>
  <c r="D4047" i="2" a="1"/>
  <c r="D4047" i="2" s="1"/>
  <c r="D4045" i="2" a="1"/>
  <c r="D4045" i="2" s="1"/>
  <c r="G7254" i="2" a="1"/>
  <c r="G7254" i="2" s="1"/>
  <c r="G7249" i="2" a="1"/>
  <c r="G7249" i="2" s="1"/>
  <c r="G7238" i="2" a="1"/>
  <c r="G7238" i="2" s="1"/>
  <c r="G7244" i="2" a="1"/>
  <c r="G7244" i="2" s="1"/>
  <c r="G7243" i="2" a="1"/>
  <c r="G7243" i="2" s="1"/>
  <c r="G7255" i="2" a="1"/>
  <c r="G7255" i="2" s="1"/>
  <c r="G7248" i="2" a="1"/>
  <c r="G7248" i="2" s="1"/>
  <c r="G7250" i="2" a="1"/>
  <c r="G7250" i="2" s="1"/>
  <c r="G7253" i="2" a="1"/>
  <c r="G7253" i="2" s="1"/>
  <c r="G7241" i="2" a="1"/>
  <c r="G7241" i="2" s="1"/>
  <c r="G7239" i="2" a="1"/>
  <c r="G7239" i="2" s="1"/>
  <c r="G7236" i="2" a="1"/>
  <c r="G7236" i="2" s="1"/>
  <c r="G7246" i="2" a="1"/>
  <c r="G7246" i="2" s="1"/>
  <c r="G7257" i="2" a="1"/>
  <c r="G7257" i="2" s="1"/>
  <c r="H6710" i="2" a="1"/>
  <c r="H6710" i="2" s="1"/>
  <c r="H6729" i="2" a="1"/>
  <c r="H6729" i="2" s="1"/>
  <c r="H6715" i="2" a="1"/>
  <c r="H6715" i="2" s="1"/>
  <c r="H6713" i="2" a="1"/>
  <c r="H6713" i="2" s="1"/>
  <c r="H6718" i="2" a="1"/>
  <c r="H6718" i="2" s="1"/>
  <c r="H6726" i="2" a="1"/>
  <c r="H6726" i="2" s="1"/>
  <c r="H6709" i="2" a="1"/>
  <c r="H6709" i="2" s="1"/>
  <c r="H6728" i="2" a="1"/>
  <c r="H6728" i="2" s="1"/>
  <c r="H6706" i="2" a="1"/>
  <c r="H6706" i="2" s="1"/>
  <c r="H6708" i="2" a="1"/>
  <c r="H6708" i="2" s="1"/>
  <c r="H6714" i="2" a="1"/>
  <c r="H6714" i="2" s="1"/>
  <c r="H6720" i="2" a="1"/>
  <c r="H6720" i="2" s="1"/>
  <c r="H6722" i="2" a="1"/>
  <c r="H6722" i="2" s="1"/>
  <c r="H6727" i="2" a="1"/>
  <c r="H6727" i="2" s="1"/>
  <c r="H6725" i="2" a="1"/>
  <c r="H6725" i="2" s="1"/>
  <c r="H6716" i="2" a="1"/>
  <c r="H6716" i="2" s="1"/>
  <c r="H6723" i="2" a="1"/>
  <c r="H6723" i="2" s="1"/>
  <c r="H6719" i="2" a="1"/>
  <c r="H6719" i="2" s="1"/>
  <c r="F3755" i="2" a="1"/>
  <c r="F3755" i="2" s="1"/>
  <c r="F3761" i="2" a="1"/>
  <c r="F3761" i="2" s="1"/>
  <c r="F3759" i="2" a="1"/>
  <c r="F3759" i="2" s="1"/>
  <c r="F3770" i="2" a="1"/>
  <c r="F3770" i="2" s="1"/>
  <c r="F3754" i="2" a="1"/>
  <c r="F3754" i="2" s="1"/>
  <c r="F3771" i="2" a="1"/>
  <c r="F3771" i="2" s="1"/>
  <c r="F3758" i="2" a="1"/>
  <c r="F3758" i="2" s="1"/>
  <c r="F3773" i="2" a="1"/>
  <c r="F3773" i="2" s="1"/>
  <c r="F3766" i="2" a="1"/>
  <c r="F3766" i="2" s="1"/>
  <c r="F3760" i="2" a="1"/>
  <c r="F3760" i="2" s="1"/>
  <c r="F3774" i="2" a="1"/>
  <c r="F3774" i="2" s="1"/>
  <c r="F3767" i="2" a="1"/>
  <c r="F3767" i="2" s="1"/>
  <c r="F3763" i="2" a="1"/>
  <c r="F3763" i="2" s="1"/>
  <c r="F3776" i="2" a="1"/>
  <c r="F3776" i="2" s="1"/>
  <c r="F3772" i="2" a="1"/>
  <c r="F3772" i="2" s="1"/>
  <c r="F3762" i="2" a="1"/>
  <c r="F3762" i="2" s="1"/>
  <c r="F3777" i="2" a="1"/>
  <c r="F3777" i="2" s="1"/>
  <c r="F3765" i="2" a="1"/>
  <c r="F3765" i="2" s="1"/>
  <c r="F3775" i="2" a="1"/>
  <c r="F3775" i="2" s="1"/>
  <c r="F3764" i="2" a="1"/>
  <c r="F3764" i="2" s="1"/>
  <c r="F3757" i="2" a="1"/>
  <c r="F3757" i="2" s="1"/>
  <c r="H6320" i="2" a="1"/>
  <c r="H6320" i="2" s="1"/>
  <c r="H6308" i="2" a="1"/>
  <c r="H6308" i="2" s="1"/>
  <c r="H6302" i="2" a="1"/>
  <c r="H6302" i="2" s="1"/>
  <c r="H6317" i="2" a="1"/>
  <c r="H6317" i="2" s="1"/>
  <c r="G707" i="2" a="1"/>
  <c r="G707" i="2" s="1"/>
  <c r="G720" i="2" a="1"/>
  <c r="G720" i="2" s="1"/>
  <c r="E6364" i="2" a="1"/>
  <c r="E6364" i="2" s="1"/>
  <c r="E6360" i="2" a="1"/>
  <c r="E6360" i="2" s="1"/>
  <c r="E6350" i="2" a="1"/>
  <c r="E6350" i="2" s="1"/>
  <c r="E6355" i="2" a="1"/>
  <c r="E6355" i="2" s="1"/>
  <c r="E6347" i="2" a="1"/>
  <c r="E6347" i="2" s="1"/>
  <c r="E6353" i="2" a="1"/>
  <c r="E6353" i="2" s="1"/>
  <c r="E6357" i="2" a="1"/>
  <c r="E6357" i="2" s="1"/>
  <c r="E6361" i="2" a="1"/>
  <c r="E6361" i="2" s="1"/>
  <c r="E6354" i="2" a="1"/>
  <c r="E6354" i="2" s="1"/>
  <c r="E6349" i="2" a="1"/>
  <c r="E6349" i="2" s="1"/>
  <c r="E6358" i="2" a="1"/>
  <c r="E6358" i="2" s="1"/>
  <c r="E6362" i="2" a="1"/>
  <c r="E6362" i="2" s="1"/>
  <c r="E6346" i="2" a="1"/>
  <c r="E6346" i="2" s="1"/>
  <c r="E6356" i="2" a="1"/>
  <c r="E6356" i="2" s="1"/>
  <c r="E6365" i="2" a="1"/>
  <c r="E6365" i="2" s="1"/>
  <c r="E6348" i="2" a="1"/>
  <c r="E6348" i="2" s="1"/>
  <c r="E6366" i="2" a="1"/>
  <c r="E6366" i="2" s="1"/>
  <c r="E6351" i="2" a="1"/>
  <c r="E6351" i="2" s="1"/>
  <c r="E6367" i="2" a="1"/>
  <c r="E6367" i="2" s="1"/>
  <c r="E6359" i="2" a="1"/>
  <c r="E6359" i="2" s="1"/>
  <c r="E6369" i="2" a="1"/>
  <c r="E6369" i="2" s="1"/>
  <c r="H2062" i="2" a="1"/>
  <c r="H2062" i="2" s="1"/>
  <c r="H2050" i="2" a="1"/>
  <c r="H2050" i="2" s="1"/>
  <c r="H2064" i="2" a="1"/>
  <c r="H2064" i="2" s="1"/>
  <c r="H2067" i="2" a="1"/>
  <c r="H2067" i="2" s="1"/>
  <c r="H2061" i="2" a="1"/>
  <c r="H2061" i="2" s="1"/>
  <c r="H2055" i="2" a="1"/>
  <c r="H2055" i="2" s="1"/>
  <c r="H1705" i="2" a="1"/>
  <c r="H1705" i="2" s="1"/>
  <c r="H1709" i="2" a="1"/>
  <c r="H1709" i="2" s="1"/>
  <c r="H1713" i="2" a="1"/>
  <c r="H1713" i="2" s="1"/>
  <c r="H1703" i="2" a="1"/>
  <c r="H1703" i="2" s="1"/>
  <c r="H1702" i="2" a="1"/>
  <c r="H1702" i="2" s="1"/>
  <c r="H1696" i="2" a="1"/>
  <c r="H1696" i="2" s="1"/>
  <c r="H2083" i="2" a="1"/>
  <c r="H2083" i="2" s="1"/>
  <c r="H2085" i="2" a="1"/>
  <c r="H2085" i="2" s="1"/>
  <c r="H2079" i="2" a="1"/>
  <c r="H2079" i="2" s="1"/>
  <c r="H2097" i="2" a="1"/>
  <c r="H2097" i="2" s="1"/>
  <c r="H2087" i="2" a="1"/>
  <c r="H2087" i="2" s="1"/>
  <c r="H2077" i="2" a="1"/>
  <c r="H2077" i="2" s="1"/>
  <c r="H2096" i="2" a="1"/>
  <c r="H2096" i="2" s="1"/>
  <c r="H2092" i="2" a="1"/>
  <c r="H2092" i="2" s="1"/>
  <c r="H2093" i="2" a="1"/>
  <c r="H2093" i="2" s="1"/>
  <c r="G2815" i="2" a="1"/>
  <c r="G2815" i="2" s="1"/>
  <c r="G2814" i="2" a="1"/>
  <c r="G2814" i="2" s="1"/>
  <c r="G2804" i="2" a="1"/>
  <c r="G2804" i="2" s="1"/>
  <c r="G2808" i="2" a="1"/>
  <c r="G2808" i="2" s="1"/>
  <c r="G2809" i="2" a="1"/>
  <c r="G2809" i="2" s="1"/>
  <c r="G2795" i="2" a="1"/>
  <c r="G2795" i="2" s="1"/>
  <c r="G2816" i="2" a="1"/>
  <c r="G2816" i="2" s="1"/>
  <c r="G2803" i="2" a="1"/>
  <c r="G2803" i="2" s="1"/>
  <c r="G2805" i="2" a="1"/>
  <c r="G2805" i="2" s="1"/>
  <c r="D2047" i="2" a="1"/>
  <c r="D2047" i="2" s="1"/>
  <c r="D2035" i="2" a="1"/>
  <c r="D2035" i="2" s="1"/>
  <c r="H2410" i="2" a="1"/>
  <c r="H2410" i="2" s="1"/>
  <c r="H2415" i="2" a="1"/>
  <c r="H2415" i="2" s="1"/>
  <c r="H2420" i="2" a="1"/>
  <c r="H2420" i="2" s="1"/>
  <c r="H2426" i="2" a="1"/>
  <c r="H2426" i="2" s="1"/>
  <c r="H2419" i="2" a="1"/>
  <c r="H2419" i="2" s="1"/>
  <c r="H2413" i="2" a="1"/>
  <c r="H2413" i="2" s="1"/>
  <c r="H2429" i="2" a="1"/>
  <c r="H2429" i="2" s="1"/>
  <c r="AQ97" i="1"/>
  <c r="G103" i="5" s="1"/>
  <c r="G2320" i="2" a="1"/>
  <c r="G2320" i="2" s="1"/>
  <c r="G2335" i="2" a="1"/>
  <c r="G2335" i="2" s="1"/>
  <c r="G2315" i="2" a="1"/>
  <c r="G2315" i="2" s="1"/>
  <c r="G2321" i="2" a="1"/>
  <c r="G2321" i="2" s="1"/>
  <c r="G2324" i="2" a="1"/>
  <c r="G2324" i="2" s="1"/>
  <c r="G2328" i="2" a="1"/>
  <c r="G2328" i="2" s="1"/>
  <c r="F3919" i="2" a="1"/>
  <c r="F3919" i="2" s="1"/>
  <c r="F3916" i="2" a="1"/>
  <c r="F3916" i="2" s="1"/>
  <c r="F3900" i="2" a="1"/>
  <c r="F3900" i="2" s="1"/>
  <c r="F3920" i="2" a="1"/>
  <c r="F3920" i="2" s="1"/>
  <c r="F3911" i="2" a="1"/>
  <c r="F3911" i="2" s="1"/>
  <c r="F3913" i="2" a="1"/>
  <c r="F3913" i="2" s="1"/>
  <c r="F3902" i="2" a="1"/>
  <c r="F3902" i="2" s="1"/>
  <c r="F3918" i="2" a="1"/>
  <c r="F3918" i="2" s="1"/>
  <c r="F3906" i="2" a="1"/>
  <c r="F3906" i="2" s="1"/>
  <c r="F3914" i="2" a="1"/>
  <c r="F3914" i="2" s="1"/>
  <c r="G4517" i="2" a="1"/>
  <c r="G4517" i="2" s="1"/>
  <c r="G4505" i="2" a="1"/>
  <c r="G4505" i="2" s="1"/>
  <c r="G4518" i="2" a="1"/>
  <c r="G4518" i="2" s="1"/>
  <c r="G4521" i="2" a="1"/>
  <c r="G4521" i="2" s="1"/>
  <c r="G4519" i="2" a="1"/>
  <c r="G4519" i="2" s="1"/>
  <c r="G4504" i="2" a="1"/>
  <c r="G4504" i="2" s="1"/>
  <c r="G4508" i="2" a="1"/>
  <c r="G4508" i="2" s="1"/>
  <c r="G4510" i="2" a="1"/>
  <c r="G4510" i="2" s="1"/>
  <c r="G4513" i="2" a="1"/>
  <c r="G4513" i="2" s="1"/>
  <c r="G4511" i="2" a="1"/>
  <c r="G4511" i="2" s="1"/>
  <c r="G4500" i="2" a="1"/>
  <c r="G4500" i="2" s="1"/>
  <c r="G4502" i="2" a="1"/>
  <c r="G4502" i="2" s="1"/>
  <c r="G4512" i="2" a="1"/>
  <c r="G4512" i="2" s="1"/>
  <c r="G4516" i="2" a="1"/>
  <c r="G4516" i="2" s="1"/>
  <c r="G4503" i="2" a="1"/>
  <c r="G4503" i="2" s="1"/>
  <c r="G4509" i="2" a="1"/>
  <c r="G4509" i="2" s="1"/>
  <c r="G4515" i="2" a="1"/>
  <c r="G4515" i="2" s="1"/>
  <c r="G4506" i="2" a="1"/>
  <c r="G4506" i="2" s="1"/>
  <c r="H1408" i="2" a="1"/>
  <c r="H1408" i="2" s="1"/>
  <c r="H1419" i="2" a="1"/>
  <c r="H1419" i="2" s="1"/>
  <c r="H1425" i="2" a="1"/>
  <c r="H1425" i="2" s="1"/>
  <c r="H1402" i="2" a="1"/>
  <c r="H1402" i="2" s="1"/>
  <c r="H1421" i="2" a="1"/>
  <c r="H1421" i="2" s="1"/>
  <c r="H1422" i="2" a="1"/>
  <c r="H1422" i="2" s="1"/>
  <c r="H1403" i="2" a="1"/>
  <c r="H1403" i="2" s="1"/>
  <c r="H1409" i="2" a="1"/>
  <c r="H1409" i="2" s="1"/>
  <c r="H1404" i="2" a="1"/>
  <c r="H1404" i="2" s="1"/>
  <c r="H1413" i="2" a="1"/>
  <c r="H1413" i="2" s="1"/>
  <c r="H1416" i="2" a="1"/>
  <c r="H1416" i="2" s="1"/>
  <c r="H1414" i="2" a="1"/>
  <c r="H1414" i="2" s="1"/>
  <c r="H1418" i="2" a="1"/>
  <c r="H1418" i="2" s="1"/>
  <c r="H1420" i="2" a="1"/>
  <c r="H1420" i="2" s="1"/>
  <c r="H1424" i="2" a="1"/>
  <c r="H1424" i="2" s="1"/>
  <c r="H1407" i="2" a="1"/>
  <c r="H1407" i="2" s="1"/>
  <c r="F7011" i="2" a="1"/>
  <c r="F7011" i="2" s="1"/>
  <c r="F6997" i="2" a="1"/>
  <c r="F6997" i="2" s="1"/>
  <c r="F7009" i="2" a="1"/>
  <c r="F7009" i="2" s="1"/>
  <c r="F7000" i="2" a="1"/>
  <c r="F7000" i="2" s="1"/>
  <c r="F7012" i="2" a="1"/>
  <c r="F7012" i="2" s="1"/>
  <c r="F6999" i="2" a="1"/>
  <c r="F6999" i="2" s="1"/>
  <c r="F7003" i="2" a="1"/>
  <c r="F7003" i="2" s="1"/>
  <c r="F3923" i="2" a="1"/>
  <c r="F3923" i="2" s="1"/>
  <c r="D3978" i="2" a="1"/>
  <c r="D3978" i="2" s="1"/>
  <c r="G7349" i="2" a="1"/>
  <c r="G7349" i="2" s="1"/>
  <c r="AP80" i="1"/>
  <c r="F86" i="5" s="1"/>
  <c r="E5232" i="2" a="1"/>
  <c r="E5232" i="2" s="1"/>
  <c r="E5224" i="2" a="1"/>
  <c r="E5224" i="2" s="1"/>
  <c r="E5230" i="2" a="1"/>
  <c r="E5230" i="2" s="1"/>
  <c r="E5225" i="2" a="1"/>
  <c r="E5225" i="2" s="1"/>
  <c r="E5226" i="2" a="1"/>
  <c r="E5226" i="2" s="1"/>
  <c r="E5233" i="2" a="1"/>
  <c r="E5233" i="2" s="1"/>
  <c r="E5228" i="2" a="1"/>
  <c r="E5228" i="2" s="1"/>
  <c r="E5223" i="2" a="1"/>
  <c r="E5223" i="2" s="1"/>
  <c r="E5239" i="2" a="1"/>
  <c r="E5239" i="2" s="1"/>
  <c r="E5231" i="2" a="1"/>
  <c r="E5231" i="2" s="1"/>
  <c r="E5220" i="2" a="1"/>
  <c r="E5220" i="2" s="1"/>
  <c r="E5229" i="2" a="1"/>
  <c r="E5229" i="2" s="1"/>
  <c r="E5221" i="2" a="1"/>
  <c r="E5221" i="2" s="1"/>
  <c r="E5238" i="2" a="1"/>
  <c r="E5238" i="2" s="1"/>
  <c r="E5240" i="2" a="1"/>
  <c r="E5240" i="2" s="1"/>
  <c r="E5222" i="2" a="1"/>
  <c r="E5222" i="2" s="1"/>
  <c r="E5235" i="2" a="1"/>
  <c r="E5235" i="2" s="1"/>
  <c r="E5218" i="2" a="1"/>
  <c r="E5218" i="2" s="1"/>
  <c r="E5227" i="2" a="1"/>
  <c r="E5227" i="2" s="1"/>
  <c r="E5237" i="2" a="1"/>
  <c r="E5237" i="2" s="1"/>
  <c r="E5236" i="2" a="1"/>
  <c r="E5236" i="2" s="1"/>
  <c r="E5219" i="2" a="1"/>
  <c r="E5219" i="2" s="1"/>
  <c r="E5241" i="2" a="1"/>
  <c r="E5241" i="2" s="1"/>
  <c r="AM237" i="1"/>
  <c r="C243" i="5" s="1"/>
  <c r="H5695" i="2" a="1"/>
  <c r="H5695" i="2" s="1"/>
  <c r="AQ237" i="1"/>
  <c r="G243" i="5" s="1"/>
  <c r="H5676" i="2" a="1"/>
  <c r="H5676" i="2" s="1"/>
  <c r="AN237" i="1"/>
  <c r="AP237" i="1"/>
  <c r="F243" i="5" s="1"/>
  <c r="AO237" i="1"/>
  <c r="E243" i="5" s="1"/>
  <c r="G5809" i="2" a="1"/>
  <c r="G5809" i="2" s="1"/>
  <c r="G5800" i="2" a="1"/>
  <c r="G5800" i="2" s="1"/>
  <c r="G5816" i="2" a="1"/>
  <c r="G5816" i="2" s="1"/>
  <c r="G5797" i="2" a="1"/>
  <c r="G5797" i="2" s="1"/>
  <c r="G5803" i="2" a="1"/>
  <c r="G5803" i="2" s="1"/>
  <c r="G5806" i="2" a="1"/>
  <c r="G5806" i="2" s="1"/>
  <c r="G5815" i="2" a="1"/>
  <c r="G5815" i="2" s="1"/>
  <c r="G5811" i="2" a="1"/>
  <c r="G5811" i="2" s="1"/>
  <c r="G5807" i="2" a="1"/>
  <c r="G5807" i="2" s="1"/>
  <c r="G5802" i="2" a="1"/>
  <c r="G5802" i="2" s="1"/>
  <c r="G5795" i="2" a="1"/>
  <c r="G5795" i="2" s="1"/>
  <c r="G5814" i="2" a="1"/>
  <c r="G5814" i="2" s="1"/>
  <c r="G5805" i="2" a="1"/>
  <c r="G5805" i="2" s="1"/>
  <c r="G5794" i="2" a="1"/>
  <c r="G5794" i="2" s="1"/>
  <c r="G5796" i="2" a="1"/>
  <c r="G5796" i="2" s="1"/>
  <c r="G5798" i="2" a="1"/>
  <c r="G5798" i="2" s="1"/>
  <c r="G5810" i="2" a="1"/>
  <c r="G5810" i="2" s="1"/>
  <c r="G5804" i="2" a="1"/>
  <c r="G5804" i="2" s="1"/>
  <c r="G5812" i="2" a="1"/>
  <c r="G5812" i="2" s="1"/>
  <c r="F2167" i="2" a="1"/>
  <c r="F2167" i="2" s="1"/>
  <c r="F2164" i="2" a="1"/>
  <c r="F2164" i="2" s="1"/>
  <c r="F2156" i="2" a="1"/>
  <c r="F2156" i="2" s="1"/>
  <c r="AO90" i="1"/>
  <c r="F2165" i="2" a="1"/>
  <c r="F2165" i="2" s="1"/>
  <c r="F2161" i="2" a="1"/>
  <c r="F2161" i="2" s="1"/>
  <c r="D4635" i="2" a="1"/>
  <c r="D4635" i="2" s="1"/>
  <c r="D4639" i="2" a="1"/>
  <c r="D4639" i="2" s="1"/>
  <c r="D4638" i="2" a="1"/>
  <c r="D4638" i="2" s="1"/>
  <c r="D4621" i="2" a="1"/>
  <c r="D4621" i="2" s="1"/>
  <c r="D4628" i="2" a="1"/>
  <c r="D4628" i="2" s="1"/>
  <c r="D4636" i="2" a="1"/>
  <c r="D4636" i="2" s="1"/>
  <c r="G4440" i="2" a="1"/>
  <c r="G4440" i="2" s="1"/>
  <c r="G4430" i="2" a="1"/>
  <c r="G4430" i="2" s="1"/>
  <c r="G4442" i="2" a="1"/>
  <c r="G4442" i="2" s="1"/>
  <c r="G4426" i="2" a="1"/>
  <c r="G4426" i="2" s="1"/>
  <c r="G4427" i="2" a="1"/>
  <c r="G4427" i="2" s="1"/>
  <c r="G4446" i="2" a="1"/>
  <c r="G4446" i="2" s="1"/>
  <c r="G4441" i="2" a="1"/>
  <c r="G4441" i="2" s="1"/>
  <c r="G4447" i="2" a="1"/>
  <c r="G4447" i="2" s="1"/>
  <c r="G4428" i="2" a="1"/>
  <c r="G4428" i="2" s="1"/>
  <c r="G4448" i="2" a="1"/>
  <c r="G4448" i="2" s="1"/>
  <c r="G4445" i="2" a="1"/>
  <c r="G4445" i="2" s="1"/>
  <c r="G4449" i="2" a="1"/>
  <c r="G4449" i="2" s="1"/>
  <c r="G4429" i="2" a="1"/>
  <c r="G4429" i="2" s="1"/>
  <c r="G4431" i="2" a="1"/>
  <c r="G4431" i="2" s="1"/>
  <c r="G4438" i="2" a="1"/>
  <c r="G4438" i="2" s="1"/>
  <c r="G4435" i="2" a="1"/>
  <c r="G4435" i="2" s="1"/>
  <c r="G4436" i="2" a="1"/>
  <c r="G4436" i="2" s="1"/>
  <c r="G4434" i="2" a="1"/>
  <c r="G4434" i="2" s="1"/>
  <c r="E58" i="2" a="1"/>
  <c r="E58" i="2" s="1"/>
  <c r="E78" i="2" a="1"/>
  <c r="E78" i="2" s="1"/>
  <c r="E69" i="2" a="1"/>
  <c r="E69" i="2" s="1"/>
  <c r="E70" i="2" a="1"/>
  <c r="E70" i="2" s="1"/>
  <c r="E60" i="2" a="1"/>
  <c r="E60" i="2" s="1"/>
  <c r="E77" i="2" a="1"/>
  <c r="E77" i="2" s="1"/>
  <c r="E61" i="2" a="1"/>
  <c r="E61" i="2" s="1"/>
  <c r="E64" i="2" a="1"/>
  <c r="E64" i="2" s="1"/>
  <c r="E72" i="2" a="1"/>
  <c r="E72" i="2" s="1"/>
  <c r="E66" i="2" a="1"/>
  <c r="E66" i="2" s="1"/>
  <c r="E80" i="2" a="1"/>
  <c r="E80" i="2" s="1"/>
  <c r="E79" i="2" a="1"/>
  <c r="E79" i="2" s="1"/>
  <c r="E65" i="2" a="1"/>
  <c r="E65" i="2" s="1"/>
  <c r="E67" i="2" a="1"/>
  <c r="E67" i="2" s="1"/>
  <c r="E68" i="2" a="1"/>
  <c r="E68" i="2" s="1"/>
  <c r="E71" i="2" a="1"/>
  <c r="E71" i="2" s="1"/>
  <c r="E73" i="2" a="1"/>
  <c r="E73" i="2" s="1"/>
  <c r="E76" i="2" a="1"/>
  <c r="E76" i="2" s="1"/>
  <c r="E63" i="2" a="1"/>
  <c r="E63" i="2" s="1"/>
  <c r="E75" i="2" a="1"/>
  <c r="E75" i="2" s="1"/>
  <c r="E81" i="2" a="1"/>
  <c r="E81" i="2" s="1"/>
  <c r="E74" i="2" a="1"/>
  <c r="E74" i="2" s="1"/>
  <c r="E62" i="2" a="1"/>
  <c r="E62" i="2" s="1"/>
  <c r="E59" i="2" a="1"/>
  <c r="E59" i="2" s="1"/>
  <c r="G3493" i="2" a="1"/>
  <c r="G3493" i="2" s="1"/>
  <c r="G3504" i="2" a="1"/>
  <c r="G3504" i="2" s="1"/>
  <c r="G3500" i="2" a="1"/>
  <c r="G3500" i="2" s="1"/>
  <c r="G3507" i="2" a="1"/>
  <c r="G3507" i="2" s="1"/>
  <c r="G3509" i="2" a="1"/>
  <c r="G3509" i="2" s="1"/>
  <c r="G3491" i="2" a="1"/>
  <c r="G3491" i="2" s="1"/>
  <c r="G3497" i="2" a="1"/>
  <c r="G3497" i="2" s="1"/>
  <c r="G3505" i="2" a="1"/>
  <c r="G3505" i="2" s="1"/>
  <c r="G3490" i="2" a="1"/>
  <c r="G3490" i="2" s="1"/>
  <c r="G3512" i="2" a="1"/>
  <c r="G3512" i="2" s="1"/>
  <c r="G3513" i="2" a="1"/>
  <c r="G3513" i="2" s="1"/>
  <c r="G3498" i="2" a="1"/>
  <c r="G3498" i="2" s="1"/>
  <c r="G3510" i="2" a="1"/>
  <c r="G3510" i="2" s="1"/>
  <c r="G3502" i="2" a="1"/>
  <c r="G3502" i="2" s="1"/>
  <c r="G3511" i="2" a="1"/>
  <c r="G3511" i="2" s="1"/>
  <c r="G3495" i="2" a="1"/>
  <c r="G3495" i="2" s="1"/>
  <c r="G3492" i="2" a="1"/>
  <c r="G3492" i="2" s="1"/>
  <c r="G3494" i="2" a="1"/>
  <c r="G3494" i="2" s="1"/>
  <c r="G3503" i="2" a="1"/>
  <c r="G3503" i="2" s="1"/>
  <c r="G3499" i="2" a="1"/>
  <c r="G3499" i="2" s="1"/>
  <c r="G3506" i="2" a="1"/>
  <c r="G3506" i="2" s="1"/>
  <c r="H972" i="2" a="1"/>
  <c r="H972" i="2" s="1"/>
  <c r="H989" i="2" a="1"/>
  <c r="H989" i="2" s="1"/>
  <c r="H979" i="2" a="1"/>
  <c r="H979" i="2" s="1"/>
  <c r="H987" i="2" a="1"/>
  <c r="H987" i="2" s="1"/>
  <c r="H985" i="2" a="1"/>
  <c r="H985" i="2" s="1"/>
  <c r="H986" i="2" a="1"/>
  <c r="H986" i="2" s="1"/>
  <c r="H983" i="2" a="1"/>
  <c r="H983" i="2" s="1"/>
  <c r="H982" i="2" a="1"/>
  <c r="H982" i="2" s="1"/>
  <c r="H978" i="2" a="1"/>
  <c r="H978" i="2" s="1"/>
  <c r="H993" i="2" a="1"/>
  <c r="H993" i="2" s="1"/>
  <c r="H991" i="2" a="1"/>
  <c r="H991" i="2" s="1"/>
  <c r="H970" i="2" a="1"/>
  <c r="H970" i="2" s="1"/>
  <c r="H977" i="2" a="1"/>
  <c r="H977" i="2" s="1"/>
  <c r="H988" i="2" a="1"/>
  <c r="H988" i="2" s="1"/>
  <c r="E3952" i="2" a="1"/>
  <c r="E3952" i="2" s="1"/>
  <c r="E3954" i="2" a="1"/>
  <c r="E3954" i="2" s="1"/>
  <c r="E3968" i="2" a="1"/>
  <c r="E3968" i="2" s="1"/>
  <c r="E3955" i="2" a="1"/>
  <c r="E3955" i="2" s="1"/>
  <c r="E3948" i="2" a="1"/>
  <c r="E3948" i="2" s="1"/>
  <c r="E3946" i="2" a="1"/>
  <c r="E3946" i="2" s="1"/>
  <c r="E3961" i="2" a="1"/>
  <c r="E3961" i="2" s="1"/>
  <c r="F1656" i="2" a="1"/>
  <c r="F1656" i="2" s="1"/>
  <c r="F1663" i="2" a="1"/>
  <c r="F1663" i="2" s="1"/>
  <c r="F1652" i="2" a="1"/>
  <c r="F1652" i="2" s="1"/>
  <c r="F1657" i="2" a="1"/>
  <c r="F1657" i="2" s="1"/>
  <c r="F1642" i="2" a="1"/>
  <c r="F1642" i="2" s="1"/>
  <c r="F1653" i="2" a="1"/>
  <c r="F1653" i="2" s="1"/>
  <c r="F1658" i="2" a="1"/>
  <c r="F1658" i="2" s="1"/>
  <c r="F1661" i="2" a="1"/>
  <c r="F1661" i="2" s="1"/>
  <c r="F1648" i="2" a="1"/>
  <c r="F1648" i="2" s="1"/>
  <c r="F1646" i="2" a="1"/>
  <c r="F1646" i="2" s="1"/>
  <c r="F1662" i="2" a="1"/>
  <c r="F1662" i="2" s="1"/>
  <c r="F1645" i="2" a="1"/>
  <c r="F1645" i="2" s="1"/>
  <c r="F1659" i="2" a="1"/>
  <c r="F1659" i="2" s="1"/>
  <c r="F1655" i="2" a="1"/>
  <c r="F1655" i="2" s="1"/>
  <c r="F1654" i="2" a="1"/>
  <c r="F1654" i="2" s="1"/>
  <c r="F1643" i="2" a="1"/>
  <c r="F1643" i="2" s="1"/>
  <c r="F1647" i="2" a="1"/>
  <c r="F1647" i="2" s="1"/>
  <c r="F1660" i="2" a="1"/>
  <c r="F1660" i="2" s="1"/>
  <c r="F1649" i="2" a="1"/>
  <c r="F1649" i="2" s="1"/>
  <c r="F1664" i="2" a="1"/>
  <c r="F1664" i="2" s="1"/>
  <c r="F1650" i="2" a="1"/>
  <c r="F1650" i="2" s="1"/>
  <c r="F1665" i="2" a="1"/>
  <c r="F1665" i="2" s="1"/>
  <c r="F6868" i="2" a="1"/>
  <c r="F6868" i="2" s="1"/>
  <c r="F6853" i="2" a="1"/>
  <c r="F6853" i="2" s="1"/>
  <c r="F6863" i="2" a="1"/>
  <c r="F6863" i="2" s="1"/>
  <c r="F6855" i="2" a="1"/>
  <c r="F6855" i="2" s="1"/>
  <c r="F6870" i="2" a="1"/>
  <c r="F6870" i="2" s="1"/>
  <c r="F6864" i="2" a="1"/>
  <c r="F6864" i="2" s="1"/>
  <c r="F6851" i="2" a="1"/>
  <c r="F6851" i="2" s="1"/>
  <c r="F6869" i="2" a="1"/>
  <c r="F6869" i="2" s="1"/>
  <c r="F6872" i="2" a="1"/>
  <c r="F6872" i="2" s="1"/>
  <c r="F6857" i="2" a="1"/>
  <c r="F6857" i="2" s="1"/>
  <c r="AN286" i="1"/>
  <c r="D292" i="5" s="1"/>
  <c r="AO286" i="1"/>
  <c r="E292" i="5" s="1"/>
  <c r="AM286" i="1"/>
  <c r="C292" i="5" s="1"/>
  <c r="H1751" i="2" a="1"/>
  <c r="H1751" i="2" s="1"/>
  <c r="H1749" i="2" a="1"/>
  <c r="H1749" i="2" s="1"/>
  <c r="H1759" i="2" a="1"/>
  <c r="H1759" i="2" s="1"/>
  <c r="H1753" i="2" a="1"/>
  <c r="H1753" i="2" s="1"/>
  <c r="H1742" i="2" a="1"/>
  <c r="H1742" i="2" s="1"/>
  <c r="H1740" i="2" a="1"/>
  <c r="H1740" i="2" s="1"/>
  <c r="H1746" i="2" a="1"/>
  <c r="H1746" i="2" s="1"/>
  <c r="D7260" i="2" a="1"/>
  <c r="D7260" i="2" s="1"/>
  <c r="D7267" i="2" a="1"/>
  <c r="D7267" i="2" s="1"/>
  <c r="D7270" i="2" a="1"/>
  <c r="D7270" i="2" s="1"/>
  <c r="D7280" i="2" a="1"/>
  <c r="D7280" i="2" s="1"/>
  <c r="AO303" i="1"/>
  <c r="E309" i="5" s="1"/>
  <c r="D7259" i="2" a="1"/>
  <c r="D7259" i="2" s="1"/>
  <c r="D7264" i="2" a="1"/>
  <c r="D7264" i="2" s="1"/>
  <c r="D7277" i="2" a="1"/>
  <c r="D7277" i="2" s="1"/>
  <c r="D7263" i="2" a="1"/>
  <c r="D7263" i="2" s="1"/>
  <c r="D7266" i="2" a="1"/>
  <c r="D7266" i="2" s="1"/>
  <c r="D7273" i="2" a="1"/>
  <c r="D7273" i="2" s="1"/>
  <c r="D7281" i="2" a="1"/>
  <c r="D7281" i="2" s="1"/>
  <c r="D7262" i="2" a="1"/>
  <c r="D7262" i="2" s="1"/>
  <c r="D7276" i="2" a="1"/>
  <c r="D7276" i="2" s="1"/>
  <c r="D7258" i="2" a="1"/>
  <c r="D7258" i="2" s="1"/>
  <c r="AN303" i="1"/>
  <c r="D309" i="5" s="1"/>
  <c r="D7272" i="2" a="1"/>
  <c r="D7272" i="2" s="1"/>
  <c r="D7268" i="2" a="1"/>
  <c r="D7268" i="2" s="1"/>
  <c r="D7278" i="2" a="1"/>
  <c r="D7278" i="2" s="1"/>
  <c r="D7279" i="2" a="1"/>
  <c r="D7279" i="2" s="1"/>
  <c r="G4726" i="2" a="1"/>
  <c r="G4726" i="2" s="1"/>
  <c r="G4727" i="2" a="1"/>
  <c r="G4727" i="2" s="1"/>
  <c r="G4728" i="2" a="1"/>
  <c r="G4728" i="2" s="1"/>
  <c r="G4732" i="2" a="1"/>
  <c r="G4732" i="2" s="1"/>
  <c r="G4717" i="2" a="1"/>
  <c r="G4717" i="2" s="1"/>
  <c r="G4725" i="2" a="1"/>
  <c r="G4725" i="2" s="1"/>
  <c r="G4724" i="2" a="1"/>
  <c r="G4724" i="2" s="1"/>
  <c r="G4720" i="2" a="1"/>
  <c r="G4720" i="2" s="1"/>
  <c r="G4731" i="2" a="1"/>
  <c r="G4731" i="2" s="1"/>
  <c r="G4718" i="2" a="1"/>
  <c r="G4718" i="2" s="1"/>
  <c r="G4737" i="2" a="1"/>
  <c r="G4737" i="2" s="1"/>
  <c r="G4719" i="2" a="1"/>
  <c r="G4719" i="2" s="1"/>
  <c r="G4721" i="2" a="1"/>
  <c r="G4721" i="2" s="1"/>
  <c r="G4715" i="2" a="1"/>
  <c r="G4715" i="2" s="1"/>
  <c r="G4736" i="2" a="1"/>
  <c r="G4736" i="2" s="1"/>
  <c r="G4723" i="2" a="1"/>
  <c r="G4723" i="2" s="1"/>
  <c r="G4716" i="2" a="1"/>
  <c r="G4716" i="2" s="1"/>
  <c r="G4734" i="2" a="1"/>
  <c r="G4734" i="2" s="1"/>
  <c r="D7449" i="2" a="1"/>
  <c r="D7449" i="2" s="1"/>
  <c r="D7427" i="2" a="1"/>
  <c r="D7427" i="2" s="1"/>
  <c r="D7431" i="2" a="1"/>
  <c r="D7431" i="2" s="1"/>
  <c r="D7435" i="2" a="1"/>
  <c r="D7435" i="2" s="1"/>
  <c r="AM310" i="1"/>
  <c r="D7426" i="2" a="1"/>
  <c r="D7426" i="2" s="1"/>
  <c r="D7447" i="2" a="1"/>
  <c r="D7447" i="2" s="1"/>
  <c r="D7434" i="2" a="1"/>
  <c r="D7434" i="2" s="1"/>
  <c r="G1190" i="2" a="1"/>
  <c r="G1190" i="2" s="1"/>
  <c r="G1202" i="2" a="1"/>
  <c r="G1202" i="2" s="1"/>
  <c r="G1193" i="2" a="1"/>
  <c r="G1193" i="2" s="1"/>
  <c r="G1196" i="2" a="1"/>
  <c r="G1196" i="2" s="1"/>
  <c r="G1197" i="2" a="1"/>
  <c r="G1197" i="2" s="1"/>
  <c r="G1201" i="2" a="1"/>
  <c r="G1201" i="2" s="1"/>
  <c r="G1192" i="2" a="1"/>
  <c r="G1192" i="2" s="1"/>
  <c r="G1203" i="2" a="1"/>
  <c r="G1203" i="2" s="1"/>
  <c r="G1209" i="2" a="1"/>
  <c r="G1209" i="2" s="1"/>
  <c r="G1195" i="2" a="1"/>
  <c r="G1195" i="2" s="1"/>
  <c r="G1189" i="2" a="1"/>
  <c r="G1189" i="2" s="1"/>
  <c r="G1204" i="2" a="1"/>
  <c r="G1204" i="2" s="1"/>
  <c r="G1208" i="2" a="1"/>
  <c r="G1208" i="2" s="1"/>
  <c r="G1186" i="2" a="1"/>
  <c r="G1186" i="2" s="1"/>
  <c r="G1206" i="2" a="1"/>
  <c r="G1206" i="2" s="1"/>
  <c r="G1207" i="2" a="1"/>
  <c r="G1207" i="2" s="1"/>
  <c r="G1188" i="2" a="1"/>
  <c r="G1188" i="2" s="1"/>
  <c r="G1187" i="2" a="1"/>
  <c r="G1187" i="2" s="1"/>
  <c r="G1194" i="2" a="1"/>
  <c r="G1194" i="2" s="1"/>
  <c r="G1198" i="2" a="1"/>
  <c r="G1198" i="2" s="1"/>
  <c r="G1200" i="2" a="1"/>
  <c r="G1200" i="2" s="1"/>
  <c r="G1199" i="2" a="1"/>
  <c r="G1199" i="2" s="1"/>
  <c r="G1205" i="2" a="1"/>
  <c r="G1205" i="2" s="1"/>
  <c r="G1191" i="2" a="1"/>
  <c r="G1191" i="2" s="1"/>
  <c r="H5641" i="2" a="1"/>
  <c r="H5641" i="2" s="1"/>
  <c r="H5639" i="2" a="1"/>
  <c r="H5639" i="2" s="1"/>
  <c r="H5635" i="2" a="1"/>
  <c r="H5635" i="2" s="1"/>
  <c r="H5634" i="2" a="1"/>
  <c r="H5634" i="2" s="1"/>
  <c r="H5629" i="2" a="1"/>
  <c r="H5629" i="2" s="1"/>
  <c r="H5632" i="2" a="1"/>
  <c r="H5632" i="2" s="1"/>
  <c r="H5638" i="2" a="1"/>
  <c r="H5638" i="2" s="1"/>
  <c r="H5649" i="2" a="1"/>
  <c r="H5649" i="2" s="1"/>
  <c r="H5628" i="2" a="1"/>
  <c r="H5628" i="2" s="1"/>
  <c r="H5626" i="2" a="1"/>
  <c r="H5626" i="2" s="1"/>
  <c r="H5630" i="2" a="1"/>
  <c r="H5630" i="2" s="1"/>
  <c r="H5637" i="2" a="1"/>
  <c r="H5637" i="2" s="1"/>
  <c r="H5633" i="2" a="1"/>
  <c r="H5633" i="2" s="1"/>
  <c r="H5646" i="2" a="1"/>
  <c r="H5646" i="2" s="1"/>
  <c r="D6508" i="2" a="1"/>
  <c r="D6508" i="2" s="1"/>
  <c r="D6494" i="2" a="1"/>
  <c r="D6494" i="2" s="1"/>
  <c r="D6505" i="2" a="1"/>
  <c r="D6505" i="2" s="1"/>
  <c r="D6512" i="2" a="1"/>
  <c r="D6512" i="2" s="1"/>
  <c r="AQ271" i="1"/>
  <c r="G277" i="5" s="1"/>
  <c r="D6511" i="2" a="1"/>
  <c r="D6511" i="2" s="1"/>
  <c r="AP271" i="1"/>
  <c r="F277" i="5" s="1"/>
  <c r="D6493" i="2" a="1"/>
  <c r="D6493" i="2" s="1"/>
  <c r="H2198" i="2" a="1"/>
  <c r="H2198" i="2" s="1"/>
  <c r="H2197" i="2" a="1"/>
  <c r="H2197" i="2" s="1"/>
  <c r="H2214" i="2" a="1"/>
  <c r="H2214" i="2" s="1"/>
  <c r="H2208" i="2" a="1"/>
  <c r="H2208" i="2" s="1"/>
  <c r="H2196" i="2" a="1"/>
  <c r="H2196" i="2" s="1"/>
  <c r="H2209" i="2" a="1"/>
  <c r="H2209" i="2" s="1"/>
  <c r="H2205" i="2" a="1"/>
  <c r="H2205" i="2" s="1"/>
  <c r="H2210" i="2" a="1"/>
  <c r="H2210" i="2" s="1"/>
  <c r="H2201" i="2" a="1"/>
  <c r="H2201" i="2" s="1"/>
  <c r="AQ48" i="1"/>
  <c r="G54" i="5" s="1"/>
  <c r="AO48" i="1"/>
  <c r="E54" i="5" s="1"/>
  <c r="G1156" i="2" a="1"/>
  <c r="G1156" i="2" s="1"/>
  <c r="G1152" i="2" a="1"/>
  <c r="G1152" i="2" s="1"/>
  <c r="G1141" i="2" a="1"/>
  <c r="G1141" i="2" s="1"/>
  <c r="AP48" i="1"/>
  <c r="F54" i="5" s="1"/>
  <c r="G1154" i="2" a="1"/>
  <c r="G1154" i="2" s="1"/>
  <c r="AN48" i="1"/>
  <c r="G1142" i="2" a="1"/>
  <c r="G1142" i="2" s="1"/>
  <c r="AM48" i="1"/>
  <c r="C54" i="5" s="1"/>
  <c r="G1155" i="2" a="1"/>
  <c r="G1155" i="2" s="1"/>
  <c r="G1160" i="2" a="1"/>
  <c r="G1160" i="2" s="1"/>
  <c r="G1145" i="2" a="1"/>
  <c r="G1145" i="2" s="1"/>
  <c r="G1138" i="2" a="1"/>
  <c r="G1138" i="2" s="1"/>
  <c r="G1153" i="2" a="1"/>
  <c r="G1153" i="2" s="1"/>
  <c r="G1143" i="2" a="1"/>
  <c r="G1143" i="2" s="1"/>
  <c r="G1146" i="2" a="1"/>
  <c r="G1146" i="2" s="1"/>
  <c r="G1144" i="2" a="1"/>
  <c r="G1144" i="2" s="1"/>
  <c r="G1161" i="2" a="1"/>
  <c r="G1161" i="2" s="1"/>
  <c r="G1150" i="2" a="1"/>
  <c r="G1150" i="2" s="1"/>
  <c r="G1147" i="2" a="1"/>
  <c r="G1147" i="2" s="1"/>
  <c r="G1158" i="2" a="1"/>
  <c r="G1158" i="2" s="1"/>
  <c r="G1151" i="2" a="1"/>
  <c r="G1151" i="2" s="1"/>
  <c r="G1149" i="2" a="1"/>
  <c r="G1149" i="2" s="1"/>
  <c r="G1157" i="2" a="1"/>
  <c r="G1157" i="2" s="1"/>
  <c r="G1139" i="2" a="1"/>
  <c r="G1139" i="2" s="1"/>
  <c r="G1159" i="2" a="1"/>
  <c r="G1159" i="2" s="1"/>
  <c r="G1140" i="2" a="1"/>
  <c r="G1140" i="2" s="1"/>
  <c r="G1148" i="2" a="1"/>
  <c r="G1148" i="2" s="1"/>
  <c r="H5538" i="2" a="1"/>
  <c r="H5538" i="2" s="1"/>
  <c r="H5540" i="2" a="1"/>
  <c r="H5540" i="2" s="1"/>
  <c r="H5531" i="2" a="1"/>
  <c r="H5531" i="2" s="1"/>
  <c r="H5530" i="2" a="1"/>
  <c r="H5530" i="2" s="1"/>
  <c r="H5535" i="2" a="1"/>
  <c r="H5535" i="2" s="1"/>
  <c r="H5534" i="2" a="1"/>
  <c r="H5534" i="2" s="1"/>
  <c r="H5541" i="2" a="1"/>
  <c r="H5541" i="2" s="1"/>
  <c r="H5533" i="2" a="1"/>
  <c r="H5533" i="2" s="1"/>
  <c r="H3433" i="2" a="1"/>
  <c r="H3433" i="2" s="1"/>
  <c r="H3441" i="2" a="1"/>
  <c r="H3441" i="2" s="1"/>
  <c r="H3427" i="2" a="1"/>
  <c r="H3427" i="2" s="1"/>
  <c r="H3424" i="2" a="1"/>
  <c r="H3424" i="2" s="1"/>
  <c r="H3431" i="2" a="1"/>
  <c r="H3431" i="2" s="1"/>
  <c r="H3437" i="2" a="1"/>
  <c r="H3437" i="2" s="1"/>
  <c r="H3422" i="2" a="1"/>
  <c r="H3422" i="2" s="1"/>
  <c r="H3434" i="2" a="1"/>
  <c r="H3434" i="2" s="1"/>
  <c r="H3428" i="2" a="1"/>
  <c r="H3428" i="2" s="1"/>
  <c r="H3436" i="2" a="1"/>
  <c r="H3436" i="2" s="1"/>
  <c r="H3419" i="2" a="1"/>
  <c r="H3419" i="2" s="1"/>
  <c r="H3420" i="2" a="1"/>
  <c r="H3420" i="2" s="1"/>
  <c r="H3430" i="2" a="1"/>
  <c r="H3430" i="2" s="1"/>
  <c r="H3429" i="2" a="1"/>
  <c r="H3429" i="2" s="1"/>
  <c r="H3440" i="2" a="1"/>
  <c r="H3440" i="2" s="1"/>
  <c r="H3438" i="2" a="1"/>
  <c r="H3438" i="2" s="1"/>
  <c r="H3439" i="2" a="1"/>
  <c r="H3439" i="2" s="1"/>
  <c r="H3423" i="2" a="1"/>
  <c r="H3423" i="2" s="1"/>
  <c r="H3432" i="2" a="1"/>
  <c r="H3432" i="2" s="1"/>
  <c r="H3425" i="2" a="1"/>
  <c r="H3425" i="2" s="1"/>
  <c r="H3435" i="2" a="1"/>
  <c r="H3435" i="2" s="1"/>
  <c r="H3426" i="2" a="1"/>
  <c r="H3426" i="2" s="1"/>
  <c r="H3418" i="2" a="1"/>
  <c r="H3418" i="2" s="1"/>
  <c r="F5358" i="2" a="1"/>
  <c r="F5358" i="2" s="1"/>
  <c r="F5355" i="2" a="1"/>
  <c r="F5355" i="2" s="1"/>
  <c r="F5343" i="2" a="1"/>
  <c r="F5343" i="2" s="1"/>
  <c r="F5354" i="2" a="1"/>
  <c r="F5354" i="2" s="1"/>
  <c r="F5341" i="2" a="1"/>
  <c r="F5341" i="2" s="1"/>
  <c r="F5346" i="2" a="1"/>
  <c r="F5346" i="2" s="1"/>
  <c r="F5344" i="2" a="1"/>
  <c r="F5344" i="2" s="1"/>
  <c r="F5345" i="2" a="1"/>
  <c r="F5345" i="2" s="1"/>
  <c r="F5340" i="2" a="1"/>
  <c r="F5340" i="2" s="1"/>
  <c r="F5347" i="2" a="1"/>
  <c r="F5347" i="2" s="1"/>
  <c r="F5351" i="2" a="1"/>
  <c r="F5351" i="2" s="1"/>
  <c r="F5356" i="2" a="1"/>
  <c r="F5356" i="2" s="1"/>
  <c r="F5349" i="2" a="1"/>
  <c r="F5349" i="2" s="1"/>
  <c r="F5359" i="2" a="1"/>
  <c r="F5359" i="2" s="1"/>
  <c r="F5348" i="2" a="1"/>
  <c r="F5348" i="2" s="1"/>
  <c r="F5357" i="2" a="1"/>
  <c r="F5357" i="2" s="1"/>
  <c r="F5339" i="2" a="1"/>
  <c r="F5339" i="2" s="1"/>
  <c r="F5360" i="2" a="1"/>
  <c r="F5360" i="2" s="1"/>
  <c r="F5342" i="2" a="1"/>
  <c r="F5342" i="2" s="1"/>
  <c r="F5353" i="2" a="1"/>
  <c r="F5353" i="2" s="1"/>
  <c r="F5361" i="2" a="1"/>
  <c r="F5361" i="2" s="1"/>
  <c r="F5350" i="2" a="1"/>
  <c r="F5350" i="2" s="1"/>
  <c r="F1783" i="2" a="1"/>
  <c r="F1783" i="2" s="1"/>
  <c r="F1768" i="2" a="1"/>
  <c r="F1768" i="2" s="1"/>
  <c r="F1770" i="2" a="1"/>
  <c r="F1770" i="2" s="1"/>
  <c r="F1777" i="2" a="1"/>
  <c r="F1777" i="2" s="1"/>
  <c r="F1784" i="2" a="1"/>
  <c r="F1784" i="2" s="1"/>
  <c r="F1762" i="2" a="1"/>
  <c r="F1762" i="2" s="1"/>
  <c r="F1764" i="2" a="1"/>
  <c r="F1764" i="2" s="1"/>
  <c r="AQ74" i="1"/>
  <c r="G80" i="5" s="1"/>
  <c r="F1772" i="2" a="1"/>
  <c r="F1772" i="2" s="1"/>
  <c r="AN74" i="1"/>
  <c r="D80" i="5" s="1"/>
  <c r="F1778" i="2" a="1"/>
  <c r="F1778" i="2" s="1"/>
  <c r="AO74" i="1"/>
  <c r="E80" i="5" s="1"/>
  <c r="F1781" i="2" a="1"/>
  <c r="F1781" i="2" s="1"/>
  <c r="AM74" i="1"/>
  <c r="C80" i="5" s="1"/>
  <c r="F1765" i="2" a="1"/>
  <c r="F1765" i="2" s="1"/>
  <c r="F1767" i="2" a="1"/>
  <c r="F1767" i="2" s="1"/>
  <c r="F1776" i="2" a="1"/>
  <c r="F1776" i="2" s="1"/>
  <c r="F1769" i="2" a="1"/>
  <c r="F1769" i="2" s="1"/>
  <c r="F1779" i="2" a="1"/>
  <c r="F1779" i="2" s="1"/>
  <c r="F1780" i="2" a="1"/>
  <c r="F1780" i="2" s="1"/>
  <c r="F1766" i="2" a="1"/>
  <c r="F1766" i="2" s="1"/>
  <c r="F1773" i="2" a="1"/>
  <c r="F1773" i="2" s="1"/>
  <c r="F1763" i="2" a="1"/>
  <c r="F1763" i="2" s="1"/>
  <c r="F1782" i="2" a="1"/>
  <c r="F1782" i="2" s="1"/>
  <c r="F1774" i="2" a="1"/>
  <c r="F1774" i="2" s="1"/>
  <c r="F1785" i="2" a="1"/>
  <c r="F1785" i="2" s="1"/>
  <c r="AM241" i="1"/>
  <c r="C247" i="5" s="1"/>
  <c r="AP241" i="1"/>
  <c r="F247" i="5" s="1"/>
  <c r="H1869" i="2" a="1"/>
  <c r="H1869" i="2" s="1"/>
  <c r="H1870" i="2" a="1"/>
  <c r="H1870" i="2" s="1"/>
  <c r="H1872" i="2" a="1"/>
  <c r="H1872" i="2" s="1"/>
  <c r="H1871" i="2" a="1"/>
  <c r="H1871" i="2" s="1"/>
  <c r="H1859" i="2" a="1"/>
  <c r="H1859" i="2" s="1"/>
  <c r="H1873" i="2" a="1"/>
  <c r="H1873" i="2" s="1"/>
  <c r="H1879" i="2" a="1"/>
  <c r="H1879" i="2" s="1"/>
  <c r="H1863" i="2" a="1"/>
  <c r="H1863" i="2" s="1"/>
  <c r="H1865" i="2" a="1"/>
  <c r="H1865" i="2" s="1"/>
  <c r="H1866" i="2" a="1"/>
  <c r="H1866" i="2" s="1"/>
  <c r="H1861" i="2" a="1"/>
  <c r="H1861" i="2" s="1"/>
  <c r="H1867" i="2" a="1"/>
  <c r="H1867" i="2" s="1"/>
  <c r="H1874" i="2" a="1"/>
  <c r="H1874" i="2" s="1"/>
  <c r="H1868" i="2" a="1"/>
  <c r="H1868" i="2" s="1"/>
  <c r="H1877" i="2" a="1"/>
  <c r="H1877" i="2" s="1"/>
  <c r="H1864" i="2" a="1"/>
  <c r="H1864" i="2" s="1"/>
  <c r="H1875" i="2" a="1"/>
  <c r="H1875" i="2" s="1"/>
  <c r="H1876" i="2" a="1"/>
  <c r="H1876" i="2" s="1"/>
  <c r="H1881" i="2" a="1"/>
  <c r="H1881" i="2" s="1"/>
  <c r="H1878" i="2" a="1"/>
  <c r="H1878" i="2" s="1"/>
  <c r="H1860" i="2" a="1"/>
  <c r="H1860" i="2" s="1"/>
  <c r="H1880" i="2" a="1"/>
  <c r="H1880" i="2" s="1"/>
  <c r="F7220" i="2" a="1"/>
  <c r="F7220" i="2" s="1"/>
  <c r="F7221" i="2" a="1"/>
  <c r="F7221" i="2" s="1"/>
  <c r="F7212" i="2" a="1"/>
  <c r="F7212" i="2" s="1"/>
  <c r="F7224" i="2" a="1"/>
  <c r="F7224" i="2" s="1"/>
  <c r="F7211" i="2" a="1"/>
  <c r="F7211" i="2" s="1"/>
  <c r="F7213" i="2" a="1"/>
  <c r="F7213" i="2" s="1"/>
  <c r="F7219" i="2" a="1"/>
  <c r="F7219" i="2" s="1"/>
  <c r="F7223" i="2" a="1"/>
  <c r="F7223" i="2" s="1"/>
  <c r="F7225" i="2" a="1"/>
  <c r="F7225" i="2" s="1"/>
  <c r="F7229" i="2" a="1"/>
  <c r="F7229" i="2" s="1"/>
  <c r="F7218" i="2" a="1"/>
  <c r="F7218" i="2" s="1"/>
  <c r="F7231" i="2" a="1"/>
  <c r="F7231" i="2" s="1"/>
  <c r="F7215" i="2" a="1"/>
  <c r="F7215" i="2" s="1"/>
  <c r="F7230" i="2" a="1"/>
  <c r="F7230" i="2" s="1"/>
  <c r="F7227" i="2" a="1"/>
  <c r="F7227" i="2" s="1"/>
  <c r="F7233" i="2" a="1"/>
  <c r="F7233" i="2" s="1"/>
  <c r="F7214" i="2" a="1"/>
  <c r="F7214" i="2" s="1"/>
  <c r="F7222" i="2" a="1"/>
  <c r="F7222" i="2" s="1"/>
  <c r="AM307" i="1"/>
  <c r="C313" i="5" s="1"/>
  <c r="AO307" i="1"/>
  <c r="E313" i="5" s="1"/>
  <c r="AN307" i="1"/>
  <c r="D313" i="5" s="1"/>
  <c r="AP307" i="1"/>
  <c r="F313" i="5" s="1"/>
  <c r="AQ307" i="1"/>
  <c r="G313" i="5" s="1"/>
  <c r="AQ248" i="1"/>
  <c r="G254" i="5" s="1"/>
  <c r="AP248" i="1"/>
  <c r="F254" i="5" s="1"/>
  <c r="AN248" i="1"/>
  <c r="D254" i="5" s="1"/>
  <c r="AM248" i="1"/>
  <c r="C254" i="5" s="1"/>
  <c r="AO258" i="1"/>
  <c r="E264" i="5" s="1"/>
  <c r="AN258" i="1"/>
  <c r="D264" i="5" s="1"/>
  <c r="AQ258" i="1"/>
  <c r="G264" i="5" s="1"/>
  <c r="H8662" i="2" a="1"/>
  <c r="H8662" i="2" s="1"/>
  <c r="H8671" i="2" a="1"/>
  <c r="H8671" i="2" s="1"/>
  <c r="H8672" i="2" a="1"/>
  <c r="H8672" i="2" s="1"/>
  <c r="H8653" i="2" a="1"/>
  <c r="H8653" i="2" s="1"/>
  <c r="H8667" i="2" a="1"/>
  <c r="H8667" i="2" s="1"/>
  <c r="H8655" i="2" a="1"/>
  <c r="H8655" i="2" s="1"/>
  <c r="H8657" i="2" a="1"/>
  <c r="H8657" i="2" s="1"/>
  <c r="H8669" i="2" a="1"/>
  <c r="H8669" i="2" s="1"/>
  <c r="H8656" i="2" a="1"/>
  <c r="H8656" i="2" s="1"/>
  <c r="H8660" i="2" a="1"/>
  <c r="H8660" i="2" s="1"/>
  <c r="H8658" i="2" a="1"/>
  <c r="H8658" i="2" s="1"/>
  <c r="H8666" i="2" a="1"/>
  <c r="H8666" i="2" s="1"/>
  <c r="H8673" i="2" a="1"/>
  <c r="H8673" i="2" s="1"/>
  <c r="H8652" i="2" a="1"/>
  <c r="H8652" i="2" s="1"/>
  <c r="H8651" i="2" a="1"/>
  <c r="H8651" i="2" s="1"/>
  <c r="H8654" i="2" a="1"/>
  <c r="H8654" i="2" s="1"/>
  <c r="H8663" i="2" a="1"/>
  <c r="H8663" i="2" s="1"/>
  <c r="H8661" i="2" a="1"/>
  <c r="H8661" i="2" s="1"/>
  <c r="H8665" i="2" a="1"/>
  <c r="H8665" i="2" s="1"/>
  <c r="H8650" i="2" a="1"/>
  <c r="H8650" i="2" s="1"/>
  <c r="H8668" i="2" a="1"/>
  <c r="H8668" i="2" s="1"/>
  <c r="H8659" i="2" a="1"/>
  <c r="H8659" i="2" s="1"/>
  <c r="H8664" i="2" a="1"/>
  <c r="H8664" i="2" s="1"/>
  <c r="H8670" i="2" a="1"/>
  <c r="H8670" i="2" s="1"/>
  <c r="E56" i="2" a="1"/>
  <c r="E56" i="2" s="1"/>
  <c r="E41" i="2" a="1"/>
  <c r="E41" i="2" s="1"/>
  <c r="E35" i="2" a="1"/>
  <c r="E35" i="2" s="1"/>
  <c r="E52" i="2" a="1"/>
  <c r="E52" i="2" s="1"/>
  <c r="E44" i="2" a="1"/>
  <c r="E44" i="2" s="1"/>
  <c r="E51" i="2" a="1"/>
  <c r="E51" i="2" s="1"/>
  <c r="E53" i="2" a="1"/>
  <c r="E53" i="2" s="1"/>
  <c r="E47" i="2" a="1"/>
  <c r="E47" i="2" s="1"/>
  <c r="E40" i="2" a="1"/>
  <c r="E40" i="2" s="1"/>
  <c r="E42" i="2" a="1"/>
  <c r="E42" i="2" s="1"/>
  <c r="E48" i="2" a="1"/>
  <c r="E48" i="2" s="1"/>
  <c r="E39" i="2" a="1"/>
  <c r="E39" i="2" s="1"/>
  <c r="E54" i="2" a="1"/>
  <c r="E54" i="2" s="1"/>
  <c r="E55" i="2" a="1"/>
  <c r="E55" i="2" s="1"/>
  <c r="E49" i="2" a="1"/>
  <c r="E49" i="2" s="1"/>
  <c r="E57" i="2" a="1"/>
  <c r="E57" i="2" s="1"/>
  <c r="E34" i="2" a="1"/>
  <c r="E34" i="2" s="1"/>
  <c r="E38" i="2" a="1"/>
  <c r="E38" i="2" s="1"/>
  <c r="E46" i="2" a="1"/>
  <c r="E46" i="2" s="1"/>
  <c r="E43" i="2" a="1"/>
  <c r="E43" i="2" s="1"/>
  <c r="E50" i="2" a="1"/>
  <c r="E50" i="2" s="1"/>
  <c r="F6087" i="2" a="1"/>
  <c r="F6087" i="2" s="1"/>
  <c r="F6095" i="2" a="1"/>
  <c r="F6095" i="2" s="1"/>
  <c r="F6086" i="2" a="1"/>
  <c r="F6086" i="2" s="1"/>
  <c r="F6093" i="2" a="1"/>
  <c r="F6093" i="2" s="1"/>
  <c r="F6088" i="2" a="1"/>
  <c r="F6088" i="2" s="1"/>
  <c r="F6096" i="2" a="1"/>
  <c r="F6096" i="2" s="1"/>
  <c r="F6091" i="2" a="1"/>
  <c r="F6091" i="2" s="1"/>
  <c r="F6083" i="2" a="1"/>
  <c r="F6083" i="2" s="1"/>
  <c r="F6101" i="2" a="1"/>
  <c r="F6101" i="2" s="1"/>
  <c r="F6097" i="2" a="1"/>
  <c r="F6097" i="2" s="1"/>
  <c r="F6089" i="2" a="1"/>
  <c r="F6089" i="2" s="1"/>
  <c r="F6103" i="2" a="1"/>
  <c r="F6103" i="2" s="1"/>
  <c r="F6084" i="2" a="1"/>
  <c r="F6084" i="2" s="1"/>
  <c r="F6094" i="2" a="1"/>
  <c r="F6094" i="2" s="1"/>
  <c r="F6090" i="2" a="1"/>
  <c r="F6090" i="2" s="1"/>
  <c r="F6100" i="2" a="1"/>
  <c r="F6100" i="2" s="1"/>
  <c r="F6102" i="2" a="1"/>
  <c r="F6102" i="2" s="1"/>
  <c r="F6092" i="2" a="1"/>
  <c r="F6092" i="2" s="1"/>
  <c r="F6082" i="2" a="1"/>
  <c r="F6082" i="2" s="1"/>
  <c r="F6085" i="2" a="1"/>
  <c r="F6085" i="2" s="1"/>
  <c r="F6105" i="2" a="1"/>
  <c r="F6105" i="2" s="1"/>
  <c r="F6099" i="2" a="1"/>
  <c r="F6099" i="2" s="1"/>
  <c r="F6098" i="2" a="1"/>
  <c r="F6098" i="2" s="1"/>
  <c r="F6104" i="2" a="1"/>
  <c r="F6104" i="2" s="1"/>
  <c r="E1861" i="2" a="1"/>
  <c r="E1861" i="2" s="1"/>
  <c r="E1873" i="2" a="1"/>
  <c r="E1873" i="2" s="1"/>
  <c r="E1863" i="2" a="1"/>
  <c r="E1863" i="2" s="1"/>
  <c r="E1868" i="2" a="1"/>
  <c r="E1868" i="2" s="1"/>
  <c r="E1858" i="2" a="1"/>
  <c r="E1858" i="2" s="1"/>
  <c r="E1866" i="2" a="1"/>
  <c r="E1866" i="2" s="1"/>
  <c r="E1871" i="2" a="1"/>
  <c r="E1871" i="2" s="1"/>
  <c r="E1875" i="2" a="1"/>
  <c r="E1875" i="2" s="1"/>
  <c r="E1867" i="2" a="1"/>
  <c r="E1867" i="2" s="1"/>
  <c r="E1879" i="2" a="1"/>
  <c r="E1879" i="2" s="1"/>
  <c r="E1874" i="2" a="1"/>
  <c r="E1874" i="2" s="1"/>
  <c r="E1880" i="2" a="1"/>
  <c r="E1880" i="2" s="1"/>
  <c r="E1860" i="2" a="1"/>
  <c r="E1860" i="2" s="1"/>
  <c r="E1872" i="2" a="1"/>
  <c r="E1872" i="2" s="1"/>
  <c r="E1862" i="2" a="1"/>
  <c r="E1862" i="2" s="1"/>
  <c r="E1864" i="2" a="1"/>
  <c r="E1864" i="2" s="1"/>
  <c r="E1865" i="2" a="1"/>
  <c r="E1865" i="2" s="1"/>
  <c r="E1870" i="2" a="1"/>
  <c r="E1870" i="2" s="1"/>
  <c r="E1878" i="2" a="1"/>
  <c r="E1878" i="2" s="1"/>
  <c r="E1881" i="2" a="1"/>
  <c r="E1881" i="2" s="1"/>
  <c r="E1859" i="2" a="1"/>
  <c r="E1859" i="2" s="1"/>
  <c r="E1876" i="2" a="1"/>
  <c r="E1876" i="2" s="1"/>
  <c r="E1877" i="2" a="1"/>
  <c r="E1877" i="2" s="1"/>
  <c r="E1869" i="2" a="1"/>
  <c r="E1869" i="2" s="1"/>
  <c r="D860" i="2" a="1"/>
  <c r="D860" i="2" s="1"/>
  <c r="D872" i="2" a="1"/>
  <c r="D872" i="2" s="1"/>
  <c r="D863" i="2" a="1"/>
  <c r="D863" i="2" s="1"/>
  <c r="D855" i="2" a="1"/>
  <c r="D855" i="2" s="1"/>
  <c r="D850" i="2" a="1"/>
  <c r="D850" i="2" s="1"/>
  <c r="D856" i="2" a="1"/>
  <c r="D856" i="2" s="1"/>
  <c r="D866" i="2" a="1"/>
  <c r="D866" i="2" s="1"/>
  <c r="D852" i="2" a="1"/>
  <c r="D852" i="2" s="1"/>
  <c r="D868" i="2" a="1"/>
  <c r="D868" i="2" s="1"/>
  <c r="D873" i="2" a="1"/>
  <c r="D873" i="2" s="1"/>
  <c r="D871" i="2" a="1"/>
  <c r="D871" i="2" s="1"/>
  <c r="D854" i="2" a="1"/>
  <c r="D854" i="2" s="1"/>
  <c r="D859" i="2" a="1"/>
  <c r="D859" i="2" s="1"/>
  <c r="D858" i="2" a="1"/>
  <c r="D858" i="2" s="1"/>
  <c r="D851" i="2" a="1"/>
  <c r="D851" i="2" s="1"/>
  <c r="D865" i="2" a="1"/>
  <c r="D865" i="2" s="1"/>
  <c r="G4859" i="2" a="1"/>
  <c r="G4859" i="2" s="1"/>
  <c r="G4861" i="2" a="1"/>
  <c r="G4861" i="2" s="1"/>
  <c r="G4877" i="2" a="1"/>
  <c r="G4877" i="2" s="1"/>
  <c r="G4869" i="2" a="1"/>
  <c r="G4869" i="2" s="1"/>
  <c r="G4863" i="2" a="1"/>
  <c r="G4863" i="2" s="1"/>
  <c r="G4866" i="2" a="1"/>
  <c r="G4866" i="2" s="1"/>
  <c r="G4864" i="2" a="1"/>
  <c r="G4864" i="2" s="1"/>
  <c r="G4870" i="2" a="1"/>
  <c r="G4870" i="2" s="1"/>
  <c r="G4860" i="2" a="1"/>
  <c r="G4860" i="2" s="1"/>
  <c r="G4878" i="2" a="1"/>
  <c r="G4878" i="2" s="1"/>
  <c r="G4876" i="2" a="1"/>
  <c r="G4876" i="2" s="1"/>
  <c r="G4862" i="2" a="1"/>
  <c r="G4862" i="2" s="1"/>
  <c r="G4871" i="2" a="1"/>
  <c r="G4871" i="2" s="1"/>
  <c r="G4881" i="2" a="1"/>
  <c r="G4881" i="2" s="1"/>
  <c r="G4872" i="2" a="1"/>
  <c r="G4872" i="2" s="1"/>
  <c r="G4879" i="2" a="1"/>
  <c r="G4879" i="2" s="1"/>
  <c r="G4868" i="2" a="1"/>
  <c r="G4868" i="2" s="1"/>
  <c r="G4858" i="2" a="1"/>
  <c r="G4858" i="2" s="1"/>
  <c r="G4875" i="2" a="1"/>
  <c r="G4875" i="2" s="1"/>
  <c r="G4873" i="2" a="1"/>
  <c r="G4873" i="2" s="1"/>
  <c r="G4874" i="2" a="1"/>
  <c r="G4874" i="2" s="1"/>
  <c r="G4867" i="2" a="1"/>
  <c r="G4867" i="2" s="1"/>
  <c r="G4880" i="2" a="1"/>
  <c r="G4880" i="2" s="1"/>
  <c r="D8129" i="2" a="1"/>
  <c r="D8129" i="2" s="1"/>
  <c r="D8133" i="2" a="1"/>
  <c r="D8133" i="2" s="1"/>
  <c r="D8137" i="2" a="1"/>
  <c r="D8137" i="2" s="1"/>
  <c r="D8145" i="2" a="1"/>
  <c r="D8145" i="2" s="1"/>
  <c r="D8128" i="2" a="1"/>
  <c r="D8128" i="2" s="1"/>
  <c r="D8144" i="2" a="1"/>
  <c r="D8144" i="2" s="1"/>
  <c r="D8126" i="2" a="1"/>
  <c r="D8126" i="2" s="1"/>
  <c r="D8139" i="2" a="1"/>
  <c r="D8139" i="2" s="1"/>
  <c r="D8143" i="2" a="1"/>
  <c r="D8143" i="2" s="1"/>
  <c r="D8125" i="2" a="1"/>
  <c r="D8125" i="2" s="1"/>
  <c r="D8141" i="2" a="1"/>
  <c r="D8141" i="2" s="1"/>
  <c r="D8122" i="2" a="1"/>
  <c r="D8122" i="2" s="1"/>
  <c r="D8134" i="2" a="1"/>
  <c r="D8134" i="2" s="1"/>
  <c r="D8138" i="2" a="1"/>
  <c r="D8138" i="2" s="1"/>
  <c r="D8142" i="2" a="1"/>
  <c r="D8142" i="2" s="1"/>
  <c r="D8136" i="2" a="1"/>
  <c r="D8136" i="2" s="1"/>
  <c r="D8123" i="2" a="1"/>
  <c r="D8123" i="2" s="1"/>
  <c r="D8127" i="2" a="1"/>
  <c r="D8127" i="2" s="1"/>
  <c r="D8140" i="2" a="1"/>
  <c r="D8140" i="2" s="1"/>
  <c r="D8124" i="2" a="1"/>
  <c r="D8124" i="2" s="1"/>
  <c r="D8132" i="2" a="1"/>
  <c r="D8132" i="2" s="1"/>
  <c r="D8131" i="2" a="1"/>
  <c r="D8131" i="2" s="1"/>
  <c r="D8135" i="2" a="1"/>
  <c r="D8135" i="2" s="1"/>
  <c r="D8130" i="2" a="1"/>
  <c r="D8130" i="2" s="1"/>
  <c r="D5296" i="2" a="1"/>
  <c r="D5296" i="2" s="1"/>
  <c r="D5313" i="2" a="1"/>
  <c r="D5313" i="2" s="1"/>
  <c r="D5300" i="2" a="1"/>
  <c r="D5300" i="2" s="1"/>
  <c r="D5311" i="2" a="1"/>
  <c r="D5311" i="2" s="1"/>
  <c r="D5304" i="2" a="1"/>
  <c r="D5304" i="2" s="1"/>
  <c r="D5303" i="2" a="1"/>
  <c r="D5303" i="2" s="1"/>
  <c r="D5308" i="2" a="1"/>
  <c r="D5308" i="2" s="1"/>
  <c r="D5298" i="2" a="1"/>
  <c r="D5298" i="2" s="1"/>
  <c r="D5306" i="2" a="1"/>
  <c r="D5306" i="2" s="1"/>
  <c r="G5406" i="2" a="1"/>
  <c r="G5406" i="2" s="1"/>
  <c r="G5395" i="2" a="1"/>
  <c r="G5395" i="2" s="1"/>
  <c r="G5390" i="2" a="1"/>
  <c r="G5390" i="2" s="1"/>
  <c r="G5397" i="2" a="1"/>
  <c r="G5397" i="2" s="1"/>
  <c r="G5394" i="2" a="1"/>
  <c r="G5394" i="2" s="1"/>
  <c r="G5398" i="2" a="1"/>
  <c r="G5398" i="2" s="1"/>
  <c r="G5402" i="2" a="1"/>
  <c r="G5402" i="2" s="1"/>
  <c r="G5387" i="2" a="1"/>
  <c r="G5387" i="2" s="1"/>
  <c r="G5403" i="2" a="1"/>
  <c r="G5403" i="2" s="1"/>
  <c r="G5393" i="2" a="1"/>
  <c r="G5393" i="2" s="1"/>
  <c r="G5407" i="2" a="1"/>
  <c r="G5407" i="2" s="1"/>
  <c r="G5405" i="2" a="1"/>
  <c r="G5405" i="2" s="1"/>
  <c r="G5396" i="2" a="1"/>
  <c r="G5396" i="2" s="1"/>
  <c r="G5409" i="2" a="1"/>
  <c r="G5409" i="2" s="1"/>
  <c r="G5399" i="2" a="1"/>
  <c r="G5399" i="2" s="1"/>
  <c r="G5391" i="2" a="1"/>
  <c r="G5391" i="2" s="1"/>
  <c r="G5388" i="2" a="1"/>
  <c r="G5388" i="2" s="1"/>
  <c r="G5401" i="2" a="1"/>
  <c r="G5401" i="2" s="1"/>
  <c r="D6206" i="2" a="1"/>
  <c r="D6206" i="2" s="1"/>
  <c r="D6217" i="2" a="1"/>
  <c r="D6217" i="2" s="1"/>
  <c r="D6218" i="2" a="1"/>
  <c r="D6218" i="2" s="1"/>
  <c r="D6212" i="2" a="1"/>
  <c r="D6212" i="2" s="1"/>
  <c r="D6207" i="2" a="1"/>
  <c r="D6207" i="2" s="1"/>
  <c r="D6222" i="2" a="1"/>
  <c r="D6222" i="2" s="1"/>
  <c r="D6224" i="2" a="1"/>
  <c r="D6224" i="2" s="1"/>
  <c r="D6214" i="2" a="1"/>
  <c r="D6214" i="2" s="1"/>
  <c r="D6225" i="2" a="1"/>
  <c r="D6225" i="2" s="1"/>
  <c r="D6204" i="2" a="1"/>
  <c r="D6204" i="2" s="1"/>
  <c r="D6211" i="2" a="1"/>
  <c r="D6211" i="2" s="1"/>
  <c r="D6202" i="2" a="1"/>
  <c r="D6202" i="2" s="1"/>
  <c r="D6213" i="2" a="1"/>
  <c r="D6213" i="2" s="1"/>
  <c r="D6220" i="2" a="1"/>
  <c r="D6220" i="2" s="1"/>
  <c r="D6219" i="2" a="1"/>
  <c r="D6219" i="2" s="1"/>
  <c r="D6215" i="2" a="1"/>
  <c r="D6215" i="2" s="1"/>
  <c r="D6209" i="2" a="1"/>
  <c r="D6209" i="2" s="1"/>
  <c r="D6216" i="2" a="1"/>
  <c r="D6216" i="2" s="1"/>
  <c r="D6205" i="2" a="1"/>
  <c r="D6205" i="2" s="1"/>
  <c r="D6208" i="2" a="1"/>
  <c r="D6208" i="2" s="1"/>
  <c r="D6223" i="2" a="1"/>
  <c r="D6223" i="2" s="1"/>
  <c r="D6210" i="2" a="1"/>
  <c r="D6210" i="2" s="1"/>
  <c r="D6221" i="2" a="1"/>
  <c r="D6221" i="2" s="1"/>
  <c r="D6203" i="2" a="1"/>
  <c r="D6203" i="2" s="1"/>
  <c r="G6863" i="2" a="1"/>
  <c r="G6863" i="2" s="1"/>
  <c r="G6866" i="2" a="1"/>
  <c r="G6866" i="2" s="1"/>
  <c r="F7044" i="2" a="1"/>
  <c r="F7044" i="2" s="1"/>
  <c r="F7063" i="2" a="1"/>
  <c r="F7063" i="2" s="1"/>
  <c r="F7057" i="2" a="1"/>
  <c r="F7057" i="2" s="1"/>
  <c r="F7064" i="2" a="1"/>
  <c r="F7064" i="2" s="1"/>
  <c r="F7060" i="2" a="1"/>
  <c r="F7060" i="2" s="1"/>
  <c r="F7053" i="2" a="1"/>
  <c r="F7053" i="2" s="1"/>
  <c r="F7049" i="2" a="1"/>
  <c r="F7049" i="2" s="1"/>
  <c r="F7055" i="2" a="1"/>
  <c r="F7055" i="2" s="1"/>
  <c r="F7045" i="2" a="1"/>
  <c r="F7045" i="2" s="1"/>
  <c r="F7065" i="2" a="1"/>
  <c r="F7065" i="2" s="1"/>
  <c r="F7056" i="2" a="1"/>
  <c r="F7056" i="2" s="1"/>
  <c r="F7051" i="2" a="1"/>
  <c r="F7051" i="2" s="1"/>
  <c r="F7050" i="2" a="1"/>
  <c r="F7050" i="2" s="1"/>
  <c r="F7052" i="2" a="1"/>
  <c r="F7052" i="2" s="1"/>
  <c r="F7058" i="2" a="1"/>
  <c r="F7058" i="2" s="1"/>
  <c r="F7042" i="2" a="1"/>
  <c r="F7042" i="2" s="1"/>
  <c r="F7062" i="2" a="1"/>
  <c r="F7062" i="2" s="1"/>
  <c r="F7048" i="2" a="1"/>
  <c r="F7048" i="2" s="1"/>
  <c r="F7059" i="2" a="1"/>
  <c r="F7059" i="2" s="1"/>
  <c r="F7046" i="2" a="1"/>
  <c r="F7046" i="2" s="1"/>
  <c r="F7047" i="2" a="1"/>
  <c r="F7047" i="2" s="1"/>
  <c r="F7061" i="2" a="1"/>
  <c r="F7061" i="2" s="1"/>
  <c r="F7054" i="2" a="1"/>
  <c r="F7054" i="2" s="1"/>
  <c r="F7043" i="2" a="1"/>
  <c r="F7043" i="2" s="1"/>
  <c r="F6508" i="2" a="1"/>
  <c r="F6508" i="2" s="1"/>
  <c r="F6512" i="2" a="1"/>
  <c r="F6512" i="2" s="1"/>
  <c r="F6499" i="2" a="1"/>
  <c r="F6499" i="2" s="1"/>
  <c r="F6509" i="2" a="1"/>
  <c r="F6509" i="2" s="1"/>
  <c r="F6511" i="2" a="1"/>
  <c r="F6511" i="2" s="1"/>
  <c r="F6498" i="2" a="1"/>
  <c r="F6498" i="2" s="1"/>
  <c r="F6490" i="2" a="1"/>
  <c r="F6490" i="2" s="1"/>
  <c r="F6497" i="2" a="1"/>
  <c r="F6497" i="2" s="1"/>
  <c r="F6495" i="2" a="1"/>
  <c r="F6495" i="2" s="1"/>
  <c r="F6505" i="2" a="1"/>
  <c r="F6505" i="2" s="1"/>
  <c r="F6513" i="2" a="1"/>
  <c r="F6513" i="2" s="1"/>
  <c r="F6501" i="2" a="1"/>
  <c r="F6501" i="2" s="1"/>
  <c r="F6507" i="2" a="1"/>
  <c r="F6507" i="2" s="1"/>
  <c r="F6504" i="2" a="1"/>
  <c r="F6504" i="2" s="1"/>
  <c r="F6494" i="2" a="1"/>
  <c r="F6494" i="2" s="1"/>
  <c r="F6502" i="2" a="1"/>
  <c r="F6502" i="2" s="1"/>
  <c r="F6496" i="2" a="1"/>
  <c r="F6496" i="2" s="1"/>
  <c r="F6491" i="2" a="1"/>
  <c r="F6491" i="2" s="1"/>
  <c r="F6500" i="2" a="1"/>
  <c r="F6500" i="2" s="1"/>
  <c r="F6506" i="2" a="1"/>
  <c r="F6506" i="2" s="1"/>
  <c r="F6492" i="2" a="1"/>
  <c r="F6492" i="2" s="1"/>
  <c r="F6510" i="2" a="1"/>
  <c r="F6510" i="2" s="1"/>
  <c r="F6493" i="2" a="1"/>
  <c r="F6493" i="2" s="1"/>
  <c r="F6503" i="2" a="1"/>
  <c r="F6503" i="2" s="1"/>
  <c r="G1289" i="2" a="1"/>
  <c r="G1289" i="2" s="1"/>
  <c r="G1286" i="2" a="1"/>
  <c r="G1286" i="2" s="1"/>
  <c r="AO292" i="1"/>
  <c r="H3185" i="2" a="1"/>
  <c r="H3185" i="2" s="1"/>
  <c r="E4348" i="2" a="1"/>
  <c r="E4348" i="2" s="1"/>
  <c r="D7629" i="2" a="1"/>
  <c r="D7629" i="2" s="1"/>
  <c r="D2406" i="2" a="1"/>
  <c r="D2406" i="2" s="1"/>
  <c r="E3118" i="2" a="1"/>
  <c r="E3118" i="2" s="1"/>
  <c r="E3107" i="2" a="1"/>
  <c r="E3107" i="2" s="1"/>
  <c r="D3651" i="2" a="1"/>
  <c r="D3651" i="2" s="1"/>
  <c r="E3500" i="2" a="1"/>
  <c r="E3500" i="2" s="1"/>
  <c r="D5260" i="2" a="1"/>
  <c r="D5260" i="2" s="1"/>
  <c r="D5247" i="2" a="1"/>
  <c r="D5247" i="2" s="1"/>
  <c r="H7755" i="2" a="1"/>
  <c r="H7755" i="2" s="1"/>
  <c r="H6042" i="2" a="1"/>
  <c r="H6042" i="2" s="1"/>
  <c r="G6946" i="2" a="1"/>
  <c r="G6946" i="2" s="1"/>
  <c r="E353" i="2" a="1"/>
  <c r="E353" i="2" s="1"/>
  <c r="H8733" i="2" a="1"/>
  <c r="H8733" i="2" s="1"/>
  <c r="H4566" i="2" a="1"/>
  <c r="H4566" i="2" s="1"/>
  <c r="H4555" i="2" a="1"/>
  <c r="H4555" i="2" s="1"/>
  <c r="H2999" i="2" a="1"/>
  <c r="H2999" i="2" s="1"/>
  <c r="H5694" i="2" a="1"/>
  <c r="H5694" i="2" s="1"/>
  <c r="D5413" i="2" a="1"/>
  <c r="D5413" i="2" s="1"/>
  <c r="AQ226" i="1"/>
  <c r="G232" i="5" s="1"/>
  <c r="F811" i="2" a="1"/>
  <c r="F811" i="2" s="1"/>
  <c r="D6348" i="2" a="1"/>
  <c r="D6348" i="2" s="1"/>
  <c r="D7189" i="2" a="1"/>
  <c r="D7189" i="2" s="1"/>
  <c r="D6687" i="2" a="1"/>
  <c r="D6687" i="2" s="1"/>
  <c r="AO279" i="1"/>
  <c r="G2194" i="2" a="1"/>
  <c r="G2194" i="2" s="1"/>
  <c r="G7904" i="2" a="1"/>
  <c r="G7904" i="2" s="1"/>
  <c r="F2158" i="2" a="1"/>
  <c r="F2158" i="2" s="1"/>
  <c r="D7438" i="2" a="1"/>
  <c r="D7438" i="2" s="1"/>
  <c r="H4498" i="2" a="1"/>
  <c r="H4498" i="2" s="1"/>
  <c r="D6510" i="2" a="1"/>
  <c r="D6510" i="2" s="1"/>
  <c r="AN271" i="1"/>
  <c r="H2057" i="2" a="1"/>
  <c r="H2057" i="2" s="1"/>
  <c r="H2417" i="2" a="1"/>
  <c r="H2417" i="2" s="1"/>
  <c r="G7819" i="2" a="1"/>
  <c r="G7819" i="2" s="1"/>
  <c r="D4624" i="2" a="1"/>
  <c r="D4624" i="2" s="1"/>
  <c r="AM221" i="1"/>
  <c r="F2211" i="2" a="1"/>
  <c r="F2211" i="2" s="1"/>
  <c r="G705" i="2" a="1"/>
  <c r="G705" i="2" s="1"/>
  <c r="G1182" i="2" a="1"/>
  <c r="G1182" i="2" s="1"/>
  <c r="F3941" i="2" a="1"/>
  <c r="F3941" i="2" s="1"/>
  <c r="E3958" i="2" a="1"/>
  <c r="E3958" i="2" s="1"/>
  <c r="F5667" i="2" a="1"/>
  <c r="F5667" i="2" s="1"/>
  <c r="D3988" i="2" a="1"/>
  <c r="D3988" i="2" s="1"/>
  <c r="G7338" i="2" a="1"/>
  <c r="G7338" i="2" s="1"/>
  <c r="H8239" i="2" a="1"/>
  <c r="H8239" i="2" s="1"/>
  <c r="AM303" i="1"/>
  <c r="H4724" i="2" a="1"/>
  <c r="H4724" i="2" s="1"/>
  <c r="G4444" i="2" a="1"/>
  <c r="G4444" i="2" s="1"/>
  <c r="G5801" i="2" a="1"/>
  <c r="G5801" i="2" s="1"/>
  <c r="F3768" i="2" a="1"/>
  <c r="F3768" i="2" s="1"/>
  <c r="AO80" i="1"/>
  <c r="E86" i="5" s="1"/>
  <c r="E5234" i="2" a="1"/>
  <c r="E5234" i="2" s="1"/>
  <c r="H3199" i="2" a="1"/>
  <c r="H3199" i="2" s="1"/>
  <c r="E4335" i="2" a="1"/>
  <c r="E4335" i="2" s="1"/>
  <c r="D7625" i="2" a="1"/>
  <c r="D7625" i="2" s="1"/>
  <c r="D3650" i="2" a="1"/>
  <c r="D3650" i="2" s="1"/>
  <c r="D3649" i="2" a="1"/>
  <c r="D3649" i="2" s="1"/>
  <c r="D5256" i="2" a="1"/>
  <c r="D5256" i="2" s="1"/>
  <c r="D5243" i="2" a="1"/>
  <c r="D5243" i="2" s="1"/>
  <c r="H7741" i="2" a="1"/>
  <c r="H7741" i="2" s="1"/>
  <c r="H6052" i="2" a="1"/>
  <c r="H6052" i="2" s="1"/>
  <c r="G6957" i="2" a="1"/>
  <c r="G6957" i="2" s="1"/>
  <c r="E363" i="2" a="1"/>
  <c r="E363" i="2" s="1"/>
  <c r="H8741" i="2" a="1"/>
  <c r="H8741" i="2" s="1"/>
  <c r="H4554" i="2" a="1"/>
  <c r="H4554" i="2" s="1"/>
  <c r="H4556" i="2" a="1"/>
  <c r="H4556" i="2" s="1"/>
  <c r="H2993" i="2" a="1"/>
  <c r="H2993" i="2" s="1"/>
  <c r="H5680" i="2" a="1"/>
  <c r="H5680" i="2" s="1"/>
  <c r="D5425" i="2" a="1"/>
  <c r="D5425" i="2" s="1"/>
  <c r="AO226" i="1"/>
  <c r="E232" i="5" s="1"/>
  <c r="F819" i="2" a="1"/>
  <c r="F819" i="2" s="1"/>
  <c r="D6350" i="2" a="1"/>
  <c r="D6350" i="2" s="1"/>
  <c r="D7190" i="2" a="1"/>
  <c r="D7190" i="2" s="1"/>
  <c r="AP300" i="1"/>
  <c r="D6683" i="2" a="1"/>
  <c r="D6683" i="2" s="1"/>
  <c r="AQ279" i="1"/>
  <c r="G285" i="5" s="1"/>
  <c r="G2200" i="2" a="1"/>
  <c r="G2200" i="2" s="1"/>
  <c r="G7886" i="2" a="1"/>
  <c r="G7886" i="2" s="1"/>
  <c r="F2151" i="2" a="1"/>
  <c r="F2151" i="2" s="1"/>
  <c r="D7445" i="2" a="1"/>
  <c r="D7445" i="2" s="1"/>
  <c r="H4508" i="2" a="1"/>
  <c r="H4508" i="2" s="1"/>
  <c r="D6502" i="2" a="1"/>
  <c r="D6502" i="2" s="1"/>
  <c r="H2065" i="2" a="1"/>
  <c r="H2065" i="2" s="1"/>
  <c r="D4626" i="2" a="1"/>
  <c r="D4626" i="2" s="1"/>
  <c r="AP221" i="1"/>
  <c r="F227" i="5" s="1"/>
  <c r="F7100" i="2" a="1"/>
  <c r="F7100" i="2" s="1"/>
  <c r="F2205" i="2" a="1"/>
  <c r="F2205" i="2" s="1"/>
  <c r="G698" i="2" a="1"/>
  <c r="G698" i="2" s="1"/>
  <c r="F3944" i="2" a="1"/>
  <c r="F3944" i="2" s="1"/>
  <c r="E3950" i="2" a="1"/>
  <c r="E3950" i="2" s="1"/>
  <c r="D3976" i="2" a="1"/>
  <c r="D3976" i="2" s="1"/>
  <c r="G7352" i="2" a="1"/>
  <c r="G7352" i="2" s="1"/>
  <c r="H8238" i="2" a="1"/>
  <c r="H8238" i="2" s="1"/>
  <c r="AQ303" i="1"/>
  <c r="G309" i="5" s="1"/>
  <c r="H4714" i="2" a="1"/>
  <c r="H4714" i="2" s="1"/>
  <c r="G4433" i="2" a="1"/>
  <c r="G4433" i="2" s="1"/>
  <c r="G5799" i="2" a="1"/>
  <c r="G5799" i="2" s="1"/>
  <c r="E961" i="2" a="1"/>
  <c r="E961" i="2" s="1"/>
  <c r="G5408" i="2" a="1"/>
  <c r="G5408" i="2" s="1"/>
  <c r="E6368" i="2" a="1"/>
  <c r="E6368" i="2" s="1"/>
  <c r="AN121" i="1"/>
  <c r="H6861" i="2" a="1"/>
  <c r="H6861" i="2" s="1"/>
  <c r="F1771" i="2" a="1"/>
  <c r="F1771" i="2" s="1"/>
  <c r="H2989" i="2" a="1"/>
  <c r="H2989" i="2" s="1"/>
  <c r="D6363" i="2" a="1"/>
  <c r="D6363" i="2" s="1"/>
  <c r="F2210" i="2" a="1"/>
  <c r="F2210" i="2" s="1"/>
  <c r="G685" i="2" a="1"/>
  <c r="G685" i="2" s="1"/>
  <c r="F3926" i="2" a="1"/>
  <c r="F3926" i="2" s="1"/>
  <c r="D3975" i="2" a="1"/>
  <c r="D3975" i="2" s="1"/>
  <c r="G7332" i="2" a="1"/>
  <c r="G7332" i="2" s="1"/>
  <c r="H8224" i="2" a="1"/>
  <c r="H8224" i="2" s="1"/>
  <c r="F2806" i="2" a="1"/>
  <c r="F2806" i="2" s="1"/>
  <c r="G5808" i="2" a="1"/>
  <c r="G5808" i="2" s="1"/>
  <c r="E949" i="2" a="1"/>
  <c r="E949" i="2" s="1"/>
  <c r="AO121" i="1"/>
  <c r="E127" i="5" s="1"/>
  <c r="F1775" i="2" a="1"/>
  <c r="F1775" i="2" s="1"/>
  <c r="AO334" i="1"/>
  <c r="E340" i="5" s="1"/>
  <c r="D8018" i="2" a="1"/>
  <c r="D8018" i="2" s="1"/>
  <c r="AM334" i="1"/>
  <c r="C340" i="5" s="1"/>
  <c r="D8012" i="2" a="1"/>
  <c r="D8012" i="2" s="1"/>
  <c r="D8008" i="2" a="1"/>
  <c r="D8008" i="2" s="1"/>
  <c r="D8019" i="2" a="1"/>
  <c r="D8019" i="2" s="1"/>
  <c r="D8011" i="2" a="1"/>
  <c r="D8011" i="2" s="1"/>
  <c r="D8025" i="2" a="1"/>
  <c r="D8025" i="2" s="1"/>
  <c r="AN334" i="1"/>
  <c r="D340" i="5" s="1"/>
  <c r="AP334" i="1"/>
  <c r="F340" i="5" s="1"/>
  <c r="D8004" i="2" a="1"/>
  <c r="D8004" i="2" s="1"/>
  <c r="D8016" i="2" a="1"/>
  <c r="D8016" i="2" s="1"/>
  <c r="D8020" i="2" a="1"/>
  <c r="D8020" i="2" s="1"/>
  <c r="D8022" i="2" a="1"/>
  <c r="D8022" i="2" s="1"/>
  <c r="D8017" i="2" a="1"/>
  <c r="D8017" i="2" s="1"/>
  <c r="D8006" i="2" a="1"/>
  <c r="D8006" i="2" s="1"/>
  <c r="D8014" i="2" a="1"/>
  <c r="D8014" i="2" s="1"/>
  <c r="D8024" i="2" a="1"/>
  <c r="D8024" i="2" s="1"/>
  <c r="D8009" i="2" a="1"/>
  <c r="D8009" i="2" s="1"/>
  <c r="D8023" i="2" a="1"/>
  <c r="D8023" i="2" s="1"/>
  <c r="D8007" i="2" a="1"/>
  <c r="D8007" i="2" s="1"/>
  <c r="F5664" i="2" a="1"/>
  <c r="F5664" i="2" s="1"/>
  <c r="F5657" i="2" a="1"/>
  <c r="F5657" i="2" s="1"/>
  <c r="F5658" i="2" a="1"/>
  <c r="F5658" i="2" s="1"/>
  <c r="F5653" i="2" a="1"/>
  <c r="F5653" i="2" s="1"/>
  <c r="F5668" i="2" a="1"/>
  <c r="F5668" i="2" s="1"/>
  <c r="F5652" i="2" a="1"/>
  <c r="F5652" i="2" s="1"/>
  <c r="F5661" i="2" a="1"/>
  <c r="F5661" i="2" s="1"/>
  <c r="F5672" i="2" a="1"/>
  <c r="F5672" i="2" s="1"/>
  <c r="F5670" i="2" a="1"/>
  <c r="F5670" i="2" s="1"/>
  <c r="F5665" i="2" a="1"/>
  <c r="F5665" i="2" s="1"/>
  <c r="F5663" i="2" a="1"/>
  <c r="F5663" i="2" s="1"/>
  <c r="H3374" i="2" a="1"/>
  <c r="H3374" i="2" s="1"/>
  <c r="H3376" i="2" a="1"/>
  <c r="H3376" i="2" s="1"/>
  <c r="H3391" i="2" a="1"/>
  <c r="H3391" i="2" s="1"/>
  <c r="H3381" i="2" a="1"/>
  <c r="H3381" i="2" s="1"/>
  <c r="H3373" i="2" a="1"/>
  <c r="H3373" i="2" s="1"/>
  <c r="H3371" i="2" a="1"/>
  <c r="H3371" i="2" s="1"/>
  <c r="H3386" i="2" a="1"/>
  <c r="H3386" i="2" s="1"/>
  <c r="G7810" i="2" a="1"/>
  <c r="G7810" i="2" s="1"/>
  <c r="M7810" i="2" s="1"/>
  <c r="M7784" i="5" s="1"/>
  <c r="P7784" i="5" s="1"/>
  <c r="G7822" i="2" a="1"/>
  <c r="G7822" i="2" s="1"/>
  <c r="G7828" i="2" a="1"/>
  <c r="G7828" i="2" s="1"/>
  <c r="G7832" i="2" a="1"/>
  <c r="G7832" i="2" s="1"/>
  <c r="G7821" i="2" a="1"/>
  <c r="G7821" i="2" s="1"/>
  <c r="G7824" i="2" a="1"/>
  <c r="G7824" i="2" s="1"/>
  <c r="G6516" i="2" a="1"/>
  <c r="G6516" i="2" s="1"/>
  <c r="G6524" i="2" a="1"/>
  <c r="G6524" i="2" s="1"/>
  <c r="G6528" i="2" a="1"/>
  <c r="G6528" i="2" s="1"/>
  <c r="G6529" i="2" a="1"/>
  <c r="G6529" i="2" s="1"/>
  <c r="G6515" i="2" a="1"/>
  <c r="G6515" i="2" s="1"/>
  <c r="G6525" i="2" a="1"/>
  <c r="G6525" i="2" s="1"/>
  <c r="G6535" i="2" a="1"/>
  <c r="G6535" i="2" s="1"/>
  <c r="G6519" i="2" a="1"/>
  <c r="G6519" i="2" s="1"/>
  <c r="G6523" i="2" a="1"/>
  <c r="G6523" i="2" s="1"/>
  <c r="G6526" i="2" a="1"/>
  <c r="G6526" i="2" s="1"/>
  <c r="G6537" i="2" a="1"/>
  <c r="G6537" i="2" s="1"/>
  <c r="G6530" i="2" a="1"/>
  <c r="G6530" i="2" s="1"/>
  <c r="G6534" i="2" a="1"/>
  <c r="G6534" i="2" s="1"/>
  <c r="G6517" i="2" a="1"/>
  <c r="G6517" i="2" s="1"/>
  <c r="G6522" i="2" a="1"/>
  <c r="G6522" i="2" s="1"/>
  <c r="G6527" i="2" a="1"/>
  <c r="G6527" i="2" s="1"/>
  <c r="G6536" i="2" a="1"/>
  <c r="G6536" i="2" s="1"/>
  <c r="G6520" i="2" a="1"/>
  <c r="G6520" i="2" s="1"/>
  <c r="G6533" i="2" a="1"/>
  <c r="G6533" i="2" s="1"/>
  <c r="G6532" i="2" a="1"/>
  <c r="G6532" i="2" s="1"/>
  <c r="G6531" i="2" a="1"/>
  <c r="G6531" i="2" s="1"/>
  <c r="G6521" i="2" a="1"/>
  <c r="G6521" i="2" s="1"/>
  <c r="G6514" i="2" a="1"/>
  <c r="G6514" i="2" s="1"/>
  <c r="F2960" i="2" a="1"/>
  <c r="F2960" i="2" s="1"/>
  <c r="F2952" i="2" a="1"/>
  <c r="F2952" i="2" s="1"/>
  <c r="F2956" i="2" a="1"/>
  <c r="F2956" i="2" s="1"/>
  <c r="G3954" i="2" a="1"/>
  <c r="G3954" i="2" s="1"/>
  <c r="G3947" i="2" a="1"/>
  <c r="G3947" i="2" s="1"/>
  <c r="G3956" i="2" a="1"/>
  <c r="G3956" i="2" s="1"/>
  <c r="G3959" i="2" a="1"/>
  <c r="G3959" i="2" s="1"/>
  <c r="G3960" i="2" a="1"/>
  <c r="G3960" i="2" s="1"/>
  <c r="G3963" i="2" a="1"/>
  <c r="G3963" i="2" s="1"/>
  <c r="G3952" i="2" a="1"/>
  <c r="G3952" i="2" s="1"/>
  <c r="G3968" i="2" a="1"/>
  <c r="G3968" i="2" s="1"/>
  <c r="G3964" i="2" a="1"/>
  <c r="G3964" i="2" s="1"/>
  <c r="G3965" i="2" a="1"/>
  <c r="G3965" i="2" s="1"/>
  <c r="G3957" i="2" a="1"/>
  <c r="G3957" i="2" s="1"/>
  <c r="G3948" i="2" a="1"/>
  <c r="G3948" i="2" s="1"/>
  <c r="G3958" i="2" a="1"/>
  <c r="G3958" i="2" s="1"/>
  <c r="G3953" i="2" a="1"/>
  <c r="G3953" i="2" s="1"/>
  <c r="G3950" i="2" a="1"/>
  <c r="G3950" i="2" s="1"/>
  <c r="G3951" i="2" a="1"/>
  <c r="G3951" i="2" s="1"/>
  <c r="G3961" i="2" a="1"/>
  <c r="G3961" i="2" s="1"/>
  <c r="G3946" i="2" a="1"/>
  <c r="G3946" i="2" s="1"/>
  <c r="G3962" i="2" a="1"/>
  <c r="G3962" i="2" s="1"/>
  <c r="G554" i="2" a="1"/>
  <c r="G554" i="2" s="1"/>
  <c r="G550" i="2" a="1"/>
  <c r="G550" i="2" s="1"/>
  <c r="G541" i="2" a="1"/>
  <c r="G541" i="2" s="1"/>
  <c r="G551" i="2" a="1"/>
  <c r="G551" i="2" s="1"/>
  <c r="G561" i="2" a="1"/>
  <c r="G561" i="2" s="1"/>
  <c r="G546" i="2" a="1"/>
  <c r="G546" i="2" s="1"/>
  <c r="G557" i="2" a="1"/>
  <c r="G557" i="2" s="1"/>
  <c r="AO306" i="1"/>
  <c r="E312" i="5" s="1"/>
  <c r="AQ306" i="1"/>
  <c r="G312" i="5" s="1"/>
  <c r="AN306" i="1"/>
  <c r="D312" i="5" s="1"/>
  <c r="AP306" i="1"/>
  <c r="F312" i="5" s="1"/>
  <c r="AM306" i="1"/>
  <c r="C312" i="5" s="1"/>
  <c r="G4556" i="2" a="1"/>
  <c r="G4556" i="2" s="1"/>
  <c r="G4552" i="2" a="1"/>
  <c r="G4552" i="2" s="1"/>
  <c r="G4569" i="2" a="1"/>
  <c r="G4569" i="2" s="1"/>
  <c r="G4546" i="2" a="1"/>
  <c r="G4546" i="2" s="1"/>
  <c r="G4560" i="2" a="1"/>
  <c r="G4560" i="2" s="1"/>
  <c r="G4561" i="2" a="1"/>
  <c r="G4561" i="2" s="1"/>
  <c r="G4562" i="2" a="1"/>
  <c r="G4562" i="2" s="1"/>
  <c r="G4548" i="2" a="1"/>
  <c r="G4548" i="2" s="1"/>
  <c r="G4553" i="2" a="1"/>
  <c r="G4553" i="2" s="1"/>
  <c r="G4557" i="2" a="1"/>
  <c r="G4557" i="2" s="1"/>
  <c r="G4549" i="2" a="1"/>
  <c r="G4549" i="2" s="1"/>
  <c r="G4566" i="2" a="1"/>
  <c r="G4566" i="2" s="1"/>
  <c r="G4567" i="2" a="1"/>
  <c r="G4567" i="2" s="1"/>
  <c r="G4555" i="2" a="1"/>
  <c r="G4555" i="2" s="1"/>
  <c r="G4547" i="2" a="1"/>
  <c r="G4547" i="2" s="1"/>
  <c r="G4558" i="2" a="1"/>
  <c r="G4558" i="2" s="1"/>
  <c r="G4551" i="2" a="1"/>
  <c r="G4551" i="2" s="1"/>
  <c r="G4550" i="2" a="1"/>
  <c r="G4550" i="2" s="1"/>
  <c r="G4565" i="2" a="1"/>
  <c r="G4565" i="2" s="1"/>
  <c r="G4559" i="2" a="1"/>
  <c r="G4559" i="2" s="1"/>
  <c r="G4554" i="2" a="1"/>
  <c r="G4554" i="2" s="1"/>
  <c r="G4564" i="2" a="1"/>
  <c r="G4564" i="2" s="1"/>
  <c r="G4563" i="2" a="1"/>
  <c r="G4563" i="2" s="1"/>
  <c r="G4568" i="2" a="1"/>
  <c r="G4568" i="2" s="1"/>
  <c r="D4878" i="2" a="1"/>
  <c r="D4878" i="2" s="1"/>
  <c r="D4881" i="2" a="1"/>
  <c r="D4881" i="2" s="1"/>
  <c r="D4859" i="2" a="1"/>
  <c r="D4859" i="2" s="1"/>
  <c r="D4872" i="2" a="1"/>
  <c r="D4872" i="2" s="1"/>
  <c r="D4874" i="2" a="1"/>
  <c r="D4874" i="2" s="1"/>
  <c r="D4877" i="2" a="1"/>
  <c r="D4877" i="2" s="1"/>
  <c r="D4871" i="2" a="1"/>
  <c r="D4871" i="2" s="1"/>
  <c r="H1971" i="2" a="1"/>
  <c r="H1971" i="2" s="1"/>
  <c r="H1968" i="2" a="1"/>
  <c r="H1968" i="2" s="1"/>
  <c r="H1974" i="2" a="1"/>
  <c r="H1974" i="2" s="1"/>
  <c r="H1961" i="2" a="1"/>
  <c r="H1961" i="2" s="1"/>
  <c r="H1976" i="2" a="1"/>
  <c r="H1976" i="2" s="1"/>
  <c r="H1962" i="2" a="1"/>
  <c r="H1962" i="2" s="1"/>
  <c r="H1965" i="2" a="1"/>
  <c r="H1965" i="2" s="1"/>
  <c r="H1955" i="2" a="1"/>
  <c r="H1955" i="2" s="1"/>
  <c r="H1966" i="2" a="1"/>
  <c r="H1966" i="2" s="1"/>
  <c r="H1956" i="2" a="1"/>
  <c r="H1956" i="2" s="1"/>
  <c r="H1969" i="2" a="1"/>
  <c r="H1969" i="2" s="1"/>
  <c r="H1970" i="2" a="1"/>
  <c r="H1970" i="2" s="1"/>
  <c r="H1975" i="2" a="1"/>
  <c r="H1975" i="2" s="1"/>
  <c r="H1960" i="2" a="1"/>
  <c r="H1960" i="2" s="1"/>
  <c r="H1977" i="2" a="1"/>
  <c r="H1977" i="2" s="1"/>
  <c r="H1959" i="2" a="1"/>
  <c r="H1959" i="2" s="1"/>
  <c r="H1963" i="2" a="1"/>
  <c r="H1963" i="2" s="1"/>
  <c r="E6943" i="2" a="1"/>
  <c r="E6943" i="2" s="1"/>
  <c r="E6934" i="2" a="1"/>
  <c r="E6934" i="2" s="1"/>
  <c r="E6927" i="2" a="1"/>
  <c r="E6927" i="2" s="1"/>
  <c r="E6938" i="2" a="1"/>
  <c r="E6938" i="2" s="1"/>
  <c r="E6930" i="2" a="1"/>
  <c r="E6930" i="2" s="1"/>
  <c r="E6933" i="2" a="1"/>
  <c r="E6933" i="2" s="1"/>
  <c r="E6936" i="2" a="1"/>
  <c r="E6936" i="2" s="1"/>
  <c r="E6924" i="2" a="1"/>
  <c r="E6924" i="2" s="1"/>
  <c r="E6942" i="2" a="1"/>
  <c r="E6942" i="2" s="1"/>
  <c r="E6935" i="2" a="1"/>
  <c r="E6935" i="2" s="1"/>
  <c r="E6931" i="2" a="1"/>
  <c r="E6931" i="2" s="1"/>
  <c r="E6932" i="2" a="1"/>
  <c r="E6932" i="2" s="1"/>
  <c r="H636" i="2" a="1"/>
  <c r="H636" i="2" s="1"/>
  <c r="H651" i="2" a="1"/>
  <c r="H651" i="2" s="1"/>
  <c r="H655" i="2" a="1"/>
  <c r="H655" i="2" s="1"/>
  <c r="H652" i="2" a="1"/>
  <c r="H652" i="2" s="1"/>
  <c r="H643" i="2" a="1"/>
  <c r="H643" i="2" s="1"/>
  <c r="H638" i="2" a="1"/>
  <c r="H638" i="2" s="1"/>
  <c r="H647" i="2" a="1"/>
  <c r="H647" i="2" s="1"/>
  <c r="H657" i="2" a="1"/>
  <c r="H657" i="2" s="1"/>
  <c r="H639" i="2" a="1"/>
  <c r="H639" i="2" s="1"/>
  <c r="H653" i="2" a="1"/>
  <c r="H653" i="2" s="1"/>
  <c r="H654" i="2" a="1"/>
  <c r="H654" i="2" s="1"/>
  <c r="H640" i="2" a="1"/>
  <c r="H640" i="2" s="1"/>
  <c r="H635" i="2" a="1"/>
  <c r="H635" i="2" s="1"/>
  <c r="H656" i="2" a="1"/>
  <c r="H656" i="2" s="1"/>
  <c r="H634" i="2" a="1"/>
  <c r="H634" i="2" s="1"/>
  <c r="H642" i="2" a="1"/>
  <c r="H642" i="2" s="1"/>
  <c r="E4125" i="2" a="1"/>
  <c r="E4125" i="2" s="1"/>
  <c r="E4128" i="2" a="1"/>
  <c r="E4128" i="2" s="1"/>
  <c r="E4115" i="2" a="1"/>
  <c r="E4115" i="2" s="1"/>
  <c r="E4120" i="2" a="1"/>
  <c r="E4120" i="2" s="1"/>
  <c r="E4121" i="2" a="1"/>
  <c r="E4121" i="2" s="1"/>
  <c r="E4130" i="2" a="1"/>
  <c r="E4130" i="2" s="1"/>
  <c r="E4127" i="2" a="1"/>
  <c r="E4127" i="2" s="1"/>
  <c r="E4131" i="2" a="1"/>
  <c r="E4131" i="2" s="1"/>
  <c r="E4129" i="2" a="1"/>
  <c r="E4129" i="2" s="1"/>
  <c r="E4114" i="2" a="1"/>
  <c r="E4114" i="2" s="1"/>
  <c r="E4132" i="2" a="1"/>
  <c r="E4132" i="2" s="1"/>
  <c r="E4117" i="2" a="1"/>
  <c r="E4117" i="2" s="1"/>
  <c r="E4123" i="2" a="1"/>
  <c r="E4123" i="2" s="1"/>
  <c r="E4135" i="2" a="1"/>
  <c r="E4135" i="2" s="1"/>
  <c r="E4124" i="2" a="1"/>
  <c r="E4124" i="2" s="1"/>
  <c r="E4133" i="2" a="1"/>
  <c r="E4133" i="2" s="1"/>
  <c r="E4119" i="2" a="1"/>
  <c r="E4119" i="2" s="1"/>
  <c r="E4118" i="2" a="1"/>
  <c r="E4118" i="2" s="1"/>
  <c r="E4136" i="2" a="1"/>
  <c r="E4136" i="2" s="1"/>
  <c r="E4126" i="2" a="1"/>
  <c r="E4126" i="2" s="1"/>
  <c r="E4134" i="2" a="1"/>
  <c r="E4134" i="2" s="1"/>
  <c r="E2803" i="2" a="1"/>
  <c r="E2803" i="2" s="1"/>
  <c r="E2810" i="2" a="1"/>
  <c r="E2810" i="2" s="1"/>
  <c r="E2817" i="2" a="1"/>
  <c r="E2817" i="2" s="1"/>
  <c r="E2806" i="2" a="1"/>
  <c r="E2806" i="2" s="1"/>
  <c r="E2812" i="2" a="1"/>
  <c r="E2812" i="2" s="1"/>
  <c r="E2798" i="2" a="1"/>
  <c r="E2798" i="2" s="1"/>
  <c r="E2802" i="2" a="1"/>
  <c r="E2802" i="2" s="1"/>
  <c r="E2807" i="2" a="1"/>
  <c r="E2807" i="2" s="1"/>
  <c r="E2808" i="2" a="1"/>
  <c r="E2808" i="2" s="1"/>
  <c r="E2811" i="2" a="1"/>
  <c r="E2811" i="2" s="1"/>
  <c r="E2814" i="2" a="1"/>
  <c r="E2814" i="2" s="1"/>
  <c r="E2794" i="2" a="1"/>
  <c r="E2794" i="2" s="1"/>
  <c r="E2795" i="2" a="1"/>
  <c r="E2795" i="2" s="1"/>
  <c r="E2804" i="2" a="1"/>
  <c r="E2804" i="2" s="1"/>
  <c r="E2799" i="2" a="1"/>
  <c r="E2799" i="2" s="1"/>
  <c r="E2805" i="2" a="1"/>
  <c r="E2805" i="2" s="1"/>
  <c r="E2800" i="2" a="1"/>
  <c r="E2800" i="2" s="1"/>
  <c r="E2801" i="2" a="1"/>
  <c r="E2801" i="2" s="1"/>
  <c r="E2797" i="2" a="1"/>
  <c r="E2797" i="2" s="1"/>
  <c r="E2816" i="2" a="1"/>
  <c r="E2816" i="2" s="1"/>
  <c r="E2809" i="2" a="1"/>
  <c r="E2809" i="2" s="1"/>
  <c r="E2796" i="2" a="1"/>
  <c r="E2796" i="2" s="1"/>
  <c r="E2813" i="2" a="1"/>
  <c r="E2813" i="2" s="1"/>
  <c r="E2815" i="2" a="1"/>
  <c r="E2815" i="2" s="1"/>
  <c r="G1170" i="2" a="1"/>
  <c r="G1170" i="2" s="1"/>
  <c r="G1172" i="2" a="1"/>
  <c r="G1172" i="2" s="1"/>
  <c r="G1176" i="2" a="1"/>
  <c r="G1176" i="2" s="1"/>
  <c r="G1164" i="2" a="1"/>
  <c r="G1164" i="2" s="1"/>
  <c r="G1163" i="2" a="1"/>
  <c r="G1163" i="2" s="1"/>
  <c r="G1167" i="2" a="1"/>
  <c r="G1167" i="2" s="1"/>
  <c r="G1174" i="2" a="1"/>
  <c r="G1174" i="2" s="1"/>
  <c r="E5440" i="2" a="1"/>
  <c r="E5440" i="2" s="1"/>
  <c r="E5441" i="2" a="1"/>
  <c r="E5441" i="2" s="1"/>
  <c r="E5450" i="2" a="1"/>
  <c r="E5450" i="2" s="1"/>
  <c r="E5449" i="2" a="1"/>
  <c r="E5449" i="2" s="1"/>
  <c r="E5454" i="2" a="1"/>
  <c r="E5454" i="2" s="1"/>
  <c r="E5448" i="2" a="1"/>
  <c r="E5448" i="2" s="1"/>
  <c r="E5439" i="2" a="1"/>
  <c r="E5439" i="2" s="1"/>
  <c r="E5456" i="2" a="1"/>
  <c r="E5456" i="2" s="1"/>
  <c r="E5443" i="2" a="1"/>
  <c r="E5443" i="2" s="1"/>
  <c r="E5447" i="2" a="1"/>
  <c r="E5447" i="2" s="1"/>
  <c r="E5457" i="2" a="1"/>
  <c r="E5457" i="2" s="1"/>
  <c r="E5437" i="2" a="1"/>
  <c r="E5437" i="2" s="1"/>
  <c r="E5452" i="2" a="1"/>
  <c r="E5452" i="2" s="1"/>
  <c r="E5435" i="2" a="1"/>
  <c r="E5435" i="2" s="1"/>
  <c r="E5445" i="2" a="1"/>
  <c r="E5445" i="2" s="1"/>
  <c r="E5442" i="2" a="1"/>
  <c r="E5442" i="2" s="1"/>
  <c r="E5453" i="2" a="1"/>
  <c r="E5453" i="2" s="1"/>
  <c r="E5446" i="2" a="1"/>
  <c r="E5446" i="2" s="1"/>
  <c r="E5434" i="2" a="1"/>
  <c r="E5434" i="2" s="1"/>
  <c r="D5916" i="2" a="1"/>
  <c r="D5916" i="2" s="1"/>
  <c r="D5925" i="2" a="1"/>
  <c r="D5925" i="2" s="1"/>
  <c r="D5929" i="2" a="1"/>
  <c r="D5929" i="2" s="1"/>
  <c r="D5937" i="2" a="1"/>
  <c r="D5937" i="2" s="1"/>
  <c r="D5918" i="2" a="1"/>
  <c r="D5918" i="2" s="1"/>
  <c r="D5933" i="2" a="1"/>
  <c r="D5933" i="2" s="1"/>
  <c r="D5921" i="2" a="1"/>
  <c r="D5921" i="2" s="1"/>
  <c r="D5931" i="2" a="1"/>
  <c r="D5931" i="2" s="1"/>
  <c r="D5935" i="2" a="1"/>
  <c r="D5935" i="2" s="1"/>
  <c r="D5920" i="2" a="1"/>
  <c r="D5920" i="2" s="1"/>
  <c r="D5924" i="2" a="1"/>
  <c r="D5924" i="2" s="1"/>
  <c r="D5928" i="2" a="1"/>
  <c r="D5928" i="2" s="1"/>
  <c r="D5932" i="2" a="1"/>
  <c r="D5932" i="2" s="1"/>
  <c r="D5936" i="2" a="1"/>
  <c r="D5936" i="2" s="1"/>
  <c r="D5919" i="2" a="1"/>
  <c r="D5919" i="2" s="1"/>
  <c r="D5915" i="2" a="1"/>
  <c r="D5915" i="2" s="1"/>
  <c r="D5927" i="2" a="1"/>
  <c r="D5927" i="2" s="1"/>
  <c r="D5914" i="2" a="1"/>
  <c r="D5914" i="2" s="1"/>
  <c r="D5922" i="2" a="1"/>
  <c r="D5922" i="2" s="1"/>
  <c r="D5926" i="2" a="1"/>
  <c r="D5926" i="2" s="1"/>
  <c r="D5930" i="2" a="1"/>
  <c r="D5930" i="2" s="1"/>
  <c r="D5934" i="2" a="1"/>
  <c r="D5934" i="2" s="1"/>
  <c r="D5917" i="2" a="1"/>
  <c r="D5917" i="2" s="1"/>
  <c r="D5923" i="2" a="1"/>
  <c r="D5923" i="2" s="1"/>
  <c r="H6034" i="2" a="1"/>
  <c r="H6034" i="2" s="1"/>
  <c r="G6960" i="2" a="1"/>
  <c r="G6960" i="2" s="1"/>
  <c r="H8740" i="2" a="1"/>
  <c r="H8740" i="2" s="1"/>
  <c r="H3007" i="2" a="1"/>
  <c r="H3007" i="2" s="1"/>
  <c r="D5427" i="2" a="1"/>
  <c r="D5427" i="2" s="1"/>
  <c r="AN226" i="1"/>
  <c r="D232" i="5" s="1"/>
  <c r="D6359" i="2" a="1"/>
  <c r="D6359" i="2" s="1"/>
  <c r="G2197" i="2" a="1"/>
  <c r="G2197" i="2" s="1"/>
  <c r="G7899" i="2" a="1"/>
  <c r="G7899" i="2" s="1"/>
  <c r="D4632" i="2" a="1"/>
  <c r="D4632" i="2" s="1"/>
  <c r="F7107" i="2" a="1"/>
  <c r="F7107" i="2" s="1"/>
  <c r="G697" i="2" a="1"/>
  <c r="G697" i="2" s="1"/>
  <c r="D7995" i="2" a="1"/>
  <c r="D7995" i="2" s="1"/>
  <c r="E3949" i="2" a="1"/>
  <c r="E3949" i="2" s="1"/>
  <c r="D3992" i="2" a="1"/>
  <c r="D3992" i="2" s="1"/>
  <c r="G7334" i="2" a="1"/>
  <c r="G7334" i="2" s="1"/>
  <c r="H8226" i="2" a="1"/>
  <c r="H8226" i="2" s="1"/>
  <c r="F2803" i="2" a="1"/>
  <c r="F2803" i="2" s="1"/>
  <c r="G5817" i="2" a="1"/>
  <c r="G5817" i="2" s="1"/>
  <c r="E960" i="2" a="1"/>
  <c r="E960" i="2" s="1"/>
  <c r="E6363" i="2" a="1"/>
  <c r="E6363" i="2" s="1"/>
  <c r="AQ121" i="1"/>
  <c r="G127" i="5" s="1"/>
  <c r="H6854" i="2" a="1"/>
  <c r="H6854" i="2" s="1"/>
  <c r="D3157" i="2" a="1"/>
  <c r="D3157" i="2" s="1"/>
  <c r="G227" i="2" a="1"/>
  <c r="G227" i="2" s="1"/>
  <c r="E4137" i="2" a="1"/>
  <c r="E4137" i="2" s="1"/>
  <c r="H6057" i="2" a="1"/>
  <c r="H6057" i="2" s="1"/>
  <c r="G6965" i="2" a="1"/>
  <c r="G6965" i="2" s="1"/>
  <c r="H8737" i="2" a="1"/>
  <c r="H8737" i="2" s="1"/>
  <c r="H2997" i="2" a="1"/>
  <c r="H2997" i="2" s="1"/>
  <c r="D5417" i="2" a="1"/>
  <c r="D5417" i="2" s="1"/>
  <c r="D6353" i="2" a="1"/>
  <c r="D6353" i="2" s="1"/>
  <c r="D7206" i="2" a="1"/>
  <c r="D7206" i="2" s="1"/>
  <c r="D6697" i="2" a="1"/>
  <c r="D6697" i="2" s="1"/>
  <c r="G2213" i="2" a="1"/>
  <c r="G2213" i="2" s="1"/>
  <c r="G7898" i="2" a="1"/>
  <c r="G7898" i="2" s="1"/>
  <c r="F2148" i="2" a="1"/>
  <c r="F2148" i="2" s="1"/>
  <c r="D4620" i="2" a="1"/>
  <c r="D4620" i="2" s="1"/>
  <c r="F7099" i="2" a="1"/>
  <c r="F7099" i="2" s="1"/>
  <c r="G701" i="2" a="1"/>
  <c r="G701" i="2" s="1"/>
  <c r="H2203" i="2" a="1"/>
  <c r="H2203" i="2" s="1"/>
  <c r="D7985" i="2" a="1"/>
  <c r="D7985" i="2" s="1"/>
  <c r="E3964" i="2" a="1"/>
  <c r="E3964" i="2" s="1"/>
  <c r="D3993" i="2" a="1"/>
  <c r="D3993" i="2" s="1"/>
  <c r="G7348" i="2" a="1"/>
  <c r="G7348" i="2" s="1"/>
  <c r="I7348" i="2" s="1"/>
  <c r="I7322" i="5" s="1"/>
  <c r="H8223" i="2" a="1"/>
  <c r="H8223" i="2" s="1"/>
  <c r="F2810" i="2" a="1"/>
  <c r="F2810" i="2" s="1"/>
  <c r="G5813" i="2" a="1"/>
  <c r="G5813" i="2" s="1"/>
  <c r="E953" i="2" a="1"/>
  <c r="E953" i="2" s="1"/>
  <c r="D6738" i="2" a="1"/>
  <c r="D6738" i="2" s="1"/>
  <c r="D3158" i="2" a="1"/>
  <c r="D3158" i="2" s="1"/>
  <c r="G247" i="2" a="1"/>
  <c r="G247" i="2" s="1"/>
  <c r="F4314" i="2" a="1"/>
  <c r="F4314" i="2" s="1"/>
  <c r="F4311" i="2" a="1"/>
  <c r="F4311" i="2" s="1"/>
  <c r="H274" i="2" a="1"/>
  <c r="H274" i="2" s="1"/>
  <c r="H277" i="2" a="1"/>
  <c r="H277" i="2" s="1"/>
  <c r="D4828" i="2" a="1"/>
  <c r="D4828" i="2" s="1"/>
  <c r="H3197" i="2" a="1"/>
  <c r="H3197" i="2" s="1"/>
  <c r="H3196" i="2" a="1"/>
  <c r="H3196" i="2" s="1"/>
  <c r="AQ229" i="1"/>
  <c r="G235" i="5" s="1"/>
  <c r="E4352" i="2" a="1"/>
  <c r="E4352" i="2" s="1"/>
  <c r="E4345" i="2" a="1"/>
  <c r="E4345" i="2" s="1"/>
  <c r="F7484" i="2" a="1"/>
  <c r="F7484" i="2" s="1"/>
  <c r="D7636" i="2" a="1"/>
  <c r="D7636" i="2" s="1"/>
  <c r="D7631" i="2" a="1"/>
  <c r="D7631" i="2" s="1"/>
  <c r="AN320" i="1"/>
  <c r="D326" i="5" s="1"/>
  <c r="H7873" i="2" a="1"/>
  <c r="H7873" i="2" s="1"/>
  <c r="D2390" i="2" a="1"/>
  <c r="D2390" i="2" s="1"/>
  <c r="D2398" i="2" a="1"/>
  <c r="D2398" i="2" s="1"/>
  <c r="E3129" i="2" a="1"/>
  <c r="E3129" i="2" s="1"/>
  <c r="D3653" i="2" a="1"/>
  <c r="D3653" i="2" s="1"/>
  <c r="AM152" i="1"/>
  <c r="E3497" i="2" a="1"/>
  <c r="E3497" i="2" s="1"/>
  <c r="D5265" i="2" a="1"/>
  <c r="D5265" i="2" s="1"/>
  <c r="AP219" i="1"/>
  <c r="F225" i="5" s="1"/>
  <c r="H7761" i="2" a="1"/>
  <c r="H7761" i="2" s="1"/>
  <c r="H6045" i="2" a="1"/>
  <c r="H6045" i="2" s="1"/>
  <c r="G6966" i="2" a="1"/>
  <c r="G6966" i="2" s="1"/>
  <c r="G6948" i="2" a="1"/>
  <c r="G6948" i="2" s="1"/>
  <c r="E362" i="2" a="1"/>
  <c r="E362" i="2" s="1"/>
  <c r="H8730" i="2" a="1"/>
  <c r="H8730" i="2" s="1"/>
  <c r="H4560" i="2" a="1"/>
  <c r="H4560" i="2" s="1"/>
  <c r="H6316" i="2" a="1"/>
  <c r="H6316" i="2" s="1"/>
  <c r="G714" i="2" a="1"/>
  <c r="G714" i="2" s="1"/>
  <c r="H2998" i="2" a="1"/>
  <c r="H2998" i="2" s="1"/>
  <c r="G6867" i="2" a="1"/>
  <c r="G6867" i="2" s="1"/>
  <c r="G1292" i="2" a="1"/>
  <c r="G1292" i="2" s="1"/>
  <c r="H5686" i="2" a="1"/>
  <c r="H5686" i="2" s="1"/>
  <c r="D5429" i="2" a="1"/>
  <c r="D5429" i="2" s="1"/>
  <c r="F816" i="2" a="1"/>
  <c r="F816" i="2" s="1"/>
  <c r="D6366" i="2" a="1"/>
  <c r="D6366" i="2" s="1"/>
  <c r="D7200" i="2" a="1"/>
  <c r="D7200" i="2" s="1"/>
  <c r="D6689" i="2" a="1"/>
  <c r="D6689" i="2" s="1"/>
  <c r="G2199" i="2" a="1"/>
  <c r="G2199" i="2" s="1"/>
  <c r="G7901" i="2" a="1"/>
  <c r="G7901" i="2" s="1"/>
  <c r="F2163" i="2" a="1"/>
  <c r="F2163" i="2" s="1"/>
  <c r="AP310" i="1"/>
  <c r="F316" i="5" s="1"/>
  <c r="G2326" i="2" a="1"/>
  <c r="G2326" i="2" s="1"/>
  <c r="D6513" i="2" a="1"/>
  <c r="D6513" i="2" s="1"/>
  <c r="G2817" i="2" a="1"/>
  <c r="G2817" i="2" s="1"/>
  <c r="H2059" i="2" a="1"/>
  <c r="H2059" i="2" s="1"/>
  <c r="H2432" i="2" a="1"/>
  <c r="H2432" i="2" s="1"/>
  <c r="G7812" i="2" a="1"/>
  <c r="G7812" i="2" s="1"/>
  <c r="D4637" i="2" a="1"/>
  <c r="D4637" i="2" s="1"/>
  <c r="D5309" i="2" a="1"/>
  <c r="D5309" i="2" s="1"/>
  <c r="F7098" i="2" a="1"/>
  <c r="F7098" i="2" s="1"/>
  <c r="G1178" i="2" a="1"/>
  <c r="G1178" i="2" s="1"/>
  <c r="H2199" i="2" a="1"/>
  <c r="H2199" i="2" s="1"/>
  <c r="D4865" i="2" a="1"/>
  <c r="D4865" i="2" s="1"/>
  <c r="D7998" i="2" a="1"/>
  <c r="D7998" i="2" s="1"/>
  <c r="E3966" i="2" a="1"/>
  <c r="E3966" i="2" s="1"/>
  <c r="D3991" i="2" a="1"/>
  <c r="D3991" i="2" s="1"/>
  <c r="G7345" i="2" a="1"/>
  <c r="G7345" i="2" s="1"/>
  <c r="H8237" i="2" a="1"/>
  <c r="H8237" i="2" s="1"/>
  <c r="D867" i="2" a="1"/>
  <c r="D867" i="2" s="1"/>
  <c r="F2799" i="2" a="1"/>
  <c r="F2799" i="2" s="1"/>
  <c r="E956" i="2" a="1"/>
  <c r="E956" i="2" s="1"/>
  <c r="D6732" i="2" a="1"/>
  <c r="D6732" i="2" s="1"/>
  <c r="G5392" i="2" a="1"/>
  <c r="G5392" i="2" s="1"/>
  <c r="G6518" i="2" a="1"/>
  <c r="G6518" i="2" s="1"/>
  <c r="F2341" i="2" a="1"/>
  <c r="F2341" i="2" s="1"/>
  <c r="E36" i="2" a="1"/>
  <c r="E36" i="2" s="1"/>
  <c r="D3154" i="2" a="1"/>
  <c r="D3154" i="2" s="1"/>
  <c r="F5338" i="2" a="1"/>
  <c r="F5338" i="2" s="1"/>
  <c r="G242" i="2" a="1"/>
  <c r="G242" i="2" s="1"/>
  <c r="H3192" i="2" a="1"/>
  <c r="H3192" i="2" s="1"/>
  <c r="H3189" i="2" a="1"/>
  <c r="H3189" i="2" s="1"/>
  <c r="AN229" i="1"/>
  <c r="E4344" i="2" a="1"/>
  <c r="E4344" i="2" s="1"/>
  <c r="E4330" i="2" a="1"/>
  <c r="E4330" i="2" s="1"/>
  <c r="D7639" i="2" a="1"/>
  <c r="D7639" i="2" s="1"/>
  <c r="D7623" i="2" a="1"/>
  <c r="D7623" i="2" s="1"/>
  <c r="D3645" i="2" a="1"/>
  <c r="D3645" i="2" s="1"/>
  <c r="AQ152" i="1"/>
  <c r="G158" i="5" s="1"/>
  <c r="D5261" i="2" a="1"/>
  <c r="D5261" i="2" s="1"/>
  <c r="AO219" i="1"/>
  <c r="H7756" i="2" a="1"/>
  <c r="H7756" i="2" s="1"/>
  <c r="H6040" i="2" a="1"/>
  <c r="H6040" i="2" s="1"/>
  <c r="G6959" i="2" a="1"/>
  <c r="G6959" i="2" s="1"/>
  <c r="G6968" i="2" a="1"/>
  <c r="G6968" i="2" s="1"/>
  <c r="AM283" i="1"/>
  <c r="C289" i="5" s="1"/>
  <c r="E360" i="2" a="1"/>
  <c r="E360" i="2" s="1"/>
  <c r="H8727" i="2" a="1"/>
  <c r="H8727" i="2" s="1"/>
  <c r="H4552" i="2" a="1"/>
  <c r="H4552" i="2" s="1"/>
  <c r="H3000" i="2" a="1"/>
  <c r="H3000" i="2" s="1"/>
  <c r="H5688" i="2" a="1"/>
  <c r="H5688" i="2" s="1"/>
  <c r="D5419" i="2" a="1"/>
  <c r="D5419" i="2" s="1"/>
  <c r="F803" i="2" a="1"/>
  <c r="F803" i="2" s="1"/>
  <c r="D6355" i="2" a="1"/>
  <c r="D6355" i="2" s="1"/>
  <c r="D7194" i="2" a="1"/>
  <c r="D7194" i="2" s="1"/>
  <c r="D6704" i="2" a="1"/>
  <c r="D6704" i="2" s="1"/>
  <c r="G2211" i="2" a="1"/>
  <c r="G2211" i="2" s="1"/>
  <c r="G7902" i="2" a="1"/>
  <c r="G7902" i="2" s="1"/>
  <c r="F2147" i="2" a="1"/>
  <c r="F2147" i="2" s="1"/>
  <c r="AN310" i="1"/>
  <c r="D316" i="5" s="1"/>
  <c r="D6503" i="2" a="1"/>
  <c r="D6503" i="2" s="1"/>
  <c r="G2801" i="2" a="1"/>
  <c r="G2801" i="2" s="1"/>
  <c r="H2054" i="2" a="1"/>
  <c r="H2054" i="2" s="1"/>
  <c r="H2423" i="2" a="1"/>
  <c r="H2423" i="2" s="1"/>
  <c r="G7830" i="2" a="1"/>
  <c r="G7830" i="2" s="1"/>
  <c r="D4633" i="2" a="1"/>
  <c r="D4633" i="2" s="1"/>
  <c r="D5305" i="2" a="1"/>
  <c r="D5305" i="2" s="1"/>
  <c r="F7112" i="2" a="1"/>
  <c r="F7112" i="2" s="1"/>
  <c r="G1175" i="2" a="1"/>
  <c r="G1175" i="2" s="1"/>
  <c r="H2194" i="2" a="1"/>
  <c r="H2194" i="2" s="1"/>
  <c r="D4868" i="2" a="1"/>
  <c r="D4868" i="2" s="1"/>
  <c r="D7991" i="2" a="1"/>
  <c r="D7991" i="2" s="1"/>
  <c r="E3969" i="2" a="1"/>
  <c r="E3969" i="2" s="1"/>
  <c r="D3983" i="2" a="1"/>
  <c r="D3983" i="2" s="1"/>
  <c r="G7342" i="2" a="1"/>
  <c r="G7342" i="2" s="1"/>
  <c r="D862" i="2" a="1"/>
  <c r="D862" i="2" s="1"/>
  <c r="F2809" i="2" a="1"/>
  <c r="F2809" i="2" s="1"/>
  <c r="G4507" i="2" a="1"/>
  <c r="G4507" i="2" s="1"/>
  <c r="H1909" i="2" a="1"/>
  <c r="H1909" i="2" s="1"/>
  <c r="E950" i="2" a="1"/>
  <c r="E950" i="2" s="1"/>
  <c r="D6739" i="2" a="1"/>
  <c r="D6739" i="2" s="1"/>
  <c r="G5404" i="2" a="1"/>
  <c r="G5404" i="2" s="1"/>
  <c r="F2355" i="2" a="1"/>
  <c r="F2355" i="2" s="1"/>
  <c r="E45" i="2" a="1"/>
  <c r="E45" i="2" s="1"/>
  <c r="F5352" i="2" a="1"/>
  <c r="F5352" i="2" s="1"/>
  <c r="H3186" i="2" a="1"/>
  <c r="H3186" i="2" s="1"/>
  <c r="H3191" i="2" a="1"/>
  <c r="H3191" i="2" s="1"/>
  <c r="AP229" i="1"/>
  <c r="F235" i="5" s="1"/>
  <c r="E4332" i="2" a="1"/>
  <c r="E4332" i="2" s="1"/>
  <c r="E4338" i="2" a="1"/>
  <c r="E4338" i="2" s="1"/>
  <c r="D7635" i="2" a="1"/>
  <c r="D7635" i="2" s="1"/>
  <c r="D7638" i="2" a="1"/>
  <c r="D7638" i="2" s="1"/>
  <c r="D3637" i="2" a="1"/>
  <c r="D3637" i="2" s="1"/>
  <c r="AP152" i="1"/>
  <c r="F158" i="5" s="1"/>
  <c r="D5253" i="2" a="1"/>
  <c r="D5253" i="2" s="1"/>
  <c r="AQ219" i="1"/>
  <c r="G225" i="5" s="1"/>
  <c r="H7747" i="2" a="1"/>
  <c r="H7747" i="2" s="1"/>
  <c r="H6043" i="2" a="1"/>
  <c r="H6043" i="2" s="1"/>
  <c r="G6969" i="2" a="1"/>
  <c r="G6969" i="2" s="1"/>
  <c r="G6950" i="2" a="1"/>
  <c r="G6950" i="2" s="1"/>
  <c r="AQ283" i="1"/>
  <c r="G289" i="5" s="1"/>
  <c r="E354" i="2" a="1"/>
  <c r="E354" i="2" s="1"/>
  <c r="H8734" i="2" a="1"/>
  <c r="H8734" i="2" s="1"/>
  <c r="H4568" i="2" a="1"/>
  <c r="H4568" i="2" s="1"/>
  <c r="H3005" i="2" a="1"/>
  <c r="H3005" i="2" s="1"/>
  <c r="H5696" i="2" a="1"/>
  <c r="H5696" i="2" s="1"/>
  <c r="D5414" i="2" a="1"/>
  <c r="D5414" i="2" s="1"/>
  <c r="F812" i="2" a="1"/>
  <c r="F812" i="2" s="1"/>
  <c r="D6349" i="2" a="1"/>
  <c r="D6349" i="2" s="1"/>
  <c r="D7191" i="2" a="1"/>
  <c r="D7191" i="2" s="1"/>
  <c r="D6698" i="2" a="1"/>
  <c r="D6698" i="2" s="1"/>
  <c r="G2210" i="2" a="1"/>
  <c r="G2210" i="2" s="1"/>
  <c r="G7894" i="2" a="1"/>
  <c r="G7894" i="2" s="1"/>
  <c r="F2166" i="2" a="1"/>
  <c r="F2166" i="2" s="1"/>
  <c r="D7444" i="2" a="1"/>
  <c r="D7444" i="2" s="1"/>
  <c r="AQ310" i="1"/>
  <c r="G316" i="5" s="1"/>
  <c r="G2318" i="2" a="1"/>
  <c r="G2318" i="2" s="1"/>
  <c r="D6496" i="2" a="1"/>
  <c r="D6496" i="2" s="1"/>
  <c r="G2807" i="2" a="1"/>
  <c r="G2807" i="2" s="1"/>
  <c r="H2052" i="2" a="1"/>
  <c r="H2052" i="2" s="1"/>
  <c r="H2421" i="2" a="1"/>
  <c r="H2421" i="2" s="1"/>
  <c r="G7833" i="2" a="1"/>
  <c r="G7833" i="2" s="1"/>
  <c r="D4625" i="2" a="1"/>
  <c r="D4625" i="2" s="1"/>
  <c r="D5301" i="2" a="1"/>
  <c r="D5301" i="2" s="1"/>
  <c r="F7110" i="2" a="1"/>
  <c r="F7110" i="2" s="1"/>
  <c r="G684" i="2" a="1"/>
  <c r="G684" i="2" s="1"/>
  <c r="G1183" i="2" a="1"/>
  <c r="G1183" i="2" s="1"/>
  <c r="H2217" i="2" a="1"/>
  <c r="H2217" i="2" s="1"/>
  <c r="D4880" i="2" a="1"/>
  <c r="D4880" i="2" s="1"/>
  <c r="D7982" i="2" a="1"/>
  <c r="D7982" i="2" s="1"/>
  <c r="E3956" i="2" a="1"/>
  <c r="E3956" i="2" s="1"/>
  <c r="D3979" i="2" a="1"/>
  <c r="D3979" i="2" s="1"/>
  <c r="H973" i="2" a="1"/>
  <c r="H973" i="2" s="1"/>
  <c r="AO241" i="1"/>
  <c r="E247" i="5" s="1"/>
  <c r="D864" i="2" a="1"/>
  <c r="D864" i="2" s="1"/>
  <c r="F2805" i="2" a="1"/>
  <c r="F2805" i="2" s="1"/>
  <c r="G4501" i="2" a="1"/>
  <c r="G4501" i="2" s="1"/>
  <c r="H1911" i="2" a="1"/>
  <c r="H1911" i="2" s="1"/>
  <c r="G3949" i="2" a="1"/>
  <c r="G3949" i="2" s="1"/>
  <c r="G6777" i="2" a="1"/>
  <c r="G6777" i="2" s="1"/>
  <c r="D6733" i="2" a="1"/>
  <c r="D6733" i="2" s="1"/>
  <c r="F2343" i="2" a="1"/>
  <c r="F2343" i="2" s="1"/>
  <c r="E37" i="2" a="1"/>
  <c r="E37" i="2" s="1"/>
  <c r="H3183" i="2" a="1"/>
  <c r="H3183" i="2" s="1"/>
  <c r="AO229" i="1"/>
  <c r="E235" i="5" s="1"/>
  <c r="E4349" i="2" a="1"/>
  <c r="E4349" i="2" s="1"/>
  <c r="D7627" i="2" a="1"/>
  <c r="D7627" i="2" s="1"/>
  <c r="AM318" i="1"/>
  <c r="D2403" i="2" a="1"/>
  <c r="D2403" i="2" s="1"/>
  <c r="E3126" i="2" a="1"/>
  <c r="E3126" i="2" s="1"/>
  <c r="D3657" i="2" a="1"/>
  <c r="D3657" i="2" s="1"/>
  <c r="AN152" i="1"/>
  <c r="D158" i="5" s="1"/>
  <c r="E3507" i="2" a="1"/>
  <c r="E3507" i="2" s="1"/>
  <c r="D5249" i="2" a="1"/>
  <c r="D5249" i="2" s="1"/>
  <c r="H7757" i="2" a="1"/>
  <c r="H7757" i="2" s="1"/>
  <c r="H6054" i="2" a="1"/>
  <c r="H6054" i="2" s="1"/>
  <c r="H6056" i="2" a="1"/>
  <c r="H6056" i="2" s="1"/>
  <c r="G6964" i="2" a="1"/>
  <c r="G6964" i="2" s="1"/>
  <c r="J6964" i="2" s="1"/>
  <c r="J6938" i="5" s="1"/>
  <c r="N6938" i="5" s="1"/>
  <c r="G6958" i="2" a="1"/>
  <c r="G6958" i="2" s="1"/>
  <c r="AO283" i="1"/>
  <c r="E289" i="5" s="1"/>
  <c r="E361" i="2" a="1"/>
  <c r="E361" i="2" s="1"/>
  <c r="H8745" i="2" a="1"/>
  <c r="H8745" i="2" s="1"/>
  <c r="H4569" i="2" a="1"/>
  <c r="H4569" i="2" s="1"/>
  <c r="H2996" i="2" a="1"/>
  <c r="H2996" i="2" s="1"/>
  <c r="H5689" i="2" a="1"/>
  <c r="H5689" i="2" s="1"/>
  <c r="D5431" i="2" a="1"/>
  <c r="D5431" i="2" s="1"/>
  <c r="F810" i="2" a="1"/>
  <c r="F810" i="2" s="1"/>
  <c r="D6369" i="2" a="1"/>
  <c r="D6369" i="2" s="1"/>
  <c r="D7188" i="2" a="1"/>
  <c r="D7188" i="2" s="1"/>
  <c r="D6686" i="2" a="1"/>
  <c r="D6686" i="2" s="1"/>
  <c r="G2216" i="2" a="1"/>
  <c r="G2216" i="2" s="1"/>
  <c r="G7903" i="2" a="1"/>
  <c r="G7903" i="2" s="1"/>
  <c r="F2169" i="2" a="1"/>
  <c r="F2169" i="2" s="1"/>
  <c r="D7442" i="2" a="1"/>
  <c r="D7442" i="2" s="1"/>
  <c r="H4502" i="2" a="1"/>
  <c r="H4502" i="2" s="1"/>
  <c r="G2329" i="2" a="1"/>
  <c r="G2329" i="2" s="1"/>
  <c r="D6504" i="2" a="1"/>
  <c r="D6504" i="2" s="1"/>
  <c r="G2811" i="2" a="1"/>
  <c r="G2811" i="2" s="1"/>
  <c r="H2070" i="2" a="1"/>
  <c r="H2070" i="2" s="1"/>
  <c r="H2414" i="2" a="1"/>
  <c r="H2414" i="2" s="1"/>
  <c r="G7829" i="2" a="1"/>
  <c r="G7829" i="2" s="1"/>
  <c r="D4631" i="2" a="1"/>
  <c r="D4631" i="2" s="1"/>
  <c r="D5297" i="2" a="1"/>
  <c r="D5297" i="2" s="1"/>
  <c r="F7093" i="2" a="1"/>
  <c r="F7093" i="2" s="1"/>
  <c r="F2213" i="2" a="1"/>
  <c r="F2213" i="2" s="1"/>
  <c r="G695" i="2" a="1"/>
  <c r="G695" i="2" s="1"/>
  <c r="G1184" i="2" a="1"/>
  <c r="G1184" i="2" s="1"/>
  <c r="H2207" i="2" a="1"/>
  <c r="H2207" i="2" s="1"/>
  <c r="D4860" i="2" a="1"/>
  <c r="D4860" i="2" s="1"/>
  <c r="F3927" i="2" a="1"/>
  <c r="F3927" i="2" s="1"/>
  <c r="D7989" i="2" a="1"/>
  <c r="D7989" i="2" s="1"/>
  <c r="E3960" i="2" a="1"/>
  <c r="E3960" i="2" s="1"/>
  <c r="AM359" i="1"/>
  <c r="AM166" i="1"/>
  <c r="H980" i="2" a="1"/>
  <c r="H980" i="2" s="1"/>
  <c r="AQ241" i="1"/>
  <c r="G247" i="5" s="1"/>
  <c r="D857" i="2" a="1"/>
  <c r="D857" i="2" s="1"/>
  <c r="AN222" i="1"/>
  <c r="D228" i="5" s="1"/>
  <c r="G4520" i="2" a="1"/>
  <c r="G4520" i="2" s="1"/>
  <c r="H1928" i="2" a="1"/>
  <c r="H1928" i="2" s="1"/>
  <c r="G3966" i="2" a="1"/>
  <c r="G3966" i="2" s="1"/>
  <c r="D633" i="2" a="1"/>
  <c r="D633" i="2" s="1"/>
  <c r="D6750" i="2" a="1"/>
  <c r="D6750" i="2" s="1"/>
  <c r="H3421" i="2" a="1"/>
  <c r="H3421" i="2" s="1"/>
  <c r="D795" i="2" a="1"/>
  <c r="D795" i="2" s="1"/>
  <c r="D7619" i="2" a="1"/>
  <c r="D7619" i="2" s="1"/>
  <c r="AQ318" i="1"/>
  <c r="G324" i="5" s="1"/>
  <c r="H6037" i="2" a="1"/>
  <c r="H6037" i="2" s="1"/>
  <c r="H6053" i="2" a="1"/>
  <c r="H6053" i="2" s="1"/>
  <c r="G6962" i="2" a="1"/>
  <c r="G6962" i="2" s="1"/>
  <c r="AP283" i="1"/>
  <c r="F289" i="5" s="1"/>
  <c r="H8728" i="2" a="1"/>
  <c r="H8728" i="2" s="1"/>
  <c r="H8724" i="2" a="1"/>
  <c r="H8724" i="2" s="1"/>
  <c r="H4550" i="2" a="1"/>
  <c r="H4550" i="2" s="1"/>
  <c r="H2990" i="2" a="1"/>
  <c r="H2990" i="2" s="1"/>
  <c r="H5677" i="2" a="1"/>
  <c r="H5677" i="2" s="1"/>
  <c r="D5421" i="2" a="1"/>
  <c r="D5421" i="2" s="1"/>
  <c r="D6354" i="2" a="1"/>
  <c r="D6354" i="2" s="1"/>
  <c r="D7186" i="2" a="1"/>
  <c r="D7186" i="2" s="1"/>
  <c r="D6705" i="2" a="1"/>
  <c r="D6705" i="2" s="1"/>
  <c r="G2215" i="2" a="1"/>
  <c r="G2215" i="2" s="1"/>
  <c r="G7897" i="2" a="1"/>
  <c r="G7897" i="2" s="1"/>
  <c r="F2150" i="2" a="1"/>
  <c r="F2150" i="2" s="1"/>
  <c r="D7430" i="2" a="1"/>
  <c r="D7430" i="2" s="1"/>
  <c r="H4516" i="2" a="1"/>
  <c r="H4516" i="2" s="1"/>
  <c r="D6490" i="2" a="1"/>
  <c r="D6490" i="2" s="1"/>
  <c r="D4627" i="2" a="1"/>
  <c r="D4627" i="2" s="1"/>
  <c r="F7097" i="2" a="1"/>
  <c r="F7097" i="2" s="1"/>
  <c r="F2198" i="2" a="1"/>
  <c r="F2198" i="2" s="1"/>
  <c r="G702" i="2" a="1"/>
  <c r="G702" i="2" s="1"/>
  <c r="H2213" i="2" a="1"/>
  <c r="H2213" i="2" s="1"/>
  <c r="F3935" i="2" a="1"/>
  <c r="F3935" i="2" s="1"/>
  <c r="D7988" i="2" a="1"/>
  <c r="D7988" i="2" s="1"/>
  <c r="E3959" i="2" a="1"/>
  <c r="E3959" i="2" s="1"/>
  <c r="AP359" i="1"/>
  <c r="F365" i="5" s="1"/>
  <c r="AQ166" i="1"/>
  <c r="G172" i="5" s="1"/>
  <c r="H974" i="2" a="1"/>
  <c r="H974" i="2" s="1"/>
  <c r="AN241" i="1"/>
  <c r="D869" i="2" a="1"/>
  <c r="D869" i="2" s="1"/>
  <c r="AP222" i="1"/>
  <c r="F228" i="5" s="1"/>
  <c r="G4735" i="2" a="1"/>
  <c r="G4735" i="2" s="1"/>
  <c r="G4499" i="2" a="1"/>
  <c r="G4499" i="2" s="1"/>
  <c r="H1925" i="2" a="1"/>
  <c r="H1925" i="2" s="1"/>
  <c r="G3955" i="2" a="1"/>
  <c r="G3955" i="2" s="1"/>
  <c r="D610" i="2" a="1"/>
  <c r="D610" i="2" s="1"/>
  <c r="F8208" i="2" a="1"/>
  <c r="F8208" i="2" s="1"/>
  <c r="D801" i="2" a="1"/>
  <c r="D801" i="2" s="1"/>
  <c r="H3200" i="2" a="1"/>
  <c r="H3200" i="2" s="1"/>
  <c r="E4333" i="2" a="1"/>
  <c r="E4333" i="2" s="1"/>
  <c r="D7633" i="2" a="1"/>
  <c r="D7633" i="2" s="1"/>
  <c r="AN318" i="1"/>
  <c r="D324" i="5" s="1"/>
  <c r="D3648" i="2" a="1"/>
  <c r="D3648" i="2" s="1"/>
  <c r="D5262" i="2" a="1"/>
  <c r="D5262" i="2" s="1"/>
  <c r="H7744" i="2" a="1"/>
  <c r="H7744" i="2" s="1"/>
  <c r="H6048" i="2" a="1"/>
  <c r="H6048" i="2" s="1"/>
  <c r="H6038" i="2" a="1"/>
  <c r="H6038" i="2" s="1"/>
  <c r="G6954" i="2" a="1"/>
  <c r="G6954" i="2" s="1"/>
  <c r="AN283" i="1"/>
  <c r="E364" i="2" a="1"/>
  <c r="E364" i="2" s="1"/>
  <c r="H8732" i="2" a="1"/>
  <c r="H8732" i="2" s="1"/>
  <c r="H8726" i="2" a="1"/>
  <c r="H8726" i="2" s="1"/>
  <c r="H4553" i="2" a="1"/>
  <c r="H4553" i="2" s="1"/>
  <c r="H3004" i="2" a="1"/>
  <c r="H3004" i="2" s="1"/>
  <c r="H5681" i="2" a="1"/>
  <c r="H5681" i="2" s="1"/>
  <c r="D5432" i="2" a="1"/>
  <c r="D5432" i="2" s="1"/>
  <c r="F807" i="2" a="1"/>
  <c r="F807" i="2" s="1"/>
  <c r="D6362" i="2" a="1"/>
  <c r="D6362" i="2" s="1"/>
  <c r="D7198" i="2" a="1"/>
  <c r="D7198" i="2" s="1"/>
  <c r="D6693" i="2" a="1"/>
  <c r="D6693" i="2" s="1"/>
  <c r="G2206" i="2" a="1"/>
  <c r="G2206" i="2" s="1"/>
  <c r="G7893" i="2" a="1"/>
  <c r="G7893" i="2" s="1"/>
  <c r="F2146" i="2" a="1"/>
  <c r="F2146" i="2" s="1"/>
  <c r="D7448" i="2" a="1"/>
  <c r="D7448" i="2" s="1"/>
  <c r="H4509" i="2" a="1"/>
  <c r="H4509" i="2" s="1"/>
  <c r="G2317" i="2" a="1"/>
  <c r="G2317" i="2" s="1"/>
  <c r="D6499" i="2" a="1"/>
  <c r="D6499" i="2" s="1"/>
  <c r="G2810" i="2" a="1"/>
  <c r="G2810" i="2" s="1"/>
  <c r="H2072" i="2" a="1"/>
  <c r="H2072" i="2" s="1"/>
  <c r="H2433" i="2" a="1"/>
  <c r="H2433" i="2" s="1"/>
  <c r="D4623" i="2" a="1"/>
  <c r="D4623" i="2" s="1"/>
  <c r="D5290" i="2" a="1"/>
  <c r="D5290" i="2" s="1"/>
  <c r="F7104" i="2" a="1"/>
  <c r="F7104" i="2" s="1"/>
  <c r="F2208" i="2" a="1"/>
  <c r="F2208" i="2" s="1"/>
  <c r="G693" i="2" a="1"/>
  <c r="G693" i="2" s="1"/>
  <c r="G1185" i="2" a="1"/>
  <c r="G1185" i="2" s="1"/>
  <c r="H2206" i="2" a="1"/>
  <c r="H2206" i="2" s="1"/>
  <c r="D4866" i="2" a="1"/>
  <c r="D4866" i="2" s="1"/>
  <c r="F3932" i="2" a="1"/>
  <c r="F3932" i="2" s="1"/>
  <c r="D7981" i="2" a="1"/>
  <c r="D7981" i="2" s="1"/>
  <c r="E3953" i="2" a="1"/>
  <c r="E3953" i="2" s="1"/>
  <c r="H990" i="2" a="1"/>
  <c r="H990" i="2" s="1"/>
  <c r="D853" i="2" a="1"/>
  <c r="D853" i="2" s="1"/>
  <c r="D8021" i="2" a="1"/>
  <c r="D8021" i="2" s="1"/>
  <c r="F7217" i="2" a="1"/>
  <c r="F7217" i="2" s="1"/>
  <c r="G4722" i="2" a="1"/>
  <c r="G4722" i="2" s="1"/>
  <c r="G4498" i="2" a="1"/>
  <c r="G4498" i="2" s="1"/>
  <c r="H1912" i="2" a="1"/>
  <c r="H1912" i="2" s="1"/>
  <c r="G3969" i="2" a="1"/>
  <c r="G3969" i="2" s="1"/>
  <c r="D626" i="2" a="1"/>
  <c r="D626" i="2" s="1"/>
  <c r="F8203" i="2" a="1"/>
  <c r="F8203" i="2" s="1"/>
  <c r="H3178" i="2" a="1"/>
  <c r="H3178" i="2" s="1"/>
  <c r="E4351" i="2" a="1"/>
  <c r="E4351" i="2" s="1"/>
  <c r="D7640" i="2" a="1"/>
  <c r="D7640" i="2" s="1"/>
  <c r="AP318" i="1"/>
  <c r="F324" i="5" s="1"/>
  <c r="D2391" i="2" a="1"/>
  <c r="D2391" i="2" s="1"/>
  <c r="E3108" i="2" a="1"/>
  <c r="E3108" i="2" s="1"/>
  <c r="D3640" i="2" a="1"/>
  <c r="D3640" i="2" s="1"/>
  <c r="E3512" i="2" a="1"/>
  <c r="E3512" i="2" s="1"/>
  <c r="E3506" i="2" a="1"/>
  <c r="E3506" i="2" s="1"/>
  <c r="D5258" i="2" a="1"/>
  <c r="D5258" i="2" s="1"/>
  <c r="H7748" i="2" a="1"/>
  <c r="H7748" i="2" s="1"/>
  <c r="H6051" i="2" a="1"/>
  <c r="H6051" i="2" s="1"/>
  <c r="H6049" i="2" a="1"/>
  <c r="H6049" i="2" s="1"/>
  <c r="G6956" i="2" a="1"/>
  <c r="G6956" i="2" s="1"/>
  <c r="E351" i="2" a="1"/>
  <c r="E351" i="2" s="1"/>
  <c r="H8743" i="2" a="1"/>
  <c r="H8743" i="2" s="1"/>
  <c r="H8729" i="2" a="1"/>
  <c r="H8729" i="2" s="1"/>
  <c r="H4564" i="2" a="1"/>
  <c r="H4564" i="2" s="1"/>
  <c r="H6307" i="2" a="1"/>
  <c r="H6307" i="2" s="1"/>
  <c r="G724" i="2" a="1"/>
  <c r="G724" i="2" s="1"/>
  <c r="H3003" i="2" a="1"/>
  <c r="H3003" i="2" s="1"/>
  <c r="H2994" i="2" a="1"/>
  <c r="H2994" i="2" s="1"/>
  <c r="H5692" i="2" a="1"/>
  <c r="H5692" i="2" s="1"/>
  <c r="D5430" i="2" a="1"/>
  <c r="D5430" i="2" s="1"/>
  <c r="F815" i="2" a="1"/>
  <c r="F815" i="2" s="1"/>
  <c r="D6368" i="2" a="1"/>
  <c r="D6368" i="2" s="1"/>
  <c r="D7196" i="2" a="1"/>
  <c r="D7196" i="2" s="1"/>
  <c r="D6685" i="2" a="1"/>
  <c r="D6685" i="2" s="1"/>
  <c r="G2205" i="2" a="1"/>
  <c r="G2205" i="2" s="1"/>
  <c r="G7896" i="2" a="1"/>
  <c r="G7896" i="2" s="1"/>
  <c r="AM188" i="1"/>
  <c r="C194" i="5" s="1"/>
  <c r="D7440" i="2" a="1"/>
  <c r="D7440" i="2" s="1"/>
  <c r="H4499" i="2" a="1"/>
  <c r="H4499" i="2" s="1"/>
  <c r="G2330" i="2" a="1"/>
  <c r="G2330" i="2" s="1"/>
  <c r="D6492" i="2" a="1"/>
  <c r="D6492" i="2" s="1"/>
  <c r="G2800" i="2" a="1"/>
  <c r="G2800" i="2" s="1"/>
  <c r="H2063" i="2" a="1"/>
  <c r="H2063" i="2" s="1"/>
  <c r="H2430" i="2" a="1"/>
  <c r="H2430" i="2" s="1"/>
  <c r="D4619" i="2" a="1"/>
  <c r="D4619" i="2" s="1"/>
  <c r="D5307" i="2" a="1"/>
  <c r="D5307" i="2" s="1"/>
  <c r="F7091" i="2" a="1"/>
  <c r="F7091" i="2" s="1"/>
  <c r="F2217" i="2" a="1"/>
  <c r="F2217" i="2" s="1"/>
  <c r="G694" i="2" a="1"/>
  <c r="G694" i="2" s="1"/>
  <c r="G1180" i="2" a="1"/>
  <c r="G1180" i="2" s="1"/>
  <c r="H2216" i="2" a="1"/>
  <c r="H2216" i="2" s="1"/>
  <c r="D4863" i="2" a="1"/>
  <c r="D4863" i="2" s="1"/>
  <c r="F3937" i="2" a="1"/>
  <c r="F3937" i="2" s="1"/>
  <c r="D7979" i="2" a="1"/>
  <c r="D7979" i="2" s="1"/>
  <c r="E3947" i="2" a="1"/>
  <c r="E3947" i="2" s="1"/>
  <c r="F5673" i="2" a="1"/>
  <c r="F5673" i="2" s="1"/>
  <c r="H981" i="2" a="1"/>
  <c r="H981" i="2" s="1"/>
  <c r="D870" i="2" a="1"/>
  <c r="D870" i="2" s="1"/>
  <c r="H1967" i="2" a="1"/>
  <c r="H1967" i="2" s="1"/>
  <c r="D8015" i="2" a="1"/>
  <c r="D8015" i="2" s="1"/>
  <c r="F7216" i="2" a="1"/>
  <c r="F7216" i="2" s="1"/>
  <c r="G4714" i="2" a="1"/>
  <c r="G4714" i="2" s="1"/>
  <c r="G4514" i="2" a="1"/>
  <c r="G4514" i="2" s="1"/>
  <c r="H1924" i="2" a="1"/>
  <c r="H1924" i="2" s="1"/>
  <c r="G3967" i="2" a="1"/>
  <c r="G3967" i="2" s="1"/>
  <c r="E2263" i="2" a="1"/>
  <c r="E2263" i="2" s="1"/>
  <c r="F8676" i="2" a="1"/>
  <c r="F8676" i="2" s="1"/>
  <c r="H385" i="2" a="1"/>
  <c r="H385" i="2" s="1"/>
  <c r="H3195" i="2" a="1"/>
  <c r="H3195" i="2" s="1"/>
  <c r="E4347" i="2" a="1"/>
  <c r="E4347" i="2" s="1"/>
  <c r="D7632" i="2" a="1"/>
  <c r="D7632" i="2" s="1"/>
  <c r="AO318" i="1"/>
  <c r="E324" i="5" s="1"/>
  <c r="D2408" i="2" a="1"/>
  <c r="D2408" i="2" s="1"/>
  <c r="E3125" i="2" a="1"/>
  <c r="E3125" i="2" s="1"/>
  <c r="D3646" i="2" a="1"/>
  <c r="D3646" i="2" s="1"/>
  <c r="E3491" i="2" a="1"/>
  <c r="E3491" i="2" s="1"/>
  <c r="E3498" i="2" a="1"/>
  <c r="E3498" i="2" s="1"/>
  <c r="D5254" i="2" a="1"/>
  <c r="D5254" i="2" s="1"/>
  <c r="H7752" i="2" a="1"/>
  <c r="H7752" i="2" s="1"/>
  <c r="H6039" i="2" a="1"/>
  <c r="H6039" i="2" s="1"/>
  <c r="G6961" i="2" a="1"/>
  <c r="G6961" i="2" s="1"/>
  <c r="E359" i="2" a="1"/>
  <c r="E359" i="2" s="1"/>
  <c r="H8723" i="2" a="1"/>
  <c r="H8723" i="2" s="1"/>
  <c r="H4561" i="2" a="1"/>
  <c r="H4561" i="2" s="1"/>
  <c r="H6305" i="2" a="1"/>
  <c r="H6305" i="2" s="1"/>
  <c r="G727" i="2" a="1"/>
  <c r="G727" i="2" s="1"/>
  <c r="H2987" i="2" a="1"/>
  <c r="H2987" i="2" s="1"/>
  <c r="H2986" i="2" a="1"/>
  <c r="H2986" i="2" s="1"/>
  <c r="G6862" i="2" a="1"/>
  <c r="G6862" i="2" s="1"/>
  <c r="H5691" i="2" a="1"/>
  <c r="H5691" i="2" s="1"/>
  <c r="D5428" i="2" a="1"/>
  <c r="D5428" i="2" s="1"/>
  <c r="F818" i="2" a="1"/>
  <c r="F818" i="2" s="1"/>
  <c r="D6364" i="2" a="1"/>
  <c r="D6364" i="2" s="1"/>
  <c r="D7195" i="2" a="1"/>
  <c r="D7195" i="2" s="1"/>
  <c r="D6699" i="2" a="1"/>
  <c r="D6699" i="2" s="1"/>
  <c r="G2214" i="2" a="1"/>
  <c r="G2214" i="2" s="1"/>
  <c r="G7900" i="2" a="1"/>
  <c r="G7900" i="2" s="1"/>
  <c r="F2162" i="2" a="1"/>
  <c r="F2162" i="2" s="1"/>
  <c r="AP188" i="1"/>
  <c r="F194" i="5" s="1"/>
  <c r="D7428" i="2" a="1"/>
  <c r="D7428" i="2" s="1"/>
  <c r="H4501" i="2" a="1"/>
  <c r="H4501" i="2" s="1"/>
  <c r="G2327" i="2" a="1"/>
  <c r="G2327" i="2" s="1"/>
  <c r="D6506" i="2" a="1"/>
  <c r="D6506" i="2" s="1"/>
  <c r="G2796" i="2" a="1"/>
  <c r="G2796" i="2" s="1"/>
  <c r="H2069" i="2" a="1"/>
  <c r="H2069" i="2" s="1"/>
  <c r="H2431" i="2" a="1"/>
  <c r="H2431" i="2" s="1"/>
  <c r="G7818" i="2" a="1"/>
  <c r="G7818" i="2" s="1"/>
  <c r="AM193" i="1"/>
  <c r="C199" i="5" s="1"/>
  <c r="D5294" i="2" a="1"/>
  <c r="D5294" i="2" s="1"/>
  <c r="F7109" i="2" a="1"/>
  <c r="F7109" i="2" s="1"/>
  <c r="F2203" i="2" a="1"/>
  <c r="F2203" i="2" s="1"/>
  <c r="G688" i="2" a="1"/>
  <c r="G688" i="2" s="1"/>
  <c r="G1168" i="2" a="1"/>
  <c r="G1168" i="2" s="1"/>
  <c r="H2204" i="2" a="1"/>
  <c r="H2204" i="2" s="1"/>
  <c r="D4862" i="2" a="1"/>
  <c r="D4862" i="2" s="1"/>
  <c r="F3936" i="2" a="1"/>
  <c r="F3936" i="2" s="1"/>
  <c r="D7993" i="2" a="1"/>
  <c r="D7993" i="2" s="1"/>
  <c r="E3967" i="2" a="1"/>
  <c r="E3967" i="2" s="1"/>
  <c r="F5655" i="2" a="1"/>
  <c r="F5655" i="2" s="1"/>
  <c r="H992" i="2" a="1"/>
  <c r="H992" i="2" s="1"/>
  <c r="D4223" i="2" a="1"/>
  <c r="D4223" i="2" s="1"/>
  <c r="D861" i="2" a="1"/>
  <c r="D861" i="2" s="1"/>
  <c r="H1954" i="2" a="1"/>
  <c r="H1954" i="2" s="1"/>
  <c r="D8005" i="2" a="1"/>
  <c r="D8005" i="2" s="1"/>
  <c r="F7210" i="2" a="1"/>
  <c r="F7210" i="2" s="1"/>
  <c r="G4730" i="2" a="1"/>
  <c r="G4730" i="2" s="1"/>
  <c r="E2265" i="2" a="1"/>
  <c r="E2265" i="2" s="1"/>
  <c r="F8691" i="2" a="1"/>
  <c r="F8691" i="2" s="1"/>
  <c r="G4865" i="2" a="1"/>
  <c r="G4865" i="2" s="1"/>
  <c r="H392" i="2" a="1"/>
  <c r="H392" i="2" s="1"/>
  <c r="AP135" i="1"/>
  <c r="F4327" i="2" a="1"/>
  <c r="F4327" i="2" s="1"/>
  <c r="AN251" i="1"/>
  <c r="D257" i="5" s="1"/>
  <c r="D4830" i="2" a="1"/>
  <c r="D4830" i="2" s="1"/>
  <c r="D4821" i="2" a="1"/>
  <c r="D4821" i="2" s="1"/>
  <c r="H3187" i="2" a="1"/>
  <c r="H3187" i="2" s="1"/>
  <c r="E4342" i="2" a="1"/>
  <c r="E4342" i="2" s="1"/>
  <c r="D7628" i="2" a="1"/>
  <c r="D7628" i="2" s="1"/>
  <c r="H7880" i="2" a="1"/>
  <c r="H7880" i="2" s="1"/>
  <c r="D2388" i="2" a="1"/>
  <c r="D2388" i="2" s="1"/>
  <c r="E3112" i="2" a="1"/>
  <c r="E3112" i="2" s="1"/>
  <c r="D3634" i="2" a="1"/>
  <c r="D3634" i="2" s="1"/>
  <c r="E3503" i="2" a="1"/>
  <c r="E3503" i="2" s="1"/>
  <c r="E3505" i="2" a="1"/>
  <c r="E3505" i="2" s="1"/>
  <c r="D5250" i="2" a="1"/>
  <c r="D5250" i="2" s="1"/>
  <c r="H7759" i="2" a="1"/>
  <c r="H7759" i="2" s="1"/>
  <c r="H6055" i="2" a="1"/>
  <c r="H6055" i="2" s="1"/>
  <c r="G6953" i="2" a="1"/>
  <c r="G6953" i="2" s="1"/>
  <c r="AM90" i="1"/>
  <c r="C96" i="5" s="1"/>
  <c r="E348" i="2" a="1"/>
  <c r="E348" i="2" s="1"/>
  <c r="H8742" i="2" a="1"/>
  <c r="H8742" i="2" s="1"/>
  <c r="H4549" i="2" a="1"/>
  <c r="H4549" i="2" s="1"/>
  <c r="H6300" i="2" a="1"/>
  <c r="H6300" i="2" s="1"/>
  <c r="G722" i="2" a="1"/>
  <c r="G722" i="2" s="1"/>
  <c r="H3009" i="2" a="1"/>
  <c r="H3009" i="2" s="1"/>
  <c r="G6872" i="2" a="1"/>
  <c r="G6872" i="2" s="1"/>
  <c r="G1293" i="2" a="1"/>
  <c r="G1293" i="2" s="1"/>
  <c r="H5685" i="2" a="1"/>
  <c r="H5685" i="2" s="1"/>
  <c r="D5424" i="2" a="1"/>
  <c r="D5424" i="2" s="1"/>
  <c r="F823" i="2" a="1"/>
  <c r="F823" i="2" s="1"/>
  <c r="D6360" i="2" a="1"/>
  <c r="D6360" i="2" s="1"/>
  <c r="D7192" i="2" a="1"/>
  <c r="D7192" i="2" s="1"/>
  <c r="D6691" i="2" a="1"/>
  <c r="D6691" i="2" s="1"/>
  <c r="G2195" i="2" a="1"/>
  <c r="G2195" i="2" s="1"/>
  <c r="G7890" i="2" a="1"/>
  <c r="G7890" i="2" s="1"/>
  <c r="F2159" i="2" a="1"/>
  <c r="F2159" i="2" s="1"/>
  <c r="AN188" i="1"/>
  <c r="D194" i="5" s="1"/>
  <c r="D7443" i="2" a="1"/>
  <c r="D7443" i="2" s="1"/>
  <c r="H4515" i="2" a="1"/>
  <c r="H4515" i="2" s="1"/>
  <c r="G2323" i="2" a="1"/>
  <c r="G2323" i="2" s="1"/>
  <c r="D6498" i="2" a="1"/>
  <c r="D6498" i="2" s="1"/>
  <c r="G2813" i="2" a="1"/>
  <c r="G2813" i="2" s="1"/>
  <c r="H2073" i="2" a="1"/>
  <c r="H2073" i="2" s="1"/>
  <c r="G7826" i="2" a="1"/>
  <c r="G7826" i="2" s="1"/>
  <c r="AO193" i="1"/>
  <c r="D5310" i="2" a="1"/>
  <c r="D5310" i="2" s="1"/>
  <c r="F7092" i="2" a="1"/>
  <c r="F7092" i="2" s="1"/>
  <c r="F2207" i="2" a="1"/>
  <c r="F2207" i="2" s="1"/>
  <c r="G704" i="2" a="1"/>
  <c r="G704" i="2" s="1"/>
  <c r="G1169" i="2" a="1"/>
  <c r="G1169" i="2" s="1"/>
  <c r="H2212" i="2" a="1"/>
  <c r="H2212" i="2" s="1"/>
  <c r="D4864" i="2" a="1"/>
  <c r="D4864" i="2" s="1"/>
  <c r="F3928" i="2" a="1"/>
  <c r="F3928" i="2" s="1"/>
  <c r="D7978" i="2" a="1"/>
  <c r="D7978" i="2" s="1"/>
  <c r="E3951" i="2" a="1"/>
  <c r="E3951" i="2" s="1"/>
  <c r="F5671" i="2" a="1"/>
  <c r="F5671" i="2" s="1"/>
  <c r="H976" i="2" a="1"/>
  <c r="H976" i="2" s="1"/>
  <c r="D4211" i="2" a="1"/>
  <c r="D4211" i="2" s="1"/>
  <c r="H1973" i="2" a="1"/>
  <c r="H1973" i="2" s="1"/>
  <c r="F1551" i="2" a="1"/>
  <c r="F1551" i="2" s="1"/>
  <c r="D8013" i="2" a="1"/>
  <c r="D8013" i="2" s="1"/>
  <c r="F7226" i="2" a="1"/>
  <c r="F7226" i="2" s="1"/>
  <c r="G4733" i="2" a="1"/>
  <c r="G4733" i="2" s="1"/>
  <c r="G3226" i="2" a="1"/>
  <c r="G3226" i="2" s="1"/>
  <c r="AO248" i="1"/>
  <c r="AP251" i="1"/>
  <c r="F257" i="5" s="1"/>
  <c r="D4826" i="2" a="1"/>
  <c r="D4826" i="2" s="1"/>
  <c r="D4813" i="2" a="1"/>
  <c r="D4813" i="2" s="1"/>
  <c r="H3198" i="2" a="1"/>
  <c r="H3198" i="2" s="1"/>
  <c r="E4341" i="2" a="1"/>
  <c r="E4341" i="2" s="1"/>
  <c r="D7624" i="2" a="1"/>
  <c r="D7624" i="2" s="1"/>
  <c r="D2404" i="2" a="1"/>
  <c r="D2404" i="2" s="1"/>
  <c r="E3124" i="2" a="1"/>
  <c r="E3124" i="2" s="1"/>
  <c r="D3642" i="2" a="1"/>
  <c r="D3642" i="2" s="1"/>
  <c r="E3490" i="2" a="1"/>
  <c r="E3490" i="2" s="1"/>
  <c r="E3510" i="2" a="1"/>
  <c r="E3510" i="2" s="1"/>
  <c r="D5246" i="2" a="1"/>
  <c r="D5246" i="2" s="1"/>
  <c r="H7753" i="2" a="1"/>
  <c r="H7753" i="2" s="1"/>
  <c r="H6050" i="2" a="1"/>
  <c r="H6050" i="2" s="1"/>
  <c r="G6949" i="2" a="1"/>
  <c r="G6949" i="2" s="1"/>
  <c r="AQ90" i="1"/>
  <c r="G96" i="5" s="1"/>
  <c r="E355" i="2" a="1"/>
  <c r="E355" i="2" s="1"/>
  <c r="H8738" i="2" a="1"/>
  <c r="H8738" i="2" s="1"/>
  <c r="H4547" i="2" a="1"/>
  <c r="H4547" i="2" s="1"/>
  <c r="H6315" i="2" a="1"/>
  <c r="H6315" i="2" s="1"/>
  <c r="G709" i="2" a="1"/>
  <c r="G709" i="2" s="1"/>
  <c r="H3002" i="2" a="1"/>
  <c r="H3002" i="2" s="1"/>
  <c r="G6860" i="2" a="1"/>
  <c r="G6860" i="2" s="1"/>
  <c r="G1298" i="2" a="1"/>
  <c r="G1298" i="2" s="1"/>
  <c r="H5674" i="2" a="1"/>
  <c r="H5674" i="2" s="1"/>
  <c r="H5675" i="2" a="1"/>
  <c r="H5675" i="2" s="1"/>
  <c r="D5420" i="2" a="1"/>
  <c r="D5420" i="2" s="1"/>
  <c r="F820" i="2" a="1"/>
  <c r="F820" i="2" s="1"/>
  <c r="D6356" i="2" a="1"/>
  <c r="D6356" i="2" s="1"/>
  <c r="D7199" i="2" a="1"/>
  <c r="D7199" i="2" s="1"/>
  <c r="D6682" i="2" a="1"/>
  <c r="D6682" i="2" s="1"/>
  <c r="G2196" i="2" a="1"/>
  <c r="G2196" i="2" s="1"/>
  <c r="G7887" i="2" a="1"/>
  <c r="G7887" i="2" s="1"/>
  <c r="F2149" i="2" a="1"/>
  <c r="F2149" i="2" s="1"/>
  <c r="AQ188" i="1"/>
  <c r="G194" i="5" s="1"/>
  <c r="D7441" i="2" a="1"/>
  <c r="D7441" i="2" s="1"/>
  <c r="H4500" i="2" a="1"/>
  <c r="H4500" i="2" s="1"/>
  <c r="G2316" i="2" a="1"/>
  <c r="G2316" i="2" s="1"/>
  <c r="D6491" i="2" a="1"/>
  <c r="D6491" i="2" s="1"/>
  <c r="G2798" i="2" a="1"/>
  <c r="G2798" i="2" s="1"/>
  <c r="H2068" i="2" a="1"/>
  <c r="H2068" i="2" s="1"/>
  <c r="G7811" i="2" a="1"/>
  <c r="G7811" i="2" s="1"/>
  <c r="D4629" i="2" a="1"/>
  <c r="D4629" i="2" s="1"/>
  <c r="AQ193" i="1"/>
  <c r="G199" i="5" s="1"/>
  <c r="D5302" i="2" a="1"/>
  <c r="D5302" i="2" s="1"/>
  <c r="F7106" i="2" a="1"/>
  <c r="F7106" i="2" s="1"/>
  <c r="F2214" i="2" a="1"/>
  <c r="F2214" i="2" s="1"/>
  <c r="G689" i="2" a="1"/>
  <c r="G689" i="2" s="1"/>
  <c r="G1171" i="2" a="1"/>
  <c r="G1171" i="2" s="1"/>
  <c r="H2211" i="2" a="1"/>
  <c r="H2211" i="2" s="1"/>
  <c r="D4876" i="2" a="1"/>
  <c r="D4876" i="2" s="1"/>
  <c r="F3943" i="2" a="1"/>
  <c r="F3943" i="2" s="1"/>
  <c r="D7999" i="2" a="1"/>
  <c r="D7999" i="2" s="1"/>
  <c r="F5660" i="2" a="1"/>
  <c r="F5660" i="2" s="1"/>
  <c r="H971" i="2" a="1"/>
  <c r="H971" i="2" s="1"/>
  <c r="D4218" i="2" a="1"/>
  <c r="D4218" i="2" s="1"/>
  <c r="D7261" i="2" a="1"/>
  <c r="D7261" i="2" s="1"/>
  <c r="H1958" i="2" a="1"/>
  <c r="H1958" i="2" s="1"/>
  <c r="F1564" i="2" a="1"/>
  <c r="F1564" i="2" s="1"/>
  <c r="D8010" i="2" a="1"/>
  <c r="D8010" i="2" s="1"/>
  <c r="F7232" i="2" a="1"/>
  <c r="F7232" i="2" s="1"/>
  <c r="G4729" i="2" a="1"/>
  <c r="G4729" i="2" s="1"/>
  <c r="D7851" i="2" a="1"/>
  <c r="D7851" i="2" s="1"/>
  <c r="F5798" i="2" a="1"/>
  <c r="F5798" i="2" s="1"/>
  <c r="H7711" i="2" a="1"/>
  <c r="H7711" i="2" s="1"/>
  <c r="H1858" i="2" a="1"/>
  <c r="H1858" i="2" s="1"/>
  <c r="D4822" i="2" a="1"/>
  <c r="D4822" i="2" s="1"/>
  <c r="E3494" i="2" a="1"/>
  <c r="E3494" i="2" s="1"/>
  <c r="AN90" i="1"/>
  <c r="D96" i="5" s="1"/>
  <c r="E347" i="2" a="1"/>
  <c r="E347" i="2" s="1"/>
  <c r="H8722" i="2" a="1"/>
  <c r="H8722" i="2" s="1"/>
  <c r="H4567" i="2" a="1"/>
  <c r="H4567" i="2" s="1"/>
  <c r="H6314" i="2" a="1"/>
  <c r="H6314" i="2" s="1"/>
  <c r="G725" i="2" a="1"/>
  <c r="G725" i="2" s="1"/>
  <c r="H2988" i="2" a="1"/>
  <c r="H2988" i="2" s="1"/>
  <c r="H5679" i="2" a="1"/>
  <c r="H5679" i="2" s="1"/>
  <c r="H5684" i="2" a="1"/>
  <c r="H5684" i="2" s="1"/>
  <c r="D5416" i="2" a="1"/>
  <c r="D5416" i="2" s="1"/>
  <c r="F825" i="2" a="1"/>
  <c r="F825" i="2" s="1"/>
  <c r="D6352" i="2" a="1"/>
  <c r="D6352" i="2" s="1"/>
  <c r="D7208" i="2" a="1"/>
  <c r="D7208" i="2" s="1"/>
  <c r="D6700" i="2" a="1"/>
  <c r="D6700" i="2" s="1"/>
  <c r="G2202" i="2" a="1"/>
  <c r="G2202" i="2" s="1"/>
  <c r="G7885" i="2" a="1"/>
  <c r="G7885" i="2" s="1"/>
  <c r="F2155" i="2" a="1"/>
  <c r="F2155" i="2" s="1"/>
  <c r="D7433" i="2" a="1"/>
  <c r="D7433" i="2" s="1"/>
  <c r="H4506" i="2" a="1"/>
  <c r="H4506" i="2" s="1"/>
  <c r="G2332" i="2" a="1"/>
  <c r="G2332" i="2" s="1"/>
  <c r="D6509" i="2" a="1"/>
  <c r="D6509" i="2" s="1"/>
  <c r="G2812" i="2" a="1"/>
  <c r="G2812" i="2" s="1"/>
  <c r="H2058" i="2" a="1"/>
  <c r="H2058" i="2" s="1"/>
  <c r="G7827" i="2" a="1"/>
  <c r="G7827" i="2" s="1"/>
  <c r="D4641" i="2" a="1"/>
  <c r="D4641" i="2" s="1"/>
  <c r="AN193" i="1"/>
  <c r="D199" i="5" s="1"/>
  <c r="D5299" i="2" a="1"/>
  <c r="D5299" i="2" s="1"/>
  <c r="F7105" i="2" a="1"/>
  <c r="F7105" i="2" s="1"/>
  <c r="F2199" i="2" a="1"/>
  <c r="F2199" i="2" s="1"/>
  <c r="G687" i="2" a="1"/>
  <c r="G687" i="2" s="1"/>
  <c r="G1179" i="2" a="1"/>
  <c r="G1179" i="2" s="1"/>
  <c r="H2202" i="2" a="1"/>
  <c r="H2202" i="2" s="1"/>
  <c r="D4870" i="2" a="1"/>
  <c r="D4870" i="2" s="1"/>
  <c r="F3925" i="2" a="1"/>
  <c r="F3925" i="2" s="1"/>
  <c r="D7996" i="2" a="1"/>
  <c r="D7996" i="2" s="1"/>
  <c r="F5662" i="2" a="1"/>
  <c r="F5662" i="2" s="1"/>
  <c r="H984" i="2" a="1"/>
  <c r="H984" i="2" s="1"/>
  <c r="D4229" i="2" a="1"/>
  <c r="D4229" i="2" s="1"/>
  <c r="D7269" i="2" a="1"/>
  <c r="D7269" i="2" s="1"/>
  <c r="H1964" i="2" a="1"/>
  <c r="H1964" i="2" s="1"/>
  <c r="F1559" i="2" a="1"/>
  <c r="F1559" i="2" s="1"/>
  <c r="D8003" i="2" a="1"/>
  <c r="D8003" i="2" s="1"/>
  <c r="F7228" i="2" a="1"/>
  <c r="F7228" i="2" s="1"/>
  <c r="H7686" i="2" a="1"/>
  <c r="H7686" i="2" s="1"/>
  <c r="D7853" i="2" a="1"/>
  <c r="D7853" i="2" s="1"/>
  <c r="F5803" i="2" a="1"/>
  <c r="F5803" i="2" s="1"/>
  <c r="H1862" i="2" a="1"/>
  <c r="H1862" i="2" s="1"/>
  <c r="F5083" i="2" a="1"/>
  <c r="F5083" i="2" s="1"/>
  <c r="F5076" i="2" a="1"/>
  <c r="F5076" i="2" s="1"/>
  <c r="F5079" i="2" a="1"/>
  <c r="F5079" i="2" s="1"/>
  <c r="F5081" i="2" a="1"/>
  <c r="F5081" i="2" s="1"/>
  <c r="F5093" i="2" a="1"/>
  <c r="F5093" i="2" s="1"/>
  <c r="F5085" i="2" a="1"/>
  <c r="F5085" i="2" s="1"/>
  <c r="F5084" i="2" a="1"/>
  <c r="F5084" i="2" s="1"/>
  <c r="F5097" i="2" a="1"/>
  <c r="F5097" i="2" s="1"/>
  <c r="F5080" i="2" a="1"/>
  <c r="F5080" i="2" s="1"/>
  <c r="F5077" i="2" a="1"/>
  <c r="F5077" i="2" s="1"/>
  <c r="D2921" i="2" a="1"/>
  <c r="D2921" i="2" s="1"/>
  <c r="AP122" i="1"/>
  <c r="F128" i="5" s="1"/>
  <c r="D2932" i="2" a="1"/>
  <c r="D2932" i="2" s="1"/>
  <c r="D2918" i="2" a="1"/>
  <c r="D2918" i="2" s="1"/>
  <c r="D2914" i="2" a="1"/>
  <c r="D2914" i="2" s="1"/>
  <c r="D2924" i="2" a="1"/>
  <c r="D2924" i="2" s="1"/>
  <c r="D2922" i="2" a="1"/>
  <c r="D2922" i="2" s="1"/>
  <c r="D2936" i="2" a="1"/>
  <c r="D2936" i="2" s="1"/>
  <c r="D2920" i="2" a="1"/>
  <c r="D2920" i="2" s="1"/>
  <c r="D2923" i="2" a="1"/>
  <c r="D2923" i="2" s="1"/>
  <c r="D2931" i="2" a="1"/>
  <c r="D2931" i="2" s="1"/>
  <c r="D2930" i="2" a="1"/>
  <c r="D2930" i="2" s="1"/>
  <c r="D2937" i="2" a="1"/>
  <c r="D2937" i="2" s="1"/>
  <c r="D2916" i="2" a="1"/>
  <c r="D2916" i="2" s="1"/>
  <c r="D2935" i="2" a="1"/>
  <c r="D2935" i="2" s="1"/>
  <c r="D6054" i="2" a="1"/>
  <c r="D6054" i="2" s="1"/>
  <c r="D6040" i="2" a="1"/>
  <c r="D6040" i="2" s="1"/>
  <c r="D1432" i="2" a="1"/>
  <c r="D1432" i="2" s="1"/>
  <c r="D1437" i="2" a="1"/>
  <c r="D1437" i="2" s="1"/>
  <c r="D1446" i="2" a="1"/>
  <c r="D1446" i="2" s="1"/>
  <c r="D1445" i="2" a="1"/>
  <c r="D1445" i="2" s="1"/>
  <c r="D1426" i="2" a="1"/>
  <c r="D1426" i="2" s="1"/>
  <c r="D1442" i="2" a="1"/>
  <c r="D1442" i="2" s="1"/>
  <c r="D1449" i="2" a="1"/>
  <c r="D1449" i="2" s="1"/>
  <c r="D1427" i="2" a="1"/>
  <c r="D1427" i="2" s="1"/>
  <c r="D1438" i="2" a="1"/>
  <c r="D1438" i="2" s="1"/>
  <c r="D1448" i="2" a="1"/>
  <c r="D1448" i="2" s="1"/>
  <c r="D1444" i="2" a="1"/>
  <c r="D1444" i="2" s="1"/>
  <c r="D1441" i="2" a="1"/>
  <c r="D1441" i="2" s="1"/>
  <c r="D1440" i="2" a="1"/>
  <c r="D1440" i="2" s="1"/>
  <c r="D1447" i="2" a="1"/>
  <c r="D1447" i="2" s="1"/>
  <c r="D1434" i="2" a="1"/>
  <c r="D1434" i="2" s="1"/>
  <c r="AP60" i="1"/>
  <c r="F66" i="5" s="1"/>
  <c r="D1443" i="2" a="1"/>
  <c r="D1443" i="2" s="1"/>
  <c r="AO60" i="1"/>
  <c r="E66" i="5" s="1"/>
  <c r="D1428" i="2" a="1"/>
  <c r="D1428" i="2" s="1"/>
  <c r="D1431" i="2" a="1"/>
  <c r="D1431" i="2" s="1"/>
  <c r="G1876" i="2" a="1"/>
  <c r="G1876" i="2" s="1"/>
  <c r="G1873" i="2" a="1"/>
  <c r="G1873" i="2" s="1"/>
  <c r="G1864" i="2" a="1"/>
  <c r="G1864" i="2" s="1"/>
  <c r="G1866" i="2" a="1"/>
  <c r="G1866" i="2" s="1"/>
  <c r="G1877" i="2" a="1"/>
  <c r="G1877" i="2" s="1"/>
  <c r="G1874" i="2" a="1"/>
  <c r="G1874" i="2" s="1"/>
  <c r="G1867" i="2" a="1"/>
  <c r="G1867" i="2" s="1"/>
  <c r="G1859" i="2" a="1"/>
  <c r="G1859" i="2" s="1"/>
  <c r="G1878" i="2" a="1"/>
  <c r="G1878" i="2" s="1"/>
  <c r="G1869" i="2" a="1"/>
  <c r="G1869" i="2" s="1"/>
  <c r="G1862" i="2" a="1"/>
  <c r="G1862" i="2" s="1"/>
  <c r="G1875" i="2" a="1"/>
  <c r="G1875" i="2" s="1"/>
  <c r="G1858" i="2" a="1"/>
  <c r="G1858" i="2" s="1"/>
  <c r="F388" i="2" a="1"/>
  <c r="F388" i="2" s="1"/>
  <c r="F379" i="2" a="1"/>
  <c r="F379" i="2" s="1"/>
  <c r="F372" i="2" a="1"/>
  <c r="F372" i="2" s="1"/>
  <c r="F374" i="2" a="1"/>
  <c r="F374" i="2" s="1"/>
  <c r="F378" i="2" a="1"/>
  <c r="F378" i="2" s="1"/>
  <c r="F384" i="2" a="1"/>
  <c r="F384" i="2" s="1"/>
  <c r="F393" i="2" a="1"/>
  <c r="F393" i="2" s="1"/>
  <c r="H2297" i="2" a="1"/>
  <c r="H2297" i="2" s="1"/>
  <c r="H2310" i="2" a="1"/>
  <c r="H2310" i="2" s="1"/>
  <c r="H2293" i="2" a="1"/>
  <c r="H2293" i="2" s="1"/>
  <c r="H2313" i="2" a="1"/>
  <c r="H2313" i="2" s="1"/>
  <c r="H2300" i="2" a="1"/>
  <c r="H2300" i="2" s="1"/>
  <c r="H2302" i="2" a="1"/>
  <c r="H2302" i="2" s="1"/>
  <c r="H2305" i="2" a="1"/>
  <c r="H2305" i="2" s="1"/>
  <c r="H2296" i="2" a="1"/>
  <c r="H2296" i="2" s="1"/>
  <c r="H2295" i="2" a="1"/>
  <c r="H2295" i="2" s="1"/>
  <c r="H2290" i="2" a="1"/>
  <c r="H2290" i="2" s="1"/>
  <c r="H2291" i="2" a="1"/>
  <c r="H2291" i="2" s="1"/>
  <c r="H2307" i="2" a="1"/>
  <c r="H2307" i="2" s="1"/>
  <c r="H2309" i="2" a="1"/>
  <c r="H2309" i="2" s="1"/>
  <c r="D7110" i="2" a="1"/>
  <c r="D7110" i="2" s="1"/>
  <c r="D7094" i="2" a="1"/>
  <c r="D7094" i="2" s="1"/>
  <c r="D7099" i="2" a="1"/>
  <c r="D7099" i="2" s="1"/>
  <c r="D7093" i="2" a="1"/>
  <c r="D7093" i="2" s="1"/>
  <c r="D7101" i="2" a="1"/>
  <c r="D7101" i="2" s="1"/>
  <c r="D7105" i="2" a="1"/>
  <c r="D7105" i="2" s="1"/>
  <c r="D7091" i="2" a="1"/>
  <c r="D7091" i="2" s="1"/>
  <c r="D7092" i="2" a="1"/>
  <c r="D7092" i="2" s="1"/>
  <c r="AP74" i="1"/>
  <c r="F80" i="5" s="1"/>
  <c r="AN60" i="1"/>
  <c r="H2306" i="2" a="1"/>
  <c r="H2306" i="2" s="1"/>
  <c r="E8551" i="2" a="1"/>
  <c r="E8551" i="2" s="1"/>
  <c r="E8552" i="2" a="1"/>
  <c r="E8552" i="2" s="1"/>
  <c r="E8535" i="2" a="1"/>
  <c r="E8535" i="2" s="1"/>
  <c r="E8546" i="2" a="1"/>
  <c r="E8546" i="2" s="1"/>
  <c r="E8553" i="2" a="1"/>
  <c r="E8553" i="2" s="1"/>
  <c r="E8533" i="2" a="1"/>
  <c r="E8533" i="2" s="1"/>
  <c r="E8545" i="2" a="1"/>
  <c r="E8545" i="2" s="1"/>
  <c r="E8547" i="2" a="1"/>
  <c r="E8547" i="2" s="1"/>
  <c r="E8544" i="2" a="1"/>
  <c r="E8544" i="2" s="1"/>
  <c r="E8536" i="2" a="1"/>
  <c r="E8536" i="2" s="1"/>
  <c r="E8550" i="2" a="1"/>
  <c r="E8550" i="2" s="1"/>
  <c r="AP97" i="1"/>
  <c r="F103" i="5" s="1"/>
  <c r="AO97" i="1"/>
  <c r="E103" i="5" s="1"/>
  <c r="AM97" i="1"/>
  <c r="AN97" i="1"/>
  <c r="D103" i="5" s="1"/>
  <c r="F852" i="2" a="1"/>
  <c r="F852" i="2" s="1"/>
  <c r="F850" i="2" a="1"/>
  <c r="F850" i="2" s="1"/>
  <c r="F861" i="2" a="1"/>
  <c r="F861" i="2" s="1"/>
  <c r="AP72" i="1"/>
  <c r="F78" i="5" s="1"/>
  <c r="H6254" i="2" a="1"/>
  <c r="H6254" i="2" s="1"/>
  <c r="H6273" i="2" a="1"/>
  <c r="H6273" i="2" s="1"/>
  <c r="H6262" i="2" a="1"/>
  <c r="H6262" i="2" s="1"/>
  <c r="D2695" i="2" a="1"/>
  <c r="D2695" i="2" s="1"/>
  <c r="D2696" i="2" a="1"/>
  <c r="D2696" i="2" s="1"/>
  <c r="G8540" i="2" a="1"/>
  <c r="G8540" i="2" s="1"/>
  <c r="G8553" i="2" a="1"/>
  <c r="G8553" i="2" s="1"/>
  <c r="G8548" i="2" a="1"/>
  <c r="G8548" i="2" s="1"/>
  <c r="D2927" i="2" a="1"/>
  <c r="D2927" i="2" s="1"/>
  <c r="D1435" i="2" a="1"/>
  <c r="D1435" i="2" s="1"/>
  <c r="F5092" i="2" a="1"/>
  <c r="F5092" i="2" s="1"/>
  <c r="AP25" i="1"/>
  <c r="F31" i="5" s="1"/>
  <c r="G5094" i="2" a="1"/>
  <c r="G5094" i="2" s="1"/>
  <c r="AM87" i="1"/>
  <c r="C93" i="5" s="1"/>
  <c r="E2489" i="2" a="1"/>
  <c r="E2489" i="2" s="1"/>
  <c r="E2487" i="2" a="1"/>
  <c r="E2487" i="2" s="1"/>
  <c r="E2504" i="2" a="1"/>
  <c r="E2504" i="2" s="1"/>
  <c r="E2494" i="2" a="1"/>
  <c r="E2494" i="2" s="1"/>
  <c r="E2500" i="2" a="1"/>
  <c r="E2500" i="2" s="1"/>
  <c r="E2486" i="2" a="1"/>
  <c r="E2486" i="2" s="1"/>
  <c r="E2505" i="2" a="1"/>
  <c r="E2505" i="2" s="1"/>
  <c r="E2484" i="2" a="1"/>
  <c r="E2484" i="2" s="1"/>
  <c r="G637" i="2" a="1"/>
  <c r="G637" i="2" s="1"/>
  <c r="G653" i="2" a="1"/>
  <c r="G653" i="2" s="1"/>
  <c r="G636" i="2" a="1"/>
  <c r="G636" i="2" s="1"/>
  <c r="G647" i="2" a="1"/>
  <c r="G647" i="2" s="1"/>
  <c r="F1267" i="2" a="1"/>
  <c r="F1267" i="2" s="1"/>
  <c r="AQ53" i="1"/>
  <c r="G59" i="5" s="1"/>
  <c r="F1266" i="2" a="1"/>
  <c r="F1266" i="2" s="1"/>
  <c r="F1265" i="2" a="1"/>
  <c r="F1265" i="2" s="1"/>
  <c r="E4718" i="2" a="1"/>
  <c r="E4718" i="2" s="1"/>
  <c r="E4714" i="2" a="1"/>
  <c r="E4714" i="2" s="1"/>
  <c r="E4726" i="2" a="1"/>
  <c r="E4726" i="2" s="1"/>
  <c r="E4735" i="2" a="1"/>
  <c r="E4735" i="2" s="1"/>
  <c r="E4730" i="2" a="1"/>
  <c r="E4730" i="2" s="1"/>
  <c r="E4732" i="2" a="1"/>
  <c r="E4732" i="2" s="1"/>
  <c r="E4727" i="2" a="1"/>
  <c r="E4727" i="2" s="1"/>
  <c r="F8651" i="2" a="1"/>
  <c r="F8651" i="2" s="1"/>
  <c r="F8664" i="2" a="1"/>
  <c r="F8664" i="2" s="1"/>
  <c r="F8665" i="2" a="1"/>
  <c r="F8665" i="2" s="1"/>
  <c r="F8666" i="2" a="1"/>
  <c r="F8666" i="2" s="1"/>
  <c r="F8659" i="2" a="1"/>
  <c r="F8659" i="2" s="1"/>
  <c r="F8658" i="2" a="1"/>
  <c r="F8658" i="2" s="1"/>
  <c r="F8653" i="2" a="1"/>
  <c r="F8653" i="2" s="1"/>
  <c r="F8662" i="2" a="1"/>
  <c r="F8662" i="2" s="1"/>
  <c r="F8663" i="2" a="1"/>
  <c r="F8663" i="2" s="1"/>
  <c r="F8655" i="2" a="1"/>
  <c r="F8655" i="2" s="1"/>
  <c r="F8668" i="2" a="1"/>
  <c r="F8668" i="2" s="1"/>
  <c r="F8671" i="2" a="1"/>
  <c r="F8671" i="2" s="1"/>
  <c r="G5837" i="2" a="1"/>
  <c r="G5837" i="2" s="1"/>
  <c r="G5825" i="2" a="1"/>
  <c r="G5825" i="2" s="1"/>
  <c r="G5826" i="2" a="1"/>
  <c r="G5826" i="2" s="1"/>
  <c r="G5820" i="2" a="1"/>
  <c r="G5820" i="2" s="1"/>
  <c r="G5827" i="2" a="1"/>
  <c r="G5827" i="2" s="1"/>
  <c r="G5832" i="2" a="1"/>
  <c r="G5832" i="2" s="1"/>
  <c r="G5839" i="2" a="1"/>
  <c r="G5839" i="2" s="1"/>
  <c r="G5833" i="2" a="1"/>
  <c r="G5833" i="2" s="1"/>
  <c r="G5834" i="2" a="1"/>
  <c r="G5834" i="2" s="1"/>
  <c r="G4128" i="2" a="1"/>
  <c r="G4128" i="2" s="1"/>
  <c r="G4135" i="2" a="1"/>
  <c r="G4135" i="2" s="1"/>
  <c r="G4126" i="2" a="1"/>
  <c r="G4126" i="2" s="1"/>
  <c r="G4132" i="2" a="1"/>
  <c r="G4132" i="2" s="1"/>
  <c r="G4131" i="2" a="1"/>
  <c r="G4131" i="2" s="1"/>
  <c r="G4115" i="2" a="1"/>
  <c r="G4115" i="2" s="1"/>
  <c r="G4119" i="2" a="1"/>
  <c r="G4119" i="2" s="1"/>
  <c r="G4122" i="2" a="1"/>
  <c r="G4122" i="2" s="1"/>
  <c r="G4124" i="2" a="1"/>
  <c r="G4124" i="2" s="1"/>
  <c r="G4125" i="2" a="1"/>
  <c r="G4125" i="2" s="1"/>
  <c r="H5035" i="2" a="1"/>
  <c r="H5035" i="2" s="1"/>
  <c r="H5047" i="2" a="1"/>
  <c r="H5047" i="2" s="1"/>
  <c r="H5030" i="2" a="1"/>
  <c r="H5030" i="2" s="1"/>
  <c r="E846" i="2" a="1"/>
  <c r="E846" i="2" s="1"/>
  <c r="E833" i="2" a="1"/>
  <c r="E833" i="2" s="1"/>
  <c r="E842" i="2" a="1"/>
  <c r="E842" i="2" s="1"/>
  <c r="E843" i="2" a="1"/>
  <c r="E843" i="2" s="1"/>
  <c r="E834" i="2" a="1"/>
  <c r="E834" i="2" s="1"/>
  <c r="E840" i="2" a="1"/>
  <c r="E840" i="2" s="1"/>
  <c r="E835" i="2" a="1"/>
  <c r="E835" i="2" s="1"/>
  <c r="E841" i="2" a="1"/>
  <c r="E841" i="2" s="1"/>
  <c r="E831" i="2" a="1"/>
  <c r="E831" i="2" s="1"/>
  <c r="E837" i="2" a="1"/>
  <c r="E837" i="2" s="1"/>
  <c r="E7685" i="2" a="1"/>
  <c r="E7685" i="2" s="1"/>
  <c r="E7681" i="2" a="1"/>
  <c r="E7681" i="2" s="1"/>
  <c r="E7689" i="2" a="1"/>
  <c r="E7689" i="2" s="1"/>
  <c r="E7677" i="2" a="1"/>
  <c r="E7677" i="2" s="1"/>
  <c r="E7680" i="2" a="1"/>
  <c r="E7680" i="2" s="1"/>
  <c r="E7666" i="2" a="1"/>
  <c r="E7666" i="2" s="1"/>
  <c r="E7671" i="2" a="1"/>
  <c r="E7671" i="2" s="1"/>
  <c r="E7676" i="2" a="1"/>
  <c r="E7676" i="2" s="1"/>
  <c r="E7672" i="2" a="1"/>
  <c r="E7672" i="2" s="1"/>
  <c r="E7668" i="2" a="1"/>
  <c r="E7668" i="2" s="1"/>
  <c r="E2377" i="2" a="1"/>
  <c r="E2377" i="2" s="1"/>
  <c r="E2384" i="2" a="1"/>
  <c r="E2384" i="2" s="1"/>
  <c r="E2372" i="2" a="1"/>
  <c r="E2372" i="2" s="1"/>
  <c r="E2369" i="2" a="1"/>
  <c r="E2369" i="2" s="1"/>
  <c r="E2378" i="2" a="1"/>
  <c r="E2378" i="2" s="1"/>
  <c r="H8162" i="2" a="1"/>
  <c r="H8162" i="2" s="1"/>
  <c r="H8153" i="2" a="1"/>
  <c r="H8153" i="2" s="1"/>
  <c r="H8154" i="2" a="1"/>
  <c r="H8154" i="2" s="1"/>
  <c r="H8163" i="2" a="1"/>
  <c r="H8163" i="2" s="1"/>
  <c r="H8151" i="2" a="1"/>
  <c r="H8151" i="2" s="1"/>
  <c r="H8167" i="2" a="1"/>
  <c r="H8167" i="2" s="1"/>
  <c r="G2672" i="2" a="1"/>
  <c r="G2672" i="2" s="1"/>
  <c r="G2655" i="2" a="1"/>
  <c r="G2655" i="2" s="1"/>
  <c r="G2654" i="2" a="1"/>
  <c r="G2654" i="2" s="1"/>
  <c r="G2663" i="2" a="1"/>
  <c r="G2663" i="2" s="1"/>
  <c r="G2666" i="2" a="1"/>
  <c r="G2666" i="2" s="1"/>
  <c r="G2652" i="2" a="1"/>
  <c r="G2652" i="2" s="1"/>
  <c r="G2673" i="2" a="1"/>
  <c r="G2673" i="2" s="1"/>
  <c r="G2656" i="2" a="1"/>
  <c r="G2656" i="2" s="1"/>
  <c r="G2670" i="2" a="1"/>
  <c r="G2670" i="2" s="1"/>
  <c r="G2650" i="2" a="1"/>
  <c r="G2650" i="2" s="1"/>
  <c r="G2671" i="2" a="1"/>
  <c r="G2671" i="2" s="1"/>
  <c r="G2657" i="2" a="1"/>
  <c r="G2657" i="2" s="1"/>
  <c r="G2664" i="2" a="1"/>
  <c r="G2664" i="2" s="1"/>
  <c r="H704" i="2" a="1"/>
  <c r="H704" i="2" s="1"/>
  <c r="H695" i="2" a="1"/>
  <c r="H695" i="2" s="1"/>
  <c r="H691" i="2" a="1"/>
  <c r="H691" i="2" s="1"/>
  <c r="H703" i="2" a="1"/>
  <c r="H703" i="2" s="1"/>
  <c r="H697" i="2" a="1"/>
  <c r="H697" i="2" s="1"/>
  <c r="H685" i="2" a="1"/>
  <c r="H685" i="2" s="1"/>
  <c r="H702" i="2" a="1"/>
  <c r="H702" i="2" s="1"/>
  <c r="H700" i="2" a="1"/>
  <c r="H700" i="2" s="1"/>
  <c r="H698" i="2" a="1"/>
  <c r="H698" i="2" s="1"/>
  <c r="H682" i="2" a="1"/>
  <c r="H682" i="2" s="1"/>
  <c r="H684" i="2" a="1"/>
  <c r="H684" i="2" s="1"/>
  <c r="E8034" i="2" a="1"/>
  <c r="E8034" i="2" s="1"/>
  <c r="E8027" i="2" a="1"/>
  <c r="E8027" i="2" s="1"/>
  <c r="H3926" i="2" a="1"/>
  <c r="H3926" i="2" s="1"/>
  <c r="H3932" i="2" a="1"/>
  <c r="H3932" i="2" s="1"/>
  <c r="H3923" i="2" a="1"/>
  <c r="H3923" i="2" s="1"/>
  <c r="H3933" i="2" a="1"/>
  <c r="H3933" i="2" s="1"/>
  <c r="H3945" i="2" a="1"/>
  <c r="H3945" i="2" s="1"/>
  <c r="H3924" i="2" a="1"/>
  <c r="H3924" i="2" s="1"/>
  <c r="H3928" i="2" a="1"/>
  <c r="H3928" i="2" s="1"/>
  <c r="H3940" i="2" a="1"/>
  <c r="H3940" i="2" s="1"/>
  <c r="H3936" i="2" a="1"/>
  <c r="H3936" i="2" s="1"/>
  <c r="H3922" i="2" a="1"/>
  <c r="H3922" i="2" s="1"/>
  <c r="H3944" i="2" a="1"/>
  <c r="H3944" i="2" s="1"/>
  <c r="H3934" i="2" a="1"/>
  <c r="H3934" i="2" s="1"/>
  <c r="G8075" i="2" a="1"/>
  <c r="G8075" i="2" s="1"/>
  <c r="G8074" i="2" a="1"/>
  <c r="G8074" i="2" s="1"/>
  <c r="G8080" i="2" a="1"/>
  <c r="G8080" i="2" s="1"/>
  <c r="G8087" i="2" a="1"/>
  <c r="G8087" i="2" s="1"/>
  <c r="G8077" i="2" a="1"/>
  <c r="G8077" i="2" s="1"/>
  <c r="G8079" i="2" a="1"/>
  <c r="G8079" i="2" s="1"/>
  <c r="G8088" i="2" a="1"/>
  <c r="G8088" i="2" s="1"/>
  <c r="G8097" i="2" a="1"/>
  <c r="G8097" i="2" s="1"/>
  <c r="H5070" i="2" a="1"/>
  <c r="H5070" i="2" s="1"/>
  <c r="H5051" i="2" a="1"/>
  <c r="H5051" i="2" s="1"/>
  <c r="H5056" i="2" a="1"/>
  <c r="H5056" i="2" s="1"/>
  <c r="H5054" i="2" a="1"/>
  <c r="H5054" i="2" s="1"/>
  <c r="H5060" i="2" a="1"/>
  <c r="H5060" i="2" s="1"/>
  <c r="H5062" i="2" a="1"/>
  <c r="H5062" i="2" s="1"/>
  <c r="H1219" i="2" a="1"/>
  <c r="H1219" i="2" s="1"/>
  <c r="H1229" i="2" a="1"/>
  <c r="H1229" i="2" s="1"/>
  <c r="H1220" i="2" a="1"/>
  <c r="H1220" i="2" s="1"/>
  <c r="H1225" i="2" a="1"/>
  <c r="H1225" i="2" s="1"/>
  <c r="H1211" i="2" a="1"/>
  <c r="H1211" i="2" s="1"/>
  <c r="D5161" i="2" a="1"/>
  <c r="D5161" i="2" s="1"/>
  <c r="D5155" i="2" a="1"/>
  <c r="D5155" i="2" s="1"/>
  <c r="D5152" i="2" a="1"/>
  <c r="D5152" i="2" s="1"/>
  <c r="D5157" i="2" a="1"/>
  <c r="D5157" i="2" s="1"/>
  <c r="D5169" i="2" a="1"/>
  <c r="D5169" i="2" s="1"/>
  <c r="D5148" i="2" a="1"/>
  <c r="D5148" i="2" s="1"/>
  <c r="D5168" i="2" a="1"/>
  <c r="D5168" i="2" s="1"/>
  <c r="D5147" i="2" a="1"/>
  <c r="D5147" i="2" s="1"/>
  <c r="D7816" i="2" a="1"/>
  <c r="D7816" i="2" s="1"/>
  <c r="D7820" i="2" a="1"/>
  <c r="D7820" i="2" s="1"/>
  <c r="D7832" i="2" a="1"/>
  <c r="D7832" i="2" s="1"/>
  <c r="D7813" i="2" a="1"/>
  <c r="D7813" i="2" s="1"/>
  <c r="D7817" i="2" a="1"/>
  <c r="D7817" i="2" s="1"/>
  <c r="D7826" i="2" a="1"/>
  <c r="D7826" i="2" s="1"/>
  <c r="D7833" i="2" a="1"/>
  <c r="D7833" i="2" s="1"/>
  <c r="D7824" i="2" a="1"/>
  <c r="D7824" i="2" s="1"/>
  <c r="D7827" i="2" a="1"/>
  <c r="D7827" i="2" s="1"/>
  <c r="D7830" i="2" a="1"/>
  <c r="D7830" i="2" s="1"/>
  <c r="D7823" i="2" a="1"/>
  <c r="D7823" i="2" s="1"/>
  <c r="D7831" i="2" a="1"/>
  <c r="D7831" i="2" s="1"/>
  <c r="D7828" i="2" a="1"/>
  <c r="D7828" i="2" s="1"/>
  <c r="D7815" i="2" a="1"/>
  <c r="D7815" i="2" s="1"/>
  <c r="D7821" i="2" a="1"/>
  <c r="D7821" i="2" s="1"/>
  <c r="D7825" i="2" a="1"/>
  <c r="D7825" i="2" s="1"/>
  <c r="D7811" i="2" a="1"/>
  <c r="D7811" i="2" s="1"/>
  <c r="D7818" i="2" a="1"/>
  <c r="D7818" i="2" s="1"/>
  <c r="F1362" i="2" a="1"/>
  <c r="F1362" i="2" s="1"/>
  <c r="F1372" i="2" a="1"/>
  <c r="F1372" i="2" s="1"/>
  <c r="F1359" i="2" a="1"/>
  <c r="F1359" i="2" s="1"/>
  <c r="F1365" i="2" a="1"/>
  <c r="F1365" i="2" s="1"/>
  <c r="F1377" i="2" a="1"/>
  <c r="F1377" i="2" s="1"/>
  <c r="F1368" i="2" a="1"/>
  <c r="F1368" i="2" s="1"/>
  <c r="F1360" i="2" a="1"/>
  <c r="F1360" i="2" s="1"/>
  <c r="F1370" i="2" a="1"/>
  <c r="F1370" i="2" s="1"/>
  <c r="F1363" i="2" a="1"/>
  <c r="F1363" i="2" s="1"/>
  <c r="F1355" i="2" a="1"/>
  <c r="F1355" i="2" s="1"/>
  <c r="F1373" i="2" a="1"/>
  <c r="F1373" i="2" s="1"/>
  <c r="F1374" i="2" a="1"/>
  <c r="F1374" i="2" s="1"/>
  <c r="F1375" i="2" a="1"/>
  <c r="F1375" i="2" s="1"/>
  <c r="F1367" i="2" a="1"/>
  <c r="F1367" i="2" s="1"/>
  <c r="F1358" i="2" a="1"/>
  <c r="F1358" i="2" s="1"/>
  <c r="F1364" i="2" a="1"/>
  <c r="F1364" i="2" s="1"/>
  <c r="F1361" i="2" a="1"/>
  <c r="F1361" i="2" s="1"/>
  <c r="F1356" i="2" a="1"/>
  <c r="F1356" i="2" s="1"/>
  <c r="F1371" i="2" a="1"/>
  <c r="F1371" i="2" s="1"/>
  <c r="H6132" i="2" a="1"/>
  <c r="H6132" i="2" s="1"/>
  <c r="H6144" i="2" a="1"/>
  <c r="H6144" i="2" s="1"/>
  <c r="H6142" i="2" a="1"/>
  <c r="H6142" i="2" s="1"/>
  <c r="H6138" i="2" a="1"/>
  <c r="H6138" i="2" s="1"/>
  <c r="H6152" i="2" a="1"/>
  <c r="H6152" i="2" s="1"/>
  <c r="H6146" i="2" a="1"/>
  <c r="H6146" i="2" s="1"/>
  <c r="H6143" i="2" a="1"/>
  <c r="H6143" i="2" s="1"/>
  <c r="G4195" i="2" a="1"/>
  <c r="G4195" i="2" s="1"/>
  <c r="G4204" i="2" a="1"/>
  <c r="G4204" i="2" s="1"/>
  <c r="G4200" i="2" a="1"/>
  <c r="G4200" i="2" s="1"/>
  <c r="G4186" i="2" a="1"/>
  <c r="G4186" i="2" s="1"/>
  <c r="G4209" i="2" a="1"/>
  <c r="G4209" i="2" s="1"/>
  <c r="G4207" i="2" a="1"/>
  <c r="G4207" i="2" s="1"/>
  <c r="G4202" i="2" a="1"/>
  <c r="G4202" i="2" s="1"/>
  <c r="G4187" i="2" a="1"/>
  <c r="G4187" i="2" s="1"/>
  <c r="G4201" i="2" a="1"/>
  <c r="G4201" i="2" s="1"/>
  <c r="G4192" i="2" a="1"/>
  <c r="G4192" i="2" s="1"/>
  <c r="F5469" i="2" a="1"/>
  <c r="F5469" i="2" s="1"/>
  <c r="F5479" i="2" a="1"/>
  <c r="F5479" i="2" s="1"/>
  <c r="F5460" i="2" a="1"/>
  <c r="F5460" i="2" s="1"/>
  <c r="F5480" i="2" a="1"/>
  <c r="F5480" i="2" s="1"/>
  <c r="H5670" i="2" a="1"/>
  <c r="H5670" i="2" s="1"/>
  <c r="H5651" i="2" a="1"/>
  <c r="H5651" i="2" s="1"/>
  <c r="H5650" i="2" a="1"/>
  <c r="H5650" i="2" s="1"/>
  <c r="H5654" i="2" a="1"/>
  <c r="H5654" i="2" s="1"/>
  <c r="H5658" i="2" a="1"/>
  <c r="H5658" i="2" s="1"/>
  <c r="H5664" i="2" a="1"/>
  <c r="H5664" i="2" s="1"/>
  <c r="D2218" i="2" a="1"/>
  <c r="D2218" i="2" s="1"/>
  <c r="D2228" i="2" a="1"/>
  <c r="D2228" i="2" s="1"/>
  <c r="D2225" i="2" a="1"/>
  <c r="D2225" i="2" s="1"/>
  <c r="D2231" i="2" a="1"/>
  <c r="D2231" i="2" s="1"/>
  <c r="D2232" i="2" a="1"/>
  <c r="D2232" i="2" s="1"/>
  <c r="D2238" i="2" a="1"/>
  <c r="D2238" i="2" s="1"/>
  <c r="D2235" i="2" a="1"/>
  <c r="D2235" i="2" s="1"/>
  <c r="D2224" i="2" a="1"/>
  <c r="D2224" i="2" s="1"/>
  <c r="D2226" i="2" a="1"/>
  <c r="D2226" i="2" s="1"/>
  <c r="D2237" i="2" a="1"/>
  <c r="D2237" i="2" s="1"/>
  <c r="D2230" i="2" a="1"/>
  <c r="D2230" i="2" s="1"/>
  <c r="D2234" i="2" a="1"/>
  <c r="D2234" i="2" s="1"/>
  <c r="D2240" i="2" a="1"/>
  <c r="D2240" i="2" s="1"/>
  <c r="D2220" i="2" a="1"/>
  <c r="D2220" i="2" s="1"/>
  <c r="D2239" i="2" a="1"/>
  <c r="D2239" i="2" s="1"/>
  <c r="G2369" i="2" a="1"/>
  <c r="G2369" i="2" s="1"/>
  <c r="G2380" i="2" a="1"/>
  <c r="G2380" i="2" s="1"/>
  <c r="G2378" i="2" a="1"/>
  <c r="G2378" i="2" s="1"/>
  <c r="G2367" i="2" a="1"/>
  <c r="G2367" i="2" s="1"/>
  <c r="G2373" i="2" a="1"/>
  <c r="G2373" i="2" s="1"/>
  <c r="G3904" i="2" a="1"/>
  <c r="G3904" i="2" s="1"/>
  <c r="G3899" i="2" a="1"/>
  <c r="G3899" i="2" s="1"/>
  <c r="G3911" i="2" a="1"/>
  <c r="G3911" i="2" s="1"/>
  <c r="E783" i="2" a="1"/>
  <c r="E783" i="2" s="1"/>
  <c r="E798" i="2" a="1"/>
  <c r="E798" i="2" s="1"/>
  <c r="E799" i="2" a="1"/>
  <c r="E799" i="2" s="1"/>
  <c r="E790" i="2" a="1"/>
  <c r="E790" i="2" s="1"/>
  <c r="E782" i="2" a="1"/>
  <c r="E782" i="2" s="1"/>
  <c r="E792" i="2" a="1"/>
  <c r="E792" i="2" s="1"/>
  <c r="E794" i="2" a="1"/>
  <c r="E794" i="2" s="1"/>
  <c r="E791" i="2" a="1"/>
  <c r="E791" i="2" s="1"/>
  <c r="E800" i="2" a="1"/>
  <c r="E800" i="2" s="1"/>
  <c r="E793" i="2" a="1"/>
  <c r="E793" i="2" s="1"/>
  <c r="E785" i="2" a="1"/>
  <c r="E785" i="2" s="1"/>
  <c r="D4954" i="2" a="1"/>
  <c r="D4954" i="2" s="1"/>
  <c r="AP207" i="1"/>
  <c r="F213" i="5" s="1"/>
  <c r="D4977" i="2" a="1"/>
  <c r="D4977" i="2" s="1"/>
  <c r="AQ326" i="1"/>
  <c r="G332" i="5" s="1"/>
  <c r="F8087" i="2" a="1"/>
  <c r="F8087" i="2" s="1"/>
  <c r="F8095" i="2" a="1"/>
  <c r="F8095" i="2" s="1"/>
  <c r="H5753" i="2" a="1"/>
  <c r="H5753" i="2" s="1"/>
  <c r="H5766" i="2" a="1"/>
  <c r="H5766" i="2" s="1"/>
  <c r="E4204" i="2" a="1"/>
  <c r="E4204" i="2" s="1"/>
  <c r="E4203" i="2" a="1"/>
  <c r="E4203" i="2" s="1"/>
  <c r="AP321" i="1"/>
  <c r="F327" i="5" s="1"/>
  <c r="D7085" i="2" a="1"/>
  <c r="D7085" i="2" s="1"/>
  <c r="D7067" i="2" a="1"/>
  <c r="D7067" i="2" s="1"/>
  <c r="D7086" i="2" a="1"/>
  <c r="D7086" i="2" s="1"/>
  <c r="D7068" i="2" a="1"/>
  <c r="D7068" i="2" s="1"/>
  <c r="D7078" i="2" a="1"/>
  <c r="D7078" i="2" s="1"/>
  <c r="H8268" i="2" a="1"/>
  <c r="H8268" i="2" s="1"/>
  <c r="H8270" i="2" a="1"/>
  <c r="H8270" i="2" s="1"/>
  <c r="H8267" i="2" a="1"/>
  <c r="H8267" i="2" s="1"/>
  <c r="AN341" i="1"/>
  <c r="D347" i="5" s="1"/>
  <c r="F8726" i="2" a="1"/>
  <c r="F8726" i="2" s="1"/>
  <c r="F8732" i="2" a="1"/>
  <c r="F8732" i="2" s="1"/>
  <c r="E5749" i="2" a="1"/>
  <c r="E5749" i="2" s="1"/>
  <c r="E5761" i="2" a="1"/>
  <c r="E5761" i="2" s="1"/>
  <c r="E5762" i="2" a="1"/>
  <c r="E5762" i="2" s="1"/>
  <c r="G8081" i="2" a="1"/>
  <c r="G8081" i="2" s="1"/>
  <c r="H1218" i="2" a="1"/>
  <c r="H1218" i="2" s="1"/>
  <c r="D602" i="2" a="1"/>
  <c r="D602" i="2" s="1"/>
  <c r="G5087" i="2" a="1"/>
  <c r="G5087" i="2" s="1"/>
  <c r="H3931" i="2" a="1"/>
  <c r="H3931" i="2" s="1"/>
  <c r="E4734" i="2" a="1"/>
  <c r="E4734" i="2" s="1"/>
  <c r="H5032" i="2" a="1"/>
  <c r="H5032" i="2" s="1"/>
  <c r="H693" i="2" a="1"/>
  <c r="H693" i="2" s="1"/>
  <c r="H2906" i="2" a="1"/>
  <c r="H2906" i="2" s="1"/>
  <c r="F412" i="2" a="1"/>
  <c r="F412" i="2" s="1"/>
  <c r="G2090" i="2" a="1"/>
  <c r="G2090" i="2" s="1"/>
  <c r="E6376" i="2" a="1"/>
  <c r="E6376" i="2" s="1"/>
  <c r="H1656" i="2" a="1"/>
  <c r="H1656" i="2" s="1"/>
  <c r="D1924" i="2" a="1"/>
  <c r="D1924" i="2" s="1"/>
  <c r="G6084" i="2" a="1"/>
  <c r="G6084" i="2" s="1"/>
  <c r="H7793" i="2" a="1"/>
  <c r="H7793" i="2" s="1"/>
  <c r="D7488" i="2" a="1"/>
  <c r="D7488" i="2" s="1"/>
  <c r="E8332" i="2" a="1"/>
  <c r="E8332" i="2" s="1"/>
  <c r="E1188" i="2" a="1"/>
  <c r="E1188" i="2" s="1"/>
  <c r="D3037" i="2" a="1"/>
  <c r="D3037" i="2" s="1"/>
  <c r="F7186" i="2" a="1"/>
  <c r="F7186" i="2" s="1"/>
  <c r="E3420" i="2" a="1"/>
  <c r="E3420" i="2" s="1"/>
  <c r="F307" i="2" a="1"/>
  <c r="F307" i="2" s="1"/>
  <c r="F6705" i="2" a="1"/>
  <c r="F6705" i="2" s="1"/>
  <c r="G8092" i="2" a="1"/>
  <c r="G8092" i="2" s="1"/>
  <c r="D596" i="2" a="1"/>
  <c r="D596" i="2" s="1"/>
  <c r="G5086" i="2" a="1"/>
  <c r="G5086" i="2" s="1"/>
  <c r="G4198" i="2" a="1"/>
  <c r="G4198" i="2" s="1"/>
  <c r="H3939" i="2" a="1"/>
  <c r="H3939" i="2" s="1"/>
  <c r="E4728" i="2" a="1"/>
  <c r="E4728" i="2" s="1"/>
  <c r="H5039" i="2" a="1"/>
  <c r="H5039" i="2" s="1"/>
  <c r="H690" i="2" a="1"/>
  <c r="H690" i="2" s="1"/>
  <c r="H2899" i="2" a="1"/>
  <c r="H2899" i="2" s="1"/>
  <c r="G2081" i="2" a="1"/>
  <c r="G2081" i="2" s="1"/>
  <c r="E4724" i="2" a="1"/>
  <c r="E4724" i="2" s="1"/>
  <c r="H692" i="2" a="1"/>
  <c r="H692" i="2" s="1"/>
  <c r="F1605" i="2" a="1"/>
  <c r="F1605" i="2" s="1"/>
  <c r="F1597" i="2" a="1"/>
  <c r="F1597" i="2" s="1"/>
  <c r="F1599" i="2" a="1"/>
  <c r="F1599" i="2" s="1"/>
  <c r="F1617" i="2" a="1"/>
  <c r="F1617" i="2" s="1"/>
  <c r="F1613" i="2" a="1"/>
  <c r="F1613" i="2" s="1"/>
  <c r="E772" i="2" a="1"/>
  <c r="E772" i="2" s="1"/>
  <c r="E771" i="2" a="1"/>
  <c r="E771" i="2" s="1"/>
  <c r="E768" i="2" a="1"/>
  <c r="E768" i="2" s="1"/>
  <c r="E758" i="2" a="1"/>
  <c r="E758" i="2" s="1"/>
  <c r="E754" i="2" a="1"/>
  <c r="E754" i="2" s="1"/>
  <c r="E759" i="2" a="1"/>
  <c r="E759" i="2" s="1"/>
  <c r="E773" i="2" a="1"/>
  <c r="E773" i="2" s="1"/>
  <c r="E756" i="2" a="1"/>
  <c r="E756" i="2" s="1"/>
  <c r="F398" i="2" a="1"/>
  <c r="F398" i="2" s="1"/>
  <c r="F400" i="2" a="1"/>
  <c r="F400" i="2" s="1"/>
  <c r="F395" i="2" a="1"/>
  <c r="F395" i="2" s="1"/>
  <c r="F397" i="2" a="1"/>
  <c r="F397" i="2" s="1"/>
  <c r="F415" i="2" a="1"/>
  <c r="F415" i="2" s="1"/>
  <c r="F406" i="2" a="1"/>
  <c r="F406" i="2" s="1"/>
  <c r="F411" i="2" a="1"/>
  <c r="F411" i="2" s="1"/>
  <c r="F408" i="2" a="1"/>
  <c r="F408" i="2" s="1"/>
  <c r="F409" i="2" a="1"/>
  <c r="F409" i="2" s="1"/>
  <c r="F404" i="2" a="1"/>
  <c r="F404" i="2" s="1"/>
  <c r="E7390" i="2" a="1"/>
  <c r="E7390" i="2" s="1"/>
  <c r="E7385" i="2" a="1"/>
  <c r="E7385" i="2" s="1"/>
  <c r="E7396" i="2" a="1"/>
  <c r="E7396" i="2" s="1"/>
  <c r="E7397" i="2" a="1"/>
  <c r="E7397" i="2" s="1"/>
  <c r="E7383" i="2" a="1"/>
  <c r="E7383" i="2" s="1"/>
  <c r="E7380" i="2" a="1"/>
  <c r="E7380" i="2" s="1"/>
  <c r="E7401" i="2" a="1"/>
  <c r="E7401" i="2" s="1"/>
  <c r="E7399" i="2" a="1"/>
  <c r="E7399" i="2" s="1"/>
  <c r="E7384" i="2" a="1"/>
  <c r="E7384" i="2" s="1"/>
  <c r="E7394" i="2" a="1"/>
  <c r="E7394" i="2" s="1"/>
  <c r="E7386" i="2" a="1"/>
  <c r="E7386" i="2" s="1"/>
  <c r="D2811" i="2" a="1"/>
  <c r="D2811" i="2" s="1"/>
  <c r="D2813" i="2" a="1"/>
  <c r="D2813" i="2" s="1"/>
  <c r="D2817" i="2" a="1"/>
  <c r="D2817" i="2" s="1"/>
  <c r="D2805" i="2" a="1"/>
  <c r="D2805" i="2" s="1"/>
  <c r="D2809" i="2" a="1"/>
  <c r="D2809" i="2" s="1"/>
  <c r="D2800" i="2" a="1"/>
  <c r="D2800" i="2" s="1"/>
  <c r="D2806" i="2" a="1"/>
  <c r="D2806" i="2" s="1"/>
  <c r="D2816" i="2" a="1"/>
  <c r="D2816" i="2" s="1"/>
  <c r="D2804" i="2" a="1"/>
  <c r="D2804" i="2" s="1"/>
  <c r="D2812" i="2" a="1"/>
  <c r="D2812" i="2" s="1"/>
  <c r="D2796" i="2" a="1"/>
  <c r="D2796" i="2" s="1"/>
  <c r="D2807" i="2" a="1"/>
  <c r="D2807" i="2" s="1"/>
  <c r="F1633" i="2" a="1"/>
  <c r="F1633" i="2" s="1"/>
  <c r="F1626" i="2" a="1"/>
  <c r="F1626" i="2" s="1"/>
  <c r="F1632" i="2" a="1"/>
  <c r="F1632" i="2" s="1"/>
  <c r="F1631" i="2" a="1"/>
  <c r="F1631" i="2" s="1"/>
  <c r="F1619" i="2" a="1"/>
  <c r="F1619" i="2" s="1"/>
  <c r="F1638" i="2" a="1"/>
  <c r="F1638" i="2" s="1"/>
  <c r="F1620" i="2" a="1"/>
  <c r="F1620" i="2" s="1"/>
  <c r="G2710" i="2" a="1"/>
  <c r="G2710" i="2" s="1"/>
  <c r="G2715" i="2" a="1"/>
  <c r="G2715" i="2" s="1"/>
  <c r="G2701" i="2" a="1"/>
  <c r="G2701" i="2" s="1"/>
  <c r="G2716" i="2" a="1"/>
  <c r="G2716" i="2" s="1"/>
  <c r="G2706" i="2" a="1"/>
  <c r="G2706" i="2" s="1"/>
  <c r="G2707" i="2" a="1"/>
  <c r="G2707" i="2" s="1"/>
  <c r="G2711" i="2" a="1"/>
  <c r="G2711" i="2" s="1"/>
  <c r="G2712" i="2" a="1"/>
  <c r="G2712" i="2" s="1"/>
  <c r="G2718" i="2" a="1"/>
  <c r="G2718" i="2" s="1"/>
  <c r="G2699" i="2" a="1"/>
  <c r="G2699" i="2" s="1"/>
  <c r="F191" i="2" a="1"/>
  <c r="F191" i="2" s="1"/>
  <c r="F186" i="2" a="1"/>
  <c r="F186" i="2" s="1"/>
  <c r="G8142" i="2" a="1"/>
  <c r="G8142" i="2" s="1"/>
  <c r="G8128" i="2" a="1"/>
  <c r="G8128" i="2" s="1"/>
  <c r="G8134" i="2" a="1"/>
  <c r="G8134" i="2" s="1"/>
  <c r="G8143" i="2" a="1"/>
  <c r="G8143" i="2" s="1"/>
  <c r="G8123" i="2" a="1"/>
  <c r="G8123" i="2" s="1"/>
  <c r="G3368" i="2" a="1"/>
  <c r="G3368" i="2" s="1"/>
  <c r="G3353" i="2" a="1"/>
  <c r="G3353" i="2" s="1"/>
  <c r="G3354" i="2" a="1"/>
  <c r="G3354" i="2" s="1"/>
  <c r="G3351" i="2" a="1"/>
  <c r="G3351" i="2" s="1"/>
  <c r="G3358" i="2" a="1"/>
  <c r="G3358" i="2" s="1"/>
  <c r="G3348" i="2" a="1"/>
  <c r="G3348" i="2" s="1"/>
  <c r="E2535" i="2" a="1"/>
  <c r="E2535" i="2" s="1"/>
  <c r="E2532" i="2" a="1"/>
  <c r="E2532" i="2" s="1"/>
  <c r="E2538" i="2" a="1"/>
  <c r="E2538" i="2" s="1"/>
  <c r="E2530" i="2" a="1"/>
  <c r="E2530" i="2" s="1"/>
  <c r="E2536" i="2" a="1"/>
  <c r="E2536" i="2" s="1"/>
  <c r="H3507" i="2" a="1"/>
  <c r="H3507" i="2" s="1"/>
  <c r="H3497" i="2" a="1"/>
  <c r="H3497" i="2" s="1"/>
  <c r="H3506" i="2" a="1"/>
  <c r="H3506" i="2" s="1"/>
  <c r="H3499" i="2" a="1"/>
  <c r="H3499" i="2" s="1"/>
  <c r="H3496" i="2" a="1"/>
  <c r="H3496" i="2" s="1"/>
  <c r="H3509" i="2" a="1"/>
  <c r="H3509" i="2" s="1"/>
  <c r="H3512" i="2" a="1"/>
  <c r="H3512" i="2" s="1"/>
  <c r="H3503" i="2" a="1"/>
  <c r="H3503" i="2" s="1"/>
  <c r="H3500" i="2" a="1"/>
  <c r="H3500" i="2" s="1"/>
  <c r="H3508" i="2" a="1"/>
  <c r="H3508" i="2" s="1"/>
  <c r="H8216" i="2" a="1"/>
  <c r="H8216" i="2" s="1"/>
  <c r="H8201" i="2" a="1"/>
  <c r="H8201" i="2" s="1"/>
  <c r="H8199" i="2" a="1"/>
  <c r="H8199" i="2" s="1"/>
  <c r="H8211" i="2" a="1"/>
  <c r="H8211" i="2" s="1"/>
  <c r="H8200" i="2" a="1"/>
  <c r="H8200" i="2" s="1"/>
  <c r="H8206" i="2" a="1"/>
  <c r="H8206" i="2" s="1"/>
  <c r="H8205" i="2" a="1"/>
  <c r="H8205" i="2" s="1"/>
  <c r="H8213" i="2" a="1"/>
  <c r="H8213" i="2" s="1"/>
  <c r="H8217" i="2" a="1"/>
  <c r="H8217" i="2" s="1"/>
  <c r="H8212" i="2" a="1"/>
  <c r="H8212" i="2" s="1"/>
  <c r="H8197" i="2" a="1"/>
  <c r="H8197" i="2" s="1"/>
  <c r="AQ25" i="1"/>
  <c r="G31" i="5" s="1"/>
  <c r="D604" i="2" a="1"/>
  <c r="D604" i="2" s="1"/>
  <c r="AN25" i="1"/>
  <c r="D31" i="5" s="1"/>
  <c r="D598" i="2" a="1"/>
  <c r="D598" i="2" s="1"/>
  <c r="AM25" i="1"/>
  <c r="C31" i="5" s="1"/>
  <c r="D588" i="2" a="1"/>
  <c r="D588" i="2" s="1"/>
  <c r="D607" i="2" a="1"/>
  <c r="D607" i="2" s="1"/>
  <c r="D609" i="2" a="1"/>
  <c r="D609" i="2" s="1"/>
  <c r="D587" i="2" a="1"/>
  <c r="D587" i="2" s="1"/>
  <c r="H6124" i="2" a="1"/>
  <c r="H6124" i="2" s="1"/>
  <c r="H6127" i="2" a="1"/>
  <c r="H6127" i="2" s="1"/>
  <c r="H6121" i="2" a="1"/>
  <c r="H6121" i="2" s="1"/>
  <c r="H6110" i="2" a="1"/>
  <c r="H6110" i="2" s="1"/>
  <c r="H6125" i="2" a="1"/>
  <c r="H6125" i="2" s="1"/>
  <c r="H6111" i="2" a="1"/>
  <c r="H6111" i="2" s="1"/>
  <c r="H6119" i="2" a="1"/>
  <c r="H6119" i="2" s="1"/>
  <c r="H6126" i="2" a="1"/>
  <c r="H6126" i="2" s="1"/>
  <c r="H6120" i="2" a="1"/>
  <c r="H6120" i="2" s="1"/>
  <c r="H6115" i="2" a="1"/>
  <c r="H6115" i="2" s="1"/>
  <c r="H6116" i="2" a="1"/>
  <c r="H6116" i="2" s="1"/>
  <c r="H6128" i="2" a="1"/>
  <c r="H6128" i="2" s="1"/>
  <c r="H6123" i="2" a="1"/>
  <c r="H6123" i="2" s="1"/>
  <c r="H6117" i="2" a="1"/>
  <c r="H6117" i="2" s="1"/>
  <c r="H6106" i="2" a="1"/>
  <c r="H6106" i="2" s="1"/>
  <c r="H6113" i="2" a="1"/>
  <c r="H6113" i="2" s="1"/>
  <c r="H6114" i="2" a="1"/>
  <c r="H6114" i="2" s="1"/>
  <c r="G5076" i="2" a="1"/>
  <c r="G5076" i="2" s="1"/>
  <c r="G5078" i="2" a="1"/>
  <c r="G5078" i="2" s="1"/>
  <c r="G5088" i="2" a="1"/>
  <c r="G5088" i="2" s="1"/>
  <c r="G5075" i="2" a="1"/>
  <c r="G5075" i="2" s="1"/>
  <c r="G5090" i="2" a="1"/>
  <c r="G5090" i="2" s="1"/>
  <c r="G5083" i="2" a="1"/>
  <c r="G5083" i="2" s="1"/>
  <c r="G5093" i="2" a="1"/>
  <c r="G5093" i="2" s="1"/>
  <c r="F3113" i="2" a="1"/>
  <c r="F3113" i="2" s="1"/>
  <c r="F3124" i="2" a="1"/>
  <c r="F3124" i="2" s="1"/>
  <c r="F3114" i="2" a="1"/>
  <c r="F3114" i="2" s="1"/>
  <c r="F3116" i="2" a="1"/>
  <c r="F3116" i="2" s="1"/>
  <c r="F3129" i="2" a="1"/>
  <c r="F3129" i="2" s="1"/>
  <c r="F3117" i="2" a="1"/>
  <c r="F3117" i="2" s="1"/>
  <c r="F3127" i="2" a="1"/>
  <c r="F3127" i="2" s="1"/>
  <c r="F3118" i="2" a="1"/>
  <c r="F3118" i="2" s="1"/>
  <c r="F3111" i="2" a="1"/>
  <c r="F3111" i="2" s="1"/>
  <c r="F3122" i="2" a="1"/>
  <c r="F3122" i="2" s="1"/>
  <c r="F3106" i="2" a="1"/>
  <c r="F3106" i="2" s="1"/>
  <c r="F3108" i="2" a="1"/>
  <c r="F3108" i="2" s="1"/>
  <c r="H2909" i="2" a="1"/>
  <c r="H2909" i="2" s="1"/>
  <c r="H2897" i="2" a="1"/>
  <c r="H2897" i="2" s="1"/>
  <c r="H2895" i="2" a="1"/>
  <c r="H2895" i="2" s="1"/>
  <c r="H2892" i="2" a="1"/>
  <c r="H2892" i="2" s="1"/>
  <c r="H2890" i="2" a="1"/>
  <c r="H2890" i="2" s="1"/>
  <c r="H2912" i="2" a="1"/>
  <c r="H2912" i="2" s="1"/>
  <c r="H2911" i="2" a="1"/>
  <c r="H2911" i="2" s="1"/>
  <c r="H2896" i="2" a="1"/>
  <c r="H2896" i="2" s="1"/>
  <c r="H2898" i="2" a="1"/>
  <c r="H2898" i="2" s="1"/>
  <c r="H2905" i="2" a="1"/>
  <c r="H2905" i="2" s="1"/>
  <c r="H2913" i="2" a="1"/>
  <c r="H2913" i="2" s="1"/>
  <c r="H2908" i="2" a="1"/>
  <c r="H2908" i="2" s="1"/>
  <c r="H2894" i="2" a="1"/>
  <c r="H2894" i="2" s="1"/>
  <c r="G2094" i="2" a="1"/>
  <c r="G2094" i="2" s="1"/>
  <c r="G2091" i="2" a="1"/>
  <c r="G2091" i="2" s="1"/>
  <c r="G2074" i="2" a="1"/>
  <c r="G2074" i="2" s="1"/>
  <c r="G2085" i="2" a="1"/>
  <c r="G2085" i="2" s="1"/>
  <c r="G2092" i="2" a="1"/>
  <c r="G2092" i="2" s="1"/>
  <c r="G2086" i="2" a="1"/>
  <c r="G2086" i="2" s="1"/>
  <c r="G2093" i="2" a="1"/>
  <c r="G2093" i="2" s="1"/>
  <c r="G2077" i="2" a="1"/>
  <c r="G2077" i="2" s="1"/>
  <c r="G2095" i="2" a="1"/>
  <c r="G2095" i="2" s="1"/>
  <c r="G2080" i="2" a="1"/>
  <c r="G2080" i="2" s="1"/>
  <c r="G2075" i="2" a="1"/>
  <c r="G2075" i="2" s="1"/>
  <c r="G2079" i="2" a="1"/>
  <c r="G2079" i="2" s="1"/>
  <c r="AP87" i="1"/>
  <c r="G2087" i="2" a="1"/>
  <c r="G2087" i="2" s="1"/>
  <c r="G2089" i="2" a="1"/>
  <c r="G2089" i="2" s="1"/>
  <c r="E3880" i="2" a="1"/>
  <c r="E3880" i="2" s="1"/>
  <c r="E3882" i="2" a="1"/>
  <c r="E3882" i="2" s="1"/>
  <c r="E3874" i="2" a="1"/>
  <c r="E3874" i="2" s="1"/>
  <c r="E3897" i="2" a="1"/>
  <c r="E3897" i="2" s="1"/>
  <c r="E3890" i="2" a="1"/>
  <c r="E3890" i="2" s="1"/>
  <c r="E3885" i="2" a="1"/>
  <c r="E3885" i="2" s="1"/>
  <c r="E3875" i="2" a="1"/>
  <c r="E3875" i="2" s="1"/>
  <c r="E3879" i="2" a="1"/>
  <c r="E3879" i="2" s="1"/>
  <c r="E3893" i="2" a="1"/>
  <c r="E3893" i="2" s="1"/>
  <c r="E3878" i="2" a="1"/>
  <c r="E3878" i="2" s="1"/>
  <c r="E3887" i="2" a="1"/>
  <c r="E3887" i="2" s="1"/>
  <c r="E3888" i="2" a="1"/>
  <c r="E3888" i="2" s="1"/>
  <c r="E3884" i="2" a="1"/>
  <c r="E3884" i="2" s="1"/>
  <c r="E3891" i="2" a="1"/>
  <c r="E3891" i="2" s="1"/>
  <c r="E3881" i="2" a="1"/>
  <c r="E3881" i="2" s="1"/>
  <c r="E3886" i="2" a="1"/>
  <c r="E3886" i="2" s="1"/>
  <c r="E3889" i="2" a="1"/>
  <c r="E3889" i="2" s="1"/>
  <c r="E3896" i="2" a="1"/>
  <c r="E3896" i="2" s="1"/>
  <c r="E3894" i="2" a="1"/>
  <c r="E3894" i="2" s="1"/>
  <c r="D492" i="2" a="1"/>
  <c r="D492" i="2" s="1"/>
  <c r="D512" i="2" a="1"/>
  <c r="D512" i="2" s="1"/>
  <c r="D513" i="2" a="1"/>
  <c r="D513" i="2" s="1"/>
  <c r="D496" i="2" a="1"/>
  <c r="D496" i="2" s="1"/>
  <c r="D504" i="2" a="1"/>
  <c r="D504" i="2" s="1"/>
  <c r="D498" i="2" a="1"/>
  <c r="D498" i="2" s="1"/>
  <c r="G4372" i="2" a="1"/>
  <c r="G4372" i="2" s="1"/>
  <c r="G4364" i="2" a="1"/>
  <c r="G4364" i="2" s="1"/>
  <c r="G4373" i="2" a="1"/>
  <c r="G4373" i="2" s="1"/>
  <c r="G4357" i="2" a="1"/>
  <c r="G4357" i="2" s="1"/>
  <c r="G4355" i="2" a="1"/>
  <c r="G4355" i="2" s="1"/>
  <c r="G4361" i="2" a="1"/>
  <c r="G4361" i="2" s="1"/>
  <c r="D589" i="2" a="1"/>
  <c r="D589" i="2" s="1"/>
  <c r="H705" i="2" a="1"/>
  <c r="H705" i="2" s="1"/>
  <c r="F3115" i="2" a="1"/>
  <c r="F3115" i="2" s="1"/>
  <c r="H2904" i="2" a="1"/>
  <c r="H2904" i="2" s="1"/>
  <c r="G656" i="2" a="1"/>
  <c r="G656" i="2" s="1"/>
  <c r="G2084" i="2" a="1"/>
  <c r="G2084" i="2" s="1"/>
  <c r="F2292" i="2" a="1"/>
  <c r="F2292" i="2" s="1"/>
  <c r="F2301" i="2" a="1"/>
  <c r="F2301" i="2" s="1"/>
  <c r="F2302" i="2" a="1"/>
  <c r="F2302" i="2" s="1"/>
  <c r="F2295" i="2" a="1"/>
  <c r="F2295" i="2" s="1"/>
  <c r="F2306" i="2" a="1"/>
  <c r="F2306" i="2" s="1"/>
  <c r="F2303" i="2" a="1"/>
  <c r="F2303" i="2" s="1"/>
  <c r="F2313" i="2" a="1"/>
  <c r="F2313" i="2" s="1"/>
  <c r="F2304" i="2" a="1"/>
  <c r="F2304" i="2" s="1"/>
  <c r="F2298" i="2" a="1"/>
  <c r="F2298" i="2" s="1"/>
  <c r="F2300" i="2" a="1"/>
  <c r="F2300" i="2" s="1"/>
  <c r="F2299" i="2" a="1"/>
  <c r="F2299" i="2" s="1"/>
  <c r="F2293" i="2" a="1"/>
  <c r="F2293" i="2" s="1"/>
  <c r="F2308" i="2" a="1"/>
  <c r="F2308" i="2" s="1"/>
  <c r="F2290" i="2" a="1"/>
  <c r="F2290" i="2" s="1"/>
  <c r="F2312" i="2" a="1"/>
  <c r="F2312" i="2" s="1"/>
  <c r="F2297" i="2" a="1"/>
  <c r="F2297" i="2" s="1"/>
  <c r="F2291" i="2" a="1"/>
  <c r="F2291" i="2" s="1"/>
  <c r="F2305" i="2" a="1"/>
  <c r="F2305" i="2" s="1"/>
  <c r="F2310" i="2" a="1"/>
  <c r="F2310" i="2" s="1"/>
  <c r="H7795" i="2" a="1"/>
  <c r="H7795" i="2" s="1"/>
  <c r="E8337" i="2" a="1"/>
  <c r="E8337" i="2" s="1"/>
  <c r="D3054" i="2" a="1"/>
  <c r="D3054" i="2" s="1"/>
  <c r="AN192" i="1"/>
  <c r="D198" i="5" s="1"/>
  <c r="F6702" i="2" a="1"/>
  <c r="F6702" i="2" s="1"/>
  <c r="F6704" i="2" a="1"/>
  <c r="F6704" i="2" s="1"/>
  <c r="G8084" i="2" a="1"/>
  <c r="G8084" i="2" s="1"/>
  <c r="H1213" i="2" a="1"/>
  <c r="H1213" i="2" s="1"/>
  <c r="D592" i="2" a="1"/>
  <c r="D592" i="2" s="1"/>
  <c r="G4189" i="2" a="1"/>
  <c r="G4189" i="2" s="1"/>
  <c r="H3927" i="2" a="1"/>
  <c r="H3927" i="2" s="1"/>
  <c r="H686" i="2" a="1"/>
  <c r="H686" i="2" s="1"/>
  <c r="F3121" i="2" a="1"/>
  <c r="F3121" i="2" s="1"/>
  <c r="E777" i="2" a="1"/>
  <c r="E777" i="2" s="1"/>
  <c r="G639" i="2" a="1"/>
  <c r="G639" i="2" s="1"/>
  <c r="F5467" i="2" a="1"/>
  <c r="F5467" i="2" s="1"/>
  <c r="D3040" i="2" a="1"/>
  <c r="D3040" i="2" s="1"/>
  <c r="H1227" i="2" a="1"/>
  <c r="H1227" i="2" s="1"/>
  <c r="D600" i="2" a="1"/>
  <c r="D600" i="2" s="1"/>
  <c r="H3938" i="2" a="1"/>
  <c r="H3938" i="2" s="1"/>
  <c r="H699" i="2" a="1"/>
  <c r="H699" i="2" s="1"/>
  <c r="F3120" i="2" a="1"/>
  <c r="F3120" i="2" s="1"/>
  <c r="G5830" i="2" a="1"/>
  <c r="G5830" i="2" s="1"/>
  <c r="E757" i="2" a="1"/>
  <c r="E757" i="2" s="1"/>
  <c r="G655" i="2" a="1"/>
  <c r="G655" i="2" s="1"/>
  <c r="F1354" i="2" a="1"/>
  <c r="F1354" i="2" s="1"/>
  <c r="E2491" i="2" a="1"/>
  <c r="E2491" i="2" s="1"/>
  <c r="G5872" i="2" a="1"/>
  <c r="G5872" i="2" s="1"/>
  <c r="F5472" i="2" a="1"/>
  <c r="F5472" i="2" s="1"/>
  <c r="H7794" i="2" a="1"/>
  <c r="H7794" i="2" s="1"/>
  <c r="D7497" i="2" a="1"/>
  <c r="D7497" i="2" s="1"/>
  <c r="E8323" i="2" a="1"/>
  <c r="E8323" i="2" s="1"/>
  <c r="E8335" i="2" a="1"/>
  <c r="E8335" i="2" s="1"/>
  <c r="D3052" i="2" a="1"/>
  <c r="D3052" i="2" s="1"/>
  <c r="E3434" i="2" a="1"/>
  <c r="E3434" i="2" s="1"/>
  <c r="F308" i="2" a="1"/>
  <c r="F308" i="2" s="1"/>
  <c r="F6687" i="2" a="1"/>
  <c r="F6687" i="2" s="1"/>
  <c r="D510" i="2" a="1"/>
  <c r="D510" i="2" s="1"/>
  <c r="G4366" i="2" a="1"/>
  <c r="G4366" i="2" s="1"/>
  <c r="H1214" i="2" a="1"/>
  <c r="H1214" i="2" s="1"/>
  <c r="H5667" i="2" a="1"/>
  <c r="H5667" i="2" s="1"/>
  <c r="D605" i="2" a="1"/>
  <c r="D605" i="2" s="1"/>
  <c r="G5081" i="2" a="1"/>
  <c r="G5081" i="2" s="1"/>
  <c r="G4199" i="2" a="1"/>
  <c r="G4199" i="2" s="1"/>
  <c r="H3930" i="2" a="1"/>
  <c r="H3930" i="2" s="1"/>
  <c r="E7679" i="2" a="1"/>
  <c r="E7679" i="2" s="1"/>
  <c r="H688" i="2" a="1"/>
  <c r="H688" i="2" s="1"/>
  <c r="E795" i="2" a="1"/>
  <c r="E795" i="2" s="1"/>
  <c r="F3125" i="2" a="1"/>
  <c r="F3125" i="2" s="1"/>
  <c r="H8215" i="2" a="1"/>
  <c r="H8215" i="2" s="1"/>
  <c r="G5821" i="2" a="1"/>
  <c r="G5821" i="2" s="1"/>
  <c r="E764" i="2" a="1"/>
  <c r="E764" i="2" s="1"/>
  <c r="D2233" i="2" a="1"/>
  <c r="D2233" i="2" s="1"/>
  <c r="F1369" i="2" a="1"/>
  <c r="F1369" i="2" s="1"/>
  <c r="E2503" i="2" a="1"/>
  <c r="E2503" i="2" s="1"/>
  <c r="H6063" i="2" a="1"/>
  <c r="H6063" i="2" s="1"/>
  <c r="E6391" i="2" a="1"/>
  <c r="E6391" i="2" s="1"/>
  <c r="E6373" i="2" a="1"/>
  <c r="E6373" i="2" s="1"/>
  <c r="H1646" i="2" a="1"/>
  <c r="H1646" i="2" s="1"/>
  <c r="D1915" i="2" a="1"/>
  <c r="D1915" i="2" s="1"/>
  <c r="G6098" i="2" a="1"/>
  <c r="G6098" i="2" s="1"/>
  <c r="G6087" i="2" a="1"/>
  <c r="G6087" i="2" s="1"/>
  <c r="H7792" i="2" a="1"/>
  <c r="H7792" i="2" s="1"/>
  <c r="D7489" i="2" a="1"/>
  <c r="D7489" i="2" s="1"/>
  <c r="E8324" i="2" a="1"/>
  <c r="E8324" i="2" s="1"/>
  <c r="E8316" i="2" a="1"/>
  <c r="E8316" i="2" s="1"/>
  <c r="D3036" i="2" a="1"/>
  <c r="D3036" i="2" s="1"/>
  <c r="E3421" i="2" a="1"/>
  <c r="E3421" i="2" s="1"/>
  <c r="F309" i="2" a="1"/>
  <c r="F309" i="2" s="1"/>
  <c r="F6685" i="2" a="1"/>
  <c r="F6685" i="2" s="1"/>
  <c r="D511" i="2" a="1"/>
  <c r="D511" i="2" s="1"/>
  <c r="H1232" i="2" a="1"/>
  <c r="H1232" i="2" s="1"/>
  <c r="D603" i="2" a="1"/>
  <c r="D603" i="2" s="1"/>
  <c r="G5079" i="2" a="1"/>
  <c r="G5079" i="2" s="1"/>
  <c r="H3935" i="2" a="1"/>
  <c r="H3935" i="2" s="1"/>
  <c r="H696" i="2" a="1"/>
  <c r="H696" i="2" s="1"/>
  <c r="F3110" i="2" a="1"/>
  <c r="F3110" i="2" s="1"/>
  <c r="H8195" i="2" a="1"/>
  <c r="H8195" i="2" s="1"/>
  <c r="G5822" i="2" a="1"/>
  <c r="G5822" i="2" s="1"/>
  <c r="E767" i="2" a="1"/>
  <c r="E767" i="2" s="1"/>
  <c r="D2219" i="2" a="1"/>
  <c r="D2219" i="2" s="1"/>
  <c r="F1366" i="2" a="1"/>
  <c r="F1366" i="2" s="1"/>
  <c r="E2502" i="2" a="1"/>
  <c r="E2502" i="2" s="1"/>
  <c r="H1661" i="2" a="1"/>
  <c r="H1661" i="2" s="1"/>
  <c r="G6105" i="2" a="1"/>
  <c r="G6105" i="2" s="1"/>
  <c r="D7485" i="2" a="1"/>
  <c r="D7485" i="2" s="1"/>
  <c r="E8314" i="2" a="1"/>
  <c r="E8314" i="2" s="1"/>
  <c r="D3051" i="2" a="1"/>
  <c r="D3051" i="2" s="1"/>
  <c r="F6683" i="2" a="1"/>
  <c r="F6683" i="2" s="1"/>
  <c r="G4358" i="2" a="1"/>
  <c r="G4358" i="2" s="1"/>
  <c r="H1217" i="2" a="1"/>
  <c r="H1217" i="2" s="1"/>
  <c r="H5665" i="2" a="1"/>
  <c r="H5665" i="2" s="1"/>
  <c r="D599" i="2" a="1"/>
  <c r="D599" i="2" s="1"/>
  <c r="G5096" i="2" a="1"/>
  <c r="G5096" i="2" s="1"/>
  <c r="H3929" i="2" a="1"/>
  <c r="H3929" i="2" s="1"/>
  <c r="E7673" i="2" a="1"/>
  <c r="E7673" i="2" s="1"/>
  <c r="G2653" i="2" a="1"/>
  <c r="G2653" i="2" s="1"/>
  <c r="G2703" i="2" a="1"/>
  <c r="G2703" i="2" s="1"/>
  <c r="H687" i="2" a="1"/>
  <c r="H687" i="2" s="1"/>
  <c r="E780" i="2" a="1"/>
  <c r="E780" i="2" s="1"/>
  <c r="F3112" i="2" a="1"/>
  <c r="F3112" i="2" s="1"/>
  <c r="H8196" i="2" a="1"/>
  <c r="H8196" i="2" s="1"/>
  <c r="E761" i="2" a="1"/>
  <c r="E761" i="2" s="1"/>
  <c r="D2236" i="2" a="1"/>
  <c r="D2236" i="2" s="1"/>
  <c r="F1376" i="2" a="1"/>
  <c r="F1376" i="2" s="1"/>
  <c r="G8094" i="2" a="1"/>
  <c r="G8094" i="2" s="1"/>
  <c r="H1230" i="2" a="1"/>
  <c r="H1230" i="2" s="1"/>
  <c r="D595" i="2" a="1"/>
  <c r="D595" i="2" s="1"/>
  <c r="G5084" i="2" a="1"/>
  <c r="G5084" i="2" s="1"/>
  <c r="H3941" i="2" a="1"/>
  <c r="H3941" i="2" s="1"/>
  <c r="G2667" i="2" a="1"/>
  <c r="G2667" i="2" s="1"/>
  <c r="E838" i="2" a="1"/>
  <c r="E838" i="2" s="1"/>
  <c r="F3109" i="2" a="1"/>
  <c r="F3109" i="2" s="1"/>
  <c r="H8209" i="2" a="1"/>
  <c r="H8209" i="2" s="1"/>
  <c r="E774" i="2" a="1"/>
  <c r="E774" i="2" s="1"/>
  <c r="F1609" i="2" a="1"/>
  <c r="F1609" i="2" s="1"/>
  <c r="D2229" i="2" a="1"/>
  <c r="D2229" i="2" s="1"/>
  <c r="G4134" i="2" a="1"/>
  <c r="G4134" i="2" s="1"/>
  <c r="F1357" i="2" a="1"/>
  <c r="F1357" i="2" s="1"/>
  <c r="F7719" i="2" a="1"/>
  <c r="F7719" i="2" s="1"/>
  <c r="F7730" i="2" a="1"/>
  <c r="F7730" i="2" s="1"/>
  <c r="F7717" i="2" a="1"/>
  <c r="F7717" i="2" s="1"/>
  <c r="F7733" i="2" a="1"/>
  <c r="F7733" i="2" s="1"/>
  <c r="F7720" i="2" a="1"/>
  <c r="F7720" i="2" s="1"/>
  <c r="F7735" i="2" a="1"/>
  <c r="F7735" i="2" s="1"/>
  <c r="F7736" i="2" a="1"/>
  <c r="F7736" i="2" s="1"/>
  <c r="D3738" i="2" a="1"/>
  <c r="D3738" i="2" s="1"/>
  <c r="D3734" i="2" a="1"/>
  <c r="D3734" i="2" s="1"/>
  <c r="D3743" i="2" a="1"/>
  <c r="D3743" i="2" s="1"/>
  <c r="D3750" i="2" a="1"/>
  <c r="D3750" i="2" s="1"/>
  <c r="H2261" i="2" a="1"/>
  <c r="H2261" i="2" s="1"/>
  <c r="H2245" i="2" a="1"/>
  <c r="H2245" i="2" s="1"/>
  <c r="H2258" i="2" a="1"/>
  <c r="H2258" i="2" s="1"/>
  <c r="H2252" i="2" a="1"/>
  <c r="H2252" i="2" s="1"/>
  <c r="H2262" i="2" a="1"/>
  <c r="H2262" i="2" s="1"/>
  <c r="H2253" i="2" a="1"/>
  <c r="H2253" i="2" s="1"/>
  <c r="H2256" i="2" a="1"/>
  <c r="H2256" i="2" s="1"/>
  <c r="H2263" i="2" a="1"/>
  <c r="H2263" i="2" s="1"/>
  <c r="H2248" i="2" a="1"/>
  <c r="H2248" i="2" s="1"/>
  <c r="H2249" i="2" a="1"/>
  <c r="H2249" i="2" s="1"/>
  <c r="H2257" i="2" a="1"/>
  <c r="H2257" i="2" s="1"/>
  <c r="H2265" i="2" a="1"/>
  <c r="H2265" i="2" s="1"/>
  <c r="H2251" i="2" a="1"/>
  <c r="H2251" i="2" s="1"/>
  <c r="H2260" i="2" a="1"/>
  <c r="H2260" i="2" s="1"/>
  <c r="F5317" i="2" a="1"/>
  <c r="F5317" i="2" s="1"/>
  <c r="F5330" i="2" a="1"/>
  <c r="F5330" i="2" s="1"/>
  <c r="F5337" i="2" a="1"/>
  <c r="F5337" i="2" s="1"/>
  <c r="F5329" i="2" a="1"/>
  <c r="F5329" i="2" s="1"/>
  <c r="F5319" i="2" a="1"/>
  <c r="F5319" i="2" s="1"/>
  <c r="F5327" i="2" a="1"/>
  <c r="F5327" i="2" s="1"/>
  <c r="F5335" i="2" a="1"/>
  <c r="F5335" i="2" s="1"/>
  <c r="F5333" i="2" a="1"/>
  <c r="F5333" i="2" s="1"/>
  <c r="F5321" i="2" a="1"/>
  <c r="F5321" i="2" s="1"/>
  <c r="F5325" i="2" a="1"/>
  <c r="F5325" i="2" s="1"/>
  <c r="G285" i="2" a="1"/>
  <c r="G285" i="2" s="1"/>
  <c r="G297" i="2" a="1"/>
  <c r="G297" i="2" s="1"/>
  <c r="G290" i="2" a="1"/>
  <c r="G290" i="2" s="1"/>
  <c r="G292" i="2" a="1"/>
  <c r="G292" i="2" s="1"/>
  <c r="F2120" i="2" a="1"/>
  <c r="F2120" i="2" s="1"/>
  <c r="F2102" i="2" a="1"/>
  <c r="F2102" i="2" s="1"/>
  <c r="F2119" i="2" a="1"/>
  <c r="F2119" i="2" s="1"/>
  <c r="F2099" i="2" a="1"/>
  <c r="F2099" i="2" s="1"/>
  <c r="F2117" i="2" a="1"/>
  <c r="F2117" i="2" s="1"/>
  <c r="F2109" i="2" a="1"/>
  <c r="F2109" i="2" s="1"/>
  <c r="F2101" i="2" a="1"/>
  <c r="F2101" i="2" s="1"/>
  <c r="F2121" i="2" a="1"/>
  <c r="F2121" i="2" s="1"/>
  <c r="F2113" i="2" a="1"/>
  <c r="F2113" i="2" s="1"/>
  <c r="F2098" i="2" a="1"/>
  <c r="F2098" i="2" s="1"/>
  <c r="D2478" i="2" a="1"/>
  <c r="D2478" i="2" s="1"/>
  <c r="G3155" i="2" a="1"/>
  <c r="G3155" i="2" s="1"/>
  <c r="G1931" i="2" a="1"/>
  <c r="G1931" i="2" s="1"/>
  <c r="F445" i="2" a="1"/>
  <c r="F445" i="2" s="1"/>
  <c r="F6459" i="2" a="1"/>
  <c r="F6459" i="2" s="1"/>
  <c r="H1551" i="2" a="1"/>
  <c r="H1551" i="2" s="1"/>
  <c r="H1558" i="2" a="1"/>
  <c r="H1558" i="2" s="1"/>
  <c r="F6628" i="2" a="1"/>
  <c r="F6628" i="2" s="1"/>
  <c r="G950" i="2" a="1"/>
  <c r="G950" i="2" s="1"/>
  <c r="F65" i="2" a="1"/>
  <c r="F65" i="2" s="1"/>
  <c r="D3730" i="2" a="1"/>
  <c r="D3730" i="2" s="1"/>
  <c r="E2737" i="2" a="1"/>
  <c r="E2737" i="2" s="1"/>
  <c r="F5316" i="2" a="1"/>
  <c r="F5316" i="2" s="1"/>
  <c r="H8317" i="2" a="1"/>
  <c r="H8317" i="2" s="1"/>
  <c r="F2107" i="2" a="1"/>
  <c r="F2107" i="2" s="1"/>
  <c r="E7145" i="2" a="1"/>
  <c r="E7145" i="2" s="1"/>
  <c r="H2244" i="2" a="1"/>
  <c r="H2244" i="2" s="1"/>
  <c r="G1361" i="2" a="1"/>
  <c r="G1361" i="2" s="1"/>
  <c r="D2470" i="2" a="1"/>
  <c r="D2470" i="2" s="1"/>
  <c r="G3172" i="2" a="1"/>
  <c r="G3172" i="2" s="1"/>
  <c r="G1940" i="2" a="1"/>
  <c r="G1940" i="2" s="1"/>
  <c r="F454" i="2" a="1"/>
  <c r="F454" i="2" s="1"/>
  <c r="F6457" i="2" a="1"/>
  <c r="F6457" i="2" s="1"/>
  <c r="H1546" i="2" a="1"/>
  <c r="H1546" i="2" s="1"/>
  <c r="H1562" i="2" a="1"/>
  <c r="H1562" i="2" s="1"/>
  <c r="D3746" i="2" a="1"/>
  <c r="D3746" i="2" s="1"/>
  <c r="F5326" i="2" a="1"/>
  <c r="F5326" i="2" s="1"/>
  <c r="F2114" i="2" a="1"/>
  <c r="F2114" i="2" s="1"/>
  <c r="H2264" i="2" a="1"/>
  <c r="H2264" i="2" s="1"/>
  <c r="E7951" i="2" a="1"/>
  <c r="E7951" i="2" s="1"/>
  <c r="E7937" i="2" a="1"/>
  <c r="E7937" i="2" s="1"/>
  <c r="E7942" i="2" a="1"/>
  <c r="E7942" i="2" s="1"/>
  <c r="E7944" i="2" a="1"/>
  <c r="E7944" i="2" s="1"/>
  <c r="H8328" i="2" a="1"/>
  <c r="H8328" i="2" s="1"/>
  <c r="H8325" i="2" a="1"/>
  <c r="H8325" i="2" s="1"/>
  <c r="H8321" i="2" a="1"/>
  <c r="H8321" i="2" s="1"/>
  <c r="H8319" i="2" a="1"/>
  <c r="H8319" i="2" s="1"/>
  <c r="H8335" i="2" a="1"/>
  <c r="H8335" i="2" s="1"/>
  <c r="H8336" i="2" a="1"/>
  <c r="H8336" i="2" s="1"/>
  <c r="H8332" i="2" a="1"/>
  <c r="H8332" i="2" s="1"/>
  <c r="H8329" i="2" a="1"/>
  <c r="H8329" i="2" s="1"/>
  <c r="H8326" i="2" a="1"/>
  <c r="H8326" i="2" s="1"/>
  <c r="H8318" i="2" a="1"/>
  <c r="H8318" i="2" s="1"/>
  <c r="H8337" i="2" a="1"/>
  <c r="H8337" i="2" s="1"/>
  <c r="F69" i="2" a="1"/>
  <c r="F69" i="2" s="1"/>
  <c r="F71" i="2" a="1"/>
  <c r="F71" i="2" s="1"/>
  <c r="F72" i="2" a="1"/>
  <c r="F72" i="2" s="1"/>
  <c r="F59" i="2" a="1"/>
  <c r="F59" i="2" s="1"/>
  <c r="F81" i="2" a="1"/>
  <c r="F81" i="2" s="1"/>
  <c r="E8384" i="2" a="1"/>
  <c r="E8384" i="2" s="1"/>
  <c r="E8375" i="2" a="1"/>
  <c r="E8375" i="2" s="1"/>
  <c r="E8363" i="2" a="1"/>
  <c r="E8363" i="2" s="1"/>
  <c r="E8380" i="2" a="1"/>
  <c r="E8380" i="2" s="1"/>
  <c r="E8370" i="2" a="1"/>
  <c r="E8370" i="2" s="1"/>
  <c r="E8373" i="2" a="1"/>
  <c r="E8373" i="2" s="1"/>
  <c r="E8381" i="2" a="1"/>
  <c r="E8381" i="2" s="1"/>
  <c r="E8385" i="2" a="1"/>
  <c r="E8385" i="2" s="1"/>
  <c r="E8364" i="2" a="1"/>
  <c r="E8364" i="2" s="1"/>
  <c r="E8365" i="2" a="1"/>
  <c r="E8365" i="2" s="1"/>
  <c r="F6629" i="2" a="1"/>
  <c r="F6629" i="2" s="1"/>
  <c r="F6630" i="2" a="1"/>
  <c r="F6630" i="2" s="1"/>
  <c r="F6633" i="2" a="1"/>
  <c r="F6633" i="2" s="1"/>
  <c r="F6610" i="2" a="1"/>
  <c r="F6610" i="2" s="1"/>
  <c r="F6620" i="2" a="1"/>
  <c r="F6620" i="2" s="1"/>
  <c r="E3983" i="2" a="1"/>
  <c r="E3983" i="2" s="1"/>
  <c r="E3975" i="2" a="1"/>
  <c r="E3975" i="2" s="1"/>
  <c r="E3982" i="2" a="1"/>
  <c r="E3982" i="2" s="1"/>
  <c r="E3990" i="2" a="1"/>
  <c r="E3990" i="2" s="1"/>
  <c r="E3976" i="2" a="1"/>
  <c r="E3976" i="2" s="1"/>
  <c r="E3979" i="2" a="1"/>
  <c r="E3979" i="2" s="1"/>
  <c r="E3986" i="2" a="1"/>
  <c r="E3986" i="2" s="1"/>
  <c r="E3971" i="2" a="1"/>
  <c r="E3971" i="2" s="1"/>
  <c r="E3977" i="2" a="1"/>
  <c r="E3977" i="2" s="1"/>
  <c r="E3992" i="2" a="1"/>
  <c r="E3992" i="2" s="1"/>
  <c r="E3987" i="2" a="1"/>
  <c r="E3987" i="2" s="1"/>
  <c r="E3991" i="2" a="1"/>
  <c r="E3991" i="2" s="1"/>
  <c r="F1386" i="2" a="1"/>
  <c r="F1386" i="2" s="1"/>
  <c r="F1379" i="2" a="1"/>
  <c r="F1379" i="2" s="1"/>
  <c r="F1397" i="2" a="1"/>
  <c r="F1397" i="2" s="1"/>
  <c r="F1388" i="2" a="1"/>
  <c r="F1388" i="2" s="1"/>
  <c r="E2744" i="2" a="1"/>
  <c r="E2744" i="2" s="1"/>
  <c r="E2722" i="2" a="1"/>
  <c r="E2722" i="2" s="1"/>
  <c r="E2743" i="2" a="1"/>
  <c r="E2743" i="2" s="1"/>
  <c r="E2729" i="2" a="1"/>
  <c r="E2729" i="2" s="1"/>
  <c r="E2734" i="2" a="1"/>
  <c r="E2734" i="2" s="1"/>
  <c r="E2732" i="2" a="1"/>
  <c r="E2732" i="2" s="1"/>
  <c r="E2725" i="2" a="1"/>
  <c r="E2725" i="2" s="1"/>
  <c r="E2738" i="2" a="1"/>
  <c r="E2738" i="2" s="1"/>
  <c r="E2728" i="2" a="1"/>
  <c r="E2728" i="2" s="1"/>
  <c r="E2739" i="2" a="1"/>
  <c r="E2739" i="2" s="1"/>
  <c r="E7158" i="2" a="1"/>
  <c r="E7158" i="2" s="1"/>
  <c r="E7161" i="2" a="1"/>
  <c r="E7161" i="2" s="1"/>
  <c r="E7138" i="2" a="1"/>
  <c r="E7138" i="2" s="1"/>
  <c r="E7151" i="2" a="1"/>
  <c r="E7151" i="2" s="1"/>
  <c r="E7160" i="2" a="1"/>
  <c r="E7160" i="2" s="1"/>
  <c r="E7143" i="2" a="1"/>
  <c r="E7143" i="2" s="1"/>
  <c r="E7146" i="2" a="1"/>
  <c r="E7146" i="2" s="1"/>
  <c r="E7156" i="2" a="1"/>
  <c r="E7156" i="2" s="1"/>
  <c r="E7147" i="2" a="1"/>
  <c r="E7147" i="2" s="1"/>
  <c r="G2011" i="2" a="1"/>
  <c r="G2011" i="2" s="1"/>
  <c r="G2020" i="2" a="1"/>
  <c r="G2020" i="2" s="1"/>
  <c r="G2016" i="2" a="1"/>
  <c r="G2016" i="2" s="1"/>
  <c r="G2013" i="2" a="1"/>
  <c r="G2013" i="2" s="1"/>
  <c r="G2009" i="2" a="1"/>
  <c r="G2009" i="2" s="1"/>
  <c r="G2003" i="2" a="1"/>
  <c r="G2003" i="2" s="1"/>
  <c r="G2012" i="2" a="1"/>
  <c r="G2012" i="2" s="1"/>
  <c r="G2015" i="2" a="1"/>
  <c r="G2015" i="2" s="1"/>
  <c r="G2004" i="2" a="1"/>
  <c r="G2004" i="2" s="1"/>
  <c r="G2023" i="2" a="1"/>
  <c r="G2023" i="2" s="1"/>
  <c r="G2018" i="2" a="1"/>
  <c r="G2018" i="2" s="1"/>
  <c r="G2014" i="2" a="1"/>
  <c r="G2014" i="2" s="1"/>
  <c r="F2242" i="2" a="1"/>
  <c r="F2242" i="2" s="1"/>
  <c r="F2259" i="2" a="1"/>
  <c r="F2259" i="2" s="1"/>
  <c r="F2254" i="2" a="1"/>
  <c r="F2254" i="2" s="1"/>
  <c r="F2265" i="2" a="1"/>
  <c r="F2265" i="2" s="1"/>
  <c r="F2245" i="2" a="1"/>
  <c r="F2245" i="2" s="1"/>
  <c r="F2256" i="2" a="1"/>
  <c r="F2256" i="2" s="1"/>
  <c r="F2247" i="2" a="1"/>
  <c r="F2247" i="2" s="1"/>
  <c r="F2263" i="2" a="1"/>
  <c r="F2263" i="2" s="1"/>
  <c r="F2262" i="2" a="1"/>
  <c r="F2262" i="2" s="1"/>
  <c r="G1354" i="2" a="1"/>
  <c r="G1354" i="2" s="1"/>
  <c r="G1374" i="2" a="1"/>
  <c r="G1374" i="2" s="1"/>
  <c r="G1363" i="2" a="1"/>
  <c r="G1363" i="2" s="1"/>
  <c r="G1366" i="2" a="1"/>
  <c r="G1366" i="2" s="1"/>
  <c r="G1375" i="2" a="1"/>
  <c r="G1375" i="2" s="1"/>
  <c r="G1357" i="2" a="1"/>
  <c r="G1357" i="2" s="1"/>
  <c r="G1359" i="2" a="1"/>
  <c r="G1359" i="2" s="1"/>
  <c r="G1370" i="2" a="1"/>
  <c r="G1370" i="2" s="1"/>
  <c r="G1360" i="2" a="1"/>
  <c r="G1360" i="2" s="1"/>
  <c r="G961" i="2" a="1"/>
  <c r="G961" i="2" s="1"/>
  <c r="G964" i="2" a="1"/>
  <c r="G964" i="2" s="1"/>
  <c r="G947" i="2" a="1"/>
  <c r="G947" i="2" s="1"/>
  <c r="G960" i="2" a="1"/>
  <c r="G960" i="2" s="1"/>
  <c r="G951" i="2" a="1"/>
  <c r="G951" i="2" s="1"/>
  <c r="G965" i="2" a="1"/>
  <c r="G965" i="2" s="1"/>
  <c r="G969" i="2" a="1"/>
  <c r="G969" i="2" s="1"/>
  <c r="G2825" i="2" a="1"/>
  <c r="G2825" i="2" s="1"/>
  <c r="G2821" i="2" a="1"/>
  <c r="G2821" i="2" s="1"/>
  <c r="G2830" i="2" a="1"/>
  <c r="G2830" i="2" s="1"/>
  <c r="G2822" i="2" a="1"/>
  <c r="G2822" i="2" s="1"/>
  <c r="G2832" i="2" a="1"/>
  <c r="G2832" i="2" s="1"/>
  <c r="G2840" i="2" a="1"/>
  <c r="G2840" i="2" s="1"/>
  <c r="G2829" i="2" a="1"/>
  <c r="G2829" i="2" s="1"/>
  <c r="G2837" i="2" a="1"/>
  <c r="G2837" i="2" s="1"/>
  <c r="G2824" i="2" a="1"/>
  <c r="G2824" i="2" s="1"/>
  <c r="G2836" i="2" a="1"/>
  <c r="G2836" i="2" s="1"/>
  <c r="G2833" i="2" a="1"/>
  <c r="G2833" i="2" s="1"/>
  <c r="G2820" i="2" a="1"/>
  <c r="G2820" i="2" s="1"/>
  <c r="G2823" i="2" a="1"/>
  <c r="G2823" i="2" s="1"/>
  <c r="G2838" i="2" a="1"/>
  <c r="G2838" i="2" s="1"/>
  <c r="H1521" i="2" a="1"/>
  <c r="H1521" i="2" s="1"/>
  <c r="H1499" i="2" a="1"/>
  <c r="H1499" i="2" s="1"/>
  <c r="H1511" i="2" a="1"/>
  <c r="H1511" i="2" s="1"/>
  <c r="H1512" i="2" a="1"/>
  <c r="H1512" i="2" s="1"/>
  <c r="E3066" i="2" a="1"/>
  <c r="E3066" i="2" s="1"/>
  <c r="E3075" i="2" a="1"/>
  <c r="E3075" i="2" s="1"/>
  <c r="E3078" i="2" a="1"/>
  <c r="E3078" i="2" s="1"/>
  <c r="E3079" i="2" a="1"/>
  <c r="E3079" i="2" s="1"/>
  <c r="E3058" i="2" a="1"/>
  <c r="E3058" i="2" s="1"/>
  <c r="E3070" i="2" a="1"/>
  <c r="E3070" i="2" s="1"/>
  <c r="E3081" i="2" a="1"/>
  <c r="E3081" i="2" s="1"/>
  <c r="E3074" i="2" a="1"/>
  <c r="E3074" i="2" s="1"/>
  <c r="E3069" i="2" a="1"/>
  <c r="E3069" i="2" s="1"/>
  <c r="E3080" i="2" a="1"/>
  <c r="E3080" i="2" s="1"/>
  <c r="E3061" i="2" a="1"/>
  <c r="E3061" i="2" s="1"/>
  <c r="E3062" i="2" a="1"/>
  <c r="E3062" i="2" s="1"/>
  <c r="E3064" i="2" a="1"/>
  <c r="E3064" i="2" s="1"/>
  <c r="E3060" i="2" a="1"/>
  <c r="E3060" i="2" s="1"/>
  <c r="E3068" i="2" a="1"/>
  <c r="E3068" i="2" s="1"/>
  <c r="D2479" i="2" a="1"/>
  <c r="D2479" i="2" s="1"/>
  <c r="D2471" i="2" a="1"/>
  <c r="D2471" i="2" s="1"/>
  <c r="G3160" i="2" a="1"/>
  <c r="G3160" i="2" s="1"/>
  <c r="G1942" i="2" a="1"/>
  <c r="G1942" i="2" s="1"/>
  <c r="F449" i="2" a="1"/>
  <c r="F449" i="2" s="1"/>
  <c r="F6452" i="2" a="1"/>
  <c r="F6452" i="2" s="1"/>
  <c r="H1568" i="2" a="1"/>
  <c r="H1568" i="2" s="1"/>
  <c r="F7737" i="2" a="1"/>
  <c r="F7737" i="2" s="1"/>
  <c r="F6622" i="2" a="1"/>
  <c r="F6622" i="2" s="1"/>
  <c r="G954" i="2" a="1"/>
  <c r="G954" i="2" s="1"/>
  <c r="F74" i="2" a="1"/>
  <c r="F74" i="2" s="1"/>
  <c r="D3733" i="2" a="1"/>
  <c r="D3733" i="2" s="1"/>
  <c r="F1390" i="2" a="1"/>
  <c r="F1390" i="2" s="1"/>
  <c r="F5336" i="2" a="1"/>
  <c r="F5336" i="2" s="1"/>
  <c r="F2252" i="2" a="1"/>
  <c r="F2252" i="2" s="1"/>
  <c r="H8314" i="2" a="1"/>
  <c r="H8314" i="2" s="1"/>
  <c r="G2006" i="2" a="1"/>
  <c r="G2006" i="2" s="1"/>
  <c r="E7159" i="2" a="1"/>
  <c r="E7159" i="2" s="1"/>
  <c r="E3970" i="2" a="1"/>
  <c r="E3970" i="2" s="1"/>
  <c r="G2826" i="2" a="1"/>
  <c r="G2826" i="2" s="1"/>
  <c r="D2467" i="2" a="1"/>
  <c r="D2467" i="2" s="1"/>
  <c r="D2463" i="2" a="1"/>
  <c r="D2463" i="2" s="1"/>
  <c r="G3176" i="2" a="1"/>
  <c r="G3176" i="2" s="1"/>
  <c r="G1945" i="2" a="1"/>
  <c r="G1945" i="2" s="1"/>
  <c r="F457" i="2" a="1"/>
  <c r="F457" i="2" s="1"/>
  <c r="F6454" i="2" a="1"/>
  <c r="F6454" i="2" s="1"/>
  <c r="H1567" i="2" a="1"/>
  <c r="H1567" i="2" s="1"/>
  <c r="F7722" i="2" a="1"/>
  <c r="F7722" i="2" s="1"/>
  <c r="F6632" i="2" a="1"/>
  <c r="F6632" i="2" s="1"/>
  <c r="G953" i="2" a="1"/>
  <c r="G953" i="2" s="1"/>
  <c r="F76" i="2" a="1"/>
  <c r="F76" i="2" s="1"/>
  <c r="D3752" i="2" a="1"/>
  <c r="D3752" i="2" s="1"/>
  <c r="F1381" i="2" a="1"/>
  <c r="F1381" i="2" s="1"/>
  <c r="F5323" i="2" a="1"/>
  <c r="F5323" i="2" s="1"/>
  <c r="F2248" i="2" a="1"/>
  <c r="F2248" i="2" s="1"/>
  <c r="H8316" i="2" a="1"/>
  <c r="H8316" i="2" s="1"/>
  <c r="G2010" i="2" a="1"/>
  <c r="G2010" i="2" s="1"/>
  <c r="E7148" i="2" a="1"/>
  <c r="E7148" i="2" s="1"/>
  <c r="E3980" i="2" a="1"/>
  <c r="E3980" i="2" s="1"/>
  <c r="G2839" i="2" a="1"/>
  <c r="G2839" i="2" s="1"/>
  <c r="F7731" i="2" a="1"/>
  <c r="F7731" i="2" s="1"/>
  <c r="F6617" i="2" a="1"/>
  <c r="F6617" i="2" s="1"/>
  <c r="G966" i="2" a="1"/>
  <c r="G966" i="2" s="1"/>
  <c r="F67" i="2" a="1"/>
  <c r="F67" i="2" s="1"/>
  <c r="D3740" i="2" a="1"/>
  <c r="D3740" i="2" s="1"/>
  <c r="F1395" i="2" a="1"/>
  <c r="F1395" i="2" s="1"/>
  <c r="F2246" i="2" a="1"/>
  <c r="F2246" i="2" s="1"/>
  <c r="H8334" i="2" a="1"/>
  <c r="H8334" i="2" s="1"/>
  <c r="G2025" i="2" a="1"/>
  <c r="G2025" i="2" s="1"/>
  <c r="E7152" i="2" a="1"/>
  <c r="E7152" i="2" s="1"/>
  <c r="E3973" i="2" a="1"/>
  <c r="E3973" i="2" s="1"/>
  <c r="G2827" i="2" a="1"/>
  <c r="G2827" i="2" s="1"/>
  <c r="G2024" i="2" a="1"/>
  <c r="G2024" i="2" s="1"/>
  <c r="E7139" i="2" a="1"/>
  <c r="E7139" i="2" s="1"/>
  <c r="E3974" i="2" a="1"/>
  <c r="E3974" i="2" s="1"/>
  <c r="G280" i="2" a="1"/>
  <c r="G280" i="2" s="1"/>
  <c r="E2745" i="2" a="1"/>
  <c r="E2745" i="2" s="1"/>
  <c r="F2257" i="2" a="1"/>
  <c r="F2257" i="2" s="1"/>
  <c r="H8330" i="2" a="1"/>
  <c r="H8330" i="2" s="1"/>
  <c r="G2005" i="2" a="1"/>
  <c r="G2005" i="2" s="1"/>
  <c r="E3978" i="2" a="1"/>
  <c r="E3978" i="2" s="1"/>
  <c r="G289" i="2" a="1"/>
  <c r="G289" i="2" s="1"/>
  <c r="G2841" i="2" a="1"/>
  <c r="G2841" i="2" s="1"/>
  <c r="E2741" i="2" a="1"/>
  <c r="E2741" i="2" s="1"/>
  <c r="G2008" i="2" a="1"/>
  <c r="G2008" i="2" s="1"/>
  <c r="E3989" i="2" a="1"/>
  <c r="E3989" i="2" s="1"/>
  <c r="F5601" i="2" a="1"/>
  <c r="F5601" i="2" s="1"/>
  <c r="F5587" i="2" a="1"/>
  <c r="F5587" i="2" s="1"/>
  <c r="F5588" i="2" a="1"/>
  <c r="F5588" i="2" s="1"/>
  <c r="F5597" i="2" a="1"/>
  <c r="F5597" i="2" s="1"/>
  <c r="D6534" i="2" a="1"/>
  <c r="D6534" i="2" s="1"/>
  <c r="D6514" i="2" a="1"/>
  <c r="D6514" i="2" s="1"/>
  <c r="D6531" i="2" a="1"/>
  <c r="D6531" i="2" s="1"/>
  <c r="G7846" i="2" a="1"/>
  <c r="G7846" i="2" s="1"/>
  <c r="G7842" i="2" a="1"/>
  <c r="G7842" i="2" s="1"/>
  <c r="G7834" i="2" a="1"/>
  <c r="G7834" i="2" s="1"/>
  <c r="G7856" i="2" a="1"/>
  <c r="G7856" i="2" s="1"/>
  <c r="G7853" i="2" a="1"/>
  <c r="G7853" i="2" s="1"/>
  <c r="G7845" i="2" a="1"/>
  <c r="G7845" i="2" s="1"/>
  <c r="H7172" i="2" a="1"/>
  <c r="H7172" i="2" s="1"/>
  <c r="H7174" i="2" a="1"/>
  <c r="H7174" i="2" s="1"/>
  <c r="H7173" i="2" a="1"/>
  <c r="H7173" i="2" s="1"/>
  <c r="E242" i="2" a="1"/>
  <c r="E242" i="2" s="1"/>
  <c r="E246" i="2" a="1"/>
  <c r="E246" i="2" s="1"/>
  <c r="E232" i="2" a="1"/>
  <c r="E232" i="2" s="1"/>
  <c r="E248" i="2" a="1"/>
  <c r="E248" i="2" s="1"/>
  <c r="E3384" i="2" a="1"/>
  <c r="E3384" i="2" s="1"/>
  <c r="E3382" i="2" a="1"/>
  <c r="E3382" i="2" s="1"/>
  <c r="H6437" i="2" a="1"/>
  <c r="H6437" i="2" s="1"/>
  <c r="H6435" i="2" a="1"/>
  <c r="H6435" i="2" s="1"/>
  <c r="H6427" i="2" a="1"/>
  <c r="H6427" i="2" s="1"/>
  <c r="H6438" i="2" a="1"/>
  <c r="H6438" i="2" s="1"/>
  <c r="H6431" i="2" a="1"/>
  <c r="H6431" i="2" s="1"/>
  <c r="D6183" i="2" a="1"/>
  <c r="D6183" i="2" s="1"/>
  <c r="E4970" i="2" a="1"/>
  <c r="E4970" i="2" s="1"/>
  <c r="G4676" i="2" a="1"/>
  <c r="G4676" i="2" s="1"/>
  <c r="E7481" i="2" a="1"/>
  <c r="E7481" i="2" s="1"/>
  <c r="E7475" i="2" a="1"/>
  <c r="E7475" i="2" s="1"/>
  <c r="F913" i="2" a="1"/>
  <c r="F913" i="2" s="1"/>
  <c r="F903" i="2" a="1"/>
  <c r="F903" i="2" s="1"/>
  <c r="F898" i="2" a="1"/>
  <c r="F898" i="2" s="1"/>
  <c r="F920" i="2" a="1"/>
  <c r="F920" i="2" s="1"/>
  <c r="F921" i="2" a="1"/>
  <c r="F921" i="2" s="1"/>
  <c r="H8482" i="2" a="1"/>
  <c r="H8482" i="2" s="1"/>
  <c r="H8487" i="2" a="1"/>
  <c r="H8487" i="2" s="1"/>
  <c r="H8496" i="2" a="1"/>
  <c r="H8496" i="2" s="1"/>
  <c r="H8493" i="2" a="1"/>
  <c r="H8493" i="2" s="1"/>
  <c r="D1809" i="2" a="1"/>
  <c r="D1809" i="2" s="1"/>
  <c r="D1786" i="2" a="1"/>
  <c r="D1786" i="2" s="1"/>
  <c r="D1806" i="2" a="1"/>
  <c r="D1806" i="2" s="1"/>
  <c r="D1800" i="2" a="1"/>
  <c r="D1800" i="2" s="1"/>
  <c r="D1808" i="2" a="1"/>
  <c r="D1808" i="2" s="1"/>
  <c r="D1789" i="2" a="1"/>
  <c r="D1789" i="2" s="1"/>
  <c r="E4955" i="2" a="1"/>
  <c r="E4955" i="2" s="1"/>
  <c r="E4958" i="2" a="1"/>
  <c r="E4958" i="2" s="1"/>
  <c r="E4965" i="2" a="1"/>
  <c r="E4965" i="2" s="1"/>
  <c r="E4972" i="2" a="1"/>
  <c r="E4972" i="2" s="1"/>
  <c r="E4956" i="2" a="1"/>
  <c r="E4956" i="2" s="1"/>
  <c r="E4964" i="2" a="1"/>
  <c r="E4964" i="2" s="1"/>
  <c r="E4967" i="2" a="1"/>
  <c r="E4967" i="2" s="1"/>
  <c r="G4666" i="2" a="1"/>
  <c r="G4666" i="2" s="1"/>
  <c r="G4667" i="2" a="1"/>
  <c r="G4667" i="2" s="1"/>
  <c r="G4682" i="2" a="1"/>
  <c r="G4682" i="2" s="1"/>
  <c r="G4683" i="2" a="1"/>
  <c r="G4683" i="2" s="1"/>
  <c r="G4684" i="2" a="1"/>
  <c r="G4684" i="2" s="1"/>
  <c r="G4673" i="2" a="1"/>
  <c r="G4673" i="2" s="1"/>
  <c r="D6180" i="2" a="1"/>
  <c r="D6180" i="2" s="1"/>
  <c r="D6188" i="2" a="1"/>
  <c r="D6188" i="2" s="1"/>
  <c r="D6196" i="2" a="1"/>
  <c r="D6196" i="2" s="1"/>
  <c r="D6200" i="2" a="1"/>
  <c r="D6200" i="2" s="1"/>
  <c r="D6181" i="2" a="1"/>
  <c r="D6181" i="2" s="1"/>
  <c r="D6187" i="2" a="1"/>
  <c r="D6187" i="2" s="1"/>
  <c r="G6844" i="2" a="1"/>
  <c r="G6844" i="2" s="1"/>
  <c r="G6836" i="2" a="1"/>
  <c r="G6836" i="2" s="1"/>
  <c r="G6847" i="2" a="1"/>
  <c r="G6847" i="2" s="1"/>
  <c r="G6826" i="2" a="1"/>
  <c r="G6826" i="2" s="1"/>
  <c r="G6830" i="2" a="1"/>
  <c r="G6830" i="2" s="1"/>
  <c r="G6839" i="2" a="1"/>
  <c r="G6839" i="2" s="1"/>
  <c r="E7259" i="2" a="1"/>
  <c r="E7259" i="2" s="1"/>
  <c r="E7281" i="2" a="1"/>
  <c r="E7281" i="2" s="1"/>
  <c r="E7275" i="2" a="1"/>
  <c r="E7275" i="2" s="1"/>
  <c r="E7260" i="2" a="1"/>
  <c r="E7260" i="2" s="1"/>
  <c r="E7271" i="2" a="1"/>
  <c r="E7271" i="2" s="1"/>
  <c r="E7273" i="2" a="1"/>
  <c r="E7273" i="2" s="1"/>
  <c r="E7262" i="2" a="1"/>
  <c r="E7262" i="2" s="1"/>
  <c r="H3739" i="2" a="1"/>
  <c r="H3739" i="2" s="1"/>
  <c r="H3733" i="2" a="1"/>
  <c r="H3733" i="2" s="1"/>
  <c r="H3735" i="2" a="1"/>
  <c r="H3735" i="2" s="1"/>
  <c r="H3737" i="2" a="1"/>
  <c r="H3737" i="2" s="1"/>
  <c r="H3752" i="2" a="1"/>
  <c r="H3752" i="2" s="1"/>
  <c r="H3747" i="2" a="1"/>
  <c r="H3747" i="2" s="1"/>
  <c r="H3736" i="2" a="1"/>
  <c r="H3736" i="2" s="1"/>
  <c r="H3750" i="2" a="1"/>
  <c r="H3750" i="2" s="1"/>
  <c r="H3734" i="2" a="1"/>
  <c r="H3734" i="2" s="1"/>
  <c r="D2082" i="2" a="1"/>
  <c r="D2082" i="2" s="1"/>
  <c r="D2087" i="2" a="1"/>
  <c r="D2087" i="2" s="1"/>
  <c r="AQ87" i="1"/>
  <c r="G93" i="5" s="1"/>
  <c r="D2094" i="2" a="1"/>
  <c r="D2094" i="2" s="1"/>
  <c r="AN87" i="1"/>
  <c r="D93" i="5" s="1"/>
  <c r="D2075" i="2" a="1"/>
  <c r="D2075" i="2" s="1"/>
  <c r="D2076" i="2" a="1"/>
  <c r="D2076" i="2" s="1"/>
  <c r="D2093" i="2" a="1"/>
  <c r="D2093" i="2" s="1"/>
  <c r="H6407" i="2" a="1"/>
  <c r="H6407" i="2" s="1"/>
  <c r="H6412" i="2" a="1"/>
  <c r="H6412" i="2" s="1"/>
  <c r="H6409" i="2" a="1"/>
  <c r="H6409" i="2" s="1"/>
  <c r="H6411" i="2" a="1"/>
  <c r="H6411" i="2" s="1"/>
  <c r="H6410" i="2" a="1"/>
  <c r="H6410" i="2" s="1"/>
  <c r="H6403" i="2" a="1"/>
  <c r="H6403" i="2" s="1"/>
  <c r="H6408" i="2" a="1"/>
  <c r="H6408" i="2" s="1"/>
  <c r="AM177" i="1"/>
  <c r="C183" i="5" s="1"/>
  <c r="E239" i="2" a="1"/>
  <c r="E239" i="2" s="1"/>
  <c r="H860" i="2" a="1"/>
  <c r="H860" i="2" s="1"/>
  <c r="D6522" i="2" a="1"/>
  <c r="D6522" i="2" s="1"/>
  <c r="H6343" i="2" a="1"/>
  <c r="H6343" i="2" s="1"/>
  <c r="D6201" i="2" a="1"/>
  <c r="D6201" i="2" s="1"/>
  <c r="E4961" i="2" a="1"/>
  <c r="E4961" i="2" s="1"/>
  <c r="G6843" i="2" a="1"/>
  <c r="G6843" i="2" s="1"/>
  <c r="G4670" i="2" a="1"/>
  <c r="G4670" i="2" s="1"/>
  <c r="E301" i="2" a="1"/>
  <c r="E301" i="2" s="1"/>
  <c r="E311" i="2" a="1"/>
  <c r="E311" i="2" s="1"/>
  <c r="E302" i="2" a="1"/>
  <c r="E302" i="2" s="1"/>
  <c r="E306" i="2" a="1"/>
  <c r="E306" i="2" s="1"/>
  <c r="E319" i="2" a="1"/>
  <c r="E319" i="2" s="1"/>
  <c r="E303" i="2" a="1"/>
  <c r="E303" i="2" s="1"/>
  <c r="E308" i="2" a="1"/>
  <c r="E308" i="2" s="1"/>
  <c r="E317" i="2" a="1"/>
  <c r="E317" i="2" s="1"/>
  <c r="D284" i="2" a="1"/>
  <c r="D284" i="2" s="1"/>
  <c r="AN12" i="1"/>
  <c r="D18" i="5" s="1"/>
  <c r="D1802" i="2" a="1"/>
  <c r="D1802" i="2" s="1"/>
  <c r="G7851" i="2" a="1"/>
  <c r="G7851" i="2" s="1"/>
  <c r="H3742" i="2" a="1"/>
  <c r="H3742" i="2" s="1"/>
  <c r="E230" i="2" a="1"/>
  <c r="E230" i="2" s="1"/>
  <c r="H870" i="2" a="1"/>
  <c r="H870" i="2" s="1"/>
  <c r="E7272" i="2" a="1"/>
  <c r="E7272" i="2" s="1"/>
  <c r="D6537" i="2" a="1"/>
  <c r="D6537" i="2" s="1"/>
  <c r="D6182" i="2" a="1"/>
  <c r="D6182" i="2" s="1"/>
  <c r="E4957" i="2" a="1"/>
  <c r="E4957" i="2" s="1"/>
  <c r="F5580" i="2" a="1"/>
  <c r="F5580" i="2" s="1"/>
  <c r="G6834" i="2" a="1"/>
  <c r="G6834" i="2" s="1"/>
  <c r="H6414" i="2" a="1"/>
  <c r="H6414" i="2" s="1"/>
  <c r="G4686" i="2" a="1"/>
  <c r="G4686" i="2" s="1"/>
  <c r="D287" i="2" a="1"/>
  <c r="D287" i="2" s="1"/>
  <c r="AP12" i="1"/>
  <c r="F18" i="5" s="1"/>
  <c r="D1798" i="2" a="1"/>
  <c r="D1798" i="2" s="1"/>
  <c r="E226" i="2" a="1"/>
  <c r="E226" i="2" s="1"/>
  <c r="E7263" i="2" a="1"/>
  <c r="E7263" i="2" s="1"/>
  <c r="D6518" i="2" a="1"/>
  <c r="D6518" i="2" s="1"/>
  <c r="D6186" i="2" a="1"/>
  <c r="D6186" i="2" s="1"/>
  <c r="E4971" i="2" a="1"/>
  <c r="E4971" i="2" s="1"/>
  <c r="F5578" i="2" a="1"/>
  <c r="F5578" i="2" s="1"/>
  <c r="G6842" i="2" a="1"/>
  <c r="G6842" i="2" s="1"/>
  <c r="H6398" i="2" a="1"/>
  <c r="H6398" i="2" s="1"/>
  <c r="G4675" i="2" a="1"/>
  <c r="G4675" i="2" s="1"/>
  <c r="D295" i="2" a="1"/>
  <c r="D295" i="2" s="1"/>
  <c r="D6460" i="2" a="1"/>
  <c r="D6460" i="2" s="1"/>
  <c r="D1790" i="2" a="1"/>
  <c r="D1790" i="2" s="1"/>
  <c r="H3738" i="2" a="1"/>
  <c r="H3738" i="2" s="1"/>
  <c r="E241" i="2" a="1"/>
  <c r="E241" i="2" s="1"/>
  <c r="D6527" i="2" a="1"/>
  <c r="D6527" i="2" s="1"/>
  <c r="D6190" i="2" a="1"/>
  <c r="D6190" i="2" s="1"/>
  <c r="E4969" i="2" a="1"/>
  <c r="E4969" i="2" s="1"/>
  <c r="F5595" i="2" a="1"/>
  <c r="F5595" i="2" s="1"/>
  <c r="G6829" i="2" a="1"/>
  <c r="G6829" i="2" s="1"/>
  <c r="H6405" i="2" a="1"/>
  <c r="H6405" i="2" s="1"/>
  <c r="G4678" i="2" a="1"/>
  <c r="G4678" i="2" s="1"/>
  <c r="D1795" i="2" a="1"/>
  <c r="D1795" i="2" s="1"/>
  <c r="H3741" i="2" a="1"/>
  <c r="H3741" i="2" s="1"/>
  <c r="D6516" i="2" a="1"/>
  <c r="D6516" i="2" s="1"/>
  <c r="D6198" i="2" a="1"/>
  <c r="D6198" i="2" s="1"/>
  <c r="E4976" i="2" a="1"/>
  <c r="E4976" i="2" s="1"/>
  <c r="F5592" i="2" a="1"/>
  <c r="F5592" i="2" s="1"/>
  <c r="G6833" i="2" a="1"/>
  <c r="G6833" i="2" s="1"/>
  <c r="H6397" i="2" a="1"/>
  <c r="H6397" i="2" s="1"/>
  <c r="G4681" i="2" a="1"/>
  <c r="G4681" i="2" s="1"/>
  <c r="D6528" i="2" a="1"/>
  <c r="D6528" i="2" s="1"/>
  <c r="D6194" i="2" a="1"/>
  <c r="D6194" i="2" s="1"/>
  <c r="E4966" i="2" a="1"/>
  <c r="E4966" i="2" s="1"/>
  <c r="F5594" i="2" a="1"/>
  <c r="F5594" i="2" s="1"/>
  <c r="G6828" i="2" a="1"/>
  <c r="G6828" i="2" s="1"/>
  <c r="G4669" i="2" a="1"/>
  <c r="G4669" i="2" s="1"/>
  <c r="G1225" i="2" a="1"/>
  <c r="G1225" i="2" s="1"/>
  <c r="D5747" i="2" a="1"/>
  <c r="D5747" i="2" s="1"/>
  <c r="E5667" i="2" a="1"/>
  <c r="E5667" i="2" s="1"/>
  <c r="F1235" i="2" a="1"/>
  <c r="F1235" i="2" s="1"/>
  <c r="F523" i="2" a="1"/>
  <c r="F523" i="2" s="1"/>
  <c r="F1524" i="2" a="1"/>
  <c r="F1524" i="2" s="1"/>
  <c r="H4896" i="2" a="1"/>
  <c r="H4896" i="2" s="1"/>
  <c r="G1226" i="2" a="1"/>
  <c r="G1226" i="2" s="1"/>
  <c r="D5748" i="2" a="1"/>
  <c r="D5748" i="2" s="1"/>
  <c r="E5671" i="2" a="1"/>
  <c r="E5671" i="2" s="1"/>
  <c r="F1234" i="2" a="1"/>
  <c r="F1234" i="2" s="1"/>
  <c r="F533" i="2" a="1"/>
  <c r="F533" i="2" s="1"/>
  <c r="F535" i="2" a="1"/>
  <c r="F535" i="2" s="1"/>
  <c r="H4859" i="2" a="1"/>
  <c r="H4859" i="2" s="1"/>
  <c r="F1537" i="2" a="1"/>
  <c r="F1537" i="2" s="1"/>
  <c r="H4885" i="2" a="1"/>
  <c r="H4885" i="2" s="1"/>
  <c r="E7461" i="2" a="1"/>
  <c r="E7461" i="2" s="1"/>
  <c r="G1233" i="2" a="1"/>
  <c r="G1233" i="2" s="1"/>
  <c r="D5765" i="2" a="1"/>
  <c r="D5765" i="2" s="1"/>
  <c r="E5659" i="2" a="1"/>
  <c r="E5659" i="2" s="1"/>
  <c r="F1253" i="2" a="1"/>
  <c r="F1253" i="2" s="1"/>
  <c r="F528" i="2" a="1"/>
  <c r="F528" i="2" s="1"/>
  <c r="F531" i="2" a="1"/>
  <c r="F531" i="2" s="1"/>
  <c r="H4874" i="2" a="1"/>
  <c r="H4874" i="2" s="1"/>
  <c r="F1523" i="2" a="1"/>
  <c r="F1523" i="2" s="1"/>
  <c r="H4884" i="2" a="1"/>
  <c r="H4884" i="2" s="1"/>
  <c r="D5766" i="2" a="1"/>
  <c r="D5766" i="2" s="1"/>
  <c r="D5757" i="2" a="1"/>
  <c r="D5757" i="2" s="1"/>
  <c r="E5653" i="2" a="1"/>
  <c r="E5653" i="2" s="1"/>
  <c r="H4862" i="2" a="1"/>
  <c r="H4862" i="2" s="1"/>
  <c r="F1542" i="2" a="1"/>
  <c r="F1542" i="2" s="1"/>
  <c r="F1539" i="2" a="1"/>
  <c r="F1539" i="2" s="1"/>
  <c r="H4889" i="2" a="1"/>
  <c r="H4889" i="2" s="1"/>
  <c r="AQ178" i="1"/>
  <c r="G184" i="5" s="1"/>
  <c r="AN33" i="1"/>
  <c r="D39" i="5" s="1"/>
  <c r="AQ269" i="1"/>
  <c r="G275" i="5" s="1"/>
  <c r="AO234" i="1"/>
  <c r="E240" i="5" s="1"/>
  <c r="AO317" i="1"/>
  <c r="E323" i="5" s="1"/>
  <c r="AN194" i="1"/>
  <c r="D200" i="5" s="1"/>
  <c r="AP170" i="1"/>
  <c r="F176" i="5" s="1"/>
  <c r="G1220" i="2" a="1"/>
  <c r="G1220" i="2" s="1"/>
  <c r="D5754" i="2" a="1"/>
  <c r="D5754" i="2" s="1"/>
  <c r="D5753" i="2" a="1"/>
  <c r="D5753" i="2" s="1"/>
  <c r="E5656" i="2" a="1"/>
  <c r="E5656" i="2" s="1"/>
  <c r="E5652" i="2" a="1"/>
  <c r="E5652" i="2" s="1"/>
  <c r="F1237" i="2" a="1"/>
  <c r="F1237" i="2" s="1"/>
  <c r="F537" i="2" a="1"/>
  <c r="F537" i="2" s="1"/>
  <c r="H4865" i="2" a="1"/>
  <c r="H4865" i="2" s="1"/>
  <c r="F1536" i="2" a="1"/>
  <c r="F1536" i="2" s="1"/>
  <c r="F1531" i="2" a="1"/>
  <c r="F1531" i="2" s="1"/>
  <c r="H4902" i="2" a="1"/>
  <c r="H4902" i="2" s="1"/>
  <c r="G1216" i="2" a="1"/>
  <c r="G1216" i="2" s="1"/>
  <c r="D5769" i="2" a="1"/>
  <c r="D5769" i="2" s="1"/>
  <c r="E5651" i="2" a="1"/>
  <c r="E5651" i="2" s="1"/>
  <c r="F1241" i="2" a="1"/>
  <c r="F1241" i="2" s="1"/>
  <c r="H4870" i="2" a="1"/>
  <c r="H4870" i="2" s="1"/>
  <c r="F1526" i="2" a="1"/>
  <c r="F1526" i="2" s="1"/>
  <c r="H4898" i="2" a="1"/>
  <c r="H4898" i="2" s="1"/>
  <c r="H7821" i="2" a="1"/>
  <c r="H7821" i="2" s="1"/>
  <c r="H7810" i="2" a="1"/>
  <c r="H7810" i="2" s="1"/>
  <c r="H7833" i="2" a="1"/>
  <c r="H7833" i="2" s="1"/>
  <c r="H7816" i="2" a="1"/>
  <c r="H7816" i="2" s="1"/>
  <c r="E1481" i="2" a="1"/>
  <c r="E1481" i="2" s="1"/>
  <c r="E1495" i="2" a="1"/>
  <c r="E1495" i="2" s="1"/>
  <c r="E1476" i="2" a="1"/>
  <c r="E1476" i="2" s="1"/>
  <c r="E1482" i="2" a="1"/>
  <c r="E1482" i="2" s="1"/>
  <c r="E1484" i="2" a="1"/>
  <c r="E1484" i="2" s="1"/>
  <c r="E1479" i="2" a="1"/>
  <c r="E1479" i="2" s="1"/>
  <c r="E1487" i="2" a="1"/>
  <c r="E1487" i="2" s="1"/>
  <c r="E1497" i="2" a="1"/>
  <c r="E1497" i="2" s="1"/>
  <c r="E1492" i="2" a="1"/>
  <c r="E1492" i="2" s="1"/>
  <c r="E1477" i="2" a="1"/>
  <c r="E1477" i="2" s="1"/>
  <c r="G3267" i="2" a="1"/>
  <c r="G3267" i="2" s="1"/>
  <c r="G3265" i="2" a="1"/>
  <c r="G3265" i="2" s="1"/>
  <c r="G3261" i="2" a="1"/>
  <c r="G3261" i="2" s="1"/>
  <c r="H7120" i="2" a="1"/>
  <c r="H7120" i="2" s="1"/>
  <c r="H7132" i="2" a="1"/>
  <c r="H7132" i="2" s="1"/>
  <c r="G1239" i="2" a="1"/>
  <c r="G1239" i="2" s="1"/>
  <c r="G1256" i="2" a="1"/>
  <c r="G1256" i="2" s="1"/>
  <c r="G8613" i="2" a="1"/>
  <c r="G8613" i="2" s="1"/>
  <c r="G8607" i="2" a="1"/>
  <c r="G8607" i="2" s="1"/>
  <c r="F7740" i="2" a="1"/>
  <c r="F7740" i="2" s="1"/>
  <c r="F7760" i="2" a="1"/>
  <c r="F7760" i="2" s="1"/>
  <c r="F7746" i="2" a="1"/>
  <c r="F7746" i="2" s="1"/>
  <c r="F7749" i="2" a="1"/>
  <c r="F7749" i="2" s="1"/>
  <c r="F7750" i="2" a="1"/>
  <c r="F7750" i="2" s="1"/>
  <c r="F7742" i="2" a="1"/>
  <c r="F7742" i="2" s="1"/>
  <c r="F7752" i="2" a="1"/>
  <c r="F7752" i="2" s="1"/>
  <c r="F7738" i="2" a="1"/>
  <c r="F7738" i="2" s="1"/>
  <c r="F7757" i="2" a="1"/>
  <c r="F7757" i="2" s="1"/>
  <c r="F7747" i="2" a="1"/>
  <c r="F7747" i="2" s="1"/>
  <c r="F7753" i="2" a="1"/>
  <c r="F7753" i="2" s="1"/>
  <c r="F7761" i="2" a="1"/>
  <c r="F7761" i="2" s="1"/>
  <c r="F7758" i="2" a="1"/>
  <c r="F7758" i="2" s="1"/>
  <c r="F7744" i="2" a="1"/>
  <c r="F7744" i="2" s="1"/>
  <c r="F7743" i="2" a="1"/>
  <c r="F7743" i="2" s="1"/>
  <c r="F7755" i="2" a="1"/>
  <c r="F7755" i="2" s="1"/>
  <c r="F7748" i="2" a="1"/>
  <c r="F7748" i="2" s="1"/>
  <c r="G5455" i="2" a="1"/>
  <c r="G5455" i="2" s="1"/>
  <c r="G5438" i="2" a="1"/>
  <c r="G5438" i="2" s="1"/>
  <c r="H1438" i="2" a="1"/>
  <c r="H1438" i="2" s="1"/>
  <c r="H1428" i="2" a="1"/>
  <c r="H1428" i="2" s="1"/>
  <c r="H1437" i="2" a="1"/>
  <c r="H1437" i="2" s="1"/>
  <c r="H1440" i="2" a="1"/>
  <c r="H1440" i="2" s="1"/>
  <c r="H3444" i="2" a="1"/>
  <c r="H3444" i="2" s="1"/>
  <c r="H3445" i="2" a="1"/>
  <c r="H3445" i="2" s="1"/>
  <c r="H3450" i="2" a="1"/>
  <c r="H3450" i="2" s="1"/>
  <c r="H3452" i="2" a="1"/>
  <c r="H3452" i="2" s="1"/>
  <c r="H3455" i="2" a="1"/>
  <c r="H3455" i="2" s="1"/>
  <c r="H3454" i="2" a="1"/>
  <c r="H3454" i="2" s="1"/>
  <c r="H3462" i="2" a="1"/>
  <c r="H3462" i="2" s="1"/>
  <c r="H1129" i="2" a="1"/>
  <c r="H1129" i="2" s="1"/>
  <c r="H1120" i="2" a="1"/>
  <c r="H1120" i="2" s="1"/>
  <c r="H1127" i="2" a="1"/>
  <c r="H1127" i="2" s="1"/>
  <c r="H1114" i="2" a="1"/>
  <c r="H1114" i="2" s="1"/>
  <c r="H1131" i="2" a="1"/>
  <c r="H1131" i="2" s="1"/>
  <c r="H1130" i="2" a="1"/>
  <c r="H1130" i="2" s="1"/>
  <c r="H1134" i="2" a="1"/>
  <c r="H1134" i="2" s="1"/>
  <c r="H1136" i="2" a="1"/>
  <c r="H1136" i="2" s="1"/>
  <c r="H1116" i="2" a="1"/>
  <c r="H1116" i="2" s="1"/>
  <c r="H1125" i="2" a="1"/>
  <c r="H1125" i="2" s="1"/>
  <c r="H1137" i="2" a="1"/>
  <c r="H1137" i="2" s="1"/>
  <c r="H1133" i="2" a="1"/>
  <c r="H1133" i="2" s="1"/>
  <c r="H1117" i="2" a="1"/>
  <c r="H1117" i="2" s="1"/>
  <c r="H1126" i="2" a="1"/>
  <c r="H1126" i="2" s="1"/>
  <c r="H1121" i="2" a="1"/>
  <c r="H1121" i="2" s="1"/>
  <c r="H1115" i="2" a="1"/>
  <c r="H1115" i="2" s="1"/>
  <c r="H1124" i="2" a="1"/>
  <c r="H1124" i="2" s="1"/>
  <c r="H1135" i="2" a="1"/>
  <c r="H1135" i="2" s="1"/>
  <c r="D91" i="2" a="1"/>
  <c r="D91" i="2" s="1"/>
  <c r="D102" i="2" a="1"/>
  <c r="D102" i="2" s="1"/>
  <c r="D89" i="2" a="1"/>
  <c r="D89" i="2" s="1"/>
  <c r="D93" i="2" a="1"/>
  <c r="D93" i="2" s="1"/>
  <c r="AP4" i="1"/>
  <c r="F10" i="5" s="1"/>
  <c r="AN4" i="1"/>
  <c r="D10" i="5" s="1"/>
  <c r="AO4" i="1"/>
  <c r="E10" i="5" s="1"/>
  <c r="AQ4" i="1"/>
  <c r="G10" i="5" s="1"/>
  <c r="AM4" i="1"/>
  <c r="C10" i="5" s="1"/>
  <c r="D99" i="2" a="1"/>
  <c r="D99" i="2" s="1"/>
  <c r="D87" i="2" a="1"/>
  <c r="D87" i="2" s="1"/>
  <c r="D97" i="2" a="1"/>
  <c r="D97" i="2" s="1"/>
  <c r="D94" i="2" a="1"/>
  <c r="D94" i="2" s="1"/>
  <c r="D96" i="2" a="1"/>
  <c r="D96" i="2" s="1"/>
  <c r="D88" i="2" a="1"/>
  <c r="D88" i="2" s="1"/>
  <c r="D83" i="2" a="1"/>
  <c r="D83" i="2" s="1"/>
  <c r="D95" i="2" a="1"/>
  <c r="D95" i="2" s="1"/>
  <c r="D98" i="2" a="1"/>
  <c r="D98" i="2" s="1"/>
  <c r="D103" i="2" a="1"/>
  <c r="D103" i="2" s="1"/>
  <c r="H7959" i="2" a="1"/>
  <c r="H7959" i="2" s="1"/>
  <c r="H7971" i="2" a="1"/>
  <c r="H7971" i="2" s="1"/>
  <c r="H7956" i="2" a="1"/>
  <c r="H7956" i="2" s="1"/>
  <c r="H7961" i="2" a="1"/>
  <c r="H7961" i="2" s="1"/>
  <c r="H7960" i="2" a="1"/>
  <c r="H7960" i="2" s="1"/>
  <c r="H7968" i="2" a="1"/>
  <c r="H7968" i="2" s="1"/>
  <c r="H7973" i="2" a="1"/>
  <c r="H7973" i="2" s="1"/>
  <c r="H7966" i="2" a="1"/>
  <c r="H7966" i="2" s="1"/>
  <c r="H7967" i="2" a="1"/>
  <c r="H7967" i="2" s="1"/>
  <c r="H7972" i="2" a="1"/>
  <c r="H7972" i="2" s="1"/>
  <c r="H7954" i="2" a="1"/>
  <c r="H7954" i="2" s="1"/>
  <c r="H7965" i="2" a="1"/>
  <c r="H7965" i="2" s="1"/>
  <c r="H7955" i="2" a="1"/>
  <c r="H7955" i="2" s="1"/>
  <c r="H7976" i="2" a="1"/>
  <c r="H7976" i="2" s="1"/>
  <c r="H7963" i="2" a="1"/>
  <c r="H7963" i="2" s="1"/>
  <c r="H7974" i="2" a="1"/>
  <c r="H7974" i="2" s="1"/>
  <c r="H7957" i="2" a="1"/>
  <c r="H7957" i="2" s="1"/>
  <c r="H7964" i="2" a="1"/>
  <c r="H7964" i="2" s="1"/>
  <c r="H7977" i="2" a="1"/>
  <c r="H7977" i="2" s="1"/>
  <c r="H7969" i="2" a="1"/>
  <c r="H7969" i="2" s="1"/>
  <c r="H7958" i="2" a="1"/>
  <c r="H7958" i="2" s="1"/>
  <c r="G7498" i="2" a="1"/>
  <c r="G7498" i="2" s="1"/>
  <c r="G7505" i="2" a="1"/>
  <c r="G7505" i="2" s="1"/>
  <c r="G7518" i="2" a="1"/>
  <c r="G7518" i="2" s="1"/>
  <c r="G7502" i="2" a="1"/>
  <c r="G7502" i="2" s="1"/>
  <c r="G7500" i="2" a="1"/>
  <c r="G7500" i="2" s="1"/>
  <c r="G7503" i="2" a="1"/>
  <c r="G7503" i="2" s="1"/>
  <c r="G7507" i="2" a="1"/>
  <c r="G7507" i="2" s="1"/>
  <c r="G7516" i="2" a="1"/>
  <c r="G7516" i="2" s="1"/>
  <c r="G7513" i="2" a="1"/>
  <c r="G7513" i="2" s="1"/>
  <c r="G7508" i="2" a="1"/>
  <c r="G7508" i="2" s="1"/>
  <c r="G7504" i="2" a="1"/>
  <c r="G7504" i="2" s="1"/>
  <c r="G7521" i="2" a="1"/>
  <c r="G7521" i="2" s="1"/>
  <c r="G7509" i="2" a="1"/>
  <c r="G7509" i="2" s="1"/>
  <c r="G7517" i="2" a="1"/>
  <c r="G7517" i="2" s="1"/>
  <c r="G7499" i="2" a="1"/>
  <c r="G7499" i="2" s="1"/>
  <c r="G7511" i="2" a="1"/>
  <c r="G7511" i="2" s="1"/>
  <c r="G7520" i="2" a="1"/>
  <c r="G7520" i="2" s="1"/>
  <c r="G7501" i="2" a="1"/>
  <c r="G7501" i="2" s="1"/>
  <c r="G7514" i="2" a="1"/>
  <c r="G7514" i="2" s="1"/>
  <c r="G7515" i="2" a="1"/>
  <c r="G7515" i="2" s="1"/>
  <c r="G7519" i="2" a="1"/>
  <c r="G7519" i="2" s="1"/>
  <c r="G6822" i="2" a="1"/>
  <c r="G6822" i="2" s="1"/>
  <c r="G6808" i="2" a="1"/>
  <c r="G6808" i="2" s="1"/>
  <c r="G6813" i="2" a="1"/>
  <c r="G6813" i="2" s="1"/>
  <c r="G6812" i="2" a="1"/>
  <c r="G6812" i="2" s="1"/>
  <c r="G6820" i="2" a="1"/>
  <c r="G6820" i="2" s="1"/>
  <c r="G6823" i="2" a="1"/>
  <c r="G6823" i="2" s="1"/>
  <c r="G6802" i="2" a="1"/>
  <c r="G6802" i="2" s="1"/>
  <c r="G6811" i="2" a="1"/>
  <c r="G6811" i="2" s="1"/>
  <c r="G6824" i="2" a="1"/>
  <c r="G6824" i="2" s="1"/>
  <c r="G6816" i="2" a="1"/>
  <c r="G6816" i="2" s="1"/>
  <c r="G6818" i="2" a="1"/>
  <c r="G6818" i="2" s="1"/>
  <c r="G6805" i="2" a="1"/>
  <c r="G6805" i="2" s="1"/>
  <c r="G6814" i="2" a="1"/>
  <c r="G6814" i="2" s="1"/>
  <c r="G6809" i="2" a="1"/>
  <c r="G6809" i="2" s="1"/>
  <c r="G6803" i="2" a="1"/>
  <c r="G6803" i="2" s="1"/>
  <c r="G6825" i="2" a="1"/>
  <c r="G6825" i="2" s="1"/>
  <c r="G6821" i="2" a="1"/>
  <c r="G6821" i="2" s="1"/>
  <c r="G6807" i="2" a="1"/>
  <c r="G6807" i="2" s="1"/>
  <c r="G6815" i="2" a="1"/>
  <c r="G6815" i="2" s="1"/>
  <c r="E4705" i="2" a="1"/>
  <c r="E4705" i="2" s="1"/>
  <c r="E4701" i="2" a="1"/>
  <c r="E4701" i="2" s="1"/>
  <c r="H7962" i="2" a="1"/>
  <c r="H7962" i="2" s="1"/>
  <c r="F7756" i="2" a="1"/>
  <c r="F7756" i="2" s="1"/>
  <c r="H7136" i="2" a="1"/>
  <c r="H7136" i="2" s="1"/>
  <c r="G6817" i="2" a="1"/>
  <c r="G6817" i="2" s="1"/>
  <c r="G7510" i="2" a="1"/>
  <c r="G7510" i="2" s="1"/>
  <c r="H1132" i="2" a="1"/>
  <c r="H1132" i="2" s="1"/>
  <c r="E1475" i="2" a="1"/>
  <c r="E1475" i="2" s="1"/>
  <c r="H7116" i="2" a="1"/>
  <c r="H7116" i="2" s="1"/>
  <c r="G6806" i="2" a="1"/>
  <c r="G6806" i="2" s="1"/>
  <c r="D82" i="2" a="1"/>
  <c r="D82" i="2" s="1"/>
  <c r="G3270" i="2" a="1"/>
  <c r="G3270" i="2" s="1"/>
  <c r="D100" i="2" a="1"/>
  <c r="D100" i="2" s="1"/>
  <c r="H7133" i="2" a="1"/>
  <c r="H7133" i="2" s="1"/>
  <c r="H3458" i="2" a="1"/>
  <c r="H3458" i="2" s="1"/>
  <c r="AO178" i="1"/>
  <c r="E184" i="5" s="1"/>
  <c r="H7130" i="2" a="1"/>
  <c r="H7130" i="2" s="1"/>
  <c r="G8625" i="2" a="1"/>
  <c r="G8625" i="2" s="1"/>
  <c r="H7122" i="2" a="1"/>
  <c r="H7122" i="2" s="1"/>
  <c r="H4656" i="2" a="1"/>
  <c r="H4656" i="2" s="1"/>
  <c r="G1811" i="2" a="1"/>
  <c r="G1811" i="2" s="1"/>
  <c r="H4813" i="2" a="1"/>
  <c r="H4813" i="2" s="1"/>
  <c r="F4656" i="2" a="1"/>
  <c r="F4656" i="2" s="1"/>
  <c r="D7077" i="2" a="1"/>
  <c r="D7077" i="2" s="1"/>
  <c r="D5617" i="2" a="1"/>
  <c r="D5617" i="2" s="1"/>
  <c r="AO341" i="1"/>
  <c r="E347" i="5" s="1"/>
  <c r="D4973" i="2" a="1"/>
  <c r="D4973" i="2" s="1"/>
  <c r="E2636" i="2" a="1"/>
  <c r="E2636" i="2" s="1"/>
  <c r="H8281" i="2" a="1"/>
  <c r="H8281" i="2" s="1"/>
  <c r="E4200" i="2" a="1"/>
  <c r="E4200" i="2" s="1"/>
  <c r="D5229" i="2" a="1"/>
  <c r="D5229" i="2" s="1"/>
  <c r="D6459" i="2" a="1"/>
  <c r="D6459" i="2" s="1"/>
  <c r="E5756" i="2" a="1"/>
  <c r="E5756" i="2" s="1"/>
  <c r="H6071" i="2" a="1"/>
  <c r="H6071" i="2" s="1"/>
  <c r="F8742" i="2" a="1"/>
  <c r="F8742" i="2" s="1"/>
  <c r="G5881" i="2" a="1"/>
  <c r="G5881" i="2" s="1"/>
  <c r="H4647" i="2" a="1"/>
  <c r="H4647" i="2" s="1"/>
  <c r="G1814" i="2" a="1"/>
  <c r="G1814" i="2" s="1"/>
  <c r="G8545" i="2" a="1"/>
  <c r="G8545" i="2" s="1"/>
  <c r="H4824" i="2" a="1"/>
  <c r="H4824" i="2" s="1"/>
  <c r="F4650" i="2" a="1"/>
  <c r="F4650" i="2" s="1"/>
  <c r="D7070" i="2" a="1"/>
  <c r="D7070" i="2" s="1"/>
  <c r="D5613" i="2" a="1"/>
  <c r="D5613" i="2" s="1"/>
  <c r="AP341" i="1"/>
  <c r="F347" i="5" s="1"/>
  <c r="D4965" i="2" a="1"/>
  <c r="D4965" i="2" s="1"/>
  <c r="E2645" i="2" a="1"/>
  <c r="E2645" i="2" s="1"/>
  <c r="H8289" i="2" a="1"/>
  <c r="H8289" i="2" s="1"/>
  <c r="E4192" i="2" a="1"/>
  <c r="E4192" i="2" s="1"/>
  <c r="D5224" i="2" a="1"/>
  <c r="D5224" i="2" s="1"/>
  <c r="D6457" i="2" a="1"/>
  <c r="D6457" i="2" s="1"/>
  <c r="E5746" i="2" a="1"/>
  <c r="E5746" i="2" s="1"/>
  <c r="H6076" i="2" a="1"/>
  <c r="H6076" i="2" s="1"/>
  <c r="F8741" i="2" a="1"/>
  <c r="F8741" i="2" s="1"/>
  <c r="G5889" i="2" a="1"/>
  <c r="G5889" i="2" s="1"/>
  <c r="E6638" i="2" a="1"/>
  <c r="E6638" i="2" s="1"/>
  <c r="G4908" i="2" a="1"/>
  <c r="G4908" i="2" s="1"/>
  <c r="AN103" i="1"/>
  <c r="D109" i="5" s="1"/>
  <c r="H4662" i="2" a="1"/>
  <c r="H4662" i="2" s="1"/>
  <c r="G1830" i="2" a="1"/>
  <c r="G1830" i="2" s="1"/>
  <c r="G8531" i="2" a="1"/>
  <c r="G8531" i="2" s="1"/>
  <c r="H4832" i="2" a="1"/>
  <c r="H4832" i="2" s="1"/>
  <c r="F4658" i="2" a="1"/>
  <c r="F4658" i="2" s="1"/>
  <c r="D7073" i="2" a="1"/>
  <c r="D7073" i="2" s="1"/>
  <c r="D5606" i="2" a="1"/>
  <c r="D5606" i="2" s="1"/>
  <c r="AQ341" i="1"/>
  <c r="G347" i="5" s="1"/>
  <c r="D4956" i="2" a="1"/>
  <c r="D4956" i="2" s="1"/>
  <c r="E2641" i="2" a="1"/>
  <c r="E2641" i="2" s="1"/>
  <c r="E2649" i="2" a="1"/>
  <c r="E2649" i="2" s="1"/>
  <c r="H8269" i="2" a="1"/>
  <c r="H8269" i="2" s="1"/>
  <c r="E4186" i="2" a="1"/>
  <c r="E4186" i="2" s="1"/>
  <c r="D5233" i="2" a="1"/>
  <c r="D5233" i="2" s="1"/>
  <c r="D6456" i="2" a="1"/>
  <c r="D6456" i="2" s="1"/>
  <c r="E5767" i="2" a="1"/>
  <c r="E5767" i="2" s="1"/>
  <c r="D8462" i="2" a="1"/>
  <c r="D8462" i="2" s="1"/>
  <c r="F8735" i="2" a="1"/>
  <c r="F8735" i="2" s="1"/>
  <c r="F3447" i="2" a="1"/>
  <c r="F3447" i="2" s="1"/>
  <c r="G4920" i="2" a="1"/>
  <c r="G4920" i="2" s="1"/>
  <c r="G1818" i="2" a="1"/>
  <c r="G1818" i="2" s="1"/>
  <c r="G8537" i="2" a="1"/>
  <c r="G8537" i="2" s="1"/>
  <c r="H4818" i="2" a="1"/>
  <c r="H4818" i="2" s="1"/>
  <c r="F4654" i="2" a="1"/>
  <c r="F4654" i="2" s="1"/>
  <c r="D7069" i="2" a="1"/>
  <c r="D7069" i="2" s="1"/>
  <c r="D5615" i="2" a="1"/>
  <c r="D5615" i="2" s="1"/>
  <c r="D4975" i="2" a="1"/>
  <c r="D4975" i="2" s="1"/>
  <c r="E2635" i="2" a="1"/>
  <c r="E2635" i="2" s="1"/>
  <c r="E2638" i="2" a="1"/>
  <c r="E2638" i="2" s="1"/>
  <c r="H8266" i="2" a="1"/>
  <c r="H8266" i="2" s="1"/>
  <c r="E4196" i="2" a="1"/>
  <c r="E4196" i="2" s="1"/>
  <c r="D5220" i="2" a="1"/>
  <c r="D5220" i="2" s="1"/>
  <c r="D6448" i="2" a="1"/>
  <c r="D6448" i="2" s="1"/>
  <c r="H5901" i="2" a="1"/>
  <c r="H5901" i="2" s="1"/>
  <c r="D8463" i="2" a="1"/>
  <c r="D8463" i="2" s="1"/>
  <c r="F8722" i="2" a="1"/>
  <c r="F8722" i="2" s="1"/>
  <c r="G4918" i="2" a="1"/>
  <c r="G4918" i="2" s="1"/>
  <c r="H4815" i="2" a="1"/>
  <c r="H4815" i="2" s="1"/>
  <c r="F4649" i="2" a="1"/>
  <c r="F4649" i="2" s="1"/>
  <c r="D5622" i="2" a="1"/>
  <c r="D5622" i="2" s="1"/>
  <c r="D4971" i="2" a="1"/>
  <c r="D4971" i="2" s="1"/>
  <c r="E4207" i="2" a="1"/>
  <c r="E4207" i="2" s="1"/>
  <c r="D6447" i="2" a="1"/>
  <c r="D6447" i="2" s="1"/>
  <c r="D8475" i="2" a="1"/>
  <c r="D8475" i="2" s="1"/>
  <c r="G4915" i="2" a="1"/>
  <c r="G4915" i="2" s="1"/>
  <c r="AP69" i="1"/>
  <c r="F75" i="5" s="1"/>
  <c r="AM277" i="1"/>
  <c r="C283" i="5" s="1"/>
  <c r="AN117" i="1"/>
  <c r="D123" i="5" s="1"/>
  <c r="G8546" i="2" a="1"/>
  <c r="G8546" i="2" s="1"/>
  <c r="H4814" i="2" a="1"/>
  <c r="H4814" i="2" s="1"/>
  <c r="F4651" i="2" a="1"/>
  <c r="F4651" i="2" s="1"/>
  <c r="D5618" i="2" a="1"/>
  <c r="D5618" i="2" s="1"/>
  <c r="D930" i="2" a="1"/>
  <c r="D930" i="2" s="1"/>
  <c r="D4967" i="2" a="1"/>
  <c r="D4967" i="2" s="1"/>
  <c r="H8277" i="2" a="1"/>
  <c r="H8277" i="2" s="1"/>
  <c r="E4202" i="2" a="1"/>
  <c r="E4202" i="2" s="1"/>
  <c r="D5218" i="2" a="1"/>
  <c r="D5218" i="2" s="1"/>
  <c r="D6454" i="2" a="1"/>
  <c r="D6454" i="2" s="1"/>
  <c r="D8471" i="2" a="1"/>
  <c r="D8471" i="2" s="1"/>
  <c r="G4919" i="2" a="1"/>
  <c r="G4919" i="2" s="1"/>
  <c r="H4651" i="2" a="1"/>
  <c r="H4651" i="2" s="1"/>
  <c r="H4652" i="2" a="1"/>
  <c r="H4652" i="2" s="1"/>
  <c r="G1812" i="2" a="1"/>
  <c r="G1812" i="2" s="1"/>
  <c r="G1833" i="2" a="1"/>
  <c r="G1833" i="2" s="1"/>
  <c r="G8541" i="2" a="1"/>
  <c r="G8541" i="2" s="1"/>
  <c r="H4811" i="2" a="1"/>
  <c r="H4811" i="2" s="1"/>
  <c r="F4645" i="2" a="1"/>
  <c r="F4645" i="2" s="1"/>
  <c r="D7076" i="2" a="1"/>
  <c r="D7076" i="2" s="1"/>
  <c r="D5614" i="2" a="1"/>
  <c r="D5614" i="2" s="1"/>
  <c r="D940" i="2" a="1"/>
  <c r="D940" i="2" s="1"/>
  <c r="D4963" i="2" a="1"/>
  <c r="D4963" i="2" s="1"/>
  <c r="E2642" i="2" a="1"/>
  <c r="E2642" i="2" s="1"/>
  <c r="H8285" i="2" a="1"/>
  <c r="H8285" i="2" s="1"/>
  <c r="D2680" i="2" a="1"/>
  <c r="D2680" i="2" s="1"/>
  <c r="D5219" i="2" a="1"/>
  <c r="D5219" i="2" s="1"/>
  <c r="D6451" i="2" a="1"/>
  <c r="D6451" i="2" s="1"/>
  <c r="D8467" i="2" a="1"/>
  <c r="D8467" i="2" s="1"/>
  <c r="H6336" i="2" a="1"/>
  <c r="H6336" i="2" s="1"/>
  <c r="H4644" i="2" a="1"/>
  <c r="H4644" i="2" s="1"/>
  <c r="H4665" i="2" a="1"/>
  <c r="H4665" i="2" s="1"/>
  <c r="G1824" i="2" a="1"/>
  <c r="G1824" i="2" s="1"/>
  <c r="G1813" i="2" a="1"/>
  <c r="G1813" i="2" s="1"/>
  <c r="G8552" i="2" a="1"/>
  <c r="G8552" i="2" s="1"/>
  <c r="H4833" i="2" a="1"/>
  <c r="H4833" i="2" s="1"/>
  <c r="F4653" i="2" a="1"/>
  <c r="F4653" i="2" s="1"/>
  <c r="D7087" i="2" a="1"/>
  <c r="D7087" i="2" s="1"/>
  <c r="D5610" i="2" a="1"/>
  <c r="D5610" i="2" s="1"/>
  <c r="D925" i="2" a="1"/>
  <c r="D925" i="2" s="1"/>
  <c r="D4959" i="2" a="1"/>
  <c r="D4959" i="2" s="1"/>
  <c r="E2633" i="2" a="1"/>
  <c r="E2633" i="2" s="1"/>
  <c r="H8286" i="2" a="1"/>
  <c r="H8286" i="2" s="1"/>
  <c r="D2689" i="2" a="1"/>
  <c r="D2689" i="2" s="1"/>
  <c r="D5225" i="2" a="1"/>
  <c r="D5225" i="2" s="1"/>
  <c r="D6442" i="2" a="1"/>
  <c r="D6442" i="2" s="1"/>
  <c r="E5764" i="2" a="1"/>
  <c r="E5764" i="2" s="1"/>
  <c r="D8459" i="2" a="1"/>
  <c r="D8459" i="2" s="1"/>
  <c r="H6338" i="2" a="1"/>
  <c r="H6338" i="2" s="1"/>
  <c r="G1832" i="2" a="1"/>
  <c r="G1832" i="2" s="1"/>
  <c r="G1828" i="2" a="1"/>
  <c r="G1828" i="2" s="1"/>
  <c r="G8539" i="2" a="1"/>
  <c r="G8539" i="2" s="1"/>
  <c r="H4812" i="2" a="1"/>
  <c r="H4812" i="2" s="1"/>
  <c r="F4664" i="2" a="1"/>
  <c r="F4664" i="2" s="1"/>
  <c r="D7075" i="2" a="1"/>
  <c r="D7075" i="2" s="1"/>
  <c r="D5603" i="2" a="1"/>
  <c r="D5603" i="2" s="1"/>
  <c r="D923" i="2" a="1"/>
  <c r="D923" i="2" s="1"/>
  <c r="D4955" i="2" a="1"/>
  <c r="D4955" i="2" s="1"/>
  <c r="E2644" i="2" a="1"/>
  <c r="E2644" i="2" s="1"/>
  <c r="H8272" i="2" a="1"/>
  <c r="H8272" i="2" s="1"/>
  <c r="D2675" i="2" a="1"/>
  <c r="D2675" i="2" s="1"/>
  <c r="E4384" i="2" a="1"/>
  <c r="E4384" i="2" s="1"/>
  <c r="D5241" i="2" a="1"/>
  <c r="D5241" i="2" s="1"/>
  <c r="D6464" i="2" a="1"/>
  <c r="D6464" i="2" s="1"/>
  <c r="E5752" i="2" a="1"/>
  <c r="E5752" i="2" s="1"/>
  <c r="H5762" i="2" a="1"/>
  <c r="H5762" i="2" s="1"/>
  <c r="D8476" i="2" a="1"/>
  <c r="D8476" i="2" s="1"/>
  <c r="H4654" i="2" a="1"/>
  <c r="H4654" i="2" s="1"/>
  <c r="H4642" i="2" a="1"/>
  <c r="H4642" i="2" s="1"/>
  <c r="G1827" i="2" a="1"/>
  <c r="G1827" i="2" s="1"/>
  <c r="G8544" i="2" a="1"/>
  <c r="G8544" i="2" s="1"/>
  <c r="H4821" i="2" a="1"/>
  <c r="H4821" i="2" s="1"/>
  <c r="D7082" i="2" a="1"/>
  <c r="D7082" i="2" s="1"/>
  <c r="D5607" i="2" a="1"/>
  <c r="D5607" i="2" s="1"/>
  <c r="D941" i="2" a="1"/>
  <c r="D941" i="2" s="1"/>
  <c r="AM207" i="1"/>
  <c r="C213" i="5" s="1"/>
  <c r="E2630" i="2" a="1"/>
  <c r="E2630" i="2" s="1"/>
  <c r="H8273" i="2" a="1"/>
  <c r="H8273" i="2" s="1"/>
  <c r="D2682" i="2" a="1"/>
  <c r="D2682" i="2" s="1"/>
  <c r="E4392" i="2" a="1"/>
  <c r="E4392" i="2" s="1"/>
  <c r="D5232" i="2" a="1"/>
  <c r="D5232" i="2" s="1"/>
  <c r="D6461" i="2" a="1"/>
  <c r="D6461" i="2" s="1"/>
  <c r="E5753" i="2" a="1"/>
  <c r="E5753" i="2" s="1"/>
  <c r="H5764" i="2" a="1"/>
  <c r="H5764" i="2" s="1"/>
  <c r="G8538" i="2" a="1"/>
  <c r="G8538" i="2" s="1"/>
  <c r="AM170" i="1"/>
  <c r="C176" i="5" s="1"/>
  <c r="H4828" i="2" a="1"/>
  <c r="H4828" i="2" s="1"/>
  <c r="D5608" i="2" a="1"/>
  <c r="D5608" i="2" s="1"/>
  <c r="D5619" i="2" a="1"/>
  <c r="D5619" i="2" s="1"/>
  <c r="D929" i="2" a="1"/>
  <c r="D929" i="2" s="1"/>
  <c r="AN207" i="1"/>
  <c r="H8280" i="2" a="1"/>
  <c r="H8280" i="2" s="1"/>
  <c r="D2678" i="2" a="1"/>
  <c r="D2678" i="2" s="1"/>
  <c r="E4382" i="2" a="1"/>
  <c r="E4382" i="2" s="1"/>
  <c r="D5222" i="2" a="1"/>
  <c r="D5222" i="2" s="1"/>
  <c r="D6458" i="2" a="1"/>
  <c r="D6458" i="2" s="1"/>
  <c r="E5751" i="2" a="1"/>
  <c r="E5751" i="2" s="1"/>
  <c r="H5748" i="2" a="1"/>
  <c r="H5748" i="2" s="1"/>
  <c r="F8092" i="2" a="1"/>
  <c r="F8092" i="2" s="1"/>
  <c r="G8533" i="2" a="1"/>
  <c r="G8533" i="2" s="1"/>
  <c r="AO170" i="1"/>
  <c r="E176" i="5" s="1"/>
  <c r="H4823" i="2" a="1"/>
  <c r="H4823" i="2" s="1"/>
  <c r="D5620" i="2" a="1"/>
  <c r="D5620" i="2" s="1"/>
  <c r="D5611" i="2" a="1"/>
  <c r="D5611" i="2" s="1"/>
  <c r="D938" i="2" a="1"/>
  <c r="D938" i="2" s="1"/>
  <c r="D4968" i="2" a="1"/>
  <c r="D4968" i="2" s="1"/>
  <c r="AQ207" i="1"/>
  <c r="G213" i="5" s="1"/>
  <c r="H8279" i="2" a="1"/>
  <c r="H8279" i="2" s="1"/>
  <c r="D2685" i="2" a="1"/>
  <c r="D2685" i="2" s="1"/>
  <c r="E4378" i="2" a="1"/>
  <c r="E4378" i="2" s="1"/>
  <c r="D5238" i="2" a="1"/>
  <c r="D5238" i="2" s="1"/>
  <c r="D6455" i="2" a="1"/>
  <c r="D6455" i="2" s="1"/>
  <c r="E5747" i="2" a="1"/>
  <c r="E5747" i="2" s="1"/>
  <c r="H5755" i="2" a="1"/>
  <c r="H5755" i="2" s="1"/>
  <c r="AM326" i="1"/>
  <c r="C332" i="5" s="1"/>
  <c r="F8089" i="2" a="1"/>
  <c r="F8089" i="2" s="1"/>
  <c r="G1817" i="2" a="1"/>
  <c r="G1817" i="2" s="1"/>
  <c r="G8536" i="2" a="1"/>
  <c r="G8536" i="2" s="1"/>
  <c r="AQ170" i="1"/>
  <c r="G176" i="5" s="1"/>
  <c r="H4831" i="2" a="1"/>
  <c r="H4831" i="2" s="1"/>
  <c r="F4655" i="2" a="1"/>
  <c r="F4655" i="2" s="1"/>
  <c r="D7083" i="2" a="1"/>
  <c r="D7083" i="2" s="1"/>
  <c r="D7080" i="2" a="1"/>
  <c r="D7080" i="2" s="1"/>
  <c r="D5616" i="2" a="1"/>
  <c r="D5616" i="2" s="1"/>
  <c r="D5604" i="2" a="1"/>
  <c r="D5604" i="2" s="1"/>
  <c r="D922" i="2" a="1"/>
  <c r="D922" i="2" s="1"/>
  <c r="D4969" i="2" a="1"/>
  <c r="D4969" i="2" s="1"/>
  <c r="AO207" i="1"/>
  <c r="E213" i="5" s="1"/>
  <c r="H8288" i="2" a="1"/>
  <c r="H8288" i="2" s="1"/>
  <c r="D2692" i="2" a="1"/>
  <c r="D2692" i="2" s="1"/>
  <c r="E4399" i="2" a="1"/>
  <c r="E4399" i="2" s="1"/>
  <c r="E4201" i="2" a="1"/>
  <c r="E4201" i="2" s="1"/>
  <c r="D5237" i="2" a="1"/>
  <c r="D5237" i="2" s="1"/>
  <c r="D6453" i="2" a="1"/>
  <c r="D6453" i="2" s="1"/>
  <c r="E5760" i="2" a="1"/>
  <c r="E5760" i="2" s="1"/>
  <c r="H5765" i="2" a="1"/>
  <c r="H5765" i="2" s="1"/>
  <c r="AN326" i="1"/>
  <c r="D332" i="5" s="1"/>
  <c r="F8088" i="2" a="1"/>
  <c r="F8088" i="2" s="1"/>
  <c r="G1825" i="2" a="1"/>
  <c r="G1825" i="2" s="1"/>
  <c r="G8535" i="2" a="1"/>
  <c r="G8535" i="2" s="1"/>
  <c r="AN170" i="1"/>
  <c r="F4652" i="2" a="1"/>
  <c r="F4652" i="2" s="1"/>
  <c r="D7081" i="2" a="1"/>
  <c r="D7081" i="2" s="1"/>
  <c r="D7066" i="2" a="1"/>
  <c r="D7066" i="2" s="1"/>
  <c r="D5612" i="2" a="1"/>
  <c r="D5612" i="2" s="1"/>
  <c r="D5624" i="2" a="1"/>
  <c r="D5624" i="2" s="1"/>
  <c r="D944" i="2" a="1"/>
  <c r="D944" i="2" s="1"/>
  <c r="D4976" i="2" a="1"/>
  <c r="D4976" i="2" s="1"/>
  <c r="H8278" i="2" a="1"/>
  <c r="H8278" i="2" s="1"/>
  <c r="D2690" i="2" a="1"/>
  <c r="D2690" i="2" s="1"/>
  <c r="E4383" i="2" a="1"/>
  <c r="E4383" i="2" s="1"/>
  <c r="E4194" i="2" a="1"/>
  <c r="E4194" i="2" s="1"/>
  <c r="D5231" i="2" a="1"/>
  <c r="D5231" i="2" s="1"/>
  <c r="D6446" i="2" a="1"/>
  <c r="D6446" i="2" s="1"/>
  <c r="E5763" i="2" a="1"/>
  <c r="E5763" i="2" s="1"/>
  <c r="F6485" i="2" a="1"/>
  <c r="F6485" i="2" s="1"/>
  <c r="G8530" i="2" a="1"/>
  <c r="G8530" i="2" s="1"/>
  <c r="F4643" i="2" a="1"/>
  <c r="F4643" i="2" s="1"/>
  <c r="D5605" i="2" a="1"/>
  <c r="D5605" i="2" s="1"/>
  <c r="D936" i="2" a="1"/>
  <c r="D936" i="2" s="1"/>
  <c r="D4972" i="2" a="1"/>
  <c r="D4972" i="2" s="1"/>
  <c r="H8275" i="2" a="1"/>
  <c r="H8275" i="2" s="1"/>
  <c r="D2688" i="2" a="1"/>
  <c r="D2688" i="2" s="1"/>
  <c r="E4396" i="2" a="1"/>
  <c r="E4396" i="2" s="1"/>
  <c r="E4209" i="2" a="1"/>
  <c r="E4209" i="2" s="1"/>
  <c r="D5235" i="2" a="1"/>
  <c r="D5235" i="2" s="1"/>
  <c r="D6444" i="2" a="1"/>
  <c r="D6444" i="2" s="1"/>
  <c r="E5755" i="2" a="1"/>
  <c r="E5755" i="2" s="1"/>
  <c r="G1823" i="2" a="1"/>
  <c r="G1823" i="2" s="1"/>
  <c r="G8551" i="2" a="1"/>
  <c r="G8551" i="2" s="1"/>
  <c r="H4825" i="2" a="1"/>
  <c r="H4825" i="2" s="1"/>
  <c r="F4660" i="2" a="1"/>
  <c r="F4660" i="2" s="1"/>
  <c r="D7074" i="2" a="1"/>
  <c r="D7074" i="2" s="1"/>
  <c r="D7079" i="2" a="1"/>
  <c r="D7079" i="2" s="1"/>
  <c r="D5625" i="2" a="1"/>
  <c r="D5625" i="2" s="1"/>
  <c r="D932" i="2" a="1"/>
  <c r="D932" i="2" s="1"/>
  <c r="D4964" i="2" a="1"/>
  <c r="D4964" i="2" s="1"/>
  <c r="H8287" i="2" a="1"/>
  <c r="H8287" i="2" s="1"/>
  <c r="E4397" i="2" a="1"/>
  <c r="E4397" i="2" s="1"/>
  <c r="E4190" i="2" a="1"/>
  <c r="E4190" i="2" s="1"/>
  <c r="D5223" i="2" a="1"/>
  <c r="D5223" i="2" s="1"/>
  <c r="D6463" i="2" a="1"/>
  <c r="D6463" i="2" s="1"/>
  <c r="E5757" i="2" a="1"/>
  <c r="E5757" i="2" s="1"/>
  <c r="E1812" i="2" a="1"/>
  <c r="E1812" i="2" s="1"/>
  <c r="D2762" i="2" a="1"/>
  <c r="D2762" i="2" s="1"/>
  <c r="E687" i="2" a="1"/>
  <c r="E687" i="2" s="1"/>
  <c r="AQ321" i="1"/>
  <c r="G327" i="5" s="1"/>
  <c r="H6255" i="2" a="1"/>
  <c r="H6255" i="2" s="1"/>
  <c r="H6256" i="2" a="1"/>
  <c r="H6256" i="2" s="1"/>
  <c r="G3665" i="2" a="1"/>
  <c r="G3665" i="2" s="1"/>
  <c r="E3670" i="2" a="1"/>
  <c r="E3670" i="2" s="1"/>
  <c r="H4657" i="2" a="1"/>
  <c r="H4657" i="2" s="1"/>
  <c r="H1647" i="2" a="1"/>
  <c r="H1647" i="2" s="1"/>
  <c r="G6085" i="2" a="1"/>
  <c r="G6085" i="2" s="1"/>
  <c r="D7495" i="2" a="1"/>
  <c r="D7495" i="2" s="1"/>
  <c r="D7478" i="2" a="1"/>
  <c r="D7478" i="2" s="1"/>
  <c r="D5193" i="2" a="1"/>
  <c r="D5193" i="2" s="1"/>
  <c r="D5176" i="2" a="1"/>
  <c r="D5176" i="2" s="1"/>
  <c r="G1831" i="2" a="1"/>
  <c r="G1831" i="2" s="1"/>
  <c r="E533" i="2" a="1"/>
  <c r="E533" i="2" s="1"/>
  <c r="G8532" i="2" a="1"/>
  <c r="G8532" i="2" s="1"/>
  <c r="G2925" i="2" a="1"/>
  <c r="G2925" i="2" s="1"/>
  <c r="H4827" i="2" a="1"/>
  <c r="H4827" i="2" s="1"/>
  <c r="F4657" i="2" a="1"/>
  <c r="F4657" i="2" s="1"/>
  <c r="D7089" i="2" a="1"/>
  <c r="D7089" i="2" s="1"/>
  <c r="D5609" i="2" a="1"/>
  <c r="D5609" i="2" s="1"/>
  <c r="D928" i="2" a="1"/>
  <c r="D928" i="2" s="1"/>
  <c r="D4960" i="2" a="1"/>
  <c r="D4960" i="2" s="1"/>
  <c r="E2640" i="2" a="1"/>
  <c r="E2640" i="2" s="1"/>
  <c r="H8282" i="2" a="1"/>
  <c r="H8282" i="2" s="1"/>
  <c r="E4394" i="2" a="1"/>
  <c r="E4394" i="2" s="1"/>
  <c r="E4189" i="2" a="1"/>
  <c r="E4189" i="2" s="1"/>
  <c r="D5226" i="2" a="1"/>
  <c r="D5226" i="2" s="1"/>
  <c r="D6462" i="2" a="1"/>
  <c r="D6462" i="2" s="1"/>
  <c r="H8202" i="2" a="1"/>
  <c r="H8202" i="2" s="1"/>
  <c r="E5758" i="2" a="1"/>
  <c r="E5758" i="2" s="1"/>
  <c r="E2726" i="2" a="1"/>
  <c r="E2726" i="2" s="1"/>
  <c r="E766" i="2" a="1"/>
  <c r="E766" i="2" s="1"/>
  <c r="F1614" i="2" a="1"/>
  <c r="F1614" i="2" s="1"/>
  <c r="G2022" i="2" a="1"/>
  <c r="G2022" i="2" s="1"/>
  <c r="H3390" i="2" a="1"/>
  <c r="H3390" i="2" s="1"/>
  <c r="E7492" i="2" a="1"/>
  <c r="E7492" i="2" s="1"/>
  <c r="F6866" i="2" a="1"/>
  <c r="F6866" i="2" s="1"/>
  <c r="F1625" i="2" a="1"/>
  <c r="F1625" i="2" s="1"/>
  <c r="G8133" i="2" a="1"/>
  <c r="G8133" i="2" s="1"/>
  <c r="F2309" i="2" a="1"/>
  <c r="F2309" i="2" s="1"/>
  <c r="H8499" i="2" a="1"/>
  <c r="H8499" i="2" s="1"/>
  <c r="D5749" i="2" a="1"/>
  <c r="D5749" i="2" s="1"/>
  <c r="F1248" i="2" a="1"/>
  <c r="F1248" i="2" s="1"/>
  <c r="E233" i="2" a="1"/>
  <c r="E233" i="2" s="1"/>
  <c r="H1755" i="2" a="1"/>
  <c r="H1755" i="2" s="1"/>
  <c r="E321" i="2" a="1"/>
  <c r="E321" i="2" s="1"/>
  <c r="H4880" i="2" a="1"/>
  <c r="H4880" i="2" s="1"/>
  <c r="H6107" i="2" a="1"/>
  <c r="H6107" i="2" s="1"/>
  <c r="G2076" i="2" a="1"/>
  <c r="G2076" i="2" s="1"/>
  <c r="H4897" i="2" a="1"/>
  <c r="H4897" i="2" s="1"/>
  <c r="G1362" i="2" a="1"/>
  <c r="G1362" i="2" s="1"/>
  <c r="E3877" i="2" a="1"/>
  <c r="E3877" i="2" s="1"/>
  <c r="G6006" i="2" a="1"/>
  <c r="G6006" i="2" s="1"/>
  <c r="G4388" i="2" a="1"/>
  <c r="G4388" i="2" s="1"/>
  <c r="D7692" i="2" a="1"/>
  <c r="D7692" i="2" s="1"/>
  <c r="D7491" i="2" a="1"/>
  <c r="D7491" i="2" s="1"/>
  <c r="D5189" i="2" a="1"/>
  <c r="D5189" i="2" s="1"/>
  <c r="H4810" i="2" a="1"/>
  <c r="H4810" i="2" s="1"/>
  <c r="F4661" i="2" a="1"/>
  <c r="F4661" i="2" s="1"/>
  <c r="D942" i="2" a="1"/>
  <c r="D942" i="2" s="1"/>
  <c r="D4957" i="2" a="1"/>
  <c r="D4957" i="2" s="1"/>
  <c r="H8271" i="2" a="1"/>
  <c r="H8271" i="2" s="1"/>
  <c r="F1640" i="2" a="1"/>
  <c r="F1640" i="2" s="1"/>
  <c r="H8483" i="2" a="1"/>
  <c r="H8483" i="2" s="1"/>
  <c r="F1242" i="2" a="1"/>
  <c r="F1242" i="2" s="1"/>
  <c r="E231" i="2" a="1"/>
  <c r="E231" i="2" s="1"/>
  <c r="H6081" i="2" a="1"/>
  <c r="H6081" i="2" s="1"/>
  <c r="H4863" i="2" a="1"/>
  <c r="H4863" i="2" s="1"/>
  <c r="G1377" i="2" a="1"/>
  <c r="G1377" i="2" s="1"/>
  <c r="H5542" i="2" a="1"/>
  <c r="H5542" i="2" s="1"/>
  <c r="E8604" i="2" a="1"/>
  <c r="E8604" i="2" s="1"/>
  <c r="F4043" i="2" a="1"/>
  <c r="F4043" i="2" s="1"/>
  <c r="G3257" i="2" a="1"/>
  <c r="G3257" i="2" s="1"/>
  <c r="G3272" i="2" a="1"/>
  <c r="G3272" i="2" s="1"/>
  <c r="G3271" i="2" a="1"/>
  <c r="G3271" i="2" s="1"/>
  <c r="G3255" i="2" a="1"/>
  <c r="G3255" i="2" s="1"/>
  <c r="G3262" i="2" a="1"/>
  <c r="G3262" i="2" s="1"/>
  <c r="G3259" i="2" a="1"/>
  <c r="G3259" i="2" s="1"/>
  <c r="G6558" i="2" a="1"/>
  <c r="G6558" i="2" s="1"/>
  <c r="G6553" i="2" a="1"/>
  <c r="G6553" i="2" s="1"/>
  <c r="F7759" i="2" a="1"/>
  <c r="F7759" i="2" s="1"/>
  <c r="F7741" i="2" a="1"/>
  <c r="F7741" i="2" s="1"/>
  <c r="F7751" i="2" a="1"/>
  <c r="F7751" i="2" s="1"/>
  <c r="F7745" i="2" a="1"/>
  <c r="F7745" i="2" s="1"/>
  <c r="F7754" i="2" a="1"/>
  <c r="F7754" i="2" s="1"/>
  <c r="F7739" i="2" a="1"/>
  <c r="F7739" i="2" s="1"/>
  <c r="H3449" i="2" a="1"/>
  <c r="H3449" i="2" s="1"/>
  <c r="H3443" i="2" a="1"/>
  <c r="H3443" i="2" s="1"/>
  <c r="H3460" i="2" a="1"/>
  <c r="H3460" i="2" s="1"/>
  <c r="H3463" i="2" a="1"/>
  <c r="H3463" i="2" s="1"/>
  <c r="H3465" i="2" a="1"/>
  <c r="H3465" i="2" s="1"/>
  <c r="E212" i="2" a="1"/>
  <c r="E212" i="2" s="1"/>
  <c r="F4938" i="2" a="1"/>
  <c r="F4938" i="2" s="1"/>
  <c r="G571" i="2" a="1"/>
  <c r="G571" i="2" s="1"/>
  <c r="H808" i="2" a="1"/>
  <c r="H808" i="2" s="1"/>
  <c r="G5050" i="2" a="1"/>
  <c r="G5050" i="2" s="1"/>
  <c r="E8610" i="2" a="1"/>
  <c r="E8610" i="2" s="1"/>
  <c r="F4044" i="2" a="1"/>
  <c r="F4044" i="2" s="1"/>
  <c r="AQ51" i="1"/>
  <c r="G57" i="5" s="1"/>
  <c r="E8623" i="2" a="1"/>
  <c r="E8623" i="2" s="1"/>
  <c r="D7046" i="2" a="1"/>
  <c r="D7046" i="2" s="1"/>
  <c r="D7043" i="2" a="1"/>
  <c r="D7043" i="2" s="1"/>
  <c r="D7060" i="2" a="1"/>
  <c r="D7060" i="2" s="1"/>
  <c r="D7053" i="2" a="1"/>
  <c r="D7053" i="2" s="1"/>
  <c r="D7048" i="2" a="1"/>
  <c r="D7048" i="2" s="1"/>
  <c r="D7058" i="2" a="1"/>
  <c r="D7058" i="2" s="1"/>
  <c r="D7044" i="2" a="1"/>
  <c r="D7044" i="2" s="1"/>
  <c r="D7054" i="2" a="1"/>
  <c r="D7054" i="2" s="1"/>
  <c r="D7059" i="2" a="1"/>
  <c r="D7059" i="2" s="1"/>
  <c r="D7051" i="2" a="1"/>
  <c r="D7051" i="2" s="1"/>
  <c r="F2030" i="2" a="1"/>
  <c r="F2030" i="2" s="1"/>
  <c r="F2032" i="2" a="1"/>
  <c r="F2032" i="2" s="1"/>
  <c r="F2033" i="2" a="1"/>
  <c r="F2033" i="2" s="1"/>
  <c r="F2043" i="2" a="1"/>
  <c r="F2043" i="2" s="1"/>
  <c r="F2028" i="2" a="1"/>
  <c r="F2028" i="2" s="1"/>
  <c r="F2042" i="2" a="1"/>
  <c r="F2042" i="2" s="1"/>
  <c r="H6514" i="2" a="1"/>
  <c r="H6514" i="2" s="1"/>
  <c r="H6523" i="2" a="1"/>
  <c r="H6523" i="2" s="1"/>
  <c r="H6527" i="2" a="1"/>
  <c r="H6527" i="2" s="1"/>
  <c r="H6516" i="2" a="1"/>
  <c r="H6516" i="2" s="1"/>
  <c r="H6532" i="2" a="1"/>
  <c r="H6532" i="2" s="1"/>
  <c r="F7670" i="2" a="1"/>
  <c r="F7670" i="2" s="1"/>
  <c r="F7680" i="2" a="1"/>
  <c r="F7680" i="2" s="1"/>
  <c r="F7671" i="2" a="1"/>
  <c r="F7671" i="2" s="1"/>
  <c r="F6934" i="2" a="1"/>
  <c r="F6934" i="2" s="1"/>
  <c r="F6944" i="2" a="1"/>
  <c r="F6944" i="2" s="1"/>
  <c r="F6923" i="2" a="1"/>
  <c r="F6923" i="2" s="1"/>
  <c r="F6936" i="2" a="1"/>
  <c r="F6936" i="2" s="1"/>
  <c r="F6922" i="2" a="1"/>
  <c r="F6922" i="2" s="1"/>
  <c r="G4986" i="2" a="1"/>
  <c r="G4986" i="2" s="1"/>
  <c r="G4991" i="2" a="1"/>
  <c r="G4991" i="2" s="1"/>
  <c r="G4992" i="2" a="1"/>
  <c r="G4992" i="2" s="1"/>
  <c r="G4980" i="2" a="1"/>
  <c r="G4980" i="2" s="1"/>
  <c r="G4994" i="2" a="1"/>
  <c r="G4994" i="2" s="1"/>
  <c r="G5000" i="2" a="1"/>
  <c r="G5000" i="2" s="1"/>
  <c r="G4984" i="2" a="1"/>
  <c r="G4984" i="2" s="1"/>
  <c r="AP296" i="1"/>
  <c r="F302" i="5" s="1"/>
  <c r="AO296" i="1"/>
  <c r="E302" i="5" s="1"/>
  <c r="AM122" i="1"/>
  <c r="C128" i="5" s="1"/>
  <c r="AQ122" i="1"/>
  <c r="G128" i="5" s="1"/>
  <c r="E3047" i="2" a="1"/>
  <c r="E3047" i="2" s="1"/>
  <c r="E3056" i="2" a="1"/>
  <c r="E3056" i="2" s="1"/>
  <c r="E3050" i="2" a="1"/>
  <c r="E3050" i="2" s="1"/>
  <c r="E3038" i="2" a="1"/>
  <c r="E3038" i="2" s="1"/>
  <c r="E3044" i="2" a="1"/>
  <c r="E3044" i="2" s="1"/>
  <c r="E3053" i="2" a="1"/>
  <c r="E3053" i="2" s="1"/>
  <c r="E3055" i="2" a="1"/>
  <c r="E3055" i="2" s="1"/>
  <c r="E3041" i="2" a="1"/>
  <c r="E3041" i="2" s="1"/>
  <c r="E3048" i="2" a="1"/>
  <c r="E3048" i="2" s="1"/>
  <c r="E3057" i="2" a="1"/>
  <c r="E3057" i="2" s="1"/>
  <c r="E3042" i="2" a="1"/>
  <c r="E3042" i="2" s="1"/>
  <c r="E8711" i="2" a="1"/>
  <c r="E8711" i="2" s="1"/>
  <c r="E8710" i="2" a="1"/>
  <c r="E8710" i="2" s="1"/>
  <c r="E8715" i="2" a="1"/>
  <c r="E8715" i="2" s="1"/>
  <c r="E8717" i="2" a="1"/>
  <c r="E8717" i="2" s="1"/>
  <c r="E8720" i="2" a="1"/>
  <c r="E8720" i="2" s="1"/>
  <c r="G479" i="2" a="1"/>
  <c r="G479" i="2" s="1"/>
  <c r="G471" i="2" a="1"/>
  <c r="G471" i="2" s="1"/>
  <c r="G480" i="2" a="1"/>
  <c r="G480" i="2" s="1"/>
  <c r="G489" i="2" a="1"/>
  <c r="G489" i="2" s="1"/>
  <c r="G477" i="2" a="1"/>
  <c r="G477" i="2" s="1"/>
  <c r="G472" i="2" a="1"/>
  <c r="G472" i="2" s="1"/>
  <c r="G486" i="2" a="1"/>
  <c r="G486" i="2" s="1"/>
  <c r="G483" i="2" a="1"/>
  <c r="G483" i="2" s="1"/>
  <c r="G484" i="2" a="1"/>
  <c r="G484" i="2" s="1"/>
  <c r="G470" i="2" a="1"/>
  <c r="G470" i="2" s="1"/>
  <c r="G478" i="2" a="1"/>
  <c r="G478" i="2" s="1"/>
  <c r="G482" i="2" a="1"/>
  <c r="G482" i="2" s="1"/>
  <c r="G466" i="2" a="1"/>
  <c r="G466" i="2" s="1"/>
  <c r="F5444" i="2" a="1"/>
  <c r="F5444" i="2" s="1"/>
  <c r="F5446" i="2" a="1"/>
  <c r="F5446" i="2" s="1"/>
  <c r="F5445" i="2" a="1"/>
  <c r="F5445" i="2" s="1"/>
  <c r="F5441" i="2" a="1"/>
  <c r="F5441" i="2" s="1"/>
  <c r="F5439" i="2" a="1"/>
  <c r="F5439" i="2" s="1"/>
  <c r="F5453" i="2" a="1"/>
  <c r="F5453" i="2" s="1"/>
  <c r="F5435" i="2" a="1"/>
  <c r="F5435" i="2" s="1"/>
  <c r="F5442" i="2" a="1"/>
  <c r="F5442" i="2" s="1"/>
  <c r="F5447" i="2" a="1"/>
  <c r="F5447" i="2" s="1"/>
  <c r="F5437" i="2" a="1"/>
  <c r="F5437" i="2" s="1"/>
  <c r="F4942" i="2" a="1"/>
  <c r="F4942" i="2" s="1"/>
  <c r="H812" i="2" a="1"/>
  <c r="H812" i="2" s="1"/>
  <c r="E8620" i="2" a="1"/>
  <c r="E8620" i="2" s="1"/>
  <c r="F6767" i="2" a="1"/>
  <c r="F6767" i="2" s="1"/>
  <c r="F6754" i="2" a="1"/>
  <c r="F6754" i="2" s="1"/>
  <c r="F6771" i="2" a="1"/>
  <c r="F6771" i="2" s="1"/>
  <c r="F6776" i="2" a="1"/>
  <c r="F6776" i="2" s="1"/>
  <c r="F6759" i="2" a="1"/>
  <c r="F6759" i="2" s="1"/>
  <c r="F6756" i="2" a="1"/>
  <c r="F6756" i="2" s="1"/>
  <c r="F6760" i="2" a="1"/>
  <c r="F6760" i="2" s="1"/>
  <c r="F6763" i="2" a="1"/>
  <c r="F6763" i="2" s="1"/>
  <c r="E3013" i="2" a="1"/>
  <c r="E3013" i="2" s="1"/>
  <c r="E3015" i="2" a="1"/>
  <c r="E3015" i="2" s="1"/>
  <c r="E3032" i="2" a="1"/>
  <c r="E3032" i="2" s="1"/>
  <c r="E3033" i="2" a="1"/>
  <c r="E3033" i="2" s="1"/>
  <c r="E3029" i="2" a="1"/>
  <c r="E3029" i="2" s="1"/>
  <c r="E3020" i="2" a="1"/>
  <c r="E3020" i="2" s="1"/>
  <c r="E5468" i="2" a="1"/>
  <c r="E5468" i="2" s="1"/>
  <c r="E5472" i="2" a="1"/>
  <c r="E5472" i="2" s="1"/>
  <c r="E5459" i="2" a="1"/>
  <c r="E5459" i="2" s="1"/>
  <c r="E5460" i="2" a="1"/>
  <c r="E5460" i="2" s="1"/>
  <c r="E5475" i="2" a="1"/>
  <c r="E5475" i="2" s="1"/>
  <c r="E5476" i="2" a="1"/>
  <c r="E5476" i="2" s="1"/>
  <c r="E5464" i="2" a="1"/>
  <c r="E5464" i="2" s="1"/>
  <c r="E5465" i="2" a="1"/>
  <c r="E5465" i="2" s="1"/>
  <c r="E5469" i="2" a="1"/>
  <c r="E5469" i="2" s="1"/>
  <c r="E5473" i="2" a="1"/>
  <c r="E5473" i="2" s="1"/>
  <c r="E5480" i="2" a="1"/>
  <c r="E5480" i="2" s="1"/>
  <c r="H5318" i="2" a="1"/>
  <c r="H5318" i="2" s="1"/>
  <c r="H5334" i="2" a="1"/>
  <c r="H5334" i="2" s="1"/>
  <c r="H5315" i="2" a="1"/>
  <c r="H5315" i="2" s="1"/>
  <c r="H5335" i="2" a="1"/>
  <c r="H5335" i="2" s="1"/>
  <c r="H5321" i="2" a="1"/>
  <c r="H5321" i="2" s="1"/>
  <c r="H5316" i="2" a="1"/>
  <c r="H5316" i="2" s="1"/>
  <c r="H5333" i="2" a="1"/>
  <c r="H5333" i="2" s="1"/>
  <c r="H5329" i="2" a="1"/>
  <c r="H5329" i="2" s="1"/>
  <c r="H5322" i="2" a="1"/>
  <c r="H5322" i="2" s="1"/>
  <c r="H5332" i="2" a="1"/>
  <c r="H5332" i="2" s="1"/>
  <c r="H5328" i="2" a="1"/>
  <c r="H5328" i="2" s="1"/>
  <c r="H6018" i="2" a="1"/>
  <c r="H6018" i="2" s="1"/>
  <c r="H6033" i="2" a="1"/>
  <c r="H6033" i="2" s="1"/>
  <c r="H6024" i="2" a="1"/>
  <c r="H6024" i="2" s="1"/>
  <c r="H6013" i="2" a="1"/>
  <c r="H6013" i="2" s="1"/>
  <c r="H6027" i="2" a="1"/>
  <c r="H6027" i="2" s="1"/>
  <c r="H6021" i="2" a="1"/>
  <c r="H6021" i="2" s="1"/>
  <c r="H6025" i="2" a="1"/>
  <c r="H6025" i="2" s="1"/>
  <c r="H6028" i="2" a="1"/>
  <c r="H6028" i="2" s="1"/>
  <c r="H6026" i="2" a="1"/>
  <c r="H6026" i="2" s="1"/>
  <c r="H6029" i="2" a="1"/>
  <c r="H6029" i="2" s="1"/>
  <c r="H6022" i="2" a="1"/>
  <c r="H6022" i="2" s="1"/>
  <c r="H6015" i="2" a="1"/>
  <c r="H6015" i="2" s="1"/>
  <c r="AQ40" i="1"/>
  <c r="G46" i="5" s="1"/>
  <c r="F5497" i="2" a="1"/>
  <c r="F5497" i="2" s="1"/>
  <c r="F8647" i="2" a="1"/>
  <c r="F8647" i="2" s="1"/>
  <c r="E5474" i="2" a="1"/>
  <c r="E5474" i="2" s="1"/>
  <c r="F4051" i="2" a="1"/>
  <c r="F4051" i="2" s="1"/>
  <c r="F4049" i="2" a="1"/>
  <c r="F4049" i="2" s="1"/>
  <c r="F4053" i="2" a="1"/>
  <c r="F4053" i="2" s="1"/>
  <c r="F4061" i="2" a="1"/>
  <c r="F4061" i="2" s="1"/>
  <c r="F4056" i="2" a="1"/>
  <c r="F4056" i="2" s="1"/>
  <c r="F4057" i="2" a="1"/>
  <c r="F4057" i="2" s="1"/>
  <c r="F4048" i="2" a="1"/>
  <c r="F4048" i="2" s="1"/>
  <c r="F4042" i="2" a="1"/>
  <c r="F4042" i="2" s="1"/>
  <c r="F4052" i="2" a="1"/>
  <c r="F4052" i="2" s="1"/>
  <c r="F4050" i="2" a="1"/>
  <c r="F4050" i="2" s="1"/>
  <c r="F4047" i="2" a="1"/>
  <c r="F4047" i="2" s="1"/>
  <c r="F4055" i="2" a="1"/>
  <c r="F4055" i="2" s="1"/>
  <c r="F4060" i="2" a="1"/>
  <c r="F4060" i="2" s="1"/>
  <c r="F4054" i="2" a="1"/>
  <c r="F4054" i="2" s="1"/>
  <c r="F4062" i="2" a="1"/>
  <c r="F4062" i="2" s="1"/>
  <c r="E204" i="2" a="1"/>
  <c r="E204" i="2" s="1"/>
  <c r="E219" i="2" a="1"/>
  <c r="E219" i="2" s="1"/>
  <c r="E224" i="2" a="1"/>
  <c r="E224" i="2" s="1"/>
  <c r="E220" i="2" a="1"/>
  <c r="E220" i="2" s="1"/>
  <c r="E221" i="2" a="1"/>
  <c r="E221" i="2" s="1"/>
  <c r="E208" i="2" a="1"/>
  <c r="E208" i="2" s="1"/>
  <c r="AN9" i="1"/>
  <c r="D15" i="5" s="1"/>
  <c r="AP9" i="1"/>
  <c r="F15" i="5" s="1"/>
  <c r="G8020" i="2" a="1"/>
  <c r="G8020" i="2" s="1"/>
  <c r="G8022" i="2" a="1"/>
  <c r="G8022" i="2" s="1"/>
  <c r="G8007" i="2" a="1"/>
  <c r="G8007" i="2" s="1"/>
  <c r="G8004" i="2" a="1"/>
  <c r="G8004" i="2" s="1"/>
  <c r="G8008" i="2" a="1"/>
  <c r="G8008" i="2" s="1"/>
  <c r="G8006" i="2" a="1"/>
  <c r="G8006" i="2" s="1"/>
  <c r="G8018" i="2" a="1"/>
  <c r="G8018" i="2" s="1"/>
  <c r="G8015" i="2" a="1"/>
  <c r="G8015" i="2" s="1"/>
  <c r="J8015" i="2" s="1"/>
  <c r="J7989" i="5" s="1"/>
  <c r="N7989" i="5" s="1"/>
  <c r="G8025" i="2" a="1"/>
  <c r="G8025" i="2" s="1"/>
  <c r="G8024" i="2" a="1"/>
  <c r="G8024" i="2" s="1"/>
  <c r="G8002" i="2" a="1"/>
  <c r="G8002" i="2" s="1"/>
  <c r="G8017" i="2" a="1"/>
  <c r="G8017" i="2" s="1"/>
  <c r="G8010" i="2" a="1"/>
  <c r="G8010" i="2" s="1"/>
  <c r="G8011" i="2" a="1"/>
  <c r="G8011" i="2" s="1"/>
  <c r="G8019" i="2" a="1"/>
  <c r="G8019" i="2" s="1"/>
  <c r="G8005" i="2" a="1"/>
  <c r="G8005" i="2" s="1"/>
  <c r="G8012" i="2" a="1"/>
  <c r="G8012" i="2" s="1"/>
  <c r="G8021" i="2" a="1"/>
  <c r="G8021" i="2" s="1"/>
  <c r="G8003" i="2" a="1"/>
  <c r="G8003" i="2" s="1"/>
  <c r="G8013" i="2" a="1"/>
  <c r="G8013" i="2" s="1"/>
  <c r="G8014" i="2" a="1"/>
  <c r="G8014" i="2" s="1"/>
  <c r="E6795" i="2" a="1"/>
  <c r="E6795" i="2" s="1"/>
  <c r="E6788" i="2" a="1"/>
  <c r="E6788" i="2" s="1"/>
  <c r="E6797" i="2" a="1"/>
  <c r="E6797" i="2" s="1"/>
  <c r="E6789" i="2" a="1"/>
  <c r="E6789" i="2" s="1"/>
  <c r="E6790" i="2" a="1"/>
  <c r="E6790" i="2" s="1"/>
  <c r="E6782" i="2" a="1"/>
  <c r="E6782" i="2" s="1"/>
  <c r="E6785" i="2" a="1"/>
  <c r="E6785" i="2" s="1"/>
  <c r="E6792" i="2" a="1"/>
  <c r="E6792" i="2" s="1"/>
  <c r="E6798" i="2" a="1"/>
  <c r="E6798" i="2" s="1"/>
  <c r="E6784" i="2" a="1"/>
  <c r="E6784" i="2" s="1"/>
  <c r="E8613" i="2" a="1"/>
  <c r="E8613" i="2" s="1"/>
  <c r="E8606" i="2" a="1"/>
  <c r="E8606" i="2" s="1"/>
  <c r="E8602" i="2" a="1"/>
  <c r="E8602" i="2" s="1"/>
  <c r="E8612" i="2" a="1"/>
  <c r="E8612" i="2" s="1"/>
  <c r="E8607" i="2" a="1"/>
  <c r="E8607" i="2" s="1"/>
  <c r="E8625" i="2" a="1"/>
  <c r="E8625" i="2" s="1"/>
  <c r="E8608" i="2" a="1"/>
  <c r="E8608" i="2" s="1"/>
  <c r="E8609" i="2" a="1"/>
  <c r="E8609" i="2" s="1"/>
  <c r="E8617" i="2" a="1"/>
  <c r="E8617" i="2" s="1"/>
  <c r="E8603" i="2" a="1"/>
  <c r="E8603" i="2" s="1"/>
  <c r="E8618" i="2" a="1"/>
  <c r="E8618" i="2" s="1"/>
  <c r="D2380" i="2" a="1"/>
  <c r="D2380" i="2" s="1"/>
  <c r="D2385" i="2" a="1"/>
  <c r="D2385" i="2" s="1"/>
  <c r="D2371" i="2" a="1"/>
  <c r="D2371" i="2" s="1"/>
  <c r="D2363" i="2" a="1"/>
  <c r="D2363" i="2" s="1"/>
  <c r="D2372" i="2" a="1"/>
  <c r="D2372" i="2" s="1"/>
  <c r="F4951" i="2" a="1"/>
  <c r="F4951" i="2" s="1"/>
  <c r="F4930" i="2" a="1"/>
  <c r="F4930" i="2" s="1"/>
  <c r="F4936" i="2" a="1"/>
  <c r="F4936" i="2" s="1"/>
  <c r="F4952" i="2" a="1"/>
  <c r="F4952" i="2" s="1"/>
  <c r="F4935" i="2" a="1"/>
  <c r="F4935" i="2" s="1"/>
  <c r="F4940" i="2" a="1"/>
  <c r="F4940" i="2" s="1"/>
  <c r="F4934" i="2" a="1"/>
  <c r="F4934" i="2" s="1"/>
  <c r="F4950" i="2" a="1"/>
  <c r="F4950" i="2" s="1"/>
  <c r="H591" i="2" a="1"/>
  <c r="H591" i="2" s="1"/>
  <c r="H590" i="2" a="1"/>
  <c r="H590" i="2" s="1"/>
  <c r="H607" i="2" a="1"/>
  <c r="H607" i="2" s="1"/>
  <c r="H604" i="2" a="1"/>
  <c r="H604" i="2" s="1"/>
  <c r="H599" i="2" a="1"/>
  <c r="H599" i="2" s="1"/>
  <c r="H588" i="2" a="1"/>
  <c r="H588" i="2" s="1"/>
  <c r="H586" i="2" a="1"/>
  <c r="H586" i="2" s="1"/>
  <c r="H589" i="2" a="1"/>
  <c r="H589" i="2" s="1"/>
  <c r="H606" i="2" a="1"/>
  <c r="H606" i="2" s="1"/>
  <c r="H601" i="2" a="1"/>
  <c r="H601" i="2" s="1"/>
  <c r="H594" i="2" a="1"/>
  <c r="H594" i="2" s="1"/>
  <c r="H598" i="2" a="1"/>
  <c r="H598" i="2" s="1"/>
  <c r="H593" i="2" a="1"/>
  <c r="H593" i="2" s="1"/>
  <c r="H595" i="2" a="1"/>
  <c r="H595" i="2" s="1"/>
  <c r="H600" i="2" a="1"/>
  <c r="H600" i="2" s="1"/>
  <c r="H587" i="2" a="1"/>
  <c r="H587" i="2" s="1"/>
  <c r="H605" i="2" a="1"/>
  <c r="H605" i="2" s="1"/>
  <c r="H592" i="2" a="1"/>
  <c r="H592" i="2" s="1"/>
  <c r="H602" i="2" a="1"/>
  <c r="H602" i="2" s="1"/>
  <c r="AM65" i="1"/>
  <c r="AN65" i="1"/>
  <c r="D71" i="5" s="1"/>
  <c r="H809" i="2" a="1"/>
  <c r="H809" i="2" s="1"/>
  <c r="H818" i="2" a="1"/>
  <c r="H818" i="2" s="1"/>
  <c r="H804" i="2" a="1"/>
  <c r="H804" i="2" s="1"/>
  <c r="H820" i="2" a="1"/>
  <c r="H820" i="2" s="1"/>
  <c r="H819" i="2" a="1"/>
  <c r="H819" i="2" s="1"/>
  <c r="H817" i="2" a="1"/>
  <c r="H817" i="2" s="1"/>
  <c r="H824" i="2" a="1"/>
  <c r="H824" i="2" s="1"/>
  <c r="H823" i="2" a="1"/>
  <c r="H823" i="2" s="1"/>
  <c r="H810" i="2" a="1"/>
  <c r="H810" i="2" s="1"/>
  <c r="H822" i="2" a="1"/>
  <c r="H822" i="2" s="1"/>
  <c r="H821" i="2" a="1"/>
  <c r="H821" i="2" s="1"/>
  <c r="H816" i="2" a="1"/>
  <c r="H816" i="2" s="1"/>
  <c r="H814" i="2" a="1"/>
  <c r="H814" i="2" s="1"/>
  <c r="H805" i="2" a="1"/>
  <c r="H805" i="2" s="1"/>
  <c r="H806" i="2" a="1"/>
  <c r="H806" i="2" s="1"/>
  <c r="H807" i="2" a="1"/>
  <c r="H807" i="2" s="1"/>
  <c r="H815" i="2" a="1"/>
  <c r="H815" i="2" s="1"/>
  <c r="H825" i="2" a="1"/>
  <c r="H825" i="2" s="1"/>
  <c r="H813" i="2" a="1"/>
  <c r="H813" i="2" s="1"/>
  <c r="G569" i="2" a="1"/>
  <c r="G569" i="2" s="1"/>
  <c r="G566" i="2" a="1"/>
  <c r="G566" i="2" s="1"/>
  <c r="G570" i="2" a="1"/>
  <c r="G570" i="2" s="1"/>
  <c r="G582" i="2" a="1"/>
  <c r="G582" i="2" s="1"/>
  <c r="G584" i="2" a="1"/>
  <c r="G584" i="2" s="1"/>
  <c r="G567" i="2" a="1"/>
  <c r="G567" i="2" s="1"/>
  <c r="G562" i="2" a="1"/>
  <c r="G562" i="2" s="1"/>
  <c r="G563" i="2" a="1"/>
  <c r="G563" i="2" s="1"/>
  <c r="G581" i="2" a="1"/>
  <c r="G581" i="2" s="1"/>
  <c r="H1796" i="2" a="1"/>
  <c r="H1796" i="2" s="1"/>
  <c r="H1799" i="2" a="1"/>
  <c r="H1799" i="2" s="1"/>
  <c r="H1792" i="2" a="1"/>
  <c r="H1792" i="2" s="1"/>
  <c r="H1798" i="2" a="1"/>
  <c r="H1798" i="2" s="1"/>
  <c r="H1806" i="2" a="1"/>
  <c r="H1806" i="2" s="1"/>
  <c r="H1786" i="2" a="1"/>
  <c r="H1786" i="2" s="1"/>
  <c r="H1803" i="2" a="1"/>
  <c r="H1803" i="2" s="1"/>
  <c r="H1787" i="2" a="1"/>
  <c r="H1787" i="2" s="1"/>
  <c r="H1809" i="2" a="1"/>
  <c r="H1809" i="2" s="1"/>
  <c r="H1797" i="2" a="1"/>
  <c r="H1797" i="2" s="1"/>
  <c r="E2896" i="2" a="1"/>
  <c r="E2896" i="2" s="1"/>
  <c r="E2901" i="2" a="1"/>
  <c r="E2901" i="2" s="1"/>
  <c r="E2912" i="2" a="1"/>
  <c r="E2912" i="2" s="1"/>
  <c r="E2894" i="2" a="1"/>
  <c r="E2894" i="2" s="1"/>
  <c r="E2907" i="2" a="1"/>
  <c r="E2907" i="2" s="1"/>
  <c r="E2905" i="2" a="1"/>
  <c r="E2905" i="2" s="1"/>
  <c r="E2913" i="2" a="1"/>
  <c r="E2913" i="2" s="1"/>
  <c r="E2904" i="2" a="1"/>
  <c r="E2904" i="2" s="1"/>
  <c r="E2900" i="2" a="1"/>
  <c r="E2900" i="2" s="1"/>
  <c r="E2890" i="2" a="1"/>
  <c r="E2890" i="2" s="1"/>
  <c r="G5051" i="2" a="1"/>
  <c r="G5051" i="2" s="1"/>
  <c r="G5069" i="2" a="1"/>
  <c r="G5069" i="2" s="1"/>
  <c r="G5068" i="2" a="1"/>
  <c r="G5068" i="2" s="1"/>
  <c r="G5052" i="2" a="1"/>
  <c r="G5052" i="2" s="1"/>
  <c r="G5060" i="2" a="1"/>
  <c r="G5060" i="2" s="1"/>
  <c r="G5072" i="2" a="1"/>
  <c r="G5072" i="2" s="1"/>
  <c r="G5071" i="2" a="1"/>
  <c r="G5071" i="2" s="1"/>
  <c r="G5070" i="2" a="1"/>
  <c r="G5070" i="2" s="1"/>
  <c r="G5063" i="2" a="1"/>
  <c r="G5063" i="2" s="1"/>
  <c r="G5058" i="2" a="1"/>
  <c r="G5058" i="2" s="1"/>
  <c r="G5056" i="2" a="1"/>
  <c r="G5056" i="2" s="1"/>
  <c r="G5053" i="2" a="1"/>
  <c r="G5053" i="2" s="1"/>
  <c r="G5065" i="2" a="1"/>
  <c r="G5065" i="2" s="1"/>
  <c r="G5073" i="2" a="1"/>
  <c r="G5073" i="2" s="1"/>
  <c r="G5057" i="2" a="1"/>
  <c r="G5057" i="2" s="1"/>
  <c r="G5059" i="2" a="1"/>
  <c r="G5059" i="2" s="1"/>
  <c r="G5054" i="2" a="1"/>
  <c r="G5054" i="2" s="1"/>
  <c r="G5055" i="2" a="1"/>
  <c r="G5055" i="2" s="1"/>
  <c r="G5061" i="2" a="1"/>
  <c r="G5061" i="2" s="1"/>
  <c r="G5066" i="2" a="1"/>
  <c r="G5066" i="2" s="1"/>
  <c r="G5064" i="2" a="1"/>
  <c r="G5064" i="2" s="1"/>
  <c r="G249" i="2" a="1"/>
  <c r="G249" i="2" s="1"/>
  <c r="G244" i="2" a="1"/>
  <c r="G244" i="2" s="1"/>
  <c r="G248" i="2" a="1"/>
  <c r="G248" i="2" s="1"/>
  <c r="G230" i="2" a="1"/>
  <c r="G230" i="2" s="1"/>
  <c r="G246" i="2" a="1"/>
  <c r="G246" i="2" s="1"/>
  <c r="G232" i="2" a="1"/>
  <c r="G232" i="2" s="1"/>
  <c r="F8199" i="2" a="1"/>
  <c r="F8199" i="2" s="1"/>
  <c r="F8209" i="2" a="1"/>
  <c r="F8209" i="2" s="1"/>
  <c r="F8196" i="2" a="1"/>
  <c r="F8196" i="2" s="1"/>
  <c r="F8207" i="2" a="1"/>
  <c r="F8207" i="2" s="1"/>
  <c r="F8214" i="2" a="1"/>
  <c r="F8214" i="2" s="1"/>
  <c r="F8200" i="2" a="1"/>
  <c r="F8200" i="2" s="1"/>
  <c r="F8197" i="2" a="1"/>
  <c r="F8197" i="2" s="1"/>
  <c r="AO157" i="1"/>
  <c r="E163" i="5" s="1"/>
  <c r="AQ157" i="1"/>
  <c r="G163" i="5" s="1"/>
  <c r="H7206" i="2" a="1"/>
  <c r="H7206" i="2" s="1"/>
  <c r="H7203" i="2" a="1"/>
  <c r="H7203" i="2" s="1"/>
  <c r="H7208" i="2" a="1"/>
  <c r="H7208" i="2" s="1"/>
  <c r="H7187" i="2" a="1"/>
  <c r="H7187" i="2" s="1"/>
  <c r="H7205" i="2" a="1"/>
  <c r="H7205" i="2" s="1"/>
  <c r="H7197" i="2" a="1"/>
  <c r="H7197" i="2" s="1"/>
  <c r="H7196" i="2" a="1"/>
  <c r="H7196" i="2" s="1"/>
  <c r="H7199" i="2" a="1"/>
  <c r="H7199" i="2" s="1"/>
  <c r="H7202" i="2" a="1"/>
  <c r="H7202" i="2" s="1"/>
  <c r="H7192" i="2" a="1"/>
  <c r="H7192" i="2" s="1"/>
  <c r="H7188" i="2" a="1"/>
  <c r="H7188" i="2" s="1"/>
  <c r="H7195" i="2" a="1"/>
  <c r="H7195" i="2" s="1"/>
  <c r="H7201" i="2" a="1"/>
  <c r="H7201" i="2" s="1"/>
  <c r="H7200" i="2" a="1"/>
  <c r="H7200" i="2" s="1"/>
  <c r="H7204" i="2" a="1"/>
  <c r="H7204" i="2" s="1"/>
  <c r="H7186" i="2" a="1"/>
  <c r="H7186" i="2" s="1"/>
  <c r="H7189" i="2" a="1"/>
  <c r="H7189" i="2" s="1"/>
  <c r="H7190" i="2" a="1"/>
  <c r="H7190" i="2" s="1"/>
  <c r="G5577" i="2" a="1"/>
  <c r="G5577" i="2" s="1"/>
  <c r="G5560" i="2" a="1"/>
  <c r="G5560" i="2" s="1"/>
  <c r="G5569" i="2" a="1"/>
  <c r="G5569" i="2" s="1"/>
  <c r="G5555" i="2" a="1"/>
  <c r="G5555" i="2" s="1"/>
  <c r="G5574" i="2" a="1"/>
  <c r="G5574" i="2" s="1"/>
  <c r="G5565" i="2" a="1"/>
  <c r="G5565" i="2" s="1"/>
  <c r="G5575" i="2" a="1"/>
  <c r="G5575" i="2" s="1"/>
  <c r="G5554" i="2" a="1"/>
  <c r="G5554" i="2" s="1"/>
  <c r="G5557" i="2" a="1"/>
  <c r="G5557" i="2" s="1"/>
  <c r="F7926" i="2" a="1"/>
  <c r="F7926" i="2" s="1"/>
  <c r="F7906" i="2" a="1"/>
  <c r="F7906" i="2" s="1"/>
  <c r="F7908" i="2" a="1"/>
  <c r="F7908" i="2" s="1"/>
  <c r="F7924" i="2" a="1"/>
  <c r="F7924" i="2" s="1"/>
  <c r="F7929" i="2" a="1"/>
  <c r="F7929" i="2" s="1"/>
  <c r="F7918" i="2" a="1"/>
  <c r="F7918" i="2" s="1"/>
  <c r="F7911" i="2" a="1"/>
  <c r="F7911" i="2" s="1"/>
  <c r="F7915" i="2" a="1"/>
  <c r="F7915" i="2" s="1"/>
  <c r="D2557" i="2" a="1"/>
  <c r="D2557" i="2" s="1"/>
  <c r="D2570" i="2" a="1"/>
  <c r="D2570" i="2" s="1"/>
  <c r="D2565" i="2" a="1"/>
  <c r="D2565" i="2" s="1"/>
  <c r="D2561" i="2" a="1"/>
  <c r="D2561" i="2" s="1"/>
  <c r="D2560" i="2" a="1"/>
  <c r="D2560" i="2" s="1"/>
  <c r="D2569" i="2" a="1"/>
  <c r="D2569" i="2" s="1"/>
  <c r="D2576" i="2" a="1"/>
  <c r="D2576" i="2" s="1"/>
  <c r="D2573" i="2" a="1"/>
  <c r="D2573" i="2" s="1"/>
  <c r="D2577" i="2" a="1"/>
  <c r="D2577" i="2" s="1"/>
  <c r="D2558" i="2" a="1"/>
  <c r="D2558" i="2" s="1"/>
  <c r="AP107" i="1"/>
  <c r="AQ107" i="1"/>
  <c r="G113" i="5" s="1"/>
  <c r="AO107" i="1"/>
  <c r="E113" i="5" s="1"/>
  <c r="AN107" i="1"/>
  <c r="D113" i="5" s="1"/>
  <c r="AM107" i="1"/>
  <c r="C113" i="5" s="1"/>
  <c r="D2568" i="2" a="1"/>
  <c r="D2568" i="2" s="1"/>
  <c r="D2572" i="2" a="1"/>
  <c r="D2572" i="2" s="1"/>
  <c r="D2564" i="2" a="1"/>
  <c r="D2564" i="2" s="1"/>
  <c r="F5065" i="2" a="1"/>
  <c r="F5065" i="2" s="1"/>
  <c r="F5058" i="2" a="1"/>
  <c r="F5058" i="2" s="1"/>
  <c r="F5073" i="2" a="1"/>
  <c r="F5073" i="2" s="1"/>
  <c r="F5059" i="2" a="1"/>
  <c r="F5059" i="2" s="1"/>
  <c r="F5066" i="2" a="1"/>
  <c r="F5066" i="2" s="1"/>
  <c r="F5060" i="2" a="1"/>
  <c r="F5060" i="2" s="1"/>
  <c r="F5050" i="2" a="1"/>
  <c r="F5050" i="2" s="1"/>
  <c r="F5062" i="2" a="1"/>
  <c r="F5062" i="2" s="1"/>
  <c r="F5054" i="2" a="1"/>
  <c r="F5054" i="2" s="1"/>
  <c r="F5052" i="2" a="1"/>
  <c r="F5052" i="2" s="1"/>
  <c r="G7234" i="2" a="1"/>
  <c r="G7234" i="2" s="1"/>
  <c r="G7247" i="2" a="1"/>
  <c r="G7247" i="2" s="1"/>
  <c r="G7251" i="2" a="1"/>
  <c r="G7251" i="2" s="1"/>
  <c r="G7240" i="2" a="1"/>
  <c r="G7240" i="2" s="1"/>
  <c r="G7245" i="2" a="1"/>
  <c r="G7245" i="2" s="1"/>
  <c r="G7237" i="2" a="1"/>
  <c r="G7237" i="2" s="1"/>
  <c r="H6712" i="2" a="1"/>
  <c r="H6712" i="2" s="1"/>
  <c r="H6724" i="2" a="1"/>
  <c r="H6724" i="2" s="1"/>
  <c r="H6721" i="2" a="1"/>
  <c r="H6721" i="2" s="1"/>
  <c r="H6711" i="2" a="1"/>
  <c r="H6711" i="2" s="1"/>
  <c r="H6717" i="2" a="1"/>
  <c r="H6717" i="2" s="1"/>
  <c r="H6707" i="2" a="1"/>
  <c r="H6707" i="2" s="1"/>
  <c r="H1704" i="2" a="1"/>
  <c r="H1704" i="2" s="1"/>
  <c r="H1706" i="2" a="1"/>
  <c r="H1706" i="2" s="1"/>
  <c r="H1698" i="2" a="1"/>
  <c r="H1698" i="2" s="1"/>
  <c r="H1707" i="2" a="1"/>
  <c r="H1707" i="2" s="1"/>
  <c r="H1712" i="2" a="1"/>
  <c r="H1712" i="2" s="1"/>
  <c r="H1710" i="2" a="1"/>
  <c r="H1710" i="2" s="1"/>
  <c r="H1692" i="2" a="1"/>
  <c r="H1692" i="2" s="1"/>
  <c r="H1699" i="2" a="1"/>
  <c r="H1699" i="2" s="1"/>
  <c r="H1708" i="2" a="1"/>
  <c r="H1708" i="2" s="1"/>
  <c r="H1697" i="2" a="1"/>
  <c r="H1697" i="2" s="1"/>
  <c r="H1693" i="2" a="1"/>
  <c r="H1693" i="2" s="1"/>
  <c r="H1711" i="2" a="1"/>
  <c r="H1711" i="2" s="1"/>
  <c r="H1700" i="2" a="1"/>
  <c r="H1700" i="2" s="1"/>
  <c r="H1695" i="2" a="1"/>
  <c r="H1695" i="2" s="1"/>
  <c r="H2094" i="2" a="1"/>
  <c r="H2094" i="2" s="1"/>
  <c r="H2084" i="2" a="1"/>
  <c r="H2084" i="2" s="1"/>
  <c r="H2078" i="2" a="1"/>
  <c r="H2078" i="2" s="1"/>
  <c r="H2086" i="2" a="1"/>
  <c r="H2086" i="2" s="1"/>
  <c r="H2091" i="2" a="1"/>
  <c r="H2091" i="2" s="1"/>
  <c r="H2076" i="2" a="1"/>
  <c r="H2076" i="2" s="1"/>
  <c r="H2075" i="2" a="1"/>
  <c r="H2075" i="2" s="1"/>
  <c r="H2080" i="2" a="1"/>
  <c r="H2080" i="2" s="1"/>
  <c r="H2095" i="2" a="1"/>
  <c r="H2095" i="2" s="1"/>
  <c r="H2088" i="2" a="1"/>
  <c r="H2088" i="2" s="1"/>
  <c r="H2081" i="2" a="1"/>
  <c r="H2081" i="2" s="1"/>
  <c r="H2074" i="2" a="1"/>
  <c r="H2074" i="2" s="1"/>
  <c r="H2082" i="2" a="1"/>
  <c r="H2082" i="2" s="1"/>
  <c r="D2027" i="2" a="1"/>
  <c r="D2027" i="2" s="1"/>
  <c r="D2032" i="2" a="1"/>
  <c r="D2032" i="2" s="1"/>
  <c r="D2044" i="2" a="1"/>
  <c r="D2044" i="2" s="1"/>
  <c r="D2029" i="2" a="1"/>
  <c r="D2029" i="2" s="1"/>
  <c r="D2039" i="2" a="1"/>
  <c r="D2039" i="2" s="1"/>
  <c r="D2030" i="2" a="1"/>
  <c r="D2030" i="2" s="1"/>
  <c r="D2033" i="2" a="1"/>
  <c r="D2033" i="2" s="1"/>
  <c r="D2031" i="2" a="1"/>
  <c r="D2031" i="2" s="1"/>
  <c r="D2037" i="2" a="1"/>
  <c r="D2037" i="2" s="1"/>
  <c r="D2028" i="2" a="1"/>
  <c r="D2028" i="2" s="1"/>
  <c r="D2048" i="2" a="1"/>
  <c r="D2048" i="2" s="1"/>
  <c r="D2046" i="2" a="1"/>
  <c r="D2046" i="2" s="1"/>
  <c r="D2038" i="2" a="1"/>
  <c r="D2038" i="2" s="1"/>
  <c r="D2041" i="2" a="1"/>
  <c r="D2041" i="2" s="1"/>
  <c r="D2036" i="2" a="1"/>
  <c r="D2036" i="2" s="1"/>
  <c r="D2040" i="2" a="1"/>
  <c r="D2040" i="2" s="1"/>
  <c r="D2049" i="2" a="1"/>
  <c r="D2049" i="2" s="1"/>
  <c r="D2034" i="2" a="1"/>
  <c r="D2034" i="2" s="1"/>
  <c r="D2043" i="2" a="1"/>
  <c r="D2043" i="2" s="1"/>
  <c r="D2026" i="2" a="1"/>
  <c r="D2026" i="2" s="1"/>
  <c r="G4027" i="2" a="1"/>
  <c r="G4027" i="2" s="1"/>
  <c r="G4018" i="2" a="1"/>
  <c r="G4018" i="2" s="1"/>
  <c r="G4030" i="2" a="1"/>
  <c r="G4030" i="2" s="1"/>
  <c r="G4028" i="2" a="1"/>
  <c r="G4028" i="2" s="1"/>
  <c r="G4021" i="2" a="1"/>
  <c r="G4021" i="2" s="1"/>
  <c r="G4037" i="2" a="1"/>
  <c r="G4037" i="2" s="1"/>
  <c r="G4024" i="2" a="1"/>
  <c r="G4024" i="2" s="1"/>
  <c r="G4031" i="2" a="1"/>
  <c r="G4031" i="2" s="1"/>
  <c r="G4020" i="2" a="1"/>
  <c r="G4020" i="2" s="1"/>
  <c r="G4040" i="2" a="1"/>
  <c r="G4040" i="2" s="1"/>
  <c r="G4033" i="2" a="1"/>
  <c r="G4033" i="2" s="1"/>
  <c r="G4035" i="2" a="1"/>
  <c r="G4035" i="2" s="1"/>
  <c r="G4039" i="2" a="1"/>
  <c r="G4039" i="2" s="1"/>
  <c r="G4026" i="2" a="1"/>
  <c r="G4026" i="2" s="1"/>
  <c r="G4032" i="2" a="1"/>
  <c r="G4032" i="2" s="1"/>
  <c r="G4022" i="2" a="1"/>
  <c r="G4022" i="2" s="1"/>
  <c r="G4025" i="2" a="1"/>
  <c r="G4025" i="2" s="1"/>
  <c r="G4038" i="2" a="1"/>
  <c r="G4038" i="2" s="1"/>
  <c r="G4019" i="2" a="1"/>
  <c r="G4019" i="2" s="1"/>
  <c r="G4041" i="2" a="1"/>
  <c r="G4041" i="2" s="1"/>
  <c r="F3910" i="2" a="1"/>
  <c r="F3910" i="2" s="1"/>
  <c r="F3907" i="2" a="1"/>
  <c r="F3907" i="2" s="1"/>
  <c r="F3917" i="2" a="1"/>
  <c r="F3917" i="2" s="1"/>
  <c r="F3905" i="2" a="1"/>
  <c r="F3905" i="2" s="1"/>
  <c r="F3921" i="2" a="1"/>
  <c r="F3921" i="2" s="1"/>
  <c r="F3904" i="2" a="1"/>
  <c r="F3904" i="2" s="1"/>
  <c r="F3903" i="2" a="1"/>
  <c r="F3903" i="2" s="1"/>
  <c r="F3899" i="2" a="1"/>
  <c r="F3899" i="2" s="1"/>
  <c r="F3915" i="2" a="1"/>
  <c r="F3915" i="2" s="1"/>
  <c r="F3898" i="2" a="1"/>
  <c r="F3898" i="2" s="1"/>
  <c r="F3912" i="2" a="1"/>
  <c r="F3912" i="2" s="1"/>
  <c r="F3908" i="2" a="1"/>
  <c r="F3908" i="2" s="1"/>
  <c r="F3901" i="2" a="1"/>
  <c r="F3901" i="2" s="1"/>
  <c r="H1406" i="2" a="1"/>
  <c r="H1406" i="2" s="1"/>
  <c r="H1417" i="2" a="1"/>
  <c r="H1417" i="2" s="1"/>
  <c r="H1423" i="2" a="1"/>
  <c r="H1423" i="2" s="1"/>
  <c r="H1411" i="2" a="1"/>
  <c r="H1411" i="2" s="1"/>
  <c r="H1410" i="2" a="1"/>
  <c r="H1410" i="2" s="1"/>
  <c r="H1412" i="2" a="1"/>
  <c r="H1412" i="2" s="1"/>
  <c r="F7010" i="2" a="1"/>
  <c r="F7010" i="2" s="1"/>
  <c r="F6998" i="2" a="1"/>
  <c r="F6998" i="2" s="1"/>
  <c r="F7016" i="2" a="1"/>
  <c r="F7016" i="2" s="1"/>
  <c r="F7014" i="2" a="1"/>
  <c r="F7014" i="2" s="1"/>
  <c r="F6995" i="2" a="1"/>
  <c r="F6995" i="2" s="1"/>
  <c r="F7001" i="2" a="1"/>
  <c r="F7001" i="2" s="1"/>
  <c r="F7004" i="2" a="1"/>
  <c r="F7004" i="2" s="1"/>
  <c r="F7002" i="2" a="1"/>
  <c r="F7002" i="2" s="1"/>
  <c r="F7005" i="2" a="1"/>
  <c r="F7005" i="2" s="1"/>
  <c r="F6994" i="2" a="1"/>
  <c r="F6994" i="2" s="1"/>
  <c r="F7017" i="2" a="1"/>
  <c r="F7017" i="2" s="1"/>
  <c r="F7008" i="2" a="1"/>
  <c r="F7008" i="2" s="1"/>
  <c r="F7015" i="2" a="1"/>
  <c r="F7015" i="2" s="1"/>
  <c r="F7006" i="2" a="1"/>
  <c r="F7006" i="2" s="1"/>
  <c r="F6012" i="2" a="1"/>
  <c r="F6012" i="2" s="1"/>
  <c r="F6029" i="2" a="1"/>
  <c r="F6029" i="2" s="1"/>
  <c r="F6017" i="2" a="1"/>
  <c r="F6017" i="2" s="1"/>
  <c r="F6020" i="2" a="1"/>
  <c r="F6020" i="2" s="1"/>
  <c r="F6018" i="2" a="1"/>
  <c r="F6018" i="2" s="1"/>
  <c r="F6027" i="2" a="1"/>
  <c r="F6027" i="2" s="1"/>
  <c r="F6016" i="2" a="1"/>
  <c r="F6016" i="2" s="1"/>
  <c r="F6030" i="2" a="1"/>
  <c r="F6030" i="2" s="1"/>
  <c r="F6023" i="2" a="1"/>
  <c r="F6023" i="2" s="1"/>
  <c r="F6031" i="2" a="1"/>
  <c r="F6031" i="2" s="1"/>
  <c r="F6014" i="2" a="1"/>
  <c r="F6014" i="2" s="1"/>
  <c r="F6011" i="2" a="1"/>
  <c r="F6011" i="2" s="1"/>
  <c r="F6028" i="2" a="1"/>
  <c r="F6028" i="2" s="1"/>
  <c r="F6032" i="2" a="1"/>
  <c r="F6032" i="2" s="1"/>
  <c r="F6026" i="2" a="1"/>
  <c r="F6026" i="2" s="1"/>
  <c r="F6015" i="2" a="1"/>
  <c r="F6015" i="2" s="1"/>
  <c r="F6019" i="2" a="1"/>
  <c r="F6019" i="2" s="1"/>
  <c r="F6025" i="2" a="1"/>
  <c r="F6025" i="2" s="1"/>
  <c r="F6022" i="2" a="1"/>
  <c r="F6022" i="2" s="1"/>
  <c r="F6010" i="2" a="1"/>
  <c r="F6010" i="2" s="1"/>
  <c r="E205" i="2" a="1"/>
  <c r="E205" i="2" s="1"/>
  <c r="E6800" i="2" a="1"/>
  <c r="E6800" i="2" s="1"/>
  <c r="F5485" i="2" a="1"/>
  <c r="F5485" i="2" s="1"/>
  <c r="F4931" i="2" a="1"/>
  <c r="F4931" i="2" s="1"/>
  <c r="H609" i="2" a="1"/>
  <c r="H609" i="2" s="1"/>
  <c r="E209" i="2" a="1"/>
  <c r="E209" i="2" s="1"/>
  <c r="E6794" i="2" a="1"/>
  <c r="E6794" i="2" s="1"/>
  <c r="F5487" i="2" a="1"/>
  <c r="F5487" i="2" s="1"/>
  <c r="F4933" i="2" a="1"/>
  <c r="F4933" i="2" s="1"/>
  <c r="AQ65" i="1"/>
  <c r="G71" i="5" s="1"/>
  <c r="H603" i="2" a="1"/>
  <c r="H603" i="2" s="1"/>
  <c r="E203" i="2" a="1"/>
  <c r="E203" i="2" s="1"/>
  <c r="E6779" i="2" a="1"/>
  <c r="E6779" i="2" s="1"/>
  <c r="AM103" i="1"/>
  <c r="C109" i="5" s="1"/>
  <c r="F5484" i="2" a="1"/>
  <c r="F5484" i="2" s="1"/>
  <c r="F4944" i="2" a="1"/>
  <c r="F4944" i="2" s="1"/>
  <c r="AO65" i="1"/>
  <c r="E71" i="5" s="1"/>
  <c r="H597" i="2" a="1"/>
  <c r="H597" i="2" s="1"/>
  <c r="E211" i="2" a="1"/>
  <c r="E211" i="2" s="1"/>
  <c r="E6787" i="2" a="1"/>
  <c r="E6787" i="2" s="1"/>
  <c r="F4943" i="2" a="1"/>
  <c r="F4943" i="2" s="1"/>
  <c r="G564" i="2" a="1"/>
  <c r="G564" i="2" s="1"/>
  <c r="F5072" i="2" a="1"/>
  <c r="F5072" i="2" s="1"/>
  <c r="AP65" i="1"/>
  <c r="F71" i="5" s="1"/>
  <c r="H2089" i="2" a="1"/>
  <c r="H2089" i="2" s="1"/>
  <c r="F3909" i="2" a="1"/>
  <c r="F3909" i="2" s="1"/>
  <c r="AM157" i="1"/>
  <c r="C163" i="5" s="1"/>
  <c r="H608" i="2" a="1"/>
  <c r="H608" i="2" s="1"/>
  <c r="D2042" i="2" a="1"/>
  <c r="D2042" i="2" s="1"/>
  <c r="E202" i="2" a="1"/>
  <c r="E202" i="2" s="1"/>
  <c r="E6793" i="2" a="1"/>
  <c r="E6793" i="2" s="1"/>
  <c r="E2898" i="2" a="1"/>
  <c r="E2898" i="2" s="1"/>
  <c r="G578" i="2" a="1"/>
  <c r="G578" i="2" s="1"/>
  <c r="AP157" i="1"/>
  <c r="F163" i="5" s="1"/>
  <c r="H596" i="2" a="1"/>
  <c r="H596" i="2" s="1"/>
  <c r="D2045" i="2" a="1"/>
  <c r="D2045" i="2" s="1"/>
  <c r="E215" i="2" a="1"/>
  <c r="E215" i="2" s="1"/>
  <c r="E6801" i="2" a="1"/>
  <c r="E6801" i="2" s="1"/>
  <c r="E2909" i="2" a="1"/>
  <c r="E2909" i="2" s="1"/>
  <c r="G575" i="2" a="1"/>
  <c r="G575" i="2" s="1"/>
  <c r="G5571" i="2" a="1"/>
  <c r="G5571" i="2" s="1"/>
  <c r="H2090" i="2" a="1"/>
  <c r="H2090" i="2" s="1"/>
  <c r="AN157" i="1"/>
  <c r="D163" i="5" s="1"/>
  <c r="H7209" i="2" a="1"/>
  <c r="H7209" i="2" s="1"/>
  <c r="E7405" i="2" a="1"/>
  <c r="E7405" i="2" s="1"/>
  <c r="E7421" i="2" a="1"/>
  <c r="E7421" i="2" s="1"/>
  <c r="E7419" i="2" a="1"/>
  <c r="E7419" i="2" s="1"/>
  <c r="E7420" i="2" a="1"/>
  <c r="E7420" i="2" s="1"/>
  <c r="E7402" i="2" a="1"/>
  <c r="E7402" i="2" s="1"/>
  <c r="E7413" i="2" a="1"/>
  <c r="E7413" i="2" s="1"/>
  <c r="E7423" i="2" a="1"/>
  <c r="E7423" i="2" s="1"/>
  <c r="E7409" i="2" a="1"/>
  <c r="E7409" i="2" s="1"/>
  <c r="E7417" i="2" a="1"/>
  <c r="E7417" i="2" s="1"/>
  <c r="E7406" i="2" a="1"/>
  <c r="E7406" i="2" s="1"/>
  <c r="D2697" i="2" a="1"/>
  <c r="D2697" i="2" s="1"/>
  <c r="D2691" i="2" a="1"/>
  <c r="D2691" i="2" s="1"/>
  <c r="D2693" i="2" a="1"/>
  <c r="D2693" i="2" s="1"/>
  <c r="D2676" i="2" a="1"/>
  <c r="D2676" i="2" s="1"/>
  <c r="D2677" i="2" a="1"/>
  <c r="D2677" i="2" s="1"/>
  <c r="D2679" i="2" a="1"/>
  <c r="D2679" i="2" s="1"/>
  <c r="D2683" i="2" a="1"/>
  <c r="D2683" i="2" s="1"/>
  <c r="D2684" i="2" a="1"/>
  <c r="D2684" i="2" s="1"/>
  <c r="D2686" i="2" a="1"/>
  <c r="D2686" i="2" s="1"/>
  <c r="D2681" i="2" a="1"/>
  <c r="D2681" i="2" s="1"/>
  <c r="D2687" i="2" a="1"/>
  <c r="D2687" i="2" s="1"/>
  <c r="D2694" i="2" a="1"/>
  <c r="D2694" i="2" s="1"/>
  <c r="D2674" i="2" a="1"/>
  <c r="D2674" i="2" s="1"/>
  <c r="AQ206" i="1"/>
  <c r="G212" i="5" s="1"/>
  <c r="AN206" i="1"/>
  <c r="D212" i="5" s="1"/>
  <c r="AP206" i="1"/>
  <c r="F212" i="5" s="1"/>
  <c r="AM206" i="1"/>
  <c r="C212" i="5" s="1"/>
  <c r="G102" i="2" a="1"/>
  <c r="G102" i="2" s="1"/>
  <c r="G99" i="2" a="1"/>
  <c r="G99" i="2" s="1"/>
  <c r="E217" i="2" a="1"/>
  <c r="E217" i="2" s="1"/>
  <c r="E6786" i="2" a="1"/>
  <c r="E6786" i="2" s="1"/>
  <c r="H1791" i="2" a="1"/>
  <c r="H1791" i="2" s="1"/>
  <c r="E2906" i="2" a="1"/>
  <c r="E2906" i="2" s="1"/>
  <c r="G574" i="2" a="1"/>
  <c r="G574" i="2" s="1"/>
  <c r="F5071" i="2" a="1"/>
  <c r="F5071" i="2" s="1"/>
  <c r="G5564" i="2" a="1"/>
  <c r="G5564" i="2" s="1"/>
  <c r="H7198" i="2" a="1"/>
  <c r="H7198" i="2" s="1"/>
  <c r="E214" i="2" a="1"/>
  <c r="E214" i="2" s="1"/>
  <c r="E6778" i="2" a="1"/>
  <c r="E6778" i="2" s="1"/>
  <c r="H1807" i="2" a="1"/>
  <c r="H1807" i="2" s="1"/>
  <c r="E2892" i="2" a="1"/>
  <c r="E2892" i="2" s="1"/>
  <c r="G565" i="2" a="1"/>
  <c r="G565" i="2" s="1"/>
  <c r="F5057" i="2" a="1"/>
  <c r="F5057" i="2" s="1"/>
  <c r="G5570" i="2" a="1"/>
  <c r="G5570" i="2" s="1"/>
  <c r="D2567" i="2" a="1"/>
  <c r="D2567" i="2" s="1"/>
  <c r="F7013" i="2" a="1"/>
  <c r="F7013" i="2" s="1"/>
  <c r="H7191" i="2" a="1"/>
  <c r="H7191" i="2" s="1"/>
  <c r="E210" i="2" a="1"/>
  <c r="E210" i="2" s="1"/>
  <c r="E6796" i="2" a="1"/>
  <c r="E6796" i="2" s="1"/>
  <c r="H1789" i="2" a="1"/>
  <c r="H1789" i="2" s="1"/>
  <c r="E2903" i="2" a="1"/>
  <c r="E2903" i="2" s="1"/>
  <c r="F4948" i="2" a="1"/>
  <c r="F4948" i="2" s="1"/>
  <c r="G572" i="2" a="1"/>
  <c r="G572" i="2" s="1"/>
  <c r="F5061" i="2" a="1"/>
  <c r="F5061" i="2" s="1"/>
  <c r="G5561" i="2" a="1"/>
  <c r="G5561" i="2" s="1"/>
  <c r="H1691" i="2" a="1"/>
  <c r="H1691" i="2" s="1"/>
  <c r="D2574" i="2" a="1"/>
  <c r="D2574" i="2" s="1"/>
  <c r="AM117" i="1"/>
  <c r="H5330" i="2" a="1"/>
  <c r="H5330" i="2" s="1"/>
  <c r="H7194" i="2" a="1"/>
  <c r="H7194" i="2" s="1"/>
  <c r="E6791" i="2" a="1"/>
  <c r="E6791" i="2" s="1"/>
  <c r="H1788" i="2" a="1"/>
  <c r="H1788" i="2" s="1"/>
  <c r="E2893" i="2" a="1"/>
  <c r="E2893" i="2" s="1"/>
  <c r="F4937" i="2" a="1"/>
  <c r="F4937" i="2" s="1"/>
  <c r="G577" i="2" a="1"/>
  <c r="G577" i="2" s="1"/>
  <c r="F5055" i="2" a="1"/>
  <c r="F5055" i="2" s="1"/>
  <c r="G5572" i="2" a="1"/>
  <c r="G5572" i="2" s="1"/>
  <c r="H1690" i="2" a="1"/>
  <c r="H1690" i="2" s="1"/>
  <c r="D2566" i="2" a="1"/>
  <c r="D2566" i="2" s="1"/>
  <c r="AQ117" i="1"/>
  <c r="G123" i="5" s="1"/>
  <c r="E5461" i="2" a="1"/>
  <c r="E5461" i="2" s="1"/>
  <c r="H5324" i="2" a="1"/>
  <c r="H5324" i="2" s="1"/>
  <c r="G8023" i="2" a="1"/>
  <c r="G8023" i="2" s="1"/>
  <c r="H7207" i="2" a="1"/>
  <c r="H7207" i="2" s="1"/>
  <c r="G4034" i="2" a="1"/>
  <c r="G4034" i="2" s="1"/>
  <c r="E6799" i="2" a="1"/>
  <c r="E6799" i="2" s="1"/>
  <c r="H1808" i="2" a="1"/>
  <c r="H1808" i="2" s="1"/>
  <c r="E2897" i="2" a="1"/>
  <c r="E2897" i="2" s="1"/>
  <c r="F4947" i="2" a="1"/>
  <c r="F4947" i="2" s="1"/>
  <c r="G585" i="2" a="1"/>
  <c r="G585" i="2" s="1"/>
  <c r="F5064" i="2" a="1"/>
  <c r="F5064" i="2" s="1"/>
  <c r="G5563" i="2" a="1"/>
  <c r="G5563" i="2" s="1"/>
  <c r="D2562" i="2" a="1"/>
  <c r="D2562" i="2" s="1"/>
  <c r="E5471" i="2" a="1"/>
  <c r="E5471" i="2" s="1"/>
  <c r="H5323" i="2" a="1"/>
  <c r="H5323" i="2" s="1"/>
  <c r="G8009" i="2" a="1"/>
  <c r="G8009" i="2" s="1"/>
  <c r="H7193" i="2" a="1"/>
  <c r="H7193" i="2" s="1"/>
  <c r="G4036" i="2" a="1"/>
  <c r="G4036" i="2" s="1"/>
  <c r="F6024" i="2" a="1"/>
  <c r="F6024" i="2" s="1"/>
  <c r="D2365" i="2" a="1"/>
  <c r="D2365" i="2" s="1"/>
  <c r="D7057" i="2" a="1"/>
  <c r="D7057" i="2" s="1"/>
  <c r="F2029" i="2" a="1"/>
  <c r="F2029" i="2" s="1"/>
  <c r="G228" i="2" a="1"/>
  <c r="G228" i="2" s="1"/>
  <c r="E216" i="2" a="1"/>
  <c r="E216" i="2" s="1"/>
  <c r="E6780" i="2" a="1"/>
  <c r="E6780" i="2" s="1"/>
  <c r="G7252" i="2" a="1"/>
  <c r="G7252" i="2" s="1"/>
  <c r="H1793" i="2" a="1"/>
  <c r="H1793" i="2" s="1"/>
  <c r="E2910" i="2" a="1"/>
  <c r="E2910" i="2" s="1"/>
  <c r="F4946" i="2" a="1"/>
  <c r="F4946" i="2" s="1"/>
  <c r="G580" i="2" a="1"/>
  <c r="G580" i="2" s="1"/>
  <c r="H6012" i="2" a="1"/>
  <c r="H6012" i="2" s="1"/>
  <c r="F5069" i="2" a="1"/>
  <c r="F5069" i="2" s="1"/>
  <c r="G5567" i="2" a="1"/>
  <c r="G5567" i="2" s="1"/>
  <c r="H1701" i="2" a="1"/>
  <c r="H1701" i="2" s="1"/>
  <c r="D2554" i="2" a="1"/>
  <c r="D2554" i="2" s="1"/>
  <c r="F6996" i="2" a="1"/>
  <c r="F6996" i="2" s="1"/>
  <c r="E5466" i="2" a="1"/>
  <c r="E5466" i="2" s="1"/>
  <c r="H5337" i="2" a="1"/>
  <c r="H5337" i="2" s="1"/>
  <c r="G8016" i="2" a="1"/>
  <c r="G8016" i="2" s="1"/>
  <c r="E8621" i="2" a="1"/>
  <c r="E8621" i="2" s="1"/>
  <c r="G4023" i="2" a="1"/>
  <c r="G4023" i="2" s="1"/>
  <c r="F6021" i="2" a="1"/>
  <c r="F6021" i="2" s="1"/>
  <c r="D2368" i="2" a="1"/>
  <c r="D2368" i="2" s="1"/>
  <c r="E213" i="2" a="1"/>
  <c r="E213" i="2" s="1"/>
  <c r="E6783" i="2" a="1"/>
  <c r="E6783" i="2" s="1"/>
  <c r="H1801" i="2" a="1"/>
  <c r="H1801" i="2" s="1"/>
  <c r="E2899" i="2" a="1"/>
  <c r="E2899" i="2" s="1"/>
  <c r="F4949" i="2" a="1"/>
  <c r="F4949" i="2" s="1"/>
  <c r="G579" i="2" a="1"/>
  <c r="G579" i="2" s="1"/>
  <c r="F5053" i="2" a="1"/>
  <c r="F5053" i="2" s="1"/>
  <c r="G5573" i="2" a="1"/>
  <c r="G5573" i="2" s="1"/>
  <c r="D2559" i="2" a="1"/>
  <c r="D2559" i="2" s="1"/>
  <c r="E5481" i="2" a="1"/>
  <c r="E5481" i="2" s="1"/>
  <c r="H5325" i="2" a="1"/>
  <c r="H5325" i="2" s="1"/>
  <c r="E8611" i="2" a="1"/>
  <c r="E8611" i="2" s="1"/>
  <c r="G4029" i="2" a="1"/>
  <c r="G4029" i="2" s="1"/>
  <c r="F6013" i="2" a="1"/>
  <c r="F6013" i="2" s="1"/>
  <c r="D2381" i="2" a="1"/>
  <c r="D2381" i="2" s="1"/>
  <c r="D7042" i="2" a="1"/>
  <c r="D7042" i="2" s="1"/>
  <c r="F2046" i="2" a="1"/>
  <c r="F2046" i="2" s="1"/>
  <c r="G236" i="2" a="1"/>
  <c r="G236" i="2" s="1"/>
  <c r="E222" i="2" a="1"/>
  <c r="E222" i="2" s="1"/>
  <c r="H1805" i="2" a="1"/>
  <c r="H1805" i="2" s="1"/>
  <c r="E2908" i="2" a="1"/>
  <c r="E2908" i="2" s="1"/>
  <c r="F4941" i="2" a="1"/>
  <c r="F4941" i="2" s="1"/>
  <c r="G576" i="2" a="1"/>
  <c r="G576" i="2" s="1"/>
  <c r="G5576" i="2" a="1"/>
  <c r="G5576" i="2" s="1"/>
  <c r="H1694" i="2" a="1"/>
  <c r="H1694" i="2" s="1"/>
  <c r="D2556" i="2" a="1"/>
  <c r="D2556" i="2" s="1"/>
  <c r="F7007" i="2" a="1"/>
  <c r="F7007" i="2" s="1"/>
  <c r="E5470" i="2" a="1"/>
  <c r="E5470" i="2" s="1"/>
  <c r="H5320" i="2" a="1"/>
  <c r="H5320" i="2" s="1"/>
  <c r="E3037" i="2" a="1"/>
  <c r="E3037" i="2" s="1"/>
  <c r="E8619" i="2" a="1"/>
  <c r="E8619" i="2" s="1"/>
  <c r="F6033" i="2" a="1"/>
  <c r="F6033" i="2" s="1"/>
  <c r="F6388" i="2" a="1"/>
  <c r="F6388" i="2" s="1"/>
  <c r="F6393" i="2" a="1"/>
  <c r="F6393" i="2" s="1"/>
  <c r="E5071" i="2" a="1"/>
  <c r="E5071" i="2" s="1"/>
  <c r="E5063" i="2" a="1"/>
  <c r="E5063" i="2" s="1"/>
  <c r="E5059" i="2" a="1"/>
  <c r="E5059" i="2" s="1"/>
  <c r="F6477" i="2" a="1"/>
  <c r="F6477" i="2" s="1"/>
  <c r="F6480" i="2" a="1"/>
  <c r="F6480" i="2" s="1"/>
  <c r="F2277" i="2" a="1"/>
  <c r="F2277" i="2" s="1"/>
  <c r="F2276" i="2" a="1"/>
  <c r="F2276" i="2" s="1"/>
  <c r="G4087" i="2" a="1"/>
  <c r="G4087" i="2" s="1"/>
  <c r="G4089" i="2" a="1"/>
  <c r="G4089" i="2" s="1"/>
  <c r="H7718" i="2" a="1"/>
  <c r="H7718" i="2" s="1"/>
  <c r="H7730" i="2" a="1"/>
  <c r="H7730" i="2" s="1"/>
  <c r="AN76" i="1"/>
  <c r="H7609" i="2" a="1"/>
  <c r="H7609" i="2" s="1"/>
  <c r="H7594" i="2" a="1"/>
  <c r="H7594" i="2" s="1"/>
  <c r="H7615" i="2" a="1"/>
  <c r="H7615" i="2" s="1"/>
  <c r="E4380" i="2" a="1"/>
  <c r="E4380" i="2" s="1"/>
  <c r="E4398" i="2" a="1"/>
  <c r="E4398" i="2" s="1"/>
  <c r="E4386" i="2" a="1"/>
  <c r="E4386" i="2" s="1"/>
  <c r="E4379" i="2" a="1"/>
  <c r="E4379" i="2" s="1"/>
  <c r="H3093" i="2" a="1"/>
  <c r="H3093" i="2" s="1"/>
  <c r="H3086" i="2" a="1"/>
  <c r="H3086" i="2" s="1"/>
  <c r="H3097" i="2" a="1"/>
  <c r="H3097" i="2" s="1"/>
  <c r="H3084" i="2" a="1"/>
  <c r="H3084" i="2" s="1"/>
  <c r="H3099" i="2" a="1"/>
  <c r="H3099" i="2" s="1"/>
  <c r="H3085" i="2" a="1"/>
  <c r="H3085" i="2" s="1"/>
  <c r="H3087" i="2" a="1"/>
  <c r="H3087" i="2" s="1"/>
  <c r="H3092" i="2" a="1"/>
  <c r="H3092" i="2" s="1"/>
  <c r="E415" i="2" a="1"/>
  <c r="E415" i="2" s="1"/>
  <c r="E394" i="2" a="1"/>
  <c r="E394" i="2" s="1"/>
  <c r="E401" i="2" a="1"/>
  <c r="E401" i="2" s="1"/>
  <c r="E402" i="2" a="1"/>
  <c r="E402" i="2" s="1"/>
  <c r="E416" i="2" a="1"/>
  <c r="E416" i="2" s="1"/>
  <c r="G5926" i="2" a="1"/>
  <c r="G5926" i="2" s="1"/>
  <c r="G5918" i="2" a="1"/>
  <c r="G5918" i="2" s="1"/>
  <c r="G5927" i="2" a="1"/>
  <c r="G5927" i="2" s="1"/>
  <c r="G5917" i="2" a="1"/>
  <c r="G5917" i="2" s="1"/>
  <c r="G5922" i="2" a="1"/>
  <c r="G5922" i="2" s="1"/>
  <c r="G5923" i="2" a="1"/>
  <c r="G5923" i="2" s="1"/>
  <c r="G5914" i="2" a="1"/>
  <c r="G5914" i="2" s="1"/>
  <c r="G5932" i="2" a="1"/>
  <c r="G5932" i="2" s="1"/>
  <c r="AM247" i="1"/>
  <c r="C253" i="5" s="1"/>
  <c r="G5933" i="2" a="1"/>
  <c r="G5933" i="2" s="1"/>
  <c r="G5921" i="2" a="1"/>
  <c r="G5921" i="2" s="1"/>
  <c r="G5924" i="2" a="1"/>
  <c r="G5924" i="2" s="1"/>
  <c r="G5930" i="2" a="1"/>
  <c r="G5930" i="2" s="1"/>
  <c r="G5929" i="2" a="1"/>
  <c r="G5929" i="2" s="1"/>
  <c r="G5915" i="2" a="1"/>
  <c r="G5915" i="2" s="1"/>
  <c r="E3624" i="2" a="1"/>
  <c r="E3624" i="2" s="1"/>
  <c r="E3629" i="2" a="1"/>
  <c r="E3629" i="2" s="1"/>
  <c r="E3615" i="2" a="1"/>
  <c r="E3615" i="2" s="1"/>
  <c r="E3630" i="2" a="1"/>
  <c r="E3630" i="2" s="1"/>
  <c r="E3610" i="2" a="1"/>
  <c r="E3610" i="2" s="1"/>
  <c r="E3633" i="2" a="1"/>
  <c r="E3633" i="2" s="1"/>
  <c r="E3621" i="2" a="1"/>
  <c r="E3621" i="2" s="1"/>
  <c r="E3612" i="2" a="1"/>
  <c r="E3612" i="2" s="1"/>
  <c r="E3627" i="2" a="1"/>
  <c r="E3627" i="2" s="1"/>
  <c r="E3617" i="2" a="1"/>
  <c r="E3617" i="2" s="1"/>
  <c r="E3618" i="2" a="1"/>
  <c r="E3618" i="2" s="1"/>
  <c r="E3623" i="2" a="1"/>
  <c r="E3623" i="2" s="1"/>
  <c r="E3628" i="2" a="1"/>
  <c r="E3628" i="2" s="1"/>
  <c r="F4427" i="2" a="1"/>
  <c r="F4427" i="2" s="1"/>
  <c r="F4429" i="2" a="1"/>
  <c r="F4429" i="2" s="1"/>
  <c r="F4436" i="2" a="1"/>
  <c r="F4436" i="2" s="1"/>
  <c r="F4433" i="2" a="1"/>
  <c r="F4433" i="2" s="1"/>
  <c r="F4437" i="2" a="1"/>
  <c r="F4437" i="2" s="1"/>
  <c r="F4446" i="2" a="1"/>
  <c r="F4446" i="2" s="1"/>
  <c r="F4443" i="2" a="1"/>
  <c r="F4443" i="2" s="1"/>
  <c r="F4434" i="2" a="1"/>
  <c r="F4434" i="2" s="1"/>
  <c r="F4441" i="2" a="1"/>
  <c r="F4441" i="2" s="1"/>
  <c r="F4445" i="2" a="1"/>
  <c r="F4445" i="2" s="1"/>
  <c r="F4435" i="2" a="1"/>
  <c r="F4435" i="2" s="1"/>
  <c r="F4430" i="2" a="1"/>
  <c r="F4430" i="2" s="1"/>
  <c r="F4442" i="2" a="1"/>
  <c r="F4442" i="2" s="1"/>
  <c r="G1730" i="2" a="1"/>
  <c r="G1730" i="2" s="1"/>
  <c r="G1714" i="2" a="1"/>
  <c r="G1714" i="2" s="1"/>
  <c r="G1727" i="2" a="1"/>
  <c r="G1727" i="2" s="1"/>
  <c r="G1732" i="2" a="1"/>
  <c r="G1732" i="2" s="1"/>
  <c r="G1721" i="2" a="1"/>
  <c r="G1721" i="2" s="1"/>
  <c r="G1720" i="2" a="1"/>
  <c r="G1720" i="2" s="1"/>
  <c r="G1729" i="2" a="1"/>
  <c r="G1729" i="2" s="1"/>
  <c r="G1736" i="2" a="1"/>
  <c r="G1736" i="2" s="1"/>
  <c r="E6209" i="2" a="1"/>
  <c r="E6209" i="2" s="1"/>
  <c r="E6211" i="2" a="1"/>
  <c r="E6211" i="2" s="1"/>
  <c r="E6223" i="2" a="1"/>
  <c r="E6223" i="2" s="1"/>
  <c r="E6224" i="2" a="1"/>
  <c r="E6224" i="2" s="1"/>
  <c r="E6219" i="2" a="1"/>
  <c r="E6219" i="2" s="1"/>
  <c r="E6225" i="2" a="1"/>
  <c r="E6225" i="2" s="1"/>
  <c r="E6214" i="2" a="1"/>
  <c r="E6214" i="2" s="1"/>
  <c r="E6202" i="2" a="1"/>
  <c r="E6202" i="2" s="1"/>
  <c r="E6210" i="2" a="1"/>
  <c r="E6210" i="2" s="1"/>
  <c r="E6215" i="2" a="1"/>
  <c r="E6215" i="2" s="1"/>
  <c r="E6216" i="2" a="1"/>
  <c r="E6216" i="2" s="1"/>
  <c r="E6203" i="2" a="1"/>
  <c r="E6203" i="2" s="1"/>
  <c r="E6207" i="2" a="1"/>
  <c r="E6207" i="2" s="1"/>
  <c r="E6212" i="2" a="1"/>
  <c r="E6212" i="2" s="1"/>
  <c r="E6217" i="2" a="1"/>
  <c r="E6217" i="2" s="1"/>
  <c r="F1805" i="2" a="1"/>
  <c r="F1805" i="2" s="1"/>
  <c r="F1809" i="2" a="1"/>
  <c r="F1809" i="2" s="1"/>
  <c r="F1794" i="2" a="1"/>
  <c r="F1794" i="2" s="1"/>
  <c r="F1800" i="2" a="1"/>
  <c r="F1800" i="2" s="1"/>
  <c r="F1796" i="2" a="1"/>
  <c r="F1796" i="2" s="1"/>
  <c r="F1804" i="2" a="1"/>
  <c r="F1804" i="2" s="1"/>
  <c r="F1791" i="2" a="1"/>
  <c r="F1791" i="2" s="1"/>
  <c r="F1801" i="2" a="1"/>
  <c r="F1801" i="2" s="1"/>
  <c r="F1797" i="2" a="1"/>
  <c r="F1797" i="2" s="1"/>
  <c r="F1792" i="2" a="1"/>
  <c r="F1792" i="2" s="1"/>
  <c r="F1795" i="2" a="1"/>
  <c r="F1795" i="2" s="1"/>
  <c r="F1786" i="2" a="1"/>
  <c r="F1786" i="2" s="1"/>
  <c r="F1802" i="2" a="1"/>
  <c r="F1802" i="2" s="1"/>
  <c r="F6726" i="2" a="1"/>
  <c r="F6726" i="2" s="1"/>
  <c r="F6715" i="2" a="1"/>
  <c r="F6715" i="2" s="1"/>
  <c r="F6721" i="2" a="1"/>
  <c r="F6721" i="2" s="1"/>
  <c r="F6711" i="2" a="1"/>
  <c r="F6711" i="2" s="1"/>
  <c r="F6708" i="2" a="1"/>
  <c r="F6708" i="2" s="1"/>
  <c r="F6719" i="2" a="1"/>
  <c r="F6719" i="2" s="1"/>
  <c r="F6713" i="2" a="1"/>
  <c r="F6713" i="2" s="1"/>
  <c r="F6729" i="2" a="1"/>
  <c r="F6729" i="2" s="1"/>
  <c r="F6724" i="2" a="1"/>
  <c r="F6724" i="2" s="1"/>
  <c r="F6709" i="2" a="1"/>
  <c r="F6709" i="2" s="1"/>
  <c r="F6720" i="2" a="1"/>
  <c r="F6720" i="2" s="1"/>
  <c r="F6727" i="2" a="1"/>
  <c r="F6727" i="2" s="1"/>
  <c r="F6717" i="2" a="1"/>
  <c r="F6717" i="2" s="1"/>
  <c r="F4246" i="2" a="1"/>
  <c r="F4246" i="2" s="1"/>
  <c r="F4235" i="2" a="1"/>
  <c r="F4235" i="2" s="1"/>
  <c r="F4244" i="2" a="1"/>
  <c r="F4244" i="2" s="1"/>
  <c r="F4241" i="2" a="1"/>
  <c r="F4241" i="2" s="1"/>
  <c r="F4248" i="2" a="1"/>
  <c r="F4248" i="2" s="1"/>
  <c r="F4256" i="2" a="1"/>
  <c r="F4256" i="2" s="1"/>
  <c r="F4236" i="2" a="1"/>
  <c r="F4236" i="2" s="1"/>
  <c r="F4243" i="2" a="1"/>
  <c r="F4243" i="2" s="1"/>
  <c r="F4255" i="2" a="1"/>
  <c r="F4255" i="2" s="1"/>
  <c r="F4242" i="2" a="1"/>
  <c r="F4242" i="2" s="1"/>
  <c r="F4247" i="2" a="1"/>
  <c r="F4247" i="2" s="1"/>
  <c r="F4257" i="2" a="1"/>
  <c r="F4257" i="2" s="1"/>
  <c r="G5891" i="2" a="1"/>
  <c r="G5891" i="2" s="1"/>
  <c r="G5894" i="2" a="1"/>
  <c r="G5894" i="2" s="1"/>
  <c r="G5896" i="2" a="1"/>
  <c r="G5896" i="2" s="1"/>
  <c r="G5890" i="2" a="1"/>
  <c r="G5890" i="2" s="1"/>
  <c r="G5908" i="2" a="1"/>
  <c r="G5908" i="2" s="1"/>
  <c r="G5895" i="2" a="1"/>
  <c r="G5895" i="2" s="1"/>
  <c r="G5897" i="2" a="1"/>
  <c r="G5897" i="2" s="1"/>
  <c r="G5909" i="2" a="1"/>
  <c r="G5909" i="2" s="1"/>
  <c r="G5903" i="2" a="1"/>
  <c r="G5903" i="2" s="1"/>
  <c r="E406" i="2" a="1"/>
  <c r="E406" i="2" s="1"/>
  <c r="E3631" i="2" a="1"/>
  <c r="E3631" i="2" s="1"/>
  <c r="F6873" i="2" a="1"/>
  <c r="F6873" i="2" s="1"/>
  <c r="F6854" i="2" a="1"/>
  <c r="F6854" i="2" s="1"/>
  <c r="F6859" i="2" a="1"/>
  <c r="F6859" i="2" s="1"/>
  <c r="F6871" i="2" a="1"/>
  <c r="F6871" i="2" s="1"/>
  <c r="F6865" i="2" a="1"/>
  <c r="F6865" i="2" s="1"/>
  <c r="F6850" i="2" a="1"/>
  <c r="F6850" i="2" s="1"/>
  <c r="F6856" i="2" a="1"/>
  <c r="F6856" i="2" s="1"/>
  <c r="F6858" i="2" a="1"/>
  <c r="F6858" i="2" s="1"/>
  <c r="F6861" i="2" a="1"/>
  <c r="F6861" i="2" s="1"/>
  <c r="F6852" i="2" a="1"/>
  <c r="F6852" i="2" s="1"/>
  <c r="F6867" i="2" a="1"/>
  <c r="F6867" i="2" s="1"/>
  <c r="H1739" i="2" a="1"/>
  <c r="H1739" i="2" s="1"/>
  <c r="H1750" i="2" a="1"/>
  <c r="H1750" i="2" s="1"/>
  <c r="H1744" i="2" a="1"/>
  <c r="H1744" i="2" s="1"/>
  <c r="H1752" i="2" a="1"/>
  <c r="H1752" i="2" s="1"/>
  <c r="H1754" i="2" a="1"/>
  <c r="H1754" i="2" s="1"/>
  <c r="H1761" i="2" a="1"/>
  <c r="H1761" i="2" s="1"/>
  <c r="H1741" i="2" a="1"/>
  <c r="H1741" i="2" s="1"/>
  <c r="H1760" i="2" a="1"/>
  <c r="H1760" i="2" s="1"/>
  <c r="H1756" i="2" a="1"/>
  <c r="H1756" i="2" s="1"/>
  <c r="H1738" i="2" a="1"/>
  <c r="H1738" i="2" s="1"/>
  <c r="H1745" i="2" a="1"/>
  <c r="H1745" i="2" s="1"/>
  <c r="H1758" i="2" a="1"/>
  <c r="H1758" i="2" s="1"/>
  <c r="H1748" i="2" a="1"/>
  <c r="H1748" i="2" s="1"/>
  <c r="H1743" i="2" a="1"/>
  <c r="H1743" i="2" s="1"/>
  <c r="E2496" i="2" a="1"/>
  <c r="E2496" i="2" s="1"/>
  <c r="E2490" i="2" a="1"/>
  <c r="E2490" i="2" s="1"/>
  <c r="E2493" i="2" a="1"/>
  <c r="E2493" i="2" s="1"/>
  <c r="E2485" i="2" a="1"/>
  <c r="E2485" i="2" s="1"/>
  <c r="E2498" i="2" a="1"/>
  <c r="E2498" i="2" s="1"/>
  <c r="E2497" i="2" a="1"/>
  <c r="E2497" i="2" s="1"/>
  <c r="E2501" i="2" a="1"/>
  <c r="E2501" i="2" s="1"/>
  <c r="G649" i="2" a="1"/>
  <c r="G649" i="2" s="1"/>
  <c r="G650" i="2" a="1"/>
  <c r="G650" i="2" s="1"/>
  <c r="G648" i="2" a="1"/>
  <c r="G648" i="2" s="1"/>
  <c r="G641" i="2" a="1"/>
  <c r="G641" i="2" s="1"/>
  <c r="G657" i="2" a="1"/>
  <c r="G657" i="2" s="1"/>
  <c r="G645" i="2" a="1"/>
  <c r="G645" i="2" s="1"/>
  <c r="G652" i="2" a="1"/>
  <c r="G652" i="2" s="1"/>
  <c r="G642" i="2" a="1"/>
  <c r="G642" i="2" s="1"/>
  <c r="G654" i="2" a="1"/>
  <c r="G654" i="2" s="1"/>
  <c r="F1281" i="2" a="1"/>
  <c r="F1281" i="2" s="1"/>
  <c r="F1262" i="2" a="1"/>
  <c r="F1262" i="2" s="1"/>
  <c r="F1260" i="2" a="1"/>
  <c r="F1260" i="2" s="1"/>
  <c r="F1271" i="2" a="1"/>
  <c r="F1271" i="2" s="1"/>
  <c r="F1269" i="2" a="1"/>
  <c r="F1269" i="2" s="1"/>
  <c r="F1263" i="2" a="1"/>
  <c r="F1263" i="2" s="1"/>
  <c r="F1280" i="2" a="1"/>
  <c r="F1280" i="2" s="1"/>
  <c r="F1275" i="2" a="1"/>
  <c r="F1275" i="2" s="1"/>
  <c r="F1274" i="2" a="1"/>
  <c r="F1274" i="2" s="1"/>
  <c r="F1277" i="2" a="1"/>
  <c r="F1277" i="2" s="1"/>
  <c r="F1270" i="2" a="1"/>
  <c r="F1270" i="2" s="1"/>
  <c r="F1272" i="2" a="1"/>
  <c r="F1272" i="2" s="1"/>
  <c r="F1258" i="2" a="1"/>
  <c r="F1258" i="2" s="1"/>
  <c r="F1279" i="2" a="1"/>
  <c r="F1279" i="2" s="1"/>
  <c r="E4715" i="2" a="1"/>
  <c r="E4715" i="2" s="1"/>
  <c r="E4733" i="2" a="1"/>
  <c r="E4733" i="2" s="1"/>
  <c r="E4729" i="2" a="1"/>
  <c r="E4729" i="2" s="1"/>
  <c r="E4720" i="2" a="1"/>
  <c r="E4720" i="2" s="1"/>
  <c r="E4716" i="2" a="1"/>
  <c r="E4716" i="2" s="1"/>
  <c r="F8669" i="2" a="1"/>
  <c r="F8669" i="2" s="1"/>
  <c r="F8667" i="2" a="1"/>
  <c r="F8667" i="2" s="1"/>
  <c r="F8660" i="2" a="1"/>
  <c r="F8660" i="2" s="1"/>
  <c r="F8657" i="2" a="1"/>
  <c r="F8657" i="2" s="1"/>
  <c r="F8670" i="2" a="1"/>
  <c r="F8670" i="2" s="1"/>
  <c r="F8656" i="2" a="1"/>
  <c r="F8656" i="2" s="1"/>
  <c r="F8652" i="2" a="1"/>
  <c r="F8652" i="2" s="1"/>
  <c r="G5838" i="2" a="1"/>
  <c r="G5838" i="2" s="1"/>
  <c r="G5841" i="2" a="1"/>
  <c r="G5841" i="2" s="1"/>
  <c r="G5824" i="2" a="1"/>
  <c r="G5824" i="2" s="1"/>
  <c r="G5836" i="2" a="1"/>
  <c r="G5836" i="2" s="1"/>
  <c r="G5818" i="2" a="1"/>
  <c r="G5818" i="2" s="1"/>
  <c r="G4136" i="2" a="1"/>
  <c r="G4136" i="2" s="1"/>
  <c r="G4129" i="2" a="1"/>
  <c r="G4129" i="2" s="1"/>
  <c r="G4130" i="2" a="1"/>
  <c r="G4130" i="2" s="1"/>
  <c r="G4116" i="2" a="1"/>
  <c r="G4116" i="2" s="1"/>
  <c r="G4117" i="2" a="1"/>
  <c r="G4117" i="2" s="1"/>
  <c r="H5040" i="2" a="1"/>
  <c r="H5040" i="2" s="1"/>
  <c r="H5038" i="2" a="1"/>
  <c r="H5038" i="2" s="1"/>
  <c r="H5026" i="2" a="1"/>
  <c r="H5026" i="2" s="1"/>
  <c r="H5029" i="2" a="1"/>
  <c r="H5029" i="2" s="1"/>
  <c r="H5043" i="2" a="1"/>
  <c r="H5043" i="2" s="1"/>
  <c r="AP93" i="1"/>
  <c r="F99" i="5" s="1"/>
  <c r="AQ93" i="1"/>
  <c r="G99" i="5" s="1"/>
  <c r="AN93" i="1"/>
  <c r="D99" i="5" s="1"/>
  <c r="AO93" i="1"/>
  <c r="E99" i="5" s="1"/>
  <c r="AM93" i="1"/>
  <c r="C99" i="5" s="1"/>
  <c r="E847" i="2" a="1"/>
  <c r="E847" i="2" s="1"/>
  <c r="E836" i="2" a="1"/>
  <c r="E836" i="2" s="1"/>
  <c r="E849" i="2" a="1"/>
  <c r="E849" i="2" s="1"/>
  <c r="E828" i="2" a="1"/>
  <c r="E828" i="2" s="1"/>
  <c r="E832" i="2" a="1"/>
  <c r="E832" i="2" s="1"/>
  <c r="E845" i="2" a="1"/>
  <c r="E845" i="2" s="1"/>
  <c r="E8539" i="2" a="1"/>
  <c r="E8539" i="2" s="1"/>
  <c r="E8549" i="2" a="1"/>
  <c r="E8549" i="2" s="1"/>
  <c r="E8548" i="2" a="1"/>
  <c r="E8548" i="2" s="1"/>
  <c r="E8530" i="2" a="1"/>
  <c r="E8530" i="2" s="1"/>
  <c r="E8537" i="2" a="1"/>
  <c r="E8537" i="2" s="1"/>
  <c r="H7163" i="2" a="1"/>
  <c r="H7163" i="2" s="1"/>
  <c r="H7184" i="2" a="1"/>
  <c r="H7184" i="2" s="1"/>
  <c r="H7169" i="2" a="1"/>
  <c r="H7169" i="2" s="1"/>
  <c r="H7166" i="2" a="1"/>
  <c r="H7166" i="2" s="1"/>
  <c r="H7176" i="2" a="1"/>
  <c r="H7176" i="2" s="1"/>
  <c r="H7182" i="2" a="1"/>
  <c r="H7182" i="2" s="1"/>
  <c r="H7171" i="2" a="1"/>
  <c r="H7171" i="2" s="1"/>
  <c r="H7183" i="2" a="1"/>
  <c r="H7183" i="2" s="1"/>
  <c r="H7179" i="2" a="1"/>
  <c r="H7179" i="2" s="1"/>
  <c r="H7168" i="2" a="1"/>
  <c r="H7168" i="2" s="1"/>
  <c r="H7181" i="2" a="1"/>
  <c r="H7181" i="2" s="1"/>
  <c r="H7170" i="2" a="1"/>
  <c r="H7170" i="2" s="1"/>
  <c r="E243" i="2" a="1"/>
  <c r="E243" i="2" s="1"/>
  <c r="E249" i="2" a="1"/>
  <c r="E249" i="2" s="1"/>
  <c r="E245" i="2" a="1"/>
  <c r="E245" i="2" s="1"/>
  <c r="E247" i="2" a="1"/>
  <c r="E247" i="2" s="1"/>
  <c r="E229" i="2" a="1"/>
  <c r="E229" i="2" s="1"/>
  <c r="E240" i="2" a="1"/>
  <c r="E240" i="2" s="1"/>
  <c r="E227" i="2" a="1"/>
  <c r="E227" i="2" s="1"/>
  <c r="E244" i="2" a="1"/>
  <c r="E244" i="2" s="1"/>
  <c r="E237" i="2" a="1"/>
  <c r="E237" i="2" s="1"/>
  <c r="E234" i="2" a="1"/>
  <c r="E234" i="2" s="1"/>
  <c r="E238" i="2" a="1"/>
  <c r="E238" i="2" s="1"/>
  <c r="E235" i="2" a="1"/>
  <c r="E235" i="2" s="1"/>
  <c r="E3388" i="2" a="1"/>
  <c r="E3388" i="2" s="1"/>
  <c r="E3380" i="2" a="1"/>
  <c r="E3380" i="2" s="1"/>
  <c r="E3377" i="2" a="1"/>
  <c r="E3377" i="2" s="1"/>
  <c r="E3379" i="2" a="1"/>
  <c r="E3379" i="2" s="1"/>
  <c r="E3374" i="2" a="1"/>
  <c r="E3374" i="2" s="1"/>
  <c r="E3383" i="2" a="1"/>
  <c r="E3383" i="2" s="1"/>
  <c r="E3371" i="2" a="1"/>
  <c r="E3371" i="2" s="1"/>
  <c r="E3376" i="2" a="1"/>
  <c r="E3376" i="2" s="1"/>
  <c r="E3378" i="2" a="1"/>
  <c r="E3378" i="2" s="1"/>
  <c r="E3386" i="2" a="1"/>
  <c r="E3386" i="2" s="1"/>
  <c r="H1259" i="2" a="1"/>
  <c r="H1259" i="2" s="1"/>
  <c r="H1270" i="2" a="1"/>
  <c r="H1270" i="2" s="1"/>
  <c r="H6421" i="2" a="1"/>
  <c r="H6421" i="2" s="1"/>
  <c r="H6419" i="2" a="1"/>
  <c r="H6419" i="2" s="1"/>
  <c r="H6436" i="2" a="1"/>
  <c r="H6436" i="2" s="1"/>
  <c r="H6432" i="2" a="1"/>
  <c r="H6432" i="2" s="1"/>
  <c r="H6422" i="2" a="1"/>
  <c r="H6422" i="2" s="1"/>
  <c r="H6430" i="2" a="1"/>
  <c r="H6430" i="2" s="1"/>
  <c r="H6423" i="2" a="1"/>
  <c r="H6423" i="2" s="1"/>
  <c r="D2010" i="2" a="1"/>
  <c r="D2010" i="2" s="1"/>
  <c r="D2021" i="2" a="1"/>
  <c r="D2021" i="2" s="1"/>
  <c r="D2012" i="2" a="1"/>
  <c r="D2012" i="2" s="1"/>
  <c r="D2020" i="2" a="1"/>
  <c r="D2020" i="2" s="1"/>
  <c r="D2013" i="2" a="1"/>
  <c r="D2013" i="2" s="1"/>
  <c r="D2024" i="2" a="1"/>
  <c r="D2024" i="2" s="1"/>
  <c r="D2014" i="2" a="1"/>
  <c r="D2014" i="2" s="1"/>
  <c r="D2022" i="2" a="1"/>
  <c r="D2022" i="2" s="1"/>
  <c r="D2023" i="2" a="1"/>
  <c r="D2023" i="2" s="1"/>
  <c r="D2011" i="2" a="1"/>
  <c r="D2011" i="2" s="1"/>
  <c r="D2006" i="2" a="1"/>
  <c r="D2006" i="2" s="1"/>
  <c r="D2025" i="2" a="1"/>
  <c r="D2025" i="2" s="1"/>
  <c r="D2015" i="2" a="1"/>
  <c r="D2015" i="2" s="1"/>
  <c r="E5731" i="2" a="1"/>
  <c r="E5731" i="2" s="1"/>
  <c r="E5726" i="2" a="1"/>
  <c r="E5726" i="2" s="1"/>
  <c r="D5480" i="2" a="1"/>
  <c r="D5480" i="2" s="1"/>
  <c r="AQ228" i="1"/>
  <c r="G234" i="5" s="1"/>
  <c r="AM228" i="1"/>
  <c r="C234" i="5" s="1"/>
  <c r="D5459" i="2" a="1"/>
  <c r="D5459" i="2" s="1"/>
  <c r="D5479" i="2" a="1"/>
  <c r="D5479" i="2" s="1"/>
  <c r="D5460" i="2" a="1"/>
  <c r="D5460" i="2" s="1"/>
  <c r="D5473" i="2" a="1"/>
  <c r="D5473" i="2" s="1"/>
  <c r="H6079" i="2" a="1"/>
  <c r="H6079" i="2" s="1"/>
  <c r="H6072" i="2" a="1"/>
  <c r="H6072" i="2" s="1"/>
  <c r="H6061" i="2" a="1"/>
  <c r="H6061" i="2" s="1"/>
  <c r="G7927" i="2" a="1"/>
  <c r="G7927" i="2" s="1"/>
  <c r="G7918" i="2" a="1"/>
  <c r="G7918" i="2" s="1"/>
  <c r="H5909" i="2" a="1"/>
  <c r="H5909" i="2" s="1"/>
  <c r="H5900" i="2" a="1"/>
  <c r="H5900" i="2" s="1"/>
  <c r="H5898" i="2" a="1"/>
  <c r="H5898" i="2" s="1"/>
  <c r="H5899" i="2" a="1"/>
  <c r="H5899" i="2" s="1"/>
  <c r="H5906" i="2" a="1"/>
  <c r="H5906" i="2" s="1"/>
  <c r="H5890" i="2" a="1"/>
  <c r="H5890" i="2" s="1"/>
  <c r="H5903" i="2" a="1"/>
  <c r="H5903" i="2" s="1"/>
  <c r="H5892" i="2" a="1"/>
  <c r="H5892" i="2" s="1"/>
  <c r="H5908" i="2" a="1"/>
  <c r="H5908" i="2" s="1"/>
  <c r="H5912" i="2" a="1"/>
  <c r="H5912" i="2" s="1"/>
  <c r="H5896" i="2" a="1"/>
  <c r="H5896" i="2" s="1"/>
  <c r="H5907" i="2" a="1"/>
  <c r="H5907" i="2" s="1"/>
  <c r="H5895" i="2" a="1"/>
  <c r="H5895" i="2" s="1"/>
  <c r="H5905" i="2" a="1"/>
  <c r="H5905" i="2" s="1"/>
  <c r="H5902" i="2" a="1"/>
  <c r="H5902" i="2" s="1"/>
  <c r="F8084" i="2" a="1"/>
  <c r="F8084" i="2" s="1"/>
  <c r="F8086" i="2" a="1"/>
  <c r="F8086" i="2" s="1"/>
  <c r="F8074" i="2" a="1"/>
  <c r="F8074" i="2" s="1"/>
  <c r="F8085" i="2" a="1"/>
  <c r="F8085" i="2" s="1"/>
  <c r="F8096" i="2" a="1"/>
  <c r="F8096" i="2" s="1"/>
  <c r="F8091" i="2" a="1"/>
  <c r="F8091" i="2" s="1"/>
  <c r="F8094" i="2" a="1"/>
  <c r="F8094" i="2" s="1"/>
  <c r="F8076" i="2" a="1"/>
  <c r="F8076" i="2" s="1"/>
  <c r="F8077" i="2" a="1"/>
  <c r="F8077" i="2" s="1"/>
  <c r="F8097" i="2" a="1"/>
  <c r="F8097" i="2" s="1"/>
  <c r="F8081" i="2" a="1"/>
  <c r="F8081" i="2" s="1"/>
  <c r="G7705" i="2" a="1"/>
  <c r="G7705" i="2" s="1"/>
  <c r="G7701" i="2" a="1"/>
  <c r="G7701" i="2" s="1"/>
  <c r="G7690" i="2" a="1"/>
  <c r="G7690" i="2" s="1"/>
  <c r="G7710" i="2" a="1"/>
  <c r="G7710" i="2" s="1"/>
  <c r="G7713" i="2" a="1"/>
  <c r="G7713" i="2" s="1"/>
  <c r="H5754" i="2" a="1"/>
  <c r="H5754" i="2" s="1"/>
  <c r="H5746" i="2" a="1"/>
  <c r="H5746" i="2" s="1"/>
  <c r="H5761" i="2" a="1"/>
  <c r="H5761" i="2" s="1"/>
  <c r="H5760" i="2" a="1"/>
  <c r="H5760" i="2" s="1"/>
  <c r="H5756" i="2" a="1"/>
  <c r="H5756" i="2" s="1"/>
  <c r="H5758" i="2" a="1"/>
  <c r="H5758" i="2" s="1"/>
  <c r="H5752" i="2" a="1"/>
  <c r="H5752" i="2" s="1"/>
  <c r="H5759" i="2" a="1"/>
  <c r="H5759" i="2" s="1"/>
  <c r="H5757" i="2" a="1"/>
  <c r="H5757" i="2" s="1"/>
  <c r="H5763" i="2" a="1"/>
  <c r="H5763" i="2" s="1"/>
  <c r="H5768" i="2" a="1"/>
  <c r="H5768" i="2" s="1"/>
  <c r="H5747" i="2" a="1"/>
  <c r="H5747" i="2" s="1"/>
  <c r="E4197" i="2" a="1"/>
  <c r="E4197" i="2" s="1"/>
  <c r="E4191" i="2" a="1"/>
  <c r="E4191" i="2" s="1"/>
  <c r="E4188" i="2" a="1"/>
  <c r="E4188" i="2" s="1"/>
  <c r="E4195" i="2" a="1"/>
  <c r="E4195" i="2" s="1"/>
  <c r="E4205" i="2" a="1"/>
  <c r="E4205" i="2" s="1"/>
  <c r="E4208" i="2" a="1"/>
  <c r="E4208" i="2" s="1"/>
  <c r="D8465" i="2" a="1"/>
  <c r="D8465" i="2" s="1"/>
  <c r="D8478" i="2" a="1"/>
  <c r="D8478" i="2" s="1"/>
  <c r="D8473" i="2" a="1"/>
  <c r="D8473" i="2" s="1"/>
  <c r="D8466" i="2" a="1"/>
  <c r="D8466" i="2" s="1"/>
  <c r="D8477" i="2" a="1"/>
  <c r="D8477" i="2" s="1"/>
  <c r="D8479" i="2" a="1"/>
  <c r="D8479" i="2" s="1"/>
  <c r="D8481" i="2" a="1"/>
  <c r="D8481" i="2" s="1"/>
  <c r="D8458" i="2" a="1"/>
  <c r="D8458" i="2" s="1"/>
  <c r="D8480" i="2" a="1"/>
  <c r="D8480" i="2" s="1"/>
  <c r="D8470" i="2" a="1"/>
  <c r="D8470" i="2" s="1"/>
  <c r="D8474" i="2" a="1"/>
  <c r="D8474" i="2" s="1"/>
  <c r="D8468" i="2" a="1"/>
  <c r="D8468" i="2" s="1"/>
  <c r="F8728" i="2" a="1"/>
  <c r="F8728" i="2" s="1"/>
  <c r="F8734" i="2" a="1"/>
  <c r="F8734" i="2" s="1"/>
  <c r="F8744" i="2" a="1"/>
  <c r="F8744" i="2" s="1"/>
  <c r="F8745" i="2" a="1"/>
  <c r="F8745" i="2" s="1"/>
  <c r="F8730" i="2" a="1"/>
  <c r="F8730" i="2" s="1"/>
  <c r="F8733" i="2" a="1"/>
  <c r="F8733" i="2" s="1"/>
  <c r="F8731" i="2" a="1"/>
  <c r="F8731" i="2" s="1"/>
  <c r="F8725" i="2" a="1"/>
  <c r="F8725" i="2" s="1"/>
  <c r="AN240" i="1"/>
  <c r="D246" i="5" s="1"/>
  <c r="AQ240" i="1"/>
  <c r="G246" i="5" s="1"/>
  <c r="AO240" i="1"/>
  <c r="E246" i="5" s="1"/>
  <c r="AM240" i="1"/>
  <c r="AP240" i="1"/>
  <c r="F246" i="5" s="1"/>
  <c r="E5754" i="2" a="1"/>
  <c r="E5754" i="2" s="1"/>
  <c r="E5759" i="2" a="1"/>
  <c r="E5759" i="2" s="1"/>
  <c r="E5768" i="2" a="1"/>
  <c r="E5768" i="2" s="1"/>
  <c r="E5765" i="2" a="1"/>
  <c r="E5765" i="2" s="1"/>
  <c r="E5769" i="2" a="1"/>
  <c r="E5769" i="2" s="1"/>
  <c r="D6465" i="2" a="1"/>
  <c r="D6465" i="2" s="1"/>
  <c r="D6443" i="2" a="1"/>
  <c r="D6443" i="2" s="1"/>
  <c r="D6449" i="2" a="1"/>
  <c r="D6449" i="2" s="1"/>
  <c r="D6445" i="2" a="1"/>
  <c r="D6445" i="2" s="1"/>
  <c r="D6452" i="2" a="1"/>
  <c r="D6452" i="2" s="1"/>
  <c r="G4910" i="2" a="1"/>
  <c r="G4910" i="2" s="1"/>
  <c r="G4907" i="2" a="1"/>
  <c r="G4907" i="2" s="1"/>
  <c r="G4916" i="2" a="1"/>
  <c r="G4916" i="2" s="1"/>
  <c r="G4913" i="2" a="1"/>
  <c r="G4913" i="2" s="1"/>
  <c r="G4927" i="2" a="1"/>
  <c r="G4927" i="2" s="1"/>
  <c r="G4929" i="2" a="1"/>
  <c r="G4929" i="2" s="1"/>
  <c r="G4906" i="2" a="1"/>
  <c r="G4906" i="2" s="1"/>
  <c r="D5236" i="2" a="1"/>
  <c r="D5236" i="2" s="1"/>
  <c r="D5227" i="2" a="1"/>
  <c r="D5227" i="2" s="1"/>
  <c r="D5230" i="2" a="1"/>
  <c r="D5230" i="2" s="1"/>
  <c r="D5221" i="2" a="1"/>
  <c r="D5221" i="2" s="1"/>
  <c r="D5228" i="2" a="1"/>
  <c r="D5228" i="2" s="1"/>
  <c r="H5489" i="2" a="1"/>
  <c r="H5489" i="2" s="1"/>
  <c r="H5488" i="2" a="1"/>
  <c r="H5488" i="2" s="1"/>
  <c r="E404" i="2" a="1"/>
  <c r="E404" i="2" s="1"/>
  <c r="G635" i="2" a="1"/>
  <c r="G635" i="2" s="1"/>
  <c r="F8090" i="2" a="1"/>
  <c r="F8090" i="2" s="1"/>
  <c r="F1261" i="2" a="1"/>
  <c r="F1261" i="2" s="1"/>
  <c r="F8672" i="2" a="1"/>
  <c r="F8672" i="2" s="1"/>
  <c r="E6459" i="2" a="1"/>
  <c r="E6459" i="2" s="1"/>
  <c r="D5467" i="2" a="1"/>
  <c r="D5467" i="2" s="1"/>
  <c r="H3095" i="2" a="1"/>
  <c r="H3095" i="2" s="1"/>
  <c r="G7712" i="2" a="1"/>
  <c r="G7712" i="2" s="1"/>
  <c r="E3620" i="2" a="1"/>
  <c r="E3620" i="2" s="1"/>
  <c r="F4448" i="2" a="1"/>
  <c r="F4448" i="2" s="1"/>
  <c r="AN53" i="1"/>
  <c r="D59" i="5" s="1"/>
  <c r="H1265" i="2" a="1"/>
  <c r="H1265" i="2" s="1"/>
  <c r="H4148" i="2" a="1"/>
  <c r="H4148" i="2" s="1"/>
  <c r="H4143" i="2" a="1"/>
  <c r="H4143" i="2" s="1"/>
  <c r="H4154" i="2" a="1"/>
  <c r="H4154" i="2" s="1"/>
  <c r="H4141" i="2" a="1"/>
  <c r="H4141" i="2" s="1"/>
  <c r="H4149" i="2" a="1"/>
  <c r="H4149" i="2" s="1"/>
  <c r="H4095" i="2" a="1"/>
  <c r="H4095" i="2" s="1"/>
  <c r="H4099" i="2" a="1"/>
  <c r="H4099" i="2" s="1"/>
  <c r="D6827" i="2" a="1"/>
  <c r="D6827" i="2" s="1"/>
  <c r="AM285" i="1"/>
  <c r="C291" i="5" s="1"/>
  <c r="D6849" i="2" a="1"/>
  <c r="D6849" i="2" s="1"/>
  <c r="D6848" i="2" a="1"/>
  <c r="D6848" i="2" s="1"/>
  <c r="H5500" i="2" a="1"/>
  <c r="H5500" i="2" s="1"/>
  <c r="H5492" i="2" a="1"/>
  <c r="H5492" i="2" s="1"/>
  <c r="D4961" i="2" a="1"/>
  <c r="D4961" i="2" s="1"/>
  <c r="E4722" i="2" a="1"/>
  <c r="E4722" i="2" s="1"/>
  <c r="G5835" i="2" a="1"/>
  <c r="G5835" i="2" s="1"/>
  <c r="G644" i="2" a="1"/>
  <c r="G644" i="2" s="1"/>
  <c r="H6428" i="2" a="1"/>
  <c r="H6428" i="2" s="1"/>
  <c r="G4120" i="2" a="1"/>
  <c r="G4120" i="2" s="1"/>
  <c r="E3390" i="2" a="1"/>
  <c r="E3390" i="2" s="1"/>
  <c r="F8075" i="2" a="1"/>
  <c r="F8075" i="2" s="1"/>
  <c r="H5894" i="2" a="1"/>
  <c r="H5894" i="2" s="1"/>
  <c r="H7178" i="2" a="1"/>
  <c r="H7178" i="2" s="1"/>
  <c r="F1264" i="2" a="1"/>
  <c r="F1264" i="2" s="1"/>
  <c r="D5469" i="2" a="1"/>
  <c r="D5469" i="2" s="1"/>
  <c r="F1803" i="2" a="1"/>
  <c r="F1803" i="2" s="1"/>
  <c r="H3082" i="2" a="1"/>
  <c r="H3082" i="2" s="1"/>
  <c r="G7699" i="2" a="1"/>
  <c r="G7699" i="2" s="1"/>
  <c r="E3625" i="2" a="1"/>
  <c r="E3625" i="2" s="1"/>
  <c r="F6712" i="2" a="1"/>
  <c r="F6712" i="2" s="1"/>
  <c r="F4428" i="2" a="1"/>
  <c r="F4428" i="2" s="1"/>
  <c r="H1278" i="2" a="1"/>
  <c r="H1278" i="2" s="1"/>
  <c r="D104" i="2" a="1"/>
  <c r="D104" i="2" s="1"/>
  <c r="G8547" i="2" a="1"/>
  <c r="G8547" i="2" s="1"/>
  <c r="G8550" i="2" a="1"/>
  <c r="G8550" i="2" s="1"/>
  <c r="H4830" i="2" a="1"/>
  <c r="H4830" i="2" s="1"/>
  <c r="H5495" i="2" a="1"/>
  <c r="H5495" i="2" s="1"/>
  <c r="H5505" i="2" a="1"/>
  <c r="H5505" i="2" s="1"/>
  <c r="D4966" i="2" a="1"/>
  <c r="D4966" i="2" s="1"/>
  <c r="E4725" i="2" a="1"/>
  <c r="E4725" i="2" s="1"/>
  <c r="G5829" i="2" a="1"/>
  <c r="G5829" i="2" s="1"/>
  <c r="E411" i="2" a="1"/>
  <c r="E411" i="2" s="1"/>
  <c r="G651" i="2" a="1"/>
  <c r="G651" i="2" s="1"/>
  <c r="H6420" i="2" a="1"/>
  <c r="H6420" i="2" s="1"/>
  <c r="E3372" i="2" a="1"/>
  <c r="E3372" i="2" s="1"/>
  <c r="F8083" i="2" a="1"/>
  <c r="F8083" i="2" s="1"/>
  <c r="H5911" i="2" a="1"/>
  <c r="H5911" i="2" s="1"/>
  <c r="D8464" i="2" a="1"/>
  <c r="D8464" i="2" s="1"/>
  <c r="H7164" i="2" a="1"/>
  <c r="H7164" i="2" s="1"/>
  <c r="F1278" i="2" a="1"/>
  <c r="F1278" i="2" s="1"/>
  <c r="D5461" i="2" a="1"/>
  <c r="D5461" i="2" s="1"/>
  <c r="F1789" i="2" a="1"/>
  <c r="F1789" i="2" s="1"/>
  <c r="H3089" i="2" a="1"/>
  <c r="H3089" i="2" s="1"/>
  <c r="E3616" i="2" a="1"/>
  <c r="E3616" i="2" s="1"/>
  <c r="F6722" i="2" a="1"/>
  <c r="F6722" i="2" s="1"/>
  <c r="F4438" i="2" a="1"/>
  <c r="F4438" i="2" s="1"/>
  <c r="F1608" i="2" a="1"/>
  <c r="F1608" i="2" s="1"/>
  <c r="F1604" i="2" a="1"/>
  <c r="F1604" i="2" s="1"/>
  <c r="F1611" i="2" a="1"/>
  <c r="F1611" i="2" s="1"/>
  <c r="F1612" i="2" a="1"/>
  <c r="F1612" i="2" s="1"/>
  <c r="F1596" i="2" a="1"/>
  <c r="F1596" i="2" s="1"/>
  <c r="E775" i="2" a="1"/>
  <c r="E775" i="2" s="1"/>
  <c r="E763" i="2" a="1"/>
  <c r="E763" i="2" s="1"/>
  <c r="E770" i="2" a="1"/>
  <c r="E770" i="2" s="1"/>
  <c r="E762" i="2" a="1"/>
  <c r="E762" i="2" s="1"/>
  <c r="E760" i="2" a="1"/>
  <c r="E760" i="2" s="1"/>
  <c r="F402" i="2" a="1"/>
  <c r="F402" i="2" s="1"/>
  <c r="F407" i="2" a="1"/>
  <c r="F407" i="2" s="1"/>
  <c r="F394" i="2" a="1"/>
  <c r="F394" i="2" s="1"/>
  <c r="F417" i="2" a="1"/>
  <c r="F417" i="2" s="1"/>
  <c r="F396" i="2" a="1"/>
  <c r="F396" i="2" s="1"/>
  <c r="H7011" i="2" a="1"/>
  <c r="H7011" i="2" s="1"/>
  <c r="H1118" i="2" a="1"/>
  <c r="H1118" i="2" s="1"/>
  <c r="D959" i="2" a="1"/>
  <c r="D959" i="2" s="1"/>
  <c r="AM40" i="1"/>
  <c r="C46" i="5" s="1"/>
  <c r="D84" i="2" a="1"/>
  <c r="D84" i="2" s="1"/>
  <c r="G8543" i="2" a="1"/>
  <c r="G8543" i="2" s="1"/>
  <c r="H4816" i="2" a="1"/>
  <c r="H4816" i="2" s="1"/>
  <c r="F4663" i="2" a="1"/>
  <c r="F4663" i="2" s="1"/>
  <c r="F4648" i="2" a="1"/>
  <c r="F4648" i="2" s="1"/>
  <c r="H5497" i="2" a="1"/>
  <c r="H5497" i="2" s="1"/>
  <c r="H5483" i="2" a="1"/>
  <c r="H5483" i="2" s="1"/>
  <c r="D2837" i="2" a="1"/>
  <c r="D2837" i="2" s="1"/>
  <c r="D4974" i="2" a="1"/>
  <c r="D4974" i="2" s="1"/>
  <c r="H8276" i="2" a="1"/>
  <c r="H8276" i="2" s="1"/>
  <c r="E4731" i="2" a="1"/>
  <c r="E4731" i="2" s="1"/>
  <c r="E4206" i="2" a="1"/>
  <c r="E4206" i="2" s="1"/>
  <c r="H5031" i="2" a="1"/>
  <c r="H5031" i="2" s="1"/>
  <c r="E7692" i="2" a="1"/>
  <c r="E7692" i="2" s="1"/>
  <c r="G5819" i="2" a="1"/>
  <c r="G5819" i="2" s="1"/>
  <c r="E408" i="2" a="1"/>
  <c r="E408" i="2" s="1"/>
  <c r="G643" i="2" a="1"/>
  <c r="G643" i="2" s="1"/>
  <c r="F2269" i="2" a="1"/>
  <c r="F2269" i="2" s="1"/>
  <c r="AQ247" i="1"/>
  <c r="G253" i="5" s="1"/>
  <c r="G4127" i="2" a="1"/>
  <c r="G4127" i="2" s="1"/>
  <c r="H5749" i="2" a="1"/>
  <c r="H5749" i="2" s="1"/>
  <c r="E3373" i="2" a="1"/>
  <c r="E3373" i="2" s="1"/>
  <c r="F8079" i="2" a="1"/>
  <c r="F8079" i="2" s="1"/>
  <c r="H5893" i="2" a="1"/>
  <c r="H5893" i="2" s="1"/>
  <c r="D8460" i="2" a="1"/>
  <c r="D8460" i="2" s="1"/>
  <c r="H7165" i="2" a="1"/>
  <c r="H7165" i="2" s="1"/>
  <c r="F1276" i="2" a="1"/>
  <c r="F1276" i="2" s="1"/>
  <c r="D5472" i="2" a="1"/>
  <c r="D5472" i="2" s="1"/>
  <c r="F1807" i="2" a="1"/>
  <c r="F1807" i="2" s="1"/>
  <c r="H3096" i="2" a="1"/>
  <c r="H3096" i="2" s="1"/>
  <c r="E3614" i="2" a="1"/>
  <c r="E3614" i="2" s="1"/>
  <c r="F6723" i="2" a="1"/>
  <c r="F6723" i="2" s="1"/>
  <c r="F4426" i="2" a="1"/>
  <c r="F4426" i="2" s="1"/>
  <c r="G1724" i="2" a="1"/>
  <c r="G1724" i="2" s="1"/>
  <c r="H7012" i="2" a="1"/>
  <c r="H7012" i="2" s="1"/>
  <c r="H1119" i="2" a="1"/>
  <c r="H1119" i="2" s="1"/>
  <c r="D962" i="2" a="1"/>
  <c r="D962" i="2" s="1"/>
  <c r="AN40" i="1"/>
  <c r="D46" i="5" s="1"/>
  <c r="D101" i="2" a="1"/>
  <c r="D101" i="2" s="1"/>
  <c r="G8542" i="2" a="1"/>
  <c r="G8542" i="2" s="1"/>
  <c r="H4829" i="2" a="1"/>
  <c r="H4829" i="2" s="1"/>
  <c r="F4662" i="2" a="1"/>
  <c r="F4662" i="2" s="1"/>
  <c r="F4644" i="2" a="1"/>
  <c r="F4644" i="2" s="1"/>
  <c r="H5485" i="2" a="1"/>
  <c r="H5485" i="2" s="1"/>
  <c r="D2833" i="2" a="1"/>
  <c r="D2833" i="2" s="1"/>
  <c r="D4970" i="2" a="1"/>
  <c r="D4970" i="2" s="1"/>
  <c r="H8274" i="2" a="1"/>
  <c r="H8274" i="2" s="1"/>
  <c r="E5050" i="2" a="1"/>
  <c r="E5050" i="2" s="1"/>
  <c r="E4736" i="2" a="1"/>
  <c r="E4736" i="2" s="1"/>
  <c r="E4198" i="2" a="1"/>
  <c r="E4198" i="2" s="1"/>
  <c r="H5028" i="2" a="1"/>
  <c r="H5028" i="2" s="1"/>
  <c r="E7701" i="2" a="1"/>
  <c r="E7701" i="2" s="1"/>
  <c r="G5831" i="2" a="1"/>
  <c r="G5831" i="2" s="1"/>
  <c r="E410" i="2" a="1"/>
  <c r="E410" i="2" s="1"/>
  <c r="G646" i="2" a="1"/>
  <c r="G646" i="2" s="1"/>
  <c r="F2284" i="2" a="1"/>
  <c r="F2284" i="2" s="1"/>
  <c r="AP247" i="1"/>
  <c r="F253" i="5" s="1"/>
  <c r="G4121" i="2" a="1"/>
  <c r="G4121" i="2" s="1"/>
  <c r="H5750" i="2" a="1"/>
  <c r="H5750" i="2" s="1"/>
  <c r="E3393" i="2" a="1"/>
  <c r="E3393" i="2" s="1"/>
  <c r="H7715" i="2" a="1"/>
  <c r="H7715" i="2" s="1"/>
  <c r="F8093" i="2" a="1"/>
  <c r="F8093" i="2" s="1"/>
  <c r="H5910" i="2" a="1"/>
  <c r="H5910" i="2" s="1"/>
  <c r="D8469" i="2" a="1"/>
  <c r="D8469" i="2" s="1"/>
  <c r="H7185" i="2" a="1"/>
  <c r="H7185" i="2" s="1"/>
  <c r="F1259" i="2" a="1"/>
  <c r="F1259" i="2" s="1"/>
  <c r="D5474" i="2" a="1"/>
  <c r="D5474" i="2" s="1"/>
  <c r="F1799" i="2" a="1"/>
  <c r="F1799" i="2" s="1"/>
  <c r="H3083" i="2" a="1"/>
  <c r="H3083" i="2" s="1"/>
  <c r="F6707" i="2" a="1"/>
  <c r="F6707" i="2" s="1"/>
  <c r="F4432" i="2" a="1"/>
  <c r="F4432" i="2" s="1"/>
  <c r="G1728" i="2" a="1"/>
  <c r="G1728" i="2" s="1"/>
  <c r="H6999" i="2" a="1"/>
  <c r="H6999" i="2" s="1"/>
  <c r="H1123" i="2" a="1"/>
  <c r="H1123" i="2" s="1"/>
  <c r="D964" i="2" a="1"/>
  <c r="D964" i="2" s="1"/>
  <c r="AP40" i="1"/>
  <c r="F46" i="5" s="1"/>
  <c r="D92" i="2" a="1"/>
  <c r="D92" i="2" s="1"/>
  <c r="D85" i="2" a="1"/>
  <c r="D85" i="2" s="1"/>
  <c r="G8534" i="2" a="1"/>
  <c r="G8534" i="2" s="1"/>
  <c r="H4822" i="2" a="1"/>
  <c r="H4822" i="2" s="1"/>
  <c r="F4665" i="2" a="1"/>
  <c r="F4665" i="2" s="1"/>
  <c r="F4646" i="2" a="1"/>
  <c r="F4646" i="2" s="1"/>
  <c r="H5491" i="2" a="1"/>
  <c r="H5491" i="2" s="1"/>
  <c r="D2821" i="2" a="1"/>
  <c r="D2821" i="2" s="1"/>
  <c r="D4962" i="2" a="1"/>
  <c r="D4962" i="2" s="1"/>
  <c r="H8284" i="2" a="1"/>
  <c r="H8284" i="2" s="1"/>
  <c r="E4719" i="2" a="1"/>
  <c r="E4719" i="2" s="1"/>
  <c r="E4193" i="2" a="1"/>
  <c r="E4193" i="2" s="1"/>
  <c r="H5044" i="2" a="1"/>
  <c r="H5044" i="2" s="1"/>
  <c r="E5750" i="2" a="1"/>
  <c r="E5750" i="2" s="1"/>
  <c r="E7698" i="2" a="1"/>
  <c r="E7698" i="2" s="1"/>
  <c r="G5840" i="2" a="1"/>
  <c r="G5840" i="2" s="1"/>
  <c r="E409" i="2" a="1"/>
  <c r="E409" i="2" s="1"/>
  <c r="G634" i="2" a="1"/>
  <c r="G634" i="2" s="1"/>
  <c r="E8532" i="2" a="1"/>
  <c r="E8532" i="2" s="1"/>
  <c r="AO247" i="1"/>
  <c r="E253" i="5" s="1"/>
  <c r="G4114" i="2" a="1"/>
  <c r="G4114" i="2" s="1"/>
  <c r="H5769" i="2" a="1"/>
  <c r="H5769" i="2" s="1"/>
  <c r="E3387" i="2" a="1"/>
  <c r="E3387" i="2" s="1"/>
  <c r="H7734" i="2" a="1"/>
  <c r="H7734" i="2" s="1"/>
  <c r="F8080" i="2" a="1"/>
  <c r="F8080" i="2" s="1"/>
  <c r="H5897" i="2" a="1"/>
  <c r="H5897" i="2" s="1"/>
  <c r="D8461" i="2" a="1"/>
  <c r="D8461" i="2" s="1"/>
  <c r="H7175" i="2" a="1"/>
  <c r="H7175" i="2" s="1"/>
  <c r="F1268" i="2" a="1"/>
  <c r="F1268" i="2" s="1"/>
  <c r="D5477" i="2" a="1"/>
  <c r="D5477" i="2" s="1"/>
  <c r="F1806" i="2" a="1"/>
  <c r="F1806" i="2" s="1"/>
  <c r="E6204" i="2" a="1"/>
  <c r="E6204" i="2" s="1"/>
  <c r="F6706" i="2" a="1"/>
  <c r="F6706" i="2" s="1"/>
  <c r="F4439" i="2" a="1"/>
  <c r="F4439" i="2" s="1"/>
  <c r="G1723" i="2" a="1"/>
  <c r="G1723" i="2" s="1"/>
  <c r="H7005" i="2" a="1"/>
  <c r="H7005" i="2" s="1"/>
  <c r="H1122" i="2" a="1"/>
  <c r="H1122" i="2" s="1"/>
  <c r="D967" i="2" a="1"/>
  <c r="D967" i="2" s="1"/>
  <c r="AO40" i="1"/>
  <c r="E46" i="5" s="1"/>
  <c r="D86" i="2" a="1"/>
  <c r="D86" i="2" s="1"/>
  <c r="D105" i="2" a="1"/>
  <c r="D105" i="2" s="1"/>
  <c r="G8549" i="2" a="1"/>
  <c r="G8549" i="2" s="1"/>
  <c r="H4820" i="2" a="1"/>
  <c r="H4820" i="2" s="1"/>
  <c r="F4647" i="2" a="1"/>
  <c r="F4647" i="2" s="1"/>
  <c r="AQ317" i="1"/>
  <c r="G323" i="5" s="1"/>
  <c r="H5498" i="2" a="1"/>
  <c r="H5498" i="2" s="1"/>
  <c r="D2825" i="2" a="1"/>
  <c r="D2825" i="2" s="1"/>
  <c r="D2838" i="2" a="1"/>
  <c r="D2838" i="2" s="1"/>
  <c r="D4958" i="2" a="1"/>
  <c r="D4958" i="2" s="1"/>
  <c r="H8283" i="2" a="1"/>
  <c r="H8283" i="2" s="1"/>
  <c r="E4723" i="2" a="1"/>
  <c r="E4723" i="2" s="1"/>
  <c r="E4187" i="2" a="1"/>
  <c r="E4187" i="2" s="1"/>
  <c r="H5034" i="2" a="1"/>
  <c r="H5034" i="2" s="1"/>
  <c r="E5748" i="2" a="1"/>
  <c r="E5748" i="2" s="1"/>
  <c r="G5823" i="2" a="1"/>
  <c r="G5823" i="2" s="1"/>
  <c r="E413" i="2" a="1"/>
  <c r="E413" i="2" s="1"/>
  <c r="G638" i="2" a="1"/>
  <c r="G638" i="2" s="1"/>
  <c r="E8531" i="2" a="1"/>
  <c r="E8531" i="2" s="1"/>
  <c r="AN247" i="1"/>
  <c r="D253" i="5" s="1"/>
  <c r="H6426" i="2" a="1"/>
  <c r="H6426" i="2" s="1"/>
  <c r="G4133" i="2" a="1"/>
  <c r="G4133" i="2" s="1"/>
  <c r="H5767" i="2" a="1"/>
  <c r="H5767" i="2" s="1"/>
  <c r="E3385" i="2" a="1"/>
  <c r="E3385" i="2" s="1"/>
  <c r="F8082" i="2" a="1"/>
  <c r="F8082" i="2" s="1"/>
  <c r="H5904" i="2" a="1"/>
  <c r="H5904" i="2" s="1"/>
  <c r="H7177" i="2" a="1"/>
  <c r="H7177" i="2" s="1"/>
  <c r="F1273" i="2" a="1"/>
  <c r="F1273" i="2" s="1"/>
  <c r="H4155" i="2" a="1"/>
  <c r="H4155" i="2" s="1"/>
  <c r="D5468" i="2" a="1"/>
  <c r="D5468" i="2" s="1"/>
  <c r="F1808" i="2" a="1"/>
  <c r="F1808" i="2" s="1"/>
  <c r="E6218" i="2" a="1"/>
  <c r="E6218" i="2" s="1"/>
  <c r="F6718" i="2" a="1"/>
  <c r="F6718" i="2" s="1"/>
  <c r="G1718" i="2" a="1"/>
  <c r="G1718" i="2" s="1"/>
  <c r="D956" i="2" a="1"/>
  <c r="D956" i="2" s="1"/>
  <c r="D90" i="2" a="1"/>
  <c r="D90" i="2" s="1"/>
  <c r="F4659" i="2" a="1"/>
  <c r="F4659" i="2" s="1"/>
  <c r="AP317" i="1"/>
  <c r="F323" i="5" s="1"/>
  <c r="AN234" i="1"/>
  <c r="D240" i="5" s="1"/>
  <c r="D2840" i="2" a="1"/>
  <c r="D2840" i="2" s="1"/>
  <c r="E4717" i="2" a="1"/>
  <c r="E4717" i="2" s="1"/>
  <c r="E4199" i="2" a="1"/>
  <c r="E4199" i="2" s="1"/>
  <c r="H5027" i="2" a="1"/>
  <c r="H5027" i="2" s="1"/>
  <c r="E5766" i="2" a="1"/>
  <c r="E5766" i="2" s="1"/>
  <c r="G5828" i="2" a="1"/>
  <c r="G5828" i="2" s="1"/>
  <c r="E399" i="2" a="1"/>
  <c r="E399" i="2" s="1"/>
  <c r="G640" i="2" a="1"/>
  <c r="G640" i="2" s="1"/>
  <c r="E8534" i="2" a="1"/>
  <c r="E8534" i="2" s="1"/>
  <c r="H6424" i="2" a="1"/>
  <c r="H6424" i="2" s="1"/>
  <c r="G4118" i="2" a="1"/>
  <c r="G4118" i="2" s="1"/>
  <c r="H5751" i="2" a="1"/>
  <c r="H5751" i="2" s="1"/>
  <c r="E3370" i="2" a="1"/>
  <c r="E3370" i="2" s="1"/>
  <c r="F8078" i="2" a="1"/>
  <c r="F8078" i="2" s="1"/>
  <c r="H5913" i="2" a="1"/>
  <c r="H5913" i="2" s="1"/>
  <c r="H7180" i="2" a="1"/>
  <c r="H7180" i="2" s="1"/>
  <c r="H4153" i="2" a="1"/>
  <c r="H4153" i="2" s="1"/>
  <c r="F1790" i="2" a="1"/>
  <c r="F1790" i="2" s="1"/>
  <c r="E6221" i="2" a="1"/>
  <c r="E6221" i="2" s="1"/>
  <c r="F6714" i="2" a="1"/>
  <c r="F6714" i="2" s="1"/>
  <c r="G1717" i="2" a="1"/>
  <c r="G1717" i="2" s="1"/>
  <c r="G5916" i="2" a="1"/>
  <c r="G5916" i="2" s="1"/>
  <c r="F2180" i="2" a="1"/>
  <c r="F2180" i="2" s="1"/>
  <c r="F2183" i="2" a="1"/>
  <c r="F2183" i="2" s="1"/>
  <c r="F2174" i="2" a="1"/>
  <c r="F2174" i="2" s="1"/>
  <c r="F2179" i="2" a="1"/>
  <c r="F2179" i="2" s="1"/>
  <c r="D982" i="2" a="1"/>
  <c r="D982" i="2" s="1"/>
  <c r="D978" i="2" a="1"/>
  <c r="D978" i="2" s="1"/>
  <c r="D981" i="2" a="1"/>
  <c r="D981" i="2" s="1"/>
  <c r="D984" i="2" a="1"/>
  <c r="D984" i="2" s="1"/>
  <c r="D987" i="2" a="1"/>
  <c r="D987" i="2" s="1"/>
  <c r="D988" i="2" a="1"/>
  <c r="D988" i="2" s="1"/>
  <c r="D975" i="2" a="1"/>
  <c r="D975" i="2" s="1"/>
  <c r="D992" i="2" a="1"/>
  <c r="D992" i="2" s="1"/>
  <c r="D974" i="2" a="1"/>
  <c r="D974" i="2" s="1"/>
  <c r="D4477" i="2" a="1"/>
  <c r="D4477" i="2" s="1"/>
  <c r="D4474" i="2" a="1"/>
  <c r="D4474" i="2" s="1"/>
  <c r="D4478" i="2" a="1"/>
  <c r="D4478" i="2" s="1"/>
  <c r="D4482" i="2" a="1"/>
  <c r="D4482" i="2" s="1"/>
  <c r="D4486" i="2" a="1"/>
  <c r="D4486" i="2" s="1"/>
  <c r="D4481" i="2" a="1"/>
  <c r="D4481" i="2" s="1"/>
  <c r="D4480" i="2" a="1"/>
  <c r="D4480" i="2" s="1"/>
  <c r="D3396" i="2" a="1"/>
  <c r="D3396" i="2" s="1"/>
  <c r="D3400" i="2" a="1"/>
  <c r="D3400" i="2" s="1"/>
  <c r="D3408" i="2" a="1"/>
  <c r="D3408" i="2" s="1"/>
  <c r="D3416" i="2" a="1"/>
  <c r="D3416" i="2" s="1"/>
  <c r="D3401" i="2" a="1"/>
  <c r="D3401" i="2" s="1"/>
  <c r="D3405" i="2" a="1"/>
  <c r="D3405" i="2" s="1"/>
  <c r="D3409" i="2" a="1"/>
  <c r="D3409" i="2" s="1"/>
  <c r="D8203" i="2" a="1"/>
  <c r="D8203" i="2" s="1"/>
  <c r="D8200" i="2" a="1"/>
  <c r="D8200" i="2" s="1"/>
  <c r="D8194" i="2" a="1"/>
  <c r="D8194" i="2" s="1"/>
  <c r="D8198" i="2" a="1"/>
  <c r="D8198" i="2" s="1"/>
  <c r="D8206" i="2" a="1"/>
  <c r="D8206" i="2" s="1"/>
  <c r="D8214" i="2" a="1"/>
  <c r="D8214" i="2" s="1"/>
  <c r="D8217" i="2" a="1"/>
  <c r="D8217" i="2" s="1"/>
  <c r="E1588" i="2" a="1"/>
  <c r="E1588" i="2" s="1"/>
  <c r="E1572" i="2" a="1"/>
  <c r="E1572" i="2" s="1"/>
  <c r="E1587" i="2" a="1"/>
  <c r="E1587" i="2" s="1"/>
  <c r="E1583" i="2" a="1"/>
  <c r="E1583" i="2" s="1"/>
  <c r="E1584" i="2" a="1"/>
  <c r="E1584" i="2" s="1"/>
  <c r="E1590" i="2" a="1"/>
  <c r="E1590" i="2" s="1"/>
  <c r="D223" i="2" a="1"/>
  <c r="D223" i="2" s="1"/>
  <c r="D202" i="2" a="1"/>
  <c r="D202" i="2" s="1"/>
  <c r="D215" i="2" a="1"/>
  <c r="D215" i="2" s="1"/>
  <c r="D221" i="2" a="1"/>
  <c r="D221" i="2" s="1"/>
  <c r="D211" i="2" a="1"/>
  <c r="D211" i="2" s="1"/>
  <c r="AQ9" i="1"/>
  <c r="D207" i="2" a="1"/>
  <c r="D207" i="2" s="1"/>
  <c r="H2453" i="2" a="1"/>
  <c r="H2453" i="2" s="1"/>
  <c r="H2457" i="2" a="1"/>
  <c r="H2457" i="2" s="1"/>
  <c r="H2454" i="2" a="1"/>
  <c r="H2454" i="2" s="1"/>
  <c r="H2434" i="2" a="1"/>
  <c r="H2434" i="2" s="1"/>
  <c r="H2451" i="2" a="1"/>
  <c r="H2451" i="2" s="1"/>
  <c r="H2455" i="2" a="1"/>
  <c r="H2455" i="2" s="1"/>
  <c r="H2442" i="2" a="1"/>
  <c r="H2442" i="2" s="1"/>
  <c r="H2441" i="2" a="1"/>
  <c r="H2441" i="2" s="1"/>
  <c r="E1067" i="2" a="1"/>
  <c r="E1067" i="2" s="1"/>
  <c r="E1081" i="2" a="1"/>
  <c r="E1081" i="2" s="1"/>
  <c r="E1088" i="2" a="1"/>
  <c r="E1088" i="2" s="1"/>
  <c r="E1074" i="2" a="1"/>
  <c r="E1074" i="2" s="1"/>
  <c r="E1086" i="2" a="1"/>
  <c r="E1086" i="2" s="1"/>
  <c r="E1079" i="2" a="1"/>
  <c r="E1079" i="2" s="1"/>
  <c r="E1075" i="2" a="1"/>
  <c r="E1075" i="2" s="1"/>
  <c r="E1069" i="2" a="1"/>
  <c r="E1069" i="2" s="1"/>
  <c r="E7460" i="2" a="1"/>
  <c r="E7460" i="2" s="1"/>
  <c r="F2184" i="2" a="1"/>
  <c r="F2184" i="2" s="1"/>
  <c r="G276" i="2" a="1"/>
  <c r="G276" i="2" s="1"/>
  <c r="G295" i="2" a="1"/>
  <c r="G295" i="2" s="1"/>
  <c r="G288" i="2" a="1"/>
  <c r="G288" i="2" s="1"/>
  <c r="G282" i="2" a="1"/>
  <c r="G282" i="2" s="1"/>
  <c r="G283" i="2" a="1"/>
  <c r="G283" i="2" s="1"/>
  <c r="G274" i="2" a="1"/>
  <c r="G274" i="2" s="1"/>
  <c r="G278" i="2" a="1"/>
  <c r="G278" i="2" s="1"/>
  <c r="G293" i="2" a="1"/>
  <c r="G293" i="2" s="1"/>
  <c r="G291" i="2" a="1"/>
  <c r="G291" i="2" s="1"/>
  <c r="G281" i="2" a="1"/>
  <c r="G281" i="2" s="1"/>
  <c r="F2110" i="2" a="1"/>
  <c r="F2110" i="2" s="1"/>
  <c r="F2103" i="2" a="1"/>
  <c r="F2103" i="2" s="1"/>
  <c r="F2115" i="2" a="1"/>
  <c r="F2115" i="2" s="1"/>
  <c r="F2106" i="2" a="1"/>
  <c r="F2106" i="2" s="1"/>
  <c r="F2108" i="2" a="1"/>
  <c r="F2108" i="2" s="1"/>
  <c r="F2111" i="2" a="1"/>
  <c r="F2111" i="2" s="1"/>
  <c r="F5600" i="2" a="1"/>
  <c r="F5600" i="2" s="1"/>
  <c r="F5585" i="2" a="1"/>
  <c r="F5585" i="2" s="1"/>
  <c r="F5589" i="2" a="1"/>
  <c r="F5589" i="2" s="1"/>
  <c r="F5579" i="2" a="1"/>
  <c r="F5579" i="2" s="1"/>
  <c r="F5596" i="2" a="1"/>
  <c r="F5596" i="2" s="1"/>
  <c r="F5591" i="2" a="1"/>
  <c r="F5591" i="2" s="1"/>
  <c r="D6519" i="2" a="1"/>
  <c r="D6519" i="2" s="1"/>
  <c r="D6535" i="2" a="1"/>
  <c r="D6535" i="2" s="1"/>
  <c r="D6515" i="2" a="1"/>
  <c r="D6515" i="2" s="1"/>
  <c r="D6517" i="2" a="1"/>
  <c r="D6517" i="2" s="1"/>
  <c r="D6521" i="2" a="1"/>
  <c r="D6521" i="2" s="1"/>
  <c r="D6520" i="2" a="1"/>
  <c r="D6520" i="2" s="1"/>
  <c r="G7852" i="2" a="1"/>
  <c r="G7852" i="2" s="1"/>
  <c r="G7840" i="2" a="1"/>
  <c r="G7840" i="2" s="1"/>
  <c r="G7837" i="2" a="1"/>
  <c r="G7837" i="2" s="1"/>
  <c r="G7847" i="2" a="1"/>
  <c r="G7847" i="2" s="1"/>
  <c r="G7841" i="2" a="1"/>
  <c r="G7841" i="2" s="1"/>
  <c r="G7857" i="2" a="1"/>
  <c r="G7857" i="2" s="1"/>
  <c r="D980" i="2" a="1"/>
  <c r="D980" i="2" s="1"/>
  <c r="D4495" i="2" a="1"/>
  <c r="D4495" i="2" s="1"/>
  <c r="D3395" i="2" a="1"/>
  <c r="D3395" i="2" s="1"/>
  <c r="E1571" i="2" a="1"/>
  <c r="E1571" i="2" s="1"/>
  <c r="G287" i="2" a="1"/>
  <c r="G287" i="2" s="1"/>
  <c r="E7450" i="2" a="1"/>
  <c r="E7450" i="2" s="1"/>
  <c r="F2173" i="2" a="1"/>
  <c r="F2173" i="2" s="1"/>
  <c r="G296" i="2" a="1"/>
  <c r="G296" i="2" s="1"/>
  <c r="F2192" i="2" a="1"/>
  <c r="F2192" i="2" s="1"/>
  <c r="H3372" i="2" a="1"/>
  <c r="H3372" i="2" s="1"/>
  <c r="H3388" i="2" a="1"/>
  <c r="H3388" i="2" s="1"/>
  <c r="F2959" i="2" a="1"/>
  <c r="F2959" i="2" s="1"/>
  <c r="F2953" i="2" a="1"/>
  <c r="F2953" i="2" s="1"/>
  <c r="G552" i="2" a="1"/>
  <c r="G552" i="2" s="1"/>
  <c r="G547" i="2" a="1"/>
  <c r="G547" i="2" s="1"/>
  <c r="G542" i="2" a="1"/>
  <c r="G542" i="2" s="1"/>
  <c r="G559" i="2" a="1"/>
  <c r="G559" i="2" s="1"/>
  <c r="G555" i="2" a="1"/>
  <c r="G555" i="2" s="1"/>
  <c r="E6944" i="2" a="1"/>
  <c r="E6944" i="2" s="1"/>
  <c r="E6929" i="2" a="1"/>
  <c r="E6929" i="2" s="1"/>
  <c r="H645" i="2" a="1"/>
  <c r="H645" i="2" s="1"/>
  <c r="H637" i="2" a="1"/>
  <c r="H637" i="2" s="1"/>
  <c r="H646" i="2" a="1"/>
  <c r="H646" i="2" s="1"/>
  <c r="E5451" i="2" a="1"/>
  <c r="E5451" i="2" s="1"/>
  <c r="E5455" i="2" a="1"/>
  <c r="E5455" i="2" s="1"/>
  <c r="AO111" i="1"/>
  <c r="E117" i="5" s="1"/>
  <c r="F2672" i="2" a="1"/>
  <c r="F2672" i="2" s="1"/>
  <c r="F2664" i="2" a="1"/>
  <c r="F2664" i="2" s="1"/>
  <c r="F2651" i="2" a="1"/>
  <c r="F2651" i="2" s="1"/>
  <c r="F2650" i="2" a="1"/>
  <c r="F2650" i="2" s="1"/>
  <c r="F2655" i="2" a="1"/>
  <c r="F2655" i="2" s="1"/>
  <c r="F2666" i="2" a="1"/>
  <c r="F2666" i="2" s="1"/>
  <c r="F2668" i="2" a="1"/>
  <c r="F2668" i="2" s="1"/>
  <c r="F2652" i="2" a="1"/>
  <c r="F2652" i="2" s="1"/>
  <c r="F2673" i="2" a="1"/>
  <c r="F2673" i="2" s="1"/>
  <c r="E7451" i="2" a="1"/>
  <c r="E7451" i="2" s="1"/>
  <c r="E7458" i="2" a="1"/>
  <c r="E7458" i="2" s="1"/>
  <c r="E7473" i="2" a="1"/>
  <c r="E7473" i="2" s="1"/>
  <c r="E7472" i="2" a="1"/>
  <c r="E7472" i="2" s="1"/>
  <c r="E7459" i="2" a="1"/>
  <c r="E7459" i="2" s="1"/>
  <c r="E7465" i="2" a="1"/>
  <c r="E7465" i="2" s="1"/>
  <c r="H8015" i="2" a="1"/>
  <c r="H8015" i="2" s="1"/>
  <c r="H8023" i="2" a="1"/>
  <c r="H8023" i="2" s="1"/>
  <c r="H8007" i="2" a="1"/>
  <c r="H8007" i="2" s="1"/>
  <c r="H8016" i="2" a="1"/>
  <c r="H8016" i="2" s="1"/>
  <c r="H8024" i="2" a="1"/>
  <c r="H8024" i="2" s="1"/>
  <c r="H8006" i="2" a="1"/>
  <c r="H8006" i="2" s="1"/>
  <c r="H8014" i="2" a="1"/>
  <c r="H8014" i="2" s="1"/>
  <c r="E7212" i="2" a="1"/>
  <c r="E7212" i="2" s="1"/>
  <c r="E7219" i="2" a="1"/>
  <c r="E7219" i="2" s="1"/>
  <c r="E7211" i="2" a="1"/>
  <c r="E7211" i="2" s="1"/>
  <c r="E7213" i="2" a="1"/>
  <c r="E7213" i="2" s="1"/>
  <c r="E7220" i="2" a="1"/>
  <c r="E7220" i="2" s="1"/>
  <c r="E7222" i="2" a="1"/>
  <c r="E7222" i="2" s="1"/>
  <c r="H539" i="2" a="1"/>
  <c r="H539" i="2" s="1"/>
  <c r="H547" i="2" a="1"/>
  <c r="H547" i="2" s="1"/>
  <c r="H538" i="2" a="1"/>
  <c r="H538" i="2" s="1"/>
  <c r="H541" i="2" a="1"/>
  <c r="H541" i="2" s="1"/>
  <c r="H543" i="2" a="1"/>
  <c r="H543" i="2" s="1"/>
  <c r="H544" i="2" a="1"/>
  <c r="H544" i="2" s="1"/>
  <c r="H559" i="2" a="1"/>
  <c r="H559" i="2" s="1"/>
  <c r="H5381" i="2" a="1"/>
  <c r="H5381" i="2" s="1"/>
  <c r="H5384" i="2" a="1"/>
  <c r="H5384" i="2" s="1"/>
  <c r="H5380" i="2" a="1"/>
  <c r="H5380" i="2" s="1"/>
  <c r="H5382" i="2" a="1"/>
  <c r="H5382" i="2" s="1"/>
  <c r="H5371" i="2" a="1"/>
  <c r="H5371" i="2" s="1"/>
  <c r="H5374" i="2" a="1"/>
  <c r="H5374" i="2" s="1"/>
  <c r="G2850" i="2" a="1"/>
  <c r="G2850" i="2" s="1"/>
  <c r="G2847" i="2" a="1"/>
  <c r="G2847" i="2" s="1"/>
  <c r="G2849" i="2" a="1"/>
  <c r="G2849" i="2" s="1"/>
  <c r="G2845" i="2" a="1"/>
  <c r="G2845" i="2" s="1"/>
  <c r="G2853" i="2" a="1"/>
  <c r="G2853" i="2" s="1"/>
  <c r="G2863" i="2" a="1"/>
  <c r="G2863" i="2" s="1"/>
  <c r="D5865" i="2" a="1"/>
  <c r="D5865" i="2" s="1"/>
  <c r="D5858" i="2" a="1"/>
  <c r="D5858" i="2" s="1"/>
  <c r="D5857" i="2" a="1"/>
  <c r="D5857" i="2" s="1"/>
  <c r="D5844" i="2" a="1"/>
  <c r="D5844" i="2" s="1"/>
  <c r="D5848" i="2" a="1"/>
  <c r="D5848" i="2" s="1"/>
  <c r="D5863" i="2" a="1"/>
  <c r="D5863" i="2" s="1"/>
  <c r="D3410" i="2" a="1"/>
  <c r="D3410" i="2" s="1"/>
  <c r="E1582" i="2" a="1"/>
  <c r="E1582" i="2" s="1"/>
  <c r="G275" i="2" a="1"/>
  <c r="G275" i="2" s="1"/>
  <c r="H6322" i="2" a="1"/>
  <c r="H6322" i="2" s="1"/>
  <c r="H6325" i="2" a="1"/>
  <c r="H6325" i="2" s="1"/>
  <c r="E7493" i="2" a="1"/>
  <c r="E7493" i="2" s="1"/>
  <c r="E7478" i="2" a="1"/>
  <c r="E7478" i="2" s="1"/>
  <c r="E7482" i="2" a="1"/>
  <c r="E7482" i="2" s="1"/>
  <c r="E7497" i="2" a="1"/>
  <c r="E7497" i="2" s="1"/>
  <c r="E7488" i="2" a="1"/>
  <c r="E7488" i="2" s="1"/>
  <c r="E7491" i="2" a="1"/>
  <c r="E7491" i="2" s="1"/>
  <c r="E7486" i="2" a="1"/>
  <c r="E7486" i="2" s="1"/>
  <c r="F899" i="2" a="1"/>
  <c r="F899" i="2" s="1"/>
  <c r="F915" i="2" a="1"/>
  <c r="F915" i="2" s="1"/>
  <c r="F909" i="2" a="1"/>
  <c r="F909" i="2" s="1"/>
  <c r="F917" i="2" a="1"/>
  <c r="F917" i="2" s="1"/>
  <c r="F914" i="2" a="1"/>
  <c r="F914" i="2" s="1"/>
  <c r="F919" i="2" a="1"/>
  <c r="F919" i="2" s="1"/>
  <c r="F906" i="2" a="1"/>
  <c r="F906" i="2" s="1"/>
  <c r="F1621" i="2" a="1"/>
  <c r="F1621" i="2" s="1"/>
  <c r="F1635" i="2" a="1"/>
  <c r="F1635" i="2" s="1"/>
  <c r="F1627" i="2" a="1"/>
  <c r="F1627" i="2" s="1"/>
  <c r="F1636" i="2" a="1"/>
  <c r="F1636" i="2" s="1"/>
  <c r="F1623" i="2" a="1"/>
  <c r="F1623" i="2" s="1"/>
  <c r="F1630" i="2" a="1"/>
  <c r="F1630" i="2" s="1"/>
  <c r="F192" i="2" a="1"/>
  <c r="F192" i="2" s="1"/>
  <c r="F179" i="2" a="1"/>
  <c r="F179" i="2" s="1"/>
  <c r="G8129" i="2" a="1"/>
  <c r="G8129" i="2" s="1"/>
  <c r="G8126" i="2" a="1"/>
  <c r="G8126" i="2" s="1"/>
  <c r="G8124" i="2" a="1"/>
  <c r="G8124" i="2" s="1"/>
  <c r="G8137" i="2" a="1"/>
  <c r="G8137" i="2" s="1"/>
  <c r="G8132" i="2" a="1"/>
  <c r="G8132" i="2" s="1"/>
  <c r="G8125" i="2" a="1"/>
  <c r="G8125" i="2" s="1"/>
  <c r="E2533" i="2" a="1"/>
  <c r="E2533" i="2" s="1"/>
  <c r="E2545" i="2" a="1"/>
  <c r="E2545" i="2" s="1"/>
  <c r="E2540" i="2" a="1"/>
  <c r="E2540" i="2" s="1"/>
  <c r="E2548" i="2" a="1"/>
  <c r="E2548" i="2" s="1"/>
  <c r="E2550" i="2" a="1"/>
  <c r="E2550" i="2" s="1"/>
  <c r="E7933" i="2" a="1"/>
  <c r="E7933" i="2" s="1"/>
  <c r="E7931" i="2" a="1"/>
  <c r="E7931" i="2" s="1"/>
  <c r="E7936" i="2" a="1"/>
  <c r="E7936" i="2" s="1"/>
  <c r="E7940" i="2" a="1"/>
  <c r="E7940" i="2" s="1"/>
  <c r="E7941" i="2" a="1"/>
  <c r="E7941" i="2" s="1"/>
  <c r="E7953" i="2" a="1"/>
  <c r="E7953" i="2" s="1"/>
  <c r="E8382" i="2" a="1"/>
  <c r="E8382" i="2" s="1"/>
  <c r="E8376" i="2" a="1"/>
  <c r="E8376" i="2" s="1"/>
  <c r="E8374" i="2" a="1"/>
  <c r="E8374" i="2" s="1"/>
  <c r="E8367" i="2" a="1"/>
  <c r="E8367" i="2" s="1"/>
  <c r="E8383" i="2" a="1"/>
  <c r="E8383" i="2" s="1"/>
  <c r="E8379" i="2" a="1"/>
  <c r="E8379" i="2" s="1"/>
  <c r="E8366" i="2" a="1"/>
  <c r="E8366" i="2" s="1"/>
  <c r="E8362" i="2" a="1"/>
  <c r="E8362" i="2" s="1"/>
  <c r="E8369" i="2" a="1"/>
  <c r="E8369" i="2" s="1"/>
  <c r="H850" i="2" a="1"/>
  <c r="H850" i="2" s="1"/>
  <c r="H859" i="2" a="1"/>
  <c r="H859" i="2" s="1"/>
  <c r="H856" i="2" a="1"/>
  <c r="H856" i="2" s="1"/>
  <c r="H858" i="2" a="1"/>
  <c r="H858" i="2" s="1"/>
  <c r="H857" i="2" a="1"/>
  <c r="H857" i="2" s="1"/>
  <c r="H871" i="2" a="1"/>
  <c r="H871" i="2" s="1"/>
  <c r="E7382" i="2" a="1"/>
  <c r="E7382" i="2" s="1"/>
  <c r="F1182" i="2" a="1"/>
  <c r="F1182" i="2" s="1"/>
  <c r="G2557" i="2" a="1"/>
  <c r="G2557" i="2" s="1"/>
  <c r="D2798" i="2" a="1"/>
  <c r="D2798" i="2" s="1"/>
  <c r="AP117" i="1"/>
  <c r="F123" i="5" s="1"/>
  <c r="F1099" i="2" a="1"/>
  <c r="F1099" i="2" s="1"/>
  <c r="F2670" i="2" a="1"/>
  <c r="F2670" i="2" s="1"/>
  <c r="G548" i="2" a="1"/>
  <c r="G548" i="2" s="1"/>
  <c r="H3383" i="2" a="1"/>
  <c r="H3383" i="2" s="1"/>
  <c r="D991" i="2" a="1"/>
  <c r="D991" i="2" s="1"/>
  <c r="D4496" i="2" a="1"/>
  <c r="D4496" i="2" s="1"/>
  <c r="F1634" i="2" a="1"/>
  <c r="F1634" i="2" s="1"/>
  <c r="G8144" i="2" a="1"/>
  <c r="G8144" i="2" s="1"/>
  <c r="D212" i="2" a="1"/>
  <c r="D212" i="2" s="1"/>
  <c r="F2100" i="2" a="1"/>
  <c r="F2100" i="2" s="1"/>
  <c r="E7215" i="2" a="1"/>
  <c r="E7215" i="2" s="1"/>
  <c r="D8209" i="2" a="1"/>
  <c r="D8209" i="2" s="1"/>
  <c r="H552" i="2" a="1"/>
  <c r="H552" i="2" s="1"/>
  <c r="D6533" i="2" a="1"/>
  <c r="D6533" i="2" s="1"/>
  <c r="E7948" i="2" a="1"/>
  <c r="E7948" i="2" s="1"/>
  <c r="F5593" i="2" a="1"/>
  <c r="F5593" i="2" s="1"/>
  <c r="D3398" i="2" a="1"/>
  <c r="D3398" i="2" s="1"/>
  <c r="E1591" i="2" a="1"/>
  <c r="E1591" i="2" s="1"/>
  <c r="G284" i="2" a="1"/>
  <c r="G284" i="2" s="1"/>
  <c r="E1076" i="2" a="1"/>
  <c r="E1076" i="2" s="1"/>
  <c r="E7467" i="2" a="1"/>
  <c r="E7467" i="2" s="1"/>
  <c r="E7393" i="2" a="1"/>
  <c r="E7393" i="2" s="1"/>
  <c r="F1173" i="2" a="1"/>
  <c r="F1173" i="2" s="1"/>
  <c r="G2576" i="2" a="1"/>
  <c r="G2576" i="2" s="1"/>
  <c r="D2794" i="2" a="1"/>
  <c r="D2794" i="2" s="1"/>
  <c r="AO117" i="1"/>
  <c r="E123" i="5" s="1"/>
  <c r="F1094" i="2" a="1"/>
  <c r="F1094" i="2" s="1"/>
  <c r="F2660" i="2" a="1"/>
  <c r="F2660" i="2" s="1"/>
  <c r="G545" i="2" a="1"/>
  <c r="G545" i="2" s="1"/>
  <c r="H3370" i="2" a="1"/>
  <c r="H3370" i="2" s="1"/>
  <c r="D977" i="2" a="1"/>
  <c r="D977" i="2" s="1"/>
  <c r="D4488" i="2" a="1"/>
  <c r="D4488" i="2" s="1"/>
  <c r="F1618" i="2" a="1"/>
  <c r="F1618" i="2" s="1"/>
  <c r="G8135" i="2" a="1"/>
  <c r="G8135" i="2" s="1"/>
  <c r="D218" i="2" a="1"/>
  <c r="D218" i="2" s="1"/>
  <c r="F2118" i="2" a="1"/>
  <c r="F2118" i="2" s="1"/>
  <c r="E7233" i="2" a="1"/>
  <c r="E7233" i="2" s="1"/>
  <c r="D8197" i="2" a="1"/>
  <c r="D8197" i="2" s="1"/>
  <c r="H553" i="2" a="1"/>
  <c r="H553" i="2" s="1"/>
  <c r="D6529" i="2" a="1"/>
  <c r="D6529" i="2" s="1"/>
  <c r="E7935" i="2" a="1"/>
  <c r="E7935" i="2" s="1"/>
  <c r="F5598" i="2" a="1"/>
  <c r="F5598" i="2" s="1"/>
  <c r="D3404" i="2" a="1"/>
  <c r="D3404" i="2" s="1"/>
  <c r="G294" i="2" a="1"/>
  <c r="G294" i="2" s="1"/>
  <c r="E1072" i="2" a="1"/>
  <c r="E1072" i="2" s="1"/>
  <c r="E7464" i="2" a="1"/>
  <c r="E7464" i="2" s="1"/>
  <c r="E7391" i="2" a="1"/>
  <c r="E7391" i="2" s="1"/>
  <c r="F1168" i="2" a="1"/>
  <c r="F1168" i="2" s="1"/>
  <c r="G2561" i="2" a="1"/>
  <c r="G2561" i="2" s="1"/>
  <c r="D2795" i="2" a="1"/>
  <c r="D2795" i="2" s="1"/>
  <c r="F1100" i="2" a="1"/>
  <c r="F1100" i="2" s="1"/>
  <c r="F1102" i="2" a="1"/>
  <c r="F1102" i="2" s="1"/>
  <c r="F2654" i="2" a="1"/>
  <c r="F2654" i="2" s="1"/>
  <c r="H3380" i="2" a="1"/>
  <c r="H3380" i="2" s="1"/>
  <c r="D971" i="2" a="1"/>
  <c r="D971" i="2" s="1"/>
  <c r="D4483" i="2" a="1"/>
  <c r="D4483" i="2" s="1"/>
  <c r="G8136" i="2" a="1"/>
  <c r="G8136" i="2" s="1"/>
  <c r="D208" i="2" a="1"/>
  <c r="D208" i="2" s="1"/>
  <c r="F2105" i="2" a="1"/>
  <c r="F2105" i="2" s="1"/>
  <c r="E7218" i="2" a="1"/>
  <c r="E7218" i="2" s="1"/>
  <c r="D8202" i="2" a="1"/>
  <c r="D8202" i="2" s="1"/>
  <c r="H554" i="2" a="1"/>
  <c r="H554" i="2" s="1"/>
  <c r="D6525" i="2" a="1"/>
  <c r="D6525" i="2" s="1"/>
  <c r="E7943" i="2" a="1"/>
  <c r="E7943" i="2" s="1"/>
  <c r="F5590" i="2" a="1"/>
  <c r="F5590" i="2" s="1"/>
  <c r="D3414" i="2" a="1"/>
  <c r="D3414" i="2" s="1"/>
  <c r="G286" i="2" a="1"/>
  <c r="G286" i="2" s="1"/>
  <c r="E1073" i="2" a="1"/>
  <c r="E1073" i="2" s="1"/>
  <c r="E7469" i="2" a="1"/>
  <c r="E7469" i="2" s="1"/>
  <c r="E7392" i="2" a="1"/>
  <c r="E7392" i="2" s="1"/>
  <c r="F1165" i="2" a="1"/>
  <c r="F1165" i="2" s="1"/>
  <c r="G2574" i="2" a="1"/>
  <c r="G2574" i="2" s="1"/>
  <c r="G2570" i="2" a="1"/>
  <c r="G2570" i="2" s="1"/>
  <c r="D2815" i="2" a="1"/>
  <c r="D2815" i="2" s="1"/>
  <c r="F1098" i="2" a="1"/>
  <c r="F1098" i="2" s="1"/>
  <c r="F1090" i="2" a="1"/>
  <c r="F1090" i="2" s="1"/>
  <c r="F2667" i="2" a="1"/>
  <c r="F2667" i="2" s="1"/>
  <c r="H3393" i="2" a="1"/>
  <c r="H3393" i="2" s="1"/>
  <c r="D4497" i="2" a="1"/>
  <c r="D4497" i="2" s="1"/>
  <c r="G8131" i="2" a="1"/>
  <c r="G8131" i="2" s="1"/>
  <c r="AM9" i="1"/>
  <c r="C15" i="5" s="1"/>
  <c r="F2104" i="2" a="1"/>
  <c r="F2104" i="2" s="1"/>
  <c r="E7223" i="2" a="1"/>
  <c r="E7223" i="2" s="1"/>
  <c r="D8199" i="2" a="1"/>
  <c r="D8199" i="2" s="1"/>
  <c r="H8002" i="2" a="1"/>
  <c r="H8002" i="2" s="1"/>
  <c r="D6536" i="2" a="1"/>
  <c r="D6536" i="2" s="1"/>
  <c r="F5581" i="2" a="1"/>
  <c r="F5581" i="2" s="1"/>
  <c r="D3417" i="2" a="1"/>
  <c r="D3417" i="2" s="1"/>
  <c r="G277" i="2" a="1"/>
  <c r="G277" i="2" s="1"/>
  <c r="E1083" i="2" a="1"/>
  <c r="E1083" i="2" s="1"/>
  <c r="E7470" i="2" a="1"/>
  <c r="E7470" i="2" s="1"/>
  <c r="AM12" i="1"/>
  <c r="C18" i="5" s="1"/>
  <c r="G2563" i="2" a="1"/>
  <c r="G2563" i="2" s="1"/>
  <c r="F1112" i="2" a="1"/>
  <c r="F1112" i="2" s="1"/>
  <c r="F2669" i="2" a="1"/>
  <c r="F2669" i="2" s="1"/>
  <c r="H3375" i="2" a="1"/>
  <c r="H3375" i="2" s="1"/>
  <c r="D4493" i="2" a="1"/>
  <c r="D4493" i="2" s="1"/>
  <c r="G8140" i="2" a="1"/>
  <c r="G8140" i="2" s="1"/>
  <c r="AO9" i="1"/>
  <c r="E15" i="5" s="1"/>
  <c r="F2116" i="2" a="1"/>
  <c r="F2116" i="2" s="1"/>
  <c r="H2446" i="2" a="1"/>
  <c r="H2446" i="2" s="1"/>
  <c r="E7217" i="2" a="1"/>
  <c r="E7217" i="2" s="1"/>
  <c r="D8195" i="2" a="1"/>
  <c r="D8195" i="2" s="1"/>
  <c r="H8020" i="2" a="1"/>
  <c r="H8020" i="2" s="1"/>
  <c r="D6532" i="2" a="1"/>
  <c r="D6532" i="2" s="1"/>
  <c r="F2961" i="2" a="1"/>
  <c r="F2961" i="2" s="1"/>
  <c r="F5584" i="2" a="1"/>
  <c r="F5584" i="2" s="1"/>
  <c r="G279" i="2" a="1"/>
  <c r="G279" i="2" s="1"/>
  <c r="E1082" i="2" a="1"/>
  <c r="E1082" i="2" s="1"/>
  <c r="E7455" i="2" a="1"/>
  <c r="E7455" i="2" s="1"/>
  <c r="F2178" i="2" a="1"/>
  <c r="F2178" i="2" s="1"/>
  <c r="AM75" i="1"/>
  <c r="C81" i="5" s="1"/>
  <c r="AO11" i="1"/>
  <c r="E17" i="5" s="1"/>
  <c r="AQ39" i="1"/>
  <c r="G45" i="5" s="1"/>
  <c r="AM26" i="1"/>
  <c r="C32" i="5" s="1"/>
  <c r="H8488" i="2" a="1"/>
  <c r="H8488" i="2" s="1"/>
  <c r="H5648" i="2" a="1"/>
  <c r="H5648" i="2" s="1"/>
  <c r="H4867" i="2" a="1"/>
  <c r="H4867" i="2" s="1"/>
  <c r="H5553" i="2" a="1"/>
  <c r="H5553" i="2" s="1"/>
  <c r="H8494" i="2" a="1"/>
  <c r="H8494" i="2" s="1"/>
  <c r="H5643" i="2" a="1"/>
  <c r="H5643" i="2" s="1"/>
  <c r="H4864" i="2" a="1"/>
  <c r="H4864" i="2" s="1"/>
  <c r="H8500" i="2" a="1"/>
  <c r="H8500" i="2" s="1"/>
  <c r="H5642" i="2" a="1"/>
  <c r="H5642" i="2" s="1"/>
  <c r="H4876" i="2" a="1"/>
  <c r="H4876" i="2" s="1"/>
  <c r="E2721" i="2" a="1"/>
  <c r="E2721" i="2" s="1"/>
  <c r="H5548" i="2" a="1"/>
  <c r="H5548" i="2" s="1"/>
  <c r="H8484" i="2" a="1"/>
  <c r="H8484" i="2" s="1"/>
  <c r="H5644" i="2" a="1"/>
  <c r="H5644" i="2" s="1"/>
  <c r="H4858" i="2" a="1"/>
  <c r="H4858" i="2" s="1"/>
  <c r="H8031" i="2" a="1"/>
  <c r="H8031" i="2" s="1"/>
  <c r="E2706" i="2" a="1"/>
  <c r="E2706" i="2" s="1"/>
  <c r="H8498" i="2" a="1"/>
  <c r="H8498" i="2" s="1"/>
  <c r="H5636" i="2" a="1"/>
  <c r="H5636" i="2" s="1"/>
  <c r="H4881" i="2" a="1"/>
  <c r="H4881" i="2" s="1"/>
  <c r="H8033" i="2" a="1"/>
  <c r="H8033" i="2" s="1"/>
  <c r="H8497" i="2" a="1"/>
  <c r="H8497" i="2" s="1"/>
  <c r="H5640" i="2" a="1"/>
  <c r="H5640" i="2" s="1"/>
  <c r="H4871" i="2" a="1"/>
  <c r="H4871" i="2" s="1"/>
  <c r="H5536" i="2" a="1"/>
  <c r="H5536" i="2" s="1"/>
  <c r="D8219" i="2" a="1"/>
  <c r="D8219" i="2" s="1"/>
  <c r="D8238" i="2" a="1"/>
  <c r="D8238" i="2" s="1"/>
  <c r="D8220" i="2" a="1"/>
  <c r="D8220" i="2" s="1"/>
  <c r="D8234" i="2" a="1"/>
  <c r="D8234" i="2" s="1"/>
  <c r="D8233" i="2" a="1"/>
  <c r="D8233" i="2" s="1"/>
  <c r="D8218" i="2" a="1"/>
  <c r="D8218" i="2" s="1"/>
  <c r="D8221" i="2" a="1"/>
  <c r="D8221" i="2" s="1"/>
  <c r="D8240" i="2" a="1"/>
  <c r="D8240" i="2" s="1"/>
  <c r="D8224" i="2" a="1"/>
  <c r="D8224" i="2" s="1"/>
  <c r="D8229" i="2" a="1"/>
  <c r="D8229" i="2" s="1"/>
  <c r="D8231" i="2" a="1"/>
  <c r="D8231" i="2" s="1"/>
  <c r="D8225" i="2" a="1"/>
  <c r="D8225" i="2" s="1"/>
  <c r="D8228" i="2" a="1"/>
  <c r="D8228" i="2" s="1"/>
  <c r="D8226" i="2" a="1"/>
  <c r="D8226" i="2" s="1"/>
  <c r="G6133" i="2" a="1"/>
  <c r="G6133" i="2" s="1"/>
  <c r="G6137" i="2" a="1"/>
  <c r="G6137" i="2" s="1"/>
  <c r="G6138" i="2" a="1"/>
  <c r="G6138" i="2" s="1"/>
  <c r="G6149" i="2" a="1"/>
  <c r="G6149" i="2" s="1"/>
  <c r="AN256" i="1"/>
  <c r="D262" i="5" s="1"/>
  <c r="G6139" i="2" a="1"/>
  <c r="G6139" i="2" s="1"/>
  <c r="AQ256" i="1"/>
  <c r="G262" i="5" s="1"/>
  <c r="G6141" i="2" a="1"/>
  <c r="G6141" i="2" s="1"/>
  <c r="AO256" i="1"/>
  <c r="G6144" i="2" a="1"/>
  <c r="G6144" i="2" s="1"/>
  <c r="AP256" i="1"/>
  <c r="F262" i="5" s="1"/>
  <c r="G6131" i="2" a="1"/>
  <c r="G6131" i="2" s="1"/>
  <c r="AM256" i="1"/>
  <c r="C262" i="5" s="1"/>
  <c r="G6147" i="2" a="1"/>
  <c r="G6147" i="2" s="1"/>
  <c r="G6142" i="2" a="1"/>
  <c r="G6142" i="2" s="1"/>
  <c r="G6135" i="2" a="1"/>
  <c r="G6135" i="2" s="1"/>
  <c r="D3703" i="2" a="1"/>
  <c r="D3703" i="2" s="1"/>
  <c r="D3705" i="2" a="1"/>
  <c r="D3705" i="2" s="1"/>
  <c r="D3691" i="2" a="1"/>
  <c r="D3691" i="2" s="1"/>
  <c r="D3702" i="2" a="1"/>
  <c r="D3702" i="2" s="1"/>
  <c r="D3683" i="2" a="1"/>
  <c r="D3683" i="2" s="1"/>
  <c r="D3686" i="2" a="1"/>
  <c r="D3686" i="2" s="1"/>
  <c r="D3687" i="2" a="1"/>
  <c r="D3687" i="2" s="1"/>
  <c r="D3690" i="2" a="1"/>
  <c r="D3690" i="2" s="1"/>
  <c r="G6591" i="2" a="1"/>
  <c r="G6591" i="2" s="1"/>
  <c r="G6607" i="2" a="1"/>
  <c r="G6607" i="2" s="1"/>
  <c r="G6595" i="2" a="1"/>
  <c r="G6595" i="2" s="1"/>
  <c r="G6586" i="2" a="1"/>
  <c r="G6586" i="2" s="1"/>
  <c r="G6599" i="2" a="1"/>
  <c r="G6599" i="2" s="1"/>
  <c r="G6593" i="2" a="1"/>
  <c r="G6593" i="2" s="1"/>
  <c r="G6602" i="2" a="1"/>
  <c r="G6602" i="2" s="1"/>
  <c r="G6600" i="2" a="1"/>
  <c r="G6600" i="2" s="1"/>
  <c r="G6606" i="2" a="1"/>
  <c r="G6606" i="2" s="1"/>
  <c r="G6601" i="2" a="1"/>
  <c r="G6601" i="2" s="1"/>
  <c r="G6592" i="2" a="1"/>
  <c r="G6592" i="2" s="1"/>
  <c r="G6589" i="2" a="1"/>
  <c r="G6589" i="2" s="1"/>
  <c r="G6605" i="2" a="1"/>
  <c r="G6605" i="2" s="1"/>
  <c r="AO275" i="1"/>
  <c r="E281" i="5" s="1"/>
  <c r="G6597" i="2" a="1"/>
  <c r="G6597" i="2" s="1"/>
  <c r="AM275" i="1"/>
  <c r="G6594" i="2" a="1"/>
  <c r="G6594" i="2" s="1"/>
  <c r="G6608" i="2" a="1"/>
  <c r="G6608" i="2" s="1"/>
  <c r="G6590" i="2" a="1"/>
  <c r="G6590" i="2" s="1"/>
  <c r="G6604" i="2" a="1"/>
  <c r="G6604" i="2" s="1"/>
  <c r="G6588" i="2" a="1"/>
  <c r="G6588" i="2" s="1"/>
  <c r="E1978" i="2" a="1"/>
  <c r="E1978" i="2" s="1"/>
  <c r="E1990" i="2" a="1"/>
  <c r="E1990" i="2" s="1"/>
  <c r="E1995" i="2" a="1"/>
  <c r="E1995" i="2" s="1"/>
  <c r="E1980" i="2" a="1"/>
  <c r="E1980" i="2" s="1"/>
  <c r="E1996" i="2" a="1"/>
  <c r="E1996" i="2" s="1"/>
  <c r="E1992" i="2" a="1"/>
  <c r="E1992" i="2" s="1"/>
  <c r="E1985" i="2" a="1"/>
  <c r="E1985" i="2" s="1"/>
  <c r="E1997" i="2" a="1"/>
  <c r="E1997" i="2" s="1"/>
  <c r="E1991" i="2" a="1"/>
  <c r="E1991" i="2" s="1"/>
  <c r="E1986" i="2" a="1"/>
  <c r="E1986" i="2" s="1"/>
  <c r="E1982" i="2" a="1"/>
  <c r="E1982" i="2" s="1"/>
  <c r="E1979" i="2" a="1"/>
  <c r="E1979" i="2" s="1"/>
  <c r="E1981" i="2" a="1"/>
  <c r="E1981" i="2" s="1"/>
  <c r="E1983" i="2" a="1"/>
  <c r="E1983" i="2" s="1"/>
  <c r="E1988" i="2" a="1"/>
  <c r="E1988" i="2" s="1"/>
  <c r="E1993" i="2" a="1"/>
  <c r="E1993" i="2" s="1"/>
  <c r="E1984" i="2" a="1"/>
  <c r="E1984" i="2" s="1"/>
  <c r="E1998" i="2" a="1"/>
  <c r="E1998" i="2" s="1"/>
  <c r="E2001" i="2" a="1"/>
  <c r="E2001" i="2" s="1"/>
  <c r="D4021" i="2" a="1"/>
  <c r="D4021" i="2" s="1"/>
  <c r="D4024" i="2" a="1"/>
  <c r="D4024" i="2" s="1"/>
  <c r="D4026" i="2" a="1"/>
  <c r="D4026" i="2" s="1"/>
  <c r="D4032" i="2" a="1"/>
  <c r="D4032" i="2" s="1"/>
  <c r="D4018" i="2" a="1"/>
  <c r="D4018" i="2" s="1"/>
  <c r="D4037" i="2" a="1"/>
  <c r="D4037" i="2" s="1"/>
  <c r="D4036" i="2" a="1"/>
  <c r="D4036" i="2" s="1"/>
  <c r="D4029" i="2" a="1"/>
  <c r="D4029" i="2" s="1"/>
  <c r="D4022" i="2" a="1"/>
  <c r="D4022" i="2" s="1"/>
  <c r="D4041" i="2" a="1"/>
  <c r="D4041" i="2" s="1"/>
  <c r="D4040" i="2" a="1"/>
  <c r="D4040" i="2" s="1"/>
  <c r="H2393" i="2" a="1"/>
  <c r="H2393" i="2" s="1"/>
  <c r="H2400" i="2" a="1"/>
  <c r="H2400" i="2" s="1"/>
  <c r="H2406" i="2" a="1"/>
  <c r="H2406" i="2" s="1"/>
  <c r="H2398" i="2" a="1"/>
  <c r="H2398" i="2" s="1"/>
  <c r="H2403" i="2" a="1"/>
  <c r="H2403" i="2" s="1"/>
  <c r="H2392" i="2" a="1"/>
  <c r="H2392" i="2" s="1"/>
  <c r="H2402" i="2" a="1"/>
  <c r="H2402" i="2" s="1"/>
  <c r="H2401" i="2" a="1"/>
  <c r="H2401" i="2" s="1"/>
  <c r="H2396" i="2" a="1"/>
  <c r="H2396" i="2" s="1"/>
  <c r="H2404" i="2" a="1"/>
  <c r="H2404" i="2" s="1"/>
  <c r="H2408" i="2" a="1"/>
  <c r="H2408" i="2" s="1"/>
  <c r="H2395" i="2" a="1"/>
  <c r="H2395" i="2" s="1"/>
  <c r="H2391" i="2" a="1"/>
  <c r="H2391" i="2" s="1"/>
  <c r="H2388" i="2" a="1"/>
  <c r="H2388" i="2" s="1"/>
  <c r="H2386" i="2" a="1"/>
  <c r="H2386" i="2" s="1"/>
  <c r="H2387" i="2" a="1"/>
  <c r="H2387" i="2" s="1"/>
  <c r="H2405" i="2" a="1"/>
  <c r="H2405" i="2" s="1"/>
  <c r="H2407" i="2" a="1"/>
  <c r="H2407" i="2" s="1"/>
  <c r="H2397" i="2" a="1"/>
  <c r="H2397" i="2" s="1"/>
  <c r="E4004" i="2" a="1"/>
  <c r="E4004" i="2" s="1"/>
  <c r="E4008" i="2" a="1"/>
  <c r="E4008" i="2" s="1"/>
  <c r="D574" i="2" a="1"/>
  <c r="D574" i="2" s="1"/>
  <c r="D563" i="2" a="1"/>
  <c r="D563" i="2" s="1"/>
  <c r="D578" i="2" a="1"/>
  <c r="D578" i="2" s="1"/>
  <c r="D571" i="2" a="1"/>
  <c r="D571" i="2" s="1"/>
  <c r="D566" i="2" a="1"/>
  <c r="D566" i="2" s="1"/>
  <c r="D579" i="2" a="1"/>
  <c r="D579" i="2" s="1"/>
  <c r="D562" i="2" a="1"/>
  <c r="D562" i="2" s="1"/>
  <c r="D582" i="2" a="1"/>
  <c r="D582" i="2" s="1"/>
  <c r="D564" i="2" a="1"/>
  <c r="D564" i="2" s="1"/>
  <c r="D572" i="2" a="1"/>
  <c r="D572" i="2" s="1"/>
  <c r="D569" i="2" a="1"/>
  <c r="D569" i="2" s="1"/>
  <c r="D581" i="2" a="1"/>
  <c r="D581" i="2" s="1"/>
  <c r="D583" i="2" a="1"/>
  <c r="D583" i="2" s="1"/>
  <c r="D585" i="2" a="1"/>
  <c r="D585" i="2" s="1"/>
  <c r="D577" i="2" a="1"/>
  <c r="D577" i="2" s="1"/>
  <c r="D568" i="2" a="1"/>
  <c r="D568" i="2" s="1"/>
  <c r="D576" i="2" a="1"/>
  <c r="D576" i="2" s="1"/>
  <c r="D584" i="2" a="1"/>
  <c r="D584" i="2" s="1"/>
  <c r="D573" i="2" a="1"/>
  <c r="D573" i="2" s="1"/>
  <c r="D565" i="2" a="1"/>
  <c r="D565" i="2" s="1"/>
  <c r="D570" i="2" a="1"/>
  <c r="D570" i="2" s="1"/>
  <c r="D575" i="2" a="1"/>
  <c r="D575" i="2" s="1"/>
  <c r="AN104" i="1"/>
  <c r="D2483" i="2" a="1"/>
  <c r="D2483" i="2" s="1"/>
  <c r="AP104" i="1"/>
  <c r="F110" i="5" s="1"/>
  <c r="D2487" i="2" a="1"/>
  <c r="D2487" i="2" s="1"/>
  <c r="AM104" i="1"/>
  <c r="C110" i="5" s="1"/>
  <c r="D2491" i="2" a="1"/>
  <c r="D2491" i="2" s="1"/>
  <c r="D2482" i="2" a="1"/>
  <c r="D2482" i="2" s="1"/>
  <c r="D2495" i="2" a="1"/>
  <c r="D2495" i="2" s="1"/>
  <c r="D2486" i="2" a="1"/>
  <c r="D2486" i="2" s="1"/>
  <c r="D2499" i="2" a="1"/>
  <c r="D2499" i="2" s="1"/>
  <c r="D2498" i="2" a="1"/>
  <c r="D2498" i="2" s="1"/>
  <c r="D2502" i="2" a="1"/>
  <c r="D2502" i="2" s="1"/>
  <c r="D2489" i="2" a="1"/>
  <c r="D2489" i="2" s="1"/>
  <c r="D2497" i="2" a="1"/>
  <c r="D2497" i="2" s="1"/>
  <c r="D2505" i="2" a="1"/>
  <c r="D2505" i="2" s="1"/>
  <c r="D2493" i="2" a="1"/>
  <c r="D2493" i="2" s="1"/>
  <c r="D2484" i="2" a="1"/>
  <c r="D2484" i="2" s="1"/>
  <c r="D2496" i="2" a="1"/>
  <c r="D2496" i="2" s="1"/>
  <c r="F8535" i="2" a="1"/>
  <c r="F8535" i="2" s="1"/>
  <c r="F8540" i="2" a="1"/>
  <c r="F8540" i="2" s="1"/>
  <c r="H8177" i="2" a="1"/>
  <c r="H8177" i="2" s="1"/>
  <c r="H8190" i="2" a="1"/>
  <c r="H8190" i="2" s="1"/>
  <c r="H8183" i="2" a="1"/>
  <c r="H8183" i="2" s="1"/>
  <c r="H8172" i="2" a="1"/>
  <c r="H8172" i="2" s="1"/>
  <c r="H8174" i="2" a="1"/>
  <c r="H8174" i="2" s="1"/>
  <c r="H8181" i="2" a="1"/>
  <c r="H8181" i="2" s="1"/>
  <c r="H8175" i="2" a="1"/>
  <c r="H8175" i="2" s="1"/>
  <c r="H8176" i="2" a="1"/>
  <c r="H8176" i="2" s="1"/>
  <c r="H8170" i="2" a="1"/>
  <c r="H8170" i="2" s="1"/>
  <c r="H8191" i="2" a="1"/>
  <c r="H8191" i="2" s="1"/>
  <c r="H8185" i="2" a="1"/>
  <c r="H8185" i="2" s="1"/>
  <c r="H8193" i="2" a="1"/>
  <c r="H8193" i="2" s="1"/>
  <c r="H8184" i="2" a="1"/>
  <c r="H8184" i="2" s="1"/>
  <c r="H8171" i="2" a="1"/>
  <c r="H8171" i="2" s="1"/>
  <c r="H8173" i="2" a="1"/>
  <c r="H8173" i="2" s="1"/>
  <c r="H8182" i="2" a="1"/>
  <c r="H8182" i="2" s="1"/>
  <c r="H8186" i="2" a="1"/>
  <c r="H8186" i="2" s="1"/>
  <c r="H8189" i="2" a="1"/>
  <c r="H8189" i="2" s="1"/>
  <c r="H8178" i="2" a="1"/>
  <c r="H8178" i="2" s="1"/>
  <c r="H8192" i="2" a="1"/>
  <c r="H8192" i="2" s="1"/>
  <c r="H8188" i="2" a="1"/>
  <c r="H8188" i="2" s="1"/>
  <c r="H6700" i="2" a="1"/>
  <c r="H6700" i="2" s="1"/>
  <c r="H6705" i="2" a="1"/>
  <c r="H6705" i="2" s="1"/>
  <c r="H6682" i="2" a="1"/>
  <c r="H6682" i="2" s="1"/>
  <c r="G860" i="2" a="1"/>
  <c r="G860" i="2" s="1"/>
  <c r="G864" i="2" a="1"/>
  <c r="G864" i="2" s="1"/>
  <c r="G851" i="2" a="1"/>
  <c r="G851" i="2" s="1"/>
  <c r="G153" i="2" a="1"/>
  <c r="G153" i="2" s="1"/>
  <c r="AN6" i="1"/>
  <c r="D12" i="5" s="1"/>
  <c r="G142" i="2" a="1"/>
  <c r="G142" i="2" s="1"/>
  <c r="AO6" i="1"/>
  <c r="E12" i="5" s="1"/>
  <c r="G133" i="2" a="1"/>
  <c r="G133" i="2" s="1"/>
  <c r="AQ6" i="1"/>
  <c r="G12" i="5" s="1"/>
  <c r="AP6" i="1"/>
  <c r="F12" i="5" s="1"/>
  <c r="AM6" i="1"/>
  <c r="H3641" i="2" a="1"/>
  <c r="H3641" i="2" s="1"/>
  <c r="H3657" i="2" a="1"/>
  <c r="H3657" i="2" s="1"/>
  <c r="H3656" i="2" a="1"/>
  <c r="H3656" i="2" s="1"/>
  <c r="H3642" i="2" a="1"/>
  <c r="H3642" i="2" s="1"/>
  <c r="H8127" i="2" a="1"/>
  <c r="H8127" i="2" s="1"/>
  <c r="H8126" i="2" a="1"/>
  <c r="H8126" i="2" s="1"/>
  <c r="H8138" i="2" a="1"/>
  <c r="H8138" i="2" s="1"/>
  <c r="H8143" i="2" a="1"/>
  <c r="H8143" i="2" s="1"/>
  <c r="H8139" i="2" a="1"/>
  <c r="H8139" i="2" s="1"/>
  <c r="H8128" i="2" a="1"/>
  <c r="H8128" i="2" s="1"/>
  <c r="H8142" i="2" a="1"/>
  <c r="H8142" i="2" s="1"/>
  <c r="H8130" i="2" a="1"/>
  <c r="H8130" i="2" s="1"/>
  <c r="H8124" i="2" a="1"/>
  <c r="H8124" i="2" s="1"/>
  <c r="H8132" i="2" a="1"/>
  <c r="H8132" i="2" s="1"/>
  <c r="H8125" i="2" a="1"/>
  <c r="H8125" i="2" s="1"/>
  <c r="H8144" i="2" a="1"/>
  <c r="H8144" i="2" s="1"/>
  <c r="H8134" i="2" a="1"/>
  <c r="H8134" i="2" s="1"/>
  <c r="H8133" i="2" a="1"/>
  <c r="H8133" i="2" s="1"/>
  <c r="H8136" i="2" a="1"/>
  <c r="H8136" i="2" s="1"/>
  <c r="H8122" i="2" a="1"/>
  <c r="H8122" i="2" s="1"/>
  <c r="H8131" i="2" a="1"/>
  <c r="H8131" i="2" s="1"/>
  <c r="H8129" i="2" a="1"/>
  <c r="H8129" i="2" s="1"/>
  <c r="H8137" i="2" a="1"/>
  <c r="H8137" i="2" s="1"/>
  <c r="H5015" i="2" a="1"/>
  <c r="H5015" i="2" s="1"/>
  <c r="H5008" i="2" a="1"/>
  <c r="H5008" i="2" s="1"/>
  <c r="H5025" i="2" a="1"/>
  <c r="H5025" i="2" s="1"/>
  <c r="G7768" i="2" a="1"/>
  <c r="G7768" i="2" s="1"/>
  <c r="G7773" i="2" a="1"/>
  <c r="G7773" i="2" s="1"/>
  <c r="G7762" i="2" a="1"/>
  <c r="G7762" i="2" s="1"/>
  <c r="G7766" i="2" a="1"/>
  <c r="G7766" i="2" s="1"/>
  <c r="G7782" i="2" a="1"/>
  <c r="G7782" i="2" s="1"/>
  <c r="G7780" i="2" a="1"/>
  <c r="G7780" i="2" s="1"/>
  <c r="G7771" i="2" a="1"/>
  <c r="G7771" i="2" s="1"/>
  <c r="G7776" i="2" a="1"/>
  <c r="G7776" i="2" s="1"/>
  <c r="G7765" i="2" a="1"/>
  <c r="G7765" i="2" s="1"/>
  <c r="G7784" i="2" a="1"/>
  <c r="G7784" i="2" s="1"/>
  <c r="G7781" i="2" a="1"/>
  <c r="G7781" i="2" s="1"/>
  <c r="G7769" i="2" a="1"/>
  <c r="G7769" i="2" s="1"/>
  <c r="G7770" i="2" a="1"/>
  <c r="G7770" i="2" s="1"/>
  <c r="G7775" i="2" a="1"/>
  <c r="G7775" i="2" s="1"/>
  <c r="G7772" i="2" a="1"/>
  <c r="G7772" i="2" s="1"/>
  <c r="G7763" i="2" a="1"/>
  <c r="G7763" i="2" s="1"/>
  <c r="G7778" i="2" a="1"/>
  <c r="G7778" i="2" s="1"/>
  <c r="G7764" i="2" a="1"/>
  <c r="G7764" i="2" s="1"/>
  <c r="G7767" i="2" a="1"/>
  <c r="G7767" i="2" s="1"/>
  <c r="G7783" i="2" a="1"/>
  <c r="G7783" i="2" s="1"/>
  <c r="G7785" i="2" a="1"/>
  <c r="G7785" i="2" s="1"/>
  <c r="F7650" i="2" a="1"/>
  <c r="F7650" i="2" s="1"/>
  <c r="F7665" i="2" a="1"/>
  <c r="F7665" i="2" s="1"/>
  <c r="F7645" i="2" a="1"/>
  <c r="F7645" i="2" s="1"/>
  <c r="F7656" i="2" a="1"/>
  <c r="F7656" i="2" s="1"/>
  <c r="F7647" i="2" a="1"/>
  <c r="F7647" i="2" s="1"/>
  <c r="F7653" i="2" a="1"/>
  <c r="F7653" i="2" s="1"/>
  <c r="F7659" i="2" a="1"/>
  <c r="F7659" i="2" s="1"/>
  <c r="F7649" i="2" a="1"/>
  <c r="F7649" i="2" s="1"/>
  <c r="F7663" i="2" a="1"/>
  <c r="F7663" i="2" s="1"/>
  <c r="F7648" i="2" a="1"/>
  <c r="F7648" i="2" s="1"/>
  <c r="F7661" i="2" a="1"/>
  <c r="F7661" i="2" s="1"/>
  <c r="F7643" i="2" a="1"/>
  <c r="F7643" i="2" s="1"/>
  <c r="F7654" i="2" a="1"/>
  <c r="F7654" i="2" s="1"/>
  <c r="F7644" i="2" a="1"/>
  <c r="F7644" i="2" s="1"/>
  <c r="F7652" i="2" a="1"/>
  <c r="F7652" i="2" s="1"/>
  <c r="F7664" i="2" a="1"/>
  <c r="F7664" i="2" s="1"/>
  <c r="F7651" i="2" a="1"/>
  <c r="F7651" i="2" s="1"/>
  <c r="F7655" i="2" a="1"/>
  <c r="F7655" i="2" s="1"/>
  <c r="F7646" i="2" a="1"/>
  <c r="F7646" i="2" s="1"/>
  <c r="F7657" i="2" a="1"/>
  <c r="F7657" i="2" s="1"/>
  <c r="F7660" i="2" a="1"/>
  <c r="F7660" i="2" s="1"/>
  <c r="E5020" i="2" a="1"/>
  <c r="E5020" i="2" s="1"/>
  <c r="E5022" i="2" a="1"/>
  <c r="E5022" i="2" s="1"/>
  <c r="E5025" i="2" a="1"/>
  <c r="E5025" i="2" s="1"/>
  <c r="E5012" i="2" a="1"/>
  <c r="E5012" i="2" s="1"/>
  <c r="E5019" i="2" a="1"/>
  <c r="E5019" i="2" s="1"/>
  <c r="E5021" i="2" a="1"/>
  <c r="E5021" i="2" s="1"/>
  <c r="E5010" i="2" a="1"/>
  <c r="E5010" i="2" s="1"/>
  <c r="E5005" i="2" a="1"/>
  <c r="E5005" i="2" s="1"/>
  <c r="E5011" i="2" a="1"/>
  <c r="E5011" i="2" s="1"/>
  <c r="E5017" i="2" a="1"/>
  <c r="E5017" i="2" s="1"/>
  <c r="E5013" i="2" a="1"/>
  <c r="E5013" i="2" s="1"/>
  <c r="E5003" i="2" a="1"/>
  <c r="E5003" i="2" s="1"/>
  <c r="E5009" i="2" a="1"/>
  <c r="E5009" i="2" s="1"/>
  <c r="E5008" i="2" a="1"/>
  <c r="E5008" i="2" s="1"/>
  <c r="E5016" i="2" a="1"/>
  <c r="E5016" i="2" s="1"/>
  <c r="E5023" i="2" a="1"/>
  <c r="E5023" i="2" s="1"/>
  <c r="E5004" i="2" a="1"/>
  <c r="E5004" i="2" s="1"/>
  <c r="E5002" i="2" a="1"/>
  <c r="E5002" i="2" s="1"/>
  <c r="E5024" i="2" a="1"/>
  <c r="E5024" i="2" s="1"/>
  <c r="E5018" i="2" a="1"/>
  <c r="E5018" i="2" s="1"/>
  <c r="E5015" i="2" a="1"/>
  <c r="E5015" i="2" s="1"/>
  <c r="E5006" i="2" a="1"/>
  <c r="E5006" i="2" s="1"/>
  <c r="AQ115" i="1"/>
  <c r="G121" i="5" s="1"/>
  <c r="AO115" i="1"/>
  <c r="E121" i="5" s="1"/>
  <c r="F2764" i="2" a="1"/>
  <c r="F2764" i="2" s="1"/>
  <c r="AN115" i="1"/>
  <c r="D121" i="5" s="1"/>
  <c r="F2762" i="2" a="1"/>
  <c r="F2762" i="2" s="1"/>
  <c r="AM115" i="1"/>
  <c r="C121" i="5" s="1"/>
  <c r="F2768" i="2" a="1"/>
  <c r="F2768" i="2" s="1"/>
  <c r="F2751" i="2" a="1"/>
  <c r="F2751" i="2" s="1"/>
  <c r="F2757" i="2" a="1"/>
  <c r="F2757" i="2" s="1"/>
  <c r="F2756" i="2" a="1"/>
  <c r="F2756" i="2" s="1"/>
  <c r="F2759" i="2" a="1"/>
  <c r="F2759" i="2" s="1"/>
  <c r="F2748" i="2" a="1"/>
  <c r="F2748" i="2" s="1"/>
  <c r="F2766" i="2" a="1"/>
  <c r="F2766" i="2" s="1"/>
  <c r="F2767" i="2" a="1"/>
  <c r="F2767" i="2" s="1"/>
  <c r="AP115" i="1"/>
  <c r="F121" i="5" s="1"/>
  <c r="G5724" i="2" a="1"/>
  <c r="G5724" i="2" s="1"/>
  <c r="G5725" i="2" a="1"/>
  <c r="G5725" i="2" s="1"/>
  <c r="G5744" i="2" a="1"/>
  <c r="G5744" i="2" s="1"/>
  <c r="G5736" i="2" a="1"/>
  <c r="G5736" i="2" s="1"/>
  <c r="G5728" i="2" a="1"/>
  <c r="G5728" i="2" s="1"/>
  <c r="G5731" i="2" a="1"/>
  <c r="G5731" i="2" s="1"/>
  <c r="G5727" i="2" a="1"/>
  <c r="G5727" i="2" s="1"/>
  <c r="G5737" i="2" a="1"/>
  <c r="G5737" i="2" s="1"/>
  <c r="G5735" i="2" a="1"/>
  <c r="G5735" i="2" s="1"/>
  <c r="G5739" i="2" a="1"/>
  <c r="G5739" i="2" s="1"/>
  <c r="G5742" i="2" a="1"/>
  <c r="G5742" i="2" s="1"/>
  <c r="G5743" i="2" a="1"/>
  <c r="G5743" i="2" s="1"/>
  <c r="G5726" i="2" a="1"/>
  <c r="G5726" i="2" s="1"/>
  <c r="G5723" i="2" a="1"/>
  <c r="G5723" i="2" s="1"/>
  <c r="G5745" i="2" a="1"/>
  <c r="G5745" i="2" s="1"/>
  <c r="G5729" i="2" a="1"/>
  <c r="G5729" i="2" s="1"/>
  <c r="G5738" i="2" a="1"/>
  <c r="G5738" i="2" s="1"/>
  <c r="G5722" i="2" a="1"/>
  <c r="G5722" i="2" s="1"/>
  <c r="G5730" i="2" a="1"/>
  <c r="G5730" i="2" s="1"/>
  <c r="G5740" i="2" a="1"/>
  <c r="G5740" i="2" s="1"/>
  <c r="G5741" i="2" a="1"/>
  <c r="G5741" i="2" s="1"/>
  <c r="G734" i="2" a="1"/>
  <c r="G734" i="2" s="1"/>
  <c r="G747" i="2" a="1"/>
  <c r="G747" i="2" s="1"/>
  <c r="G745" i="2" a="1"/>
  <c r="G745" i="2" s="1"/>
  <c r="G748" i="2" a="1"/>
  <c r="G748" i="2" s="1"/>
  <c r="G733" i="2" a="1"/>
  <c r="G733" i="2" s="1"/>
  <c r="G749" i="2" a="1"/>
  <c r="G749" i="2" s="1"/>
  <c r="G744" i="2" a="1"/>
  <c r="G744" i="2" s="1"/>
  <c r="G736" i="2" a="1"/>
  <c r="G736" i="2" s="1"/>
  <c r="G740" i="2" a="1"/>
  <c r="G740" i="2" s="1"/>
  <c r="G738" i="2" a="1"/>
  <c r="G738" i="2" s="1"/>
  <c r="G753" i="2" a="1"/>
  <c r="G753" i="2" s="1"/>
  <c r="G730" i="2" a="1"/>
  <c r="G730" i="2" s="1"/>
  <c r="G742" i="2" a="1"/>
  <c r="G742" i="2" s="1"/>
  <c r="G735" i="2" a="1"/>
  <c r="G735" i="2" s="1"/>
  <c r="G746" i="2" a="1"/>
  <c r="G746" i="2" s="1"/>
  <c r="G751" i="2" a="1"/>
  <c r="G751" i="2" s="1"/>
  <c r="G739" i="2" a="1"/>
  <c r="G739" i="2" s="1"/>
  <c r="G752" i="2" a="1"/>
  <c r="G752" i="2" s="1"/>
  <c r="G741" i="2" a="1"/>
  <c r="G741" i="2" s="1"/>
  <c r="E7985" i="2" a="1"/>
  <c r="E7985" i="2" s="1"/>
  <c r="E7984" i="2" a="1"/>
  <c r="E7984" i="2" s="1"/>
  <c r="E7982" i="2" a="1"/>
  <c r="E7982" i="2" s="1"/>
  <c r="E7990" i="2" a="1"/>
  <c r="E7990" i="2" s="1"/>
  <c r="E7983" i="2" a="1"/>
  <c r="E7983" i="2" s="1"/>
  <c r="AQ333" i="1"/>
  <c r="G339" i="5" s="1"/>
  <c r="E7993" i="2" a="1"/>
  <c r="E7993" i="2" s="1"/>
  <c r="AP333" i="1"/>
  <c r="F339" i="5" s="1"/>
  <c r="E7995" i="2" a="1"/>
  <c r="E7995" i="2" s="1"/>
  <c r="AO333" i="1"/>
  <c r="E339" i="5" s="1"/>
  <c r="E7989" i="2" a="1"/>
  <c r="E7989" i="2" s="1"/>
  <c r="AN333" i="1"/>
  <c r="D339" i="5" s="1"/>
  <c r="E7988" i="2" a="1"/>
  <c r="E7988" i="2" s="1"/>
  <c r="AM333" i="1"/>
  <c r="C339" i="5" s="1"/>
  <c r="E7978" i="2" a="1"/>
  <c r="E7978" i="2" s="1"/>
  <c r="E8000" i="2" a="1"/>
  <c r="E8000" i="2" s="1"/>
  <c r="E7979" i="2" a="1"/>
  <c r="E7979" i="2" s="1"/>
  <c r="E7980" i="2" a="1"/>
  <c r="E7980" i="2" s="1"/>
  <c r="E7997" i="2" a="1"/>
  <c r="E7997" i="2" s="1"/>
  <c r="E7994" i="2" a="1"/>
  <c r="E7994" i="2" s="1"/>
  <c r="E7992" i="2" a="1"/>
  <c r="E7992" i="2" s="1"/>
  <c r="E8001" i="2" a="1"/>
  <c r="E8001" i="2" s="1"/>
  <c r="E7986" i="2" a="1"/>
  <c r="E7986" i="2" s="1"/>
  <c r="E7996" i="2" a="1"/>
  <c r="E7996" i="2" s="1"/>
  <c r="E7981" i="2" a="1"/>
  <c r="E7981" i="2" s="1"/>
  <c r="E7987" i="2" a="1"/>
  <c r="E7987" i="2" s="1"/>
  <c r="E7991" i="2" a="1"/>
  <c r="E7991" i="2" s="1"/>
  <c r="E8677" i="2" a="1"/>
  <c r="E8677" i="2" s="1"/>
  <c r="E8679" i="2" a="1"/>
  <c r="E8679" i="2" s="1"/>
  <c r="E8675" i="2" a="1"/>
  <c r="E8675" i="2" s="1"/>
  <c r="E8682" i="2" a="1"/>
  <c r="E8682" i="2" s="1"/>
  <c r="E8689" i="2" a="1"/>
  <c r="E8689" i="2" s="1"/>
  <c r="E8697" i="2" a="1"/>
  <c r="E8697" i="2" s="1"/>
  <c r="E8692" i="2" a="1"/>
  <c r="E8692" i="2" s="1"/>
  <c r="E8694" i="2" a="1"/>
  <c r="E8694" i="2" s="1"/>
  <c r="E8683" i="2" a="1"/>
  <c r="E8683" i="2" s="1"/>
  <c r="E8693" i="2" a="1"/>
  <c r="E8693" i="2" s="1"/>
  <c r="E8691" i="2" a="1"/>
  <c r="E8691" i="2" s="1"/>
  <c r="E8684" i="2" a="1"/>
  <c r="E8684" i="2" s="1"/>
  <c r="E8690" i="2" a="1"/>
  <c r="E8690" i="2" s="1"/>
  <c r="E8674" i="2" a="1"/>
  <c r="E8674" i="2" s="1"/>
  <c r="E8685" i="2" a="1"/>
  <c r="E8685" i="2" s="1"/>
  <c r="E8680" i="2" a="1"/>
  <c r="E8680" i="2" s="1"/>
  <c r="E8688" i="2" a="1"/>
  <c r="E8688" i="2" s="1"/>
  <c r="E8681" i="2" a="1"/>
  <c r="E8681" i="2" s="1"/>
  <c r="E8696" i="2" a="1"/>
  <c r="E8696" i="2" s="1"/>
  <c r="E8686" i="2" a="1"/>
  <c r="E8686" i="2" s="1"/>
  <c r="H2184" i="2" a="1"/>
  <c r="H2184" i="2" s="1"/>
  <c r="H2185" i="2" a="1"/>
  <c r="H2185" i="2" s="1"/>
  <c r="H2178" i="2" a="1"/>
  <c r="H2178" i="2" s="1"/>
  <c r="H2177" i="2" a="1"/>
  <c r="H2177" i="2" s="1"/>
  <c r="H2170" i="2" a="1"/>
  <c r="H2170" i="2" s="1"/>
  <c r="H2190" i="2" a="1"/>
  <c r="H2190" i="2" s="1"/>
  <c r="H2179" i="2" a="1"/>
  <c r="H2179" i="2" s="1"/>
  <c r="H2173" i="2" a="1"/>
  <c r="H2173" i="2" s="1"/>
  <c r="H2186" i="2" a="1"/>
  <c r="H2186" i="2" s="1"/>
  <c r="H2193" i="2" a="1"/>
  <c r="H2193" i="2" s="1"/>
  <c r="H2188" i="2" a="1"/>
  <c r="H2188" i="2" s="1"/>
  <c r="H2180" i="2" a="1"/>
  <c r="H2180" i="2" s="1"/>
  <c r="H2191" i="2" a="1"/>
  <c r="H2191" i="2" s="1"/>
  <c r="H2192" i="2" a="1"/>
  <c r="H2192" i="2" s="1"/>
  <c r="H2174" i="2" a="1"/>
  <c r="H2174" i="2" s="1"/>
  <c r="H2176" i="2" a="1"/>
  <c r="H2176" i="2" s="1"/>
  <c r="H2171" i="2" a="1"/>
  <c r="H2171" i="2" s="1"/>
  <c r="H2182" i="2" a="1"/>
  <c r="H2182" i="2" s="1"/>
  <c r="H2189" i="2" a="1"/>
  <c r="H2189" i="2" s="1"/>
  <c r="H2187" i="2" a="1"/>
  <c r="H2187" i="2" s="1"/>
  <c r="H2175" i="2" a="1"/>
  <c r="H2175" i="2" s="1"/>
  <c r="AQ202" i="1"/>
  <c r="G208" i="5" s="1"/>
  <c r="AP202" i="1"/>
  <c r="F208" i="5" s="1"/>
  <c r="AO202" i="1"/>
  <c r="E208" i="5" s="1"/>
  <c r="AN202" i="1"/>
  <c r="D208" i="5" s="1"/>
  <c r="AM202" i="1"/>
  <c r="C208" i="5" s="1"/>
  <c r="F4737" i="2" a="1"/>
  <c r="F4737" i="2" s="1"/>
  <c r="F4720" i="2" a="1"/>
  <c r="F4720" i="2" s="1"/>
  <c r="F4721" i="2" a="1"/>
  <c r="F4721" i="2" s="1"/>
  <c r="F4716" i="2" a="1"/>
  <c r="F4716" i="2" s="1"/>
  <c r="F4728" i="2" a="1"/>
  <c r="F4728" i="2" s="1"/>
  <c r="F4725" i="2" a="1"/>
  <c r="F4725" i="2" s="1"/>
  <c r="F4733" i="2" a="1"/>
  <c r="F4733" i="2" s="1"/>
  <c r="F4722" i="2" a="1"/>
  <c r="F4722" i="2" s="1"/>
  <c r="F4726" i="2" a="1"/>
  <c r="F4726" i="2" s="1"/>
  <c r="F4735" i="2" a="1"/>
  <c r="F4735" i="2" s="1"/>
  <c r="F4717" i="2" a="1"/>
  <c r="F4717" i="2" s="1"/>
  <c r="F4714" i="2" a="1"/>
  <c r="F4714" i="2" s="1"/>
  <c r="F4731" i="2" a="1"/>
  <c r="F4731" i="2" s="1"/>
  <c r="F4715" i="2" a="1"/>
  <c r="F4715" i="2" s="1"/>
  <c r="F4718" i="2" a="1"/>
  <c r="F4718" i="2" s="1"/>
  <c r="F4729" i="2" a="1"/>
  <c r="F4729" i="2" s="1"/>
  <c r="F4724" i="2" a="1"/>
  <c r="F4724" i="2" s="1"/>
  <c r="F4730" i="2" a="1"/>
  <c r="F4730" i="2" s="1"/>
  <c r="F4734" i="2" a="1"/>
  <c r="F4734" i="2" s="1"/>
  <c r="F4736" i="2" a="1"/>
  <c r="F4736" i="2" s="1"/>
  <c r="AN18" i="1"/>
  <c r="D24" i="5" s="1"/>
  <c r="AP18" i="1"/>
  <c r="F24" i="5" s="1"/>
  <c r="AM18" i="1"/>
  <c r="AO143" i="1"/>
  <c r="E149" i="5" s="1"/>
  <c r="AP143" i="1"/>
  <c r="F149" i="5" s="1"/>
  <c r="AM143" i="1"/>
  <c r="C149" i="5" s="1"/>
  <c r="H5570" i="2" a="1"/>
  <c r="H5570" i="2" s="1"/>
  <c r="H5558" i="2" a="1"/>
  <c r="H5558" i="2" s="1"/>
  <c r="H5575" i="2" a="1"/>
  <c r="H5575" i="2" s="1"/>
  <c r="H5567" i="2" a="1"/>
  <c r="H5567" i="2" s="1"/>
  <c r="H5559" i="2" a="1"/>
  <c r="H5559" i="2" s="1"/>
  <c r="H5569" i="2" a="1"/>
  <c r="H5569" i="2" s="1"/>
  <c r="H5568" i="2" a="1"/>
  <c r="H5568" i="2" s="1"/>
  <c r="H5562" i="2" a="1"/>
  <c r="H5562" i="2" s="1"/>
  <c r="H5556" i="2" a="1"/>
  <c r="H5556" i="2" s="1"/>
  <c r="H5564" i="2" a="1"/>
  <c r="H5564" i="2" s="1"/>
  <c r="H5560" i="2" a="1"/>
  <c r="H5560" i="2" s="1"/>
  <c r="H5555" i="2" a="1"/>
  <c r="H5555" i="2" s="1"/>
  <c r="H5565" i="2" a="1"/>
  <c r="H5565" i="2" s="1"/>
  <c r="H5574" i="2" a="1"/>
  <c r="H5574" i="2" s="1"/>
  <c r="H5573" i="2" a="1"/>
  <c r="H5573" i="2" s="1"/>
  <c r="H5566" i="2" a="1"/>
  <c r="H5566" i="2" s="1"/>
  <c r="H5557" i="2" a="1"/>
  <c r="H5557" i="2" s="1"/>
  <c r="H5577" i="2" a="1"/>
  <c r="H5577" i="2" s="1"/>
  <c r="H5561" i="2" a="1"/>
  <c r="H5561" i="2" s="1"/>
  <c r="H5554" i="2" a="1"/>
  <c r="H5554" i="2" s="1"/>
  <c r="H5571" i="2" a="1"/>
  <c r="H5571" i="2" s="1"/>
  <c r="D5587" i="2" a="1"/>
  <c r="D5587" i="2" s="1"/>
  <c r="D5600" i="2" a="1"/>
  <c r="D5600" i="2" s="1"/>
  <c r="D5582" i="2" a="1"/>
  <c r="D5582" i="2" s="1"/>
  <c r="D5580" i="2" a="1"/>
  <c r="D5580" i="2" s="1"/>
  <c r="H3980" i="2" a="1"/>
  <c r="H3980" i="2" s="1"/>
  <c r="H3993" i="2" a="1"/>
  <c r="H3993" i="2" s="1"/>
  <c r="H3991" i="2" a="1"/>
  <c r="H3991" i="2" s="1"/>
  <c r="H3979" i="2" a="1"/>
  <c r="H3979" i="2" s="1"/>
  <c r="H3984" i="2" a="1"/>
  <c r="H3984" i="2" s="1"/>
  <c r="H3972" i="2" a="1"/>
  <c r="H3972" i="2" s="1"/>
  <c r="H3974" i="2" a="1"/>
  <c r="H3974" i="2" s="1"/>
  <c r="H3983" i="2" a="1"/>
  <c r="H3983" i="2" s="1"/>
  <c r="H3976" i="2" a="1"/>
  <c r="H3976" i="2" s="1"/>
  <c r="H3973" i="2" a="1"/>
  <c r="H3973" i="2" s="1"/>
  <c r="H3977" i="2" a="1"/>
  <c r="H3977" i="2" s="1"/>
  <c r="H3987" i="2" a="1"/>
  <c r="H3987" i="2" s="1"/>
  <c r="H3988" i="2" a="1"/>
  <c r="H3988" i="2" s="1"/>
  <c r="H3990" i="2" a="1"/>
  <c r="H3990" i="2" s="1"/>
  <c r="H3970" i="2" a="1"/>
  <c r="H3970" i="2" s="1"/>
  <c r="H3978" i="2" a="1"/>
  <c r="H3978" i="2" s="1"/>
  <c r="H3992" i="2" a="1"/>
  <c r="H3992" i="2" s="1"/>
  <c r="H3982" i="2" a="1"/>
  <c r="H3982" i="2" s="1"/>
  <c r="H3971" i="2" a="1"/>
  <c r="H3971" i="2" s="1"/>
  <c r="H3986" i="2" a="1"/>
  <c r="H3986" i="2" s="1"/>
  <c r="H3975" i="2" a="1"/>
  <c r="H3975" i="2" s="1"/>
  <c r="D2437" i="2" a="1"/>
  <c r="D2437" i="2" s="1"/>
  <c r="D2441" i="2" a="1"/>
  <c r="D2441" i="2" s="1"/>
  <c r="D2445" i="2" a="1"/>
  <c r="D2445" i="2" s="1"/>
  <c r="D2449" i="2" a="1"/>
  <c r="D2449" i="2" s="1"/>
  <c r="D2453" i="2" a="1"/>
  <c r="D2453" i="2" s="1"/>
  <c r="D2457" i="2" a="1"/>
  <c r="D2457" i="2" s="1"/>
  <c r="D2442" i="2" a="1"/>
  <c r="D2442" i="2" s="1"/>
  <c r="D2444" i="2" a="1"/>
  <c r="D2444" i="2" s="1"/>
  <c r="D2456" i="2" a="1"/>
  <c r="D2456" i="2" s="1"/>
  <c r="D2440" i="2" a="1"/>
  <c r="D2440" i="2" s="1"/>
  <c r="AQ102" i="1"/>
  <c r="G108" i="5" s="1"/>
  <c r="D2448" i="2" a="1"/>
  <c r="D2448" i="2" s="1"/>
  <c r="AN102" i="1"/>
  <c r="D108" i="5" s="1"/>
  <c r="D2452" i="2" a="1"/>
  <c r="D2452" i="2" s="1"/>
  <c r="AO102" i="1"/>
  <c r="E108" i="5" s="1"/>
  <c r="D2435" i="2" a="1"/>
  <c r="D2435" i="2" s="1"/>
  <c r="AP102" i="1"/>
  <c r="F108" i="5" s="1"/>
  <c r="D2439" i="2" a="1"/>
  <c r="D2439" i="2" s="1"/>
  <c r="AM102" i="1"/>
  <c r="C108" i="5" s="1"/>
  <c r="D2443" i="2" a="1"/>
  <c r="D2443" i="2" s="1"/>
  <c r="D2446" i="2" a="1"/>
  <c r="D2446" i="2" s="1"/>
  <c r="D2455" i="2" a="1"/>
  <c r="D2455" i="2" s="1"/>
  <c r="D2450" i="2" a="1"/>
  <c r="D2450" i="2" s="1"/>
  <c r="D2436" i="2" a="1"/>
  <c r="D2436" i="2" s="1"/>
  <c r="D2438" i="2" a="1"/>
  <c r="D2438" i="2" s="1"/>
  <c r="D1369" i="2" a="1"/>
  <c r="D1369" i="2" s="1"/>
  <c r="D1359" i="2" a="1"/>
  <c r="D1359" i="2" s="1"/>
  <c r="D1371" i="2" a="1"/>
  <c r="D1371" i="2" s="1"/>
  <c r="D1354" i="2" a="1"/>
  <c r="D1354" i="2" s="1"/>
  <c r="D1356" i="2" a="1"/>
  <c r="D1356" i="2" s="1"/>
  <c r="D1355" i="2" a="1"/>
  <c r="D1355" i="2" s="1"/>
  <c r="D1372" i="2" a="1"/>
  <c r="D1372" i="2" s="1"/>
  <c r="D1360" i="2" a="1"/>
  <c r="D1360" i="2" s="1"/>
  <c r="D1363" i="2" a="1"/>
  <c r="D1363" i="2" s="1"/>
  <c r="D1358" i="2" a="1"/>
  <c r="D1358" i="2" s="1"/>
  <c r="D1361" i="2" a="1"/>
  <c r="D1361" i="2" s="1"/>
  <c r="D1375" i="2" a="1"/>
  <c r="D1375" i="2" s="1"/>
  <c r="D1364" i="2" a="1"/>
  <c r="D1364" i="2" s="1"/>
  <c r="D1357" i="2" a="1"/>
  <c r="D1357" i="2" s="1"/>
  <c r="D1373" i="2" a="1"/>
  <c r="D1373" i="2" s="1"/>
  <c r="D1362" i="2" a="1"/>
  <c r="D1362" i="2" s="1"/>
  <c r="D1367" i="2" a="1"/>
  <c r="D1367" i="2" s="1"/>
  <c r="D1368" i="2" a="1"/>
  <c r="D1368" i="2" s="1"/>
  <c r="D1365" i="2" a="1"/>
  <c r="D1365" i="2" s="1"/>
  <c r="D1366" i="2" a="1"/>
  <c r="D1366" i="2" s="1"/>
  <c r="D1376" i="2" a="1"/>
  <c r="D1376" i="2" s="1"/>
  <c r="G8101" i="2" a="1"/>
  <c r="G8101" i="2" s="1"/>
  <c r="G8115" i="2" a="1"/>
  <c r="G8115" i="2" s="1"/>
  <c r="G8116" i="2" a="1"/>
  <c r="G8116" i="2" s="1"/>
  <c r="G8117" i="2" a="1"/>
  <c r="G8117" i="2" s="1"/>
  <c r="G8119" i="2" a="1"/>
  <c r="G8119" i="2" s="1"/>
  <c r="G8107" i="2" a="1"/>
  <c r="G8107" i="2" s="1"/>
  <c r="G8110" i="2" a="1"/>
  <c r="G8110" i="2" s="1"/>
  <c r="G8098" i="2" a="1"/>
  <c r="G8098" i="2" s="1"/>
  <c r="G8102" i="2" a="1"/>
  <c r="G8102" i="2" s="1"/>
  <c r="G8121" i="2" a="1"/>
  <c r="G8121" i="2" s="1"/>
  <c r="G8111" i="2" a="1"/>
  <c r="G8111" i="2" s="1"/>
  <c r="G8104" i="2" a="1"/>
  <c r="G8104" i="2" s="1"/>
  <c r="G8103" i="2" a="1"/>
  <c r="G8103" i="2" s="1"/>
  <c r="G8105" i="2" a="1"/>
  <c r="G8105" i="2" s="1"/>
  <c r="G8113" i="2" a="1"/>
  <c r="G8113" i="2" s="1"/>
  <c r="G8099" i="2" a="1"/>
  <c r="G8099" i="2" s="1"/>
  <c r="G8108" i="2" a="1"/>
  <c r="G8108" i="2" s="1"/>
  <c r="G8120" i="2" a="1"/>
  <c r="G8120" i="2" s="1"/>
  <c r="G8118" i="2" a="1"/>
  <c r="G8118" i="2" s="1"/>
  <c r="G8106" i="2" a="1"/>
  <c r="G8106" i="2" s="1"/>
  <c r="G8109" i="2" a="1"/>
  <c r="G8109" i="2" s="1"/>
  <c r="E8469" i="2" a="1"/>
  <c r="E8469" i="2" s="1"/>
  <c r="E8470" i="2" a="1"/>
  <c r="E8470" i="2" s="1"/>
  <c r="E8475" i="2" a="1"/>
  <c r="E8475" i="2" s="1"/>
  <c r="E8461" i="2" a="1"/>
  <c r="E8461" i="2" s="1"/>
  <c r="E8464" i="2" a="1"/>
  <c r="E8464" i="2" s="1"/>
  <c r="E8466" i="2" a="1"/>
  <c r="E8466" i="2" s="1"/>
  <c r="E8477" i="2" a="1"/>
  <c r="E8477" i="2" s="1"/>
  <c r="E2619" i="2" a="1"/>
  <c r="E2619" i="2" s="1"/>
  <c r="E2607" i="2" a="1"/>
  <c r="E2607" i="2" s="1"/>
  <c r="E2625" i="2" a="1"/>
  <c r="E2625" i="2" s="1"/>
  <c r="E2617" i="2" a="1"/>
  <c r="E2617" i="2" s="1"/>
  <c r="E2616" i="2" a="1"/>
  <c r="E2616" i="2" s="1"/>
  <c r="E2608" i="2" a="1"/>
  <c r="E2608" i="2" s="1"/>
  <c r="E2606" i="2" a="1"/>
  <c r="E2606" i="2" s="1"/>
  <c r="E2622" i="2" a="1"/>
  <c r="E2622" i="2" s="1"/>
  <c r="E2623" i="2" a="1"/>
  <c r="E2623" i="2" s="1"/>
  <c r="E2609" i="2" a="1"/>
  <c r="E2609" i="2" s="1"/>
  <c r="E2621" i="2" a="1"/>
  <c r="E2621" i="2" s="1"/>
  <c r="E2613" i="2" a="1"/>
  <c r="E2613" i="2" s="1"/>
  <c r="E2602" i="2" a="1"/>
  <c r="E2602" i="2" s="1"/>
  <c r="E2604" i="2" a="1"/>
  <c r="E2604" i="2" s="1"/>
  <c r="E2603" i="2" a="1"/>
  <c r="E2603" i="2" s="1"/>
  <c r="E2624" i="2" a="1"/>
  <c r="E2624" i="2" s="1"/>
  <c r="E2615" i="2" a="1"/>
  <c r="E2615" i="2" s="1"/>
  <c r="E2605" i="2" a="1"/>
  <c r="E2605" i="2" s="1"/>
  <c r="E2620" i="2" a="1"/>
  <c r="E2620" i="2" s="1"/>
  <c r="E2614" i="2" a="1"/>
  <c r="E2614" i="2" s="1"/>
  <c r="D6679" i="2" a="1"/>
  <c r="D6679" i="2" s="1"/>
  <c r="D6661" i="2" a="1"/>
  <c r="D6661" i="2" s="1"/>
  <c r="D6665" i="2" a="1"/>
  <c r="D6665" i="2" s="1"/>
  <c r="D6673" i="2" a="1"/>
  <c r="D6673" i="2" s="1"/>
  <c r="D6681" i="2" a="1"/>
  <c r="D6681" i="2" s="1"/>
  <c r="D6674" i="2" a="1"/>
  <c r="D6674" i="2" s="1"/>
  <c r="D6669" i="2" a="1"/>
  <c r="D6669" i="2" s="1"/>
  <c r="D6677" i="2" a="1"/>
  <c r="D6677" i="2" s="1"/>
  <c r="AQ278" i="1"/>
  <c r="G284" i="5" s="1"/>
  <c r="D6660" i="2" a="1"/>
  <c r="D6660" i="2" s="1"/>
  <c r="AO278" i="1"/>
  <c r="E284" i="5" s="1"/>
  <c r="D6664" i="2" a="1"/>
  <c r="D6664" i="2" s="1"/>
  <c r="AP278" i="1"/>
  <c r="F284" i="5" s="1"/>
  <c r="D6676" i="2" a="1"/>
  <c r="D6676" i="2" s="1"/>
  <c r="AN278" i="1"/>
  <c r="D284" i="5" s="1"/>
  <c r="D6672" i="2" a="1"/>
  <c r="D6672" i="2" s="1"/>
  <c r="AM278" i="1"/>
  <c r="C284" i="5" s="1"/>
  <c r="D6659" i="2" a="1"/>
  <c r="D6659" i="2" s="1"/>
  <c r="D6658" i="2" a="1"/>
  <c r="D6658" i="2" s="1"/>
  <c r="D6663" i="2" a="1"/>
  <c r="D6663" i="2" s="1"/>
  <c r="D6662" i="2" a="1"/>
  <c r="D6662" i="2" s="1"/>
  <c r="D6671" i="2" a="1"/>
  <c r="D6671" i="2" s="1"/>
  <c r="D6670" i="2" a="1"/>
  <c r="D6670" i="2" s="1"/>
  <c r="D6680" i="2" a="1"/>
  <c r="D6680" i="2" s="1"/>
  <c r="D6678" i="2" a="1"/>
  <c r="D6678" i="2" s="1"/>
  <c r="D6675" i="2" a="1"/>
  <c r="D6675" i="2" s="1"/>
  <c r="G4805" i="2" a="1"/>
  <c r="G4805" i="2" s="1"/>
  <c r="AM200" i="1"/>
  <c r="C206" i="5" s="1"/>
  <c r="G4797" i="2" a="1"/>
  <c r="G4797" i="2" s="1"/>
  <c r="G4788" i="2" a="1"/>
  <c r="G4788" i="2" s="1"/>
  <c r="G4795" i="2" a="1"/>
  <c r="G4795" i="2" s="1"/>
  <c r="G4793" i="2" a="1"/>
  <c r="G4793" i="2" s="1"/>
  <c r="G4800" i="2" a="1"/>
  <c r="G4800" i="2" s="1"/>
  <c r="G4796" i="2" a="1"/>
  <c r="G4796" i="2" s="1"/>
  <c r="AN200" i="1"/>
  <c r="D206" i="5" s="1"/>
  <c r="G4789" i="2" a="1"/>
  <c r="G4789" i="2" s="1"/>
  <c r="AO200" i="1"/>
  <c r="E206" i="5" s="1"/>
  <c r="G4786" i="2" a="1"/>
  <c r="G4786" i="2" s="1"/>
  <c r="H6165" i="2" a="1"/>
  <c r="H6165" i="2" s="1"/>
  <c r="H6161" i="2" a="1"/>
  <c r="H6161" i="2" s="1"/>
  <c r="H6156" i="2" a="1"/>
  <c r="H6156" i="2" s="1"/>
  <c r="H6155" i="2" a="1"/>
  <c r="H6155" i="2" s="1"/>
  <c r="H6164" i="2" a="1"/>
  <c r="H6164" i="2" s="1"/>
  <c r="H6169" i="2" a="1"/>
  <c r="H6169" i="2" s="1"/>
  <c r="H6157" i="2" a="1"/>
  <c r="H6157" i="2" s="1"/>
  <c r="H6170" i="2" a="1"/>
  <c r="H6170" i="2" s="1"/>
  <c r="H6160" i="2" a="1"/>
  <c r="H6160" i="2" s="1"/>
  <c r="H6167" i="2" a="1"/>
  <c r="H6167" i="2" s="1"/>
  <c r="H6171" i="2" a="1"/>
  <c r="H6171" i="2" s="1"/>
  <c r="H6158" i="2" a="1"/>
  <c r="H6158" i="2" s="1"/>
  <c r="H6172" i="2" a="1"/>
  <c r="H6172" i="2" s="1"/>
  <c r="H6168" i="2" a="1"/>
  <c r="H6168" i="2" s="1"/>
  <c r="G3736" i="2" a="1"/>
  <c r="G3736" i="2" s="1"/>
  <c r="G3740" i="2" a="1"/>
  <c r="G3740" i="2" s="1"/>
  <c r="G3741" i="2" a="1"/>
  <c r="G3741" i="2" s="1"/>
  <c r="G3748" i="2" a="1"/>
  <c r="G3748" i="2" s="1"/>
  <c r="G3738" i="2" a="1"/>
  <c r="G3738" i="2" s="1"/>
  <c r="G3734" i="2" a="1"/>
  <c r="G3734" i="2" s="1"/>
  <c r="G3752" i="2" a="1"/>
  <c r="G3752" i="2" s="1"/>
  <c r="G3730" i="2" a="1"/>
  <c r="G3730" i="2" s="1"/>
  <c r="G3753" i="2" a="1"/>
  <c r="G3753" i="2" s="1"/>
  <c r="G3744" i="2" a="1"/>
  <c r="G3744" i="2" s="1"/>
  <c r="G3735" i="2" a="1"/>
  <c r="G3735" i="2" s="1"/>
  <c r="G1802" i="2" a="1"/>
  <c r="G1802" i="2" s="1"/>
  <c r="G1790" i="2" a="1"/>
  <c r="G1790" i="2" s="1"/>
  <c r="G1804" i="2" a="1"/>
  <c r="G1804" i="2" s="1"/>
  <c r="G1799" i="2" a="1"/>
  <c r="G1799" i="2" s="1"/>
  <c r="G1792" i="2" a="1"/>
  <c r="G1792" i="2" s="1"/>
  <c r="G1805" i="2" a="1"/>
  <c r="G1805" i="2" s="1"/>
  <c r="G1793" i="2" a="1"/>
  <c r="G1793" i="2" s="1"/>
  <c r="G1807" i="2" a="1"/>
  <c r="G1807" i="2" s="1"/>
  <c r="G1796" i="2" a="1"/>
  <c r="G1796" i="2" s="1"/>
  <c r="G1798" i="2" a="1"/>
  <c r="G1798" i="2" s="1"/>
  <c r="G1806" i="2" a="1"/>
  <c r="G1806" i="2" s="1"/>
  <c r="G1786" i="2" a="1"/>
  <c r="G1786" i="2" s="1"/>
  <c r="G1797" i="2" a="1"/>
  <c r="G1797" i="2" s="1"/>
  <c r="G1808" i="2" a="1"/>
  <c r="G1808" i="2" s="1"/>
  <c r="G1794" i="2" a="1"/>
  <c r="G1794" i="2" s="1"/>
  <c r="G1788" i="2" a="1"/>
  <c r="G1788" i="2" s="1"/>
  <c r="G1787" i="2" a="1"/>
  <c r="G1787" i="2" s="1"/>
  <c r="G1803" i="2" a="1"/>
  <c r="G1803" i="2" s="1"/>
  <c r="G1809" i="2" a="1"/>
  <c r="G1809" i="2" s="1"/>
  <c r="G1801" i="2" a="1"/>
  <c r="G1801" i="2" s="1"/>
  <c r="G1795" i="2" a="1"/>
  <c r="G1795" i="2" s="1"/>
  <c r="G1800" i="2" a="1"/>
  <c r="G1800" i="2" s="1"/>
  <c r="D828" i="2" a="1"/>
  <c r="D828" i="2" s="1"/>
  <c r="D838" i="2" a="1"/>
  <c r="D838" i="2" s="1"/>
  <c r="D845" i="2" a="1"/>
  <c r="D845" i="2" s="1"/>
  <c r="D840" i="2" a="1"/>
  <c r="D840" i="2" s="1"/>
  <c r="D841" i="2" a="1"/>
  <c r="D841" i="2" s="1"/>
  <c r="D846" i="2" a="1"/>
  <c r="D846" i="2" s="1"/>
  <c r="D832" i="2" a="1"/>
  <c r="D832" i="2" s="1"/>
  <c r="D839" i="2" a="1"/>
  <c r="D839" i="2" s="1"/>
  <c r="D844" i="2" a="1"/>
  <c r="D844" i="2" s="1"/>
  <c r="D827" i="2" a="1"/>
  <c r="D827" i="2" s="1"/>
  <c r="D826" i="2" a="1"/>
  <c r="D826" i="2" s="1"/>
  <c r="D847" i="2" a="1"/>
  <c r="D847" i="2" s="1"/>
  <c r="D848" i="2" a="1"/>
  <c r="D848" i="2" s="1"/>
  <c r="D834" i="2" a="1"/>
  <c r="D834" i="2" s="1"/>
  <c r="D843" i="2" a="1"/>
  <c r="D843" i="2" s="1"/>
  <c r="D831" i="2" a="1"/>
  <c r="D831" i="2" s="1"/>
  <c r="D849" i="2" a="1"/>
  <c r="D849" i="2" s="1"/>
  <c r="D835" i="2" a="1"/>
  <c r="D835" i="2" s="1"/>
  <c r="D837" i="2" a="1"/>
  <c r="D837" i="2" s="1"/>
  <c r="D842" i="2" a="1"/>
  <c r="D842" i="2" s="1"/>
  <c r="D4291" i="2" a="1"/>
  <c r="D4291" i="2" s="1"/>
  <c r="D4294" i="2" a="1"/>
  <c r="D4294" i="2" s="1"/>
  <c r="D4285" i="2" a="1"/>
  <c r="D4285" i="2" s="1"/>
  <c r="D4293" i="2" a="1"/>
  <c r="D4293" i="2" s="1"/>
  <c r="D4297" i="2" a="1"/>
  <c r="D4297" i="2" s="1"/>
  <c r="AN179" i="1"/>
  <c r="D185" i="5" s="1"/>
  <c r="D4301" i="2" a="1"/>
  <c r="D4301" i="2" s="1"/>
  <c r="AQ179" i="1"/>
  <c r="G185" i="5" s="1"/>
  <c r="D4305" i="2" a="1"/>
  <c r="D4305" i="2" s="1"/>
  <c r="AP179" i="1"/>
  <c r="F185" i="5" s="1"/>
  <c r="D4290" i="2" a="1"/>
  <c r="D4290" i="2" s="1"/>
  <c r="AO179" i="1"/>
  <c r="E185" i="5" s="1"/>
  <c r="D4284" i="2" a="1"/>
  <c r="D4284" i="2" s="1"/>
  <c r="AM179" i="1"/>
  <c r="C185" i="5" s="1"/>
  <c r="D4292" i="2" a="1"/>
  <c r="D4292" i="2" s="1"/>
  <c r="D4283" i="2" a="1"/>
  <c r="D4283" i="2" s="1"/>
  <c r="D4296" i="2" a="1"/>
  <c r="D4296" i="2" s="1"/>
  <c r="D4287" i="2" a="1"/>
  <c r="D4287" i="2" s="1"/>
  <c r="D4300" i="2" a="1"/>
  <c r="D4300" i="2" s="1"/>
  <c r="D4295" i="2" a="1"/>
  <c r="D4295" i="2" s="1"/>
  <c r="D4304" i="2" a="1"/>
  <c r="D4304" i="2" s="1"/>
  <c r="D4299" i="2" a="1"/>
  <c r="D4299" i="2" s="1"/>
  <c r="D4289" i="2" a="1"/>
  <c r="D4289" i="2" s="1"/>
  <c r="D4303" i="2" a="1"/>
  <c r="D4303" i="2" s="1"/>
  <c r="D4282" i="2" a="1"/>
  <c r="D4282" i="2" s="1"/>
  <c r="D4286" i="2" a="1"/>
  <c r="D4286" i="2" s="1"/>
  <c r="D378" i="2" a="1"/>
  <c r="D378" i="2" s="1"/>
  <c r="D389" i="2" a="1"/>
  <c r="D389" i="2" s="1"/>
  <c r="D387" i="2" a="1"/>
  <c r="D387" i="2" s="1"/>
  <c r="D377" i="2" a="1"/>
  <c r="D377" i="2" s="1"/>
  <c r="D381" i="2" a="1"/>
  <c r="D381" i="2" s="1"/>
  <c r="D374" i="2" a="1"/>
  <c r="D374" i="2" s="1"/>
  <c r="D370" i="2" a="1"/>
  <c r="D370" i="2" s="1"/>
  <c r="D391" i="2" a="1"/>
  <c r="D391" i="2" s="1"/>
  <c r="F8587" i="2" a="1"/>
  <c r="F8587" i="2" s="1"/>
  <c r="F8601" i="2" a="1"/>
  <c r="F8601" i="2" s="1"/>
  <c r="F8580" i="2" a="1"/>
  <c r="F8580" i="2" s="1"/>
  <c r="F8588" i="2" a="1"/>
  <c r="F8588" i="2" s="1"/>
  <c r="F8593" i="2" a="1"/>
  <c r="F8593" i="2" s="1"/>
  <c r="F8598" i="2" a="1"/>
  <c r="F8598" i="2" s="1"/>
  <c r="F8590" i="2" a="1"/>
  <c r="F8590" i="2" s="1"/>
  <c r="F8591" i="2" a="1"/>
  <c r="F8591" i="2" s="1"/>
  <c r="F8581" i="2" a="1"/>
  <c r="F8581" i="2" s="1"/>
  <c r="F8582" i="2" a="1"/>
  <c r="F8582" i="2" s="1"/>
  <c r="F8583" i="2" a="1"/>
  <c r="F8583" i="2" s="1"/>
  <c r="F8599" i="2" a="1"/>
  <c r="F8599" i="2" s="1"/>
  <c r="F8589" i="2" a="1"/>
  <c r="F8589" i="2" s="1"/>
  <c r="F8592" i="2" a="1"/>
  <c r="F8592" i="2" s="1"/>
  <c r="F8585" i="2" a="1"/>
  <c r="F8585" i="2" s="1"/>
  <c r="F8594" i="2" a="1"/>
  <c r="F8594" i="2" s="1"/>
  <c r="F8578" i="2" a="1"/>
  <c r="F8578" i="2" s="1"/>
  <c r="F8584" i="2" a="1"/>
  <c r="F8584" i="2" s="1"/>
  <c r="F8597" i="2" a="1"/>
  <c r="F8597" i="2" s="1"/>
  <c r="AO101" i="1"/>
  <c r="E107" i="5" s="1"/>
  <c r="AN101" i="1"/>
  <c r="D107" i="5" s="1"/>
  <c r="AP101" i="1"/>
  <c r="F107" i="5" s="1"/>
  <c r="AQ101" i="1"/>
  <c r="G107" i="5" s="1"/>
  <c r="AM101" i="1"/>
  <c r="C107" i="5" s="1"/>
  <c r="F2411" i="2" a="1"/>
  <c r="F2411" i="2" s="1"/>
  <c r="H368" i="2" a="1"/>
  <c r="H368" i="2" s="1"/>
  <c r="H369" i="2" a="1"/>
  <c r="H369" i="2" s="1"/>
  <c r="H347" i="2" a="1"/>
  <c r="H347" i="2" s="1"/>
  <c r="H356" i="2" a="1"/>
  <c r="H356" i="2" s="1"/>
  <c r="H349" i="2" a="1"/>
  <c r="H349" i="2" s="1"/>
  <c r="H354" i="2" a="1"/>
  <c r="H354" i="2" s="1"/>
  <c r="H359" i="2" a="1"/>
  <c r="H359" i="2" s="1"/>
  <c r="H346" i="2" a="1"/>
  <c r="H346" i="2" s="1"/>
  <c r="H352" i="2" a="1"/>
  <c r="H352" i="2" s="1"/>
  <c r="H363" i="2" a="1"/>
  <c r="H363" i="2" s="1"/>
  <c r="H350" i="2" a="1"/>
  <c r="H350" i="2" s="1"/>
  <c r="H367" i="2" a="1"/>
  <c r="H367" i="2" s="1"/>
  <c r="H362" i="2" a="1"/>
  <c r="H362" i="2" s="1"/>
  <c r="H353" i="2" a="1"/>
  <c r="H353" i="2" s="1"/>
  <c r="H361" i="2" a="1"/>
  <c r="H361" i="2" s="1"/>
  <c r="H358" i="2" a="1"/>
  <c r="H358" i="2" s="1"/>
  <c r="H366" i="2" a="1"/>
  <c r="H366" i="2" s="1"/>
  <c r="H365" i="2" a="1"/>
  <c r="H365" i="2" s="1"/>
  <c r="H360" i="2" a="1"/>
  <c r="H360" i="2" s="1"/>
  <c r="H364" i="2" a="1"/>
  <c r="H364" i="2" s="1"/>
  <c r="H351" i="2" a="1"/>
  <c r="H351" i="2" s="1"/>
  <c r="H357" i="2" a="1"/>
  <c r="H357" i="2" s="1"/>
  <c r="F3527" i="2" a="1"/>
  <c r="F3527" i="2" s="1"/>
  <c r="F3530" i="2" a="1"/>
  <c r="F3530" i="2" s="1"/>
  <c r="F3536" i="2" a="1"/>
  <c r="F3536" i="2" s="1"/>
  <c r="F3519" i="2" a="1"/>
  <c r="F3519" i="2" s="1"/>
  <c r="F3514" i="2" a="1"/>
  <c r="F3514" i="2" s="1"/>
  <c r="F3518" i="2" a="1"/>
  <c r="F3518" i="2" s="1"/>
  <c r="F3516" i="2" a="1"/>
  <c r="F3516" i="2" s="1"/>
  <c r="F3525" i="2" a="1"/>
  <c r="F3525" i="2" s="1"/>
  <c r="F3523" i="2" a="1"/>
  <c r="F3523" i="2" s="1"/>
  <c r="F3528" i="2" a="1"/>
  <c r="F3528" i="2" s="1"/>
  <c r="F3515" i="2" a="1"/>
  <c r="F3515" i="2" s="1"/>
  <c r="F3534" i="2" a="1"/>
  <c r="F3534" i="2" s="1"/>
  <c r="F3533" i="2" a="1"/>
  <c r="F3533" i="2" s="1"/>
  <c r="F3529" i="2" a="1"/>
  <c r="F3529" i="2" s="1"/>
  <c r="F3521" i="2" a="1"/>
  <c r="F3521" i="2" s="1"/>
  <c r="F3517" i="2" a="1"/>
  <c r="F3517" i="2" s="1"/>
  <c r="F3520" i="2" a="1"/>
  <c r="F3520" i="2" s="1"/>
  <c r="F3535" i="2" a="1"/>
  <c r="F3535" i="2" s="1"/>
  <c r="F3526" i="2" a="1"/>
  <c r="F3526" i="2" s="1"/>
  <c r="F3532" i="2" a="1"/>
  <c r="F3532" i="2" s="1"/>
  <c r="E4890" i="2" a="1"/>
  <c r="E4890" i="2" s="1"/>
  <c r="E4902" i="2" a="1"/>
  <c r="E4902" i="2" s="1"/>
  <c r="E4883" i="2" a="1"/>
  <c r="E4883" i="2" s="1"/>
  <c r="E4884" i="2" a="1"/>
  <c r="E4884" i="2" s="1"/>
  <c r="E4898" i="2" a="1"/>
  <c r="E4898" i="2" s="1"/>
  <c r="E4897" i="2" a="1"/>
  <c r="E4897" i="2" s="1"/>
  <c r="E4896" i="2" a="1"/>
  <c r="E4896" i="2" s="1"/>
  <c r="E4905" i="2" a="1"/>
  <c r="E4905" i="2" s="1"/>
  <c r="E4903" i="2" a="1"/>
  <c r="E4903" i="2" s="1"/>
  <c r="E4886" i="2" a="1"/>
  <c r="E4886" i="2" s="1"/>
  <c r="E4895" i="2" a="1"/>
  <c r="E4895" i="2" s="1"/>
  <c r="E4891" i="2" a="1"/>
  <c r="E4891" i="2" s="1"/>
  <c r="E4887" i="2" a="1"/>
  <c r="E4887" i="2" s="1"/>
  <c r="E4901" i="2" a="1"/>
  <c r="E4901" i="2" s="1"/>
  <c r="E4900" i="2" a="1"/>
  <c r="E4900" i="2" s="1"/>
  <c r="E4892" i="2" a="1"/>
  <c r="E4892" i="2" s="1"/>
  <c r="E4893" i="2" a="1"/>
  <c r="E4893" i="2" s="1"/>
  <c r="E4899" i="2" a="1"/>
  <c r="E4899" i="2" s="1"/>
  <c r="E4894" i="2" a="1"/>
  <c r="E4894" i="2" s="1"/>
  <c r="E4885" i="2" a="1"/>
  <c r="E4885" i="2" s="1"/>
  <c r="E4889" i="2" a="1"/>
  <c r="E4889" i="2" s="1"/>
  <c r="E4882" i="2" a="1"/>
  <c r="E4882" i="2" s="1"/>
  <c r="E6554" i="2" a="1"/>
  <c r="E6554" i="2" s="1"/>
  <c r="E6538" i="2" a="1"/>
  <c r="E6538" i="2" s="1"/>
  <c r="E6541" i="2" a="1"/>
  <c r="E6541" i="2" s="1"/>
  <c r="E6543" i="2" a="1"/>
  <c r="E6543" i="2" s="1"/>
  <c r="E6545" i="2" a="1"/>
  <c r="E6545" i="2" s="1"/>
  <c r="E6542" i="2" a="1"/>
  <c r="E6542" i="2" s="1"/>
  <c r="E6561" i="2" a="1"/>
  <c r="E6561" i="2" s="1"/>
  <c r="E6551" i="2" a="1"/>
  <c r="E6551" i="2" s="1"/>
  <c r="E6557" i="2" a="1"/>
  <c r="E6557" i="2" s="1"/>
  <c r="E6546" i="2" a="1"/>
  <c r="E6546" i="2" s="1"/>
  <c r="E6560" i="2" a="1"/>
  <c r="E6560" i="2" s="1"/>
  <c r="E6544" i="2" a="1"/>
  <c r="E6544" i="2" s="1"/>
  <c r="G1336" i="2" a="1"/>
  <c r="G1336" i="2" s="1"/>
  <c r="G1333" i="2" a="1"/>
  <c r="G1333" i="2" s="1"/>
  <c r="G1353" i="2" a="1"/>
  <c r="G1353" i="2" s="1"/>
  <c r="G1347" i="2" a="1"/>
  <c r="G1347" i="2" s="1"/>
  <c r="G1338" i="2" a="1"/>
  <c r="G1338" i="2" s="1"/>
  <c r="G1331" i="2" a="1"/>
  <c r="G1331" i="2" s="1"/>
  <c r="G1339" i="2" a="1"/>
  <c r="G1339" i="2" s="1"/>
  <c r="G1344" i="2" a="1"/>
  <c r="G1344" i="2" s="1"/>
  <c r="G1340" i="2" a="1"/>
  <c r="G1340" i="2" s="1"/>
  <c r="G1335" i="2" a="1"/>
  <c r="G1335" i="2" s="1"/>
  <c r="G1345" i="2" a="1"/>
  <c r="G1345" i="2" s="1"/>
  <c r="G1342" i="2" a="1"/>
  <c r="G1342" i="2" s="1"/>
  <c r="G1348" i="2" a="1"/>
  <c r="G1348" i="2" s="1"/>
  <c r="G1334" i="2" a="1"/>
  <c r="G1334" i="2" s="1"/>
  <c r="G1337" i="2" a="1"/>
  <c r="G1337" i="2" s="1"/>
  <c r="G1349" i="2" a="1"/>
  <c r="G1349" i="2" s="1"/>
  <c r="G1341" i="2" a="1"/>
  <c r="G1341" i="2" s="1"/>
  <c r="G1351" i="2" a="1"/>
  <c r="G1351" i="2" s="1"/>
  <c r="G1330" i="2" a="1"/>
  <c r="G1330" i="2" s="1"/>
  <c r="G1332" i="2" a="1"/>
  <c r="G1332" i="2" s="1"/>
  <c r="G1346" i="2" a="1"/>
  <c r="G1346" i="2" s="1"/>
  <c r="AQ325" i="1"/>
  <c r="G331" i="5" s="1"/>
  <c r="AN325" i="1"/>
  <c r="D331" i="5" s="1"/>
  <c r="AP325" i="1"/>
  <c r="F331" i="5" s="1"/>
  <c r="AO325" i="1"/>
  <c r="AM325" i="1"/>
  <c r="C331" i="5" s="1"/>
  <c r="D2254" i="2" a="1"/>
  <c r="D2254" i="2" s="1"/>
  <c r="D2244" i="2" a="1"/>
  <c r="D2244" i="2" s="1"/>
  <c r="D2243" i="2" a="1"/>
  <c r="D2243" i="2" s="1"/>
  <c r="D2264" i="2" a="1"/>
  <c r="D2264" i="2" s="1"/>
  <c r="D2261" i="2" a="1"/>
  <c r="D2261" i="2" s="1"/>
  <c r="D2253" i="2" a="1"/>
  <c r="D2253" i="2" s="1"/>
  <c r="AN94" i="1"/>
  <c r="D100" i="5" s="1"/>
  <c r="D2257" i="2" a="1"/>
  <c r="D2257" i="2" s="1"/>
  <c r="AP94" i="1"/>
  <c r="F100" i="5" s="1"/>
  <c r="D2263" i="2" a="1"/>
  <c r="D2263" i="2" s="1"/>
  <c r="AO94" i="1"/>
  <c r="E100" i="5" s="1"/>
  <c r="D2242" i="2" a="1"/>
  <c r="D2242" i="2" s="1"/>
  <c r="AM94" i="1"/>
  <c r="C100" i="5" s="1"/>
  <c r="D2250" i="2" a="1"/>
  <c r="D2250" i="2" s="1"/>
  <c r="D2259" i="2" a="1"/>
  <c r="D2259" i="2" s="1"/>
  <c r="D2245" i="2" a="1"/>
  <c r="D2245" i="2" s="1"/>
  <c r="D2260" i="2" a="1"/>
  <c r="D2260" i="2" s="1"/>
  <c r="D2246" i="2" a="1"/>
  <c r="D2246" i="2" s="1"/>
  <c r="D2255" i="2" a="1"/>
  <c r="D2255" i="2" s="1"/>
  <c r="D2251" i="2" a="1"/>
  <c r="D2251" i="2" s="1"/>
  <c r="D2258" i="2" a="1"/>
  <c r="D2258" i="2" s="1"/>
  <c r="D2247" i="2" a="1"/>
  <c r="D2247" i="2" s="1"/>
  <c r="F8440" i="2" a="1"/>
  <c r="F8440" i="2" s="1"/>
  <c r="F8446" i="2" a="1"/>
  <c r="F8446" i="2" s="1"/>
  <c r="F8442" i="2" a="1"/>
  <c r="F8442" i="2" s="1"/>
  <c r="F8453" i="2" a="1"/>
  <c r="F8453" i="2" s="1"/>
  <c r="F8437" i="2" a="1"/>
  <c r="F8437" i="2" s="1"/>
  <c r="F8448" i="2" a="1"/>
  <c r="F8448" i="2" s="1"/>
  <c r="AN352" i="1"/>
  <c r="D358" i="5" s="1"/>
  <c r="F8449" i="2" a="1"/>
  <c r="F8449" i="2" s="1"/>
  <c r="AO352" i="1"/>
  <c r="E358" i="5" s="1"/>
  <c r="F8445" i="2" a="1"/>
  <c r="F8445" i="2" s="1"/>
  <c r="AQ352" i="1"/>
  <c r="G358" i="5" s="1"/>
  <c r="F8454" i="2" a="1"/>
  <c r="F8454" i="2" s="1"/>
  <c r="AP352" i="1"/>
  <c r="F358" i="5" s="1"/>
  <c r="F8455" i="2" a="1"/>
  <c r="F8455" i="2" s="1"/>
  <c r="AM352" i="1"/>
  <c r="C358" i="5" s="1"/>
  <c r="F8441" i="2" a="1"/>
  <c r="F8441" i="2" s="1"/>
  <c r="F8451" i="2" a="1"/>
  <c r="F8451" i="2" s="1"/>
  <c r="F8447" i="2" a="1"/>
  <c r="F8447" i="2" s="1"/>
  <c r="F8444" i="2" a="1"/>
  <c r="F8444" i="2" s="1"/>
  <c r="F8438" i="2" a="1"/>
  <c r="F8438" i="2" s="1"/>
  <c r="F8457" i="2" a="1"/>
  <c r="F8457" i="2" s="1"/>
  <c r="F8435" i="2" a="1"/>
  <c r="F8435" i="2" s="1"/>
  <c r="F8439" i="2" a="1"/>
  <c r="F8439" i="2" s="1"/>
  <c r="F8436" i="2" a="1"/>
  <c r="F8436" i="2" s="1"/>
  <c r="F8450" i="2" a="1"/>
  <c r="F8450" i="2" s="1"/>
  <c r="H471" i="2" a="1"/>
  <c r="H471" i="2" s="1"/>
  <c r="H487" i="2" a="1"/>
  <c r="H487" i="2" s="1"/>
  <c r="H474" i="2" a="1"/>
  <c r="H474" i="2" s="1"/>
  <c r="H478" i="2" a="1"/>
  <c r="H478" i="2" s="1"/>
  <c r="H476" i="2" a="1"/>
  <c r="H476" i="2" s="1"/>
  <c r="H470" i="2" a="1"/>
  <c r="H470" i="2" s="1"/>
  <c r="H475" i="2" a="1"/>
  <c r="H475" i="2" s="1"/>
  <c r="H472" i="2" a="1"/>
  <c r="H472" i="2" s="1"/>
  <c r="H481" i="2" a="1"/>
  <c r="H481" i="2" s="1"/>
  <c r="H479" i="2" a="1"/>
  <c r="H479" i="2" s="1"/>
  <c r="H467" i="2" a="1"/>
  <c r="H467" i="2" s="1"/>
  <c r="H486" i="2" a="1"/>
  <c r="H486" i="2" s="1"/>
  <c r="H477" i="2" a="1"/>
  <c r="H477" i="2" s="1"/>
  <c r="H480" i="2" a="1"/>
  <c r="H480" i="2" s="1"/>
  <c r="H469" i="2" a="1"/>
  <c r="H469" i="2" s="1"/>
  <c r="H466" i="2" a="1"/>
  <c r="H466" i="2" s="1"/>
  <c r="H488" i="2" a="1"/>
  <c r="H488" i="2" s="1"/>
  <c r="H482" i="2" a="1"/>
  <c r="H482" i="2" s="1"/>
  <c r="H489" i="2" a="1"/>
  <c r="H489" i="2" s="1"/>
  <c r="H468" i="2" a="1"/>
  <c r="H468" i="2" s="1"/>
  <c r="H483" i="2" a="1"/>
  <c r="H483" i="2" s="1"/>
  <c r="H484" i="2" a="1"/>
  <c r="H484" i="2" s="1"/>
  <c r="D6290" i="2" a="1"/>
  <c r="D6290" i="2" s="1"/>
  <c r="D6276" i="2" a="1"/>
  <c r="D6276" i="2" s="1"/>
  <c r="D6281" i="2" a="1"/>
  <c r="D6281" i="2" s="1"/>
  <c r="M6281" i="2" s="1"/>
  <c r="M6255" i="5" s="1"/>
  <c r="P6255" i="5" s="1"/>
  <c r="D6279" i="2" a="1"/>
  <c r="D6279" i="2" s="1"/>
  <c r="D6274" i="2" a="1"/>
  <c r="D6274" i="2" s="1"/>
  <c r="D6277" i="2" a="1"/>
  <c r="D6277" i="2" s="1"/>
  <c r="D6297" i="2" a="1"/>
  <c r="D6297" i="2" s="1"/>
  <c r="D6284" i="2" a="1"/>
  <c r="D6284" i="2" s="1"/>
  <c r="D6296" i="2" a="1"/>
  <c r="D6296" i="2" s="1"/>
  <c r="D6294" i="2" a="1"/>
  <c r="D6294" i="2" s="1"/>
  <c r="D6280" i="2" a="1"/>
  <c r="D6280" i="2" s="1"/>
  <c r="D6286" i="2" a="1"/>
  <c r="D6286" i="2" s="1"/>
  <c r="AQ262" i="1"/>
  <c r="G268" i="5" s="1"/>
  <c r="D6291" i="2" a="1"/>
  <c r="D6291" i="2" s="1"/>
  <c r="AO262" i="1"/>
  <c r="E268" i="5" s="1"/>
  <c r="D6293" i="2" a="1"/>
  <c r="D6293" i="2" s="1"/>
  <c r="AN262" i="1"/>
  <c r="D268" i="5" s="1"/>
  <c r="D6289" i="2" a="1"/>
  <c r="D6289" i="2" s="1"/>
  <c r="AM262" i="1"/>
  <c r="C268" i="5" s="1"/>
  <c r="D6278" i="2" a="1"/>
  <c r="D6278" i="2" s="1"/>
  <c r="AO96" i="1"/>
  <c r="E102" i="5" s="1"/>
  <c r="E2301" i="2" a="1"/>
  <c r="E2301" i="2" s="1"/>
  <c r="E2313" i="2" a="1"/>
  <c r="E2313" i="2" s="1"/>
  <c r="E2296" i="2" a="1"/>
  <c r="E2296" i="2" s="1"/>
  <c r="E2292" i="2" a="1"/>
  <c r="E2292" i="2" s="1"/>
  <c r="E2297" i="2" a="1"/>
  <c r="E2297" i="2" s="1"/>
  <c r="E2299" i="2" a="1"/>
  <c r="E2299" i="2" s="1"/>
  <c r="E2307" i="2" a="1"/>
  <c r="E2307" i="2" s="1"/>
  <c r="E2294" i="2" a="1"/>
  <c r="E2294" i="2" s="1"/>
  <c r="E2291" i="2" a="1"/>
  <c r="E2291" i="2" s="1"/>
  <c r="E2295" i="2" a="1"/>
  <c r="E2295" i="2" s="1"/>
  <c r="E2309" i="2" a="1"/>
  <c r="E2309" i="2" s="1"/>
  <c r="E2308" i="2" a="1"/>
  <c r="E2308" i="2" s="1"/>
  <c r="E2310" i="2" a="1"/>
  <c r="E2310" i="2" s="1"/>
  <c r="E2303" i="2" a="1"/>
  <c r="E2303" i="2" s="1"/>
  <c r="E2305" i="2" a="1"/>
  <c r="E2305" i="2" s="1"/>
  <c r="E2298" i="2" a="1"/>
  <c r="E2298" i="2" s="1"/>
  <c r="E2312" i="2" a="1"/>
  <c r="E2312" i="2" s="1"/>
  <c r="E2311" i="2" a="1"/>
  <c r="E2311" i="2" s="1"/>
  <c r="E2293" i="2" a="1"/>
  <c r="E2293" i="2" s="1"/>
  <c r="E2290" i="2" a="1"/>
  <c r="E2290" i="2" s="1"/>
  <c r="G988" i="2" a="1"/>
  <c r="G988" i="2" s="1"/>
  <c r="AM319" i="1"/>
  <c r="G2976" i="2" a="1"/>
  <c r="G2976" i="2" s="1"/>
  <c r="G4839" i="2" a="1"/>
  <c r="G4839" i="2" s="1"/>
  <c r="G4834" i="2" a="1"/>
  <c r="G4834" i="2" s="1"/>
  <c r="E1804" i="2" a="1"/>
  <c r="E1804" i="2" s="1"/>
  <c r="E1796" i="2" a="1"/>
  <c r="E1796" i="2" s="1"/>
  <c r="E6005" i="2" a="1"/>
  <c r="E6005" i="2" s="1"/>
  <c r="D8638" i="2" a="1"/>
  <c r="D8638" i="2" s="1"/>
  <c r="AM360" i="1"/>
  <c r="C366" i="5" s="1"/>
  <c r="D5518" i="2" a="1"/>
  <c r="D5518" i="2" s="1"/>
  <c r="D5511" i="2" a="1"/>
  <c r="D5511" i="2" s="1"/>
  <c r="E1137" i="2" a="1"/>
  <c r="E1137" i="2" s="1"/>
  <c r="E6549" i="2" a="1"/>
  <c r="E6549" i="2" s="1"/>
  <c r="G6152" i="2" a="1"/>
  <c r="G6152" i="2" s="1"/>
  <c r="D2492" i="2" a="1"/>
  <c r="D2492" i="2" s="1"/>
  <c r="H5572" i="2" a="1"/>
  <c r="H5572" i="2" s="1"/>
  <c r="F3524" i="2" a="1"/>
  <c r="F3524" i="2" s="1"/>
  <c r="G6587" i="2" a="1"/>
  <c r="G6587" i="2" s="1"/>
  <c r="F4732" i="2" a="1"/>
  <c r="F4732" i="2" s="1"/>
  <c r="D833" i="2" a="1"/>
  <c r="D833" i="2" s="1"/>
  <c r="E2610" i="2" a="1"/>
  <c r="E2610" i="2" s="1"/>
  <c r="E8695" i="2" a="1"/>
  <c r="E8695" i="2" s="1"/>
  <c r="AO18" i="1"/>
  <c r="E24" i="5" s="1"/>
  <c r="H6177" i="2" a="1"/>
  <c r="H6177" i="2" s="1"/>
  <c r="G993" i="2" a="1"/>
  <c r="G993" i="2" s="1"/>
  <c r="AN319" i="1"/>
  <c r="D325" i="5" s="1"/>
  <c r="G2980" i="2" a="1"/>
  <c r="G2980" i="2" s="1"/>
  <c r="G4855" i="2" a="1"/>
  <c r="G4855" i="2" s="1"/>
  <c r="G4850" i="2" a="1"/>
  <c r="G4850" i="2" s="1"/>
  <c r="E1806" i="2" a="1"/>
  <c r="E1806" i="2" s="1"/>
  <c r="E1805" i="2" a="1"/>
  <c r="E1805" i="2" s="1"/>
  <c r="E5990" i="2" a="1"/>
  <c r="E5990" i="2" s="1"/>
  <c r="D8626" i="2" a="1"/>
  <c r="D8626" i="2" s="1"/>
  <c r="AP360" i="1"/>
  <c r="F366" i="5" s="1"/>
  <c r="D5506" i="2" a="1"/>
  <c r="D5506" i="2" s="1"/>
  <c r="D5512" i="2" a="1"/>
  <c r="D5512" i="2" s="1"/>
  <c r="E1117" i="2" a="1"/>
  <c r="E1117" i="2" s="1"/>
  <c r="E6547" i="2" a="1"/>
  <c r="E6547" i="2" s="1"/>
  <c r="G6146" i="2" a="1"/>
  <c r="G6146" i="2" s="1"/>
  <c r="D2503" i="2" a="1"/>
  <c r="D2503" i="2" s="1"/>
  <c r="D6285" i="2" a="1"/>
  <c r="D6285" i="2" s="1"/>
  <c r="H5576" i="2" a="1"/>
  <c r="H5576" i="2" s="1"/>
  <c r="F3522" i="2" a="1"/>
  <c r="F3522" i="2" s="1"/>
  <c r="G6603" i="2" a="1"/>
  <c r="G6603" i="2" s="1"/>
  <c r="D4302" i="2" a="1"/>
  <c r="D4302" i="2" s="1"/>
  <c r="AQ18" i="1"/>
  <c r="G24" i="5" s="1"/>
  <c r="G4853" i="2" a="1"/>
  <c r="G4853" i="2" s="1"/>
  <c r="G4857" i="2" a="1"/>
  <c r="G4857" i="2" s="1"/>
  <c r="E1808" i="2" a="1"/>
  <c r="E1808" i="2" s="1"/>
  <c r="E1798" i="2" a="1"/>
  <c r="E1798" i="2" s="1"/>
  <c r="E6004" i="2" a="1"/>
  <c r="E6004" i="2" s="1"/>
  <c r="D8647" i="2" a="1"/>
  <c r="D8647" i="2" s="1"/>
  <c r="AN360" i="1"/>
  <c r="D366" i="5" s="1"/>
  <c r="D5529" i="2" a="1"/>
  <c r="D5529" i="2" s="1"/>
  <c r="D5508" i="2" a="1"/>
  <c r="D5508" i="2" s="1"/>
  <c r="E1131" i="2" a="1"/>
  <c r="E1131" i="2" s="1"/>
  <c r="G6140" i="2" a="1"/>
  <c r="G6140" i="2" s="1"/>
  <c r="D2504" i="2" a="1"/>
  <c r="D2504" i="2" s="1"/>
  <c r="D6283" i="2" a="1"/>
  <c r="D6283" i="2" s="1"/>
  <c r="D4298" i="2" a="1"/>
  <c r="D4298" i="2" s="1"/>
  <c r="G743" i="2" a="1"/>
  <c r="G743" i="2" s="1"/>
  <c r="G7779" i="2" a="1"/>
  <c r="G7779" i="2" s="1"/>
  <c r="G8062" i="2" a="1"/>
  <c r="G8062" i="2" s="1"/>
  <c r="G8073" i="2" a="1"/>
  <c r="G8073" i="2" s="1"/>
  <c r="G8069" i="2" a="1"/>
  <c r="G8069" i="2" s="1"/>
  <c r="G8052" i="2" a="1"/>
  <c r="G8052" i="2" s="1"/>
  <c r="G64" i="2" a="1"/>
  <c r="G64" i="2" s="1"/>
  <c r="G66" i="2" a="1"/>
  <c r="G66" i="2" s="1"/>
  <c r="G2603" i="2" a="1"/>
  <c r="G2603" i="2" s="1"/>
  <c r="G2602" i="2" a="1"/>
  <c r="G2602" i="2" s="1"/>
  <c r="G2619" i="2" a="1"/>
  <c r="G2619" i="2" s="1"/>
  <c r="D2514" i="2" a="1"/>
  <c r="D2514" i="2" s="1"/>
  <c r="D2525" i="2" a="1"/>
  <c r="D2525" i="2" s="1"/>
  <c r="D2509" i="2" a="1"/>
  <c r="D2509" i="2" s="1"/>
  <c r="E2387" i="2" a="1"/>
  <c r="E2387" i="2" s="1"/>
  <c r="E2390" i="2" a="1"/>
  <c r="E2390" i="2" s="1"/>
  <c r="E2395" i="2" a="1"/>
  <c r="E2395" i="2" s="1"/>
  <c r="E2401" i="2" a="1"/>
  <c r="E2401" i="2" s="1"/>
  <c r="E2405" i="2" a="1"/>
  <c r="E2405" i="2" s="1"/>
  <c r="F5982" i="2" a="1"/>
  <c r="F5982" i="2" s="1"/>
  <c r="F5970" i="2" a="1"/>
  <c r="F5970" i="2" s="1"/>
  <c r="E6615" i="2" a="1"/>
  <c r="E6615" i="2" s="1"/>
  <c r="E6624" i="2" a="1"/>
  <c r="E6624" i="2" s="1"/>
  <c r="H458" i="2" a="1"/>
  <c r="H458" i="2" s="1"/>
  <c r="H461" i="2" a="1"/>
  <c r="H461" i="2" s="1"/>
  <c r="H460" i="2" a="1"/>
  <c r="H460" i="2" s="1"/>
  <c r="E3325" i="2" a="1"/>
  <c r="E3325" i="2" s="1"/>
  <c r="E3331" i="2" a="1"/>
  <c r="E3331" i="2" s="1"/>
  <c r="G6255" i="2" a="1"/>
  <c r="G6255" i="2" s="1"/>
  <c r="G6262" i="2" a="1"/>
  <c r="G6262" i="2" s="1"/>
  <c r="E4532" i="2" a="1"/>
  <c r="E4532" i="2" s="1"/>
  <c r="E4525" i="2" a="1"/>
  <c r="E4525" i="2" s="1"/>
  <c r="E4541" i="2" a="1"/>
  <c r="E4541" i="2" s="1"/>
  <c r="E4528" i="2" a="1"/>
  <c r="E4528" i="2" s="1"/>
  <c r="AQ163" i="1"/>
  <c r="G169" i="5" s="1"/>
  <c r="AN163" i="1"/>
  <c r="D169" i="5" s="1"/>
  <c r="D3904" i="2" a="1"/>
  <c r="D3904" i="2" s="1"/>
  <c r="D3921" i="2" a="1"/>
  <c r="D3921" i="2" s="1"/>
  <c r="F6368" i="2" a="1"/>
  <c r="F6368" i="2" s="1"/>
  <c r="F6352" i="2" a="1"/>
  <c r="F6352" i="2" s="1"/>
  <c r="AP265" i="1"/>
  <c r="F271" i="5" s="1"/>
  <c r="F6359" i="2" a="1"/>
  <c r="F6359" i="2" s="1"/>
  <c r="AQ339" i="1"/>
  <c r="G345" i="5" s="1"/>
  <c r="E8139" i="2" a="1"/>
  <c r="E8139" i="2" s="1"/>
  <c r="E8145" i="2" a="1"/>
  <c r="E8145" i="2" s="1"/>
  <c r="E8128" i="2" a="1"/>
  <c r="E8128" i="2" s="1"/>
  <c r="E8124" i="2" a="1"/>
  <c r="E8124" i="2" s="1"/>
  <c r="D2128" i="2" a="1"/>
  <c r="D2128" i="2" s="1"/>
  <c r="D2135" i="2" a="1"/>
  <c r="D2135" i="2" s="1"/>
  <c r="D2125" i="2" a="1"/>
  <c r="D2125" i="2" s="1"/>
  <c r="D2124" i="2" a="1"/>
  <c r="D2124" i="2" s="1"/>
  <c r="E3305" i="2" a="1"/>
  <c r="E3305" i="2" s="1"/>
  <c r="E3304" i="2" a="1"/>
  <c r="E3304" i="2" s="1"/>
  <c r="F1421" i="2" a="1"/>
  <c r="F1421" i="2" s="1"/>
  <c r="F1405" i="2" a="1"/>
  <c r="F1405" i="2" s="1"/>
  <c r="F1410" i="2" a="1"/>
  <c r="F1410" i="2" s="1"/>
  <c r="G5018" i="2" a="1"/>
  <c r="G5018" i="2" s="1"/>
  <c r="G5020" i="2" a="1"/>
  <c r="G5020" i="2" s="1"/>
  <c r="G5025" i="2" a="1"/>
  <c r="G5025" i="2" s="1"/>
  <c r="G5022" i="2" a="1"/>
  <c r="G5022" i="2" s="1"/>
  <c r="F3645" i="2" a="1"/>
  <c r="F3645" i="2" s="1"/>
  <c r="F3655" i="2" a="1"/>
  <c r="F3655" i="2" s="1"/>
  <c r="F3641" i="2" a="1"/>
  <c r="F3641" i="2" s="1"/>
  <c r="AQ158" i="1"/>
  <c r="G164" i="5" s="1"/>
  <c r="AM158" i="1"/>
  <c r="C164" i="5" s="1"/>
  <c r="AM254" i="1"/>
  <c r="C260" i="5" s="1"/>
  <c r="AO254" i="1"/>
  <c r="E260" i="5" s="1"/>
  <c r="D6098" i="2" a="1"/>
  <c r="D6098" i="2" s="1"/>
  <c r="E6074" i="2" a="1"/>
  <c r="E6074" i="2" s="1"/>
  <c r="E6080" i="2" a="1"/>
  <c r="E6080" i="2" s="1"/>
  <c r="E6068" i="2" a="1"/>
  <c r="E6068" i="2" s="1"/>
  <c r="G4014" i="2" a="1"/>
  <c r="G4014" i="2" s="1"/>
  <c r="G4003" i="2" a="1"/>
  <c r="G4003" i="2" s="1"/>
  <c r="H713" i="2" a="1"/>
  <c r="H713" i="2" s="1"/>
  <c r="H720" i="2" a="1"/>
  <c r="H720" i="2" s="1"/>
  <c r="H715" i="2" a="1"/>
  <c r="H715" i="2" s="1"/>
  <c r="H728" i="2" a="1"/>
  <c r="H728" i="2" s="1"/>
  <c r="H723" i="2" a="1"/>
  <c r="H723" i="2" s="1"/>
  <c r="H711" i="2" a="1"/>
  <c r="H711" i="2" s="1"/>
  <c r="H3783" i="2" a="1"/>
  <c r="H3783" i="2" s="1"/>
  <c r="H3781" i="2" a="1"/>
  <c r="H3781" i="2" s="1"/>
  <c r="D4331" i="2" a="1"/>
  <c r="D4331" i="2" s="1"/>
  <c r="D4349" i="2" a="1"/>
  <c r="D4349" i="2" s="1"/>
  <c r="AQ114" i="1"/>
  <c r="G120" i="5" s="1"/>
  <c r="D2743" i="2" a="1"/>
  <c r="D2743" i="2" s="1"/>
  <c r="H2672" i="2" a="1"/>
  <c r="H2672" i="2" s="1"/>
  <c r="H2657" i="2" a="1"/>
  <c r="H2657" i="2" s="1"/>
  <c r="F3202" i="2" a="1"/>
  <c r="F3202" i="2" s="1"/>
  <c r="F3212" i="2" a="1"/>
  <c r="F3212" i="2" s="1"/>
  <c r="F3204" i="2" a="1"/>
  <c r="F3204" i="2" s="1"/>
  <c r="F3220" i="2" a="1"/>
  <c r="F3220" i="2" s="1"/>
  <c r="H528" i="2" a="1"/>
  <c r="H528" i="2" s="1"/>
  <c r="H531" i="2" a="1"/>
  <c r="H531" i="2" s="1"/>
  <c r="H534" i="2" a="1"/>
  <c r="H534" i="2" s="1"/>
  <c r="AP257" i="1"/>
  <c r="F263" i="5" s="1"/>
  <c r="AM257" i="1"/>
  <c r="C263" i="5" s="1"/>
  <c r="D802" i="2" a="1"/>
  <c r="D802" i="2" s="1"/>
  <c r="D825" i="2" a="1"/>
  <c r="D825" i="2" s="1"/>
  <c r="F53" i="2" a="1"/>
  <c r="F53" i="2" s="1"/>
  <c r="F50" i="2" a="1"/>
  <c r="F50" i="2" s="1"/>
  <c r="H8645" i="2" a="1"/>
  <c r="H8645" i="2" s="1"/>
  <c r="H8636" i="2" a="1"/>
  <c r="H8636" i="2" s="1"/>
  <c r="D7421" i="2" a="1"/>
  <c r="D7421" i="2" s="1"/>
  <c r="D7409" i="2" a="1"/>
  <c r="D7409" i="2" s="1"/>
  <c r="G4217" i="2" a="1"/>
  <c r="G4217" i="2" s="1"/>
  <c r="G4222" i="2" a="1"/>
  <c r="G4222" i="2" s="1"/>
  <c r="F2399" i="2" a="1"/>
  <c r="F2399" i="2" s="1"/>
  <c r="F2397" i="2" a="1"/>
  <c r="F2397" i="2" s="1"/>
  <c r="F2404" i="2" a="1"/>
  <c r="F2404" i="2" s="1"/>
  <c r="H4909" i="2" a="1"/>
  <c r="H4909" i="2" s="1"/>
  <c r="H4913" i="2" a="1"/>
  <c r="H4913" i="2" s="1"/>
  <c r="D2971" i="2" a="1"/>
  <c r="D2971" i="2" s="1"/>
  <c r="D2969" i="2" a="1"/>
  <c r="D2969" i="2" s="1"/>
  <c r="G6427" i="2" a="1"/>
  <c r="G6427" i="2" s="1"/>
  <c r="G6419" i="2" a="1"/>
  <c r="G6419" i="2" s="1"/>
  <c r="D5902" i="2" a="1"/>
  <c r="D5902" i="2" s="1"/>
  <c r="D5908" i="2" a="1"/>
  <c r="D5908" i="2" s="1"/>
  <c r="E3526" i="2" a="1"/>
  <c r="E3526" i="2" s="1"/>
  <c r="E3516" i="2" a="1"/>
  <c r="E3516" i="2" s="1"/>
  <c r="H1628" i="2" a="1"/>
  <c r="H1628" i="2" s="1"/>
  <c r="H1629" i="2" a="1"/>
  <c r="H1629" i="2" s="1"/>
  <c r="H1635" i="2" a="1"/>
  <c r="H1635" i="2" s="1"/>
  <c r="E4425" i="2" a="1"/>
  <c r="E4425" i="2" s="1"/>
  <c r="E4402" i="2" a="1"/>
  <c r="E4402" i="2" s="1"/>
  <c r="F6058" i="2" a="1"/>
  <c r="F6058" i="2" s="1"/>
  <c r="F6075" i="2" a="1"/>
  <c r="F6075" i="2" s="1"/>
  <c r="F6070" i="2" a="1"/>
  <c r="F6070" i="2" s="1"/>
  <c r="D3534" i="2" a="1"/>
  <c r="D3534" i="2" s="1"/>
  <c r="D3532" i="2" a="1"/>
  <c r="D3532" i="2" s="1"/>
  <c r="G6016" i="2" a="1"/>
  <c r="G6016" i="2" s="1"/>
  <c r="G6033" i="2" a="1"/>
  <c r="G6033" i="2" s="1"/>
  <c r="G6024" i="2" a="1"/>
  <c r="G6024" i="2" s="1"/>
  <c r="H181" i="2" a="1"/>
  <c r="H181" i="2" s="1"/>
  <c r="H184" i="2" a="1"/>
  <c r="H184" i="2" s="1"/>
  <c r="H191" i="2" a="1"/>
  <c r="H191" i="2" s="1"/>
  <c r="H197" i="2" a="1"/>
  <c r="H197" i="2" s="1"/>
  <c r="H192" i="2" a="1"/>
  <c r="H192" i="2" s="1"/>
  <c r="H179" i="2" a="1"/>
  <c r="H179" i="2" s="1"/>
  <c r="H182" i="2" a="1"/>
  <c r="H182" i="2" s="1"/>
  <c r="H198" i="2" a="1"/>
  <c r="H198" i="2" s="1"/>
  <c r="H200" i="2" a="1"/>
  <c r="H200" i="2" s="1"/>
  <c r="H188" i="2" a="1"/>
  <c r="H188" i="2" s="1"/>
  <c r="H195" i="2" a="1"/>
  <c r="H195" i="2" s="1"/>
  <c r="H178" i="2" a="1"/>
  <c r="H178" i="2" s="1"/>
  <c r="H180" i="2" a="1"/>
  <c r="H180" i="2" s="1"/>
  <c r="H190" i="2" a="1"/>
  <c r="H190" i="2" s="1"/>
  <c r="H186" i="2" a="1"/>
  <c r="H186" i="2" s="1"/>
  <c r="H193" i="2" a="1"/>
  <c r="H193" i="2" s="1"/>
  <c r="H183" i="2" a="1"/>
  <c r="H183" i="2" s="1"/>
  <c r="H189" i="2" a="1"/>
  <c r="H189" i="2" s="1"/>
  <c r="H194" i="2" a="1"/>
  <c r="H194" i="2" s="1"/>
  <c r="H201" i="2" a="1"/>
  <c r="H201" i="2" s="1"/>
  <c r="H196" i="2" a="1"/>
  <c r="H196" i="2" s="1"/>
  <c r="H3126" i="2" a="1"/>
  <c r="H3126" i="2" s="1"/>
  <c r="H3111" i="2" a="1"/>
  <c r="H3111" i="2" s="1"/>
  <c r="H3129" i="2" a="1"/>
  <c r="H3129" i="2" s="1"/>
  <c r="H3469" i="2" a="1"/>
  <c r="H3469" i="2" s="1"/>
  <c r="H3484" i="2" a="1"/>
  <c r="H3484" i="2" s="1"/>
  <c r="F3277" i="2" a="1"/>
  <c r="F3277" i="2" s="1"/>
  <c r="AQ137" i="1"/>
  <c r="G143" i="5" s="1"/>
  <c r="AN137" i="1"/>
  <c r="D143" i="5" s="1"/>
  <c r="AO137" i="1"/>
  <c r="E143" i="5" s="1"/>
  <c r="AM137" i="1"/>
  <c r="F3287" i="2" a="1"/>
  <c r="F3287" i="2" s="1"/>
  <c r="D253" i="2" a="1"/>
  <c r="D253" i="2" s="1"/>
  <c r="D264" i="2" a="1"/>
  <c r="D264" i="2" s="1"/>
  <c r="D273" i="2" a="1"/>
  <c r="D273" i="2" s="1"/>
  <c r="D266" i="2" a="1"/>
  <c r="D266" i="2" s="1"/>
  <c r="D268" i="2" a="1"/>
  <c r="D268" i="2" s="1"/>
  <c r="D250" i="2" a="1"/>
  <c r="D250" i="2" s="1"/>
  <c r="AP11" i="1"/>
  <c r="F17" i="5" s="1"/>
  <c r="D251" i="2" a="1"/>
  <c r="D251" i="2" s="1"/>
  <c r="D252" i="2" a="1"/>
  <c r="D252" i="2" s="1"/>
  <c r="D257" i="2" a="1"/>
  <c r="D257" i="2" s="1"/>
  <c r="D261" i="2" a="1"/>
  <c r="D261" i="2" s="1"/>
  <c r="D259" i="2" a="1"/>
  <c r="D259" i="2" s="1"/>
  <c r="D269" i="2" a="1"/>
  <c r="D269" i="2" s="1"/>
  <c r="D262" i="2" a="1"/>
  <c r="D262" i="2" s="1"/>
  <c r="D254" i="2" a="1"/>
  <c r="D254" i="2" s="1"/>
  <c r="D260" i="2" a="1"/>
  <c r="D260" i="2" s="1"/>
  <c r="D267" i="2" a="1"/>
  <c r="D267" i="2" s="1"/>
  <c r="D265" i="2" a="1"/>
  <c r="D265" i="2" s="1"/>
  <c r="AM11" i="1"/>
  <c r="C17" i="5" s="1"/>
  <c r="D256" i="2" a="1"/>
  <c r="D256" i="2" s="1"/>
  <c r="D270" i="2" a="1"/>
  <c r="D270" i="2" s="1"/>
  <c r="D272" i="2" a="1"/>
  <c r="D272" i="2" s="1"/>
  <c r="D263" i="2" a="1"/>
  <c r="D263" i="2" s="1"/>
  <c r="E814" i="2" a="1"/>
  <c r="E814" i="2" s="1"/>
  <c r="E804" i="2" a="1"/>
  <c r="E804" i="2" s="1"/>
  <c r="E820" i="2" a="1"/>
  <c r="E820" i="2" s="1"/>
  <c r="E819" i="2" a="1"/>
  <c r="E819" i="2" s="1"/>
  <c r="E809" i="2" a="1"/>
  <c r="E809" i="2" s="1"/>
  <c r="E822" i="2" a="1"/>
  <c r="E822" i="2" s="1"/>
  <c r="E824" i="2" a="1"/>
  <c r="E824" i="2" s="1"/>
  <c r="E805" i="2" a="1"/>
  <c r="E805" i="2" s="1"/>
  <c r="E807" i="2" a="1"/>
  <c r="E807" i="2" s="1"/>
  <c r="AP24" i="1"/>
  <c r="F30" i="5" s="1"/>
  <c r="G983" i="2" a="1"/>
  <c r="G983" i="2" s="1"/>
  <c r="AO319" i="1"/>
  <c r="E325" i="5" s="1"/>
  <c r="G2973" i="2" a="1"/>
  <c r="G2973" i="2" s="1"/>
  <c r="G4844" i="2" a="1"/>
  <c r="G4844" i="2" s="1"/>
  <c r="E1797" i="2" a="1"/>
  <c r="E1797" i="2" s="1"/>
  <c r="E5989" i="2" a="1"/>
  <c r="E5989" i="2" s="1"/>
  <c r="D8644" i="2" a="1"/>
  <c r="D8644" i="2" s="1"/>
  <c r="AQ360" i="1"/>
  <c r="G366" i="5" s="1"/>
  <c r="D5509" i="2" a="1"/>
  <c r="D5509" i="2" s="1"/>
  <c r="AM230" i="1"/>
  <c r="E1129" i="2" a="1"/>
  <c r="E1129" i="2" s="1"/>
  <c r="G6134" i="2" a="1"/>
  <c r="G6134" i="2" s="1"/>
  <c r="D2500" i="2" a="1"/>
  <c r="D2500" i="2" s="1"/>
  <c r="D6287" i="2" a="1"/>
  <c r="D6287" i="2" s="1"/>
  <c r="D4288" i="2" a="1"/>
  <c r="D4288" i="2" s="1"/>
  <c r="G737" i="2" a="1"/>
  <c r="G737" i="2" s="1"/>
  <c r="G7774" i="2" a="1"/>
  <c r="G7774" i="2" s="1"/>
  <c r="G1350" i="2" a="1"/>
  <c r="G1350" i="2" s="1"/>
  <c r="F8434" i="2" a="1"/>
  <c r="F8434" i="2" s="1"/>
  <c r="G430" i="2" a="1"/>
  <c r="G430" i="2" s="1"/>
  <c r="H1390" i="2" a="1"/>
  <c r="H1390" i="2" s="1"/>
  <c r="G987" i="2" a="1"/>
  <c r="G987" i="2" s="1"/>
  <c r="AQ319" i="1"/>
  <c r="G325" i="5" s="1"/>
  <c r="G2983" i="2" a="1"/>
  <c r="G2983" i="2" s="1"/>
  <c r="G4838" i="2" a="1"/>
  <c r="G4838" i="2" s="1"/>
  <c r="E1791" i="2" a="1"/>
  <c r="E1791" i="2" s="1"/>
  <c r="E6008" i="2" a="1"/>
  <c r="E6008" i="2" s="1"/>
  <c r="E6000" i="2" a="1"/>
  <c r="E6000" i="2" s="1"/>
  <c r="D8643" i="2" a="1"/>
  <c r="D8643" i="2" s="1"/>
  <c r="AO360" i="1"/>
  <c r="E366" i="5" s="1"/>
  <c r="D5515" i="2" a="1"/>
  <c r="D5515" i="2" s="1"/>
  <c r="AN230" i="1"/>
  <c r="D236" i="5" s="1"/>
  <c r="E1135" i="2" a="1"/>
  <c r="E1135" i="2" s="1"/>
  <c r="G6150" i="2" a="1"/>
  <c r="G6150" i="2" s="1"/>
  <c r="D2501" i="2" a="1"/>
  <c r="D2501" i="2" s="1"/>
  <c r="D6275" i="2" a="1"/>
  <c r="D6275" i="2" s="1"/>
  <c r="D2122" i="2" a="1"/>
  <c r="D2122" i="2" s="1"/>
  <c r="G5732" i="2" a="1"/>
  <c r="G5732" i="2" s="1"/>
  <c r="G732" i="2" a="1"/>
  <c r="G732" i="2" s="1"/>
  <c r="G7777" i="2" a="1"/>
  <c r="G7777" i="2" s="1"/>
  <c r="G1352" i="2" a="1"/>
  <c r="G1352" i="2" s="1"/>
  <c r="F8456" i="2" a="1"/>
  <c r="F8456" i="2" s="1"/>
  <c r="H1385" i="2" a="1"/>
  <c r="H1385" i="2" s="1"/>
  <c r="G975" i="2" a="1"/>
  <c r="G975" i="2" s="1"/>
  <c r="G2963" i="2" a="1"/>
  <c r="G2963" i="2" s="1"/>
  <c r="G4851" i="2" a="1"/>
  <c r="G4851" i="2" s="1"/>
  <c r="E1789" i="2" a="1"/>
  <c r="E1789" i="2" s="1"/>
  <c r="E5987" i="2" a="1"/>
  <c r="E5987" i="2" s="1"/>
  <c r="E6002" i="2" a="1"/>
  <c r="E6002" i="2" s="1"/>
  <c r="D8639" i="2" a="1"/>
  <c r="D8639" i="2" s="1"/>
  <c r="D5526" i="2" a="1"/>
  <c r="D5526" i="2" s="1"/>
  <c r="AQ230" i="1"/>
  <c r="G236" i="5" s="1"/>
  <c r="E1134" i="2" a="1"/>
  <c r="E1134" i="2" s="1"/>
  <c r="G6145" i="2" a="1"/>
  <c r="G6145" i="2" s="1"/>
  <c r="D2488" i="2" a="1"/>
  <c r="D2488" i="2" s="1"/>
  <c r="D6288" i="2" a="1"/>
  <c r="D6288" i="2" s="1"/>
  <c r="AP200" i="1"/>
  <c r="F206" i="5" s="1"/>
  <c r="G5734" i="2" a="1"/>
  <c r="G5734" i="2" s="1"/>
  <c r="G3461" i="2" a="1"/>
  <c r="G3461" i="2" s="1"/>
  <c r="G1343" i="2" a="1"/>
  <c r="G1343" i="2" s="1"/>
  <c r="H3678" i="2" a="1"/>
  <c r="H3678" i="2" s="1"/>
  <c r="H3668" i="2" a="1"/>
  <c r="H3668" i="2" s="1"/>
  <c r="G439" i="2" a="1"/>
  <c r="G439" i="2" s="1"/>
  <c r="G435" i="2" a="1"/>
  <c r="G435" i="2" s="1"/>
  <c r="H1398" i="2" a="1"/>
  <c r="H1398" i="2" s="1"/>
  <c r="H1397" i="2" a="1"/>
  <c r="H1397" i="2" s="1"/>
  <c r="G973" i="2" a="1"/>
  <c r="G973" i="2" s="1"/>
  <c r="G2972" i="2" a="1"/>
  <c r="G2972" i="2" s="1"/>
  <c r="G4847" i="2" a="1"/>
  <c r="G4847" i="2" s="1"/>
  <c r="E1795" i="2" a="1"/>
  <c r="E1795" i="2" s="1"/>
  <c r="E5997" i="2" a="1"/>
  <c r="E5997" i="2" s="1"/>
  <c r="E5999" i="2" a="1"/>
  <c r="E5999" i="2" s="1"/>
  <c r="D8635" i="2" a="1"/>
  <c r="D8635" i="2" s="1"/>
  <c r="D5519" i="2" a="1"/>
  <c r="D5519" i="2" s="1"/>
  <c r="AO230" i="1"/>
  <c r="E236" i="5" s="1"/>
  <c r="E1126" i="2" a="1"/>
  <c r="E1126" i="2" s="1"/>
  <c r="G6130" i="2" a="1"/>
  <c r="G6130" i="2" s="1"/>
  <c r="D2485" i="2" a="1"/>
  <c r="D2485" i="2" s="1"/>
  <c r="D6292" i="2" a="1"/>
  <c r="D6292" i="2" s="1"/>
  <c r="G8071" i="2" a="1"/>
  <c r="G8071" i="2" s="1"/>
  <c r="AQ200" i="1"/>
  <c r="G206" i="5" s="1"/>
  <c r="G5733" i="2" a="1"/>
  <c r="G5733" i="2" s="1"/>
  <c r="H3989" i="2" a="1"/>
  <c r="H3989" i="2" s="1"/>
  <c r="E4007" i="2" a="1"/>
  <c r="E4007" i="2" s="1"/>
  <c r="AM362" i="1"/>
  <c r="C368" i="5" s="1"/>
  <c r="H3673" i="2" a="1"/>
  <c r="H3673" i="2" s="1"/>
  <c r="H3662" i="2" a="1"/>
  <c r="H3662" i="2" s="1"/>
  <c r="G434" i="2" a="1"/>
  <c r="G434" i="2" s="1"/>
  <c r="G418" i="2" a="1"/>
  <c r="G418" i="2" s="1"/>
  <c r="H1392" i="2" a="1"/>
  <c r="H1392" i="2" s="1"/>
  <c r="H1381" i="2" a="1"/>
  <c r="H1381" i="2" s="1"/>
  <c r="G985" i="2" a="1"/>
  <c r="G985" i="2" s="1"/>
  <c r="G2984" i="2" a="1"/>
  <c r="G2984" i="2" s="1"/>
  <c r="G4836" i="2" a="1"/>
  <c r="G4836" i="2" s="1"/>
  <c r="E1788" i="2" a="1"/>
  <c r="E1788" i="2" s="1"/>
  <c r="E5993" i="2" a="1"/>
  <c r="E5993" i="2" s="1"/>
  <c r="E5998" i="2" a="1"/>
  <c r="E5998" i="2" s="1"/>
  <c r="D8631" i="2" a="1"/>
  <c r="D8631" i="2" s="1"/>
  <c r="D5516" i="2" a="1"/>
  <c r="D5516" i="2" s="1"/>
  <c r="AP230" i="1"/>
  <c r="F236" i="5" s="1"/>
  <c r="E1116" i="2" a="1"/>
  <c r="E1116" i="2" s="1"/>
  <c r="G6153" i="2" a="1"/>
  <c r="G6153" i="2" s="1"/>
  <c r="D2494" i="2" a="1"/>
  <c r="D2494" i="2" s="1"/>
  <c r="D6282" i="2" a="1"/>
  <c r="D6282" i="2" s="1"/>
  <c r="F8595" i="2" a="1"/>
  <c r="F8595" i="2" s="1"/>
  <c r="E5014" i="2" a="1"/>
  <c r="E5014" i="2" s="1"/>
  <c r="D6668" i="2" a="1"/>
  <c r="D6668" i="2" s="1"/>
  <c r="H3985" i="2" a="1"/>
  <c r="H3985" i="2" s="1"/>
  <c r="D2265" i="2" a="1"/>
  <c r="D2265" i="2" s="1"/>
  <c r="AP362" i="1"/>
  <c r="F368" i="5" s="1"/>
  <c r="H3680" i="2" a="1"/>
  <c r="H3680" i="2" s="1"/>
  <c r="H3667" i="2" a="1"/>
  <c r="H3667" i="2" s="1"/>
  <c r="G440" i="2" a="1"/>
  <c r="G440" i="2" s="1"/>
  <c r="G432" i="2" a="1"/>
  <c r="G432" i="2" s="1"/>
  <c r="H1400" i="2" a="1"/>
  <c r="H1400" i="2" s="1"/>
  <c r="H1389" i="2" a="1"/>
  <c r="H1389" i="2" s="1"/>
  <c r="G971" i="2" a="1"/>
  <c r="G971" i="2" s="1"/>
  <c r="G2975" i="2" a="1"/>
  <c r="G2975" i="2" s="1"/>
  <c r="G4845" i="2" a="1"/>
  <c r="G4845" i="2" s="1"/>
  <c r="E1800" i="2" a="1"/>
  <c r="E1800" i="2" s="1"/>
  <c r="E6006" i="2" a="1"/>
  <c r="E6006" i="2" s="1"/>
  <c r="D8648" i="2" a="1"/>
  <c r="D8648" i="2" s="1"/>
  <c r="D5513" i="2" a="1"/>
  <c r="D5513" i="2" s="1"/>
  <c r="E1127" i="2" a="1"/>
  <c r="E1127" i="2" s="1"/>
  <c r="AN275" i="1"/>
  <c r="D281" i="5" s="1"/>
  <c r="G6143" i="2" a="1"/>
  <c r="G6143" i="2" s="1"/>
  <c r="AQ104" i="1"/>
  <c r="G110" i="5" s="1"/>
  <c r="AP262" i="1"/>
  <c r="F268" i="5" s="1"/>
  <c r="F8600" i="2" a="1"/>
  <c r="F8600" i="2" s="1"/>
  <c r="D567" i="2" a="1"/>
  <c r="D567" i="2" s="1"/>
  <c r="H8187" i="2" a="1"/>
  <c r="H8187" i="2" s="1"/>
  <c r="D6666" i="2" a="1"/>
  <c r="D6666" i="2" s="1"/>
  <c r="E7998" i="2" a="1"/>
  <c r="E7998" i="2" s="1"/>
  <c r="H355" i="2" a="1"/>
  <c r="H355" i="2" s="1"/>
  <c r="H1378" i="2" a="1"/>
  <c r="H1378" i="2" s="1"/>
  <c r="G981" i="2" a="1"/>
  <c r="G981" i="2" s="1"/>
  <c r="G2969" i="2" a="1"/>
  <c r="G2969" i="2" s="1"/>
  <c r="G4843" i="2" a="1"/>
  <c r="G4843" i="2" s="1"/>
  <c r="E1793" i="2" a="1"/>
  <c r="E1793" i="2" s="1"/>
  <c r="E5996" i="2" a="1"/>
  <c r="E5996" i="2" s="1"/>
  <c r="D8640" i="2" a="1"/>
  <c r="D8640" i="2" s="1"/>
  <c r="D5507" i="2" a="1"/>
  <c r="D5507" i="2" s="1"/>
  <c r="E1133" i="2" a="1"/>
  <c r="E1133" i="2" s="1"/>
  <c r="E6548" i="2" a="1"/>
  <c r="E6548" i="2" s="1"/>
  <c r="D8235" i="2" a="1"/>
  <c r="D8235" i="2" s="1"/>
  <c r="AP275" i="1"/>
  <c r="F281" i="5" s="1"/>
  <c r="G6148" i="2" a="1"/>
  <c r="G6148" i="2" s="1"/>
  <c r="AO104" i="1"/>
  <c r="E110" i="5" s="1"/>
  <c r="H2399" i="2" a="1"/>
  <c r="H2399" i="2" s="1"/>
  <c r="H2183" i="2" a="1"/>
  <c r="H2183" i="2" s="1"/>
  <c r="F8596" i="2" a="1"/>
  <c r="F8596" i="2" s="1"/>
  <c r="D580" i="2" a="1"/>
  <c r="D580" i="2" s="1"/>
  <c r="H8180" i="2" a="1"/>
  <c r="H8180" i="2" s="1"/>
  <c r="H473" i="2" a="1"/>
  <c r="H473" i="2" s="1"/>
  <c r="D3698" i="2" a="1"/>
  <c r="D3698" i="2" s="1"/>
  <c r="AQ362" i="1"/>
  <c r="G368" i="5" s="1"/>
  <c r="H3666" i="2" a="1"/>
  <c r="H3666" i="2" s="1"/>
  <c r="G424" i="2" a="1"/>
  <c r="G424" i="2" s="1"/>
  <c r="H1395" i="2" a="1"/>
  <c r="H1395" i="2" s="1"/>
  <c r="G972" i="2" a="1"/>
  <c r="G972" i="2" s="1"/>
  <c r="G2981" i="2" a="1"/>
  <c r="G2981" i="2" s="1"/>
  <c r="G2962" i="2" a="1"/>
  <c r="G2962" i="2" s="1"/>
  <c r="G4849" i="2" a="1"/>
  <c r="G4849" i="2" s="1"/>
  <c r="E1803" i="2" a="1"/>
  <c r="E1803" i="2" s="1"/>
  <c r="E5992" i="2" a="1"/>
  <c r="E5992" i="2" s="1"/>
  <c r="D8636" i="2" a="1"/>
  <c r="D8636" i="2" s="1"/>
  <c r="D5510" i="2" a="1"/>
  <c r="D5510" i="2" s="1"/>
  <c r="E1136" i="2" a="1"/>
  <c r="E1136" i="2" s="1"/>
  <c r="E6556" i="2" a="1"/>
  <c r="E6556" i="2" s="1"/>
  <c r="D8227" i="2" a="1"/>
  <c r="D8227" i="2" s="1"/>
  <c r="G6151" i="2" a="1"/>
  <c r="G6151" i="2" s="1"/>
  <c r="H2389" i="2" a="1"/>
  <c r="H2389" i="2" s="1"/>
  <c r="H2181" i="2" a="1"/>
  <c r="H2181" i="2" s="1"/>
  <c r="F8579" i="2" a="1"/>
  <c r="F8579" i="2" s="1"/>
  <c r="H485" i="2" a="1"/>
  <c r="H485" i="2" s="1"/>
  <c r="D4019" i="2" a="1"/>
  <c r="D4019" i="2" s="1"/>
  <c r="G1791" i="2" a="1"/>
  <c r="G1791" i="2" s="1"/>
  <c r="G431" i="2" a="1"/>
  <c r="G431" i="2" s="1"/>
  <c r="H1386" i="2" a="1"/>
  <c r="H1386" i="2" s="1"/>
  <c r="G976" i="2" a="1"/>
  <c r="G976" i="2" s="1"/>
  <c r="G2964" i="2" a="1"/>
  <c r="G2964" i="2" s="1"/>
  <c r="G2974" i="2" a="1"/>
  <c r="G2974" i="2" s="1"/>
  <c r="G4854" i="2" a="1"/>
  <c r="G4854" i="2" s="1"/>
  <c r="E1799" i="2" a="1"/>
  <c r="E1799" i="2" s="1"/>
  <c r="E5995" i="2" a="1"/>
  <c r="E5995" i="2" s="1"/>
  <c r="D8632" i="2" a="1"/>
  <c r="D8632" i="2" s="1"/>
  <c r="D5520" i="2" a="1"/>
  <c r="D5520" i="2" s="1"/>
  <c r="E1132" i="2" a="1"/>
  <c r="E1132" i="2" s="1"/>
  <c r="E6553" i="2" a="1"/>
  <c r="E6553" i="2" s="1"/>
  <c r="D8232" i="2" a="1"/>
  <c r="D8232" i="2" s="1"/>
  <c r="H2394" i="2" a="1"/>
  <c r="H2394" i="2" s="1"/>
  <c r="D6089" i="2" a="1"/>
  <c r="D6089" i="2" s="1"/>
  <c r="H2172" i="2" a="1"/>
  <c r="H2172" i="2" s="1"/>
  <c r="E2304" i="2" a="1"/>
  <c r="E2304" i="2" s="1"/>
  <c r="G1789" i="2" a="1"/>
  <c r="G1789" i="2" s="1"/>
  <c r="H3663" i="2" a="1"/>
  <c r="H3663" i="2" s="1"/>
  <c r="G438" i="2" a="1"/>
  <c r="G438" i="2" s="1"/>
  <c r="H1383" i="2" a="1"/>
  <c r="H1383" i="2" s="1"/>
  <c r="G990" i="2" a="1"/>
  <c r="G990" i="2" s="1"/>
  <c r="G2965" i="2" a="1"/>
  <c r="G2965" i="2" s="1"/>
  <c r="G2968" i="2" a="1"/>
  <c r="G2968" i="2" s="1"/>
  <c r="G4852" i="2" a="1"/>
  <c r="G4852" i="2" s="1"/>
  <c r="E1792" i="2" a="1"/>
  <c r="E1792" i="2" s="1"/>
  <c r="E6003" i="2" a="1"/>
  <c r="E6003" i="2" s="1"/>
  <c r="D8649" i="2" a="1"/>
  <c r="D8649" i="2" s="1"/>
  <c r="D5527" i="2" a="1"/>
  <c r="D5527" i="2" s="1"/>
  <c r="E1130" i="2" a="1"/>
  <c r="E1130" i="2" s="1"/>
  <c r="E1124" i="2" a="1"/>
  <c r="E1124" i="2" s="1"/>
  <c r="E6555" i="2" a="1"/>
  <c r="E6555" i="2" s="1"/>
  <c r="D8239" i="2" a="1"/>
  <c r="D8239" i="2" s="1"/>
  <c r="H2409" i="2" a="1"/>
  <c r="H2409" i="2" s="1"/>
  <c r="H8145" i="2" a="1"/>
  <c r="H8145" i="2" s="1"/>
  <c r="E2300" i="2" a="1"/>
  <c r="E2300" i="2" s="1"/>
  <c r="D1374" i="2" a="1"/>
  <c r="D1374" i="2" s="1"/>
  <c r="AM324" i="1"/>
  <c r="C330" i="5" s="1"/>
  <c r="H3665" i="2" a="1"/>
  <c r="H3665" i="2" s="1"/>
  <c r="G437" i="2" a="1"/>
  <c r="G437" i="2" s="1"/>
  <c r="H1401" i="2" a="1"/>
  <c r="H1401" i="2" s="1"/>
  <c r="G979" i="2" a="1"/>
  <c r="G979" i="2" s="1"/>
  <c r="G2985" i="2" a="1"/>
  <c r="G2985" i="2" s="1"/>
  <c r="G2982" i="2" a="1"/>
  <c r="G2982" i="2" s="1"/>
  <c r="G4835" i="2" a="1"/>
  <c r="G4835" i="2" s="1"/>
  <c r="E1801" i="2" a="1"/>
  <c r="E1801" i="2" s="1"/>
  <c r="E6007" i="2" a="1"/>
  <c r="E6007" i="2" s="1"/>
  <c r="D8637" i="2" a="1"/>
  <c r="D8637" i="2" s="1"/>
  <c r="D5524" i="2" a="1"/>
  <c r="D5524" i="2" s="1"/>
  <c r="E1125" i="2" a="1"/>
  <c r="E1125" i="2" s="1"/>
  <c r="E1128" i="2" a="1"/>
  <c r="E1128" i="2" s="1"/>
  <c r="E3324" i="2" a="1"/>
  <c r="E3324" i="2" s="1"/>
  <c r="E6552" i="2" a="1"/>
  <c r="E6552" i="2" s="1"/>
  <c r="D8236" i="2" a="1"/>
  <c r="D8236" i="2" s="1"/>
  <c r="AN143" i="1"/>
  <c r="D149" i="5" s="1"/>
  <c r="H2390" i="2" a="1"/>
  <c r="H2390" i="2" s="1"/>
  <c r="H8141" i="2" a="1"/>
  <c r="H8141" i="2" s="1"/>
  <c r="E2302" i="2" a="1"/>
  <c r="E2302" i="2" s="1"/>
  <c r="D1370" i="2" a="1"/>
  <c r="D1370" i="2" s="1"/>
  <c r="D2447" i="2" a="1"/>
  <c r="D2447" i="2" s="1"/>
  <c r="AO181" i="1"/>
  <c r="E187" i="5" s="1"/>
  <c r="H3661" i="2" a="1"/>
  <c r="H3661" i="2" s="1"/>
  <c r="G428" i="2" a="1"/>
  <c r="G428" i="2" s="1"/>
  <c r="H1380" i="2" a="1"/>
  <c r="H1380" i="2" s="1"/>
  <c r="AM51" i="1"/>
  <c r="G982" i="2" a="1"/>
  <c r="G982" i="2" s="1"/>
  <c r="G2966" i="2" a="1"/>
  <c r="G2966" i="2" s="1"/>
  <c r="G4842" i="2" a="1"/>
  <c r="G4842" i="2" s="1"/>
  <c r="E1807" i="2" a="1"/>
  <c r="E1807" i="2" s="1"/>
  <c r="E5988" i="2" a="1"/>
  <c r="E5988" i="2" s="1"/>
  <c r="D8646" i="2" a="1"/>
  <c r="D8646" i="2" s="1"/>
  <c r="D5517" i="2" a="1"/>
  <c r="D5517" i="2" s="1"/>
  <c r="E1122" i="2" a="1"/>
  <c r="E1122" i="2" s="1"/>
  <c r="E1123" i="2" a="1"/>
  <c r="E1123" i="2" s="1"/>
  <c r="E3335" i="2" a="1"/>
  <c r="E3335" i="2" s="1"/>
  <c r="E6540" i="2" a="1"/>
  <c r="E6540" i="2" s="1"/>
  <c r="D8237" i="2" a="1"/>
  <c r="D8237" i="2" s="1"/>
  <c r="AQ143" i="1"/>
  <c r="G149" i="5" s="1"/>
  <c r="E1999" i="2" a="1"/>
  <c r="E1999" i="2" s="1"/>
  <c r="H8140" i="2" a="1"/>
  <c r="H8140" i="2" s="1"/>
  <c r="E2306" i="2" a="1"/>
  <c r="E2306" i="2" s="1"/>
  <c r="D1377" i="2" a="1"/>
  <c r="D1377" i="2" s="1"/>
  <c r="D2451" i="2" a="1"/>
  <c r="D2451" i="2" s="1"/>
  <c r="E4888" i="2" a="1"/>
  <c r="E4888" i="2" s="1"/>
  <c r="D373" i="2" a="1"/>
  <c r="D373" i="2" s="1"/>
  <c r="AO324" i="1"/>
  <c r="H3672" i="2" a="1"/>
  <c r="H3672" i="2" s="1"/>
  <c r="G420" i="2" a="1"/>
  <c r="G420" i="2" s="1"/>
  <c r="H1394" i="2" a="1"/>
  <c r="H1394" i="2" s="1"/>
  <c r="G7067" i="2" a="1"/>
  <c r="G7067" i="2" s="1"/>
  <c r="AN51" i="1"/>
  <c r="D57" i="5" s="1"/>
  <c r="G970" i="2" a="1"/>
  <c r="G970" i="2" s="1"/>
  <c r="G989" i="2" a="1"/>
  <c r="G989" i="2" s="1"/>
  <c r="G2970" i="2" a="1"/>
  <c r="G2970" i="2" s="1"/>
  <c r="G4837" i="2" a="1"/>
  <c r="G4837" i="2" s="1"/>
  <c r="E1809" i="2" a="1"/>
  <c r="E1809" i="2" s="1"/>
  <c r="E5986" i="2" a="1"/>
  <c r="E5986" i="2" s="1"/>
  <c r="D8628" i="2" a="1"/>
  <c r="D8628" i="2" s="1"/>
  <c r="D8645" i="2" a="1"/>
  <c r="D8645" i="2" s="1"/>
  <c r="D5522" i="2" a="1"/>
  <c r="D5522" i="2" s="1"/>
  <c r="E1120" i="2" a="1"/>
  <c r="E1120" i="2" s="1"/>
  <c r="E1121" i="2" a="1"/>
  <c r="E1121" i="2" s="1"/>
  <c r="E3323" i="2" a="1"/>
  <c r="E3323" i="2" s="1"/>
  <c r="E6558" i="2" a="1"/>
  <c r="E6558" i="2" s="1"/>
  <c r="D8223" i="2" a="1"/>
  <c r="D8223" i="2" s="1"/>
  <c r="E1987" i="2" a="1"/>
  <c r="E1987" i="2" s="1"/>
  <c r="D3903" i="2" a="1"/>
  <c r="D3903" i="2" s="1"/>
  <c r="G8100" i="2" a="1"/>
  <c r="G8100" i="2" s="1"/>
  <c r="H8123" i="2" a="1"/>
  <c r="H8123" i="2" s="1"/>
  <c r="F7662" i="2" a="1"/>
  <c r="F7662" i="2" s="1"/>
  <c r="D2454" i="2" a="1"/>
  <c r="D2454" i="2" s="1"/>
  <c r="E4904" i="2" a="1"/>
  <c r="E4904" i="2" s="1"/>
  <c r="G4792" i="2" a="1"/>
  <c r="G4792" i="2" s="1"/>
  <c r="D371" i="2" a="1"/>
  <c r="D371" i="2" s="1"/>
  <c r="AQ324" i="1"/>
  <c r="G330" i="5" s="1"/>
  <c r="G425" i="2" a="1"/>
  <c r="G425" i="2" s="1"/>
  <c r="G992" i="2" a="1"/>
  <c r="G992" i="2" s="1"/>
  <c r="G4840" i="2" a="1"/>
  <c r="G4840" i="2" s="1"/>
  <c r="E1802" i="2" a="1"/>
  <c r="E1802" i="2" s="1"/>
  <c r="D8642" i="2" a="1"/>
  <c r="D8642" i="2" s="1"/>
  <c r="E3343" i="2" a="1"/>
  <c r="E3343" i="2" s="1"/>
  <c r="E6539" i="2" a="1"/>
  <c r="E6539" i="2" s="1"/>
  <c r="D8230" i="2" a="1"/>
  <c r="D8230" i="2" s="1"/>
  <c r="E1994" i="2" a="1"/>
  <c r="E1994" i="2" s="1"/>
  <c r="G8112" i="2" a="1"/>
  <c r="G8112" i="2" s="1"/>
  <c r="G6598" i="2" a="1"/>
  <c r="G6598" i="2" s="1"/>
  <c r="F4723" i="2" a="1"/>
  <c r="F4723" i="2" s="1"/>
  <c r="D829" i="2" a="1"/>
  <c r="D829" i="2" s="1"/>
  <c r="H8135" i="2" a="1"/>
  <c r="H8135" i="2" s="1"/>
  <c r="E2612" i="2" a="1"/>
  <c r="E2612" i="2" s="1"/>
  <c r="F7658" i="2" a="1"/>
  <c r="F7658" i="2" s="1"/>
  <c r="D2434" i="2" a="1"/>
  <c r="D2434" i="2" s="1"/>
  <c r="G4803" i="2" a="1"/>
  <c r="G4803" i="2" s="1"/>
  <c r="F8549" i="2" a="1"/>
  <c r="F8549" i="2" s="1"/>
  <c r="AQ94" i="1"/>
  <c r="G100" i="5" s="1"/>
  <c r="E1474" i="2" a="1"/>
  <c r="E1474" i="2" s="1"/>
  <c r="G3256" i="2" a="1"/>
  <c r="G3256" i="2" s="1"/>
  <c r="H3447" i="2" a="1"/>
  <c r="H3447" i="2" s="1"/>
  <c r="AN317" i="1"/>
  <c r="D323" i="5" s="1"/>
  <c r="E5064" i="2" a="1"/>
  <c r="E5064" i="2" s="1"/>
  <c r="E7696" i="2" a="1"/>
  <c r="E7696" i="2" s="1"/>
  <c r="F2287" i="2" a="1"/>
  <c r="F2287" i="2" s="1"/>
  <c r="F6466" i="2" a="1"/>
  <c r="F6466" i="2" s="1"/>
  <c r="H7736" i="2" a="1"/>
  <c r="H7736" i="2" s="1"/>
  <c r="H7598" i="2" a="1"/>
  <c r="H7598" i="2" s="1"/>
  <c r="AP187" i="1"/>
  <c r="F193" i="5" s="1"/>
  <c r="E1480" i="2" a="1"/>
  <c r="E1480" i="2" s="1"/>
  <c r="G3269" i="2" a="1"/>
  <c r="G3269" i="2" s="1"/>
  <c r="AM178" i="1"/>
  <c r="H3457" i="2" a="1"/>
  <c r="H3457" i="2" s="1"/>
  <c r="D927" i="2" a="1"/>
  <c r="D927" i="2" s="1"/>
  <c r="E4395" i="2" a="1"/>
  <c r="E4395" i="2" s="1"/>
  <c r="E5056" i="2" a="1"/>
  <c r="E5056" i="2" s="1"/>
  <c r="E7691" i="2" a="1"/>
  <c r="E7691" i="2" s="1"/>
  <c r="F2283" i="2" a="1"/>
  <c r="F2283" i="2" s="1"/>
  <c r="G6552" i="2" a="1"/>
  <c r="G6552" i="2" s="1"/>
  <c r="F6475" i="2" a="1"/>
  <c r="F6475" i="2" s="1"/>
  <c r="H7731" i="2" a="1"/>
  <c r="H7731" i="2" s="1"/>
  <c r="H7596" i="2" a="1"/>
  <c r="H7596" i="2" s="1"/>
  <c r="E6462" i="2" a="1"/>
  <c r="E6462" i="2" s="1"/>
  <c r="E1490" i="2" a="1"/>
  <c r="E1490" i="2" s="1"/>
  <c r="G3253" i="2" a="1"/>
  <c r="G3253" i="2" s="1"/>
  <c r="G3268" i="2" a="1"/>
  <c r="G3268" i="2" s="1"/>
  <c r="AP178" i="1"/>
  <c r="F184" i="5" s="1"/>
  <c r="H3461" i="2" a="1"/>
  <c r="H3461" i="2" s="1"/>
  <c r="D939" i="2" a="1"/>
  <c r="D939" i="2" s="1"/>
  <c r="G5436" i="2" a="1"/>
  <c r="G5436" i="2" s="1"/>
  <c r="E4401" i="2" a="1"/>
  <c r="E4401" i="2" s="1"/>
  <c r="E5052" i="2" a="1"/>
  <c r="E5052" i="2" s="1"/>
  <c r="E7707" i="2" a="1"/>
  <c r="E7707" i="2" s="1"/>
  <c r="F2271" i="2" a="1"/>
  <c r="F2271" i="2" s="1"/>
  <c r="H7720" i="2" a="1"/>
  <c r="H7720" i="2" s="1"/>
  <c r="H7612" i="2" a="1"/>
  <c r="H7612" i="2" s="1"/>
  <c r="E1486" i="2" a="1"/>
  <c r="E1486" i="2" s="1"/>
  <c r="G3252" i="2" a="1"/>
  <c r="G3252" i="2" s="1"/>
  <c r="G3260" i="2" a="1"/>
  <c r="G3260" i="2" s="1"/>
  <c r="AN178" i="1"/>
  <c r="D184" i="5" s="1"/>
  <c r="H3456" i="2" a="1"/>
  <c r="H3456" i="2" s="1"/>
  <c r="D937" i="2" a="1"/>
  <c r="D937" i="2" s="1"/>
  <c r="G5441" i="2" a="1"/>
  <c r="G5441" i="2" s="1"/>
  <c r="E4385" i="2" a="1"/>
  <c r="E4385" i="2" s="1"/>
  <c r="E5058" i="2" a="1"/>
  <c r="E5058" i="2" s="1"/>
  <c r="E7710" i="2" a="1"/>
  <c r="E7710" i="2" s="1"/>
  <c r="F2275" i="2" a="1"/>
  <c r="F2275" i="2" s="1"/>
  <c r="AM76" i="1"/>
  <c r="C82" i="5" s="1"/>
  <c r="H7726" i="2" a="1"/>
  <c r="H7726" i="2" s="1"/>
  <c r="H7608" i="2" a="1"/>
  <c r="H7608" i="2" s="1"/>
  <c r="E1489" i="2" a="1"/>
  <c r="E1489" i="2" s="1"/>
  <c r="G3264" i="2" a="1"/>
  <c r="G3264" i="2" s="1"/>
  <c r="G3263" i="2" a="1"/>
  <c r="G3263" i="2" s="1"/>
  <c r="H3464" i="2" a="1"/>
  <c r="H3464" i="2" s="1"/>
  <c r="G5434" i="2" a="1"/>
  <c r="G5434" i="2" s="1"/>
  <c r="E5072" i="2" a="1"/>
  <c r="E5072" i="2" s="1"/>
  <c r="E7706" i="2" a="1"/>
  <c r="E7706" i="2" s="1"/>
  <c r="F2266" i="2" a="1"/>
  <c r="F2266" i="2" s="1"/>
  <c r="AP76" i="1"/>
  <c r="F82" i="5" s="1"/>
  <c r="H7737" i="2" a="1"/>
  <c r="H7737" i="2" s="1"/>
  <c r="H7600" i="2" a="1"/>
  <c r="H7600" i="2" s="1"/>
  <c r="E1494" i="2" a="1"/>
  <c r="E1494" i="2" s="1"/>
  <c r="G3250" i="2" a="1"/>
  <c r="G3250" i="2" s="1"/>
  <c r="G3251" i="2" a="1"/>
  <c r="G3251" i="2" s="1"/>
  <c r="H3446" i="2" a="1"/>
  <c r="H3446" i="2" s="1"/>
  <c r="D934" i="2" a="1"/>
  <c r="D934" i="2" s="1"/>
  <c r="G5451" i="2" a="1"/>
  <c r="G5451" i="2" s="1"/>
  <c r="E4387" i="2" a="1"/>
  <c r="E4387" i="2" s="1"/>
  <c r="E5062" i="2" a="1"/>
  <c r="E5062" i="2" s="1"/>
  <c r="E7712" i="2" a="1"/>
  <c r="E7712" i="2" s="1"/>
  <c r="F2280" i="2" a="1"/>
  <c r="F2280" i="2" s="1"/>
  <c r="H7719" i="2" a="1"/>
  <c r="H7719" i="2" s="1"/>
  <c r="H7603" i="2" a="1"/>
  <c r="H7603" i="2" s="1"/>
  <c r="E5858" i="2" a="1"/>
  <c r="E5858" i="2" s="1"/>
  <c r="E1485" i="2" a="1"/>
  <c r="E1485" i="2" s="1"/>
  <c r="G3258" i="2" a="1"/>
  <c r="G3258" i="2" s="1"/>
  <c r="H3451" i="2" a="1"/>
  <c r="H3451" i="2" s="1"/>
  <c r="D926" i="2" a="1"/>
  <c r="D926" i="2" s="1"/>
  <c r="G5454" i="2" a="1"/>
  <c r="G5454" i="2" s="1"/>
  <c r="E4388" i="2" a="1"/>
  <c r="E4388" i="2" s="1"/>
  <c r="E4391" i="2" a="1"/>
  <c r="E4391" i="2" s="1"/>
  <c r="E5067" i="2" a="1"/>
  <c r="E5067" i="2" s="1"/>
  <c r="E5061" i="2" a="1"/>
  <c r="E5061" i="2" s="1"/>
  <c r="AP269" i="1"/>
  <c r="F275" i="5" s="1"/>
  <c r="E7705" i="2" a="1"/>
  <c r="E7705" i="2" s="1"/>
  <c r="F2272" i="2" a="1"/>
  <c r="F2272" i="2" s="1"/>
  <c r="G6224" i="2" a="1"/>
  <c r="G6224" i="2" s="1"/>
  <c r="H7724" i="2" a="1"/>
  <c r="H7724" i="2" s="1"/>
  <c r="E5863" i="2" a="1"/>
  <c r="E5863" i="2" s="1"/>
  <c r="F4046" i="2" a="1"/>
  <c r="F4046" i="2" s="1"/>
  <c r="G5450" i="2" a="1"/>
  <c r="G5450" i="2" s="1"/>
  <c r="E5069" i="2" a="1"/>
  <c r="E5069" i="2" s="1"/>
  <c r="E5057" i="2" a="1"/>
  <c r="E5057" i="2" s="1"/>
  <c r="AN269" i="1"/>
  <c r="D275" i="5" s="1"/>
  <c r="E7690" i="2" a="1"/>
  <c r="E7690" i="2" s="1"/>
  <c r="F2270" i="2" a="1"/>
  <c r="F2270" i="2" s="1"/>
  <c r="H7721" i="2" a="1"/>
  <c r="H7721" i="2" s="1"/>
  <c r="E5846" i="2" a="1"/>
  <c r="E5846" i="2" s="1"/>
  <c r="AM33" i="1"/>
  <c r="C39" i="5" s="1"/>
  <c r="G5445" i="2" a="1"/>
  <c r="G5445" i="2" s="1"/>
  <c r="E5073" i="2" a="1"/>
  <c r="E5073" i="2" s="1"/>
  <c r="E7704" i="2" a="1"/>
  <c r="E7704" i="2" s="1"/>
  <c r="F2286" i="2" a="1"/>
  <c r="F2286" i="2" s="1"/>
  <c r="H7728" i="2" a="1"/>
  <c r="H7728" i="2" s="1"/>
  <c r="E5861" i="2" a="1"/>
  <c r="E5861" i="2" s="1"/>
  <c r="AO33" i="1"/>
  <c r="G5440" i="2" a="1"/>
  <c r="G5440" i="2" s="1"/>
  <c r="E5055" i="2" a="1"/>
  <c r="E5055" i="2" s="1"/>
  <c r="E7697" i="2" a="1"/>
  <c r="E7697" i="2" s="1"/>
  <c r="E7713" i="2" a="1"/>
  <c r="E7713" i="2" s="1"/>
  <c r="F2268" i="2" a="1"/>
  <c r="F2268" i="2" s="1"/>
  <c r="H7727" i="2" a="1"/>
  <c r="H7727" i="2" s="1"/>
  <c r="AP33" i="1"/>
  <c r="F39" i="5" s="1"/>
  <c r="G5456" i="2" a="1"/>
  <c r="G5456" i="2" s="1"/>
  <c r="E5068" i="2" a="1"/>
  <c r="E5068" i="2" s="1"/>
  <c r="D999" i="2" a="1"/>
  <c r="D999" i="2" s="1"/>
  <c r="E7693" i="2" a="1"/>
  <c r="E7693" i="2" s="1"/>
  <c r="E7703" i="2" a="1"/>
  <c r="E7703" i="2" s="1"/>
  <c r="F2274" i="2" a="1"/>
  <c r="F2274" i="2" s="1"/>
  <c r="H7725" i="2" a="1"/>
  <c r="H7725" i="2" s="1"/>
  <c r="AQ33" i="1"/>
  <c r="G39" i="5" s="1"/>
  <c r="E5065" i="2" a="1"/>
  <c r="E5065" i="2" s="1"/>
  <c r="D996" i="2" a="1"/>
  <c r="D996" i="2" s="1"/>
  <c r="E7708" i="2" a="1"/>
  <c r="E7708" i="2" s="1"/>
  <c r="E7711" i="2" a="1"/>
  <c r="E7711" i="2" s="1"/>
  <c r="F2279" i="2" a="1"/>
  <c r="F2279" i="2" s="1"/>
  <c r="H7714" i="2" a="1"/>
  <c r="H7714" i="2" s="1"/>
  <c r="E5054" i="2" a="1"/>
  <c r="E5054" i="2" s="1"/>
  <c r="D1007" i="2" a="1"/>
  <c r="D1007" i="2" s="1"/>
  <c r="E7700" i="2" a="1"/>
  <c r="E7700" i="2" s="1"/>
  <c r="F2267" i="2" a="1"/>
  <c r="F2267" i="2" s="1"/>
  <c r="F6391" i="2" a="1"/>
  <c r="F6391" i="2" s="1"/>
  <c r="H7733" i="2" a="1"/>
  <c r="H7733" i="2" s="1"/>
  <c r="H1187" i="2" a="1"/>
  <c r="H1187" i="2" s="1"/>
  <c r="H7604" i="2" a="1"/>
  <c r="H7604" i="2" s="1"/>
  <c r="E1488" i="2" a="1"/>
  <c r="E1488" i="2" s="1"/>
  <c r="G3273" i="2" a="1"/>
  <c r="G3273" i="2" s="1"/>
  <c r="H3448" i="2" a="1"/>
  <c r="H3448" i="2" s="1"/>
  <c r="H3459" i="2" a="1"/>
  <c r="H3459" i="2" s="1"/>
  <c r="AM234" i="1"/>
  <c r="C240" i="5" s="1"/>
  <c r="D935" i="2" a="1"/>
  <c r="D935" i="2" s="1"/>
  <c r="D945" i="2" a="1"/>
  <c r="D945" i="2" s="1"/>
  <c r="E4390" i="2" a="1"/>
  <c r="E4390" i="2" s="1"/>
  <c r="E5051" i="2" a="1"/>
  <c r="E5051" i="2" s="1"/>
  <c r="D1010" i="2" a="1"/>
  <c r="D1010" i="2" s="1"/>
  <c r="E7709" i="2" a="1"/>
  <c r="E7709" i="2" s="1"/>
  <c r="F2288" i="2" a="1"/>
  <c r="F2288" i="2" s="1"/>
  <c r="F6479" i="2" a="1"/>
  <c r="F6479" i="2" s="1"/>
  <c r="F6378" i="2" a="1"/>
  <c r="F6378" i="2" s="1"/>
  <c r="H7723" i="2" a="1"/>
  <c r="H7723" i="2" s="1"/>
  <c r="H1209" i="2" a="1"/>
  <c r="H1209" i="2" s="1"/>
  <c r="H7613" i="2" a="1"/>
  <c r="H7613" i="2" s="1"/>
  <c r="F3445" i="2" a="1"/>
  <c r="F3445" i="2" s="1"/>
  <c r="E1483" i="2" a="1"/>
  <c r="E1483" i="2" s="1"/>
  <c r="E1491" i="2" a="1"/>
  <c r="E1491" i="2" s="1"/>
  <c r="G3254" i="2" a="1"/>
  <c r="G3254" i="2" s="1"/>
  <c r="H3442" i="2" a="1"/>
  <c r="H3442" i="2" s="1"/>
  <c r="AP234" i="1"/>
  <c r="F240" i="5" s="1"/>
  <c r="D931" i="2" a="1"/>
  <c r="D931" i="2" s="1"/>
  <c r="E4381" i="2" a="1"/>
  <c r="E4381" i="2" s="1"/>
  <c r="E5053" i="2" a="1"/>
  <c r="E5053" i="2" s="1"/>
  <c r="D1003" i="2" a="1"/>
  <c r="D1003" i="2" s="1"/>
  <c r="E7699" i="2" a="1"/>
  <c r="E7699" i="2" s="1"/>
  <c r="F2278" i="2" a="1"/>
  <c r="F2278" i="2" s="1"/>
  <c r="F6478" i="2" a="1"/>
  <c r="F6478" i="2" s="1"/>
  <c r="F6389" i="2" a="1"/>
  <c r="F6389" i="2" s="1"/>
  <c r="H7716" i="2" a="1"/>
  <c r="H7716" i="2" s="1"/>
  <c r="H7602" i="2" a="1"/>
  <c r="H7602" i="2" s="1"/>
  <c r="F3465" i="2" a="1"/>
  <c r="F3465" i="2" s="1"/>
  <c r="E1496" i="2" a="1"/>
  <c r="E1496" i="2" s="1"/>
  <c r="E1478" i="2" a="1"/>
  <c r="E1478" i="2" s="1"/>
  <c r="G3266" i="2" a="1"/>
  <c r="G3266" i="2" s="1"/>
  <c r="H3453" i="2" a="1"/>
  <c r="H3453" i="2" s="1"/>
  <c r="AM317" i="1"/>
  <c r="C323" i="5" s="1"/>
  <c r="AQ234" i="1"/>
  <c r="G240" i="5" s="1"/>
  <c r="D933" i="2" a="1"/>
  <c r="D933" i="2" s="1"/>
  <c r="E4389" i="2" a="1"/>
  <c r="E4389" i="2" s="1"/>
  <c r="E5060" i="2" a="1"/>
  <c r="E5060" i="2" s="1"/>
  <c r="E7694" i="2" a="1"/>
  <c r="E7694" i="2" s="1"/>
  <c r="F2285" i="2" a="1"/>
  <c r="F2285" i="2" s="1"/>
  <c r="F6487" i="2" a="1"/>
  <c r="F6487" i="2" s="1"/>
  <c r="F6382" i="2" a="1"/>
  <c r="F6382" i="2" s="1"/>
  <c r="H7717" i="2" a="1"/>
  <c r="H7717" i="2" s="1"/>
  <c r="H7595" i="2" a="1"/>
  <c r="H7595" i="2" s="1"/>
  <c r="F3448" i="2" a="1"/>
  <c r="F3448" i="2" s="1"/>
  <c r="E1493" i="2" a="1"/>
  <c r="E1493" i="2" s="1"/>
  <c r="E5066" i="2" a="1"/>
  <c r="E5066" i="2" s="1"/>
  <c r="E7702" i="2" a="1"/>
  <c r="E7702" i="2" s="1"/>
  <c r="G2615" i="2" a="1"/>
  <c r="G2615" i="2" s="1"/>
  <c r="E6059" i="2" a="1"/>
  <c r="E6059" i="2" s="1"/>
  <c r="G62" i="2" a="1"/>
  <c r="G62" i="2" s="1"/>
  <c r="F5962" i="2" a="1"/>
  <c r="F5962" i="2" s="1"/>
  <c r="D3521" i="2" a="1"/>
  <c r="D3521" i="2" s="1"/>
  <c r="D3522" i="2" a="1"/>
  <c r="D3522" i="2" s="1"/>
  <c r="F1333" i="2" a="1"/>
  <c r="F1333" i="2" s="1"/>
  <c r="H459" i="2" a="1"/>
  <c r="H459" i="2" s="1"/>
  <c r="E6995" i="2" a="1"/>
  <c r="E6995" i="2" s="1"/>
  <c r="H3107" i="2" a="1"/>
  <c r="H3107" i="2" s="1"/>
  <c r="AO26" i="1"/>
  <c r="E32" i="5" s="1"/>
  <c r="H3799" i="2" a="1"/>
  <c r="H3799" i="2" s="1"/>
  <c r="F6367" i="2" a="1"/>
  <c r="F6367" i="2" s="1"/>
  <c r="G6440" i="2" a="1"/>
  <c r="G6440" i="2" s="1"/>
  <c r="H4919" i="2" a="1"/>
  <c r="H4919" i="2" s="1"/>
  <c r="F3297" i="2" a="1"/>
  <c r="F3297" i="2" s="1"/>
  <c r="G3458" i="2" a="1"/>
  <c r="G3458" i="2" s="1"/>
  <c r="H2665" i="2" a="1"/>
  <c r="H2665" i="2" s="1"/>
  <c r="D2742" i="2" a="1"/>
  <c r="D2742" i="2" s="1"/>
  <c r="F1417" i="2" a="1"/>
  <c r="F1417" i="2" s="1"/>
  <c r="E3519" i="2" a="1"/>
  <c r="E3519" i="2" s="1"/>
  <c r="E3529" i="2" a="1"/>
  <c r="E3529" i="2" s="1"/>
  <c r="D2508" i="2" a="1"/>
  <c r="D2508" i="2" s="1"/>
  <c r="D7422" i="2" a="1"/>
  <c r="D7422" i="2" s="1"/>
  <c r="D7423" i="2" a="1"/>
  <c r="D7423" i="2" s="1"/>
  <c r="D4336" i="2" a="1"/>
  <c r="D4336" i="2" s="1"/>
  <c r="D4337" i="2" a="1"/>
  <c r="D4337" i="2" s="1"/>
  <c r="E6089" i="2" a="1"/>
  <c r="E6089" i="2" s="1"/>
  <c r="D5911" i="2" a="1"/>
  <c r="D5911" i="2" s="1"/>
  <c r="G6269" i="2" a="1"/>
  <c r="G6269" i="2" s="1"/>
  <c r="E6633" i="2" a="1"/>
  <c r="E6633" i="2" s="1"/>
  <c r="F3639" i="2" a="1"/>
  <c r="F3639" i="2" s="1"/>
  <c r="E4407" i="2" a="1"/>
  <c r="E4407" i="2" s="1"/>
  <c r="G4225" i="2" a="1"/>
  <c r="G4225" i="2" s="1"/>
  <c r="F48" i="2" a="1"/>
  <c r="F48" i="2" s="1"/>
  <c r="D807" i="2" a="1"/>
  <c r="D807" i="2" s="1"/>
  <c r="F6063" i="2" a="1"/>
  <c r="F6063" i="2" s="1"/>
  <c r="E3308" i="2" a="1"/>
  <c r="E3308" i="2" s="1"/>
  <c r="H3471" i="2" a="1"/>
  <c r="H3471" i="2" s="1"/>
  <c r="H1771" i="2" a="1"/>
  <c r="H1771" i="2" s="1"/>
  <c r="H1784" i="2" a="1"/>
  <c r="H1784" i="2" s="1"/>
  <c r="H1781" i="2" a="1"/>
  <c r="H1781" i="2" s="1"/>
  <c r="D6758" i="2" a="1"/>
  <c r="D6758" i="2" s="1"/>
  <c r="AM282" i="1"/>
  <c r="C288" i="5" s="1"/>
  <c r="D6761" i="2" a="1"/>
  <c r="D6761" i="2" s="1"/>
  <c r="G6225" i="2" a="1"/>
  <c r="G6225" i="2" s="1"/>
  <c r="G6221" i="2" a="1"/>
  <c r="G6221" i="2" s="1"/>
  <c r="G6206" i="2" a="1"/>
  <c r="G6206" i="2" s="1"/>
  <c r="G6223" i="2" a="1"/>
  <c r="G6223" i="2" s="1"/>
  <c r="G6549" i="2" a="1"/>
  <c r="G6549" i="2" s="1"/>
  <c r="G6538" i="2" a="1"/>
  <c r="G6538" i="2" s="1"/>
  <c r="G6555" i="2" a="1"/>
  <c r="G6555" i="2" s="1"/>
  <c r="G6561" i="2" a="1"/>
  <c r="G6561" i="2" s="1"/>
  <c r="H1193" i="2" a="1"/>
  <c r="H1193" i="2" s="1"/>
  <c r="H1186" i="2" a="1"/>
  <c r="H1186" i="2" s="1"/>
  <c r="H1201" i="2" a="1"/>
  <c r="H1201" i="2" s="1"/>
  <c r="H6646" i="2" a="1"/>
  <c r="H6646" i="2" s="1"/>
  <c r="H6648" i="2" a="1"/>
  <c r="H6648" i="2" s="1"/>
  <c r="H6644" i="2" a="1"/>
  <c r="H6644" i="2" s="1"/>
  <c r="E6463" i="2" a="1"/>
  <c r="E6463" i="2" s="1"/>
  <c r="E6464" i="2" a="1"/>
  <c r="E6464" i="2" s="1"/>
  <c r="F6374" i="2" a="1"/>
  <c r="F6374" i="2" s="1"/>
  <c r="F6376" i="2" a="1"/>
  <c r="F6376" i="2" s="1"/>
  <c r="F6379" i="2" a="1"/>
  <c r="F6379" i="2" s="1"/>
  <c r="F6377" i="2" a="1"/>
  <c r="F6377" i="2" s="1"/>
  <c r="AO194" i="1"/>
  <c r="E200" i="5" s="1"/>
  <c r="AQ194" i="1"/>
  <c r="G200" i="5" s="1"/>
  <c r="AP194" i="1"/>
  <c r="H6445" i="2" a="1"/>
  <c r="H6445" i="2" s="1"/>
  <c r="H6442" i="2" a="1"/>
  <c r="H6442" i="2" s="1"/>
  <c r="F6469" i="2" a="1"/>
  <c r="F6469" i="2" s="1"/>
  <c r="F6468" i="2" a="1"/>
  <c r="F6468" i="2" s="1"/>
  <c r="F6474" i="2" a="1"/>
  <c r="F6474" i="2" s="1"/>
  <c r="E5853" i="2" a="1"/>
  <c r="E5853" i="2" s="1"/>
  <c r="AP244" i="1"/>
  <c r="F250" i="5" s="1"/>
  <c r="E5860" i="2" a="1"/>
  <c r="E5860" i="2" s="1"/>
  <c r="AM244" i="1"/>
  <c r="E5854" i="2" a="1"/>
  <c r="E5854" i="2" s="1"/>
  <c r="F2282" i="2" a="1"/>
  <c r="F2282" i="2" s="1"/>
  <c r="F2289" i="2" a="1"/>
  <c r="F2289" i="2" s="1"/>
  <c r="H7729" i="2" a="1"/>
  <c r="H7729" i="2" s="1"/>
  <c r="H7722" i="2" a="1"/>
  <c r="H7722" i="2" s="1"/>
  <c r="H7735" i="2" a="1"/>
  <c r="H7735" i="2" s="1"/>
  <c r="H7599" i="2" a="1"/>
  <c r="H7599" i="2" s="1"/>
  <c r="H7614" i="2" a="1"/>
  <c r="H7614" i="2" s="1"/>
  <c r="H7597" i="2" a="1"/>
  <c r="H7597" i="2" s="1"/>
  <c r="E4527" i="2" a="1"/>
  <c r="E4527" i="2" s="1"/>
  <c r="G2610" i="2" a="1"/>
  <c r="G2610" i="2" s="1"/>
  <c r="G2614" i="2" a="1"/>
  <c r="G2614" i="2" s="1"/>
  <c r="D6088" i="2" a="1"/>
  <c r="D6088" i="2" s="1"/>
  <c r="AP254" i="1"/>
  <c r="F260" i="5" s="1"/>
  <c r="G5007" i="2" a="1"/>
  <c r="G5007" i="2" s="1"/>
  <c r="G4015" i="2" a="1"/>
  <c r="G4015" i="2" s="1"/>
  <c r="G4007" i="2" a="1"/>
  <c r="G4007" i="2" s="1"/>
  <c r="E6064" i="2" a="1"/>
  <c r="E6064" i="2" s="1"/>
  <c r="G72" i="2" a="1"/>
  <c r="G72" i="2" s="1"/>
  <c r="F5968" i="2" a="1"/>
  <c r="F5968" i="2" s="1"/>
  <c r="F2398" i="2" a="1"/>
  <c r="F2398" i="2" s="1"/>
  <c r="H1627" i="2" a="1"/>
  <c r="H1627" i="2" s="1"/>
  <c r="D3533" i="2" a="1"/>
  <c r="D3533" i="2" s="1"/>
  <c r="F1341" i="2" a="1"/>
  <c r="F1341" i="2" s="1"/>
  <c r="F1349" i="2" a="1"/>
  <c r="F1349" i="2" s="1"/>
  <c r="H451" i="2" a="1"/>
  <c r="H451" i="2" s="1"/>
  <c r="H445" i="2" a="1"/>
  <c r="H445" i="2" s="1"/>
  <c r="E7013" i="2" a="1"/>
  <c r="E7013" i="2" s="1"/>
  <c r="H3121" i="2" a="1"/>
  <c r="H3121" i="2" s="1"/>
  <c r="AN26" i="1"/>
  <c r="D32" i="5" s="1"/>
  <c r="H3778" i="2" a="1"/>
  <c r="H3778" i="2" s="1"/>
  <c r="F6349" i="2" a="1"/>
  <c r="F6349" i="2" s="1"/>
  <c r="G6438" i="2" a="1"/>
  <c r="G6438" i="2" s="1"/>
  <c r="H4918" i="2" a="1"/>
  <c r="H4918" i="2" s="1"/>
  <c r="F3276" i="2" a="1"/>
  <c r="F3276" i="2" s="1"/>
  <c r="G3455" i="2" a="1"/>
  <c r="G3455" i="2" s="1"/>
  <c r="H2658" i="2" a="1"/>
  <c r="H2658" i="2" s="1"/>
  <c r="D2731" i="2" a="1"/>
  <c r="D2731" i="2" s="1"/>
  <c r="F1407" i="2" a="1"/>
  <c r="F1407" i="2" s="1"/>
  <c r="F1409" i="2" a="1"/>
  <c r="F1409" i="2" s="1"/>
  <c r="E3515" i="2" a="1"/>
  <c r="E3515" i="2" s="1"/>
  <c r="E3517" i="2" a="1"/>
  <c r="E3517" i="2" s="1"/>
  <c r="D2529" i="2" a="1"/>
  <c r="D2529" i="2" s="1"/>
  <c r="D7419" i="2" a="1"/>
  <c r="D7419" i="2" s="1"/>
  <c r="D4332" i="2" a="1"/>
  <c r="D4332" i="2" s="1"/>
  <c r="AM181" i="1"/>
  <c r="C187" i="5" s="1"/>
  <c r="E6085" i="2" a="1"/>
  <c r="E6085" i="2" s="1"/>
  <c r="D5891" i="2" a="1"/>
  <c r="D5891" i="2" s="1"/>
  <c r="G6273" i="2" a="1"/>
  <c r="G6273" i="2" s="1"/>
  <c r="E6628" i="2" a="1"/>
  <c r="E6628" i="2" s="1"/>
  <c r="F3650" i="2" a="1"/>
  <c r="F3650" i="2" s="1"/>
  <c r="F3644" i="2" a="1"/>
  <c r="F3644" i="2" s="1"/>
  <c r="E4423" i="2" a="1"/>
  <c r="E4423" i="2" s="1"/>
  <c r="G4219" i="2" a="1"/>
  <c r="G4219" i="2" s="1"/>
  <c r="F46" i="2" a="1"/>
  <c r="F46" i="2" s="1"/>
  <c r="D803" i="2" a="1"/>
  <c r="D803" i="2" s="1"/>
  <c r="F6081" i="2" a="1"/>
  <c r="F6081" i="2" s="1"/>
  <c r="E3314" i="2" a="1"/>
  <c r="E3314" i="2" s="1"/>
  <c r="H3470" i="2" a="1"/>
  <c r="H3470" i="2" s="1"/>
  <c r="H8640" i="2" a="1"/>
  <c r="H8640" i="2" s="1"/>
  <c r="D379" i="2" a="1"/>
  <c r="D379" i="2" s="1"/>
  <c r="D383" i="2" a="1"/>
  <c r="D383" i="2" s="1"/>
  <c r="D388" i="2" a="1"/>
  <c r="D388" i="2" s="1"/>
  <c r="D386" i="2" a="1"/>
  <c r="D386" i="2" s="1"/>
  <c r="F2422" i="2" a="1"/>
  <c r="F2422" i="2" s="1"/>
  <c r="F2410" i="2" a="1"/>
  <c r="F2410" i="2" s="1"/>
  <c r="F2430" i="2" a="1"/>
  <c r="F2430" i="2" s="1"/>
  <c r="F2429" i="2" a="1"/>
  <c r="F2429" i="2" s="1"/>
  <c r="F2424" i="2" a="1"/>
  <c r="F2424" i="2" s="1"/>
  <c r="G5651" i="2" a="1"/>
  <c r="G5651" i="2" s="1"/>
  <c r="G5673" i="2" a="1"/>
  <c r="G5673" i="2" s="1"/>
  <c r="G5665" i="2" a="1"/>
  <c r="G5665" i="2" s="1"/>
  <c r="G5652" i="2" a="1"/>
  <c r="G5652" i="2" s="1"/>
  <c r="G5660" i="2" a="1"/>
  <c r="G5660" i="2" s="1"/>
  <c r="G5655" i="2" a="1"/>
  <c r="G5655" i="2" s="1"/>
  <c r="D2262" i="2" a="1"/>
  <c r="D2262" i="2" s="1"/>
  <c r="D2248" i="2" a="1"/>
  <c r="D2248" i="2" s="1"/>
  <c r="D2252" i="2" a="1"/>
  <c r="D2252" i="2" s="1"/>
  <c r="F8443" i="2" a="1"/>
  <c r="F8443" i="2" s="1"/>
  <c r="F8452" i="2" a="1"/>
  <c r="F8452" i="2" s="1"/>
  <c r="E2399" i="2" a="1"/>
  <c r="E2399" i="2" s="1"/>
  <c r="H721" i="2" a="1"/>
  <c r="H721" i="2" s="1"/>
  <c r="D3914" i="2" a="1"/>
  <c r="D3914" i="2" s="1"/>
  <c r="AM265" i="1"/>
  <c r="G8066" i="2" a="1"/>
  <c r="G8066" i="2" s="1"/>
  <c r="D2142" i="2" a="1"/>
  <c r="D2142" i="2" s="1"/>
  <c r="E8127" i="2" a="1"/>
  <c r="E8127" i="2" s="1"/>
  <c r="H522" i="2" a="1"/>
  <c r="H522" i="2" s="1"/>
  <c r="E4523" i="2" a="1"/>
  <c r="E4523" i="2" s="1"/>
  <c r="G2612" i="2" a="1"/>
  <c r="G2612" i="2" s="1"/>
  <c r="G2621" i="2" a="1"/>
  <c r="G2621" i="2" s="1"/>
  <c r="D6096" i="2" a="1"/>
  <c r="D6096" i="2" s="1"/>
  <c r="AN254" i="1"/>
  <c r="D260" i="5" s="1"/>
  <c r="G5016" i="2" a="1"/>
  <c r="G5016" i="2" s="1"/>
  <c r="G6021" i="2" a="1"/>
  <c r="G6021" i="2" s="1"/>
  <c r="G6026" i="2" a="1"/>
  <c r="G6026" i="2" s="1"/>
  <c r="G4011" i="2" a="1"/>
  <c r="G4011" i="2" s="1"/>
  <c r="G4004" i="2" a="1"/>
  <c r="G4004" i="2" s="1"/>
  <c r="F3215" i="2" a="1"/>
  <c r="F3215" i="2" s="1"/>
  <c r="E6073" i="2" a="1"/>
  <c r="E6073" i="2" s="1"/>
  <c r="G61" i="2" a="1"/>
  <c r="G61" i="2" s="1"/>
  <c r="F5981" i="2" a="1"/>
  <c r="F5981" i="2" s="1"/>
  <c r="F2392" i="2" a="1"/>
  <c r="F2392" i="2" s="1"/>
  <c r="H1632" i="2" a="1"/>
  <c r="H1632" i="2" s="1"/>
  <c r="D3530" i="2" a="1"/>
  <c r="D3530" i="2" s="1"/>
  <c r="F1351" i="2" a="1"/>
  <c r="F1351" i="2" s="1"/>
  <c r="F1348" i="2" a="1"/>
  <c r="F1348" i="2" s="1"/>
  <c r="H457" i="2" a="1"/>
  <c r="H457" i="2" s="1"/>
  <c r="H444" i="2" a="1"/>
  <c r="H444" i="2" s="1"/>
  <c r="E7011" i="2" a="1"/>
  <c r="E7011" i="2" s="1"/>
  <c r="H3120" i="2" a="1"/>
  <c r="H3120" i="2" s="1"/>
  <c r="H3108" i="2" a="1"/>
  <c r="H3108" i="2" s="1"/>
  <c r="AQ26" i="1"/>
  <c r="G32" i="5" s="1"/>
  <c r="H3795" i="2" a="1"/>
  <c r="H3795" i="2" s="1"/>
  <c r="F6353" i="2" a="1"/>
  <c r="F6353" i="2" s="1"/>
  <c r="F6363" i="2" a="1"/>
  <c r="F6363" i="2" s="1"/>
  <c r="G6437" i="2" a="1"/>
  <c r="G6437" i="2" s="1"/>
  <c r="H4908" i="2" a="1"/>
  <c r="H4908" i="2" s="1"/>
  <c r="F3291" i="2" a="1"/>
  <c r="F3291" i="2" s="1"/>
  <c r="G3450" i="2" a="1"/>
  <c r="G3450" i="2" s="1"/>
  <c r="H2664" i="2" a="1"/>
  <c r="H2664" i="2" s="1"/>
  <c r="D2735" i="2" a="1"/>
  <c r="D2735" i="2" s="1"/>
  <c r="F1419" i="2" a="1"/>
  <c r="F1419" i="2" s="1"/>
  <c r="F1420" i="2" a="1"/>
  <c r="F1420" i="2" s="1"/>
  <c r="E3537" i="2" a="1"/>
  <c r="E3537" i="2" s="1"/>
  <c r="D2519" i="2" a="1"/>
  <c r="D2519" i="2" s="1"/>
  <c r="D2507" i="2" a="1"/>
  <c r="D2507" i="2" s="1"/>
  <c r="D7412" i="2" a="1"/>
  <c r="D7412" i="2" s="1"/>
  <c r="D4346" i="2" a="1"/>
  <c r="D4346" i="2" s="1"/>
  <c r="AN181" i="1"/>
  <c r="D187" i="5" s="1"/>
  <c r="E6096" i="2" a="1"/>
  <c r="E6096" i="2" s="1"/>
  <c r="D5906" i="2" a="1"/>
  <c r="D5906" i="2" s="1"/>
  <c r="G6271" i="2" a="1"/>
  <c r="G6271" i="2" s="1"/>
  <c r="E6611" i="2" a="1"/>
  <c r="E6611" i="2" s="1"/>
  <c r="D1004" i="2" a="1"/>
  <c r="D1004" i="2" s="1"/>
  <c r="D1017" i="2" a="1"/>
  <c r="D1017" i="2" s="1"/>
  <c r="F3652" i="2" a="1"/>
  <c r="F3652" i="2" s="1"/>
  <c r="F3635" i="2" a="1"/>
  <c r="F3635" i="2" s="1"/>
  <c r="E4403" i="2" a="1"/>
  <c r="E4403" i="2" s="1"/>
  <c r="G4220" i="2" a="1"/>
  <c r="G4220" i="2" s="1"/>
  <c r="G6547" i="2" a="1"/>
  <c r="G6547" i="2" s="1"/>
  <c r="F44" i="2" a="1"/>
  <c r="F44" i="2" s="1"/>
  <c r="D804" i="2" a="1"/>
  <c r="D804" i="2" s="1"/>
  <c r="F6073" i="2" a="1"/>
  <c r="F6073" i="2" s="1"/>
  <c r="G6205" i="2" a="1"/>
  <c r="G6205" i="2" s="1"/>
  <c r="H1197" i="2" a="1"/>
  <c r="H1197" i="2" s="1"/>
  <c r="E6455" i="2" a="1"/>
  <c r="E6455" i="2" s="1"/>
  <c r="D2983" i="2" a="1"/>
  <c r="D2983" i="2" s="1"/>
  <c r="E3307" i="2" a="1"/>
  <c r="E3307" i="2" s="1"/>
  <c r="H3486" i="2" a="1"/>
  <c r="H3486" i="2" s="1"/>
  <c r="H8635" i="2" a="1"/>
  <c r="H8635" i="2" s="1"/>
  <c r="E2403" i="2" a="1"/>
  <c r="E2403" i="2" s="1"/>
  <c r="H724" i="2" a="1"/>
  <c r="H724" i="2" s="1"/>
  <c r="H708" i="2" a="1"/>
  <c r="H708" i="2" s="1"/>
  <c r="D3898" i="2" a="1"/>
  <c r="D3898" i="2" s="1"/>
  <c r="AN265" i="1"/>
  <c r="D271" i="5" s="1"/>
  <c r="G8054" i="2" a="1"/>
  <c r="G8054" i="2" s="1"/>
  <c r="G8050" i="2" a="1"/>
  <c r="G8050" i="2" s="1"/>
  <c r="D2143" i="2" a="1"/>
  <c r="D2143" i="2" s="1"/>
  <c r="E8133" i="2" a="1"/>
  <c r="E8133" i="2" s="1"/>
  <c r="E8134" i="2" a="1"/>
  <c r="E8134" i="2" s="1"/>
  <c r="H533" i="2" a="1"/>
  <c r="H533" i="2" s="1"/>
  <c r="E4524" i="2" a="1"/>
  <c r="E4524" i="2" s="1"/>
  <c r="G2613" i="2" a="1"/>
  <c r="G2613" i="2" s="1"/>
  <c r="G2622" i="2" a="1"/>
  <c r="G2622" i="2" s="1"/>
  <c r="D6102" i="2" a="1"/>
  <c r="D6102" i="2" s="1"/>
  <c r="AQ254" i="1"/>
  <c r="G260" i="5" s="1"/>
  <c r="G5024" i="2" a="1"/>
  <c r="G5024" i="2" s="1"/>
  <c r="G6012" i="2" a="1"/>
  <c r="G6012" i="2" s="1"/>
  <c r="G6023" i="2" a="1"/>
  <c r="G6023" i="2" s="1"/>
  <c r="G3995" i="2" a="1"/>
  <c r="G3995" i="2" s="1"/>
  <c r="F3205" i="2" a="1"/>
  <c r="F3205" i="2" s="1"/>
  <c r="F3214" i="2" a="1"/>
  <c r="F3214" i="2" s="1"/>
  <c r="E6067" i="2" a="1"/>
  <c r="E6067" i="2" s="1"/>
  <c r="E6063" i="2" a="1"/>
  <c r="E6063" i="2" s="1"/>
  <c r="G79" i="2" a="1"/>
  <c r="G79" i="2" s="1"/>
  <c r="F5985" i="2" a="1"/>
  <c r="F5985" i="2" s="1"/>
  <c r="F2403" i="2" a="1"/>
  <c r="F2403" i="2" s="1"/>
  <c r="H1631" i="2" a="1"/>
  <c r="H1631" i="2" s="1"/>
  <c r="D3515" i="2" a="1"/>
  <c r="D3515" i="2" s="1"/>
  <c r="F1347" i="2" a="1"/>
  <c r="F1347" i="2" s="1"/>
  <c r="F1337" i="2" a="1"/>
  <c r="F1337" i="2" s="1"/>
  <c r="H449" i="2" a="1"/>
  <c r="H449" i="2" s="1"/>
  <c r="H454" i="2" a="1"/>
  <c r="H454" i="2" s="1"/>
  <c r="E7005" i="2" a="1"/>
  <c r="E7005" i="2" s="1"/>
  <c r="H3124" i="2" a="1"/>
  <c r="H3124" i="2" s="1"/>
  <c r="H3115" i="2" a="1"/>
  <c r="H3115" i="2" s="1"/>
  <c r="AP26" i="1"/>
  <c r="F32" i="5" s="1"/>
  <c r="H3797" i="2" a="1"/>
  <c r="H3797" i="2" s="1"/>
  <c r="F6366" i="2" a="1"/>
  <c r="F6366" i="2" s="1"/>
  <c r="F6347" i="2" a="1"/>
  <c r="F6347" i="2" s="1"/>
  <c r="G6429" i="2" a="1"/>
  <c r="G6429" i="2" s="1"/>
  <c r="H4916" i="2" a="1"/>
  <c r="H4916" i="2" s="1"/>
  <c r="F3282" i="2" a="1"/>
  <c r="F3282" i="2" s="1"/>
  <c r="G3453" i="2" a="1"/>
  <c r="G3453" i="2" s="1"/>
  <c r="H2656" i="2" a="1"/>
  <c r="H2656" i="2" s="1"/>
  <c r="D2727" i="2" a="1"/>
  <c r="D2727" i="2" s="1"/>
  <c r="F1413" i="2" a="1"/>
  <c r="F1413" i="2" s="1"/>
  <c r="F1424" i="2" a="1"/>
  <c r="F1424" i="2" s="1"/>
  <c r="E3534" i="2" a="1"/>
  <c r="E3534" i="2" s="1"/>
  <c r="D2523" i="2" a="1"/>
  <c r="D2523" i="2" s="1"/>
  <c r="D2521" i="2" a="1"/>
  <c r="D2521" i="2" s="1"/>
  <c r="D7425" i="2" a="1"/>
  <c r="D7425" i="2" s="1"/>
  <c r="D4353" i="2" a="1"/>
  <c r="D4353" i="2" s="1"/>
  <c r="AQ181" i="1"/>
  <c r="G187" i="5" s="1"/>
  <c r="E6082" i="2" a="1"/>
  <c r="E6082" i="2" s="1"/>
  <c r="D5907" i="2" a="1"/>
  <c r="D5907" i="2" s="1"/>
  <c r="G6251" i="2" a="1"/>
  <c r="G6251" i="2" s="1"/>
  <c r="E6614" i="2" a="1"/>
  <c r="E6614" i="2" s="1"/>
  <c r="D1011" i="2" a="1"/>
  <c r="D1011" i="2" s="1"/>
  <c r="D1006" i="2" a="1"/>
  <c r="D1006" i="2" s="1"/>
  <c r="F3638" i="2" a="1"/>
  <c r="F3638" i="2" s="1"/>
  <c r="F3656" i="2" a="1"/>
  <c r="F3656" i="2" s="1"/>
  <c r="E4416" i="2" a="1"/>
  <c r="E4416" i="2" s="1"/>
  <c r="G6550" i="2" a="1"/>
  <c r="G6550" i="2" s="1"/>
  <c r="G6222" i="2" a="1"/>
  <c r="G6222" i="2" s="1"/>
  <c r="H1207" i="2" a="1"/>
  <c r="H1207" i="2" s="1"/>
  <c r="E6465" i="2" a="1"/>
  <c r="E6465" i="2" s="1"/>
  <c r="H8631" i="2" a="1"/>
  <c r="H8631" i="2" s="1"/>
  <c r="E3728" i="2" a="1"/>
  <c r="E3728" i="2" s="1"/>
  <c r="E3711" i="2" a="1"/>
  <c r="E3711" i="2" s="1"/>
  <c r="E3727" i="2" a="1"/>
  <c r="E3727" i="2" s="1"/>
  <c r="E3722" i="2" a="1"/>
  <c r="E3722" i="2" s="1"/>
  <c r="E3023" i="2" a="1"/>
  <c r="E3023" i="2" s="1"/>
  <c r="E3018" i="2" a="1"/>
  <c r="E3018" i="2" s="1"/>
  <c r="E3027" i="2" a="1"/>
  <c r="E3027" i="2" s="1"/>
  <c r="E5462" i="2" a="1"/>
  <c r="E5462" i="2" s="1"/>
  <c r="E5467" i="2" a="1"/>
  <c r="E5467" i="2" s="1"/>
  <c r="H5317" i="2" a="1"/>
  <c r="H5317" i="2" s="1"/>
  <c r="H5314" i="2" a="1"/>
  <c r="H5314" i="2" s="1"/>
  <c r="H5331" i="2" a="1"/>
  <c r="H5331" i="2" s="1"/>
  <c r="H5327" i="2" a="1"/>
  <c r="H5327" i="2" s="1"/>
  <c r="H5319" i="2" a="1"/>
  <c r="H5319" i="2" s="1"/>
  <c r="H3104" i="2" a="1"/>
  <c r="H3104" i="2" s="1"/>
  <c r="H3105" i="2" a="1"/>
  <c r="H3105" i="2" s="1"/>
  <c r="H3101" i="2" a="1"/>
  <c r="H3101" i="2" s="1"/>
  <c r="H3090" i="2" a="1"/>
  <c r="H3090" i="2" s="1"/>
  <c r="H3098" i="2" a="1"/>
  <c r="H3098" i="2" s="1"/>
  <c r="E7067" i="2" a="1"/>
  <c r="E7067" i="2" s="1"/>
  <c r="E7085" i="2" a="1"/>
  <c r="E7085" i="2" s="1"/>
  <c r="E3313" i="2" a="1"/>
  <c r="E3313" i="2" s="1"/>
  <c r="E3309" i="2" a="1"/>
  <c r="E3309" i="2" s="1"/>
  <c r="G3780" i="2" a="1"/>
  <c r="G3780" i="2" s="1"/>
  <c r="G3786" i="2" a="1"/>
  <c r="G3786" i="2" s="1"/>
  <c r="G3784" i="2" a="1"/>
  <c r="G3784" i="2" s="1"/>
  <c r="G3800" i="2" a="1"/>
  <c r="G3800" i="2" s="1"/>
  <c r="G3798" i="2" a="1"/>
  <c r="G3798" i="2" s="1"/>
  <c r="F7178" i="2" a="1"/>
  <c r="F7178" i="2" s="1"/>
  <c r="F7180" i="2" a="1"/>
  <c r="F7180" i="2" s="1"/>
  <c r="F7165" i="2" a="1"/>
  <c r="F7165" i="2" s="1"/>
  <c r="E8231" i="2" a="1"/>
  <c r="E8231" i="2" s="1"/>
  <c r="E8240" i="2" a="1"/>
  <c r="E8240" i="2" s="1"/>
  <c r="D823" i="2" a="1"/>
  <c r="D823" i="2" s="1"/>
  <c r="D812" i="2" a="1"/>
  <c r="D812" i="2" s="1"/>
  <c r="D816" i="2" a="1"/>
  <c r="D816" i="2" s="1"/>
  <c r="F34" i="2" a="1"/>
  <c r="F34" i="2" s="1"/>
  <c r="F38" i="2" a="1"/>
  <c r="F38" i="2" s="1"/>
  <c r="F36" i="2" a="1"/>
  <c r="F36" i="2" s="1"/>
  <c r="E1709" i="2" a="1"/>
  <c r="E1709" i="2" s="1"/>
  <c r="E1701" i="2" a="1"/>
  <c r="E1701" i="2" s="1"/>
  <c r="E1692" i="2" a="1"/>
  <c r="E1692" i="2" s="1"/>
  <c r="G4229" i="2" a="1"/>
  <c r="G4229" i="2" s="1"/>
  <c r="G4213" i="2" a="1"/>
  <c r="G4213" i="2" s="1"/>
  <c r="G4221" i="2" a="1"/>
  <c r="G4221" i="2" s="1"/>
  <c r="D2968" i="2" a="1"/>
  <c r="D2968" i="2" s="1"/>
  <c r="D2978" i="2" a="1"/>
  <c r="D2978" i="2" s="1"/>
  <c r="D2964" i="2" a="1"/>
  <c r="D2964" i="2" s="1"/>
  <c r="D2963" i="2" a="1"/>
  <c r="D2963" i="2" s="1"/>
  <c r="D2965" i="2" a="1"/>
  <c r="D2965" i="2" s="1"/>
  <c r="D2966" i="2" a="1"/>
  <c r="D2966" i="2" s="1"/>
  <c r="F6077" i="2" a="1"/>
  <c r="F6077" i="2" s="1"/>
  <c r="F6076" i="2" a="1"/>
  <c r="F6076" i="2" s="1"/>
  <c r="F6060" i="2" a="1"/>
  <c r="F6060" i="2" s="1"/>
  <c r="D1545" i="2" a="1"/>
  <c r="D1545" i="2" s="1"/>
  <c r="D1530" i="2" a="1"/>
  <c r="D1530" i="2" s="1"/>
  <c r="D1528" i="2" a="1"/>
  <c r="D1528" i="2" s="1"/>
  <c r="H3480" i="2" a="1"/>
  <c r="H3480" i="2" s="1"/>
  <c r="H3481" i="2" a="1"/>
  <c r="H3481" i="2" s="1"/>
  <c r="H3475" i="2" a="1"/>
  <c r="H3475" i="2" s="1"/>
  <c r="H3483" i="2" a="1"/>
  <c r="H3483" i="2" s="1"/>
  <c r="G5032" i="2" a="1"/>
  <c r="G5032" i="2" s="1"/>
  <c r="G5027" i="2" a="1"/>
  <c r="G5027" i="2" s="1"/>
  <c r="G5046" i="2" a="1"/>
  <c r="G5046" i="2" s="1"/>
  <c r="G5038" i="2" a="1"/>
  <c r="G5038" i="2" s="1"/>
  <c r="E3329" i="2" a="1"/>
  <c r="E3329" i="2" s="1"/>
  <c r="AP158" i="1"/>
  <c r="F164" i="5" s="1"/>
  <c r="E2407" i="2" a="1"/>
  <c r="E2407" i="2" s="1"/>
  <c r="H710" i="2" a="1"/>
  <c r="H710" i="2" s="1"/>
  <c r="H718" i="2" a="1"/>
  <c r="H718" i="2" s="1"/>
  <c r="D3918" i="2" a="1"/>
  <c r="D3918" i="2" s="1"/>
  <c r="AO265" i="1"/>
  <c r="E271" i="5" s="1"/>
  <c r="G8063" i="2" a="1"/>
  <c r="G8063" i="2" s="1"/>
  <c r="G8055" i="2" a="1"/>
  <c r="G8055" i="2" s="1"/>
  <c r="D2126" i="2" a="1"/>
  <c r="D2126" i="2" s="1"/>
  <c r="D2131" i="2" a="1"/>
  <c r="D2131" i="2" s="1"/>
  <c r="E8132" i="2" a="1"/>
  <c r="E8132" i="2" s="1"/>
  <c r="E8131" i="2" a="1"/>
  <c r="E8131" i="2" s="1"/>
  <c r="H517" i="2" a="1"/>
  <c r="H517" i="2" s="1"/>
  <c r="E4538" i="2" a="1"/>
  <c r="E4538" i="2" s="1"/>
  <c r="E4531" i="2" a="1"/>
  <c r="E4531" i="2" s="1"/>
  <c r="G2608" i="2" a="1"/>
  <c r="G2608" i="2" s="1"/>
  <c r="D6086" i="2" a="1"/>
  <c r="D6086" i="2" s="1"/>
  <c r="G5003" i="2" a="1"/>
  <c r="G5003" i="2" s="1"/>
  <c r="G6017" i="2" a="1"/>
  <c r="G6017" i="2" s="1"/>
  <c r="G4008" i="2" a="1"/>
  <c r="G4008" i="2" s="1"/>
  <c r="F3218" i="2" a="1"/>
  <c r="F3218" i="2" s="1"/>
  <c r="F3213" i="2" a="1"/>
  <c r="F3213" i="2" s="1"/>
  <c r="E6081" i="2" a="1"/>
  <c r="E6081" i="2" s="1"/>
  <c r="E6062" i="2" a="1"/>
  <c r="E6062" i="2" s="1"/>
  <c r="G63" i="2" a="1"/>
  <c r="G63" i="2" s="1"/>
  <c r="F5972" i="2" a="1"/>
  <c r="F5972" i="2" s="1"/>
  <c r="F2390" i="2" a="1"/>
  <c r="F2390" i="2" s="1"/>
  <c r="H1624" i="2" a="1"/>
  <c r="H1624" i="2" s="1"/>
  <c r="D3526" i="2" a="1"/>
  <c r="D3526" i="2" s="1"/>
  <c r="F1336" i="2" a="1"/>
  <c r="F1336" i="2" s="1"/>
  <c r="H453" i="2" a="1"/>
  <c r="H453" i="2" s="1"/>
  <c r="E7006" i="2" a="1"/>
  <c r="E7006" i="2" s="1"/>
  <c r="H3113" i="2" a="1"/>
  <c r="H3113" i="2" s="1"/>
  <c r="H3106" i="2" a="1"/>
  <c r="H3106" i="2" s="1"/>
  <c r="H3787" i="2" a="1"/>
  <c r="H3787" i="2" s="1"/>
  <c r="F6355" i="2" a="1"/>
  <c r="F6355" i="2" s="1"/>
  <c r="F6362" i="2" a="1"/>
  <c r="F6362" i="2" s="1"/>
  <c r="G6423" i="2" a="1"/>
  <c r="G6423" i="2" s="1"/>
  <c r="AN257" i="1"/>
  <c r="D263" i="5" s="1"/>
  <c r="H4914" i="2" a="1"/>
  <c r="H4914" i="2" s="1"/>
  <c r="H4927" i="2" a="1"/>
  <c r="H4927" i="2" s="1"/>
  <c r="F3279" i="2" a="1"/>
  <c r="F3279" i="2" s="1"/>
  <c r="F3275" i="2" a="1"/>
  <c r="F3275" i="2" s="1"/>
  <c r="G3448" i="2" a="1"/>
  <c r="G3448" i="2" s="1"/>
  <c r="H2661" i="2" a="1"/>
  <c r="H2661" i="2" s="1"/>
  <c r="D2739" i="2" a="1"/>
  <c r="D2739" i="2" s="1"/>
  <c r="F1416" i="2" a="1"/>
  <c r="F1416" i="2" s="1"/>
  <c r="E3521" i="2" a="1"/>
  <c r="E3521" i="2" s="1"/>
  <c r="D2516" i="2" a="1"/>
  <c r="D2516" i="2" s="1"/>
  <c r="D2527" i="2" a="1"/>
  <c r="D2527" i="2" s="1"/>
  <c r="D7405" i="2" a="1"/>
  <c r="D7405" i="2" s="1"/>
  <c r="D4345" i="2" a="1"/>
  <c r="D4345" i="2" s="1"/>
  <c r="AP181" i="1"/>
  <c r="F187" i="5" s="1"/>
  <c r="E6087" i="2" a="1"/>
  <c r="E6087" i="2" s="1"/>
  <c r="E6083" i="2" a="1"/>
  <c r="E6083" i="2" s="1"/>
  <c r="D5890" i="2" a="1"/>
  <c r="D5890" i="2" s="1"/>
  <c r="G6253" i="2" a="1"/>
  <c r="G6253" i="2" s="1"/>
  <c r="E6613" i="2" a="1"/>
  <c r="E6613" i="2" s="1"/>
  <c r="D1005" i="2" a="1"/>
  <c r="D1005" i="2" s="1"/>
  <c r="F3636" i="2" a="1"/>
  <c r="F3636" i="2" s="1"/>
  <c r="E4411" i="2" a="1"/>
  <c r="E4411" i="2" s="1"/>
  <c r="G4227" i="2" a="1"/>
  <c r="G4227" i="2" s="1"/>
  <c r="G6548" i="2" a="1"/>
  <c r="G6548" i="2" s="1"/>
  <c r="F40" i="2" a="1"/>
  <c r="F40" i="2" s="1"/>
  <c r="D808" i="2" a="1"/>
  <c r="D808" i="2" s="1"/>
  <c r="D813" i="2" a="1"/>
  <c r="D813" i="2" s="1"/>
  <c r="F6080" i="2" a="1"/>
  <c r="F6080" i="2" s="1"/>
  <c r="F6386" i="2" a="1"/>
  <c r="F6386" i="2" s="1"/>
  <c r="G6220" i="2" a="1"/>
  <c r="G6220" i="2" s="1"/>
  <c r="H1199" i="2" a="1"/>
  <c r="H1199" i="2" s="1"/>
  <c r="E6454" i="2" a="1"/>
  <c r="E6454" i="2" s="1"/>
  <c r="E5848" i="2" a="1"/>
  <c r="E5848" i="2" s="1"/>
  <c r="D2979" i="2" a="1"/>
  <c r="D2979" i="2" s="1"/>
  <c r="E3312" i="2" a="1"/>
  <c r="E3312" i="2" s="1"/>
  <c r="F2419" i="2" a="1"/>
  <c r="F2419" i="2" s="1"/>
  <c r="H3466" i="2" a="1"/>
  <c r="H3466" i="2" s="1"/>
  <c r="D1531" i="2" a="1"/>
  <c r="D1531" i="2" s="1"/>
  <c r="E3342" i="2" a="1"/>
  <c r="E3342" i="2" s="1"/>
  <c r="E2406" i="2" a="1"/>
  <c r="E2406" i="2" s="1"/>
  <c r="E2389" i="2" a="1"/>
  <c r="E2389" i="2" s="1"/>
  <c r="H722" i="2" a="1"/>
  <c r="H722" i="2" s="1"/>
  <c r="H707" i="2" a="1"/>
  <c r="H707" i="2" s="1"/>
  <c r="D3911" i="2" a="1"/>
  <c r="D3911" i="2" s="1"/>
  <c r="AQ11" i="1"/>
  <c r="G17" i="5" s="1"/>
  <c r="AQ265" i="1"/>
  <c r="G271" i="5" s="1"/>
  <c r="G8070" i="2" a="1"/>
  <c r="G8070" i="2" s="1"/>
  <c r="G8072" i="2" a="1"/>
  <c r="G8072" i="2" s="1"/>
  <c r="D2130" i="2" a="1"/>
  <c r="D2130" i="2" s="1"/>
  <c r="D2127" i="2" a="1"/>
  <c r="D2127" i="2" s="1"/>
  <c r="E8126" i="2" a="1"/>
  <c r="E8126" i="2" s="1"/>
  <c r="E8138" i="2" a="1"/>
  <c r="E8138" i="2" s="1"/>
  <c r="H532" i="2" a="1"/>
  <c r="H532" i="2" s="1"/>
  <c r="E4533" i="2" a="1"/>
  <c r="E4533" i="2" s="1"/>
  <c r="E4544" i="2" a="1"/>
  <c r="E4544" i="2" s="1"/>
  <c r="G2607" i="2" a="1"/>
  <c r="G2607" i="2" s="1"/>
  <c r="D6082" i="2" a="1"/>
  <c r="D6082" i="2" s="1"/>
  <c r="G5006" i="2" a="1"/>
  <c r="G5006" i="2" s="1"/>
  <c r="G6020" i="2" a="1"/>
  <c r="G6020" i="2" s="1"/>
  <c r="G4017" i="2" a="1"/>
  <c r="G4017" i="2" s="1"/>
  <c r="F3216" i="2" a="1"/>
  <c r="F3216" i="2" s="1"/>
  <c r="F3221" i="2" a="1"/>
  <c r="F3221" i="2" s="1"/>
  <c r="E6065" i="2" a="1"/>
  <c r="E6065" i="2" s="1"/>
  <c r="E6058" i="2" a="1"/>
  <c r="E6058" i="2" s="1"/>
  <c r="G68" i="2" a="1"/>
  <c r="G68" i="2" s="1"/>
  <c r="F5973" i="2" a="1"/>
  <c r="F5973" i="2" s="1"/>
  <c r="F2386" i="2" a="1"/>
  <c r="F2386" i="2" s="1"/>
  <c r="H1639" i="2" a="1"/>
  <c r="H1639" i="2" s="1"/>
  <c r="D3528" i="2" a="1"/>
  <c r="D3528" i="2" s="1"/>
  <c r="F1331" i="2" a="1"/>
  <c r="F1331" i="2" s="1"/>
  <c r="H446" i="2" a="1"/>
  <c r="H446" i="2" s="1"/>
  <c r="E7003" i="2" a="1"/>
  <c r="E7003" i="2" s="1"/>
  <c r="H3109" i="2" a="1"/>
  <c r="H3109" i="2" s="1"/>
  <c r="H3788" i="2" a="1"/>
  <c r="H3788" i="2" s="1"/>
  <c r="F6364" i="2" a="1"/>
  <c r="F6364" i="2" s="1"/>
  <c r="AM24" i="1"/>
  <c r="G6431" i="2" a="1"/>
  <c r="G6431" i="2" s="1"/>
  <c r="AQ257" i="1"/>
  <c r="G263" i="5" s="1"/>
  <c r="H4928" i="2" a="1"/>
  <c r="H4928" i="2" s="1"/>
  <c r="H4922" i="2" a="1"/>
  <c r="H4922" i="2" s="1"/>
  <c r="AM109" i="1"/>
  <c r="C115" i="5" s="1"/>
  <c r="F3293" i="2" a="1"/>
  <c r="F3293" i="2" s="1"/>
  <c r="F3288" i="2" a="1"/>
  <c r="F3288" i="2" s="1"/>
  <c r="G3454" i="2" a="1"/>
  <c r="G3454" i="2" s="1"/>
  <c r="AM144" i="1"/>
  <c r="C150" i="5" s="1"/>
  <c r="H2655" i="2" a="1"/>
  <c r="H2655" i="2" s="1"/>
  <c r="D2723" i="2" a="1"/>
  <c r="D2723" i="2" s="1"/>
  <c r="F1412" i="2" a="1"/>
  <c r="F1412" i="2" s="1"/>
  <c r="E3524" i="2" a="1"/>
  <c r="E3524" i="2" s="1"/>
  <c r="D2513" i="2" a="1"/>
  <c r="D2513" i="2" s="1"/>
  <c r="D7411" i="2" a="1"/>
  <c r="D7411" i="2" s="1"/>
  <c r="D4341" i="2" a="1"/>
  <c r="D4341" i="2" s="1"/>
  <c r="E6105" i="2" a="1"/>
  <c r="E6105" i="2" s="1"/>
  <c r="E6088" i="2" a="1"/>
  <c r="E6088" i="2" s="1"/>
  <c r="D5899" i="2" a="1"/>
  <c r="D5899" i="2" s="1"/>
  <c r="G6260" i="2" a="1"/>
  <c r="G6260" i="2" s="1"/>
  <c r="E6623" i="2" a="1"/>
  <c r="E6623" i="2" s="1"/>
  <c r="D995" i="2" a="1"/>
  <c r="D995" i="2" s="1"/>
  <c r="F3643" i="2" a="1"/>
  <c r="F3643" i="2" s="1"/>
  <c r="E4406" i="2" a="1"/>
  <c r="E4406" i="2" s="1"/>
  <c r="D6763" i="2" a="1"/>
  <c r="D6763" i="2" s="1"/>
  <c r="G4211" i="2" a="1"/>
  <c r="G4211" i="2" s="1"/>
  <c r="G6544" i="2" a="1"/>
  <c r="G6544" i="2" s="1"/>
  <c r="F45" i="2" a="1"/>
  <c r="F45" i="2" s="1"/>
  <c r="D817" i="2" a="1"/>
  <c r="D817" i="2" s="1"/>
  <c r="AM34" i="1"/>
  <c r="C40" i="5" s="1"/>
  <c r="F6067" i="2" a="1"/>
  <c r="F6067" i="2" s="1"/>
  <c r="F6375" i="2" a="1"/>
  <c r="F6375" i="2" s="1"/>
  <c r="G6218" i="2" a="1"/>
  <c r="G6218" i="2" s="1"/>
  <c r="H1188" i="2" a="1"/>
  <c r="H1188" i="2" s="1"/>
  <c r="E6448" i="2" a="1"/>
  <c r="E6448" i="2" s="1"/>
  <c r="E5855" i="2" a="1"/>
  <c r="E5855" i="2" s="1"/>
  <c r="D2981" i="2" a="1"/>
  <c r="D2981" i="2" s="1"/>
  <c r="E3300" i="2" a="1"/>
  <c r="E3300" i="2" s="1"/>
  <c r="H3473" i="2" a="1"/>
  <c r="H3473" i="2" s="1"/>
  <c r="D1539" i="2" a="1"/>
  <c r="D1539" i="2" s="1"/>
  <c r="D1537" i="2" a="1"/>
  <c r="D1537" i="2" s="1"/>
  <c r="AM100" i="1"/>
  <c r="C106" i="5" s="1"/>
  <c r="E3334" i="2" a="1"/>
  <c r="E3334" i="2" s="1"/>
  <c r="E2409" i="2" a="1"/>
  <c r="E2409" i="2" s="1"/>
  <c r="E2393" i="2" a="1"/>
  <c r="E2393" i="2" s="1"/>
  <c r="H709" i="2" a="1"/>
  <c r="H709" i="2" s="1"/>
  <c r="D3919" i="2" a="1"/>
  <c r="D3919" i="2" s="1"/>
  <c r="AN11" i="1"/>
  <c r="D17" i="5" s="1"/>
  <c r="G8057" i="2" a="1"/>
  <c r="G8057" i="2" s="1"/>
  <c r="D2134" i="2" a="1"/>
  <c r="D2134" i="2" s="1"/>
  <c r="D2123" i="2" a="1"/>
  <c r="D2123" i="2" s="1"/>
  <c r="E8143" i="2" a="1"/>
  <c r="E8143" i="2" s="1"/>
  <c r="H529" i="2" a="1"/>
  <c r="H529" i="2" s="1"/>
  <c r="E4530" i="2" a="1"/>
  <c r="E4530" i="2" s="1"/>
  <c r="E4542" i="2" a="1"/>
  <c r="E4542" i="2" s="1"/>
  <c r="G2625" i="2" a="1"/>
  <c r="G2625" i="2" s="1"/>
  <c r="D6084" i="2" a="1"/>
  <c r="D6084" i="2" s="1"/>
  <c r="G5002" i="2" a="1"/>
  <c r="G5002" i="2" s="1"/>
  <c r="G6031" i="2" a="1"/>
  <c r="G6031" i="2" s="1"/>
  <c r="G4016" i="2" a="1"/>
  <c r="G4016" i="2" s="1"/>
  <c r="F3210" i="2" a="1"/>
  <c r="F3210" i="2" s="1"/>
  <c r="E6076" i="2" a="1"/>
  <c r="E6076" i="2" s="1"/>
  <c r="G70" i="2" a="1"/>
  <c r="G70" i="2" s="1"/>
  <c r="F5984" i="2" a="1"/>
  <c r="F5984" i="2" s="1"/>
  <c r="F2409" i="2" a="1"/>
  <c r="F2409" i="2" s="1"/>
  <c r="H1640" i="2" a="1"/>
  <c r="H1640" i="2" s="1"/>
  <c r="D3516" i="2" a="1"/>
  <c r="D3516" i="2" s="1"/>
  <c r="F1353" i="2" a="1"/>
  <c r="F1353" i="2" s="1"/>
  <c r="H443" i="2" a="1"/>
  <c r="H443" i="2" s="1"/>
  <c r="E7017" i="2" a="1"/>
  <c r="E7017" i="2" s="1"/>
  <c r="H3112" i="2" a="1"/>
  <c r="H3112" i="2" s="1"/>
  <c r="H3793" i="2" a="1"/>
  <c r="H3793" i="2" s="1"/>
  <c r="F6358" i="2" a="1"/>
  <c r="F6358" i="2" s="1"/>
  <c r="AO24" i="1"/>
  <c r="E30" i="5" s="1"/>
  <c r="G6425" i="2" a="1"/>
  <c r="G6425" i="2" s="1"/>
  <c r="AO257" i="1"/>
  <c r="E263" i="5" s="1"/>
  <c r="H4925" i="2" a="1"/>
  <c r="H4925" i="2" s="1"/>
  <c r="H4926" i="2" a="1"/>
  <c r="H4926" i="2" s="1"/>
  <c r="AP109" i="1"/>
  <c r="F115" i="5" s="1"/>
  <c r="F3285" i="2" a="1"/>
  <c r="F3285" i="2" s="1"/>
  <c r="F3292" i="2" a="1"/>
  <c r="F3292" i="2" s="1"/>
  <c r="G3457" i="2" a="1"/>
  <c r="G3457" i="2" s="1"/>
  <c r="AP144" i="1"/>
  <c r="F150" i="5" s="1"/>
  <c r="H2671" i="2" a="1"/>
  <c r="H2671" i="2" s="1"/>
  <c r="D2729" i="2" a="1"/>
  <c r="D2729" i="2" s="1"/>
  <c r="F1404" i="2" a="1"/>
  <c r="F1404" i="2" s="1"/>
  <c r="E3528" i="2" a="1"/>
  <c r="E3528" i="2" s="1"/>
  <c r="D2517" i="2" a="1"/>
  <c r="D2517" i="2" s="1"/>
  <c r="D7413" i="2" a="1"/>
  <c r="D7413" i="2" s="1"/>
  <c r="D4333" i="2" a="1"/>
  <c r="D4333" i="2" s="1"/>
  <c r="E6102" i="2" a="1"/>
  <c r="E6102" i="2" s="1"/>
  <c r="E6100" i="2" a="1"/>
  <c r="E6100" i="2" s="1"/>
  <c r="D5898" i="2" a="1"/>
  <c r="D5898" i="2" s="1"/>
  <c r="G6250" i="2" a="1"/>
  <c r="G6250" i="2" s="1"/>
  <c r="E6616" i="2" a="1"/>
  <c r="E6616" i="2" s="1"/>
  <c r="G5447" i="2" a="1"/>
  <c r="G5447" i="2" s="1"/>
  <c r="D1008" i="2" a="1"/>
  <c r="D1008" i="2" s="1"/>
  <c r="F3640" i="2" a="1"/>
  <c r="F3640" i="2" s="1"/>
  <c r="E4421" i="2" a="1"/>
  <c r="E4421" i="2" s="1"/>
  <c r="D6759" i="2" a="1"/>
  <c r="D6759" i="2" s="1"/>
  <c r="G4216" i="2" a="1"/>
  <c r="G4216" i="2" s="1"/>
  <c r="G4218" i="2" a="1"/>
  <c r="G4218" i="2" s="1"/>
  <c r="F57" i="2" a="1"/>
  <c r="F57" i="2" s="1"/>
  <c r="D820" i="2" a="1"/>
  <c r="D820" i="2" s="1"/>
  <c r="AQ34" i="1"/>
  <c r="G40" i="5" s="1"/>
  <c r="F6470" i="2" a="1"/>
  <c r="F6470" i="2" s="1"/>
  <c r="F6064" i="2" a="1"/>
  <c r="F6064" i="2" s="1"/>
  <c r="F6385" i="2" a="1"/>
  <c r="F6385" i="2" s="1"/>
  <c r="G6213" i="2" a="1"/>
  <c r="G6213" i="2" s="1"/>
  <c r="E6447" i="2" a="1"/>
  <c r="E6447" i="2" s="1"/>
  <c r="E5850" i="2" a="1"/>
  <c r="E5850" i="2" s="1"/>
  <c r="D2977" i="2" a="1"/>
  <c r="D2977" i="2" s="1"/>
  <c r="H6647" i="2" a="1"/>
  <c r="H6647" i="2" s="1"/>
  <c r="H6465" i="2" a="1"/>
  <c r="H6465" i="2" s="1"/>
  <c r="F2431" i="2" a="1"/>
  <c r="F2431" i="2" s="1"/>
  <c r="H3472" i="2" a="1"/>
  <c r="H3472" i="2" s="1"/>
  <c r="D1534" i="2" a="1"/>
  <c r="D1534" i="2" s="1"/>
  <c r="D1529" i="2" a="1"/>
  <c r="D1529" i="2" s="1"/>
  <c r="D3908" i="2" a="1"/>
  <c r="D3908" i="2" s="1"/>
  <c r="G8065" i="2" a="1"/>
  <c r="G8065" i="2" s="1"/>
  <c r="D2138" i="2" a="1"/>
  <c r="D2138" i="2" s="1"/>
  <c r="AM89" i="1"/>
  <c r="E8125" i="2" a="1"/>
  <c r="E8125" i="2" s="1"/>
  <c r="H537" i="2" a="1"/>
  <c r="H537" i="2" s="1"/>
  <c r="H523" i="2" a="1"/>
  <c r="H523" i="2" s="1"/>
  <c r="E4535" i="2" a="1"/>
  <c r="E4535" i="2" s="1"/>
  <c r="G2609" i="2" a="1"/>
  <c r="G2609" i="2" s="1"/>
  <c r="D6103" i="2" a="1"/>
  <c r="D6103" i="2" s="1"/>
  <c r="G5023" i="2" a="1"/>
  <c r="G5023" i="2" s="1"/>
  <c r="G6022" i="2" a="1"/>
  <c r="G6022" i="2" s="1"/>
  <c r="G4002" i="2" a="1"/>
  <c r="G4002" i="2" s="1"/>
  <c r="F3203" i="2" a="1"/>
  <c r="F3203" i="2" s="1"/>
  <c r="E6071" i="2" a="1"/>
  <c r="E6071" i="2" s="1"/>
  <c r="G59" i="2" a="1"/>
  <c r="G59" i="2" s="1"/>
  <c r="F5975" i="2" a="1"/>
  <c r="F5975" i="2" s="1"/>
  <c r="F2408" i="2" a="1"/>
  <c r="F2408" i="2" s="1"/>
  <c r="H1622" i="2" a="1"/>
  <c r="H1622" i="2" s="1"/>
  <c r="D3529" i="2" a="1"/>
  <c r="D3529" i="2" s="1"/>
  <c r="F1338" i="2" a="1"/>
  <c r="F1338" i="2" s="1"/>
  <c r="H452" i="2" a="1"/>
  <c r="H452" i="2" s="1"/>
  <c r="E6997" i="2" a="1"/>
  <c r="E6997" i="2" s="1"/>
  <c r="H3110" i="2" a="1"/>
  <c r="H3110" i="2" s="1"/>
  <c r="H3786" i="2" a="1"/>
  <c r="H3786" i="2" s="1"/>
  <c r="F6365" i="2" a="1"/>
  <c r="F6365" i="2" s="1"/>
  <c r="AN24" i="1"/>
  <c r="D30" i="5" s="1"/>
  <c r="G6439" i="2" a="1"/>
  <c r="G6439" i="2" s="1"/>
  <c r="H4929" i="2" a="1"/>
  <c r="H4929" i="2" s="1"/>
  <c r="H4921" i="2" a="1"/>
  <c r="H4921" i="2" s="1"/>
  <c r="AN109" i="1"/>
  <c r="D115" i="5" s="1"/>
  <c r="F3283" i="2" a="1"/>
  <c r="F3283" i="2" s="1"/>
  <c r="F3274" i="2" a="1"/>
  <c r="F3274" i="2" s="1"/>
  <c r="G3463" i="2" a="1"/>
  <c r="G3463" i="2" s="1"/>
  <c r="AN144" i="1"/>
  <c r="D150" i="5" s="1"/>
  <c r="H2651" i="2" a="1"/>
  <c r="H2651" i="2" s="1"/>
  <c r="D2733" i="2" a="1"/>
  <c r="D2733" i="2" s="1"/>
  <c r="F1408" i="2" a="1"/>
  <c r="F1408" i="2" s="1"/>
  <c r="E3536" i="2" a="1"/>
  <c r="E3536" i="2" s="1"/>
  <c r="D2520" i="2" a="1"/>
  <c r="D2520" i="2" s="1"/>
  <c r="D7424" i="2" a="1"/>
  <c r="D7424" i="2" s="1"/>
  <c r="D4343" i="2" a="1"/>
  <c r="D4343" i="2" s="1"/>
  <c r="E6099" i="2" a="1"/>
  <c r="E6099" i="2" s="1"/>
  <c r="E6103" i="2" a="1"/>
  <c r="E6103" i="2" s="1"/>
  <c r="D5909" i="2" a="1"/>
  <c r="D5909" i="2" s="1"/>
  <c r="G6259" i="2" a="1"/>
  <c r="G6259" i="2" s="1"/>
  <c r="E6632" i="2" a="1"/>
  <c r="E6632" i="2" s="1"/>
  <c r="D994" i="2" a="1"/>
  <c r="D994" i="2" s="1"/>
  <c r="F3646" i="2" a="1"/>
  <c r="F3646" i="2" s="1"/>
  <c r="E4404" i="2" a="1"/>
  <c r="E4404" i="2" s="1"/>
  <c r="D6755" i="2" a="1"/>
  <c r="D6755" i="2" s="1"/>
  <c r="G4215" i="2" a="1"/>
  <c r="G4215" i="2" s="1"/>
  <c r="F51" i="2" a="1"/>
  <c r="F51" i="2" s="1"/>
  <c r="D814" i="2" a="1"/>
  <c r="D814" i="2" s="1"/>
  <c r="AN34" i="1"/>
  <c r="D40" i="5" s="1"/>
  <c r="F6473" i="2" a="1"/>
  <c r="F6473" i="2" s="1"/>
  <c r="F6074" i="2" a="1"/>
  <c r="F6074" i="2" s="1"/>
  <c r="F6381" i="2" a="1"/>
  <c r="F6381" i="2" s="1"/>
  <c r="G6219" i="2" a="1"/>
  <c r="G6219" i="2" s="1"/>
  <c r="E6444" i="2" a="1"/>
  <c r="E6444" i="2" s="1"/>
  <c r="E5849" i="2" a="1"/>
  <c r="E5849" i="2" s="1"/>
  <c r="D2984" i="2" a="1"/>
  <c r="D2984" i="2" s="1"/>
  <c r="H6654" i="2" a="1"/>
  <c r="H6654" i="2" s="1"/>
  <c r="H6459" i="2" a="1"/>
  <c r="H6459" i="2" s="1"/>
  <c r="F2420" i="2" a="1"/>
  <c r="F2420" i="2" s="1"/>
  <c r="H3487" i="2" a="1"/>
  <c r="H3487" i="2" s="1"/>
  <c r="E1712" i="2" a="1"/>
  <c r="E1712" i="2" s="1"/>
  <c r="AP100" i="1"/>
  <c r="F106" i="5" s="1"/>
  <c r="E3326" i="2" a="1"/>
  <c r="E3326" i="2" s="1"/>
  <c r="E3344" i="2" a="1"/>
  <c r="E3344" i="2" s="1"/>
  <c r="E2400" i="2" a="1"/>
  <c r="E2400" i="2" s="1"/>
  <c r="E2388" i="2" a="1"/>
  <c r="E2388" i="2" s="1"/>
  <c r="H717" i="2" a="1"/>
  <c r="H717" i="2" s="1"/>
  <c r="D3901" i="2" a="1"/>
  <c r="D3901" i="2" s="1"/>
  <c r="G8060" i="2" a="1"/>
  <c r="G8060" i="2" s="1"/>
  <c r="D2129" i="2" a="1"/>
  <c r="D2129" i="2" s="1"/>
  <c r="AP89" i="1"/>
  <c r="F95" i="5" s="1"/>
  <c r="E8142" i="2" a="1"/>
  <c r="E8142" i="2" s="1"/>
  <c r="H527" i="2" a="1"/>
  <c r="H527" i="2" s="1"/>
  <c r="H530" i="2" a="1"/>
  <c r="H530" i="2" s="1"/>
  <c r="E4540" i="2" a="1"/>
  <c r="E4540" i="2" s="1"/>
  <c r="G2620" i="2" a="1"/>
  <c r="G2620" i="2" s="1"/>
  <c r="D6099" i="2" a="1"/>
  <c r="D6099" i="2" s="1"/>
  <c r="G5015" i="2" a="1"/>
  <c r="G5015" i="2" s="1"/>
  <c r="G6027" i="2" a="1"/>
  <c r="G6027" i="2" s="1"/>
  <c r="G4005" i="2" a="1"/>
  <c r="G4005" i="2" s="1"/>
  <c r="F3224" i="2" a="1"/>
  <c r="F3224" i="2" s="1"/>
  <c r="E6070" i="2" a="1"/>
  <c r="E6070" i="2" s="1"/>
  <c r="G71" i="2" a="1"/>
  <c r="G71" i="2" s="1"/>
  <c r="F5980" i="2" a="1"/>
  <c r="F5980" i="2" s="1"/>
  <c r="F2388" i="2" a="1"/>
  <c r="F2388" i="2" s="1"/>
  <c r="H1620" i="2" a="1"/>
  <c r="H1620" i="2" s="1"/>
  <c r="D3517" i="2" a="1"/>
  <c r="D3517" i="2" s="1"/>
  <c r="F1339" i="2" a="1"/>
  <c r="F1339" i="2" s="1"/>
  <c r="H463" i="2" a="1"/>
  <c r="H463" i="2" s="1"/>
  <c r="AM261" i="1"/>
  <c r="E7016" i="2" a="1"/>
  <c r="E7016" i="2" s="1"/>
  <c r="H3119" i="2" a="1"/>
  <c r="H3119" i="2" s="1"/>
  <c r="H3779" i="2" a="1"/>
  <c r="H3779" i="2" s="1"/>
  <c r="H3780" i="2" a="1"/>
  <c r="H3780" i="2" s="1"/>
  <c r="F6350" i="2" a="1"/>
  <c r="F6350" i="2" s="1"/>
  <c r="AQ24" i="1"/>
  <c r="G30" i="5" s="1"/>
  <c r="G6418" i="2" a="1"/>
  <c r="G6418" i="2" s="1"/>
  <c r="H4917" i="2" a="1"/>
  <c r="H4917" i="2" s="1"/>
  <c r="AQ109" i="1"/>
  <c r="G115" i="5" s="1"/>
  <c r="F3296" i="2" a="1"/>
  <c r="F3296" i="2" s="1"/>
  <c r="G3452" i="2" a="1"/>
  <c r="G3452" i="2" s="1"/>
  <c r="G3442" i="2" a="1"/>
  <c r="G3442" i="2" s="1"/>
  <c r="AO144" i="1"/>
  <c r="H2670" i="2" a="1"/>
  <c r="H2670" i="2" s="1"/>
  <c r="D2726" i="2" a="1"/>
  <c r="D2726" i="2" s="1"/>
  <c r="F1422" i="2" a="1"/>
  <c r="F1422" i="2" s="1"/>
  <c r="E3514" i="2" a="1"/>
  <c r="E3514" i="2" s="1"/>
  <c r="D2522" i="2" a="1"/>
  <c r="D2522" i="2" s="1"/>
  <c r="D7408" i="2" a="1"/>
  <c r="D7408" i="2" s="1"/>
  <c r="D4350" i="2" a="1"/>
  <c r="D4350" i="2" s="1"/>
  <c r="E6104" i="2" a="1"/>
  <c r="E6104" i="2" s="1"/>
  <c r="D5894" i="2" a="1"/>
  <c r="D5894" i="2" s="1"/>
  <c r="G6268" i="2" a="1"/>
  <c r="G6268" i="2" s="1"/>
  <c r="E6631" i="2" a="1"/>
  <c r="E6631" i="2" s="1"/>
  <c r="E6622" i="2" a="1"/>
  <c r="E6622" i="2" s="1"/>
  <c r="G5444" i="2" a="1"/>
  <c r="G5444" i="2" s="1"/>
  <c r="D1002" i="2" a="1"/>
  <c r="D1002" i="2" s="1"/>
  <c r="F3649" i="2" a="1"/>
  <c r="F3649" i="2" s="1"/>
  <c r="E4405" i="2" a="1"/>
  <c r="E4405" i="2" s="1"/>
  <c r="E4420" i="2" a="1"/>
  <c r="E4420" i="2" s="1"/>
  <c r="D6768" i="2" a="1"/>
  <c r="D6768" i="2" s="1"/>
  <c r="G4210" i="2" a="1"/>
  <c r="G4210" i="2" s="1"/>
  <c r="F56" i="2" a="1"/>
  <c r="F56" i="2" s="1"/>
  <c r="D822" i="2" a="1"/>
  <c r="D822" i="2" s="1"/>
  <c r="AP34" i="1"/>
  <c r="F40" i="5" s="1"/>
  <c r="F6486" i="2" a="1"/>
  <c r="F6486" i="2" s="1"/>
  <c r="F6069" i="2" a="1"/>
  <c r="F6069" i="2" s="1"/>
  <c r="F6387" i="2" a="1"/>
  <c r="F6387" i="2" s="1"/>
  <c r="G6217" i="2" a="1"/>
  <c r="G6217" i="2" s="1"/>
  <c r="E6453" i="2" a="1"/>
  <c r="E6453" i="2" s="1"/>
  <c r="D385" i="2" a="1"/>
  <c r="D385" i="2" s="1"/>
  <c r="D2985" i="2" a="1"/>
  <c r="D2985" i="2" s="1"/>
  <c r="H6649" i="2" a="1"/>
  <c r="H6649" i="2" s="1"/>
  <c r="H6454" i="2" a="1"/>
  <c r="H6454" i="2" s="1"/>
  <c r="F2428" i="2" a="1"/>
  <c r="F2428" i="2" s="1"/>
  <c r="H3479" i="2" a="1"/>
  <c r="H3479" i="2" s="1"/>
  <c r="E1711" i="2" a="1"/>
  <c r="E1711" i="2" s="1"/>
  <c r="AQ100" i="1"/>
  <c r="G106" i="5" s="1"/>
  <c r="E3336" i="2" a="1"/>
  <c r="E3336" i="2" s="1"/>
  <c r="E3345" i="2" a="1"/>
  <c r="E3345" i="2" s="1"/>
  <c r="E2404" i="2" a="1"/>
  <c r="E2404" i="2" s="1"/>
  <c r="H725" i="2" a="1"/>
  <c r="H725" i="2" s="1"/>
  <c r="D3915" i="2" a="1"/>
  <c r="D3915" i="2" s="1"/>
  <c r="G8053" i="2" a="1"/>
  <c r="G8053" i="2" s="1"/>
  <c r="D2133" i="2" a="1"/>
  <c r="D2133" i="2" s="1"/>
  <c r="AO89" i="1"/>
  <c r="E95" i="5" s="1"/>
  <c r="E8130" i="2" a="1"/>
  <c r="E8130" i="2" s="1"/>
  <c r="H524" i="2" a="1"/>
  <c r="H524" i="2" s="1"/>
  <c r="H515" i="2" a="1"/>
  <c r="H515" i="2" s="1"/>
  <c r="E4539" i="2" a="1"/>
  <c r="E4539" i="2" s="1"/>
  <c r="G2606" i="2" a="1"/>
  <c r="G2606" i="2" s="1"/>
  <c r="D6095" i="2" a="1"/>
  <c r="D6095" i="2" s="1"/>
  <c r="G5009" i="2" a="1"/>
  <c r="G5009" i="2" s="1"/>
  <c r="G6030" i="2" a="1"/>
  <c r="G6030" i="2" s="1"/>
  <c r="G3998" i="2" a="1"/>
  <c r="G3998" i="2" s="1"/>
  <c r="F3206" i="2" a="1"/>
  <c r="F3206" i="2" s="1"/>
  <c r="E6066" i="2" a="1"/>
  <c r="E6066" i="2" s="1"/>
  <c r="G67" i="2" a="1"/>
  <c r="G67" i="2" s="1"/>
  <c r="G76" i="2" a="1"/>
  <c r="G76" i="2" s="1"/>
  <c r="F5969" i="2" a="1"/>
  <c r="F5969" i="2" s="1"/>
  <c r="F2407" i="2" a="1"/>
  <c r="F2407" i="2" s="1"/>
  <c r="F2396" i="2" a="1"/>
  <c r="F2396" i="2" s="1"/>
  <c r="H1621" i="2" a="1"/>
  <c r="H1621" i="2" s="1"/>
  <c r="D3536" i="2" a="1"/>
  <c r="D3536" i="2" s="1"/>
  <c r="F1335" i="2" a="1"/>
  <c r="F1335" i="2" s="1"/>
  <c r="H450" i="2" a="1"/>
  <c r="H450" i="2" s="1"/>
  <c r="AP261" i="1"/>
  <c r="F267" i="5" s="1"/>
  <c r="E6996" i="2" a="1"/>
  <c r="E6996" i="2" s="1"/>
  <c r="H3118" i="2" a="1"/>
  <c r="H3118" i="2" s="1"/>
  <c r="H3782" i="2" a="1"/>
  <c r="H3782" i="2" s="1"/>
  <c r="H3785" i="2" a="1"/>
  <c r="H3785" i="2" s="1"/>
  <c r="F6351" i="2" a="1"/>
  <c r="F6351" i="2" s="1"/>
  <c r="G6441" i="2" a="1"/>
  <c r="G6441" i="2" s="1"/>
  <c r="H4924" i="2" a="1"/>
  <c r="H4924" i="2" s="1"/>
  <c r="AO109" i="1"/>
  <c r="E115" i="5" s="1"/>
  <c r="F3278" i="2" a="1"/>
  <c r="F3278" i="2" s="1"/>
  <c r="G3449" i="2" a="1"/>
  <c r="G3449" i="2" s="1"/>
  <c r="G3443" i="2" a="1"/>
  <c r="G3443" i="2" s="1"/>
  <c r="AQ144" i="1"/>
  <c r="G150" i="5" s="1"/>
  <c r="H2663" i="2" a="1"/>
  <c r="H2663" i="2" s="1"/>
  <c r="D2745" i="2" a="1"/>
  <c r="D2745" i="2" s="1"/>
  <c r="F1425" i="2" a="1"/>
  <c r="F1425" i="2" s="1"/>
  <c r="E3527" i="2" a="1"/>
  <c r="E3527" i="2" s="1"/>
  <c r="D2518" i="2" a="1"/>
  <c r="D2518" i="2" s="1"/>
  <c r="D7404" i="2" a="1"/>
  <c r="D7404" i="2" s="1"/>
  <c r="D4342" i="2" a="1"/>
  <c r="D4342" i="2" s="1"/>
  <c r="E6093" i="2" a="1"/>
  <c r="E6093" i="2" s="1"/>
  <c r="D5897" i="2" a="1"/>
  <c r="D5897" i="2" s="1"/>
  <c r="G6258" i="2" a="1"/>
  <c r="G6258" i="2" s="1"/>
  <c r="E6625" i="2" a="1"/>
  <c r="E6625" i="2" s="1"/>
  <c r="E6610" i="2" a="1"/>
  <c r="E6610" i="2" s="1"/>
  <c r="G5453" i="2" a="1"/>
  <c r="G5453" i="2" s="1"/>
  <c r="D1012" i="2" a="1"/>
  <c r="D1012" i="2" s="1"/>
  <c r="F3648" i="2" a="1"/>
  <c r="F3648" i="2" s="1"/>
  <c r="E4418" i="2" a="1"/>
  <c r="E4418" i="2" s="1"/>
  <c r="E4412" i="2" a="1"/>
  <c r="E4412" i="2" s="1"/>
  <c r="D6769" i="2" a="1"/>
  <c r="D6769" i="2" s="1"/>
  <c r="G4228" i="2" a="1"/>
  <c r="G4228" i="2" s="1"/>
  <c r="F52" i="2" a="1"/>
  <c r="F52" i="2" s="1"/>
  <c r="D810" i="2" a="1"/>
  <c r="D810" i="2" s="1"/>
  <c r="AO34" i="1"/>
  <c r="E40" i="5" s="1"/>
  <c r="F6488" i="2" a="1"/>
  <c r="F6488" i="2" s="1"/>
  <c r="F6066" i="2" a="1"/>
  <c r="F6066" i="2" s="1"/>
  <c r="F6383" i="2" a="1"/>
  <c r="F6383" i="2" s="1"/>
  <c r="G6208" i="2" a="1"/>
  <c r="G6208" i="2" s="1"/>
  <c r="D382" i="2" a="1"/>
  <c r="D382" i="2" s="1"/>
  <c r="D2980" i="2" a="1"/>
  <c r="D2980" i="2" s="1"/>
  <c r="H6656" i="2" a="1"/>
  <c r="H6656" i="2" s="1"/>
  <c r="H6458" i="2" a="1"/>
  <c r="H6458" i="2" s="1"/>
  <c r="F2417" i="2" a="1"/>
  <c r="F2417" i="2" s="1"/>
  <c r="E1693" i="2" a="1"/>
  <c r="E1693" i="2" s="1"/>
  <c r="E8538" i="2" a="1"/>
  <c r="E8538" i="2" s="1"/>
  <c r="E8540" i="2" a="1"/>
  <c r="E8540" i="2" s="1"/>
  <c r="E8541" i="2" a="1"/>
  <c r="E8541" i="2" s="1"/>
  <c r="E8543" i="2" a="1"/>
  <c r="E8543" i="2" s="1"/>
  <c r="AO100" i="1"/>
  <c r="E3330" i="2" a="1"/>
  <c r="E3330" i="2" s="1"/>
  <c r="E3338" i="2" a="1"/>
  <c r="E3338" i="2" s="1"/>
  <c r="E2398" i="2" a="1"/>
  <c r="E2398" i="2" s="1"/>
  <c r="H727" i="2" a="1"/>
  <c r="H727" i="2" s="1"/>
  <c r="D3902" i="2" a="1"/>
  <c r="D3902" i="2" s="1"/>
  <c r="G8059" i="2" a="1"/>
  <c r="G8059" i="2" s="1"/>
  <c r="D2139" i="2" a="1"/>
  <c r="D2139" i="2" s="1"/>
  <c r="AQ89" i="1"/>
  <c r="G95" i="5" s="1"/>
  <c r="E8137" i="2" a="1"/>
  <c r="E8137" i="2" s="1"/>
  <c r="H525" i="2" a="1"/>
  <c r="H525" i="2" s="1"/>
  <c r="H526" i="2" a="1"/>
  <c r="H526" i="2" s="1"/>
  <c r="E4526" i="2" a="1"/>
  <c r="E4526" i="2" s="1"/>
  <c r="G2624" i="2" a="1"/>
  <c r="G2624" i="2" s="1"/>
  <c r="D6091" i="2" a="1"/>
  <c r="D6091" i="2" s="1"/>
  <c r="G5012" i="2" a="1"/>
  <c r="G5012" i="2" s="1"/>
  <c r="G6029" i="2" a="1"/>
  <c r="G6029" i="2" s="1"/>
  <c r="G3996" i="2" a="1"/>
  <c r="G3996" i="2" s="1"/>
  <c r="F3211" i="2" a="1"/>
  <c r="F3211" i="2" s="1"/>
  <c r="E6072" i="2" a="1"/>
  <c r="E6072" i="2" s="1"/>
  <c r="G75" i="2" a="1"/>
  <c r="G75" i="2" s="1"/>
  <c r="G65" i="2" a="1"/>
  <c r="G65" i="2" s="1"/>
  <c r="F5979" i="2" a="1"/>
  <c r="F5979" i="2" s="1"/>
  <c r="F2389" i="2" a="1"/>
  <c r="F2389" i="2" s="1"/>
  <c r="F2395" i="2" a="1"/>
  <c r="F2395" i="2" s="1"/>
  <c r="H1619" i="2" a="1"/>
  <c r="H1619" i="2" s="1"/>
  <c r="D3527" i="2" a="1"/>
  <c r="D3527" i="2" s="1"/>
  <c r="F1344" i="2" a="1"/>
  <c r="F1344" i="2" s="1"/>
  <c r="H462" i="2" a="1"/>
  <c r="H462" i="2" s="1"/>
  <c r="AN261" i="1"/>
  <c r="D267" i="5" s="1"/>
  <c r="E7012" i="2" a="1"/>
  <c r="E7012" i="2" s="1"/>
  <c r="H3117" i="2" a="1"/>
  <c r="H3117" i="2" s="1"/>
  <c r="H3790" i="2" a="1"/>
  <c r="H3790" i="2" s="1"/>
  <c r="H3792" i="2" a="1"/>
  <c r="H3792" i="2" s="1"/>
  <c r="F6357" i="2" a="1"/>
  <c r="F6357" i="2" s="1"/>
  <c r="G6436" i="2" a="1"/>
  <c r="G6436" i="2" s="1"/>
  <c r="H4912" i="2" a="1"/>
  <c r="H4912" i="2" s="1"/>
  <c r="F3284" i="2" a="1"/>
  <c r="F3284" i="2" s="1"/>
  <c r="G3462" i="2" a="1"/>
  <c r="G3462" i="2" s="1"/>
  <c r="G3460" i="2" a="1"/>
  <c r="G3460" i="2" s="1"/>
  <c r="H2668" i="2" a="1"/>
  <c r="H2668" i="2" s="1"/>
  <c r="D2736" i="2" a="1"/>
  <c r="D2736" i="2" s="1"/>
  <c r="D2741" i="2" a="1"/>
  <c r="D2741" i="2" s="1"/>
  <c r="F1411" i="2" a="1"/>
  <c r="F1411" i="2" s="1"/>
  <c r="E3523" i="2" a="1"/>
  <c r="E3523" i="2" s="1"/>
  <c r="D2512" i="2" a="1"/>
  <c r="D2512" i="2" s="1"/>
  <c r="D7417" i="2" a="1"/>
  <c r="D7417" i="2" s="1"/>
  <c r="D4338" i="2" a="1"/>
  <c r="D4338" i="2" s="1"/>
  <c r="E6095" i="2" a="1"/>
  <c r="E6095" i="2" s="1"/>
  <c r="D5903" i="2" a="1"/>
  <c r="D5903" i="2" s="1"/>
  <c r="G6267" i="2" a="1"/>
  <c r="G6267" i="2" s="1"/>
  <c r="E6619" i="2" a="1"/>
  <c r="E6619" i="2" s="1"/>
  <c r="E6627" i="2" a="1"/>
  <c r="E6627" i="2" s="1"/>
  <c r="D1016" i="2" a="1"/>
  <c r="D1016" i="2" s="1"/>
  <c r="F3654" i="2" a="1"/>
  <c r="F3654" i="2" s="1"/>
  <c r="E4414" i="2" a="1"/>
  <c r="E4414" i="2" s="1"/>
  <c r="E4419" i="2" a="1"/>
  <c r="E4419" i="2" s="1"/>
  <c r="D6764" i="2" a="1"/>
  <c r="D6764" i="2" s="1"/>
  <c r="G4212" i="2" a="1"/>
  <c r="G4212" i="2" s="1"/>
  <c r="F43" i="2" a="1"/>
  <c r="F43" i="2" s="1"/>
  <c r="D806" i="2" a="1"/>
  <c r="D806" i="2" s="1"/>
  <c r="F6072" i="2" a="1"/>
  <c r="F6072" i="2" s="1"/>
  <c r="D2975" i="2" a="1"/>
  <c r="D2975" i="2" s="1"/>
  <c r="H6637" i="2" a="1"/>
  <c r="H6637" i="2" s="1"/>
  <c r="E2880" i="2" a="1"/>
  <c r="E2880" i="2" s="1"/>
  <c r="G3333" i="2" a="1"/>
  <c r="G3333" i="2" s="1"/>
  <c r="H6443" i="2" a="1"/>
  <c r="H6443" i="2" s="1"/>
  <c r="AQ76" i="1"/>
  <c r="G82" i="5" s="1"/>
  <c r="E7410" i="2" a="1"/>
  <c r="E7410" i="2" s="1"/>
  <c r="E7415" i="2" a="1"/>
  <c r="E7415" i="2" s="1"/>
  <c r="E7414" i="2" a="1"/>
  <c r="E7414" i="2" s="1"/>
  <c r="E7404" i="2" a="1"/>
  <c r="E7404" i="2" s="1"/>
  <c r="G84" i="2" a="1"/>
  <c r="G84" i="2" s="1"/>
  <c r="G82" i="2" a="1"/>
  <c r="G82" i="2" s="1"/>
  <c r="G91" i="2" a="1"/>
  <c r="G91" i="2" s="1"/>
  <c r="G83" i="2" a="1"/>
  <c r="G83" i="2" s="1"/>
  <c r="E5723" i="2" a="1"/>
  <c r="E5723" i="2" s="1"/>
  <c r="E5736" i="2" a="1"/>
  <c r="E5736" i="2" s="1"/>
  <c r="E5745" i="2" a="1"/>
  <c r="E5745" i="2" s="1"/>
  <c r="E5735" i="2" a="1"/>
  <c r="E5735" i="2" s="1"/>
  <c r="H54" i="2" a="1"/>
  <c r="H54" i="2" s="1"/>
  <c r="H34" i="2" a="1"/>
  <c r="H34" i="2" s="1"/>
  <c r="H47" i="2" a="1"/>
  <c r="H47" i="2" s="1"/>
  <c r="H55" i="2" a="1"/>
  <c r="H55" i="2" s="1"/>
  <c r="E3340" i="2" a="1"/>
  <c r="E3340" i="2" s="1"/>
  <c r="E3339" i="2" a="1"/>
  <c r="E3339" i="2" s="1"/>
  <c r="E2386" i="2" a="1"/>
  <c r="E2386" i="2" s="1"/>
  <c r="H726" i="2" a="1"/>
  <c r="H726" i="2" s="1"/>
  <c r="D3916" i="2" a="1"/>
  <c r="D3916" i="2" s="1"/>
  <c r="D3899" i="2" a="1"/>
  <c r="D3899" i="2" s="1"/>
  <c r="G8051" i="2" a="1"/>
  <c r="G8051" i="2" s="1"/>
  <c r="D2137" i="2" a="1"/>
  <c r="D2137" i="2" s="1"/>
  <c r="AN89" i="1"/>
  <c r="D95" i="5" s="1"/>
  <c r="E8136" i="2" a="1"/>
  <c r="E8136" i="2" s="1"/>
  <c r="H521" i="2" a="1"/>
  <c r="H521" i="2" s="1"/>
  <c r="E4543" i="2" a="1"/>
  <c r="E4543" i="2" s="1"/>
  <c r="G2611" i="2" a="1"/>
  <c r="G2611" i="2" s="1"/>
  <c r="D6087" i="2" a="1"/>
  <c r="D6087" i="2" s="1"/>
  <c r="G5019" i="2" a="1"/>
  <c r="G5019" i="2" s="1"/>
  <c r="G6011" i="2" a="1"/>
  <c r="G6011" i="2" s="1"/>
  <c r="G3997" i="2" a="1"/>
  <c r="G3997" i="2" s="1"/>
  <c r="F3207" i="2" a="1"/>
  <c r="F3207" i="2" s="1"/>
  <c r="E6075" i="2" a="1"/>
  <c r="E6075" i="2" s="1"/>
  <c r="G74" i="2" a="1"/>
  <c r="G74" i="2" s="1"/>
  <c r="G58" i="2" a="1"/>
  <c r="G58" i="2" s="1"/>
  <c r="AM268" i="1"/>
  <c r="C274" i="5" s="1"/>
  <c r="F5971" i="2" a="1"/>
  <c r="F5971" i="2" s="1"/>
  <c r="F2393" i="2" a="1"/>
  <c r="F2393" i="2" s="1"/>
  <c r="F2406" i="2" a="1"/>
  <c r="F2406" i="2" s="1"/>
  <c r="H1630" i="2" a="1"/>
  <c r="H1630" i="2" s="1"/>
  <c r="D3520" i="2" a="1"/>
  <c r="D3520" i="2" s="1"/>
  <c r="F1346" i="2" a="1"/>
  <c r="F1346" i="2" s="1"/>
  <c r="H448" i="2" a="1"/>
  <c r="H448" i="2" s="1"/>
  <c r="AO261" i="1"/>
  <c r="E267" i="5" s="1"/>
  <c r="E7007" i="2" a="1"/>
  <c r="E7007" i="2" s="1"/>
  <c r="H3114" i="2" a="1"/>
  <c r="H3114" i="2" s="1"/>
  <c r="H3791" i="2" a="1"/>
  <c r="H3791" i="2" s="1"/>
  <c r="H3801" i="2" a="1"/>
  <c r="H3801" i="2" s="1"/>
  <c r="F6361" i="2" a="1"/>
  <c r="F6361" i="2" s="1"/>
  <c r="G6428" i="2" a="1"/>
  <c r="G6428" i="2" s="1"/>
  <c r="G6434" i="2" a="1"/>
  <c r="G6434" i="2" s="1"/>
  <c r="H4911" i="2" a="1"/>
  <c r="H4911" i="2" s="1"/>
  <c r="F3289" i="2" a="1"/>
  <c r="F3289" i="2" s="1"/>
  <c r="G3451" i="2" a="1"/>
  <c r="G3451" i="2" s="1"/>
  <c r="G3444" i="2" a="1"/>
  <c r="G3444" i="2" s="1"/>
  <c r="H2653" i="2" a="1"/>
  <c r="H2653" i="2" s="1"/>
  <c r="H2662" i="2" a="1"/>
  <c r="H2662" i="2" s="1"/>
  <c r="D2740" i="2" a="1"/>
  <c r="D2740" i="2" s="1"/>
  <c r="D2737" i="2" a="1"/>
  <c r="D2737" i="2" s="1"/>
  <c r="F1406" i="2" a="1"/>
  <c r="F1406" i="2" s="1"/>
  <c r="E3533" i="2" a="1"/>
  <c r="E3533" i="2" s="1"/>
  <c r="D2506" i="2" a="1"/>
  <c r="D2506" i="2" s="1"/>
  <c r="D7418" i="2" a="1"/>
  <c r="D7418" i="2" s="1"/>
  <c r="D4334" i="2" a="1"/>
  <c r="D4334" i="2" s="1"/>
  <c r="E6084" i="2" a="1"/>
  <c r="E6084" i="2" s="1"/>
  <c r="D5896" i="2" a="1"/>
  <c r="D5896" i="2" s="1"/>
  <c r="D5904" i="2" a="1"/>
  <c r="D5904" i="2" s="1"/>
  <c r="AM299" i="1"/>
  <c r="AM39" i="1"/>
  <c r="G6266" i="2" a="1"/>
  <c r="G6266" i="2" s="1"/>
  <c r="G6257" i="2" a="1"/>
  <c r="G6257" i="2" s="1"/>
  <c r="E6620" i="2" a="1"/>
  <c r="E6620" i="2" s="1"/>
  <c r="E6617" i="2" a="1"/>
  <c r="E6617" i="2" s="1"/>
  <c r="G5446" i="2" a="1"/>
  <c r="G5446" i="2" s="1"/>
  <c r="D997" i="2" a="1"/>
  <c r="D997" i="2" s="1"/>
  <c r="F3647" i="2" a="1"/>
  <c r="F3647" i="2" s="1"/>
  <c r="E4413" i="2" a="1"/>
  <c r="E4413" i="2" s="1"/>
  <c r="E4417" i="2" a="1"/>
  <c r="E4417" i="2" s="1"/>
  <c r="D6760" i="2" a="1"/>
  <c r="D6760" i="2" s="1"/>
  <c r="G4230" i="2" a="1"/>
  <c r="G4230" i="2" s="1"/>
  <c r="F54" i="2" a="1"/>
  <c r="F54" i="2" s="1"/>
  <c r="D805" i="2" a="1"/>
  <c r="D805" i="2" s="1"/>
  <c r="F6472" i="2" a="1"/>
  <c r="F6472" i="2" s="1"/>
  <c r="F6062" i="2" a="1"/>
  <c r="F6062" i="2" s="1"/>
  <c r="F6373" i="2" a="1"/>
  <c r="F6373" i="2" s="1"/>
  <c r="D2962" i="2" a="1"/>
  <c r="D2962" i="2" s="1"/>
  <c r="H6651" i="2" a="1"/>
  <c r="H6651" i="2" s="1"/>
  <c r="E2874" i="2" a="1"/>
  <c r="E2874" i="2" s="1"/>
  <c r="G3340" i="2" a="1"/>
  <c r="G3340" i="2" s="1"/>
  <c r="H6460" i="2" a="1"/>
  <c r="H6460" i="2" s="1"/>
  <c r="E3710" i="2" a="1"/>
  <c r="E3710" i="2" s="1"/>
  <c r="G4079" i="2" a="1"/>
  <c r="G4079" i="2" s="1"/>
  <c r="D1735" i="2" a="1"/>
  <c r="D1735" i="2" s="1"/>
  <c r="E2397" i="2" a="1"/>
  <c r="E2397" i="2" s="1"/>
  <c r="H719" i="2" a="1"/>
  <c r="H719" i="2" s="1"/>
  <c r="D3909" i="2" a="1"/>
  <c r="D3909" i="2" s="1"/>
  <c r="D3920" i="2" a="1"/>
  <c r="D3920" i="2" s="1"/>
  <c r="G8064" i="2" a="1"/>
  <c r="G8064" i="2" s="1"/>
  <c r="D2145" i="2" a="1"/>
  <c r="D2145" i="2" s="1"/>
  <c r="AM139" i="1"/>
  <c r="C145" i="5" s="1"/>
  <c r="E8123" i="2" a="1"/>
  <c r="E8123" i="2" s="1"/>
  <c r="H520" i="2" a="1"/>
  <c r="H520" i="2" s="1"/>
  <c r="E4529" i="2" a="1"/>
  <c r="E4529" i="2" s="1"/>
  <c r="G2618" i="2" a="1"/>
  <c r="G2618" i="2" s="1"/>
  <c r="D6083" i="2" a="1"/>
  <c r="D6083" i="2" s="1"/>
  <c r="G5005" i="2" a="1"/>
  <c r="G5005" i="2" s="1"/>
  <c r="G6015" i="2" a="1"/>
  <c r="G6015" i="2" s="1"/>
  <c r="G3999" i="2" a="1"/>
  <c r="G3999" i="2" s="1"/>
  <c r="F3208" i="2" a="1"/>
  <c r="F3208" i="2" s="1"/>
  <c r="E6061" i="2" a="1"/>
  <c r="E6061" i="2" s="1"/>
  <c r="G78" i="2" a="1"/>
  <c r="G78" i="2" s="1"/>
  <c r="G60" i="2" a="1"/>
  <c r="G60" i="2" s="1"/>
  <c r="AN268" i="1"/>
  <c r="D274" i="5" s="1"/>
  <c r="F5967" i="2" a="1"/>
  <c r="F5967" i="2" s="1"/>
  <c r="F2391" i="2" a="1"/>
  <c r="F2391" i="2" s="1"/>
  <c r="F2394" i="2" a="1"/>
  <c r="F2394" i="2" s="1"/>
  <c r="H1625" i="2" a="1"/>
  <c r="H1625" i="2" s="1"/>
  <c r="H1634" i="2" a="1"/>
  <c r="H1634" i="2" s="1"/>
  <c r="D3519" i="2" a="1"/>
  <c r="D3519" i="2" s="1"/>
  <c r="F1352" i="2" a="1"/>
  <c r="F1352" i="2" s="1"/>
  <c r="H447" i="2" a="1"/>
  <c r="H447" i="2" s="1"/>
  <c r="AQ261" i="1"/>
  <c r="G267" i="5" s="1"/>
  <c r="E6999" i="2" a="1"/>
  <c r="E6999" i="2" s="1"/>
  <c r="H3123" i="2" a="1"/>
  <c r="H3123" i="2" s="1"/>
  <c r="H3784" i="2" a="1"/>
  <c r="H3784" i="2" s="1"/>
  <c r="F6348" i="2" a="1"/>
  <c r="F6348" i="2" s="1"/>
  <c r="G6420" i="2" a="1"/>
  <c r="G6420" i="2" s="1"/>
  <c r="G6422" i="2" a="1"/>
  <c r="G6422" i="2" s="1"/>
  <c r="H4907" i="2" a="1"/>
  <c r="H4907" i="2" s="1"/>
  <c r="F3290" i="2" a="1"/>
  <c r="F3290" i="2" s="1"/>
  <c r="G3446" i="2" a="1"/>
  <c r="G3446" i="2" s="1"/>
  <c r="H2652" i="2" a="1"/>
  <c r="H2652" i="2" s="1"/>
  <c r="H2667" i="2" a="1"/>
  <c r="H2667" i="2" s="1"/>
  <c r="D2724" i="2" a="1"/>
  <c r="D2724" i="2" s="1"/>
  <c r="D2725" i="2" a="1"/>
  <c r="D2725" i="2" s="1"/>
  <c r="F1403" i="2" a="1"/>
  <c r="F1403" i="2" s="1"/>
  <c r="E3535" i="2" a="1"/>
  <c r="E3535" i="2" s="1"/>
  <c r="D2515" i="2" a="1"/>
  <c r="D2515" i="2" s="1"/>
  <c r="D7403" i="2" a="1"/>
  <c r="D7403" i="2" s="1"/>
  <c r="D4330" i="2" a="1"/>
  <c r="D4330" i="2" s="1"/>
  <c r="E6101" i="2" a="1"/>
  <c r="E6101" i="2" s="1"/>
  <c r="D5905" i="2" a="1"/>
  <c r="D5905" i="2" s="1"/>
  <c r="D5893" i="2" a="1"/>
  <c r="D5893" i="2" s="1"/>
  <c r="AQ299" i="1"/>
  <c r="G305" i="5" s="1"/>
  <c r="AN39" i="1"/>
  <c r="D45" i="5" s="1"/>
  <c r="G6272" i="2" a="1"/>
  <c r="G6272" i="2" s="1"/>
  <c r="G6252" i="2" a="1"/>
  <c r="G6252" i="2" s="1"/>
  <c r="E6612" i="2" a="1"/>
  <c r="E6612" i="2" s="1"/>
  <c r="D998" i="2" a="1"/>
  <c r="D998" i="2" s="1"/>
  <c r="F3642" i="2" a="1"/>
  <c r="F3642" i="2" s="1"/>
  <c r="E4409" i="2" a="1"/>
  <c r="E4409" i="2" s="1"/>
  <c r="D6773" i="2" a="1"/>
  <c r="D6773" i="2" s="1"/>
  <c r="G4231" i="2" a="1"/>
  <c r="G4231" i="2" s="1"/>
  <c r="F47" i="2" a="1"/>
  <c r="F47" i="2" s="1"/>
  <c r="D821" i="2" a="1"/>
  <c r="D821" i="2" s="1"/>
  <c r="F6484" i="2" a="1"/>
  <c r="F6484" i="2" s="1"/>
  <c r="F6068" i="2" a="1"/>
  <c r="F6068" i="2" s="1"/>
  <c r="F6390" i="2" a="1"/>
  <c r="F6390" i="2" s="1"/>
  <c r="AN244" i="1"/>
  <c r="D250" i="5" s="1"/>
  <c r="E5862" i="2" a="1"/>
  <c r="E5862" i="2" s="1"/>
  <c r="H1779" i="2" a="1"/>
  <c r="H1779" i="2" s="1"/>
  <c r="D2972" i="2" a="1"/>
  <c r="D2972" i="2" s="1"/>
  <c r="E2876" i="2" a="1"/>
  <c r="E2876" i="2" s="1"/>
  <c r="G3342" i="2" a="1"/>
  <c r="G3342" i="2" s="1"/>
  <c r="H6457" i="2" a="1"/>
  <c r="H6457" i="2" s="1"/>
  <c r="G4085" i="2" a="1"/>
  <c r="G4085" i="2" s="1"/>
  <c r="D1725" i="2" a="1"/>
  <c r="D1725" i="2" s="1"/>
  <c r="F3456" i="2" a="1"/>
  <c r="F3456" i="2" s="1"/>
  <c r="F3462" i="2" a="1"/>
  <c r="F3462" i="2" s="1"/>
  <c r="F3446" i="2" a="1"/>
  <c r="F3446" i="2" s="1"/>
  <c r="F3457" i="2" a="1"/>
  <c r="F3457" i="2" s="1"/>
  <c r="F3461" i="2" a="1"/>
  <c r="F3461" i="2" s="1"/>
  <c r="F3450" i="2" a="1"/>
  <c r="F3450" i="2" s="1"/>
  <c r="H6332" i="2" a="1"/>
  <c r="H6332" i="2" s="1"/>
  <c r="H6339" i="2" a="1"/>
  <c r="H6339" i="2" s="1"/>
  <c r="H6330" i="2" a="1"/>
  <c r="H6330" i="2" s="1"/>
  <c r="H6344" i="2" a="1"/>
  <c r="H6344" i="2" s="1"/>
  <c r="H6323" i="2" a="1"/>
  <c r="H6323" i="2" s="1"/>
  <c r="H6342" i="2" a="1"/>
  <c r="H6342" i="2" s="1"/>
  <c r="E3333" i="2" a="1"/>
  <c r="E3333" i="2" s="1"/>
  <c r="E2396" i="2" a="1"/>
  <c r="E2396" i="2" s="1"/>
  <c r="H712" i="2" a="1"/>
  <c r="H712" i="2" s="1"/>
  <c r="D3917" i="2" a="1"/>
  <c r="D3917" i="2" s="1"/>
  <c r="D3912" i="2" a="1"/>
  <c r="D3912" i="2" s="1"/>
  <c r="G8068" i="2" a="1"/>
  <c r="G8068" i="2" s="1"/>
  <c r="D2141" i="2" a="1"/>
  <c r="D2141" i="2" s="1"/>
  <c r="AN139" i="1"/>
  <c r="E8135" i="2" a="1"/>
  <c r="E8135" i="2" s="1"/>
  <c r="H516" i="2" a="1"/>
  <c r="H516" i="2" s="1"/>
  <c r="E4537" i="2" a="1"/>
  <c r="E4537" i="2" s="1"/>
  <c r="G2617" i="2" a="1"/>
  <c r="G2617" i="2" s="1"/>
  <c r="D6101" i="2" a="1"/>
  <c r="D6101" i="2" s="1"/>
  <c r="G5011" i="2" a="1"/>
  <c r="G5011" i="2" s="1"/>
  <c r="G6032" i="2" a="1"/>
  <c r="G6032" i="2" s="1"/>
  <c r="G4009" i="2" a="1"/>
  <c r="G4009" i="2" s="1"/>
  <c r="F3225" i="2" a="1"/>
  <c r="F3225" i="2" s="1"/>
  <c r="E6078" i="2" a="1"/>
  <c r="E6078" i="2" s="1"/>
  <c r="G69" i="2" a="1"/>
  <c r="G69" i="2" s="1"/>
  <c r="AP268" i="1"/>
  <c r="F274" i="5" s="1"/>
  <c r="F5976" i="2" a="1"/>
  <c r="F5976" i="2" s="1"/>
  <c r="F5977" i="2" a="1"/>
  <c r="F5977" i="2" s="1"/>
  <c r="F2400" i="2" a="1"/>
  <c r="F2400" i="2" s="1"/>
  <c r="H1626" i="2" a="1"/>
  <c r="H1626" i="2" s="1"/>
  <c r="H1637" i="2" a="1"/>
  <c r="H1637" i="2" s="1"/>
  <c r="D3514" i="2" a="1"/>
  <c r="D3514" i="2" s="1"/>
  <c r="F1350" i="2" a="1"/>
  <c r="F1350" i="2" s="1"/>
  <c r="H465" i="2" a="1"/>
  <c r="H465" i="2" s="1"/>
  <c r="E7001" i="2" a="1"/>
  <c r="E7001" i="2" s="1"/>
  <c r="E7002" i="2" a="1"/>
  <c r="E7002" i="2" s="1"/>
  <c r="H3116" i="2" a="1"/>
  <c r="H3116" i="2" s="1"/>
  <c r="H3800" i="2" a="1"/>
  <c r="H3800" i="2" s="1"/>
  <c r="F6346" i="2" a="1"/>
  <c r="F6346" i="2" s="1"/>
  <c r="G6421" i="2" a="1"/>
  <c r="G6421" i="2" s="1"/>
  <c r="G6433" i="2" a="1"/>
  <c r="G6433" i="2" s="1"/>
  <c r="H4910" i="2" a="1"/>
  <c r="H4910" i="2" s="1"/>
  <c r="F3295" i="2" a="1"/>
  <c r="F3295" i="2" s="1"/>
  <c r="G3465" i="2" a="1"/>
  <c r="G3465" i="2" s="1"/>
  <c r="H2669" i="2" a="1"/>
  <c r="H2669" i="2" s="1"/>
  <c r="H2659" i="2" a="1"/>
  <c r="H2659" i="2" s="1"/>
  <c r="D2734" i="2" a="1"/>
  <c r="D2734" i="2" s="1"/>
  <c r="D2730" i="2" a="1"/>
  <c r="D2730" i="2" s="1"/>
  <c r="F1402" i="2" a="1"/>
  <c r="F1402" i="2" s="1"/>
  <c r="E3532" i="2" a="1"/>
  <c r="E3532" i="2" s="1"/>
  <c r="D2528" i="2" a="1"/>
  <c r="D2528" i="2" s="1"/>
  <c r="D7410" i="2" a="1"/>
  <c r="D7410" i="2" s="1"/>
  <c r="D4348" i="2" a="1"/>
  <c r="D4348" i="2" s="1"/>
  <c r="E6090" i="2" a="1"/>
  <c r="E6090" i="2" s="1"/>
  <c r="D5913" i="2" a="1"/>
  <c r="D5913" i="2" s="1"/>
  <c r="D5901" i="2" a="1"/>
  <c r="D5901" i="2" s="1"/>
  <c r="AO299" i="1"/>
  <c r="E305" i="5" s="1"/>
  <c r="AP39" i="1"/>
  <c r="F45" i="5" s="1"/>
  <c r="G6254" i="2" a="1"/>
  <c r="G6254" i="2" s="1"/>
  <c r="G6261" i="2" a="1"/>
  <c r="G6261" i="2" s="1"/>
  <c r="E6618" i="2" a="1"/>
  <c r="E6618" i="2" s="1"/>
  <c r="G5449" i="2" a="1"/>
  <c r="G5449" i="2" s="1"/>
  <c r="D1015" i="2" a="1"/>
  <c r="D1015" i="2" s="1"/>
  <c r="F3651" i="2" a="1"/>
  <c r="F3651" i="2" s="1"/>
  <c r="E4408" i="2" a="1"/>
  <c r="E4408" i="2" s="1"/>
  <c r="D6770" i="2" a="1"/>
  <c r="D6770" i="2" s="1"/>
  <c r="G4214" i="2" a="1"/>
  <c r="G4214" i="2" s="1"/>
  <c r="F37" i="2" a="1"/>
  <c r="F37" i="2" s="1"/>
  <c r="F35" i="2" a="1"/>
  <c r="F35" i="2" s="1"/>
  <c r="D809" i="2" a="1"/>
  <c r="D809" i="2" s="1"/>
  <c r="F6476" i="2" a="1"/>
  <c r="F6476" i="2" s="1"/>
  <c r="F6079" i="2" a="1"/>
  <c r="F6079" i="2" s="1"/>
  <c r="F6392" i="2" a="1"/>
  <c r="F6392" i="2" s="1"/>
  <c r="AQ244" i="1"/>
  <c r="G250" i="5" s="1"/>
  <c r="E5864" i="2" a="1"/>
  <c r="E5864" i="2" s="1"/>
  <c r="D376" i="2" a="1"/>
  <c r="D376" i="2" s="1"/>
  <c r="H1763" i="2" a="1"/>
  <c r="H1763" i="2" s="1"/>
  <c r="D2982" i="2" a="1"/>
  <c r="D2982" i="2" s="1"/>
  <c r="E2884" i="2" a="1"/>
  <c r="E2884" i="2" s="1"/>
  <c r="G3335" i="2" a="1"/>
  <c r="G3335" i="2" s="1"/>
  <c r="H6448" i="2" a="1"/>
  <c r="H6448" i="2" s="1"/>
  <c r="E3719" i="2" a="1"/>
  <c r="E3719" i="2" s="1"/>
  <c r="G4073" i="2" a="1"/>
  <c r="G4073" i="2" s="1"/>
  <c r="D1721" i="2" a="1"/>
  <c r="D1721" i="2" s="1"/>
  <c r="G5875" i="2" a="1"/>
  <c r="G5875" i="2" s="1"/>
  <c r="G5877" i="2" a="1"/>
  <c r="G5877" i="2" s="1"/>
  <c r="G5878" i="2" a="1"/>
  <c r="G5878" i="2" s="1"/>
  <c r="F1606" i="2" a="1"/>
  <c r="F1606" i="2" s="1"/>
  <c r="F1607" i="2" a="1"/>
  <c r="F1607" i="2" s="1"/>
  <c r="F1615" i="2" a="1"/>
  <c r="F1615" i="2" s="1"/>
  <c r="F1595" i="2" a="1"/>
  <c r="F1595" i="2" s="1"/>
  <c r="E3337" i="2" a="1"/>
  <c r="E3337" i="2" s="1"/>
  <c r="E2392" i="2" a="1"/>
  <c r="E2392" i="2" s="1"/>
  <c r="H706" i="2" a="1"/>
  <c r="H706" i="2" s="1"/>
  <c r="D3907" i="2" a="1"/>
  <c r="D3907" i="2" s="1"/>
  <c r="D3905" i="2" a="1"/>
  <c r="D3905" i="2" s="1"/>
  <c r="G8061" i="2" a="1"/>
  <c r="G8061" i="2" s="1"/>
  <c r="D2144" i="2" a="1"/>
  <c r="D2144" i="2" s="1"/>
  <c r="AQ139" i="1"/>
  <c r="G145" i="5" s="1"/>
  <c r="E8122" i="2" a="1"/>
  <c r="E8122" i="2" s="1"/>
  <c r="H536" i="2" a="1"/>
  <c r="H536" i="2" s="1"/>
  <c r="E4522" i="2" a="1"/>
  <c r="E4522" i="2" s="1"/>
  <c r="G2616" i="2" a="1"/>
  <c r="G2616" i="2" s="1"/>
  <c r="D6085" i="2" a="1"/>
  <c r="D6085" i="2" s="1"/>
  <c r="D6092" i="2" a="1"/>
  <c r="D6092" i="2" s="1"/>
  <c r="G5004" i="2" a="1"/>
  <c r="G5004" i="2" s="1"/>
  <c r="G6025" i="2" a="1"/>
  <c r="G6025" i="2" s="1"/>
  <c r="G4001" i="2" a="1"/>
  <c r="G4001" i="2" s="1"/>
  <c r="F3219" i="2" a="1"/>
  <c r="F3219" i="2" s="1"/>
  <c r="E6079" i="2" a="1"/>
  <c r="E6079" i="2" s="1"/>
  <c r="G77" i="2" a="1"/>
  <c r="G77" i="2" s="1"/>
  <c r="AO268" i="1"/>
  <c r="E274" i="5" s="1"/>
  <c r="F5974" i="2" a="1"/>
  <c r="F5974" i="2" s="1"/>
  <c r="F5978" i="2" a="1"/>
  <c r="F5978" i="2" s="1"/>
  <c r="F2402" i="2" a="1"/>
  <c r="F2402" i="2" s="1"/>
  <c r="H1618" i="2" a="1"/>
  <c r="H1618" i="2" s="1"/>
  <c r="H1641" i="2" a="1"/>
  <c r="H1641" i="2" s="1"/>
  <c r="D3531" i="2" a="1"/>
  <c r="D3531" i="2" s="1"/>
  <c r="F1340" i="2" a="1"/>
  <c r="F1340" i="2" s="1"/>
  <c r="H455" i="2" a="1"/>
  <c r="H455" i="2" s="1"/>
  <c r="E6998" i="2" a="1"/>
  <c r="E6998" i="2" s="1"/>
  <c r="E6994" i="2" a="1"/>
  <c r="E6994" i="2" s="1"/>
  <c r="K6994" i="2" s="1"/>
  <c r="K6968" i="5" s="1"/>
  <c r="H3125" i="2" a="1"/>
  <c r="H3125" i="2" s="1"/>
  <c r="H3789" i="2" a="1"/>
  <c r="H3789" i="2" s="1"/>
  <c r="F6356" i="2" a="1"/>
  <c r="F6356" i="2" s="1"/>
  <c r="G6432" i="2" a="1"/>
  <c r="G6432" i="2" s="1"/>
  <c r="G6424" i="2" a="1"/>
  <c r="G6424" i="2" s="1"/>
  <c r="H4915" i="2" a="1"/>
  <c r="H4915" i="2" s="1"/>
  <c r="F3281" i="2" a="1"/>
  <c r="F3281" i="2" s="1"/>
  <c r="G3445" i="2" a="1"/>
  <c r="G3445" i="2" s="1"/>
  <c r="H2650" i="2" a="1"/>
  <c r="H2650" i="2" s="1"/>
  <c r="H2654" i="2" a="1"/>
  <c r="H2654" i="2" s="1"/>
  <c r="D2744" i="2" a="1"/>
  <c r="D2744" i="2" s="1"/>
  <c r="AM114" i="1"/>
  <c r="F1418" i="2" a="1"/>
  <c r="F1418" i="2" s="1"/>
  <c r="E3520" i="2" a="1"/>
  <c r="E3520" i="2" s="1"/>
  <c r="D2524" i="2" a="1"/>
  <c r="D2524" i="2" s="1"/>
  <c r="D7414" i="2" a="1"/>
  <c r="D7414" i="2" s="1"/>
  <c r="D4351" i="2" a="1"/>
  <c r="D4351" i="2" s="1"/>
  <c r="E6086" i="2" a="1"/>
  <c r="E6086" i="2" s="1"/>
  <c r="D5892" i="2" a="1"/>
  <c r="D5892" i="2" s="1"/>
  <c r="D5912" i="2" a="1"/>
  <c r="D5912" i="2" s="1"/>
  <c r="AP299" i="1"/>
  <c r="F305" i="5" s="1"/>
  <c r="AO39" i="1"/>
  <c r="E45" i="5" s="1"/>
  <c r="G6264" i="2" a="1"/>
  <c r="G6264" i="2" s="1"/>
  <c r="G6270" i="2" a="1"/>
  <c r="G6270" i="2" s="1"/>
  <c r="E6630" i="2" a="1"/>
  <c r="E6630" i="2" s="1"/>
  <c r="AM339" i="1"/>
  <c r="C345" i="5" s="1"/>
  <c r="G5435" i="2" a="1"/>
  <c r="G5435" i="2" s="1"/>
  <c r="D1000" i="2" a="1"/>
  <c r="D1000" i="2" s="1"/>
  <c r="F3634" i="2" a="1"/>
  <c r="F3634" i="2" s="1"/>
  <c r="E4422" i="2" a="1"/>
  <c r="E4422" i="2" s="1"/>
  <c r="D6777" i="2" a="1"/>
  <c r="D6777" i="2" s="1"/>
  <c r="G4224" i="2" a="1"/>
  <c r="G4224" i="2" s="1"/>
  <c r="F42" i="2" a="1"/>
  <c r="F42" i="2" s="1"/>
  <c r="D824" i="2" a="1"/>
  <c r="D824" i="2" s="1"/>
  <c r="F6483" i="2" a="1"/>
  <c r="F6483" i="2" s="1"/>
  <c r="F6071" i="2" a="1"/>
  <c r="F6071" i="2" s="1"/>
  <c r="F6384" i="2" a="1"/>
  <c r="F6384" i="2" s="1"/>
  <c r="H5828" i="2" a="1"/>
  <c r="H5828" i="2" s="1"/>
  <c r="E5852" i="2" a="1"/>
  <c r="E5852" i="2" s="1"/>
  <c r="D375" i="2" a="1"/>
  <c r="D375" i="2" s="1"/>
  <c r="H1764" i="2" a="1"/>
  <c r="H1764" i="2" s="1"/>
  <c r="D2974" i="2" a="1"/>
  <c r="D2974" i="2" s="1"/>
  <c r="E2870" i="2" a="1"/>
  <c r="E2870" i="2" s="1"/>
  <c r="G3325" i="2" a="1"/>
  <c r="G3325" i="2" s="1"/>
  <c r="E3716" i="2" a="1"/>
  <c r="E3716" i="2" s="1"/>
  <c r="G4086" i="2" a="1"/>
  <c r="G4086" i="2" s="1"/>
  <c r="AM96" i="1"/>
  <c r="D1731" i="2" a="1"/>
  <c r="D1731" i="2" s="1"/>
  <c r="G5672" i="2" a="1"/>
  <c r="G5672" i="2" s="1"/>
  <c r="E3328" i="2" a="1"/>
  <c r="E3328" i="2" s="1"/>
  <c r="E2402" i="2" a="1"/>
  <c r="E2402" i="2" s="1"/>
  <c r="H716" i="2" a="1"/>
  <c r="H716" i="2" s="1"/>
  <c r="D3900" i="2" a="1"/>
  <c r="D3900" i="2" s="1"/>
  <c r="AM163" i="1"/>
  <c r="C169" i="5" s="1"/>
  <c r="G8067" i="2" a="1"/>
  <c r="G8067" i="2" s="1"/>
  <c r="D2140" i="2" a="1"/>
  <c r="D2140" i="2" s="1"/>
  <c r="AO139" i="1"/>
  <c r="E145" i="5" s="1"/>
  <c r="E8140" i="2" a="1"/>
  <c r="E8140" i="2" s="1"/>
  <c r="H519" i="2" a="1"/>
  <c r="H519" i="2" s="1"/>
  <c r="E4536" i="2" a="1"/>
  <c r="E4536" i="2" s="1"/>
  <c r="G2623" i="2" a="1"/>
  <c r="G2623" i="2" s="1"/>
  <c r="D6100" i="2" a="1"/>
  <c r="D6100" i="2" s="1"/>
  <c r="D6094" i="2" a="1"/>
  <c r="D6094" i="2" s="1"/>
  <c r="G5010" i="2" a="1"/>
  <c r="G5010" i="2" s="1"/>
  <c r="G6028" i="2" a="1"/>
  <c r="G6028" i="2" s="1"/>
  <c r="G4012" i="2" a="1"/>
  <c r="G4012" i="2" s="1"/>
  <c r="F3217" i="2" a="1"/>
  <c r="F3217" i="2" s="1"/>
  <c r="E6077" i="2" a="1"/>
  <c r="E6077" i="2" s="1"/>
  <c r="G81" i="2" a="1"/>
  <c r="G81" i="2" s="1"/>
  <c r="AQ268" i="1"/>
  <c r="G274" i="5" s="1"/>
  <c r="F5983" i="2" a="1"/>
  <c r="F5983" i="2" s="1"/>
  <c r="F5966" i="2" a="1"/>
  <c r="F5966" i="2" s="1"/>
  <c r="F2405" i="2" a="1"/>
  <c r="F2405" i="2" s="1"/>
  <c r="H1636" i="2" a="1"/>
  <c r="H1636" i="2" s="1"/>
  <c r="H1633" i="2" a="1"/>
  <c r="H1633" i="2" s="1"/>
  <c r="D3535" i="2" a="1"/>
  <c r="D3535" i="2" s="1"/>
  <c r="F1345" i="2" a="1"/>
  <c r="F1345" i="2" s="1"/>
  <c r="H456" i="2" a="1"/>
  <c r="H456" i="2" s="1"/>
  <c r="E7010" i="2" a="1"/>
  <c r="E7010" i="2" s="1"/>
  <c r="E7015" i="2" a="1"/>
  <c r="E7015" i="2" s="1"/>
  <c r="H3128" i="2" a="1"/>
  <c r="H3128" i="2" s="1"/>
  <c r="H3798" i="2" a="1"/>
  <c r="H3798" i="2" s="1"/>
  <c r="F6354" i="2" a="1"/>
  <c r="F6354" i="2" s="1"/>
  <c r="G6426" i="2" a="1"/>
  <c r="G6426" i="2" s="1"/>
  <c r="H4906" i="2" a="1"/>
  <c r="H4906" i="2" s="1"/>
  <c r="F3286" i="2" a="1"/>
  <c r="F3286" i="2" s="1"/>
  <c r="G3459" i="2" a="1"/>
  <c r="G3459" i="2" s="1"/>
  <c r="H2673" i="2" a="1"/>
  <c r="H2673" i="2" s="1"/>
  <c r="D2728" i="2" a="1"/>
  <c r="D2728" i="2" s="1"/>
  <c r="AN114" i="1"/>
  <c r="D120" i="5" s="1"/>
  <c r="F1423" i="2" a="1"/>
  <c r="F1423" i="2" s="1"/>
  <c r="E3518" i="2" a="1"/>
  <c r="E3518" i="2" s="1"/>
  <c r="D2526" i="2" a="1"/>
  <c r="D2526" i="2" s="1"/>
  <c r="D7402" i="2" a="1"/>
  <c r="D7402" i="2" s="1"/>
  <c r="D4347" i="2" a="1"/>
  <c r="D4347" i="2" s="1"/>
  <c r="E6098" i="2" a="1"/>
  <c r="E6098" i="2" s="1"/>
  <c r="D5900" i="2" a="1"/>
  <c r="D5900" i="2" s="1"/>
  <c r="AN299" i="1"/>
  <c r="D305" i="5" s="1"/>
  <c r="G6256" i="2" a="1"/>
  <c r="G6256" i="2" s="1"/>
  <c r="E6621" i="2" a="1"/>
  <c r="E6621" i="2" s="1"/>
  <c r="AP339" i="1"/>
  <c r="F345" i="5" s="1"/>
  <c r="G5439" i="2" a="1"/>
  <c r="G5439" i="2" s="1"/>
  <c r="G5443" i="2" a="1"/>
  <c r="G5443" i="2" s="1"/>
  <c r="E5070" i="2" a="1"/>
  <c r="E5070" i="2" s="1"/>
  <c r="D1009" i="2" a="1"/>
  <c r="D1009" i="2" s="1"/>
  <c r="F3657" i="2" a="1"/>
  <c r="F3657" i="2" s="1"/>
  <c r="E4415" i="2" a="1"/>
  <c r="E4415" i="2" s="1"/>
  <c r="F2281" i="2" a="1"/>
  <c r="F2281" i="2" s="1"/>
  <c r="F2273" i="2" a="1"/>
  <c r="F2273" i="2" s="1"/>
  <c r="AN282" i="1"/>
  <c r="D288" i="5" s="1"/>
  <c r="G4226" i="2" a="1"/>
  <c r="G4226" i="2" s="1"/>
  <c r="G6543" i="2" a="1"/>
  <c r="G6543" i="2" s="1"/>
  <c r="F55" i="2" a="1"/>
  <c r="F55" i="2" s="1"/>
  <c r="D818" i="2" a="1"/>
  <c r="D818" i="2" s="1"/>
  <c r="F6489" i="2" a="1"/>
  <c r="F6489" i="2" s="1"/>
  <c r="F6078" i="2" a="1"/>
  <c r="F6078" i="2" s="1"/>
  <c r="F6372" i="2" a="1"/>
  <c r="F6372" i="2" s="1"/>
  <c r="H7732" i="2" a="1"/>
  <c r="H7732" i="2" s="1"/>
  <c r="H1202" i="2" a="1"/>
  <c r="H1202" i="2" s="1"/>
  <c r="E7422" i="2" a="1"/>
  <c r="E7422" i="2" s="1"/>
  <c r="D2249" i="2" a="1"/>
  <c r="D2249" i="2" s="1"/>
  <c r="H7607" i="2" a="1"/>
  <c r="H7607" i="2" s="1"/>
  <c r="E5865" i="2" a="1"/>
  <c r="E5865" i="2" s="1"/>
  <c r="D390" i="2" a="1"/>
  <c r="D390" i="2" s="1"/>
  <c r="H1769" i="2" a="1"/>
  <c r="H1769" i="2" s="1"/>
  <c r="D2970" i="2" a="1"/>
  <c r="D2970" i="2" s="1"/>
  <c r="G3794" i="2" a="1"/>
  <c r="G3794" i="2" s="1"/>
  <c r="H3100" i="2" a="1"/>
  <c r="H3100" i="2" s="1"/>
  <c r="E2869" i="2" a="1"/>
  <c r="E2869" i="2" s="1"/>
  <c r="G3341" i="2" a="1"/>
  <c r="G3341" i="2" s="1"/>
  <c r="E3712" i="2" a="1"/>
  <c r="E3712" i="2" s="1"/>
  <c r="D1734" i="2" a="1"/>
  <c r="D1734" i="2" s="1"/>
  <c r="G5658" i="2" a="1"/>
  <c r="G5658" i="2" s="1"/>
  <c r="D1542" i="2" a="1"/>
  <c r="D1542" i="2" s="1"/>
  <c r="D1525" i="2" a="1"/>
  <c r="D1525" i="2" s="1"/>
  <c r="E3327" i="2" a="1"/>
  <c r="E3327" i="2" s="1"/>
  <c r="E2391" i="2" a="1"/>
  <c r="E2391" i="2" s="1"/>
  <c r="H714" i="2" a="1"/>
  <c r="H714" i="2" s="1"/>
  <c r="D3913" i="2" a="1"/>
  <c r="D3913" i="2" s="1"/>
  <c r="AP163" i="1"/>
  <c r="F169" i="5" s="1"/>
  <c r="G8058" i="2" a="1"/>
  <c r="G8058" i="2" s="1"/>
  <c r="D2136" i="2" a="1"/>
  <c r="D2136" i="2" s="1"/>
  <c r="AP139" i="1"/>
  <c r="F145" i="5" s="1"/>
  <c r="E8144" i="2" a="1"/>
  <c r="E8144" i="2" s="1"/>
  <c r="H535" i="2" a="1"/>
  <c r="H535" i="2" s="1"/>
  <c r="E4545" i="2" a="1"/>
  <c r="E4545" i="2" s="1"/>
  <c r="G2605" i="2" a="1"/>
  <c r="G2605" i="2" s="1"/>
  <c r="D6093" i="2" a="1"/>
  <c r="D6093" i="2" s="1"/>
  <c r="D6090" i="2" a="1"/>
  <c r="D6090" i="2" s="1"/>
  <c r="G5017" i="2" a="1"/>
  <c r="G5017" i="2" s="1"/>
  <c r="G5021" i="2" a="1"/>
  <c r="G5021" i="2" s="1"/>
  <c r="G6010" i="2" a="1"/>
  <c r="G6010" i="2" s="1"/>
  <c r="G4006" i="2" a="1"/>
  <c r="G4006" i="2" s="1"/>
  <c r="F3223" i="2" a="1"/>
  <c r="F3223" i="2" s="1"/>
  <c r="E6060" i="2" a="1"/>
  <c r="E6060" i="2" s="1"/>
  <c r="G80" i="2" a="1"/>
  <c r="G80" i="2" s="1"/>
  <c r="F5965" i="2" a="1"/>
  <c r="F5965" i="2" s="1"/>
  <c r="F5964" i="2" a="1"/>
  <c r="F5964" i="2" s="1"/>
  <c r="F2401" i="2" a="1"/>
  <c r="F2401" i="2" s="1"/>
  <c r="H1623" i="2" a="1"/>
  <c r="H1623" i="2" s="1"/>
  <c r="D3525" i="2" a="1"/>
  <c r="D3525" i="2" s="1"/>
  <c r="D3518" i="2" a="1"/>
  <c r="D3518" i="2" s="1"/>
  <c r="F1330" i="2" a="1"/>
  <c r="F1330" i="2" s="1"/>
  <c r="H442" i="2" a="1"/>
  <c r="H442" i="2" s="1"/>
  <c r="E7014" i="2" a="1"/>
  <c r="E7014" i="2" s="1"/>
  <c r="E7008" i="2" a="1"/>
  <c r="E7008" i="2" s="1"/>
  <c r="H3127" i="2" a="1"/>
  <c r="H3127" i="2" s="1"/>
  <c r="H3796" i="2" a="1"/>
  <c r="H3796" i="2" s="1"/>
  <c r="F6369" i="2" a="1"/>
  <c r="F6369" i="2" s="1"/>
  <c r="G6430" i="2" a="1"/>
  <c r="G6430" i="2" s="1"/>
  <c r="H4923" i="2" a="1"/>
  <c r="H4923" i="2" s="1"/>
  <c r="F3294" i="2" a="1"/>
  <c r="F3294" i="2" s="1"/>
  <c r="G3447" i="2" a="1"/>
  <c r="G3447" i="2" s="1"/>
  <c r="H2660" i="2" a="1"/>
  <c r="H2660" i="2" s="1"/>
  <c r="D2738" i="2" a="1"/>
  <c r="D2738" i="2" s="1"/>
  <c r="AP114" i="1"/>
  <c r="F120" i="5" s="1"/>
  <c r="F1414" i="2" a="1"/>
  <c r="F1414" i="2" s="1"/>
  <c r="E3531" i="2" a="1"/>
  <c r="E3531" i="2" s="1"/>
  <c r="D2511" i="2" a="1"/>
  <c r="D2511" i="2" s="1"/>
  <c r="D7406" i="2" a="1"/>
  <c r="D7406" i="2" s="1"/>
  <c r="D7416" i="2" a="1"/>
  <c r="D7416" i="2" s="1"/>
  <c r="D4352" i="2" a="1"/>
  <c r="D4352" i="2" s="1"/>
  <c r="D4339" i="2" a="1"/>
  <c r="D4339" i="2" s="1"/>
  <c r="E6094" i="2" a="1"/>
  <c r="E6094" i="2" s="1"/>
  <c r="D5895" i="2" a="1"/>
  <c r="D5895" i="2" s="1"/>
  <c r="G6265" i="2" a="1"/>
  <c r="G6265" i="2" s="1"/>
  <c r="E6629" i="2" a="1"/>
  <c r="E6629" i="2" s="1"/>
  <c r="AN339" i="1"/>
  <c r="D345" i="5" s="1"/>
  <c r="G5437" i="2" a="1"/>
  <c r="G5437" i="2" s="1"/>
  <c r="G5448" i="2" a="1"/>
  <c r="G5448" i="2" s="1"/>
  <c r="D1001" i="2" a="1"/>
  <c r="D1001" i="2" s="1"/>
  <c r="F3637" i="2" a="1"/>
  <c r="F3637" i="2" s="1"/>
  <c r="E4424" i="2" a="1"/>
  <c r="E4424" i="2" s="1"/>
  <c r="AP282" i="1"/>
  <c r="F288" i="5" s="1"/>
  <c r="G4233" i="2" a="1"/>
  <c r="G4233" i="2" s="1"/>
  <c r="G6546" i="2" a="1"/>
  <c r="G6546" i="2" s="1"/>
  <c r="F41" i="2" a="1"/>
  <c r="F41" i="2" s="1"/>
  <c r="D819" i="2" a="1"/>
  <c r="D819" i="2" s="1"/>
  <c r="F6482" i="2" a="1"/>
  <c r="F6482" i="2" s="1"/>
  <c r="F6059" i="2" a="1"/>
  <c r="F6059" i="2" s="1"/>
  <c r="F6371" i="2" a="1"/>
  <c r="F6371" i="2" s="1"/>
  <c r="H1190" i="2" a="1"/>
  <c r="H1190" i="2" s="1"/>
  <c r="E5859" i="2" a="1"/>
  <c r="E5859" i="2" s="1"/>
  <c r="D380" i="2" a="1"/>
  <c r="D380" i="2" s="1"/>
  <c r="H1770" i="2" a="1"/>
  <c r="H1770" i="2" s="1"/>
  <c r="G3797" i="2" a="1"/>
  <c r="G3797" i="2" s="1"/>
  <c r="E2885" i="2" a="1"/>
  <c r="E2885" i="2" s="1"/>
  <c r="G3343" i="2" a="1"/>
  <c r="G3343" i="2" s="1"/>
  <c r="G5666" i="2" a="1"/>
  <c r="G5666" i="2" s="1"/>
  <c r="G5045" i="2" a="1"/>
  <c r="G5045" i="2" s="1"/>
  <c r="E3332" i="2" a="1"/>
  <c r="E3332" i="2" s="1"/>
  <c r="E2408" i="2" a="1"/>
  <c r="E2408" i="2" s="1"/>
  <c r="H729" i="2" a="1"/>
  <c r="H729" i="2" s="1"/>
  <c r="D3906" i="2" a="1"/>
  <c r="D3906" i="2" s="1"/>
  <c r="AO163" i="1"/>
  <c r="E169" i="5" s="1"/>
  <c r="G8056" i="2" a="1"/>
  <c r="G8056" i="2" s="1"/>
  <c r="D2132" i="2" a="1"/>
  <c r="D2132" i="2" s="1"/>
  <c r="E8141" i="2" a="1"/>
  <c r="E8141" i="2" s="1"/>
  <c r="H518" i="2" a="1"/>
  <c r="H518" i="2" s="1"/>
  <c r="E4534" i="2" a="1"/>
  <c r="E4534" i="2" s="1"/>
  <c r="G2604" i="2" a="1"/>
  <c r="G2604" i="2" s="1"/>
  <c r="D6104" i="2" a="1"/>
  <c r="D6104" i="2" s="1"/>
  <c r="D6105" i="2" a="1"/>
  <c r="D6105" i="2" s="1"/>
  <c r="G5013" i="2" a="1"/>
  <c r="G5013" i="2" s="1"/>
  <c r="G5014" i="2" a="1"/>
  <c r="G5014" i="2" s="1"/>
  <c r="G6014" i="2" a="1"/>
  <c r="G6014" i="2" s="1"/>
  <c r="G3994" i="2" a="1"/>
  <c r="G3994" i="2" s="1"/>
  <c r="F3209" i="2" a="1"/>
  <c r="F3209" i="2" s="1"/>
  <c r="E6069" i="2" a="1"/>
  <c r="E6069" i="2" s="1"/>
  <c r="G73" i="2" a="1"/>
  <c r="G73" i="2" s="1"/>
  <c r="F5963" i="2" a="1"/>
  <c r="F5963" i="2" s="1"/>
  <c r="F2387" i="2" a="1"/>
  <c r="F2387" i="2" s="1"/>
  <c r="H1638" i="2" a="1"/>
  <c r="H1638" i="2" s="1"/>
  <c r="D3524" i="2" a="1"/>
  <c r="D3524" i="2" s="1"/>
  <c r="D3523" i="2" a="1"/>
  <c r="D3523" i="2" s="1"/>
  <c r="F1334" i="2" a="1"/>
  <c r="F1334" i="2" s="1"/>
  <c r="H464" i="2" a="1"/>
  <c r="H464" i="2" s="1"/>
  <c r="E7000" i="2" a="1"/>
  <c r="E7000" i="2" s="1"/>
  <c r="H3122" i="2" a="1"/>
  <c r="H3122" i="2" s="1"/>
  <c r="H3794" i="2" a="1"/>
  <c r="H3794" i="2" s="1"/>
  <c r="F6360" i="2" a="1"/>
  <c r="F6360" i="2" s="1"/>
  <c r="G6435" i="2" a="1"/>
  <c r="G6435" i="2" s="1"/>
  <c r="H4920" i="2" a="1"/>
  <c r="H4920" i="2" s="1"/>
  <c r="F3280" i="2" a="1"/>
  <c r="F3280" i="2" s="1"/>
  <c r="G3464" i="2" a="1"/>
  <c r="G3464" i="2" s="1"/>
  <c r="H2666" i="2" a="1"/>
  <c r="H2666" i="2" s="1"/>
  <c r="D2722" i="2" a="1"/>
  <c r="D2722" i="2" s="1"/>
  <c r="AO114" i="1"/>
  <c r="E120" i="5" s="1"/>
  <c r="F1415" i="2" a="1"/>
  <c r="F1415" i="2" s="1"/>
  <c r="E3525" i="2" a="1"/>
  <c r="E3525" i="2" s="1"/>
  <c r="E3530" i="2" a="1"/>
  <c r="E3530" i="2" s="1"/>
  <c r="D2510" i="2" a="1"/>
  <c r="D2510" i="2" s="1"/>
  <c r="D7415" i="2" a="1"/>
  <c r="D7415" i="2" s="1"/>
  <c r="D7407" i="2" a="1"/>
  <c r="D7407" i="2" s="1"/>
  <c r="D4344" i="2" a="1"/>
  <c r="D4344" i="2" s="1"/>
  <c r="D4335" i="2" a="1"/>
  <c r="D4335" i="2" s="1"/>
  <c r="E6092" i="2" a="1"/>
  <c r="E6092" i="2" s="1"/>
  <c r="D5910" i="2" a="1"/>
  <c r="D5910" i="2" s="1"/>
  <c r="G6263" i="2" a="1"/>
  <c r="G6263" i="2" s="1"/>
  <c r="E6626" i="2" a="1"/>
  <c r="E6626" i="2" s="1"/>
  <c r="AO339" i="1"/>
  <c r="E345" i="5" s="1"/>
  <c r="G5457" i="2" a="1"/>
  <c r="G5457" i="2" s="1"/>
  <c r="G5442" i="2" a="1"/>
  <c r="G5442" i="2" s="1"/>
  <c r="D1014" i="2" a="1"/>
  <c r="D1014" i="2" s="1"/>
  <c r="F3653" i="2" a="1"/>
  <c r="F3653" i="2" s="1"/>
  <c r="AM269" i="1"/>
  <c r="C275" i="5" s="1"/>
  <c r="E4410" i="2" a="1"/>
  <c r="E4410" i="2" s="1"/>
  <c r="AO282" i="1"/>
  <c r="E288" i="5" s="1"/>
  <c r="G4223" i="2" a="1"/>
  <c r="G4223" i="2" s="1"/>
  <c r="G6539" i="2" a="1"/>
  <c r="G6539" i="2" s="1"/>
  <c r="F39" i="2" a="1"/>
  <c r="F39" i="2" s="1"/>
  <c r="D815" i="2" a="1"/>
  <c r="D815" i="2" s="1"/>
  <c r="F6467" i="2" a="1"/>
  <c r="F6467" i="2" s="1"/>
  <c r="F6065" i="2" a="1"/>
  <c r="F6065" i="2" s="1"/>
  <c r="F6370" i="2" a="1"/>
  <c r="F6370" i="2" s="1"/>
  <c r="H1208" i="2" a="1"/>
  <c r="H1208" i="2" s="1"/>
  <c r="E5857" i="2" a="1"/>
  <c r="E5857" i="2" s="1"/>
  <c r="D392" i="2" a="1"/>
  <c r="D392" i="2" s="1"/>
  <c r="H1780" i="2" a="1"/>
  <c r="H1780" i="2" s="1"/>
  <c r="G3787" i="2" a="1"/>
  <c r="G3787" i="2" s="1"/>
  <c r="E2882" i="2" a="1"/>
  <c r="E2882" i="2" s="1"/>
  <c r="G3328" i="2" a="1"/>
  <c r="G3328" i="2" s="1"/>
  <c r="G5661" i="2" a="1"/>
  <c r="G5661" i="2" s="1"/>
  <c r="G5049" i="2" a="1"/>
  <c r="G5049" i="2" s="1"/>
  <c r="D3910" i="2" a="1"/>
  <c r="D3910" i="2" s="1"/>
  <c r="E8129" i="2" a="1"/>
  <c r="E8129" i="2" s="1"/>
  <c r="D6097" i="2" a="1"/>
  <c r="D6097" i="2" s="1"/>
  <c r="G5008" i="2" a="1"/>
  <c r="G5008" i="2" s="1"/>
  <c r="G4013" i="2" a="1"/>
  <c r="G4013" i="2" s="1"/>
  <c r="D3537" i="2" a="1"/>
  <c r="D3537" i="2" s="1"/>
  <c r="D2732" i="2" a="1"/>
  <c r="D2732" i="2" s="1"/>
  <c r="E3522" i="2" a="1"/>
  <c r="E3522" i="2" s="1"/>
  <c r="D7420" i="2" a="1"/>
  <c r="D7420" i="2" s="1"/>
  <c r="D4340" i="2" a="1"/>
  <c r="D4340" i="2" s="1"/>
  <c r="G5452" i="2" a="1"/>
  <c r="G5452" i="2" s="1"/>
  <c r="AO269" i="1"/>
  <c r="E275" i="5" s="1"/>
  <c r="AQ282" i="1"/>
  <c r="G288" i="5" s="1"/>
  <c r="G4232" i="2" a="1"/>
  <c r="G4232" i="2" s="1"/>
  <c r="G6545" i="2" a="1"/>
  <c r="G6545" i="2" s="1"/>
  <c r="F49" i="2" a="1"/>
  <c r="F49" i="2" s="1"/>
  <c r="AM194" i="1"/>
  <c r="C200" i="5" s="1"/>
  <c r="D811" i="2" a="1"/>
  <c r="D811" i="2" s="1"/>
  <c r="F6471" i="2" a="1"/>
  <c r="F6471" i="2" s="1"/>
  <c r="F6061" i="2" a="1"/>
  <c r="F6061" i="2" s="1"/>
  <c r="F6380" i="2" a="1"/>
  <c r="F6380" i="2" s="1"/>
  <c r="H1206" i="2" a="1"/>
  <c r="H1206" i="2" s="1"/>
  <c r="H7610" i="2" a="1"/>
  <c r="H7610" i="2" s="1"/>
  <c r="E5842" i="2" a="1"/>
  <c r="E5842" i="2" s="1"/>
  <c r="D372" i="2" a="1"/>
  <c r="D372" i="2" s="1"/>
  <c r="G3783" i="2" a="1"/>
  <c r="G3783" i="2" s="1"/>
  <c r="E2871" i="2" a="1"/>
  <c r="E2871" i="2" s="1"/>
  <c r="H56" i="2" a="1"/>
  <c r="H56" i="2" s="1"/>
  <c r="G5657" i="2" a="1"/>
  <c r="G5657" i="2" s="1"/>
  <c r="F7172" i="2" a="1"/>
  <c r="F7172" i="2" s="1"/>
  <c r="E3043" i="2" a="1"/>
  <c r="E3043" i="2" s="1"/>
  <c r="H1279" i="2" a="1"/>
  <c r="H1279" i="2" s="1"/>
  <c r="D6835" i="2" a="1"/>
  <c r="D6835" i="2" s="1"/>
  <c r="F2172" i="2" a="1"/>
  <c r="F2172" i="2" s="1"/>
  <c r="H5543" i="2" a="1"/>
  <c r="H5543" i="2" s="1"/>
  <c r="H5549" i="2" a="1"/>
  <c r="H5549" i="2" s="1"/>
  <c r="E3040" i="2" a="1"/>
  <c r="E3040" i="2" s="1"/>
  <c r="H1261" i="2" a="1"/>
  <c r="H1261" i="2" s="1"/>
  <c r="E6651" i="2" a="1"/>
  <c r="E6651" i="2" s="1"/>
  <c r="AN285" i="1"/>
  <c r="D3411" i="2" a="1"/>
  <c r="D3411" i="2" s="1"/>
  <c r="D3402" i="2" a="1"/>
  <c r="D3402" i="2" s="1"/>
  <c r="E1589" i="2" a="1"/>
  <c r="E1589" i="2" s="1"/>
  <c r="F2176" i="2" a="1"/>
  <c r="F2176" i="2" s="1"/>
  <c r="H5545" i="2" a="1"/>
  <c r="H5545" i="2" s="1"/>
  <c r="H5544" i="2" a="1"/>
  <c r="H5544" i="2" s="1"/>
  <c r="H5552" i="2" a="1"/>
  <c r="H5552" i="2" s="1"/>
  <c r="H5547" i="2" a="1"/>
  <c r="H5547" i="2" s="1"/>
  <c r="H1260" i="2" a="1"/>
  <c r="H1260" i="2" s="1"/>
  <c r="E6646" i="2" a="1"/>
  <c r="E6646" i="2" s="1"/>
  <c r="AO285" i="1"/>
  <c r="E291" i="5" s="1"/>
  <c r="E2712" i="2" a="1"/>
  <c r="E2712" i="2" s="1"/>
  <c r="F2175" i="2" a="1"/>
  <c r="F2175" i="2" s="1"/>
  <c r="AN296" i="1"/>
  <c r="D302" i="5" s="1"/>
  <c r="E2711" i="2" a="1"/>
  <c r="E2711" i="2" s="1"/>
  <c r="F2193" i="2" a="1"/>
  <c r="F2193" i="2" s="1"/>
  <c r="H5539" i="2" a="1"/>
  <c r="H5539" i="2" s="1"/>
  <c r="AP326" i="1"/>
  <c r="F332" i="5" s="1"/>
  <c r="AO272" i="1"/>
  <c r="E278" i="5" s="1"/>
  <c r="AM111" i="1"/>
  <c r="AN184" i="1"/>
  <c r="D190" i="5" s="1"/>
  <c r="AP228" i="1"/>
  <c r="F234" i="5" s="1"/>
  <c r="AP96" i="1"/>
  <c r="F102" i="5" s="1"/>
  <c r="AP258" i="1"/>
  <c r="F264" i="5" s="1"/>
  <c r="E7476" i="2" a="1"/>
  <c r="E7476" i="2" s="1"/>
  <c r="F6860" i="2" a="1"/>
  <c r="F6860" i="2" s="1"/>
  <c r="H7167" i="2" a="1"/>
  <c r="H7167" i="2" s="1"/>
  <c r="F912" i="2" a="1"/>
  <c r="F912" i="2" s="1"/>
  <c r="H8505" i="2" a="1"/>
  <c r="H8505" i="2" s="1"/>
  <c r="H4161" i="2" a="1"/>
  <c r="H4161" i="2" s="1"/>
  <c r="F1244" i="2" a="1"/>
  <c r="F1244" i="2" s="1"/>
  <c r="E228" i="2" a="1"/>
  <c r="E228" i="2" s="1"/>
  <c r="AO228" i="1"/>
  <c r="E234" i="5" s="1"/>
  <c r="H1757" i="2" a="1"/>
  <c r="H1757" i="2" s="1"/>
  <c r="H5627" i="2" a="1"/>
  <c r="H5627" i="2" s="1"/>
  <c r="H6066" i="2" a="1"/>
  <c r="H6066" i="2" s="1"/>
  <c r="H2449" i="2" a="1"/>
  <c r="H2449" i="2" s="1"/>
  <c r="H4878" i="2" a="1"/>
  <c r="H4878" i="2" s="1"/>
  <c r="H4113" i="2" a="1"/>
  <c r="H4113" i="2" s="1"/>
  <c r="E3051" i="2" a="1"/>
  <c r="E3051" i="2" s="1"/>
  <c r="G7917" i="2" a="1"/>
  <c r="G7917" i="2" s="1"/>
  <c r="D8211" i="2" a="1"/>
  <c r="D8211" i="2" s="1"/>
  <c r="E8605" i="2" a="1"/>
  <c r="E8605" i="2" s="1"/>
  <c r="E8614" i="2" a="1"/>
  <c r="E8614" i="2" s="1"/>
  <c r="G1626" i="2" a="1"/>
  <c r="G1626" i="2" s="1"/>
  <c r="F4444" i="2" a="1"/>
  <c r="F4444" i="2" s="1"/>
  <c r="H1275" i="2" a="1"/>
  <c r="H1275" i="2" s="1"/>
  <c r="G1995" i="2" a="1"/>
  <c r="G1995" i="2" s="1"/>
  <c r="D3394" i="2" a="1"/>
  <c r="D3394" i="2" s="1"/>
  <c r="E1570" i="2" a="1"/>
  <c r="E1570" i="2" s="1"/>
  <c r="E1592" i="2" a="1"/>
  <c r="E1592" i="2" s="1"/>
  <c r="G1716" i="2" a="1"/>
  <c r="G1716" i="2" s="1"/>
  <c r="G1731" i="2" a="1"/>
  <c r="G1731" i="2" s="1"/>
  <c r="E1089" i="2" a="1"/>
  <c r="E1089" i="2" s="1"/>
  <c r="F199" i="2" a="1"/>
  <c r="F199" i="2" s="1"/>
  <c r="F4058" i="2" a="1"/>
  <c r="F4058" i="2" s="1"/>
  <c r="F4045" i="2" a="1"/>
  <c r="F4045" i="2" s="1"/>
  <c r="G5920" i="2" a="1"/>
  <c r="G5920" i="2" s="1"/>
  <c r="G5928" i="2" a="1"/>
  <c r="G5928" i="2" s="1"/>
  <c r="F2177" i="2" a="1"/>
  <c r="F2177" i="2" s="1"/>
  <c r="F2182" i="2" a="1"/>
  <c r="F2182" i="2" s="1"/>
  <c r="H5537" i="2" a="1"/>
  <c r="H5537" i="2" s="1"/>
  <c r="E3375" i="2" a="1"/>
  <c r="E3375" i="2" s="1"/>
  <c r="E3391" i="2" a="1"/>
  <c r="E3391" i="2" s="1"/>
  <c r="E7494" i="2" a="1"/>
  <c r="E7494" i="2" s="1"/>
  <c r="D972" i="2" a="1"/>
  <c r="D972" i="2" s="1"/>
  <c r="F6862" i="2" a="1"/>
  <c r="F6862" i="2" s="1"/>
  <c r="H7162" i="2" a="1"/>
  <c r="H7162" i="2" s="1"/>
  <c r="D4487" i="2" a="1"/>
  <c r="D4487" i="2" s="1"/>
  <c r="AQ187" i="1"/>
  <c r="F1639" i="2" a="1"/>
  <c r="F1639" i="2" s="1"/>
  <c r="F907" i="2" a="1"/>
  <c r="F907" i="2" s="1"/>
  <c r="H8504" i="2" a="1"/>
  <c r="H8504" i="2" s="1"/>
  <c r="H4144" i="2" a="1"/>
  <c r="H4144" i="2" s="1"/>
  <c r="F1250" i="2" a="1"/>
  <c r="F1250" i="2" s="1"/>
  <c r="E236" i="2" a="1"/>
  <c r="E236" i="2" s="1"/>
  <c r="H1747" i="2" a="1"/>
  <c r="H1747" i="2" s="1"/>
  <c r="H5647" i="2" a="1"/>
  <c r="H5647" i="2" s="1"/>
  <c r="H5631" i="2" a="1"/>
  <c r="H5631" i="2" s="1"/>
  <c r="H6077" i="2" a="1"/>
  <c r="H6077" i="2" s="1"/>
  <c r="H2445" i="2" a="1"/>
  <c r="H2445" i="2" s="1"/>
  <c r="H4872" i="2" a="1"/>
  <c r="H4872" i="2" s="1"/>
  <c r="H4112" i="2" a="1"/>
  <c r="H4112" i="2" s="1"/>
  <c r="E3619" i="2" a="1"/>
  <c r="E3619" i="2" s="1"/>
  <c r="E3052" i="2" a="1"/>
  <c r="E3052" i="2" s="1"/>
  <c r="E3035" i="2" a="1"/>
  <c r="E3035" i="2" s="1"/>
  <c r="G7928" i="2" a="1"/>
  <c r="G7928" i="2" s="1"/>
  <c r="D8207" i="2" a="1"/>
  <c r="D8207" i="2" s="1"/>
  <c r="E8624" i="2" a="1"/>
  <c r="E8624" i="2" s="1"/>
  <c r="E8622" i="2" a="1"/>
  <c r="E8622" i="2" s="1"/>
  <c r="G1624" i="2" a="1"/>
  <c r="G1624" i="2" s="1"/>
  <c r="D2295" i="2" a="1"/>
  <c r="D2295" i="2" s="1"/>
  <c r="F4440" i="2" a="1"/>
  <c r="F4440" i="2" s="1"/>
  <c r="H1266" i="2" a="1"/>
  <c r="H1266" i="2" s="1"/>
  <c r="G1989" i="2" a="1"/>
  <c r="G1989" i="2" s="1"/>
  <c r="D3407" i="2" a="1"/>
  <c r="D3407" i="2" s="1"/>
  <c r="E1574" i="2" a="1"/>
  <c r="E1574" i="2" s="1"/>
  <c r="E1593" i="2" a="1"/>
  <c r="E1593" i="2" s="1"/>
  <c r="G1734" i="2" a="1"/>
  <c r="G1734" i="2" s="1"/>
  <c r="G1722" i="2" a="1"/>
  <c r="G1722" i="2" s="1"/>
  <c r="E1078" i="2" a="1"/>
  <c r="E1078" i="2" s="1"/>
  <c r="F183" i="2" a="1"/>
  <c r="F183" i="2" s="1"/>
  <c r="F4063" i="2" a="1"/>
  <c r="F4063" i="2" s="1"/>
  <c r="F4059" i="2" a="1"/>
  <c r="F4059" i="2" s="1"/>
  <c r="G5919" i="2" a="1"/>
  <c r="G5919" i="2" s="1"/>
  <c r="F2181" i="2" a="1"/>
  <c r="F2181" i="2" s="1"/>
  <c r="E3389" i="2" a="1"/>
  <c r="E3389" i="2" s="1"/>
  <c r="D4479" i="2" a="1"/>
  <c r="D4479" i="2" s="1"/>
  <c r="H8492" i="2" a="1"/>
  <c r="H8492" i="2" s="1"/>
  <c r="H4160" i="2" a="1"/>
  <c r="H4160" i="2" s="1"/>
  <c r="H5645" i="2" a="1"/>
  <c r="H5645" i="2" s="1"/>
  <c r="H6060" i="2" a="1"/>
  <c r="H6060" i="2" s="1"/>
  <c r="E3034" i="2" a="1"/>
  <c r="E3034" i="2" s="1"/>
  <c r="E3054" i="2" a="1"/>
  <c r="E3054" i="2" s="1"/>
  <c r="E8615" i="2" a="1"/>
  <c r="E8615" i="2" s="1"/>
  <c r="D2313" i="2" a="1"/>
  <c r="D2313" i="2" s="1"/>
  <c r="H1271" i="2" a="1"/>
  <c r="H1271" i="2" s="1"/>
  <c r="D3399" i="2" a="1"/>
  <c r="D3399" i="2" s="1"/>
  <c r="E1579" i="2" a="1"/>
  <c r="E1579" i="2" s="1"/>
  <c r="E1580" i="2" a="1"/>
  <c r="E1580" i="2" s="1"/>
  <c r="G1733" i="2" a="1"/>
  <c r="G1733" i="2" s="1"/>
  <c r="F201" i="2" a="1"/>
  <c r="F201" i="2" s="1"/>
  <c r="F4064" i="2" a="1"/>
  <c r="F4064" i="2" s="1"/>
  <c r="F2187" i="2" a="1"/>
  <c r="F2187" i="2" s="1"/>
  <c r="H5551" i="2" a="1"/>
  <c r="H5551" i="2" s="1"/>
  <c r="E3039" i="2" a="1"/>
  <c r="E3039" i="2" s="1"/>
  <c r="E3046" i="2" a="1"/>
  <c r="E3046" i="2" s="1"/>
  <c r="H1280" i="2" a="1"/>
  <c r="H1280" i="2" s="1"/>
  <c r="D3412" i="2" a="1"/>
  <c r="D3412" i="2" s="1"/>
  <c r="E1576" i="2" a="1"/>
  <c r="E1576" i="2" s="1"/>
  <c r="E1577" i="2" a="1"/>
  <c r="E1577" i="2" s="1"/>
  <c r="F182" i="2" a="1"/>
  <c r="F182" i="2" s="1"/>
  <c r="F2189" i="2" a="1"/>
  <c r="F2189" i="2" s="1"/>
  <c r="H5546" i="2" a="1"/>
  <c r="H5546" i="2" s="1"/>
  <c r="H5532" i="2" a="1"/>
  <c r="H5532" i="2" s="1"/>
  <c r="E3036" i="2" a="1"/>
  <c r="E3036" i="2" s="1"/>
  <c r="H1268" i="2" a="1"/>
  <c r="H1268" i="2" s="1"/>
  <c r="F181" i="2" a="1"/>
  <c r="F181" i="2" s="1"/>
  <c r="H5550" i="2" a="1"/>
  <c r="H5550" i="2" s="1"/>
  <c r="AQ367" i="1"/>
  <c r="AP367" i="1"/>
  <c r="AM367" i="1"/>
  <c r="H5821" i="2" a="1"/>
  <c r="H5821" i="2" s="1"/>
  <c r="H5839" i="2" a="1"/>
  <c r="H5839" i="2" s="1"/>
  <c r="H5833" i="2" a="1"/>
  <c r="H5833" i="2" s="1"/>
  <c r="H5820" i="2" a="1"/>
  <c r="H5820" i="2" s="1"/>
  <c r="H5826" i="2" a="1"/>
  <c r="H5826" i="2" s="1"/>
  <c r="H5819" i="2" a="1"/>
  <c r="H5819" i="2" s="1"/>
  <c r="H5822" i="2" a="1"/>
  <c r="H5822" i="2" s="1"/>
  <c r="H5837" i="2" a="1"/>
  <c r="H5837" i="2" s="1"/>
  <c r="H5831" i="2" a="1"/>
  <c r="H5831" i="2" s="1"/>
  <c r="H5823" i="2" a="1"/>
  <c r="H5823" i="2" s="1"/>
  <c r="H5824" i="2" a="1"/>
  <c r="H5824" i="2" s="1"/>
  <c r="H5840" i="2" a="1"/>
  <c r="H5840" i="2" s="1"/>
  <c r="H5829" i="2" a="1"/>
  <c r="H5829" i="2" s="1"/>
  <c r="H5818" i="2" a="1"/>
  <c r="H5818" i="2" s="1"/>
  <c r="H5832" i="2" a="1"/>
  <c r="H5832" i="2" s="1"/>
  <c r="H5830" i="2" a="1"/>
  <c r="H5830" i="2" s="1"/>
  <c r="H5838" i="2" a="1"/>
  <c r="H5838" i="2" s="1"/>
  <c r="H5834" i="2" a="1"/>
  <c r="H5834" i="2" s="1"/>
  <c r="H5825" i="2" a="1"/>
  <c r="H5825" i="2" s="1"/>
  <c r="H5835" i="2" a="1"/>
  <c r="H5835" i="2" s="1"/>
  <c r="H5836" i="2" a="1"/>
  <c r="H5836" i="2" s="1"/>
  <c r="H5841" i="2" a="1"/>
  <c r="H5841" i="2" s="1"/>
  <c r="H1001" i="2" a="1"/>
  <c r="H1001" i="2" s="1"/>
  <c r="H994" i="2" a="1"/>
  <c r="H994" i="2" s="1"/>
  <c r="H1005" i="2" a="1"/>
  <c r="H1005" i="2" s="1"/>
  <c r="H1009" i="2" a="1"/>
  <c r="H1009" i="2" s="1"/>
  <c r="H1016" i="2" a="1"/>
  <c r="H1016" i="2" s="1"/>
  <c r="H1002" i="2" a="1"/>
  <c r="H1002" i="2" s="1"/>
  <c r="H1011" i="2" a="1"/>
  <c r="H1011" i="2" s="1"/>
  <c r="H995" i="2" a="1"/>
  <c r="H995" i="2" s="1"/>
  <c r="H1010" i="2" a="1"/>
  <c r="H1010" i="2" s="1"/>
  <c r="H999" i="2" a="1"/>
  <c r="H999" i="2" s="1"/>
  <c r="H1014" i="2" a="1"/>
  <c r="H1014" i="2" s="1"/>
  <c r="H1006" i="2" a="1"/>
  <c r="H1006" i="2" s="1"/>
  <c r="H996" i="2" a="1"/>
  <c r="H996" i="2" s="1"/>
  <c r="H1000" i="2" a="1"/>
  <c r="H1000" i="2" s="1"/>
  <c r="H1017" i="2" a="1"/>
  <c r="H1017" i="2" s="1"/>
  <c r="H1007" i="2" a="1"/>
  <c r="H1007" i="2" s="1"/>
  <c r="H997" i="2" a="1"/>
  <c r="H997" i="2" s="1"/>
  <c r="H1013" i="2" a="1"/>
  <c r="H1013" i="2" s="1"/>
  <c r="H998" i="2" a="1"/>
  <c r="H998" i="2" s="1"/>
  <c r="H1004" i="2" a="1"/>
  <c r="H1004" i="2" s="1"/>
  <c r="H1008" i="2" a="1"/>
  <c r="H1008" i="2" s="1"/>
  <c r="H1003" i="2" a="1"/>
  <c r="H1003" i="2" s="1"/>
  <c r="H1012" i="2" a="1"/>
  <c r="H1012" i="2" s="1"/>
  <c r="H1015" i="2" a="1"/>
  <c r="H1015" i="2" s="1"/>
  <c r="AP30" i="1"/>
  <c r="F36" i="5" s="1"/>
  <c r="D706" i="2" a="1"/>
  <c r="D706" i="2" s="1"/>
  <c r="AN30" i="1"/>
  <c r="D36" i="5" s="1"/>
  <c r="D709" i="2" a="1"/>
  <c r="D709" i="2" s="1"/>
  <c r="AQ30" i="1"/>
  <c r="G36" i="5" s="1"/>
  <c r="D713" i="2" a="1"/>
  <c r="D713" i="2" s="1"/>
  <c r="AO30" i="1"/>
  <c r="E36" i="5" s="1"/>
  <c r="D717" i="2" a="1"/>
  <c r="D717" i="2" s="1"/>
  <c r="AM30" i="1"/>
  <c r="C36" i="5" s="1"/>
  <c r="D721" i="2" a="1"/>
  <c r="D721" i="2" s="1"/>
  <c r="D728" i="2" a="1"/>
  <c r="D728" i="2" s="1"/>
  <c r="D729" i="2" a="1"/>
  <c r="D729" i="2" s="1"/>
  <c r="D715" i="2" a="1"/>
  <c r="D715" i="2" s="1"/>
  <c r="D710" i="2" a="1"/>
  <c r="D710" i="2" s="1"/>
  <c r="D714" i="2" a="1"/>
  <c r="D714" i="2" s="1"/>
  <c r="F1231" i="2" a="1"/>
  <c r="F1231" i="2" s="1"/>
  <c r="F1214" i="2" a="1"/>
  <c r="F1214" i="2" s="1"/>
  <c r="F1223" i="2" a="1"/>
  <c r="F1223" i="2" s="1"/>
  <c r="F1225" i="2" a="1"/>
  <c r="F1225" i="2" s="1"/>
  <c r="F1224" i="2" a="1"/>
  <c r="F1224" i="2" s="1"/>
  <c r="F1212" i="2" a="1"/>
  <c r="F1212" i="2" s="1"/>
  <c r="F1215" i="2" a="1"/>
  <c r="F1215" i="2" s="1"/>
  <c r="F1230" i="2" a="1"/>
  <c r="F1230" i="2" s="1"/>
  <c r="F1218" i="2" a="1"/>
  <c r="F1218" i="2" s="1"/>
  <c r="F1221" i="2" a="1"/>
  <c r="F1221" i="2" s="1"/>
  <c r="F1220" i="2" a="1"/>
  <c r="F1220" i="2" s="1"/>
  <c r="F1232" i="2" a="1"/>
  <c r="F1232" i="2" s="1"/>
  <c r="F1216" i="2" a="1"/>
  <c r="F1216" i="2" s="1"/>
  <c r="F1227" i="2" a="1"/>
  <c r="F1227" i="2" s="1"/>
  <c r="F1217" i="2" a="1"/>
  <c r="F1217" i="2" s="1"/>
  <c r="F1233" i="2" a="1"/>
  <c r="F1233" i="2" s="1"/>
  <c r="F1219" i="2" a="1"/>
  <c r="F1219" i="2" s="1"/>
  <c r="E4013" i="2" a="1"/>
  <c r="E4013" i="2" s="1"/>
  <c r="E4009" i="2" a="1"/>
  <c r="E4009" i="2" s="1"/>
  <c r="E4005" i="2" a="1"/>
  <c r="E4005" i="2" s="1"/>
  <c r="E4000" i="2" a="1"/>
  <c r="E4000" i="2" s="1"/>
  <c r="E3996" i="2" a="1"/>
  <c r="E3996" i="2" s="1"/>
  <c r="E3995" i="2" a="1"/>
  <c r="E3995" i="2" s="1"/>
  <c r="E4006" i="2" a="1"/>
  <c r="E4006" i="2" s="1"/>
  <c r="E3998" i="2" a="1"/>
  <c r="E3998" i="2" s="1"/>
  <c r="E4011" i="2" a="1"/>
  <c r="E4011" i="2" s="1"/>
  <c r="E4017" i="2" a="1"/>
  <c r="E4017" i="2" s="1"/>
  <c r="E4016" i="2" a="1"/>
  <c r="E4016" i="2" s="1"/>
  <c r="E4002" i="2" a="1"/>
  <c r="E4002" i="2" s="1"/>
  <c r="E4015" i="2" a="1"/>
  <c r="E4015" i="2" s="1"/>
  <c r="E4010" i="2" a="1"/>
  <c r="E4010" i="2" s="1"/>
  <c r="E3997" i="2" a="1"/>
  <c r="E3997" i="2" s="1"/>
  <c r="G7744" i="2" a="1"/>
  <c r="G7744" i="2" s="1"/>
  <c r="G7742" i="2" a="1"/>
  <c r="G7742" i="2" s="1"/>
  <c r="G7748" i="2" a="1"/>
  <c r="G7748" i="2" s="1"/>
  <c r="G7746" i="2" a="1"/>
  <c r="G7746" i="2" s="1"/>
  <c r="G7749" i="2" a="1"/>
  <c r="G7749" i="2" s="1"/>
  <c r="G7754" i="2" a="1"/>
  <c r="G7754" i="2" s="1"/>
  <c r="G7741" i="2" a="1"/>
  <c r="G7741" i="2" s="1"/>
  <c r="G7750" i="2" a="1"/>
  <c r="G7750" i="2" s="1"/>
  <c r="G7759" i="2" a="1"/>
  <c r="G7759" i="2" s="1"/>
  <c r="G7755" i="2" a="1"/>
  <c r="G7755" i="2" s="1"/>
  <c r="G7760" i="2" a="1"/>
  <c r="G7760" i="2" s="1"/>
  <c r="G7751" i="2" a="1"/>
  <c r="G7751" i="2" s="1"/>
  <c r="G7758" i="2" a="1"/>
  <c r="G7758" i="2" s="1"/>
  <c r="G7761" i="2" a="1"/>
  <c r="G7761" i="2" s="1"/>
  <c r="G7745" i="2" a="1"/>
  <c r="G7745" i="2" s="1"/>
  <c r="G7753" i="2" a="1"/>
  <c r="G7753" i="2" s="1"/>
  <c r="G7747" i="2" a="1"/>
  <c r="G7747" i="2" s="1"/>
  <c r="G7739" i="2" a="1"/>
  <c r="G7739" i="2" s="1"/>
  <c r="G7740" i="2" a="1"/>
  <c r="G7740" i="2" s="1"/>
  <c r="G7752" i="2" a="1"/>
  <c r="G7752" i="2" s="1"/>
  <c r="G7743" i="2" a="1"/>
  <c r="G7743" i="2" s="1"/>
  <c r="G7383" i="2" a="1"/>
  <c r="G7383" i="2" s="1"/>
  <c r="G7392" i="2" a="1"/>
  <c r="G7392" i="2" s="1"/>
  <c r="G7385" i="2" a="1"/>
  <c r="G7385" i="2" s="1"/>
  <c r="G7395" i="2" a="1"/>
  <c r="G7395" i="2" s="1"/>
  <c r="G7399" i="2" a="1"/>
  <c r="G7399" i="2" s="1"/>
  <c r="G7382" i="2" a="1"/>
  <c r="G7382" i="2" s="1"/>
  <c r="G7384" i="2" a="1"/>
  <c r="G7384" i="2" s="1"/>
  <c r="G7401" i="2" a="1"/>
  <c r="G7401" i="2" s="1"/>
  <c r="G7398" i="2" a="1"/>
  <c r="G7398" i="2" s="1"/>
  <c r="G7388" i="2" a="1"/>
  <c r="G7388" i="2" s="1"/>
  <c r="G7381" i="2" a="1"/>
  <c r="G7381" i="2" s="1"/>
  <c r="G7389" i="2" a="1"/>
  <c r="G7389" i="2" s="1"/>
  <c r="G7378" i="2" a="1"/>
  <c r="G7378" i="2" s="1"/>
  <c r="G7391" i="2" a="1"/>
  <c r="G7391" i="2" s="1"/>
  <c r="G7390" i="2" a="1"/>
  <c r="G7390" i="2" s="1"/>
  <c r="G7400" i="2" a="1"/>
  <c r="G7400" i="2" s="1"/>
  <c r="G7397" i="2" a="1"/>
  <c r="G7397" i="2" s="1"/>
  <c r="G7394" i="2" a="1"/>
  <c r="G7394" i="2" s="1"/>
  <c r="G7386" i="2" a="1"/>
  <c r="G7386" i="2" s="1"/>
  <c r="G7387" i="2" a="1"/>
  <c r="G7387" i="2" s="1"/>
  <c r="G7396" i="2" a="1"/>
  <c r="G7396" i="2" s="1"/>
  <c r="G7393" i="2" a="1"/>
  <c r="G7393" i="2" s="1"/>
  <c r="F8544" i="2" a="1"/>
  <c r="F8544" i="2" s="1"/>
  <c r="AP356" i="1"/>
  <c r="F362" i="5" s="1"/>
  <c r="F8538" i="2" a="1"/>
  <c r="F8538" i="2" s="1"/>
  <c r="AQ356" i="1"/>
  <c r="G362" i="5" s="1"/>
  <c r="F8533" i="2" a="1"/>
  <c r="F8533" i="2" s="1"/>
  <c r="AN356" i="1"/>
  <c r="D362" i="5" s="1"/>
  <c r="F8541" i="2" a="1"/>
  <c r="F8541" i="2" s="1"/>
  <c r="AO356" i="1"/>
  <c r="E362" i="5" s="1"/>
  <c r="F8531" i="2" a="1"/>
  <c r="F8531" i="2" s="1"/>
  <c r="AM356" i="1"/>
  <c r="C362" i="5" s="1"/>
  <c r="F8532" i="2" a="1"/>
  <c r="F8532" i="2" s="1"/>
  <c r="F8546" i="2" a="1"/>
  <c r="F8546" i="2" s="1"/>
  <c r="F8547" i="2" a="1"/>
  <c r="F8547" i="2" s="1"/>
  <c r="F8552" i="2" a="1"/>
  <c r="F8552" i="2" s="1"/>
  <c r="F8545" i="2" a="1"/>
  <c r="F8545" i="2" s="1"/>
  <c r="F8543" i="2" a="1"/>
  <c r="F8543" i="2" s="1"/>
  <c r="F8551" i="2" a="1"/>
  <c r="F8551" i="2" s="1"/>
  <c r="F8553" i="2" a="1"/>
  <c r="F8553" i="2" s="1"/>
  <c r="F8530" i="2" a="1"/>
  <c r="F8530" i="2" s="1"/>
  <c r="H6686" i="2" a="1"/>
  <c r="H6686" i="2" s="1"/>
  <c r="H6690" i="2" a="1"/>
  <c r="H6690" i="2" s="1"/>
  <c r="H6687" i="2" a="1"/>
  <c r="H6687" i="2" s="1"/>
  <c r="H6689" i="2" a="1"/>
  <c r="H6689" i="2" s="1"/>
  <c r="H6692" i="2" a="1"/>
  <c r="H6692" i="2" s="1"/>
  <c r="H6693" i="2" a="1"/>
  <c r="H6693" i="2" s="1"/>
  <c r="H6694" i="2" a="1"/>
  <c r="H6694" i="2" s="1"/>
  <c r="H6701" i="2" a="1"/>
  <c r="H6701" i="2" s="1"/>
  <c r="H6695" i="2" a="1"/>
  <c r="H6695" i="2" s="1"/>
  <c r="H6684" i="2" a="1"/>
  <c r="H6684" i="2" s="1"/>
  <c r="H6683" i="2" a="1"/>
  <c r="H6683" i="2" s="1"/>
  <c r="H6703" i="2" a="1"/>
  <c r="H6703" i="2" s="1"/>
  <c r="H6699" i="2" a="1"/>
  <c r="H6699" i="2" s="1"/>
  <c r="H6691" i="2" a="1"/>
  <c r="H6691" i="2" s="1"/>
  <c r="H6697" i="2" a="1"/>
  <c r="H6697" i="2" s="1"/>
  <c r="H6685" i="2" a="1"/>
  <c r="H6685" i="2" s="1"/>
  <c r="H6698" i="2" a="1"/>
  <c r="H6698" i="2" s="1"/>
  <c r="G859" i="2" a="1"/>
  <c r="G859" i="2" s="1"/>
  <c r="G853" i="2" a="1"/>
  <c r="G853" i="2" s="1"/>
  <c r="G862" i="2" a="1"/>
  <c r="G862" i="2" s="1"/>
  <c r="G867" i="2" a="1"/>
  <c r="G867" i="2" s="1"/>
  <c r="G873" i="2" a="1"/>
  <c r="G873" i="2" s="1"/>
  <c r="G868" i="2" a="1"/>
  <c r="G868" i="2" s="1"/>
  <c r="G872" i="2" a="1"/>
  <c r="G872" i="2" s="1"/>
  <c r="G870" i="2" a="1"/>
  <c r="G870" i="2" s="1"/>
  <c r="G863" i="2" a="1"/>
  <c r="G863" i="2" s="1"/>
  <c r="G855" i="2" a="1"/>
  <c r="G855" i="2" s="1"/>
  <c r="G854" i="2" a="1"/>
  <c r="G854" i="2" s="1"/>
  <c r="G145" i="2" a="1"/>
  <c r="G145" i="2" s="1"/>
  <c r="G137" i="2" a="1"/>
  <c r="G137" i="2" s="1"/>
  <c r="G148" i="2" a="1"/>
  <c r="G148" i="2" s="1"/>
  <c r="G138" i="2" a="1"/>
  <c r="G138" i="2" s="1"/>
  <c r="G143" i="2" a="1"/>
  <c r="G143" i="2" s="1"/>
  <c r="G150" i="2" a="1"/>
  <c r="G150" i="2" s="1"/>
  <c r="G139" i="2" a="1"/>
  <c r="G139" i="2" s="1"/>
  <c r="G147" i="2" a="1"/>
  <c r="G147" i="2" s="1"/>
  <c r="G141" i="2" a="1"/>
  <c r="G141" i="2" s="1"/>
  <c r="G144" i="2" a="1"/>
  <c r="G144" i="2" s="1"/>
  <c r="G146" i="2" a="1"/>
  <c r="G146" i="2" s="1"/>
  <c r="H3644" i="2" a="1"/>
  <c r="H3644" i="2" s="1"/>
  <c r="H3648" i="2" a="1"/>
  <c r="H3648" i="2" s="1"/>
  <c r="H3639" i="2" a="1"/>
  <c r="H3639" i="2" s="1"/>
  <c r="H3638" i="2" a="1"/>
  <c r="H3638" i="2" s="1"/>
  <c r="H3634" i="2" a="1"/>
  <c r="H3634" i="2" s="1"/>
  <c r="H3635" i="2" a="1"/>
  <c r="H3635" i="2" s="1"/>
  <c r="H3640" i="2" a="1"/>
  <c r="H3640" i="2" s="1"/>
  <c r="H3652" i="2" a="1"/>
  <c r="H3652" i="2" s="1"/>
  <c r="H3645" i="2" a="1"/>
  <c r="H3645" i="2" s="1"/>
  <c r="H3654" i="2" a="1"/>
  <c r="H3654" i="2" s="1"/>
  <c r="H3655" i="2" a="1"/>
  <c r="H3655" i="2" s="1"/>
  <c r="H3643" i="2" a="1"/>
  <c r="H3643" i="2" s="1"/>
  <c r="H3637" i="2" a="1"/>
  <c r="H3637" i="2" s="1"/>
  <c r="H5022" i="2" a="1"/>
  <c r="H5022" i="2" s="1"/>
  <c r="H5023" i="2" a="1"/>
  <c r="H5023" i="2" s="1"/>
  <c r="H5019" i="2" a="1"/>
  <c r="H5019" i="2" s="1"/>
  <c r="H5014" i="2" a="1"/>
  <c r="H5014" i="2" s="1"/>
  <c r="H5024" i="2" a="1"/>
  <c r="H5024" i="2" s="1"/>
  <c r="H5003" i="2" a="1"/>
  <c r="H5003" i="2" s="1"/>
  <c r="H5012" i="2" a="1"/>
  <c r="H5012" i="2" s="1"/>
  <c r="H5007" i="2" a="1"/>
  <c r="H5007" i="2" s="1"/>
  <c r="H5021" i="2" a="1"/>
  <c r="H5021" i="2" s="1"/>
  <c r="H5005" i="2" a="1"/>
  <c r="H5005" i="2" s="1"/>
  <c r="H5006" i="2" a="1"/>
  <c r="H5006" i="2" s="1"/>
  <c r="H5009" i="2" a="1"/>
  <c r="H5009" i="2" s="1"/>
  <c r="H5017" i="2" a="1"/>
  <c r="H5017" i="2" s="1"/>
  <c r="F2769" i="2" a="1"/>
  <c r="F2769" i="2" s="1"/>
  <c r="F2761" i="2" a="1"/>
  <c r="F2761" i="2" s="1"/>
  <c r="F2752" i="2" a="1"/>
  <c r="F2752" i="2" s="1"/>
  <c r="F2746" i="2" a="1"/>
  <c r="F2746" i="2" s="1"/>
  <c r="F2760" i="2" a="1"/>
  <c r="F2760" i="2" s="1"/>
  <c r="F2758" i="2" a="1"/>
  <c r="F2758" i="2" s="1"/>
  <c r="F2749" i="2" a="1"/>
  <c r="F2749" i="2" s="1"/>
  <c r="F2747" i="2" a="1"/>
  <c r="F2747" i="2" s="1"/>
  <c r="G731" i="2" a="1"/>
  <c r="G731" i="2" s="1"/>
  <c r="G750" i="2" a="1"/>
  <c r="G750" i="2" s="1"/>
  <c r="AP31" i="1"/>
  <c r="F37" i="5" s="1"/>
  <c r="AO31" i="1"/>
  <c r="E37" i="5" s="1"/>
  <c r="E8678" i="2" a="1"/>
  <c r="E8678" i="2" s="1"/>
  <c r="E8676" i="2" a="1"/>
  <c r="E8676" i="2" s="1"/>
  <c r="AO75" i="1"/>
  <c r="E81" i="5" s="1"/>
  <c r="AN75" i="1"/>
  <c r="D81" i="5" s="1"/>
  <c r="AP75" i="1"/>
  <c r="F81" i="5" s="1"/>
  <c r="AQ75" i="1"/>
  <c r="G81" i="5" s="1"/>
  <c r="AQ124" i="1"/>
  <c r="AN124" i="1"/>
  <c r="D130" i="5" s="1"/>
  <c r="AO124" i="1"/>
  <c r="E130" i="5" s="1"/>
  <c r="AM124" i="1"/>
  <c r="C130" i="5" s="1"/>
  <c r="AQ41" i="1"/>
  <c r="G47" i="5" s="1"/>
  <c r="AN41" i="1"/>
  <c r="D47" i="5" s="1"/>
  <c r="AP41" i="1"/>
  <c r="F47" i="5" s="1"/>
  <c r="AO41" i="1"/>
  <c r="E47" i="5" s="1"/>
  <c r="AM41" i="1"/>
  <c r="F6585" i="2" a="1"/>
  <c r="F6585" i="2" s="1"/>
  <c r="F6582" i="2" a="1"/>
  <c r="F6582" i="2" s="1"/>
  <c r="F6570" i="2" a="1"/>
  <c r="F6570" i="2" s="1"/>
  <c r="F6565" i="2" a="1"/>
  <c r="F6565" i="2" s="1"/>
  <c r="F6578" i="2" a="1"/>
  <c r="F6578" i="2" s="1"/>
  <c r="F6563" i="2" a="1"/>
  <c r="F6563" i="2" s="1"/>
  <c r="F6573" i="2" a="1"/>
  <c r="F6573" i="2" s="1"/>
  <c r="F6583" i="2" a="1"/>
  <c r="F6583" i="2" s="1"/>
  <c r="F6571" i="2" a="1"/>
  <c r="F6571" i="2" s="1"/>
  <c r="F6572" i="2" a="1"/>
  <c r="F6572" i="2" s="1"/>
  <c r="F6574" i="2" a="1"/>
  <c r="F6574" i="2" s="1"/>
  <c r="F6581" i="2" a="1"/>
  <c r="F6581" i="2" s="1"/>
  <c r="F6575" i="2" a="1"/>
  <c r="F6575" i="2" s="1"/>
  <c r="F6564" i="2" a="1"/>
  <c r="F6564" i="2" s="1"/>
  <c r="F6567" i="2" a="1"/>
  <c r="F6567" i="2" s="1"/>
  <c r="F6580" i="2" a="1"/>
  <c r="F6580" i="2" s="1"/>
  <c r="F6577" i="2" a="1"/>
  <c r="F6577" i="2" s="1"/>
  <c r="F6568" i="2" a="1"/>
  <c r="F6568" i="2" s="1"/>
  <c r="F6566" i="2" a="1"/>
  <c r="F6566" i="2" s="1"/>
  <c r="F6569" i="2" a="1"/>
  <c r="F6569" i="2" s="1"/>
  <c r="F6562" i="2" a="1"/>
  <c r="F6562" i="2" s="1"/>
  <c r="F6579" i="2" a="1"/>
  <c r="F6579" i="2" s="1"/>
  <c r="E3196" i="2" a="1"/>
  <c r="E3196" i="2" s="1"/>
  <c r="E3192" i="2" a="1"/>
  <c r="E3192" i="2" s="1"/>
  <c r="E3185" i="2" a="1"/>
  <c r="E3185" i="2" s="1"/>
  <c r="E3179" i="2" a="1"/>
  <c r="E3179" i="2" s="1"/>
  <c r="E3183" i="2" a="1"/>
  <c r="E3183" i="2" s="1"/>
  <c r="E3181" i="2" a="1"/>
  <c r="E3181" i="2" s="1"/>
  <c r="E3189" i="2" a="1"/>
  <c r="E3189" i="2" s="1"/>
  <c r="E3182" i="2" a="1"/>
  <c r="E3182" i="2" s="1"/>
  <c r="E3186" i="2" a="1"/>
  <c r="E3186" i="2" s="1"/>
  <c r="E3201" i="2" a="1"/>
  <c r="E3201" i="2" s="1"/>
  <c r="E3193" i="2" a="1"/>
  <c r="E3193" i="2" s="1"/>
  <c r="E3199" i="2" a="1"/>
  <c r="E3199" i="2" s="1"/>
  <c r="E3194" i="2" a="1"/>
  <c r="E3194" i="2" s="1"/>
  <c r="E3178" i="2" a="1"/>
  <c r="E3178" i="2" s="1"/>
  <c r="E3180" i="2" a="1"/>
  <c r="E3180" i="2" s="1"/>
  <c r="E3184" i="2" a="1"/>
  <c r="E3184" i="2" s="1"/>
  <c r="E3190" i="2" a="1"/>
  <c r="E3190" i="2" s="1"/>
  <c r="E3195" i="2" a="1"/>
  <c r="E3195" i="2" s="1"/>
  <c r="E3198" i="2" a="1"/>
  <c r="E3198" i="2" s="1"/>
  <c r="E3200" i="2" a="1"/>
  <c r="E3200" i="2" s="1"/>
  <c r="E3191" i="2" a="1"/>
  <c r="E3191" i="2" s="1"/>
  <c r="E3188" i="2" a="1"/>
  <c r="E3188" i="2" s="1"/>
  <c r="D5591" i="2" a="1"/>
  <c r="D5591" i="2" s="1"/>
  <c r="D5601" i="2" a="1"/>
  <c r="D5601" i="2" s="1"/>
  <c r="D5595" i="2" a="1"/>
  <c r="D5595" i="2" s="1"/>
  <c r="D5599" i="2" a="1"/>
  <c r="D5599" i="2" s="1"/>
  <c r="D5590" i="2" a="1"/>
  <c r="D5590" i="2" s="1"/>
  <c r="D5597" i="2" a="1"/>
  <c r="D5597" i="2" s="1"/>
  <c r="D5586" i="2" a="1"/>
  <c r="D5586" i="2" s="1"/>
  <c r="D5593" i="2" a="1"/>
  <c r="D5593" i="2" s="1"/>
  <c r="D5589" i="2" a="1"/>
  <c r="D5589" i="2" s="1"/>
  <c r="AQ233" i="1"/>
  <c r="G239" i="5" s="1"/>
  <c r="D5581" i="2" a="1"/>
  <c r="D5581" i="2" s="1"/>
  <c r="AN233" i="1"/>
  <c r="D239" i="5" s="1"/>
  <c r="D5588" i="2" a="1"/>
  <c r="D5588" i="2" s="1"/>
  <c r="AO233" i="1"/>
  <c r="E239" i="5" s="1"/>
  <c r="D5598" i="2" a="1"/>
  <c r="D5598" i="2" s="1"/>
  <c r="AM233" i="1"/>
  <c r="C239" i="5" s="1"/>
  <c r="D5592" i="2" a="1"/>
  <c r="D5592" i="2" s="1"/>
  <c r="E8471" i="2" a="1"/>
  <c r="E8471" i="2" s="1"/>
  <c r="E8474" i="2" a="1"/>
  <c r="E8474" i="2" s="1"/>
  <c r="AO353" i="1"/>
  <c r="E359" i="5" s="1"/>
  <c r="E8476" i="2" a="1"/>
  <c r="E8476" i="2" s="1"/>
  <c r="AN353" i="1"/>
  <c r="D359" i="5" s="1"/>
  <c r="E8463" i="2" a="1"/>
  <c r="E8463" i="2" s="1"/>
  <c r="AP353" i="1"/>
  <c r="F359" i="5" s="1"/>
  <c r="E8472" i="2" a="1"/>
  <c r="E8472" i="2" s="1"/>
  <c r="AQ353" i="1"/>
  <c r="G359" i="5" s="1"/>
  <c r="AM353" i="1"/>
  <c r="C359" i="5" s="1"/>
  <c r="E8459" i="2" a="1"/>
  <c r="E8459" i="2" s="1"/>
  <c r="E8481" i="2" a="1"/>
  <c r="E8481" i="2" s="1"/>
  <c r="E8465" i="2" a="1"/>
  <c r="E8465" i="2" s="1"/>
  <c r="E8460" i="2" a="1"/>
  <c r="E8460" i="2" s="1"/>
  <c r="E8462" i="2" a="1"/>
  <c r="E8462" i="2" s="1"/>
  <c r="E8480" i="2" a="1"/>
  <c r="E8480" i="2" s="1"/>
  <c r="E8467" i="2" a="1"/>
  <c r="E8467" i="2" s="1"/>
  <c r="G4790" i="2" a="1"/>
  <c r="G4790" i="2" s="1"/>
  <c r="G4787" i="2" a="1"/>
  <c r="G4787" i="2" s="1"/>
  <c r="G4809" i="2" a="1"/>
  <c r="G4809" i="2" s="1"/>
  <c r="G4808" i="2" a="1"/>
  <c r="G4808" i="2" s="1"/>
  <c r="G4802" i="2" a="1"/>
  <c r="G4802" i="2" s="1"/>
  <c r="G4794" i="2" a="1"/>
  <c r="G4794" i="2" s="1"/>
  <c r="G4791" i="2" a="1"/>
  <c r="G4791" i="2" s="1"/>
  <c r="G4801" i="2" a="1"/>
  <c r="G4801" i="2" s="1"/>
  <c r="G4799" i="2" a="1"/>
  <c r="G4799" i="2" s="1"/>
  <c r="G4807" i="2" a="1"/>
  <c r="G4807" i="2" s="1"/>
  <c r="G4804" i="2" a="1"/>
  <c r="G4804" i="2" s="1"/>
  <c r="G4806" i="2" a="1"/>
  <c r="G4806" i="2" s="1"/>
  <c r="G4798" i="2" a="1"/>
  <c r="G4798" i="2" s="1"/>
  <c r="F6432" i="2" a="1"/>
  <c r="F6432" i="2" s="1"/>
  <c r="F6439" i="2" a="1"/>
  <c r="F6439" i="2" s="1"/>
  <c r="F6418" i="2" a="1"/>
  <c r="F6418" i="2" s="1"/>
  <c r="F6422" i="2" a="1"/>
  <c r="F6422" i="2" s="1"/>
  <c r="F6435" i="2" a="1"/>
  <c r="F6435" i="2" s="1"/>
  <c r="F6428" i="2" a="1"/>
  <c r="F6428" i="2" s="1"/>
  <c r="F6426" i="2" a="1"/>
  <c r="F6426" i="2" s="1"/>
  <c r="F6424" i="2" a="1"/>
  <c r="F6424" i="2" s="1"/>
  <c r="F6419" i="2" a="1"/>
  <c r="F6419" i="2" s="1"/>
  <c r="F6441" i="2" a="1"/>
  <c r="F6441" i="2" s="1"/>
  <c r="F6429" i="2" a="1"/>
  <c r="F6429" i="2" s="1"/>
  <c r="F6433" i="2" a="1"/>
  <c r="F6433" i="2" s="1"/>
  <c r="F6420" i="2" a="1"/>
  <c r="F6420" i="2" s="1"/>
  <c r="F6436" i="2" a="1"/>
  <c r="F6436" i="2" s="1"/>
  <c r="F6423" i="2" a="1"/>
  <c r="F6423" i="2" s="1"/>
  <c r="F6421" i="2" a="1"/>
  <c r="F6421" i="2" s="1"/>
  <c r="F6437" i="2" a="1"/>
  <c r="F6437" i="2" s="1"/>
  <c r="F6425" i="2" a="1"/>
  <c r="F6425" i="2" s="1"/>
  <c r="F6430" i="2" a="1"/>
  <c r="F6430" i="2" s="1"/>
  <c r="F6427" i="2" a="1"/>
  <c r="F6427" i="2" s="1"/>
  <c r="F6431" i="2" a="1"/>
  <c r="F6431" i="2" s="1"/>
  <c r="F6434" i="2" a="1"/>
  <c r="F6434" i="2" s="1"/>
  <c r="G1135" i="2" a="1"/>
  <c r="G1135" i="2" s="1"/>
  <c r="G1123" i="2" a="1"/>
  <c r="G1123" i="2" s="1"/>
  <c r="G1126" i="2" a="1"/>
  <c r="G1126" i="2" s="1"/>
  <c r="G1124" i="2" a="1"/>
  <c r="G1124" i="2" s="1"/>
  <c r="G1137" i="2" a="1"/>
  <c r="G1137" i="2" s="1"/>
  <c r="G1114" i="2" a="1"/>
  <c r="G1114" i="2" s="1"/>
  <c r="G1125" i="2" a="1"/>
  <c r="G1125" i="2" s="1"/>
  <c r="G1118" i="2" a="1"/>
  <c r="G1118" i="2" s="1"/>
  <c r="G1121" i="2" a="1"/>
  <c r="G1121" i="2" s="1"/>
  <c r="G1115" i="2" a="1"/>
  <c r="G1115" i="2" s="1"/>
  <c r="G1129" i="2" a="1"/>
  <c r="G1129" i="2" s="1"/>
  <c r="G1136" i="2" a="1"/>
  <c r="G1136" i="2" s="1"/>
  <c r="G1133" i="2" a="1"/>
  <c r="G1133" i="2" s="1"/>
  <c r="G1128" i="2" a="1"/>
  <c r="G1128" i="2" s="1"/>
  <c r="G1130" i="2" a="1"/>
  <c r="G1130" i="2" s="1"/>
  <c r="G1127" i="2" a="1"/>
  <c r="G1127" i="2" s="1"/>
  <c r="G1134" i="2" a="1"/>
  <c r="G1134" i="2" s="1"/>
  <c r="G1116" i="2" a="1"/>
  <c r="G1116" i="2" s="1"/>
  <c r="G1132" i="2" a="1"/>
  <c r="G1132" i="2" s="1"/>
  <c r="G1117" i="2" a="1"/>
  <c r="G1117" i="2" s="1"/>
  <c r="G1131" i="2" a="1"/>
  <c r="G1131" i="2" s="1"/>
  <c r="G1119" i="2" a="1"/>
  <c r="G1119" i="2" s="1"/>
  <c r="G1120" i="2" a="1"/>
  <c r="G1120" i="2" s="1"/>
  <c r="G1122" i="2" a="1"/>
  <c r="G1122" i="2" s="1"/>
  <c r="H6174" i="2" a="1"/>
  <c r="H6174" i="2" s="1"/>
  <c r="H6175" i="2" a="1"/>
  <c r="H6175" i="2" s="1"/>
  <c r="H6159" i="2" a="1"/>
  <c r="H6159" i="2" s="1"/>
  <c r="H6162" i="2" a="1"/>
  <c r="H6162" i="2" s="1"/>
  <c r="H6163" i="2" a="1"/>
  <c r="H6163" i="2" s="1"/>
  <c r="H6166" i="2" a="1"/>
  <c r="H6166" i="2" s="1"/>
  <c r="H6176" i="2" a="1"/>
  <c r="H6176" i="2" s="1"/>
  <c r="H6173" i="2" a="1"/>
  <c r="H6173" i="2" s="1"/>
  <c r="G3750" i="2" a="1"/>
  <c r="G3750" i="2" s="1"/>
  <c r="G3743" i="2" a="1"/>
  <c r="G3743" i="2" s="1"/>
  <c r="G3733" i="2" a="1"/>
  <c r="G3733" i="2" s="1"/>
  <c r="AP156" i="1"/>
  <c r="F162" i="5" s="1"/>
  <c r="G3737" i="2" a="1"/>
  <c r="G3737" i="2" s="1"/>
  <c r="G3731" i="2" a="1"/>
  <c r="G3731" i="2" s="1"/>
  <c r="AN156" i="1"/>
  <c r="D162" i="5" s="1"/>
  <c r="G3749" i="2" a="1"/>
  <c r="G3749" i="2" s="1"/>
  <c r="G3732" i="2" a="1"/>
  <c r="G3732" i="2" s="1"/>
  <c r="AO156" i="1"/>
  <c r="E162" i="5" s="1"/>
  <c r="G3747" i="2" a="1"/>
  <c r="G3747" i="2" s="1"/>
  <c r="G3746" i="2" a="1"/>
  <c r="G3746" i="2" s="1"/>
  <c r="AQ156" i="1"/>
  <c r="G162" i="5" s="1"/>
  <c r="AM156" i="1"/>
  <c r="C162" i="5" s="1"/>
  <c r="G3745" i="2" a="1"/>
  <c r="G3745" i="2" s="1"/>
  <c r="G3742" i="2" a="1"/>
  <c r="G3742" i="2" s="1"/>
  <c r="G3739" i="2" a="1"/>
  <c r="G3739" i="2" s="1"/>
  <c r="G3751" i="2" a="1"/>
  <c r="G3751" i="2" s="1"/>
  <c r="AO103" i="1"/>
  <c r="E109" i="5" s="1"/>
  <c r="AQ103" i="1"/>
  <c r="G109" i="5" s="1"/>
  <c r="F2036" i="2" a="1"/>
  <c r="F2036" i="2" s="1"/>
  <c r="F2040" i="2" a="1"/>
  <c r="F2040" i="2" s="1"/>
  <c r="F2026" i="2" a="1"/>
  <c r="F2026" i="2" s="1"/>
  <c r="F2039" i="2" a="1"/>
  <c r="F2039" i="2" s="1"/>
  <c r="F2047" i="2" a="1"/>
  <c r="F2047" i="2" s="1"/>
  <c r="F2041" i="2" a="1"/>
  <c r="F2041" i="2" s="1"/>
  <c r="F2038" i="2" a="1"/>
  <c r="F2038" i="2" s="1"/>
  <c r="G3402" i="2" a="1"/>
  <c r="G3402" i="2" s="1"/>
  <c r="G3410" i="2" a="1"/>
  <c r="G3410" i="2" s="1"/>
  <c r="AQ142" i="1"/>
  <c r="G148" i="5" s="1"/>
  <c r="G3399" i="2" a="1"/>
  <c r="G3399" i="2" s="1"/>
  <c r="AN142" i="1"/>
  <c r="D148" i="5" s="1"/>
  <c r="G3416" i="2" a="1"/>
  <c r="G3416" i="2" s="1"/>
  <c r="G3415" i="2" a="1"/>
  <c r="G3415" i="2" s="1"/>
  <c r="G3404" i="2" a="1"/>
  <c r="G3404" i="2" s="1"/>
  <c r="G3411" i="2" a="1"/>
  <c r="G3411" i="2" s="1"/>
  <c r="G3394" i="2" a="1"/>
  <c r="G3394" i="2" s="1"/>
  <c r="G3417" i="2" a="1"/>
  <c r="G3417" i="2" s="1"/>
  <c r="G3414" i="2" a="1"/>
  <c r="G3414" i="2" s="1"/>
  <c r="G3409" i="2" a="1"/>
  <c r="G3409" i="2" s="1"/>
  <c r="AO142" i="1"/>
  <c r="E148" i="5" s="1"/>
  <c r="G3403" i="2" a="1"/>
  <c r="G3403" i="2" s="1"/>
  <c r="AP142" i="1"/>
  <c r="F148" i="5" s="1"/>
  <c r="G3396" i="2" a="1"/>
  <c r="G3396" i="2" s="1"/>
  <c r="G3408" i="2" a="1"/>
  <c r="G3408" i="2" s="1"/>
  <c r="G3395" i="2" a="1"/>
  <c r="G3395" i="2" s="1"/>
  <c r="G3407" i="2" a="1"/>
  <c r="G3407" i="2" s="1"/>
  <c r="G3397" i="2" a="1"/>
  <c r="G3397" i="2" s="1"/>
  <c r="G3405" i="2" a="1"/>
  <c r="G3405" i="2" s="1"/>
  <c r="G3398" i="2" a="1"/>
  <c r="G3398" i="2" s="1"/>
  <c r="G3413" i="2" a="1"/>
  <c r="G3413" i="2" s="1"/>
  <c r="G3412" i="2" a="1"/>
  <c r="G3412" i="2" s="1"/>
  <c r="AM142" i="1"/>
  <c r="C148" i="5" s="1"/>
  <c r="G3406" i="2" a="1"/>
  <c r="G3406" i="2" s="1"/>
  <c r="AN123" i="1"/>
  <c r="D129" i="5" s="1"/>
  <c r="AM123" i="1"/>
  <c r="C129" i="5" s="1"/>
  <c r="AQ123" i="1"/>
  <c r="G129" i="5" s="1"/>
  <c r="F5502" i="2" a="1"/>
  <c r="F5502" i="2" s="1"/>
  <c r="F5492" i="2" a="1"/>
  <c r="F5492" i="2" s="1"/>
  <c r="F5489" i="2" a="1"/>
  <c r="F5489" i="2" s="1"/>
  <c r="F5496" i="2" a="1"/>
  <c r="F5496" i="2" s="1"/>
  <c r="F5490" i="2" a="1"/>
  <c r="F5490" i="2" s="1"/>
  <c r="F5499" i="2" a="1"/>
  <c r="F5499" i="2" s="1"/>
  <c r="F5482" i="2" a="1"/>
  <c r="F5482" i="2" s="1"/>
  <c r="F5488" i="2" a="1"/>
  <c r="F5488" i="2" s="1"/>
  <c r="F5493" i="2" a="1"/>
  <c r="F5493" i="2" s="1"/>
  <c r="F5483" i="2" a="1"/>
  <c r="F5483" i="2" s="1"/>
  <c r="F5503" i="2" a="1"/>
  <c r="F5503" i="2" s="1"/>
  <c r="F5486" i="2" a="1"/>
  <c r="F5486" i="2" s="1"/>
  <c r="F5505" i="2" a="1"/>
  <c r="F5505" i="2" s="1"/>
  <c r="F5501" i="2" a="1"/>
  <c r="F5501" i="2" s="1"/>
  <c r="E1398" i="2" a="1"/>
  <c r="E1398" i="2" s="1"/>
  <c r="E1388" i="2" a="1"/>
  <c r="E1388" i="2" s="1"/>
  <c r="E1397" i="2" a="1"/>
  <c r="E1397" i="2" s="1"/>
  <c r="E1387" i="2" a="1"/>
  <c r="E1387" i="2" s="1"/>
  <c r="E1382" i="2" a="1"/>
  <c r="E1382" i="2" s="1"/>
  <c r="E1392" i="2" a="1"/>
  <c r="E1392" i="2" s="1"/>
  <c r="E1395" i="2" a="1"/>
  <c r="E1395" i="2" s="1"/>
  <c r="E1380" i="2" a="1"/>
  <c r="E1380" i="2" s="1"/>
  <c r="E1394" i="2" a="1"/>
  <c r="E1394" i="2" s="1"/>
  <c r="E1381" i="2" a="1"/>
  <c r="E1381" i="2" s="1"/>
  <c r="E1393" i="2" a="1"/>
  <c r="E1393" i="2" s="1"/>
  <c r="E1378" i="2" a="1"/>
  <c r="E1378" i="2" s="1"/>
  <c r="E1389" i="2" a="1"/>
  <c r="E1389" i="2" s="1"/>
  <c r="E1379" i="2" a="1"/>
  <c r="E1379" i="2" s="1"/>
  <c r="E1396" i="2" a="1"/>
  <c r="E1396" i="2" s="1"/>
  <c r="E1391" i="2" a="1"/>
  <c r="E1391" i="2" s="1"/>
  <c r="E1383" i="2" a="1"/>
  <c r="E1383" i="2" s="1"/>
  <c r="E1385" i="2" a="1"/>
  <c r="E1385" i="2" s="1"/>
  <c r="E1384" i="2" a="1"/>
  <c r="E1384" i="2" s="1"/>
  <c r="E1399" i="2" a="1"/>
  <c r="E1399" i="2" s="1"/>
  <c r="E1401" i="2" a="1"/>
  <c r="E1401" i="2" s="1"/>
  <c r="E1400" i="2" a="1"/>
  <c r="E1400" i="2" s="1"/>
  <c r="E1386" i="2" a="1"/>
  <c r="E1386" i="2" s="1"/>
  <c r="E1390" i="2" a="1"/>
  <c r="E1390" i="2" s="1"/>
  <c r="F8630" i="2" a="1"/>
  <c r="F8630" i="2" s="1"/>
  <c r="F8636" i="2" a="1"/>
  <c r="F8636" i="2" s="1"/>
  <c r="F8626" i="2" a="1"/>
  <c r="F8626" i="2" s="1"/>
  <c r="F8646" i="2" a="1"/>
  <c r="F8646" i="2" s="1"/>
  <c r="F8641" i="2" a="1"/>
  <c r="F8641" i="2" s="1"/>
  <c r="F8635" i="2" a="1"/>
  <c r="F8635" i="2" s="1"/>
  <c r="F8648" i="2" a="1"/>
  <c r="F8648" i="2" s="1"/>
  <c r="F8637" i="2" a="1"/>
  <c r="F8637" i="2" s="1"/>
  <c r="F8644" i="2" a="1"/>
  <c r="F8644" i="2" s="1"/>
  <c r="F8632" i="2" a="1"/>
  <c r="F8632" i="2" s="1"/>
  <c r="F8642" i="2" a="1"/>
  <c r="F8642" i="2" s="1"/>
  <c r="F8639" i="2" a="1"/>
  <c r="F8639" i="2" s="1"/>
  <c r="F8629" i="2" a="1"/>
  <c r="F8629" i="2" s="1"/>
  <c r="F8643" i="2" a="1"/>
  <c r="F8643" i="2" s="1"/>
  <c r="E1606" i="2" a="1"/>
  <c r="E1606" i="2" s="1"/>
  <c r="E1614" i="2" a="1"/>
  <c r="E1614" i="2" s="1"/>
  <c r="E1607" i="2" a="1"/>
  <c r="E1607" i="2" s="1"/>
  <c r="E1605" i="2" a="1"/>
  <c r="E1605" i="2" s="1"/>
  <c r="E1594" i="2" a="1"/>
  <c r="E1594" i="2" s="1"/>
  <c r="E1611" i="2" a="1"/>
  <c r="E1611" i="2" s="1"/>
  <c r="E1615" i="2" a="1"/>
  <c r="E1615" i="2" s="1"/>
  <c r="E1613" i="2" a="1"/>
  <c r="E1613" i="2" s="1"/>
  <c r="E1597" i="2" a="1"/>
  <c r="E1597" i="2" s="1"/>
  <c r="E1598" i="2" a="1"/>
  <c r="E1598" i="2" s="1"/>
  <c r="E1595" i="2" a="1"/>
  <c r="E1595" i="2" s="1"/>
  <c r="E1601" i="2" a="1"/>
  <c r="E1601" i="2" s="1"/>
  <c r="E1596" i="2" a="1"/>
  <c r="E1596" i="2" s="1"/>
  <c r="E1604" i="2" a="1"/>
  <c r="E1604" i="2" s="1"/>
  <c r="H6518" i="2" a="1"/>
  <c r="H6518" i="2" s="1"/>
  <c r="H6526" i="2" a="1"/>
  <c r="H6526" i="2" s="1"/>
  <c r="AQ37" i="1"/>
  <c r="G43" i="5" s="1"/>
  <c r="AP37" i="1"/>
  <c r="F43" i="5" s="1"/>
  <c r="AN37" i="1"/>
  <c r="D43" i="5" s="1"/>
  <c r="E8342" i="2" a="1"/>
  <c r="E8342" i="2" s="1"/>
  <c r="E8352" i="2" a="1"/>
  <c r="E8352" i="2" s="1"/>
  <c r="E8344" i="2" a="1"/>
  <c r="E8344" i="2" s="1"/>
  <c r="E8354" i="2" a="1"/>
  <c r="E8354" i="2" s="1"/>
  <c r="E8356" i="2" a="1"/>
  <c r="E8356" i="2" s="1"/>
  <c r="E8349" i="2" a="1"/>
  <c r="E8349" i="2" s="1"/>
  <c r="E8339" i="2" a="1"/>
  <c r="E8339" i="2" s="1"/>
  <c r="E8341" i="2" a="1"/>
  <c r="E8341" i="2" s="1"/>
  <c r="E8358" i="2" a="1"/>
  <c r="E8358" i="2" s="1"/>
  <c r="E8350" i="2" a="1"/>
  <c r="E8350" i="2" s="1"/>
  <c r="E8357" i="2" a="1"/>
  <c r="E8357" i="2" s="1"/>
  <c r="E8353" i="2" a="1"/>
  <c r="E8353" i="2" s="1"/>
  <c r="E8351" i="2" a="1"/>
  <c r="E8351" i="2" s="1"/>
  <c r="E8346" i="2" a="1"/>
  <c r="E8346" i="2" s="1"/>
  <c r="E8338" i="2" a="1"/>
  <c r="E8338" i="2" s="1"/>
  <c r="E8343" i="2" a="1"/>
  <c r="E8343" i="2" s="1"/>
  <c r="E8340" i="2" a="1"/>
  <c r="E8340" i="2" s="1"/>
  <c r="E8348" i="2" a="1"/>
  <c r="E8348" i="2" s="1"/>
  <c r="E8347" i="2" a="1"/>
  <c r="E8347" i="2" s="1"/>
  <c r="E8355" i="2" a="1"/>
  <c r="E8355" i="2" s="1"/>
  <c r="E8361" i="2" a="1"/>
  <c r="E8361" i="2" s="1"/>
  <c r="E8345" i="2" a="1"/>
  <c r="E8345" i="2" s="1"/>
  <c r="F7667" i="2" a="1"/>
  <c r="F7667" i="2" s="1"/>
  <c r="F7669" i="2" a="1"/>
  <c r="F7669" i="2" s="1"/>
  <c r="F7677" i="2" a="1"/>
  <c r="F7677" i="2" s="1"/>
  <c r="F7668" i="2" a="1"/>
  <c r="F7668" i="2" s="1"/>
  <c r="F7689" i="2" a="1"/>
  <c r="F7689" i="2" s="1"/>
  <c r="F7676" i="2" a="1"/>
  <c r="F7676" i="2" s="1"/>
  <c r="F7674" i="2" a="1"/>
  <c r="F7674" i="2" s="1"/>
  <c r="D3684" i="2" a="1"/>
  <c r="D3684" i="2" s="1"/>
  <c r="D4027" i="2" a="1"/>
  <c r="D4027" i="2" s="1"/>
  <c r="F2754" i="2" a="1"/>
  <c r="F2754" i="2" s="1"/>
  <c r="G131" i="2" a="1"/>
  <c r="G131" i="2" s="1"/>
  <c r="G858" i="2" a="1"/>
  <c r="G858" i="2" s="1"/>
  <c r="AP103" i="1"/>
  <c r="F109" i="5" s="1"/>
  <c r="E3999" i="2" a="1"/>
  <c r="E3999" i="2" s="1"/>
  <c r="H5002" i="2" a="1"/>
  <c r="H5002" i="2" s="1"/>
  <c r="F8534" i="2" a="1"/>
  <c r="F8534" i="2" s="1"/>
  <c r="D5583" i="2" a="1"/>
  <c r="D5583" i="2" s="1"/>
  <c r="F6440" i="2" a="1"/>
  <c r="F6440" i="2" s="1"/>
  <c r="D3692" i="2" a="1"/>
  <c r="D3692" i="2" s="1"/>
  <c r="G135" i="2" a="1"/>
  <c r="G135" i="2" s="1"/>
  <c r="D716" i="2" a="1"/>
  <c r="D716" i="2" s="1"/>
  <c r="G865" i="2" a="1"/>
  <c r="G865" i="2" s="1"/>
  <c r="H5013" i="2" a="1"/>
  <c r="H5013" i="2" s="1"/>
  <c r="F8542" i="2" a="1"/>
  <c r="F8542" i="2" s="1"/>
  <c r="D5579" i="2" a="1"/>
  <c r="D5579" i="2" s="1"/>
  <c r="D3693" i="2" a="1"/>
  <c r="D3693" i="2" s="1"/>
  <c r="D4020" i="2" a="1"/>
  <c r="D4020" i="2" s="1"/>
  <c r="G130" i="2" a="1"/>
  <c r="G130" i="2" s="1"/>
  <c r="D720" i="2" a="1"/>
  <c r="D720" i="2" s="1"/>
  <c r="G861" i="2" a="1"/>
  <c r="G861" i="2" s="1"/>
  <c r="H5018" i="2" a="1"/>
  <c r="H5018" i="2" s="1"/>
  <c r="F8550" i="2" a="1"/>
  <c r="F8550" i="2" s="1"/>
  <c r="AP233" i="1"/>
  <c r="F239" i="5" s="1"/>
  <c r="D3699" i="2" a="1"/>
  <c r="D3699" i="2" s="1"/>
  <c r="G136" i="2" a="1"/>
  <c r="G136" i="2" s="1"/>
  <c r="D725" i="2" a="1"/>
  <c r="D725" i="2" s="1"/>
  <c r="G850" i="2" a="1"/>
  <c r="G850" i="2" s="1"/>
  <c r="F8537" i="2" a="1"/>
  <c r="F8537" i="2" s="1"/>
  <c r="G3401" i="2" a="1"/>
  <c r="G3401" i="2" s="1"/>
  <c r="D727" i="2" a="1"/>
  <c r="D727" i="2" s="1"/>
  <c r="G869" i="2" a="1"/>
  <c r="G869" i="2" s="1"/>
  <c r="F8548" i="2" a="1"/>
  <c r="F8548" i="2" s="1"/>
  <c r="F1213" i="2" a="1"/>
  <c r="F1213" i="2" s="1"/>
  <c r="G7756" i="2" a="1"/>
  <c r="G7756" i="2" s="1"/>
  <c r="G3400" i="2" a="1"/>
  <c r="G3400" i="2" s="1"/>
  <c r="D3688" i="2" a="1"/>
  <c r="D3688" i="2" s="1"/>
  <c r="D4035" i="2" a="1"/>
  <c r="D4035" i="2" s="1"/>
  <c r="F2765" i="2" a="1"/>
  <c r="F2765" i="2" s="1"/>
  <c r="H3646" i="2" a="1"/>
  <c r="H3646" i="2" s="1"/>
  <c r="G132" i="2" a="1"/>
  <c r="G132" i="2" s="1"/>
  <c r="D719" i="2" a="1"/>
  <c r="D719" i="2" s="1"/>
  <c r="G866" i="2" a="1"/>
  <c r="G866" i="2" s="1"/>
  <c r="F8536" i="2" a="1"/>
  <c r="F8536" i="2" s="1"/>
  <c r="F1226" i="2" a="1"/>
  <c r="F1226" i="2" s="1"/>
  <c r="G7757" i="2" a="1"/>
  <c r="G7757" i="2" s="1"/>
  <c r="D3697" i="2" a="1"/>
  <c r="D3697" i="2" s="1"/>
  <c r="D4039" i="2" a="1"/>
  <c r="D4039" i="2" s="1"/>
  <c r="F2755" i="2" a="1"/>
  <c r="F2755" i="2" s="1"/>
  <c r="H3647" i="2" a="1"/>
  <c r="H3647" i="2" s="1"/>
  <c r="G151" i="2" a="1"/>
  <c r="G151" i="2" s="1"/>
  <c r="D726" i="2" a="1"/>
  <c r="D726" i="2" s="1"/>
  <c r="G871" i="2" a="1"/>
  <c r="G871" i="2" s="1"/>
  <c r="E8478" i="2" a="1"/>
  <c r="E8478" i="2" s="1"/>
  <c r="F5498" i="2" a="1"/>
  <c r="F5498" i="2" s="1"/>
  <c r="F8539" i="2" a="1"/>
  <c r="F8539" i="2" s="1"/>
  <c r="F1222" i="2" a="1"/>
  <c r="F1222" i="2" s="1"/>
  <c r="G7738" i="2" a="1"/>
  <c r="G7738" i="2" s="1"/>
  <c r="D3689" i="2" a="1"/>
  <c r="D3689" i="2" s="1"/>
  <c r="D4023" i="2" a="1"/>
  <c r="D4023" i="2" s="1"/>
  <c r="F2763" i="2" a="1"/>
  <c r="F2763" i="2" s="1"/>
  <c r="H3653" i="2" a="1"/>
  <c r="H3653" i="2" s="1"/>
  <c r="AM31" i="1"/>
  <c r="G140" i="2" a="1"/>
  <c r="G140" i="2" s="1"/>
  <c r="D722" i="2" a="1"/>
  <c r="D722" i="2" s="1"/>
  <c r="G857" i="2" a="1"/>
  <c r="G857" i="2" s="1"/>
  <c r="E8458" i="2" a="1"/>
  <c r="E8458" i="2" s="1"/>
  <c r="F5504" i="2" a="1"/>
  <c r="F5504" i="2" s="1"/>
  <c r="F8645" i="2" a="1"/>
  <c r="F8645" i="2" s="1"/>
  <c r="F1229" i="2" a="1"/>
  <c r="F1229" i="2" s="1"/>
  <c r="D3695" i="2" a="1"/>
  <c r="D3695" i="2" s="1"/>
  <c r="D4034" i="2" a="1"/>
  <c r="D4034" i="2" s="1"/>
  <c r="F2753" i="2" a="1"/>
  <c r="F2753" i="2" s="1"/>
  <c r="H3636" i="2" a="1"/>
  <c r="H3636" i="2" s="1"/>
  <c r="AN31" i="1"/>
  <c r="D37" i="5" s="1"/>
  <c r="G134" i="2" a="1"/>
  <c r="G134" i="2" s="1"/>
  <c r="D718" i="2" a="1"/>
  <c r="D718" i="2" s="1"/>
  <c r="G852" i="2" a="1"/>
  <c r="G852" i="2" s="1"/>
  <c r="E8479" i="2" a="1"/>
  <c r="E8479" i="2" s="1"/>
  <c r="F5494" i="2" a="1"/>
  <c r="F5494" i="2" s="1"/>
  <c r="F8627" i="2" a="1"/>
  <c r="F8627" i="2" s="1"/>
  <c r="F1211" i="2" a="1"/>
  <c r="F1211" i="2" s="1"/>
  <c r="E3187" i="2" a="1"/>
  <c r="E3187" i="2" s="1"/>
  <c r="AO37" i="1"/>
  <c r="D3694" i="2" a="1"/>
  <c r="D3694" i="2" s="1"/>
  <c r="D3701" i="2" a="1"/>
  <c r="D3701" i="2" s="1"/>
  <c r="D4031" i="2" a="1"/>
  <c r="D4031" i="2" s="1"/>
  <c r="F2750" i="2" a="1"/>
  <c r="F2750" i="2" s="1"/>
  <c r="M2750" i="2" s="1"/>
  <c r="M2724" i="5" s="1"/>
  <c r="P2724" i="5" s="1"/>
  <c r="H3651" i="2" a="1"/>
  <c r="H3651" i="2" s="1"/>
  <c r="AQ31" i="1"/>
  <c r="G37" i="5" s="1"/>
  <c r="G152" i="2" a="1"/>
  <c r="G152" i="2" s="1"/>
  <c r="D724" i="2" a="1"/>
  <c r="D724" i="2" s="1"/>
  <c r="G856" i="2" a="1"/>
  <c r="G856" i="2" s="1"/>
  <c r="E8468" i="2" a="1"/>
  <c r="E8468" i="2" s="1"/>
  <c r="F5500" i="2" a="1"/>
  <c r="F5500" i="2" s="1"/>
  <c r="F8649" i="2" a="1"/>
  <c r="F8649" i="2" s="1"/>
  <c r="F1210" i="2" a="1"/>
  <c r="F1210" i="2" s="1"/>
  <c r="E3197" i="2" a="1"/>
  <c r="E3197" i="2" s="1"/>
  <c r="G149" i="2" a="1"/>
  <c r="G149" i="2" s="1"/>
  <c r="D712" i="2" a="1"/>
  <c r="D712" i="2" s="1"/>
  <c r="F1228" i="2" a="1"/>
  <c r="F1228" i="2" s="1"/>
  <c r="AO367" i="1"/>
  <c r="F6576" i="2" a="1"/>
  <c r="F6576" i="2" s="1"/>
  <c r="D723" i="2" a="1"/>
  <c r="D723" i="2" s="1"/>
  <c r="AN367" i="1"/>
  <c r="F6584" i="2" a="1"/>
  <c r="F6584" i="2" s="1"/>
  <c r="D3700" i="2" a="1"/>
  <c r="D3700" i="2" s="1"/>
  <c r="D711" i="2" a="1"/>
  <c r="D711" i="2" s="1"/>
  <c r="E4001" i="2" a="1"/>
  <c r="E4001" i="2" s="1"/>
  <c r="H5010" i="2" a="1"/>
  <c r="H5010" i="2" s="1"/>
  <c r="D5594" i="2" a="1"/>
  <c r="D5594" i="2" s="1"/>
  <c r="D3682" i="2" a="1"/>
  <c r="D3682" i="2" s="1"/>
  <c r="D4038" i="2" a="1"/>
  <c r="D4038" i="2" s="1"/>
  <c r="D4028" i="2" a="1"/>
  <c r="D4028" i="2" s="1"/>
  <c r="H3650" i="2" a="1"/>
  <c r="H3650" i="2" s="1"/>
  <c r="D707" i="2" a="1"/>
  <c r="D707" i="2" s="1"/>
  <c r="E4003" i="2" a="1"/>
  <c r="E4003" i="2" s="1"/>
  <c r="H5020" i="2" a="1"/>
  <c r="H5020" i="2" s="1"/>
  <c r="D5585" i="2" a="1"/>
  <c r="D5585" i="2" s="1"/>
  <c r="H6688" i="2" a="1"/>
  <c r="H6688" i="2" s="1"/>
  <c r="E8360" i="2" a="1"/>
  <c r="E8360" i="2" s="1"/>
  <c r="D3704" i="2" a="1"/>
  <c r="D3704" i="2" s="1"/>
  <c r="D4033" i="2" a="1"/>
  <c r="D4033" i="2" s="1"/>
  <c r="D4030" i="2" a="1"/>
  <c r="D4030" i="2" s="1"/>
  <c r="H3649" i="2" a="1"/>
  <c r="H3649" i="2" s="1"/>
  <c r="D708" i="2" a="1"/>
  <c r="D708" i="2" s="1"/>
  <c r="E4014" i="2" a="1"/>
  <c r="E4014" i="2" s="1"/>
  <c r="H5016" i="2" a="1"/>
  <c r="H5016" i="2" s="1"/>
  <c r="D5584" i="2" a="1"/>
  <c r="D5584" i="2" s="1"/>
  <c r="H6696" i="2" a="1"/>
  <c r="H6696" i="2" s="1"/>
  <c r="E8359" i="2" a="1"/>
  <c r="E8359" i="2" s="1"/>
  <c r="D3685" i="2" a="1"/>
  <c r="D3685" i="2" s="1"/>
  <c r="E4012" i="2" a="1"/>
  <c r="E4012" i="2" s="1"/>
  <c r="H5011" i="2" a="1"/>
  <c r="H5011" i="2" s="1"/>
  <c r="D5578" i="2" a="1"/>
  <c r="D5578" i="2" s="1"/>
  <c r="H6702" i="2" a="1"/>
  <c r="H6702" i="2" s="1"/>
  <c r="AO123" i="1"/>
  <c r="E129" i="5" s="1"/>
  <c r="G7380" i="2" a="1"/>
  <c r="G7380" i="2" s="1"/>
  <c r="D3696" i="2" a="1"/>
  <c r="D3696" i="2" s="1"/>
  <c r="D4025" i="2" a="1"/>
  <c r="D4025" i="2" s="1"/>
  <c r="E8473" i="2" a="1"/>
  <c r="E8473" i="2" s="1"/>
  <c r="E3994" i="2" a="1"/>
  <c r="E3994" i="2" s="1"/>
  <c r="H5004" i="2" a="1"/>
  <c r="H5004" i="2" s="1"/>
  <c r="F8628" i="2" a="1"/>
  <c r="F8628" i="2" s="1"/>
  <c r="D5596" i="2" a="1"/>
  <c r="D5596" i="2" s="1"/>
  <c r="H6704" i="2" a="1"/>
  <c r="H6704" i="2" s="1"/>
  <c r="AP123" i="1"/>
  <c r="F129" i="5" s="1"/>
  <c r="G7379" i="2" a="1"/>
  <c r="G7379" i="2" s="1"/>
  <c r="H1762" i="2" a="1"/>
  <c r="H1762" i="2" s="1"/>
  <c r="H1785" i="2" a="1"/>
  <c r="H1785" i="2" s="1"/>
  <c r="H1768" i="2" a="1"/>
  <c r="H1768" i="2" s="1"/>
  <c r="H1782" i="2" a="1"/>
  <c r="H1782" i="2" s="1"/>
  <c r="H1773" i="2" a="1"/>
  <c r="H1773" i="2" s="1"/>
  <c r="H6634" i="2" a="1"/>
  <c r="H6634" i="2" s="1"/>
  <c r="H6635" i="2" a="1"/>
  <c r="H6635" i="2" s="1"/>
  <c r="H6639" i="2" a="1"/>
  <c r="H6639" i="2" s="1"/>
  <c r="H6641" i="2" a="1"/>
  <c r="H6641" i="2" s="1"/>
  <c r="E6458" i="2" a="1"/>
  <c r="E6458" i="2" s="1"/>
  <c r="E6457" i="2" a="1"/>
  <c r="E6457" i="2" s="1"/>
  <c r="E6446" i="2" a="1"/>
  <c r="E6446" i="2" s="1"/>
  <c r="H6463" i="2" a="1"/>
  <c r="H6463" i="2" s="1"/>
  <c r="H6447" i="2" a="1"/>
  <c r="H6447" i="2" s="1"/>
  <c r="H6464" i="2" a="1"/>
  <c r="H6464" i="2" s="1"/>
  <c r="H6451" i="2" a="1"/>
  <c r="H6451" i="2" s="1"/>
  <c r="H6452" i="2" a="1"/>
  <c r="H6452" i="2" s="1"/>
  <c r="H6456" i="2" a="1"/>
  <c r="H6456" i="2" s="1"/>
  <c r="H6449" i="2" a="1"/>
  <c r="H6449" i="2" s="1"/>
  <c r="H6444" i="2" a="1"/>
  <c r="H6444" i="2" s="1"/>
  <c r="H6450" i="2" a="1"/>
  <c r="H6450" i="2" s="1"/>
  <c r="H6453" i="2" a="1"/>
  <c r="H6453" i="2" s="1"/>
  <c r="G3326" i="2" a="1"/>
  <c r="G3326" i="2" s="1"/>
  <c r="G3323" i="2" a="1"/>
  <c r="G3323" i="2" s="1"/>
  <c r="G3338" i="2" a="1"/>
  <c r="G3338" i="2" s="1"/>
  <c r="G3337" i="2" a="1"/>
  <c r="G3337" i="2" s="1"/>
  <c r="G3327" i="2" a="1"/>
  <c r="G3327" i="2" s="1"/>
  <c r="G3332" i="2" a="1"/>
  <c r="G3332" i="2" s="1"/>
  <c r="E5843" i="2" a="1"/>
  <c r="E5843" i="2" s="1"/>
  <c r="E5847" i="2" a="1"/>
  <c r="E5847" i="2" s="1"/>
  <c r="E5851" i="2" a="1"/>
  <c r="E5851" i="2" s="1"/>
  <c r="G4081" i="2" a="1"/>
  <c r="G4081" i="2" s="1"/>
  <c r="G4076" i="2" a="1"/>
  <c r="G4076" i="2" s="1"/>
  <c r="G4082" i="2" a="1"/>
  <c r="G4082" i="2" s="1"/>
  <c r="G4080" i="2" a="1"/>
  <c r="G4080" i="2" s="1"/>
  <c r="G4077" i="2" a="1"/>
  <c r="G4077" i="2" s="1"/>
  <c r="G4068" i="2" a="1"/>
  <c r="G4068" i="2" s="1"/>
  <c r="G4071" i="2" a="1"/>
  <c r="G4071" i="2" s="1"/>
  <c r="G4088" i="2" a="1"/>
  <c r="G4088" i="2" s="1"/>
  <c r="G4075" i="2" a="1"/>
  <c r="G4075" i="2" s="1"/>
  <c r="G4070" i="2" a="1"/>
  <c r="G4070" i="2" s="1"/>
  <c r="G4067" i="2" a="1"/>
  <c r="G4067" i="2" s="1"/>
  <c r="G4074" i="2" a="1"/>
  <c r="G4074" i="2" s="1"/>
  <c r="G4084" i="2" a="1"/>
  <c r="G4084" i="2" s="1"/>
  <c r="H7605" i="2" a="1"/>
  <c r="H7605" i="2" s="1"/>
  <c r="H7616" i="2" a="1"/>
  <c r="H7616" i="2" s="1"/>
  <c r="H7606" i="2" a="1"/>
  <c r="H7606" i="2" s="1"/>
  <c r="H7617" i="2" a="1"/>
  <c r="H7617" i="2" s="1"/>
  <c r="H7611" i="2" a="1"/>
  <c r="H7611" i="2" s="1"/>
  <c r="AO206" i="1"/>
  <c r="E212" i="5" s="1"/>
  <c r="D7097" i="2" a="1"/>
  <c r="D7097" i="2" s="1"/>
  <c r="H1765" i="2" a="1"/>
  <c r="H1765" i="2" s="1"/>
  <c r="H6643" i="2" a="1"/>
  <c r="H6643" i="2" s="1"/>
  <c r="H4105" i="2" a="1"/>
  <c r="H4105" i="2" s="1"/>
  <c r="F382" i="2" a="1"/>
  <c r="F382" i="2" s="1"/>
  <c r="G87" i="2" a="1"/>
  <c r="G87" i="2" s="1"/>
  <c r="D1715" i="2" a="1"/>
  <c r="D1715" i="2" s="1"/>
  <c r="F2938" i="2" a="1"/>
  <c r="F2938" i="2" s="1"/>
  <c r="D6845" i="2" a="1"/>
  <c r="D6845" i="2" s="1"/>
  <c r="E5724" i="2" a="1"/>
  <c r="E5724" i="2" s="1"/>
  <c r="E3723" i="2" a="1"/>
  <c r="E3723" i="2" s="1"/>
  <c r="E3718" i="2" a="1"/>
  <c r="E3718" i="2" s="1"/>
  <c r="E3706" i="2" a="1"/>
  <c r="E3706" i="2" s="1"/>
  <c r="E3713" i="2" a="1"/>
  <c r="E3713" i="2" s="1"/>
  <c r="E3709" i="2" a="1"/>
  <c r="E3709" i="2" s="1"/>
  <c r="E3725" i="2" a="1"/>
  <c r="E3725" i="2" s="1"/>
  <c r="E3726" i="2" a="1"/>
  <c r="E3726" i="2" s="1"/>
  <c r="E3721" i="2" a="1"/>
  <c r="E3721" i="2" s="1"/>
  <c r="E3717" i="2" a="1"/>
  <c r="E3717" i="2" s="1"/>
  <c r="E3708" i="2" a="1"/>
  <c r="E3708" i="2" s="1"/>
  <c r="E3715" i="2" a="1"/>
  <c r="E3715" i="2" s="1"/>
  <c r="E3019" i="2" a="1"/>
  <c r="E3019" i="2" s="1"/>
  <c r="E3012" i="2" a="1"/>
  <c r="E3012" i="2" s="1"/>
  <c r="E3030" i="2" a="1"/>
  <c r="E3030" i="2" s="1"/>
  <c r="E3021" i="2" a="1"/>
  <c r="E3021" i="2" s="1"/>
  <c r="E3017" i="2" a="1"/>
  <c r="E3017" i="2" s="1"/>
  <c r="E3022" i="2" a="1"/>
  <c r="E3022" i="2" s="1"/>
  <c r="E3024" i="2" a="1"/>
  <c r="E3024" i="2" s="1"/>
  <c r="E3010" i="2" a="1"/>
  <c r="E3010" i="2" s="1"/>
  <c r="E3026" i="2" a="1"/>
  <c r="E3026" i="2" s="1"/>
  <c r="E3028" i="2" a="1"/>
  <c r="E3028" i="2" s="1"/>
  <c r="E3014" i="2" a="1"/>
  <c r="E3014" i="2" s="1"/>
  <c r="E3031" i="2" a="1"/>
  <c r="E3031" i="2" s="1"/>
  <c r="E3016" i="2" a="1"/>
  <c r="E3016" i="2" s="1"/>
  <c r="H3091" i="2" a="1"/>
  <c r="H3091" i="2" s="1"/>
  <c r="H3088" i="2" a="1"/>
  <c r="H3088" i="2" s="1"/>
  <c r="H3094" i="2" a="1"/>
  <c r="H3094" i="2" s="1"/>
  <c r="H3103" i="2" a="1"/>
  <c r="H3103" i="2" s="1"/>
  <c r="H3102" i="2" a="1"/>
  <c r="H3102" i="2" s="1"/>
  <c r="E7079" i="2" a="1"/>
  <c r="E7079" i="2" s="1"/>
  <c r="E7072" i="2" a="1"/>
  <c r="E7072" i="2" s="1"/>
  <c r="E7089" i="2" a="1"/>
  <c r="E7089" i="2" s="1"/>
  <c r="E7082" i="2" a="1"/>
  <c r="E7082" i="2" s="1"/>
  <c r="E7075" i="2" a="1"/>
  <c r="E7075" i="2" s="1"/>
  <c r="E7087" i="2" a="1"/>
  <c r="E7087" i="2" s="1"/>
  <c r="E7070" i="2" a="1"/>
  <c r="E7070" i="2" s="1"/>
  <c r="E7068" i="2" a="1"/>
  <c r="E7068" i="2" s="1"/>
  <c r="E7066" i="2" a="1"/>
  <c r="E7066" i="2" s="1"/>
  <c r="E7071" i="2" a="1"/>
  <c r="E7071" i="2" s="1"/>
  <c r="E7084" i="2" a="1"/>
  <c r="E7084" i="2" s="1"/>
  <c r="E7074" i="2" a="1"/>
  <c r="E7074" i="2" s="1"/>
  <c r="E7069" i="2" a="1"/>
  <c r="E7069" i="2" s="1"/>
  <c r="E7077" i="2" a="1"/>
  <c r="E7077" i="2" s="1"/>
  <c r="E7081" i="2" a="1"/>
  <c r="E7081" i="2" s="1"/>
  <c r="E7076" i="2" a="1"/>
  <c r="E7076" i="2" s="1"/>
  <c r="E7073" i="2" a="1"/>
  <c r="E7073" i="2" s="1"/>
  <c r="E3303" i="2" a="1"/>
  <c r="E3303" i="2" s="1"/>
  <c r="E3302" i="2" a="1"/>
  <c r="E3302" i="2" s="1"/>
  <c r="E3310" i="2" a="1"/>
  <c r="E3310" i="2" s="1"/>
  <c r="E3318" i="2" a="1"/>
  <c r="E3318" i="2" s="1"/>
  <c r="E3298" i="2" a="1"/>
  <c r="E3298" i="2" s="1"/>
  <c r="E3306" i="2" a="1"/>
  <c r="E3306" i="2" s="1"/>
  <c r="G3778" i="2" a="1"/>
  <c r="G3778" i="2" s="1"/>
  <c r="G3793" i="2" a="1"/>
  <c r="G3793" i="2" s="1"/>
  <c r="G3785" i="2" a="1"/>
  <c r="G3785" i="2" s="1"/>
  <c r="G3790" i="2" a="1"/>
  <c r="G3790" i="2" s="1"/>
  <c r="G3789" i="2" a="1"/>
  <c r="G3789" i="2" s="1"/>
  <c r="F7175" i="2" a="1"/>
  <c r="F7175" i="2" s="1"/>
  <c r="F7173" i="2" a="1"/>
  <c r="F7173" i="2" s="1"/>
  <c r="F7177" i="2" a="1"/>
  <c r="F7177" i="2" s="1"/>
  <c r="F7167" i="2" a="1"/>
  <c r="F7167" i="2" s="1"/>
  <c r="F7185" i="2" a="1"/>
  <c r="F7185" i="2" s="1"/>
  <c r="F7164" i="2" a="1"/>
  <c r="F7164" i="2" s="1"/>
  <c r="F7181" i="2" a="1"/>
  <c r="F7181" i="2" s="1"/>
  <c r="F7166" i="2" a="1"/>
  <c r="F7166" i="2" s="1"/>
  <c r="F7182" i="2" a="1"/>
  <c r="F7182" i="2" s="1"/>
  <c r="F7183" i="2" a="1"/>
  <c r="F7183" i="2" s="1"/>
  <c r="F7174" i="2" a="1"/>
  <c r="F7174" i="2" s="1"/>
  <c r="F7163" i="2" a="1"/>
  <c r="F7163" i="2" s="1"/>
  <c r="F7184" i="2" a="1"/>
  <c r="F7184" i="2" s="1"/>
  <c r="F7170" i="2" a="1"/>
  <c r="F7170" i="2" s="1"/>
  <c r="E8219" i="2" a="1"/>
  <c r="E8219" i="2" s="1"/>
  <c r="E8223" i="2" a="1"/>
  <c r="E8223" i="2" s="1"/>
  <c r="E8235" i="2" a="1"/>
  <c r="E8235" i="2" s="1"/>
  <c r="E8225" i="2" a="1"/>
  <c r="E8225" i="2" s="1"/>
  <c r="E8228" i="2" a="1"/>
  <c r="E8228" i="2" s="1"/>
  <c r="E8218" i="2" a="1"/>
  <c r="E8218" i="2" s="1"/>
  <c r="E8221" i="2" a="1"/>
  <c r="E8221" i="2" s="1"/>
  <c r="E8229" i="2" a="1"/>
  <c r="E8229" i="2" s="1"/>
  <c r="E8241" i="2" a="1"/>
  <c r="E8241" i="2" s="1"/>
  <c r="E8230" i="2" a="1"/>
  <c r="E8230" i="2" s="1"/>
  <c r="E8232" i="2" a="1"/>
  <c r="E8232" i="2" s="1"/>
  <c r="E8239" i="2" a="1"/>
  <c r="E8239" i="2" s="1"/>
  <c r="E8224" i="2" a="1"/>
  <c r="E8224" i="2" s="1"/>
  <c r="E8222" i="2" a="1"/>
  <c r="E8222" i="2" s="1"/>
  <c r="E8226" i="2" a="1"/>
  <c r="E8226" i="2" s="1"/>
  <c r="E8234" i="2" a="1"/>
  <c r="E8234" i="2" s="1"/>
  <c r="E2887" i="2" a="1"/>
  <c r="E2887" i="2" s="1"/>
  <c r="E2875" i="2" a="1"/>
  <c r="E2875" i="2" s="1"/>
  <c r="E2881" i="2" a="1"/>
  <c r="E2881" i="2" s="1"/>
  <c r="E2867" i="2" a="1"/>
  <c r="E2867" i="2" s="1"/>
  <c r="E2872" i="2" a="1"/>
  <c r="E2872" i="2" s="1"/>
  <c r="H8628" i="2" a="1"/>
  <c r="H8628" i="2" s="1"/>
  <c r="H8637" i="2" a="1"/>
  <c r="H8637" i="2" s="1"/>
  <c r="H8627" i="2" a="1"/>
  <c r="H8627" i="2" s="1"/>
  <c r="H8643" i="2" a="1"/>
  <c r="H8643" i="2" s="1"/>
  <c r="H8644" i="2" a="1"/>
  <c r="H8644" i="2" s="1"/>
  <c r="H8646" i="2" a="1"/>
  <c r="H8646" i="2" s="1"/>
  <c r="H8639" i="2" a="1"/>
  <c r="H8639" i="2" s="1"/>
  <c r="H8638" i="2" a="1"/>
  <c r="H8638" i="2" s="1"/>
  <c r="H8629" i="2" a="1"/>
  <c r="H8629" i="2" s="1"/>
  <c r="H8641" i="2" a="1"/>
  <c r="H8641" i="2" s="1"/>
  <c r="H8648" i="2" a="1"/>
  <c r="H8648" i="2" s="1"/>
  <c r="H8633" i="2" a="1"/>
  <c r="H8633" i="2" s="1"/>
  <c r="H8634" i="2" a="1"/>
  <c r="H8634" i="2" s="1"/>
  <c r="E1700" i="2" a="1"/>
  <c r="E1700" i="2" s="1"/>
  <c r="E1702" i="2" a="1"/>
  <c r="E1702" i="2" s="1"/>
  <c r="E1695" i="2" a="1"/>
  <c r="E1695" i="2" s="1"/>
  <c r="E1703" i="2" a="1"/>
  <c r="E1703" i="2" s="1"/>
  <c r="E1706" i="2" a="1"/>
  <c r="E1706" i="2" s="1"/>
  <c r="E1696" i="2" a="1"/>
  <c r="E1696" i="2" s="1"/>
  <c r="E1694" i="2" a="1"/>
  <c r="E1694" i="2" s="1"/>
  <c r="E1704" i="2" a="1"/>
  <c r="E1704" i="2" s="1"/>
  <c r="E1698" i="2" a="1"/>
  <c r="E1698" i="2" s="1"/>
  <c r="E1710" i="2" a="1"/>
  <c r="E1710" i="2" s="1"/>
  <c r="E1699" i="2" a="1"/>
  <c r="E1699" i="2" s="1"/>
  <c r="E1708" i="2" a="1"/>
  <c r="E1708" i="2" s="1"/>
  <c r="E1713" i="2" a="1"/>
  <c r="E1713" i="2" s="1"/>
  <c r="E1707" i="2" a="1"/>
  <c r="E1707" i="2" s="1"/>
  <c r="E1691" i="2" a="1"/>
  <c r="E1691" i="2" s="1"/>
  <c r="G1861" i="2" a="1"/>
  <c r="G1861" i="2" s="1"/>
  <c r="F5091" i="2" a="1"/>
  <c r="F5091" i="2" s="1"/>
  <c r="H2301" i="2" a="1"/>
  <c r="H2301" i="2" s="1"/>
  <c r="D2928" i="2" a="1"/>
  <c r="D2928" i="2" s="1"/>
  <c r="AO122" i="1"/>
  <c r="E128" i="5" s="1"/>
  <c r="D6776" i="2" a="1"/>
  <c r="D6776" i="2" s="1"/>
  <c r="G6554" i="2" a="1"/>
  <c r="G6554" i="2" s="1"/>
  <c r="G549" i="2" a="1"/>
  <c r="G549" i="2" s="1"/>
  <c r="G6214" i="2" a="1"/>
  <c r="G6214" i="2" s="1"/>
  <c r="H1196" i="2" a="1"/>
  <c r="H1196" i="2" s="1"/>
  <c r="H1189" i="2" a="1"/>
  <c r="H1189" i="2" s="1"/>
  <c r="H3377" i="2" a="1"/>
  <c r="H3377" i="2" s="1"/>
  <c r="E7416" i="2" a="1"/>
  <c r="E7416" i="2" s="1"/>
  <c r="E6945" i="2" a="1"/>
  <c r="E6945" i="2" s="1"/>
  <c r="H4150" i="2" a="1"/>
  <c r="H4150" i="2" s="1"/>
  <c r="E6443" i="2" a="1"/>
  <c r="E6443" i="2" s="1"/>
  <c r="D7113" i="2" a="1"/>
  <c r="D7113" i="2" s="1"/>
  <c r="D7108" i="2" a="1"/>
  <c r="D7108" i="2" s="1"/>
  <c r="H1783" i="2" a="1"/>
  <c r="H1783" i="2" s="1"/>
  <c r="D5471" i="2" a="1"/>
  <c r="D5471" i="2" s="1"/>
  <c r="G3781" i="2" a="1"/>
  <c r="G3781" i="2" s="1"/>
  <c r="E3315" i="2" a="1"/>
  <c r="E3315" i="2" s="1"/>
  <c r="H6638" i="2" a="1"/>
  <c r="H6638" i="2" s="1"/>
  <c r="E2866" i="2" a="1"/>
  <c r="E2866" i="2" s="1"/>
  <c r="H6075" i="2" a="1"/>
  <c r="H6075" i="2" s="1"/>
  <c r="G3344" i="2" a="1"/>
  <c r="G3344" i="2" s="1"/>
  <c r="H6462" i="2" a="1"/>
  <c r="H6462" i="2" s="1"/>
  <c r="G5869" i="2" a="1"/>
  <c r="G5869" i="2" s="1"/>
  <c r="F7074" i="2" a="1"/>
  <c r="F7074" i="2" s="1"/>
  <c r="E3707" i="2" a="1"/>
  <c r="E3707" i="2" s="1"/>
  <c r="F371" i="2" a="1"/>
  <c r="F371" i="2" s="1"/>
  <c r="D5165" i="2" a="1"/>
  <c r="D5165" i="2" s="1"/>
  <c r="AO184" i="1"/>
  <c r="E190" i="5" s="1"/>
  <c r="G93" i="2" a="1"/>
  <c r="G93" i="2" s="1"/>
  <c r="D2300" i="2" a="1"/>
  <c r="D2300" i="2" s="1"/>
  <c r="F5468" i="2" a="1"/>
  <c r="F5468" i="2" s="1"/>
  <c r="F2941" i="2" a="1"/>
  <c r="F2941" i="2" s="1"/>
  <c r="AM258" i="1"/>
  <c r="D6840" i="2" a="1"/>
  <c r="D6840" i="2" s="1"/>
  <c r="F196" i="2" a="1"/>
  <c r="F196" i="2" s="1"/>
  <c r="D6046" i="2" a="1"/>
  <c r="D6046" i="2" s="1"/>
  <c r="H3913" i="2" a="1"/>
  <c r="H3913" i="2" s="1"/>
  <c r="E7078" i="2" a="1"/>
  <c r="E7078" i="2" s="1"/>
  <c r="E8220" i="2" a="1"/>
  <c r="E8220" i="2" s="1"/>
  <c r="F5089" i="2" a="1"/>
  <c r="F5089" i="2" s="1"/>
  <c r="H2299" i="2" a="1"/>
  <c r="H2299" i="2" s="1"/>
  <c r="D2926" i="2" a="1"/>
  <c r="D2926" i="2" s="1"/>
  <c r="AN122" i="1"/>
  <c r="D6772" i="2" a="1"/>
  <c r="D6772" i="2" s="1"/>
  <c r="G6557" i="2" a="1"/>
  <c r="G6557" i="2" s="1"/>
  <c r="G540" i="2" a="1"/>
  <c r="G540" i="2" s="1"/>
  <c r="G6215" i="2" a="1"/>
  <c r="G6215" i="2" s="1"/>
  <c r="H1205" i="2" a="1"/>
  <c r="H1205" i="2" s="1"/>
  <c r="H1198" i="2" a="1"/>
  <c r="H1198" i="2" s="1"/>
  <c r="H3387" i="2" a="1"/>
  <c r="H3387" i="2" s="1"/>
  <c r="E7407" i="2" a="1"/>
  <c r="E7407" i="2" s="1"/>
  <c r="E6939" i="2" a="1"/>
  <c r="E6939" i="2" s="1"/>
  <c r="H4145" i="2" a="1"/>
  <c r="H4145" i="2" s="1"/>
  <c r="E6449" i="2" a="1"/>
  <c r="E6449" i="2" s="1"/>
  <c r="D7112" i="2" a="1"/>
  <c r="D7112" i="2" s="1"/>
  <c r="AM296" i="1"/>
  <c r="C302" i="5" s="1"/>
  <c r="H1778" i="2" a="1"/>
  <c r="H1778" i="2" s="1"/>
  <c r="D5463" i="2" a="1"/>
  <c r="D5463" i="2" s="1"/>
  <c r="G3792" i="2" a="1"/>
  <c r="G3792" i="2" s="1"/>
  <c r="E3319" i="2" a="1"/>
  <c r="E3319" i="2" s="1"/>
  <c r="H6650" i="2" a="1"/>
  <c r="H6650" i="2" s="1"/>
  <c r="E2873" i="2" a="1"/>
  <c r="E2873" i="2" s="1"/>
  <c r="G3345" i="2" a="1"/>
  <c r="G3345" i="2" s="1"/>
  <c r="H6461" i="2" a="1"/>
  <c r="H6461" i="2" s="1"/>
  <c r="E3724" i="2" a="1"/>
  <c r="E3724" i="2" s="1"/>
  <c r="F389" i="2" a="1"/>
  <c r="F389" i="2" s="1"/>
  <c r="G98" i="2" a="1"/>
  <c r="G98" i="2" s="1"/>
  <c r="D2304" i="2" a="1"/>
  <c r="D2304" i="2" s="1"/>
  <c r="F2951" i="2" a="1"/>
  <c r="F2951" i="2" s="1"/>
  <c r="D6830" i="2" a="1"/>
  <c r="D6830" i="2" s="1"/>
  <c r="F178" i="2" a="1"/>
  <c r="F178" i="2" s="1"/>
  <c r="D6050" i="2" a="1"/>
  <c r="D6050" i="2" s="1"/>
  <c r="E1697" i="2" a="1"/>
  <c r="E1697" i="2" s="1"/>
  <c r="E5739" i="2" a="1"/>
  <c r="E5739" i="2" s="1"/>
  <c r="E7080" i="2" a="1"/>
  <c r="E7080" i="2" s="1"/>
  <c r="E8227" i="2" a="1"/>
  <c r="E8227" i="2" s="1"/>
  <c r="AM37" i="1"/>
  <c r="C43" i="5" s="1"/>
  <c r="D7104" i="2" a="1"/>
  <c r="D7104" i="2" s="1"/>
  <c r="AM16" i="1"/>
  <c r="C22" i="5" s="1"/>
  <c r="G3795" i="2" a="1"/>
  <c r="G3795" i="2" s="1"/>
  <c r="E3311" i="2" a="1"/>
  <c r="E3311" i="2" s="1"/>
  <c r="H6657" i="2" a="1"/>
  <c r="H6657" i="2" s="1"/>
  <c r="G104" i="2" a="1"/>
  <c r="G104" i="2" s="1"/>
  <c r="D2297" i="2" a="1"/>
  <c r="D2297" i="2" s="1"/>
  <c r="AP111" i="1"/>
  <c r="F117" i="5" s="1"/>
  <c r="D6826" i="2" a="1"/>
  <c r="D6826" i="2" s="1"/>
  <c r="E8236" i="2" a="1"/>
  <c r="E8236" i="2" s="1"/>
  <c r="E2488" i="2" a="1"/>
  <c r="E2488" i="2" s="1"/>
  <c r="E2482" i="2" a="1"/>
  <c r="E2482" i="2" s="1"/>
  <c r="E2483" i="2" a="1"/>
  <c r="E2483" i="2" s="1"/>
  <c r="F8654" i="2" a="1"/>
  <c r="F8654" i="2" s="1"/>
  <c r="F8673" i="2" a="1"/>
  <c r="F8673" i="2" s="1"/>
  <c r="F8661" i="2" a="1"/>
  <c r="F8661" i="2" s="1"/>
  <c r="F8650" i="2" a="1"/>
  <c r="F8650" i="2" s="1"/>
  <c r="D6056" i="2" a="1"/>
  <c r="D6056" i="2" s="1"/>
  <c r="D6055" i="2" a="1"/>
  <c r="D6055" i="2" s="1"/>
  <c r="D6048" i="2" a="1"/>
  <c r="D6048" i="2" s="1"/>
  <c r="D6042" i="2" a="1"/>
  <c r="D6042" i="2" s="1"/>
  <c r="D6043" i="2" a="1"/>
  <c r="D6043" i="2" s="1"/>
  <c r="D6057" i="2" a="1"/>
  <c r="D6057" i="2" s="1"/>
  <c r="D6041" i="2" a="1"/>
  <c r="D6041" i="2" s="1"/>
  <c r="D6052" i="2" a="1"/>
  <c r="D6052" i="2" s="1"/>
  <c r="D6049" i="2" a="1"/>
  <c r="D6049" i="2" s="1"/>
  <c r="D6036" i="2" a="1"/>
  <c r="D6036" i="2" s="1"/>
  <c r="D6037" i="2" a="1"/>
  <c r="D6037" i="2" s="1"/>
  <c r="F376" i="2" a="1"/>
  <c r="F376" i="2" s="1"/>
  <c r="F387" i="2" a="1"/>
  <c r="F387" i="2" s="1"/>
  <c r="F373" i="2" a="1"/>
  <c r="F373" i="2" s="1"/>
  <c r="F390" i="2" a="1"/>
  <c r="F390" i="2" s="1"/>
  <c r="F386" i="2" a="1"/>
  <c r="F386" i="2" s="1"/>
  <c r="F377" i="2" a="1"/>
  <c r="F377" i="2" s="1"/>
  <c r="F375" i="2" a="1"/>
  <c r="F375" i="2" s="1"/>
  <c r="F380" i="2" a="1"/>
  <c r="F380" i="2" s="1"/>
  <c r="F385" i="2" a="1"/>
  <c r="F385" i="2" s="1"/>
  <c r="F391" i="2" a="1"/>
  <c r="F391" i="2" s="1"/>
  <c r="F381" i="2" a="1"/>
  <c r="F381" i="2" s="1"/>
  <c r="F392" i="2" a="1"/>
  <c r="F392" i="2" s="1"/>
  <c r="F370" i="2" a="1"/>
  <c r="F370" i="2" s="1"/>
  <c r="F383" i="2" a="1"/>
  <c r="F383" i="2" s="1"/>
  <c r="D7106" i="2" a="1"/>
  <c r="D7106" i="2" s="1"/>
  <c r="D7103" i="2" a="1"/>
  <c r="D7103" i="2" s="1"/>
  <c r="AQ296" i="1"/>
  <c r="G302" i="5" s="1"/>
  <c r="D7107" i="2" a="1"/>
  <c r="D7107" i="2" s="1"/>
  <c r="E8043" i="2" a="1"/>
  <c r="E8043" i="2" s="1"/>
  <c r="E8033" i="2" a="1"/>
  <c r="E8033" i="2" s="1"/>
  <c r="E8026" i="2" a="1"/>
  <c r="E8026" i="2" s="1"/>
  <c r="E8032" i="2" a="1"/>
  <c r="E8032" i="2" s="1"/>
  <c r="E8042" i="2" a="1"/>
  <c r="E8042" i="2" s="1"/>
  <c r="E8035" i="2" a="1"/>
  <c r="E8035" i="2" s="1"/>
  <c r="E8048" i="2" a="1"/>
  <c r="E8048" i="2" s="1"/>
  <c r="E8044" i="2" a="1"/>
  <c r="E8044" i="2" s="1"/>
  <c r="E8046" i="2" a="1"/>
  <c r="E8046" i="2" s="1"/>
  <c r="E8029" i="2" a="1"/>
  <c r="E8029" i="2" s="1"/>
  <c r="E8040" i="2" a="1"/>
  <c r="E8040" i="2" s="1"/>
  <c r="E8039" i="2" a="1"/>
  <c r="E8039" i="2" s="1"/>
  <c r="E8047" i="2" a="1"/>
  <c r="E8047" i="2" s="1"/>
  <c r="E8049" i="2" a="1"/>
  <c r="E8049" i="2" s="1"/>
  <c r="H5063" i="2" a="1"/>
  <c r="H5063" i="2" s="1"/>
  <c r="H5061" i="2" a="1"/>
  <c r="H5061" i="2" s="1"/>
  <c r="H5052" i="2" a="1"/>
  <c r="H5052" i="2" s="1"/>
  <c r="H5067" i="2" a="1"/>
  <c r="H5067" i="2" s="1"/>
  <c r="H5055" i="2" a="1"/>
  <c r="H5055" i="2" s="1"/>
  <c r="H5059" i="2" a="1"/>
  <c r="H5059" i="2" s="1"/>
  <c r="H5050" i="2" a="1"/>
  <c r="H5050" i="2" s="1"/>
  <c r="H5071" i="2" a="1"/>
  <c r="H5071" i="2" s="1"/>
  <c r="H5069" i="2" a="1"/>
  <c r="H5069" i="2" s="1"/>
  <c r="H5057" i="2" a="1"/>
  <c r="H5057" i="2" s="1"/>
  <c r="H5066" i="2" a="1"/>
  <c r="H5066" i="2" s="1"/>
  <c r="H5058" i="2" a="1"/>
  <c r="H5058" i="2" s="1"/>
  <c r="H5064" i="2" a="1"/>
  <c r="H5064" i="2" s="1"/>
  <c r="AQ215" i="1"/>
  <c r="G221" i="5" s="1"/>
  <c r="D5166" i="2" a="1"/>
  <c r="D5166" i="2" s="1"/>
  <c r="AO215" i="1"/>
  <c r="E221" i="5" s="1"/>
  <c r="D5159" i="2" a="1"/>
  <c r="D5159" i="2" s="1"/>
  <c r="AN215" i="1"/>
  <c r="D221" i="5" s="1"/>
  <c r="D5158" i="2" a="1"/>
  <c r="D5158" i="2" s="1"/>
  <c r="AM215" i="1"/>
  <c r="C221" i="5" s="1"/>
  <c r="D5153" i="2" a="1"/>
  <c r="D5153" i="2" s="1"/>
  <c r="D5163" i="2" a="1"/>
  <c r="D5163" i="2" s="1"/>
  <c r="D5167" i="2" a="1"/>
  <c r="D5167" i="2" s="1"/>
  <c r="D5146" i="2" a="1"/>
  <c r="D5146" i="2" s="1"/>
  <c r="D5150" i="2" a="1"/>
  <c r="D5150" i="2" s="1"/>
  <c r="D5154" i="2" a="1"/>
  <c r="D5154" i="2" s="1"/>
  <c r="D5162" i="2" a="1"/>
  <c r="D5162" i="2" s="1"/>
  <c r="D5149" i="2" a="1"/>
  <c r="D5149" i="2" s="1"/>
  <c r="D5160" i="2" a="1"/>
  <c r="D5160" i="2" s="1"/>
  <c r="D5164" i="2" a="1"/>
  <c r="D5164" i="2" s="1"/>
  <c r="H6139" i="2" a="1"/>
  <c r="H6139" i="2" s="1"/>
  <c r="H6153" i="2" a="1"/>
  <c r="H6153" i="2" s="1"/>
  <c r="H6133" i="2" a="1"/>
  <c r="H6133" i="2" s="1"/>
  <c r="H6147" i="2" a="1"/>
  <c r="H6147" i="2" s="1"/>
  <c r="H6141" i="2" a="1"/>
  <c r="H6141" i="2" s="1"/>
  <c r="H6137" i="2" a="1"/>
  <c r="H6137" i="2" s="1"/>
  <c r="H6140" i="2" a="1"/>
  <c r="H6140" i="2" s="1"/>
  <c r="H6135" i="2" a="1"/>
  <c r="H6135" i="2" s="1"/>
  <c r="H6136" i="2" a="1"/>
  <c r="H6136" i="2" s="1"/>
  <c r="H6148" i="2" a="1"/>
  <c r="H6148" i="2" s="1"/>
  <c r="H6131" i="2" a="1"/>
  <c r="H6131" i="2" s="1"/>
  <c r="F5459" i="2" a="1"/>
  <c r="F5459" i="2" s="1"/>
  <c r="F5462" i="2" a="1"/>
  <c r="F5462" i="2" s="1"/>
  <c r="F5474" i="2" a="1"/>
  <c r="F5474" i="2" s="1"/>
  <c r="F5470" i="2" a="1"/>
  <c r="F5470" i="2" s="1"/>
  <c r="F5465" i="2" a="1"/>
  <c r="F5465" i="2" s="1"/>
  <c r="F5476" i="2" a="1"/>
  <c r="F5476" i="2" s="1"/>
  <c r="F5471" i="2" a="1"/>
  <c r="F5471" i="2" s="1"/>
  <c r="F5458" i="2" a="1"/>
  <c r="F5458" i="2" s="1"/>
  <c r="F5473" i="2" a="1"/>
  <c r="F5473" i="2" s="1"/>
  <c r="F5477" i="2" a="1"/>
  <c r="F5477" i="2" s="1"/>
  <c r="F5481" i="2" a="1"/>
  <c r="F5481" i="2" s="1"/>
  <c r="F5475" i="2" a="1"/>
  <c r="F5475" i="2" s="1"/>
  <c r="F5461" i="2" a="1"/>
  <c r="F5461" i="2" s="1"/>
  <c r="G2381" i="2" a="1"/>
  <c r="G2381" i="2" s="1"/>
  <c r="G2377" i="2" a="1"/>
  <c r="G2377" i="2" s="1"/>
  <c r="G2370" i="2" a="1"/>
  <c r="G2370" i="2" s="1"/>
  <c r="G2376" i="2" a="1"/>
  <c r="G2376" i="2" s="1"/>
  <c r="G2385" i="2" a="1"/>
  <c r="G2385" i="2" s="1"/>
  <c r="G2363" i="2" a="1"/>
  <c r="G2363" i="2" s="1"/>
  <c r="G2375" i="2" a="1"/>
  <c r="G2375" i="2" s="1"/>
  <c r="G2371" i="2" a="1"/>
  <c r="G2371" i="2" s="1"/>
  <c r="G2379" i="2" a="1"/>
  <c r="G2379" i="2" s="1"/>
  <c r="G2364" i="2" a="1"/>
  <c r="G2364" i="2" s="1"/>
  <c r="G2374" i="2" a="1"/>
  <c r="G2374" i="2" s="1"/>
  <c r="G2362" i="2" a="1"/>
  <c r="G2362" i="2" s="1"/>
  <c r="G2382" i="2" a="1"/>
  <c r="G2382" i="2" s="1"/>
  <c r="G2384" i="2" a="1"/>
  <c r="G2384" i="2" s="1"/>
  <c r="G2365" i="2" a="1"/>
  <c r="G2365" i="2" s="1"/>
  <c r="G3908" i="2" a="1"/>
  <c r="G3908" i="2" s="1"/>
  <c r="G3914" i="2" a="1"/>
  <c r="G3914" i="2" s="1"/>
  <c r="G3901" i="2" a="1"/>
  <c r="G3901" i="2" s="1"/>
  <c r="G3920" i="2" a="1"/>
  <c r="G3920" i="2" s="1"/>
  <c r="G3917" i="2" a="1"/>
  <c r="G3917" i="2" s="1"/>
  <c r="G3909" i="2" a="1"/>
  <c r="G3909" i="2" s="1"/>
  <c r="G3902" i="2" a="1"/>
  <c r="G3902" i="2" s="1"/>
  <c r="G3898" i="2" a="1"/>
  <c r="G3898" i="2" s="1"/>
  <c r="G3910" i="2" a="1"/>
  <c r="G3910" i="2" s="1"/>
  <c r="G3915" i="2" a="1"/>
  <c r="G3915" i="2" s="1"/>
  <c r="G3916" i="2" a="1"/>
  <c r="G3916" i="2" s="1"/>
  <c r="G3907" i="2" a="1"/>
  <c r="G3907" i="2" s="1"/>
  <c r="G3903" i="2" a="1"/>
  <c r="G3903" i="2" s="1"/>
  <c r="G3921" i="2" a="1"/>
  <c r="G3921" i="2" s="1"/>
  <c r="G3906" i="2" a="1"/>
  <c r="G3906" i="2" s="1"/>
  <c r="G3912" i="2" a="1"/>
  <c r="G3912" i="2" s="1"/>
  <c r="D6039" i="2" a="1"/>
  <c r="D6039" i="2" s="1"/>
  <c r="F2946" i="2" a="1"/>
  <c r="F2946" i="2" s="1"/>
  <c r="F2958" i="2" a="1"/>
  <c r="F2958" i="2" s="1"/>
  <c r="F2942" i="2" a="1"/>
  <c r="F2942" i="2" s="1"/>
  <c r="F2948" i="2" a="1"/>
  <c r="F2948" i="2" s="1"/>
  <c r="F2949" i="2" a="1"/>
  <c r="F2949" i="2" s="1"/>
  <c r="F2940" i="2" a="1"/>
  <c r="F2940" i="2" s="1"/>
  <c r="F2954" i="2" a="1"/>
  <c r="F2954" i="2" s="1"/>
  <c r="F2939" i="2" a="1"/>
  <c r="F2939" i="2" s="1"/>
  <c r="F2957" i="2" a="1"/>
  <c r="F2957" i="2" s="1"/>
  <c r="F2943" i="2" a="1"/>
  <c r="F2943" i="2" s="1"/>
  <c r="F2945" i="2" a="1"/>
  <c r="F2945" i="2" s="1"/>
  <c r="F2944" i="2" a="1"/>
  <c r="F2944" i="2" s="1"/>
  <c r="F2950" i="2" a="1"/>
  <c r="F2950" i="2" s="1"/>
  <c r="AQ111" i="1"/>
  <c r="G117" i="5" s="1"/>
  <c r="H3910" i="2" a="1"/>
  <c r="H3910" i="2" s="1"/>
  <c r="H3900" i="2" a="1"/>
  <c r="H3900" i="2" s="1"/>
  <c r="H3907" i="2" a="1"/>
  <c r="H3907" i="2" s="1"/>
  <c r="H3912" i="2" a="1"/>
  <c r="H3912" i="2" s="1"/>
  <c r="H3914" i="2" a="1"/>
  <c r="H3914" i="2" s="1"/>
  <c r="H3917" i="2" a="1"/>
  <c r="H3917" i="2" s="1"/>
  <c r="H3916" i="2" a="1"/>
  <c r="H3916" i="2" s="1"/>
  <c r="H3915" i="2" a="1"/>
  <c r="H3915" i="2" s="1"/>
  <c r="H3918" i="2" a="1"/>
  <c r="H3918" i="2" s="1"/>
  <c r="H3905" i="2" a="1"/>
  <c r="H3905" i="2" s="1"/>
  <c r="H3901" i="2" a="1"/>
  <c r="H3901" i="2" s="1"/>
  <c r="H3902" i="2" a="1"/>
  <c r="H3902" i="2" s="1"/>
  <c r="H3903" i="2" a="1"/>
  <c r="H3903" i="2" s="1"/>
  <c r="H3904" i="2" a="1"/>
  <c r="H3904" i="2" s="1"/>
  <c r="H3919" i="2" a="1"/>
  <c r="H3919" i="2" s="1"/>
  <c r="G1881" i="2" a="1"/>
  <c r="G1881" i="2" s="1"/>
  <c r="F5094" i="2" a="1"/>
  <c r="F5094" i="2" s="1"/>
  <c r="F5078" i="2" a="1"/>
  <c r="F5078" i="2" s="1"/>
  <c r="H2292" i="2" a="1"/>
  <c r="H2292" i="2" s="1"/>
  <c r="D2934" i="2" a="1"/>
  <c r="D2934" i="2" s="1"/>
  <c r="D6774" i="2" a="1"/>
  <c r="D6774" i="2" s="1"/>
  <c r="H649" i="2" a="1"/>
  <c r="H649" i="2" s="1"/>
  <c r="G6559" i="2" a="1"/>
  <c r="G6559" i="2" s="1"/>
  <c r="G6540" i="2" a="1"/>
  <c r="G6540" i="2" s="1"/>
  <c r="G539" i="2" a="1"/>
  <c r="G539" i="2" s="1"/>
  <c r="G544" i="2" a="1"/>
  <c r="G544" i="2" s="1"/>
  <c r="G6204" i="2" a="1"/>
  <c r="G6204" i="2" s="1"/>
  <c r="H1203" i="2" a="1"/>
  <c r="H1203" i="2" s="1"/>
  <c r="H3382" i="2" a="1"/>
  <c r="H3382" i="2" s="1"/>
  <c r="H3379" i="2" a="1"/>
  <c r="H3379" i="2" s="1"/>
  <c r="E7412" i="2" a="1"/>
  <c r="E7412" i="2" s="1"/>
  <c r="E6940" i="2" a="1"/>
  <c r="E6940" i="2" s="1"/>
  <c r="E6442" i="2" a="1"/>
  <c r="E6442" i="2" s="1"/>
  <c r="E6452" i="2" a="1"/>
  <c r="E6452" i="2" s="1"/>
  <c r="D7102" i="2" a="1"/>
  <c r="D7102" i="2" s="1"/>
  <c r="H1777" i="2" a="1"/>
  <c r="H1777" i="2" s="1"/>
  <c r="D5465" i="2" a="1"/>
  <c r="D5465" i="2" s="1"/>
  <c r="G3796" i="2" a="1"/>
  <c r="G3796" i="2" s="1"/>
  <c r="H6636" i="2" a="1"/>
  <c r="H6636" i="2" s="1"/>
  <c r="E2888" i="2" a="1"/>
  <c r="E2888" i="2" s="1"/>
  <c r="G3334" i="2" a="1"/>
  <c r="G3334" i="2" s="1"/>
  <c r="H6446" i="2" a="1"/>
  <c r="H6446" i="2" s="1"/>
  <c r="E3729" i="2" a="1"/>
  <c r="E3729" i="2" s="1"/>
  <c r="D5151" i="2" a="1"/>
  <c r="D5151" i="2" s="1"/>
  <c r="F5478" i="2" a="1"/>
  <c r="F5478" i="2" s="1"/>
  <c r="F2955" i="2" a="1"/>
  <c r="F2955" i="2" s="1"/>
  <c r="F7168" i="2" a="1"/>
  <c r="F7168" i="2" s="1"/>
  <c r="D6047" i="2" a="1"/>
  <c r="D6047" i="2" s="1"/>
  <c r="E1690" i="2" a="1"/>
  <c r="E1690" i="2" s="1"/>
  <c r="H8642" i="2" a="1"/>
  <c r="H8642" i="2" s="1"/>
  <c r="E5741" i="2" a="1"/>
  <c r="E5741" i="2" s="1"/>
  <c r="G2383" i="2" a="1"/>
  <c r="G2383" i="2" s="1"/>
  <c r="D6035" i="2" a="1"/>
  <c r="D6035" i="2" s="1"/>
  <c r="D1733" i="2" a="1"/>
  <c r="D1733" i="2" s="1"/>
  <c r="D1720" i="2" a="1"/>
  <c r="D1720" i="2" s="1"/>
  <c r="AN72" i="1"/>
  <c r="D78" i="5" s="1"/>
  <c r="D1724" i="2" a="1"/>
  <c r="D1724" i="2" s="1"/>
  <c r="AQ72" i="1"/>
  <c r="G78" i="5" s="1"/>
  <c r="D1732" i="2" a="1"/>
  <c r="D1732" i="2" s="1"/>
  <c r="D1714" i="2" a="1"/>
  <c r="D1714" i="2" s="1"/>
  <c r="D1717" i="2" a="1"/>
  <c r="D1717" i="2" s="1"/>
  <c r="AO72" i="1"/>
  <c r="E78" i="5" s="1"/>
  <c r="AM72" i="1"/>
  <c r="C78" i="5" s="1"/>
  <c r="D1718" i="2" a="1"/>
  <c r="D1718" i="2" s="1"/>
  <c r="D1722" i="2" a="1"/>
  <c r="D1722" i="2" s="1"/>
  <c r="D1726" i="2" a="1"/>
  <c r="D1726" i="2" s="1"/>
  <c r="D1728" i="2" a="1"/>
  <c r="D1728" i="2" s="1"/>
  <c r="D1736" i="2" a="1"/>
  <c r="D1736" i="2" s="1"/>
  <c r="G101" i="2" a="1"/>
  <c r="G101" i="2" s="1"/>
  <c r="G105" i="2" a="1"/>
  <c r="G105" i="2" s="1"/>
  <c r="G88" i="2" a="1"/>
  <c r="G88" i="2" s="1"/>
  <c r="G85" i="2" a="1"/>
  <c r="G85" i="2" s="1"/>
  <c r="G94" i="2" a="1"/>
  <c r="G94" i="2" s="1"/>
  <c r="G96" i="2" a="1"/>
  <c r="G96" i="2" s="1"/>
  <c r="G86" i="2" a="1"/>
  <c r="G86" i="2" s="1"/>
  <c r="G89" i="2" a="1"/>
  <c r="G89" i="2" s="1"/>
  <c r="G97" i="2" a="1"/>
  <c r="G97" i="2" s="1"/>
  <c r="G92" i="2" a="1"/>
  <c r="G92" i="2" s="1"/>
  <c r="G103" i="2" a="1"/>
  <c r="G103" i="2" s="1"/>
  <c r="G100" i="2" a="1"/>
  <c r="G100" i="2" s="1"/>
  <c r="G90" i="2" a="1"/>
  <c r="G90" i="2" s="1"/>
  <c r="G95" i="2" a="1"/>
  <c r="G95" i="2" s="1"/>
  <c r="E5744" i="2" a="1"/>
  <c r="E5744" i="2" s="1"/>
  <c r="E5725" i="2" a="1"/>
  <c r="E5725" i="2" s="1"/>
  <c r="E5722" i="2" a="1"/>
  <c r="E5722" i="2" s="1"/>
  <c r="E5727" i="2" a="1"/>
  <c r="E5727" i="2" s="1"/>
  <c r="E5732" i="2" a="1"/>
  <c r="E5732" i="2" s="1"/>
  <c r="E5729" i="2" a="1"/>
  <c r="E5729" i="2" s="1"/>
  <c r="E5733" i="2" a="1"/>
  <c r="E5733" i="2" s="1"/>
  <c r="E5738" i="2" a="1"/>
  <c r="E5738" i="2" s="1"/>
  <c r="E5742" i="2" a="1"/>
  <c r="E5742" i="2" s="1"/>
  <c r="E5730" i="2" a="1"/>
  <c r="E5730" i="2" s="1"/>
  <c r="E5743" i="2" a="1"/>
  <c r="E5743" i="2" s="1"/>
  <c r="E5734" i="2" a="1"/>
  <c r="E5734" i="2" s="1"/>
  <c r="H43" i="2" a="1"/>
  <c r="H43" i="2" s="1"/>
  <c r="H35" i="2" a="1"/>
  <c r="H35" i="2" s="1"/>
  <c r="H39" i="2" a="1"/>
  <c r="H39" i="2" s="1"/>
  <c r="H40" i="2" a="1"/>
  <c r="H40" i="2" s="1"/>
  <c r="H36" i="2" a="1"/>
  <c r="H36" i="2" s="1"/>
  <c r="H45" i="2" a="1"/>
  <c r="H45" i="2" s="1"/>
  <c r="H42" i="2" a="1"/>
  <c r="H42" i="2" s="1"/>
  <c r="H57" i="2" a="1"/>
  <c r="H57" i="2" s="1"/>
  <c r="H37" i="2" a="1"/>
  <c r="H37" i="2" s="1"/>
  <c r="H38" i="2" a="1"/>
  <c r="H38" i="2" s="1"/>
  <c r="H48" i="2" a="1"/>
  <c r="H48" i="2" s="1"/>
  <c r="H46" i="2" a="1"/>
  <c r="H46" i="2" s="1"/>
  <c r="D5464" i="2" a="1"/>
  <c r="D5464" i="2" s="1"/>
  <c r="D5476" i="2" a="1"/>
  <c r="D5476" i="2" s="1"/>
  <c r="AN228" i="1"/>
  <c r="D234" i="5" s="1"/>
  <c r="D5478" i="2" a="1"/>
  <c r="D5478" i="2" s="1"/>
  <c r="E6655" i="2" a="1"/>
  <c r="E6655" i="2" s="1"/>
  <c r="E6652" i="2" a="1"/>
  <c r="E6652" i="2" s="1"/>
  <c r="E6644" i="2" a="1"/>
  <c r="E6644" i="2" s="1"/>
  <c r="E6639" i="2" a="1"/>
  <c r="E6639" i="2" s="1"/>
  <c r="E6654" i="2" a="1"/>
  <c r="E6654" i="2" s="1"/>
  <c r="E6649" i="2" a="1"/>
  <c r="E6649" i="2" s="1"/>
  <c r="E6635" i="2" a="1"/>
  <c r="E6635" i="2" s="1"/>
  <c r="E6642" i="2" a="1"/>
  <c r="E6642" i="2" s="1"/>
  <c r="AN277" i="1"/>
  <c r="D283" i="5" s="1"/>
  <c r="E6643" i="2" a="1"/>
  <c r="E6643" i="2" s="1"/>
  <c r="AP277" i="1"/>
  <c r="F283" i="5" s="1"/>
  <c r="E6657" i="2" a="1"/>
  <c r="E6657" i="2" s="1"/>
  <c r="E6650" i="2" a="1"/>
  <c r="E6650" i="2" s="1"/>
  <c r="E6645" i="2" a="1"/>
  <c r="E6645" i="2" s="1"/>
  <c r="E6641" i="2" a="1"/>
  <c r="E6641" i="2" s="1"/>
  <c r="AO277" i="1"/>
  <c r="E6636" i="2" a="1"/>
  <c r="E6636" i="2" s="1"/>
  <c r="AQ277" i="1"/>
  <c r="G283" i="5" s="1"/>
  <c r="E6656" i="2" a="1"/>
  <c r="E6656" i="2" s="1"/>
  <c r="E6640" i="2" a="1"/>
  <c r="E6640" i="2" s="1"/>
  <c r="H6074" i="2" a="1"/>
  <c r="H6074" i="2" s="1"/>
  <c r="H6067" i="2" a="1"/>
  <c r="H6067" i="2" s="1"/>
  <c r="H6058" i="2" a="1"/>
  <c r="H6058" i="2" s="1"/>
  <c r="H6070" i="2" a="1"/>
  <c r="H6070" i="2" s="1"/>
  <c r="H6062" i="2" a="1"/>
  <c r="H6062" i="2" s="1"/>
  <c r="H6073" i="2" a="1"/>
  <c r="H6073" i="2" s="1"/>
  <c r="G7911" i="2" a="1"/>
  <c r="G7911" i="2" s="1"/>
  <c r="G7922" i="2" a="1"/>
  <c r="G7922" i="2" s="1"/>
  <c r="G7910" i="2" a="1"/>
  <c r="G7910" i="2" s="1"/>
  <c r="G7926" i="2" a="1"/>
  <c r="G7926" i="2" s="1"/>
  <c r="G7916" i="2" a="1"/>
  <c r="G7916" i="2" s="1"/>
  <c r="G7914" i="2" a="1"/>
  <c r="G7914" i="2" s="1"/>
  <c r="G7909" i="2" a="1"/>
  <c r="G7909" i="2" s="1"/>
  <c r="G7912" i="2" a="1"/>
  <c r="G7912" i="2" s="1"/>
  <c r="G7913" i="2" a="1"/>
  <c r="G7913" i="2" s="1"/>
  <c r="G7915" i="2" a="1"/>
  <c r="G7915" i="2" s="1"/>
  <c r="G7920" i="2" a="1"/>
  <c r="G7920" i="2" s="1"/>
  <c r="G7925" i="2" a="1"/>
  <c r="G7925" i="2" s="1"/>
  <c r="G7923" i="2" a="1"/>
  <c r="G7923" i="2" s="1"/>
  <c r="G7907" i="2" a="1"/>
  <c r="G7907" i="2" s="1"/>
  <c r="G7921" i="2" a="1"/>
  <c r="G7921" i="2" s="1"/>
  <c r="G7692" i="2" a="1"/>
  <c r="G7692" i="2" s="1"/>
  <c r="G7711" i="2" a="1"/>
  <c r="G7711" i="2" s="1"/>
  <c r="G7702" i="2" a="1"/>
  <c r="G7702" i="2" s="1"/>
  <c r="G7694" i="2" a="1"/>
  <c r="G7694" i="2" s="1"/>
  <c r="G7695" i="2" a="1"/>
  <c r="G7695" i="2" s="1"/>
  <c r="G7703" i="2" a="1"/>
  <c r="G7703" i="2" s="1"/>
  <c r="G7697" i="2" a="1"/>
  <c r="G7697" i="2" s="1"/>
  <c r="G7691" i="2" a="1"/>
  <c r="G7691" i="2" s="1"/>
  <c r="G7698" i="2" a="1"/>
  <c r="G7698" i="2" s="1"/>
  <c r="G7693" i="2" a="1"/>
  <c r="G7693" i="2" s="1"/>
  <c r="G7708" i="2" a="1"/>
  <c r="G7708" i="2" s="1"/>
  <c r="G7709" i="2" a="1"/>
  <c r="G7709" i="2" s="1"/>
  <c r="D6034" i="2" a="1"/>
  <c r="D6034" i="2" s="1"/>
  <c r="AQ342" i="1"/>
  <c r="G348" i="5" s="1"/>
  <c r="AM342" i="1"/>
  <c r="C348" i="5" s="1"/>
  <c r="H4140" i="2" a="1"/>
  <c r="H4140" i="2" s="1"/>
  <c r="H4142" i="2" a="1"/>
  <c r="H4142" i="2" s="1"/>
  <c r="H4147" i="2" a="1"/>
  <c r="H4147" i="2" s="1"/>
  <c r="H4146" i="2" a="1"/>
  <c r="H4146" i="2" s="1"/>
  <c r="H4102" i="2" a="1"/>
  <c r="H4102" i="2" s="1"/>
  <c r="H4108" i="2" a="1"/>
  <c r="H4108" i="2" s="1"/>
  <c r="H4106" i="2" a="1"/>
  <c r="H4106" i="2" s="1"/>
  <c r="H4098" i="2" a="1"/>
  <c r="H4098" i="2" s="1"/>
  <c r="H4101" i="2" a="1"/>
  <c r="H4101" i="2" s="1"/>
  <c r="H4096" i="2" a="1"/>
  <c r="H4096" i="2" s="1"/>
  <c r="H4103" i="2" a="1"/>
  <c r="H4103" i="2" s="1"/>
  <c r="H4093" i="2" a="1"/>
  <c r="H4093" i="2" s="1"/>
  <c r="H4094" i="2" a="1"/>
  <c r="H4094" i="2" s="1"/>
  <c r="H4109" i="2" a="1"/>
  <c r="H4109" i="2" s="1"/>
  <c r="H4091" i="2" a="1"/>
  <c r="H4091" i="2" s="1"/>
  <c r="H4092" i="2" a="1"/>
  <c r="H4092" i="2" s="1"/>
  <c r="H4107" i="2" a="1"/>
  <c r="H4107" i="2" s="1"/>
  <c r="H4111" i="2" a="1"/>
  <c r="H4111" i="2" s="1"/>
  <c r="H4110" i="2" a="1"/>
  <c r="H4110" i="2" s="1"/>
  <c r="H4090" i="2" a="1"/>
  <c r="H4090" i="2" s="1"/>
  <c r="D6834" i="2" a="1"/>
  <c r="D6834" i="2" s="1"/>
  <c r="D6828" i="2" a="1"/>
  <c r="D6828" i="2" s="1"/>
  <c r="D6832" i="2" a="1"/>
  <c r="D6832" i="2" s="1"/>
  <c r="AP285" i="1"/>
  <c r="F291" i="5" s="1"/>
  <c r="D6844" i="2" a="1"/>
  <c r="D6844" i="2" s="1"/>
  <c r="D6838" i="2" a="1"/>
  <c r="D6838" i="2" s="1"/>
  <c r="D6842" i="2" a="1"/>
  <c r="D6842" i="2" s="1"/>
  <c r="D6831" i="2" a="1"/>
  <c r="D6831" i="2" s="1"/>
  <c r="D6839" i="2" a="1"/>
  <c r="D6839" i="2" s="1"/>
  <c r="D6847" i="2" a="1"/>
  <c r="D6847" i="2" s="1"/>
  <c r="D6836" i="2" a="1"/>
  <c r="D6836" i="2" s="1"/>
  <c r="D6846" i="2" a="1"/>
  <c r="D6846" i="2" s="1"/>
  <c r="D6841" i="2" a="1"/>
  <c r="D6841" i="2" s="1"/>
  <c r="D6833" i="2" a="1"/>
  <c r="D6833" i="2" s="1"/>
  <c r="H8030" i="2" a="1"/>
  <c r="H8030" i="2" s="1"/>
  <c r="H8040" i="2" a="1"/>
  <c r="H8040" i="2" s="1"/>
  <c r="H8045" i="2" a="1"/>
  <c r="H8045" i="2" s="1"/>
  <c r="H8034" i="2" a="1"/>
  <c r="H8034" i="2" s="1"/>
  <c r="H8037" i="2" a="1"/>
  <c r="H8037" i="2" s="1"/>
  <c r="H8035" i="2" a="1"/>
  <c r="H8035" i="2" s="1"/>
  <c r="H8039" i="2" a="1"/>
  <c r="H8039" i="2" s="1"/>
  <c r="H8036" i="2" a="1"/>
  <c r="H8036" i="2" s="1"/>
  <c r="H8042" i="2" a="1"/>
  <c r="H8042" i="2" s="1"/>
  <c r="H8046" i="2" a="1"/>
  <c r="H8046" i="2" s="1"/>
  <c r="H8047" i="2" a="1"/>
  <c r="H8047" i="2" s="1"/>
  <c r="H8029" i="2" a="1"/>
  <c r="H8029" i="2" s="1"/>
  <c r="H8032" i="2" a="1"/>
  <c r="H8032" i="2" s="1"/>
  <c r="H8041" i="2" a="1"/>
  <c r="H8041" i="2" s="1"/>
  <c r="E2716" i="2" a="1"/>
  <c r="E2716" i="2" s="1"/>
  <c r="E2714" i="2" a="1"/>
  <c r="E2714" i="2" s="1"/>
  <c r="E2700" i="2" a="1"/>
  <c r="E2700" i="2" s="1"/>
  <c r="E2707" i="2" a="1"/>
  <c r="E2707" i="2" s="1"/>
  <c r="E2701" i="2" a="1"/>
  <c r="E2701" i="2" s="1"/>
  <c r="E2719" i="2" a="1"/>
  <c r="E2719" i="2" s="1"/>
  <c r="E2718" i="2" a="1"/>
  <c r="E2718" i="2" s="1"/>
  <c r="E2710" i="2" a="1"/>
  <c r="E2710" i="2" s="1"/>
  <c r="E2715" i="2" a="1"/>
  <c r="E2715" i="2" s="1"/>
  <c r="E2698" i="2" a="1"/>
  <c r="E2698" i="2" s="1"/>
  <c r="E2713" i="2" a="1"/>
  <c r="E2713" i="2" s="1"/>
  <c r="E2708" i="2" a="1"/>
  <c r="E2708" i="2" s="1"/>
  <c r="E2720" i="2" a="1"/>
  <c r="E2720" i="2" s="1"/>
  <c r="E2703" i="2" a="1"/>
  <c r="E2703" i="2" s="1"/>
  <c r="E2705" i="2" a="1"/>
  <c r="E2705" i="2" s="1"/>
  <c r="D2294" i="2" a="1"/>
  <c r="D2294" i="2" s="1"/>
  <c r="D2302" i="2" a="1"/>
  <c r="D2302" i="2" s="1"/>
  <c r="D2301" i="2" a="1"/>
  <c r="D2301" i="2" s="1"/>
  <c r="D2293" i="2" a="1"/>
  <c r="D2293" i="2" s="1"/>
  <c r="D2303" i="2" a="1"/>
  <c r="D2303" i="2" s="1"/>
  <c r="AQ96" i="1"/>
  <c r="G102" i="5" s="1"/>
  <c r="D2296" i="2" a="1"/>
  <c r="D2296" i="2" s="1"/>
  <c r="AN96" i="1"/>
  <c r="D102" i="5" s="1"/>
  <c r="D2306" i="2" a="1"/>
  <c r="D2306" i="2" s="1"/>
  <c r="D2310" i="2" a="1"/>
  <c r="D2310" i="2" s="1"/>
  <c r="D2291" i="2" a="1"/>
  <c r="D2291" i="2" s="1"/>
  <c r="D2298" i="2" a="1"/>
  <c r="D2298" i="2" s="1"/>
  <c r="D2305" i="2" a="1"/>
  <c r="D2305" i="2" s="1"/>
  <c r="D2312" i="2" a="1"/>
  <c r="D2312" i="2" s="1"/>
  <c r="D2290" i="2" a="1"/>
  <c r="D2290" i="2" s="1"/>
  <c r="D2299" i="2" a="1"/>
  <c r="D2299" i="2" s="1"/>
  <c r="F7075" i="2" a="1"/>
  <c r="F7075" i="2" s="1"/>
  <c r="F7087" i="2" a="1"/>
  <c r="F7087" i="2" s="1"/>
  <c r="F7066" i="2" a="1"/>
  <c r="F7066" i="2" s="1"/>
  <c r="F7080" i="2" a="1"/>
  <c r="F7080" i="2" s="1"/>
  <c r="F7077" i="2" a="1"/>
  <c r="F7077" i="2" s="1"/>
  <c r="F7086" i="2" a="1"/>
  <c r="F7086" i="2" s="1"/>
  <c r="F7089" i="2" a="1"/>
  <c r="F7089" i="2" s="1"/>
  <c r="F7082" i="2" a="1"/>
  <c r="F7082" i="2" s="1"/>
  <c r="F7073" i="2" a="1"/>
  <c r="F7073" i="2" s="1"/>
  <c r="F7069" i="2" a="1"/>
  <c r="F7069" i="2" s="1"/>
  <c r="F7088" i="2" a="1"/>
  <c r="F7088" i="2" s="1"/>
  <c r="F7083" i="2" a="1"/>
  <c r="F7083" i="2" s="1"/>
  <c r="G768" i="2" a="1"/>
  <c r="G768" i="2" s="1"/>
  <c r="G756" i="2" a="1"/>
  <c r="G756" i="2" s="1"/>
  <c r="G766" i="2" a="1"/>
  <c r="G766" i="2" s="1"/>
  <c r="G770" i="2" a="1"/>
  <c r="G770" i="2" s="1"/>
  <c r="G772" i="2" a="1"/>
  <c r="G772" i="2" s="1"/>
  <c r="G775" i="2" a="1"/>
  <c r="G775" i="2" s="1"/>
  <c r="G765" i="2" a="1"/>
  <c r="G765" i="2" s="1"/>
  <c r="G761" i="2" a="1"/>
  <c r="G761" i="2" s="1"/>
  <c r="G757" i="2" a="1"/>
  <c r="G757" i="2" s="1"/>
  <c r="G774" i="2" a="1"/>
  <c r="G774" i="2" s="1"/>
  <c r="G767" i="2" a="1"/>
  <c r="G767" i="2" s="1"/>
  <c r="F5074" i="2" a="1"/>
  <c r="F5074" i="2" s="1"/>
  <c r="F5088" i="2" a="1"/>
  <c r="F5088" i="2" s="1"/>
  <c r="H2304" i="2" a="1"/>
  <c r="H2304" i="2" s="1"/>
  <c r="D2915" i="2" a="1"/>
  <c r="D2915" i="2" s="1"/>
  <c r="D6765" i="2" a="1"/>
  <c r="D6765" i="2" s="1"/>
  <c r="G6560" i="2" a="1"/>
  <c r="G6560" i="2" s="1"/>
  <c r="AO76" i="1"/>
  <c r="E82" i="5" s="1"/>
  <c r="G538" i="2" a="1"/>
  <c r="G538" i="2" s="1"/>
  <c r="G543" i="2" a="1"/>
  <c r="G543" i="2" s="1"/>
  <c r="AO326" i="1"/>
  <c r="E332" i="5" s="1"/>
  <c r="G6207" i="2" a="1"/>
  <c r="G6207" i="2" s="1"/>
  <c r="G6209" i="2" a="1"/>
  <c r="G6209" i="2" s="1"/>
  <c r="H1195" i="2" a="1"/>
  <c r="H1195" i="2" s="1"/>
  <c r="H3378" i="2" a="1"/>
  <c r="H3378" i="2" s="1"/>
  <c r="E7403" i="2" a="1"/>
  <c r="E7403" i="2" s="1"/>
  <c r="E6922" i="2" a="1"/>
  <c r="E6922" i="2" s="1"/>
  <c r="E6925" i="2" a="1"/>
  <c r="E6925" i="2" s="1"/>
  <c r="H4158" i="2" a="1"/>
  <c r="H4158" i="2" s="1"/>
  <c r="E6450" i="2" a="1"/>
  <c r="E6450" i="2" s="1"/>
  <c r="D7100" i="2" a="1"/>
  <c r="D7100" i="2" s="1"/>
  <c r="H1776" i="2" a="1"/>
  <c r="H1776" i="2" s="1"/>
  <c r="D5470" i="2" a="1"/>
  <c r="D5470" i="2" s="1"/>
  <c r="G3779" i="2" a="1"/>
  <c r="G3779" i="2" s="1"/>
  <c r="E3317" i="2" a="1"/>
  <c r="E3317" i="2" s="1"/>
  <c r="H6642" i="2" a="1"/>
  <c r="H6642" i="2" s="1"/>
  <c r="E2886" i="2" a="1"/>
  <c r="E2886" i="2" s="1"/>
  <c r="H6068" i="2" a="1"/>
  <c r="H6068" i="2" s="1"/>
  <c r="G3330" i="2" a="1"/>
  <c r="G3330" i="2" s="1"/>
  <c r="G7908" i="2" a="1"/>
  <c r="G7908" i="2" s="1"/>
  <c r="AN342" i="1"/>
  <c r="D348" i="5" s="1"/>
  <c r="D5156" i="2" a="1"/>
  <c r="D5156" i="2" s="1"/>
  <c r="H8048" i="2" a="1"/>
  <c r="H8048" i="2" s="1"/>
  <c r="H6134" i="2" a="1"/>
  <c r="H6134" i="2" s="1"/>
  <c r="H51" i="2" a="1"/>
  <c r="H51" i="2" s="1"/>
  <c r="D1727" i="2" a="1"/>
  <c r="D1727" i="2" s="1"/>
  <c r="F2947" i="2" a="1"/>
  <c r="F2947" i="2" s="1"/>
  <c r="E6653" i="2" a="1"/>
  <c r="E6653" i="2" s="1"/>
  <c r="AQ285" i="1"/>
  <c r="G291" i="5" s="1"/>
  <c r="F7171" i="2" a="1"/>
  <c r="F7171" i="2" s="1"/>
  <c r="D6038" i="2" a="1"/>
  <c r="D6038" i="2" s="1"/>
  <c r="E1705" i="2" a="1"/>
  <c r="E1705" i="2" s="1"/>
  <c r="H8626" i="2" a="1"/>
  <c r="H8626" i="2" s="1"/>
  <c r="E2709" i="2" a="1"/>
  <c r="E2709" i="2" s="1"/>
  <c r="E7088" i="2" a="1"/>
  <c r="E7088" i="2" s="1"/>
  <c r="D7095" i="2" a="1"/>
  <c r="D7095" i="2" s="1"/>
  <c r="AP342" i="1"/>
  <c r="F348" i="5" s="1"/>
  <c r="H53" i="2" a="1"/>
  <c r="H53" i="2" s="1"/>
  <c r="D1719" i="2" a="1"/>
  <c r="D1719" i="2" s="1"/>
  <c r="D6053" i="2" a="1"/>
  <c r="D6053" i="2" s="1"/>
  <c r="E5728" i="2" a="1"/>
  <c r="E5728" i="2" s="1"/>
  <c r="G5885" i="2" a="1"/>
  <c r="G5885" i="2" s="1"/>
  <c r="G5882" i="2" a="1"/>
  <c r="G5882" i="2" s="1"/>
  <c r="G5887" i="2" a="1"/>
  <c r="G5887" i="2" s="1"/>
  <c r="G5874" i="2" a="1"/>
  <c r="G5874" i="2" s="1"/>
  <c r="G5886" i="2" a="1"/>
  <c r="G5886" i="2" s="1"/>
  <c r="G5873" i="2" a="1"/>
  <c r="G5873" i="2" s="1"/>
  <c r="G5868" i="2" a="1"/>
  <c r="G5868" i="2" s="1"/>
  <c r="G5883" i="2" a="1"/>
  <c r="G5883" i="2" s="1"/>
  <c r="G5884" i="2" a="1"/>
  <c r="G5884" i="2" s="1"/>
  <c r="G5867" i="2" a="1"/>
  <c r="G5867" i="2" s="1"/>
  <c r="G5880" i="2" a="1"/>
  <c r="G5880" i="2" s="1"/>
  <c r="G5866" i="2" a="1"/>
  <c r="G5866" i="2" s="1"/>
  <c r="G5871" i="2" a="1"/>
  <c r="G5871" i="2" s="1"/>
  <c r="G5879" i="2" a="1"/>
  <c r="G5879" i="2" s="1"/>
  <c r="G5870" i="2" a="1"/>
  <c r="G5870" i="2" s="1"/>
  <c r="G5876" i="2" a="1"/>
  <c r="G5876" i="2" s="1"/>
  <c r="F1641" i="2" a="1"/>
  <c r="F1641" i="2" s="1"/>
  <c r="F1629" i="2" a="1"/>
  <c r="F1629" i="2" s="1"/>
  <c r="F1622" i="2" a="1"/>
  <c r="F1622" i="2" s="1"/>
  <c r="F197" i="2" a="1"/>
  <c r="F197" i="2" s="1"/>
  <c r="F184" i="2" a="1"/>
  <c r="F184" i="2" s="1"/>
  <c r="F185" i="2" a="1"/>
  <c r="F185" i="2" s="1"/>
  <c r="F200" i="2" a="1"/>
  <c r="F200" i="2" s="1"/>
  <c r="F187" i="2" a="1"/>
  <c r="F187" i="2" s="1"/>
  <c r="F188" i="2" a="1"/>
  <c r="F188" i="2" s="1"/>
  <c r="F190" i="2" a="1"/>
  <c r="F190" i="2" s="1"/>
  <c r="F180" i="2" a="1"/>
  <c r="F180" i="2" s="1"/>
  <c r="F193" i="2" a="1"/>
  <c r="F193" i="2" s="1"/>
  <c r="F194" i="2" a="1"/>
  <c r="F194" i="2" s="1"/>
  <c r="F198" i="2" a="1"/>
  <c r="F198" i="2" s="1"/>
  <c r="F195" i="2" a="1"/>
  <c r="F195" i="2" s="1"/>
  <c r="F189" i="2" a="1"/>
  <c r="F189" i="2" s="1"/>
  <c r="G8127" i="2" a="1"/>
  <c r="G8127" i="2" s="1"/>
  <c r="G8130" i="2" a="1"/>
  <c r="G8130" i="2" s="1"/>
  <c r="G8145" i="2" a="1"/>
  <c r="G8145" i="2" s="1"/>
  <c r="E2551" i="2" a="1"/>
  <c r="E2551" i="2" s="1"/>
  <c r="E2531" i="2" a="1"/>
  <c r="E2531" i="2" s="1"/>
  <c r="E2546" i="2" a="1"/>
  <c r="E2546" i="2" s="1"/>
  <c r="E2541" i="2" a="1"/>
  <c r="E2541" i="2" s="1"/>
  <c r="E2543" i="2" a="1"/>
  <c r="E2543" i="2" s="1"/>
  <c r="E2539" i="2" a="1"/>
  <c r="E2539" i="2" s="1"/>
  <c r="E2549" i="2" a="1"/>
  <c r="E2549" i="2" s="1"/>
  <c r="E2553" i="2" a="1"/>
  <c r="E2553" i="2" s="1"/>
  <c r="E2542" i="2" a="1"/>
  <c r="E2542" i="2" s="1"/>
  <c r="E2537" i="2" a="1"/>
  <c r="E2537" i="2" s="1"/>
  <c r="E2547" i="2" a="1"/>
  <c r="E2547" i="2" s="1"/>
  <c r="G1872" i="2" a="1"/>
  <c r="G1872" i="2" s="1"/>
  <c r="F5095" i="2" a="1"/>
  <c r="F5095" i="2" s="1"/>
  <c r="H2298" i="2" a="1"/>
  <c r="H2298" i="2" s="1"/>
  <c r="D2919" i="2" a="1"/>
  <c r="D2919" i="2" s="1"/>
  <c r="D6757" i="2" a="1"/>
  <c r="D6757" i="2" s="1"/>
  <c r="H644" i="2" a="1"/>
  <c r="H644" i="2" s="1"/>
  <c r="G6556" i="2" a="1"/>
  <c r="G6556" i="2" s="1"/>
  <c r="G560" i="2" a="1"/>
  <c r="G560" i="2" s="1"/>
  <c r="G6211" i="2" a="1"/>
  <c r="G6211" i="2" s="1"/>
  <c r="G6202" i="2" a="1"/>
  <c r="G6202" i="2" s="1"/>
  <c r="H1192" i="2" a="1"/>
  <c r="H1192" i="2" s="1"/>
  <c r="H3392" i="2" a="1"/>
  <c r="H3392" i="2" s="1"/>
  <c r="E7411" i="2" a="1"/>
  <c r="E7411" i="2" s="1"/>
  <c r="E6937" i="2" a="1"/>
  <c r="E6937" i="2" s="1"/>
  <c r="E6926" i="2" a="1"/>
  <c r="E6926" i="2" s="1"/>
  <c r="H4139" i="2" a="1"/>
  <c r="H4139" i="2" s="1"/>
  <c r="E6445" i="2" a="1"/>
  <c r="E6445" i="2" s="1"/>
  <c r="D7090" i="2" a="1"/>
  <c r="D7090" i="2" s="1"/>
  <c r="H1774" i="2" a="1"/>
  <c r="H1774" i="2" s="1"/>
  <c r="D5466" i="2" a="1"/>
  <c r="D5466" i="2" s="1"/>
  <c r="G3791" i="2" a="1"/>
  <c r="G3791" i="2" s="1"/>
  <c r="E3316" i="2" a="1"/>
  <c r="E3316" i="2" s="1"/>
  <c r="H6655" i="2" a="1"/>
  <c r="H6655" i="2" s="1"/>
  <c r="E2883" i="2" a="1"/>
  <c r="E2883" i="2" s="1"/>
  <c r="H6059" i="2" a="1"/>
  <c r="H6059" i="2" s="1"/>
  <c r="G3339" i="2" a="1"/>
  <c r="G3339" i="2" s="1"/>
  <c r="G7704" i="2" a="1"/>
  <c r="G7704" i="2" s="1"/>
  <c r="E3025" i="2" a="1"/>
  <c r="E3025" i="2" s="1"/>
  <c r="H5065" i="2" a="1"/>
  <c r="H5065" i="2" s="1"/>
  <c r="G7906" i="2" a="1"/>
  <c r="G7906" i="2" s="1"/>
  <c r="G4083" i="2" a="1"/>
  <c r="G4083" i="2" s="1"/>
  <c r="AO342" i="1"/>
  <c r="E348" i="5" s="1"/>
  <c r="AP215" i="1"/>
  <c r="F221" i="5" s="1"/>
  <c r="H8027" i="2" a="1"/>
  <c r="H8027" i="2" s="1"/>
  <c r="H6150" i="2" a="1"/>
  <c r="H6150" i="2" s="1"/>
  <c r="H44" i="2" a="1"/>
  <c r="H44" i="2" s="1"/>
  <c r="D1723" i="2" a="1"/>
  <c r="D1723" i="2" s="1"/>
  <c r="E6637" i="2" a="1"/>
  <c r="E6637" i="2" s="1"/>
  <c r="G3900" i="2" a="1"/>
  <c r="G3900" i="2" s="1"/>
  <c r="F7176" i="2" a="1"/>
  <c r="F7176" i="2" s="1"/>
  <c r="D6044" i="2" a="1"/>
  <c r="D6044" i="2" s="1"/>
  <c r="H8649" i="2" a="1"/>
  <c r="H8649" i="2" s="1"/>
  <c r="E8041" i="2" a="1"/>
  <c r="E8041" i="2" s="1"/>
  <c r="E2704" i="2" a="1"/>
  <c r="E2704" i="2" s="1"/>
  <c r="G2372" i="2" a="1"/>
  <c r="G2372" i="2" s="1"/>
  <c r="G1871" i="2" a="1"/>
  <c r="G1871" i="2" s="1"/>
  <c r="F5075" i="2" a="1"/>
  <c r="F5075" i="2" s="1"/>
  <c r="H2311" i="2" a="1"/>
  <c r="H2311" i="2" s="1"/>
  <c r="D2933" i="2" a="1"/>
  <c r="D2933" i="2" s="1"/>
  <c r="D6756" i="2" a="1"/>
  <c r="D6756" i="2" s="1"/>
  <c r="D6754" i="2" a="1"/>
  <c r="D6754" i="2" s="1"/>
  <c r="H650" i="2" a="1"/>
  <c r="H650" i="2" s="1"/>
  <c r="G6542" i="2" a="1"/>
  <c r="G6542" i="2" s="1"/>
  <c r="G553" i="2" a="1"/>
  <c r="G553" i="2" s="1"/>
  <c r="G6210" i="2" a="1"/>
  <c r="G6210" i="2" s="1"/>
  <c r="H1194" i="2" a="1"/>
  <c r="H1194" i="2" s="1"/>
  <c r="H3389" i="2" a="1"/>
  <c r="H3389" i="2" s="1"/>
  <c r="E7418" i="2" a="1"/>
  <c r="E7418" i="2" s="1"/>
  <c r="E6923" i="2" a="1"/>
  <c r="E6923" i="2" s="1"/>
  <c r="H4152" i="2" a="1"/>
  <c r="H4152" i="2" s="1"/>
  <c r="E6461" i="2" a="1"/>
  <c r="E6461" i="2" s="1"/>
  <c r="D7111" i="2" a="1"/>
  <c r="D7111" i="2" s="1"/>
  <c r="H1767" i="2" a="1"/>
  <c r="H1767" i="2" s="1"/>
  <c r="D5458" i="2" a="1"/>
  <c r="D5458" i="2" s="1"/>
  <c r="G3799" i="2" a="1"/>
  <c r="G3799" i="2" s="1"/>
  <c r="E3299" i="2" a="1"/>
  <c r="E3299" i="2" s="1"/>
  <c r="H6640" i="2" a="1"/>
  <c r="H6640" i="2" s="1"/>
  <c r="E2868" i="2" a="1"/>
  <c r="E2868" i="2" s="1"/>
  <c r="H6078" i="2" a="1"/>
  <c r="H6078" i="2" s="1"/>
  <c r="G3331" i="2" a="1"/>
  <c r="G3331" i="2" s="1"/>
  <c r="E3011" i="2" a="1"/>
  <c r="E3011" i="2" s="1"/>
  <c r="H5053" i="2" a="1"/>
  <c r="H5053" i="2" s="1"/>
  <c r="G7929" i="2" a="1"/>
  <c r="G7929" i="2" s="1"/>
  <c r="G4072" i="2" a="1"/>
  <c r="G4072" i="2" s="1"/>
  <c r="H8049" i="2" a="1"/>
  <c r="H8049" i="2" s="1"/>
  <c r="H6130" i="2" a="1"/>
  <c r="H6130" i="2" s="1"/>
  <c r="H52" i="2" a="1"/>
  <c r="H52" i="2" s="1"/>
  <c r="D1716" i="2" a="1"/>
  <c r="D1716" i="2" s="1"/>
  <c r="E6634" i="2" a="1"/>
  <c r="E6634" i="2" s="1"/>
  <c r="G3905" i="2" a="1"/>
  <c r="G3905" i="2" s="1"/>
  <c r="F7169" i="2" a="1"/>
  <c r="F7169" i="2" s="1"/>
  <c r="D6051" i="2" a="1"/>
  <c r="D6051" i="2" s="1"/>
  <c r="H8647" i="2" a="1"/>
  <c r="H8647" i="2" s="1"/>
  <c r="E8037" i="2" a="1"/>
  <c r="E8037" i="2" s="1"/>
  <c r="E2702" i="2" a="1"/>
  <c r="E2702" i="2" s="1"/>
  <c r="G2366" i="2" a="1"/>
  <c r="G2366" i="2" s="1"/>
  <c r="G1870" i="2" a="1"/>
  <c r="G1870" i="2" s="1"/>
  <c r="G1865" i="2" a="1"/>
  <c r="G1865" i="2" s="1"/>
  <c r="F5082" i="2" a="1"/>
  <c r="F5082" i="2" s="1"/>
  <c r="H2308" i="2" a="1"/>
  <c r="H2308" i="2" s="1"/>
  <c r="D2929" i="2" a="1"/>
  <c r="D2929" i="2" s="1"/>
  <c r="D6775" i="2" a="1"/>
  <c r="D6775" i="2" s="1"/>
  <c r="D6766" i="2" a="1"/>
  <c r="D6766" i="2" s="1"/>
  <c r="E5444" i="2" a="1"/>
  <c r="E5444" i="2" s="1"/>
  <c r="H648" i="2" a="1"/>
  <c r="H648" i="2" s="1"/>
  <c r="G6541" i="2" a="1"/>
  <c r="G6541" i="2" s="1"/>
  <c r="G556" i="2" a="1"/>
  <c r="G556" i="2" s="1"/>
  <c r="G6212" i="2" a="1"/>
  <c r="G6212" i="2" s="1"/>
  <c r="H1204" i="2" a="1"/>
  <c r="H1204" i="2" s="1"/>
  <c r="H3384" i="2" a="1"/>
  <c r="H3384" i="2" s="1"/>
  <c r="E7425" i="2" a="1"/>
  <c r="E7425" i="2" s="1"/>
  <c r="E6928" i="2" a="1"/>
  <c r="E6928" i="2" s="1"/>
  <c r="F1624" i="2" a="1"/>
  <c r="F1624" i="2" s="1"/>
  <c r="G8122" i="2" a="1"/>
  <c r="G8122" i="2" s="1"/>
  <c r="H4156" i="2" a="1"/>
  <c r="H4156" i="2" s="1"/>
  <c r="AO244" i="1"/>
  <c r="E250" i="5" s="1"/>
  <c r="E2495" i="2" a="1"/>
  <c r="E2495" i="2" s="1"/>
  <c r="E6456" i="2" a="1"/>
  <c r="E6456" i="2" s="1"/>
  <c r="D7109" i="2" a="1"/>
  <c r="D7109" i="2" s="1"/>
  <c r="E5856" i="2" a="1"/>
  <c r="E5856" i="2" s="1"/>
  <c r="AO16" i="1"/>
  <c r="E22" i="5" s="1"/>
  <c r="H1775" i="2" a="1"/>
  <c r="H1775" i="2" s="1"/>
  <c r="D5475" i="2" a="1"/>
  <c r="D5475" i="2" s="1"/>
  <c r="G3788" i="2" a="1"/>
  <c r="G3788" i="2" s="1"/>
  <c r="E3301" i="2" a="1"/>
  <c r="E3301" i="2" s="1"/>
  <c r="H6645" i="2" a="1"/>
  <c r="H6645" i="2" s="1"/>
  <c r="E2879" i="2" a="1"/>
  <c r="E2879" i="2" s="1"/>
  <c r="H6080" i="2" a="1"/>
  <c r="H6080" i="2" s="1"/>
  <c r="G3324" i="2" a="1"/>
  <c r="G3324" i="2" s="1"/>
  <c r="G7707" i="2" a="1"/>
  <c r="G7707" i="2" s="1"/>
  <c r="H5073" i="2" a="1"/>
  <c r="H5073" i="2" s="1"/>
  <c r="G7919" i="2" a="1"/>
  <c r="G7919" i="2" s="1"/>
  <c r="G4069" i="2" a="1"/>
  <c r="G4069" i="2" s="1"/>
  <c r="H8026" i="2" a="1"/>
  <c r="H8026" i="2" s="1"/>
  <c r="AM272" i="1"/>
  <c r="C278" i="5" s="1"/>
  <c r="H6145" i="2" a="1"/>
  <c r="H6145" i="2" s="1"/>
  <c r="H49" i="2" a="1"/>
  <c r="H49" i="2" s="1"/>
  <c r="D1729" i="2" a="1"/>
  <c r="D1729" i="2" s="1"/>
  <c r="E6648" i="2" a="1"/>
  <c r="E6648" i="2" s="1"/>
  <c r="G3919" i="2" a="1"/>
  <c r="G3919" i="2" s="1"/>
  <c r="F7179" i="2" a="1"/>
  <c r="F7179" i="2" s="1"/>
  <c r="D6045" i="2" a="1"/>
  <c r="D6045" i="2" s="1"/>
  <c r="H8632" i="2" a="1"/>
  <c r="H8632" i="2" s="1"/>
  <c r="E8036" i="2" a="1"/>
  <c r="E8036" i="2" s="1"/>
  <c r="E2717" i="2" a="1"/>
  <c r="E2717" i="2" s="1"/>
  <c r="E8238" i="2" a="1"/>
  <c r="E8238" i="2" s="1"/>
  <c r="G2368" i="2" a="1"/>
  <c r="G2368" i="2" s="1"/>
  <c r="G1863" i="2" a="1"/>
  <c r="G1863" i="2" s="1"/>
  <c r="G1868" i="2" a="1"/>
  <c r="G1868" i="2" s="1"/>
  <c r="F5090" i="2" a="1"/>
  <c r="F5090" i="2" s="1"/>
  <c r="H2294" i="2" a="1"/>
  <c r="H2294" i="2" s="1"/>
  <c r="D2925" i="2" a="1"/>
  <c r="D2925" i="2" s="1"/>
  <c r="D6771" i="2" a="1"/>
  <c r="D6771" i="2" s="1"/>
  <c r="D6762" i="2" a="1"/>
  <c r="D6762" i="2" s="1"/>
  <c r="E5438" i="2" a="1"/>
  <c r="E5438" i="2" s="1"/>
  <c r="H641" i="2" a="1"/>
  <c r="H641" i="2" s="1"/>
  <c r="G6551" i="2" a="1"/>
  <c r="G6551" i="2" s="1"/>
  <c r="G558" i="2" a="1"/>
  <c r="G558" i="2" s="1"/>
  <c r="M558" i="2" s="1"/>
  <c r="M532" i="5" s="1"/>
  <c r="P532" i="5" s="1"/>
  <c r="G6203" i="2" a="1"/>
  <c r="G6203" i="2" s="1"/>
  <c r="H1191" i="2" a="1"/>
  <c r="H1191" i="2" s="1"/>
  <c r="H3385" i="2" a="1"/>
  <c r="H3385" i="2" s="1"/>
  <c r="E7408" i="2" a="1"/>
  <c r="E7408" i="2" s="1"/>
  <c r="E6941" i="2" a="1"/>
  <c r="E6941" i="2" s="1"/>
  <c r="F1628" i="2" a="1"/>
  <c r="F1628" i="2" s="1"/>
  <c r="H4138" i="2" a="1"/>
  <c r="H4138" i="2" s="1"/>
  <c r="E2492" i="2" a="1"/>
  <c r="E2492" i="2" s="1"/>
  <c r="E6460" i="2" a="1"/>
  <c r="E6460" i="2" s="1"/>
  <c r="D7098" i="2" a="1"/>
  <c r="D7098" i="2" s="1"/>
  <c r="AN16" i="1"/>
  <c r="H1772" i="2" a="1"/>
  <c r="H1772" i="2" s="1"/>
  <c r="D5462" i="2" a="1"/>
  <c r="D5462" i="2" s="1"/>
  <c r="G3801" i="2" a="1"/>
  <c r="G3801" i="2" s="1"/>
  <c r="E3320" i="2" a="1"/>
  <c r="E3320" i="2" s="1"/>
  <c r="H6653" i="2" a="1"/>
  <c r="H6653" i="2" s="1"/>
  <c r="E2889" i="2" a="1"/>
  <c r="E2889" i="2" s="1"/>
  <c r="H6069" i="2" a="1"/>
  <c r="H6069" i="2" s="1"/>
  <c r="G3336" i="2" a="1"/>
  <c r="G3336" i="2" s="1"/>
  <c r="G7706" i="2" a="1"/>
  <c r="G7706" i="2" s="1"/>
  <c r="H4100" i="2" a="1"/>
  <c r="H4100" i="2" s="1"/>
  <c r="H5068" i="2" a="1"/>
  <c r="H5068" i="2" s="1"/>
  <c r="F7079" i="2" a="1"/>
  <c r="F7079" i="2" s="1"/>
  <c r="G7924" i="2" a="1"/>
  <c r="G7924" i="2" s="1"/>
  <c r="G4066" i="2" a="1"/>
  <c r="G4066" i="2" s="1"/>
  <c r="H8038" i="2" a="1"/>
  <c r="H8038" i="2" s="1"/>
  <c r="H6149" i="2" a="1"/>
  <c r="H6149" i="2" s="1"/>
  <c r="H41" i="2" a="1"/>
  <c r="H41" i="2" s="1"/>
  <c r="D1730" i="2" a="1"/>
  <c r="D1730" i="2" s="1"/>
  <c r="G3918" i="2" a="1"/>
  <c r="G3918" i="2" s="1"/>
  <c r="F7162" i="2" a="1"/>
  <c r="F7162" i="2" s="1"/>
  <c r="H8630" i="2" a="1"/>
  <c r="H8630" i="2" s="1"/>
  <c r="E8038" i="2" a="1"/>
  <c r="E8038" i="2" s="1"/>
  <c r="E8233" i="2" a="1"/>
  <c r="E8233" i="2" s="1"/>
  <c r="E8237" i="2" a="1"/>
  <c r="E8237" i="2" s="1"/>
  <c r="G1879" i="2" a="1"/>
  <c r="G1879" i="2" s="1"/>
  <c r="H2303" i="2" a="1"/>
  <c r="H2303" i="2" s="1"/>
  <c r="D2917" i="2" a="1"/>
  <c r="D2917" i="2" s="1"/>
  <c r="D6767" i="2" a="1"/>
  <c r="D6767" i="2" s="1"/>
  <c r="E5436" i="2" a="1"/>
  <c r="E5436" i="2" s="1"/>
  <c r="F1637" i="2" a="1"/>
  <c r="F1637" i="2" s="1"/>
  <c r="H4151" i="2" a="1"/>
  <c r="H4151" i="2" s="1"/>
  <c r="E2499" i="2" a="1"/>
  <c r="E2499" i="2" s="1"/>
  <c r="E6451" i="2" a="1"/>
  <c r="E6451" i="2" s="1"/>
  <c r="D7096" i="2" a="1"/>
  <c r="D7096" i="2" s="1"/>
  <c r="E5845" i="2" a="1"/>
  <c r="E5845" i="2" s="1"/>
  <c r="AQ16" i="1"/>
  <c r="G22" i="5" s="1"/>
  <c r="H1766" i="2" a="1"/>
  <c r="H1766" i="2" s="1"/>
  <c r="D5481" i="2" a="1"/>
  <c r="D5481" i="2" s="1"/>
  <c r="G3782" i="2" a="1"/>
  <c r="G3782" i="2" s="1"/>
  <c r="E3321" i="2" a="1"/>
  <c r="E3321" i="2" s="1"/>
  <c r="H6652" i="2" a="1"/>
  <c r="H6652" i="2" s="1"/>
  <c r="E2878" i="2" a="1"/>
  <c r="E2878" i="2" s="1"/>
  <c r="H6064" i="2" a="1"/>
  <c r="H6064" i="2" s="1"/>
  <c r="G3322" i="2" a="1"/>
  <c r="G3322" i="2" s="1"/>
  <c r="H6455" i="2" a="1"/>
  <c r="H6455" i="2" s="1"/>
  <c r="G7700" i="2" a="1"/>
  <c r="G7700" i="2" s="1"/>
  <c r="H4097" i="2" a="1"/>
  <c r="H4097" i="2" s="1"/>
  <c r="H5072" i="2" a="1"/>
  <c r="H5072" i="2" s="1"/>
  <c r="F7076" i="2" a="1"/>
  <c r="F7076" i="2" s="1"/>
  <c r="E3720" i="2" a="1"/>
  <c r="E3720" i="2" s="1"/>
  <c r="G4078" i="2" a="1"/>
  <c r="G4078" i="2" s="1"/>
  <c r="H8044" i="2" a="1"/>
  <c r="H8044" i="2" s="1"/>
  <c r="D2309" i="2" a="1"/>
  <c r="D2309" i="2" s="1"/>
  <c r="H6151" i="2" a="1"/>
  <c r="H6151" i="2" s="1"/>
  <c r="H50" i="2" a="1"/>
  <c r="H50" i="2" s="1"/>
  <c r="D1737" i="2" a="1"/>
  <c r="D1737" i="2" s="1"/>
  <c r="G3913" i="2" a="1"/>
  <c r="G3913" i="2" s="1"/>
  <c r="H3899" i="2" a="1"/>
  <c r="H3899" i="2" s="1"/>
  <c r="E8031" i="2" a="1"/>
  <c r="E8031" i="2" s="1"/>
  <c r="E7083" i="2" a="1"/>
  <c r="E7083" i="2" s="1"/>
  <c r="E5740" i="2" a="1"/>
  <c r="E5740" i="2" s="1"/>
  <c r="F2414" i="2" a="1"/>
  <c r="F2414" i="2" s="1"/>
  <c r="F2416" i="2" a="1"/>
  <c r="F2416" i="2" s="1"/>
  <c r="F2427" i="2" a="1"/>
  <c r="F2427" i="2" s="1"/>
  <c r="F2415" i="2" a="1"/>
  <c r="F2415" i="2" s="1"/>
  <c r="F2412" i="2" a="1"/>
  <c r="F2412" i="2" s="1"/>
  <c r="F2433" i="2" a="1"/>
  <c r="F2433" i="2" s="1"/>
  <c r="F2426" i="2" a="1"/>
  <c r="F2426" i="2" s="1"/>
  <c r="F2421" i="2" a="1"/>
  <c r="F2421" i="2" s="1"/>
  <c r="G5662" i="2" a="1"/>
  <c r="G5662" i="2" s="1"/>
  <c r="G5667" i="2" a="1"/>
  <c r="G5667" i="2" s="1"/>
  <c r="G5659" i="2" a="1"/>
  <c r="G5659" i="2" s="1"/>
  <c r="G5670" i="2" a="1"/>
  <c r="G5670" i="2" s="1"/>
  <c r="G5664" i="2" a="1"/>
  <c r="G5664" i="2" s="1"/>
  <c r="G5669" i="2" a="1"/>
  <c r="G5669" i="2" s="1"/>
  <c r="G5668" i="2" a="1"/>
  <c r="G5668" i="2" s="1"/>
  <c r="AQ184" i="1"/>
  <c r="G190" i="5" s="1"/>
  <c r="AM184" i="1"/>
  <c r="C190" i="5" s="1"/>
  <c r="D1540" i="2" a="1"/>
  <c r="D1540" i="2" s="1"/>
  <c r="D1523" i="2" a="1"/>
  <c r="D1523" i="2" s="1"/>
  <c r="D1535" i="2" a="1"/>
  <c r="D1535" i="2" s="1"/>
  <c r="D1543" i="2" a="1"/>
  <c r="D1543" i="2" s="1"/>
  <c r="D1536" i="2" a="1"/>
  <c r="D1536" i="2" s="1"/>
  <c r="H3468" i="2" a="1"/>
  <c r="H3468" i="2" s="1"/>
  <c r="H3489" i="2" a="1"/>
  <c r="H3489" i="2" s="1"/>
  <c r="H3476" i="2" a="1"/>
  <c r="H3476" i="2" s="1"/>
  <c r="H3488" i="2" a="1"/>
  <c r="H3488" i="2" s="1"/>
  <c r="H3474" i="2" a="1"/>
  <c r="H3474" i="2" s="1"/>
  <c r="H3467" i="2" a="1"/>
  <c r="H3467" i="2" s="1"/>
  <c r="G5033" i="2" a="1"/>
  <c r="G5033" i="2" s="1"/>
  <c r="G5039" i="2" a="1"/>
  <c r="G5039" i="2" s="1"/>
  <c r="G5041" i="2" a="1"/>
  <c r="G5041" i="2" s="1"/>
  <c r="G5029" i="2" a="1"/>
  <c r="G5029" i="2" s="1"/>
  <c r="G5047" i="2" a="1"/>
  <c r="G5047" i="2" s="1"/>
  <c r="G5040" i="2" a="1"/>
  <c r="G5040" i="2" s="1"/>
  <c r="G5026" i="2" a="1"/>
  <c r="G5026" i="2" s="1"/>
  <c r="G5030" i="2" a="1"/>
  <c r="G5030" i="2" s="1"/>
  <c r="G5044" i="2" a="1"/>
  <c r="G5044" i="2" s="1"/>
  <c r="G5028" i="2" a="1"/>
  <c r="G5028" i="2" s="1"/>
  <c r="G5036" i="2" a="1"/>
  <c r="G5036" i="2" s="1"/>
  <c r="G5037" i="2" a="1"/>
  <c r="G5037" i="2" s="1"/>
  <c r="G5048" i="2" a="1"/>
  <c r="G5048" i="2" s="1"/>
  <c r="G5035" i="2" a="1"/>
  <c r="G5035" i="2" s="1"/>
  <c r="G5031" i="2" a="1"/>
  <c r="G5031" i="2" s="1"/>
  <c r="G5043" i="2" a="1"/>
  <c r="G5043" i="2" s="1"/>
  <c r="D1649" i="2" a="1"/>
  <c r="D1649" i="2" s="1"/>
  <c r="D1272" i="2" a="1"/>
  <c r="D1272" i="2" s="1"/>
  <c r="E7952" i="2" a="1"/>
  <c r="E7952" i="2" s="1"/>
  <c r="G5300" i="2" a="1"/>
  <c r="G5300" i="2" s="1"/>
  <c r="D1538" i="2" a="1"/>
  <c r="D1538" i="2" s="1"/>
  <c r="D1541" i="2" a="1"/>
  <c r="D1541" i="2" s="1"/>
  <c r="D1532" i="2" a="1"/>
  <c r="D1532" i="2" s="1"/>
  <c r="G5042" i="2" a="1"/>
  <c r="G5042" i="2" s="1"/>
  <c r="D384" i="2" a="1"/>
  <c r="D384" i="2" s="1"/>
  <c r="AP16" i="1"/>
  <c r="F22" i="5" s="1"/>
  <c r="D2967" i="2" a="1"/>
  <c r="D2967" i="2" s="1"/>
  <c r="AP124" i="1"/>
  <c r="F130" i="5" s="1"/>
  <c r="AP184" i="1"/>
  <c r="F190" i="5" s="1"/>
  <c r="H3478" i="2" a="1"/>
  <c r="H3478" i="2" s="1"/>
  <c r="D1526" i="2" a="1"/>
  <c r="D1526" i="2" s="1"/>
  <c r="D1544" i="2" a="1"/>
  <c r="D1544" i="2" s="1"/>
  <c r="G5034" i="2" a="1"/>
  <c r="G5034" i="2" s="1"/>
  <c r="E7557" i="2" a="1"/>
  <c r="E7557" i="2" s="1"/>
  <c r="E7554" i="2" a="1"/>
  <c r="E7554" i="2" s="1"/>
  <c r="E7558" i="2" a="1"/>
  <c r="E7558" i="2" s="1"/>
  <c r="E7566" i="2" a="1"/>
  <c r="E7566" i="2" s="1"/>
  <c r="E7548" i="2" a="1"/>
  <c r="E7548" i="2" s="1"/>
  <c r="E7565" i="2" a="1"/>
  <c r="E7565" i="2" s="1"/>
  <c r="G5310" i="2" a="1"/>
  <c r="G5310" i="2" s="1"/>
  <c r="G5299" i="2" a="1"/>
  <c r="G5299" i="2" s="1"/>
  <c r="G5294" i="2" a="1"/>
  <c r="G5294" i="2" s="1"/>
  <c r="G5296" i="2" a="1"/>
  <c r="G5296" i="2" s="1"/>
  <c r="G5306" i="2" a="1"/>
  <c r="G5306" i="2" s="1"/>
  <c r="G5307" i="2" a="1"/>
  <c r="G5307" i="2" s="1"/>
  <c r="G5303" i="2" a="1"/>
  <c r="G5303" i="2" s="1"/>
  <c r="G5298" i="2" a="1"/>
  <c r="G5298" i="2" s="1"/>
  <c r="E5685" i="2" a="1"/>
  <c r="E5685" i="2" s="1"/>
  <c r="E5682" i="2" a="1"/>
  <c r="E5682" i="2" s="1"/>
  <c r="E5676" i="2" a="1"/>
  <c r="E5676" i="2" s="1"/>
  <c r="E5692" i="2" a="1"/>
  <c r="E5692" i="2" s="1"/>
  <c r="E5690" i="2" a="1"/>
  <c r="E5690" i="2" s="1"/>
  <c r="E5688" i="2" a="1"/>
  <c r="E5688" i="2" s="1"/>
  <c r="E5689" i="2" a="1"/>
  <c r="E5689" i="2" s="1"/>
  <c r="E5684" i="2" a="1"/>
  <c r="E5684" i="2" s="1"/>
  <c r="E5869" i="2" a="1"/>
  <c r="E5869" i="2" s="1"/>
  <c r="E5881" i="2" a="1"/>
  <c r="E5881" i="2" s="1"/>
  <c r="E5880" i="2" a="1"/>
  <c r="E5880" i="2" s="1"/>
  <c r="E5886" i="2" a="1"/>
  <c r="E5886" i="2" s="1"/>
  <c r="E5871" i="2" a="1"/>
  <c r="E5871" i="2" s="1"/>
  <c r="E5884" i="2" a="1"/>
  <c r="E5884" i="2" s="1"/>
  <c r="E5876" i="2" a="1"/>
  <c r="E5876" i="2" s="1"/>
  <c r="E5883" i="2" a="1"/>
  <c r="E5883" i="2" s="1"/>
  <c r="D5887" i="2" a="1"/>
  <c r="D5887" i="2" s="1"/>
  <c r="D5869" i="2" a="1"/>
  <c r="D5869" i="2" s="1"/>
  <c r="D5882" i="2" a="1"/>
  <c r="D5882" i="2" s="1"/>
  <c r="D5871" i="2" a="1"/>
  <c r="D5871" i="2" s="1"/>
  <c r="D5877" i="2" a="1"/>
  <c r="D5877" i="2" s="1"/>
  <c r="D5880" i="2" a="1"/>
  <c r="D5880" i="2" s="1"/>
  <c r="D5888" i="2" a="1"/>
  <c r="D5888" i="2" s="1"/>
  <c r="H1281" i="2" a="1"/>
  <c r="H1281" i="2" s="1"/>
  <c r="H1273" i="2" a="1"/>
  <c r="H1273" i="2" s="1"/>
  <c r="H1272" i="2" a="1"/>
  <c r="H1272" i="2" s="1"/>
  <c r="H1277" i="2" a="1"/>
  <c r="H1277" i="2" s="1"/>
  <c r="H1267" i="2" a="1"/>
  <c r="H1267" i="2" s="1"/>
  <c r="H1264" i="2" a="1"/>
  <c r="H1264" i="2" s="1"/>
  <c r="H1262" i="2" a="1"/>
  <c r="H1262" i="2" s="1"/>
  <c r="H1263" i="2" a="1"/>
  <c r="H1263" i="2" s="1"/>
  <c r="AP272" i="1"/>
  <c r="F278" i="5" s="1"/>
  <c r="AQ272" i="1"/>
  <c r="G278" i="5" s="1"/>
  <c r="AN272" i="1"/>
  <c r="D278" i="5" s="1"/>
  <c r="F8737" i="2" a="1"/>
  <c r="F8737" i="2" s="1"/>
  <c r="F8729" i="2" a="1"/>
  <c r="F8729" i="2" s="1"/>
  <c r="F8724" i="2" a="1"/>
  <c r="F8724" i="2" s="1"/>
  <c r="F8740" i="2" a="1"/>
  <c r="F8740" i="2" s="1"/>
  <c r="F8738" i="2" a="1"/>
  <c r="F8738" i="2" s="1"/>
  <c r="F8743" i="2" a="1"/>
  <c r="F8743" i="2" s="1"/>
  <c r="F8739" i="2" a="1"/>
  <c r="F8739" i="2" s="1"/>
  <c r="F8736" i="2" a="1"/>
  <c r="F8736" i="2" s="1"/>
  <c r="G4922" i="2" a="1"/>
  <c r="G4922" i="2" s="1"/>
  <c r="G4911" i="2" a="1"/>
  <c r="G4911" i="2" s="1"/>
  <c r="G4925" i="2" a="1"/>
  <c r="G4925" i="2" s="1"/>
  <c r="G4926" i="2" a="1"/>
  <c r="G4926" i="2" s="1"/>
  <c r="G4912" i="2" a="1"/>
  <c r="G4912" i="2" s="1"/>
  <c r="G4921" i="2" a="1"/>
  <c r="G4921" i="2" s="1"/>
  <c r="G4909" i="2" a="1"/>
  <c r="G4909" i="2" s="1"/>
  <c r="G4923" i="2" a="1"/>
  <c r="G4923" i="2" s="1"/>
  <c r="D1663" i="2" a="1"/>
  <c r="D1663" i="2" s="1"/>
  <c r="D1657" i="2" a="1"/>
  <c r="D1657" i="2" s="1"/>
  <c r="D1644" i="2" a="1"/>
  <c r="D1644" i="2" s="1"/>
  <c r="D1652" i="2" a="1"/>
  <c r="D1652" i="2" s="1"/>
  <c r="AO69" i="1"/>
  <c r="E75" i="5" s="1"/>
  <c r="D1642" i="2" a="1"/>
  <c r="D1642" i="2" s="1"/>
  <c r="AM69" i="1"/>
  <c r="D1647" i="2" a="1"/>
  <c r="D1647" i="2" s="1"/>
  <c r="D1274" i="2" a="1"/>
  <c r="D1274" i="2" s="1"/>
  <c r="D1279" i="2" a="1"/>
  <c r="D1279" i="2" s="1"/>
  <c r="D1270" i="2" a="1"/>
  <c r="D1270" i="2" s="1"/>
  <c r="AO53" i="1"/>
  <c r="E59" i="5" s="1"/>
  <c r="D1263" i="2" a="1"/>
  <c r="D1263" i="2" s="1"/>
  <c r="D1281" i="2" a="1"/>
  <c r="D1281" i="2" s="1"/>
  <c r="D1280" i="2" a="1"/>
  <c r="D1280" i="2" s="1"/>
  <c r="F3453" i="2" a="1"/>
  <c r="F3453" i="2" s="1"/>
  <c r="F3464" i="2" a="1"/>
  <c r="F3464" i="2" s="1"/>
  <c r="F3454" i="2" a="1"/>
  <c r="F3454" i="2" s="1"/>
  <c r="F3444" i="2" a="1"/>
  <c r="F3444" i="2" s="1"/>
  <c r="F3442" i="2" a="1"/>
  <c r="F3442" i="2" s="1"/>
  <c r="F3443" i="2" a="1"/>
  <c r="F3443" i="2" s="1"/>
  <c r="F3451" i="2" a="1"/>
  <c r="F3451" i="2" s="1"/>
  <c r="F3449" i="2" a="1"/>
  <c r="F3449" i="2" s="1"/>
  <c r="H6333" i="2" a="1"/>
  <c r="H6333" i="2" s="1"/>
  <c r="H6327" i="2" a="1"/>
  <c r="H6327" i="2" s="1"/>
  <c r="H6324" i="2" a="1"/>
  <c r="H6324" i="2" s="1"/>
  <c r="H6331" i="2" a="1"/>
  <c r="H6331" i="2" s="1"/>
  <c r="H6334" i="2" a="1"/>
  <c r="H6334" i="2" s="1"/>
  <c r="H6345" i="2" a="1"/>
  <c r="H6345" i="2" s="1"/>
  <c r="H6337" i="2" a="1"/>
  <c r="H6337" i="2" s="1"/>
  <c r="H6340" i="2" a="1"/>
  <c r="H6340" i="2" s="1"/>
  <c r="H6341" i="2" a="1"/>
  <c r="H6341" i="2" s="1"/>
  <c r="E7934" i="2" a="1"/>
  <c r="E7934" i="2" s="1"/>
  <c r="E7945" i="2" a="1"/>
  <c r="E7945" i="2" s="1"/>
  <c r="E7949" i="2" a="1"/>
  <c r="E7949" i="2" s="1"/>
  <c r="E7930" i="2" a="1"/>
  <c r="E7930" i="2" s="1"/>
  <c r="E7947" i="2" a="1"/>
  <c r="E7947" i="2" s="1"/>
  <c r="E7932" i="2" a="1"/>
  <c r="E7932" i="2" s="1"/>
  <c r="E7939" i="2" a="1"/>
  <c r="E7939" i="2" s="1"/>
  <c r="H865" i="2" a="1"/>
  <c r="H865" i="2" s="1"/>
  <c r="H863" i="2" a="1"/>
  <c r="H863" i="2" s="1"/>
  <c r="H851" i="2" a="1"/>
  <c r="H851" i="2" s="1"/>
  <c r="H868" i="2" a="1"/>
  <c r="H868" i="2" s="1"/>
  <c r="H869" i="2" a="1"/>
  <c r="H869" i="2" s="1"/>
  <c r="H852" i="2" a="1"/>
  <c r="H852" i="2" s="1"/>
  <c r="D393" i="2" a="1"/>
  <c r="D393" i="2" s="1"/>
  <c r="D2973" i="2" a="1"/>
  <c r="D2973" i="2" s="1"/>
  <c r="E7564" i="2" a="1"/>
  <c r="E7564" i="2" s="1"/>
  <c r="F8723" i="2" a="1"/>
  <c r="F8723" i="2" s="1"/>
  <c r="AQ69" i="1"/>
  <c r="G75" i="5" s="1"/>
  <c r="H6326" i="2" a="1"/>
  <c r="H6326" i="2" s="1"/>
  <c r="D1277" i="2" a="1"/>
  <c r="D1277" i="2" s="1"/>
  <c r="E5680" i="2" a="1"/>
  <c r="E5680" i="2" s="1"/>
  <c r="H1276" i="2" a="1"/>
  <c r="H1276" i="2" s="1"/>
  <c r="E7950" i="2" a="1"/>
  <c r="E7950" i="2" s="1"/>
  <c r="F2413" i="2" a="1"/>
  <c r="F2413" i="2" s="1"/>
  <c r="G5654" i="2" a="1"/>
  <c r="G5654" i="2" s="1"/>
  <c r="F3460" i="2" a="1"/>
  <c r="F3460" i="2" s="1"/>
  <c r="G5304" i="2" a="1"/>
  <c r="G5304" i="2" s="1"/>
  <c r="H3477" i="2" a="1"/>
  <c r="H3477" i="2" s="1"/>
  <c r="G4917" i="2" a="1"/>
  <c r="G4917" i="2" s="1"/>
  <c r="E5888" i="2" a="1"/>
  <c r="E5888" i="2" s="1"/>
  <c r="D5883" i="2" a="1"/>
  <c r="D5883" i="2" s="1"/>
  <c r="D5881" i="2" a="1"/>
  <c r="D5881" i="2" s="1"/>
  <c r="E7549" i="2" a="1"/>
  <c r="E7549" i="2" s="1"/>
  <c r="D1273" i="2" a="1"/>
  <c r="D1273" i="2" s="1"/>
  <c r="E7946" i="2" a="1"/>
  <c r="E7946" i="2" s="1"/>
  <c r="F2432" i="2" a="1"/>
  <c r="F2432" i="2" s="1"/>
  <c r="G5653" i="2" a="1"/>
  <c r="G5653" i="2" s="1"/>
  <c r="F3455" i="2" a="1"/>
  <c r="F3455" i="2" s="1"/>
  <c r="G5293" i="2" a="1"/>
  <c r="G5293" i="2" s="1"/>
  <c r="D1527" i="2" a="1"/>
  <c r="D1527" i="2" s="1"/>
  <c r="D1522" i="2" a="1"/>
  <c r="D1522" i="2" s="1"/>
  <c r="E7150" i="2" a="1"/>
  <c r="E7150" i="2" s="1"/>
  <c r="E7153" i="2" a="1"/>
  <c r="E7153" i="2" s="1"/>
  <c r="E7154" i="2" a="1"/>
  <c r="E7154" i="2" s="1"/>
  <c r="E7155" i="2" a="1"/>
  <c r="E7155" i="2" s="1"/>
  <c r="E7141" i="2" a="1"/>
  <c r="E7141" i="2" s="1"/>
  <c r="E7157" i="2" a="1"/>
  <c r="E7157" i="2" s="1"/>
  <c r="D2976" i="2" a="1"/>
  <c r="D2976" i="2" s="1"/>
  <c r="E7555" i="2" a="1"/>
  <c r="E7555" i="2" s="1"/>
  <c r="F8727" i="2" a="1"/>
  <c r="F8727" i="2" s="1"/>
  <c r="D1662" i="2" a="1"/>
  <c r="D1662" i="2" s="1"/>
  <c r="AN69" i="1"/>
  <c r="D75" i="5" s="1"/>
  <c r="H6329" i="2" a="1"/>
  <c r="H6329" i="2" s="1"/>
  <c r="D1261" i="2" a="1"/>
  <c r="D1261" i="2" s="1"/>
  <c r="E5695" i="2" a="1"/>
  <c r="E5695" i="2" s="1"/>
  <c r="E7938" i="2" a="1"/>
  <c r="E7938" i="2" s="1"/>
  <c r="F2425" i="2" a="1"/>
  <c r="F2425" i="2" s="1"/>
  <c r="G5671" i="2" a="1"/>
  <c r="G5671" i="2" s="1"/>
  <c r="F3459" i="2" a="1"/>
  <c r="F3459" i="2" s="1"/>
  <c r="G5297" i="2" a="1"/>
  <c r="G5297" i="2" s="1"/>
  <c r="H3485" i="2" a="1"/>
  <c r="H3485" i="2" s="1"/>
  <c r="G4914" i="2" a="1"/>
  <c r="G4914" i="2" s="1"/>
  <c r="E5867" i="2" a="1"/>
  <c r="E5867" i="2" s="1"/>
  <c r="D5866" i="2" a="1"/>
  <c r="D5866" i="2" s="1"/>
  <c r="D5889" i="2" a="1"/>
  <c r="D5889" i="2" s="1"/>
  <c r="E7561" i="2" a="1"/>
  <c r="E7561" i="2" s="1"/>
  <c r="AM53" i="1"/>
  <c r="C59" i="5" s="1"/>
  <c r="F2418" i="2" a="1"/>
  <c r="F2418" i="2" s="1"/>
  <c r="G5656" i="2" a="1"/>
  <c r="G5656" i="2" s="1"/>
  <c r="F3463" i="2" a="1"/>
  <c r="F3463" i="2" s="1"/>
  <c r="G5295" i="2" a="1"/>
  <c r="G5295" i="2" s="1"/>
  <c r="D1533" i="2" a="1"/>
  <c r="D1533" i="2" s="1"/>
  <c r="E7559" i="2" a="1"/>
  <c r="E7559" i="2" s="1"/>
  <c r="D1654" i="2" a="1"/>
  <c r="D1654" i="2" s="1"/>
  <c r="AP53" i="1"/>
  <c r="F59" i="5" s="1"/>
  <c r="E5681" i="2" a="1"/>
  <c r="E5681" i="2" s="1"/>
  <c r="F2423" i="2" a="1"/>
  <c r="F2423" i="2" s="1"/>
  <c r="G5650" i="2" a="1"/>
  <c r="G5650" i="2" s="1"/>
  <c r="F3452" i="2" a="1"/>
  <c r="F3452" i="2" s="1"/>
  <c r="G5291" i="2" a="1"/>
  <c r="G5291" i="2" s="1"/>
  <c r="H3482" i="2" a="1"/>
  <c r="H3482" i="2" s="1"/>
  <c r="G4928" i="2" a="1"/>
  <c r="G4928" i="2" s="1"/>
  <c r="D1524" i="2" a="1"/>
  <c r="D1524" i="2" s="1"/>
  <c r="AY15" i="1"/>
  <c r="AX14" i="1"/>
  <c r="AW14" i="1" s="1"/>
  <c r="AV14" i="1" s="1"/>
  <c r="AU14" i="1" s="1"/>
  <c r="G1355" i="2" a="1"/>
  <c r="G1355" i="2" s="1"/>
  <c r="G1365" i="2" a="1"/>
  <c r="G1365" i="2" s="1"/>
  <c r="G1373" i="2" a="1"/>
  <c r="G1373" i="2" s="1"/>
  <c r="G6874" i="2" a="1"/>
  <c r="G6874" i="2" s="1"/>
  <c r="G6893" i="2" a="1"/>
  <c r="G6893" i="2" s="1"/>
  <c r="G1376" i="2" a="1"/>
  <c r="G1376" i="2" s="1"/>
  <c r="G1368" i="2" a="1"/>
  <c r="G1368" i="2" s="1"/>
  <c r="G5377" i="2" a="1"/>
  <c r="G5377" i="2" s="1"/>
  <c r="G5371" i="2" a="1"/>
  <c r="G5371" i="2" s="1"/>
  <c r="G5372" i="2" a="1"/>
  <c r="G5372" i="2" s="1"/>
  <c r="G5368" i="2" a="1"/>
  <c r="G5368" i="2" s="1"/>
  <c r="G5378" i="2" a="1"/>
  <c r="G5378" i="2" s="1"/>
  <c r="G5364" i="2" a="1"/>
  <c r="G5364" i="2" s="1"/>
  <c r="G5373" i="2" a="1"/>
  <c r="G5373" i="2" s="1"/>
  <c r="G5362" i="2" a="1"/>
  <c r="G5362" i="2" s="1"/>
  <c r="G5375" i="2" a="1"/>
  <c r="G5375" i="2" s="1"/>
  <c r="G5382" i="2" a="1"/>
  <c r="G5382" i="2" s="1"/>
  <c r="G5384" i="2" a="1"/>
  <c r="G5384" i="2" s="1"/>
  <c r="G5385" i="2" a="1"/>
  <c r="G5385" i="2" s="1"/>
  <c r="G5363" i="2" a="1"/>
  <c r="G5363" i="2" s="1"/>
  <c r="G5366" i="2" a="1"/>
  <c r="G5366" i="2" s="1"/>
  <c r="G5379" i="2" a="1"/>
  <c r="G5379" i="2" s="1"/>
  <c r="G5380" i="2" a="1"/>
  <c r="G5380" i="2" s="1"/>
  <c r="G5370" i="2" a="1"/>
  <c r="G5370" i="2" s="1"/>
  <c r="G5376" i="2" a="1"/>
  <c r="G5376" i="2" s="1"/>
  <c r="G5381" i="2" a="1"/>
  <c r="G5381" i="2" s="1"/>
  <c r="G5374" i="2" a="1"/>
  <c r="G5374" i="2" s="1"/>
  <c r="G5383" i="2" a="1"/>
  <c r="G5383" i="2" s="1"/>
  <c r="G5367" i="2" a="1"/>
  <c r="G5367" i="2" s="1"/>
  <c r="G5365" i="2" a="1"/>
  <c r="G5365" i="2" s="1"/>
  <c r="G5369" i="2" a="1"/>
  <c r="G5369" i="2" s="1"/>
  <c r="G1356" i="2" a="1"/>
  <c r="G1356" i="2" s="1"/>
  <c r="G3042" i="2" a="1"/>
  <c r="G3042" i="2" s="1"/>
  <c r="G3044" i="2" a="1"/>
  <c r="G3044" i="2" s="1"/>
  <c r="G3056" i="2" a="1"/>
  <c r="G3056" i="2" s="1"/>
  <c r="G3038" i="2" a="1"/>
  <c r="G3038" i="2" s="1"/>
  <c r="G3045" i="2" a="1"/>
  <c r="G3045" i="2" s="1"/>
  <c r="G3053" i="2" a="1"/>
  <c r="G3053" i="2" s="1"/>
  <c r="G3041" i="2" a="1"/>
  <c r="G3041" i="2" s="1"/>
  <c r="G3048" i="2" a="1"/>
  <c r="G3048" i="2" s="1"/>
  <c r="G3034" i="2" a="1"/>
  <c r="G3034" i="2" s="1"/>
  <c r="G3057" i="2" a="1"/>
  <c r="G3057" i="2" s="1"/>
  <c r="G3050" i="2" a="1"/>
  <c r="G3050" i="2" s="1"/>
  <c r="G3047" i="2" a="1"/>
  <c r="G3047" i="2" s="1"/>
  <c r="G3036" i="2" a="1"/>
  <c r="G3036" i="2" s="1"/>
  <c r="G3052" i="2" a="1"/>
  <c r="G3052" i="2" s="1"/>
  <c r="G3049" i="2" a="1"/>
  <c r="G3049" i="2" s="1"/>
  <c r="G3055" i="2" a="1"/>
  <c r="G3055" i="2" s="1"/>
  <c r="G3043" i="2" a="1"/>
  <c r="G3043" i="2" s="1"/>
  <c r="G3051" i="2" a="1"/>
  <c r="G3051" i="2" s="1"/>
  <c r="G3035" i="2" a="1"/>
  <c r="G3035" i="2" s="1"/>
  <c r="G3040" i="2" a="1"/>
  <c r="G3040" i="2" s="1"/>
  <c r="G3046" i="2" a="1"/>
  <c r="G3046" i="2" s="1"/>
  <c r="G3037" i="2" a="1"/>
  <c r="G3037" i="2" s="1"/>
  <c r="G3039" i="2" a="1"/>
  <c r="G3039" i="2" s="1"/>
  <c r="G3054" i="2" a="1"/>
  <c r="G3054" i="2" s="1"/>
  <c r="K4139" i="2"/>
  <c r="K4113" i="5" s="1"/>
  <c r="J4139" i="2"/>
  <c r="J4113" i="5" s="1"/>
  <c r="N4113" i="5" s="1"/>
  <c r="M4139" i="2"/>
  <c r="M4113" i="5" s="1"/>
  <c r="P4113" i="5" s="1"/>
  <c r="L4139" i="2"/>
  <c r="L4113" i="5" s="1"/>
  <c r="I4139" i="2"/>
  <c r="I4113" i="5" s="1"/>
  <c r="AZ13" i="1"/>
  <c r="AU31" i="1" s="1"/>
  <c r="L4153" i="2"/>
  <c r="L4127" i="5" s="1"/>
  <c r="C170" i="5"/>
  <c r="K5283" i="2"/>
  <c r="K5257" i="5" s="1"/>
  <c r="M5283" i="2"/>
  <c r="M5257" i="5" s="1"/>
  <c r="P5257" i="5" s="1"/>
  <c r="L5283" i="2"/>
  <c r="L5257" i="5" s="1"/>
  <c r="C178" i="5"/>
  <c r="K4144" i="2" l="1"/>
  <c r="K4118" i="5" s="1"/>
  <c r="I4912" i="2"/>
  <c r="I4886" i="5" s="1"/>
  <c r="M5270" i="2"/>
  <c r="M5244" i="5" s="1"/>
  <c r="P5244" i="5" s="1"/>
  <c r="L5945" i="2"/>
  <c r="L5919" i="5" s="1"/>
  <c r="I5283" i="2"/>
  <c r="I5257" i="5" s="1"/>
  <c r="J5279" i="2"/>
  <c r="J5253" i="5" s="1"/>
  <c r="N5253" i="5" s="1"/>
  <c r="J1429" i="2"/>
  <c r="J1403" i="5" s="1"/>
  <c r="N1403" i="5" s="1"/>
  <c r="M5275" i="2"/>
  <c r="M5249" i="5" s="1"/>
  <c r="P5249" i="5" s="1"/>
  <c r="O5257" i="5"/>
  <c r="O4113" i="5"/>
  <c r="L2241" i="2"/>
  <c r="L2215" i="5" s="1"/>
  <c r="I4685" i="2"/>
  <c r="I4659" i="5" s="1"/>
  <c r="I5288" i="2"/>
  <c r="I5262" i="5" s="1"/>
  <c r="J6107" i="2"/>
  <c r="J6081" i="5" s="1"/>
  <c r="N6081" i="5" s="1"/>
  <c r="M6979" i="2"/>
  <c r="M6953" i="5" s="1"/>
  <c r="P6953" i="5" s="1"/>
  <c r="M8632" i="2"/>
  <c r="M8606" i="5" s="1"/>
  <c r="P8606" i="5" s="1"/>
  <c r="I4173" i="2"/>
  <c r="I4147" i="5" s="1"/>
  <c r="L7453" i="2"/>
  <c r="L7427" i="5" s="1"/>
  <c r="K4165" i="2"/>
  <c r="K4139" i="5" s="1"/>
  <c r="J5278" i="2"/>
  <c r="J5252" i="5" s="1"/>
  <c r="N5252" i="5" s="1"/>
  <c r="J5283" i="2"/>
  <c r="J5257" i="5" s="1"/>
  <c r="N5257" i="5" s="1"/>
  <c r="K4171" i="2"/>
  <c r="K4145" i="5" s="1"/>
  <c r="M5982" i="2"/>
  <c r="M5956" i="5" s="1"/>
  <c r="P5956" i="5" s="1"/>
  <c r="I3076" i="2"/>
  <c r="I3050" i="5" s="1"/>
  <c r="K7872" i="2"/>
  <c r="K7846" i="5" s="1"/>
  <c r="K7879" i="2"/>
  <c r="K7853" i="5" s="1"/>
  <c r="M4147" i="2"/>
  <c r="M4121" i="5" s="1"/>
  <c r="P4121" i="5" s="1"/>
  <c r="L616" i="2"/>
  <c r="L590" i="5" s="1"/>
  <c r="L6110" i="2"/>
  <c r="L6084" i="5" s="1"/>
  <c r="O6084" i="5" s="1"/>
  <c r="J6110" i="2"/>
  <c r="J6084" i="5" s="1"/>
  <c r="N6084" i="5" s="1"/>
  <c r="I6110" i="2"/>
  <c r="I6084" i="5" s="1"/>
  <c r="L4167" i="2"/>
  <c r="L4141" i="5" s="1"/>
  <c r="J4148" i="2"/>
  <c r="J4122" i="5" s="1"/>
  <c r="N4122" i="5" s="1"/>
  <c r="L4175" i="2"/>
  <c r="L4149" i="5" s="1"/>
  <c r="J4669" i="2"/>
  <c r="J4643" i="5" s="1"/>
  <c r="N4643" i="5" s="1"/>
  <c r="L3803" i="2"/>
  <c r="L3777" i="5" s="1"/>
  <c r="J8527" i="2"/>
  <c r="J8501" i="5" s="1"/>
  <c r="N8501" i="5" s="1"/>
  <c r="J6978" i="2"/>
  <c r="J6952" i="5" s="1"/>
  <c r="N6952" i="5" s="1"/>
  <c r="I6118" i="2"/>
  <c r="I6092" i="5" s="1"/>
  <c r="J7361" i="2"/>
  <c r="J7335" i="5" s="1"/>
  <c r="N7335" i="5" s="1"/>
  <c r="K4328" i="2"/>
  <c r="K4302" i="5" s="1"/>
  <c r="J5961" i="2"/>
  <c r="J5935" i="5" s="1"/>
  <c r="N5935" i="5" s="1"/>
  <c r="J6109" i="2"/>
  <c r="J6083" i="5" s="1"/>
  <c r="N6083" i="5" s="1"/>
  <c r="K5947" i="2"/>
  <c r="K5921" i="5" s="1"/>
  <c r="I5947" i="2"/>
  <c r="I5921" i="5" s="1"/>
  <c r="M5947" i="2"/>
  <c r="M5921" i="5" s="1"/>
  <c r="P5921" i="5" s="1"/>
  <c r="L5947" i="2"/>
  <c r="L5921" i="5" s="1"/>
  <c r="M1928" i="2"/>
  <c r="M1902" i="5" s="1"/>
  <c r="P1902" i="5" s="1"/>
  <c r="K7033" i="2"/>
  <c r="K7007" i="5" s="1"/>
  <c r="K7361" i="2"/>
  <c r="K7335" i="5" s="1"/>
  <c r="L8164" i="2"/>
  <c r="L8138" i="5" s="1"/>
  <c r="I6985" i="2"/>
  <c r="I6959" i="5" s="1"/>
  <c r="L5941" i="2"/>
  <c r="L5915" i="5" s="1"/>
  <c r="J5960" i="2"/>
  <c r="J5934" i="5" s="1"/>
  <c r="N5934" i="5" s="1"/>
  <c r="K7873" i="2"/>
  <c r="K7847" i="5" s="1"/>
  <c r="K8164" i="2"/>
  <c r="K8138" i="5" s="1"/>
  <c r="K4685" i="2"/>
  <c r="K4659" i="5" s="1"/>
  <c r="L4685" i="2"/>
  <c r="L4659" i="5" s="1"/>
  <c r="M8164" i="2"/>
  <c r="M8138" i="5" s="1"/>
  <c r="P8138" i="5" s="1"/>
  <c r="J8164" i="2"/>
  <c r="J8138" i="5" s="1"/>
  <c r="N8138" i="5" s="1"/>
  <c r="M8708" i="2"/>
  <c r="M8682" i="5" s="1"/>
  <c r="P8682" i="5" s="1"/>
  <c r="I4152" i="2"/>
  <c r="I4126" i="5" s="1"/>
  <c r="I5944" i="2"/>
  <c r="I5918" i="5" s="1"/>
  <c r="M5960" i="2"/>
  <c r="M5934" i="5" s="1"/>
  <c r="P5934" i="5" s="1"/>
  <c r="K4316" i="2"/>
  <c r="K4290" i="5" s="1"/>
  <c r="I6284" i="2"/>
  <c r="I6258" i="5" s="1"/>
  <c r="K6116" i="2"/>
  <c r="K6090" i="5" s="1"/>
  <c r="J4161" i="2"/>
  <c r="J4135" i="5" s="1"/>
  <c r="N4135" i="5" s="1"/>
  <c r="L7308" i="2"/>
  <c r="L7282" i="5" s="1"/>
  <c r="J5287" i="2"/>
  <c r="J5261" i="5" s="1"/>
  <c r="N5261" i="5" s="1"/>
  <c r="K4671" i="2"/>
  <c r="K4645" i="5" s="1"/>
  <c r="J6985" i="2"/>
  <c r="J6959" i="5" s="1"/>
  <c r="N6959" i="5" s="1"/>
  <c r="M4570" i="2"/>
  <c r="M4544" i="5" s="1"/>
  <c r="P4544" i="5" s="1"/>
  <c r="I6121" i="2"/>
  <c r="I6095" i="5" s="1"/>
  <c r="L5960" i="2"/>
  <c r="L5934" i="5" s="1"/>
  <c r="M3254" i="2"/>
  <c r="M3228" i="5" s="1"/>
  <c r="P3228" i="5" s="1"/>
  <c r="L2223" i="2"/>
  <c r="L2197" i="5" s="1"/>
  <c r="K5960" i="2"/>
  <c r="K5934" i="5" s="1"/>
  <c r="M3080" i="2"/>
  <c r="M3054" i="5" s="1"/>
  <c r="P3054" i="5" s="1"/>
  <c r="J6121" i="2"/>
  <c r="J6095" i="5" s="1"/>
  <c r="N6095" i="5" s="1"/>
  <c r="K4575" i="2"/>
  <c r="K4549" i="5" s="1"/>
  <c r="L6121" i="2"/>
  <c r="L6095" i="5" s="1"/>
  <c r="L7872" i="2"/>
  <c r="L7846" i="5" s="1"/>
  <c r="K4148" i="2"/>
  <c r="K4122" i="5" s="1"/>
  <c r="I1959" i="2"/>
  <c r="I1933" i="5" s="1"/>
  <c r="M2128" i="2"/>
  <c r="M2102" i="5" s="1"/>
  <c r="P2102" i="5" s="1"/>
  <c r="M8718" i="2"/>
  <c r="M8692" i="5" s="1"/>
  <c r="P8692" i="5" s="1"/>
  <c r="M7872" i="2"/>
  <c r="M7846" i="5" s="1"/>
  <c r="P7846" i="5" s="1"/>
  <c r="I8352" i="2"/>
  <c r="I8326" i="5" s="1"/>
  <c r="M5941" i="2"/>
  <c r="M5915" i="5" s="1"/>
  <c r="P5915" i="5" s="1"/>
  <c r="L6002" i="2"/>
  <c r="L5976" i="5" s="1"/>
  <c r="I2241" i="2"/>
  <c r="I2215" i="5" s="1"/>
  <c r="M2241" i="2"/>
  <c r="M2215" i="5" s="1"/>
  <c r="P2215" i="5" s="1"/>
  <c r="I5186" i="2"/>
  <c r="I5160" i="5" s="1"/>
  <c r="M7453" i="2"/>
  <c r="M7427" i="5" s="1"/>
  <c r="P7427" i="5" s="1"/>
  <c r="I5960" i="2"/>
  <c r="I5934" i="5" s="1"/>
  <c r="I4929" i="2"/>
  <c r="I4903" i="5" s="1"/>
  <c r="K2241" i="2"/>
  <c r="K2215" i="5" s="1"/>
  <c r="M4328" i="2"/>
  <c r="M4302" i="5" s="1"/>
  <c r="P4302" i="5" s="1"/>
  <c r="J2241" i="2"/>
  <c r="J2215" i="5" s="1"/>
  <c r="N2215" i="5" s="1"/>
  <c r="K7870" i="2"/>
  <c r="K7844" i="5" s="1"/>
  <c r="M425" i="2"/>
  <c r="M399" i="5" s="1"/>
  <c r="P399" i="5" s="1"/>
  <c r="J2437" i="2"/>
  <c r="J2411" i="5" s="1"/>
  <c r="N2411" i="5" s="1"/>
  <c r="L6791" i="2"/>
  <c r="L6765" i="5" s="1"/>
  <c r="L2238" i="2"/>
  <c r="L2212" i="5" s="1"/>
  <c r="J5944" i="2"/>
  <c r="J5918" i="5" s="1"/>
  <c r="N5918" i="5" s="1"/>
  <c r="K5944" i="2"/>
  <c r="K5918" i="5" s="1"/>
  <c r="L5944" i="2"/>
  <c r="L5918" i="5" s="1"/>
  <c r="M5944" i="2"/>
  <c r="M5918" i="5" s="1"/>
  <c r="P5918" i="5" s="1"/>
  <c r="J6112" i="2"/>
  <c r="J6086" i="5" s="1"/>
  <c r="N6086" i="5" s="1"/>
  <c r="L1740" i="2"/>
  <c r="L1714" i="5" s="1"/>
  <c r="I7878" i="2"/>
  <c r="I7852" i="5" s="1"/>
  <c r="K1303" i="2"/>
  <c r="K1277" i="5" s="1"/>
  <c r="L5956" i="2"/>
  <c r="L5930" i="5" s="1"/>
  <c r="M4313" i="2"/>
  <c r="M4287" i="5" s="1"/>
  <c r="P4287" i="5" s="1"/>
  <c r="K7762" i="2"/>
  <c r="K7736" i="5" s="1"/>
  <c r="I1968" i="2"/>
  <c r="I1942" i="5" s="1"/>
  <c r="L1572" i="2"/>
  <c r="L1546" i="5" s="1"/>
  <c r="K1936" i="2"/>
  <c r="K1910" i="5" s="1"/>
  <c r="J3073" i="2"/>
  <c r="J3047" i="5" s="1"/>
  <c r="N3047" i="5" s="1"/>
  <c r="M3803" i="2"/>
  <c r="M3777" i="5" s="1"/>
  <c r="P3777" i="5" s="1"/>
  <c r="I2731" i="2"/>
  <c r="I2705" i="5" s="1"/>
  <c r="L6829" i="2"/>
  <c r="L6803" i="5" s="1"/>
  <c r="M4184" i="2"/>
  <c r="M4158" i="5" s="1"/>
  <c r="P4158" i="5" s="1"/>
  <c r="I8519" i="2"/>
  <c r="I8493" i="5" s="1"/>
  <c r="K7031" i="2"/>
  <c r="K7005" i="5" s="1"/>
  <c r="J2229" i="2"/>
  <c r="J2203" i="5" s="1"/>
  <c r="N2203" i="5" s="1"/>
  <c r="I4313" i="2"/>
  <c r="I4287" i="5" s="1"/>
  <c r="J1303" i="2"/>
  <c r="J1277" i="5" s="1"/>
  <c r="L4827" i="2"/>
  <c r="L4801" i="5" s="1"/>
  <c r="AR293" i="1"/>
  <c r="K1963" i="2"/>
  <c r="K1937" i="5" s="1"/>
  <c r="K5956" i="2"/>
  <c r="K5930" i="5" s="1"/>
  <c r="K203" i="2"/>
  <c r="K177" i="5" s="1"/>
  <c r="M4819" i="2"/>
  <c r="M4793" i="5" s="1"/>
  <c r="P4793" i="5" s="1"/>
  <c r="M5322" i="2"/>
  <c r="M5296" i="5" s="1"/>
  <c r="P5296" i="5" s="1"/>
  <c r="I3608" i="2"/>
  <c r="I3582" i="5" s="1"/>
  <c r="K7814" i="2"/>
  <c r="K7788" i="5" s="1"/>
  <c r="K5959" i="2"/>
  <c r="K5933" i="5" s="1"/>
  <c r="J7808" i="2"/>
  <c r="J7782" i="5" s="1"/>
  <c r="N7782" i="5" s="1"/>
  <c r="I4824" i="2"/>
  <c r="I4798" i="5" s="1"/>
  <c r="I8708" i="2"/>
  <c r="I8682" i="5" s="1"/>
  <c r="J5942" i="2"/>
  <c r="J5916" i="5" s="1"/>
  <c r="N5916" i="5" s="1"/>
  <c r="L6113" i="2"/>
  <c r="L6087" i="5" s="1"/>
  <c r="M2223" i="2"/>
  <c r="M2197" i="5" s="1"/>
  <c r="P2197" i="5" s="1"/>
  <c r="J5115" i="2"/>
  <c r="J5089" i="5" s="1"/>
  <c r="N5089" i="5" s="1"/>
  <c r="J7617" i="2"/>
  <c r="J7591" i="5" s="1"/>
  <c r="N7591" i="5" s="1"/>
  <c r="K6315" i="2"/>
  <c r="K6289" i="5" s="1"/>
  <c r="I7453" i="2"/>
  <c r="I7427" i="5" s="1"/>
  <c r="J8707" i="2"/>
  <c r="J8681" i="5" s="1"/>
  <c r="J7453" i="2"/>
  <c r="J7427" i="5" s="1"/>
  <c r="L6018" i="2"/>
  <c r="L5992" i="5" s="1"/>
  <c r="L7261" i="2"/>
  <c r="L7235" i="5" s="1"/>
  <c r="L4987" i="2"/>
  <c r="L4961" i="5" s="1"/>
  <c r="J4675" i="2"/>
  <c r="J4649" i="5" s="1"/>
  <c r="N4649" i="5" s="1"/>
  <c r="J4674" i="2"/>
  <c r="J4648" i="5" s="1"/>
  <c r="N4648" i="5" s="1"/>
  <c r="K4780" i="2"/>
  <c r="K4754" i="5" s="1"/>
  <c r="K6108" i="2"/>
  <c r="K6082" i="5" s="1"/>
  <c r="J5959" i="2"/>
  <c r="J5933" i="5" s="1"/>
  <c r="N5933" i="5" s="1"/>
  <c r="L8044" i="2"/>
  <c r="L8018" i="5" s="1"/>
  <c r="K1066" i="2"/>
  <c r="K1040" i="5" s="1"/>
  <c r="I4979" i="2"/>
  <c r="I4953" i="5" s="1"/>
  <c r="M4571" i="2"/>
  <c r="M4545" i="5" s="1"/>
  <c r="P4545" i="5" s="1"/>
  <c r="M7814" i="2"/>
  <c r="M7788" i="5" s="1"/>
  <c r="P7788" i="5" s="1"/>
  <c r="J2448" i="2"/>
  <c r="J2422" i="5" s="1"/>
  <c r="N2422" i="5" s="1"/>
  <c r="M5601" i="2"/>
  <c r="M5575" i="5" s="1"/>
  <c r="P5575" i="5" s="1"/>
  <c r="M4575" i="2"/>
  <c r="M4549" i="5" s="1"/>
  <c r="P4549" i="5" s="1"/>
  <c r="K3077" i="2"/>
  <c r="K3051" i="5" s="1"/>
  <c r="L6109" i="2"/>
  <c r="L6083" i="5" s="1"/>
  <c r="I2132" i="2"/>
  <c r="I2106" i="5" s="1"/>
  <c r="I1457" i="2"/>
  <c r="I1431" i="5" s="1"/>
  <c r="L3590" i="2"/>
  <c r="L3564" i="5" s="1"/>
  <c r="K6114" i="2"/>
  <c r="K6088" i="5" s="1"/>
  <c r="J5645" i="2"/>
  <c r="J5619" i="5" s="1"/>
  <c r="N5619" i="5" s="1"/>
  <c r="K8708" i="2"/>
  <c r="K8682" i="5" s="1"/>
  <c r="J8776" i="2"/>
  <c r="J8750" i="5" s="1"/>
  <c r="N8750" i="5" s="1"/>
  <c r="J7814" i="2"/>
  <c r="J7788" i="5" s="1"/>
  <c r="N7788" i="5" s="1"/>
  <c r="L8708" i="2"/>
  <c r="L8682" i="5" s="1"/>
  <c r="K4589" i="2"/>
  <c r="K4563" i="5" s="1"/>
  <c r="J6179" i="2"/>
  <c r="J6153" i="5" s="1"/>
  <c r="N6153" i="5" s="1"/>
  <c r="I2998" i="2"/>
  <c r="I2972" i="5" s="1"/>
  <c r="J4323" i="2"/>
  <c r="J4297" i="5" s="1"/>
  <c r="N4297" i="5" s="1"/>
  <c r="K7977" i="2"/>
  <c r="K7951" i="5" s="1"/>
  <c r="M5272" i="2"/>
  <c r="M5246" i="5" s="1"/>
  <c r="P5246" i="5" s="1"/>
  <c r="M7020" i="2"/>
  <c r="M6994" i="5" s="1"/>
  <c r="P6994" i="5" s="1"/>
  <c r="J7609" i="2"/>
  <c r="J7583" i="5" s="1"/>
  <c r="N7583" i="5" s="1"/>
  <c r="K4490" i="2"/>
  <c r="K4464" i="5" s="1"/>
  <c r="K5946" i="2"/>
  <c r="K5920" i="5" s="1"/>
  <c r="K1578" i="2"/>
  <c r="K1552" i="5" s="1"/>
  <c r="K6113" i="2"/>
  <c r="K6087" i="5" s="1"/>
  <c r="M6113" i="2"/>
  <c r="M6087" i="5" s="1"/>
  <c r="P6087" i="5" s="1"/>
  <c r="J6113" i="2"/>
  <c r="J6087" i="5" s="1"/>
  <c r="N6087" i="5" s="1"/>
  <c r="J2223" i="2"/>
  <c r="J2197" i="5" s="1"/>
  <c r="N2197" i="5" s="1"/>
  <c r="K2223" i="2"/>
  <c r="K2197" i="5" s="1"/>
  <c r="I6282" i="2"/>
  <c r="I6256" i="5" s="1"/>
  <c r="I6113" i="2"/>
  <c r="I6087" i="5" s="1"/>
  <c r="K4981" i="2"/>
  <c r="K4955" i="5" s="1"/>
  <c r="J1224" i="2"/>
  <c r="J1198" i="5" s="1"/>
  <c r="N1198" i="5" s="1"/>
  <c r="L4490" i="2"/>
  <c r="L4464" i="5" s="1"/>
  <c r="K7669" i="2"/>
  <c r="K7643" i="5" s="1"/>
  <c r="L3138" i="2"/>
  <c r="L3112" i="5" s="1"/>
  <c r="M1591" i="2"/>
  <c r="M1565" i="5" s="1"/>
  <c r="P1565" i="5" s="1"/>
  <c r="I5279" i="2"/>
  <c r="I5253" i="5" s="1"/>
  <c r="I1904" i="2"/>
  <c r="I1878" i="5" s="1"/>
  <c r="M1885" i="2"/>
  <c r="M1859" i="5" s="1"/>
  <c r="P1859" i="5" s="1"/>
  <c r="L4772" i="2"/>
  <c r="L4746" i="5" s="1"/>
  <c r="I6129" i="2"/>
  <c r="I6103" i="5" s="1"/>
  <c r="L3575" i="2"/>
  <c r="L3549" i="5" s="1"/>
  <c r="J5956" i="2"/>
  <c r="J5930" i="5" s="1"/>
  <c r="N5930" i="5" s="1"/>
  <c r="M3991" i="2"/>
  <c r="M3965" i="5" s="1"/>
  <c r="P3965" i="5" s="1"/>
  <c r="L8168" i="2"/>
  <c r="L8142" i="5" s="1"/>
  <c r="J895" i="2"/>
  <c r="J869" i="5" s="1"/>
  <c r="N869" i="5" s="1"/>
  <c r="I7872" i="2"/>
  <c r="I7846" i="5" s="1"/>
  <c r="I4164" i="2"/>
  <c r="I4138" i="5" s="1"/>
  <c r="I3483" i="2"/>
  <c r="I3457" i="5" s="1"/>
  <c r="J6118" i="2"/>
  <c r="J6092" i="5" s="1"/>
  <c r="N6092" i="5" s="1"/>
  <c r="J4328" i="2"/>
  <c r="J4302" i="5" s="1"/>
  <c r="N4302" i="5" s="1"/>
  <c r="J652" i="2"/>
  <c r="J626" i="5" s="1"/>
  <c r="N626" i="5" s="1"/>
  <c r="K4810" i="2"/>
  <c r="K4784" i="5" s="1"/>
  <c r="J8702" i="2"/>
  <c r="J8676" i="5" s="1"/>
  <c r="N8676" i="5" s="1"/>
  <c r="K5945" i="2"/>
  <c r="K5919" i="5" s="1"/>
  <c r="O5919" i="5" s="1"/>
  <c r="J8708" i="2"/>
  <c r="J8682" i="5" s="1"/>
  <c r="N8682" i="5" s="1"/>
  <c r="J4171" i="2"/>
  <c r="J4145" i="5" s="1"/>
  <c r="N4145" i="5" s="1"/>
  <c r="M652" i="2"/>
  <c r="M626" i="5" s="1"/>
  <c r="P626" i="5" s="1"/>
  <c r="M4235" i="2"/>
  <c r="M4209" i="5" s="1"/>
  <c r="P4209" i="5" s="1"/>
  <c r="M7606" i="2"/>
  <c r="M7580" i="5" s="1"/>
  <c r="P7580" i="5" s="1"/>
  <c r="L6128" i="2"/>
  <c r="L6102" i="5" s="1"/>
  <c r="I4171" i="2"/>
  <c r="I4145" i="5" s="1"/>
  <c r="K7501" i="2"/>
  <c r="K7475" i="5" s="1"/>
  <c r="K7433" i="2"/>
  <c r="K7407" i="5" s="1"/>
  <c r="M4772" i="2"/>
  <c r="M4746" i="5" s="1"/>
  <c r="P4746" i="5" s="1"/>
  <c r="J7871" i="2"/>
  <c r="J7845" i="5" s="1"/>
  <c r="N7845" i="5" s="1"/>
  <c r="I6988" i="2"/>
  <c r="I6962" i="5" s="1"/>
  <c r="I6979" i="2"/>
  <c r="I6953" i="5" s="1"/>
  <c r="I4312" i="2"/>
  <c r="I4286" i="5" s="1"/>
  <c r="K6118" i="2"/>
  <c r="K6092" i="5" s="1"/>
  <c r="I8435" i="2"/>
  <c r="I8409" i="5" s="1"/>
  <c r="I920" i="2"/>
  <c r="I894" i="5" s="1"/>
  <c r="J1740" i="2"/>
  <c r="J1714" i="5" s="1"/>
  <c r="N1714" i="5" s="1"/>
  <c r="L3805" i="2"/>
  <c r="L3779" i="5" s="1"/>
  <c r="K8184" i="2"/>
  <c r="K8158" i="5" s="1"/>
  <c r="I4810" i="2"/>
  <c r="I4784" i="5" s="1"/>
  <c r="L8789" i="2"/>
  <c r="L8763" i="5" s="1"/>
  <c r="M7859" i="2"/>
  <c r="M7833" i="5" s="1"/>
  <c r="P7833" i="5" s="1"/>
  <c r="J6111" i="2"/>
  <c r="J6085" i="5" s="1"/>
  <c r="N6085" i="5" s="1"/>
  <c r="I6989" i="2"/>
  <c r="I6963" i="5" s="1"/>
  <c r="L4328" i="2"/>
  <c r="L4302" i="5" s="1"/>
  <c r="M4138" i="2"/>
  <c r="M4112" i="5" s="1"/>
  <c r="P4112" i="5" s="1"/>
  <c r="I8146" i="2"/>
  <c r="I8120" i="5" s="1"/>
  <c r="J6977" i="2"/>
  <c r="J6951" i="5" s="1"/>
  <c r="N6951" i="5" s="1"/>
  <c r="J7872" i="2"/>
  <c r="J7846" i="5" s="1"/>
  <c r="N7846" i="5" s="1"/>
  <c r="M8168" i="2"/>
  <c r="M8142" i="5" s="1"/>
  <c r="P8142" i="5" s="1"/>
  <c r="I4589" i="2"/>
  <c r="I4563" i="5" s="1"/>
  <c r="L4911" i="2"/>
  <c r="L4885" i="5" s="1"/>
  <c r="L4924" i="2"/>
  <c r="L4898" i="5" s="1"/>
  <c r="M1465" i="2"/>
  <c r="M1439" i="5" s="1"/>
  <c r="P1439" i="5" s="1"/>
  <c r="L425" i="2"/>
  <c r="L399" i="5" s="1"/>
  <c r="M7465" i="2"/>
  <c r="M7439" i="5" s="1"/>
  <c r="P7439" i="5" s="1"/>
  <c r="I6523" i="2"/>
  <c r="I6497" i="5" s="1"/>
  <c r="I5110" i="2"/>
  <c r="I5084" i="5" s="1"/>
  <c r="J4476" i="2"/>
  <c r="J4450" i="5" s="1"/>
  <c r="N4450" i="5" s="1"/>
  <c r="J7860" i="2"/>
  <c r="J7834" i="5" s="1"/>
  <c r="N7834" i="5" s="1"/>
  <c r="I5645" i="2"/>
  <c r="I5619" i="5" s="1"/>
  <c r="I3575" i="2"/>
  <c r="I3549" i="5" s="1"/>
  <c r="K6982" i="2"/>
  <c r="K6956" i="5" s="1"/>
  <c r="L4979" i="2"/>
  <c r="L4953" i="5" s="1"/>
  <c r="K6121" i="2"/>
  <c r="K6095" i="5" s="1"/>
  <c r="K2998" i="2"/>
  <c r="K2972" i="5" s="1"/>
  <c r="K6129" i="2"/>
  <c r="K6103" i="5" s="1"/>
  <c r="J4981" i="2"/>
  <c r="J4955" i="5" s="1"/>
  <c r="M5099" i="2"/>
  <c r="M5073" i="5" s="1"/>
  <c r="P5073" i="5" s="1"/>
  <c r="L1962" i="2"/>
  <c r="L1936" i="5" s="1"/>
  <c r="I4328" i="2"/>
  <c r="I4302" i="5" s="1"/>
  <c r="I5945" i="2"/>
  <c r="I5919" i="5" s="1"/>
  <c r="M1416" i="2"/>
  <c r="M1390" i="5" s="1"/>
  <c r="P1390" i="5" s="1"/>
  <c r="M7813" i="2"/>
  <c r="M7787" i="5" s="1"/>
  <c r="P7787" i="5" s="1"/>
  <c r="J5825" i="2"/>
  <c r="J5799" i="5" s="1"/>
  <c r="N5799" i="5" s="1"/>
  <c r="M5428" i="2"/>
  <c r="M5402" i="5" s="1"/>
  <c r="P5402" i="5" s="1"/>
  <c r="K7333" i="2"/>
  <c r="K7307" i="5" s="1"/>
  <c r="J7023" i="2"/>
  <c r="J6997" i="5" s="1"/>
  <c r="N6997" i="5" s="1"/>
  <c r="J7020" i="2"/>
  <c r="J6994" i="5" s="1"/>
  <c r="N6994" i="5" s="1"/>
  <c r="J2659" i="2"/>
  <c r="J2633" i="5" s="1"/>
  <c r="N2633" i="5" s="1"/>
  <c r="I1303" i="2"/>
  <c r="I1277" i="5" s="1"/>
  <c r="K8183" i="2"/>
  <c r="K8157" i="5" s="1"/>
  <c r="J5940" i="2"/>
  <c r="J5914" i="5" s="1"/>
  <c r="N5914" i="5" s="1"/>
  <c r="L3469" i="2"/>
  <c r="L3443" i="5" s="1"/>
  <c r="K3072" i="2"/>
  <c r="K3046" i="5" s="1"/>
  <c r="J4589" i="2"/>
  <c r="J4563" i="5" s="1"/>
  <c r="N4563" i="5" s="1"/>
  <c r="J4242" i="2"/>
  <c r="J4216" i="5" s="1"/>
  <c r="L8442" i="2"/>
  <c r="L8416" i="5" s="1"/>
  <c r="L710" i="2"/>
  <c r="L684" i="5" s="1"/>
  <c r="L6267" i="2"/>
  <c r="L6241" i="5" s="1"/>
  <c r="J1439" i="2"/>
  <c r="J1413" i="5" s="1"/>
  <c r="N1413" i="5" s="1"/>
  <c r="J8147" i="2"/>
  <c r="J8121" i="5" s="1"/>
  <c r="N8121" i="5" s="1"/>
  <c r="I4768" i="2"/>
  <c r="I4742" i="5" s="1"/>
  <c r="J4490" i="2"/>
  <c r="J4464" i="5" s="1"/>
  <c r="N4464" i="5" s="1"/>
  <c r="I1299" i="2"/>
  <c r="I1273" i="5" s="1"/>
  <c r="M4589" i="2"/>
  <c r="M4563" i="5" s="1"/>
  <c r="P4563" i="5" s="1"/>
  <c r="M143" i="2"/>
  <c r="M117" i="5" s="1"/>
  <c r="P117" i="5" s="1"/>
  <c r="M6646" i="2"/>
  <c r="M6620" i="5" s="1"/>
  <c r="P6620" i="5" s="1"/>
  <c r="I7870" i="2"/>
  <c r="I7844" i="5" s="1"/>
  <c r="I4316" i="2"/>
  <c r="I4290" i="5" s="1"/>
  <c r="J5945" i="2"/>
  <c r="J5919" i="5" s="1"/>
  <c r="N5919" i="5" s="1"/>
  <c r="J3076" i="2"/>
  <c r="J3050" i="5" s="1"/>
  <c r="N3050" i="5" s="1"/>
  <c r="J715" i="2"/>
  <c r="J689" i="5" s="1"/>
  <c r="N689" i="5" s="1"/>
  <c r="L270" i="2"/>
  <c r="L244" i="5" s="1"/>
  <c r="K7500" i="2"/>
  <c r="K7474" i="5" s="1"/>
  <c r="K6183" i="2"/>
  <c r="K6157" i="5" s="1"/>
  <c r="L4094" i="2"/>
  <c r="L4068" i="5" s="1"/>
  <c r="K7598" i="2"/>
  <c r="K7572" i="5" s="1"/>
  <c r="L5943" i="2"/>
  <c r="L5917" i="5" s="1"/>
  <c r="L1462" i="2"/>
  <c r="L1436" i="5" s="1"/>
  <c r="L638" i="2"/>
  <c r="L612" i="5" s="1"/>
  <c r="L2565" i="2"/>
  <c r="L2539" i="5" s="1"/>
  <c r="J5272" i="2"/>
  <c r="J5246" i="5" s="1"/>
  <c r="N5246" i="5" s="1"/>
  <c r="M5945" i="2"/>
  <c r="M5919" i="5" s="1"/>
  <c r="P5919" i="5" s="1"/>
  <c r="I5956" i="2"/>
  <c r="I5930" i="5" s="1"/>
  <c r="L4316" i="2"/>
  <c r="L4290" i="5" s="1"/>
  <c r="M5956" i="2"/>
  <c r="M5930" i="5" s="1"/>
  <c r="P5930" i="5" s="1"/>
  <c r="L7814" i="2"/>
  <c r="L7788" i="5" s="1"/>
  <c r="I1940" i="2"/>
  <c r="I1914" i="5" s="1"/>
  <c r="L3488" i="2"/>
  <c r="L3462" i="5" s="1"/>
  <c r="M4316" i="2"/>
  <c r="M4290" i="5" s="1"/>
  <c r="P4290" i="5" s="1"/>
  <c r="I7814" i="2"/>
  <c r="I7788" i="5" s="1"/>
  <c r="M6127" i="2"/>
  <c r="M6101" i="5" s="1"/>
  <c r="P6101" i="5" s="1"/>
  <c r="J4154" i="2"/>
  <c r="J4128" i="5" s="1"/>
  <c r="N4128" i="5" s="1"/>
  <c r="I4415" i="2"/>
  <c r="I4389" i="5" s="1"/>
  <c r="J1973" i="2"/>
  <c r="J1947" i="5" s="1"/>
  <c r="N1947" i="5" s="1"/>
  <c r="I8687" i="2"/>
  <c r="I8661" i="5" s="1"/>
  <c r="M7873" i="2"/>
  <c r="M7847" i="5" s="1"/>
  <c r="P7847" i="5" s="1"/>
  <c r="L5278" i="2"/>
  <c r="L5252" i="5" s="1"/>
  <c r="L7026" i="2"/>
  <c r="L7000" i="5" s="1"/>
  <c r="I1084" i="2"/>
  <c r="I1058" i="5" s="1"/>
  <c r="J8780" i="2"/>
  <c r="J8754" i="5" s="1"/>
  <c r="N8754" i="5" s="1"/>
  <c r="J6120" i="2"/>
  <c r="J6094" i="5" s="1"/>
  <c r="N6094" i="5" s="1"/>
  <c r="L7322" i="2"/>
  <c r="L7296" i="5" s="1"/>
  <c r="L2986" i="2"/>
  <c r="L2960" i="5" s="1"/>
  <c r="M1303" i="2"/>
  <c r="M1277" i="5" s="1"/>
  <c r="P1277" i="5" s="1"/>
  <c r="K5967" i="2"/>
  <c r="K5941" i="5" s="1"/>
  <c r="AR172" i="1"/>
  <c r="L1303" i="2"/>
  <c r="L1277" i="5" s="1"/>
  <c r="J8042" i="2"/>
  <c r="J8016" i="5" s="1"/>
  <c r="N8016" i="5" s="1"/>
  <c r="J742" i="2"/>
  <c r="J716" i="5" s="1"/>
  <c r="N716" i="5" s="1"/>
  <c r="I4570" i="2"/>
  <c r="I4544" i="5" s="1"/>
  <c r="J4605" i="2"/>
  <c r="J4579" i="5" s="1"/>
  <c r="N4579" i="5" s="1"/>
  <c r="I1957" i="2"/>
  <c r="I1931" i="5" s="1"/>
  <c r="I429" i="2"/>
  <c r="I403" i="5" s="1"/>
  <c r="M7806" i="2"/>
  <c r="M7780" i="5" s="1"/>
  <c r="P7780" i="5" s="1"/>
  <c r="L8526" i="2"/>
  <c r="L8500" i="5" s="1"/>
  <c r="J3469" i="2"/>
  <c r="J3443" i="5" s="1"/>
  <c r="I6308" i="2"/>
  <c r="I6282" i="5" s="1"/>
  <c r="L6199" i="2"/>
  <c r="L6173" i="5" s="1"/>
  <c r="L1302" i="2"/>
  <c r="L1276" i="5" s="1"/>
  <c r="L4315" i="2"/>
  <c r="L4289" i="5" s="1"/>
  <c r="M3063" i="2"/>
  <c r="M3037" i="5" s="1"/>
  <c r="P3037" i="5" s="1"/>
  <c r="I6125" i="2"/>
  <c r="I6099" i="5" s="1"/>
  <c r="L3073" i="2"/>
  <c r="L3047" i="5" s="1"/>
  <c r="L6114" i="2"/>
  <c r="L6088" i="5" s="1"/>
  <c r="J3965" i="2"/>
  <c r="J3939" i="5" s="1"/>
  <c r="N3939" i="5" s="1"/>
  <c r="K5645" i="2"/>
  <c r="K5619" i="5" s="1"/>
  <c r="M5278" i="2"/>
  <c r="M5252" i="5" s="1"/>
  <c r="P5252" i="5" s="1"/>
  <c r="K5278" i="2"/>
  <c r="K5252" i="5" s="1"/>
  <c r="M5940" i="2"/>
  <c r="M5914" i="5" s="1"/>
  <c r="P5914" i="5" s="1"/>
  <c r="L428" i="2"/>
  <c r="L402" i="5" s="1"/>
  <c r="I7784" i="2"/>
  <c r="I7758" i="5" s="1"/>
  <c r="L6781" i="2"/>
  <c r="L6755" i="5" s="1"/>
  <c r="M1968" i="2"/>
  <c r="M1942" i="5" s="1"/>
  <c r="P1942" i="5" s="1"/>
  <c r="L5940" i="2"/>
  <c r="L5914" i="5" s="1"/>
  <c r="J6989" i="2"/>
  <c r="J6963" i="5" s="1"/>
  <c r="K4313" i="2"/>
  <c r="K4287" i="5" s="1"/>
  <c r="I2747" i="2"/>
  <c r="I2721" i="5" s="1"/>
  <c r="I818" i="2"/>
  <c r="I792" i="5" s="1"/>
  <c r="J7282" i="2"/>
  <c r="J7256" i="5" s="1"/>
  <c r="N7256" i="5" s="1"/>
  <c r="M3571" i="2"/>
  <c r="M3545" i="5" s="1"/>
  <c r="P3545" i="5" s="1"/>
  <c r="L6116" i="2"/>
  <c r="L6090" i="5" s="1"/>
  <c r="J4011" i="2"/>
  <c r="J3985" i="5" s="1"/>
  <c r="N3985" i="5" s="1"/>
  <c r="L945" i="2"/>
  <c r="L919" i="5" s="1"/>
  <c r="L3470" i="2"/>
  <c r="L3444" i="5" s="1"/>
  <c r="K4149" i="2"/>
  <c r="K4123" i="5" s="1"/>
  <c r="K4476" i="2"/>
  <c r="K4450" i="5" s="1"/>
  <c r="M4685" i="2"/>
  <c r="M4659" i="5" s="1"/>
  <c r="P4659" i="5" s="1"/>
  <c r="K5099" i="2"/>
  <c r="K5073" i="5" s="1"/>
  <c r="M6121" i="2"/>
  <c r="M6095" i="5" s="1"/>
  <c r="P6095" i="5" s="1"/>
  <c r="I5099" i="2"/>
  <c r="I5073" i="5" s="1"/>
  <c r="M3575" i="2"/>
  <c r="M3549" i="5" s="1"/>
  <c r="P3549" i="5" s="1"/>
  <c r="I4476" i="2"/>
  <c r="I4450" i="5" s="1"/>
  <c r="J4685" i="2"/>
  <c r="J4659" i="5" s="1"/>
  <c r="J5099" i="2"/>
  <c r="J5073" i="5" s="1"/>
  <c r="N5073" i="5" s="1"/>
  <c r="J2569" i="2"/>
  <c r="J2543" i="5" s="1"/>
  <c r="N2543" i="5" s="1"/>
  <c r="K6169" i="2"/>
  <c r="K6143" i="5" s="1"/>
  <c r="K7040" i="2"/>
  <c r="K7014" i="5" s="1"/>
  <c r="K5142" i="2"/>
  <c r="K5116" i="5" s="1"/>
  <c r="M4679" i="2"/>
  <c r="M4653" i="5" s="1"/>
  <c r="P4653" i="5" s="1"/>
  <c r="K3148" i="2"/>
  <c r="K3122" i="5" s="1"/>
  <c r="L8167" i="2"/>
  <c r="L8141" i="5" s="1"/>
  <c r="I1578" i="2"/>
  <c r="I1552" i="5" s="1"/>
  <c r="I3418" i="2"/>
  <c r="I3392" i="5" s="1"/>
  <c r="K7958" i="2"/>
  <c r="K7932" i="5" s="1"/>
  <c r="J7870" i="2"/>
  <c r="J7844" i="5" s="1"/>
  <c r="N7844" i="5" s="1"/>
  <c r="L5955" i="2"/>
  <c r="L5929" i="5" s="1"/>
  <c r="J4575" i="2"/>
  <c r="J4549" i="5" s="1"/>
  <c r="N4549" i="5" s="1"/>
  <c r="J5954" i="2"/>
  <c r="J5928" i="5" s="1"/>
  <c r="N5928" i="5" s="1"/>
  <c r="I7116" i="2"/>
  <c r="I7090" i="5" s="1"/>
  <c r="K6126" i="2"/>
  <c r="K6100" i="5" s="1"/>
  <c r="M4823" i="2"/>
  <c r="M4797" i="5" s="1"/>
  <c r="P4797" i="5" s="1"/>
  <c r="I7597" i="2"/>
  <c r="I7571" i="5" s="1"/>
  <c r="L3567" i="2"/>
  <c r="L3541" i="5" s="1"/>
  <c r="K5952" i="2"/>
  <c r="K5926" i="5" s="1"/>
  <c r="I3813" i="2"/>
  <c r="I3787" i="5" s="1"/>
  <c r="J4572" i="2"/>
  <c r="J4546" i="5" s="1"/>
  <c r="N4546" i="5" s="1"/>
  <c r="L4983" i="2"/>
  <c r="L4957" i="5" s="1"/>
  <c r="J3505" i="2"/>
  <c r="J3479" i="5" s="1"/>
  <c r="N3479" i="5" s="1"/>
  <c r="K1138" i="2"/>
  <c r="K1112" i="5" s="1"/>
  <c r="J2636" i="2"/>
  <c r="J2610" i="5" s="1"/>
  <c r="N2610" i="5" s="1"/>
  <c r="M7350" i="2"/>
  <c r="M7324" i="5" s="1"/>
  <c r="P7324" i="5" s="1"/>
  <c r="I874" i="2"/>
  <c r="I848" i="5" s="1"/>
  <c r="M5696" i="2"/>
  <c r="M5670" i="5" s="1"/>
  <c r="P5670" i="5" s="1"/>
  <c r="J4142" i="2"/>
  <c r="J4116" i="5" s="1"/>
  <c r="N4116" i="5" s="1"/>
  <c r="M4473" i="2"/>
  <c r="M4447" i="5" s="1"/>
  <c r="P4447" i="5" s="1"/>
  <c r="I6122" i="2"/>
  <c r="I6096" i="5" s="1"/>
  <c r="J7875" i="2"/>
  <c r="J7849" i="5" s="1"/>
  <c r="N7849" i="5" s="1"/>
  <c r="M6303" i="2"/>
  <c r="M6277" i="5" s="1"/>
  <c r="P6277" i="5" s="1"/>
  <c r="M3001" i="2"/>
  <c r="M2975" i="5" s="1"/>
  <c r="P2975" i="5" s="1"/>
  <c r="I5948" i="2"/>
  <c r="I5922" i="5" s="1"/>
  <c r="M5959" i="2"/>
  <c r="M5933" i="5" s="1"/>
  <c r="P5933" i="5" s="1"/>
  <c r="K4151" i="2"/>
  <c r="K4125" i="5" s="1"/>
  <c r="M6988" i="2"/>
  <c r="M6962" i="5" s="1"/>
  <c r="P6962" i="5" s="1"/>
  <c r="K3063" i="2"/>
  <c r="K3037" i="5" s="1"/>
  <c r="J6125" i="2"/>
  <c r="J6099" i="5" s="1"/>
  <c r="N6099" i="5" s="1"/>
  <c r="M6118" i="2"/>
  <c r="M6092" i="5" s="1"/>
  <c r="P6092" i="5" s="1"/>
  <c r="L4570" i="2"/>
  <c r="L4544" i="5" s="1"/>
  <c r="K1957" i="2"/>
  <c r="K1931" i="5" s="1"/>
  <c r="M7005" i="2"/>
  <c r="M6979" i="5" s="1"/>
  <c r="P6979" i="5" s="1"/>
  <c r="M5169" i="2"/>
  <c r="M5143" i="5" s="1"/>
  <c r="P5143" i="5" s="1"/>
  <c r="K3505" i="2"/>
  <c r="K3479" i="5" s="1"/>
  <c r="J7312" i="2"/>
  <c r="J7286" i="5" s="1"/>
  <c r="N7286" i="5" s="1"/>
  <c r="L1759" i="2"/>
  <c r="L1733" i="5" s="1"/>
  <c r="L4605" i="2"/>
  <c r="L4579" i="5" s="1"/>
  <c r="K1099" i="2"/>
  <c r="K1073" i="5" s="1"/>
  <c r="M6125" i="2"/>
  <c r="M6099" i="5" s="1"/>
  <c r="P6099" i="5" s="1"/>
  <c r="L6118" i="2"/>
  <c r="L6092" i="5" s="1"/>
  <c r="J4570" i="2"/>
  <c r="J4544" i="5" s="1"/>
  <c r="N4544" i="5" s="1"/>
  <c r="M8648" i="2"/>
  <c r="M8622" i="5" s="1"/>
  <c r="P8622" i="5" s="1"/>
  <c r="I5969" i="2"/>
  <c r="I5943" i="5" s="1"/>
  <c r="I642" i="2"/>
  <c r="I616" i="5" s="1"/>
  <c r="K6954" i="2"/>
  <c r="K6928" i="5" s="1"/>
  <c r="J1763" i="2"/>
  <c r="J1737" i="5" s="1"/>
  <c r="N1737" i="5" s="1"/>
  <c r="K2632" i="2"/>
  <c r="K2606" i="5" s="1"/>
  <c r="L1068" i="2"/>
  <c r="L1042" i="5" s="1"/>
  <c r="J4146" i="2"/>
  <c r="J4120" i="5" s="1"/>
  <c r="L7116" i="2"/>
  <c r="L7090" i="5" s="1"/>
  <c r="K4605" i="2"/>
  <c r="K4579" i="5" s="1"/>
  <c r="I5959" i="2"/>
  <c r="I5933" i="5" s="1"/>
  <c r="L3813" i="2"/>
  <c r="L3787" i="5" s="1"/>
  <c r="J3670" i="2"/>
  <c r="J3644" i="5" s="1"/>
  <c r="N3644" i="5" s="1"/>
  <c r="J3066" i="2"/>
  <c r="J3040" i="5" s="1"/>
  <c r="N3040" i="5" s="1"/>
  <c r="M4098" i="2"/>
  <c r="M4072" i="5" s="1"/>
  <c r="P4072" i="5" s="1"/>
  <c r="L4988" i="2"/>
  <c r="L4962" i="5" s="1"/>
  <c r="L8784" i="2"/>
  <c r="L8758" i="5" s="1"/>
  <c r="M3813" i="2"/>
  <c r="M3787" i="5" s="1"/>
  <c r="P3787" i="5" s="1"/>
  <c r="I1298" i="2"/>
  <c r="I1272" i="5" s="1"/>
  <c r="I3505" i="2"/>
  <c r="I3479" i="5" s="1"/>
  <c r="I8042" i="2"/>
  <c r="I8016" i="5" s="1"/>
  <c r="I4605" i="2"/>
  <c r="I4579" i="5" s="1"/>
  <c r="J2224" i="2"/>
  <c r="J2198" i="5" s="1"/>
  <c r="N2198" i="5" s="1"/>
  <c r="I6199" i="2"/>
  <c r="I6173" i="5" s="1"/>
  <c r="I8789" i="2"/>
  <c r="I8763" i="5" s="1"/>
  <c r="K7806" i="2"/>
  <c r="K7780" i="5" s="1"/>
  <c r="K4315" i="2"/>
  <c r="K4289" i="5" s="1"/>
  <c r="M4605" i="2"/>
  <c r="M4579" i="5" s="1"/>
  <c r="P4579" i="5" s="1"/>
  <c r="J6988" i="2"/>
  <c r="J6962" i="5" s="1"/>
  <c r="J5948" i="2"/>
  <c r="J5922" i="5" s="1"/>
  <c r="N5922" i="5" s="1"/>
  <c r="I8526" i="2"/>
  <c r="I8500" i="5" s="1"/>
  <c r="J6315" i="2"/>
  <c r="J6289" i="5" s="1"/>
  <c r="N6289" i="5" s="1"/>
  <c r="L5959" i="2"/>
  <c r="L5933" i="5" s="1"/>
  <c r="J3813" i="2"/>
  <c r="J3787" i="5" s="1"/>
  <c r="N3787" i="5" s="1"/>
  <c r="L5835" i="2"/>
  <c r="L5809" i="5" s="1"/>
  <c r="L3418" i="2"/>
  <c r="L3392" i="5" s="1"/>
  <c r="I893" i="2"/>
  <c r="I867" i="5" s="1"/>
  <c r="J4312" i="2"/>
  <c r="J4286" i="5" s="1"/>
  <c r="N4286" i="5" s="1"/>
  <c r="J1578" i="2"/>
  <c r="J1552" i="5" s="1"/>
  <c r="N1552" i="5" s="1"/>
  <c r="I4315" i="2"/>
  <c r="I4289" i="5" s="1"/>
  <c r="K6988" i="2"/>
  <c r="K6962" i="5" s="1"/>
  <c r="K5948" i="2"/>
  <c r="K5922" i="5" s="1"/>
  <c r="J8526" i="2"/>
  <c r="J8500" i="5" s="1"/>
  <c r="N8500" i="5" s="1"/>
  <c r="J6303" i="2"/>
  <c r="J6277" i="5" s="1"/>
  <c r="N6277" i="5" s="1"/>
  <c r="J4810" i="2"/>
  <c r="J4784" i="5" s="1"/>
  <c r="N4784" i="5" s="1"/>
  <c r="K3813" i="2"/>
  <c r="K3787" i="5" s="1"/>
  <c r="J3063" i="2"/>
  <c r="J3037" i="5" s="1"/>
  <c r="N3037" i="5" s="1"/>
  <c r="M8622" i="2"/>
  <c r="M8596" i="5" s="1"/>
  <c r="P8596" i="5" s="1"/>
  <c r="M4286" i="2"/>
  <c r="M4260" i="5" s="1"/>
  <c r="P4260" i="5" s="1"/>
  <c r="J2438" i="2"/>
  <c r="J2412" i="5" s="1"/>
  <c r="N2412" i="5" s="1"/>
  <c r="J2558" i="2"/>
  <c r="J2532" i="5" s="1"/>
  <c r="N2532" i="5" s="1"/>
  <c r="M6789" i="2"/>
  <c r="M6763" i="5" s="1"/>
  <c r="P6763" i="5" s="1"/>
  <c r="J5756" i="2"/>
  <c r="J5730" i="5" s="1"/>
  <c r="N5730" i="5" s="1"/>
  <c r="I5332" i="2"/>
  <c r="I5306" i="5" s="1"/>
  <c r="K314" i="2"/>
  <c r="K288" i="5" s="1"/>
  <c r="L924" i="2"/>
  <c r="L898" i="5" s="1"/>
  <c r="M3088" i="2"/>
  <c r="M3062" i="5" s="1"/>
  <c r="P3062" i="5" s="1"/>
  <c r="L2989" i="2"/>
  <c r="L2963" i="5" s="1"/>
  <c r="M6154" i="2"/>
  <c r="M6128" i="5" s="1"/>
  <c r="P6128" i="5" s="1"/>
  <c r="L4320" i="2"/>
  <c r="L4294" i="5" s="1"/>
  <c r="L4572" i="2"/>
  <c r="L4546" i="5" s="1"/>
  <c r="K5276" i="2"/>
  <c r="K5250" i="5" s="1"/>
  <c r="K4312" i="2"/>
  <c r="K4286" i="5" s="1"/>
  <c r="I4151" i="2"/>
  <c r="I4125" i="5" s="1"/>
  <c r="M4250" i="2"/>
  <c r="M4224" i="5" s="1"/>
  <c r="P4224" i="5" s="1"/>
  <c r="M1922" i="2"/>
  <c r="M1896" i="5" s="1"/>
  <c r="P1896" i="5" s="1"/>
  <c r="J4183" i="2"/>
  <c r="J4157" i="5" s="1"/>
  <c r="N4157" i="5" s="1"/>
  <c r="J874" i="2"/>
  <c r="J848" i="5" s="1"/>
  <c r="N848" i="5" s="1"/>
  <c r="K6303" i="2"/>
  <c r="K6277" i="5" s="1"/>
  <c r="M7796" i="2"/>
  <c r="M7770" i="5" s="1"/>
  <c r="P7770" i="5" s="1"/>
  <c r="I4596" i="2"/>
  <c r="I4570" i="5" s="1"/>
  <c r="K1302" i="2"/>
  <c r="K1276" i="5" s="1"/>
  <c r="I6475" i="2"/>
  <c r="I6449" i="5" s="1"/>
  <c r="L7865" i="2"/>
  <c r="L7839" i="5" s="1"/>
  <c r="L652" i="2"/>
  <c r="L626" i="5" s="1"/>
  <c r="M8526" i="2"/>
  <c r="M8500" i="5" s="1"/>
  <c r="P8500" i="5" s="1"/>
  <c r="K874" i="2"/>
  <c r="K848" i="5" s="1"/>
  <c r="L3077" i="2"/>
  <c r="L3051" i="5" s="1"/>
  <c r="J5967" i="2"/>
  <c r="J5941" i="5" s="1"/>
  <c r="N5941" i="5" s="1"/>
  <c r="L5948" i="2"/>
  <c r="L5922" i="5" s="1"/>
  <c r="I4175" i="2"/>
  <c r="I4149" i="5" s="1"/>
  <c r="L3063" i="2"/>
  <c r="L3037" i="5" s="1"/>
  <c r="M4312" i="2"/>
  <c r="M4286" i="5" s="1"/>
  <c r="P4286" i="5" s="1"/>
  <c r="L7859" i="2"/>
  <c r="L7833" i="5" s="1"/>
  <c r="L4138" i="2"/>
  <c r="L4112" i="5" s="1"/>
  <c r="J4173" i="2"/>
  <c r="J4147" i="5" s="1"/>
  <c r="N4147" i="5" s="1"/>
  <c r="I396" i="2"/>
  <c r="I370" i="5" s="1"/>
  <c r="K7673" i="2"/>
  <c r="K7647" i="5" s="1"/>
  <c r="L3441" i="2"/>
  <c r="L3415" i="5" s="1"/>
  <c r="K4142" i="2"/>
  <c r="K4116" i="5" s="1"/>
  <c r="K6106" i="2"/>
  <c r="K6080" i="5" s="1"/>
  <c r="K8526" i="2"/>
  <c r="K8500" i="5" s="1"/>
  <c r="L4312" i="2"/>
  <c r="L4286" i="5" s="1"/>
  <c r="L6988" i="2"/>
  <c r="L6962" i="5" s="1"/>
  <c r="L4151" i="2"/>
  <c r="L4125" i="5" s="1"/>
  <c r="L6111" i="2"/>
  <c r="L6085" i="5" s="1"/>
  <c r="L4810" i="2"/>
  <c r="L4784" i="5" s="1"/>
  <c r="I643" i="2"/>
  <c r="I617" i="5" s="1"/>
  <c r="M874" i="2"/>
  <c r="M848" i="5" s="1"/>
  <c r="P848" i="5" s="1"/>
  <c r="I3077" i="2"/>
  <c r="I3051" i="5" s="1"/>
  <c r="K3418" i="2"/>
  <c r="K3392" i="5" s="1"/>
  <c r="M4151" i="2"/>
  <c r="M4125" i="5" s="1"/>
  <c r="P4125" i="5" s="1"/>
  <c r="J4175" i="2"/>
  <c r="J4149" i="5" s="1"/>
  <c r="N4149" i="5" s="1"/>
  <c r="M1302" i="2"/>
  <c r="M1276" i="5" s="1"/>
  <c r="P1276" i="5" s="1"/>
  <c r="M8167" i="2"/>
  <c r="M8141" i="5" s="1"/>
  <c r="P8141" i="5" s="1"/>
  <c r="K6111" i="2"/>
  <c r="K6085" i="5" s="1"/>
  <c r="M4810" i="2"/>
  <c r="M4784" i="5" s="1"/>
  <c r="P4784" i="5" s="1"/>
  <c r="I3063" i="2"/>
  <c r="I3037" i="5" s="1"/>
  <c r="M812" i="2"/>
  <c r="M786" i="5" s="1"/>
  <c r="P786" i="5" s="1"/>
  <c r="I2446" i="2"/>
  <c r="I2420" i="5" s="1"/>
  <c r="K733" i="2"/>
  <c r="K707" i="5" s="1"/>
  <c r="L874" i="2"/>
  <c r="L848" i="5" s="1"/>
  <c r="J3077" i="2"/>
  <c r="J3051" i="5" s="1"/>
  <c r="N3051" i="5" s="1"/>
  <c r="K7859" i="2"/>
  <c r="K7833" i="5" s="1"/>
  <c r="J4151" i="2"/>
  <c r="J4125" i="5" s="1"/>
  <c r="N4125" i="5" s="1"/>
  <c r="J4138" i="2"/>
  <c r="J4112" i="5" s="1"/>
  <c r="N4112" i="5" s="1"/>
  <c r="K4175" i="2"/>
  <c r="K4149" i="5" s="1"/>
  <c r="O4149" i="5" s="1"/>
  <c r="M6111" i="2"/>
  <c r="M6085" i="5" s="1"/>
  <c r="P6085" i="5" s="1"/>
  <c r="I4823" i="2"/>
  <c r="I4797" i="5" s="1"/>
  <c r="J4493" i="2"/>
  <c r="J4467" i="5" s="1"/>
  <c r="N4467" i="5" s="1"/>
  <c r="I5841" i="2"/>
  <c r="I5815" i="5" s="1"/>
  <c r="K1962" i="2"/>
  <c r="K1936" i="5" s="1"/>
  <c r="K4166" i="2"/>
  <c r="K4140" i="5" s="1"/>
  <c r="I3589" i="2"/>
  <c r="I3563" i="5" s="1"/>
  <c r="K1571" i="2"/>
  <c r="K1545" i="5" s="1"/>
  <c r="K4138" i="2"/>
  <c r="K4112" i="5" s="1"/>
  <c r="M7468" i="2"/>
  <c r="M7442" i="5" s="1"/>
  <c r="P7442" i="5" s="1"/>
  <c r="L803" i="2"/>
  <c r="L777" i="5" s="1"/>
  <c r="M3077" i="2"/>
  <c r="M3051" i="5" s="1"/>
  <c r="P3051" i="5" s="1"/>
  <c r="L7871" i="2"/>
  <c r="L7845" i="5" s="1"/>
  <c r="J4149" i="2"/>
  <c r="J4123" i="5" s="1"/>
  <c r="N4123" i="5" s="1"/>
  <c r="K2907" i="2"/>
  <c r="K2881" i="5" s="1"/>
  <c r="L8519" i="2"/>
  <c r="L8493" i="5" s="1"/>
  <c r="M3148" i="2"/>
  <c r="M3122" i="5" s="1"/>
  <c r="P3122" i="5" s="1"/>
  <c r="I7433" i="2"/>
  <c r="I7407" i="5" s="1"/>
  <c r="M6122" i="2"/>
  <c r="M6096" i="5" s="1"/>
  <c r="P6096" i="5" s="1"/>
  <c r="M7871" i="2"/>
  <c r="M7845" i="5" s="1"/>
  <c r="P7845" i="5" s="1"/>
  <c r="I4138" i="2"/>
  <c r="I4112" i="5" s="1"/>
  <c r="L5287" i="2"/>
  <c r="L5261" i="5" s="1"/>
  <c r="M7958" i="2"/>
  <c r="M7932" i="5" s="1"/>
  <c r="P7932" i="5" s="1"/>
  <c r="M1229" i="2"/>
  <c r="M1203" i="5" s="1"/>
  <c r="P1203" i="5" s="1"/>
  <c r="I7971" i="2"/>
  <c r="I7945" i="5" s="1"/>
  <c r="J8519" i="2"/>
  <c r="J8493" i="5" s="1"/>
  <c r="N8493" i="5" s="1"/>
  <c r="I5287" i="2"/>
  <c r="I5261" i="5" s="1"/>
  <c r="L3930" i="2"/>
  <c r="L3904" i="5" s="1"/>
  <c r="I1452" i="2"/>
  <c r="I1426" i="5" s="1"/>
  <c r="J3582" i="2"/>
  <c r="J3556" i="5" s="1"/>
  <c r="M4479" i="2"/>
  <c r="M4453" i="5" s="1"/>
  <c r="P4453" i="5" s="1"/>
  <c r="L3148" i="2"/>
  <c r="L3122" i="5" s="1"/>
  <c r="L6122" i="2"/>
  <c r="L6096" i="5" s="1"/>
  <c r="K7871" i="2"/>
  <c r="K7845" i="5" s="1"/>
  <c r="I7958" i="2"/>
  <c r="I7932" i="5" s="1"/>
  <c r="M5952" i="2"/>
  <c r="M5926" i="5" s="1"/>
  <c r="P5926" i="5" s="1"/>
  <c r="M4001" i="2"/>
  <c r="M3975" i="5" s="1"/>
  <c r="P3975" i="5" s="1"/>
  <c r="M6533" i="2"/>
  <c r="M6507" i="5" s="1"/>
  <c r="P6507" i="5" s="1"/>
  <c r="J5245" i="2"/>
  <c r="J5219" i="5" s="1"/>
  <c r="N5219" i="5" s="1"/>
  <c r="J4748" i="2"/>
  <c r="J4722" i="5" s="1"/>
  <c r="N4722" i="5" s="1"/>
  <c r="K8519" i="2"/>
  <c r="K8493" i="5" s="1"/>
  <c r="M4672" i="2"/>
  <c r="M4646" i="5" s="1"/>
  <c r="P4646" i="5" s="1"/>
  <c r="M4983" i="2"/>
  <c r="M4957" i="5" s="1"/>
  <c r="P4957" i="5" s="1"/>
  <c r="K6122" i="2"/>
  <c r="K6096" i="5" s="1"/>
  <c r="I7871" i="2"/>
  <c r="I7845" i="5" s="1"/>
  <c r="I8780" i="2"/>
  <c r="I8754" i="5" s="1"/>
  <c r="L7875" i="2"/>
  <c r="L7849" i="5" s="1"/>
  <c r="I5303" i="2"/>
  <c r="I5277" i="5" s="1"/>
  <c r="I5845" i="2"/>
  <c r="I5819" i="5" s="1"/>
  <c r="I5504" i="2"/>
  <c r="I5478" i="5" s="1"/>
  <c r="L4330" i="2"/>
  <c r="L4304" i="5" s="1"/>
  <c r="M4346" i="2"/>
  <c r="M4320" i="5" s="1"/>
  <c r="P4320" i="5" s="1"/>
  <c r="L1483" i="2"/>
  <c r="L1457" i="5" s="1"/>
  <c r="M2435" i="2"/>
  <c r="M2409" i="5" s="1"/>
  <c r="P2409" i="5" s="1"/>
  <c r="M7646" i="2"/>
  <c r="M7620" i="5" s="1"/>
  <c r="P7620" i="5" s="1"/>
  <c r="K1931" i="2"/>
  <c r="K1905" i="5" s="1"/>
  <c r="J5683" i="2"/>
  <c r="J5657" i="5" s="1"/>
  <c r="N5657" i="5" s="1"/>
  <c r="K4471" i="2"/>
  <c r="K4445" i="5" s="1"/>
  <c r="I8178" i="2"/>
  <c r="I8152" i="5" s="1"/>
  <c r="I463" i="2"/>
  <c r="I437" i="5" s="1"/>
  <c r="I8179" i="2"/>
  <c r="I8153" i="5" s="1"/>
  <c r="K3065" i="2"/>
  <c r="K3039" i="5" s="1"/>
  <c r="J1455" i="2"/>
  <c r="J1429" i="5" s="1"/>
  <c r="N1429" i="5" s="1"/>
  <c r="K4470" i="2"/>
  <c r="K4444" i="5" s="1"/>
  <c r="M1950" i="2"/>
  <c r="M1924" i="5" s="1"/>
  <c r="P1924" i="5" s="1"/>
  <c r="M8716" i="2"/>
  <c r="M8690" i="5" s="1"/>
  <c r="P8690" i="5" s="1"/>
  <c r="M5942" i="2"/>
  <c r="M5916" i="5" s="1"/>
  <c r="P5916" i="5" s="1"/>
  <c r="K4585" i="2"/>
  <c r="K4559" i="5" s="1"/>
  <c r="I3000" i="2"/>
  <c r="I2974" i="5" s="1"/>
  <c r="J6970" i="2"/>
  <c r="J6944" i="5" s="1"/>
  <c r="N6944" i="5" s="1"/>
  <c r="M5948" i="2"/>
  <c r="M5922" i="5" s="1"/>
  <c r="P5922" i="5" s="1"/>
  <c r="J4672" i="2"/>
  <c r="J4646" i="5" s="1"/>
  <c r="I2145" i="2"/>
  <c r="I2119" i="5" s="1"/>
  <c r="M7502" i="2"/>
  <c r="M7476" i="5" s="1"/>
  <c r="P7476" i="5" s="1"/>
  <c r="L1448" i="2"/>
  <c r="L1422" i="5" s="1"/>
  <c r="K1972" i="2"/>
  <c r="K1946" i="5" s="1"/>
  <c r="M4315" i="2"/>
  <c r="M4289" i="5" s="1"/>
  <c r="P4289" i="5" s="1"/>
  <c r="I6111" i="2"/>
  <c r="I6085" i="5" s="1"/>
  <c r="J3567" i="2"/>
  <c r="J3541" i="5" s="1"/>
  <c r="N3541" i="5" s="1"/>
  <c r="J6122" i="2"/>
  <c r="J6096" i="5" s="1"/>
  <c r="N6096" i="5" s="1"/>
  <c r="K2986" i="2"/>
  <c r="K2960" i="5" s="1"/>
  <c r="J2740" i="2"/>
  <c r="J2714" i="5" s="1"/>
  <c r="N2714" i="5" s="1"/>
  <c r="M8098" i="2"/>
  <c r="M8072" i="5" s="1"/>
  <c r="P8072" i="5" s="1"/>
  <c r="J6605" i="2"/>
  <c r="J6579" i="5" s="1"/>
  <c r="N6579" i="5" s="1"/>
  <c r="J4453" i="2"/>
  <c r="J4427" i="5" s="1"/>
  <c r="N4427" i="5" s="1"/>
  <c r="J258" i="2"/>
  <c r="J232" i="5" s="1"/>
  <c r="N232" i="5" s="1"/>
  <c r="M3801" i="2"/>
  <c r="M3775" i="5" s="1"/>
  <c r="P3775" i="5" s="1"/>
  <c r="M4175" i="2"/>
  <c r="M4149" i="5" s="1"/>
  <c r="P4149" i="5" s="1"/>
  <c r="M8519" i="2"/>
  <c r="M8493" i="5" s="1"/>
  <c r="P8493" i="5" s="1"/>
  <c r="I4672" i="2"/>
  <c r="I4646" i="5" s="1"/>
  <c r="K4570" i="2"/>
  <c r="K4544" i="5" s="1"/>
  <c r="L7031" i="2"/>
  <c r="L7005" i="5" s="1"/>
  <c r="L3168" i="2"/>
  <c r="L3142" i="5" s="1"/>
  <c r="K1903" i="2"/>
  <c r="K1877" i="5" s="1"/>
  <c r="I8509" i="2"/>
  <c r="I8483" i="5" s="1"/>
  <c r="M7880" i="2"/>
  <c r="M7854" i="5" s="1"/>
  <c r="P7854" i="5" s="1"/>
  <c r="J8520" i="2"/>
  <c r="J8494" i="5" s="1"/>
  <c r="N8494" i="5" s="1"/>
  <c r="L4307" i="2"/>
  <c r="L4281" i="5" s="1"/>
  <c r="I1455" i="2"/>
  <c r="I1429" i="5" s="1"/>
  <c r="L3274" i="2"/>
  <c r="L3248" i="5" s="1"/>
  <c r="K5837" i="2"/>
  <c r="K5811" i="5" s="1"/>
  <c r="K5942" i="2"/>
  <c r="K5916" i="5" s="1"/>
  <c r="L5942" i="2"/>
  <c r="L5916" i="5" s="1"/>
  <c r="M8047" i="2"/>
  <c r="M8021" i="5" s="1"/>
  <c r="P8021" i="5" s="1"/>
  <c r="L5333" i="2"/>
  <c r="L5307" i="5" s="1"/>
  <c r="I5942" i="2"/>
  <c r="I5916" i="5" s="1"/>
  <c r="L8340" i="2"/>
  <c r="L8314" i="5" s="1"/>
  <c r="L5683" i="2"/>
  <c r="L5657" i="5" s="1"/>
  <c r="L5629" i="2"/>
  <c r="L5603" i="5" s="1"/>
  <c r="I6970" i="2"/>
  <c r="I6944" i="5" s="1"/>
  <c r="L1138" i="2"/>
  <c r="L1112" i="5" s="1"/>
  <c r="L4351" i="2"/>
  <c r="L4325" i="5" s="1"/>
  <c r="K2990" i="2"/>
  <c r="K2964" i="5" s="1"/>
  <c r="I5696" i="2"/>
  <c r="I5670" i="5" s="1"/>
  <c r="K8042" i="2"/>
  <c r="K8016" i="5" s="1"/>
  <c r="M8042" i="2"/>
  <c r="M8016" i="5" s="1"/>
  <c r="P8016" i="5" s="1"/>
  <c r="K6361" i="2"/>
  <c r="K6335" i="5" s="1"/>
  <c r="M4755" i="2"/>
  <c r="M4729" i="5" s="1"/>
  <c r="P4729" i="5" s="1"/>
  <c r="J3119" i="2"/>
  <c r="J3093" i="5" s="1"/>
  <c r="N3093" i="5" s="1"/>
  <c r="K6929" i="2"/>
  <c r="K6903" i="5" s="1"/>
  <c r="L8771" i="2"/>
  <c r="L8745" i="5" s="1"/>
  <c r="J1047" i="2"/>
  <c r="J1021" i="5" s="1"/>
  <c r="N1021" i="5" s="1"/>
  <c r="K3832" i="2"/>
  <c r="K3806" i="5" s="1"/>
  <c r="K6975" i="2"/>
  <c r="K6949" i="5" s="1"/>
  <c r="K5641" i="2"/>
  <c r="K5615" i="5" s="1"/>
  <c r="J3579" i="2"/>
  <c r="J3553" i="5" s="1"/>
  <c r="N3553" i="5" s="1"/>
  <c r="K7866" i="2"/>
  <c r="K7840" i="5" s="1"/>
  <c r="J4687" i="2"/>
  <c r="J4661" i="5" s="1"/>
  <c r="N4661" i="5" s="1"/>
  <c r="M6311" i="2"/>
  <c r="M6285" i="5" s="1"/>
  <c r="P6285" i="5" s="1"/>
  <c r="J4593" i="2"/>
  <c r="J4567" i="5" s="1"/>
  <c r="J6990" i="2"/>
  <c r="J6964" i="5" s="1"/>
  <c r="M5957" i="2"/>
  <c r="M5931" i="5" s="1"/>
  <c r="P5931" i="5" s="1"/>
  <c r="I4579" i="2"/>
  <c r="I4553" i="5" s="1"/>
  <c r="I2987" i="2"/>
  <c r="I2961" i="5" s="1"/>
  <c r="M5324" i="2"/>
  <c r="M5298" i="5" s="1"/>
  <c r="P5298" i="5" s="1"/>
  <c r="I5637" i="2"/>
  <c r="I5611" i="5" s="1"/>
  <c r="L6978" i="2"/>
  <c r="L6952" i="5" s="1"/>
  <c r="K4572" i="2"/>
  <c r="K4546" i="5" s="1"/>
  <c r="M6962" i="2"/>
  <c r="M6936" i="5" s="1"/>
  <c r="P6936" i="5" s="1"/>
  <c r="M7116" i="2"/>
  <c r="M7090" i="5" s="1"/>
  <c r="P7090" i="5" s="1"/>
  <c r="K7967" i="2"/>
  <c r="K7941" i="5" s="1"/>
  <c r="K8789" i="2"/>
  <c r="K8763" i="5" s="1"/>
  <c r="M4585" i="2"/>
  <c r="M4559" i="5" s="1"/>
  <c r="P4559" i="5" s="1"/>
  <c r="L4585" i="2"/>
  <c r="L4559" i="5" s="1"/>
  <c r="J2228" i="2"/>
  <c r="J2202" i="5" s="1"/>
  <c r="N2202" i="5" s="1"/>
  <c r="M5985" i="2"/>
  <c r="M5959" i="5" s="1"/>
  <c r="P5959" i="5" s="1"/>
  <c r="J5637" i="2"/>
  <c r="J5611" i="5" s="1"/>
  <c r="N5611" i="5" s="1"/>
  <c r="K3571" i="2"/>
  <c r="K3545" i="5" s="1"/>
  <c r="K5637" i="2"/>
  <c r="K5611" i="5" s="1"/>
  <c r="L3832" i="2"/>
  <c r="L3806" i="5" s="1"/>
  <c r="M4480" i="2"/>
  <c r="M4454" i="5" s="1"/>
  <c r="P4454" i="5" s="1"/>
  <c r="I2316" i="2"/>
  <c r="I2290" i="5" s="1"/>
  <c r="I3148" i="2"/>
  <c r="I3122" i="5" s="1"/>
  <c r="I6929" i="2"/>
  <c r="I6903" i="5" s="1"/>
  <c r="M4593" i="2"/>
  <c r="M4567" i="5" s="1"/>
  <c r="P4567" i="5" s="1"/>
  <c r="J4247" i="2"/>
  <c r="J4221" i="5" s="1"/>
  <c r="N4221" i="5" s="1"/>
  <c r="K5324" i="2"/>
  <c r="K5298" i="5" s="1"/>
  <c r="I3571" i="2"/>
  <c r="I3545" i="5" s="1"/>
  <c r="L5637" i="2"/>
  <c r="L5611" i="5" s="1"/>
  <c r="L5274" i="2"/>
  <c r="L5248" i="5" s="1"/>
  <c r="I4831" i="2"/>
  <c r="I4805" i="5" s="1"/>
  <c r="I6975" i="2"/>
  <c r="I6949" i="5" s="1"/>
  <c r="M4572" i="2"/>
  <c r="M4546" i="5" s="1"/>
  <c r="P4546" i="5" s="1"/>
  <c r="K3579" i="2"/>
  <c r="K3553" i="5" s="1"/>
  <c r="I5324" i="2"/>
  <c r="I5298" i="5" s="1"/>
  <c r="M4687" i="2"/>
  <c r="M4661" i="5" s="1"/>
  <c r="P4661" i="5" s="1"/>
  <c r="I4572" i="2"/>
  <c r="I4546" i="5" s="1"/>
  <c r="M5637" i="2"/>
  <c r="M5611" i="5" s="1"/>
  <c r="P5611" i="5" s="1"/>
  <c r="K4831" i="2"/>
  <c r="K4805" i="5" s="1"/>
  <c r="J6975" i="2"/>
  <c r="J6949" i="5" s="1"/>
  <c r="J3604" i="2"/>
  <c r="J3578" i="5" s="1"/>
  <c r="L122" i="2"/>
  <c r="L96" i="5" s="1"/>
  <c r="I3832" i="2"/>
  <c r="I3806" i="5" s="1"/>
  <c r="L5324" i="2"/>
  <c r="L5298" i="5" s="1"/>
  <c r="L5641" i="2"/>
  <c r="L5615" i="5" s="1"/>
  <c r="K6990" i="2"/>
  <c r="K6964" i="5" s="1"/>
  <c r="J751" i="2"/>
  <c r="J725" i="5" s="1"/>
  <c r="N725" i="5" s="1"/>
  <c r="M3058" i="2"/>
  <c r="M3032" i="5" s="1"/>
  <c r="P3032" i="5" s="1"/>
  <c r="J5324" i="2"/>
  <c r="J5298" i="5" s="1"/>
  <c r="N5298" i="5" s="1"/>
  <c r="L2987" i="2"/>
  <c r="L2961" i="5" s="1"/>
  <c r="L4687" i="2"/>
  <c r="L4661" i="5" s="1"/>
  <c r="J2987" i="2"/>
  <c r="J2961" i="5" s="1"/>
  <c r="N2961" i="5" s="1"/>
  <c r="I5641" i="2"/>
  <c r="I5615" i="5" s="1"/>
  <c r="M5003" i="2"/>
  <c r="M4977" i="5" s="1"/>
  <c r="P4977" i="5" s="1"/>
  <c r="K2987" i="2"/>
  <c r="K2961" i="5" s="1"/>
  <c r="M5949" i="2"/>
  <c r="M5923" i="5" s="1"/>
  <c r="P5923" i="5" s="1"/>
  <c r="L5949" i="2"/>
  <c r="L5923" i="5" s="1"/>
  <c r="K4593" i="2"/>
  <c r="K4567" i="5" s="1"/>
  <c r="M8317" i="2"/>
  <c r="M8291" i="5" s="1"/>
  <c r="P8291" i="5" s="1"/>
  <c r="K1123" i="2"/>
  <c r="K1097" i="5" s="1"/>
  <c r="L6853" i="2"/>
  <c r="L6827" i="5" s="1"/>
  <c r="K3586" i="2"/>
  <c r="K3560" i="5" s="1"/>
  <c r="L8193" i="2"/>
  <c r="L8167" i="5" s="1"/>
  <c r="K7797" i="2"/>
  <c r="K7771" i="5" s="1"/>
  <c r="M1323" i="2"/>
  <c r="M1297" i="5" s="1"/>
  <c r="P1297" i="5" s="1"/>
  <c r="I6320" i="2"/>
  <c r="I6294" i="5" s="1"/>
  <c r="J7258" i="2"/>
  <c r="J7232" i="5" s="1"/>
  <c r="N7232" i="5" s="1"/>
  <c r="K7609" i="2"/>
  <c r="K7583" i="5" s="1"/>
  <c r="J5641" i="2"/>
  <c r="J5615" i="5" s="1"/>
  <c r="N5615" i="5" s="1"/>
  <c r="L4831" i="2"/>
  <c r="L4805" i="5" s="1"/>
  <c r="I4593" i="2"/>
  <c r="I4567" i="5" s="1"/>
  <c r="J4831" i="2"/>
  <c r="J4805" i="5" s="1"/>
  <c r="N4805" i="5" s="1"/>
  <c r="M3579" i="2"/>
  <c r="M3553" i="5" s="1"/>
  <c r="P3553" i="5" s="1"/>
  <c r="I4687" i="2"/>
  <c r="I4661" i="5" s="1"/>
  <c r="L4593" i="2"/>
  <c r="L4567" i="5" s="1"/>
  <c r="J2989" i="2"/>
  <c r="J2963" i="5" s="1"/>
  <c r="N2963" i="5" s="1"/>
  <c r="J5949" i="2"/>
  <c r="J5923" i="5" s="1"/>
  <c r="N5923" i="5" s="1"/>
  <c r="K5949" i="2"/>
  <c r="K5923" i="5" s="1"/>
  <c r="AR116" i="1"/>
  <c r="L7648" i="2"/>
  <c r="L7622" i="5" s="1"/>
  <c r="K7831" i="2"/>
  <c r="K7805" i="5" s="1"/>
  <c r="L6762" i="2"/>
  <c r="L6736" i="5" s="1"/>
  <c r="J8358" i="2"/>
  <c r="J8332" i="5" s="1"/>
  <c r="N8332" i="5" s="1"/>
  <c r="J1823" i="2"/>
  <c r="J1797" i="5" s="1"/>
  <c r="N1797" i="5" s="1"/>
  <c r="M8651" i="2"/>
  <c r="M8625" i="5" s="1"/>
  <c r="P8625" i="5" s="1"/>
  <c r="I2152" i="2"/>
  <c r="I2126" i="5" s="1"/>
  <c r="K7371" i="2"/>
  <c r="K7345" i="5" s="1"/>
  <c r="K8158" i="2"/>
  <c r="K8132" i="5" s="1"/>
  <c r="L7463" i="2"/>
  <c r="L7437" i="5" s="1"/>
  <c r="I7866" i="2"/>
  <c r="I7840" i="5" s="1"/>
  <c r="J6963" i="2"/>
  <c r="J6937" i="5" s="1"/>
  <c r="N6937" i="5" s="1"/>
  <c r="J4988" i="2"/>
  <c r="J4962" i="5" s="1"/>
  <c r="N4962" i="5" s="1"/>
  <c r="I2776" i="2"/>
  <c r="I2750" i="5" s="1"/>
  <c r="M7320" i="2"/>
  <c r="M7294" i="5" s="1"/>
  <c r="P7294" i="5" s="1"/>
  <c r="J5696" i="2"/>
  <c r="J5670" i="5" s="1"/>
  <c r="N5670" i="5" s="1"/>
  <c r="K3073" i="2"/>
  <c r="K3047" i="5" s="1"/>
  <c r="L5696" i="2"/>
  <c r="L5670" i="5" s="1"/>
  <c r="I3073" i="2"/>
  <c r="I3047" i="5" s="1"/>
  <c r="K5120" i="2"/>
  <c r="K5094" i="5" s="1"/>
  <c r="K5696" i="2"/>
  <c r="K5670" i="5" s="1"/>
  <c r="L2457" i="2"/>
  <c r="L2431" i="5" s="1"/>
  <c r="M6321" i="2"/>
  <c r="M6295" i="5" s="1"/>
  <c r="P6295" i="5" s="1"/>
  <c r="M7797" i="2"/>
  <c r="M7771" i="5" s="1"/>
  <c r="P7771" i="5" s="1"/>
  <c r="M3073" i="2"/>
  <c r="M3047" i="5" s="1"/>
  <c r="P3047" i="5" s="1"/>
  <c r="J6771" i="2"/>
  <c r="J6745" i="5" s="1"/>
  <c r="N6745" i="5" s="1"/>
  <c r="J5116" i="2"/>
  <c r="J5090" i="5" s="1"/>
  <c r="N5090" i="5" s="1"/>
  <c r="I2578" i="2"/>
  <c r="I2552" i="5" s="1"/>
  <c r="I7522" i="2"/>
  <c r="I7496" i="5" s="1"/>
  <c r="L3440" i="2"/>
  <c r="L3414" i="5" s="1"/>
  <c r="I6114" i="2"/>
  <c r="I6088" i="5" s="1"/>
  <c r="L7278" i="2"/>
  <c r="L7252" i="5" s="1"/>
  <c r="I7859" i="2"/>
  <c r="I7833" i="5" s="1"/>
  <c r="M6114" i="2"/>
  <c r="M6088" i="5" s="1"/>
  <c r="P6088" i="5" s="1"/>
  <c r="K6853" i="2"/>
  <c r="K6827" i="5" s="1"/>
  <c r="J6114" i="2"/>
  <c r="J6088" i="5" s="1"/>
  <c r="N6088" i="5" s="1"/>
  <c r="M2793" i="2"/>
  <c r="M2767" i="5" s="1"/>
  <c r="P2767" i="5" s="1"/>
  <c r="J7960" i="2"/>
  <c r="J7934" i="5" s="1"/>
  <c r="N7934" i="5" s="1"/>
  <c r="M6853" i="2"/>
  <c r="M6827" i="5" s="1"/>
  <c r="P6827" i="5" s="1"/>
  <c r="K1079" i="2"/>
  <c r="K1053" i="5" s="1"/>
  <c r="M7609" i="2"/>
  <c r="M7583" i="5" s="1"/>
  <c r="P7583" i="5" s="1"/>
  <c r="J2559" i="2"/>
  <c r="J2533" i="5" s="1"/>
  <c r="N2533" i="5" s="1"/>
  <c r="L7609" i="2"/>
  <c r="L7583" i="5" s="1"/>
  <c r="I8344" i="2"/>
  <c r="I8318" i="5" s="1"/>
  <c r="L6849" i="2"/>
  <c r="L6823" i="5" s="1"/>
  <c r="K2905" i="2"/>
  <c r="K2879" i="5" s="1"/>
  <c r="M3434" i="2"/>
  <c r="M3408" i="5" s="1"/>
  <c r="P3408" i="5" s="1"/>
  <c r="I6938" i="2"/>
  <c r="I6912" i="5" s="1"/>
  <c r="K7350" i="2"/>
  <c r="K7324" i="5" s="1"/>
  <c r="I8193" i="2"/>
  <c r="I8167" i="5" s="1"/>
  <c r="M2761" i="2"/>
  <c r="M2735" i="5" s="1"/>
  <c r="P2735" i="5" s="1"/>
  <c r="L635" i="2"/>
  <c r="L609" i="5" s="1"/>
  <c r="I7545" i="2"/>
  <c r="I7519" i="5" s="1"/>
  <c r="K1060" i="2"/>
  <c r="K1034" i="5" s="1"/>
  <c r="M8193" i="2"/>
  <c r="M8167" i="5" s="1"/>
  <c r="P8167" i="5" s="1"/>
  <c r="I4410" i="2"/>
  <c r="I4384" i="5" s="1"/>
  <c r="J5000" i="2"/>
  <c r="J4974" i="5" s="1"/>
  <c r="N4974" i="5" s="1"/>
  <c r="L7768" i="2"/>
  <c r="L7742" i="5" s="1"/>
  <c r="L4123" i="2"/>
  <c r="L4097" i="5" s="1"/>
  <c r="M2065" i="2"/>
  <c r="M2039" i="5" s="1"/>
  <c r="P2039" i="5" s="1"/>
  <c r="I8784" i="2"/>
  <c r="I8758" i="5" s="1"/>
  <c r="M3590" i="2"/>
  <c r="M3564" i="5" s="1"/>
  <c r="P3564" i="5" s="1"/>
  <c r="M5641" i="2"/>
  <c r="M5615" i="5" s="1"/>
  <c r="P5615" i="5" s="1"/>
  <c r="J1391" i="2"/>
  <c r="J1365" i="5" s="1"/>
  <c r="N1365" i="5" s="1"/>
  <c r="M6274" i="2"/>
  <c r="M6248" i="5" s="1"/>
  <c r="P6248" i="5" s="1"/>
  <c r="J5282" i="2"/>
  <c r="J5256" i="5" s="1"/>
  <c r="N5256" i="5" s="1"/>
  <c r="K5282" i="2"/>
  <c r="K5256" i="5" s="1"/>
  <c r="J6164" i="2"/>
  <c r="J6138" i="5" s="1"/>
  <c r="N6138" i="5" s="1"/>
  <c r="L8381" i="2"/>
  <c r="L8355" i="5" s="1"/>
  <c r="I7289" i="2"/>
  <c r="I7263" i="5" s="1"/>
  <c r="L8719" i="2"/>
  <c r="L8693" i="5" s="1"/>
  <c r="L7146" i="2"/>
  <c r="L7120" i="5" s="1"/>
  <c r="I8268" i="2"/>
  <c r="I8242" i="5" s="1"/>
  <c r="M7639" i="2"/>
  <c r="M7613" i="5" s="1"/>
  <c r="P7613" i="5" s="1"/>
  <c r="L4113" i="2"/>
  <c r="L4087" i="5" s="1"/>
  <c r="K892" i="2"/>
  <c r="K866" i="5" s="1"/>
  <c r="K1930" i="2"/>
  <c r="K1904" i="5" s="1"/>
  <c r="K5267" i="2"/>
  <c r="K5241" i="5" s="1"/>
  <c r="M4308" i="2"/>
  <c r="M4282" i="5" s="1"/>
  <c r="P4282" i="5" s="1"/>
  <c r="M6199" i="2"/>
  <c r="M6173" i="5" s="1"/>
  <c r="P6173" i="5" s="1"/>
  <c r="L8176" i="2"/>
  <c r="L8150" i="5" s="1"/>
  <c r="K1951" i="2"/>
  <c r="K1925" i="5" s="1"/>
  <c r="K3562" i="2"/>
  <c r="K3536" i="5" s="1"/>
  <c r="M8002" i="2"/>
  <c r="M7976" i="5" s="1"/>
  <c r="P7976" i="5" s="1"/>
  <c r="M7964" i="2"/>
  <c r="M7938" i="5" s="1"/>
  <c r="P7938" i="5" s="1"/>
  <c r="K3604" i="2"/>
  <c r="K3578" i="5" s="1"/>
  <c r="L3604" i="2"/>
  <c r="L3578" i="5" s="1"/>
  <c r="I3604" i="2"/>
  <c r="I3578" i="5" s="1"/>
  <c r="L6254" i="2"/>
  <c r="L6228" i="5" s="1"/>
  <c r="M892" i="2"/>
  <c r="M866" i="5" s="1"/>
  <c r="P866" i="5" s="1"/>
  <c r="L3505" i="2"/>
  <c r="L3479" i="5" s="1"/>
  <c r="M3604" i="2"/>
  <c r="M3578" i="5" s="1"/>
  <c r="P3578" i="5" s="1"/>
  <c r="L7312" i="2"/>
  <c r="L7286" i="5" s="1"/>
  <c r="L7450" i="2"/>
  <c r="L7424" i="5" s="1"/>
  <c r="J5144" i="2"/>
  <c r="J5118" i="5" s="1"/>
  <c r="N5118" i="5" s="1"/>
  <c r="J1962" i="2"/>
  <c r="J1936" i="5" s="1"/>
  <c r="N1936" i="5" s="1"/>
  <c r="M1138" i="2"/>
  <c r="M1112" i="5" s="1"/>
  <c r="P1112" i="5" s="1"/>
  <c r="K7971" i="2"/>
  <c r="K7945" i="5" s="1"/>
  <c r="J5529" i="2"/>
  <c r="J5503" i="5" s="1"/>
  <c r="I3436" i="2"/>
  <c r="I3410" i="5" s="1"/>
  <c r="K6821" i="2"/>
  <c r="K6795" i="5" s="1"/>
  <c r="I3119" i="2"/>
  <c r="I3093" i="5" s="1"/>
  <c r="J2921" i="2"/>
  <c r="J2895" i="5" s="1"/>
  <c r="J7977" i="2"/>
  <c r="J7951" i="5" s="1"/>
  <c r="N7951" i="5" s="1"/>
  <c r="J7454" i="2"/>
  <c r="J7428" i="5" s="1"/>
  <c r="N7428" i="5" s="1"/>
  <c r="K3098" i="2"/>
  <c r="K3072" i="5" s="1"/>
  <c r="M911" i="2"/>
  <c r="M885" i="5" s="1"/>
  <c r="P885" i="5" s="1"/>
  <c r="K8770" i="2"/>
  <c r="K8744" i="5" s="1"/>
  <c r="J3832" i="2"/>
  <c r="J3806" i="5" s="1"/>
  <c r="N3806" i="5" s="1"/>
  <c r="M625" i="2"/>
  <c r="M599" i="5" s="1"/>
  <c r="P599" i="5" s="1"/>
  <c r="K8522" i="2"/>
  <c r="K8496" i="5" s="1"/>
  <c r="J7028" i="2"/>
  <c r="J7002" i="5" s="1"/>
  <c r="N7002" i="5" s="1"/>
  <c r="K6305" i="2"/>
  <c r="K6279" i="5" s="1"/>
  <c r="M3564" i="2"/>
  <c r="M3538" i="5" s="1"/>
  <c r="P3538" i="5" s="1"/>
  <c r="M2987" i="2"/>
  <c r="M2961" i="5" s="1"/>
  <c r="P2961" i="5" s="1"/>
  <c r="L6982" i="2"/>
  <c r="L6956" i="5" s="1"/>
  <c r="K5629" i="2"/>
  <c r="K5603" i="5" s="1"/>
  <c r="K7289" i="2"/>
  <c r="K7263" i="5" s="1"/>
  <c r="J1212" i="2"/>
  <c r="J1186" i="5" s="1"/>
  <c r="N1186" i="5" s="1"/>
  <c r="J8611" i="2"/>
  <c r="J8585" i="5" s="1"/>
  <c r="N8585" i="5" s="1"/>
  <c r="M8486" i="2"/>
  <c r="M8460" i="5" s="1"/>
  <c r="P8460" i="5" s="1"/>
  <c r="I8158" i="2"/>
  <c r="I8132" i="5" s="1"/>
  <c r="I8167" i="2"/>
  <c r="I8141" i="5" s="1"/>
  <c r="I3673" i="2"/>
  <c r="I3647" i="5" s="1"/>
  <c r="I6164" i="2"/>
  <c r="I6138" i="5" s="1"/>
  <c r="J2584" i="2"/>
  <c r="J2558" i="5" s="1"/>
  <c r="N2558" i="5" s="1"/>
  <c r="L429" i="2"/>
  <c r="L403" i="5" s="1"/>
  <c r="L3008" i="2"/>
  <c r="L2982" i="5" s="1"/>
  <c r="M7870" i="2"/>
  <c r="M7844" i="5" s="1"/>
  <c r="P7844" i="5" s="1"/>
  <c r="J5955" i="2"/>
  <c r="J5929" i="5" s="1"/>
  <c r="N5929" i="5" s="1"/>
  <c r="I892" i="2"/>
  <c r="I866" i="5" s="1"/>
  <c r="K2573" i="2"/>
  <c r="K2547" i="5" s="1"/>
  <c r="I3963" i="2"/>
  <c r="I3937" i="5" s="1"/>
  <c r="J5629" i="2"/>
  <c r="J5603" i="5" s="1"/>
  <c r="N5603" i="5" s="1"/>
  <c r="L432" i="2"/>
  <c r="L406" i="5" s="1"/>
  <c r="L2455" i="2"/>
  <c r="L2429" i="5" s="1"/>
  <c r="J8176" i="2"/>
  <c r="J8150" i="5" s="1"/>
  <c r="N8150" i="5" s="1"/>
  <c r="M7289" i="2"/>
  <c r="M7263" i="5" s="1"/>
  <c r="P7263" i="5" s="1"/>
  <c r="K1973" i="2"/>
  <c r="K1947" i="5" s="1"/>
  <c r="I8113" i="2"/>
  <c r="I8087" i="5" s="1"/>
  <c r="L7782" i="2"/>
  <c r="L7756" i="5" s="1"/>
  <c r="I1930" i="2"/>
  <c r="I1904" i="5" s="1"/>
  <c r="L2473" i="2"/>
  <c r="L2447" i="5" s="1"/>
  <c r="I5783" i="2"/>
  <c r="I5757" i="5" s="1"/>
  <c r="I3671" i="2"/>
  <c r="I3645" i="5" s="1"/>
  <c r="K8529" i="2"/>
  <c r="K8503" i="5" s="1"/>
  <c r="M1276" i="2"/>
  <c r="M1250" i="5" s="1"/>
  <c r="P1250" i="5" s="1"/>
  <c r="L6855" i="2"/>
  <c r="L6829" i="5" s="1"/>
  <c r="I1884" i="2"/>
  <c r="I1858" i="5" s="1"/>
  <c r="L1974" i="2"/>
  <c r="L1948" i="5" s="1"/>
  <c r="M5314" i="2"/>
  <c r="M5288" i="5" s="1"/>
  <c r="P5288" i="5" s="1"/>
  <c r="K3439" i="2"/>
  <c r="K3413" i="5" s="1"/>
  <c r="L6307" i="2"/>
  <c r="L6281" i="5" s="1"/>
  <c r="M4981" i="2"/>
  <c r="M4955" i="5" s="1"/>
  <c r="P4955" i="5" s="1"/>
  <c r="K2788" i="2"/>
  <c r="K2762" i="5" s="1"/>
  <c r="M7878" i="2"/>
  <c r="M7852" i="5" s="1"/>
  <c r="P7852" i="5" s="1"/>
  <c r="I3569" i="2"/>
  <c r="I3543" i="5" s="1"/>
  <c r="L8268" i="2"/>
  <c r="L8242" i="5" s="1"/>
  <c r="K4307" i="2"/>
  <c r="K4281" i="5" s="1"/>
  <c r="M8022" i="2"/>
  <c r="M7996" i="5" s="1"/>
  <c r="P7996" i="5" s="1"/>
  <c r="L8490" i="2"/>
  <c r="L8464" i="5" s="1"/>
  <c r="K7639" i="2"/>
  <c r="K7613" i="5" s="1"/>
  <c r="M122" i="2"/>
  <c r="M96" i="5" s="1"/>
  <c r="P96" i="5" s="1"/>
  <c r="M2062" i="2"/>
  <c r="M2036" i="5" s="1"/>
  <c r="P2036" i="5" s="1"/>
  <c r="L888" i="2"/>
  <c r="L862" i="5" s="1"/>
  <c r="I5622" i="2"/>
  <c r="I5596" i="5" s="1"/>
  <c r="J1101" i="2"/>
  <c r="J1075" i="5" s="1"/>
  <c r="N1075" i="5" s="1"/>
  <c r="L7797" i="2"/>
  <c r="L7771" i="5" s="1"/>
  <c r="K3575" i="2"/>
  <c r="K3549" i="5" s="1"/>
  <c r="K4491" i="2"/>
  <c r="K4465" i="5" s="1"/>
  <c r="K4979" i="2"/>
  <c r="K4953" i="5" s="1"/>
  <c r="M1458" i="2"/>
  <c r="M1432" i="5" s="1"/>
  <c r="P1432" i="5" s="1"/>
  <c r="M4149" i="2"/>
  <c r="M4123" i="5" s="1"/>
  <c r="P4123" i="5" s="1"/>
  <c r="J4315" i="2"/>
  <c r="J4289" i="5" s="1"/>
  <c r="N4289" i="5" s="1"/>
  <c r="I2223" i="2"/>
  <c r="I2197" i="5" s="1"/>
  <c r="K1458" i="2"/>
  <c r="K1432" i="5" s="1"/>
  <c r="J4308" i="2"/>
  <c r="J4282" i="5" s="1"/>
  <c r="N4282" i="5" s="1"/>
  <c r="L8614" i="2"/>
  <c r="L8588" i="5" s="1"/>
  <c r="J1088" i="2"/>
  <c r="J1062" i="5" s="1"/>
  <c r="N1062" i="5" s="1"/>
  <c r="J5102" i="2"/>
  <c r="J5076" i="5" s="1"/>
  <c r="N5076" i="5" s="1"/>
  <c r="M2651" i="2"/>
  <c r="M2625" i="5" s="1"/>
  <c r="P2625" i="5" s="1"/>
  <c r="J3840" i="2"/>
  <c r="J3814" i="5" s="1"/>
  <c r="N3814" i="5" s="1"/>
  <c r="I7795" i="2"/>
  <c r="I7769" i="5" s="1"/>
  <c r="I5629" i="2"/>
  <c r="I5603" i="5" s="1"/>
  <c r="M8176" i="2"/>
  <c r="M8150" i="5" s="1"/>
  <c r="P8150" i="5" s="1"/>
  <c r="M5629" i="2"/>
  <c r="M5603" i="5" s="1"/>
  <c r="P5603" i="5" s="1"/>
  <c r="L7289" i="2"/>
  <c r="L7263" i="5" s="1"/>
  <c r="J7289" i="2"/>
  <c r="J7263" i="5" s="1"/>
  <c r="N7263" i="5" s="1"/>
  <c r="M8268" i="2"/>
  <c r="M8242" i="5" s="1"/>
  <c r="P8242" i="5" s="1"/>
  <c r="M4307" i="2"/>
  <c r="M4281" i="5" s="1"/>
  <c r="P4281" i="5" s="1"/>
  <c r="J6681" i="2"/>
  <c r="J6655" i="5" s="1"/>
  <c r="N6655" i="5" s="1"/>
  <c r="M6164" i="2"/>
  <c r="M6138" i="5" s="1"/>
  <c r="P6138" i="5" s="1"/>
  <c r="J8268" i="2"/>
  <c r="J8242" i="5" s="1"/>
  <c r="N8242" i="5" s="1"/>
  <c r="K4308" i="2"/>
  <c r="K4282" i="5" s="1"/>
  <c r="M8605" i="2"/>
  <c r="M8579" i="5" s="1"/>
  <c r="P8579" i="5" s="1"/>
  <c r="K6296" i="2"/>
  <c r="K6270" i="5" s="1"/>
  <c r="L2411" i="2"/>
  <c r="L2385" i="5" s="1"/>
  <c r="L2490" i="2"/>
  <c r="L2464" i="5" s="1"/>
  <c r="K8021" i="2"/>
  <c r="K7995" i="5" s="1"/>
  <c r="L6194" i="2"/>
  <c r="L6168" i="5" s="1"/>
  <c r="I8318" i="2"/>
  <c r="I8292" i="5" s="1"/>
  <c r="J5188" i="2"/>
  <c r="J5162" i="5" s="1"/>
  <c r="N5162" i="5" s="1"/>
  <c r="K8268" i="2"/>
  <c r="K8242" i="5" s="1"/>
  <c r="I4308" i="2"/>
  <c r="I4282" i="5" s="1"/>
  <c r="K571" i="2"/>
  <c r="K545" i="5" s="1"/>
  <c r="M413" i="2"/>
  <c r="M387" i="5" s="1"/>
  <c r="P387" i="5" s="1"/>
  <c r="L2781" i="2"/>
  <c r="L2755" i="5" s="1"/>
  <c r="I8026" i="2"/>
  <c r="I8000" i="5" s="1"/>
  <c r="K6199" i="2"/>
  <c r="K6173" i="5" s="1"/>
  <c r="L6970" i="2"/>
  <c r="L6944" i="5" s="1"/>
  <c r="I4154" i="2"/>
  <c r="I4128" i="5" s="1"/>
  <c r="I553" i="2"/>
  <c r="I527" i="5" s="1"/>
  <c r="K993" i="2"/>
  <c r="K967" i="5" s="1"/>
  <c r="K8121" i="2"/>
  <c r="K8095" i="5" s="1"/>
  <c r="K4474" i="2"/>
  <c r="K4448" i="5" s="1"/>
  <c r="L8710" i="2"/>
  <c r="L8684" i="5" s="1"/>
  <c r="K2091" i="2"/>
  <c r="K2065" i="5" s="1"/>
  <c r="K7816" i="2"/>
  <c r="K7790" i="5" s="1"/>
  <c r="I3137" i="2"/>
  <c r="I3111" i="5" s="1"/>
  <c r="M3135" i="2"/>
  <c r="M3109" i="5" s="1"/>
  <c r="P3109" i="5" s="1"/>
  <c r="L2412" i="2"/>
  <c r="L2386" i="5" s="1"/>
  <c r="L4308" i="2"/>
  <c r="L4282" i="5" s="1"/>
  <c r="J5267" i="2"/>
  <c r="J5241" i="5" s="1"/>
  <c r="N5241" i="5" s="1"/>
  <c r="J6199" i="2"/>
  <c r="J6173" i="5" s="1"/>
  <c r="N6173" i="5" s="1"/>
  <c r="L5004" i="2"/>
  <c r="L4978" i="5" s="1"/>
  <c r="I5510" i="2"/>
  <c r="I5484" i="5" s="1"/>
  <c r="L4452" i="2"/>
  <c r="L4426" i="5" s="1"/>
  <c r="J1454" i="2"/>
  <c r="J1428" i="5" s="1"/>
  <c r="N1428" i="5" s="1"/>
  <c r="I3295" i="2"/>
  <c r="I3269" i="5" s="1"/>
  <c r="K6970" i="2"/>
  <c r="K6944" i="5" s="1"/>
  <c r="O6944" i="5" s="1"/>
  <c r="K56" i="2"/>
  <c r="K30" i="5" s="1"/>
  <c r="M3418" i="2"/>
  <c r="M3392" i="5" s="1"/>
  <c r="P3392" i="5" s="1"/>
  <c r="K4755" i="2"/>
  <c r="K4729" i="5" s="1"/>
  <c r="L6848" i="2"/>
  <c r="L6822" i="5" s="1"/>
  <c r="I6848" i="2"/>
  <c r="I6822" i="5" s="1"/>
  <c r="L1930" i="2"/>
  <c r="L1904" i="5" s="1"/>
  <c r="K2917" i="2"/>
  <c r="K2891" i="5" s="1"/>
  <c r="J2751" i="2"/>
  <c r="J2725" i="5" s="1"/>
  <c r="N2725" i="5" s="1"/>
  <c r="J3441" i="2"/>
  <c r="J3415" i="5" s="1"/>
  <c r="J1930" i="2"/>
  <c r="J1904" i="5" s="1"/>
  <c r="N1904" i="5" s="1"/>
  <c r="L133" i="2"/>
  <c r="L107" i="5" s="1"/>
  <c r="I4116" i="2"/>
  <c r="I4090" i="5" s="1"/>
  <c r="J4116" i="2"/>
  <c r="J4090" i="5" s="1"/>
  <c r="N4090" i="5" s="1"/>
  <c r="J641" i="2"/>
  <c r="J615" i="5" s="1"/>
  <c r="N615" i="5" s="1"/>
  <c r="K6782" i="2"/>
  <c r="K6756" i="5" s="1"/>
  <c r="I1287" i="2"/>
  <c r="I1261" i="5" s="1"/>
  <c r="L1287" i="2"/>
  <c r="L1261" i="5" s="1"/>
  <c r="M1287" i="2"/>
  <c r="M1261" i="5" s="1"/>
  <c r="P1261" i="5" s="1"/>
  <c r="K1287" i="2"/>
  <c r="K1261" i="5" s="1"/>
  <c r="J1287" i="2"/>
  <c r="J1261" i="5" s="1"/>
  <c r="N1261" i="5" s="1"/>
  <c r="J4152" i="2"/>
  <c r="J4126" i="5" s="1"/>
  <c r="N4126" i="5" s="1"/>
  <c r="M4152" i="2"/>
  <c r="M4126" i="5" s="1"/>
  <c r="P4126" i="5" s="1"/>
  <c r="M4154" i="2"/>
  <c r="M4128" i="5" s="1"/>
  <c r="P4128" i="5" s="1"/>
  <c r="K4154" i="2"/>
  <c r="K4128" i="5" s="1"/>
  <c r="L4154" i="2"/>
  <c r="L4128" i="5" s="1"/>
  <c r="K6179" i="2"/>
  <c r="K6153" i="5" s="1"/>
  <c r="L6179" i="2"/>
  <c r="L6153" i="5" s="1"/>
  <c r="M7525" i="2"/>
  <c r="M7499" i="5" s="1"/>
  <c r="P7499" i="5" s="1"/>
  <c r="K7525" i="2"/>
  <c r="K7499" i="5" s="1"/>
  <c r="L7525" i="2"/>
  <c r="L7499" i="5" s="1"/>
  <c r="I7788" i="2"/>
  <c r="I7762" i="5" s="1"/>
  <c r="L4914" i="2"/>
  <c r="L4888" i="5" s="1"/>
  <c r="M7025" i="2"/>
  <c r="M6999" i="5" s="1"/>
  <c r="P6999" i="5" s="1"/>
  <c r="L7025" i="2"/>
  <c r="L6999" i="5" s="1"/>
  <c r="I7025" i="2"/>
  <c r="I6999" i="5" s="1"/>
  <c r="K7025" i="2"/>
  <c r="K6999" i="5" s="1"/>
  <c r="K8700" i="2"/>
  <c r="K8674" i="5" s="1"/>
  <c r="L8700" i="2"/>
  <c r="L8674" i="5" s="1"/>
  <c r="I8700" i="2"/>
  <c r="I8674" i="5" s="1"/>
  <c r="J8700" i="2"/>
  <c r="J8674" i="5" s="1"/>
  <c r="N8674" i="5" s="1"/>
  <c r="M8700" i="2"/>
  <c r="M8674" i="5" s="1"/>
  <c r="P8674" i="5" s="1"/>
  <c r="M4451" i="2"/>
  <c r="M4425" i="5" s="1"/>
  <c r="P4425" i="5" s="1"/>
  <c r="K4451" i="2"/>
  <c r="K4425" i="5" s="1"/>
  <c r="J4451" i="2"/>
  <c r="J4425" i="5" s="1"/>
  <c r="N4425" i="5" s="1"/>
  <c r="I4451" i="2"/>
  <c r="I4425" i="5" s="1"/>
  <c r="L4451" i="2"/>
  <c r="L4425" i="5" s="1"/>
  <c r="K6986" i="2"/>
  <c r="K6960" i="5" s="1"/>
  <c r="I6986" i="2"/>
  <c r="I6960" i="5" s="1"/>
  <c r="M6986" i="2"/>
  <c r="M6960" i="5" s="1"/>
  <c r="P6960" i="5" s="1"/>
  <c r="J6986" i="2"/>
  <c r="J6960" i="5" s="1"/>
  <c r="N6960" i="5" s="1"/>
  <c r="L6986" i="2"/>
  <c r="L6960" i="5" s="1"/>
  <c r="I1059" i="2"/>
  <c r="I1033" i="5" s="1"/>
  <c r="K1059" i="2"/>
  <c r="K1033" i="5" s="1"/>
  <c r="G215" i="5"/>
  <c r="AR209" i="1"/>
  <c r="L3571" i="2"/>
  <c r="L3545" i="5" s="1"/>
  <c r="J3571" i="2"/>
  <c r="J3545" i="5" s="1"/>
  <c r="N3545" i="5" s="1"/>
  <c r="M6983" i="2"/>
  <c r="M6957" i="5" s="1"/>
  <c r="P6957" i="5" s="1"/>
  <c r="K6983" i="2"/>
  <c r="K6957" i="5" s="1"/>
  <c r="M5276" i="2"/>
  <c r="M5250" i="5" s="1"/>
  <c r="P5250" i="5" s="1"/>
  <c r="L5276" i="2"/>
  <c r="L5250" i="5" s="1"/>
  <c r="J5276" i="2"/>
  <c r="J5250" i="5" s="1"/>
  <c r="N5250" i="5" s="1"/>
  <c r="I5276" i="2"/>
  <c r="I5250" i="5" s="1"/>
  <c r="J4141" i="2"/>
  <c r="J4115" i="5" s="1"/>
  <c r="N4115" i="5" s="1"/>
  <c r="L4141" i="2"/>
  <c r="L4115" i="5" s="1"/>
  <c r="I4141" i="2"/>
  <c r="I4115" i="5" s="1"/>
  <c r="K4141" i="2"/>
  <c r="K4115" i="5" s="1"/>
  <c r="M4141" i="2"/>
  <c r="M4115" i="5" s="1"/>
  <c r="P4115" i="5" s="1"/>
  <c r="M4579" i="2"/>
  <c r="M4553" i="5" s="1"/>
  <c r="P4553" i="5" s="1"/>
  <c r="M4096" i="2"/>
  <c r="M4070" i="5" s="1"/>
  <c r="P4070" i="5" s="1"/>
  <c r="I4096" i="2"/>
  <c r="I4070" i="5" s="1"/>
  <c r="J4096" i="2"/>
  <c r="J4070" i="5" s="1"/>
  <c r="L4096" i="2"/>
  <c r="L4070" i="5" s="1"/>
  <c r="J6165" i="2"/>
  <c r="J6139" i="5" s="1"/>
  <c r="N6139" i="5" s="1"/>
  <c r="M6165" i="2"/>
  <c r="M6139" i="5" s="1"/>
  <c r="P6139" i="5" s="1"/>
  <c r="L6165" i="2"/>
  <c r="L6139" i="5" s="1"/>
  <c r="K6165" i="2"/>
  <c r="K6139" i="5" s="1"/>
  <c r="I7304" i="2"/>
  <c r="I7278" i="5" s="1"/>
  <c r="M7304" i="2"/>
  <c r="M7278" i="5" s="1"/>
  <c r="P7278" i="5" s="1"/>
  <c r="K7304" i="2"/>
  <c r="K7278" i="5" s="1"/>
  <c r="J7304" i="2"/>
  <c r="J7278" i="5" s="1"/>
  <c r="N7278" i="5" s="1"/>
  <c r="L4157" i="2"/>
  <c r="L4131" i="5" s="1"/>
  <c r="K4157" i="2"/>
  <c r="K4131" i="5" s="1"/>
  <c r="J4157" i="2"/>
  <c r="J4131" i="5" s="1"/>
  <c r="N4131" i="5" s="1"/>
  <c r="M4157" i="2"/>
  <c r="M4131" i="5" s="1"/>
  <c r="P4131" i="5" s="1"/>
  <c r="I4157" i="2"/>
  <c r="I4131" i="5" s="1"/>
  <c r="L4579" i="2"/>
  <c r="L4553" i="5" s="1"/>
  <c r="K4579" i="2"/>
  <c r="K4553" i="5" s="1"/>
  <c r="K3606" i="2"/>
  <c r="K3580" i="5" s="1"/>
  <c r="L3606" i="2"/>
  <c r="L3580" i="5" s="1"/>
  <c r="M3606" i="2"/>
  <c r="M3580" i="5" s="1"/>
  <c r="P3580" i="5" s="1"/>
  <c r="I3606" i="2"/>
  <c r="I3580" i="5" s="1"/>
  <c r="I3837" i="2"/>
  <c r="I3811" i="5" s="1"/>
  <c r="L3837" i="2"/>
  <c r="L3811" i="5" s="1"/>
  <c r="K6985" i="2"/>
  <c r="K6959" i="5" s="1"/>
  <c r="L6985" i="2"/>
  <c r="L6959" i="5" s="1"/>
  <c r="I1048" i="2"/>
  <c r="I1022" i="5" s="1"/>
  <c r="L4185" i="2"/>
  <c r="L4159" i="5" s="1"/>
  <c r="M4185" i="2"/>
  <c r="M4159" i="5" s="1"/>
  <c r="P4159" i="5" s="1"/>
  <c r="J4185" i="2"/>
  <c r="J4159" i="5" s="1"/>
  <c r="N4159" i="5" s="1"/>
  <c r="K4185" i="2"/>
  <c r="K4159" i="5" s="1"/>
  <c r="I304" i="2"/>
  <c r="I278" i="5" s="1"/>
  <c r="M304" i="2"/>
  <c r="M278" i="5" s="1"/>
  <c r="P278" i="5" s="1"/>
  <c r="M4574" i="2"/>
  <c r="M4548" i="5" s="1"/>
  <c r="P4548" i="5" s="1"/>
  <c r="L4574" i="2"/>
  <c r="L4548" i="5" s="1"/>
  <c r="I4185" i="2"/>
  <c r="I4159" i="5" s="1"/>
  <c r="L7977" i="2"/>
  <c r="L7951" i="5" s="1"/>
  <c r="K5116" i="2"/>
  <c r="K5090" i="5" s="1"/>
  <c r="M2387" i="2"/>
  <c r="M2361" i="5" s="1"/>
  <c r="P2361" i="5" s="1"/>
  <c r="I6165" i="2"/>
  <c r="I6139" i="5" s="1"/>
  <c r="L8158" i="2"/>
  <c r="L8132" i="5" s="1"/>
  <c r="M5116" i="2"/>
  <c r="M5090" i="5" s="1"/>
  <c r="P5090" i="5" s="1"/>
  <c r="J4755" i="2"/>
  <c r="J4729" i="5" s="1"/>
  <c r="M8467" i="2"/>
  <c r="M8441" i="5" s="1"/>
  <c r="P8441" i="5" s="1"/>
  <c r="J8618" i="2"/>
  <c r="J8592" i="5" s="1"/>
  <c r="N8592" i="5" s="1"/>
  <c r="I4916" i="2"/>
  <c r="I4890" i="5" s="1"/>
  <c r="L4916" i="2"/>
  <c r="L4890" i="5" s="1"/>
  <c r="L609" i="2"/>
  <c r="L583" i="5" s="1"/>
  <c r="K609" i="2"/>
  <c r="K583" i="5" s="1"/>
  <c r="M6762" i="2"/>
  <c r="M6736" i="5" s="1"/>
  <c r="P6736" i="5" s="1"/>
  <c r="M5103" i="2"/>
  <c r="M5077" i="5" s="1"/>
  <c r="P5077" i="5" s="1"/>
  <c r="I5103" i="2"/>
  <c r="I5077" i="5" s="1"/>
  <c r="K5788" i="2"/>
  <c r="K5762" i="5" s="1"/>
  <c r="I8714" i="2"/>
  <c r="I8688" i="5" s="1"/>
  <c r="M8714" i="2"/>
  <c r="M8688" i="5" s="1"/>
  <c r="P8688" i="5" s="1"/>
  <c r="K8714" i="2"/>
  <c r="K8688" i="5" s="1"/>
  <c r="M7798" i="2"/>
  <c r="M7772" i="5" s="1"/>
  <c r="P7772" i="5" s="1"/>
  <c r="L7798" i="2"/>
  <c r="L7772" i="5" s="1"/>
  <c r="I2227" i="2"/>
  <c r="I2201" i="5" s="1"/>
  <c r="J2227" i="2"/>
  <c r="J2201" i="5" s="1"/>
  <c r="N2201" i="5" s="1"/>
  <c r="K2227" i="2"/>
  <c r="K2201" i="5" s="1"/>
  <c r="M2227" i="2"/>
  <c r="M2201" i="5" s="1"/>
  <c r="P2201" i="5" s="1"/>
  <c r="L2227" i="2"/>
  <c r="L2201" i="5" s="1"/>
  <c r="L5288" i="2"/>
  <c r="L5262" i="5" s="1"/>
  <c r="K5288" i="2"/>
  <c r="K5262" i="5" s="1"/>
  <c r="M5288" i="2"/>
  <c r="M5262" i="5" s="1"/>
  <c r="P5262" i="5" s="1"/>
  <c r="J5288" i="2"/>
  <c r="J5262" i="5" s="1"/>
  <c r="N5262" i="5" s="1"/>
  <c r="K7788" i="2"/>
  <c r="K7762" i="5" s="1"/>
  <c r="J7788" i="2"/>
  <c r="J7762" i="5" s="1"/>
  <c r="N7762" i="5" s="1"/>
  <c r="J7031" i="2"/>
  <c r="J7005" i="5" s="1"/>
  <c r="N7005" i="5" s="1"/>
  <c r="M7031" i="2"/>
  <c r="M7005" i="5" s="1"/>
  <c r="P7005" i="5" s="1"/>
  <c r="I7031" i="2"/>
  <c r="I7005" i="5" s="1"/>
  <c r="M6299" i="2"/>
  <c r="M6273" i="5" s="1"/>
  <c r="P6273" i="5" s="1"/>
  <c r="I6299" i="2"/>
  <c r="I6273" i="5" s="1"/>
  <c r="L6299" i="2"/>
  <c r="L6273" i="5" s="1"/>
  <c r="J6299" i="2"/>
  <c r="J6273" i="5" s="1"/>
  <c r="N6273" i="5" s="1"/>
  <c r="I8506" i="2"/>
  <c r="I8480" i="5" s="1"/>
  <c r="L8506" i="2"/>
  <c r="L8480" i="5" s="1"/>
  <c r="J6149" i="2"/>
  <c r="J6123" i="5" s="1"/>
  <c r="K2578" i="2"/>
  <c r="K2552" i="5" s="1"/>
  <c r="J6955" i="2"/>
  <c r="J6929" i="5" s="1"/>
  <c r="M6955" i="2"/>
  <c r="M6929" i="5" s="1"/>
  <c r="P6929" i="5" s="1"/>
  <c r="I5267" i="2"/>
  <c r="I5241" i="5" s="1"/>
  <c r="M5267" i="2"/>
  <c r="M5241" i="5" s="1"/>
  <c r="P5241" i="5" s="1"/>
  <c r="J1573" i="2"/>
  <c r="J1547" i="5" s="1"/>
  <c r="N1547" i="5" s="1"/>
  <c r="L1573" i="2"/>
  <c r="L1547" i="5" s="1"/>
  <c r="M4476" i="2"/>
  <c r="M4450" i="5" s="1"/>
  <c r="P4450" i="5" s="1"/>
  <c r="L4476" i="2"/>
  <c r="L4450" i="5" s="1"/>
  <c r="L8702" i="2"/>
  <c r="L8676" i="5" s="1"/>
  <c r="K8702" i="2"/>
  <c r="K8676" i="5" s="1"/>
  <c r="M5332" i="2"/>
  <c r="M5306" i="5" s="1"/>
  <c r="P5306" i="5" s="1"/>
  <c r="J2578" i="2"/>
  <c r="J2552" i="5" s="1"/>
  <c r="N2552" i="5" s="1"/>
  <c r="K152" i="2"/>
  <c r="K126" i="5" s="1"/>
  <c r="K2118" i="2"/>
  <c r="K2092" i="5" s="1"/>
  <c r="M1571" i="2"/>
  <c r="M1545" i="5" s="1"/>
  <c r="P1545" i="5" s="1"/>
  <c r="I1138" i="2"/>
  <c r="I1112" i="5" s="1"/>
  <c r="L5673" i="2"/>
  <c r="L5647" i="5" s="1"/>
  <c r="K8441" i="2"/>
  <c r="K8415" i="5" s="1"/>
  <c r="M3109" i="2"/>
  <c r="M3083" i="5" s="1"/>
  <c r="P3083" i="5" s="1"/>
  <c r="L5116" i="2"/>
  <c r="L5090" i="5" s="1"/>
  <c r="M7971" i="2"/>
  <c r="M7945" i="5" s="1"/>
  <c r="P7945" i="5" s="1"/>
  <c r="K7167" i="2"/>
  <c r="K7141" i="5" s="1"/>
  <c r="L2434" i="2"/>
  <c r="L2408" i="5" s="1"/>
  <c r="L8111" i="2"/>
  <c r="L8085" i="5" s="1"/>
  <c r="I7503" i="2"/>
  <c r="I7477" i="5" s="1"/>
  <c r="M8158" i="2"/>
  <c r="M8132" i="5" s="1"/>
  <c r="P8132" i="5" s="1"/>
  <c r="J3470" i="2"/>
  <c r="J3444" i="5" s="1"/>
  <c r="N3444" i="5" s="1"/>
  <c r="M2989" i="2"/>
  <c r="M2963" i="5" s="1"/>
  <c r="P2963" i="5" s="1"/>
  <c r="L7304" i="2"/>
  <c r="L7278" i="5" s="1"/>
  <c r="K3440" i="2"/>
  <c r="K3414" i="5" s="1"/>
  <c r="O3414" i="5" s="1"/>
  <c r="M2731" i="2"/>
  <c r="M2705" i="5" s="1"/>
  <c r="P2705" i="5" s="1"/>
  <c r="J6791" i="2"/>
  <c r="J6765" i="5" s="1"/>
  <c r="N6765" i="5" s="1"/>
  <c r="M6791" i="2"/>
  <c r="M6765" i="5" s="1"/>
  <c r="P6765" i="5" s="1"/>
  <c r="I6791" i="2"/>
  <c r="I6765" i="5" s="1"/>
  <c r="K6791" i="2"/>
  <c r="K6765" i="5" s="1"/>
  <c r="O6765" i="5" s="1"/>
  <c r="K3470" i="2"/>
  <c r="K3444" i="5" s="1"/>
  <c r="M4166" i="2"/>
  <c r="M4140" i="5" s="1"/>
  <c r="P4140" i="5" s="1"/>
  <c r="J4679" i="2"/>
  <c r="J4653" i="5" s="1"/>
  <c r="N4653" i="5" s="1"/>
  <c r="M7879" i="2"/>
  <c r="M7853" i="5" s="1"/>
  <c r="P7853" i="5" s="1"/>
  <c r="L7879" i="2"/>
  <c r="L7853" i="5" s="1"/>
  <c r="M3436" i="2"/>
  <c r="M3410" i="5" s="1"/>
  <c r="P3410" i="5" s="1"/>
  <c r="L3439" i="2"/>
  <c r="L3413" i="5" s="1"/>
  <c r="I3579" i="2"/>
  <c r="I3553" i="5" s="1"/>
  <c r="M4671" i="2"/>
  <c r="M4645" i="5" s="1"/>
  <c r="P4645" i="5" s="1"/>
  <c r="J6307" i="2"/>
  <c r="J6281" i="5" s="1"/>
  <c r="N6281" i="5" s="1"/>
  <c r="I7617" i="2"/>
  <c r="I7591" i="5" s="1"/>
  <c r="K5274" i="2"/>
  <c r="K5248" i="5" s="1"/>
  <c r="J7879" i="2"/>
  <c r="J7853" i="5" s="1"/>
  <c r="N7853" i="5" s="1"/>
  <c r="I1571" i="2"/>
  <c r="I1545" i="5" s="1"/>
  <c r="I3088" i="2"/>
  <c r="I3062" i="5" s="1"/>
  <c r="J1571" i="2"/>
  <c r="J1545" i="5" s="1"/>
  <c r="N1545" i="5" s="1"/>
  <c r="I7278" i="2"/>
  <c r="I7252" i="5" s="1"/>
  <c r="M3805" i="2"/>
  <c r="M3779" i="5" s="1"/>
  <c r="P3779" i="5" s="1"/>
  <c r="I2238" i="2"/>
  <c r="I2212" i="5" s="1"/>
  <c r="I6926" i="2"/>
  <c r="I6900" i="5" s="1"/>
  <c r="M3470" i="2"/>
  <c r="M3444" i="5" s="1"/>
  <c r="P3444" i="5" s="1"/>
  <c r="I4166" i="2"/>
  <c r="I4140" i="5" s="1"/>
  <c r="L4671" i="2"/>
  <c r="L4645" i="5" s="1"/>
  <c r="J434" i="2"/>
  <c r="J408" i="5" s="1"/>
  <c r="N408" i="5" s="1"/>
  <c r="I220" i="2"/>
  <c r="I194" i="5" s="1"/>
  <c r="I7296" i="2"/>
  <c r="I7270" i="5" s="1"/>
  <c r="J7296" i="2"/>
  <c r="J7270" i="5" s="1"/>
  <c r="N7270" i="5" s="1"/>
  <c r="J7971" i="2"/>
  <c r="J7945" i="5" s="1"/>
  <c r="M8184" i="2"/>
  <c r="M8158" i="5" s="1"/>
  <c r="P8158" i="5" s="1"/>
  <c r="L7971" i="2"/>
  <c r="L7945" i="5" s="1"/>
  <c r="L4596" i="2"/>
  <c r="L4570" i="5" s="1"/>
  <c r="M6106" i="2"/>
  <c r="M6080" i="5" s="1"/>
  <c r="P6080" i="5" s="1"/>
  <c r="K4323" i="2"/>
  <c r="K4297" i="5" s="1"/>
  <c r="J2892" i="2"/>
  <c r="J2866" i="5" s="1"/>
  <c r="N2866" i="5" s="1"/>
  <c r="I3470" i="2"/>
  <c r="I3444" i="5" s="1"/>
  <c r="K8707" i="2"/>
  <c r="K8681" i="5" s="1"/>
  <c r="M4596" i="2"/>
  <c r="M4570" i="5" s="1"/>
  <c r="P4570" i="5" s="1"/>
  <c r="J7797" i="2"/>
  <c r="J7771" i="5" s="1"/>
  <c r="N7771" i="5" s="1"/>
  <c r="I8184" i="2"/>
  <c r="I8158" i="5" s="1"/>
  <c r="I4981" i="2"/>
  <c r="I4955" i="5" s="1"/>
  <c r="J3148" i="2"/>
  <c r="J3122" i="5" s="1"/>
  <c r="N3122" i="5" s="1"/>
  <c r="K7522" i="2"/>
  <c r="K7496" i="5" s="1"/>
  <c r="J7859" i="2"/>
  <c r="J7833" i="5" s="1"/>
  <c r="N7833" i="5" s="1"/>
  <c r="L3579" i="2"/>
  <c r="L3553" i="5" s="1"/>
  <c r="I6307" i="2"/>
  <c r="I6281" i="5" s="1"/>
  <c r="L7617" i="2"/>
  <c r="L7591" i="5" s="1"/>
  <c r="I5274" i="2"/>
  <c r="I5248" i="5" s="1"/>
  <c r="J5142" i="2"/>
  <c r="J5116" i="5" s="1"/>
  <c r="I7879" i="2"/>
  <c r="I7853" i="5" s="1"/>
  <c r="L5622" i="2"/>
  <c r="L5596" i="5" s="1"/>
  <c r="K4669" i="2"/>
  <c r="K4643" i="5" s="1"/>
  <c r="J3436" i="2"/>
  <c r="J3410" i="5" s="1"/>
  <c r="N3410" i="5" s="1"/>
  <c r="J4596" i="2"/>
  <c r="J4570" i="5" s="1"/>
  <c r="N4570" i="5" s="1"/>
  <c r="M6985" i="2"/>
  <c r="M6959" i="5" s="1"/>
  <c r="P6959" i="5" s="1"/>
  <c r="L8184" i="2"/>
  <c r="L8158" i="5" s="1"/>
  <c r="I4184" i="2"/>
  <c r="I4158" i="5" s="1"/>
  <c r="L6106" i="2"/>
  <c r="L6080" i="5" s="1"/>
  <c r="L4981" i="2"/>
  <c r="L4955" i="5" s="1"/>
  <c r="AR264" i="1"/>
  <c r="J4320" i="2"/>
  <c r="J4294" i="5" s="1"/>
  <c r="N4294" i="5" s="1"/>
  <c r="J7522" i="2"/>
  <c r="J7496" i="5" s="1"/>
  <c r="N7496" i="5" s="1"/>
  <c r="I4323" i="2"/>
  <c r="I4297" i="5" s="1"/>
  <c r="L6169" i="2"/>
  <c r="L6143" i="5" s="1"/>
  <c r="K6321" i="2"/>
  <c r="K6295" i="5" s="1"/>
  <c r="J5274" i="2"/>
  <c r="J5248" i="5" s="1"/>
  <c r="N5248" i="5" s="1"/>
  <c r="L5250" i="2"/>
  <c r="L5224" i="5" s="1"/>
  <c r="L1401" i="2"/>
  <c r="L1375" i="5" s="1"/>
  <c r="K1401" i="2"/>
  <c r="K1375" i="5" s="1"/>
  <c r="J1401" i="2"/>
  <c r="J1375" i="5" s="1"/>
  <c r="N1375" i="5" s="1"/>
  <c r="K2731" i="2"/>
  <c r="K2705" i="5" s="1"/>
  <c r="L1571" i="2"/>
  <c r="L1545" i="5" s="1"/>
  <c r="L7866" i="2"/>
  <c r="L7840" i="5" s="1"/>
  <c r="M7866" i="2"/>
  <c r="M7840" i="5" s="1"/>
  <c r="P7840" i="5" s="1"/>
  <c r="M8211" i="2"/>
  <c r="M8185" i="5" s="1"/>
  <c r="P8185" i="5" s="1"/>
  <c r="K6018" i="2"/>
  <c r="K5992" i="5" s="1"/>
  <c r="O5992" i="5" s="1"/>
  <c r="M2238" i="2"/>
  <c r="M2212" i="5" s="1"/>
  <c r="P2212" i="5" s="1"/>
  <c r="I8702" i="2"/>
  <c r="I8676" i="5" s="1"/>
  <c r="M5622" i="2"/>
  <c r="M5596" i="5" s="1"/>
  <c r="P5596" i="5" s="1"/>
  <c r="M4669" i="2"/>
  <c r="M4643" i="5" s="1"/>
  <c r="P4643" i="5" s="1"/>
  <c r="M8702" i="2"/>
  <c r="M8676" i="5" s="1"/>
  <c r="P8676" i="5" s="1"/>
  <c r="L3436" i="2"/>
  <c r="L3410" i="5" s="1"/>
  <c r="J5622" i="2"/>
  <c r="J5596" i="5" s="1"/>
  <c r="N5596" i="5" s="1"/>
  <c r="K4596" i="2"/>
  <c r="K4570" i="5" s="1"/>
  <c r="J8184" i="2"/>
  <c r="J8158" i="5" s="1"/>
  <c r="L4184" i="2"/>
  <c r="L4158" i="5" s="1"/>
  <c r="M7967" i="2"/>
  <c r="M7941" i="5" s="1"/>
  <c r="P7941" i="5" s="1"/>
  <c r="J2731" i="2"/>
  <c r="J2705" i="5" s="1"/>
  <c r="M1962" i="2"/>
  <c r="M1936" i="5" s="1"/>
  <c r="P1936" i="5" s="1"/>
  <c r="J4166" i="2"/>
  <c r="J4140" i="5" s="1"/>
  <c r="N4140" i="5" s="1"/>
  <c r="K2238" i="2"/>
  <c r="K2212" i="5" s="1"/>
  <c r="O2212" i="5" s="1"/>
  <c r="J7278" i="2"/>
  <c r="J7252" i="5" s="1"/>
  <c r="N7252" i="5" s="1"/>
  <c r="L4166" i="2"/>
  <c r="L4140" i="5" s="1"/>
  <c r="K3805" i="2"/>
  <c r="K3779" i="5" s="1"/>
  <c r="O3779" i="5" s="1"/>
  <c r="K3436" i="2"/>
  <c r="K3410" i="5" s="1"/>
  <c r="I122" i="2"/>
  <c r="I96" i="5" s="1"/>
  <c r="J8193" i="2"/>
  <c r="J8167" i="5" s="1"/>
  <c r="N8167" i="5" s="1"/>
  <c r="K6855" i="2"/>
  <c r="K6829" i="5" s="1"/>
  <c r="J4184" i="2"/>
  <c r="J4158" i="5" s="1"/>
  <c r="N4158" i="5" s="1"/>
  <c r="J6106" i="2"/>
  <c r="J6080" i="5" s="1"/>
  <c r="N6080" i="5" s="1"/>
  <c r="K4096" i="2"/>
  <c r="K4070" i="5" s="1"/>
  <c r="I4320" i="2"/>
  <c r="I4294" i="5" s="1"/>
  <c r="L7522" i="2"/>
  <c r="L7496" i="5" s="1"/>
  <c r="M4323" i="2"/>
  <c r="M4297" i="5" s="1"/>
  <c r="P4297" i="5" s="1"/>
  <c r="I6169" i="2"/>
  <c r="I6143" i="5" s="1"/>
  <c r="J7967" i="2"/>
  <c r="J7941" i="5" s="1"/>
  <c r="I2062" i="2"/>
  <c r="I2036" i="5" s="1"/>
  <c r="L2731" i="2"/>
  <c r="L2705" i="5" s="1"/>
  <c r="J5298" i="2"/>
  <c r="J5272" i="5" s="1"/>
  <c r="J122" i="2"/>
  <c r="J96" i="5" s="1"/>
  <c r="N96" i="5" s="1"/>
  <c r="I6106" i="2"/>
  <c r="I6080" i="5" s="1"/>
  <c r="K4320" i="2"/>
  <c r="K4294" i="5" s="1"/>
  <c r="M7522" i="2"/>
  <c r="M7496" i="5" s="1"/>
  <c r="P7496" i="5" s="1"/>
  <c r="L4323" i="2"/>
  <c r="L4297" i="5" s="1"/>
  <c r="M8789" i="2"/>
  <c r="M8763" i="5" s="1"/>
  <c r="P8763" i="5" s="1"/>
  <c r="L1101" i="2"/>
  <c r="L1075" i="5" s="1"/>
  <c r="J8789" i="2"/>
  <c r="J8763" i="5" s="1"/>
  <c r="N8763" i="5" s="1"/>
  <c r="K122" i="2"/>
  <c r="K96" i="5" s="1"/>
  <c r="K8193" i="2"/>
  <c r="K8167" i="5" s="1"/>
  <c r="M6855" i="2"/>
  <c r="M6829" i="5" s="1"/>
  <c r="P6829" i="5" s="1"/>
  <c r="K4184" i="2"/>
  <c r="K4158" i="5" s="1"/>
  <c r="M4320" i="2"/>
  <c r="M4294" i="5" s="1"/>
  <c r="P4294" i="5" s="1"/>
  <c r="J3606" i="2"/>
  <c r="J3580" i="5" s="1"/>
  <c r="N3580" i="5" s="1"/>
  <c r="K3441" i="2"/>
  <c r="K3415" i="5" s="1"/>
  <c r="I2989" i="2"/>
  <c r="I2963" i="5" s="1"/>
  <c r="J7025" i="2"/>
  <c r="J6999" i="5" s="1"/>
  <c r="J3805" i="2"/>
  <c r="J3779" i="5" s="1"/>
  <c r="N3779" i="5" s="1"/>
  <c r="J7866" i="2"/>
  <c r="J7840" i="5" s="1"/>
  <c r="I4072" i="2"/>
  <c r="I4046" i="5" s="1"/>
  <c r="M3592" i="2"/>
  <c r="M3566" i="5" s="1"/>
  <c r="P3566" i="5" s="1"/>
  <c r="J2238" i="2"/>
  <c r="J2212" i="5" s="1"/>
  <c r="N2212" i="5" s="1"/>
  <c r="M1930" i="2"/>
  <c r="M1904" i="5" s="1"/>
  <c r="P1904" i="5" s="1"/>
  <c r="K1101" i="2"/>
  <c r="K1075" i="5" s="1"/>
  <c r="L5267" i="2"/>
  <c r="L5241" i="5" s="1"/>
  <c r="I3441" i="2"/>
  <c r="I3415" i="5" s="1"/>
  <c r="I4591" i="2"/>
  <c r="I4565" i="5" s="1"/>
  <c r="I8487" i="2"/>
  <c r="I8461" i="5" s="1"/>
  <c r="L7870" i="2"/>
  <c r="L7844" i="5" s="1"/>
  <c r="J631" i="2"/>
  <c r="J605" i="5" s="1"/>
  <c r="N605" i="5" s="1"/>
  <c r="J3429" i="2"/>
  <c r="J3403" i="5" s="1"/>
  <c r="N3403" i="5" s="1"/>
  <c r="M5137" i="2"/>
  <c r="M5111" i="5" s="1"/>
  <c r="P5111" i="5" s="1"/>
  <c r="K4687" i="2"/>
  <c r="K4661" i="5" s="1"/>
  <c r="L6990" i="2"/>
  <c r="L6964" i="5" s="1"/>
  <c r="M8507" i="2"/>
  <c r="M8481" i="5" s="1"/>
  <c r="P8481" i="5" s="1"/>
  <c r="K3809" i="2"/>
  <c r="K3783" i="5" s="1"/>
  <c r="L7607" i="2"/>
  <c r="L7581" i="5" s="1"/>
  <c r="I7955" i="2"/>
  <c r="I7929" i="5" s="1"/>
  <c r="I5322" i="2"/>
  <c r="I5296" i="5" s="1"/>
  <c r="M1884" i="2"/>
  <c r="M1858" i="5" s="1"/>
  <c r="P1858" i="5" s="1"/>
  <c r="L5079" i="2"/>
  <c r="L5053" i="5" s="1"/>
  <c r="M5352" i="2"/>
  <c r="M5326" i="5" s="1"/>
  <c r="P5326" i="5" s="1"/>
  <c r="M1565" i="2"/>
  <c r="M1539" i="5" s="1"/>
  <c r="P1539" i="5" s="1"/>
  <c r="J625" i="2"/>
  <c r="J599" i="5" s="1"/>
  <c r="N599" i="5" s="1"/>
  <c r="I3929" i="2"/>
  <c r="I3903" i="5" s="1"/>
  <c r="J1926" i="2"/>
  <c r="J1900" i="5" s="1"/>
  <c r="N1900" i="5" s="1"/>
  <c r="I7306" i="2"/>
  <c r="I7280" i="5" s="1"/>
  <c r="L2154" i="2"/>
  <c r="L2128" i="5" s="1"/>
  <c r="I6173" i="2"/>
  <c r="I6147" i="5" s="1"/>
  <c r="I1239" i="2"/>
  <c r="I1213" i="5" s="1"/>
  <c r="M7496" i="2"/>
  <c r="M7470" i="5" s="1"/>
  <c r="P7470" i="5" s="1"/>
  <c r="I1966" i="2"/>
  <c r="I1940" i="5" s="1"/>
  <c r="J108" i="2"/>
  <c r="J82" i="5" s="1"/>
  <c r="N82" i="5" s="1"/>
  <c r="I1956" i="2"/>
  <c r="I1930" i="5" s="1"/>
  <c r="J5780" i="2"/>
  <c r="J5754" i="5" s="1"/>
  <c r="N5754" i="5" s="1"/>
  <c r="I7512" i="2"/>
  <c r="I7486" i="5" s="1"/>
  <c r="M4796" i="2"/>
  <c r="M4770" i="5" s="1"/>
  <c r="P4770" i="5" s="1"/>
  <c r="K8280" i="2"/>
  <c r="K8254" i="5" s="1"/>
  <c r="I6968" i="2"/>
  <c r="I6942" i="5" s="1"/>
  <c r="J4260" i="2"/>
  <c r="J4234" i="5" s="1"/>
  <c r="N4234" i="5" s="1"/>
  <c r="K2659" i="2"/>
  <c r="K2633" i="5" s="1"/>
  <c r="J4491" i="2"/>
  <c r="J4465" i="5" s="1"/>
  <c r="N4465" i="5" s="1"/>
  <c r="J1934" i="2"/>
  <c r="J1908" i="5" s="1"/>
  <c r="N1908" i="5" s="1"/>
  <c r="L878" i="2"/>
  <c r="L852" i="5" s="1"/>
  <c r="J4609" i="2"/>
  <c r="J4583" i="5" s="1"/>
  <c r="N4583" i="5" s="1"/>
  <c r="L6867" i="2"/>
  <c r="L6841" i="5" s="1"/>
  <c r="J3424" i="2"/>
  <c r="J3398" i="5" s="1"/>
  <c r="N3398" i="5" s="1"/>
  <c r="K924" i="2"/>
  <c r="K898" i="5" s="1"/>
  <c r="J8775" i="2"/>
  <c r="J8749" i="5" s="1"/>
  <c r="N8749" i="5" s="1"/>
  <c r="K7780" i="2"/>
  <c r="K7754" i="5" s="1"/>
  <c r="K3139" i="2"/>
  <c r="K3113" i="5" s="1"/>
  <c r="J4832" i="2"/>
  <c r="J4806" i="5" s="1"/>
  <c r="N4806" i="5" s="1"/>
  <c r="I5328" i="2"/>
  <c r="I5302" i="5" s="1"/>
  <c r="M6963" i="2"/>
  <c r="M6937" i="5" s="1"/>
  <c r="P6937" i="5" s="1"/>
  <c r="J1251" i="2"/>
  <c r="J1225" i="5" s="1"/>
  <c r="N1225" i="5" s="1"/>
  <c r="L3145" i="2"/>
  <c r="L3119" i="5" s="1"/>
  <c r="L3577" i="2"/>
  <c r="L3551" i="5" s="1"/>
  <c r="L7762" i="2"/>
  <c r="L7736" i="5" s="1"/>
  <c r="K7617" i="2"/>
  <c r="K7591" i="5" s="1"/>
  <c r="M3469" i="2"/>
  <c r="M3443" i="5" s="1"/>
  <c r="P3443" i="5" s="1"/>
  <c r="K1551" i="2"/>
  <c r="K1525" i="5" s="1"/>
  <c r="I5301" i="2"/>
  <c r="I5275" i="5" s="1"/>
  <c r="K2097" i="2"/>
  <c r="K2071" i="5" s="1"/>
  <c r="L8303" i="2"/>
  <c r="L8277" i="5" s="1"/>
  <c r="I4757" i="2"/>
  <c r="I4731" i="5" s="1"/>
  <c r="K7480" i="2"/>
  <c r="K7454" i="5" s="1"/>
  <c r="M5784" i="2"/>
  <c r="M5758" i="5" s="1"/>
  <c r="P5758" i="5" s="1"/>
  <c r="J1326" i="2"/>
  <c r="J1300" i="5" s="1"/>
  <c r="N1300" i="5" s="1"/>
  <c r="J2927" i="2"/>
  <c r="J2901" i="5" s="1"/>
  <c r="N2901" i="5" s="1"/>
  <c r="K4625" i="2"/>
  <c r="K4599" i="5" s="1"/>
  <c r="M5351" i="2"/>
  <c r="M5325" i="5" s="1"/>
  <c r="P5325" i="5" s="1"/>
  <c r="M3495" i="2"/>
  <c r="M3469" i="5" s="1"/>
  <c r="P3469" i="5" s="1"/>
  <c r="J444" i="2"/>
  <c r="J418" i="5" s="1"/>
  <c r="N418" i="5" s="1"/>
  <c r="K7367" i="2"/>
  <c r="K7341" i="5" s="1"/>
  <c r="I2600" i="2"/>
  <c r="I2574" i="5" s="1"/>
  <c r="L8371" i="2"/>
  <c r="L8345" i="5" s="1"/>
  <c r="K8327" i="2"/>
  <c r="K8301" i="5" s="1"/>
  <c r="M4577" i="2"/>
  <c r="M4551" i="5" s="1"/>
  <c r="P4551" i="5" s="1"/>
  <c r="L1045" i="2"/>
  <c r="L1019" i="5" s="1"/>
  <c r="I1889" i="2"/>
  <c r="I1863" i="5" s="1"/>
  <c r="K1581" i="2"/>
  <c r="K1555" i="5" s="1"/>
  <c r="I4827" i="2"/>
  <c r="I4801" i="5" s="1"/>
  <c r="I6984" i="2"/>
  <c r="I6958" i="5" s="1"/>
  <c r="J6123" i="2"/>
  <c r="J6097" i="5" s="1"/>
  <c r="N6097" i="5" s="1"/>
  <c r="L2578" i="2"/>
  <c r="L2552" i="5" s="1"/>
  <c r="J4579" i="2"/>
  <c r="J4553" i="5" s="1"/>
  <c r="N4553" i="5" s="1"/>
  <c r="L4149" i="2"/>
  <c r="L4123" i="5" s="1"/>
  <c r="I5278" i="2"/>
  <c r="I5252" i="5" s="1"/>
  <c r="M7788" i="2"/>
  <c r="M7762" i="5" s="1"/>
  <c r="P7762" i="5" s="1"/>
  <c r="M6840" i="2"/>
  <c r="M6814" i="5" s="1"/>
  <c r="P6814" i="5" s="1"/>
  <c r="M8348" i="2"/>
  <c r="M8322" i="5" s="1"/>
  <c r="P8322" i="5" s="1"/>
  <c r="K7013" i="2"/>
  <c r="K6987" i="5" s="1"/>
  <c r="L7994" i="2"/>
  <c r="L7968" i="5" s="1"/>
  <c r="I3629" i="2"/>
  <c r="I3603" i="5" s="1"/>
  <c r="L4992" i="2"/>
  <c r="L4966" i="5" s="1"/>
  <c r="M2806" i="2"/>
  <c r="M2780" i="5" s="1"/>
  <c r="P2780" i="5" s="1"/>
  <c r="L8655" i="2"/>
  <c r="L8629" i="5" s="1"/>
  <c r="M1556" i="2"/>
  <c r="M1530" i="5" s="1"/>
  <c r="P1530" i="5" s="1"/>
  <c r="M624" i="2"/>
  <c r="M598" i="5" s="1"/>
  <c r="P598" i="5" s="1"/>
  <c r="I3249" i="2"/>
  <c r="I3223" i="5" s="1"/>
  <c r="J5315" i="2"/>
  <c r="J5289" i="5" s="1"/>
  <c r="N5289" i="5" s="1"/>
  <c r="I7446" i="2"/>
  <c r="I7420" i="5" s="1"/>
  <c r="L4150" i="2"/>
  <c r="L4124" i="5" s="1"/>
  <c r="I5951" i="2"/>
  <c r="I5925" i="5" s="1"/>
  <c r="M2292" i="2"/>
  <c r="M2266" i="5" s="1"/>
  <c r="P2266" i="5" s="1"/>
  <c r="L8454" i="2"/>
  <c r="L8428" i="5" s="1"/>
  <c r="K7651" i="2"/>
  <c r="K7625" i="5" s="1"/>
  <c r="K1438" i="2"/>
  <c r="K1412" i="5" s="1"/>
  <c r="L3107" i="2"/>
  <c r="L3081" i="5" s="1"/>
  <c r="I4276" i="2"/>
  <c r="I4250" i="5" s="1"/>
  <c r="K2780" i="2"/>
  <c r="K2754" i="5" s="1"/>
  <c r="K8489" i="2"/>
  <c r="K8463" i="5" s="1"/>
  <c r="K2071" i="2"/>
  <c r="K2045" i="5" s="1"/>
  <c r="J6311" i="2"/>
  <c r="J6285" i="5" s="1"/>
  <c r="N6285" i="5" s="1"/>
  <c r="I7793" i="2"/>
  <c r="I7767" i="5" s="1"/>
  <c r="M1593" i="2"/>
  <c r="M1567" i="5" s="1"/>
  <c r="P1567" i="5" s="1"/>
  <c r="L6164" i="2"/>
  <c r="L6138" i="5" s="1"/>
  <c r="J1106" i="2"/>
  <c r="J1080" i="5" s="1"/>
  <c r="I5524" i="2"/>
  <c r="I5498" i="5" s="1"/>
  <c r="L7980" i="2"/>
  <c r="L7954" i="5" s="1"/>
  <c r="L6801" i="2"/>
  <c r="L6775" i="5" s="1"/>
  <c r="M5120" i="2"/>
  <c r="M5094" i="5" s="1"/>
  <c r="P5094" i="5" s="1"/>
  <c r="K7878" i="2"/>
  <c r="K7852" i="5" s="1"/>
  <c r="M2578" i="2"/>
  <c r="M2552" i="5" s="1"/>
  <c r="P2552" i="5" s="1"/>
  <c r="L2788" i="2"/>
  <c r="L2762" i="5" s="1"/>
  <c r="J1458" i="2"/>
  <c r="J1432" i="5" s="1"/>
  <c r="N1432" i="5" s="1"/>
  <c r="I3564" i="2"/>
  <c r="I3538" i="5" s="1"/>
  <c r="M6781" i="2"/>
  <c r="M6755" i="5" s="1"/>
  <c r="P6755" i="5" s="1"/>
  <c r="I4149" i="2"/>
  <c r="I4123" i="5" s="1"/>
  <c r="J6982" i="2"/>
  <c r="J6956" i="5" s="1"/>
  <c r="N6956" i="5" s="1"/>
  <c r="K4078" i="2"/>
  <c r="K4052" i="5" s="1"/>
  <c r="L6831" i="2"/>
  <c r="L6805" i="5" s="1"/>
  <c r="M5599" i="2"/>
  <c r="M5573" i="5" s="1"/>
  <c r="P5573" i="5" s="1"/>
  <c r="I3636" i="2"/>
  <c r="I3610" i="5" s="1"/>
  <c r="K6007" i="2"/>
  <c r="K5981" i="5" s="1"/>
  <c r="M5970" i="2"/>
  <c r="M5944" i="5" s="1"/>
  <c r="P5944" i="5" s="1"/>
  <c r="M751" i="2"/>
  <c r="M725" i="5" s="1"/>
  <c r="P725" i="5" s="1"/>
  <c r="J1276" i="2"/>
  <c r="J1250" i="5" s="1"/>
  <c r="I4241" i="2"/>
  <c r="I4215" i="5" s="1"/>
  <c r="I2277" i="2"/>
  <c r="I2251" i="5" s="1"/>
  <c r="L2572" i="2"/>
  <c r="L2546" i="5" s="1"/>
  <c r="J3058" i="2"/>
  <c r="J3032" i="5" s="1"/>
  <c r="N3032" i="5" s="1"/>
  <c r="K653" i="2"/>
  <c r="K627" i="5" s="1"/>
  <c r="M4314" i="2"/>
  <c r="M4288" i="5" s="1"/>
  <c r="P4288" i="5" s="1"/>
  <c r="K1548" i="2"/>
  <c r="K1522" i="5" s="1"/>
  <c r="M1908" i="2"/>
  <c r="M1882" i="5" s="1"/>
  <c r="P1882" i="5" s="1"/>
  <c r="K8687" i="2"/>
  <c r="K8661" i="5" s="1"/>
  <c r="I2788" i="2"/>
  <c r="I2762" i="5" s="1"/>
  <c r="I1294" i="2"/>
  <c r="I1268" i="5" s="1"/>
  <c r="M5602" i="2"/>
  <c r="M5576" i="5" s="1"/>
  <c r="P5576" i="5" s="1"/>
  <c r="K2464" i="2"/>
  <c r="K2438" i="5" s="1"/>
  <c r="J7035" i="2"/>
  <c r="J7009" i="5" s="1"/>
  <c r="N7009" i="5" s="1"/>
  <c r="K8167" i="2"/>
  <c r="K8141" i="5" s="1"/>
  <c r="O8141" i="5" s="1"/>
  <c r="M6320" i="2"/>
  <c r="M6294" i="5" s="1"/>
  <c r="P6294" i="5" s="1"/>
  <c r="J1471" i="2"/>
  <c r="J1445" i="5" s="1"/>
  <c r="N1445" i="5" s="1"/>
  <c r="L7209" i="2"/>
  <c r="L7183" i="5" s="1"/>
  <c r="M4979" i="2"/>
  <c r="M4953" i="5" s="1"/>
  <c r="P4953" i="5" s="1"/>
  <c r="M8512" i="2"/>
  <c r="M8486" i="5" s="1"/>
  <c r="P8486" i="5" s="1"/>
  <c r="L7799" i="2"/>
  <c r="L7773" i="5" s="1"/>
  <c r="I8770" i="2"/>
  <c r="I8744" i="5" s="1"/>
  <c r="M1320" i="2"/>
  <c r="M1294" i="5" s="1"/>
  <c r="P1294" i="5" s="1"/>
  <c r="L1885" i="2"/>
  <c r="L1859" i="5" s="1"/>
  <c r="J6184" i="2"/>
  <c r="J6158" i="5" s="1"/>
  <c r="N6158" i="5" s="1"/>
  <c r="L1959" i="2"/>
  <c r="L1933" i="5" s="1"/>
  <c r="I6195" i="2"/>
  <c r="I6169" i="5" s="1"/>
  <c r="J7863" i="2"/>
  <c r="J7837" i="5" s="1"/>
  <c r="N7837" i="5" s="1"/>
  <c r="M4143" i="2"/>
  <c r="M4117" i="5" s="1"/>
  <c r="P4117" i="5" s="1"/>
  <c r="I1451" i="2"/>
  <c r="I1425" i="5" s="1"/>
  <c r="L6775" i="2"/>
  <c r="L6749" i="5" s="1"/>
  <c r="M2788" i="2"/>
  <c r="M2762" i="5" s="1"/>
  <c r="P2762" i="5" s="1"/>
  <c r="M3008" i="2"/>
  <c r="M2982" i="5" s="1"/>
  <c r="P2982" i="5" s="1"/>
  <c r="L7878" i="2"/>
  <c r="L7852" i="5" s="1"/>
  <c r="L3569" i="2"/>
  <c r="L3543" i="5" s="1"/>
  <c r="K6781" i="2"/>
  <c r="K6755" i="5" s="1"/>
  <c r="O6755" i="5" s="1"/>
  <c r="M6982" i="2"/>
  <c r="M6956" i="5" s="1"/>
  <c r="P6956" i="5" s="1"/>
  <c r="M386" i="2"/>
  <c r="M360" i="5" s="1"/>
  <c r="P360" i="5" s="1"/>
  <c r="I3403" i="2"/>
  <c r="I3377" i="5" s="1"/>
  <c r="K4353" i="2"/>
  <c r="K4327" i="5" s="1"/>
  <c r="M939" i="2"/>
  <c r="M913" i="5" s="1"/>
  <c r="P913" i="5" s="1"/>
  <c r="K283" i="2"/>
  <c r="K257" i="5" s="1"/>
  <c r="K784" i="2"/>
  <c r="K758" i="5" s="1"/>
  <c r="J1291" i="2"/>
  <c r="J1265" i="5" s="1"/>
  <c r="N1265" i="5" s="1"/>
  <c r="J2314" i="2"/>
  <c r="J2288" i="5" s="1"/>
  <c r="N2288" i="5" s="1"/>
  <c r="L2063" i="2"/>
  <c r="L2037" i="5" s="1"/>
  <c r="M3841" i="2"/>
  <c r="M3815" i="5" s="1"/>
  <c r="P3815" i="5" s="1"/>
  <c r="M918" i="2"/>
  <c r="M892" i="5" s="1"/>
  <c r="P892" i="5" s="1"/>
  <c r="I7683" i="2"/>
  <c r="I7657" i="5" s="1"/>
  <c r="M7602" i="2"/>
  <c r="M7576" i="5" s="1"/>
  <c r="P7576" i="5" s="1"/>
  <c r="L3474" i="2"/>
  <c r="L3448" i="5" s="1"/>
  <c r="J4573" i="2"/>
  <c r="J4547" i="5" s="1"/>
  <c r="N4547" i="5" s="1"/>
  <c r="I1101" i="2"/>
  <c r="I1075" i="5" s="1"/>
  <c r="L4779" i="2"/>
  <c r="L4753" i="5" s="1"/>
  <c r="K4672" i="2"/>
  <c r="K4646" i="5" s="1"/>
  <c r="O4646" i="5" s="1"/>
  <c r="J3575" i="2"/>
  <c r="J3549" i="5" s="1"/>
  <c r="N3549" i="5" s="1"/>
  <c r="K5310" i="2"/>
  <c r="K5284" i="5" s="1"/>
  <c r="I5967" i="2"/>
  <c r="I5941" i="5" s="1"/>
  <c r="I1419" i="2"/>
  <c r="I1393" i="5" s="1"/>
  <c r="J6479" i="2"/>
  <c r="J6453" i="5" s="1"/>
  <c r="N6453" i="5" s="1"/>
  <c r="J1094" i="2"/>
  <c r="J1068" i="5" s="1"/>
  <c r="N1068" i="5" s="1"/>
  <c r="J2782" i="2"/>
  <c r="J2756" i="5" s="1"/>
  <c r="I8522" i="2"/>
  <c r="I8496" i="5" s="1"/>
  <c r="L6318" i="2"/>
  <c r="L6292" i="5" s="1"/>
  <c r="J6488" i="2"/>
  <c r="J6462" i="5" s="1"/>
  <c r="N6462" i="5" s="1"/>
  <c r="J7878" i="2"/>
  <c r="J7852" i="5" s="1"/>
  <c r="N7852" i="5" s="1"/>
  <c r="I5250" i="2"/>
  <c r="I5224" i="5" s="1"/>
  <c r="K3569" i="2"/>
  <c r="K3543" i="5" s="1"/>
  <c r="I6781" i="2"/>
  <c r="I6755" i="5" s="1"/>
  <c r="I6982" i="2"/>
  <c r="I6956" i="5" s="1"/>
  <c r="J6940" i="2"/>
  <c r="J6914" i="5" s="1"/>
  <c r="N6914" i="5" s="1"/>
  <c r="J6781" i="2"/>
  <c r="J6755" i="5" s="1"/>
  <c r="N6755" i="5" s="1"/>
  <c r="L8042" i="2"/>
  <c r="L8016" i="5" s="1"/>
  <c r="J5981" i="2"/>
  <c r="J5955" i="5" s="1"/>
  <c r="N5955" i="5" s="1"/>
  <c r="J4246" i="2"/>
  <c r="J4220" i="5" s="1"/>
  <c r="N4220" i="5" s="1"/>
  <c r="J1714" i="2"/>
  <c r="J1688" i="5" s="1"/>
  <c r="N1688" i="5" s="1"/>
  <c r="M407" i="2"/>
  <c r="M381" i="5" s="1"/>
  <c r="P381" i="5" s="1"/>
  <c r="M2556" i="2"/>
  <c r="M2530" i="5" s="1"/>
  <c r="P2530" i="5" s="1"/>
  <c r="M3121" i="2"/>
  <c r="M3095" i="5" s="1"/>
  <c r="P3095" i="5" s="1"/>
  <c r="K7032" i="2"/>
  <c r="K7006" i="5" s="1"/>
  <c r="L1946" i="2"/>
  <c r="L1920" i="5" s="1"/>
  <c r="M1956" i="2"/>
  <c r="M1930" i="5" s="1"/>
  <c r="P1930" i="5" s="1"/>
  <c r="L5328" i="2"/>
  <c r="L5302" i="5" s="1"/>
  <c r="L6173" i="2"/>
  <c r="L6147" i="5" s="1"/>
  <c r="K108" i="2"/>
  <c r="K82" i="5" s="1"/>
  <c r="J7306" i="2"/>
  <c r="J7280" i="5" s="1"/>
  <c r="N7280" i="5" s="1"/>
  <c r="M7795" i="2"/>
  <c r="M7769" i="5" s="1"/>
  <c r="P7769" i="5" s="1"/>
  <c r="L3797" i="2"/>
  <c r="L3771" i="5" s="1"/>
  <c r="J418" i="2"/>
  <c r="J392" i="5" s="1"/>
  <c r="N392" i="5" s="1"/>
  <c r="L5617" i="2"/>
  <c r="L5591" i="5" s="1"/>
  <c r="M6301" i="2"/>
  <c r="M6275" i="5" s="1"/>
  <c r="P6275" i="5" s="1"/>
  <c r="M3428" i="2"/>
  <c r="M3402" i="5" s="1"/>
  <c r="P3402" i="5" s="1"/>
  <c r="K6185" i="2"/>
  <c r="K6159" i="5" s="1"/>
  <c r="M3424" i="2"/>
  <c r="M3398" i="5" s="1"/>
  <c r="P3398" i="5" s="1"/>
  <c r="K7697" i="2"/>
  <c r="K7671" i="5" s="1"/>
  <c r="L5593" i="2"/>
  <c r="L5567" i="5" s="1"/>
  <c r="L6028" i="2"/>
  <c r="L6002" i="5" s="1"/>
  <c r="J3744" i="2"/>
  <c r="J3718" i="5" s="1"/>
  <c r="N3718" i="5" s="1"/>
  <c r="K5768" i="2"/>
  <c r="K5742" i="5" s="1"/>
  <c r="L7139" i="2"/>
  <c r="L7113" i="5" s="1"/>
  <c r="J3008" i="2"/>
  <c r="J2982" i="5" s="1"/>
  <c r="M1904" i="2"/>
  <c r="M1878" i="5" s="1"/>
  <c r="P1878" i="5" s="1"/>
  <c r="I4491" i="2"/>
  <c r="I4465" i="5" s="1"/>
  <c r="L1968" i="2"/>
  <c r="L1942" i="5" s="1"/>
  <c r="J5328" i="2"/>
  <c r="J5302" i="5" s="1"/>
  <c r="N5302" i="5" s="1"/>
  <c r="L1904" i="2"/>
  <c r="L1878" i="5" s="1"/>
  <c r="J1956" i="2"/>
  <c r="J1930" i="5" s="1"/>
  <c r="N1930" i="5" s="1"/>
  <c r="L4491" i="2"/>
  <c r="L4465" i="5" s="1"/>
  <c r="M5328" i="2"/>
  <c r="M5302" i="5" s="1"/>
  <c r="P5302" i="5" s="1"/>
  <c r="I1088" i="2"/>
  <c r="I1062" i="5" s="1"/>
  <c r="I5664" i="2"/>
  <c r="I5638" i="5" s="1"/>
  <c r="J1102" i="2"/>
  <c r="J1076" i="5" s="1"/>
  <c r="N1076" i="5" s="1"/>
  <c r="K5469" i="2"/>
  <c r="K5443" i="5" s="1"/>
  <c r="L224" i="2"/>
  <c r="L198" i="5" s="1"/>
  <c r="K3117" i="2"/>
  <c r="K3091" i="5" s="1"/>
  <c r="M1760" i="2"/>
  <c r="M1734" i="5" s="1"/>
  <c r="P1734" i="5" s="1"/>
  <c r="M7365" i="2"/>
  <c r="M7339" i="5" s="1"/>
  <c r="P7339" i="5" s="1"/>
  <c r="K8328" i="2"/>
  <c r="K8302" i="5" s="1"/>
  <c r="L8308" i="2"/>
  <c r="L8282" i="5" s="1"/>
  <c r="K4607" i="2"/>
  <c r="K4581" i="5" s="1"/>
  <c r="K3130" i="2"/>
  <c r="K3104" i="5" s="1"/>
  <c r="J5918" i="2"/>
  <c r="J5892" i="5" s="1"/>
  <c r="K4254" i="2"/>
  <c r="K4228" i="5" s="1"/>
  <c r="I1243" i="2"/>
  <c r="I1217" i="5" s="1"/>
  <c r="J7802" i="2"/>
  <c r="J7776" i="5" s="1"/>
  <c r="N7776" i="5" s="1"/>
  <c r="I5452" i="2"/>
  <c r="I5426" i="5" s="1"/>
  <c r="I2590" i="2"/>
  <c r="I2564" i="5" s="1"/>
  <c r="K606" i="2"/>
  <c r="K580" i="5" s="1"/>
  <c r="J8523" i="2"/>
  <c r="J8497" i="5" s="1"/>
  <c r="N8497" i="5" s="1"/>
  <c r="J7969" i="2"/>
  <c r="J7943" i="5" s="1"/>
  <c r="N7943" i="5" s="1"/>
  <c r="J7037" i="2"/>
  <c r="J7011" i="5" s="1"/>
  <c r="N7011" i="5" s="1"/>
  <c r="K1306" i="2"/>
  <c r="K1280" i="5" s="1"/>
  <c r="M4985" i="2"/>
  <c r="M4959" i="5" s="1"/>
  <c r="P4959" i="5" s="1"/>
  <c r="M5991" i="2"/>
  <c r="M5965" i="5" s="1"/>
  <c r="P5965" i="5" s="1"/>
  <c r="K8296" i="2"/>
  <c r="K8270" i="5" s="1"/>
  <c r="I7605" i="2"/>
  <c r="I7579" i="5" s="1"/>
  <c r="M6974" i="2"/>
  <c r="M6948" i="5" s="1"/>
  <c r="P6948" i="5" s="1"/>
  <c r="I8516" i="2"/>
  <c r="I8490" i="5" s="1"/>
  <c r="L5958" i="2"/>
  <c r="L5932" i="5" s="1"/>
  <c r="J3580" i="2"/>
  <c r="J3554" i="5" s="1"/>
  <c r="N3554" i="5" s="1"/>
  <c r="I2895" i="2"/>
  <c r="I2869" i="5" s="1"/>
  <c r="J5953" i="2"/>
  <c r="J5927" i="5" s="1"/>
  <c r="N5927" i="5" s="1"/>
  <c r="K1904" i="2"/>
  <c r="K1878" i="5" s="1"/>
  <c r="L7020" i="2"/>
  <c r="L6994" i="5" s="1"/>
  <c r="I3424" i="2"/>
  <c r="I3398" i="5" s="1"/>
  <c r="K7795" i="2"/>
  <c r="K7769" i="5" s="1"/>
  <c r="K1956" i="2"/>
  <c r="K1930" i="5" s="1"/>
  <c r="M108" i="2"/>
  <c r="M82" i="5" s="1"/>
  <c r="P82" i="5" s="1"/>
  <c r="J7813" i="2"/>
  <c r="J7787" i="5" s="1"/>
  <c r="N7787" i="5" s="1"/>
  <c r="L8352" i="2"/>
  <c r="L8326" i="5" s="1"/>
  <c r="M6624" i="2"/>
  <c r="M6598" i="5" s="1"/>
  <c r="P6598" i="5" s="1"/>
  <c r="I2250" i="2"/>
  <c r="I2224" i="5" s="1"/>
  <c r="J552" i="2"/>
  <c r="J526" i="5" s="1"/>
  <c r="N526" i="5" s="1"/>
  <c r="J5319" i="2"/>
  <c r="J5293" i="5" s="1"/>
  <c r="N5293" i="5" s="1"/>
  <c r="M4626" i="2"/>
  <c r="M4600" i="5" s="1"/>
  <c r="P4600" i="5" s="1"/>
  <c r="I8300" i="2"/>
  <c r="I8274" i="5" s="1"/>
  <c r="M461" i="2"/>
  <c r="M435" i="5" s="1"/>
  <c r="P435" i="5" s="1"/>
  <c r="M4600" i="2"/>
  <c r="M4574" i="5" s="1"/>
  <c r="P4574" i="5" s="1"/>
  <c r="J4996" i="2"/>
  <c r="J4970" i="5" s="1"/>
  <c r="M887" i="2"/>
  <c r="M861" i="5" s="1"/>
  <c r="P861" i="5" s="1"/>
  <c r="L1956" i="2"/>
  <c r="L1930" i="5" s="1"/>
  <c r="K5328" i="2"/>
  <c r="K5302" i="5" s="1"/>
  <c r="J8352" i="2"/>
  <c r="J8326" i="5" s="1"/>
  <c r="N8326" i="5" s="1"/>
  <c r="K5270" i="2"/>
  <c r="K5244" i="5" s="1"/>
  <c r="L7306" i="2"/>
  <c r="L7280" i="5" s="1"/>
  <c r="I4832" i="2"/>
  <c r="I4806" i="5" s="1"/>
  <c r="M4832" i="2"/>
  <c r="M4806" i="5" s="1"/>
  <c r="P4806" i="5" s="1"/>
  <c r="L3424" i="2"/>
  <c r="L3398" i="5" s="1"/>
  <c r="M8352" i="2"/>
  <c r="M8326" i="5" s="1"/>
  <c r="P8326" i="5" s="1"/>
  <c r="L4832" i="2"/>
  <c r="L4806" i="5" s="1"/>
  <c r="AR258" i="1"/>
  <c r="K8352" i="2"/>
  <c r="K8326" i="5" s="1"/>
  <c r="J7762" i="2"/>
  <c r="J7736" i="5" s="1"/>
  <c r="N7736" i="5" s="1"/>
  <c r="I5270" i="2"/>
  <c r="I5244" i="5" s="1"/>
  <c r="M1378" i="2"/>
  <c r="M1352" i="5" s="1"/>
  <c r="P1352" i="5" s="1"/>
  <c r="J228" i="2"/>
  <c r="J202" i="5" s="1"/>
  <c r="N202" i="5" s="1"/>
  <c r="M6019" i="2"/>
  <c r="M5993" i="5" s="1"/>
  <c r="P5993" i="5" s="1"/>
  <c r="M5625" i="2"/>
  <c r="M5599" i="5" s="1"/>
  <c r="P5599" i="5" s="1"/>
  <c r="L6509" i="2"/>
  <c r="L6483" i="5" s="1"/>
  <c r="L1777" i="2"/>
  <c r="L1751" i="5" s="1"/>
  <c r="L3160" i="2"/>
  <c r="L3134" i="5" s="1"/>
  <c r="K1600" i="2"/>
  <c r="K1574" i="5" s="1"/>
  <c r="J2058" i="2"/>
  <c r="J2032" i="5" s="1"/>
  <c r="N2032" i="5" s="1"/>
  <c r="L4447" i="2"/>
  <c r="L4421" i="5" s="1"/>
  <c r="I7373" i="2"/>
  <c r="I7347" i="5" s="1"/>
  <c r="M7599" i="2"/>
  <c r="M7573" i="5" s="1"/>
  <c r="P7573" i="5" s="1"/>
  <c r="K5523" i="2"/>
  <c r="K5497" i="5" s="1"/>
  <c r="M8506" i="2"/>
  <c r="M8480" i="5" s="1"/>
  <c r="P8480" i="5" s="1"/>
  <c r="K1573" i="2"/>
  <c r="K1547" i="5" s="1"/>
  <c r="M4467" i="2"/>
  <c r="M4441" i="5" s="1"/>
  <c r="P4441" i="5" s="1"/>
  <c r="I4571" i="2"/>
  <c r="I4545" i="5" s="1"/>
  <c r="M3137" i="2"/>
  <c r="M3111" i="5" s="1"/>
  <c r="P3111" i="5" s="1"/>
  <c r="M8776" i="2"/>
  <c r="M8750" i="5" s="1"/>
  <c r="P8750" i="5" s="1"/>
  <c r="K888" i="2"/>
  <c r="K862" i="5" s="1"/>
  <c r="I4816" i="2"/>
  <c r="I4790" i="5" s="1"/>
  <c r="L8634" i="2"/>
  <c r="L8608" i="5" s="1"/>
  <c r="M5244" i="2"/>
  <c r="M5218" i="5" s="1"/>
  <c r="P5218" i="5" s="1"/>
  <c r="I5001" i="2"/>
  <c r="I4975" i="5" s="1"/>
  <c r="K6976" i="2"/>
  <c r="K6950" i="5" s="1"/>
  <c r="K5938" i="2"/>
  <c r="K5912" i="5" s="1"/>
  <c r="J3067" i="2"/>
  <c r="J3041" i="5" s="1"/>
  <c r="M4491" i="2"/>
  <c r="M4465" i="5" s="1"/>
  <c r="P4465" i="5" s="1"/>
  <c r="J5270" i="2"/>
  <c r="J5244" i="5" s="1"/>
  <c r="N5244" i="5" s="1"/>
  <c r="I5780" i="2"/>
  <c r="I5754" i="5" s="1"/>
  <c r="K4832" i="2"/>
  <c r="K4806" i="5" s="1"/>
  <c r="K2154" i="2"/>
  <c r="K2128" i="5" s="1"/>
  <c r="L897" i="2"/>
  <c r="L871" i="5" s="1"/>
  <c r="J3577" i="2"/>
  <c r="J3551" i="5" s="1"/>
  <c r="N3551" i="5" s="1"/>
  <c r="K5941" i="2"/>
  <c r="K5915" i="5" s="1"/>
  <c r="O5915" i="5" s="1"/>
  <c r="L2659" i="2"/>
  <c r="L2633" i="5" s="1"/>
  <c r="M7023" i="2"/>
  <c r="M6997" i="5" s="1"/>
  <c r="P6997" i="5" s="1"/>
  <c r="K2425" i="2"/>
  <c r="K2399" i="5" s="1"/>
  <c r="L5270" i="2"/>
  <c r="L5244" i="5" s="1"/>
  <c r="K3424" i="2"/>
  <c r="K3398" i="5" s="1"/>
  <c r="L5780" i="2"/>
  <c r="L5754" i="5" s="1"/>
  <c r="M5780" i="2"/>
  <c r="M5754" i="5" s="1"/>
  <c r="P5754" i="5" s="1"/>
  <c r="J4911" i="2"/>
  <c r="J4885" i="5" s="1"/>
  <c r="N4885" i="5" s="1"/>
  <c r="J2907" i="2"/>
  <c r="J2881" i="5" s="1"/>
  <c r="I5079" i="2"/>
  <c r="I5053" i="5" s="1"/>
  <c r="M7617" i="2"/>
  <c r="M7591" i="5" s="1"/>
  <c r="P7591" i="5" s="1"/>
  <c r="L6968" i="2"/>
  <c r="L6942" i="5" s="1"/>
  <c r="M8035" i="2"/>
  <c r="M8009" i="5" s="1"/>
  <c r="P8009" i="5" s="1"/>
  <c r="K2650" i="2"/>
  <c r="K2624" i="5" s="1"/>
  <c r="L2053" i="2"/>
  <c r="L2027" i="5" s="1"/>
  <c r="I7762" i="2"/>
  <c r="I7736" i="5" s="1"/>
  <c r="M7762" i="2"/>
  <c r="M7736" i="5" s="1"/>
  <c r="P7736" i="5" s="1"/>
  <c r="I1934" i="2"/>
  <c r="I1908" i="5" s="1"/>
  <c r="AR128" i="1"/>
  <c r="K6618" i="2"/>
  <c r="K6592" i="5" s="1"/>
  <c r="L4971" i="2"/>
  <c r="L4945" i="5" s="1"/>
  <c r="J6186" i="2"/>
  <c r="J6160" i="5" s="1"/>
  <c r="N6160" i="5" s="1"/>
  <c r="J3078" i="2"/>
  <c r="J3052" i="5" s="1"/>
  <c r="N3052" i="5" s="1"/>
  <c r="K3158" i="2"/>
  <c r="K3132" i="5" s="1"/>
  <c r="J5120" i="2"/>
  <c r="J5094" i="5" s="1"/>
  <c r="N5094" i="5" s="1"/>
  <c r="J7350" i="2"/>
  <c r="J7324" i="5" s="1"/>
  <c r="N7324" i="5" s="1"/>
  <c r="M8614" i="2"/>
  <c r="M8588" i="5" s="1"/>
  <c r="P8588" i="5" s="1"/>
  <c r="M8618" i="2"/>
  <c r="M8592" i="5" s="1"/>
  <c r="P8592" i="5" s="1"/>
  <c r="L6963" i="2"/>
  <c r="L6937" i="5" s="1"/>
  <c r="L1934" i="2"/>
  <c r="L1908" i="5" s="1"/>
  <c r="K6968" i="2"/>
  <c r="K6942" i="5" s="1"/>
  <c r="J4791" i="2"/>
  <c r="J4765" i="5" s="1"/>
  <c r="I6536" i="2"/>
  <c r="I6510" i="5" s="1"/>
  <c r="K2651" i="2"/>
  <c r="K2625" i="5" s="1"/>
  <c r="K5622" i="2"/>
  <c r="K5596" i="5" s="1"/>
  <c r="O5596" i="5" s="1"/>
  <c r="I6821" i="2"/>
  <c r="I6795" i="5" s="1"/>
  <c r="K4126" i="2"/>
  <c r="K4100" i="5" s="1"/>
  <c r="I2921" i="2"/>
  <c r="I2895" i="5" s="1"/>
  <c r="M7361" i="2"/>
  <c r="M7335" i="5" s="1"/>
  <c r="P7335" i="5" s="1"/>
  <c r="K7520" i="2"/>
  <c r="K7494" i="5" s="1"/>
  <c r="L1966" i="2"/>
  <c r="L1940" i="5" s="1"/>
  <c r="K4260" i="2"/>
  <c r="K4234" i="5" s="1"/>
  <c r="I1926" i="2"/>
  <c r="I1900" i="5" s="1"/>
  <c r="J7468" i="2"/>
  <c r="J7442" i="5" s="1"/>
  <c r="N7442" i="5" s="1"/>
  <c r="K5102" i="2"/>
  <c r="K5076" i="5" s="1"/>
  <c r="M8775" i="2"/>
  <c r="M8749" i="5" s="1"/>
  <c r="P8749" i="5" s="1"/>
  <c r="L7512" i="2"/>
  <c r="L7486" i="5" s="1"/>
  <c r="L8718" i="2"/>
  <c r="L8692" i="5" s="1"/>
  <c r="I2287" i="2"/>
  <c r="I2261" i="5" s="1"/>
  <c r="M924" i="2"/>
  <c r="M898" i="5" s="1"/>
  <c r="P898" i="5" s="1"/>
  <c r="J1966" i="2"/>
  <c r="J1940" i="5" s="1"/>
  <c r="I4260" i="2"/>
  <c r="I4234" i="5" s="1"/>
  <c r="M1926" i="2"/>
  <c r="M1900" i="5" s="1"/>
  <c r="P1900" i="5" s="1"/>
  <c r="I7468" i="2"/>
  <c r="I7442" i="5" s="1"/>
  <c r="L3139" i="2"/>
  <c r="L3113" i="5" s="1"/>
  <c r="K8775" i="2"/>
  <c r="K8749" i="5" s="1"/>
  <c r="M7512" i="2"/>
  <c r="M7486" i="5" s="1"/>
  <c r="P7486" i="5" s="1"/>
  <c r="J8718" i="2"/>
  <c r="J8692" i="5" s="1"/>
  <c r="N8692" i="5" s="1"/>
  <c r="L7468" i="2"/>
  <c r="L7442" i="5" s="1"/>
  <c r="I924" i="2"/>
  <c r="I898" i="5" s="1"/>
  <c r="J924" i="2"/>
  <c r="J898" i="5" s="1"/>
  <c r="N898" i="5" s="1"/>
  <c r="I3840" i="2"/>
  <c r="I3814" i="5" s="1"/>
  <c r="M1966" i="2"/>
  <c r="M1940" i="5" s="1"/>
  <c r="P1940" i="5" s="1"/>
  <c r="L4260" i="2"/>
  <c r="L4234" i="5" s="1"/>
  <c r="L1926" i="2"/>
  <c r="L1900" i="5" s="1"/>
  <c r="I8775" i="2"/>
  <c r="I8749" i="5" s="1"/>
  <c r="J7512" i="2"/>
  <c r="J7486" i="5" s="1"/>
  <c r="N7486" i="5" s="1"/>
  <c r="I6636" i="2"/>
  <c r="I6610" i="5" s="1"/>
  <c r="K706" i="2"/>
  <c r="K680" i="5" s="1"/>
  <c r="L6586" i="2"/>
  <c r="L6560" i="5" s="1"/>
  <c r="L3840" i="2"/>
  <c r="L3814" i="5" s="1"/>
  <c r="J3929" i="2"/>
  <c r="J3903" i="5" s="1"/>
  <c r="N3903" i="5" s="1"/>
  <c r="K1966" i="2"/>
  <c r="K1940" i="5" s="1"/>
  <c r="M4260" i="2"/>
  <c r="M4234" i="5" s="1"/>
  <c r="P4234" i="5" s="1"/>
  <c r="K1926" i="2"/>
  <c r="K1900" i="5" s="1"/>
  <c r="K7512" i="2"/>
  <c r="K7486" i="5" s="1"/>
  <c r="M6268" i="2"/>
  <c r="M6242" i="5" s="1"/>
  <c r="P6242" i="5" s="1"/>
  <c r="J4788" i="2"/>
  <c r="J4762" i="5" s="1"/>
  <c r="N4762" i="5" s="1"/>
  <c r="J649" i="2"/>
  <c r="J623" i="5" s="1"/>
  <c r="N623" i="5" s="1"/>
  <c r="M5500" i="2"/>
  <c r="M5474" i="5" s="1"/>
  <c r="P5474" i="5" s="1"/>
  <c r="L2764" i="2"/>
  <c r="L2738" i="5" s="1"/>
  <c r="L3504" i="2"/>
  <c r="L3478" i="5" s="1"/>
  <c r="K787" i="2"/>
  <c r="K761" i="5" s="1"/>
  <c r="M1896" i="2"/>
  <c r="M1870" i="5" s="1"/>
  <c r="P1870" i="5" s="1"/>
  <c r="M1060" i="2"/>
  <c r="M1034" i="5" s="1"/>
  <c r="P1034" i="5" s="1"/>
  <c r="K635" i="2"/>
  <c r="K609" i="5" s="1"/>
  <c r="I4609" i="2"/>
  <c r="I4583" i="5" s="1"/>
  <c r="J1968" i="2"/>
  <c r="J1942" i="5" s="1"/>
  <c r="M5690" i="2"/>
  <c r="M5664" i="5" s="1"/>
  <c r="P5664" i="5" s="1"/>
  <c r="J7780" i="2"/>
  <c r="J7754" i="5" s="1"/>
  <c r="M4830" i="2"/>
  <c r="M4804" i="5" s="1"/>
  <c r="P4804" i="5" s="1"/>
  <c r="K5318" i="2"/>
  <c r="K5292" i="5" s="1"/>
  <c r="K1968" i="2"/>
  <c r="K1942" i="5" s="1"/>
  <c r="J6811" i="2"/>
  <c r="J6785" i="5" s="1"/>
  <c r="N6785" i="5" s="1"/>
  <c r="L6471" i="2"/>
  <c r="L6445" i="5" s="1"/>
  <c r="K4339" i="2"/>
  <c r="K4313" i="5" s="1"/>
  <c r="I5865" i="2"/>
  <c r="I5839" i="5" s="1"/>
  <c r="L1807" i="2"/>
  <c r="L1781" i="5" s="1"/>
  <c r="M1140" i="2"/>
  <c r="M1114" i="5" s="1"/>
  <c r="P1114" i="5" s="1"/>
  <c r="L629" i="2"/>
  <c r="L603" i="5" s="1"/>
  <c r="L4775" i="2"/>
  <c r="L4749" i="5" s="1"/>
  <c r="L5141" i="2"/>
  <c r="L5115" i="5" s="1"/>
  <c r="J1243" i="2"/>
  <c r="J1217" i="5" s="1"/>
  <c r="N1217" i="5" s="1"/>
  <c r="M4652" i="2"/>
  <c r="M4626" i="5" s="1"/>
  <c r="P4626" i="5" s="1"/>
  <c r="M2585" i="2"/>
  <c r="M2559" i="5" s="1"/>
  <c r="P2559" i="5" s="1"/>
  <c r="K6681" i="2"/>
  <c r="K6655" i="5" s="1"/>
  <c r="K1481" i="2"/>
  <c r="K1455" i="5" s="1"/>
  <c r="M4608" i="2"/>
  <c r="M4582" i="5" s="1"/>
  <c r="P4582" i="5" s="1"/>
  <c r="K2114" i="2"/>
  <c r="K2088" i="5" s="1"/>
  <c r="K7337" i="2"/>
  <c r="K7311" i="5" s="1"/>
  <c r="J7517" i="2"/>
  <c r="J7491" i="5" s="1"/>
  <c r="N7491" i="5" s="1"/>
  <c r="I7931" i="2"/>
  <c r="I7905" i="5" s="1"/>
  <c r="I3103" i="2"/>
  <c r="I3077" i="5" s="1"/>
  <c r="M6942" i="2"/>
  <c r="M6916" i="5" s="1"/>
  <c r="P6916" i="5" s="1"/>
  <c r="J7433" i="2"/>
  <c r="J7407" i="5" s="1"/>
  <c r="N7407" i="5" s="1"/>
  <c r="M7198" i="2"/>
  <c r="M7172" i="5" s="1"/>
  <c r="P7172" i="5" s="1"/>
  <c r="K957" i="2"/>
  <c r="K931" i="5" s="1"/>
  <c r="K4452" i="2"/>
  <c r="K4426" i="5" s="1"/>
  <c r="J2473" i="2"/>
  <c r="J2447" i="5" s="1"/>
  <c r="N2447" i="5" s="1"/>
  <c r="L4097" i="2"/>
  <c r="L4071" i="5" s="1"/>
  <c r="J3426" i="2"/>
  <c r="J3400" i="5" s="1"/>
  <c r="N3400" i="5" s="1"/>
  <c r="L5643" i="2"/>
  <c r="L5617" i="5" s="1"/>
  <c r="J276" i="2"/>
  <c r="J250" i="5" s="1"/>
  <c r="N250" i="5" s="1"/>
  <c r="J7308" i="2"/>
  <c r="J7282" i="5" s="1"/>
  <c r="N7282" i="5" s="1"/>
  <c r="I8183" i="2"/>
  <c r="I8157" i="5" s="1"/>
  <c r="J1432" i="2"/>
  <c r="J1406" i="5" s="1"/>
  <c r="N1406" i="5" s="1"/>
  <c r="M8529" i="2"/>
  <c r="M8503" i="5" s="1"/>
  <c r="P8503" i="5" s="1"/>
  <c r="I7977" i="2"/>
  <c r="I7951" i="5" s="1"/>
  <c r="K5528" i="2"/>
  <c r="K5502" i="5" s="1"/>
  <c r="M2097" i="2"/>
  <c r="M2071" i="5" s="1"/>
  <c r="P2071" i="5" s="1"/>
  <c r="M8190" i="2"/>
  <c r="M8164" i="5" s="1"/>
  <c r="P8164" i="5" s="1"/>
  <c r="K5627" i="2"/>
  <c r="K5601" i="5" s="1"/>
  <c r="J3005" i="2"/>
  <c r="J2979" i="5" s="1"/>
  <c r="N2979" i="5" s="1"/>
  <c r="L6955" i="2"/>
  <c r="L6929" i="5" s="1"/>
  <c r="K8356" i="2"/>
  <c r="K8330" i="5" s="1"/>
  <c r="I2595" i="2"/>
  <c r="I2569" i="5" s="1"/>
  <c r="M3583" i="2"/>
  <c r="M3557" i="5" s="1"/>
  <c r="P3557" i="5" s="1"/>
  <c r="M2594" i="2"/>
  <c r="M2568" i="5" s="1"/>
  <c r="P2568" i="5" s="1"/>
  <c r="M3475" i="2"/>
  <c r="M3449" i="5" s="1"/>
  <c r="P3449" i="5" s="1"/>
  <c r="I3821" i="2"/>
  <c r="I3795" i="5" s="1"/>
  <c r="K5646" i="2"/>
  <c r="K5620" i="5" s="1"/>
  <c r="I587" i="2"/>
  <c r="I561" i="5" s="1"/>
  <c r="L5645" i="2"/>
  <c r="L5619" i="5" s="1"/>
  <c r="J3673" i="2"/>
  <c r="J3647" i="5" s="1"/>
  <c r="N3647" i="5" s="1"/>
  <c r="K1974" i="2"/>
  <c r="K1948" i="5" s="1"/>
  <c r="J6129" i="2"/>
  <c r="J6103" i="5" s="1"/>
  <c r="N6103" i="5" s="1"/>
  <c r="L4849" i="2"/>
  <c r="L4823" i="5" s="1"/>
  <c r="L3417" i="2"/>
  <c r="L3391" i="5" s="1"/>
  <c r="M4971" i="2"/>
  <c r="M4945" i="5" s="1"/>
  <c r="P4945" i="5" s="1"/>
  <c r="L2819" i="2"/>
  <c r="L2793" i="5" s="1"/>
  <c r="J403" i="2"/>
  <c r="J377" i="5" s="1"/>
  <c r="N377" i="5" s="1"/>
  <c r="J8168" i="2"/>
  <c r="J8142" i="5" s="1"/>
  <c r="N8142" i="5" s="1"/>
  <c r="I2059" i="2"/>
  <c r="I2033" i="5" s="1"/>
  <c r="J799" i="2"/>
  <c r="J773" i="5" s="1"/>
  <c r="N773" i="5" s="1"/>
  <c r="J3246" i="2"/>
  <c r="J3220" i="5" s="1"/>
  <c r="N3220" i="5" s="1"/>
  <c r="K627" i="2"/>
  <c r="K601" i="5" s="1"/>
  <c r="I3466" i="2"/>
  <c r="I3440" i="5" s="1"/>
  <c r="K3082" i="2"/>
  <c r="K3056" i="5" s="1"/>
  <c r="M6696" i="2"/>
  <c r="M6670" i="5" s="1"/>
  <c r="P6670" i="5" s="1"/>
  <c r="J6697" i="2"/>
  <c r="J6671" i="5" s="1"/>
  <c r="N6671" i="5" s="1"/>
  <c r="M6873" i="2"/>
  <c r="M6847" i="5" s="1"/>
  <c r="P6847" i="5" s="1"/>
  <c r="J1306" i="2"/>
  <c r="J1280" i="5" s="1"/>
  <c r="N1280" i="5" s="1"/>
  <c r="I8176" i="2"/>
  <c r="I8150" i="5" s="1"/>
  <c r="J3478" i="2"/>
  <c r="J3452" i="5" s="1"/>
  <c r="N3452" i="5" s="1"/>
  <c r="L2921" i="2"/>
  <c r="L2895" i="5" s="1"/>
  <c r="L6306" i="2"/>
  <c r="L6280" i="5" s="1"/>
  <c r="M8187" i="2"/>
  <c r="M8161" i="5" s="1"/>
  <c r="P8161" i="5" s="1"/>
  <c r="J5110" i="2"/>
  <c r="J5084" i="5" s="1"/>
  <c r="N5084" i="5" s="1"/>
  <c r="J2792" i="2"/>
  <c r="J2766" i="5" s="1"/>
  <c r="M1453" i="2"/>
  <c r="M1427" i="5" s="1"/>
  <c r="P1427" i="5" s="1"/>
  <c r="M2990" i="2"/>
  <c r="M2964" i="5" s="1"/>
  <c r="P2964" i="5" s="1"/>
  <c r="J261" i="2"/>
  <c r="J235" i="5" s="1"/>
  <c r="N235" i="5" s="1"/>
  <c r="K4574" i="2"/>
  <c r="K4548" i="5" s="1"/>
  <c r="I1952" i="2"/>
  <c r="I1926" i="5" s="1"/>
  <c r="I4778" i="2"/>
  <c r="I4752" i="5" s="1"/>
  <c r="J3102" i="2"/>
  <c r="J3076" i="5" s="1"/>
  <c r="N3076" i="5" s="1"/>
  <c r="M8704" i="2"/>
  <c r="M8678" i="5" s="1"/>
  <c r="P8678" i="5" s="1"/>
  <c r="L3570" i="2"/>
  <c r="L3544" i="5" s="1"/>
  <c r="I3806" i="2"/>
  <c r="I3780" i="5" s="1"/>
  <c r="I7802" i="2"/>
  <c r="I7776" i="5" s="1"/>
  <c r="J1460" i="2"/>
  <c r="J1434" i="5" s="1"/>
  <c r="N1434" i="5" s="1"/>
  <c r="K2785" i="2"/>
  <c r="K2759" i="5" s="1"/>
  <c r="L6838" i="2"/>
  <c r="L6812" i="5" s="1"/>
  <c r="K2101" i="2"/>
  <c r="K2075" i="5" s="1"/>
  <c r="J7821" i="2"/>
  <c r="J7795" i="5" s="1"/>
  <c r="N7795" i="5" s="1"/>
  <c r="K2590" i="2"/>
  <c r="K2564" i="5" s="1"/>
  <c r="K6974" i="2"/>
  <c r="K6948" i="5" s="1"/>
  <c r="M5452" i="2"/>
  <c r="M5426" i="5" s="1"/>
  <c r="P5426" i="5" s="1"/>
  <c r="J1138" i="2"/>
  <c r="J1112" i="5" s="1"/>
  <c r="K8308" i="2"/>
  <c r="K8282" i="5" s="1"/>
  <c r="O8282" i="5" s="1"/>
  <c r="M6835" i="2"/>
  <c r="M6809" i="5" s="1"/>
  <c r="P6809" i="5" s="1"/>
  <c r="M4578" i="2"/>
  <c r="M4552" i="5" s="1"/>
  <c r="P4552" i="5" s="1"/>
  <c r="J6974" i="2"/>
  <c r="J6948" i="5" s="1"/>
  <c r="M7446" i="2"/>
  <c r="M7420" i="5" s="1"/>
  <c r="P7420" i="5" s="1"/>
  <c r="K4921" i="2"/>
  <c r="K4895" i="5" s="1"/>
  <c r="I2955" i="2"/>
  <c r="I2929" i="5" s="1"/>
  <c r="J7446" i="2"/>
  <c r="J7420" i="5" s="1"/>
  <c r="N7420" i="5" s="1"/>
  <c r="M4288" i="2"/>
  <c r="M4262" i="5" s="1"/>
  <c r="P4262" i="5" s="1"/>
  <c r="I5808" i="2"/>
  <c r="I5782" i="5" s="1"/>
  <c r="L7303" i="2"/>
  <c r="L7277" i="5" s="1"/>
  <c r="M5632" i="2"/>
  <c r="M5606" i="5" s="1"/>
  <c r="P5606" i="5" s="1"/>
  <c r="J1900" i="2"/>
  <c r="J1874" i="5" s="1"/>
  <c r="N1874" i="5" s="1"/>
  <c r="K1243" i="2"/>
  <c r="K1217" i="5" s="1"/>
  <c r="I4150" i="2"/>
  <c r="I4124" i="5" s="1"/>
  <c r="K5958" i="2"/>
  <c r="K5932" i="5" s="1"/>
  <c r="I4985" i="2"/>
  <c r="I4959" i="5" s="1"/>
  <c r="K7037" i="2"/>
  <c r="K7011" i="5" s="1"/>
  <c r="I5958" i="2"/>
  <c r="I5932" i="5" s="1"/>
  <c r="J4299" i="2"/>
  <c r="J4273" i="5" s="1"/>
  <c r="N4273" i="5" s="1"/>
  <c r="M4099" i="2"/>
  <c r="M4073" i="5" s="1"/>
  <c r="P4073" i="5" s="1"/>
  <c r="L5918" i="2"/>
  <c r="L5892" i="5" s="1"/>
  <c r="J8516" i="2"/>
  <c r="J8490" i="5" s="1"/>
  <c r="N8490" i="5" s="1"/>
  <c r="M4674" i="2"/>
  <c r="M4648" i="5" s="1"/>
  <c r="P4648" i="5" s="1"/>
  <c r="M5953" i="2"/>
  <c r="M5927" i="5" s="1"/>
  <c r="P5927" i="5" s="1"/>
  <c r="M5999" i="2"/>
  <c r="M5973" i="5" s="1"/>
  <c r="P5973" i="5" s="1"/>
  <c r="L7446" i="2"/>
  <c r="L7420" i="5" s="1"/>
  <c r="I7037" i="2"/>
  <c r="I7011" i="5" s="1"/>
  <c r="I4780" i="2"/>
  <c r="I4754" i="5" s="1"/>
  <c r="M8516" i="2"/>
  <c r="M8490" i="5" s="1"/>
  <c r="P8490" i="5" s="1"/>
  <c r="L4674" i="2"/>
  <c r="L4648" i="5" s="1"/>
  <c r="L2281" i="2"/>
  <c r="L2255" i="5" s="1"/>
  <c r="I2561" i="2"/>
  <c r="I2535" i="5" s="1"/>
  <c r="L8296" i="2"/>
  <c r="L8270" i="5" s="1"/>
  <c r="I6108" i="2"/>
  <c r="I6082" i="5" s="1"/>
  <c r="AR180" i="1"/>
  <c r="M4780" i="2"/>
  <c r="M4754" i="5" s="1"/>
  <c r="P4754" i="5" s="1"/>
  <c r="J8296" i="2"/>
  <c r="J8270" i="5" s="1"/>
  <c r="N8270" i="5" s="1"/>
  <c r="M6108" i="2"/>
  <c r="M6082" i="5" s="1"/>
  <c r="P6082" i="5" s="1"/>
  <c r="L8516" i="2"/>
  <c r="L8490" i="5" s="1"/>
  <c r="J2605" i="2"/>
  <c r="J2579" i="5" s="1"/>
  <c r="M1435" i="2"/>
  <c r="M1409" i="5" s="1"/>
  <c r="P1409" i="5" s="1"/>
  <c r="J3492" i="2"/>
  <c r="J3466" i="5" s="1"/>
  <c r="N3466" i="5" s="1"/>
  <c r="L2321" i="2"/>
  <c r="L2295" i="5" s="1"/>
  <c r="K931" i="2"/>
  <c r="K905" i="5" s="1"/>
  <c r="L8148" i="2"/>
  <c r="L8122" i="5" s="1"/>
  <c r="K5089" i="2"/>
  <c r="K5063" i="5" s="1"/>
  <c r="J2752" i="2"/>
  <c r="J2726" i="5" s="1"/>
  <c r="N2726" i="5" s="1"/>
  <c r="K4740" i="2"/>
  <c r="K4714" i="5" s="1"/>
  <c r="K4246" i="2"/>
  <c r="K4220" i="5" s="1"/>
  <c r="J4494" i="2"/>
  <c r="J4468" i="5" s="1"/>
  <c r="N4468" i="5" s="1"/>
  <c r="I877" i="2"/>
  <c r="I851" i="5" s="1"/>
  <c r="K6523" i="2"/>
  <c r="K6497" i="5" s="1"/>
  <c r="L3141" i="2"/>
  <c r="L3115" i="5" s="1"/>
  <c r="I7669" i="2"/>
  <c r="I7643" i="5" s="1"/>
  <c r="M6952" i="2"/>
  <c r="M6926" i="5" s="1"/>
  <c r="P6926" i="5" s="1"/>
  <c r="I3151" i="2"/>
  <c r="I3125" i="5" s="1"/>
  <c r="J7276" i="2"/>
  <c r="J7250" i="5" s="1"/>
  <c r="N7250" i="5" s="1"/>
  <c r="L1903" i="2"/>
  <c r="L1877" i="5" s="1"/>
  <c r="I1060" i="2"/>
  <c r="I1034" i="5" s="1"/>
  <c r="I3585" i="2"/>
  <c r="I3559" i="5" s="1"/>
  <c r="M3567" i="2"/>
  <c r="M3541" i="5" s="1"/>
  <c r="P3541" i="5" s="1"/>
  <c r="J8028" i="2"/>
  <c r="J8002" i="5" s="1"/>
  <c r="M6305" i="2"/>
  <c r="M6279" i="5" s="1"/>
  <c r="P6279" i="5" s="1"/>
  <c r="K7020" i="2"/>
  <c r="K6994" i="5" s="1"/>
  <c r="M6310" i="2"/>
  <c r="M6284" i="5" s="1"/>
  <c r="P6284" i="5" s="1"/>
  <c r="I1044" i="2"/>
  <c r="I1018" i="5" s="1"/>
  <c r="J8171" i="2"/>
  <c r="J8145" i="5" s="1"/>
  <c r="N8145" i="5" s="1"/>
  <c r="M6481" i="2"/>
  <c r="M6455" i="5" s="1"/>
  <c r="P6455" i="5" s="1"/>
  <c r="K4762" i="2"/>
  <c r="K4736" i="5" s="1"/>
  <c r="I5957" i="2"/>
  <c r="I5931" i="5" s="1"/>
  <c r="I5940" i="2"/>
  <c r="I5914" i="5" s="1"/>
  <c r="J4780" i="2"/>
  <c r="J4754" i="5" s="1"/>
  <c r="N4754" i="5" s="1"/>
  <c r="J6108" i="2"/>
  <c r="J6082" i="5" s="1"/>
  <c r="N6082" i="5" s="1"/>
  <c r="K808" i="2"/>
  <c r="K782" i="5" s="1"/>
  <c r="I8001" i="2"/>
  <c r="I7975" i="5" s="1"/>
  <c r="K764" i="2"/>
  <c r="K738" i="5" s="1"/>
  <c r="L8671" i="2"/>
  <c r="L8645" i="5" s="1"/>
  <c r="J5807" i="2"/>
  <c r="J5781" i="5" s="1"/>
  <c r="N5781" i="5" s="1"/>
  <c r="I793" i="2"/>
  <c r="I767" i="5" s="1"/>
  <c r="I541" i="2"/>
  <c r="I515" i="5" s="1"/>
  <c r="M6510" i="2"/>
  <c r="M6484" i="5" s="1"/>
  <c r="P6484" i="5" s="1"/>
  <c r="I8500" i="2"/>
  <c r="I8474" i="5" s="1"/>
  <c r="L4633" i="2"/>
  <c r="L4607" i="5" s="1"/>
  <c r="M4500" i="2"/>
  <c r="M4474" i="5" s="1"/>
  <c r="P4474" i="5" s="1"/>
  <c r="K7496" i="2"/>
  <c r="K7470" i="5" s="1"/>
  <c r="I2334" i="2"/>
  <c r="I2308" i="5" s="1"/>
  <c r="I3241" i="2"/>
  <c r="I3215" i="5" s="1"/>
  <c r="M6151" i="2"/>
  <c r="M6125" i="5" s="1"/>
  <c r="P6125" i="5" s="1"/>
  <c r="M880" i="2"/>
  <c r="M854" i="5" s="1"/>
  <c r="P854" i="5" s="1"/>
  <c r="J1066" i="2"/>
  <c r="J1040" i="5" s="1"/>
  <c r="N1040" i="5" s="1"/>
  <c r="J5692" i="2"/>
  <c r="J5666" i="5" s="1"/>
  <c r="N5666" i="5" s="1"/>
  <c r="M1619" i="2"/>
  <c r="M1593" i="5" s="1"/>
  <c r="P1593" i="5" s="1"/>
  <c r="I1977" i="2"/>
  <c r="I1951" i="5" s="1"/>
  <c r="K5284" i="2"/>
  <c r="K5258" i="5" s="1"/>
  <c r="J3849" i="2"/>
  <c r="J3823" i="5" s="1"/>
  <c r="N3823" i="5" s="1"/>
  <c r="M6692" i="2"/>
  <c r="M6666" i="5" s="1"/>
  <c r="P6666" i="5" s="1"/>
  <c r="I5337" i="2"/>
  <c r="I5311" i="5" s="1"/>
  <c r="K3149" i="2"/>
  <c r="K3123" i="5" s="1"/>
  <c r="I7808" i="2"/>
  <c r="I7782" i="5" s="1"/>
  <c r="J3131" i="2"/>
  <c r="J3105" i="5" s="1"/>
  <c r="J6622" i="2"/>
  <c r="J6596" i="5" s="1"/>
  <c r="J6177" i="2"/>
  <c r="J6151" i="5" s="1"/>
  <c r="N6151" i="5" s="1"/>
  <c r="M3836" i="2"/>
  <c r="M3810" i="5" s="1"/>
  <c r="P3810" i="5" s="1"/>
  <c r="I7959" i="2"/>
  <c r="I7933" i="5" s="1"/>
  <c r="I1467" i="2"/>
  <c r="I1441" i="5" s="1"/>
  <c r="M2775" i="2"/>
  <c r="M2749" i="5" s="1"/>
  <c r="P2749" i="5" s="1"/>
  <c r="I1050" i="2"/>
  <c r="I1024" i="5" s="1"/>
  <c r="M7858" i="2"/>
  <c r="M7832" i="5" s="1"/>
  <c r="P7832" i="5" s="1"/>
  <c r="I8275" i="2"/>
  <c r="I8249" i="5" s="1"/>
  <c r="J7612" i="2"/>
  <c r="J7586" i="5" s="1"/>
  <c r="N7586" i="5" s="1"/>
  <c r="M277" i="2"/>
  <c r="M251" i="5" s="1"/>
  <c r="P251" i="5" s="1"/>
  <c r="I7643" i="2"/>
  <c r="I7617" i="5" s="1"/>
  <c r="M2998" i="2"/>
  <c r="M2972" i="5" s="1"/>
  <c r="P2972" i="5" s="1"/>
  <c r="M1450" i="2"/>
  <c r="M1424" i="5" s="1"/>
  <c r="P1424" i="5" s="1"/>
  <c r="M4771" i="2"/>
  <c r="M4745" i="5" s="1"/>
  <c r="P4745" i="5" s="1"/>
  <c r="L4763" i="2"/>
  <c r="L4737" i="5" s="1"/>
  <c r="I8525" i="2"/>
  <c r="I8499" i="5" s="1"/>
  <c r="I8709" i="2"/>
  <c r="I8683" i="5" s="1"/>
  <c r="K5939" i="2"/>
  <c r="K5913" i="5" s="1"/>
  <c r="I1283" i="2"/>
  <c r="I1257" i="5" s="1"/>
  <c r="M5950" i="2"/>
  <c r="M5924" i="5" s="1"/>
  <c r="P5924" i="5" s="1"/>
  <c r="K7322" i="2"/>
  <c r="K7296" i="5" s="1"/>
  <c r="O7296" i="5" s="1"/>
  <c r="L1470" i="2"/>
  <c r="L1444" i="5" s="1"/>
  <c r="K1893" i="2"/>
  <c r="K1867" i="5" s="1"/>
  <c r="J3059" i="2"/>
  <c r="J3033" i="5" s="1"/>
  <c r="N3033" i="5" s="1"/>
  <c r="I3143" i="2"/>
  <c r="I3117" i="5" s="1"/>
  <c r="K6125" i="2"/>
  <c r="K6099" i="5" s="1"/>
  <c r="J6116" i="2"/>
  <c r="J6090" i="5" s="1"/>
  <c r="N6090" i="5" s="1"/>
  <c r="K8516" i="2"/>
  <c r="K8490" i="5" s="1"/>
  <c r="M817" i="2"/>
  <c r="M791" i="5" s="1"/>
  <c r="P791" i="5" s="1"/>
  <c r="K6273" i="2"/>
  <c r="K6247" i="5" s="1"/>
  <c r="M5858" i="2"/>
  <c r="M5832" i="5" s="1"/>
  <c r="P5832" i="5" s="1"/>
  <c r="K8525" i="2"/>
  <c r="K8499" i="5" s="1"/>
  <c r="M627" i="2"/>
  <c r="M601" i="5" s="1"/>
  <c r="P601" i="5" s="1"/>
  <c r="M1101" i="2"/>
  <c r="M1075" i="5" s="1"/>
  <c r="P1075" i="5" s="1"/>
  <c r="L6125" i="2"/>
  <c r="L6099" i="5" s="1"/>
  <c r="M7977" i="2"/>
  <c r="M7951" i="5" s="1"/>
  <c r="P7951" i="5" s="1"/>
  <c r="I1276" i="2"/>
  <c r="I1250" i="5" s="1"/>
  <c r="J2788" i="2"/>
  <c r="J2762" i="5" s="1"/>
  <c r="I5523" i="2"/>
  <c r="I5497" i="5" s="1"/>
  <c r="L4571" i="2"/>
  <c r="L4545" i="5" s="1"/>
  <c r="J2990" i="2"/>
  <c r="J2964" i="5" s="1"/>
  <c r="N2964" i="5" s="1"/>
  <c r="M4171" i="2"/>
  <c r="M4145" i="5" s="1"/>
  <c r="P4145" i="5" s="1"/>
  <c r="K3577" i="2"/>
  <c r="K3551" i="5" s="1"/>
  <c r="J3562" i="2"/>
  <c r="J3536" i="5" s="1"/>
  <c r="I6955" i="2"/>
  <c r="I6929" i="5" s="1"/>
  <c r="M2473" i="2"/>
  <c r="M2447" i="5" s="1"/>
  <c r="P2447" i="5" s="1"/>
  <c r="M7959" i="2"/>
  <c r="M7933" i="5" s="1"/>
  <c r="P7933" i="5" s="1"/>
  <c r="L1050" i="2"/>
  <c r="L1024" i="5" s="1"/>
  <c r="M6110" i="2"/>
  <c r="M6084" i="5" s="1"/>
  <c r="P6084" i="5" s="1"/>
  <c r="J814" i="2"/>
  <c r="J788" i="5" s="1"/>
  <c r="N788" i="5" s="1"/>
  <c r="M2977" i="2"/>
  <c r="M2951" i="5" s="1"/>
  <c r="P2951" i="5" s="1"/>
  <c r="L8143" i="2"/>
  <c r="L8117" i="5" s="1"/>
  <c r="L7931" i="2"/>
  <c r="L7905" i="5" s="1"/>
  <c r="L6858" i="2"/>
  <c r="L6832" i="5" s="1"/>
  <c r="I6858" i="2"/>
  <c r="I6832" i="5" s="1"/>
  <c r="L8720" i="2"/>
  <c r="L8694" i="5" s="1"/>
  <c r="K7813" i="2"/>
  <c r="K7787" i="5" s="1"/>
  <c r="L7276" i="2"/>
  <c r="L7250" i="5" s="1"/>
  <c r="L2981" i="2"/>
  <c r="L2955" i="5" s="1"/>
  <c r="K2981" i="2"/>
  <c r="K2955" i="5" s="1"/>
  <c r="I4668" i="2"/>
  <c r="I4642" i="5" s="1"/>
  <c r="K4668" i="2"/>
  <c r="K4642" i="5" s="1"/>
  <c r="I1314" i="2"/>
  <c r="I1288" i="5" s="1"/>
  <c r="K5331" i="2"/>
  <c r="K5305" i="5" s="1"/>
  <c r="K5279" i="2"/>
  <c r="K5253" i="5" s="1"/>
  <c r="L5279" i="2"/>
  <c r="L5253" i="5" s="1"/>
  <c r="M5279" i="2"/>
  <c r="M5253" i="5" s="1"/>
  <c r="P5253" i="5" s="1"/>
  <c r="L3806" i="2"/>
  <c r="L3780" i="5" s="1"/>
  <c r="M3076" i="2"/>
  <c r="M3050" i="5" s="1"/>
  <c r="P3050" i="5" s="1"/>
  <c r="K3076" i="2"/>
  <c r="K3050" i="5" s="1"/>
  <c r="L3076" i="2"/>
  <c r="L3050" i="5" s="1"/>
  <c r="J4772" i="2"/>
  <c r="J4746" i="5" s="1"/>
  <c r="N4746" i="5" s="1"/>
  <c r="I4772" i="2"/>
  <c r="I4746" i="5" s="1"/>
  <c r="I3141" i="2"/>
  <c r="I3115" i="5" s="1"/>
  <c r="K3141" i="2"/>
  <c r="K3115" i="5" s="1"/>
  <c r="F23" i="5"/>
  <c r="AR17" i="1"/>
  <c r="M3119" i="2"/>
  <c r="M3093" i="5" s="1"/>
  <c r="P3093" i="5" s="1"/>
  <c r="L3119" i="2"/>
  <c r="L3093" i="5" s="1"/>
  <c r="K6837" i="2"/>
  <c r="K6811" i="5" s="1"/>
  <c r="L6837" i="2"/>
  <c r="L6811" i="5" s="1"/>
  <c r="M2109" i="2"/>
  <c r="M2083" i="5" s="1"/>
  <c r="P2083" i="5" s="1"/>
  <c r="K2109" i="2"/>
  <c r="K2083" i="5" s="1"/>
  <c r="J3564" i="2"/>
  <c r="J3538" i="5" s="1"/>
  <c r="N3538" i="5" s="1"/>
  <c r="L3564" i="2"/>
  <c r="L3538" i="5" s="1"/>
  <c r="K3564" i="2"/>
  <c r="K3538" i="5" s="1"/>
  <c r="M4827" i="2"/>
  <c r="M4801" i="5" s="1"/>
  <c r="P4801" i="5" s="1"/>
  <c r="J4445" i="2"/>
  <c r="J4419" i="5" s="1"/>
  <c r="N4419" i="5" s="1"/>
  <c r="M3333" i="2"/>
  <c r="M3307" i="5" s="1"/>
  <c r="P3307" i="5" s="1"/>
  <c r="L2998" i="2"/>
  <c r="L2972" i="5" s="1"/>
  <c r="J6281" i="2"/>
  <c r="J6255" i="5" s="1"/>
  <c r="N6255" i="5" s="1"/>
  <c r="L3131" i="2"/>
  <c r="L3105" i="5" s="1"/>
  <c r="K5950" i="2"/>
  <c r="K5924" i="5" s="1"/>
  <c r="J4979" i="2"/>
  <c r="J4953" i="5" s="1"/>
  <c r="N4953" i="5" s="1"/>
  <c r="M5645" i="2"/>
  <c r="M5619" i="5" s="1"/>
  <c r="P5619" i="5" s="1"/>
  <c r="I6116" i="2"/>
  <c r="I6090" i="5" s="1"/>
  <c r="L8650" i="2"/>
  <c r="L8624" i="5" s="1"/>
  <c r="M8034" i="2"/>
  <c r="M8008" i="5" s="1"/>
  <c r="P8008" i="5" s="1"/>
  <c r="I4490" i="2"/>
  <c r="I4464" i="5" s="1"/>
  <c r="J4296" i="2"/>
  <c r="J4270" i="5" s="1"/>
  <c r="N4270" i="5" s="1"/>
  <c r="I7783" i="2"/>
  <c r="I7757" i="5" s="1"/>
  <c r="J4980" i="2"/>
  <c r="J4954" i="5" s="1"/>
  <c r="N4954" i="5" s="1"/>
  <c r="L3069" i="2"/>
  <c r="L3043" i="5" s="1"/>
  <c r="I6681" i="2"/>
  <c r="I6655" i="5" s="1"/>
  <c r="J8167" i="2"/>
  <c r="J8141" i="5" s="1"/>
  <c r="N8141" i="5" s="1"/>
  <c r="M5159" i="2"/>
  <c r="M5133" i="5" s="1"/>
  <c r="P5133" i="5" s="1"/>
  <c r="J6008" i="2"/>
  <c r="J5982" i="5" s="1"/>
  <c r="N5982" i="5" s="1"/>
  <c r="L5246" i="2"/>
  <c r="L5220" i="5" s="1"/>
  <c r="J1974" i="2"/>
  <c r="J1948" i="5" s="1"/>
  <c r="N1948" i="5" s="1"/>
  <c r="J1885" i="2"/>
  <c r="J1859" i="5" s="1"/>
  <c r="N1859" i="5" s="1"/>
  <c r="L89" i="2"/>
  <c r="L63" i="5" s="1"/>
  <c r="L4071" i="2"/>
  <c r="L4045" i="5" s="1"/>
  <c r="K3279" i="2"/>
  <c r="K3253" i="5" s="1"/>
  <c r="J6783" i="2"/>
  <c r="J6757" i="5" s="1"/>
  <c r="N6757" i="5" s="1"/>
  <c r="K2909" i="2"/>
  <c r="K2883" i="5" s="1"/>
  <c r="J8196" i="2"/>
  <c r="J8170" i="5" s="1"/>
  <c r="N8170" i="5" s="1"/>
  <c r="I3131" i="2"/>
  <c r="I3105" i="5" s="1"/>
  <c r="K3131" i="2"/>
  <c r="K3105" i="5" s="1"/>
  <c r="M3131" i="2"/>
  <c r="M3105" i="5" s="1"/>
  <c r="P3105" i="5" s="1"/>
  <c r="L4677" i="2"/>
  <c r="L4651" i="5" s="1"/>
  <c r="L5987" i="2"/>
  <c r="L5961" i="5" s="1"/>
  <c r="I2901" i="2"/>
  <c r="I2875" i="5" s="1"/>
  <c r="L8687" i="2"/>
  <c r="L8661" i="5" s="1"/>
  <c r="J888" i="2"/>
  <c r="J862" i="5" s="1"/>
  <c r="K4677" i="2"/>
  <c r="K4651" i="5" s="1"/>
  <c r="I1470" i="2"/>
  <c r="I1444" i="5" s="1"/>
  <c r="K8506" i="2"/>
  <c r="K8480" i="5" s="1"/>
  <c r="O8480" i="5" s="1"/>
  <c r="M4404" i="2"/>
  <c r="M4378" i="5" s="1"/>
  <c r="P4378" i="5" s="1"/>
  <c r="K4477" i="2"/>
  <c r="K4451" i="5" s="1"/>
  <c r="J8711" i="2"/>
  <c r="J8685" i="5" s="1"/>
  <c r="N8685" i="5" s="1"/>
  <c r="J2998" i="2"/>
  <c r="J2972" i="5" s="1"/>
  <c r="N2972" i="5" s="1"/>
  <c r="L6681" i="2"/>
  <c r="L6655" i="5" s="1"/>
  <c r="I5950" i="2"/>
  <c r="I5924" i="5" s="1"/>
  <c r="M7322" i="2"/>
  <c r="M7296" i="5" s="1"/>
  <c r="P7296" i="5" s="1"/>
  <c r="M888" i="2"/>
  <c r="M862" i="5" s="1"/>
  <c r="P862" i="5" s="1"/>
  <c r="L2792" i="2"/>
  <c r="L2766" i="5" s="1"/>
  <c r="M7032" i="2"/>
  <c r="M7006" i="5" s="1"/>
  <c r="P7006" i="5" s="1"/>
  <c r="L8183" i="2"/>
  <c r="L8157" i="5" s="1"/>
  <c r="J5941" i="2"/>
  <c r="J5915" i="5" s="1"/>
  <c r="N5915" i="5" s="1"/>
  <c r="M5110" i="2"/>
  <c r="M5084" i="5" s="1"/>
  <c r="P5084" i="5" s="1"/>
  <c r="J8506" i="2"/>
  <c r="J8480" i="5" s="1"/>
  <c r="N8480" i="5" s="1"/>
  <c r="M6116" i="2"/>
  <c r="M6090" i="5" s="1"/>
  <c r="P6090" i="5" s="1"/>
  <c r="M1959" i="2"/>
  <c r="M1933" i="5" s="1"/>
  <c r="P1933" i="5" s="1"/>
  <c r="M6681" i="2"/>
  <c r="M6655" i="5" s="1"/>
  <c r="P6655" i="5" s="1"/>
  <c r="L6129" i="2"/>
  <c r="L6103" i="5" s="1"/>
  <c r="I888" i="2"/>
  <c r="I862" i="5" s="1"/>
  <c r="I7308" i="2"/>
  <c r="I7282" i="5" s="1"/>
  <c r="L3058" i="2"/>
  <c r="L3032" i="5" s="1"/>
  <c r="J7032" i="2"/>
  <c r="J7006" i="5" s="1"/>
  <c r="N7006" i="5" s="1"/>
  <c r="K1283" i="2"/>
  <c r="K1257" i="5" s="1"/>
  <c r="K6320" i="2"/>
  <c r="K6294" i="5" s="1"/>
  <c r="J8183" i="2"/>
  <c r="J8157" i="5" s="1"/>
  <c r="N8157" i="5" s="1"/>
  <c r="I8529" i="2"/>
  <c r="I8503" i="5" s="1"/>
  <c r="I1885" i="2"/>
  <c r="I1859" i="5" s="1"/>
  <c r="L2136" i="2"/>
  <c r="L2110" i="5" s="1"/>
  <c r="I3800" i="2"/>
  <c r="I3774" i="5" s="1"/>
  <c r="J2100" i="2"/>
  <c r="J2074" i="5" s="1"/>
  <c r="N2074" i="5" s="1"/>
  <c r="M235" i="2"/>
  <c r="M209" i="5" s="1"/>
  <c r="P209" i="5" s="1"/>
  <c r="J4443" i="2"/>
  <c r="J4417" i="5" s="1"/>
  <c r="M2564" i="2"/>
  <c r="M2538" i="5" s="1"/>
  <c r="P2538" i="5" s="1"/>
  <c r="L5758" i="2"/>
  <c r="L5732" i="5" s="1"/>
  <c r="K6181" i="2"/>
  <c r="K6155" i="5" s="1"/>
  <c r="L3421" i="2"/>
  <c r="L3395" i="5" s="1"/>
  <c r="K2776" i="2"/>
  <c r="K2750" i="5" s="1"/>
  <c r="L2776" i="2"/>
  <c r="L2750" i="5" s="1"/>
  <c r="L8776" i="2"/>
  <c r="L8750" i="5" s="1"/>
  <c r="K8776" i="2"/>
  <c r="K8750" i="5" s="1"/>
  <c r="L5268" i="2"/>
  <c r="L5242" i="5" s="1"/>
  <c r="M5268" i="2"/>
  <c r="M5242" i="5" s="1"/>
  <c r="P5242" i="5" s="1"/>
  <c r="I7312" i="2"/>
  <c r="I7286" i="5" s="1"/>
  <c r="M7429" i="2"/>
  <c r="M7403" i="5" s="1"/>
  <c r="P7403" i="5" s="1"/>
  <c r="M1974" i="2"/>
  <c r="M1948" i="5" s="1"/>
  <c r="P1948" i="5" s="1"/>
  <c r="I1974" i="2"/>
  <c r="I1948" i="5" s="1"/>
  <c r="I5190" i="2"/>
  <c r="I5164" i="5" s="1"/>
  <c r="L5190" i="2"/>
  <c r="L5164" i="5" s="1"/>
  <c r="J5190" i="2"/>
  <c r="J5164" i="5" s="1"/>
  <c r="N5164" i="5" s="1"/>
  <c r="M4246" i="2"/>
  <c r="M4220" i="5" s="1"/>
  <c r="P4220" i="5" s="1"/>
  <c r="L6320" i="2"/>
  <c r="L6294" i="5" s="1"/>
  <c r="J2775" i="2"/>
  <c r="J2749" i="5" s="1"/>
  <c r="M6980" i="2"/>
  <c r="M6954" i="5" s="1"/>
  <c r="P6954" i="5" s="1"/>
  <c r="L6980" i="2"/>
  <c r="L6954" i="5" s="1"/>
  <c r="J6980" i="2"/>
  <c r="J6954" i="5" s="1"/>
  <c r="L6993" i="2"/>
  <c r="L6967" i="5" s="1"/>
  <c r="I6993" i="2"/>
  <c r="I6967" i="5" s="1"/>
  <c r="I4471" i="2"/>
  <c r="I4445" i="5" s="1"/>
  <c r="L4471" i="2"/>
  <c r="L4445" i="5" s="1"/>
  <c r="J4471" i="2"/>
  <c r="J4445" i="5" s="1"/>
  <c r="N4445" i="5" s="1"/>
  <c r="K1045" i="2"/>
  <c r="K1019" i="5" s="1"/>
  <c r="I1045" i="2"/>
  <c r="I1019" i="5" s="1"/>
  <c r="M2921" i="2"/>
  <c r="M2895" i="5" s="1"/>
  <c r="P2895" i="5" s="1"/>
  <c r="M2314" i="2"/>
  <c r="M2288" i="5" s="1"/>
  <c r="P2288" i="5" s="1"/>
  <c r="L7802" i="2"/>
  <c r="L7776" i="5" s="1"/>
  <c r="M8275" i="2"/>
  <c r="M8249" i="5" s="1"/>
  <c r="P8249" i="5" s="1"/>
  <c r="J6821" i="2"/>
  <c r="J6795" i="5" s="1"/>
  <c r="N6795" i="5" s="1"/>
  <c r="I6980" i="2"/>
  <c r="I6954" i="5" s="1"/>
  <c r="M6129" i="2"/>
  <c r="M6103" i="5" s="1"/>
  <c r="P6103" i="5" s="1"/>
  <c r="I3583" i="2"/>
  <c r="I3557" i="5" s="1"/>
  <c r="L1977" i="2"/>
  <c r="L1951" i="5" s="1"/>
  <c r="K4652" i="2"/>
  <c r="K4626" i="5" s="1"/>
  <c r="K1299" i="2"/>
  <c r="K1273" i="5" s="1"/>
  <c r="I4143" i="2"/>
  <c r="I4117" i="5" s="1"/>
  <c r="I7337" i="2"/>
  <c r="I7311" i="5" s="1"/>
  <c r="I6692" i="2"/>
  <c r="I6666" i="5" s="1"/>
  <c r="K3102" i="2"/>
  <c r="K3076" i="5" s="1"/>
  <c r="M8044" i="2"/>
  <c r="M8018" i="5" s="1"/>
  <c r="P8018" i="5" s="1"/>
  <c r="K1326" i="2"/>
  <c r="K1300" i="5" s="1"/>
  <c r="M8183" i="2"/>
  <c r="M8157" i="5" s="1"/>
  <c r="P8157" i="5" s="1"/>
  <c r="J1928" i="2"/>
  <c r="J1902" i="5" s="1"/>
  <c r="N1902" i="5" s="1"/>
  <c r="I7799" i="2"/>
  <c r="I7773" i="5" s="1"/>
  <c r="L3582" i="2"/>
  <c r="L3556" i="5" s="1"/>
  <c r="K1885" i="2"/>
  <c r="K1859" i="5" s="1"/>
  <c r="J1451" i="2"/>
  <c r="J1425" i="5" s="1"/>
  <c r="N1425" i="5" s="1"/>
  <c r="J1320" i="2"/>
  <c r="J1294" i="5" s="1"/>
  <c r="N1294" i="5" s="1"/>
  <c r="K3067" i="2"/>
  <c r="K3041" i="5" s="1"/>
  <c r="L1644" i="2"/>
  <c r="L1618" i="5" s="1"/>
  <c r="M2401" i="2"/>
  <c r="M2375" i="5" s="1"/>
  <c r="P2375" i="5" s="1"/>
  <c r="I7146" i="2"/>
  <c r="I7120" i="5" s="1"/>
  <c r="M7146" i="2"/>
  <c r="M7120" i="5" s="1"/>
  <c r="P7120" i="5" s="1"/>
  <c r="L2804" i="2"/>
  <c r="L2778" i="5" s="1"/>
  <c r="M1467" i="2"/>
  <c r="M1441" i="5" s="1"/>
  <c r="P1441" i="5" s="1"/>
  <c r="K4097" i="2"/>
  <c r="K4071" i="5" s="1"/>
  <c r="L7032" i="2"/>
  <c r="L7006" i="5" s="1"/>
  <c r="J8172" i="2"/>
  <c r="J8146" i="5" s="1"/>
  <c r="N8146" i="5" s="1"/>
  <c r="L8172" i="2"/>
  <c r="L8146" i="5" s="1"/>
  <c r="I8172" i="2"/>
  <c r="I8146" i="5" s="1"/>
  <c r="K6115" i="2"/>
  <c r="K6089" i="5" s="1"/>
  <c r="M6115" i="2"/>
  <c r="M6089" i="5" s="1"/>
  <c r="P6089" i="5" s="1"/>
  <c r="K7465" i="2"/>
  <c r="K7439" i="5" s="1"/>
  <c r="J7465" i="2"/>
  <c r="J7439" i="5" s="1"/>
  <c r="N7439" i="5" s="1"/>
  <c r="I7873" i="2"/>
  <c r="I7847" i="5" s="1"/>
  <c r="L7873" i="2"/>
  <c r="L7847" i="5" s="1"/>
  <c r="J7873" i="2"/>
  <c r="J7847" i="5" s="1"/>
  <c r="N7847" i="5" s="1"/>
  <c r="K2059" i="2"/>
  <c r="K2033" i="5" s="1"/>
  <c r="L7337" i="2"/>
  <c r="L7311" i="5" s="1"/>
  <c r="AR208" i="1"/>
  <c r="J1946" i="2"/>
  <c r="J1920" i="5" s="1"/>
  <c r="N1920" i="5" s="1"/>
  <c r="I6002" i="2"/>
  <c r="I5976" i="5" s="1"/>
  <c r="I5854" i="2"/>
  <c r="I5828" i="5" s="1"/>
  <c r="I3478" i="2"/>
  <c r="I3452" i="5" s="1"/>
  <c r="M3278" i="2"/>
  <c r="M3252" i="5" s="1"/>
  <c r="P3252" i="5" s="1"/>
  <c r="I6931" i="2"/>
  <c r="I6905" i="5" s="1"/>
  <c r="K6301" i="2"/>
  <c r="K6275" i="5" s="1"/>
  <c r="I4856" i="2"/>
  <c r="I4830" i="5" s="1"/>
  <c r="K4856" i="2"/>
  <c r="K4830" i="5" s="1"/>
  <c r="M4856" i="2"/>
  <c r="M4830" i="5" s="1"/>
  <c r="P4830" i="5" s="1"/>
  <c r="M6991" i="2"/>
  <c r="M6965" i="5" s="1"/>
  <c r="P6965" i="5" s="1"/>
  <c r="K6991" i="2"/>
  <c r="K6965" i="5" s="1"/>
  <c r="L895" i="2"/>
  <c r="L869" i="5" s="1"/>
  <c r="M3840" i="2"/>
  <c r="M3814" i="5" s="1"/>
  <c r="P3814" i="5" s="1"/>
  <c r="K3840" i="2"/>
  <c r="K3814" i="5" s="1"/>
  <c r="I1759" i="2"/>
  <c r="I1733" i="5" s="1"/>
  <c r="L3103" i="2"/>
  <c r="L3077" i="5" s="1"/>
  <c r="L4143" i="2"/>
  <c r="L4117" i="5" s="1"/>
  <c r="L4856" i="2"/>
  <c r="L4830" i="5" s="1"/>
  <c r="J6115" i="2"/>
  <c r="J6089" i="5" s="1"/>
  <c r="N6089" i="5" s="1"/>
  <c r="L3059" i="2"/>
  <c r="L3033" i="5" s="1"/>
  <c r="K288" i="2"/>
  <c r="K262" i="5" s="1"/>
  <c r="M3102" i="2"/>
  <c r="M3076" i="5" s="1"/>
  <c r="P3076" i="5" s="1"/>
  <c r="J4856" i="2"/>
  <c r="J4830" i="5" s="1"/>
  <c r="J1380" i="2"/>
  <c r="J1354" i="5" s="1"/>
  <c r="N1354" i="5" s="1"/>
  <c r="L3461" i="2"/>
  <c r="L3435" i="5" s="1"/>
  <c r="M7931" i="2"/>
  <c r="M7905" i="5" s="1"/>
  <c r="P7905" i="5" s="1"/>
  <c r="J4143" i="2"/>
  <c r="J4117" i="5" s="1"/>
  <c r="N4117" i="5" s="1"/>
  <c r="I5089" i="2"/>
  <c r="I5063" i="5" s="1"/>
  <c r="L1893" i="2"/>
  <c r="L1867" i="5" s="1"/>
  <c r="L6523" i="2"/>
  <c r="L6497" i="5" s="1"/>
  <c r="I5268" i="2"/>
  <c r="I5242" i="5" s="1"/>
  <c r="M7501" i="2"/>
  <c r="M7475" i="5" s="1"/>
  <c r="P7475" i="5" s="1"/>
  <c r="I1777" i="2"/>
  <c r="I1751" i="5" s="1"/>
  <c r="K2752" i="2"/>
  <c r="K2726" i="5" s="1"/>
  <c r="M3103" i="2"/>
  <c r="M3077" i="5" s="1"/>
  <c r="P3077" i="5" s="1"/>
  <c r="I1471" i="2"/>
  <c r="I1445" i="5" s="1"/>
  <c r="L3583" i="2"/>
  <c r="L3557" i="5" s="1"/>
  <c r="M2561" i="2"/>
  <c r="M2535" i="5" s="1"/>
  <c r="P2535" i="5" s="1"/>
  <c r="K3821" i="2"/>
  <c r="K3795" i="5" s="1"/>
  <c r="K3426" i="2"/>
  <c r="K3400" i="5" s="1"/>
  <c r="L3478" i="2"/>
  <c r="L3452" i="5" s="1"/>
  <c r="K6831" i="2"/>
  <c r="K6805" i="5" s="1"/>
  <c r="I5284" i="2"/>
  <c r="I5258" i="5" s="1"/>
  <c r="K4143" i="2"/>
  <c r="K4117" i="5" s="1"/>
  <c r="I7020" i="2"/>
  <c r="I6994" i="5" s="1"/>
  <c r="J1952" i="2"/>
  <c r="J1926" i="5" s="1"/>
  <c r="N1926" i="5" s="1"/>
  <c r="I2594" i="2"/>
  <c r="I2568" i="5" s="1"/>
  <c r="K1453" i="2"/>
  <c r="K1427" i="5" s="1"/>
  <c r="M5001" i="2"/>
  <c r="M4975" i="5" s="1"/>
  <c r="P4975" i="5" s="1"/>
  <c r="L7373" i="2"/>
  <c r="L7347" i="5" s="1"/>
  <c r="K1460" i="2"/>
  <c r="K1434" i="5" s="1"/>
  <c r="M4779" i="2"/>
  <c r="M4753" i="5" s="1"/>
  <c r="P4753" i="5" s="1"/>
  <c r="J6984" i="2"/>
  <c r="J6958" i="5" s="1"/>
  <c r="N6958" i="5" s="1"/>
  <c r="L6177" i="2"/>
  <c r="L6151" i="5" s="1"/>
  <c r="J1893" i="2"/>
  <c r="J1867" i="5" s="1"/>
  <c r="N1867" i="5" s="1"/>
  <c r="I1951" i="2"/>
  <c r="I1925" i="5" s="1"/>
  <c r="K7612" i="2"/>
  <c r="K7586" i="5" s="1"/>
  <c r="L5528" i="2"/>
  <c r="L5502" i="5" s="1"/>
  <c r="J3806" i="2"/>
  <c r="J3780" i="5" s="1"/>
  <c r="N3780" i="5" s="1"/>
  <c r="K6195" i="2"/>
  <c r="K6169" i="5" s="1"/>
  <c r="J1378" i="2"/>
  <c r="J1352" i="5" s="1"/>
  <c r="N1352" i="5" s="1"/>
  <c r="I1378" i="2"/>
  <c r="I1352" i="5" s="1"/>
  <c r="I7032" i="2"/>
  <c r="I7006" i="5" s="1"/>
  <c r="J8318" i="2"/>
  <c r="J8292" i="5" s="1"/>
  <c r="N8292" i="5" s="1"/>
  <c r="M1299" i="2"/>
  <c r="M1273" i="5" s="1"/>
  <c r="P1273" i="5" s="1"/>
  <c r="K1451" i="2"/>
  <c r="K1425" i="5" s="1"/>
  <c r="L1089" i="2"/>
  <c r="L1063" i="5" s="1"/>
  <c r="K1089" i="2"/>
  <c r="K1063" i="5" s="1"/>
  <c r="M4920" i="2"/>
  <c r="M4894" i="5" s="1"/>
  <c r="P4894" i="5" s="1"/>
  <c r="I4920" i="2"/>
  <c r="I4894" i="5" s="1"/>
  <c r="J4920" i="2"/>
  <c r="J4894" i="5" s="1"/>
  <c r="N4894" i="5" s="1"/>
  <c r="K3075" i="2"/>
  <c r="K3049" i="5" s="1"/>
  <c r="K541" i="2"/>
  <c r="K515" i="5" s="1"/>
  <c r="K3583" i="2"/>
  <c r="K3557" i="5" s="1"/>
  <c r="J7337" i="2"/>
  <c r="J7311" i="5" s="1"/>
  <c r="N7311" i="5" s="1"/>
  <c r="K4771" i="2"/>
  <c r="K4745" i="5" s="1"/>
  <c r="M7612" i="2"/>
  <c r="M7586" i="5" s="1"/>
  <c r="P7586" i="5" s="1"/>
  <c r="I2433" i="2"/>
  <c r="I2407" i="5" s="1"/>
  <c r="M3414" i="2"/>
  <c r="M3388" i="5" s="1"/>
  <c r="P3388" i="5" s="1"/>
  <c r="K2921" i="2"/>
  <c r="K2895" i="5" s="1"/>
  <c r="I6115" i="2"/>
  <c r="I6089" i="5" s="1"/>
  <c r="L276" i="2"/>
  <c r="L250" i="5" s="1"/>
  <c r="I2752" i="2"/>
  <c r="I2726" i="5" s="1"/>
  <c r="L1471" i="2"/>
  <c r="L1445" i="5" s="1"/>
  <c r="L2561" i="2"/>
  <c r="L2535" i="5" s="1"/>
  <c r="M8009" i="2"/>
  <c r="M7983" i="5" s="1"/>
  <c r="P7983" i="5" s="1"/>
  <c r="I6942" i="2"/>
  <c r="I6916" i="5" s="1"/>
  <c r="L751" i="2"/>
  <c r="L725" i="5" s="1"/>
  <c r="M8712" i="2"/>
  <c r="M8686" i="5" s="1"/>
  <c r="P8686" i="5" s="1"/>
  <c r="K8712" i="2"/>
  <c r="K8686" i="5" s="1"/>
  <c r="J1299" i="2"/>
  <c r="J1273" i="5" s="1"/>
  <c r="N1273" i="5" s="1"/>
  <c r="I3067" i="2"/>
  <c r="I3041" i="5" s="1"/>
  <c r="K3478" i="2"/>
  <c r="K3452" i="5" s="1"/>
  <c r="I4126" i="2"/>
  <c r="I4100" i="5" s="1"/>
  <c r="L3102" i="2"/>
  <c r="L3076" i="5" s="1"/>
  <c r="L8525" i="2"/>
  <c r="L8499" i="5" s="1"/>
  <c r="I5244" i="2"/>
  <c r="I5218" i="5" s="1"/>
  <c r="J5528" i="2"/>
  <c r="J5502" i="5" s="1"/>
  <c r="N5502" i="5" s="1"/>
  <c r="I7501" i="2"/>
  <c r="I7475" i="5" s="1"/>
  <c r="J1777" i="2"/>
  <c r="J1751" i="5" s="1"/>
  <c r="N1751" i="5" s="1"/>
  <c r="K2334" i="2"/>
  <c r="K2308" i="5" s="1"/>
  <c r="J8712" i="2"/>
  <c r="J8686" i="5" s="1"/>
  <c r="J5284" i="2"/>
  <c r="J5258" i="5" s="1"/>
  <c r="N5258" i="5" s="1"/>
  <c r="J3241" i="2"/>
  <c r="J3215" i="5" s="1"/>
  <c r="I5684" i="2"/>
  <c r="I5658" i="5" s="1"/>
  <c r="M6450" i="2"/>
  <c r="M6424" i="5" s="1"/>
  <c r="P6424" i="5" s="1"/>
  <c r="K2453" i="2"/>
  <c r="K2427" i="5" s="1"/>
  <c r="L1548" i="2"/>
  <c r="L1522" i="5" s="1"/>
  <c r="K5268" i="2"/>
  <c r="K5242" i="5" s="1"/>
  <c r="L4146" i="2"/>
  <c r="L4120" i="5" s="1"/>
  <c r="L7501" i="2"/>
  <c r="L7475" i="5" s="1"/>
  <c r="L8028" i="2"/>
  <c r="L8002" i="5" s="1"/>
  <c r="I4971" i="2"/>
  <c r="I4945" i="5" s="1"/>
  <c r="K5190" i="2"/>
  <c r="K5164" i="5" s="1"/>
  <c r="K616" i="2"/>
  <c r="K590" i="5" s="1"/>
  <c r="O590" i="5" s="1"/>
  <c r="M1471" i="2"/>
  <c r="M1445" i="5" s="1"/>
  <c r="P1445" i="5" s="1"/>
  <c r="J3151" i="2"/>
  <c r="J3125" i="5" s="1"/>
  <c r="N3125" i="5" s="1"/>
  <c r="J3821" i="2"/>
  <c r="J3795" i="5" s="1"/>
  <c r="N3795" i="5" s="1"/>
  <c r="I7980" i="2"/>
  <c r="I7954" i="5" s="1"/>
  <c r="J1450" i="2"/>
  <c r="J1424" i="5" s="1"/>
  <c r="N1424" i="5" s="1"/>
  <c r="L8712" i="2"/>
  <c r="L8686" i="5" s="1"/>
  <c r="L5284" i="2"/>
  <c r="L5258" i="5" s="1"/>
  <c r="J653" i="2"/>
  <c r="J627" i="5" s="1"/>
  <c r="N627" i="5" s="1"/>
  <c r="M6858" i="2"/>
  <c r="M6832" i="5" s="1"/>
  <c r="P6832" i="5" s="1"/>
  <c r="L1453" i="2"/>
  <c r="L1427" i="5" s="1"/>
  <c r="J5001" i="2"/>
  <c r="J4975" i="5" s="1"/>
  <c r="N4975" i="5" s="1"/>
  <c r="K7599" i="2"/>
  <c r="K7573" i="5" s="1"/>
  <c r="L1460" i="2"/>
  <c r="L1434" i="5" s="1"/>
  <c r="K1429" i="2"/>
  <c r="K1403" i="5" s="1"/>
  <c r="I2785" i="2"/>
  <c r="I2759" i="5" s="1"/>
  <c r="M1893" i="2"/>
  <c r="M1867" i="5" s="1"/>
  <c r="P1867" i="5" s="1"/>
  <c r="L5954" i="2"/>
  <c r="L5928" i="5" s="1"/>
  <c r="I436" i="2"/>
  <c r="I410" i="5" s="1"/>
  <c r="M436" i="2"/>
  <c r="M410" i="5" s="1"/>
  <c r="P410" i="5" s="1"/>
  <c r="L7863" i="2"/>
  <c r="L7837" i="5" s="1"/>
  <c r="K7863" i="2"/>
  <c r="K7837" i="5" s="1"/>
  <c r="I7863" i="2"/>
  <c r="I7837" i="5" s="1"/>
  <c r="J3569" i="2"/>
  <c r="J3543" i="5" s="1"/>
  <c r="N3543" i="5" s="1"/>
  <c r="M3569" i="2"/>
  <c r="M3543" i="5" s="1"/>
  <c r="P3543" i="5" s="1"/>
  <c r="I6117" i="2"/>
  <c r="I6091" i="5" s="1"/>
  <c r="M6117" i="2"/>
  <c r="M6091" i="5" s="1"/>
  <c r="P6091" i="5" s="1"/>
  <c r="I3246" i="2"/>
  <c r="I3220" i="5" s="1"/>
  <c r="L1952" i="2"/>
  <c r="L1926" i="5" s="1"/>
  <c r="K3103" i="2"/>
  <c r="K3077" i="5" s="1"/>
  <c r="L1299" i="2"/>
  <c r="L1273" i="5" s="1"/>
  <c r="I6997" i="2"/>
  <c r="I6971" i="5" s="1"/>
  <c r="M6523" i="2"/>
  <c r="M6497" i="5" s="1"/>
  <c r="P6497" i="5" s="1"/>
  <c r="K1777" i="2"/>
  <c r="K1751" i="5" s="1"/>
  <c r="M1451" i="2"/>
  <c r="M1425" i="5" s="1"/>
  <c r="P1425" i="5" s="1"/>
  <c r="J5268" i="2"/>
  <c r="J5242" i="5" s="1"/>
  <c r="N5242" i="5" s="1"/>
  <c r="J3103" i="2"/>
  <c r="J3077" i="5" s="1"/>
  <c r="N3077" i="5" s="1"/>
  <c r="I1460" i="2"/>
  <c r="I1434" i="5" s="1"/>
  <c r="L6195" i="2"/>
  <c r="L6169" i="5" s="1"/>
  <c r="M1460" i="2"/>
  <c r="M1434" i="5" s="1"/>
  <c r="P1434" i="5" s="1"/>
  <c r="J3453" i="2"/>
  <c r="J3427" i="5" s="1"/>
  <c r="N3427" i="5" s="1"/>
  <c r="L5688" i="2"/>
  <c r="L5662" i="5" s="1"/>
  <c r="L2611" i="2"/>
  <c r="L2585" i="5" s="1"/>
  <c r="M34" i="2"/>
  <c r="M8" i="5" s="1"/>
  <c r="P8" i="5" s="1"/>
  <c r="K2246" i="2"/>
  <c r="K2220" i="5" s="1"/>
  <c r="J2246" i="2"/>
  <c r="J2220" i="5" s="1"/>
  <c r="N2220" i="5" s="1"/>
  <c r="I7325" i="2"/>
  <c r="I7299" i="5" s="1"/>
  <c r="L7325" i="2"/>
  <c r="L7299" i="5" s="1"/>
  <c r="L3426" i="2"/>
  <c r="L3400" i="5" s="1"/>
  <c r="I3426" i="2"/>
  <c r="I3400" i="5" s="1"/>
  <c r="M7308" i="2"/>
  <c r="M7282" i="5" s="1"/>
  <c r="P7282" i="5" s="1"/>
  <c r="K7876" i="2"/>
  <c r="K7850" i="5" s="1"/>
  <c r="M7876" i="2"/>
  <c r="M7850" i="5" s="1"/>
  <c r="P7850" i="5" s="1"/>
  <c r="I7876" i="2"/>
  <c r="I7850" i="5" s="1"/>
  <c r="M7802" i="2"/>
  <c r="M7776" i="5" s="1"/>
  <c r="P7776" i="5" s="1"/>
  <c r="M7863" i="2"/>
  <c r="M7837" i="5" s="1"/>
  <c r="P7837" i="5" s="1"/>
  <c r="K6980" i="2"/>
  <c r="K6954" i="5" s="1"/>
  <c r="J7429" i="2"/>
  <c r="J7403" i="5" s="1"/>
  <c r="N7403" i="5" s="1"/>
  <c r="J3583" i="2"/>
  <c r="J3557" i="5" s="1"/>
  <c r="N3557" i="5" s="1"/>
  <c r="I2109" i="2"/>
  <c r="I2083" i="5" s="1"/>
  <c r="K6002" i="2"/>
  <c r="K5976" i="5" s="1"/>
  <c r="O5976" i="5" s="1"/>
  <c r="I3102" i="2"/>
  <c r="I3076" i="5" s="1"/>
  <c r="J7194" i="2"/>
  <c r="J7168" i="5" s="1"/>
  <c r="N7168" i="5" s="1"/>
  <c r="J6523" i="2"/>
  <c r="J6497" i="5" s="1"/>
  <c r="N6497" i="5" s="1"/>
  <c r="K8318" i="2"/>
  <c r="K8292" i="5" s="1"/>
  <c r="K1952" i="2"/>
  <c r="K1926" i="5" s="1"/>
  <c r="L6115" i="2"/>
  <c r="L6089" i="5" s="1"/>
  <c r="AR223" i="1"/>
  <c r="M3426" i="2"/>
  <c r="M3400" i="5" s="1"/>
  <c r="P3400" i="5" s="1"/>
  <c r="I653" i="2"/>
  <c r="I627" i="5" s="1"/>
  <c r="K5001" i="2"/>
  <c r="K4975" i="5" s="1"/>
  <c r="L6976" i="2"/>
  <c r="L6950" i="5" s="1"/>
  <c r="J4004" i="2"/>
  <c r="J3978" i="5" s="1"/>
  <c r="N3978" i="5" s="1"/>
  <c r="J7501" i="2"/>
  <c r="J7475" i="5" s="1"/>
  <c r="N7475" i="5" s="1"/>
  <c r="I616" i="2"/>
  <c r="I590" i="5" s="1"/>
  <c r="M7480" i="2"/>
  <c r="M7454" i="5" s="1"/>
  <c r="P7454" i="5" s="1"/>
  <c r="J7980" i="2"/>
  <c r="J7954" i="5" s="1"/>
  <c r="N7954" i="5" s="1"/>
  <c r="K1450" i="2"/>
  <c r="K1424" i="5" s="1"/>
  <c r="I8712" i="2"/>
  <c r="I8686" i="5" s="1"/>
  <c r="L5001" i="2"/>
  <c r="L4975" i="5" s="1"/>
  <c r="I2761" i="2"/>
  <c r="I2735" i="5" s="1"/>
  <c r="I4146" i="2"/>
  <c r="I4120" i="5" s="1"/>
  <c r="L1044" i="2"/>
  <c r="L1018" i="5" s="1"/>
  <c r="J7480" i="2"/>
  <c r="J7454" i="5" s="1"/>
  <c r="N7454" i="5" s="1"/>
  <c r="J1453" i="2"/>
  <c r="J1427" i="5" s="1"/>
  <c r="N1427" i="5" s="1"/>
  <c r="L4144" i="2"/>
  <c r="L4118" i="5" s="1"/>
  <c r="O4118" i="5" s="1"/>
  <c r="I6281" i="2"/>
  <c r="I6255" i="5" s="1"/>
  <c r="L6281" i="2"/>
  <c r="L6255" i="5" s="1"/>
  <c r="K6281" i="2"/>
  <c r="K6255" i="5" s="1"/>
  <c r="J8687" i="2"/>
  <c r="J8661" i="5" s="1"/>
  <c r="N8661" i="5" s="1"/>
  <c r="M8687" i="2"/>
  <c r="M8661" i="5" s="1"/>
  <c r="P8661" i="5" s="1"/>
  <c r="I8168" i="2"/>
  <c r="I8142" i="5" s="1"/>
  <c r="K8168" i="2"/>
  <c r="K8142" i="5" s="1"/>
  <c r="O8142" i="5" s="1"/>
  <c r="M4452" i="2"/>
  <c r="M4426" i="5" s="1"/>
  <c r="P4426" i="5" s="1"/>
  <c r="I5275" i="2"/>
  <c r="I5249" i="5" s="1"/>
  <c r="K1471" i="2"/>
  <c r="K1445" i="5" s="1"/>
  <c r="K5784" i="2"/>
  <c r="K5758" i="5" s="1"/>
  <c r="J5275" i="2"/>
  <c r="J5249" i="5" s="1"/>
  <c r="N5249" i="5" s="1"/>
  <c r="M7373" i="2"/>
  <c r="M7347" i="5" s="1"/>
  <c r="P7347" i="5" s="1"/>
  <c r="I8028" i="2"/>
  <c r="I8002" i="5" s="1"/>
  <c r="I1453" i="2"/>
  <c r="I1427" i="5" s="1"/>
  <c r="L5331" i="2"/>
  <c r="L5305" i="5" s="1"/>
  <c r="I1893" i="2"/>
  <c r="I1867" i="5" s="1"/>
  <c r="M6771" i="2"/>
  <c r="M6745" i="5" s="1"/>
  <c r="P6745" i="5" s="1"/>
  <c r="I5843" i="2"/>
  <c r="I5817" i="5" s="1"/>
  <c r="I880" i="2"/>
  <c r="I854" i="5" s="1"/>
  <c r="K4146" i="2"/>
  <c r="K4120" i="5" s="1"/>
  <c r="M8028" i="2"/>
  <c r="M8002" i="5" s="1"/>
  <c r="P8002" i="5" s="1"/>
  <c r="M5190" i="2"/>
  <c r="M5164" i="5" s="1"/>
  <c r="P5164" i="5" s="1"/>
  <c r="M1044" i="2"/>
  <c r="M1018" i="5" s="1"/>
  <c r="P1018" i="5" s="1"/>
  <c r="K3151" i="2"/>
  <c r="K3125" i="5" s="1"/>
  <c r="L436" i="2"/>
  <c r="L410" i="5" s="1"/>
  <c r="M5523" i="2"/>
  <c r="M5497" i="5" s="1"/>
  <c r="P5497" i="5" s="1"/>
  <c r="K4319" i="2"/>
  <c r="K4293" i="5" s="1"/>
  <c r="O4293" i="5" s="1"/>
  <c r="J6858" i="2"/>
  <c r="J6832" i="5" s="1"/>
  <c r="N6832" i="5" s="1"/>
  <c r="I7599" i="2"/>
  <c r="I7573" i="5" s="1"/>
  <c r="J6117" i="2"/>
  <c r="J6091" i="5" s="1"/>
  <c r="N6091" i="5" s="1"/>
  <c r="I3562" i="2"/>
  <c r="I3536" i="5" s="1"/>
  <c r="J4144" i="2"/>
  <c r="J4118" i="5" s="1"/>
  <c r="N4118" i="5" s="1"/>
  <c r="M616" i="2"/>
  <c r="M590" i="5" s="1"/>
  <c r="P590" i="5" s="1"/>
  <c r="I8614" i="2"/>
  <c r="I8588" i="5" s="1"/>
  <c r="I1089" i="2"/>
  <c r="I1063" i="5" s="1"/>
  <c r="L3151" i="2"/>
  <c r="L3125" i="5" s="1"/>
  <c r="K5940" i="2"/>
  <c r="K5914" i="5" s="1"/>
  <c r="O5914" i="5" s="1"/>
  <c r="I1450" i="2"/>
  <c r="I1424" i="5" s="1"/>
  <c r="J4316" i="2"/>
  <c r="J4290" i="5" s="1"/>
  <c r="N4290" i="5" s="1"/>
  <c r="J436" i="2"/>
  <c r="J410" i="5" s="1"/>
  <c r="N410" i="5" s="1"/>
  <c r="J5523" i="2"/>
  <c r="J5497" i="5" s="1"/>
  <c r="I6018" i="2"/>
  <c r="I5992" i="5" s="1"/>
  <c r="J4571" i="2"/>
  <c r="J4545" i="5" s="1"/>
  <c r="I4319" i="2"/>
  <c r="I4293" i="5" s="1"/>
  <c r="K6858" i="2"/>
  <c r="K6832" i="5" s="1"/>
  <c r="K3143" i="2"/>
  <c r="K3117" i="5" s="1"/>
  <c r="J7599" i="2"/>
  <c r="J7573" i="5" s="1"/>
  <c r="N7573" i="5" s="1"/>
  <c r="J5602" i="2"/>
  <c r="J5576" i="5" s="1"/>
  <c r="N5576" i="5" s="1"/>
  <c r="L1294" i="2"/>
  <c r="L1268" i="5" s="1"/>
  <c r="J6993" i="2"/>
  <c r="J6967" i="5" s="1"/>
  <c r="N6967" i="5" s="1"/>
  <c r="L3562" i="2"/>
  <c r="L3536" i="5" s="1"/>
  <c r="M4146" i="2"/>
  <c r="M4120" i="5" s="1"/>
  <c r="P4120" i="5" s="1"/>
  <c r="I652" i="2"/>
  <c r="I626" i="5" s="1"/>
  <c r="J616" i="2"/>
  <c r="J590" i="5" s="1"/>
  <c r="N590" i="5" s="1"/>
  <c r="J8614" i="2"/>
  <c r="J8588" i="5" s="1"/>
  <c r="N8588" i="5" s="1"/>
  <c r="K3474" i="2"/>
  <c r="K3448" i="5" s="1"/>
  <c r="M1089" i="2"/>
  <c r="M1063" i="5" s="1"/>
  <c r="P1063" i="5" s="1"/>
  <c r="K4920" i="2"/>
  <c r="K4894" i="5" s="1"/>
  <c r="L1450" i="2"/>
  <c r="L1424" i="5" s="1"/>
  <c r="L5523" i="2"/>
  <c r="L5497" i="5" s="1"/>
  <c r="K4571" i="2"/>
  <c r="K4545" i="5" s="1"/>
  <c r="M4319" i="2"/>
  <c r="M4293" i="5" s="1"/>
  <c r="P4293" i="5" s="1"/>
  <c r="K8172" i="2"/>
  <c r="K8146" i="5" s="1"/>
  <c r="J2776" i="2"/>
  <c r="J2750" i="5" s="1"/>
  <c r="N2750" i="5" s="1"/>
  <c r="L7599" i="2"/>
  <c r="L7573" i="5" s="1"/>
  <c r="J8709" i="2"/>
  <c r="J8683" i="5" s="1"/>
  <c r="N8683" i="5" s="1"/>
  <c r="L4171" i="2"/>
  <c r="L4145" i="5" s="1"/>
  <c r="M3577" i="2"/>
  <c r="M3551" i="5" s="1"/>
  <c r="P3551" i="5" s="1"/>
  <c r="K5602" i="2"/>
  <c r="K5576" i="5" s="1"/>
  <c r="M1294" i="2"/>
  <c r="M1268" i="5" s="1"/>
  <c r="P1268" i="5" s="1"/>
  <c r="K1908" i="2"/>
  <c r="K1882" i="5" s="1"/>
  <c r="M3562" i="2"/>
  <c r="M3536" i="5" s="1"/>
  <c r="P3536" i="5" s="1"/>
  <c r="K6955" i="2"/>
  <c r="K6929" i="5" s="1"/>
  <c r="M1066" i="2"/>
  <c r="M1040" i="5" s="1"/>
  <c r="P1040" i="5" s="1"/>
  <c r="I1066" i="2"/>
  <c r="I1040" i="5" s="1"/>
  <c r="K8275" i="2"/>
  <c r="K8249" i="5" s="1"/>
  <c r="K1977" i="2"/>
  <c r="K1951" i="5" s="1"/>
  <c r="L6821" i="2"/>
  <c r="L6795" i="5" s="1"/>
  <c r="M6821" i="2"/>
  <c r="M6795" i="5" s="1"/>
  <c r="P6795" i="5" s="1"/>
  <c r="J6855" i="2"/>
  <c r="J6829" i="5" s="1"/>
  <c r="N6829" i="5" s="1"/>
  <c r="I6855" i="2"/>
  <c r="I6829" i="5" s="1"/>
  <c r="M1759" i="2"/>
  <c r="M1733" i="5" s="1"/>
  <c r="P1733" i="5" s="1"/>
  <c r="K7373" i="2"/>
  <c r="K7347" i="5" s="1"/>
  <c r="I6140" i="2"/>
  <c r="I6114" i="5" s="1"/>
  <c r="L4740" i="2"/>
  <c r="L4714" i="5" s="1"/>
  <c r="I2464" i="2"/>
  <c r="I2438" i="5" s="1"/>
  <c r="K8614" i="2"/>
  <c r="K8588" i="5" s="1"/>
  <c r="O8588" i="5" s="1"/>
  <c r="I3474" i="2"/>
  <c r="I3448" i="5" s="1"/>
  <c r="I8776" i="2"/>
  <c r="I8750" i="5" s="1"/>
  <c r="J1089" i="2"/>
  <c r="J1063" i="5" s="1"/>
  <c r="N1063" i="5" s="1"/>
  <c r="J7876" i="2"/>
  <c r="J7850" i="5" s="1"/>
  <c r="N7850" i="5" s="1"/>
  <c r="J3149" i="2"/>
  <c r="J3123" i="5" s="1"/>
  <c r="N3123" i="5" s="1"/>
  <c r="J4319" i="2"/>
  <c r="J4293" i="5" s="1"/>
  <c r="N4293" i="5" s="1"/>
  <c r="M8172" i="2"/>
  <c r="M8146" i="5" s="1"/>
  <c r="P8146" i="5" s="1"/>
  <c r="L2990" i="2"/>
  <c r="L2964" i="5" s="1"/>
  <c r="M2776" i="2"/>
  <c r="M2750" i="5" s="1"/>
  <c r="P2750" i="5" s="1"/>
  <c r="I6837" i="2"/>
  <c r="I6811" i="5" s="1"/>
  <c r="L5602" i="2"/>
  <c r="L5576" i="5" s="1"/>
  <c r="J1294" i="2"/>
  <c r="J1268" i="5" s="1"/>
  <c r="N1268" i="5" s="1"/>
  <c r="K7325" i="2"/>
  <c r="K7299" i="5" s="1"/>
  <c r="K1050" i="2"/>
  <c r="K1024" i="5" s="1"/>
  <c r="I3782" i="2"/>
  <c r="I3756" i="5" s="1"/>
  <c r="L726" i="2"/>
  <c r="L700" i="5" s="1"/>
  <c r="M6861" i="2"/>
  <c r="M6835" i="5" s="1"/>
  <c r="P6835" i="5" s="1"/>
  <c r="L2892" i="2"/>
  <c r="L2866" i="5" s="1"/>
  <c r="M2892" i="2"/>
  <c r="M2866" i="5" s="1"/>
  <c r="P2866" i="5" s="1"/>
  <c r="J7817" i="2"/>
  <c r="J7791" i="5" s="1"/>
  <c r="N7791" i="5" s="1"/>
  <c r="J1434" i="2"/>
  <c r="J1408" i="5" s="1"/>
  <c r="N1408" i="5" s="1"/>
  <c r="I7619" i="2"/>
  <c r="I7593" i="5" s="1"/>
  <c r="L6510" i="2"/>
  <c r="L6484" i="5" s="1"/>
  <c r="L5110" i="2"/>
  <c r="L5084" i="5" s="1"/>
  <c r="M6863" i="2"/>
  <c r="M6837" i="5" s="1"/>
  <c r="P6837" i="5" s="1"/>
  <c r="M781" i="2"/>
  <c r="M755" i="5" s="1"/>
  <c r="P755" i="5" s="1"/>
  <c r="M4094" i="2"/>
  <c r="M4068" i="5" s="1"/>
  <c r="P4068" i="5" s="1"/>
  <c r="J7598" i="2"/>
  <c r="J7572" i="5" s="1"/>
  <c r="N7572" i="5" s="1"/>
  <c r="K7802" i="2"/>
  <c r="K7776" i="5" s="1"/>
  <c r="M5315" i="2"/>
  <c r="M5289" i="5" s="1"/>
  <c r="P5289" i="5" s="1"/>
  <c r="L3842" i="2"/>
  <c r="L3816" i="5" s="1"/>
  <c r="K5280" i="2"/>
  <c r="K5254" i="5" s="1"/>
  <c r="K8331" i="2"/>
  <c r="K8305" i="5" s="1"/>
  <c r="I403" i="2"/>
  <c r="I377" i="5" s="1"/>
  <c r="I2061" i="2"/>
  <c r="I2035" i="5" s="1"/>
  <c r="K7308" i="2"/>
  <c r="K7282" i="5" s="1"/>
  <c r="O7282" i="5" s="1"/>
  <c r="M4678" i="2"/>
  <c r="M4652" i="5" s="1"/>
  <c r="P4652" i="5" s="1"/>
  <c r="I7350" i="2"/>
  <c r="I7324" i="5" s="1"/>
  <c r="L5099" i="2"/>
  <c r="L5073" i="5" s="1"/>
  <c r="M7276" i="2"/>
  <c r="M7250" i="5" s="1"/>
  <c r="P7250" i="5" s="1"/>
  <c r="I5116" i="2"/>
  <c r="I5090" i="5" s="1"/>
  <c r="K7468" i="2"/>
  <c r="K7442" i="5" s="1"/>
  <c r="M7157" i="2"/>
  <c r="M7131" i="5" s="1"/>
  <c r="P7131" i="5" s="1"/>
  <c r="I8122" i="2"/>
  <c r="I8096" i="5" s="1"/>
  <c r="J5452" i="2"/>
  <c r="J5426" i="5" s="1"/>
  <c r="N5426" i="5" s="1"/>
  <c r="L738" i="2"/>
  <c r="L712" i="5" s="1"/>
  <c r="L7830" i="2"/>
  <c r="L7804" i="5" s="1"/>
  <c r="L7350" i="2"/>
  <c r="L7324" i="5" s="1"/>
  <c r="L7361" i="2"/>
  <c r="L7335" i="5" s="1"/>
  <c r="M737" i="2"/>
  <c r="M711" i="5" s="1"/>
  <c r="P711" i="5" s="1"/>
  <c r="J2436" i="2"/>
  <c r="J2410" i="5" s="1"/>
  <c r="N2410" i="5" s="1"/>
  <c r="J3618" i="2"/>
  <c r="J3592" i="5" s="1"/>
  <c r="N3592" i="5" s="1"/>
  <c r="J7509" i="2"/>
  <c r="J7483" i="5" s="1"/>
  <c r="N7483" i="5" s="1"/>
  <c r="J2471" i="2"/>
  <c r="J2445" i="5" s="1"/>
  <c r="I2120" i="2"/>
  <c r="I2094" i="5" s="1"/>
  <c r="J304" i="2"/>
  <c r="J278" i="5" s="1"/>
  <c r="I3440" i="2"/>
  <c r="I3414" i="5" s="1"/>
  <c r="K2971" i="2"/>
  <c r="K2945" i="5" s="1"/>
  <c r="J7594" i="2"/>
  <c r="J7568" i="5" s="1"/>
  <c r="N7568" i="5" s="1"/>
  <c r="I5779" i="2"/>
  <c r="I5753" i="5" s="1"/>
  <c r="L8511" i="2"/>
  <c r="L8485" i="5" s="1"/>
  <c r="J7867" i="2"/>
  <c r="J7841" i="5" s="1"/>
  <c r="N7841" i="5" s="1"/>
  <c r="M4686" i="2"/>
  <c r="M4660" i="5" s="1"/>
  <c r="P4660" i="5" s="1"/>
  <c r="J7275" i="2"/>
  <c r="J7249" i="5" s="1"/>
  <c r="N7249" i="5" s="1"/>
  <c r="M3947" i="2"/>
  <c r="M3921" i="5" s="1"/>
  <c r="P3921" i="5" s="1"/>
  <c r="K5338" i="2"/>
  <c r="K5312" i="5" s="1"/>
  <c r="I8296" i="2"/>
  <c r="I8270" i="5" s="1"/>
  <c r="J8308" i="2"/>
  <c r="J8282" i="5" s="1"/>
  <c r="N8282" i="5" s="1"/>
  <c r="I7361" i="2"/>
  <c r="I7335" i="5" s="1"/>
  <c r="M6782" i="2"/>
  <c r="M6756" i="5" s="1"/>
  <c r="P6756" i="5" s="1"/>
  <c r="J6942" i="2"/>
  <c r="J6916" i="5" s="1"/>
  <c r="N6916" i="5" s="1"/>
  <c r="M7176" i="2"/>
  <c r="M7150" i="5" s="1"/>
  <c r="P7150" i="5" s="1"/>
  <c r="K1213" i="2"/>
  <c r="K1187" i="5" s="1"/>
  <c r="L2392" i="2"/>
  <c r="L2366" i="5" s="1"/>
  <c r="L4348" i="2"/>
  <c r="L4322" i="5" s="1"/>
  <c r="L5975" i="2"/>
  <c r="L5949" i="5" s="1"/>
  <c r="K6004" i="2"/>
  <c r="K5978" i="5" s="1"/>
  <c r="M4289" i="2"/>
  <c r="M4263" i="5" s="1"/>
  <c r="P4263" i="5" s="1"/>
  <c r="M2441" i="2"/>
  <c r="M2415" i="5" s="1"/>
  <c r="P2415" i="5" s="1"/>
  <c r="J7647" i="2"/>
  <c r="J7621" i="5" s="1"/>
  <c r="N7621" i="5" s="1"/>
  <c r="I6588" i="2"/>
  <c r="I6562" i="5" s="1"/>
  <c r="L2105" i="2"/>
  <c r="L2079" i="5" s="1"/>
  <c r="M6867" i="2"/>
  <c r="M6841" i="5" s="1"/>
  <c r="P6841" i="5" s="1"/>
  <c r="J6795" i="2"/>
  <c r="J6769" i="5" s="1"/>
  <c r="N6769" i="5" s="1"/>
  <c r="K8022" i="2"/>
  <c r="K7996" i="5" s="1"/>
  <c r="M5752" i="2"/>
  <c r="M5726" i="5" s="1"/>
  <c r="P5726" i="5" s="1"/>
  <c r="J6816" i="2"/>
  <c r="J6790" i="5" s="1"/>
  <c r="N6790" i="5" s="1"/>
  <c r="K3068" i="2"/>
  <c r="K3042" i="5" s="1"/>
  <c r="J6491" i="2"/>
  <c r="J6465" i="5" s="1"/>
  <c r="N6465" i="5" s="1"/>
  <c r="L948" i="2"/>
  <c r="L922" i="5" s="1"/>
  <c r="L7848" i="2"/>
  <c r="L7822" i="5" s="1"/>
  <c r="L1948" i="2"/>
  <c r="L1922" i="5" s="1"/>
  <c r="M7358" i="2"/>
  <c r="M7332" i="5" s="1"/>
  <c r="P7332" i="5" s="1"/>
  <c r="I2659" i="2"/>
  <c r="I2633" i="5" s="1"/>
  <c r="J4614" i="2"/>
  <c r="J4588" i="5" s="1"/>
  <c r="N4588" i="5" s="1"/>
  <c r="I5528" i="2"/>
  <c r="I5502" i="5" s="1"/>
  <c r="I7609" i="2"/>
  <c r="I7583" i="5" s="1"/>
  <c r="J5289" i="2"/>
  <c r="J5263" i="5" s="1"/>
  <c r="M2995" i="2"/>
  <c r="M2969" i="5" s="1"/>
  <c r="P2969" i="5" s="1"/>
  <c r="J4465" i="2"/>
  <c r="J4439" i="5" s="1"/>
  <c r="N4439" i="5" s="1"/>
  <c r="L6487" i="2"/>
  <c r="L6461" i="5" s="1"/>
  <c r="L5990" i="2"/>
  <c r="L5964" i="5" s="1"/>
  <c r="M8296" i="2"/>
  <c r="M8270" i="5" s="1"/>
  <c r="P8270" i="5" s="1"/>
  <c r="K6650" i="2"/>
  <c r="K6624" i="5" s="1"/>
  <c r="L5089" i="2"/>
  <c r="L5063" i="5" s="1"/>
  <c r="L7669" i="2"/>
  <c r="L7643" i="5" s="1"/>
  <c r="I1398" i="2"/>
  <c r="I1372" i="5" s="1"/>
  <c r="L1223" i="2"/>
  <c r="L1197" i="5" s="1"/>
  <c r="K4416" i="2"/>
  <c r="K4390" i="5" s="1"/>
  <c r="J3282" i="2"/>
  <c r="J3256" i="5" s="1"/>
  <c r="N3256" i="5" s="1"/>
  <c r="J2446" i="2"/>
  <c r="J2420" i="5" s="1"/>
  <c r="N2420" i="5" s="1"/>
  <c r="K7987" i="2"/>
  <c r="K7961" i="5" s="1"/>
  <c r="M733" i="2"/>
  <c r="M707" i="5" s="1"/>
  <c r="P707" i="5" s="1"/>
  <c r="L6149" i="2"/>
  <c r="L6123" i="5" s="1"/>
  <c r="L1591" i="2"/>
  <c r="L1565" i="5" s="1"/>
  <c r="L7465" i="2"/>
  <c r="L7439" i="5" s="1"/>
  <c r="J209" i="2"/>
  <c r="J183" i="5" s="1"/>
  <c r="N183" i="5" s="1"/>
  <c r="J2114" i="2"/>
  <c r="J2088" i="5" s="1"/>
  <c r="I7673" i="2"/>
  <c r="I7647" i="5" s="1"/>
  <c r="K1633" i="2"/>
  <c r="K1607" i="5" s="1"/>
  <c r="M602" i="2"/>
  <c r="M576" i="5" s="1"/>
  <c r="P576" i="5" s="1"/>
  <c r="I801" i="2"/>
  <c r="I775" i="5" s="1"/>
  <c r="M4627" i="2"/>
  <c r="M4601" i="5" s="1"/>
  <c r="P4601" i="5" s="1"/>
  <c r="M3173" i="2"/>
  <c r="M3147" i="5" s="1"/>
  <c r="P3147" i="5" s="1"/>
  <c r="M405" i="2"/>
  <c r="M379" i="5" s="1"/>
  <c r="P379" i="5" s="1"/>
  <c r="M447" i="2"/>
  <c r="M421" i="5" s="1"/>
  <c r="P421" i="5" s="1"/>
  <c r="L464" i="2"/>
  <c r="L438" i="5" s="1"/>
  <c r="K2473" i="2"/>
  <c r="K2447" i="5" s="1"/>
  <c r="O2447" i="5" s="1"/>
  <c r="L7959" i="2"/>
  <c r="L7933" i="5" s="1"/>
  <c r="L126" i="2"/>
  <c r="L100" i="5" s="1"/>
  <c r="I7789" i="2"/>
  <c r="I7763" i="5" s="1"/>
  <c r="J1465" i="2"/>
  <c r="J1439" i="5" s="1"/>
  <c r="N1439" i="5" s="1"/>
  <c r="L8775" i="2"/>
  <c r="L8749" i="5" s="1"/>
  <c r="J7373" i="2"/>
  <c r="J7347" i="5" s="1"/>
  <c r="N7347" i="5" s="1"/>
  <c r="J3743" i="2"/>
  <c r="J3717" i="5" s="1"/>
  <c r="K8025" i="2"/>
  <c r="K7999" i="5" s="1"/>
  <c r="M7844" i="2"/>
  <c r="M7818" i="5" s="1"/>
  <c r="P7818" i="5" s="1"/>
  <c r="L4796" i="2"/>
  <c r="L4770" i="5" s="1"/>
  <c r="L2594" i="2"/>
  <c r="L2568" i="5" s="1"/>
  <c r="I1324" i="2"/>
  <c r="I1298" i="5" s="1"/>
  <c r="I6991" i="2"/>
  <c r="I6965" i="5" s="1"/>
  <c r="M3442" i="2"/>
  <c r="M3416" i="5" s="1"/>
  <c r="P3416" i="5" s="1"/>
  <c r="M8125" i="2"/>
  <c r="M8099" i="5" s="1"/>
  <c r="P8099" i="5" s="1"/>
  <c r="J2819" i="2"/>
  <c r="J2793" i="5" s="1"/>
  <c r="N2793" i="5" s="1"/>
  <c r="M5591" i="2"/>
  <c r="M5565" i="5" s="1"/>
  <c r="P5565" i="5" s="1"/>
  <c r="J1996" i="2"/>
  <c r="J1970" i="5" s="1"/>
  <c r="N1970" i="5" s="1"/>
  <c r="M8308" i="2"/>
  <c r="M8282" i="5" s="1"/>
  <c r="P8282" i="5" s="1"/>
  <c r="I3400" i="2"/>
  <c r="I3374" i="5" s="1"/>
  <c r="K8014" i="2"/>
  <c r="K7988" i="5" s="1"/>
  <c r="M3961" i="2"/>
  <c r="M3935" i="5" s="1"/>
  <c r="P3935" i="5" s="1"/>
  <c r="J8001" i="2"/>
  <c r="J7975" i="5" s="1"/>
  <c r="N7975" i="5" s="1"/>
  <c r="K6771" i="2"/>
  <c r="K6745" i="5" s="1"/>
  <c r="M6509" i="2"/>
  <c r="M6483" i="5" s="1"/>
  <c r="P6483" i="5" s="1"/>
  <c r="K3168" i="2"/>
  <c r="K3142" i="5" s="1"/>
  <c r="O3142" i="5" s="1"/>
  <c r="I3801" i="2"/>
  <c r="I3775" i="5" s="1"/>
  <c r="I1548" i="2"/>
  <c r="I1522" i="5" s="1"/>
  <c r="J2466" i="2"/>
  <c r="J2440" i="5" s="1"/>
  <c r="N2440" i="5" s="1"/>
  <c r="J8442" i="2"/>
  <c r="J8416" i="5" s="1"/>
  <c r="N8416" i="5" s="1"/>
  <c r="I2979" i="2"/>
  <c r="I2953" i="5" s="1"/>
  <c r="I2285" i="2"/>
  <c r="I2259" i="5" s="1"/>
  <c r="L8610" i="2"/>
  <c r="L8584" i="5" s="1"/>
  <c r="J7469" i="2"/>
  <c r="J7443" i="5" s="1"/>
  <c r="N7443" i="5" s="1"/>
  <c r="K5412" i="2"/>
  <c r="K5386" i="5" s="1"/>
  <c r="L1561" i="2"/>
  <c r="L1535" i="5" s="1"/>
  <c r="J1113" i="2"/>
  <c r="J1087" i="5" s="1"/>
  <c r="N1087" i="5" s="1"/>
  <c r="M3150" i="2"/>
  <c r="M3124" i="5" s="1"/>
  <c r="P3124" i="5" s="1"/>
  <c r="I6853" i="2"/>
  <c r="I6827" i="5" s="1"/>
  <c r="I2588" i="2"/>
  <c r="I2562" i="5" s="1"/>
  <c r="L3496" i="2"/>
  <c r="L3470" i="5" s="1"/>
  <c r="J5186" i="2"/>
  <c r="J5160" i="5" s="1"/>
  <c r="N5160" i="5" s="1"/>
  <c r="K4988" i="2"/>
  <c r="K4962" i="5" s="1"/>
  <c r="O4962" i="5" s="1"/>
  <c r="M3832" i="2"/>
  <c r="M3806" i="5" s="1"/>
  <c r="P3806" i="5" s="1"/>
  <c r="I4307" i="2"/>
  <c r="I4281" i="5" s="1"/>
  <c r="M2222" i="2"/>
  <c r="M2196" i="5" s="1"/>
  <c r="P2196" i="5" s="1"/>
  <c r="I3991" i="2"/>
  <c r="I3965" i="5" s="1"/>
  <c r="J2622" i="2"/>
  <c r="J2596" i="5" s="1"/>
  <c r="K1277" i="2"/>
  <c r="K1251" i="5" s="1"/>
  <c r="I6016" i="2"/>
  <c r="I5990" i="5" s="1"/>
  <c r="L2806" i="2"/>
  <c r="L2780" i="5" s="1"/>
  <c r="J1150" i="2"/>
  <c r="J1124" i="5" s="1"/>
  <c r="N1124" i="5" s="1"/>
  <c r="I2164" i="2"/>
  <c r="I2138" i="5" s="1"/>
  <c r="K6592" i="2"/>
  <c r="K6566" i="5" s="1"/>
  <c r="J8500" i="2"/>
  <c r="J8474" i="5" s="1"/>
  <c r="N8474" i="5" s="1"/>
  <c r="J8201" i="2"/>
  <c r="J8175" i="5" s="1"/>
  <c r="N8175" i="5" s="1"/>
  <c r="L4843" i="2"/>
  <c r="L4817" i="5" s="1"/>
  <c r="J6948" i="2"/>
  <c r="J6922" i="5" s="1"/>
  <c r="N6922" i="5" s="1"/>
  <c r="J419" i="2"/>
  <c r="J393" i="5" s="1"/>
  <c r="N393" i="5" s="1"/>
  <c r="M7513" i="2"/>
  <c r="M7487" i="5" s="1"/>
  <c r="P7487" i="5" s="1"/>
  <c r="L5428" i="2"/>
  <c r="L5402" i="5" s="1"/>
  <c r="L3140" i="2"/>
  <c r="L3114" i="5" s="1"/>
  <c r="K1320" i="2"/>
  <c r="K1294" i="5" s="1"/>
  <c r="M3505" i="2"/>
  <c r="M3479" i="5" s="1"/>
  <c r="P3479" i="5" s="1"/>
  <c r="J3006" i="2"/>
  <c r="J2980" i="5" s="1"/>
  <c r="N2980" i="5" s="1"/>
  <c r="L6157" i="2"/>
  <c r="L6131" i="5" s="1"/>
  <c r="J1302" i="2"/>
  <c r="J1276" i="5" s="1"/>
  <c r="N1276" i="5" s="1"/>
  <c r="M6298" i="2"/>
  <c r="M6272" i="5" s="1"/>
  <c r="P6272" i="5" s="1"/>
  <c r="K5461" i="2"/>
  <c r="K5435" i="5" s="1"/>
  <c r="L372" i="2"/>
  <c r="L346" i="5" s="1"/>
  <c r="J8017" i="2"/>
  <c r="J7991" i="5" s="1"/>
  <c r="N7991" i="5" s="1"/>
  <c r="J3948" i="2"/>
  <c r="J3922" i="5" s="1"/>
  <c r="J207" i="2"/>
  <c r="J181" i="5" s="1"/>
  <c r="N181" i="5" s="1"/>
  <c r="M3747" i="2"/>
  <c r="M3721" i="5" s="1"/>
  <c r="P3721" i="5" s="1"/>
  <c r="M5783" i="2"/>
  <c r="M5757" i="5" s="1"/>
  <c r="P5757" i="5" s="1"/>
  <c r="L5625" i="2"/>
  <c r="L5599" i="5" s="1"/>
  <c r="I3123" i="2"/>
  <c r="I3097" i="5" s="1"/>
  <c r="I6956" i="2"/>
  <c r="I6930" i="5" s="1"/>
  <c r="L2157" i="2"/>
  <c r="L2131" i="5" s="1"/>
  <c r="L3741" i="2"/>
  <c r="L3715" i="5" s="1"/>
  <c r="K3589" i="2"/>
  <c r="K3563" i="5" s="1"/>
  <c r="J7699" i="2"/>
  <c r="J7673" i="5" s="1"/>
  <c r="N7673" i="5" s="1"/>
  <c r="J208" i="2"/>
  <c r="J182" i="5" s="1"/>
  <c r="N182" i="5" s="1"/>
  <c r="J1790" i="2"/>
  <c r="J1764" i="5" s="1"/>
  <c r="N1764" i="5" s="1"/>
  <c r="M964" i="2"/>
  <c r="M938" i="5" s="1"/>
  <c r="P938" i="5" s="1"/>
  <c r="L2251" i="2"/>
  <c r="L2225" i="5" s="1"/>
  <c r="I5428" i="2"/>
  <c r="I5402" i="5" s="1"/>
  <c r="K4631" i="2"/>
  <c r="K4605" i="5" s="1"/>
  <c r="I4740" i="2"/>
  <c r="I4714" i="5" s="1"/>
  <c r="M3090" i="2"/>
  <c r="M3064" i="5" s="1"/>
  <c r="P3064" i="5" s="1"/>
  <c r="J3663" i="2"/>
  <c r="J3637" i="5" s="1"/>
  <c r="N3637" i="5" s="1"/>
  <c r="K4741" i="2"/>
  <c r="K4715" i="5" s="1"/>
  <c r="L6161" i="2"/>
  <c r="L6135" i="5" s="1"/>
  <c r="M3141" i="2"/>
  <c r="M3115" i="5" s="1"/>
  <c r="P3115" i="5" s="1"/>
  <c r="M8792" i="2"/>
  <c r="M8766" i="5" s="1"/>
  <c r="P8766" i="5" s="1"/>
  <c r="M1310" i="2"/>
  <c r="M1284" i="5" s="1"/>
  <c r="P1284" i="5" s="1"/>
  <c r="I5494" i="2"/>
  <c r="I5468" i="5" s="1"/>
  <c r="M3151" i="2"/>
  <c r="M3125" i="5" s="1"/>
  <c r="P3125" i="5" s="1"/>
  <c r="K8028" i="2"/>
  <c r="K8002" i="5" s="1"/>
  <c r="K8524" i="2"/>
  <c r="K8498" i="5" s="1"/>
  <c r="J4785" i="2"/>
  <c r="J4759" i="5" s="1"/>
  <c r="N4759" i="5" s="1"/>
  <c r="I7880" i="2"/>
  <c r="I7854" i="5" s="1"/>
  <c r="K4772" i="2"/>
  <c r="K4746" i="5" s="1"/>
  <c r="O4746" i="5" s="1"/>
  <c r="M5665" i="2"/>
  <c r="M5639" i="5" s="1"/>
  <c r="P5639" i="5" s="1"/>
  <c r="J6502" i="2"/>
  <c r="J6476" i="5" s="1"/>
  <c r="N6476" i="5" s="1"/>
  <c r="J7281" i="2"/>
  <c r="J7255" i="5" s="1"/>
  <c r="N7255" i="5" s="1"/>
  <c r="L793" i="2"/>
  <c r="L767" i="5" s="1"/>
  <c r="K7842" i="2"/>
  <c r="K7816" i="5" s="1"/>
  <c r="L541" i="2"/>
  <c r="L515" i="5" s="1"/>
  <c r="I550" i="2"/>
  <c r="I524" i="5" s="1"/>
  <c r="J4509" i="2"/>
  <c r="J4483" i="5" s="1"/>
  <c r="N4483" i="5" s="1"/>
  <c r="I4937" i="2"/>
  <c r="I4911" i="5" s="1"/>
  <c r="J6327" i="2"/>
  <c r="J6301" i="5" s="1"/>
  <c r="N6301" i="5" s="1"/>
  <c r="K5433" i="2"/>
  <c r="K5407" i="5" s="1"/>
  <c r="I8651" i="2"/>
  <c r="I8625" i="5" s="1"/>
  <c r="I462" i="2"/>
  <c r="I436" i="5" s="1"/>
  <c r="K2642" i="2"/>
  <c r="K2616" i="5" s="1"/>
  <c r="AR82" i="1"/>
  <c r="L6502" i="2"/>
  <c r="L6476" i="5" s="1"/>
  <c r="K2057" i="2"/>
  <c r="K2031" i="5" s="1"/>
  <c r="J911" i="2"/>
  <c r="J885" i="5" s="1"/>
  <c r="N885" i="5" s="1"/>
  <c r="J7496" i="2"/>
  <c r="J7470" i="5" s="1"/>
  <c r="N7470" i="5" s="1"/>
  <c r="M6134" i="2"/>
  <c r="M6108" i="5" s="1"/>
  <c r="P6108" i="5" s="1"/>
  <c r="I5792" i="2"/>
  <c r="I5766" i="5" s="1"/>
  <c r="L2334" i="2"/>
  <c r="L2308" i="5" s="1"/>
  <c r="L6151" i="2"/>
  <c r="L6125" i="5" s="1"/>
  <c r="J6684" i="2"/>
  <c r="J6658" i="5" s="1"/>
  <c r="L1066" i="2"/>
  <c r="L1040" i="5" s="1"/>
  <c r="L4466" i="2"/>
  <c r="L4440" i="5" s="1"/>
  <c r="J4237" i="2"/>
  <c r="J4211" i="5" s="1"/>
  <c r="L8783" i="2"/>
  <c r="L8757" i="5" s="1"/>
  <c r="M5284" i="2"/>
  <c r="M5258" i="5" s="1"/>
  <c r="P5258" i="5" s="1"/>
  <c r="I277" i="2"/>
  <c r="I251" i="5" s="1"/>
  <c r="K7808" i="2"/>
  <c r="K7782" i="5" s="1"/>
  <c r="L7041" i="2"/>
  <c r="L7015" i="5" s="1"/>
  <c r="K7643" i="2"/>
  <c r="K7617" i="5" s="1"/>
  <c r="K4764" i="2"/>
  <c r="K4738" i="5" s="1"/>
  <c r="J7322" i="2"/>
  <c r="J7296" i="5" s="1"/>
  <c r="N7296" i="5" s="1"/>
  <c r="J295" i="2"/>
  <c r="J269" i="5" s="1"/>
  <c r="N269" i="5" s="1"/>
  <c r="M1597" i="2"/>
  <c r="M1571" i="5" s="1"/>
  <c r="P1571" i="5" s="1"/>
  <c r="I2760" i="2"/>
  <c r="I2734" i="5" s="1"/>
  <c r="K2760" i="2"/>
  <c r="K2734" i="5" s="1"/>
  <c r="J2760" i="2"/>
  <c r="J2734" i="5" s="1"/>
  <c r="N2734" i="5" s="1"/>
  <c r="L2760" i="2"/>
  <c r="L2734" i="5" s="1"/>
  <c r="J5356" i="2"/>
  <c r="J5330" i="5" s="1"/>
  <c r="N5330" i="5" s="1"/>
  <c r="L5356" i="2"/>
  <c r="L5330" i="5" s="1"/>
  <c r="M5356" i="2"/>
  <c r="M5330" i="5" s="1"/>
  <c r="P5330" i="5" s="1"/>
  <c r="I5356" i="2"/>
  <c r="I5330" i="5" s="1"/>
  <c r="L7094" i="2"/>
  <c r="L7068" i="5" s="1"/>
  <c r="K7094" i="2"/>
  <c r="K7068" i="5" s="1"/>
  <c r="M7094" i="2"/>
  <c r="M7068" i="5" s="1"/>
  <c r="P7068" i="5" s="1"/>
  <c r="K1790" i="2"/>
  <c r="K1764" i="5" s="1"/>
  <c r="J8651" i="2"/>
  <c r="J8625" i="5" s="1"/>
  <c r="N8625" i="5" s="1"/>
  <c r="M5333" i="2"/>
  <c r="M5307" i="5" s="1"/>
  <c r="P5307" i="5" s="1"/>
  <c r="J5433" i="2"/>
  <c r="J5407" i="5" s="1"/>
  <c r="N5407" i="5" s="1"/>
  <c r="M541" i="2"/>
  <c r="M515" i="5" s="1"/>
  <c r="P515" i="5" s="1"/>
  <c r="M2659" i="2"/>
  <c r="M2633" i="5" s="1"/>
  <c r="P2633" i="5" s="1"/>
  <c r="L6491" i="2"/>
  <c r="L6465" i="5" s="1"/>
  <c r="J571" i="2"/>
  <c r="J545" i="5" s="1"/>
  <c r="N545" i="5" s="1"/>
  <c r="M8001" i="2"/>
  <c r="M7975" i="5" s="1"/>
  <c r="P7975" i="5" s="1"/>
  <c r="I8041" i="2"/>
  <c r="I8015" i="5" s="1"/>
  <c r="L8041" i="2"/>
  <c r="L8015" i="5" s="1"/>
  <c r="M718" i="2"/>
  <c r="M692" i="5" s="1"/>
  <c r="P692" i="5" s="1"/>
  <c r="L718" i="2"/>
  <c r="L692" i="5" s="1"/>
  <c r="L1382" i="2"/>
  <c r="L1356" i="5" s="1"/>
  <c r="K1382" i="2"/>
  <c r="K1356" i="5" s="1"/>
  <c r="L143" i="2"/>
  <c r="L117" i="5" s="1"/>
  <c r="J143" i="2"/>
  <c r="J117" i="5" s="1"/>
  <c r="M2979" i="2"/>
  <c r="M2953" i="5" s="1"/>
  <c r="P2953" i="5" s="1"/>
  <c r="L2979" i="2"/>
  <c r="L2953" i="5" s="1"/>
  <c r="L7699" i="2"/>
  <c r="L7673" i="5" s="1"/>
  <c r="M7699" i="2"/>
  <c r="M7673" i="5" s="1"/>
  <c r="P7673" i="5" s="1"/>
  <c r="K7699" i="2"/>
  <c r="K7673" i="5" s="1"/>
  <c r="I7699" i="2"/>
  <c r="I7673" i="5" s="1"/>
  <c r="J2286" i="2"/>
  <c r="J2260" i="5" s="1"/>
  <c r="N2260" i="5" s="1"/>
  <c r="I2286" i="2"/>
  <c r="I2260" i="5" s="1"/>
  <c r="K2286" i="2"/>
  <c r="K2260" i="5" s="1"/>
  <c r="I2447" i="2"/>
  <c r="I2421" i="5" s="1"/>
  <c r="L257" i="2"/>
  <c r="L231" i="5" s="1"/>
  <c r="M257" i="2"/>
  <c r="M231" i="5" s="1"/>
  <c r="P231" i="5" s="1"/>
  <c r="I257" i="2"/>
  <c r="I231" i="5" s="1"/>
  <c r="M8442" i="2"/>
  <c r="M8416" i="5" s="1"/>
  <c r="P8416" i="5" s="1"/>
  <c r="I2104" i="2"/>
  <c r="I2078" i="5" s="1"/>
  <c r="M2104" i="2"/>
  <c r="M2078" i="5" s="1"/>
  <c r="P2078" i="5" s="1"/>
  <c r="K2104" i="2"/>
  <c r="K2078" i="5" s="1"/>
  <c r="I7517" i="2"/>
  <c r="I7491" i="5" s="1"/>
  <c r="K7517" i="2"/>
  <c r="K7491" i="5" s="1"/>
  <c r="L7517" i="2"/>
  <c r="L7491" i="5" s="1"/>
  <c r="M7517" i="2"/>
  <c r="M7491" i="5" s="1"/>
  <c r="P7491" i="5" s="1"/>
  <c r="K96" i="2"/>
  <c r="K70" i="5" s="1"/>
  <c r="I96" i="2"/>
  <c r="I70" i="5" s="1"/>
  <c r="L1481" i="2"/>
  <c r="L1455" i="5" s="1"/>
  <c r="I1481" i="2"/>
  <c r="I1455" i="5" s="1"/>
  <c r="J1481" i="2"/>
  <c r="J1455" i="5" s="1"/>
  <c r="N1455" i="5" s="1"/>
  <c r="M1481" i="2"/>
  <c r="M1455" i="5" s="1"/>
  <c r="P1455" i="5" s="1"/>
  <c r="M921" i="2"/>
  <c r="M895" i="5" s="1"/>
  <c r="P895" i="5" s="1"/>
  <c r="I921" i="2"/>
  <c r="I895" i="5" s="1"/>
  <c r="K921" i="2"/>
  <c r="K895" i="5" s="1"/>
  <c r="L921" i="2"/>
  <c r="L895" i="5" s="1"/>
  <c r="I3160" i="2"/>
  <c r="I3134" i="5" s="1"/>
  <c r="K3160" i="2"/>
  <c r="K3134" i="5" s="1"/>
  <c r="J3160" i="2"/>
  <c r="J3134" i="5" s="1"/>
  <c r="N3134" i="5" s="1"/>
  <c r="M3160" i="2"/>
  <c r="M3134" i="5" s="1"/>
  <c r="P3134" i="5" s="1"/>
  <c r="M8363" i="2"/>
  <c r="M8337" i="5" s="1"/>
  <c r="P8337" i="5" s="1"/>
  <c r="J587" i="2"/>
  <c r="J561" i="5" s="1"/>
  <c r="N561" i="5" s="1"/>
  <c r="K587" i="2"/>
  <c r="K561" i="5" s="1"/>
  <c r="M587" i="2"/>
  <c r="M561" i="5" s="1"/>
  <c r="P561" i="5" s="1"/>
  <c r="K1619" i="2"/>
  <c r="K1593" i="5" s="1"/>
  <c r="I5833" i="2"/>
  <c r="I5807" i="5" s="1"/>
  <c r="K5833" i="2"/>
  <c r="K5807" i="5" s="1"/>
  <c r="L5833" i="2"/>
  <c r="L5807" i="5" s="1"/>
  <c r="M5833" i="2"/>
  <c r="M5807" i="5" s="1"/>
  <c r="P5807" i="5" s="1"/>
  <c r="M1398" i="2"/>
  <c r="M1372" i="5" s="1"/>
  <c r="P1372" i="5" s="1"/>
  <c r="K2925" i="2"/>
  <c r="K2899" i="5" s="1"/>
  <c r="L2925" i="2"/>
  <c r="L2899" i="5" s="1"/>
  <c r="M2925" i="2"/>
  <c r="M2899" i="5" s="1"/>
  <c r="P2899" i="5" s="1"/>
  <c r="K549" i="2"/>
  <c r="K523" i="5" s="1"/>
  <c r="M134" i="2"/>
  <c r="M108" i="5" s="1"/>
  <c r="P108" i="5" s="1"/>
  <c r="I134" i="2"/>
  <c r="I108" i="5" s="1"/>
  <c r="J134" i="2"/>
  <c r="J108" i="5" s="1"/>
  <c r="N108" i="5" s="1"/>
  <c r="K3400" i="2"/>
  <c r="K3374" i="5" s="1"/>
  <c r="M2981" i="2"/>
  <c r="M2955" i="5" s="1"/>
  <c r="P2955" i="5" s="1"/>
  <c r="J2981" i="2"/>
  <c r="J2955" i="5" s="1"/>
  <c r="N2955" i="5" s="1"/>
  <c r="I2981" i="2"/>
  <c r="I2955" i="5" s="1"/>
  <c r="I252" i="2"/>
  <c r="I226" i="5" s="1"/>
  <c r="K252" i="2"/>
  <c r="K226" i="5" s="1"/>
  <c r="L252" i="2"/>
  <c r="L226" i="5" s="1"/>
  <c r="M252" i="2"/>
  <c r="M226" i="5" s="1"/>
  <c r="P226" i="5" s="1"/>
  <c r="L7467" i="2"/>
  <c r="L7441" i="5" s="1"/>
  <c r="K7467" i="2"/>
  <c r="K7441" i="5" s="1"/>
  <c r="J7467" i="2"/>
  <c r="J7441" i="5" s="1"/>
  <c r="N7441" i="5" s="1"/>
  <c r="M7467" i="2"/>
  <c r="M7441" i="5" s="1"/>
  <c r="P7441" i="5" s="1"/>
  <c r="M2577" i="2"/>
  <c r="M2551" i="5" s="1"/>
  <c r="P2551" i="5" s="1"/>
  <c r="K2577" i="2"/>
  <c r="K2551" i="5" s="1"/>
  <c r="L5764" i="2"/>
  <c r="L5738" i="5" s="1"/>
  <c r="I5764" i="2"/>
  <c r="I5738" i="5" s="1"/>
  <c r="J1631" i="2"/>
  <c r="J1605" i="5" s="1"/>
  <c r="N1605" i="5" s="1"/>
  <c r="I1631" i="2"/>
  <c r="I1605" i="5" s="1"/>
  <c r="L2232" i="2"/>
  <c r="L2206" i="5" s="1"/>
  <c r="I2232" i="2"/>
  <c r="I2206" i="5" s="1"/>
  <c r="M2232" i="2"/>
  <c r="M2206" i="5" s="1"/>
  <c r="P2206" i="5" s="1"/>
  <c r="K2232" i="2"/>
  <c r="K2206" i="5" s="1"/>
  <c r="J2232" i="2"/>
  <c r="J2206" i="5" s="1"/>
  <c r="N2206" i="5" s="1"/>
  <c r="I5258" i="2"/>
  <c r="I5232" i="5" s="1"/>
  <c r="L5258" i="2"/>
  <c r="L5232" i="5" s="1"/>
  <c r="I7191" i="2"/>
  <c r="I7165" i="5" s="1"/>
  <c r="L7191" i="2"/>
  <c r="L7165" i="5" s="1"/>
  <c r="K7191" i="2"/>
  <c r="K7165" i="5" s="1"/>
  <c r="L4126" i="2"/>
  <c r="L4100" i="5" s="1"/>
  <c r="J4126" i="2"/>
  <c r="J4100" i="5" s="1"/>
  <c r="L4968" i="2"/>
  <c r="L4942" i="5" s="1"/>
  <c r="I4968" i="2"/>
  <c r="I4942" i="5" s="1"/>
  <c r="M4968" i="2"/>
  <c r="M4942" i="5" s="1"/>
  <c r="P4942" i="5" s="1"/>
  <c r="I2479" i="2"/>
  <c r="I2453" i="5" s="1"/>
  <c r="K2479" i="2"/>
  <c r="K2453" i="5" s="1"/>
  <c r="K557" i="2"/>
  <c r="K531" i="5" s="1"/>
  <c r="J557" i="2"/>
  <c r="J531" i="5" s="1"/>
  <c r="N531" i="5" s="1"/>
  <c r="I557" i="2"/>
  <c r="I531" i="5" s="1"/>
  <c r="K4250" i="2"/>
  <c r="K4224" i="5" s="1"/>
  <c r="L4250" i="2"/>
  <c r="L4224" i="5" s="1"/>
  <c r="I4250" i="2"/>
  <c r="I4224" i="5" s="1"/>
  <c r="L5111" i="2"/>
  <c r="L5085" i="5" s="1"/>
  <c r="J5111" i="2"/>
  <c r="J5085" i="5" s="1"/>
  <c r="N5085" i="5" s="1"/>
  <c r="L1742" i="2"/>
  <c r="L1716" i="5" s="1"/>
  <c r="M1742" i="2"/>
  <c r="M1716" i="5" s="1"/>
  <c r="P1716" i="5" s="1"/>
  <c r="J1548" i="2"/>
  <c r="J1522" i="5" s="1"/>
  <c r="M1548" i="2"/>
  <c r="M1522" i="5" s="1"/>
  <c r="P1522" i="5" s="1"/>
  <c r="L2658" i="2"/>
  <c r="L2632" i="5" s="1"/>
  <c r="M2658" i="2"/>
  <c r="M2632" i="5" s="1"/>
  <c r="P2632" i="5" s="1"/>
  <c r="I2658" i="2"/>
  <c r="I2632" i="5" s="1"/>
  <c r="M6156" i="2"/>
  <c r="M6130" i="5" s="1"/>
  <c r="P6130" i="5" s="1"/>
  <c r="L6156" i="2"/>
  <c r="L6130" i="5" s="1"/>
  <c r="M4176" i="2"/>
  <c r="M4150" i="5" s="1"/>
  <c r="P4150" i="5" s="1"/>
  <c r="I4176" i="2"/>
  <c r="I4150" i="5" s="1"/>
  <c r="K4176" i="2"/>
  <c r="K4150" i="5" s="1"/>
  <c r="J4176" i="2"/>
  <c r="J4150" i="5" s="1"/>
  <c r="N4150" i="5" s="1"/>
  <c r="L4176" i="2"/>
  <c r="L4150" i="5" s="1"/>
  <c r="K3237" i="2"/>
  <c r="K3211" i="5" s="1"/>
  <c r="M3237" i="2"/>
  <c r="M3211" i="5" s="1"/>
  <c r="P3211" i="5" s="1"/>
  <c r="L1064" i="2"/>
  <c r="L1038" i="5" s="1"/>
  <c r="I1064" i="2"/>
  <c r="I1038" i="5" s="1"/>
  <c r="K1064" i="2"/>
  <c r="K1038" i="5" s="1"/>
  <c r="E64" i="5"/>
  <c r="AR58" i="1"/>
  <c r="I5137" i="2"/>
  <c r="I5111" i="5" s="1"/>
  <c r="J5137" i="2"/>
  <c r="J5111" i="5" s="1"/>
  <c r="K5137" i="2"/>
  <c r="K5111" i="5" s="1"/>
  <c r="L5137" i="2"/>
  <c r="L5111" i="5" s="1"/>
  <c r="L7957" i="2"/>
  <c r="L7931" i="5" s="1"/>
  <c r="M7957" i="2"/>
  <c r="M7931" i="5" s="1"/>
  <c r="P7931" i="5" s="1"/>
  <c r="J7957" i="2"/>
  <c r="J7931" i="5" s="1"/>
  <c r="N7931" i="5" s="1"/>
  <c r="K8147" i="2"/>
  <c r="K8121" i="5" s="1"/>
  <c r="I8147" i="2"/>
  <c r="I8121" i="5" s="1"/>
  <c r="M8147" i="2"/>
  <c r="M8121" i="5" s="1"/>
  <c r="P8121" i="5" s="1"/>
  <c r="L8147" i="2"/>
  <c r="L8121" i="5" s="1"/>
  <c r="L4836" i="2"/>
  <c r="L4810" i="5" s="1"/>
  <c r="J7495" i="2"/>
  <c r="J7469" i="5" s="1"/>
  <c r="N7469" i="5" s="1"/>
  <c r="L7495" i="2"/>
  <c r="L7469" i="5" s="1"/>
  <c r="L6946" i="2"/>
  <c r="L6920" i="5" s="1"/>
  <c r="J6946" i="2"/>
  <c r="J6920" i="5" s="1"/>
  <c r="N6920" i="5" s="1"/>
  <c r="K6946" i="2"/>
  <c r="K6920" i="5" s="1"/>
  <c r="M4264" i="2"/>
  <c r="M4238" i="5" s="1"/>
  <c r="P4238" i="5" s="1"/>
  <c r="J4264" i="2"/>
  <c r="J4238" i="5" s="1"/>
  <c r="N4238" i="5" s="1"/>
  <c r="L4264" i="2"/>
  <c r="L4238" i="5" s="1"/>
  <c r="K4264" i="2"/>
  <c r="K4238" i="5" s="1"/>
  <c r="J6272" i="2"/>
  <c r="J6246" i="5" s="1"/>
  <c r="N6246" i="5" s="1"/>
  <c r="M6272" i="2"/>
  <c r="M6246" i="5" s="1"/>
  <c r="P6246" i="5" s="1"/>
  <c r="L7346" i="2"/>
  <c r="L7320" i="5" s="1"/>
  <c r="M7346" i="2"/>
  <c r="M7320" i="5" s="1"/>
  <c r="P7320" i="5" s="1"/>
  <c r="I7346" i="2"/>
  <c r="I7320" i="5" s="1"/>
  <c r="K7346" i="2"/>
  <c r="K7320" i="5" s="1"/>
  <c r="J7346" i="2"/>
  <c r="J7320" i="5" s="1"/>
  <c r="N7320" i="5" s="1"/>
  <c r="L7456" i="2"/>
  <c r="L7430" i="5" s="1"/>
  <c r="I7456" i="2"/>
  <c r="I7430" i="5" s="1"/>
  <c r="M2317" i="2"/>
  <c r="M2291" i="5" s="1"/>
  <c r="P2291" i="5" s="1"/>
  <c r="J2317" i="2"/>
  <c r="J2291" i="5" s="1"/>
  <c r="N2291" i="5" s="1"/>
  <c r="K2317" i="2"/>
  <c r="K2291" i="5" s="1"/>
  <c r="L1935" i="2"/>
  <c r="L1909" i="5" s="1"/>
  <c r="I1935" i="2"/>
  <c r="I1909" i="5" s="1"/>
  <c r="M4475" i="2"/>
  <c r="M4449" i="5" s="1"/>
  <c r="P4449" i="5" s="1"/>
  <c r="L4475" i="2"/>
  <c r="L4449" i="5" s="1"/>
  <c r="K4475" i="2"/>
  <c r="K4449" i="5" s="1"/>
  <c r="I4475" i="2"/>
  <c r="I4449" i="5" s="1"/>
  <c r="J4475" i="2"/>
  <c r="J4449" i="5" s="1"/>
  <c r="N4449" i="5" s="1"/>
  <c r="I4983" i="2"/>
  <c r="I4957" i="5" s="1"/>
  <c r="J4983" i="2"/>
  <c r="J4957" i="5" s="1"/>
  <c r="K2947" i="2"/>
  <c r="K2921" i="5" s="1"/>
  <c r="J2462" i="2"/>
  <c r="J2436" i="5" s="1"/>
  <c r="N2436" i="5" s="1"/>
  <c r="K2462" i="2"/>
  <c r="K2436" i="5" s="1"/>
  <c r="L6158" i="2"/>
  <c r="L6132" i="5" s="1"/>
  <c r="K6158" i="2"/>
  <c r="K6132" i="5" s="1"/>
  <c r="M6158" i="2"/>
  <c r="M6132" i="5" s="1"/>
  <c r="P6132" i="5" s="1"/>
  <c r="J6158" i="2"/>
  <c r="J6132" i="5" s="1"/>
  <c r="N6132" i="5" s="1"/>
  <c r="I6158" i="2"/>
  <c r="I6132" i="5" s="1"/>
  <c r="K1462" i="2"/>
  <c r="K1436" i="5" s="1"/>
  <c r="O1436" i="5" s="1"/>
  <c r="J1462" i="2"/>
  <c r="J1436" i="5" s="1"/>
  <c r="N1436" i="5" s="1"/>
  <c r="M1057" i="2"/>
  <c r="M1031" i="5" s="1"/>
  <c r="P1031" i="5" s="1"/>
  <c r="K1057" i="2"/>
  <c r="K1031" i="5" s="1"/>
  <c r="I1057" i="2"/>
  <c r="I1031" i="5" s="1"/>
  <c r="J1057" i="2"/>
  <c r="J1031" i="5" s="1"/>
  <c r="N1031" i="5" s="1"/>
  <c r="L1057" i="2"/>
  <c r="L1031" i="5" s="1"/>
  <c r="J8280" i="2"/>
  <c r="J8254" i="5" s="1"/>
  <c r="N8254" i="5" s="1"/>
  <c r="M8280" i="2"/>
  <c r="M8254" i="5" s="1"/>
  <c r="P8254" i="5" s="1"/>
  <c r="L8280" i="2"/>
  <c r="L8254" i="5" s="1"/>
  <c r="I8280" i="2"/>
  <c r="I8254" i="5" s="1"/>
  <c r="L7868" i="2"/>
  <c r="L7842" i="5" s="1"/>
  <c r="I7868" i="2"/>
  <c r="I7842" i="5" s="1"/>
  <c r="K7868" i="2"/>
  <c r="K7842" i="5" s="1"/>
  <c r="L4583" i="2"/>
  <c r="L4557" i="5" s="1"/>
  <c r="M4583" i="2"/>
  <c r="M4557" i="5" s="1"/>
  <c r="P4557" i="5" s="1"/>
  <c r="J4583" i="2"/>
  <c r="J4557" i="5" s="1"/>
  <c r="N4557" i="5" s="1"/>
  <c r="I4583" i="2"/>
  <c r="I4557" i="5" s="1"/>
  <c r="M8640" i="2"/>
  <c r="M8614" i="5" s="1"/>
  <c r="P8614" i="5" s="1"/>
  <c r="K8640" i="2"/>
  <c r="K8614" i="5" s="1"/>
  <c r="I8640" i="2"/>
  <c r="I8614" i="5" s="1"/>
  <c r="M3608" i="2"/>
  <c r="M3582" i="5" s="1"/>
  <c r="P3582" i="5" s="1"/>
  <c r="K3608" i="2"/>
  <c r="K3582" i="5" s="1"/>
  <c r="L3608" i="2"/>
  <c r="L3582" i="5" s="1"/>
  <c r="J3608" i="2"/>
  <c r="J3582" i="5" s="1"/>
  <c r="N3582" i="5" s="1"/>
  <c r="I3469" i="2"/>
  <c r="I3443" i="5" s="1"/>
  <c r="K3469" i="2"/>
  <c r="K3443" i="5" s="1"/>
  <c r="O3443" i="5" s="1"/>
  <c r="L3594" i="2"/>
  <c r="L3568" i="5" s="1"/>
  <c r="J3594" i="2"/>
  <c r="J3568" i="5" s="1"/>
  <c r="N3568" i="5" s="1"/>
  <c r="K3594" i="2"/>
  <c r="K3568" i="5" s="1"/>
  <c r="I3594" i="2"/>
  <c r="I3568" i="5" s="1"/>
  <c r="M3594" i="2"/>
  <c r="M3568" i="5" s="1"/>
  <c r="P3568" i="5" s="1"/>
  <c r="J4967" i="2"/>
  <c r="J4941" i="5" s="1"/>
  <c r="N4941" i="5" s="1"/>
  <c r="I4967" i="2"/>
  <c r="I4941" i="5" s="1"/>
  <c r="M5012" i="2"/>
  <c r="M4986" i="5" s="1"/>
  <c r="P4986" i="5" s="1"/>
  <c r="L5012" i="2"/>
  <c r="L4986" i="5" s="1"/>
  <c r="K5012" i="2"/>
  <c r="K4986" i="5" s="1"/>
  <c r="I5012" i="2"/>
  <c r="I4986" i="5" s="1"/>
  <c r="M2225" i="2"/>
  <c r="M2199" i="5" s="1"/>
  <c r="P2199" i="5" s="1"/>
  <c r="K2225" i="2"/>
  <c r="K2199" i="5" s="1"/>
  <c r="J2225" i="2"/>
  <c r="J2199" i="5" s="1"/>
  <c r="N2199" i="5" s="1"/>
  <c r="K7198" i="2"/>
  <c r="K7172" i="5" s="1"/>
  <c r="L7198" i="2"/>
  <c r="L7172" i="5" s="1"/>
  <c r="AR318" i="1"/>
  <c r="C324" i="5"/>
  <c r="J3763" i="2"/>
  <c r="J3737" i="5" s="1"/>
  <c r="N3737" i="5" s="1"/>
  <c r="M3763" i="2"/>
  <c r="M3737" i="5" s="1"/>
  <c r="P3737" i="5" s="1"/>
  <c r="I3763" i="2"/>
  <c r="I3737" i="5" s="1"/>
  <c r="J2823" i="2"/>
  <c r="J2797" i="5" s="1"/>
  <c r="N2797" i="5" s="1"/>
  <c r="K2823" i="2"/>
  <c r="K2797" i="5" s="1"/>
  <c r="L2823" i="2"/>
  <c r="L2797" i="5" s="1"/>
  <c r="M3939" i="2"/>
  <c r="M3913" i="5" s="1"/>
  <c r="P3913" i="5" s="1"/>
  <c r="K3939" i="2"/>
  <c r="K3913" i="5" s="1"/>
  <c r="L3939" i="2"/>
  <c r="L3913" i="5" s="1"/>
  <c r="I3939" i="2"/>
  <c r="I3913" i="5" s="1"/>
  <c r="L5108" i="2"/>
  <c r="L5082" i="5" s="1"/>
  <c r="M5108" i="2"/>
  <c r="M5082" i="5" s="1"/>
  <c r="P5082" i="5" s="1"/>
  <c r="K5107" i="2"/>
  <c r="K5081" i="5" s="1"/>
  <c r="M5107" i="2"/>
  <c r="M5081" i="5" s="1"/>
  <c r="P5081" i="5" s="1"/>
  <c r="J5107" i="2"/>
  <c r="J5081" i="5" s="1"/>
  <c r="N5081" i="5" s="1"/>
  <c r="I5107" i="2"/>
  <c r="I5081" i="5" s="1"/>
  <c r="M8030" i="2"/>
  <c r="M8004" i="5" s="1"/>
  <c r="P8004" i="5" s="1"/>
  <c r="I8030" i="2"/>
  <c r="I8004" i="5" s="1"/>
  <c r="J8030" i="2"/>
  <c r="J8004" i="5" s="1"/>
  <c r="N8004" i="5" s="1"/>
  <c r="K8030" i="2"/>
  <c r="K8004" i="5" s="1"/>
  <c r="L7317" i="2"/>
  <c r="L7291" i="5" s="1"/>
  <c r="J7317" i="2"/>
  <c r="J7291" i="5" s="1"/>
  <c r="N7291" i="5" s="1"/>
  <c r="M7317" i="2"/>
  <c r="M7291" i="5" s="1"/>
  <c r="P7291" i="5" s="1"/>
  <c r="I7317" i="2"/>
  <c r="I7291" i="5" s="1"/>
  <c r="K7317" i="2"/>
  <c r="K7291" i="5" s="1"/>
  <c r="J4660" i="2"/>
  <c r="J4634" i="5" s="1"/>
  <c r="N4634" i="5" s="1"/>
  <c r="M4660" i="2"/>
  <c r="M4634" i="5" s="1"/>
  <c r="P4634" i="5" s="1"/>
  <c r="K4660" i="2"/>
  <c r="K4634" i="5" s="1"/>
  <c r="L2078" i="2"/>
  <c r="L2052" i="5" s="1"/>
  <c r="K2078" i="2"/>
  <c r="K2052" i="5" s="1"/>
  <c r="J2078" i="2"/>
  <c r="J2052" i="5" s="1"/>
  <c r="I2078" i="2"/>
  <c r="I2052" i="5" s="1"/>
  <c r="J1738" i="2"/>
  <c r="J1712" i="5" s="1"/>
  <c r="N1712" i="5" s="1"/>
  <c r="I1738" i="2"/>
  <c r="I1712" i="5" s="1"/>
  <c r="K6174" i="2"/>
  <c r="K6148" i="5" s="1"/>
  <c r="I6174" i="2"/>
  <c r="I6148" i="5" s="1"/>
  <c r="J6174" i="2"/>
  <c r="J6148" i="5" s="1"/>
  <c r="N6148" i="5" s="1"/>
  <c r="M6174" i="2"/>
  <c r="M6148" i="5" s="1"/>
  <c r="P6148" i="5" s="1"/>
  <c r="L6174" i="2"/>
  <c r="L6148" i="5" s="1"/>
  <c r="M4165" i="2"/>
  <c r="M4139" i="5" s="1"/>
  <c r="P4139" i="5" s="1"/>
  <c r="J4165" i="2"/>
  <c r="J4139" i="5" s="1"/>
  <c r="N4139" i="5" s="1"/>
  <c r="I4165" i="2"/>
  <c r="I4139" i="5" s="1"/>
  <c r="L4165" i="2"/>
  <c r="L4139" i="5" s="1"/>
  <c r="L444" i="2"/>
  <c r="L418" i="5" s="1"/>
  <c r="K471" i="2"/>
  <c r="K445" i="5" s="1"/>
  <c r="L471" i="2"/>
  <c r="L445" i="5" s="1"/>
  <c r="I471" i="2"/>
  <c r="I445" i="5" s="1"/>
  <c r="J471" i="2"/>
  <c r="J445" i="5" s="1"/>
  <c r="N445" i="5" s="1"/>
  <c r="M471" i="2"/>
  <c r="M445" i="5" s="1"/>
  <c r="P445" i="5" s="1"/>
  <c r="M3085" i="2"/>
  <c r="M3059" i="5" s="1"/>
  <c r="P3059" i="5" s="1"/>
  <c r="I3085" i="2"/>
  <c r="I3059" i="5" s="1"/>
  <c r="L3085" i="2"/>
  <c r="L3059" i="5" s="1"/>
  <c r="L3098" i="2"/>
  <c r="L3072" i="5" s="1"/>
  <c r="J3098" i="2"/>
  <c r="J3072" i="5" s="1"/>
  <c r="N3072" i="5" s="1"/>
  <c r="L8435" i="2"/>
  <c r="L8409" i="5" s="1"/>
  <c r="J8435" i="2"/>
  <c r="J8409" i="5" s="1"/>
  <c r="N8409" i="5" s="1"/>
  <c r="M8435" i="2"/>
  <c r="M8409" i="5" s="1"/>
  <c r="P8409" i="5" s="1"/>
  <c r="K8371" i="2"/>
  <c r="K8345" i="5" s="1"/>
  <c r="O8345" i="5" s="1"/>
  <c r="M8371" i="2"/>
  <c r="M8345" i="5" s="1"/>
  <c r="P8345" i="5" s="1"/>
  <c r="L7019" i="2"/>
  <c r="L6993" i="5" s="1"/>
  <c r="I7019" i="2"/>
  <c r="I6993" i="5" s="1"/>
  <c r="J7019" i="2"/>
  <c r="J6993" i="5" s="1"/>
  <c r="N6993" i="5" s="1"/>
  <c r="K7019" i="2"/>
  <c r="K6993" i="5" s="1"/>
  <c r="M7019" i="2"/>
  <c r="M6993" i="5" s="1"/>
  <c r="P6993" i="5" s="1"/>
  <c r="J2646" i="2"/>
  <c r="J2620" i="5" s="1"/>
  <c r="N2620" i="5" s="1"/>
  <c r="L2646" i="2"/>
  <c r="L2620" i="5" s="1"/>
  <c r="I2646" i="2"/>
  <c r="I2620" i="5" s="1"/>
  <c r="L3483" i="2"/>
  <c r="L3457" i="5" s="1"/>
  <c r="J3483" i="2"/>
  <c r="J3457" i="5" s="1"/>
  <c r="I5183" i="2"/>
  <c r="I5157" i="5" s="1"/>
  <c r="K5183" i="2"/>
  <c r="K5157" i="5" s="1"/>
  <c r="J118" i="2"/>
  <c r="J92" i="5" s="1"/>
  <c r="N92" i="5" s="1"/>
  <c r="K118" i="2"/>
  <c r="K92" i="5" s="1"/>
  <c r="I7972" i="2"/>
  <c r="I7946" i="5" s="1"/>
  <c r="M7972" i="2"/>
  <c r="M7946" i="5" s="1"/>
  <c r="P7946" i="5" s="1"/>
  <c r="K7972" i="2"/>
  <c r="K7946" i="5" s="1"/>
  <c r="M7613" i="2"/>
  <c r="M7587" i="5" s="1"/>
  <c r="P7587" i="5" s="1"/>
  <c r="K7613" i="2"/>
  <c r="K7587" i="5" s="1"/>
  <c r="J7613" i="2"/>
  <c r="J7587" i="5" s="1"/>
  <c r="N7587" i="5" s="1"/>
  <c r="L7613" i="2"/>
  <c r="L7587" i="5" s="1"/>
  <c r="J3109" i="2"/>
  <c r="J3083" i="5" s="1"/>
  <c r="N3083" i="5" s="1"/>
  <c r="L3109" i="2"/>
  <c r="L3083" i="5" s="1"/>
  <c r="I3109" i="2"/>
  <c r="I3083" i="5" s="1"/>
  <c r="K3109" i="2"/>
  <c r="K3083" i="5" s="1"/>
  <c r="I7125" i="2"/>
  <c r="I7099" i="5" s="1"/>
  <c r="M7125" i="2"/>
  <c r="M7099" i="5" s="1"/>
  <c r="P7099" i="5" s="1"/>
  <c r="J7125" i="2"/>
  <c r="J7099" i="5" s="1"/>
  <c r="N7099" i="5" s="1"/>
  <c r="L7125" i="2"/>
  <c r="L7099" i="5" s="1"/>
  <c r="K425" i="2"/>
  <c r="K399" i="5" s="1"/>
  <c r="O399" i="5" s="1"/>
  <c r="J425" i="2"/>
  <c r="J399" i="5" s="1"/>
  <c r="N399" i="5" s="1"/>
  <c r="I425" i="2"/>
  <c r="I399" i="5" s="1"/>
  <c r="L6268" i="2"/>
  <c r="L6242" i="5" s="1"/>
  <c r="K6268" i="2"/>
  <c r="K6242" i="5" s="1"/>
  <c r="J6268" i="2"/>
  <c r="J6242" i="5" s="1"/>
  <c r="N6242" i="5" s="1"/>
  <c r="I6268" i="2"/>
  <c r="I6242" i="5" s="1"/>
  <c r="K2065" i="2"/>
  <c r="K2039" i="5" s="1"/>
  <c r="I2065" i="2"/>
  <c r="I2039" i="5" s="1"/>
  <c r="J2320" i="2"/>
  <c r="J2294" i="5" s="1"/>
  <c r="N2294" i="5" s="1"/>
  <c r="M6300" i="2"/>
  <c r="M6274" i="5" s="1"/>
  <c r="P6274" i="5" s="1"/>
  <c r="J6300" i="2"/>
  <c r="J6274" i="5" s="1"/>
  <c r="N6274" i="5" s="1"/>
  <c r="L6300" i="2"/>
  <c r="L6274" i="5" s="1"/>
  <c r="I6300" i="2"/>
  <c r="I6274" i="5" s="1"/>
  <c r="K6300" i="2"/>
  <c r="K6274" i="5" s="1"/>
  <c r="I8518" i="2"/>
  <c r="I8492" i="5" s="1"/>
  <c r="M8518" i="2"/>
  <c r="M8492" i="5" s="1"/>
  <c r="P8492" i="5" s="1"/>
  <c r="L8518" i="2"/>
  <c r="L8492" i="5" s="1"/>
  <c r="K8518" i="2"/>
  <c r="K8492" i="5" s="1"/>
  <c r="J8518" i="2"/>
  <c r="J8492" i="5" s="1"/>
  <c r="N8492" i="5" s="1"/>
  <c r="L4158" i="2"/>
  <c r="L4132" i="5" s="1"/>
  <c r="K4158" i="2"/>
  <c r="K4132" i="5" s="1"/>
  <c r="M4158" i="2"/>
  <c r="M4132" i="5" s="1"/>
  <c r="P4132" i="5" s="1"/>
  <c r="I4158" i="2"/>
  <c r="I4132" i="5" s="1"/>
  <c r="L1578" i="2"/>
  <c r="L1552" i="5" s="1"/>
  <c r="M1578" i="2"/>
  <c r="M1552" i="5" s="1"/>
  <c r="P1552" i="5" s="1"/>
  <c r="J8716" i="2"/>
  <c r="J8690" i="5" s="1"/>
  <c r="N8690" i="5" s="1"/>
  <c r="I8716" i="2"/>
  <c r="I8690" i="5" s="1"/>
  <c r="K8716" i="2"/>
  <c r="K8690" i="5" s="1"/>
  <c r="J7958" i="2"/>
  <c r="J7932" i="5" s="1"/>
  <c r="N7932" i="5" s="1"/>
  <c r="L7958" i="2"/>
  <c r="L7932" i="5" s="1"/>
  <c r="M4812" i="2"/>
  <c r="M4786" i="5" s="1"/>
  <c r="P4786" i="5" s="1"/>
  <c r="K4812" i="2"/>
  <c r="K4786" i="5" s="1"/>
  <c r="J4812" i="2"/>
  <c r="J4786" i="5" s="1"/>
  <c r="N4786" i="5" s="1"/>
  <c r="L4812" i="2"/>
  <c r="L4786" i="5" s="1"/>
  <c r="I4812" i="2"/>
  <c r="I4786" i="5" s="1"/>
  <c r="K3602" i="2"/>
  <c r="K3576" i="5" s="1"/>
  <c r="I3602" i="2"/>
  <c r="I3576" i="5" s="1"/>
  <c r="J3602" i="2"/>
  <c r="J3576" i="5" s="1"/>
  <c r="L3602" i="2"/>
  <c r="L3576" i="5" s="1"/>
  <c r="M3602" i="2"/>
  <c r="M3576" i="5" s="1"/>
  <c r="P3576" i="5" s="1"/>
  <c r="L7429" i="2"/>
  <c r="L7403" i="5" s="1"/>
  <c r="I7429" i="2"/>
  <c r="I7403" i="5" s="1"/>
  <c r="I6306" i="2"/>
  <c r="I6280" i="5" s="1"/>
  <c r="J6306" i="2"/>
  <c r="J6280" i="5" s="1"/>
  <c r="N6280" i="5" s="1"/>
  <c r="K6306" i="2"/>
  <c r="K6280" i="5" s="1"/>
  <c r="K6818" i="2"/>
  <c r="K6792" i="5" s="1"/>
  <c r="J8783" i="2"/>
  <c r="J8757" i="5" s="1"/>
  <c r="N8757" i="5" s="1"/>
  <c r="I8783" i="2"/>
  <c r="I8757" i="5" s="1"/>
  <c r="K8783" i="2"/>
  <c r="K8757" i="5" s="1"/>
  <c r="L6794" i="2"/>
  <c r="L6768" i="5" s="1"/>
  <c r="I6794" i="2"/>
  <c r="I6768" i="5" s="1"/>
  <c r="L7352" i="2"/>
  <c r="L7326" i="5" s="1"/>
  <c r="I7352" i="2"/>
  <c r="I7326" i="5" s="1"/>
  <c r="J7352" i="2"/>
  <c r="J7326" i="5" s="1"/>
  <c r="N7326" i="5" s="1"/>
  <c r="K7352" i="2"/>
  <c r="K7326" i="5" s="1"/>
  <c r="K622" i="2"/>
  <c r="K596" i="5" s="1"/>
  <c r="M622" i="2"/>
  <c r="M596" i="5" s="1"/>
  <c r="P596" i="5" s="1"/>
  <c r="L622" i="2"/>
  <c r="L596" i="5" s="1"/>
  <c r="I622" i="2"/>
  <c r="I596" i="5" s="1"/>
  <c r="J622" i="2"/>
  <c r="J596" i="5" s="1"/>
  <c r="N596" i="5" s="1"/>
  <c r="K4967" i="2"/>
  <c r="K4941" i="5" s="1"/>
  <c r="M7780" i="2"/>
  <c r="M7754" i="5" s="1"/>
  <c r="P7754" i="5" s="1"/>
  <c r="M4422" i="2"/>
  <c r="M4396" i="5" s="1"/>
  <c r="P4396" i="5" s="1"/>
  <c r="J4422" i="2"/>
  <c r="J4396" i="5" s="1"/>
  <c r="N4396" i="5" s="1"/>
  <c r="M6473" i="2"/>
  <c r="M6447" i="5" s="1"/>
  <c r="P6447" i="5" s="1"/>
  <c r="J6473" i="2"/>
  <c r="J6447" i="5" s="1"/>
  <c r="N6447" i="5" s="1"/>
  <c r="I2126" i="2"/>
  <c r="I2100" i="5" s="1"/>
  <c r="K2126" i="2"/>
  <c r="K2100" i="5" s="1"/>
  <c r="M2126" i="2"/>
  <c r="M2100" i="5" s="1"/>
  <c r="P2100" i="5" s="1"/>
  <c r="L2126" i="2"/>
  <c r="L2100" i="5" s="1"/>
  <c r="J2126" i="2"/>
  <c r="J2100" i="5" s="1"/>
  <c r="N2100" i="5" s="1"/>
  <c r="L1474" i="2"/>
  <c r="L1448" i="5" s="1"/>
  <c r="I1474" i="2"/>
  <c r="I1448" i="5" s="1"/>
  <c r="L7998" i="2"/>
  <c r="L7972" i="5" s="1"/>
  <c r="J7998" i="2"/>
  <c r="J7972" i="5" s="1"/>
  <c r="N7972" i="5" s="1"/>
  <c r="M7998" i="2"/>
  <c r="M7972" i="5" s="1"/>
  <c r="P7972" i="5" s="1"/>
  <c r="M4299" i="2"/>
  <c r="M4273" i="5" s="1"/>
  <c r="P4273" i="5" s="1"/>
  <c r="I4299" i="2"/>
  <c r="I4273" i="5" s="1"/>
  <c r="M2569" i="2"/>
  <c r="M2543" i="5" s="1"/>
  <c r="P2543" i="5" s="1"/>
  <c r="L2569" i="2"/>
  <c r="L2543" i="5" s="1"/>
  <c r="I2569" i="2"/>
  <c r="I2543" i="5" s="1"/>
  <c r="K2569" i="2"/>
  <c r="K2543" i="5" s="1"/>
  <c r="I7826" i="2"/>
  <c r="I7800" i="5" s="1"/>
  <c r="J7826" i="2"/>
  <c r="J7800" i="5" s="1"/>
  <c r="N7800" i="5" s="1"/>
  <c r="L7099" i="2"/>
  <c r="L7073" i="5" s="1"/>
  <c r="J5079" i="2"/>
  <c r="J5053" i="5" s="1"/>
  <c r="N5053" i="5" s="1"/>
  <c r="M5079" i="2"/>
  <c r="M5053" i="5" s="1"/>
  <c r="P5053" i="5" s="1"/>
  <c r="M7627" i="2"/>
  <c r="M7601" i="5" s="1"/>
  <c r="P7601" i="5" s="1"/>
  <c r="I7627" i="2"/>
  <c r="I7601" i="5" s="1"/>
  <c r="L7627" i="2"/>
  <c r="L7601" i="5" s="1"/>
  <c r="K7627" i="2"/>
  <c r="K7601" i="5" s="1"/>
  <c r="J7627" i="2"/>
  <c r="J7601" i="5" s="1"/>
  <c r="N7601" i="5" s="1"/>
  <c r="I3938" i="2"/>
  <c r="I3912" i="5" s="1"/>
  <c r="J3938" i="2"/>
  <c r="J3912" i="5" s="1"/>
  <c r="N3912" i="5" s="1"/>
  <c r="I1247" i="2"/>
  <c r="I1221" i="5" s="1"/>
  <c r="I6650" i="2"/>
  <c r="I6624" i="5" s="1"/>
  <c r="K4784" i="2"/>
  <c r="K4758" i="5" s="1"/>
  <c r="M4784" i="2"/>
  <c r="M4758" i="5" s="1"/>
  <c r="P4758" i="5" s="1"/>
  <c r="J4784" i="2"/>
  <c r="J4758" i="5" s="1"/>
  <c r="N4758" i="5" s="1"/>
  <c r="I3812" i="2"/>
  <c r="I3786" i="5" s="1"/>
  <c r="L3812" i="2"/>
  <c r="L3786" i="5" s="1"/>
  <c r="J3812" i="2"/>
  <c r="J3786" i="5" s="1"/>
  <c r="M3812" i="2"/>
  <c r="M3786" i="5" s="1"/>
  <c r="P3786" i="5" s="1"/>
  <c r="I6189" i="2"/>
  <c r="I6163" i="5" s="1"/>
  <c r="L6189" i="2"/>
  <c r="L6163" i="5" s="1"/>
  <c r="K6189" i="2"/>
  <c r="K6163" i="5" s="1"/>
  <c r="K2316" i="2"/>
  <c r="K2290" i="5" s="1"/>
  <c r="M2316" i="2"/>
  <c r="M2290" i="5" s="1"/>
  <c r="P2290" i="5" s="1"/>
  <c r="L2316" i="2"/>
  <c r="L2290" i="5" s="1"/>
  <c r="J2069" i="2"/>
  <c r="J2043" i="5" s="1"/>
  <c r="N2043" i="5" s="1"/>
  <c r="L2069" i="2"/>
  <c r="L2043" i="5" s="1"/>
  <c r="L8309" i="2"/>
  <c r="L8283" i="5" s="1"/>
  <c r="M8309" i="2"/>
  <c r="M8283" i="5" s="1"/>
  <c r="P8283" i="5" s="1"/>
  <c r="J8309" i="2"/>
  <c r="J8283" i="5" s="1"/>
  <c r="N8283" i="5" s="1"/>
  <c r="I8309" i="2"/>
  <c r="I8283" i="5" s="1"/>
  <c r="J899" i="2"/>
  <c r="J873" i="5" s="1"/>
  <c r="N873" i="5" s="1"/>
  <c r="K899" i="2"/>
  <c r="K873" i="5" s="1"/>
  <c r="I899" i="2"/>
  <c r="I873" i="5" s="1"/>
  <c r="J6169" i="2"/>
  <c r="J6143" i="5" s="1"/>
  <c r="N6143" i="5" s="1"/>
  <c r="M6169" i="2"/>
  <c r="M6143" i="5" s="1"/>
  <c r="P6143" i="5" s="1"/>
  <c r="J4172" i="2"/>
  <c r="J4146" i="5" s="1"/>
  <c r="L4172" i="2"/>
  <c r="L4146" i="5" s="1"/>
  <c r="L453" i="2"/>
  <c r="L427" i="5" s="1"/>
  <c r="K453" i="2"/>
  <c r="K427" i="5" s="1"/>
  <c r="I453" i="2"/>
  <c r="I427" i="5" s="1"/>
  <c r="M453" i="2"/>
  <c r="M427" i="5" s="1"/>
  <c r="P427" i="5" s="1"/>
  <c r="J453" i="2"/>
  <c r="J427" i="5" s="1"/>
  <c r="N427" i="5" s="1"/>
  <c r="J1269" i="2"/>
  <c r="J1243" i="5" s="1"/>
  <c r="N1243" i="5" s="1"/>
  <c r="L8113" i="2"/>
  <c r="L8087" i="5" s="1"/>
  <c r="J4587" i="2"/>
  <c r="J4561" i="5" s="1"/>
  <c r="N4561" i="5" s="1"/>
  <c r="M4587" i="2"/>
  <c r="M4561" i="5" s="1"/>
  <c r="P4561" i="5" s="1"/>
  <c r="I4587" i="2"/>
  <c r="I4561" i="5" s="1"/>
  <c r="L4587" i="2"/>
  <c r="L4561" i="5" s="1"/>
  <c r="K4587" i="2"/>
  <c r="K4561" i="5" s="1"/>
  <c r="K8485" i="2"/>
  <c r="K8459" i="5" s="1"/>
  <c r="J8485" i="2"/>
  <c r="J8459" i="5" s="1"/>
  <c r="N8459" i="5" s="1"/>
  <c r="M8485" i="2"/>
  <c r="M8459" i="5" s="1"/>
  <c r="P8459" i="5" s="1"/>
  <c r="L8485" i="2"/>
  <c r="L8459" i="5" s="1"/>
  <c r="I8485" i="2"/>
  <c r="I8459" i="5" s="1"/>
  <c r="M7036" i="2"/>
  <c r="M7010" i="5" s="1"/>
  <c r="P7010" i="5" s="1"/>
  <c r="K7036" i="2"/>
  <c r="K7010" i="5" s="1"/>
  <c r="L7036" i="2"/>
  <c r="L7010" i="5" s="1"/>
  <c r="M5338" i="2"/>
  <c r="M5312" i="5" s="1"/>
  <c r="P5312" i="5" s="1"/>
  <c r="L5338" i="2"/>
  <c r="L5312" i="5" s="1"/>
  <c r="J5338" i="2"/>
  <c r="J5312" i="5" s="1"/>
  <c r="N5312" i="5" s="1"/>
  <c r="I913" i="2"/>
  <c r="I887" i="5" s="1"/>
  <c r="K913" i="2"/>
  <c r="K887" i="5" s="1"/>
  <c r="M913" i="2"/>
  <c r="M887" i="5" s="1"/>
  <c r="P887" i="5" s="1"/>
  <c r="J913" i="2"/>
  <c r="J887" i="5" s="1"/>
  <c r="N887" i="5" s="1"/>
  <c r="L913" i="2"/>
  <c r="L887" i="5" s="1"/>
  <c r="I6608" i="2"/>
  <c r="I6582" i="5" s="1"/>
  <c r="K6608" i="2"/>
  <c r="K6582" i="5" s="1"/>
  <c r="J6608" i="2"/>
  <c r="J6582" i="5" s="1"/>
  <c r="N6582" i="5" s="1"/>
  <c r="L5142" i="2"/>
  <c r="L5116" i="5" s="1"/>
  <c r="M5142" i="2"/>
  <c r="M5116" i="5" s="1"/>
  <c r="P5116" i="5" s="1"/>
  <c r="I5142" i="2"/>
  <c r="I5116" i="5" s="1"/>
  <c r="J8205" i="2"/>
  <c r="J8179" i="5" s="1"/>
  <c r="N8179" i="5" s="1"/>
  <c r="L8205" i="2"/>
  <c r="L8179" i="5" s="1"/>
  <c r="I8205" i="2"/>
  <c r="I8179" i="5" s="1"/>
  <c r="M8205" i="2"/>
  <c r="M8179" i="5" s="1"/>
  <c r="P8179" i="5" s="1"/>
  <c r="K8205" i="2"/>
  <c r="K8179" i="5" s="1"/>
  <c r="K4615" i="2"/>
  <c r="K4589" i="5" s="1"/>
  <c r="M4615" i="2"/>
  <c r="M4589" i="5" s="1"/>
  <c r="P4589" i="5" s="1"/>
  <c r="I4615" i="2"/>
  <c r="I4589" i="5" s="1"/>
  <c r="J4615" i="2"/>
  <c r="J4589" i="5" s="1"/>
  <c r="N4589" i="5" s="1"/>
  <c r="L4615" i="2"/>
  <c r="L4589" i="5" s="1"/>
  <c r="K2639" i="2"/>
  <c r="K2613" i="5" s="1"/>
  <c r="J2639" i="2"/>
  <c r="J2613" i="5" s="1"/>
  <c r="N2613" i="5" s="1"/>
  <c r="I2639" i="2"/>
  <c r="I2613" i="5" s="1"/>
  <c r="M2639" i="2"/>
  <c r="M2613" i="5" s="1"/>
  <c r="P2613" i="5" s="1"/>
  <c r="L2639" i="2"/>
  <c r="L2613" i="5" s="1"/>
  <c r="M4924" i="2"/>
  <c r="M4898" i="5" s="1"/>
  <c r="P4898" i="5" s="1"/>
  <c r="J4924" i="2"/>
  <c r="J4898" i="5" s="1"/>
  <c r="N4898" i="5" s="1"/>
  <c r="I4924" i="2"/>
  <c r="I4898" i="5" s="1"/>
  <c r="K4924" i="2"/>
  <c r="K4898" i="5" s="1"/>
  <c r="O4898" i="5" s="1"/>
  <c r="K8500" i="2"/>
  <c r="K8474" i="5" s="1"/>
  <c r="L8500" i="2"/>
  <c r="L8474" i="5" s="1"/>
  <c r="M8500" i="2"/>
  <c r="M8474" i="5" s="1"/>
  <c r="P8474" i="5" s="1"/>
  <c r="L124" i="2"/>
  <c r="L98" i="5" s="1"/>
  <c r="M124" i="2"/>
  <c r="M98" i="5" s="1"/>
  <c r="P98" i="5" s="1"/>
  <c r="K124" i="2"/>
  <c r="K98" i="5" s="1"/>
  <c r="J124" i="2"/>
  <c r="J98" i="5" s="1"/>
  <c r="M7297" i="2"/>
  <c r="M7271" i="5" s="1"/>
  <c r="P7271" i="5" s="1"/>
  <c r="J7297" i="2"/>
  <c r="J7271" i="5" s="1"/>
  <c r="N7271" i="5" s="1"/>
  <c r="L7297" i="2"/>
  <c r="L7271" i="5" s="1"/>
  <c r="I7297" i="2"/>
  <c r="I7271" i="5" s="1"/>
  <c r="K7297" i="2"/>
  <c r="K7271" i="5" s="1"/>
  <c r="M7960" i="2"/>
  <c r="M7934" i="5" s="1"/>
  <c r="P7934" i="5" s="1"/>
  <c r="L7960" i="2"/>
  <c r="L7934" i="5" s="1"/>
  <c r="M6130" i="2"/>
  <c r="M6104" i="5" s="1"/>
  <c r="P6104" i="5" s="1"/>
  <c r="L4458" i="2"/>
  <c r="L4432" i="5" s="1"/>
  <c r="K4458" i="2"/>
  <c r="K4432" i="5" s="1"/>
  <c r="M7614" i="2"/>
  <c r="M7588" i="5" s="1"/>
  <c r="P7588" i="5" s="1"/>
  <c r="I7614" i="2"/>
  <c r="I7588" i="5" s="1"/>
  <c r="L7614" i="2"/>
  <c r="L7588" i="5" s="1"/>
  <c r="K5846" i="2"/>
  <c r="K5820" i="5" s="1"/>
  <c r="J5846" i="2"/>
  <c r="J5820" i="5" s="1"/>
  <c r="N5820" i="5" s="1"/>
  <c r="I5846" i="2"/>
  <c r="I5820" i="5" s="1"/>
  <c r="L7636" i="2"/>
  <c r="L7610" i="5" s="1"/>
  <c r="J7636" i="2"/>
  <c r="J7610" i="5" s="1"/>
  <c r="N7610" i="5" s="1"/>
  <c r="M2431" i="2"/>
  <c r="M2405" i="5" s="1"/>
  <c r="P2405" i="5" s="1"/>
  <c r="L2431" i="2"/>
  <c r="L2405" i="5" s="1"/>
  <c r="I2431" i="2"/>
  <c r="I2405" i="5" s="1"/>
  <c r="K2431" i="2"/>
  <c r="K2405" i="5" s="1"/>
  <c r="J2431" i="2"/>
  <c r="J2405" i="5" s="1"/>
  <c r="N2405" i="5" s="1"/>
  <c r="K4497" i="2"/>
  <c r="K4471" i="5" s="1"/>
  <c r="L4497" i="2"/>
  <c r="L4471" i="5" s="1"/>
  <c r="J6867" i="2"/>
  <c r="J6841" i="5" s="1"/>
  <c r="N6841" i="5" s="1"/>
  <c r="I6867" i="2"/>
  <c r="I6841" i="5" s="1"/>
  <c r="I8618" i="2"/>
  <c r="I8592" i="5" s="1"/>
  <c r="K8618" i="2"/>
  <c r="K8592" i="5" s="1"/>
  <c r="L8618" i="2"/>
  <c r="L8592" i="5" s="1"/>
  <c r="L6448" i="2"/>
  <c r="L6422" i="5" s="1"/>
  <c r="I6448" i="2"/>
  <c r="I6422" i="5" s="1"/>
  <c r="M6448" i="2"/>
  <c r="M6422" i="5" s="1"/>
  <c r="P6422" i="5" s="1"/>
  <c r="J6806" i="2"/>
  <c r="J6780" i="5" s="1"/>
  <c r="N6780" i="5" s="1"/>
  <c r="M6806" i="2"/>
  <c r="M6780" i="5" s="1"/>
  <c r="P6780" i="5" s="1"/>
  <c r="L6806" i="2"/>
  <c r="L6780" i="5" s="1"/>
  <c r="J6190" i="2"/>
  <c r="J6164" i="5" s="1"/>
  <c r="N6164" i="5" s="1"/>
  <c r="L6190" i="2"/>
  <c r="L6164" i="5" s="1"/>
  <c r="M6190" i="2"/>
  <c r="M6164" i="5" s="1"/>
  <c r="P6164" i="5" s="1"/>
  <c r="K6190" i="2"/>
  <c r="K6164" i="5" s="1"/>
  <c r="M7195" i="2"/>
  <c r="M7169" i="5" s="1"/>
  <c r="P7169" i="5" s="1"/>
  <c r="K7195" i="2"/>
  <c r="K7169" i="5" s="1"/>
  <c r="J5448" i="2"/>
  <c r="J5422" i="5" s="1"/>
  <c r="N5422" i="5" s="1"/>
  <c r="I5448" i="2"/>
  <c r="I5422" i="5" s="1"/>
  <c r="L5448" i="2"/>
  <c r="L5422" i="5" s="1"/>
  <c r="M5448" i="2"/>
  <c r="M5422" i="5" s="1"/>
  <c r="P5422" i="5" s="1"/>
  <c r="K5448" i="2"/>
  <c r="K5422" i="5" s="1"/>
  <c r="J6933" i="2"/>
  <c r="J6907" i="5" s="1"/>
  <c r="N6907" i="5" s="1"/>
  <c r="I6933" i="2"/>
  <c r="I6907" i="5" s="1"/>
  <c r="K6933" i="2"/>
  <c r="K6907" i="5" s="1"/>
  <c r="M6933" i="2"/>
  <c r="M6907" i="5" s="1"/>
  <c r="P6907" i="5" s="1"/>
  <c r="L6933" i="2"/>
  <c r="L6907" i="5" s="1"/>
  <c r="K4914" i="2"/>
  <c r="K4888" i="5" s="1"/>
  <c r="O4888" i="5" s="1"/>
  <c r="J4914" i="2"/>
  <c r="J4888" i="5" s="1"/>
  <c r="N4888" i="5" s="1"/>
  <c r="M4914" i="2"/>
  <c r="M4888" i="5" s="1"/>
  <c r="P4888" i="5" s="1"/>
  <c r="M5692" i="2"/>
  <c r="M5666" i="5" s="1"/>
  <c r="P5666" i="5" s="1"/>
  <c r="K5692" i="2"/>
  <c r="K5666" i="5" s="1"/>
  <c r="L5692" i="2"/>
  <c r="L5666" i="5" s="1"/>
  <c r="I5692" i="2"/>
  <c r="I5666" i="5" s="1"/>
  <c r="L1727" i="2"/>
  <c r="L1701" i="5" s="1"/>
  <c r="J1727" i="2"/>
  <c r="J1701" i="5" s="1"/>
  <c r="N1701" i="5" s="1"/>
  <c r="M1727" i="2"/>
  <c r="M1701" i="5" s="1"/>
  <c r="P1701" i="5" s="1"/>
  <c r="K1727" i="2"/>
  <c r="K1701" i="5" s="1"/>
  <c r="I1727" i="2"/>
  <c r="I1701" i="5" s="1"/>
  <c r="K6625" i="2"/>
  <c r="K6599" i="5" s="1"/>
  <c r="J6625" i="2"/>
  <c r="J6599" i="5" s="1"/>
  <c r="N6599" i="5" s="1"/>
  <c r="L6625" i="2"/>
  <c r="L6599" i="5" s="1"/>
  <c r="M6625" i="2"/>
  <c r="M6599" i="5" s="1"/>
  <c r="P6599" i="5" s="1"/>
  <c r="I6625" i="2"/>
  <c r="I6599" i="5" s="1"/>
  <c r="J733" i="2"/>
  <c r="J707" i="5" s="1"/>
  <c r="N707" i="5" s="1"/>
  <c r="L733" i="2"/>
  <c r="L707" i="5" s="1"/>
  <c r="I733" i="2"/>
  <c r="I707" i="5" s="1"/>
  <c r="I5824" i="2"/>
  <c r="I5798" i="5" s="1"/>
  <c r="K5824" i="2"/>
  <c r="K5798" i="5" s="1"/>
  <c r="J5824" i="2"/>
  <c r="J5798" i="5" s="1"/>
  <c r="N5798" i="5" s="1"/>
  <c r="M5824" i="2"/>
  <c r="M5798" i="5" s="1"/>
  <c r="P5798" i="5" s="1"/>
  <c r="M5305" i="2"/>
  <c r="M5279" i="5" s="1"/>
  <c r="P5279" i="5" s="1"/>
  <c r="I5305" i="2"/>
  <c r="I5279" i="5" s="1"/>
  <c r="K5305" i="2"/>
  <c r="K5279" i="5" s="1"/>
  <c r="L5305" i="2"/>
  <c r="L5279" i="5" s="1"/>
  <c r="J5305" i="2"/>
  <c r="J5279" i="5" s="1"/>
  <c r="N5279" i="5" s="1"/>
  <c r="L59" i="2"/>
  <c r="L33" i="5" s="1"/>
  <c r="K59" i="2"/>
  <c r="K33" i="5" s="1"/>
  <c r="J59" i="2"/>
  <c r="J33" i="5" s="1"/>
  <c r="N33" i="5" s="1"/>
  <c r="I59" i="2"/>
  <c r="I33" i="5" s="1"/>
  <c r="M59" i="2"/>
  <c r="M33" i="5" s="1"/>
  <c r="P33" i="5" s="1"/>
  <c r="K6194" i="2"/>
  <c r="K6168" i="5" s="1"/>
  <c r="O6168" i="5" s="1"/>
  <c r="I911" i="2"/>
  <c r="I885" i="5" s="1"/>
  <c r="I5500" i="2"/>
  <c r="I5474" i="5" s="1"/>
  <c r="K7176" i="2"/>
  <c r="K7150" i="5" s="1"/>
  <c r="I7780" i="2"/>
  <c r="I7754" i="5" s="1"/>
  <c r="M4123" i="2"/>
  <c r="M4097" i="5" s="1"/>
  <c r="P4097" i="5" s="1"/>
  <c r="I4911" i="2"/>
  <c r="I4885" i="5" s="1"/>
  <c r="M4183" i="2"/>
  <c r="M4157" i="5" s="1"/>
  <c r="P4157" i="5" s="1"/>
  <c r="J5680" i="2"/>
  <c r="J5654" i="5" s="1"/>
  <c r="N5654" i="5" s="1"/>
  <c r="M5680" i="2"/>
  <c r="M5654" i="5" s="1"/>
  <c r="P5654" i="5" s="1"/>
  <c r="M772" i="2"/>
  <c r="M746" i="5" s="1"/>
  <c r="P746" i="5" s="1"/>
  <c r="J772" i="2"/>
  <c r="J746" i="5" s="1"/>
  <c r="N746" i="5" s="1"/>
  <c r="K3413" i="2"/>
  <c r="K3387" i="5" s="1"/>
  <c r="M3413" i="2"/>
  <c r="M3387" i="5" s="1"/>
  <c r="P3387" i="5" s="1"/>
  <c r="J3413" i="2"/>
  <c r="J3387" i="5" s="1"/>
  <c r="N3387" i="5" s="1"/>
  <c r="I3413" i="2"/>
  <c r="I3387" i="5" s="1"/>
  <c r="I372" i="2"/>
  <c r="I346" i="5" s="1"/>
  <c r="K372" i="2"/>
  <c r="K346" i="5" s="1"/>
  <c r="J372" i="2"/>
  <c r="J346" i="5" s="1"/>
  <c r="N346" i="5" s="1"/>
  <c r="J2728" i="2"/>
  <c r="J2702" i="5" s="1"/>
  <c r="N2702" i="5" s="1"/>
  <c r="I2728" i="2"/>
  <c r="I2702" i="5" s="1"/>
  <c r="M4334" i="2"/>
  <c r="M4308" i="5" s="1"/>
  <c r="P4308" i="5" s="1"/>
  <c r="K4334" i="2"/>
  <c r="K4308" i="5" s="1"/>
  <c r="K6089" i="2"/>
  <c r="K6063" i="5" s="1"/>
  <c r="K580" i="2"/>
  <c r="K554" i="5" s="1"/>
  <c r="M804" i="2"/>
  <c r="M778" i="5" s="1"/>
  <c r="P778" i="5" s="1"/>
  <c r="J804" i="2"/>
  <c r="J778" i="5" s="1"/>
  <c r="N778" i="5" s="1"/>
  <c r="K4304" i="2"/>
  <c r="K4278" i="5" s="1"/>
  <c r="J4304" i="2"/>
  <c r="J4278" i="5" s="1"/>
  <c r="N4278" i="5" s="1"/>
  <c r="J6674" i="2"/>
  <c r="J6648" i="5" s="1"/>
  <c r="N6648" i="5" s="1"/>
  <c r="L6674" i="2"/>
  <c r="L6648" i="5" s="1"/>
  <c r="M6674" i="2"/>
  <c r="M6648" i="5" s="1"/>
  <c r="P6648" i="5" s="1"/>
  <c r="I6674" i="2"/>
  <c r="I6648" i="5" s="1"/>
  <c r="K6674" i="2"/>
  <c r="K6648" i="5" s="1"/>
  <c r="I2443" i="2"/>
  <c r="I2417" i="5" s="1"/>
  <c r="L2443" i="2"/>
  <c r="L2417" i="5" s="1"/>
  <c r="K2443" i="2"/>
  <c r="K2417" i="5" s="1"/>
  <c r="J562" i="2"/>
  <c r="J536" i="5" s="1"/>
  <c r="N536" i="5" s="1"/>
  <c r="M562" i="2"/>
  <c r="M536" i="5" s="1"/>
  <c r="P536" i="5" s="1"/>
  <c r="L562" i="2"/>
  <c r="L536" i="5" s="1"/>
  <c r="K562" i="2"/>
  <c r="K536" i="5" s="1"/>
  <c r="I562" i="2"/>
  <c r="I536" i="5" s="1"/>
  <c r="J7459" i="2"/>
  <c r="J7433" i="5" s="1"/>
  <c r="N7433" i="5" s="1"/>
  <c r="M7459" i="2"/>
  <c r="M7433" i="5" s="1"/>
  <c r="P7433" i="5" s="1"/>
  <c r="K7459" i="2"/>
  <c r="K7433" i="5" s="1"/>
  <c r="J2106" i="2"/>
  <c r="J2080" i="5" s="1"/>
  <c r="N2080" i="5" s="1"/>
  <c r="J1074" i="2"/>
  <c r="J1048" i="5" s="1"/>
  <c r="N1048" i="5" s="1"/>
  <c r="L1074" i="2"/>
  <c r="L1048" i="5" s="1"/>
  <c r="M1074" i="2"/>
  <c r="M1048" i="5" s="1"/>
  <c r="P1048" i="5" s="1"/>
  <c r="I1074" i="2"/>
  <c r="I1048" i="5" s="1"/>
  <c r="K1074" i="2"/>
  <c r="K1048" i="5" s="1"/>
  <c r="K2892" i="2"/>
  <c r="K2866" i="5" s="1"/>
  <c r="I2892" i="2"/>
  <c r="I2866" i="5" s="1"/>
  <c r="J6018" i="2"/>
  <c r="J5992" i="5" s="1"/>
  <c r="M6018" i="2"/>
  <c r="M5992" i="5" s="1"/>
  <c r="P5992" i="5" s="1"/>
  <c r="M4666" i="2"/>
  <c r="M4640" i="5" s="1"/>
  <c r="P4640" i="5" s="1"/>
  <c r="I4666" i="2"/>
  <c r="I4640" i="5" s="1"/>
  <c r="J1400" i="2"/>
  <c r="J1374" i="5" s="1"/>
  <c r="N1374" i="5" s="1"/>
  <c r="L1400" i="2"/>
  <c r="L1374" i="5" s="1"/>
  <c r="M1400" i="2"/>
  <c r="M1374" i="5" s="1"/>
  <c r="P1374" i="5" s="1"/>
  <c r="K1400" i="2"/>
  <c r="K1374" i="5" s="1"/>
  <c r="I1400" i="2"/>
  <c r="I1374" i="5" s="1"/>
  <c r="K7647" i="2"/>
  <c r="K7621" i="5" s="1"/>
  <c r="M7647" i="2"/>
  <c r="M7621" i="5" s="1"/>
  <c r="P7621" i="5" s="1"/>
  <c r="L7647" i="2"/>
  <c r="L7621" i="5" s="1"/>
  <c r="M5836" i="2"/>
  <c r="M5810" i="5" s="1"/>
  <c r="P5810" i="5" s="1"/>
  <c r="K5836" i="2"/>
  <c r="K5810" i="5" s="1"/>
  <c r="J5836" i="2"/>
  <c r="J5810" i="5" s="1"/>
  <c r="N5810" i="5" s="1"/>
  <c r="L5836" i="2"/>
  <c r="L5810" i="5" s="1"/>
  <c r="L5752" i="2"/>
  <c r="L5726" i="5" s="1"/>
  <c r="I5752" i="2"/>
  <c r="I5726" i="5" s="1"/>
  <c r="I825" i="2"/>
  <c r="I799" i="5" s="1"/>
  <c r="L825" i="2"/>
  <c r="L799" i="5" s="1"/>
  <c r="J825" i="2"/>
  <c r="J799" i="5" s="1"/>
  <c r="K825" i="2"/>
  <c r="K799" i="5" s="1"/>
  <c r="M825" i="2"/>
  <c r="M799" i="5" s="1"/>
  <c r="P799" i="5" s="1"/>
  <c r="K5500" i="2"/>
  <c r="K5474" i="5" s="1"/>
  <c r="M2760" i="2"/>
  <c r="M2734" i="5" s="1"/>
  <c r="P2734" i="5" s="1"/>
  <c r="L4928" i="2"/>
  <c r="L4902" i="5" s="1"/>
  <c r="K4928" i="2"/>
  <c r="K4902" i="5" s="1"/>
  <c r="J4928" i="2"/>
  <c r="J4902" i="5" s="1"/>
  <c r="N4902" i="5" s="1"/>
  <c r="I4928" i="2"/>
  <c r="I4902" i="5" s="1"/>
  <c r="M4928" i="2"/>
  <c r="M4902" i="5" s="1"/>
  <c r="P4902" i="5" s="1"/>
  <c r="I7945" i="2"/>
  <c r="I7919" i="5" s="1"/>
  <c r="K7945" i="2"/>
  <c r="K7919" i="5" s="1"/>
  <c r="J7945" i="2"/>
  <c r="J7919" i="5" s="1"/>
  <c r="N7919" i="5" s="1"/>
  <c r="M7945" i="2"/>
  <c r="M7919" i="5" s="1"/>
  <c r="P7919" i="5" s="1"/>
  <c r="M7669" i="2"/>
  <c r="M7643" i="5" s="1"/>
  <c r="P7643" i="5" s="1"/>
  <c r="J7669" i="2"/>
  <c r="J7643" i="5" s="1"/>
  <c r="N7643" i="5" s="1"/>
  <c r="M931" i="2"/>
  <c r="M905" i="5" s="1"/>
  <c r="P905" i="5" s="1"/>
  <c r="I931" i="2"/>
  <c r="I905" i="5" s="1"/>
  <c r="J931" i="2"/>
  <c r="J905" i="5" s="1"/>
  <c r="N905" i="5" s="1"/>
  <c r="L931" i="2"/>
  <c r="L905" i="5" s="1"/>
  <c r="M6848" i="2"/>
  <c r="M6822" i="5" s="1"/>
  <c r="P6822" i="5" s="1"/>
  <c r="K6848" i="2"/>
  <c r="K6822" i="5" s="1"/>
  <c r="O6822" i="5" s="1"/>
  <c r="J2913" i="2"/>
  <c r="J2887" i="5" s="1"/>
  <c r="N2887" i="5" s="1"/>
  <c r="L2913" i="2"/>
  <c r="L2887" i="5" s="1"/>
  <c r="M2913" i="2"/>
  <c r="M2887" i="5" s="1"/>
  <c r="P2887" i="5" s="1"/>
  <c r="J8020" i="2"/>
  <c r="J7994" i="5" s="1"/>
  <c r="N7994" i="5" s="1"/>
  <c r="K8020" i="2"/>
  <c r="K7994" i="5" s="1"/>
  <c r="L8020" i="2"/>
  <c r="L7994" i="5" s="1"/>
  <c r="M8020" i="2"/>
  <c r="M7994" i="5" s="1"/>
  <c r="P7994" i="5" s="1"/>
  <c r="I8020" i="2"/>
  <c r="I7994" i="5" s="1"/>
  <c r="I5416" i="2"/>
  <c r="I5390" i="5" s="1"/>
  <c r="J5416" i="2"/>
  <c r="J5390" i="5" s="1"/>
  <c r="N5390" i="5" s="1"/>
  <c r="L5416" i="2"/>
  <c r="L5390" i="5" s="1"/>
  <c r="K561" i="2"/>
  <c r="K535" i="5" s="1"/>
  <c r="L561" i="2"/>
  <c r="L535" i="5" s="1"/>
  <c r="I561" i="2"/>
  <c r="I535" i="5" s="1"/>
  <c r="M561" i="2"/>
  <c r="M535" i="5" s="1"/>
  <c r="P535" i="5" s="1"/>
  <c r="J561" i="2"/>
  <c r="J535" i="5" s="1"/>
  <c r="M1781" i="2"/>
  <c r="M1755" i="5" s="1"/>
  <c r="P1755" i="5" s="1"/>
  <c r="J1781" i="2"/>
  <c r="J1755" i="5" s="1"/>
  <c r="N1755" i="5" s="1"/>
  <c r="M4967" i="2"/>
  <c r="M4941" i="5" s="1"/>
  <c r="P4941" i="5" s="1"/>
  <c r="M1401" i="2"/>
  <c r="M1375" i="5" s="1"/>
  <c r="P1375" i="5" s="1"/>
  <c r="I6771" i="2"/>
  <c r="I6745" i="5" s="1"/>
  <c r="L3947" i="2"/>
  <c r="L3921" i="5" s="1"/>
  <c r="K2565" i="2"/>
  <c r="K2539" i="5" s="1"/>
  <c r="O2539" i="5" s="1"/>
  <c r="AR349" i="1"/>
  <c r="L7496" i="2"/>
  <c r="L7470" i="5" s="1"/>
  <c r="K4968" i="2"/>
  <c r="K4942" i="5" s="1"/>
  <c r="K8435" i="2"/>
  <c r="K8409" i="5" s="1"/>
  <c r="K3947" i="2"/>
  <c r="K3921" i="5" s="1"/>
  <c r="M2622" i="2"/>
  <c r="M2596" i="5" s="1"/>
  <c r="P2596" i="5" s="1"/>
  <c r="J7198" i="2"/>
  <c r="J7172" i="5" s="1"/>
  <c r="N7172" i="5" s="1"/>
  <c r="L7780" i="2"/>
  <c r="L7754" i="5" s="1"/>
  <c r="J2334" i="2"/>
  <c r="J2308" i="5" s="1"/>
  <c r="N2308" i="5" s="1"/>
  <c r="I7496" i="2"/>
  <c r="I7470" i="5" s="1"/>
  <c r="I8442" i="2"/>
  <c r="I8416" i="5" s="1"/>
  <c r="L5824" i="2"/>
  <c r="L5798" i="5" s="1"/>
  <c r="J6848" i="2"/>
  <c r="J6822" i="5" s="1"/>
  <c r="L7945" i="2"/>
  <c r="L7919" i="5" s="1"/>
  <c r="K4123" i="2"/>
  <c r="K4097" i="5" s="1"/>
  <c r="O4097" i="5" s="1"/>
  <c r="J7325" i="2"/>
  <c r="J7299" i="5" s="1"/>
  <c r="N7299" i="5" s="1"/>
  <c r="J1277" i="2"/>
  <c r="J1251" i="5" s="1"/>
  <c r="N1251" i="5" s="1"/>
  <c r="M1277" i="2"/>
  <c r="M1251" i="5" s="1"/>
  <c r="P1251" i="5" s="1"/>
  <c r="J5463" i="2"/>
  <c r="J5437" i="5" s="1"/>
  <c r="N5437" i="5" s="1"/>
  <c r="I5463" i="2"/>
  <c r="I5437" i="5" s="1"/>
  <c r="K5463" i="2"/>
  <c r="K5437" i="5" s="1"/>
  <c r="M152" i="2"/>
  <c r="M126" i="5" s="1"/>
  <c r="P126" i="5" s="1"/>
  <c r="J152" i="2"/>
  <c r="J126" i="5" s="1"/>
  <c r="N126" i="5" s="1"/>
  <c r="I152" i="2"/>
  <c r="I126" i="5" s="1"/>
  <c r="J4000" i="2"/>
  <c r="J3974" i="5" s="1"/>
  <c r="N3974" i="5" s="1"/>
  <c r="I4000" i="2"/>
  <c r="I3974" i="5" s="1"/>
  <c r="K4000" i="2"/>
  <c r="K3974" i="5" s="1"/>
  <c r="L4000" i="2"/>
  <c r="L3974" i="5" s="1"/>
  <c r="M4000" i="2"/>
  <c r="M3974" i="5" s="1"/>
  <c r="P3974" i="5" s="1"/>
  <c r="I5842" i="2"/>
  <c r="I5816" i="5" s="1"/>
  <c r="L5842" i="2"/>
  <c r="L5816" i="5" s="1"/>
  <c r="M5842" i="2"/>
  <c r="M5816" i="5" s="1"/>
  <c r="P5816" i="5" s="1"/>
  <c r="J5842" i="2"/>
  <c r="J5816" i="5" s="1"/>
  <c r="K1412" i="2"/>
  <c r="K1386" i="5" s="1"/>
  <c r="M1412" i="2"/>
  <c r="M1386" i="5" s="1"/>
  <c r="P1386" i="5" s="1"/>
  <c r="I1412" i="2"/>
  <c r="I1386" i="5" s="1"/>
  <c r="J1412" i="2"/>
  <c r="J1386" i="5" s="1"/>
  <c r="N1386" i="5" s="1"/>
  <c r="L1412" i="2"/>
  <c r="L1386" i="5" s="1"/>
  <c r="L3644" i="2"/>
  <c r="L3618" i="5" s="1"/>
  <c r="M3644" i="2"/>
  <c r="M3618" i="5" s="1"/>
  <c r="P3618" i="5" s="1"/>
  <c r="I7693" i="2"/>
  <c r="I7667" i="5" s="1"/>
  <c r="K7693" i="2"/>
  <c r="K7667" i="5" s="1"/>
  <c r="J7693" i="2"/>
  <c r="J7667" i="5" s="1"/>
  <c r="N7667" i="5" s="1"/>
  <c r="L7693" i="2"/>
  <c r="L7667" i="5" s="1"/>
  <c r="K2128" i="2"/>
  <c r="K2102" i="5" s="1"/>
  <c r="L2128" i="2"/>
  <c r="L2102" i="5" s="1"/>
  <c r="I2128" i="2"/>
  <c r="I2102" i="5" s="1"/>
  <c r="J2128" i="2"/>
  <c r="J2102" i="5" s="1"/>
  <c r="N2102" i="5" s="1"/>
  <c r="J4855" i="2"/>
  <c r="J4829" i="5" s="1"/>
  <c r="N4829" i="5" s="1"/>
  <c r="L4855" i="2"/>
  <c r="L4829" i="5" s="1"/>
  <c r="M4855" i="2"/>
  <c r="M4829" i="5" s="1"/>
  <c r="P4829" i="5" s="1"/>
  <c r="L8451" i="2"/>
  <c r="L8425" i="5" s="1"/>
  <c r="I8451" i="2"/>
  <c r="I8425" i="5" s="1"/>
  <c r="J8451" i="2"/>
  <c r="J8425" i="5" s="1"/>
  <c r="N8425" i="5" s="1"/>
  <c r="L4295" i="2"/>
  <c r="L4269" i="5" s="1"/>
  <c r="K4295" i="2"/>
  <c r="K4269" i="5" s="1"/>
  <c r="J5580" i="2"/>
  <c r="J5554" i="5" s="1"/>
  <c r="N5554" i="5" s="1"/>
  <c r="I5580" i="2"/>
  <c r="I5554" i="5" s="1"/>
  <c r="M5580" i="2"/>
  <c r="M5554" i="5" s="1"/>
  <c r="P5554" i="5" s="1"/>
  <c r="L5580" i="2"/>
  <c r="L5554" i="5" s="1"/>
  <c r="L5020" i="2"/>
  <c r="L4994" i="5" s="1"/>
  <c r="L7665" i="2"/>
  <c r="L7639" i="5" s="1"/>
  <c r="K7665" i="2"/>
  <c r="K7639" i="5" s="1"/>
  <c r="J7665" i="2"/>
  <c r="J7639" i="5" s="1"/>
  <c r="N7639" i="5" s="1"/>
  <c r="I7665" i="2"/>
  <c r="I7639" i="5" s="1"/>
  <c r="M7665" i="2"/>
  <c r="M7639" i="5" s="1"/>
  <c r="P7639" i="5" s="1"/>
  <c r="I2487" i="2"/>
  <c r="I2461" i="5" s="1"/>
  <c r="J6137" i="2"/>
  <c r="J6111" i="5" s="1"/>
  <c r="N6111" i="5" s="1"/>
  <c r="K6137" i="2"/>
  <c r="K6111" i="5" s="1"/>
  <c r="M2118" i="2"/>
  <c r="M2092" i="5" s="1"/>
  <c r="P2092" i="5" s="1"/>
  <c r="I2118" i="2"/>
  <c r="I2092" i="5" s="1"/>
  <c r="J2118" i="2"/>
  <c r="J2092" i="5" s="1"/>
  <c r="K7931" i="2"/>
  <c r="K7905" i="5" s="1"/>
  <c r="J7931" i="2"/>
  <c r="J7905" i="5" s="1"/>
  <c r="N7905" i="5" s="1"/>
  <c r="K1621" i="2"/>
  <c r="K1595" i="5" s="1"/>
  <c r="L1621" i="2"/>
  <c r="L1595" i="5" s="1"/>
  <c r="I1621" i="2"/>
  <c r="I1595" i="5" s="1"/>
  <c r="M1621" i="2"/>
  <c r="M1595" i="5" s="1"/>
  <c r="P1595" i="5" s="1"/>
  <c r="J1621" i="2"/>
  <c r="J1595" i="5" s="1"/>
  <c r="N1595" i="5" s="1"/>
  <c r="K1583" i="2"/>
  <c r="K1557" i="5" s="1"/>
  <c r="I1583" i="2"/>
  <c r="I1557" i="5" s="1"/>
  <c r="L1583" i="2"/>
  <c r="L1557" i="5" s="1"/>
  <c r="J1583" i="2"/>
  <c r="J1557" i="5" s="1"/>
  <c r="N1557" i="5" s="1"/>
  <c r="M1583" i="2"/>
  <c r="M1557" i="5" s="1"/>
  <c r="P1557" i="5" s="1"/>
  <c r="I967" i="2"/>
  <c r="I941" i="5" s="1"/>
  <c r="K967" i="2"/>
  <c r="K941" i="5" s="1"/>
  <c r="J2732" i="2"/>
  <c r="J2706" i="5" s="1"/>
  <c r="N2706" i="5" s="1"/>
  <c r="I2732" i="2"/>
  <c r="I2706" i="5" s="1"/>
  <c r="M2732" i="2"/>
  <c r="M2706" i="5" s="1"/>
  <c r="P2706" i="5" s="1"/>
  <c r="K2732" i="2"/>
  <c r="K2706" i="5" s="1"/>
  <c r="L2732" i="2"/>
  <c r="L2706" i="5" s="1"/>
  <c r="J6827" i="2"/>
  <c r="J6801" i="5" s="1"/>
  <c r="N6801" i="5" s="1"/>
  <c r="M6827" i="2"/>
  <c r="M6801" i="5" s="1"/>
  <c r="P6801" i="5" s="1"/>
  <c r="I6827" i="2"/>
  <c r="I6801" i="5" s="1"/>
  <c r="J7832" i="2"/>
  <c r="J7806" i="5" s="1"/>
  <c r="N7806" i="5" s="1"/>
  <c r="K7832" i="2"/>
  <c r="K7806" i="5" s="1"/>
  <c r="L7832" i="2"/>
  <c r="L7806" i="5" s="1"/>
  <c r="I7832" i="2"/>
  <c r="I7806" i="5" s="1"/>
  <c r="M7832" i="2"/>
  <c r="M7806" i="5" s="1"/>
  <c r="P7806" i="5" s="1"/>
  <c r="I1906" i="2"/>
  <c r="I1880" i="5" s="1"/>
  <c r="L1906" i="2"/>
  <c r="L1880" i="5" s="1"/>
  <c r="I549" i="2"/>
  <c r="I523" i="5" s="1"/>
  <c r="M549" i="2"/>
  <c r="M523" i="5" s="1"/>
  <c r="P523" i="5" s="1"/>
  <c r="L549" i="2"/>
  <c r="L523" i="5" s="1"/>
  <c r="L6357" i="2"/>
  <c r="L6331" i="5" s="1"/>
  <c r="M6357" i="2"/>
  <c r="M6331" i="5" s="1"/>
  <c r="P6331" i="5" s="1"/>
  <c r="L7537" i="2"/>
  <c r="L7511" i="5" s="1"/>
  <c r="M7537" i="2"/>
  <c r="M7511" i="5" s="1"/>
  <c r="P7511" i="5" s="1"/>
  <c r="K7537" i="2"/>
  <c r="K7511" i="5" s="1"/>
  <c r="I7537" i="2"/>
  <c r="I7511" i="5" s="1"/>
  <c r="J7537" i="2"/>
  <c r="J7511" i="5" s="1"/>
  <c r="N7511" i="5" s="1"/>
  <c r="L4095" i="2"/>
  <c r="L4069" i="5" s="1"/>
  <c r="K4095" i="2"/>
  <c r="K4069" i="5" s="1"/>
  <c r="M4095" i="2"/>
  <c r="M4069" i="5" s="1"/>
  <c r="P4069" i="5" s="1"/>
  <c r="J4095" i="2"/>
  <c r="J4069" i="5" s="1"/>
  <c r="N4069" i="5" s="1"/>
  <c r="I4095" i="2"/>
  <c r="I4069" i="5" s="1"/>
  <c r="M2321" i="2"/>
  <c r="M2295" i="5" s="1"/>
  <c r="P2295" i="5" s="1"/>
  <c r="I2321" i="2"/>
  <c r="I2295" i="5" s="1"/>
  <c r="J2321" i="2"/>
  <c r="J2295" i="5" s="1"/>
  <c r="N2295" i="5" s="1"/>
  <c r="K2321" i="2"/>
  <c r="K2295" i="5" s="1"/>
  <c r="O2295" i="5" s="1"/>
  <c r="I8531" i="2"/>
  <c r="I8505" i="5" s="1"/>
  <c r="J8531" i="2"/>
  <c r="J8505" i="5" s="1"/>
  <c r="N8505" i="5" s="1"/>
  <c r="L8531" i="2"/>
  <c r="L8505" i="5" s="1"/>
  <c r="K8531" i="2"/>
  <c r="K8505" i="5" s="1"/>
  <c r="J4776" i="2"/>
  <c r="J4750" i="5" s="1"/>
  <c r="N4750" i="5" s="1"/>
  <c r="L4776" i="2"/>
  <c r="L4750" i="5" s="1"/>
  <c r="I4776" i="2"/>
  <c r="I4750" i="5" s="1"/>
  <c r="L6171" i="2"/>
  <c r="L6145" i="5" s="1"/>
  <c r="M6171" i="2"/>
  <c r="M6145" i="5" s="1"/>
  <c r="P6145" i="5" s="1"/>
  <c r="K6171" i="2"/>
  <c r="K6145" i="5" s="1"/>
  <c r="J7535" i="2"/>
  <c r="J7509" i="5" s="1"/>
  <c r="N7509" i="5" s="1"/>
  <c r="I7535" i="2"/>
  <c r="I7509" i="5" s="1"/>
  <c r="K7535" i="2"/>
  <c r="K7509" i="5" s="1"/>
  <c r="M3092" i="2"/>
  <c r="M3066" i="5" s="1"/>
  <c r="P3066" i="5" s="1"/>
  <c r="L3092" i="2"/>
  <c r="L3066" i="5" s="1"/>
  <c r="I3092" i="2"/>
  <c r="I3066" i="5" s="1"/>
  <c r="J4586" i="2"/>
  <c r="J4560" i="5" s="1"/>
  <c r="N4560" i="5" s="1"/>
  <c r="K4586" i="2"/>
  <c r="K4560" i="5" s="1"/>
  <c r="L5155" i="2"/>
  <c r="L5129" i="5" s="1"/>
  <c r="J5155" i="2"/>
  <c r="J5129" i="5" s="1"/>
  <c r="N5129" i="5" s="1"/>
  <c r="K7028" i="2"/>
  <c r="K7002" i="5" s="1"/>
  <c r="L7028" i="2"/>
  <c r="L7002" i="5" s="1"/>
  <c r="M7028" i="2"/>
  <c r="M7002" i="5" s="1"/>
  <c r="P7002" i="5" s="1"/>
  <c r="I7028" i="2"/>
  <c r="I7002" i="5" s="1"/>
  <c r="L5124" i="2"/>
  <c r="L5098" i="5" s="1"/>
  <c r="I5124" i="2"/>
  <c r="I5098" i="5" s="1"/>
  <c r="L7480" i="2"/>
  <c r="L7454" i="5" s="1"/>
  <c r="I7480" i="2"/>
  <c r="I7454" i="5" s="1"/>
  <c r="K8169" i="2"/>
  <c r="K8143" i="5" s="1"/>
  <c r="K8150" i="2"/>
  <c r="K8124" i="5" s="1"/>
  <c r="J8150" i="2"/>
  <c r="J8124" i="5" s="1"/>
  <c r="N8124" i="5" s="1"/>
  <c r="M8150" i="2"/>
  <c r="M8124" i="5" s="1"/>
  <c r="P8124" i="5" s="1"/>
  <c r="J5784" i="2"/>
  <c r="J5758" i="5" s="1"/>
  <c r="L5784" i="2"/>
  <c r="L5758" i="5" s="1"/>
  <c r="L2752" i="2"/>
  <c r="L2726" i="5" s="1"/>
  <c r="M2752" i="2"/>
  <c r="M2726" i="5" s="1"/>
  <c r="P2726" i="5" s="1"/>
  <c r="M8276" i="2"/>
  <c r="M8250" i="5" s="1"/>
  <c r="P8250" i="5" s="1"/>
  <c r="K8276" i="2"/>
  <c r="K8250" i="5" s="1"/>
  <c r="J8276" i="2"/>
  <c r="J8250" i="5" s="1"/>
  <c r="N8250" i="5" s="1"/>
  <c r="L8276" i="2"/>
  <c r="L8250" i="5" s="1"/>
  <c r="K4259" i="2"/>
  <c r="K4233" i="5" s="1"/>
  <c r="L4259" i="2"/>
  <c r="L4233" i="5" s="1"/>
  <c r="I4259" i="2"/>
  <c r="I4233" i="5" s="1"/>
  <c r="I3258" i="2"/>
  <c r="I3232" i="5" s="1"/>
  <c r="L2337" i="2"/>
  <c r="L2311" i="5" s="1"/>
  <c r="J2337" i="2"/>
  <c r="J2311" i="5" s="1"/>
  <c r="N2311" i="5" s="1"/>
  <c r="I1326" i="2"/>
  <c r="I1300" i="5" s="1"/>
  <c r="M1326" i="2"/>
  <c r="M1300" i="5" s="1"/>
  <c r="P1300" i="5" s="1"/>
  <c r="L1326" i="2"/>
  <c r="L1300" i="5" s="1"/>
  <c r="I2992" i="2"/>
  <c r="I2966" i="5" s="1"/>
  <c r="L2992" i="2"/>
  <c r="L2966" i="5" s="1"/>
  <c r="K2992" i="2"/>
  <c r="K2966" i="5" s="1"/>
  <c r="M2992" i="2"/>
  <c r="M2966" i="5" s="1"/>
  <c r="P2966" i="5" s="1"/>
  <c r="J2992" i="2"/>
  <c r="J2966" i="5" s="1"/>
  <c r="I1946" i="2"/>
  <c r="I1920" i="5" s="1"/>
  <c r="M1946" i="2"/>
  <c r="M1920" i="5" s="1"/>
  <c r="P1920" i="5" s="1"/>
  <c r="K884" i="2"/>
  <c r="K858" i="5" s="1"/>
  <c r="J884" i="2"/>
  <c r="J858" i="5" s="1"/>
  <c r="N858" i="5" s="1"/>
  <c r="M884" i="2"/>
  <c r="M858" i="5" s="1"/>
  <c r="P858" i="5" s="1"/>
  <c r="L884" i="2"/>
  <c r="L858" i="5" s="1"/>
  <c r="I884" i="2"/>
  <c r="I858" i="5" s="1"/>
  <c r="K8703" i="2"/>
  <c r="K8677" i="5" s="1"/>
  <c r="J8703" i="2"/>
  <c r="J8677" i="5" s="1"/>
  <c r="N8677" i="5" s="1"/>
  <c r="M8703" i="2"/>
  <c r="M8677" i="5" s="1"/>
  <c r="P8677" i="5" s="1"/>
  <c r="L6931" i="2"/>
  <c r="L6905" i="5" s="1"/>
  <c r="J6931" i="2"/>
  <c r="J6905" i="5" s="1"/>
  <c r="N6905" i="5" s="1"/>
  <c r="L7682" i="2"/>
  <c r="L7656" i="5" s="1"/>
  <c r="K7682" i="2"/>
  <c r="K7656" i="5" s="1"/>
  <c r="L1213" i="2"/>
  <c r="L1187" i="5" s="1"/>
  <c r="J1213" i="2"/>
  <c r="J1187" i="5" s="1"/>
  <c r="N1187" i="5" s="1"/>
  <c r="L5432" i="2"/>
  <c r="L5406" i="5" s="1"/>
  <c r="I5432" i="2"/>
  <c r="I5406" i="5" s="1"/>
  <c r="M5432" i="2"/>
  <c r="M5406" i="5" s="1"/>
  <c r="P5406" i="5" s="1"/>
  <c r="K1591" i="2"/>
  <c r="K1565" i="5" s="1"/>
  <c r="J1591" i="2"/>
  <c r="J1565" i="5" s="1"/>
  <c r="N1565" i="5" s="1"/>
  <c r="I1591" i="2"/>
  <c r="I1565" i="5" s="1"/>
  <c r="L4823" i="2"/>
  <c r="L4797" i="5" s="1"/>
  <c r="K4823" i="2"/>
  <c r="K4797" i="5" s="1"/>
  <c r="J4823" i="2"/>
  <c r="J4797" i="5" s="1"/>
  <c r="N4797" i="5" s="1"/>
  <c r="I4466" i="2"/>
  <c r="I4440" i="5" s="1"/>
  <c r="J4466" i="2"/>
  <c r="J4440" i="5" s="1"/>
  <c r="N4440" i="5" s="1"/>
  <c r="J2131" i="2"/>
  <c r="J2105" i="5" s="1"/>
  <c r="N2105" i="5" s="1"/>
  <c r="I2131" i="2"/>
  <c r="I2105" i="5" s="1"/>
  <c r="L2131" i="2"/>
  <c r="L2105" i="5" s="1"/>
  <c r="I2124" i="2"/>
  <c r="I2098" i="5" s="1"/>
  <c r="J2124" i="2"/>
  <c r="J2098" i="5" s="1"/>
  <c r="N2098" i="5" s="1"/>
  <c r="M2124" i="2"/>
  <c r="M2098" i="5" s="1"/>
  <c r="P2098" i="5" s="1"/>
  <c r="K2124" i="2"/>
  <c r="K2098" i="5" s="1"/>
  <c r="I6778" i="2"/>
  <c r="I6752" i="5" s="1"/>
  <c r="J6778" i="2"/>
  <c r="J6752" i="5" s="1"/>
  <c r="N6752" i="5" s="1"/>
  <c r="L6778" i="2"/>
  <c r="L6752" i="5" s="1"/>
  <c r="I6509" i="2"/>
  <c r="I6483" i="5" s="1"/>
  <c r="M6447" i="2"/>
  <c r="M6421" i="5" s="1"/>
  <c r="P6421" i="5" s="1"/>
  <c r="K6447" i="2"/>
  <c r="K6421" i="5" s="1"/>
  <c r="L6447" i="2"/>
  <c r="L6421" i="5" s="1"/>
  <c r="I6447" i="2"/>
  <c r="I6421" i="5" s="1"/>
  <c r="J6447" i="2"/>
  <c r="J6421" i="5" s="1"/>
  <c r="N6421" i="5" s="1"/>
  <c r="J2657" i="2"/>
  <c r="J2631" i="5" s="1"/>
  <c r="N2631" i="5" s="1"/>
  <c r="I2657" i="2"/>
  <c r="I2631" i="5" s="1"/>
  <c r="K7508" i="2"/>
  <c r="K7482" i="5" s="1"/>
  <c r="J7508" i="2"/>
  <c r="J7482" i="5" s="1"/>
  <c r="N7482" i="5" s="1"/>
  <c r="L2056" i="2"/>
  <c r="L2030" i="5" s="1"/>
  <c r="J3002" i="2"/>
  <c r="J2976" i="5" s="1"/>
  <c r="N2976" i="5" s="1"/>
  <c r="M3002" i="2"/>
  <c r="M2976" i="5" s="1"/>
  <c r="P2976" i="5" s="1"/>
  <c r="J6301" i="2"/>
  <c r="J6275" i="5" s="1"/>
  <c r="N6275" i="5" s="1"/>
  <c r="I6301" i="2"/>
  <c r="I6275" i="5" s="1"/>
  <c r="L6301" i="2"/>
  <c r="L6275" i="5" s="1"/>
  <c r="J1581" i="2"/>
  <c r="J1555" i="5" s="1"/>
  <c r="N1555" i="5" s="1"/>
  <c r="L1581" i="2"/>
  <c r="L1555" i="5" s="1"/>
  <c r="M1581" i="2"/>
  <c r="M1555" i="5" s="1"/>
  <c r="P1555" i="5" s="1"/>
  <c r="I271" i="2"/>
  <c r="I245" i="5" s="1"/>
  <c r="L271" i="2"/>
  <c r="L245" i="5" s="1"/>
  <c r="M271" i="2"/>
  <c r="M245" i="5" s="1"/>
  <c r="P245" i="5" s="1"/>
  <c r="J271" i="2"/>
  <c r="J245" i="5" s="1"/>
  <c r="N245" i="5" s="1"/>
  <c r="K271" i="2"/>
  <c r="K245" i="5" s="1"/>
  <c r="L1109" i="2"/>
  <c r="L1083" i="5" s="1"/>
  <c r="M1109" i="2"/>
  <c r="M1083" i="5" s="1"/>
  <c r="P1083" i="5" s="1"/>
  <c r="J1109" i="2"/>
  <c r="J1083" i="5" s="1"/>
  <c r="N1083" i="5" s="1"/>
  <c r="I1109" i="2"/>
  <c r="I1083" i="5" s="1"/>
  <c r="J115" i="2"/>
  <c r="J89" i="5" s="1"/>
  <c r="N89" i="5" s="1"/>
  <c r="K115" i="2"/>
  <c r="K89" i="5" s="1"/>
  <c r="I8704" i="2"/>
  <c r="I8678" i="5" s="1"/>
  <c r="K8704" i="2"/>
  <c r="K8678" i="5" s="1"/>
  <c r="L8704" i="2"/>
  <c r="L8678" i="5" s="1"/>
  <c r="J8704" i="2"/>
  <c r="J8678" i="5" s="1"/>
  <c r="N8678" i="5" s="1"/>
  <c r="L880" i="2"/>
  <c r="L854" i="5" s="1"/>
  <c r="J880" i="2"/>
  <c r="J854" i="5" s="1"/>
  <c r="N854" i="5" s="1"/>
  <c r="K880" i="2"/>
  <c r="K854" i="5" s="1"/>
  <c r="M6136" i="2"/>
  <c r="M6110" i="5" s="1"/>
  <c r="P6110" i="5" s="1"/>
  <c r="J6136" i="2"/>
  <c r="J6110" i="5" s="1"/>
  <c r="N6110" i="5" s="1"/>
  <c r="L6136" i="2"/>
  <c r="L6110" i="5" s="1"/>
  <c r="K6136" i="2"/>
  <c r="K6110" i="5" s="1"/>
  <c r="I6136" i="2"/>
  <c r="I6110" i="5" s="1"/>
  <c r="I1586" i="2"/>
  <c r="I1560" i="5" s="1"/>
  <c r="K1586" i="2"/>
  <c r="K1560" i="5" s="1"/>
  <c r="J1586" i="2"/>
  <c r="J1560" i="5" s="1"/>
  <c r="M1586" i="2"/>
  <c r="M1560" i="5" s="1"/>
  <c r="P1560" i="5" s="1"/>
  <c r="L1586" i="2"/>
  <c r="L1560" i="5" s="1"/>
  <c r="K4827" i="2"/>
  <c r="K4801" i="5" s="1"/>
  <c r="O4801" i="5" s="1"/>
  <c r="J4827" i="2"/>
  <c r="J4801" i="5" s="1"/>
  <c r="N4801" i="5" s="1"/>
  <c r="L5826" i="2"/>
  <c r="L5800" i="5" s="1"/>
  <c r="I5826" i="2"/>
  <c r="I5800" i="5" s="1"/>
  <c r="J5826" i="2"/>
  <c r="J5800" i="5" s="1"/>
  <c r="N5800" i="5" s="1"/>
  <c r="M5826" i="2"/>
  <c r="M5800" i="5" s="1"/>
  <c r="P5800" i="5" s="1"/>
  <c r="K5826" i="2"/>
  <c r="K5800" i="5" s="1"/>
  <c r="K3593" i="2"/>
  <c r="K3567" i="5" s="1"/>
  <c r="M3593" i="2"/>
  <c r="M3567" i="5" s="1"/>
  <c r="P3567" i="5" s="1"/>
  <c r="J4677" i="2"/>
  <c r="J4651" i="5" s="1"/>
  <c r="N4651" i="5" s="1"/>
  <c r="M4677" i="2"/>
  <c r="M4651" i="5" s="1"/>
  <c r="P4651" i="5" s="1"/>
  <c r="M4454" i="2"/>
  <c r="M4428" i="5" s="1"/>
  <c r="P4428" i="5" s="1"/>
  <c r="J4454" i="2"/>
  <c r="J4428" i="5" s="1"/>
  <c r="N4428" i="5" s="1"/>
  <c r="K4454" i="2"/>
  <c r="K4428" i="5" s="1"/>
  <c r="I4454" i="2"/>
  <c r="I4428" i="5" s="1"/>
  <c r="L4454" i="2"/>
  <c r="L4428" i="5" s="1"/>
  <c r="L1096" i="2"/>
  <c r="L1070" i="5" s="1"/>
  <c r="M1096" i="2"/>
  <c r="M1070" i="5" s="1"/>
  <c r="P1070" i="5" s="1"/>
  <c r="I1096" i="2"/>
  <c r="I1070" i="5" s="1"/>
  <c r="J1096" i="2"/>
  <c r="J1070" i="5" s="1"/>
  <c r="N1070" i="5" s="1"/>
  <c r="I3428" i="2"/>
  <c r="I3402" i="5" s="1"/>
  <c r="J3428" i="2"/>
  <c r="J3402" i="5" s="1"/>
  <c r="N3402" i="5" s="1"/>
  <c r="L3428" i="2"/>
  <c r="L3402" i="5" s="1"/>
  <c r="K3428" i="2"/>
  <c r="K3402" i="5" s="1"/>
  <c r="M7786" i="2"/>
  <c r="M7760" i="5" s="1"/>
  <c r="P7760" i="5" s="1"/>
  <c r="J7786" i="2"/>
  <c r="J7760" i="5" s="1"/>
  <c r="N7760" i="5" s="1"/>
  <c r="L3745" i="2"/>
  <c r="L3719" i="5" s="1"/>
  <c r="J3745" i="2"/>
  <c r="J3719" i="5" s="1"/>
  <c r="N3719" i="5" s="1"/>
  <c r="M3745" i="2"/>
  <c r="M3719" i="5" s="1"/>
  <c r="P3719" i="5" s="1"/>
  <c r="I4416" i="2"/>
  <c r="I4390" i="5" s="1"/>
  <c r="I745" i="2"/>
  <c r="I719" i="5" s="1"/>
  <c r="J745" i="2"/>
  <c r="J719" i="5" s="1"/>
  <c r="N719" i="5" s="1"/>
  <c r="M745" i="2"/>
  <c r="M719" i="5" s="1"/>
  <c r="P719" i="5" s="1"/>
  <c r="L745" i="2"/>
  <c r="L719" i="5" s="1"/>
  <c r="F72" i="5"/>
  <c r="AR66" i="1"/>
  <c r="M3595" i="2"/>
  <c r="M3569" i="5" s="1"/>
  <c r="P3569" i="5" s="1"/>
  <c r="I3595" i="2"/>
  <c r="I3569" i="5" s="1"/>
  <c r="K3595" i="2"/>
  <c r="K3569" i="5" s="1"/>
  <c r="J3595" i="2"/>
  <c r="J3569" i="5" s="1"/>
  <c r="N3569" i="5" s="1"/>
  <c r="L3595" i="2"/>
  <c r="L3569" i="5" s="1"/>
  <c r="J1977" i="2"/>
  <c r="J1951" i="5" s="1"/>
  <c r="N1951" i="5" s="1"/>
  <c r="M1977" i="2"/>
  <c r="M1951" i="5" s="1"/>
  <c r="P1951" i="5" s="1"/>
  <c r="J6185" i="2"/>
  <c r="J6159" i="5" s="1"/>
  <c r="N6159" i="5" s="1"/>
  <c r="M6185" i="2"/>
  <c r="M6159" i="5" s="1"/>
  <c r="P6159" i="5" s="1"/>
  <c r="L6185" i="2"/>
  <c r="L6159" i="5" s="1"/>
  <c r="I6185" i="2"/>
  <c r="I6159" i="5" s="1"/>
  <c r="L3849" i="2"/>
  <c r="L3823" i="5" s="1"/>
  <c r="I3849" i="2"/>
  <c r="I3823" i="5" s="1"/>
  <c r="K3849" i="2"/>
  <c r="K3823" i="5" s="1"/>
  <c r="M3849" i="2"/>
  <c r="M3823" i="5" s="1"/>
  <c r="P3823" i="5" s="1"/>
  <c r="L1888" i="2"/>
  <c r="L1862" i="5" s="1"/>
  <c r="I1888" i="2"/>
  <c r="I1862" i="5" s="1"/>
  <c r="J1888" i="2"/>
  <c r="J1862" i="5" s="1"/>
  <c r="M8288" i="2"/>
  <c r="M8262" i="5" s="1"/>
  <c r="P8262" i="5" s="1"/>
  <c r="K8288" i="2"/>
  <c r="K8262" i="5" s="1"/>
  <c r="I7432" i="2"/>
  <c r="I7406" i="5" s="1"/>
  <c r="L7432" i="2"/>
  <c r="L7406" i="5" s="1"/>
  <c r="M3281" i="2"/>
  <c r="M3255" i="5" s="1"/>
  <c r="P3255" i="5" s="1"/>
  <c r="K5337" i="2"/>
  <c r="K5311" i="5" s="1"/>
  <c r="L5337" i="2"/>
  <c r="L5311" i="5" s="1"/>
  <c r="J5337" i="2"/>
  <c r="J5311" i="5" s="1"/>
  <c r="N5311" i="5" s="1"/>
  <c r="M5337" i="2"/>
  <c r="M5311" i="5" s="1"/>
  <c r="P5311" i="5" s="1"/>
  <c r="J3605" i="2"/>
  <c r="J3579" i="5" s="1"/>
  <c r="N3579" i="5" s="1"/>
  <c r="I3605" i="2"/>
  <c r="I3579" i="5" s="1"/>
  <c r="L3605" i="2"/>
  <c r="L3579" i="5" s="1"/>
  <c r="M3605" i="2"/>
  <c r="M3579" i="5" s="1"/>
  <c r="P3579" i="5" s="1"/>
  <c r="K3605" i="2"/>
  <c r="K3579" i="5" s="1"/>
  <c r="M5628" i="2"/>
  <c r="M5602" i="5" s="1"/>
  <c r="P5602" i="5" s="1"/>
  <c r="I5628" i="2"/>
  <c r="I5602" i="5" s="1"/>
  <c r="K5628" i="2"/>
  <c r="K5602" i="5" s="1"/>
  <c r="L5628" i="2"/>
  <c r="L5602" i="5" s="1"/>
  <c r="J5628" i="2"/>
  <c r="J5602" i="5" s="1"/>
  <c r="N5602" i="5" s="1"/>
  <c r="J7794" i="2"/>
  <c r="J7768" i="5" s="1"/>
  <c r="N7768" i="5" s="1"/>
  <c r="L7794" i="2"/>
  <c r="L7768" i="5" s="1"/>
  <c r="I4978" i="2"/>
  <c r="I4952" i="5" s="1"/>
  <c r="K4978" i="2"/>
  <c r="K4952" i="5" s="1"/>
  <c r="L3149" i="2"/>
  <c r="L3123" i="5" s="1"/>
  <c r="M3149" i="2"/>
  <c r="M3123" i="5" s="1"/>
  <c r="P3123" i="5" s="1"/>
  <c r="I3149" i="2"/>
  <c r="I3123" i="5" s="1"/>
  <c r="L5963" i="2"/>
  <c r="L5937" i="5" s="1"/>
  <c r="J5963" i="2"/>
  <c r="J5937" i="5" s="1"/>
  <c r="N5937" i="5" s="1"/>
  <c r="I5963" i="2"/>
  <c r="I5937" i="5" s="1"/>
  <c r="M5963" i="2"/>
  <c r="M5937" i="5" s="1"/>
  <c r="P5937" i="5" s="1"/>
  <c r="K5963" i="2"/>
  <c r="K5937" i="5" s="1"/>
  <c r="L8021" i="2"/>
  <c r="L7995" i="5" s="1"/>
  <c r="J8021" i="2"/>
  <c r="J7995" i="5" s="1"/>
  <c r="N7995" i="5" s="1"/>
  <c r="M6841" i="2"/>
  <c r="M6815" i="5" s="1"/>
  <c r="P6815" i="5" s="1"/>
  <c r="J6841" i="2"/>
  <c r="J6815" i="5" s="1"/>
  <c r="N6815" i="5" s="1"/>
  <c r="K3227" i="2"/>
  <c r="K3201" i="5" s="1"/>
  <c r="M3227" i="2"/>
  <c r="M3201" i="5" s="1"/>
  <c r="P3201" i="5" s="1"/>
  <c r="K1153" i="2"/>
  <c r="K1127" i="5" s="1"/>
  <c r="M1153" i="2"/>
  <c r="M1127" i="5" s="1"/>
  <c r="P1127" i="5" s="1"/>
  <c r="I1741" i="2"/>
  <c r="I1715" i="5" s="1"/>
  <c r="K1741" i="2"/>
  <c r="K1715" i="5" s="1"/>
  <c r="L4748" i="2"/>
  <c r="L4722" i="5" s="1"/>
  <c r="I4748" i="2"/>
  <c r="I4722" i="5" s="1"/>
  <c r="K4748" i="2"/>
  <c r="K4722" i="5" s="1"/>
  <c r="J2316" i="2"/>
  <c r="J2290" i="5" s="1"/>
  <c r="N2290" i="5" s="1"/>
  <c r="L2441" i="2"/>
  <c r="L2415" i="5" s="1"/>
  <c r="M6937" i="2"/>
  <c r="M6911" i="5" s="1"/>
  <c r="P6911" i="5" s="1"/>
  <c r="J3796" i="2"/>
  <c r="J3770" i="5" s="1"/>
  <c r="N3770" i="5" s="1"/>
  <c r="I7112" i="2"/>
  <c r="I7086" i="5" s="1"/>
  <c r="M7177" i="2"/>
  <c r="M7151" i="5" s="1"/>
  <c r="P7151" i="5" s="1"/>
  <c r="K8639" i="2"/>
  <c r="K8613" i="5" s="1"/>
  <c r="K3411" i="2"/>
  <c r="K3385" i="5" s="1"/>
  <c r="I3411" i="2"/>
  <c r="I3385" i="5" s="1"/>
  <c r="M5862" i="2"/>
  <c r="M5836" i="5" s="1"/>
  <c r="P5836" i="5" s="1"/>
  <c r="K2424" i="2"/>
  <c r="K2398" i="5" s="1"/>
  <c r="I2299" i="2"/>
  <c r="I2273" i="5" s="1"/>
  <c r="M6661" i="2"/>
  <c r="M6635" i="5" s="1"/>
  <c r="P6635" i="5" s="1"/>
  <c r="M7985" i="2"/>
  <c r="M7959" i="5" s="1"/>
  <c r="P7959" i="5" s="1"/>
  <c r="I2563" i="2"/>
  <c r="I2537" i="5" s="1"/>
  <c r="I7840" i="2"/>
  <c r="I7814" i="5" s="1"/>
  <c r="M1723" i="2"/>
  <c r="M1697" i="5" s="1"/>
  <c r="P1697" i="5" s="1"/>
  <c r="I3614" i="2"/>
  <c r="I3588" i="5" s="1"/>
  <c r="J3615" i="2"/>
  <c r="J3589" i="5" s="1"/>
  <c r="N3589" i="5" s="1"/>
  <c r="K2557" i="2"/>
  <c r="K2531" i="5" s="1"/>
  <c r="I5007" i="2"/>
  <c r="I4981" i="5" s="1"/>
  <c r="K5007" i="2"/>
  <c r="K4981" i="5" s="1"/>
  <c r="J5007" i="2"/>
  <c r="J4981" i="5" s="1"/>
  <c r="N4981" i="5" s="1"/>
  <c r="M5007" i="2"/>
  <c r="M4981" i="5" s="1"/>
  <c r="P4981" i="5" s="1"/>
  <c r="L5007" i="2"/>
  <c r="L4981" i="5" s="1"/>
  <c r="J4289" i="2"/>
  <c r="J4263" i="5" s="1"/>
  <c r="N4263" i="5" s="1"/>
  <c r="I4289" i="2"/>
  <c r="I4263" i="5" s="1"/>
  <c r="L4289" i="2"/>
  <c r="L4263" i="5" s="1"/>
  <c r="K4289" i="2"/>
  <c r="K4263" i="5" s="1"/>
  <c r="J3974" i="2"/>
  <c r="J3948" i="5" s="1"/>
  <c r="N3948" i="5" s="1"/>
  <c r="K4621" i="2"/>
  <c r="K4595" i="5" s="1"/>
  <c r="J4621" i="2"/>
  <c r="J4595" i="5" s="1"/>
  <c r="N4595" i="5" s="1"/>
  <c r="M4621" i="2"/>
  <c r="M4595" i="5" s="1"/>
  <c r="P4595" i="5" s="1"/>
  <c r="L4621" i="2"/>
  <c r="L4595" i="5" s="1"/>
  <c r="I4621" i="2"/>
  <c r="I4595" i="5" s="1"/>
  <c r="L7039" i="2"/>
  <c r="L7013" i="5" s="1"/>
  <c r="K7039" i="2"/>
  <c r="K7013" i="5" s="1"/>
  <c r="I7039" i="2"/>
  <c r="I7013" i="5" s="1"/>
  <c r="M2634" i="2"/>
  <c r="M2608" i="5" s="1"/>
  <c r="P2608" i="5" s="1"/>
  <c r="L2634" i="2"/>
  <c r="L2608" i="5" s="1"/>
  <c r="K2634" i="2"/>
  <c r="K2608" i="5" s="1"/>
  <c r="J2634" i="2"/>
  <c r="J2608" i="5" s="1"/>
  <c r="N2608" i="5" s="1"/>
  <c r="I2634" i="2"/>
  <c r="I2608" i="5" s="1"/>
  <c r="M7673" i="2"/>
  <c r="M7647" i="5" s="1"/>
  <c r="P7647" i="5" s="1"/>
  <c r="K1212" i="2"/>
  <c r="K1186" i="5" s="1"/>
  <c r="L8318" i="2"/>
  <c r="L8292" i="5" s="1"/>
  <c r="I1396" i="2"/>
  <c r="I1370" i="5" s="1"/>
  <c r="K5493" i="2"/>
  <c r="K5467" i="5" s="1"/>
  <c r="L3344" i="2"/>
  <c r="L3318" i="5" s="1"/>
  <c r="J2429" i="2"/>
  <c r="J2403" i="5" s="1"/>
  <c r="N2403" i="5" s="1"/>
  <c r="I6761" i="2"/>
  <c r="I6735" i="5" s="1"/>
  <c r="I1981" i="2"/>
  <c r="I1955" i="5" s="1"/>
  <c r="M2673" i="2"/>
  <c r="M2647" i="5" s="1"/>
  <c r="P2647" i="5" s="1"/>
  <c r="K4439" i="2"/>
  <c r="K4413" i="5" s="1"/>
  <c r="J5759" i="2"/>
  <c r="J5733" i="5" s="1"/>
  <c r="N5733" i="5" s="1"/>
  <c r="M1587" i="2"/>
  <c r="M1561" i="5" s="1"/>
  <c r="P1561" i="5" s="1"/>
  <c r="L1587" i="2"/>
  <c r="L1561" i="5" s="1"/>
  <c r="I1587" i="2"/>
  <c r="I1561" i="5" s="1"/>
  <c r="I81" i="2"/>
  <c r="I55" i="5" s="1"/>
  <c r="J549" i="2"/>
  <c r="J523" i="5" s="1"/>
  <c r="N523" i="5" s="1"/>
  <c r="J1772" i="2"/>
  <c r="J1746" i="5" s="1"/>
  <c r="N1746" i="5" s="1"/>
  <c r="I1772" i="2"/>
  <c r="I1746" i="5" s="1"/>
  <c r="K1772" i="2"/>
  <c r="K1746" i="5" s="1"/>
  <c r="L1772" i="2"/>
  <c r="L1746" i="5" s="1"/>
  <c r="M1772" i="2"/>
  <c r="M1746" i="5" s="1"/>
  <c r="P1746" i="5" s="1"/>
  <c r="I3677" i="2"/>
  <c r="I3651" i="5" s="1"/>
  <c r="J3677" i="2"/>
  <c r="J3651" i="5" s="1"/>
  <c r="N3651" i="5" s="1"/>
  <c r="M8327" i="2"/>
  <c r="M8301" i="5" s="1"/>
  <c r="P8301" i="5" s="1"/>
  <c r="J8327" i="2"/>
  <c r="J8301" i="5" s="1"/>
  <c r="N8301" i="5" s="1"/>
  <c r="L8327" i="2"/>
  <c r="L8301" i="5" s="1"/>
  <c r="I8327" i="2"/>
  <c r="I8301" i="5" s="1"/>
  <c r="L7288" i="2"/>
  <c r="L7262" i="5" s="1"/>
  <c r="M7288" i="2"/>
  <c r="M7262" i="5" s="1"/>
  <c r="P7262" i="5" s="1"/>
  <c r="M372" i="2"/>
  <c r="M346" i="5" s="1"/>
  <c r="P346" i="5" s="1"/>
  <c r="M2334" i="2"/>
  <c r="M2308" i="5" s="1"/>
  <c r="P2308" i="5" s="1"/>
  <c r="K7998" i="2"/>
  <c r="K7972" i="5" s="1"/>
  <c r="K6502" i="2"/>
  <c r="K6476" i="5" s="1"/>
  <c r="J5012" i="2"/>
  <c r="J4986" i="5" s="1"/>
  <c r="J3092" i="2"/>
  <c r="J3066" i="5" s="1"/>
  <c r="N3066" i="5" s="1"/>
  <c r="J2441" i="2"/>
  <c r="J2415" i="5" s="1"/>
  <c r="N2415" i="5" s="1"/>
  <c r="K2455" i="2"/>
  <c r="K2429" i="5" s="1"/>
  <c r="O2429" i="5" s="1"/>
  <c r="K3963" i="2"/>
  <c r="K3937" i="5" s="1"/>
  <c r="M2956" i="2"/>
  <c r="M2930" i="5" s="1"/>
  <c r="P2930" i="5" s="1"/>
  <c r="M8548" i="2"/>
  <c r="M8522" i="5" s="1"/>
  <c r="P8522" i="5" s="1"/>
  <c r="I764" i="2"/>
  <c r="I738" i="5" s="1"/>
  <c r="L4242" i="2"/>
  <c r="L4216" i="5" s="1"/>
  <c r="M4242" i="2"/>
  <c r="M4216" i="5" s="1"/>
  <c r="P4216" i="5" s="1"/>
  <c r="J7017" i="2"/>
  <c r="J6991" i="5" s="1"/>
  <c r="N6991" i="5" s="1"/>
  <c r="L7017" i="2"/>
  <c r="L6991" i="5" s="1"/>
  <c r="L4112" i="2"/>
  <c r="L4086" i="5" s="1"/>
  <c r="J4112" i="2"/>
  <c r="J4086" i="5" s="1"/>
  <c r="N4086" i="5" s="1"/>
  <c r="I4112" i="2"/>
  <c r="I4086" i="5" s="1"/>
  <c r="M3808" i="2"/>
  <c r="M3782" i="5" s="1"/>
  <c r="P3782" i="5" s="1"/>
  <c r="I3808" i="2"/>
  <c r="I3782" i="5" s="1"/>
  <c r="L3808" i="2"/>
  <c r="L3782" i="5" s="1"/>
  <c r="O3782" i="5" s="1"/>
  <c r="J3808" i="2"/>
  <c r="J3782" i="5" s="1"/>
  <c r="J5085" i="2"/>
  <c r="J5059" i="5" s="1"/>
  <c r="L5085" i="2"/>
  <c r="L5059" i="5" s="1"/>
  <c r="K5085" i="2"/>
  <c r="K5059" i="5" s="1"/>
  <c r="I5338" i="2"/>
  <c r="I5312" i="5" s="1"/>
  <c r="J787" i="2"/>
  <c r="J761" i="5" s="1"/>
  <c r="N761" i="5" s="1"/>
  <c r="M7281" i="2"/>
  <c r="M7255" i="5" s="1"/>
  <c r="P7255" i="5" s="1"/>
  <c r="L7673" i="2"/>
  <c r="L7647" i="5" s="1"/>
  <c r="I1212" i="2"/>
  <c r="I1186" i="5" s="1"/>
  <c r="I5085" i="2"/>
  <c r="I5059" i="5" s="1"/>
  <c r="M5461" i="2"/>
  <c r="M5435" i="5" s="1"/>
  <c r="P5435" i="5" s="1"/>
  <c r="J2455" i="2"/>
  <c r="J2429" i="5" s="1"/>
  <c r="N2429" i="5" s="1"/>
  <c r="I444" i="2"/>
  <c r="I418" i="5" s="1"/>
  <c r="M5089" i="2"/>
  <c r="M5063" i="5" s="1"/>
  <c r="P5063" i="5" s="1"/>
  <c r="I7987" i="2"/>
  <c r="I7961" i="5" s="1"/>
  <c r="M2609" i="2"/>
  <c r="M2583" i="5" s="1"/>
  <c r="P2583" i="5" s="1"/>
  <c r="M7099" i="2"/>
  <c r="M7073" i="5" s="1"/>
  <c r="P7073" i="5" s="1"/>
  <c r="J2057" i="2"/>
  <c r="J2031" i="5" s="1"/>
  <c r="N2031" i="5" s="1"/>
  <c r="J7955" i="2"/>
  <c r="J7929" i="5" s="1"/>
  <c r="N7929" i="5" s="1"/>
  <c r="K739" i="2"/>
  <c r="K713" i="5" s="1"/>
  <c r="L4119" i="2"/>
  <c r="L4093" i="5" s="1"/>
  <c r="K1914" i="2"/>
  <c r="K1888" i="5" s="1"/>
  <c r="L1914" i="2"/>
  <c r="L1888" i="5" s="1"/>
  <c r="I1914" i="2"/>
  <c r="I1888" i="5" s="1"/>
  <c r="J4521" i="2"/>
  <c r="J4495" i="5" s="1"/>
  <c r="N4495" i="5" s="1"/>
  <c r="M1440" i="2"/>
  <c r="M1414" i="5" s="1"/>
  <c r="P1414" i="5" s="1"/>
  <c r="K1440" i="2"/>
  <c r="K1414" i="5" s="1"/>
  <c r="I2246" i="2"/>
  <c r="I2220" i="5" s="1"/>
  <c r="K5687" i="2"/>
  <c r="K5661" i="5" s="1"/>
  <c r="J5687" i="2"/>
  <c r="J5661" i="5" s="1"/>
  <c r="N5661" i="5" s="1"/>
  <c r="M6502" i="2"/>
  <c r="M6476" i="5" s="1"/>
  <c r="P6476" i="5" s="1"/>
  <c r="K34" i="2"/>
  <c r="K8" i="5" s="1"/>
  <c r="M8318" i="2"/>
  <c r="M8292" i="5" s="1"/>
  <c r="P8292" i="5" s="1"/>
  <c r="J6448" i="2"/>
  <c r="J6422" i="5" s="1"/>
  <c r="N6422" i="5" s="1"/>
  <c r="L7358" i="2"/>
  <c r="L7332" i="5" s="1"/>
  <c r="J6808" i="2"/>
  <c r="J6782" i="5" s="1"/>
  <c r="N6782" i="5" s="1"/>
  <c r="M2159" i="2"/>
  <c r="M2133" i="5" s="1"/>
  <c r="P2133" i="5" s="1"/>
  <c r="I4172" i="2"/>
  <c r="I4146" i="5" s="1"/>
  <c r="L3963" i="2"/>
  <c r="L3937" i="5" s="1"/>
  <c r="L2124" i="2"/>
  <c r="L2098" i="5" s="1"/>
  <c r="K2471" i="2"/>
  <c r="K2445" i="5" s="1"/>
  <c r="J7987" i="2"/>
  <c r="J7961" i="5" s="1"/>
  <c r="M2057" i="2"/>
  <c r="M2031" i="5" s="1"/>
  <c r="P2031" i="5" s="1"/>
  <c r="I5632" i="2"/>
  <c r="I5606" i="5" s="1"/>
  <c r="L3068" i="2"/>
  <c r="L3042" i="5" s="1"/>
  <c r="K5975" i="2"/>
  <c r="K5949" i="5" s="1"/>
  <c r="O5949" i="5" s="1"/>
  <c r="J1741" i="2"/>
  <c r="J1715" i="5" s="1"/>
  <c r="N1715" i="5" s="1"/>
  <c r="J5183" i="2"/>
  <c r="J5157" i="5" s="1"/>
  <c r="N5157" i="5" s="1"/>
  <c r="M7955" i="2"/>
  <c r="M7929" i="5" s="1"/>
  <c r="P7929" i="5" s="1"/>
  <c r="I3947" i="2"/>
  <c r="I3921" i="5" s="1"/>
  <c r="J634" i="2"/>
  <c r="J608" i="5" s="1"/>
  <c r="N608" i="5" s="1"/>
  <c r="M634" i="2"/>
  <c r="M608" i="5" s="1"/>
  <c r="P608" i="5" s="1"/>
  <c r="I634" i="2"/>
  <c r="I608" i="5" s="1"/>
  <c r="K634" i="2"/>
  <c r="K608" i="5" s="1"/>
  <c r="L634" i="2"/>
  <c r="L608" i="5" s="1"/>
  <c r="K2077" i="2"/>
  <c r="K2051" i="5" s="1"/>
  <c r="M2077" i="2"/>
  <c r="M2051" i="5" s="1"/>
  <c r="P2051" i="5" s="1"/>
  <c r="I2077" i="2"/>
  <c r="I2051" i="5" s="1"/>
  <c r="L2077" i="2"/>
  <c r="L2051" i="5" s="1"/>
  <c r="J2077" i="2"/>
  <c r="J2051" i="5" s="1"/>
  <c r="N2051" i="5" s="1"/>
  <c r="I6190" i="2"/>
  <c r="I6164" i="5" s="1"/>
  <c r="I5836" i="2"/>
  <c r="I5810" i="5" s="1"/>
  <c r="L6105" i="2"/>
  <c r="L6079" i="5" s="1"/>
  <c r="I1633" i="2"/>
  <c r="I1607" i="5" s="1"/>
  <c r="K6448" i="2"/>
  <c r="K6422" i="5" s="1"/>
  <c r="M207" i="2"/>
  <c r="M181" i="5" s="1"/>
  <c r="P181" i="5" s="1"/>
  <c r="J2668" i="2"/>
  <c r="J2642" i="5" s="1"/>
  <c r="N2642" i="5" s="1"/>
  <c r="K3812" i="2"/>
  <c r="K3786" i="5" s="1"/>
  <c r="I2913" i="2"/>
  <c r="I2887" i="5" s="1"/>
  <c r="L1551" i="2"/>
  <c r="L1525" i="5" s="1"/>
  <c r="K948" i="2"/>
  <c r="K922" i="5" s="1"/>
  <c r="O922" i="5" s="1"/>
  <c r="J7191" i="2"/>
  <c r="J7165" i="5" s="1"/>
  <c r="N7165" i="5" s="1"/>
  <c r="K4480" i="2"/>
  <c r="K4454" i="5" s="1"/>
  <c r="K8349" i="2"/>
  <c r="K8323" i="5" s="1"/>
  <c r="L8349" i="2"/>
  <c r="L8323" i="5" s="1"/>
  <c r="J8356" i="2"/>
  <c r="J8330" i="5" s="1"/>
  <c r="N8330" i="5" s="1"/>
  <c r="M8356" i="2"/>
  <c r="M8330" i="5" s="1"/>
  <c r="P8330" i="5" s="1"/>
  <c r="L8356" i="2"/>
  <c r="L8330" i="5" s="1"/>
  <c r="I8356" i="2"/>
  <c r="I8330" i="5" s="1"/>
  <c r="M5975" i="2"/>
  <c r="M5949" i="5" s="1"/>
  <c r="P5949" i="5" s="1"/>
  <c r="I5975" i="2"/>
  <c r="I5949" i="5" s="1"/>
  <c r="I2823" i="2"/>
  <c r="I2797" i="5" s="1"/>
  <c r="AR117" i="1"/>
  <c r="J4577" i="2"/>
  <c r="J4551" i="5" s="1"/>
  <c r="N4551" i="5" s="1"/>
  <c r="I4577" i="2"/>
  <c r="I4551" i="5" s="1"/>
  <c r="M1045" i="2"/>
  <c r="M1019" i="5" s="1"/>
  <c r="P1019" i="5" s="1"/>
  <c r="J2925" i="2"/>
  <c r="J2899" i="5" s="1"/>
  <c r="N2899" i="5" s="1"/>
  <c r="L6327" i="2"/>
  <c r="L6301" i="5" s="1"/>
  <c r="I1277" i="2"/>
  <c r="I1251" i="5" s="1"/>
  <c r="J1045" i="2"/>
  <c r="J1019" i="5" s="1"/>
  <c r="N1019" i="5" s="1"/>
  <c r="L3898" i="2"/>
  <c r="L3872" i="5" s="1"/>
  <c r="J7673" i="2"/>
  <c r="J7647" i="5" s="1"/>
  <c r="N7647" i="5" s="1"/>
  <c r="K3092" i="2"/>
  <c r="K3066" i="5" s="1"/>
  <c r="L2057" i="2"/>
  <c r="L2031" i="5" s="1"/>
  <c r="K4941" i="2"/>
  <c r="K4915" i="5" s="1"/>
  <c r="K2913" i="2"/>
  <c r="K2887" i="5" s="1"/>
  <c r="L915" i="2"/>
  <c r="L889" i="5" s="1"/>
  <c r="M1811" i="2"/>
  <c r="M1785" i="5" s="1"/>
  <c r="P1785" i="5" s="1"/>
  <c r="M2558" i="2"/>
  <c r="M2532" i="5" s="1"/>
  <c r="P2532" i="5" s="1"/>
  <c r="K4172" i="2"/>
  <c r="K4146" i="5" s="1"/>
  <c r="K5756" i="2"/>
  <c r="K5730" i="5" s="1"/>
  <c r="K7960" i="2"/>
  <c r="K7934" i="5" s="1"/>
  <c r="I4334" i="2"/>
  <c r="I4308" i="5" s="1"/>
  <c r="L6646" i="2"/>
  <c r="L6620" i="5" s="1"/>
  <c r="L4660" i="2"/>
  <c r="L4634" i="5" s="1"/>
  <c r="L2558" i="2"/>
  <c r="L2532" i="5" s="1"/>
  <c r="M2471" i="2"/>
  <c r="M2445" i="5" s="1"/>
  <c r="P2445" i="5" s="1"/>
  <c r="J4295" i="2"/>
  <c r="J4269" i="5" s="1"/>
  <c r="N4269" i="5" s="1"/>
  <c r="J6357" i="2"/>
  <c r="J6331" i="5" s="1"/>
  <c r="N6331" i="5" s="1"/>
  <c r="J5985" i="2"/>
  <c r="J5959" i="5" s="1"/>
  <c r="N5959" i="5" s="1"/>
  <c r="I5756" i="2"/>
  <c r="I5730" i="5" s="1"/>
  <c r="J1551" i="2"/>
  <c r="J1525" i="5" s="1"/>
  <c r="N1525" i="5" s="1"/>
  <c r="M6588" i="2"/>
  <c r="M6562" i="5" s="1"/>
  <c r="P6562" i="5" s="1"/>
  <c r="I4855" i="2"/>
  <c r="I4829" i="5" s="1"/>
  <c r="I7459" i="2"/>
  <c r="I7433" i="5" s="1"/>
  <c r="I7960" i="2"/>
  <c r="I7934" i="5" s="1"/>
  <c r="L2466" i="2"/>
  <c r="L2440" i="5" s="1"/>
  <c r="L1900" i="2"/>
  <c r="L1874" i="5" s="1"/>
  <c r="M5463" i="2"/>
  <c r="M5437" i="5" s="1"/>
  <c r="P5437" i="5" s="1"/>
  <c r="I3809" i="2"/>
  <c r="I3783" i="5" s="1"/>
  <c r="M4237" i="2"/>
  <c r="M4211" i="5" s="1"/>
  <c r="P4211" i="5" s="1"/>
  <c r="M5792" i="2"/>
  <c r="M5766" i="5" s="1"/>
  <c r="P5766" i="5" s="1"/>
  <c r="M7191" i="2"/>
  <c r="M7165" i="5" s="1"/>
  <c r="P7165" i="5" s="1"/>
  <c r="I2057" i="2"/>
  <c r="I2031" i="5" s="1"/>
  <c r="I7288" i="2"/>
  <c r="I7262" i="5" s="1"/>
  <c r="M3677" i="2"/>
  <c r="M3651" i="5" s="1"/>
  <c r="P3651" i="5" s="1"/>
  <c r="K8309" i="2"/>
  <c r="K8283" i="5" s="1"/>
  <c r="L643" i="2"/>
  <c r="L617" i="5" s="1"/>
  <c r="J396" i="2"/>
  <c r="J370" i="5" s="1"/>
  <c r="N370" i="5" s="1"/>
  <c r="K7826" i="2"/>
  <c r="K7800" i="5" s="1"/>
  <c r="L5107" i="2"/>
  <c r="L5081" i="5" s="1"/>
  <c r="I7613" i="2"/>
  <c r="I7587" i="5" s="1"/>
  <c r="M6201" i="2"/>
  <c r="M6175" i="5" s="1"/>
  <c r="P6175" i="5" s="1"/>
  <c r="L6201" i="2"/>
  <c r="L6175" i="5" s="1"/>
  <c r="J6201" i="2"/>
  <c r="J6175" i="5" s="1"/>
  <c r="N6175" i="5" s="1"/>
  <c r="I4500" i="2"/>
  <c r="I4474" i="5" s="1"/>
  <c r="J4500" i="2"/>
  <c r="J4474" i="5" s="1"/>
  <c r="N4474" i="5" s="1"/>
  <c r="K4500" i="2"/>
  <c r="K4474" i="5" s="1"/>
  <c r="I7358" i="2"/>
  <c r="I7332" i="5" s="1"/>
  <c r="L4066" i="2"/>
  <c r="L6635" i="2"/>
  <c r="L6609" i="5" s="1"/>
  <c r="I7998" i="2"/>
  <c r="I7972" i="5" s="1"/>
  <c r="I2925" i="2"/>
  <c r="I2899" i="5" s="1"/>
  <c r="I787" i="2"/>
  <c r="I761" i="5" s="1"/>
  <c r="I6171" i="2"/>
  <c r="I6145" i="5" s="1"/>
  <c r="L7281" i="2"/>
  <c r="L7255" i="5" s="1"/>
  <c r="L1212" i="2"/>
  <c r="L1186" i="5" s="1"/>
  <c r="M5085" i="2"/>
  <c r="M5059" i="5" s="1"/>
  <c r="P5059" i="5" s="1"/>
  <c r="L5461" i="2"/>
  <c r="L5435" i="5" s="1"/>
  <c r="M6327" i="2"/>
  <c r="M6301" i="5" s="1"/>
  <c r="P6301" i="5" s="1"/>
  <c r="K574" i="2"/>
  <c r="K548" i="5" s="1"/>
  <c r="M574" i="2"/>
  <c r="M548" i="5" s="1"/>
  <c r="P548" i="5" s="1"/>
  <c r="K3125" i="2"/>
  <c r="K3099" i="5" s="1"/>
  <c r="I2808" i="2"/>
  <c r="I2782" i="5" s="1"/>
  <c r="M4490" i="2"/>
  <c r="M4464" i="5" s="1"/>
  <c r="P4464" i="5" s="1"/>
  <c r="I6502" i="2"/>
  <c r="I6476" i="5" s="1"/>
  <c r="I8276" i="2"/>
  <c r="I8250" i="5" s="1"/>
  <c r="K6327" i="2"/>
  <c r="K6301" i="5" s="1"/>
  <c r="L1277" i="2"/>
  <c r="L1251" i="5" s="1"/>
  <c r="K6100" i="2"/>
  <c r="K6074" i="5" s="1"/>
  <c r="I8110" i="2"/>
  <c r="I8084" i="5" s="1"/>
  <c r="M6687" i="2"/>
  <c r="M6661" i="5" s="1"/>
  <c r="P6661" i="5" s="1"/>
  <c r="I4348" i="2"/>
  <c r="I4322" i="5" s="1"/>
  <c r="K4983" i="2"/>
  <c r="K4957" i="5" s="1"/>
  <c r="O4957" i="5" s="1"/>
  <c r="K7456" i="2"/>
  <c r="K7430" i="5" s="1"/>
  <c r="M2466" i="2"/>
  <c r="M2440" i="5" s="1"/>
  <c r="P2440" i="5" s="1"/>
  <c r="I7467" i="2"/>
  <c r="I7441" i="5" s="1"/>
  <c r="M8201" i="2"/>
  <c r="M8175" i="5" s="1"/>
  <c r="P8175" i="5" s="1"/>
  <c r="I1790" i="2"/>
  <c r="I1764" i="5" s="1"/>
  <c r="K2558" i="2"/>
  <c r="K2532" i="5" s="1"/>
  <c r="L2471" i="2"/>
  <c r="L2445" i="5" s="1"/>
  <c r="M2443" i="2"/>
  <c r="M2417" i="5" s="1"/>
  <c r="P2417" i="5" s="1"/>
  <c r="I4304" i="2"/>
  <c r="I4278" i="5" s="1"/>
  <c r="J252" i="2"/>
  <c r="J226" i="5" s="1"/>
  <c r="N226" i="5" s="1"/>
  <c r="M5756" i="2"/>
  <c r="M5730" i="5" s="1"/>
  <c r="P5730" i="5" s="1"/>
  <c r="M8143" i="2"/>
  <c r="M8117" i="5" s="1"/>
  <c r="P8117" i="5" s="1"/>
  <c r="M1738" i="2"/>
  <c r="M1712" i="5" s="1"/>
  <c r="P1712" i="5" s="1"/>
  <c r="J5412" i="2"/>
  <c r="J5386" i="5" s="1"/>
  <c r="N5386" i="5" s="1"/>
  <c r="J6588" i="2"/>
  <c r="J6562" i="5" s="1"/>
  <c r="N6562" i="5" s="1"/>
  <c r="M7693" i="2"/>
  <c r="M7667" i="5" s="1"/>
  <c r="P7667" i="5" s="1"/>
  <c r="K6684" i="2"/>
  <c r="K6658" i="5" s="1"/>
  <c r="K1900" i="2"/>
  <c r="K1874" i="5" s="1"/>
  <c r="K3763" i="2"/>
  <c r="K3737" i="5" s="1"/>
  <c r="J3809" i="2"/>
  <c r="J3783" i="5" s="1"/>
  <c r="N3783" i="5" s="1"/>
  <c r="J4627" i="2"/>
  <c r="J4601" i="5" s="1"/>
  <c r="K4237" i="2"/>
  <c r="K4211" i="5" s="1"/>
  <c r="J5792" i="2"/>
  <c r="J5766" i="5" s="1"/>
  <c r="N5766" i="5" s="1"/>
  <c r="I115" i="2"/>
  <c r="I89" i="5" s="1"/>
  <c r="J7288" i="2"/>
  <c r="J7262" i="5" s="1"/>
  <c r="N7262" i="5" s="1"/>
  <c r="K3677" i="2"/>
  <c r="K3651" i="5" s="1"/>
  <c r="M643" i="2"/>
  <c r="M617" i="5" s="1"/>
  <c r="P617" i="5" s="1"/>
  <c r="I7508" i="2"/>
  <c r="I7482" i="5" s="1"/>
  <c r="M8783" i="2"/>
  <c r="M8757" i="5" s="1"/>
  <c r="P8757" i="5" s="1"/>
  <c r="K5690" i="2"/>
  <c r="K5664" i="5" s="1"/>
  <c r="K1474" i="2"/>
  <c r="K1448" i="5" s="1"/>
  <c r="O1448" i="5" s="1"/>
  <c r="L2402" i="2"/>
  <c r="L2376" i="5" s="1"/>
  <c r="M2402" i="2"/>
  <c r="M2376" i="5" s="1"/>
  <c r="P2376" i="5" s="1"/>
  <c r="L4426" i="2"/>
  <c r="L4400" i="5" s="1"/>
  <c r="M1546" i="2"/>
  <c r="M1520" i="5" s="1"/>
  <c r="P1520" i="5" s="1"/>
  <c r="J1546" i="2"/>
  <c r="J1520" i="5" s="1"/>
  <c r="N1520" i="5" s="1"/>
  <c r="M3774" i="2"/>
  <c r="M3748" i="5" s="1"/>
  <c r="P3748" i="5" s="1"/>
  <c r="I3774" i="2"/>
  <c r="I3748" i="5" s="1"/>
  <c r="I3846" i="2"/>
  <c r="I3820" i="5" s="1"/>
  <c r="K3846" i="2"/>
  <c r="K3820" i="5" s="1"/>
  <c r="J7128" i="2"/>
  <c r="J7102" i="5" s="1"/>
  <c r="N7102" i="5" s="1"/>
  <c r="M7128" i="2"/>
  <c r="M7102" i="5" s="1"/>
  <c r="P7102" i="5" s="1"/>
  <c r="K7128" i="2"/>
  <c r="K7102" i="5" s="1"/>
  <c r="L4500" i="2"/>
  <c r="L4474" i="5" s="1"/>
  <c r="K444" i="2"/>
  <c r="K418" i="5" s="1"/>
  <c r="L8030" i="2"/>
  <c r="L8004" i="5" s="1"/>
  <c r="L4842" i="2"/>
  <c r="L4816" i="5" s="1"/>
  <c r="I1154" i="2"/>
  <c r="I1128" i="5" s="1"/>
  <c r="J1633" i="2"/>
  <c r="J1607" i="5" s="1"/>
  <c r="N1607" i="5" s="1"/>
  <c r="L787" i="2"/>
  <c r="L761" i="5" s="1"/>
  <c r="K7281" i="2"/>
  <c r="K7255" i="5" s="1"/>
  <c r="I6327" i="2"/>
  <c r="I6301" i="5" s="1"/>
  <c r="J921" i="2"/>
  <c r="J895" i="5" s="1"/>
  <c r="N895" i="5" s="1"/>
  <c r="I4660" i="2"/>
  <c r="I4634" i="5" s="1"/>
  <c r="M4295" i="2"/>
  <c r="M4269" i="5" s="1"/>
  <c r="P4269" i="5" s="1"/>
  <c r="I1742" i="2"/>
  <c r="I1716" i="5" s="1"/>
  <c r="L5463" i="2"/>
  <c r="L5437" i="5" s="1"/>
  <c r="L5792" i="2"/>
  <c r="L5766" i="5" s="1"/>
  <c r="K7288" i="2"/>
  <c r="K7262" i="5" s="1"/>
  <c r="M5183" i="2"/>
  <c r="M5157" i="5" s="1"/>
  <c r="P5157" i="5" s="1"/>
  <c r="L118" i="2"/>
  <c r="L92" i="5" s="1"/>
  <c r="L3413" i="2"/>
  <c r="L3387" i="5" s="1"/>
  <c r="L5756" i="2"/>
  <c r="L5730" i="5" s="1"/>
  <c r="J8143" i="2"/>
  <c r="J8117" i="5" s="1"/>
  <c r="N8117" i="5" s="1"/>
  <c r="L1738" i="2"/>
  <c r="L1712" i="5" s="1"/>
  <c r="L6272" i="2"/>
  <c r="L6246" i="5" s="1"/>
  <c r="I5412" i="2"/>
  <c r="I5386" i="5" s="1"/>
  <c r="L6588" i="2"/>
  <c r="L6562" i="5" s="1"/>
  <c r="K649" i="2"/>
  <c r="K623" i="5" s="1"/>
  <c r="M2164" i="2"/>
  <c r="M2138" i="5" s="1"/>
  <c r="P2138" i="5" s="1"/>
  <c r="I571" i="2"/>
  <c r="I545" i="5" s="1"/>
  <c r="I6684" i="2"/>
  <c r="I6658" i="5" s="1"/>
  <c r="I2225" i="2"/>
  <c r="I2199" i="5" s="1"/>
  <c r="I1900" i="2"/>
  <c r="I1874" i="5" s="1"/>
  <c r="K4627" i="2"/>
  <c r="K4601" i="5" s="1"/>
  <c r="M115" i="2"/>
  <c r="M89" i="5" s="1"/>
  <c r="P89" i="5" s="1"/>
  <c r="J643" i="2"/>
  <c r="J617" i="5" s="1"/>
  <c r="N617" i="5" s="1"/>
  <c r="K4583" i="2"/>
  <c r="K4557" i="5" s="1"/>
  <c r="J5322" i="2"/>
  <c r="J5296" i="5" s="1"/>
  <c r="N5296" i="5" s="1"/>
  <c r="J5500" i="2"/>
  <c r="J5474" i="5" s="1"/>
  <c r="I3492" i="2"/>
  <c r="I3466" i="5" s="1"/>
  <c r="L3492" i="2"/>
  <c r="L3466" i="5" s="1"/>
  <c r="K3492" i="2"/>
  <c r="K3466" i="5" s="1"/>
  <c r="I7198" i="2"/>
  <c r="I7172" i="5" s="1"/>
  <c r="M2927" i="2"/>
  <c r="M2901" i="5" s="1"/>
  <c r="P2901" i="5" s="1"/>
  <c r="K2927" i="2"/>
  <c r="K2901" i="5" s="1"/>
  <c r="L1295" i="2"/>
  <c r="L1269" i="5" s="1"/>
  <c r="M1295" i="2"/>
  <c r="M1269" i="5" s="1"/>
  <c r="P1269" i="5" s="1"/>
  <c r="I1295" i="2"/>
  <c r="I1269" i="5" s="1"/>
  <c r="K1295" i="2"/>
  <c r="K1269" i="5" s="1"/>
  <c r="J1295" i="2"/>
  <c r="J1269" i="5" s="1"/>
  <c r="N1269" i="5" s="1"/>
  <c r="L4767" i="2"/>
  <c r="L4741" i="5" s="1"/>
  <c r="K4767" i="2"/>
  <c r="K4741" i="5" s="1"/>
  <c r="J4767" i="2"/>
  <c r="J4741" i="5" s="1"/>
  <c r="N4741" i="5" s="1"/>
  <c r="M2823" i="2"/>
  <c r="M2797" i="5" s="1"/>
  <c r="P2797" i="5" s="1"/>
  <c r="L97" i="2"/>
  <c r="L71" i="5" s="1"/>
  <c r="L1134" i="2"/>
  <c r="L1108" i="5" s="1"/>
  <c r="J8544" i="2"/>
  <c r="J8518" i="5" s="1"/>
  <c r="J8535" i="2"/>
  <c r="J8509" i="5" s="1"/>
  <c r="N8509" i="5" s="1"/>
  <c r="J6171" i="2"/>
  <c r="J6145" i="5" s="1"/>
  <c r="N6145" i="5" s="1"/>
  <c r="L1741" i="2"/>
  <c r="L1715" i="5" s="1"/>
  <c r="I2929" i="2"/>
  <c r="I2903" i="5" s="1"/>
  <c r="M278" i="2"/>
  <c r="M252" i="5" s="1"/>
  <c r="P252" i="5" s="1"/>
  <c r="L278" i="2"/>
  <c r="L252" i="5" s="1"/>
  <c r="L4422" i="2"/>
  <c r="L4396" i="5" s="1"/>
  <c r="I4295" i="2"/>
  <c r="I4269" i="5" s="1"/>
  <c r="I7195" i="2"/>
  <c r="I7169" i="5" s="1"/>
  <c r="M4172" i="2"/>
  <c r="M4146" i="5" s="1"/>
  <c r="P4146" i="5" s="1"/>
  <c r="J7303" i="2"/>
  <c r="J7277" i="5" s="1"/>
  <c r="N7277" i="5" s="1"/>
  <c r="I2471" i="2"/>
  <c r="I2445" i="5" s="1"/>
  <c r="I7281" i="2"/>
  <c r="I7255" i="5" s="1"/>
  <c r="J4158" i="2"/>
  <c r="J4132" i="5" s="1"/>
  <c r="N4132" i="5" s="1"/>
  <c r="M1790" i="2"/>
  <c r="M1764" i="5" s="1"/>
  <c r="P1764" i="5" s="1"/>
  <c r="I2558" i="2"/>
  <c r="I2532" i="5" s="1"/>
  <c r="J2479" i="2"/>
  <c r="J2453" i="5" s="1"/>
  <c r="N2453" i="5" s="1"/>
  <c r="J2443" i="2"/>
  <c r="J2417" i="5" s="1"/>
  <c r="N2417" i="5" s="1"/>
  <c r="L4304" i="2"/>
  <c r="L4278" i="5" s="1"/>
  <c r="I5333" i="2"/>
  <c r="I5307" i="5" s="1"/>
  <c r="L1884" i="2"/>
  <c r="L1858" i="5" s="1"/>
  <c r="K2977" i="2"/>
  <c r="K2951" i="5" s="1"/>
  <c r="L1790" i="2"/>
  <c r="L1764" i="5" s="1"/>
  <c r="K5108" i="2"/>
  <c r="K5082" i="5" s="1"/>
  <c r="M4304" i="2"/>
  <c r="M4278" i="5" s="1"/>
  <c r="P4278" i="5" s="1"/>
  <c r="K5333" i="2"/>
  <c r="K5307" i="5" s="1"/>
  <c r="O5307" i="5" s="1"/>
  <c r="M2131" i="2"/>
  <c r="M2105" i="5" s="1"/>
  <c r="P2105" i="5" s="1"/>
  <c r="I118" i="2"/>
  <c r="I92" i="5" s="1"/>
  <c r="J1884" i="2"/>
  <c r="J1858" i="5" s="1"/>
  <c r="N1858" i="5" s="1"/>
  <c r="J541" i="2"/>
  <c r="J515" i="5" s="1"/>
  <c r="N515" i="5" s="1"/>
  <c r="J6849" i="2"/>
  <c r="J6823" i="5" s="1"/>
  <c r="N6823" i="5" s="1"/>
  <c r="I8143" i="2"/>
  <c r="I8117" i="5" s="1"/>
  <c r="K1738" i="2"/>
  <c r="K1712" i="5" s="1"/>
  <c r="K6272" i="2"/>
  <c r="K6246" i="5" s="1"/>
  <c r="M5412" i="2"/>
  <c r="M5386" i="5" s="1"/>
  <c r="P5386" i="5" s="1"/>
  <c r="K6588" i="2"/>
  <c r="K6562" i="5" s="1"/>
  <c r="I649" i="2"/>
  <c r="I623" i="5" s="1"/>
  <c r="J5833" i="2"/>
  <c r="J5807" i="5" s="1"/>
  <c r="N5807" i="5" s="1"/>
  <c r="M571" i="2"/>
  <c r="M545" i="5" s="1"/>
  <c r="P545" i="5" s="1"/>
  <c r="M6684" i="2"/>
  <c r="M6658" i="5" s="1"/>
  <c r="P6658" i="5" s="1"/>
  <c r="M4776" i="2"/>
  <c r="M4750" i="5" s="1"/>
  <c r="P4750" i="5" s="1"/>
  <c r="L2225" i="2"/>
  <c r="L2199" i="5" s="1"/>
  <c r="L7594" i="2"/>
  <c r="L7568" i="5" s="1"/>
  <c r="K5580" i="2"/>
  <c r="K5554" i="5" s="1"/>
  <c r="L1546" i="2"/>
  <c r="L1520" i="5" s="1"/>
  <c r="K726" i="2"/>
  <c r="K700" i="5" s="1"/>
  <c r="I4627" i="2"/>
  <c r="I4601" i="5" s="1"/>
  <c r="L115" i="2"/>
  <c r="L89" i="5" s="1"/>
  <c r="M4767" i="2"/>
  <c r="M4741" i="5" s="1"/>
  <c r="P4741" i="5" s="1"/>
  <c r="M7830" i="2"/>
  <c r="M7804" i="5" s="1"/>
  <c r="P7804" i="5" s="1"/>
  <c r="L1113" i="2"/>
  <c r="L1087" i="5" s="1"/>
  <c r="K5322" i="2"/>
  <c r="K5296" i="5" s="1"/>
  <c r="L7808" i="2"/>
  <c r="L7782" i="5" s="1"/>
  <c r="J6194" i="2"/>
  <c r="J6168" i="5" s="1"/>
  <c r="N6168" i="5" s="1"/>
  <c r="I6194" i="2"/>
  <c r="I6168" i="5" s="1"/>
  <c r="M6194" i="2"/>
  <c r="M6168" i="5" s="1"/>
  <c r="P6168" i="5" s="1"/>
  <c r="M3492" i="2"/>
  <c r="M3466" i="5" s="1"/>
  <c r="P3466" i="5" s="1"/>
  <c r="J2804" i="2"/>
  <c r="J2778" i="5" s="1"/>
  <c r="N2778" i="5" s="1"/>
  <c r="J3508" i="2"/>
  <c r="J3482" i="5" s="1"/>
  <c r="L3508" i="2"/>
  <c r="L3482" i="5" s="1"/>
  <c r="J7545" i="2"/>
  <c r="J7519" i="5" s="1"/>
  <c r="L7545" i="2"/>
  <c r="L7519" i="5" s="1"/>
  <c r="M7545" i="2"/>
  <c r="M7519" i="5" s="1"/>
  <c r="P7519" i="5" s="1"/>
  <c r="K7545" i="2"/>
  <c r="K7519" i="5" s="1"/>
  <c r="M5143" i="2"/>
  <c r="M5117" i="5" s="1"/>
  <c r="P5117" i="5" s="1"/>
  <c r="J5143" i="2"/>
  <c r="J5117" i="5" s="1"/>
  <c r="N5117" i="5" s="1"/>
  <c r="L5143" i="2"/>
  <c r="L5117" i="5" s="1"/>
  <c r="L911" i="2"/>
  <c r="L885" i="5" s="1"/>
  <c r="K911" i="2"/>
  <c r="K885" i="5" s="1"/>
  <c r="J443" i="2"/>
  <c r="J417" i="5" s="1"/>
  <c r="N417" i="5" s="1"/>
  <c r="K5465" i="2"/>
  <c r="K5439" i="5" s="1"/>
  <c r="I7173" i="2"/>
  <c r="I7147" i="5" s="1"/>
  <c r="I7099" i="2"/>
  <c r="I7073" i="5" s="1"/>
  <c r="I6201" i="2"/>
  <c r="I6175" i="5" s="1"/>
  <c r="K2441" i="2"/>
  <c r="K2415" i="5" s="1"/>
  <c r="M5306" i="2"/>
  <c r="M5280" i="5" s="1"/>
  <c r="P5280" i="5" s="1"/>
  <c r="L7195" i="2"/>
  <c r="L7169" i="5" s="1"/>
  <c r="M787" i="2"/>
  <c r="M761" i="5" s="1"/>
  <c r="P761" i="5" s="1"/>
  <c r="M444" i="2"/>
  <c r="M418" i="5" s="1"/>
  <c r="P418" i="5" s="1"/>
  <c r="L7987" i="2"/>
  <c r="L7961" i="5" s="1"/>
  <c r="L772" i="2"/>
  <c r="L746" i="5" s="1"/>
  <c r="M5155" i="2"/>
  <c r="M5129" i="5" s="1"/>
  <c r="P5129" i="5" s="1"/>
  <c r="K1109" i="2"/>
  <c r="K1083" i="5" s="1"/>
  <c r="O1083" i="5" s="1"/>
  <c r="I5318" i="2"/>
  <c r="I5292" i="5" s="1"/>
  <c r="I7664" i="2"/>
  <c r="I7638" i="5" s="1"/>
  <c r="L7664" i="2"/>
  <c r="L7638" i="5" s="1"/>
  <c r="I595" i="2"/>
  <c r="I569" i="5" s="1"/>
  <c r="K595" i="2"/>
  <c r="K569" i="5" s="1"/>
  <c r="K1946" i="2"/>
  <c r="K1920" i="5" s="1"/>
  <c r="O1920" i="5" s="1"/>
  <c r="K6646" i="2"/>
  <c r="K6620" i="5" s="1"/>
  <c r="J7195" i="2"/>
  <c r="J7169" i="5" s="1"/>
  <c r="N7169" i="5" s="1"/>
  <c r="K4855" i="2"/>
  <c r="K4829" i="5" s="1"/>
  <c r="L7459" i="2"/>
  <c r="L7433" i="5" s="1"/>
  <c r="L3809" i="2"/>
  <c r="L3783" i="5" s="1"/>
  <c r="L5665" i="2"/>
  <c r="L5639" i="5" s="1"/>
  <c r="J2977" i="2"/>
  <c r="J2951" i="5" s="1"/>
  <c r="N2951" i="5" s="1"/>
  <c r="I5108" i="2"/>
  <c r="I5082" i="5" s="1"/>
  <c r="J5333" i="2"/>
  <c r="J5307" i="5" s="1"/>
  <c r="N5307" i="5" s="1"/>
  <c r="K2131" i="2"/>
  <c r="K2105" i="5" s="1"/>
  <c r="M118" i="2"/>
  <c r="M92" i="5" s="1"/>
  <c r="P92" i="5" s="1"/>
  <c r="K1884" i="2"/>
  <c r="K1858" i="5" s="1"/>
  <c r="O1858" i="5" s="1"/>
  <c r="I6272" i="2"/>
  <c r="I6246" i="5" s="1"/>
  <c r="L5412" i="2"/>
  <c r="L5386" i="5" s="1"/>
  <c r="L2118" i="2"/>
  <c r="L2092" i="5" s="1"/>
  <c r="L571" i="2"/>
  <c r="L545" i="5" s="1"/>
  <c r="I5784" i="2"/>
  <c r="I5758" i="5" s="1"/>
  <c r="L6684" i="2"/>
  <c r="L6658" i="5" s="1"/>
  <c r="M6608" i="2"/>
  <c r="M6582" i="5" s="1"/>
  <c r="P6582" i="5" s="1"/>
  <c r="K4776" i="2"/>
  <c r="K4750" i="5" s="1"/>
  <c r="K2804" i="2"/>
  <c r="K2778" i="5" s="1"/>
  <c r="O2778" i="5" s="1"/>
  <c r="I7594" i="2"/>
  <c r="I7568" i="5" s="1"/>
  <c r="J5258" i="2"/>
  <c r="J5232" i="5" s="1"/>
  <c r="N5232" i="5" s="1"/>
  <c r="I2402" i="2"/>
  <c r="I2376" i="5" s="1"/>
  <c r="L4627" i="2"/>
  <c r="L4601" i="5" s="1"/>
  <c r="I4767" i="2"/>
  <c r="I4741" i="5" s="1"/>
  <c r="K1113" i="2"/>
  <c r="K1087" i="5" s="1"/>
  <c r="K5143" i="2"/>
  <c r="K5117" i="5" s="1"/>
  <c r="I2473" i="2"/>
  <c r="I2447" i="5" s="1"/>
  <c r="M1079" i="2"/>
  <c r="M1053" i="5" s="1"/>
  <c r="P1053" i="5" s="1"/>
  <c r="K3483" i="2"/>
  <c r="K3457" i="5" s="1"/>
  <c r="O3457" i="5" s="1"/>
  <c r="M4416" i="2"/>
  <c r="M4390" i="5" s="1"/>
  <c r="P4390" i="5" s="1"/>
  <c r="M5528" i="2"/>
  <c r="M5502" i="5" s="1"/>
  <c r="P5502" i="5" s="1"/>
  <c r="L6942" i="2"/>
  <c r="L6916" i="5" s="1"/>
  <c r="K6942" i="2"/>
  <c r="K6916" i="5" s="1"/>
  <c r="K6509" i="2"/>
  <c r="K6483" i="5" s="1"/>
  <c r="O6483" i="5" s="1"/>
  <c r="J6509" i="2"/>
  <c r="J6483" i="5" s="1"/>
  <c r="N6483" i="5" s="1"/>
  <c r="K1161" i="2"/>
  <c r="K1135" i="5" s="1"/>
  <c r="M1161" i="2"/>
  <c r="M1135" i="5" s="1"/>
  <c r="P1135" i="5" s="1"/>
  <c r="J957" i="2"/>
  <c r="J931" i="5" s="1"/>
  <c r="N931" i="5" s="1"/>
  <c r="K396" i="2"/>
  <c r="K370" i="5" s="1"/>
  <c r="L5115" i="2"/>
  <c r="L5089" i="5" s="1"/>
  <c r="K5115" i="2"/>
  <c r="K5089" i="5" s="1"/>
  <c r="M5115" i="2"/>
  <c r="M5089" i="5" s="1"/>
  <c r="P5089" i="5" s="1"/>
  <c r="I5115" i="2"/>
  <c r="I5089" i="5" s="1"/>
  <c r="K2784" i="2"/>
  <c r="K2758" i="5" s="1"/>
  <c r="I2784" i="2"/>
  <c r="I2758" i="5" s="1"/>
  <c r="L2784" i="2"/>
  <c r="L2758" i="5" s="1"/>
  <c r="M2784" i="2"/>
  <c r="M2758" i="5" s="1"/>
  <c r="P2758" i="5" s="1"/>
  <c r="J2784" i="2"/>
  <c r="J2758" i="5" s="1"/>
  <c r="M3282" i="2"/>
  <c r="M3256" i="5" s="1"/>
  <c r="P3256" i="5" s="1"/>
  <c r="K3282" i="2"/>
  <c r="K3256" i="5" s="1"/>
  <c r="I6338" i="2"/>
  <c r="I6312" i="5" s="1"/>
  <c r="L6338" i="2"/>
  <c r="L6312" i="5" s="1"/>
  <c r="J2593" i="2"/>
  <c r="J2567" i="5" s="1"/>
  <c r="N2567" i="5" s="1"/>
  <c r="K5287" i="2"/>
  <c r="K5261" i="5" s="1"/>
  <c r="O5261" i="5" s="1"/>
  <c r="M5287" i="2"/>
  <c r="M5261" i="5" s="1"/>
  <c r="P5261" i="5" s="1"/>
  <c r="I3009" i="2"/>
  <c r="I2983" i="5" s="1"/>
  <c r="J3009" i="2"/>
  <c r="J2983" i="5" s="1"/>
  <c r="N2983" i="5" s="1"/>
  <c r="J1278" i="2"/>
  <c r="J1252" i="5" s="1"/>
  <c r="N1252" i="5" s="1"/>
  <c r="K5825" i="2"/>
  <c r="K5799" i="5" s="1"/>
  <c r="L5825" i="2"/>
  <c r="L5799" i="5" s="1"/>
  <c r="M5825" i="2"/>
  <c r="M5799" i="5" s="1"/>
  <c r="P5799" i="5" s="1"/>
  <c r="I5825" i="2"/>
  <c r="I5799" i="5" s="1"/>
  <c r="M1061" i="2"/>
  <c r="M1035" i="5" s="1"/>
  <c r="P1035" i="5" s="1"/>
  <c r="I3430" i="2"/>
  <c r="I3404" i="5" s="1"/>
  <c r="L3430" i="2"/>
  <c r="L3404" i="5" s="1"/>
  <c r="J3430" i="2"/>
  <c r="J3404" i="5" s="1"/>
  <c r="N3404" i="5" s="1"/>
  <c r="K3430" i="2"/>
  <c r="K3404" i="5" s="1"/>
  <c r="M3430" i="2"/>
  <c r="M3404" i="5" s="1"/>
  <c r="P3404" i="5" s="1"/>
  <c r="I1123" i="2"/>
  <c r="I1097" i="5" s="1"/>
  <c r="I7023" i="2"/>
  <c r="I6997" i="5" s="1"/>
  <c r="L7023" i="2"/>
  <c r="L6997" i="5" s="1"/>
  <c r="K7023" i="2"/>
  <c r="K6997" i="5" s="1"/>
  <c r="M2587" i="2"/>
  <c r="M2561" i="5" s="1"/>
  <c r="P2561" i="5" s="1"/>
  <c r="I4997" i="2"/>
  <c r="I4971" i="5" s="1"/>
  <c r="K4997" i="2"/>
  <c r="K4971" i="5" s="1"/>
  <c r="M4997" i="2"/>
  <c r="M4971" i="5" s="1"/>
  <c r="P4971" i="5" s="1"/>
  <c r="L4997" i="2"/>
  <c r="L4971" i="5" s="1"/>
  <c r="J4997" i="2"/>
  <c r="J4971" i="5" s="1"/>
  <c r="N4971" i="5" s="1"/>
  <c r="L8171" i="2"/>
  <c r="L8145" i="5" s="1"/>
  <c r="M8171" i="2"/>
  <c r="M8145" i="5" s="1"/>
  <c r="P8145" i="5" s="1"/>
  <c r="I8171" i="2"/>
  <c r="I8145" i="5" s="1"/>
  <c r="K8171" i="2"/>
  <c r="K8145" i="5" s="1"/>
  <c r="I8114" i="2"/>
  <c r="I8088" i="5" s="1"/>
  <c r="M8114" i="2"/>
  <c r="M8088" i="5" s="1"/>
  <c r="P8088" i="5" s="1"/>
  <c r="I3480" i="2"/>
  <c r="I3454" i="5" s="1"/>
  <c r="K3480" i="2"/>
  <c r="K3454" i="5" s="1"/>
  <c r="M3480" i="2"/>
  <c r="M3454" i="5" s="1"/>
  <c r="P3454" i="5" s="1"/>
  <c r="J3480" i="2"/>
  <c r="J3454" i="5" s="1"/>
  <c r="I3590" i="2"/>
  <c r="I3564" i="5" s="1"/>
  <c r="J3590" i="2"/>
  <c r="J3564" i="5" s="1"/>
  <c r="N3564" i="5" s="1"/>
  <c r="L1283" i="2"/>
  <c r="L1257" i="5" s="1"/>
  <c r="M1283" i="2"/>
  <c r="M1257" i="5" s="1"/>
  <c r="P1257" i="5" s="1"/>
  <c r="I2582" i="2"/>
  <c r="I2556" i="5" s="1"/>
  <c r="L2582" i="2"/>
  <c r="L2556" i="5" s="1"/>
  <c r="J2582" i="2"/>
  <c r="J2556" i="5" s="1"/>
  <c r="N2556" i="5" s="1"/>
  <c r="J4819" i="2"/>
  <c r="J4793" i="5" s="1"/>
  <c r="N4793" i="5" s="1"/>
  <c r="I4819" i="2"/>
  <c r="I4793" i="5" s="1"/>
  <c r="K4819" i="2"/>
  <c r="K4793" i="5" s="1"/>
  <c r="L4819" i="2"/>
  <c r="L4793" i="5" s="1"/>
  <c r="M1316" i="2"/>
  <c r="M1290" i="5" s="1"/>
  <c r="P1290" i="5" s="1"/>
  <c r="L5322" i="2"/>
  <c r="L5296" i="5" s="1"/>
  <c r="K6981" i="2"/>
  <c r="K6955" i="5" s="1"/>
  <c r="L6981" i="2"/>
  <c r="L6955" i="5" s="1"/>
  <c r="I5269" i="2"/>
  <c r="I5243" i="5" s="1"/>
  <c r="M6312" i="2"/>
  <c r="M6286" i="5" s="1"/>
  <c r="P6286" i="5" s="1"/>
  <c r="K6312" i="2"/>
  <c r="K6286" i="5" s="1"/>
  <c r="J6312" i="2"/>
  <c r="J6286" i="5" s="1"/>
  <c r="N6286" i="5" s="1"/>
  <c r="L6312" i="2"/>
  <c r="L6286" i="5" s="1"/>
  <c r="I6312" i="2"/>
  <c r="I6286" i="5" s="1"/>
  <c r="J1044" i="2"/>
  <c r="J1018" i="5" s="1"/>
  <c r="K1044" i="2"/>
  <c r="K1018" i="5" s="1"/>
  <c r="O1018" i="5" s="1"/>
  <c r="I6963" i="2"/>
  <c r="I6937" i="5" s="1"/>
  <c r="K6963" i="2"/>
  <c r="K6937" i="5" s="1"/>
  <c r="O6937" i="5" s="1"/>
  <c r="M5525" i="2"/>
  <c r="M5499" i="5" s="1"/>
  <c r="P5499" i="5" s="1"/>
  <c r="J5525" i="2"/>
  <c r="J5499" i="5" s="1"/>
  <c r="N5499" i="5" s="1"/>
  <c r="E155" i="5"/>
  <c r="AR149" i="1"/>
  <c r="K6109" i="2"/>
  <c r="K6083" i="5" s="1"/>
  <c r="O6083" i="5" s="1"/>
  <c r="M6109" i="2"/>
  <c r="M6083" i="5" s="1"/>
  <c r="P6083" i="5" s="1"/>
  <c r="I6109" i="2"/>
  <c r="I6083" i="5" s="1"/>
  <c r="M3481" i="2"/>
  <c r="M3455" i="5" s="1"/>
  <c r="P3455" i="5" s="1"/>
  <c r="J7506" i="2"/>
  <c r="J7480" i="5" s="1"/>
  <c r="N7480" i="5" s="1"/>
  <c r="J5788" i="2"/>
  <c r="J5762" i="5" s="1"/>
  <c r="N5762" i="5" s="1"/>
  <c r="M5788" i="2"/>
  <c r="M5762" i="5" s="1"/>
  <c r="P5762" i="5" s="1"/>
  <c r="I5788" i="2"/>
  <c r="I5762" i="5" s="1"/>
  <c r="L3671" i="2"/>
  <c r="L3645" i="5" s="1"/>
  <c r="K3671" i="2"/>
  <c r="K3645" i="5" s="1"/>
  <c r="J3671" i="2"/>
  <c r="J3645" i="5" s="1"/>
  <c r="N3645" i="5" s="1"/>
  <c r="M3671" i="2"/>
  <c r="M3645" i="5" s="1"/>
  <c r="P3645" i="5" s="1"/>
  <c r="M7436" i="2"/>
  <c r="M7410" i="5" s="1"/>
  <c r="P7410" i="5" s="1"/>
  <c r="L7436" i="2"/>
  <c r="L7410" i="5" s="1"/>
  <c r="L4142" i="2"/>
  <c r="L4116" i="5" s="1"/>
  <c r="I4142" i="2"/>
  <c r="I4116" i="5" s="1"/>
  <c r="M4142" i="2"/>
  <c r="M4116" i="5" s="1"/>
  <c r="P4116" i="5" s="1"/>
  <c r="J3087" i="2"/>
  <c r="J3061" i="5" s="1"/>
  <c r="N3061" i="5" s="1"/>
  <c r="I3087" i="2"/>
  <c r="I3061" i="5" s="1"/>
  <c r="L3087" i="2"/>
  <c r="L3061" i="5" s="1"/>
  <c r="I108" i="2"/>
  <c r="I82" i="5" s="1"/>
  <c r="L108" i="2"/>
  <c r="L82" i="5" s="1"/>
  <c r="M8634" i="2"/>
  <c r="M8608" i="5" s="1"/>
  <c r="P8608" i="5" s="1"/>
  <c r="K8634" i="2"/>
  <c r="K8608" i="5" s="1"/>
  <c r="O8608" i="5" s="1"/>
  <c r="I8634" i="2"/>
  <c r="I8608" i="5" s="1"/>
  <c r="J8634" i="2"/>
  <c r="J8608" i="5" s="1"/>
  <c r="N8608" i="5" s="1"/>
  <c r="I4679" i="2"/>
  <c r="I4653" i="5" s="1"/>
  <c r="L4679" i="2"/>
  <c r="L4653" i="5" s="1"/>
  <c r="K4679" i="2"/>
  <c r="K4653" i="5" s="1"/>
  <c r="K262" i="2"/>
  <c r="K236" i="5" s="1"/>
  <c r="J262" i="2"/>
  <c r="J236" i="5" s="1"/>
  <c r="I262" i="2"/>
  <c r="I236" i="5" s="1"/>
  <c r="K7798" i="2"/>
  <c r="K7772" i="5" s="1"/>
  <c r="O7772" i="5" s="1"/>
  <c r="I7798" i="2"/>
  <c r="I7772" i="5" s="1"/>
  <c r="J7798" i="2"/>
  <c r="J7772" i="5" s="1"/>
  <c r="N7772" i="5" s="1"/>
  <c r="J2560" i="2"/>
  <c r="J2534" i="5" s="1"/>
  <c r="N2534" i="5" s="1"/>
  <c r="M2560" i="2"/>
  <c r="M2534" i="5" s="1"/>
  <c r="P2534" i="5" s="1"/>
  <c r="L2905" i="2"/>
  <c r="L2879" i="5" s="1"/>
  <c r="J2905" i="2"/>
  <c r="J2879" i="5" s="1"/>
  <c r="N2879" i="5" s="1"/>
  <c r="M2905" i="2"/>
  <c r="M2879" i="5" s="1"/>
  <c r="P2879" i="5" s="1"/>
  <c r="I5620" i="2"/>
  <c r="I5594" i="5" s="1"/>
  <c r="L2649" i="2"/>
  <c r="L2623" i="5" s="1"/>
  <c r="K2636" i="2"/>
  <c r="K2610" i="5" s="1"/>
  <c r="L2636" i="2"/>
  <c r="L2610" i="5" s="1"/>
  <c r="M2636" i="2"/>
  <c r="M2610" i="5" s="1"/>
  <c r="P2610" i="5" s="1"/>
  <c r="K7513" i="2"/>
  <c r="K7487" i="5" s="1"/>
  <c r="L1239" i="2"/>
  <c r="L1213" i="5" s="1"/>
  <c r="K1239" i="2"/>
  <c r="K1213" i="5" s="1"/>
  <c r="M1239" i="2"/>
  <c r="M1213" i="5" s="1"/>
  <c r="P1213" i="5" s="1"/>
  <c r="J1239" i="2"/>
  <c r="J1213" i="5" s="1"/>
  <c r="N1213" i="5" s="1"/>
  <c r="M3982" i="2"/>
  <c r="M3956" i="5" s="1"/>
  <c r="P3956" i="5" s="1"/>
  <c r="L3982" i="2"/>
  <c r="L3956" i="5" s="1"/>
  <c r="I772" i="2"/>
  <c r="I746" i="5" s="1"/>
  <c r="J7094" i="2"/>
  <c r="J7068" i="5" s="1"/>
  <c r="N7068" i="5" s="1"/>
  <c r="I7094" i="2"/>
  <c r="I7068" i="5" s="1"/>
  <c r="J8022" i="2"/>
  <c r="J7996" i="5" s="1"/>
  <c r="N7996" i="5" s="1"/>
  <c r="I8022" i="2"/>
  <c r="I7996" i="5" s="1"/>
  <c r="L8022" i="2"/>
  <c r="L7996" i="5" s="1"/>
  <c r="I8609" i="2"/>
  <c r="I8583" i="5" s="1"/>
  <c r="J4652" i="2"/>
  <c r="J4626" i="5" s="1"/>
  <c r="N4626" i="5" s="1"/>
  <c r="L4652" i="2"/>
  <c r="L4626" i="5" s="1"/>
  <c r="I4652" i="2"/>
  <c r="I4626" i="5" s="1"/>
  <c r="K8672" i="2"/>
  <c r="K8646" i="5" s="1"/>
  <c r="I8269" i="2"/>
  <c r="I8243" i="5" s="1"/>
  <c r="I8788" i="2"/>
  <c r="I8762" i="5" s="1"/>
  <c r="M8788" i="2"/>
  <c r="M8762" i="5" s="1"/>
  <c r="P8762" i="5" s="1"/>
  <c r="I5626" i="2"/>
  <c r="I5600" i="5" s="1"/>
  <c r="M5626" i="2"/>
  <c r="M5600" i="5" s="1"/>
  <c r="P5600" i="5" s="1"/>
  <c r="L5626" i="2"/>
  <c r="L5600" i="5" s="1"/>
  <c r="I5271" i="2"/>
  <c r="I5245" i="5" s="1"/>
  <c r="M5271" i="2"/>
  <c r="M5245" i="5" s="1"/>
  <c r="P5245" i="5" s="1"/>
  <c r="J5271" i="2"/>
  <c r="J5245" i="5" s="1"/>
  <c r="K5271" i="2"/>
  <c r="K5245" i="5" s="1"/>
  <c r="L5271" i="2"/>
  <c r="L5245" i="5" s="1"/>
  <c r="I6952" i="2"/>
  <c r="I6926" i="5" s="1"/>
  <c r="L6952" i="2"/>
  <c r="L6926" i="5" s="1"/>
  <c r="K6952" i="2"/>
  <c r="K6926" i="5" s="1"/>
  <c r="J6952" i="2"/>
  <c r="J6926" i="5" s="1"/>
  <c r="N6926" i="5" s="1"/>
  <c r="I7276" i="2"/>
  <c r="I7250" i="5" s="1"/>
  <c r="K7276" i="2"/>
  <c r="K7250" i="5" s="1"/>
  <c r="O7250" i="5" s="1"/>
  <c r="K6267" i="2"/>
  <c r="K6241" i="5" s="1"/>
  <c r="O6241" i="5" s="1"/>
  <c r="J1060" i="2"/>
  <c r="J1034" i="5" s="1"/>
  <c r="N1034" i="5" s="1"/>
  <c r="L1060" i="2"/>
  <c r="L1034" i="5" s="1"/>
  <c r="I3568" i="2"/>
  <c r="I3542" i="5" s="1"/>
  <c r="M3568" i="2"/>
  <c r="M3542" i="5" s="1"/>
  <c r="P3542" i="5" s="1"/>
  <c r="L3568" i="2"/>
  <c r="L3542" i="5" s="1"/>
  <c r="K3568" i="2"/>
  <c r="K3542" i="5" s="1"/>
  <c r="J6302" i="2"/>
  <c r="J6276" i="5" s="1"/>
  <c r="N6276" i="5" s="1"/>
  <c r="K6302" i="2"/>
  <c r="K6276" i="5" s="1"/>
  <c r="M6302" i="2"/>
  <c r="M6276" i="5" s="1"/>
  <c r="P6276" i="5" s="1"/>
  <c r="L6302" i="2"/>
  <c r="L6276" i="5" s="1"/>
  <c r="M8345" i="2"/>
  <c r="M8319" i="5" s="1"/>
  <c r="P8319" i="5" s="1"/>
  <c r="L3581" i="2"/>
  <c r="L3555" i="5" s="1"/>
  <c r="I3581" i="2"/>
  <c r="I3555" i="5" s="1"/>
  <c r="M3581" i="2"/>
  <c r="M3555" i="5" s="1"/>
  <c r="P3555" i="5" s="1"/>
  <c r="J3581" i="2"/>
  <c r="J3555" i="5" s="1"/>
  <c r="N3555" i="5" s="1"/>
  <c r="K3836" i="2"/>
  <c r="K3810" i="5" s="1"/>
  <c r="J3836" i="2"/>
  <c r="J3810" i="5" s="1"/>
  <c r="N3810" i="5" s="1"/>
  <c r="I3836" i="2"/>
  <c r="I3810" i="5" s="1"/>
  <c r="K7959" i="2"/>
  <c r="K7933" i="5" s="1"/>
  <c r="O7933" i="5" s="1"/>
  <c r="J7959" i="2"/>
  <c r="J7933" i="5" s="1"/>
  <c r="N7933" i="5" s="1"/>
  <c r="I4322" i="2"/>
  <c r="I4296" i="5" s="1"/>
  <c r="M4322" i="2"/>
  <c r="M4296" i="5" s="1"/>
  <c r="P4296" i="5" s="1"/>
  <c r="K4322" i="2"/>
  <c r="K4296" i="5" s="1"/>
  <c r="J4322" i="2"/>
  <c r="J4296" i="5" s="1"/>
  <c r="N4296" i="5" s="1"/>
  <c r="L4322" i="2"/>
  <c r="L4296" i="5" s="1"/>
  <c r="I4148" i="2"/>
  <c r="I4122" i="5" s="1"/>
  <c r="M4148" i="2"/>
  <c r="M4122" i="5" s="1"/>
  <c r="P4122" i="5" s="1"/>
  <c r="L4148" i="2"/>
  <c r="L4122" i="5" s="1"/>
  <c r="K1467" i="2"/>
  <c r="K1441" i="5" s="1"/>
  <c r="J1467" i="2"/>
  <c r="J1441" i="5" s="1"/>
  <c r="L1467" i="2"/>
  <c r="L1441" i="5" s="1"/>
  <c r="M5807" i="2"/>
  <c r="M5781" i="5" s="1"/>
  <c r="P5781" i="5" s="1"/>
  <c r="J5648" i="2"/>
  <c r="J5622" i="5" s="1"/>
  <c r="N5622" i="5" s="1"/>
  <c r="K5648" i="2"/>
  <c r="K5622" i="5" s="1"/>
  <c r="I5648" i="2"/>
  <c r="I5622" i="5" s="1"/>
  <c r="L2775" i="2"/>
  <c r="L2749" i="5" s="1"/>
  <c r="I2775" i="2"/>
  <c r="I2749" i="5" s="1"/>
  <c r="K2775" i="2"/>
  <c r="K2749" i="5" s="1"/>
  <c r="I6001" i="2"/>
  <c r="I5975" i="5" s="1"/>
  <c r="K6001" i="2"/>
  <c r="K5975" i="5" s="1"/>
  <c r="J6001" i="2"/>
  <c r="J5975" i="5" s="1"/>
  <c r="N5975" i="5" s="1"/>
  <c r="J5651" i="2"/>
  <c r="J5625" i="5" s="1"/>
  <c r="N5625" i="5" s="1"/>
  <c r="J7272" i="2"/>
  <c r="J7246" i="5" s="1"/>
  <c r="N7246" i="5" s="1"/>
  <c r="I7139" i="2"/>
  <c r="I7113" i="5" s="1"/>
  <c r="J6610" i="2"/>
  <c r="J6584" i="5" s="1"/>
  <c r="N6584" i="5" s="1"/>
  <c r="K2816" i="2"/>
  <c r="K2790" i="5" s="1"/>
  <c r="J2806" i="2"/>
  <c r="J2780" i="5" s="1"/>
  <c r="N2780" i="5" s="1"/>
  <c r="K1605" i="2"/>
  <c r="K1579" i="5" s="1"/>
  <c r="K7091" i="2"/>
  <c r="K7065" i="5" s="1"/>
  <c r="I7334" i="2"/>
  <c r="I7308" i="5" s="1"/>
  <c r="L5434" i="2"/>
  <c r="L5408" i="5" s="1"/>
  <c r="I3651" i="2"/>
  <c r="I3625" i="5" s="1"/>
  <c r="J5340" i="2"/>
  <c r="J5314" i="5" s="1"/>
  <c r="I418" i="2"/>
  <c r="I392" i="5" s="1"/>
  <c r="M5986" i="2"/>
  <c r="M5960" i="5" s="1"/>
  <c r="P5960" i="5" s="1"/>
  <c r="F220" i="5"/>
  <c r="AR214" i="1"/>
  <c r="I1082" i="2"/>
  <c r="I1056" i="5" s="1"/>
  <c r="K7469" i="2"/>
  <c r="K7443" i="5" s="1"/>
  <c r="M7469" i="2"/>
  <c r="M7443" i="5" s="1"/>
  <c r="P7443" i="5" s="1"/>
  <c r="L7469" i="2"/>
  <c r="L7443" i="5" s="1"/>
  <c r="I7469" i="2"/>
  <c r="I7443" i="5" s="1"/>
  <c r="M899" i="2"/>
  <c r="M873" i="5" s="1"/>
  <c r="P873" i="5" s="1"/>
  <c r="L3331" i="2"/>
  <c r="L3305" i="5" s="1"/>
  <c r="M6360" i="2"/>
  <c r="M6334" i="5" s="1"/>
  <c r="P6334" i="5" s="1"/>
  <c r="J6592" i="2"/>
  <c r="J6566" i="5" s="1"/>
  <c r="N6566" i="5" s="1"/>
  <c r="L277" i="2"/>
  <c r="L251" i="5" s="1"/>
  <c r="K2561" i="2"/>
  <c r="K2535" i="5" s="1"/>
  <c r="O2535" i="5" s="1"/>
  <c r="I2907" i="2"/>
  <c r="I2881" i="5" s="1"/>
  <c r="K5599" i="2"/>
  <c r="K5573" i="5" s="1"/>
  <c r="K3982" i="2"/>
  <c r="K3956" i="5" s="1"/>
  <c r="O3956" i="5" s="1"/>
  <c r="K1314" i="2"/>
  <c r="K1288" i="5" s="1"/>
  <c r="L5788" i="2"/>
  <c r="L5762" i="5" s="1"/>
  <c r="K772" i="2"/>
  <c r="K746" i="5" s="1"/>
  <c r="M8672" i="2"/>
  <c r="M8646" i="5" s="1"/>
  <c r="P8646" i="5" s="1"/>
  <c r="K2582" i="2"/>
  <c r="K2556" i="5" s="1"/>
  <c r="O2556" i="5" s="1"/>
  <c r="J8720" i="2"/>
  <c r="J8694" i="5" s="1"/>
  <c r="N8694" i="5" s="1"/>
  <c r="I5599" i="2"/>
  <c r="I5573" i="5" s="1"/>
  <c r="L8672" i="2"/>
  <c r="L8646" i="5" s="1"/>
  <c r="M2582" i="2"/>
  <c r="M2556" i="5" s="1"/>
  <c r="P2556" i="5" s="1"/>
  <c r="K5294" i="2"/>
  <c r="K5268" i="5" s="1"/>
  <c r="M87" i="2"/>
  <c r="M61" i="5" s="1"/>
  <c r="P61" i="5" s="1"/>
  <c r="L1378" i="2"/>
  <c r="L1352" i="5" s="1"/>
  <c r="K1378" i="2"/>
  <c r="K1352" i="5" s="1"/>
  <c r="K1276" i="2"/>
  <c r="K1250" i="5" s="1"/>
  <c r="L1276" i="2"/>
  <c r="L1250" i="5" s="1"/>
  <c r="I3982" i="2"/>
  <c r="I3956" i="5" s="1"/>
  <c r="J7041" i="2"/>
  <c r="J7015" i="5" s="1"/>
  <c r="N7015" i="5" s="1"/>
  <c r="L2907" i="2"/>
  <c r="L2881" i="5" s="1"/>
  <c r="L3636" i="2"/>
  <c r="L3610" i="5" s="1"/>
  <c r="K2157" i="2"/>
  <c r="K2131" i="5" s="1"/>
  <c r="K7817" i="2"/>
  <c r="K7791" i="5" s="1"/>
  <c r="K7789" i="2"/>
  <c r="K7763" i="5" s="1"/>
  <c r="J3982" i="2"/>
  <c r="J3956" i="5" s="1"/>
  <c r="M7041" i="2"/>
  <c r="M7015" i="5" s="1"/>
  <c r="P7015" i="5" s="1"/>
  <c r="L1314" i="2"/>
  <c r="L1288" i="5" s="1"/>
  <c r="J8672" i="2"/>
  <c r="J8646" i="5" s="1"/>
  <c r="N8646" i="5" s="1"/>
  <c r="J8788" i="2"/>
  <c r="J8762" i="5" s="1"/>
  <c r="N8762" i="5" s="1"/>
  <c r="L5856" i="2"/>
  <c r="L5830" i="5" s="1"/>
  <c r="L2968" i="2"/>
  <c r="L2942" i="5" s="1"/>
  <c r="I2157" i="2"/>
  <c r="I2131" i="5" s="1"/>
  <c r="L7817" i="2"/>
  <c r="L7791" i="5" s="1"/>
  <c r="M7789" i="2"/>
  <c r="M7763" i="5" s="1"/>
  <c r="P7763" i="5" s="1"/>
  <c r="I6990" i="2"/>
  <c r="I6964" i="5" s="1"/>
  <c r="K7041" i="2"/>
  <c r="K7015" i="5" s="1"/>
  <c r="O7015" i="5" s="1"/>
  <c r="K2560" i="2"/>
  <c r="K2534" i="5" s="1"/>
  <c r="K126" i="2"/>
  <c r="K100" i="5" s="1"/>
  <c r="O100" i="5" s="1"/>
  <c r="I8672" i="2"/>
  <c r="I8646" i="5" s="1"/>
  <c r="K8788" i="2"/>
  <c r="K8762" i="5" s="1"/>
  <c r="K7865" i="2"/>
  <c r="K7839" i="5" s="1"/>
  <c r="O7839" i="5" s="1"/>
  <c r="J5499" i="2"/>
  <c r="J5473" i="5" s="1"/>
  <c r="N5473" i="5" s="1"/>
  <c r="J2394" i="2"/>
  <c r="J2368" i="5" s="1"/>
  <c r="M6007" i="2"/>
  <c r="M5981" i="5" s="1"/>
  <c r="P5981" i="5" s="1"/>
  <c r="J267" i="2"/>
  <c r="J241" i="5" s="1"/>
  <c r="N241" i="5" s="1"/>
  <c r="K267" i="2"/>
  <c r="K241" i="5" s="1"/>
  <c r="I8445" i="2"/>
  <c r="I8419" i="5" s="1"/>
  <c r="M2907" i="2"/>
  <c r="M2881" i="5" s="1"/>
  <c r="P2881" i="5" s="1"/>
  <c r="J2157" i="2"/>
  <c r="J2131" i="5" s="1"/>
  <c r="N2131" i="5" s="1"/>
  <c r="J7789" i="2"/>
  <c r="J7763" i="5" s="1"/>
  <c r="N7763" i="5" s="1"/>
  <c r="M6990" i="2"/>
  <c r="M6964" i="5" s="1"/>
  <c r="P6964" i="5" s="1"/>
  <c r="I7041" i="2"/>
  <c r="I7015" i="5" s="1"/>
  <c r="I2560" i="2"/>
  <c r="I2534" i="5" s="1"/>
  <c r="J6161" i="2"/>
  <c r="J6135" i="5" s="1"/>
  <c r="N6135" i="5" s="1"/>
  <c r="I126" i="2"/>
  <c r="I100" i="5" s="1"/>
  <c r="L8788" i="2"/>
  <c r="L8762" i="5" s="1"/>
  <c r="L8269" i="2"/>
  <c r="L8243" i="5" s="1"/>
  <c r="L7789" i="2"/>
  <c r="L7763" i="5" s="1"/>
  <c r="L2560" i="2"/>
  <c r="L2534" i="5" s="1"/>
  <c r="I2636" i="2"/>
  <c r="I2610" i="5" s="1"/>
  <c r="K3581" i="2"/>
  <c r="K3555" i="5" s="1"/>
  <c r="AR44" i="1"/>
  <c r="J627" i="2"/>
  <c r="J601" i="5" s="1"/>
  <c r="N601" i="5" s="1"/>
  <c r="L627" i="2"/>
  <c r="L601" i="5" s="1"/>
  <c r="J948" i="2"/>
  <c r="J922" i="5" s="1"/>
  <c r="K4422" i="2"/>
  <c r="K4396" i="5" s="1"/>
  <c r="I6303" i="2"/>
  <c r="I6277" i="5" s="1"/>
  <c r="L6303" i="2"/>
  <c r="L6277" i="5" s="1"/>
  <c r="I6315" i="2"/>
  <c r="I6289" i="5" s="1"/>
  <c r="M6315" i="2"/>
  <c r="M6289" i="5" s="1"/>
  <c r="P6289" i="5" s="1"/>
  <c r="M7763" i="2"/>
  <c r="M7737" i="5" s="1"/>
  <c r="P7737" i="5" s="1"/>
  <c r="L7763" i="2"/>
  <c r="L7737" i="5" s="1"/>
  <c r="K3803" i="2"/>
  <c r="K3777" i="5" s="1"/>
  <c r="O3777" i="5" s="1"/>
  <c r="J3803" i="2"/>
  <c r="J3777" i="5" s="1"/>
  <c r="N3777" i="5" s="1"/>
  <c r="I3803" i="2"/>
  <c r="I3777" i="5" s="1"/>
  <c r="L8527" i="2"/>
  <c r="L8501" i="5" s="1"/>
  <c r="I8527" i="2"/>
  <c r="I8501" i="5" s="1"/>
  <c r="M8527" i="2"/>
  <c r="M8501" i="5" s="1"/>
  <c r="P8501" i="5" s="1"/>
  <c r="K8527" i="2"/>
  <c r="K8501" i="5" s="1"/>
  <c r="J2597" i="2"/>
  <c r="J2571" i="5" s="1"/>
  <c r="N2571" i="5" s="1"/>
  <c r="I2597" i="2"/>
  <c r="I2571" i="5" s="1"/>
  <c r="L2597" i="2"/>
  <c r="L2571" i="5" s="1"/>
  <c r="M2597" i="2"/>
  <c r="M2571" i="5" s="1"/>
  <c r="P2571" i="5" s="1"/>
  <c r="K2597" i="2"/>
  <c r="K2571" i="5" s="1"/>
  <c r="J6968" i="2"/>
  <c r="J6942" i="5" s="1"/>
  <c r="N6942" i="5" s="1"/>
  <c r="M6968" i="2"/>
  <c r="M6942" i="5" s="1"/>
  <c r="P6942" i="5" s="1"/>
  <c r="L8529" i="2"/>
  <c r="L8503" i="5" s="1"/>
  <c r="J8529" i="2"/>
  <c r="J8503" i="5" s="1"/>
  <c r="N8503" i="5" s="1"/>
  <c r="I1581" i="2"/>
  <c r="I1555" i="5" s="1"/>
  <c r="K6307" i="2"/>
  <c r="K6281" i="5" s="1"/>
  <c r="O6281" i="5" s="1"/>
  <c r="M6307" i="2"/>
  <c r="M6281" i="5" s="1"/>
  <c r="P6281" i="5" s="1"/>
  <c r="M7808" i="2"/>
  <c r="M7782" i="5" s="1"/>
  <c r="P7782" i="5" s="1"/>
  <c r="L1321" i="2"/>
  <c r="L1295" i="5" s="1"/>
  <c r="J1321" i="2"/>
  <c r="J1295" i="5" s="1"/>
  <c r="N1295" i="5" s="1"/>
  <c r="J6617" i="2"/>
  <c r="J6591" i="5" s="1"/>
  <c r="N6591" i="5" s="1"/>
  <c r="L6617" i="2"/>
  <c r="L6591" i="5" s="1"/>
  <c r="M6617" i="2"/>
  <c r="M6591" i="5" s="1"/>
  <c r="P6591" i="5" s="1"/>
  <c r="L6305" i="2"/>
  <c r="L6279" i="5" s="1"/>
  <c r="J6305" i="2"/>
  <c r="J6279" i="5" s="1"/>
  <c r="N6279" i="5" s="1"/>
  <c r="I6305" i="2"/>
  <c r="I6279" i="5" s="1"/>
  <c r="M2157" i="2"/>
  <c r="M2131" i="5" s="1"/>
  <c r="P2131" i="5" s="1"/>
  <c r="I4458" i="2"/>
  <c r="I4432" i="5" s="1"/>
  <c r="L6016" i="2"/>
  <c r="L5990" i="5" s="1"/>
  <c r="J6016" i="2"/>
  <c r="J5990" i="5" s="1"/>
  <c r="N5990" i="5" s="1"/>
  <c r="M6016" i="2"/>
  <c r="M5990" i="5" s="1"/>
  <c r="P5990" i="5" s="1"/>
  <c r="M1573" i="2"/>
  <c r="M1547" i="5" s="1"/>
  <c r="P1547" i="5" s="1"/>
  <c r="I1573" i="2"/>
  <c r="I1547" i="5" s="1"/>
  <c r="J6487" i="2"/>
  <c r="J6461" i="5" s="1"/>
  <c r="N6461" i="5" s="1"/>
  <c r="K6487" i="2"/>
  <c r="K6461" i="5" s="1"/>
  <c r="O6461" i="5" s="1"/>
  <c r="J8525" i="2"/>
  <c r="J8499" i="5" s="1"/>
  <c r="N8499" i="5" s="1"/>
  <c r="M8525" i="2"/>
  <c r="M8499" i="5" s="1"/>
  <c r="P8499" i="5" s="1"/>
  <c r="K8709" i="2"/>
  <c r="K8683" i="5" s="1"/>
  <c r="L8709" i="2"/>
  <c r="L8683" i="5" s="1"/>
  <c r="M8709" i="2"/>
  <c r="M8683" i="5" s="1"/>
  <c r="P8683" i="5" s="1"/>
  <c r="J1283" i="2"/>
  <c r="J1257" i="5" s="1"/>
  <c r="N1257" i="5" s="1"/>
  <c r="J5950" i="2"/>
  <c r="J5924" i="5" s="1"/>
  <c r="N5924" i="5" s="1"/>
  <c r="L5950" i="2"/>
  <c r="L5924" i="5" s="1"/>
  <c r="I4977" i="2"/>
  <c r="I4951" i="5" s="1"/>
  <c r="K4125" i="2"/>
  <c r="K4099" i="5" s="1"/>
  <c r="I8548" i="2"/>
  <c r="I8522" i="5" s="1"/>
  <c r="M6953" i="2"/>
  <c r="M6927" i="5" s="1"/>
  <c r="P6927" i="5" s="1"/>
  <c r="I4351" i="2"/>
  <c r="I4325" i="5" s="1"/>
  <c r="J4631" i="2"/>
  <c r="J4605" i="5" s="1"/>
  <c r="N4605" i="5" s="1"/>
  <c r="I7833" i="2"/>
  <c r="I7807" i="5" s="1"/>
  <c r="I6857" i="2"/>
  <c r="I6831" i="5" s="1"/>
  <c r="L76" i="2"/>
  <c r="L50" i="5" s="1"/>
  <c r="M4435" i="2"/>
  <c r="M4409" i="5" s="1"/>
  <c r="P4409" i="5" s="1"/>
  <c r="M5082" i="2"/>
  <c r="M5056" i="5" s="1"/>
  <c r="P5056" i="5" s="1"/>
  <c r="J7095" i="2"/>
  <c r="J7069" i="5" s="1"/>
  <c r="N7069" i="5" s="1"/>
  <c r="J3481" i="2"/>
  <c r="J3455" i="5" s="1"/>
  <c r="N3455" i="5" s="1"/>
  <c r="L6315" i="2"/>
  <c r="L6289" i="5" s="1"/>
  <c r="K3567" i="2"/>
  <c r="K3541" i="5" s="1"/>
  <c r="O3541" i="5" s="1"/>
  <c r="I8707" i="2"/>
  <c r="I8681" i="5" s="1"/>
  <c r="I3567" i="2"/>
  <c r="I3541" i="5" s="1"/>
  <c r="M8707" i="2"/>
  <c r="M8681" i="5" s="1"/>
  <c r="P8681" i="5" s="1"/>
  <c r="J7939" i="2"/>
  <c r="J7913" i="5" s="1"/>
  <c r="N7913" i="5" s="1"/>
  <c r="M1314" i="2"/>
  <c r="M1288" i="5" s="1"/>
  <c r="P1288" i="5" s="1"/>
  <c r="M4326" i="2"/>
  <c r="M4300" i="5" s="1"/>
  <c r="P4300" i="5" s="1"/>
  <c r="L4326" i="2"/>
  <c r="L4300" i="5" s="1"/>
  <c r="O4300" i="5" s="1"/>
  <c r="M3508" i="2"/>
  <c r="M3482" i="5" s="1"/>
  <c r="P3482" i="5" s="1"/>
  <c r="M7607" i="2"/>
  <c r="M7581" i="5" s="1"/>
  <c r="P7581" i="5" s="1"/>
  <c r="J7607" i="2"/>
  <c r="J7581" i="5" s="1"/>
  <c r="N7581" i="5" s="1"/>
  <c r="I4671" i="2"/>
  <c r="I4645" i="5" s="1"/>
  <c r="J4671" i="2"/>
  <c r="J4645" i="5" s="1"/>
  <c r="J8113" i="2"/>
  <c r="J8087" i="5" s="1"/>
  <c r="M8113" i="2"/>
  <c r="M8087" i="5" s="1"/>
  <c r="P8087" i="5" s="1"/>
  <c r="I6007" i="2"/>
  <c r="I5981" i="5" s="1"/>
  <c r="M1050" i="2"/>
  <c r="M1024" i="5" s="1"/>
  <c r="P1024" i="5" s="1"/>
  <c r="J1050" i="2"/>
  <c r="J1024" i="5" s="1"/>
  <c r="N1024" i="5" s="1"/>
  <c r="L7612" i="2"/>
  <c r="L7586" i="5" s="1"/>
  <c r="I7612" i="2"/>
  <c r="I7586" i="5" s="1"/>
  <c r="L7258" i="2"/>
  <c r="L7232" i="5" s="1"/>
  <c r="I7258" i="2"/>
  <c r="I7232" i="5" s="1"/>
  <c r="I620" i="2"/>
  <c r="I594" i="5" s="1"/>
  <c r="K620" i="2"/>
  <c r="K594" i="5" s="1"/>
  <c r="J5428" i="2"/>
  <c r="J5402" i="5" s="1"/>
  <c r="N5402" i="5" s="1"/>
  <c r="K5428" i="2"/>
  <c r="K5402" i="5" s="1"/>
  <c r="O5402" i="5" s="1"/>
  <c r="J5432" i="2"/>
  <c r="J5406" i="5" s="1"/>
  <c r="N5406" i="5" s="1"/>
  <c r="K5432" i="2"/>
  <c r="K5406" i="5" s="1"/>
  <c r="M5802" i="2"/>
  <c r="M5776" i="5" s="1"/>
  <c r="P5776" i="5" s="1"/>
  <c r="I7333" i="2"/>
  <c r="I7307" i="5" s="1"/>
  <c r="L7333" i="2"/>
  <c r="L7307" i="5" s="1"/>
  <c r="M6976" i="2"/>
  <c r="M6950" i="5" s="1"/>
  <c r="P6950" i="5" s="1"/>
  <c r="I6976" i="2"/>
  <c r="I6950" i="5" s="1"/>
  <c r="I1320" i="2"/>
  <c r="I1294" i="5" s="1"/>
  <c r="L6948" i="2"/>
  <c r="L6922" i="5" s="1"/>
  <c r="M6004" i="2"/>
  <c r="M5978" i="5" s="1"/>
  <c r="P5978" i="5" s="1"/>
  <c r="L2394" i="2"/>
  <c r="L2368" i="5" s="1"/>
  <c r="J7614" i="2"/>
  <c r="J7588" i="5" s="1"/>
  <c r="N7588" i="5" s="1"/>
  <c r="K7614" i="2"/>
  <c r="K7588" i="5" s="1"/>
  <c r="O7588" i="5" s="1"/>
  <c r="I7647" i="2"/>
  <c r="I7621" i="5" s="1"/>
  <c r="J2148" i="2"/>
  <c r="J2122" i="5" s="1"/>
  <c r="N2122" i="5" s="1"/>
  <c r="L5916" i="2"/>
  <c r="L5890" i="5" s="1"/>
  <c r="I6098" i="2"/>
  <c r="I6072" i="5" s="1"/>
  <c r="I3511" i="2"/>
  <c r="I3485" i="5" s="1"/>
  <c r="J4638" i="2"/>
  <c r="J4612" i="5" s="1"/>
  <c r="N4612" i="5" s="1"/>
  <c r="L3978" i="2"/>
  <c r="L3952" i="5" s="1"/>
  <c r="J6951" i="2"/>
  <c r="J6925" i="5" s="1"/>
  <c r="N6925" i="5" s="1"/>
  <c r="L2246" i="2"/>
  <c r="L2220" i="5" s="1"/>
  <c r="L1735" i="2"/>
  <c r="L1709" i="5" s="1"/>
  <c r="I1401" i="2"/>
  <c r="I1375" i="5" s="1"/>
  <c r="J121" i="2"/>
  <c r="J95" i="5" s="1"/>
  <c r="K1224" i="2"/>
  <c r="K1198" i="5" s="1"/>
  <c r="M2479" i="2"/>
  <c r="M2453" i="5" s="1"/>
  <c r="P2453" i="5" s="1"/>
  <c r="K1048" i="2"/>
  <c r="K1022" i="5" s="1"/>
  <c r="L1048" i="2"/>
  <c r="L1022" i="5" s="1"/>
  <c r="I6019" i="2"/>
  <c r="I5993" i="5" s="1"/>
  <c r="K6019" i="2"/>
  <c r="K5993" i="5" s="1"/>
  <c r="J5625" i="2"/>
  <c r="J5599" i="5" s="1"/>
  <c r="N5599" i="5" s="1"/>
  <c r="M8531" i="2"/>
  <c r="M8505" i="5" s="1"/>
  <c r="P8505" i="5" s="1"/>
  <c r="M1497" i="2"/>
  <c r="M1471" i="5" s="1"/>
  <c r="P1471" i="5" s="1"/>
  <c r="K3058" i="2"/>
  <c r="K3032" i="5" s="1"/>
  <c r="O3032" i="5" s="1"/>
  <c r="I3058" i="2"/>
  <c r="I3032" i="5" s="1"/>
  <c r="M653" i="2"/>
  <c r="M627" i="5" s="1"/>
  <c r="P627" i="5" s="1"/>
  <c r="L653" i="2"/>
  <c r="L627" i="5" s="1"/>
  <c r="M2918" i="2"/>
  <c r="M2892" i="5" s="1"/>
  <c r="P2892" i="5" s="1"/>
  <c r="M820" i="2"/>
  <c r="M794" i="5" s="1"/>
  <c r="P794" i="5" s="1"/>
  <c r="I5984" i="2"/>
  <c r="I5958" i="5" s="1"/>
  <c r="L717" i="2"/>
  <c r="L691" i="5" s="1"/>
  <c r="K6164" i="2"/>
  <c r="K6138" i="5" s="1"/>
  <c r="O6138" i="5" s="1"/>
  <c r="L6019" i="2"/>
  <c r="L5993" i="5" s="1"/>
  <c r="J4307" i="2"/>
  <c r="J4281" i="5" s="1"/>
  <c r="M7258" i="2"/>
  <c r="M7232" i="5" s="1"/>
  <c r="P7232" i="5" s="1"/>
  <c r="K6948" i="2"/>
  <c r="K6922" i="5" s="1"/>
  <c r="I1302" i="2"/>
  <c r="I1276" i="5" s="1"/>
  <c r="J6019" i="2"/>
  <c r="J5993" i="5" s="1"/>
  <c r="N5993" i="5" s="1"/>
  <c r="K7258" i="2"/>
  <c r="K7232" i="5" s="1"/>
  <c r="J6976" i="2"/>
  <c r="J6950" i="5" s="1"/>
  <c r="N6950" i="5" s="1"/>
  <c r="I5470" i="2"/>
  <c r="I5444" i="5" s="1"/>
  <c r="K2948" i="2"/>
  <c r="K2922" i="5" s="1"/>
  <c r="I8032" i="2"/>
  <c r="I8006" i="5" s="1"/>
  <c r="K5494" i="2"/>
  <c r="K5468" i="5" s="1"/>
  <c r="J5492" i="2"/>
  <c r="J5466" i="5" s="1"/>
  <c r="N5466" i="5" s="1"/>
  <c r="K1129" i="2"/>
  <c r="K1103" i="5" s="1"/>
  <c r="I6420" i="2"/>
  <c r="I6394" i="5" s="1"/>
  <c r="L147" i="2"/>
  <c r="L121" i="5" s="1"/>
  <c r="K6762" i="2"/>
  <c r="K6736" i="5" s="1"/>
  <c r="O6736" i="5" s="1"/>
  <c r="M5476" i="2"/>
  <c r="M5450" i="5" s="1"/>
  <c r="P5450" i="5" s="1"/>
  <c r="J5105" i="2"/>
  <c r="J5079" i="5" s="1"/>
  <c r="N5079" i="5" s="1"/>
  <c r="J4259" i="2"/>
  <c r="J4233" i="5" s="1"/>
  <c r="N4233" i="5" s="1"/>
  <c r="M8320" i="2"/>
  <c r="M8294" i="5" s="1"/>
  <c r="P8294" i="5" s="1"/>
  <c r="M1741" i="2"/>
  <c r="M1715" i="5" s="1"/>
  <c r="P1715" i="5" s="1"/>
  <c r="M2462" i="2"/>
  <c r="M2436" i="5" s="1"/>
  <c r="P2436" i="5" s="1"/>
  <c r="K8686" i="2"/>
  <c r="K8660" i="5" s="1"/>
  <c r="K2307" i="2"/>
  <c r="K2281" i="5" s="1"/>
  <c r="L1491" i="2"/>
  <c r="L1465" i="5" s="1"/>
  <c r="J967" i="2"/>
  <c r="J941" i="5" s="1"/>
  <c r="N941" i="5" s="1"/>
  <c r="J4510" i="2"/>
  <c r="J4484" i="5" s="1"/>
  <c r="N4484" i="5" s="1"/>
  <c r="K5842" i="2"/>
  <c r="K5816" i="5" s="1"/>
  <c r="L2613" i="2"/>
  <c r="L2587" i="5" s="1"/>
  <c r="M4854" i="2"/>
  <c r="M4828" i="5" s="1"/>
  <c r="P4828" i="5" s="1"/>
  <c r="M6456" i="2"/>
  <c r="M6430" i="5" s="1"/>
  <c r="P6430" i="5" s="1"/>
  <c r="I4422" i="2"/>
  <c r="I4396" i="5" s="1"/>
  <c r="M1777" i="2"/>
  <c r="M1751" i="5" s="1"/>
  <c r="P1751" i="5" s="1"/>
  <c r="I3805" i="2"/>
  <c r="I3779" i="5" s="1"/>
  <c r="I2279" i="2"/>
  <c r="I2253" i="5" s="1"/>
  <c r="M387" i="2"/>
  <c r="M361" i="5" s="1"/>
  <c r="P361" i="5" s="1"/>
  <c r="J4796" i="2"/>
  <c r="J4770" i="5" s="1"/>
  <c r="N4770" i="5" s="1"/>
  <c r="M5965" i="2"/>
  <c r="M5939" i="5" s="1"/>
  <c r="P5939" i="5" s="1"/>
  <c r="J1392" i="2"/>
  <c r="J1366" i="5" s="1"/>
  <c r="N1366" i="5" s="1"/>
  <c r="I4347" i="2"/>
  <c r="I4321" i="5" s="1"/>
  <c r="K6483" i="2"/>
  <c r="K6457" i="5" s="1"/>
  <c r="L3290" i="2"/>
  <c r="L3264" i="5" s="1"/>
  <c r="K6364" i="2"/>
  <c r="K6338" i="5" s="1"/>
  <c r="K1424" i="2"/>
  <c r="K1398" i="5" s="1"/>
  <c r="I2143" i="2"/>
  <c r="I2117" i="5" s="1"/>
  <c r="L72" i="2"/>
  <c r="L46" i="5" s="1"/>
  <c r="K8631" i="2"/>
  <c r="K8605" i="5" s="1"/>
  <c r="L8707" i="2"/>
  <c r="L8681" i="5" s="1"/>
  <c r="K462" i="2"/>
  <c r="K436" i="5" s="1"/>
  <c r="J4258" i="2"/>
  <c r="J4232" i="5" s="1"/>
  <c r="N4232" i="5" s="1"/>
  <c r="M6338" i="2"/>
  <c r="M6312" i="5" s="1"/>
  <c r="P6312" i="5" s="1"/>
  <c r="L4669" i="2"/>
  <c r="L4643" i="5" s="1"/>
  <c r="L5680" i="2"/>
  <c r="L5654" i="5" s="1"/>
  <c r="K5791" i="2"/>
  <c r="K5765" i="5" s="1"/>
  <c r="I1975" i="2"/>
  <c r="I1949" i="5" s="1"/>
  <c r="M7772" i="2"/>
  <c r="M7746" i="5" s="1"/>
  <c r="P7746" i="5" s="1"/>
  <c r="L1991" i="2"/>
  <c r="L1965" i="5" s="1"/>
  <c r="J8362" i="2"/>
  <c r="J8336" i="5" s="1"/>
  <c r="N8336" i="5" s="1"/>
  <c r="I2655" i="2"/>
  <c r="I2629" i="5" s="1"/>
  <c r="J4970" i="2"/>
  <c r="J4944" i="5" s="1"/>
  <c r="N4944" i="5" s="1"/>
  <c r="J6480" i="2"/>
  <c r="J6454" i="5" s="1"/>
  <c r="I5602" i="2"/>
  <c r="I5576" i="5" s="1"/>
  <c r="K730" i="2"/>
  <c r="K704" i="5" s="1"/>
  <c r="J7769" i="2"/>
  <c r="J7743" i="5" s="1"/>
  <c r="J1405" i="2"/>
  <c r="J1379" i="5" s="1"/>
  <c r="N1379" i="5" s="1"/>
  <c r="L6525" i="2"/>
  <c r="L6499" i="5" s="1"/>
  <c r="K2774" i="2"/>
  <c r="K2748" i="5" s="1"/>
  <c r="K2458" i="2"/>
  <c r="K2432" i="5" s="1"/>
  <c r="M2947" i="2"/>
  <c r="M2921" i="5" s="1"/>
  <c r="P2921" i="5" s="1"/>
  <c r="J4487" i="2"/>
  <c r="J4461" i="5" s="1"/>
  <c r="N4461" i="5" s="1"/>
  <c r="K1829" i="2"/>
  <c r="K1803" i="5" s="1"/>
  <c r="M2087" i="2"/>
  <c r="M2061" i="5" s="1"/>
  <c r="P2061" i="5" s="1"/>
  <c r="L8201" i="2"/>
  <c r="L8175" i="5" s="1"/>
  <c r="M4067" i="2"/>
  <c r="M4041" i="5" s="1"/>
  <c r="P4041" i="5" s="1"/>
  <c r="I1760" i="2"/>
  <c r="I1734" i="5" s="1"/>
  <c r="I3504" i="2"/>
  <c r="I3478" i="5" s="1"/>
  <c r="L222" i="2"/>
  <c r="L196" i="5" s="1"/>
  <c r="K131" i="2"/>
  <c r="K105" i="5" s="1"/>
  <c r="J5496" i="2"/>
  <c r="J5470" i="5" s="1"/>
  <c r="N5470" i="5" s="1"/>
  <c r="L6423" i="2"/>
  <c r="L6397" i="5" s="1"/>
  <c r="L5601" i="2"/>
  <c r="L5575" i="5" s="1"/>
  <c r="L144" i="2"/>
  <c r="L118" i="5" s="1"/>
  <c r="I6256" i="2"/>
  <c r="I6230" i="5" s="1"/>
  <c r="L6767" i="2"/>
  <c r="L6741" i="5" s="1"/>
  <c r="M5933" i="2"/>
  <c r="M5907" i="5" s="1"/>
  <c r="P5907" i="5" s="1"/>
  <c r="L6771" i="2"/>
  <c r="L6745" i="5" s="1"/>
  <c r="I484" i="2"/>
  <c r="I458" i="5" s="1"/>
  <c r="I8471" i="2"/>
  <c r="I8445" i="5" s="1"/>
  <c r="L1649" i="2"/>
  <c r="L1623" i="5" s="1"/>
  <c r="I389" i="2"/>
  <c r="I363" i="5" s="1"/>
  <c r="L7097" i="2"/>
  <c r="L7071" i="5" s="1"/>
  <c r="J5851" i="2"/>
  <c r="J5825" i="5" s="1"/>
  <c r="N5825" i="5" s="1"/>
  <c r="I648" i="2"/>
  <c r="I622" i="5" s="1"/>
  <c r="I7499" i="2"/>
  <c r="I7473" i="5" s="1"/>
  <c r="K1096" i="2"/>
  <c r="K1070" i="5" s="1"/>
  <c r="J8337" i="2"/>
  <c r="J8311" i="5" s="1"/>
  <c r="N8311" i="5" s="1"/>
  <c r="I1254" i="2"/>
  <c r="I1228" i="5" s="1"/>
  <c r="I5161" i="2"/>
  <c r="I5135" i="5" s="1"/>
  <c r="L301" i="2"/>
  <c r="L275" i="5" s="1"/>
  <c r="K5683" i="2"/>
  <c r="K5657" i="5" s="1"/>
  <c r="O5657" i="5" s="1"/>
  <c r="K6596" i="2"/>
  <c r="K6570" i="5" s="1"/>
  <c r="J432" i="2"/>
  <c r="J406" i="5" s="1"/>
  <c r="M1969" i="2"/>
  <c r="M1943" i="5" s="1"/>
  <c r="P1943" i="5" s="1"/>
  <c r="K4275" i="2"/>
  <c r="K4249" i="5" s="1"/>
  <c r="J3774" i="2"/>
  <c r="J3748" i="5" s="1"/>
  <c r="N3748" i="5" s="1"/>
  <c r="K3259" i="2"/>
  <c r="K3233" i="5" s="1"/>
  <c r="M7631" i="2"/>
  <c r="M7605" i="5" s="1"/>
  <c r="P7605" i="5" s="1"/>
  <c r="K304" i="2"/>
  <c r="K278" i="5" s="1"/>
  <c r="I302" i="2"/>
  <c r="I276" i="5" s="1"/>
  <c r="M7495" i="2"/>
  <c r="M7469" i="5" s="1"/>
  <c r="P7469" i="5" s="1"/>
  <c r="I6288" i="2"/>
  <c r="I6262" i="5" s="1"/>
  <c r="J4833" i="2"/>
  <c r="J4807" i="5" s="1"/>
  <c r="N4807" i="5" s="1"/>
  <c r="K4602" i="2"/>
  <c r="K4576" i="5" s="1"/>
  <c r="M4471" i="2"/>
  <c r="M4445" i="5" s="1"/>
  <c r="P4445" i="5" s="1"/>
  <c r="J5974" i="2"/>
  <c r="J5948" i="5" s="1"/>
  <c r="N5948" i="5" s="1"/>
  <c r="L6342" i="2"/>
  <c r="L6316" i="5" s="1"/>
  <c r="L6473" i="2"/>
  <c r="L6447" i="5" s="1"/>
  <c r="L8613" i="2"/>
  <c r="L8587" i="5" s="1"/>
  <c r="M2487" i="2"/>
  <c r="M2461" i="5" s="1"/>
  <c r="P2461" i="5" s="1"/>
  <c r="L3137" i="2"/>
  <c r="L3111" i="5" s="1"/>
  <c r="L2228" i="2"/>
  <c r="L2202" i="5" s="1"/>
  <c r="M7954" i="2"/>
  <c r="M7928" i="5" s="1"/>
  <c r="P7928" i="5" s="1"/>
  <c r="I2777" i="2"/>
  <c r="I2751" i="5" s="1"/>
  <c r="I2319" i="2"/>
  <c r="I2293" i="5" s="1"/>
  <c r="M5248" i="2"/>
  <c r="M5222" i="5" s="1"/>
  <c r="P5222" i="5" s="1"/>
  <c r="L2088" i="2"/>
  <c r="L2062" i="5" s="1"/>
  <c r="M6981" i="2"/>
  <c r="M6955" i="5" s="1"/>
  <c r="P6955" i="5" s="1"/>
  <c r="J8512" i="2"/>
  <c r="J8486" i="5" s="1"/>
  <c r="N8486" i="5" s="1"/>
  <c r="L8716" i="2"/>
  <c r="L8690" i="5" s="1"/>
  <c r="K3000" i="2"/>
  <c r="K2974" i="5" s="1"/>
  <c r="M6970" i="2"/>
  <c r="M6944" i="5" s="1"/>
  <c r="P6944" i="5" s="1"/>
  <c r="K448" i="2"/>
  <c r="K422" i="5" s="1"/>
  <c r="K454" i="2"/>
  <c r="K428" i="5" s="1"/>
  <c r="K1497" i="2"/>
  <c r="K1471" i="5" s="1"/>
  <c r="M6250" i="2"/>
  <c r="M6224" i="5" s="1"/>
  <c r="P6224" i="5" s="1"/>
  <c r="M5344" i="2"/>
  <c r="M5318" i="5" s="1"/>
  <c r="P5318" i="5" s="1"/>
  <c r="J4074" i="2"/>
  <c r="J4048" i="5" s="1"/>
  <c r="N4048" i="5" s="1"/>
  <c r="J4740" i="2"/>
  <c r="J4714" i="5" s="1"/>
  <c r="N4714" i="5" s="1"/>
  <c r="K7173" i="2"/>
  <c r="K7147" i="5" s="1"/>
  <c r="M8494" i="2"/>
  <c r="M8468" i="5" s="1"/>
  <c r="P8468" i="5" s="1"/>
  <c r="K120" i="2"/>
  <c r="K94" i="5" s="1"/>
  <c r="M7303" i="2"/>
  <c r="M7277" i="5" s="1"/>
  <c r="P7277" i="5" s="1"/>
  <c r="K1716" i="2"/>
  <c r="K1690" i="5" s="1"/>
  <c r="J4455" i="2"/>
  <c r="J4429" i="5" s="1"/>
  <c r="N4429" i="5" s="1"/>
  <c r="J7635" i="2"/>
  <c r="J7609" i="5" s="1"/>
  <c r="N7609" i="5" s="1"/>
  <c r="M7611" i="2"/>
  <c r="M7585" i="5" s="1"/>
  <c r="P7585" i="5" s="1"/>
  <c r="M4261" i="2"/>
  <c r="M4235" i="5" s="1"/>
  <c r="P4235" i="5" s="1"/>
  <c r="I8308" i="2"/>
  <c r="I8282" i="5" s="1"/>
  <c r="J6286" i="2"/>
  <c r="J6260" i="5" s="1"/>
  <c r="N6260" i="5" s="1"/>
  <c r="I8215" i="2"/>
  <c r="I8189" i="5" s="1"/>
  <c r="K7446" i="2"/>
  <c r="K7420" i="5" s="1"/>
  <c r="O7420" i="5" s="1"/>
  <c r="L3096" i="2"/>
  <c r="L3070" i="5" s="1"/>
  <c r="L7672" i="2"/>
  <c r="L7646" i="5" s="1"/>
  <c r="M896" i="2"/>
  <c r="M870" i="5" s="1"/>
  <c r="P870" i="5" s="1"/>
  <c r="M7301" i="2"/>
  <c r="M7275" i="5" s="1"/>
  <c r="P7275" i="5" s="1"/>
  <c r="J4458" i="2"/>
  <c r="J4432" i="5" s="1"/>
  <c r="N4432" i="5" s="1"/>
  <c r="I4456" i="2"/>
  <c r="I4430" i="5" s="1"/>
  <c r="AR108" i="1"/>
  <c r="J4254" i="2"/>
  <c r="J4228" i="5" s="1"/>
  <c r="N4228" i="5" s="1"/>
  <c r="I8185" i="2"/>
  <c r="I8159" i="5" s="1"/>
  <c r="M1243" i="2"/>
  <c r="M1217" i="5" s="1"/>
  <c r="P1217" i="5" s="1"/>
  <c r="M3143" i="2"/>
  <c r="M3117" i="5" s="1"/>
  <c r="P3117" i="5" s="1"/>
  <c r="M2092" i="2"/>
  <c r="M2066" i="5" s="1"/>
  <c r="P2066" i="5" s="1"/>
  <c r="L4780" i="2"/>
  <c r="L4754" i="5" s="1"/>
  <c r="I3487" i="2"/>
  <c r="I3461" i="5" s="1"/>
  <c r="L6108" i="2"/>
  <c r="L6082" i="5" s="1"/>
  <c r="J7842" i="2"/>
  <c r="J7816" i="5" s="1"/>
  <c r="N7816" i="5" s="1"/>
  <c r="M606" i="2"/>
  <c r="M580" i="5" s="1"/>
  <c r="P580" i="5" s="1"/>
  <c r="L8523" i="2"/>
  <c r="L8497" i="5" s="1"/>
  <c r="M1306" i="2"/>
  <c r="M1280" i="5" s="1"/>
  <c r="P1280" i="5" s="1"/>
  <c r="K1454" i="2"/>
  <c r="K1428" i="5" s="1"/>
  <c r="L3980" i="2"/>
  <c r="L3954" i="5" s="1"/>
  <c r="L1469" i="2"/>
  <c r="L1443" i="5" s="1"/>
  <c r="J4783" i="2"/>
  <c r="J4757" i="5" s="1"/>
  <c r="N4757" i="5" s="1"/>
  <c r="K4492" i="2"/>
  <c r="K4466" i="5" s="1"/>
  <c r="J5103" i="2"/>
  <c r="J5077" i="5" s="1"/>
  <c r="N5077" i="5" s="1"/>
  <c r="K6308" i="2"/>
  <c r="K6282" i="5" s="1"/>
  <c r="K297" i="2"/>
  <c r="K271" i="5" s="1"/>
  <c r="M7535" i="2"/>
  <c r="M7509" i="5" s="1"/>
  <c r="P7509" i="5" s="1"/>
  <c r="M6622" i="2"/>
  <c r="M6596" i="5" s="1"/>
  <c r="P6596" i="5" s="1"/>
  <c r="L8364" i="2"/>
  <c r="L8338" i="5" s="1"/>
  <c r="K8552" i="2"/>
  <c r="K8526" i="5" s="1"/>
  <c r="L3991" i="2"/>
  <c r="L3965" i="5" s="1"/>
  <c r="J6353" i="2"/>
  <c r="J6327" i="5" s="1"/>
  <c r="I3953" i="2"/>
  <c r="I3927" i="5" s="1"/>
  <c r="M7824" i="2"/>
  <c r="M7798" i="5" s="1"/>
  <c r="P7798" i="5" s="1"/>
  <c r="J7629" i="2"/>
  <c r="J7603" i="5" s="1"/>
  <c r="N7603" i="5" s="1"/>
  <c r="I3918" i="2"/>
  <c r="I3892" i="5" s="1"/>
  <c r="L2797" i="2"/>
  <c r="L2771" i="5" s="1"/>
  <c r="I6700" i="2"/>
  <c r="I6674" i="5" s="1"/>
  <c r="L6334" i="2"/>
  <c r="L6308" i="5" s="1"/>
  <c r="I2085" i="2"/>
  <c r="I2059" i="5" s="1"/>
  <c r="J2063" i="2"/>
  <c r="J2037" i="5" s="1"/>
  <c r="N2037" i="5" s="1"/>
  <c r="I2589" i="2"/>
  <c r="I2563" i="5" s="1"/>
  <c r="J3636" i="2"/>
  <c r="J3610" i="5" s="1"/>
  <c r="N3610" i="5" s="1"/>
  <c r="M3438" i="2"/>
  <c r="M3412" i="5" s="1"/>
  <c r="P3412" i="5" s="1"/>
  <c r="J8170" i="2"/>
  <c r="J8144" i="5" s="1"/>
  <c r="N8144" i="5" s="1"/>
  <c r="K1905" i="2"/>
  <c r="K1879" i="5" s="1"/>
  <c r="M3489" i="2"/>
  <c r="M3463" i="5" s="1"/>
  <c r="P3463" i="5" s="1"/>
  <c r="I7176" i="2"/>
  <c r="I7150" i="5" s="1"/>
  <c r="L314" i="2"/>
  <c r="L288" i="5" s="1"/>
  <c r="I3661" i="2"/>
  <c r="I3635" i="5" s="1"/>
  <c r="K6149" i="2"/>
  <c r="K6123" i="5" s="1"/>
  <c r="O6123" i="5" s="1"/>
  <c r="L6608" i="2"/>
  <c r="L6582" i="5" s="1"/>
  <c r="K1742" i="2"/>
  <c r="K1716" i="5" s="1"/>
  <c r="O1716" i="5" s="1"/>
  <c r="K3484" i="2"/>
  <c r="K3458" i="5" s="1"/>
  <c r="I627" i="2"/>
  <c r="I601" i="5" s="1"/>
  <c r="J3474" i="2"/>
  <c r="J3448" i="5" s="1"/>
  <c r="N3448" i="5" s="1"/>
  <c r="M1932" i="2"/>
  <c r="M1906" i="5" s="1"/>
  <c r="P1906" i="5" s="1"/>
  <c r="M4291" i="2"/>
  <c r="M4265" i="5" s="1"/>
  <c r="P4265" i="5" s="1"/>
  <c r="K7150" i="2"/>
  <c r="K7124" i="5" s="1"/>
  <c r="AR249" i="1"/>
  <c r="I962" i="2"/>
  <c r="I936" i="5" s="1"/>
  <c r="M4580" i="2"/>
  <c r="M4554" i="5" s="1"/>
  <c r="P4554" i="5" s="1"/>
  <c r="M3147" i="2"/>
  <c r="M3121" i="5" s="1"/>
  <c r="P3121" i="5" s="1"/>
  <c r="K8176" i="2"/>
  <c r="K8150" i="5" s="1"/>
  <c r="O8150" i="5" s="1"/>
  <c r="J1314" i="2"/>
  <c r="J1288" i="5" s="1"/>
  <c r="N1288" i="5" s="1"/>
  <c r="I3577" i="2"/>
  <c r="I3551" i="5" s="1"/>
  <c r="K436" i="2"/>
  <c r="K410" i="5" s="1"/>
  <c r="O410" i="5" s="1"/>
  <c r="M3478" i="2"/>
  <c r="M3452" i="5" s="1"/>
  <c r="P3452" i="5" s="1"/>
  <c r="M6306" i="2"/>
  <c r="M6280" i="5" s="1"/>
  <c r="P6280" i="5" s="1"/>
  <c r="K5110" i="2"/>
  <c r="K5084" i="5" s="1"/>
  <c r="O5084" i="5" s="1"/>
  <c r="J4768" i="2"/>
  <c r="J4742" i="5" s="1"/>
  <c r="N4742" i="5" s="1"/>
  <c r="I5941" i="2"/>
  <c r="I5915" i="5" s="1"/>
  <c r="J3570" i="2"/>
  <c r="J3544" i="5" s="1"/>
  <c r="N3544" i="5" s="1"/>
  <c r="M6032" i="2"/>
  <c r="M6006" i="5" s="1"/>
  <c r="P6006" i="5" s="1"/>
  <c r="I8125" i="2"/>
  <c r="I8099" i="5" s="1"/>
  <c r="I804" i="2"/>
  <c r="I778" i="5" s="1"/>
  <c r="I2392" i="2"/>
  <c r="I2366" i="5" s="1"/>
  <c r="M3914" i="2"/>
  <c r="M3888" i="5" s="1"/>
  <c r="P3888" i="5" s="1"/>
  <c r="J6463" i="2"/>
  <c r="J6437" i="5" s="1"/>
  <c r="N6437" i="5" s="1"/>
  <c r="J8456" i="2"/>
  <c r="J8430" i="5" s="1"/>
  <c r="N8430" i="5" s="1"/>
  <c r="L3277" i="2"/>
  <c r="L3251" i="5" s="1"/>
  <c r="L53" i="2"/>
  <c r="L27" i="5" s="1"/>
  <c r="K3748" i="2"/>
  <c r="K3722" i="5" s="1"/>
  <c r="L8366" i="2"/>
  <c r="L8340" i="5" s="1"/>
  <c r="I2650" i="2"/>
  <c r="I2624" i="5" s="1"/>
  <c r="J8200" i="2"/>
  <c r="J8174" i="5" s="1"/>
  <c r="N8174" i="5" s="1"/>
  <c r="L5924" i="2"/>
  <c r="L5898" i="5" s="1"/>
  <c r="I5461" i="2"/>
  <c r="I5435" i="5" s="1"/>
  <c r="K2903" i="2"/>
  <c r="K2877" i="5" s="1"/>
  <c r="M5484" i="2"/>
  <c r="M5458" i="5" s="1"/>
  <c r="P5458" i="5" s="1"/>
  <c r="J7005" i="2"/>
  <c r="J6979" i="5" s="1"/>
  <c r="N6979" i="5" s="1"/>
  <c r="J8024" i="2"/>
  <c r="J7998" i="5" s="1"/>
  <c r="J478" i="2"/>
  <c r="J452" i="5" s="1"/>
  <c r="N452" i="5" s="1"/>
  <c r="M6807" i="2"/>
  <c r="M6781" i="5" s="1"/>
  <c r="P6781" i="5" s="1"/>
  <c r="M1479" i="2"/>
  <c r="M1453" i="5" s="1"/>
  <c r="P1453" i="5" s="1"/>
  <c r="J7146" i="2"/>
  <c r="J7120" i="5" s="1"/>
  <c r="N7120" i="5" s="1"/>
  <c r="I791" i="2"/>
  <c r="I765" i="5" s="1"/>
  <c r="M2327" i="2"/>
  <c r="M2301" i="5" s="1"/>
  <c r="P2301" i="5" s="1"/>
  <c r="L7639" i="2"/>
  <c r="L7613" i="5" s="1"/>
  <c r="J6533" i="2"/>
  <c r="J6507" i="5" s="1"/>
  <c r="N6507" i="5" s="1"/>
  <c r="I1768" i="2"/>
  <c r="I1742" i="5" s="1"/>
  <c r="K2156" i="2"/>
  <c r="K2130" i="5" s="1"/>
  <c r="L7995" i="2"/>
  <c r="L7969" i="5" s="1"/>
  <c r="J7949" i="2"/>
  <c r="J7923" i="5" s="1"/>
  <c r="N7923" i="5" s="1"/>
  <c r="M3932" i="2"/>
  <c r="M3906" i="5" s="1"/>
  <c r="P3906" i="5" s="1"/>
  <c r="J5752" i="2"/>
  <c r="J5726" i="5" s="1"/>
  <c r="N5726" i="5" s="1"/>
  <c r="M4610" i="2"/>
  <c r="M4584" i="5" s="1"/>
  <c r="P4584" i="5" s="1"/>
  <c r="M7848" i="2"/>
  <c r="M7822" i="5" s="1"/>
  <c r="P7822" i="5" s="1"/>
  <c r="I3658" i="2"/>
  <c r="I3632" i="5" s="1"/>
  <c r="M749" i="2"/>
  <c r="M723" i="5" s="1"/>
  <c r="P723" i="5" s="1"/>
  <c r="I2320" i="2"/>
  <c r="I2294" i="5" s="1"/>
  <c r="L3635" i="2"/>
  <c r="L3609" i="5" s="1"/>
  <c r="M8381" i="2"/>
  <c r="M8355" i="5" s="1"/>
  <c r="P8355" i="5" s="1"/>
  <c r="J2470" i="2"/>
  <c r="J2444" i="5" s="1"/>
  <c r="N2444" i="5" s="1"/>
  <c r="M1609" i="2"/>
  <c r="M1583" i="5" s="1"/>
  <c r="P1583" i="5" s="1"/>
  <c r="L2464" i="2"/>
  <c r="L2438" i="5" s="1"/>
  <c r="I3104" i="2"/>
  <c r="I3078" i="5" s="1"/>
  <c r="L3246" i="2"/>
  <c r="L3220" i="5" s="1"/>
  <c r="J7372" i="2"/>
  <c r="J7346" i="5" s="1"/>
  <c r="N7346" i="5" s="1"/>
  <c r="J4012" i="2"/>
  <c r="J3986" i="5" s="1"/>
  <c r="N3986" i="5" s="1"/>
  <c r="K1767" i="2"/>
  <c r="K1741" i="5" s="1"/>
  <c r="K4760" i="2"/>
  <c r="K4734" i="5" s="1"/>
  <c r="K7619" i="2"/>
  <c r="K7593" i="5" s="1"/>
  <c r="K4609" i="2"/>
  <c r="K4583" i="5" s="1"/>
  <c r="M5693" i="2"/>
  <c r="M5667" i="5" s="1"/>
  <c r="P5667" i="5" s="1"/>
  <c r="M5186" i="2"/>
  <c r="M5160" i="5" s="1"/>
  <c r="P5160" i="5" s="1"/>
  <c r="K7116" i="2"/>
  <c r="K7090" i="5" s="1"/>
  <c r="O7090" i="5" s="1"/>
  <c r="L7606" i="2"/>
  <c r="L7580" i="5" s="1"/>
  <c r="L4744" i="2"/>
  <c r="L4718" i="5" s="1"/>
  <c r="K7137" i="2"/>
  <c r="K7111" i="5" s="1"/>
  <c r="M7122" i="2"/>
  <c r="M7096" i="5" s="1"/>
  <c r="P7096" i="5" s="1"/>
  <c r="L7502" i="2"/>
  <c r="L7476" i="5" s="1"/>
  <c r="K1114" i="2"/>
  <c r="K1088" i="5" s="1"/>
  <c r="L1084" i="2"/>
  <c r="L1058" i="5" s="1"/>
  <c r="L4985" i="2"/>
  <c r="L4959" i="5" s="1"/>
  <c r="I109" i="2"/>
  <c r="I83" i="5" s="1"/>
  <c r="K4598" i="2"/>
  <c r="K4572" i="5" s="1"/>
  <c r="K7140" i="2"/>
  <c r="K7114" i="5" s="1"/>
  <c r="K4584" i="2"/>
  <c r="K4558" i="5" s="1"/>
  <c r="I5329" i="2"/>
  <c r="I5303" i="5" s="1"/>
  <c r="L3593" i="2"/>
  <c r="L3567" i="5" s="1"/>
  <c r="I6191" i="2"/>
  <c r="I6165" i="5" s="1"/>
  <c r="L111" i="2"/>
  <c r="L85" i="5" s="1"/>
  <c r="L5521" i="2"/>
  <c r="L5495" i="5" s="1"/>
  <c r="J597" i="2"/>
  <c r="J571" i="5" s="1"/>
  <c r="N571" i="5" s="1"/>
  <c r="J4473" i="2"/>
  <c r="J4447" i="5" s="1"/>
  <c r="N4447" i="5" s="1"/>
  <c r="J7796" i="2"/>
  <c r="J7770" i="5" s="1"/>
  <c r="N7770" i="5" s="1"/>
  <c r="I5143" i="2"/>
  <c r="I5117" i="5" s="1"/>
  <c r="I7322" i="2"/>
  <c r="I7296" i="5" s="1"/>
  <c r="J6126" i="2"/>
  <c r="J6100" i="5" s="1"/>
  <c r="K7862" i="2"/>
  <c r="K7836" i="5" s="1"/>
  <c r="M3099" i="2"/>
  <c r="M3073" i="5" s="1"/>
  <c r="P3073" i="5" s="1"/>
  <c r="M4836" i="2"/>
  <c r="M4810" i="5" s="1"/>
  <c r="P4810" i="5" s="1"/>
  <c r="K1294" i="2"/>
  <c r="K1268" i="5" s="1"/>
  <c r="O1268" i="5" s="1"/>
  <c r="J8714" i="2"/>
  <c r="J8688" i="5" s="1"/>
  <c r="N8688" i="5" s="1"/>
  <c r="I3582" i="2"/>
  <c r="I3556" i="5" s="1"/>
  <c r="L3480" i="2"/>
  <c r="L3454" i="5" s="1"/>
  <c r="M7327" i="2"/>
  <c r="M7301" i="5" s="1"/>
  <c r="P7301" i="5" s="1"/>
  <c r="I8360" i="2"/>
  <c r="I8334" i="5" s="1"/>
  <c r="J1220" i="2"/>
  <c r="J1194" i="5" s="1"/>
  <c r="N1194" i="5" s="1"/>
  <c r="K819" i="2"/>
  <c r="K793" i="5" s="1"/>
  <c r="I6617" i="2"/>
  <c r="I6591" i="5" s="1"/>
  <c r="L5015" i="2"/>
  <c r="L4989" i="5" s="1"/>
  <c r="I3741" i="2"/>
  <c r="I3715" i="5" s="1"/>
  <c r="I5921" i="2"/>
  <c r="I5895" i="5" s="1"/>
  <c r="K4919" i="2"/>
  <c r="K4893" i="5" s="1"/>
  <c r="J2109" i="2"/>
  <c r="J2083" i="5" s="1"/>
  <c r="N2083" i="5" s="1"/>
  <c r="K7489" i="2"/>
  <c r="K7463" i="5" s="1"/>
  <c r="J2089" i="2"/>
  <c r="J2063" i="5" s="1"/>
  <c r="N2063" i="5" s="1"/>
  <c r="M4126" i="2"/>
  <c r="M4100" i="5" s="1"/>
  <c r="P4100" i="5" s="1"/>
  <c r="I5243" i="2"/>
  <c r="I5217" i="5" s="1"/>
  <c r="J2062" i="2"/>
  <c r="J2036" i="5" s="1"/>
  <c r="I761" i="2"/>
  <c r="I735" i="5" s="1"/>
  <c r="K792" i="2"/>
  <c r="K766" i="5" s="1"/>
  <c r="K5077" i="2"/>
  <c r="K5051" i="5" s="1"/>
  <c r="M7428" i="2"/>
  <c r="M7402" i="5" s="1"/>
  <c r="P7402" i="5" s="1"/>
  <c r="L3959" i="2"/>
  <c r="L3933" i="5" s="1"/>
  <c r="M6536" i="2"/>
  <c r="M6510" i="5" s="1"/>
  <c r="P6510" i="5" s="1"/>
  <c r="I5433" i="2"/>
  <c r="I5407" i="5" s="1"/>
  <c r="L1916" i="2"/>
  <c r="L1890" i="5" s="1"/>
  <c r="I3970" i="2"/>
  <c r="I3944" i="5" s="1"/>
  <c r="K5764" i="2"/>
  <c r="K5738" i="5" s="1"/>
  <c r="O5738" i="5" s="1"/>
  <c r="L2601" i="2"/>
  <c r="L2575" i="5" s="1"/>
  <c r="J5489" i="2"/>
  <c r="J5463" i="5" s="1"/>
  <c r="N5463" i="5" s="1"/>
  <c r="L3123" i="2"/>
  <c r="L3097" i="5" s="1"/>
  <c r="J4629" i="2"/>
  <c r="J4603" i="5" s="1"/>
  <c r="N4603" i="5" s="1"/>
  <c r="I5129" i="2"/>
  <c r="I5103" i="5" s="1"/>
  <c r="L5999" i="2"/>
  <c r="L5973" i="5" s="1"/>
  <c r="K5780" i="2"/>
  <c r="K5754" i="5" s="1"/>
  <c r="O5754" i="5" s="1"/>
  <c r="M6660" i="2"/>
  <c r="M6634" i="5" s="1"/>
  <c r="P6634" i="5" s="1"/>
  <c r="J8271" i="2"/>
  <c r="J8245" i="5" s="1"/>
  <c r="N8245" i="5" s="1"/>
  <c r="I3760" i="2"/>
  <c r="I3734" i="5" s="1"/>
  <c r="I8317" i="2"/>
  <c r="I8291" i="5" s="1"/>
  <c r="J1123" i="2"/>
  <c r="J1097" i="5" s="1"/>
  <c r="N1097" i="5" s="1"/>
  <c r="J755" i="2"/>
  <c r="J729" i="5" s="1"/>
  <c r="N729" i="5" s="1"/>
  <c r="I2990" i="2"/>
  <c r="I2964" i="5" s="1"/>
  <c r="K6849" i="2"/>
  <c r="K6823" i="5" s="1"/>
  <c r="O6823" i="5" s="1"/>
  <c r="J7935" i="2"/>
  <c r="J7909" i="5" s="1"/>
  <c r="N7909" i="5" s="1"/>
  <c r="K7429" i="2"/>
  <c r="K7403" i="5" s="1"/>
  <c r="O7403" i="5" s="1"/>
  <c r="J7101" i="2"/>
  <c r="J7075" i="5" s="1"/>
  <c r="N7075" i="5" s="1"/>
  <c r="M4988" i="2"/>
  <c r="M4962" i="5" s="1"/>
  <c r="P4962" i="5" s="1"/>
  <c r="L4303" i="2"/>
  <c r="L4277" i="5" s="1"/>
  <c r="K5792" i="2"/>
  <c r="K5766" i="5" s="1"/>
  <c r="J1560" i="2"/>
  <c r="J1534" i="5" s="1"/>
  <c r="N1534" i="5" s="1"/>
  <c r="K3590" i="2"/>
  <c r="K3564" i="5" s="1"/>
  <c r="O3564" i="5" s="1"/>
  <c r="I3619" i="2"/>
  <c r="I3593" i="5" s="1"/>
  <c r="J3600" i="2"/>
  <c r="J3574" i="5" s="1"/>
  <c r="N3574" i="5" s="1"/>
  <c r="K8514" i="2"/>
  <c r="K8488" i="5" s="1"/>
  <c r="J3141" i="2"/>
  <c r="J3115" i="5" s="1"/>
  <c r="I7797" i="2"/>
  <c r="I7771" i="5" s="1"/>
  <c r="M7039" i="2"/>
  <c r="M7013" i="5" s="1"/>
  <c r="P7013" i="5" s="1"/>
  <c r="J6320" i="2"/>
  <c r="J6294" i="5" s="1"/>
  <c r="N6294" i="5" s="1"/>
  <c r="M3483" i="2"/>
  <c r="M3457" i="5" s="1"/>
  <c r="P3457" i="5" s="1"/>
  <c r="L3072" i="2"/>
  <c r="L3046" i="5" s="1"/>
  <c r="I2144" i="2"/>
  <c r="I2118" i="5" s="1"/>
  <c r="I3458" i="2"/>
  <c r="I3432" i="5" s="1"/>
  <c r="L259" i="2"/>
  <c r="L233" i="5" s="1"/>
  <c r="I7943" i="2"/>
  <c r="I7917" i="5" s="1"/>
  <c r="M6931" i="2"/>
  <c r="M6905" i="5" s="1"/>
  <c r="P6905" i="5" s="1"/>
  <c r="L3817" i="2"/>
  <c r="L3791" i="5" s="1"/>
  <c r="L5694" i="2"/>
  <c r="L5668" i="5" s="1"/>
  <c r="M4140" i="2"/>
  <c r="M4114" i="5" s="1"/>
  <c r="P4114" i="5" s="1"/>
  <c r="K6299" i="2"/>
  <c r="K6273" i="5" s="1"/>
  <c r="O6273" i="5" s="1"/>
  <c r="L1942" i="2"/>
  <c r="L1916" i="5" s="1"/>
  <c r="L8651" i="2"/>
  <c r="L8625" i="5" s="1"/>
  <c r="M5097" i="2"/>
  <c r="M5071" i="5" s="1"/>
  <c r="P5071" i="5" s="1"/>
  <c r="J7638" i="2"/>
  <c r="J7612" i="5" s="1"/>
  <c r="N7612" i="5" s="1"/>
  <c r="I6935" i="2"/>
  <c r="I6909" i="5" s="1"/>
  <c r="J3418" i="2"/>
  <c r="J3392" i="5" s="1"/>
  <c r="M8188" i="2"/>
  <c r="M8162" i="5" s="1"/>
  <c r="P8162" i="5" s="1"/>
  <c r="J8158" i="2"/>
  <c r="J8132" i="5" s="1"/>
  <c r="N8132" i="5" s="1"/>
  <c r="L4741" i="2"/>
  <c r="L4715" i="5" s="1"/>
  <c r="J8777" i="2"/>
  <c r="J8751" i="5" s="1"/>
  <c r="N8751" i="5" s="1"/>
  <c r="I760" i="2"/>
  <c r="I734" i="5" s="1"/>
  <c r="M760" i="2"/>
  <c r="M734" i="5" s="1"/>
  <c r="P734" i="5" s="1"/>
  <c r="K760" i="2"/>
  <c r="K734" i="5" s="1"/>
  <c r="J760" i="2"/>
  <c r="J734" i="5" s="1"/>
  <c r="N734" i="5" s="1"/>
  <c r="L760" i="2"/>
  <c r="L734" i="5" s="1"/>
  <c r="L5606" i="2"/>
  <c r="L5580" i="5" s="1"/>
  <c r="J5606" i="2"/>
  <c r="J5580" i="5" s="1"/>
  <c r="N5580" i="5" s="1"/>
  <c r="K5606" i="2"/>
  <c r="K5580" i="5" s="1"/>
  <c r="I5606" i="2"/>
  <c r="I5580" i="5" s="1"/>
  <c r="M5606" i="2"/>
  <c r="M5580" i="5" s="1"/>
  <c r="P5580" i="5" s="1"/>
  <c r="M390" i="2"/>
  <c r="M364" i="5" s="1"/>
  <c r="P364" i="5" s="1"/>
  <c r="L390" i="2"/>
  <c r="L364" i="5" s="1"/>
  <c r="J2619" i="2"/>
  <c r="J2593" i="5" s="1"/>
  <c r="N2593" i="5" s="1"/>
  <c r="I2619" i="2"/>
  <c r="I2593" i="5" s="1"/>
  <c r="K2619" i="2"/>
  <c r="K2593" i="5" s="1"/>
  <c r="J5004" i="2"/>
  <c r="J4978" i="5" s="1"/>
  <c r="N4978" i="5" s="1"/>
  <c r="M5004" i="2"/>
  <c r="M4978" i="5" s="1"/>
  <c r="P4978" i="5" s="1"/>
  <c r="I5004" i="2"/>
  <c r="I4978" i="5" s="1"/>
  <c r="K5004" i="2"/>
  <c r="K4978" i="5" s="1"/>
  <c r="O4978" i="5" s="1"/>
  <c r="M2246" i="2"/>
  <c r="M2220" i="5" s="1"/>
  <c r="P2220" i="5" s="1"/>
  <c r="K2806" i="2"/>
  <c r="K2780" i="5" s="1"/>
  <c r="K4072" i="2"/>
  <c r="K4046" i="5" s="1"/>
  <c r="AR286" i="1"/>
  <c r="L3629" i="2"/>
  <c r="L3603" i="5" s="1"/>
  <c r="M1491" i="2"/>
  <c r="M1465" i="5" s="1"/>
  <c r="P1465" i="5" s="1"/>
  <c r="J2947" i="2"/>
  <c r="J2921" i="5" s="1"/>
  <c r="N2921" i="5" s="1"/>
  <c r="L2816" i="2"/>
  <c r="L2790" i="5" s="1"/>
  <c r="J3452" i="2"/>
  <c r="J3426" i="5" s="1"/>
  <c r="N3426" i="5" s="1"/>
  <c r="M3452" i="2"/>
  <c r="M3426" i="5" s="1"/>
  <c r="P3426" i="5" s="1"/>
  <c r="I3452" i="2"/>
  <c r="I3426" i="5" s="1"/>
  <c r="J392" i="2"/>
  <c r="J366" i="5" s="1"/>
  <c r="N366" i="5" s="1"/>
  <c r="I392" i="2"/>
  <c r="I366" i="5" s="1"/>
  <c r="J1385" i="2"/>
  <c r="J1359" i="5" s="1"/>
  <c r="N1359" i="5" s="1"/>
  <c r="J8605" i="2"/>
  <c r="J8579" i="5" s="1"/>
  <c r="N8579" i="5" s="1"/>
  <c r="L8605" i="2"/>
  <c r="L8579" i="5" s="1"/>
  <c r="K8605" i="2"/>
  <c r="K8579" i="5" s="1"/>
  <c r="M2722" i="2"/>
  <c r="M2696" i="5" s="1"/>
  <c r="P2696" i="5" s="1"/>
  <c r="K2722" i="2"/>
  <c r="K2696" i="5" s="1"/>
  <c r="I2722" i="2"/>
  <c r="I2696" i="5" s="1"/>
  <c r="L2722" i="2"/>
  <c r="L2696" i="5" s="1"/>
  <c r="L3281" i="2"/>
  <c r="L3255" i="5" s="1"/>
  <c r="I3281" i="2"/>
  <c r="I3255" i="5" s="1"/>
  <c r="J3281" i="2"/>
  <c r="J3255" i="5" s="1"/>
  <c r="N3255" i="5" s="1"/>
  <c r="K3281" i="2"/>
  <c r="K3255" i="5" s="1"/>
  <c r="L5850" i="2"/>
  <c r="L5824" i="5" s="1"/>
  <c r="K5850" i="2"/>
  <c r="K5824" i="5" s="1"/>
  <c r="M5850" i="2"/>
  <c r="M5824" i="5" s="1"/>
  <c r="P5824" i="5" s="1"/>
  <c r="I5850" i="2"/>
  <c r="I5824" i="5" s="1"/>
  <c r="L5972" i="2"/>
  <c r="L5946" i="5" s="1"/>
  <c r="K5972" i="2"/>
  <c r="K5946" i="5" s="1"/>
  <c r="M6096" i="2"/>
  <c r="M6070" i="5" s="1"/>
  <c r="P6070" i="5" s="1"/>
  <c r="J6096" i="2"/>
  <c r="J6070" i="5" s="1"/>
  <c r="N6070" i="5" s="1"/>
  <c r="L6096" i="2"/>
  <c r="L6070" i="5" s="1"/>
  <c r="K6096" i="2"/>
  <c r="K6070" i="5" s="1"/>
  <c r="I6096" i="2"/>
  <c r="I6070" i="5" s="1"/>
  <c r="M6089" i="2"/>
  <c r="M6063" i="5" s="1"/>
  <c r="P6063" i="5" s="1"/>
  <c r="L6089" i="2"/>
  <c r="L6063" i="5" s="1"/>
  <c r="J6089" i="2"/>
  <c r="J6063" i="5" s="1"/>
  <c r="K3258" i="2"/>
  <c r="K3232" i="5" s="1"/>
  <c r="L3258" i="2"/>
  <c r="L3232" i="5" s="1"/>
  <c r="J3258" i="2"/>
  <c r="J3232" i="5" s="1"/>
  <c r="N3232" i="5" s="1"/>
  <c r="L4792" i="2"/>
  <c r="L4766" i="5" s="1"/>
  <c r="K4792" i="2"/>
  <c r="K4766" i="5" s="1"/>
  <c r="J4792" i="2"/>
  <c r="J4766" i="5" s="1"/>
  <c r="N4766" i="5" s="1"/>
  <c r="I4792" i="2"/>
  <c r="I4766" i="5" s="1"/>
  <c r="M4792" i="2"/>
  <c r="M4766" i="5" s="1"/>
  <c r="P4766" i="5" s="1"/>
  <c r="L8441" i="2"/>
  <c r="L8415" i="5" s="1"/>
  <c r="I8441" i="2"/>
  <c r="I8415" i="5" s="1"/>
  <c r="L4300" i="2"/>
  <c r="L4274" i="5" s="1"/>
  <c r="K4300" i="2"/>
  <c r="K4274" i="5" s="1"/>
  <c r="M4300" i="2"/>
  <c r="M4274" i="5" s="1"/>
  <c r="P4274" i="5" s="1"/>
  <c r="J8680" i="2"/>
  <c r="J8654" i="5" s="1"/>
  <c r="N8654" i="5" s="1"/>
  <c r="I8680" i="2"/>
  <c r="I8654" i="5" s="1"/>
  <c r="K8680" i="2"/>
  <c r="K8654" i="5" s="1"/>
  <c r="M566" i="2"/>
  <c r="M540" i="5" s="1"/>
  <c r="P540" i="5" s="1"/>
  <c r="I566" i="2"/>
  <c r="I540" i="5" s="1"/>
  <c r="K566" i="2"/>
  <c r="K540" i="5" s="1"/>
  <c r="L218" i="2"/>
  <c r="L192" i="5" s="1"/>
  <c r="M218" i="2"/>
  <c r="M192" i="5" s="1"/>
  <c r="P192" i="5" s="1"/>
  <c r="J7948" i="2"/>
  <c r="J7922" i="5" s="1"/>
  <c r="N7922" i="5" s="1"/>
  <c r="L7948" i="2"/>
  <c r="L7922" i="5" s="1"/>
  <c r="I7473" i="2"/>
  <c r="I7447" i="5" s="1"/>
  <c r="K7473" i="2"/>
  <c r="K7447" i="5" s="1"/>
  <c r="L7473" i="2"/>
  <c r="L7447" i="5" s="1"/>
  <c r="M7473" i="2"/>
  <c r="M7447" i="5" s="1"/>
  <c r="P7447" i="5" s="1"/>
  <c r="L409" i="2"/>
  <c r="L383" i="5" s="1"/>
  <c r="J409" i="2"/>
  <c r="J383" i="5" s="1"/>
  <c r="N383" i="5" s="1"/>
  <c r="I2944" i="2"/>
  <c r="I2918" i="5" s="1"/>
  <c r="K2944" i="2"/>
  <c r="K2918" i="5" s="1"/>
  <c r="J7850" i="2"/>
  <c r="J7824" i="5" s="1"/>
  <c r="N7824" i="5" s="1"/>
  <c r="M7850" i="2"/>
  <c r="M7824" i="5" s="1"/>
  <c r="P7824" i="5" s="1"/>
  <c r="M94" i="2"/>
  <c r="M68" i="5" s="1"/>
  <c r="P68" i="5" s="1"/>
  <c r="J94" i="2"/>
  <c r="J68" i="5" s="1"/>
  <c r="N68" i="5" s="1"/>
  <c r="I94" i="2"/>
  <c r="I68" i="5" s="1"/>
  <c r="K5459" i="2"/>
  <c r="K5433" i="5" s="1"/>
  <c r="L5459" i="2"/>
  <c r="L5433" i="5" s="1"/>
  <c r="M7485" i="2"/>
  <c r="M7459" i="5" s="1"/>
  <c r="P7459" i="5" s="1"/>
  <c r="K7485" i="2"/>
  <c r="K7459" i="5" s="1"/>
  <c r="J7485" i="2"/>
  <c r="J7459" i="5" s="1"/>
  <c r="N7459" i="5" s="1"/>
  <c r="L7296" i="2"/>
  <c r="L7270" i="5" s="1"/>
  <c r="L5340" i="2"/>
  <c r="L5314" i="5" s="1"/>
  <c r="L94" i="2"/>
  <c r="L68" i="5" s="1"/>
  <c r="J3411" i="2"/>
  <c r="J3385" i="5" s="1"/>
  <c r="N3385" i="5" s="1"/>
  <c r="J7502" i="2"/>
  <c r="J7476" i="5" s="1"/>
  <c r="N7476" i="5" s="1"/>
  <c r="J1229" i="2"/>
  <c r="J1203" i="5" s="1"/>
  <c r="N1203" i="5" s="1"/>
  <c r="L1229" i="2"/>
  <c r="L1203" i="5" s="1"/>
  <c r="I1229" i="2"/>
  <c r="I1203" i="5" s="1"/>
  <c r="K1229" i="2"/>
  <c r="K1203" i="5" s="1"/>
  <c r="J5486" i="2"/>
  <c r="J5460" i="5" s="1"/>
  <c r="N5460" i="5" s="1"/>
  <c r="K5486" i="2"/>
  <c r="K5460" i="5" s="1"/>
  <c r="I5486" i="2"/>
  <c r="I5460" i="5" s="1"/>
  <c r="K8201" i="2"/>
  <c r="K8175" i="5" s="1"/>
  <c r="K5752" i="2"/>
  <c r="K5726" i="5" s="1"/>
  <c r="I2806" i="2"/>
  <c r="I2780" i="5" s="1"/>
  <c r="K3991" i="2"/>
  <c r="K3965" i="5" s="1"/>
  <c r="M7296" i="2"/>
  <c r="M7270" i="5" s="1"/>
  <c r="P7270" i="5" s="1"/>
  <c r="K7146" i="2"/>
  <c r="K7120" i="5" s="1"/>
  <c r="O7120" i="5" s="1"/>
  <c r="K652" i="2"/>
  <c r="K626" i="5" s="1"/>
  <c r="O626" i="5" s="1"/>
  <c r="M3629" i="2"/>
  <c r="M3603" i="5" s="1"/>
  <c r="P3603" i="5" s="1"/>
  <c r="J5461" i="2"/>
  <c r="J5435" i="5" s="1"/>
  <c r="N5435" i="5" s="1"/>
  <c r="M2816" i="2"/>
  <c r="M2790" i="5" s="1"/>
  <c r="P2790" i="5" s="1"/>
  <c r="J5156" i="2"/>
  <c r="J5130" i="5" s="1"/>
  <c r="N5130" i="5" s="1"/>
  <c r="M5156" i="2"/>
  <c r="M5130" i="5" s="1"/>
  <c r="P5130" i="5" s="1"/>
  <c r="I5156" i="2"/>
  <c r="I5130" i="5" s="1"/>
  <c r="L5156" i="2"/>
  <c r="L5130" i="5" s="1"/>
  <c r="K5156" i="2"/>
  <c r="K5130" i="5" s="1"/>
  <c r="K6841" i="2"/>
  <c r="K6815" i="5" s="1"/>
  <c r="L6841" i="2"/>
  <c r="L6815" i="5" s="1"/>
  <c r="I3402" i="2"/>
  <c r="I3376" i="5" s="1"/>
  <c r="K3402" i="2"/>
  <c r="K3376" i="5" s="1"/>
  <c r="L3402" i="2"/>
  <c r="L3376" i="5" s="1"/>
  <c r="M3402" i="2"/>
  <c r="M3376" i="5" s="1"/>
  <c r="P3376" i="5" s="1"/>
  <c r="J3402" i="2"/>
  <c r="J3376" i="5" s="1"/>
  <c r="N3376" i="5" s="1"/>
  <c r="AR269" i="1"/>
  <c r="M3797" i="2"/>
  <c r="M3771" i="5" s="1"/>
  <c r="P3771" i="5" s="1"/>
  <c r="I3797" i="2"/>
  <c r="I3771" i="5" s="1"/>
  <c r="K3797" i="2"/>
  <c r="K3771" i="5" s="1"/>
  <c r="O3771" i="5" s="1"/>
  <c r="M2970" i="2"/>
  <c r="M2944" i="5" s="1"/>
  <c r="P2944" i="5" s="1"/>
  <c r="L2970" i="2"/>
  <c r="L2944" i="5" s="1"/>
  <c r="I2970" i="2"/>
  <c r="I2944" i="5" s="1"/>
  <c r="K2970" i="2"/>
  <c r="K2944" i="5" s="1"/>
  <c r="K6322" i="2"/>
  <c r="K6296" i="5" s="1"/>
  <c r="J6322" i="2"/>
  <c r="J6296" i="5" s="1"/>
  <c r="N6296" i="5" s="1"/>
  <c r="L6322" i="2"/>
  <c r="L6296" i="5" s="1"/>
  <c r="I6322" i="2"/>
  <c r="I6296" i="5" s="1"/>
  <c r="M6322" i="2"/>
  <c r="M6296" i="5" s="1"/>
  <c r="P6296" i="5" s="1"/>
  <c r="L3772" i="2"/>
  <c r="L3746" i="5" s="1"/>
  <c r="I3772" i="2"/>
  <c r="I3746" i="5" s="1"/>
  <c r="K4933" i="2"/>
  <c r="K4907" i="5" s="1"/>
  <c r="M4933" i="2"/>
  <c r="M4907" i="5" s="1"/>
  <c r="P4907" i="5" s="1"/>
  <c r="J3616" i="2"/>
  <c r="J3590" i="5" s="1"/>
  <c r="N3590" i="5" s="1"/>
  <c r="I3616" i="2"/>
  <c r="I3590" i="5" s="1"/>
  <c r="L3616" i="2"/>
  <c r="L3590" i="5" s="1"/>
  <c r="K3616" i="2"/>
  <c r="K3590" i="5" s="1"/>
  <c r="M3616" i="2"/>
  <c r="M3590" i="5" s="1"/>
  <c r="P3590" i="5" s="1"/>
  <c r="M7311" i="2"/>
  <c r="M7285" i="5" s="1"/>
  <c r="P7285" i="5" s="1"/>
  <c r="I7311" i="2"/>
  <c r="I7285" i="5" s="1"/>
  <c r="J7311" i="2"/>
  <c r="J7285" i="5" s="1"/>
  <c r="M7856" i="2"/>
  <c r="M7830" i="5" s="1"/>
  <c r="P7830" i="5" s="1"/>
  <c r="L7856" i="2"/>
  <c r="L7830" i="5" s="1"/>
  <c r="I7856" i="2"/>
  <c r="I7830" i="5" s="1"/>
  <c r="K4108" i="2"/>
  <c r="K4082" i="5" s="1"/>
  <c r="M4108" i="2"/>
  <c r="M4082" i="5" s="1"/>
  <c r="P4082" i="5" s="1"/>
  <c r="I4108" i="2"/>
  <c r="I4082" i="5" s="1"/>
  <c r="L4108" i="2"/>
  <c r="L4082" i="5" s="1"/>
  <c r="J4108" i="2"/>
  <c r="J4082" i="5" s="1"/>
  <c r="N4082" i="5" s="1"/>
  <c r="L2947" i="2"/>
  <c r="L2921" i="5" s="1"/>
  <c r="I2947" i="2"/>
  <c r="I2921" i="5" s="1"/>
  <c r="L4487" i="2"/>
  <c r="L4461" i="5" s="1"/>
  <c r="I4487" i="2"/>
  <c r="I4461" i="5" s="1"/>
  <c r="K4487" i="2"/>
  <c r="K4461" i="5" s="1"/>
  <c r="K7363" i="2"/>
  <c r="K7337" i="5" s="1"/>
  <c r="I7363" i="2"/>
  <c r="I7337" i="5" s="1"/>
  <c r="M2491" i="2"/>
  <c r="M2465" i="5" s="1"/>
  <c r="P2465" i="5" s="1"/>
  <c r="I2491" i="2"/>
  <c r="I2465" i="5" s="1"/>
  <c r="K2491" i="2"/>
  <c r="K2465" i="5" s="1"/>
  <c r="L4430" i="2"/>
  <c r="L4404" i="5" s="1"/>
  <c r="I4430" i="2"/>
  <c r="I4404" i="5" s="1"/>
  <c r="J4430" i="2"/>
  <c r="J4404" i="5" s="1"/>
  <c r="N4404" i="5" s="1"/>
  <c r="K4430" i="2"/>
  <c r="K4404" i="5" s="1"/>
  <c r="M8652" i="2"/>
  <c r="M8626" i="5" s="1"/>
  <c r="P8626" i="5" s="1"/>
  <c r="I8652" i="2"/>
  <c r="I8626" i="5" s="1"/>
  <c r="K8652" i="2"/>
  <c r="K8626" i="5" s="1"/>
  <c r="J8652" i="2"/>
  <c r="J8626" i="5" s="1"/>
  <c r="N8626" i="5" s="1"/>
  <c r="L8652" i="2"/>
  <c r="L8626" i="5" s="1"/>
  <c r="M7530" i="2"/>
  <c r="M7504" i="5" s="1"/>
  <c r="P7504" i="5" s="1"/>
  <c r="I7530" i="2"/>
  <c r="I7504" i="5" s="1"/>
  <c r="I4163" i="2"/>
  <c r="I4137" i="5" s="1"/>
  <c r="J4163" i="2"/>
  <c r="J4137" i="5" s="1"/>
  <c r="N4137" i="5" s="1"/>
  <c r="M4163" i="2"/>
  <c r="M4137" i="5" s="1"/>
  <c r="P4137" i="5" s="1"/>
  <c r="L4163" i="2"/>
  <c r="L4137" i="5" s="1"/>
  <c r="I564" i="2"/>
  <c r="I538" i="5" s="1"/>
  <c r="L564" i="2"/>
  <c r="L538" i="5" s="1"/>
  <c r="K564" i="2"/>
  <c r="K538" i="5" s="1"/>
  <c r="J480" i="2"/>
  <c r="J454" i="5" s="1"/>
  <c r="N454" i="5" s="1"/>
  <c r="M480" i="2"/>
  <c r="M454" i="5" s="1"/>
  <c r="P454" i="5" s="1"/>
  <c r="K480" i="2"/>
  <c r="K454" i="5" s="1"/>
  <c r="I480" i="2"/>
  <c r="I454" i="5" s="1"/>
  <c r="L480" i="2"/>
  <c r="L454" i="5" s="1"/>
  <c r="L8117" i="2"/>
  <c r="L8091" i="5" s="1"/>
  <c r="I8117" i="2"/>
  <c r="I8091" i="5" s="1"/>
  <c r="M8117" i="2"/>
  <c r="M8091" i="5" s="1"/>
  <c r="P8091" i="5" s="1"/>
  <c r="K8117" i="2"/>
  <c r="K8091" i="5" s="1"/>
  <c r="J8117" i="2"/>
  <c r="J8091" i="5" s="1"/>
  <c r="N8091" i="5" s="1"/>
  <c r="I8378" i="2"/>
  <c r="I8352" i="5" s="1"/>
  <c r="K8378" i="2"/>
  <c r="K8352" i="5" s="1"/>
  <c r="M8378" i="2"/>
  <c r="M8352" i="5" s="1"/>
  <c r="P8352" i="5" s="1"/>
  <c r="L8378" i="2"/>
  <c r="L8352" i="5" s="1"/>
  <c r="I7483" i="2"/>
  <c r="I7457" i="5" s="1"/>
  <c r="K7483" i="2"/>
  <c r="K7457" i="5" s="1"/>
  <c r="L7483" i="2"/>
  <c r="L7457" i="5" s="1"/>
  <c r="M7483" i="2"/>
  <c r="M7457" i="5" s="1"/>
  <c r="P7457" i="5" s="1"/>
  <c r="J7483" i="2"/>
  <c r="J7457" i="5" s="1"/>
  <c r="N7457" i="5" s="1"/>
  <c r="J5151" i="2"/>
  <c r="J5125" i="5" s="1"/>
  <c r="N5125" i="5" s="1"/>
  <c r="K5151" i="2"/>
  <c r="K5125" i="5" s="1"/>
  <c r="L5151" i="2"/>
  <c r="L5125" i="5" s="1"/>
  <c r="K8486" i="2"/>
  <c r="K8460" i="5" s="1"/>
  <c r="J8486" i="2"/>
  <c r="J8460" i="5" s="1"/>
  <c r="L8486" i="2"/>
  <c r="L8460" i="5" s="1"/>
  <c r="L5684" i="2"/>
  <c r="L5658" i="5" s="1"/>
  <c r="J5684" i="2"/>
  <c r="J5658" i="5" s="1"/>
  <c r="N5658" i="5" s="1"/>
  <c r="M5684" i="2"/>
  <c r="M5658" i="5" s="1"/>
  <c r="P5658" i="5" s="1"/>
  <c r="L5348" i="2"/>
  <c r="L5322" i="5" s="1"/>
  <c r="K5348" i="2"/>
  <c r="K5322" i="5" s="1"/>
  <c r="M5348" i="2"/>
  <c r="M5322" i="5" s="1"/>
  <c r="P5322" i="5" s="1"/>
  <c r="J5348" i="2"/>
  <c r="J5322" i="5" s="1"/>
  <c r="N5322" i="5" s="1"/>
  <c r="I5348" i="2"/>
  <c r="I5322" i="5" s="1"/>
  <c r="J1803" i="2"/>
  <c r="J1777" i="5" s="1"/>
  <c r="N1777" i="5" s="1"/>
  <c r="L1803" i="2"/>
  <c r="L1777" i="5" s="1"/>
  <c r="M1803" i="2"/>
  <c r="M1777" i="5" s="1"/>
  <c r="P1777" i="5" s="1"/>
  <c r="K5082" i="2"/>
  <c r="K5056" i="5" s="1"/>
  <c r="L7354" i="2"/>
  <c r="L7328" i="5" s="1"/>
  <c r="I7354" i="2"/>
  <c r="I7328" i="5" s="1"/>
  <c r="M4515" i="2"/>
  <c r="M4489" i="5" s="1"/>
  <c r="P4489" i="5" s="1"/>
  <c r="L4515" i="2"/>
  <c r="L4489" i="5" s="1"/>
  <c r="K5145" i="2"/>
  <c r="K5119" i="5" s="1"/>
  <c r="J5145" i="2"/>
  <c r="J5119" i="5" s="1"/>
  <c r="N5119" i="5" s="1"/>
  <c r="I5145" i="2"/>
  <c r="I5119" i="5" s="1"/>
  <c r="L5145" i="2"/>
  <c r="L5119" i="5" s="1"/>
  <c r="M5145" i="2"/>
  <c r="M5119" i="5" s="1"/>
  <c r="P5119" i="5" s="1"/>
  <c r="K8504" i="2"/>
  <c r="K8478" i="5" s="1"/>
  <c r="L8504" i="2"/>
  <c r="L8478" i="5" s="1"/>
  <c r="I8501" i="2"/>
  <c r="I8475" i="5" s="1"/>
  <c r="M8501" i="2"/>
  <c r="M8475" i="5" s="1"/>
  <c r="P8475" i="5" s="1"/>
  <c r="K8501" i="2"/>
  <c r="K8475" i="5" s="1"/>
  <c r="J8501" i="2"/>
  <c r="J8475" i="5" s="1"/>
  <c r="N8475" i="5" s="1"/>
  <c r="L8501" i="2"/>
  <c r="L8475" i="5" s="1"/>
  <c r="M5181" i="2"/>
  <c r="M5155" i="5" s="1"/>
  <c r="P5155" i="5" s="1"/>
  <c r="I5181" i="2"/>
  <c r="I5155" i="5" s="1"/>
  <c r="K5181" i="2"/>
  <c r="K5155" i="5" s="1"/>
  <c r="J5181" i="2"/>
  <c r="J5155" i="5" s="1"/>
  <c r="N5155" i="5" s="1"/>
  <c r="L5181" i="2"/>
  <c r="L5155" i="5" s="1"/>
  <c r="K1970" i="2"/>
  <c r="K1944" i="5" s="1"/>
  <c r="J1970" i="2"/>
  <c r="J1944" i="5" s="1"/>
  <c r="N1944" i="5" s="1"/>
  <c r="I1970" i="2"/>
  <c r="I1944" i="5" s="1"/>
  <c r="L1970" i="2"/>
  <c r="L1944" i="5" s="1"/>
  <c r="K1255" i="2"/>
  <c r="K1229" i="5" s="1"/>
  <c r="J1255" i="2"/>
  <c r="J1229" i="5" s="1"/>
  <c r="N1229" i="5" s="1"/>
  <c r="J7302" i="2"/>
  <c r="J7276" i="5" s="1"/>
  <c r="I7302" i="2"/>
  <c r="I7276" i="5" s="1"/>
  <c r="L7302" i="2"/>
  <c r="L7276" i="5" s="1"/>
  <c r="K7302" i="2"/>
  <c r="K7276" i="5" s="1"/>
  <c r="M7302" i="2"/>
  <c r="M7276" i="5" s="1"/>
  <c r="P7276" i="5" s="1"/>
  <c r="J6145" i="2"/>
  <c r="J6119" i="5" s="1"/>
  <c r="N6119" i="5" s="1"/>
  <c r="M6145" i="2"/>
  <c r="M6119" i="5" s="1"/>
  <c r="P6119" i="5" s="1"/>
  <c r="K6145" i="2"/>
  <c r="K6119" i="5" s="1"/>
  <c r="I6145" i="2"/>
  <c r="I6119" i="5" s="1"/>
  <c r="L6145" i="2"/>
  <c r="L6119" i="5" s="1"/>
  <c r="K2266" i="2"/>
  <c r="K2240" i="5" s="1"/>
  <c r="L2266" i="2"/>
  <c r="L2240" i="5" s="1"/>
  <c r="I2266" i="2"/>
  <c r="I2240" i="5" s="1"/>
  <c r="J2266" i="2"/>
  <c r="J2240" i="5" s="1"/>
  <c r="N2240" i="5" s="1"/>
  <c r="M2266" i="2"/>
  <c r="M2240" i="5" s="1"/>
  <c r="P2240" i="5" s="1"/>
  <c r="I2255" i="2"/>
  <c r="I2229" i="5" s="1"/>
  <c r="K2255" i="2"/>
  <c r="K2229" i="5" s="1"/>
  <c r="J2255" i="2"/>
  <c r="J2229" i="5" s="1"/>
  <c r="L2255" i="2"/>
  <c r="L2229" i="5" s="1"/>
  <c r="L132" i="2"/>
  <c r="L106" i="5" s="1"/>
  <c r="M132" i="2"/>
  <c r="M106" i="5" s="1"/>
  <c r="P106" i="5" s="1"/>
  <c r="J132" i="2"/>
  <c r="J106" i="5" s="1"/>
  <c r="N106" i="5" s="1"/>
  <c r="I132" i="2"/>
  <c r="I106" i="5" s="1"/>
  <c r="K132" i="2"/>
  <c r="K106" i="5" s="1"/>
  <c r="M5519" i="2"/>
  <c r="M5493" i="5" s="1"/>
  <c r="P5493" i="5" s="1"/>
  <c r="I5519" i="2"/>
  <c r="I5493" i="5" s="1"/>
  <c r="K5519" i="2"/>
  <c r="K5493" i="5" s="1"/>
  <c r="J5519" i="2"/>
  <c r="J5493" i="5" s="1"/>
  <c r="N5493" i="5" s="1"/>
  <c r="M3462" i="2"/>
  <c r="M3436" i="5" s="1"/>
  <c r="P3436" i="5" s="1"/>
  <c r="K3462" i="2"/>
  <c r="K3436" i="5" s="1"/>
  <c r="M4756" i="2"/>
  <c r="M4730" i="5" s="1"/>
  <c r="P4730" i="5" s="1"/>
  <c r="I4756" i="2"/>
  <c r="I4730" i="5" s="1"/>
  <c r="J4756" i="2"/>
  <c r="J4730" i="5" s="1"/>
  <c r="N4730" i="5" s="1"/>
  <c r="K4756" i="2"/>
  <c r="K4730" i="5" s="1"/>
  <c r="M6966" i="2"/>
  <c r="M6940" i="5" s="1"/>
  <c r="P6940" i="5" s="1"/>
  <c r="I6966" i="2"/>
  <c r="I6940" i="5" s="1"/>
  <c r="J6966" i="2"/>
  <c r="J6940" i="5" s="1"/>
  <c r="K6966" i="2"/>
  <c r="K6940" i="5" s="1"/>
  <c r="L6966" i="2"/>
  <c r="L6940" i="5" s="1"/>
  <c r="L7600" i="2"/>
  <c r="L7574" i="5" s="1"/>
  <c r="M7600" i="2"/>
  <c r="M7574" i="5" s="1"/>
  <c r="P7574" i="5" s="1"/>
  <c r="J7600" i="2"/>
  <c r="J7574" i="5" s="1"/>
  <c r="N7574" i="5" s="1"/>
  <c r="J423" i="2"/>
  <c r="J397" i="5" s="1"/>
  <c r="N397" i="5" s="1"/>
  <c r="I423" i="2"/>
  <c r="I397" i="5" s="1"/>
  <c r="K423" i="2"/>
  <c r="K397" i="5" s="1"/>
  <c r="L423" i="2"/>
  <c r="L397" i="5" s="1"/>
  <c r="M423" i="2"/>
  <c r="M397" i="5" s="1"/>
  <c r="P397" i="5" s="1"/>
  <c r="K6133" i="2"/>
  <c r="K6107" i="5" s="1"/>
  <c r="J6133" i="2"/>
  <c r="J6107" i="5" s="1"/>
  <c r="N6107" i="5" s="1"/>
  <c r="M7136" i="2"/>
  <c r="M7110" i="5" s="1"/>
  <c r="P7110" i="5" s="1"/>
  <c r="K7136" i="2"/>
  <c r="K7110" i="5" s="1"/>
  <c r="L7136" i="2"/>
  <c r="L7110" i="5" s="1"/>
  <c r="I7136" i="2"/>
  <c r="I7110" i="5" s="1"/>
  <c r="J7136" i="2"/>
  <c r="J7110" i="5" s="1"/>
  <c r="N7110" i="5" s="1"/>
  <c r="M2066" i="2"/>
  <c r="M2040" i="5" s="1"/>
  <c r="P2040" i="5" s="1"/>
  <c r="L2066" i="2"/>
  <c r="L2040" i="5" s="1"/>
  <c r="K2066" i="2"/>
  <c r="K2040" i="5" s="1"/>
  <c r="I5526" i="2"/>
  <c r="I5500" i="5" s="1"/>
  <c r="L5526" i="2"/>
  <c r="L5500" i="5" s="1"/>
  <c r="J3792" i="2"/>
  <c r="J3766" i="5" s="1"/>
  <c r="N3766" i="5" s="1"/>
  <c r="I3792" i="2"/>
  <c r="I3766" i="5" s="1"/>
  <c r="K3792" i="2"/>
  <c r="K3766" i="5" s="1"/>
  <c r="L3792" i="2"/>
  <c r="L3766" i="5" s="1"/>
  <c r="M3792" i="2"/>
  <c r="M3766" i="5" s="1"/>
  <c r="P3766" i="5" s="1"/>
  <c r="L116" i="2"/>
  <c r="L90" i="5" s="1"/>
  <c r="I116" i="2"/>
  <c r="I90" i="5" s="1"/>
  <c r="J116" i="2"/>
  <c r="J90" i="5" s="1"/>
  <c r="N90" i="5" s="1"/>
  <c r="M116" i="2"/>
  <c r="M90" i="5" s="1"/>
  <c r="P90" i="5" s="1"/>
  <c r="M610" i="2"/>
  <c r="M584" i="5" s="1"/>
  <c r="P584" i="5" s="1"/>
  <c r="K610" i="2"/>
  <c r="K584" i="5" s="1"/>
  <c r="J610" i="2"/>
  <c r="J584" i="5" s="1"/>
  <c r="N584" i="5" s="1"/>
  <c r="K5834" i="2"/>
  <c r="K5808" i="5" s="1"/>
  <c r="J5834" i="2"/>
  <c r="J5808" i="5" s="1"/>
  <c r="N5808" i="5" s="1"/>
  <c r="M206" i="2"/>
  <c r="M180" i="5" s="1"/>
  <c r="P180" i="5" s="1"/>
  <c r="L206" i="2"/>
  <c r="L180" i="5" s="1"/>
  <c r="I1108" i="2"/>
  <c r="I1082" i="5" s="1"/>
  <c r="L1108" i="2"/>
  <c r="L1082" i="5" s="1"/>
  <c r="K1108" i="2"/>
  <c r="K1082" i="5" s="1"/>
  <c r="J1108" i="2"/>
  <c r="J1082" i="5" s="1"/>
  <c r="M1108" i="2"/>
  <c r="M1082" i="5" s="1"/>
  <c r="P1082" i="5" s="1"/>
  <c r="M4485" i="2"/>
  <c r="M4459" i="5" s="1"/>
  <c r="P4459" i="5" s="1"/>
  <c r="K4485" i="2"/>
  <c r="K4459" i="5" s="1"/>
  <c r="J4485" i="2"/>
  <c r="J4459" i="5" s="1"/>
  <c r="N4459" i="5" s="1"/>
  <c r="I4485" i="2"/>
  <c r="I4459" i="5" s="1"/>
  <c r="L4485" i="2"/>
  <c r="L4459" i="5" s="1"/>
  <c r="M970" i="2"/>
  <c r="M944" i="5" s="1"/>
  <c r="P944" i="5" s="1"/>
  <c r="K970" i="2"/>
  <c r="K944" i="5" s="1"/>
  <c r="I970" i="2"/>
  <c r="I944" i="5" s="1"/>
  <c r="L970" i="2"/>
  <c r="L944" i="5" s="1"/>
  <c r="J970" i="2"/>
  <c r="J944" i="5" s="1"/>
  <c r="N944" i="5" s="1"/>
  <c r="K7436" i="2"/>
  <c r="K7410" i="5" s="1"/>
  <c r="I7436" i="2"/>
  <c r="I7410" i="5" s="1"/>
  <c r="J7436" i="2"/>
  <c r="J7410" i="5" s="1"/>
  <c r="N7410" i="5" s="1"/>
  <c r="F135" i="5"/>
  <c r="AR129" i="1"/>
  <c r="J4987" i="2"/>
  <c r="J4961" i="5" s="1"/>
  <c r="N4961" i="5" s="1"/>
  <c r="I4987" i="2"/>
  <c r="I4961" i="5" s="1"/>
  <c r="K4987" i="2"/>
  <c r="K4961" i="5" s="1"/>
  <c r="O4961" i="5" s="1"/>
  <c r="M4987" i="2"/>
  <c r="M4961" i="5" s="1"/>
  <c r="P4961" i="5" s="1"/>
  <c r="M8438" i="2"/>
  <c r="M8412" i="5" s="1"/>
  <c r="P8412" i="5" s="1"/>
  <c r="J8438" i="2"/>
  <c r="J8412" i="5" s="1"/>
  <c r="L8438" i="2"/>
  <c r="L8412" i="5" s="1"/>
  <c r="L1214" i="2"/>
  <c r="L1188" i="5" s="1"/>
  <c r="I1214" i="2"/>
  <c r="I1188" i="5" s="1"/>
  <c r="K1214" i="2"/>
  <c r="K1188" i="5" s="1"/>
  <c r="J1214" i="2"/>
  <c r="J1188" i="5" s="1"/>
  <c r="N1188" i="5" s="1"/>
  <c r="I2960" i="2"/>
  <c r="I2934" i="5" s="1"/>
  <c r="L2960" i="2"/>
  <c r="L2934" i="5" s="1"/>
  <c r="I5822" i="2"/>
  <c r="I5796" i="5" s="1"/>
  <c r="M5822" i="2"/>
  <c r="M5796" i="5" s="1"/>
  <c r="P5796" i="5" s="1"/>
  <c r="D67" i="5"/>
  <c r="AR61" i="1"/>
  <c r="I4689" i="2"/>
  <c r="I4663" i="5" s="1"/>
  <c r="K4689" i="2"/>
  <c r="K4663" i="5" s="1"/>
  <c r="J4689" i="2"/>
  <c r="J4663" i="5" s="1"/>
  <c r="N4663" i="5" s="1"/>
  <c r="M4689" i="2"/>
  <c r="M4663" i="5" s="1"/>
  <c r="P4663" i="5" s="1"/>
  <c r="L4689" i="2"/>
  <c r="L4663" i="5" s="1"/>
  <c r="G269" i="5"/>
  <c r="AR263" i="1"/>
  <c r="L1091" i="2"/>
  <c r="L1065" i="5" s="1"/>
  <c r="M1091" i="2"/>
  <c r="M1065" i="5" s="1"/>
  <c r="P1065" i="5" s="1"/>
  <c r="I1091" i="2"/>
  <c r="I1065" i="5" s="1"/>
  <c r="J1091" i="2"/>
  <c r="J1065" i="5" s="1"/>
  <c r="N1065" i="5" s="1"/>
  <c r="L6871" i="2"/>
  <c r="L6845" i="5" s="1"/>
  <c r="L8782" i="2"/>
  <c r="L8756" i="5" s="1"/>
  <c r="K8782" i="2"/>
  <c r="K8756" i="5" s="1"/>
  <c r="M8782" i="2"/>
  <c r="M8756" i="5" s="1"/>
  <c r="P8756" i="5" s="1"/>
  <c r="I8782" i="2"/>
  <c r="I8756" i="5" s="1"/>
  <c r="J8782" i="2"/>
  <c r="J8756" i="5" s="1"/>
  <c r="N8756" i="5" s="1"/>
  <c r="K3681" i="2"/>
  <c r="K3655" i="5" s="1"/>
  <c r="L3681" i="2"/>
  <c r="L3655" i="5" s="1"/>
  <c r="M3681" i="2"/>
  <c r="M3655" i="5" s="1"/>
  <c r="P3655" i="5" s="1"/>
  <c r="I3681" i="2"/>
  <c r="I3655" i="5" s="1"/>
  <c r="J3681" i="2"/>
  <c r="J3655" i="5" s="1"/>
  <c r="N3655" i="5" s="1"/>
  <c r="L4467" i="2"/>
  <c r="L4441" i="5" s="1"/>
  <c r="I4467" i="2"/>
  <c r="I4441" i="5" s="1"/>
  <c r="J4467" i="2"/>
  <c r="J4441" i="5" s="1"/>
  <c r="K4467" i="2"/>
  <c r="K4441" i="5" s="1"/>
  <c r="L7635" i="2"/>
  <c r="L7609" i="5" s="1"/>
  <c r="M7635" i="2"/>
  <c r="M7609" i="5" s="1"/>
  <c r="P7609" i="5" s="1"/>
  <c r="I4581" i="2"/>
  <c r="I4555" i="5" s="1"/>
  <c r="L4581" i="2"/>
  <c r="L4555" i="5" s="1"/>
  <c r="J4581" i="2"/>
  <c r="J4555" i="5" s="1"/>
  <c r="N4555" i="5" s="1"/>
  <c r="M4581" i="2"/>
  <c r="M4555" i="5" s="1"/>
  <c r="P4555" i="5" s="1"/>
  <c r="K4581" i="2"/>
  <c r="K4555" i="5" s="1"/>
  <c r="I1328" i="2"/>
  <c r="I1302" i="5" s="1"/>
  <c r="K1328" i="2"/>
  <c r="K1302" i="5" s="1"/>
  <c r="L5494" i="2"/>
  <c r="L5468" i="5" s="1"/>
  <c r="I2557" i="2"/>
  <c r="I2531" i="5" s="1"/>
  <c r="L2557" i="2"/>
  <c r="L2531" i="5" s="1"/>
  <c r="J2557" i="2"/>
  <c r="J2531" i="5" s="1"/>
  <c r="N2531" i="5" s="1"/>
  <c r="M2557" i="2"/>
  <c r="M2531" i="5" s="1"/>
  <c r="P2531" i="5" s="1"/>
  <c r="K6812" i="2"/>
  <c r="K6786" i="5" s="1"/>
  <c r="L6812" i="2"/>
  <c r="L6786" i="5" s="1"/>
  <c r="J6812" i="2"/>
  <c r="J6786" i="5" s="1"/>
  <c r="N6786" i="5" s="1"/>
  <c r="L3750" i="2"/>
  <c r="L3724" i="5" s="1"/>
  <c r="M3750" i="2"/>
  <c r="M3724" i="5" s="1"/>
  <c r="P3724" i="5" s="1"/>
  <c r="I3750" i="2"/>
  <c r="I3724" i="5" s="1"/>
  <c r="K3750" i="2"/>
  <c r="K3724" i="5" s="1"/>
  <c r="J3750" i="2"/>
  <c r="J3724" i="5" s="1"/>
  <c r="I1142" i="2"/>
  <c r="I1116" i="5" s="1"/>
  <c r="J1142" i="2"/>
  <c r="J1116" i="5" s="1"/>
  <c r="N1116" i="5" s="1"/>
  <c r="I4639" i="2"/>
  <c r="I4613" i="5" s="1"/>
  <c r="K4639" i="2"/>
  <c r="K4613" i="5" s="1"/>
  <c r="M4639" i="2"/>
  <c r="M4613" i="5" s="1"/>
  <c r="P4613" i="5" s="1"/>
  <c r="L4639" i="2"/>
  <c r="L4613" i="5" s="1"/>
  <c r="J4639" i="2"/>
  <c r="J4613" i="5" s="1"/>
  <c r="N4613" i="5" s="1"/>
  <c r="K2911" i="2"/>
  <c r="K2885" i="5" s="1"/>
  <c r="L2911" i="2"/>
  <c r="L2885" i="5" s="1"/>
  <c r="M2911" i="2"/>
  <c r="M2885" i="5" s="1"/>
  <c r="P2885" i="5" s="1"/>
  <c r="J2911" i="2"/>
  <c r="J2885" i="5" s="1"/>
  <c r="N2885" i="5" s="1"/>
  <c r="I2911" i="2"/>
  <c r="I2885" i="5" s="1"/>
  <c r="M7857" i="2"/>
  <c r="M7831" i="5" s="1"/>
  <c r="P7831" i="5" s="1"/>
  <c r="I7857" i="2"/>
  <c r="I7831" i="5" s="1"/>
  <c r="L1921" i="2"/>
  <c r="L1895" i="5" s="1"/>
  <c r="M1921" i="2"/>
  <c r="M1895" i="5" s="1"/>
  <c r="P1895" i="5" s="1"/>
  <c r="K1921" i="2"/>
  <c r="K1895" i="5" s="1"/>
  <c r="I1921" i="2"/>
  <c r="I1895" i="5" s="1"/>
  <c r="J1921" i="2"/>
  <c r="J1895" i="5" s="1"/>
  <c r="N1895" i="5" s="1"/>
  <c r="M8696" i="2"/>
  <c r="M8670" i="5" s="1"/>
  <c r="P8670" i="5" s="1"/>
  <c r="K8696" i="2"/>
  <c r="K8670" i="5" s="1"/>
  <c r="L776" i="2"/>
  <c r="L750" i="5" s="1"/>
  <c r="J776" i="2"/>
  <c r="J750" i="5" s="1"/>
  <c r="N750" i="5" s="1"/>
  <c r="M776" i="2"/>
  <c r="M750" i="5" s="1"/>
  <c r="P750" i="5" s="1"/>
  <c r="I776" i="2"/>
  <c r="I750" i="5" s="1"/>
  <c r="I3771" i="2"/>
  <c r="I3745" i="5" s="1"/>
  <c r="M3771" i="2"/>
  <c r="M3745" i="5" s="1"/>
  <c r="P3745" i="5" s="1"/>
  <c r="K3771" i="2"/>
  <c r="K3745" i="5" s="1"/>
  <c r="J3771" i="2"/>
  <c r="J3745" i="5" s="1"/>
  <c r="N3745" i="5" s="1"/>
  <c r="L3771" i="2"/>
  <c r="L3745" i="5" s="1"/>
  <c r="K2476" i="2"/>
  <c r="K2450" i="5" s="1"/>
  <c r="L2476" i="2"/>
  <c r="L2450" i="5" s="1"/>
  <c r="I2476" i="2"/>
  <c r="I2450" i="5" s="1"/>
  <c r="M2476" i="2"/>
  <c r="M2450" i="5" s="1"/>
  <c r="P2450" i="5" s="1"/>
  <c r="J2476" i="2"/>
  <c r="J2450" i="5" s="1"/>
  <c r="N2450" i="5" s="1"/>
  <c r="M3807" i="2"/>
  <c r="M3781" i="5" s="1"/>
  <c r="P3781" i="5" s="1"/>
  <c r="K3807" i="2"/>
  <c r="K3781" i="5" s="1"/>
  <c r="I8365" i="2"/>
  <c r="I8339" i="5" s="1"/>
  <c r="K8365" i="2"/>
  <c r="K8339" i="5" s="1"/>
  <c r="M8365" i="2"/>
  <c r="M8339" i="5" s="1"/>
  <c r="P8339" i="5" s="1"/>
  <c r="L8365" i="2"/>
  <c r="L8339" i="5" s="1"/>
  <c r="L8323" i="2"/>
  <c r="L8297" i="5" s="1"/>
  <c r="K8323" i="2"/>
  <c r="K8297" i="5" s="1"/>
  <c r="M8323" i="2"/>
  <c r="M8297" i="5" s="1"/>
  <c r="P8297" i="5" s="1"/>
  <c r="J8323" i="2"/>
  <c r="J8297" i="5" s="1"/>
  <c r="N8297" i="5" s="1"/>
  <c r="AR347" i="1"/>
  <c r="C353" i="5"/>
  <c r="J4162" i="2"/>
  <c r="J4136" i="5" s="1"/>
  <c r="N4136" i="5" s="1"/>
  <c r="L4162" i="2"/>
  <c r="L4136" i="5" s="1"/>
  <c r="M4162" i="2"/>
  <c r="M4136" i="5" s="1"/>
  <c r="P4136" i="5" s="1"/>
  <c r="I4162" i="2"/>
  <c r="I4136" i="5" s="1"/>
  <c r="J2475" i="2"/>
  <c r="J2449" i="5" s="1"/>
  <c r="N2449" i="5" s="1"/>
  <c r="I2475" i="2"/>
  <c r="I2449" i="5" s="1"/>
  <c r="M2475" i="2"/>
  <c r="M2449" i="5" s="1"/>
  <c r="P2449" i="5" s="1"/>
  <c r="K2475" i="2"/>
  <c r="K2449" i="5" s="1"/>
  <c r="J1643" i="2"/>
  <c r="J1617" i="5" s="1"/>
  <c r="N1617" i="5" s="1"/>
  <c r="L1643" i="2"/>
  <c r="L1617" i="5" s="1"/>
  <c r="M1643" i="2"/>
  <c r="M1617" i="5" s="1"/>
  <c r="P1617" i="5" s="1"/>
  <c r="K1643" i="2"/>
  <c r="K1617" i="5" s="1"/>
  <c r="M8186" i="2"/>
  <c r="M8160" i="5" s="1"/>
  <c r="P8160" i="5" s="1"/>
  <c r="I8186" i="2"/>
  <c r="I8160" i="5" s="1"/>
  <c r="J8186" i="2"/>
  <c r="J8160" i="5" s="1"/>
  <c r="N8160" i="5" s="1"/>
  <c r="L8186" i="2"/>
  <c r="L8160" i="5" s="1"/>
  <c r="K8186" i="2"/>
  <c r="K8160" i="5" s="1"/>
  <c r="J6250" i="2"/>
  <c r="J6224" i="5" s="1"/>
  <c r="N6224" i="5" s="1"/>
  <c r="I6250" i="2"/>
  <c r="I6224" i="5" s="1"/>
  <c r="M8149" i="2"/>
  <c r="M8123" i="5" s="1"/>
  <c r="P8123" i="5" s="1"/>
  <c r="K8149" i="2"/>
  <c r="K8123" i="5" s="1"/>
  <c r="J8149" i="2"/>
  <c r="J8123" i="5" s="1"/>
  <c r="N8123" i="5" s="1"/>
  <c r="I8149" i="2"/>
  <c r="I8123" i="5" s="1"/>
  <c r="L8149" i="2"/>
  <c r="L8123" i="5" s="1"/>
  <c r="I3946" i="2"/>
  <c r="I3920" i="5" s="1"/>
  <c r="K3946" i="2"/>
  <c r="K3920" i="5" s="1"/>
  <c r="M3946" i="2"/>
  <c r="M3920" i="5" s="1"/>
  <c r="P3920" i="5" s="1"/>
  <c r="J3946" i="2"/>
  <c r="J3920" i="5" s="1"/>
  <c r="N3920" i="5" s="1"/>
  <c r="L3946" i="2"/>
  <c r="L3920" i="5" s="1"/>
  <c r="J5495" i="2"/>
  <c r="J5469" i="5" s="1"/>
  <c r="M5495" i="2"/>
  <c r="M5469" i="5" s="1"/>
  <c r="P5469" i="5" s="1"/>
  <c r="K5495" i="2"/>
  <c r="K5469" i="5" s="1"/>
  <c r="M5081" i="2"/>
  <c r="M5055" i="5" s="1"/>
  <c r="P5055" i="5" s="1"/>
  <c r="I5081" i="2"/>
  <c r="I5055" i="5" s="1"/>
  <c r="J7287" i="2"/>
  <c r="J7261" i="5" s="1"/>
  <c r="N7261" i="5" s="1"/>
  <c r="I7287" i="2"/>
  <c r="I7261" i="5" s="1"/>
  <c r="K7287" i="2"/>
  <c r="K7261" i="5" s="1"/>
  <c r="L7287" i="2"/>
  <c r="L7261" i="5" s="1"/>
  <c r="M7287" i="2"/>
  <c r="M7261" i="5" s="1"/>
  <c r="P7261" i="5" s="1"/>
  <c r="L906" i="2"/>
  <c r="L880" i="5" s="1"/>
  <c r="I906" i="2"/>
  <c r="I880" i="5" s="1"/>
  <c r="K5133" i="2"/>
  <c r="K5107" i="5" s="1"/>
  <c r="I5133" i="2"/>
  <c r="I5107" i="5" s="1"/>
  <c r="J5133" i="2"/>
  <c r="J5107" i="5" s="1"/>
  <c r="N5107" i="5" s="1"/>
  <c r="L5133" i="2"/>
  <c r="L5107" i="5" s="1"/>
  <c r="M5133" i="2"/>
  <c r="M5107" i="5" s="1"/>
  <c r="P5107" i="5" s="1"/>
  <c r="K7641" i="2"/>
  <c r="K7615" i="5" s="1"/>
  <c r="L7641" i="2"/>
  <c r="L7615" i="5" s="1"/>
  <c r="J7641" i="2"/>
  <c r="J7615" i="5" s="1"/>
  <c r="N7615" i="5" s="1"/>
  <c r="L4597" i="2"/>
  <c r="L4571" i="5" s="1"/>
  <c r="M4597" i="2"/>
  <c r="M4571" i="5" s="1"/>
  <c r="P4571" i="5" s="1"/>
  <c r="J4597" i="2"/>
  <c r="J4571" i="5" s="1"/>
  <c r="N4571" i="5" s="1"/>
  <c r="I4597" i="2"/>
  <c r="I4571" i="5" s="1"/>
  <c r="I8192" i="2"/>
  <c r="I8166" i="5" s="1"/>
  <c r="L8192" i="2"/>
  <c r="L8166" i="5" s="1"/>
  <c r="J8192" i="2"/>
  <c r="J8166" i="5" s="1"/>
  <c r="N8166" i="5" s="1"/>
  <c r="M8192" i="2"/>
  <c r="M8166" i="5" s="1"/>
  <c r="P8166" i="5" s="1"/>
  <c r="K8192" i="2"/>
  <c r="K8166" i="5" s="1"/>
  <c r="K5679" i="2"/>
  <c r="K5653" i="5" s="1"/>
  <c r="J5679" i="2"/>
  <c r="J5653" i="5" s="1"/>
  <c r="N5653" i="5" s="1"/>
  <c r="L5679" i="2"/>
  <c r="L5653" i="5" s="1"/>
  <c r="I6797" i="2"/>
  <c r="I6771" i="5" s="1"/>
  <c r="K6797" i="2"/>
  <c r="K6771" i="5" s="1"/>
  <c r="L6797" i="2"/>
  <c r="L6771" i="5" s="1"/>
  <c r="M6797" i="2"/>
  <c r="M6771" i="5" s="1"/>
  <c r="P6771" i="5" s="1"/>
  <c r="I7604" i="2"/>
  <c r="I7578" i="5" s="1"/>
  <c r="J7604" i="2"/>
  <c r="J7578" i="5" s="1"/>
  <c r="N7578" i="5" s="1"/>
  <c r="J1972" i="2"/>
  <c r="J1946" i="5" s="1"/>
  <c r="N1946" i="5" s="1"/>
  <c r="L1972" i="2"/>
  <c r="L1946" i="5" s="1"/>
  <c r="M1972" i="2"/>
  <c r="M1946" i="5" s="1"/>
  <c r="P1946" i="5" s="1"/>
  <c r="I1972" i="2"/>
  <c r="I1946" i="5" s="1"/>
  <c r="J5785" i="2"/>
  <c r="J5759" i="5" s="1"/>
  <c r="N5759" i="5" s="1"/>
  <c r="M5785" i="2"/>
  <c r="M5759" i="5" s="1"/>
  <c r="P5759" i="5" s="1"/>
  <c r="L460" i="2"/>
  <c r="L434" i="5" s="1"/>
  <c r="I460" i="2"/>
  <c r="I434" i="5" s="1"/>
  <c r="J460" i="2"/>
  <c r="J434" i="5" s="1"/>
  <c r="N434" i="5" s="1"/>
  <c r="K460" i="2"/>
  <c r="K434" i="5" s="1"/>
  <c r="M460" i="2"/>
  <c r="M434" i="5" s="1"/>
  <c r="P434" i="5" s="1"/>
  <c r="M2281" i="2"/>
  <c r="M2255" i="5" s="1"/>
  <c r="P2255" i="5" s="1"/>
  <c r="K2281" i="2"/>
  <c r="K2255" i="5" s="1"/>
  <c r="O2255" i="5" s="1"/>
  <c r="I1965" i="2"/>
  <c r="I1939" i="5" s="1"/>
  <c r="L1965" i="2"/>
  <c r="L1939" i="5" s="1"/>
  <c r="J1965" i="2"/>
  <c r="J1939" i="5" s="1"/>
  <c r="N1939" i="5" s="1"/>
  <c r="K1965" i="2"/>
  <c r="K1939" i="5" s="1"/>
  <c r="C310" i="5"/>
  <c r="AR304" i="1"/>
  <c r="M7968" i="2"/>
  <c r="M7942" i="5" s="1"/>
  <c r="P7942" i="5" s="1"/>
  <c r="J7968" i="2"/>
  <c r="J7942" i="5" s="1"/>
  <c r="N7942" i="5" s="1"/>
  <c r="I7968" i="2"/>
  <c r="I7942" i="5" s="1"/>
  <c r="K7968" i="2"/>
  <c r="K7942" i="5" s="1"/>
  <c r="L7968" i="2"/>
  <c r="L7942" i="5" s="1"/>
  <c r="K7471" i="2"/>
  <c r="K7445" i="5" s="1"/>
  <c r="M7471" i="2"/>
  <c r="M7445" i="5" s="1"/>
  <c r="P7445" i="5" s="1"/>
  <c r="L7471" i="2"/>
  <c r="L7445" i="5" s="1"/>
  <c r="I7471" i="2"/>
  <c r="I7445" i="5" s="1"/>
  <c r="J7471" i="2"/>
  <c r="J7445" i="5" s="1"/>
  <c r="N7445" i="5" s="1"/>
  <c r="L908" i="2"/>
  <c r="L882" i="5" s="1"/>
  <c r="I908" i="2"/>
  <c r="I882" i="5" s="1"/>
  <c r="J908" i="2"/>
  <c r="J882" i="5" s="1"/>
  <c r="N882" i="5" s="1"/>
  <c r="K7127" i="2"/>
  <c r="K7101" i="5" s="1"/>
  <c r="L7127" i="2"/>
  <c r="L7101" i="5" s="1"/>
  <c r="J7127" i="2"/>
  <c r="J7101" i="5" s="1"/>
  <c r="N7101" i="5" s="1"/>
  <c r="I7127" i="2"/>
  <c r="I7101" i="5" s="1"/>
  <c r="M7127" i="2"/>
  <c r="M7101" i="5" s="1"/>
  <c r="P7101" i="5" s="1"/>
  <c r="M6922" i="2"/>
  <c r="M6896" i="5" s="1"/>
  <c r="P6896" i="5" s="1"/>
  <c r="L6922" i="2"/>
  <c r="L6896" i="5" s="1"/>
  <c r="M875" i="2"/>
  <c r="M849" i="5" s="1"/>
  <c r="P849" i="5" s="1"/>
  <c r="J875" i="2"/>
  <c r="J849" i="5" s="1"/>
  <c r="N849" i="5" s="1"/>
  <c r="I875" i="2"/>
  <c r="I849" i="5" s="1"/>
  <c r="K875" i="2"/>
  <c r="K849" i="5" s="1"/>
  <c r="L875" i="2"/>
  <c r="L849" i="5" s="1"/>
  <c r="I6960" i="2"/>
  <c r="I6934" i="5" s="1"/>
  <c r="K6960" i="2"/>
  <c r="K6934" i="5" s="1"/>
  <c r="J6960" i="2"/>
  <c r="J6934" i="5" s="1"/>
  <c r="L6960" i="2"/>
  <c r="L6934" i="5" s="1"/>
  <c r="M6960" i="2"/>
  <c r="M6934" i="5" s="1"/>
  <c r="P6934" i="5" s="1"/>
  <c r="I5856" i="2"/>
  <c r="I5830" i="5" s="1"/>
  <c r="M5856" i="2"/>
  <c r="M5830" i="5" s="1"/>
  <c r="P5830" i="5" s="1"/>
  <c r="J2653" i="2"/>
  <c r="J2627" i="5" s="1"/>
  <c r="N2627" i="5" s="1"/>
  <c r="M2653" i="2"/>
  <c r="M2627" i="5" s="1"/>
  <c r="P2627" i="5" s="1"/>
  <c r="L2653" i="2"/>
  <c r="L2627" i="5" s="1"/>
  <c r="K2653" i="2"/>
  <c r="K2627" i="5" s="1"/>
  <c r="I2653" i="2"/>
  <c r="I2627" i="5" s="1"/>
  <c r="L7114" i="2"/>
  <c r="L7088" i="5" s="1"/>
  <c r="J7114" i="2"/>
  <c r="J7088" i="5" s="1"/>
  <c r="N7088" i="5" s="1"/>
  <c r="L7510" i="2"/>
  <c r="L7484" i="5" s="1"/>
  <c r="M7510" i="2"/>
  <c r="M7484" i="5" s="1"/>
  <c r="P7484" i="5" s="1"/>
  <c r="K7510" i="2"/>
  <c r="K7484" i="5" s="1"/>
  <c r="J7510" i="2"/>
  <c r="J7484" i="5" s="1"/>
  <c r="N7484" i="5" s="1"/>
  <c r="I7510" i="2"/>
  <c r="I7484" i="5" s="1"/>
  <c r="I3270" i="2"/>
  <c r="I3244" i="5" s="1"/>
  <c r="J3270" i="2"/>
  <c r="J3244" i="5" s="1"/>
  <c r="N3244" i="5" s="1"/>
  <c r="K3270" i="2"/>
  <c r="K3244" i="5" s="1"/>
  <c r="L3270" i="2"/>
  <c r="L3244" i="5" s="1"/>
  <c r="M3270" i="2"/>
  <c r="M3244" i="5" s="1"/>
  <c r="P3244" i="5" s="1"/>
  <c r="I8328" i="2"/>
  <c r="I8302" i="5" s="1"/>
  <c r="L8328" i="2"/>
  <c r="L8302" i="5" s="1"/>
  <c r="M8328" i="2"/>
  <c r="M8302" i="5" s="1"/>
  <c r="P8302" i="5" s="1"/>
  <c r="J8328" i="2"/>
  <c r="J8302" i="5" s="1"/>
  <c r="N8302" i="5" s="1"/>
  <c r="L2073" i="2"/>
  <c r="L2047" i="5" s="1"/>
  <c r="J2073" i="2"/>
  <c r="J2047" i="5" s="1"/>
  <c r="N2047" i="5" s="1"/>
  <c r="I2073" i="2"/>
  <c r="I2047" i="5" s="1"/>
  <c r="L4082" i="2"/>
  <c r="L4056" i="5" s="1"/>
  <c r="J5123" i="2"/>
  <c r="J5097" i="5" s="1"/>
  <c r="N5097" i="5" s="1"/>
  <c r="L5123" i="2"/>
  <c r="L5097" i="5" s="1"/>
  <c r="K5123" i="2"/>
  <c r="K5097" i="5" s="1"/>
  <c r="I5123" i="2"/>
  <c r="I5097" i="5" s="1"/>
  <c r="M1754" i="2"/>
  <c r="M1728" i="5" s="1"/>
  <c r="P1728" i="5" s="1"/>
  <c r="J1754" i="2"/>
  <c r="J1728" i="5" s="1"/>
  <c r="N1728" i="5" s="1"/>
  <c r="M5686" i="2"/>
  <c r="M5660" i="5" s="1"/>
  <c r="P5660" i="5" s="1"/>
  <c r="I5686" i="2"/>
  <c r="I5660" i="5" s="1"/>
  <c r="K5686" i="2"/>
  <c r="K5660" i="5" s="1"/>
  <c r="J5686" i="2"/>
  <c r="J5660" i="5" s="1"/>
  <c r="L5686" i="2"/>
  <c r="L5660" i="5" s="1"/>
  <c r="I5691" i="2"/>
  <c r="I5665" i="5" s="1"/>
  <c r="K5691" i="2"/>
  <c r="K5665" i="5" s="1"/>
  <c r="L5691" i="2"/>
  <c r="L5665" i="5" s="1"/>
  <c r="J5691" i="2"/>
  <c r="J5665" i="5" s="1"/>
  <c r="N5665" i="5" s="1"/>
  <c r="K5678" i="2"/>
  <c r="K5652" i="5" s="1"/>
  <c r="L5678" i="2"/>
  <c r="L5652" i="5" s="1"/>
  <c r="M5678" i="2"/>
  <c r="M5652" i="5" s="1"/>
  <c r="P5652" i="5" s="1"/>
  <c r="I5678" i="2"/>
  <c r="I5652" i="5" s="1"/>
  <c r="J5678" i="2"/>
  <c r="J5652" i="5" s="1"/>
  <c r="N5652" i="5" s="1"/>
  <c r="J1309" i="2"/>
  <c r="J1283" i="5" s="1"/>
  <c r="N1283" i="5" s="1"/>
  <c r="L1309" i="2"/>
  <c r="L1283" i="5" s="1"/>
  <c r="M1309" i="2"/>
  <c r="M1283" i="5" s="1"/>
  <c r="P1283" i="5" s="1"/>
  <c r="K1309" i="2"/>
  <c r="K1283" i="5" s="1"/>
  <c r="L2991" i="2"/>
  <c r="L2965" i="5" s="1"/>
  <c r="K2991" i="2"/>
  <c r="K2965" i="5" s="1"/>
  <c r="I3679" i="2"/>
  <c r="I3653" i="5" s="1"/>
  <c r="K3679" i="2"/>
  <c r="K3653" i="5" s="1"/>
  <c r="J3679" i="2"/>
  <c r="J3653" i="5" s="1"/>
  <c r="N3653" i="5" s="1"/>
  <c r="L3679" i="2"/>
  <c r="L3653" i="5" s="1"/>
  <c r="M3679" i="2"/>
  <c r="M3653" i="5" s="1"/>
  <c r="P3653" i="5" s="1"/>
  <c r="I4680" i="2"/>
  <c r="I4654" i="5" s="1"/>
  <c r="J4680" i="2"/>
  <c r="J4654" i="5" s="1"/>
  <c r="N4654" i="5" s="1"/>
  <c r="M4680" i="2"/>
  <c r="M4654" i="5" s="1"/>
  <c r="P4654" i="5" s="1"/>
  <c r="L4680" i="2"/>
  <c r="L4654" i="5" s="1"/>
  <c r="K4680" i="2"/>
  <c r="K4654" i="5" s="1"/>
  <c r="L2333" i="2"/>
  <c r="L2307" i="5" s="1"/>
  <c r="I2333" i="2"/>
  <c r="I2307" i="5" s="1"/>
  <c r="M7479" i="2"/>
  <c r="M7453" i="5" s="1"/>
  <c r="P7453" i="5" s="1"/>
  <c r="I7479" i="2"/>
  <c r="I7453" i="5" s="1"/>
  <c r="K7479" i="2"/>
  <c r="K7453" i="5" s="1"/>
  <c r="J7479" i="2"/>
  <c r="J7453" i="5" s="1"/>
  <c r="N7453" i="5" s="1"/>
  <c r="L7479" i="2"/>
  <c r="L7453" i="5" s="1"/>
  <c r="K2955" i="2"/>
  <c r="K2929" i="5" s="1"/>
  <c r="J2955" i="2"/>
  <c r="J2929" i="5" s="1"/>
  <c r="N2929" i="5" s="1"/>
  <c r="I255" i="2"/>
  <c r="I229" i="5" s="1"/>
  <c r="L255" i="2"/>
  <c r="L229" i="5" s="1"/>
  <c r="J255" i="2"/>
  <c r="J229" i="5" s="1"/>
  <c r="M1095" i="2"/>
  <c r="M1069" i="5" s="1"/>
  <c r="P1069" i="5" s="1"/>
  <c r="I1095" i="2"/>
  <c r="I1069" i="5" s="1"/>
  <c r="J1095" i="2"/>
  <c r="J1069" i="5" s="1"/>
  <c r="N1069" i="5" s="1"/>
  <c r="K1095" i="2"/>
  <c r="K1069" i="5" s="1"/>
  <c r="K989" i="2"/>
  <c r="K963" i="5" s="1"/>
  <c r="J989" i="2"/>
  <c r="J963" i="5" s="1"/>
  <c r="N963" i="5" s="1"/>
  <c r="I989" i="2"/>
  <c r="I963" i="5" s="1"/>
  <c r="M989" i="2"/>
  <c r="M963" i="5" s="1"/>
  <c r="P963" i="5" s="1"/>
  <c r="L989" i="2"/>
  <c r="L963" i="5" s="1"/>
  <c r="L8698" i="2"/>
  <c r="L8672" i="5" s="1"/>
  <c r="J8698" i="2"/>
  <c r="J8672" i="5" s="1"/>
  <c r="N8672" i="5" s="1"/>
  <c r="K8698" i="2"/>
  <c r="K8672" i="5" s="1"/>
  <c r="M8698" i="2"/>
  <c r="M8672" i="5" s="1"/>
  <c r="P8672" i="5" s="1"/>
  <c r="I8698" i="2"/>
  <c r="I8672" i="5" s="1"/>
  <c r="M4990" i="2"/>
  <c r="M4964" i="5" s="1"/>
  <c r="P4964" i="5" s="1"/>
  <c r="J4990" i="2"/>
  <c r="J4964" i="5" s="1"/>
  <c r="N4964" i="5" s="1"/>
  <c r="K4990" i="2"/>
  <c r="K4964" i="5" s="1"/>
  <c r="L7791" i="2"/>
  <c r="L7765" i="5" s="1"/>
  <c r="K7791" i="2"/>
  <c r="K7765" i="5" s="1"/>
  <c r="I7791" i="2"/>
  <c r="I7765" i="5" s="1"/>
  <c r="K4282" i="2"/>
  <c r="K4256" i="5" s="1"/>
  <c r="L4282" i="2"/>
  <c r="L4256" i="5" s="1"/>
  <c r="M4282" i="2"/>
  <c r="M4256" i="5" s="1"/>
  <c r="P4256" i="5" s="1"/>
  <c r="I4452" i="2"/>
  <c r="I4426" i="5" s="1"/>
  <c r="J4452" i="2"/>
  <c r="J4426" i="5" s="1"/>
  <c r="N4426" i="5" s="1"/>
  <c r="I4674" i="2"/>
  <c r="I4648" i="5" s="1"/>
  <c r="K4674" i="2"/>
  <c r="K4648" i="5" s="1"/>
  <c r="O4648" i="5" s="1"/>
  <c r="J4670" i="2"/>
  <c r="J4644" i="5" s="1"/>
  <c r="N4644" i="5" s="1"/>
  <c r="M4670" i="2"/>
  <c r="M4644" i="5" s="1"/>
  <c r="P4644" i="5" s="1"/>
  <c r="I4670" i="2"/>
  <c r="I4644" i="5" s="1"/>
  <c r="K4670" i="2"/>
  <c r="K4644" i="5" s="1"/>
  <c r="L4670" i="2"/>
  <c r="L4644" i="5" s="1"/>
  <c r="M5612" i="2"/>
  <c r="M5586" i="5" s="1"/>
  <c r="P5586" i="5" s="1"/>
  <c r="L5612" i="2"/>
  <c r="L5586" i="5" s="1"/>
  <c r="I5612" i="2"/>
  <c r="I5586" i="5" s="1"/>
  <c r="L4825" i="2"/>
  <c r="L4799" i="5" s="1"/>
  <c r="M4825" i="2"/>
  <c r="M4799" i="5" s="1"/>
  <c r="P4799" i="5" s="1"/>
  <c r="K4608" i="2"/>
  <c r="K4582" i="5" s="1"/>
  <c r="J4608" i="2"/>
  <c r="J4582" i="5" s="1"/>
  <c r="N4582" i="5" s="1"/>
  <c r="I4608" i="2"/>
  <c r="I4582" i="5" s="1"/>
  <c r="L4608" i="2"/>
  <c r="L4582" i="5" s="1"/>
  <c r="J4683" i="2"/>
  <c r="J4657" i="5" s="1"/>
  <c r="N4657" i="5" s="1"/>
  <c r="I4683" i="2"/>
  <c r="I4657" i="5" s="1"/>
  <c r="I6817" i="2"/>
  <c r="I6791" i="5" s="1"/>
  <c r="M6817" i="2"/>
  <c r="M6791" i="5" s="1"/>
  <c r="P6791" i="5" s="1"/>
  <c r="K6817" i="2"/>
  <c r="K6791" i="5" s="1"/>
  <c r="J6817" i="2"/>
  <c r="J6791" i="5" s="1"/>
  <c r="N6791" i="5" s="1"/>
  <c r="L6817" i="2"/>
  <c r="L6791" i="5" s="1"/>
  <c r="K6825" i="2"/>
  <c r="K6799" i="5" s="1"/>
  <c r="J6825" i="2"/>
  <c r="J6799" i="5" s="1"/>
  <c r="N6799" i="5" s="1"/>
  <c r="I6825" i="2"/>
  <c r="I6799" i="5" s="1"/>
  <c r="L6825" i="2"/>
  <c r="L6799" i="5" s="1"/>
  <c r="M6825" i="2"/>
  <c r="M6799" i="5" s="1"/>
  <c r="P6799" i="5" s="1"/>
  <c r="I8671" i="2"/>
  <c r="I8645" i="5" s="1"/>
  <c r="J8671" i="2"/>
  <c r="J8645" i="5" s="1"/>
  <c r="N8645" i="5" s="1"/>
  <c r="M8671" i="2"/>
  <c r="M8645" i="5" s="1"/>
  <c r="P8645" i="5" s="1"/>
  <c r="K8671" i="2"/>
  <c r="K8645" i="5" s="1"/>
  <c r="O8645" i="5" s="1"/>
  <c r="L1111" i="2"/>
  <c r="L1085" i="5" s="1"/>
  <c r="I1111" i="2"/>
  <c r="I1085" i="5" s="1"/>
  <c r="K1111" i="2"/>
  <c r="K1085" i="5" s="1"/>
  <c r="M1111" i="2"/>
  <c r="M1085" i="5" s="1"/>
  <c r="P1085" i="5" s="1"/>
  <c r="J1111" i="2"/>
  <c r="J1085" i="5" s="1"/>
  <c r="N1085" i="5" s="1"/>
  <c r="L8285" i="2"/>
  <c r="L8259" i="5" s="1"/>
  <c r="I8285" i="2"/>
  <c r="I8259" i="5" s="1"/>
  <c r="K8285" i="2"/>
  <c r="K8259" i="5" s="1"/>
  <c r="J8285" i="2"/>
  <c r="J8259" i="5" s="1"/>
  <c r="N8259" i="5" s="1"/>
  <c r="M8285" i="2"/>
  <c r="M8259" i="5" s="1"/>
  <c r="P8259" i="5" s="1"/>
  <c r="J6857" i="2"/>
  <c r="J6831" i="5" s="1"/>
  <c r="N6831" i="5" s="1"/>
  <c r="L6857" i="2"/>
  <c r="L6831" i="5" s="1"/>
  <c r="M6857" i="2"/>
  <c r="M6831" i="5" s="1"/>
  <c r="P6831" i="5" s="1"/>
  <c r="K8778" i="2"/>
  <c r="K8752" i="5" s="1"/>
  <c r="I8778" i="2"/>
  <c r="I8752" i="5" s="1"/>
  <c r="L8778" i="2"/>
  <c r="L8752" i="5" s="1"/>
  <c r="M8778" i="2"/>
  <c r="M8752" i="5" s="1"/>
  <c r="P8752" i="5" s="1"/>
  <c r="J8778" i="2"/>
  <c r="J8752" i="5" s="1"/>
  <c r="N8752" i="5" s="1"/>
  <c r="K7809" i="2"/>
  <c r="K7783" i="5" s="1"/>
  <c r="L7809" i="2"/>
  <c r="L7783" i="5" s="1"/>
  <c r="I3669" i="2"/>
  <c r="I3643" i="5" s="1"/>
  <c r="L3669" i="2"/>
  <c r="L3643" i="5" s="1"/>
  <c r="M3669" i="2"/>
  <c r="M3643" i="5" s="1"/>
  <c r="P3643" i="5" s="1"/>
  <c r="K3669" i="2"/>
  <c r="K3643" i="5" s="1"/>
  <c r="J3669" i="2"/>
  <c r="J3643" i="5" s="1"/>
  <c r="N3643" i="5" s="1"/>
  <c r="K1223" i="2"/>
  <c r="K1197" i="5" s="1"/>
  <c r="O1197" i="5" s="1"/>
  <c r="J1223" i="2"/>
  <c r="J1197" i="5" s="1"/>
  <c r="N1197" i="5" s="1"/>
  <c r="M1223" i="2"/>
  <c r="M1197" i="5" s="1"/>
  <c r="P1197" i="5" s="1"/>
  <c r="I3130" i="2"/>
  <c r="I3104" i="5" s="1"/>
  <c r="M3130" i="2"/>
  <c r="M3104" i="5" s="1"/>
  <c r="P3104" i="5" s="1"/>
  <c r="J3130" i="2"/>
  <c r="J3104" i="5" s="1"/>
  <c r="N3104" i="5" s="1"/>
  <c r="L3130" i="2"/>
  <c r="L3104" i="5" s="1"/>
  <c r="M5918" i="2"/>
  <c r="M5892" i="5" s="1"/>
  <c r="P5892" i="5" s="1"/>
  <c r="I5918" i="2"/>
  <c r="I5892" i="5" s="1"/>
  <c r="K5918" i="2"/>
  <c r="K5892" i="5" s="1"/>
  <c r="O5892" i="5" s="1"/>
  <c r="K3500" i="2"/>
  <c r="K3474" i="5" s="1"/>
  <c r="M3500" i="2"/>
  <c r="M3474" i="5" s="1"/>
  <c r="P3474" i="5" s="1"/>
  <c r="L3500" i="2"/>
  <c r="L3474" i="5" s="1"/>
  <c r="I1219" i="2"/>
  <c r="I1193" i="5" s="1"/>
  <c r="L6531" i="2"/>
  <c r="L6505" i="5" s="1"/>
  <c r="I6531" i="2"/>
  <c r="I6505" i="5" s="1"/>
  <c r="K6531" i="2"/>
  <c r="K6505" i="5" s="1"/>
  <c r="J6531" i="2"/>
  <c r="J6505" i="5" s="1"/>
  <c r="M6531" i="2"/>
  <c r="M6505" i="5" s="1"/>
  <c r="P6505" i="5" s="1"/>
  <c r="I5147" i="2"/>
  <c r="I5121" i="5" s="1"/>
  <c r="L5147" i="2"/>
  <c r="L5121" i="5" s="1"/>
  <c r="M5147" i="2"/>
  <c r="M5121" i="5" s="1"/>
  <c r="P5121" i="5" s="1"/>
  <c r="J5147" i="2"/>
  <c r="J5121" i="5" s="1"/>
  <c r="N5121" i="5" s="1"/>
  <c r="K5147" i="2"/>
  <c r="K5121" i="5" s="1"/>
  <c r="I8655" i="2"/>
  <c r="I8629" i="5" s="1"/>
  <c r="K8655" i="2"/>
  <c r="K8629" i="5" s="1"/>
  <c r="O8629" i="5" s="1"/>
  <c r="M8655" i="2"/>
  <c r="M8629" i="5" s="1"/>
  <c r="P8629" i="5" s="1"/>
  <c r="J8655" i="2"/>
  <c r="J8629" i="5" s="1"/>
  <c r="N8629" i="5" s="1"/>
  <c r="I3943" i="2"/>
  <c r="I3917" i="5" s="1"/>
  <c r="J3943" i="2"/>
  <c r="J3917" i="5" s="1"/>
  <c r="N3917" i="5" s="1"/>
  <c r="K3943" i="2"/>
  <c r="K3917" i="5" s="1"/>
  <c r="M3943" i="2"/>
  <c r="M3917" i="5" s="1"/>
  <c r="P3917" i="5" s="1"/>
  <c r="L3943" i="2"/>
  <c r="L3917" i="5" s="1"/>
  <c r="M7936" i="2"/>
  <c r="M7910" i="5" s="1"/>
  <c r="P7910" i="5" s="1"/>
  <c r="K7936" i="2"/>
  <c r="K7910" i="5" s="1"/>
  <c r="J7936" i="2"/>
  <c r="J7910" i="5" s="1"/>
  <c r="N7910" i="5" s="1"/>
  <c r="L7936" i="2"/>
  <c r="L7910" i="5" s="1"/>
  <c r="I7936" i="2"/>
  <c r="I7910" i="5" s="1"/>
  <c r="J4517" i="2"/>
  <c r="J4491" i="5" s="1"/>
  <c r="N4491" i="5" s="1"/>
  <c r="I4517" i="2"/>
  <c r="I4491" i="5" s="1"/>
  <c r="K6344" i="2"/>
  <c r="K6318" i="5" s="1"/>
  <c r="L6344" i="2"/>
  <c r="L6318" i="5" s="1"/>
  <c r="J6344" i="2"/>
  <c r="J6318" i="5" s="1"/>
  <c r="N6318" i="5" s="1"/>
  <c r="M6344" i="2"/>
  <c r="M6318" i="5" s="1"/>
  <c r="P6318" i="5" s="1"/>
  <c r="I6344" i="2"/>
  <c r="I6318" i="5" s="1"/>
  <c r="M4495" i="2"/>
  <c r="M4469" i="5" s="1"/>
  <c r="P4469" i="5" s="1"/>
  <c r="I4495" i="2"/>
  <c r="I4469" i="5" s="1"/>
  <c r="K4495" i="2"/>
  <c r="K4469" i="5" s="1"/>
  <c r="J4495" i="2"/>
  <c r="J4469" i="5" s="1"/>
  <c r="N4469" i="5" s="1"/>
  <c r="L4495" i="2"/>
  <c r="L4469" i="5" s="1"/>
  <c r="J8497" i="2"/>
  <c r="J8471" i="5" s="1"/>
  <c r="N8471" i="5" s="1"/>
  <c r="M8497" i="2"/>
  <c r="M8471" i="5" s="1"/>
  <c r="P8471" i="5" s="1"/>
  <c r="L8497" i="2"/>
  <c r="L8471" i="5" s="1"/>
  <c r="K8497" i="2"/>
  <c r="K8471" i="5" s="1"/>
  <c r="I8497" i="2"/>
  <c r="I8471" i="5" s="1"/>
  <c r="J2090" i="2"/>
  <c r="J2064" i="5" s="1"/>
  <c r="N2064" i="5" s="1"/>
  <c r="K2090" i="2"/>
  <c r="K2064" i="5" s="1"/>
  <c r="L2090" i="2"/>
  <c r="L2064" i="5" s="1"/>
  <c r="K8302" i="2"/>
  <c r="K8276" i="5" s="1"/>
  <c r="J8302" i="2"/>
  <c r="J8276" i="5" s="1"/>
  <c r="N8276" i="5" s="1"/>
  <c r="K2580" i="2"/>
  <c r="K2554" i="5" s="1"/>
  <c r="I2580" i="2"/>
  <c r="I2554" i="5" s="1"/>
  <c r="L2580" i="2"/>
  <c r="L2554" i="5" s="1"/>
  <c r="L462" i="2"/>
  <c r="L436" i="5" s="1"/>
  <c r="J7139" i="2"/>
  <c r="J7113" i="5" s="1"/>
  <c r="N7113" i="5" s="1"/>
  <c r="J2973" i="2"/>
  <c r="J2947" i="5" s="1"/>
  <c r="N2947" i="5" s="1"/>
  <c r="K1379" i="2"/>
  <c r="K1353" i="5" s="1"/>
  <c r="J6094" i="2"/>
  <c r="J6068" i="5" s="1"/>
  <c r="N6068" i="5" s="1"/>
  <c r="I2430" i="2"/>
  <c r="I2404" i="5" s="1"/>
  <c r="M1979" i="2"/>
  <c r="M1953" i="5" s="1"/>
  <c r="P1953" i="5" s="1"/>
  <c r="J3624" i="2"/>
  <c r="J3598" i="5" s="1"/>
  <c r="N3598" i="5" s="1"/>
  <c r="I2832" i="2"/>
  <c r="I2806" i="5" s="1"/>
  <c r="K4517" i="2"/>
  <c r="K4491" i="5" s="1"/>
  <c r="I3933" i="2"/>
  <c r="I3907" i="5" s="1"/>
  <c r="J3933" i="2"/>
  <c r="J3907" i="5" s="1"/>
  <c r="N3907" i="5" s="1"/>
  <c r="K3933" i="2"/>
  <c r="K3907" i="5" s="1"/>
  <c r="K949" i="2"/>
  <c r="K923" i="5" s="1"/>
  <c r="I949" i="2"/>
  <c r="I923" i="5" s="1"/>
  <c r="M4281" i="2"/>
  <c r="M4255" i="5" s="1"/>
  <c r="P4255" i="5" s="1"/>
  <c r="L4281" i="2"/>
  <c r="L4255" i="5" s="1"/>
  <c r="K8369" i="2"/>
  <c r="K8343" i="5" s="1"/>
  <c r="J8369" i="2"/>
  <c r="J8343" i="5" s="1"/>
  <c r="N8343" i="5" s="1"/>
  <c r="J7631" i="2"/>
  <c r="J7605" i="5" s="1"/>
  <c r="N7605" i="5" s="1"/>
  <c r="J3922" i="2"/>
  <c r="J3896" i="5" s="1"/>
  <c r="N3896" i="5" s="1"/>
  <c r="L3922" i="2"/>
  <c r="L3896" i="5" s="1"/>
  <c r="K3922" i="2"/>
  <c r="K3896" i="5" s="1"/>
  <c r="M3922" i="2"/>
  <c r="M3896" i="5" s="1"/>
  <c r="P3896" i="5" s="1"/>
  <c r="J462" i="2"/>
  <c r="J436" i="5" s="1"/>
  <c r="N436" i="5" s="1"/>
  <c r="M6277" i="2"/>
  <c r="M6251" i="5" s="1"/>
  <c r="P6251" i="5" s="1"/>
  <c r="I6277" i="2"/>
  <c r="I6251" i="5" s="1"/>
  <c r="L6277" i="2"/>
  <c r="L6251" i="5" s="1"/>
  <c r="K8102" i="2"/>
  <c r="K8076" i="5" s="1"/>
  <c r="L8102" i="2"/>
  <c r="L8076" i="5" s="1"/>
  <c r="I8102" i="2"/>
  <c r="I8076" i="5" s="1"/>
  <c r="J8102" i="2"/>
  <c r="J8076" i="5" s="1"/>
  <c r="N8076" i="5" s="1"/>
  <c r="M8102" i="2"/>
  <c r="M8076" i="5" s="1"/>
  <c r="P8076" i="5" s="1"/>
  <c r="M4439" i="2"/>
  <c r="M4413" i="5" s="1"/>
  <c r="P4413" i="5" s="1"/>
  <c r="I4439" i="2"/>
  <c r="I4413" i="5" s="1"/>
  <c r="J4439" i="2"/>
  <c r="J4413" i="5" s="1"/>
  <c r="N4413" i="5" s="1"/>
  <c r="L4439" i="2"/>
  <c r="L4413" i="5" s="1"/>
  <c r="I2896" i="2"/>
  <c r="I2870" i="5" s="1"/>
  <c r="J2896" i="2"/>
  <c r="J2870" i="5" s="1"/>
  <c r="N2870" i="5" s="1"/>
  <c r="L2896" i="2"/>
  <c r="L2870" i="5" s="1"/>
  <c r="M4124" i="2"/>
  <c r="M4098" i="5" s="1"/>
  <c r="P4098" i="5" s="1"/>
  <c r="J4124" i="2"/>
  <c r="J4098" i="5" s="1"/>
  <c r="N4098" i="5" s="1"/>
  <c r="L4124" i="2"/>
  <c r="L4098" i="5" s="1"/>
  <c r="K4124" i="2"/>
  <c r="K4098" i="5" s="1"/>
  <c r="M1448" i="2"/>
  <c r="M1422" i="5" s="1"/>
  <c r="P1422" i="5" s="1"/>
  <c r="I1448" i="2"/>
  <c r="I1422" i="5" s="1"/>
  <c r="K1448" i="2"/>
  <c r="K1422" i="5" s="1"/>
  <c r="O1422" i="5" s="1"/>
  <c r="J1448" i="2"/>
  <c r="J1422" i="5" s="1"/>
  <c r="N1422" i="5" s="1"/>
  <c r="L4132" i="2"/>
  <c r="L4106" i="5" s="1"/>
  <c r="K4132" i="2"/>
  <c r="K4106" i="5" s="1"/>
  <c r="L1909" i="2"/>
  <c r="L1883" i="5" s="1"/>
  <c r="K1909" i="2"/>
  <c r="K1883" i="5" s="1"/>
  <c r="J1909" i="2"/>
  <c r="J1883" i="5" s="1"/>
  <c r="N1883" i="5" s="1"/>
  <c r="I1909" i="2"/>
  <c r="I1883" i="5" s="1"/>
  <c r="M1909" i="2"/>
  <c r="M1883" i="5" s="1"/>
  <c r="P1883" i="5" s="1"/>
  <c r="L3176" i="2"/>
  <c r="L3150" i="5" s="1"/>
  <c r="I3176" i="2"/>
  <c r="I3150" i="5" s="1"/>
  <c r="I1282" i="2"/>
  <c r="I1256" i="5" s="1"/>
  <c r="J1282" i="2"/>
  <c r="J1256" i="5" s="1"/>
  <c r="N1256" i="5" s="1"/>
  <c r="L1282" i="2"/>
  <c r="L1256" i="5" s="1"/>
  <c r="M1282" i="2"/>
  <c r="M1256" i="5" s="1"/>
  <c r="P1256" i="5" s="1"/>
  <c r="K1282" i="2"/>
  <c r="K1256" i="5" s="1"/>
  <c r="I2772" i="2"/>
  <c r="I2746" i="5" s="1"/>
  <c r="M2772" i="2"/>
  <c r="M2746" i="5" s="1"/>
  <c r="P2746" i="5" s="1"/>
  <c r="J2772" i="2"/>
  <c r="J2746" i="5" s="1"/>
  <c r="N2746" i="5" s="1"/>
  <c r="M7329" i="2"/>
  <c r="M7303" i="5" s="1"/>
  <c r="P7303" i="5" s="1"/>
  <c r="I7329" i="2"/>
  <c r="I7303" i="5" s="1"/>
  <c r="J7329" i="2"/>
  <c r="J7303" i="5" s="1"/>
  <c r="N7303" i="5" s="1"/>
  <c r="J4762" i="2"/>
  <c r="J4736" i="5" s="1"/>
  <c r="N4736" i="5" s="1"/>
  <c r="M4762" i="2"/>
  <c r="M4736" i="5" s="1"/>
  <c r="P4736" i="5" s="1"/>
  <c r="L4762" i="2"/>
  <c r="L4736" i="5" s="1"/>
  <c r="I8201" i="2"/>
  <c r="I8175" i="5" s="1"/>
  <c r="I3898" i="2"/>
  <c r="I3872" i="5" s="1"/>
  <c r="L967" i="2"/>
  <c r="L941" i="5" s="1"/>
  <c r="L5495" i="2"/>
  <c r="L5469" i="5" s="1"/>
  <c r="I4762" i="2"/>
  <c r="I4736" i="5" s="1"/>
  <c r="M380" i="2"/>
  <c r="M354" i="5" s="1"/>
  <c r="P354" i="5" s="1"/>
  <c r="J7175" i="2"/>
  <c r="J7149" i="5" s="1"/>
  <c r="L2938" i="2"/>
  <c r="L2912" i="5" s="1"/>
  <c r="I5488" i="2"/>
  <c r="I5462" i="5" s="1"/>
  <c r="J6092" i="2"/>
  <c r="J6066" i="5" s="1"/>
  <c r="N6066" i="5" s="1"/>
  <c r="K1264" i="2"/>
  <c r="K1238" i="5" s="1"/>
  <c r="J1264" i="2"/>
  <c r="J1238" i="5" s="1"/>
  <c r="N1238" i="5" s="1"/>
  <c r="L4658" i="2"/>
  <c r="L4632" i="5" s="1"/>
  <c r="M2663" i="2"/>
  <c r="M2637" i="5" s="1"/>
  <c r="P2637" i="5" s="1"/>
  <c r="I2663" i="2"/>
  <c r="I2637" i="5" s="1"/>
  <c r="J8663" i="2"/>
  <c r="J8637" i="5" s="1"/>
  <c r="N8637" i="5" s="1"/>
  <c r="I8663" i="2"/>
  <c r="I8637" i="5" s="1"/>
  <c r="L8663" i="2"/>
  <c r="L8637" i="5" s="1"/>
  <c r="J73" i="2"/>
  <c r="J47" i="5" s="1"/>
  <c r="N47" i="5" s="1"/>
  <c r="I73" i="2"/>
  <c r="I47" i="5" s="1"/>
  <c r="M2902" i="2"/>
  <c r="M2876" i="5" s="1"/>
  <c r="P2876" i="5" s="1"/>
  <c r="J2902" i="2"/>
  <c r="J2876" i="5" s="1"/>
  <c r="N2876" i="5" s="1"/>
  <c r="L7339" i="2"/>
  <c r="L7313" i="5" s="1"/>
  <c r="J3991" i="2"/>
  <c r="J3965" i="5" s="1"/>
  <c r="N3965" i="5" s="1"/>
  <c r="J7116" i="2"/>
  <c r="J7090" i="5" s="1"/>
  <c r="M5433" i="2"/>
  <c r="M5407" i="5" s="1"/>
  <c r="P5407" i="5" s="1"/>
  <c r="M5246" i="2"/>
  <c r="M5220" i="5" s="1"/>
  <c r="P5220" i="5" s="1"/>
  <c r="K3636" i="2"/>
  <c r="K3610" i="5" s="1"/>
  <c r="M4740" i="2"/>
  <c r="M4714" i="5" s="1"/>
  <c r="P4714" i="5" s="1"/>
  <c r="K1723" i="2"/>
  <c r="K1697" i="5" s="1"/>
  <c r="K3774" i="2"/>
  <c r="K3748" i="5" s="1"/>
  <c r="M462" i="2"/>
  <c r="M436" i="5" s="1"/>
  <c r="P436" i="5" s="1"/>
  <c r="L304" i="2"/>
  <c r="L278" i="5" s="1"/>
  <c r="M1380" i="2"/>
  <c r="M1354" i="5" s="1"/>
  <c r="P1354" i="5" s="1"/>
  <c r="J4094" i="2"/>
  <c r="J4068" i="5" s="1"/>
  <c r="N4068" i="5" s="1"/>
  <c r="J4744" i="2"/>
  <c r="J4718" i="5" s="1"/>
  <c r="N4718" i="5" s="1"/>
  <c r="J5856" i="2"/>
  <c r="J5830" i="5" s="1"/>
  <c r="N5830" i="5" s="1"/>
  <c r="K804" i="2"/>
  <c r="K778" i="5" s="1"/>
  <c r="K3246" i="2"/>
  <c r="K3220" i="5" s="1"/>
  <c r="J1760" i="2"/>
  <c r="J1734" i="5" s="1"/>
  <c r="N1734" i="5" s="1"/>
  <c r="K6277" i="2"/>
  <c r="K6251" i="5" s="1"/>
  <c r="K7139" i="2"/>
  <c r="K7113" i="5" s="1"/>
  <c r="O7113" i="5" s="1"/>
  <c r="J314" i="2"/>
  <c r="J288" i="5" s="1"/>
  <c r="K7606" i="2"/>
  <c r="K7580" i="5" s="1"/>
  <c r="M4609" i="2"/>
  <c r="M4583" i="5" s="1"/>
  <c r="P4583" i="5" s="1"/>
  <c r="M967" i="2"/>
  <c r="M941" i="5" s="1"/>
  <c r="P941" i="5" s="1"/>
  <c r="M8441" i="2"/>
  <c r="M8415" i="5" s="1"/>
  <c r="P8415" i="5" s="1"/>
  <c r="I5495" i="2"/>
  <c r="I5469" i="5" s="1"/>
  <c r="I1905" i="2"/>
  <c r="I1879" i="5" s="1"/>
  <c r="K1261" i="2"/>
  <c r="K1235" i="5" s="1"/>
  <c r="J1261" i="2"/>
  <c r="J1235" i="5" s="1"/>
  <c r="N1235" i="5" s="1"/>
  <c r="M2974" i="2"/>
  <c r="M2948" i="5" s="1"/>
  <c r="P2948" i="5" s="1"/>
  <c r="M7139" i="2"/>
  <c r="M7113" i="5" s="1"/>
  <c r="P7113" i="5" s="1"/>
  <c r="J6662" i="2"/>
  <c r="J6636" i="5" s="1"/>
  <c r="N6636" i="5" s="1"/>
  <c r="L6662" i="2"/>
  <c r="L6636" i="5" s="1"/>
  <c r="K1260" i="2"/>
  <c r="K1234" i="5" s="1"/>
  <c r="J1260" i="2"/>
  <c r="J1234" i="5" s="1"/>
  <c r="N1234" i="5" s="1"/>
  <c r="M1260" i="2"/>
  <c r="M1234" i="5" s="1"/>
  <c r="P1234" i="5" s="1"/>
  <c r="L1260" i="2"/>
  <c r="L1234" i="5" s="1"/>
  <c r="L7827" i="2"/>
  <c r="L7801" i="5" s="1"/>
  <c r="M7827" i="2"/>
  <c r="M7801" i="5" s="1"/>
  <c r="P7801" i="5" s="1"/>
  <c r="J7827" i="2"/>
  <c r="J7801" i="5" s="1"/>
  <c r="N7801" i="5" s="1"/>
  <c r="I7827" i="2"/>
  <c r="I7801" i="5" s="1"/>
  <c r="L3990" i="2"/>
  <c r="L3964" i="5" s="1"/>
  <c r="M3990" i="2"/>
  <c r="M3964" i="5" s="1"/>
  <c r="P3964" i="5" s="1"/>
  <c r="K3990" i="2"/>
  <c r="K3964" i="5" s="1"/>
  <c r="J3990" i="2"/>
  <c r="J3964" i="5" s="1"/>
  <c r="N3964" i="5" s="1"/>
  <c r="I3990" i="2"/>
  <c r="I3964" i="5" s="1"/>
  <c r="I4504" i="2"/>
  <c r="I4478" i="5" s="1"/>
  <c r="K4504" i="2"/>
  <c r="K4478" i="5" s="1"/>
  <c r="J4504" i="2"/>
  <c r="J4478" i="5" s="1"/>
  <c r="N4478" i="5" s="1"/>
  <c r="M4504" i="2"/>
  <c r="M4478" i="5" s="1"/>
  <c r="P4478" i="5" s="1"/>
  <c r="L1145" i="2"/>
  <c r="L1119" i="5" s="1"/>
  <c r="I1145" i="2"/>
  <c r="I1119" i="5" s="1"/>
  <c r="J1145" i="2"/>
  <c r="J1119" i="5" s="1"/>
  <c r="N1119" i="5" s="1"/>
  <c r="M1145" i="2"/>
  <c r="M1119" i="5" s="1"/>
  <c r="P1119" i="5" s="1"/>
  <c r="J7852" i="2"/>
  <c r="J7826" i="5" s="1"/>
  <c r="N7826" i="5" s="1"/>
  <c r="K7852" i="2"/>
  <c r="K7826" i="5" s="1"/>
  <c r="M570" i="2"/>
  <c r="M544" i="5" s="1"/>
  <c r="P544" i="5" s="1"/>
  <c r="J570" i="2"/>
  <c r="J544" i="5" s="1"/>
  <c r="N544" i="5" s="1"/>
  <c r="K2800" i="2"/>
  <c r="K2774" i="5" s="1"/>
  <c r="M2239" i="2"/>
  <c r="M2213" i="5" s="1"/>
  <c r="P2213" i="5" s="1"/>
  <c r="K2239" i="2"/>
  <c r="K2213" i="5" s="1"/>
  <c r="J2239" i="2"/>
  <c r="J2213" i="5" s="1"/>
  <c r="M4635" i="2"/>
  <c r="M4609" i="5" s="1"/>
  <c r="P4609" i="5" s="1"/>
  <c r="I4635" i="2"/>
  <c r="I4609" i="5" s="1"/>
  <c r="K4635" i="2"/>
  <c r="K4609" i="5" s="1"/>
  <c r="K3165" i="2"/>
  <c r="K3139" i="5" s="1"/>
  <c r="M3165" i="2"/>
  <c r="M3139" i="5" s="1"/>
  <c r="P3139" i="5" s="1"/>
  <c r="L3660" i="2"/>
  <c r="L3634" i="5" s="1"/>
  <c r="I8486" i="2"/>
  <c r="I8460" i="5" s="1"/>
  <c r="J3978" i="2"/>
  <c r="J3952" i="5" s="1"/>
  <c r="N3952" i="5" s="1"/>
  <c r="L5433" i="2"/>
  <c r="L5407" i="5" s="1"/>
  <c r="K5246" i="2"/>
  <c r="K5220" i="5" s="1"/>
  <c r="O5220" i="5" s="1"/>
  <c r="M3636" i="2"/>
  <c r="M3610" i="5" s="1"/>
  <c r="P3610" i="5" s="1"/>
  <c r="I1723" i="2"/>
  <c r="I1697" i="5" s="1"/>
  <c r="L3774" i="2"/>
  <c r="L3748" i="5" s="1"/>
  <c r="L7173" i="2"/>
  <c r="L7147" i="5" s="1"/>
  <c r="I6841" i="2"/>
  <c r="I6815" i="5" s="1"/>
  <c r="K5856" i="2"/>
  <c r="K5830" i="5" s="1"/>
  <c r="L804" i="2"/>
  <c r="L778" i="5" s="1"/>
  <c r="M3246" i="2"/>
  <c r="M3220" i="5" s="1"/>
  <c r="P3220" i="5" s="1"/>
  <c r="K1760" i="2"/>
  <c r="K1734" i="5" s="1"/>
  <c r="J6277" i="2"/>
  <c r="J6251" i="5" s="1"/>
  <c r="J7639" i="2"/>
  <c r="J7613" i="5" s="1"/>
  <c r="M1214" i="2"/>
  <c r="M1188" i="5" s="1"/>
  <c r="P1188" i="5" s="1"/>
  <c r="M553" i="2"/>
  <c r="M527" i="5" s="1"/>
  <c r="P527" i="5" s="1"/>
  <c r="M2619" i="2"/>
  <c r="M2593" i="5" s="1"/>
  <c r="P2593" i="5" s="1"/>
  <c r="L5315" i="2"/>
  <c r="L5289" i="5" s="1"/>
  <c r="I7013" i="2"/>
  <c r="I6987" i="5" s="1"/>
  <c r="I2797" i="2"/>
  <c r="I2771" i="5" s="1"/>
  <c r="L4609" i="2"/>
  <c r="L4583" i="5" s="1"/>
  <c r="I8605" i="2"/>
  <c r="I8579" i="5" s="1"/>
  <c r="J8441" i="2"/>
  <c r="J8415" i="5" s="1"/>
  <c r="N8415" i="5" s="1"/>
  <c r="K2389" i="2"/>
  <c r="K2363" i="5" s="1"/>
  <c r="K7005" i="2"/>
  <c r="K6979" i="5" s="1"/>
  <c r="K1628" i="2"/>
  <c r="K1602" i="5" s="1"/>
  <c r="L1628" i="2"/>
  <c r="L1602" i="5" s="1"/>
  <c r="M1614" i="2"/>
  <c r="M1588" i="5" s="1"/>
  <c r="P1588" i="5" s="1"/>
  <c r="K1614" i="2"/>
  <c r="K1588" i="5" s="1"/>
  <c r="J1614" i="2"/>
  <c r="J1588" i="5" s="1"/>
  <c r="N1588" i="5" s="1"/>
  <c r="J2814" i="2"/>
  <c r="J2788" i="5" s="1"/>
  <c r="N2788" i="5" s="1"/>
  <c r="M2814" i="2"/>
  <c r="M2788" i="5" s="1"/>
  <c r="P2788" i="5" s="1"/>
  <c r="I2814" i="2"/>
  <c r="I2788" i="5" s="1"/>
  <c r="K2814" i="2"/>
  <c r="K2788" i="5" s="1"/>
  <c r="L2814" i="2"/>
  <c r="L2788" i="5" s="1"/>
  <c r="J3263" i="2"/>
  <c r="J3237" i="5" s="1"/>
  <c r="M3263" i="2"/>
  <c r="M3237" i="5" s="1"/>
  <c r="P3237" i="5" s="1"/>
  <c r="I3263" i="2"/>
  <c r="I3237" i="5" s="1"/>
  <c r="K8690" i="2"/>
  <c r="K8664" i="5" s="1"/>
  <c r="L8690" i="2"/>
  <c r="L8664" i="5" s="1"/>
  <c r="I8690" i="2"/>
  <c r="I8664" i="5" s="1"/>
  <c r="M8690" i="2"/>
  <c r="M8664" i="5" s="1"/>
  <c r="P8664" i="5" s="1"/>
  <c r="J8690" i="2"/>
  <c r="J8664" i="5" s="1"/>
  <c r="N8664" i="5" s="1"/>
  <c r="K5340" i="2"/>
  <c r="K5314" i="5" s="1"/>
  <c r="M5340" i="2"/>
  <c r="M5314" i="5" s="1"/>
  <c r="P5314" i="5" s="1"/>
  <c r="I5340" i="2"/>
  <c r="I5314" i="5" s="1"/>
  <c r="J3124" i="2"/>
  <c r="J3098" i="5" s="1"/>
  <c r="N3098" i="5" s="1"/>
  <c r="J3953" i="2"/>
  <c r="J3927" i="5" s="1"/>
  <c r="N3927" i="5" s="1"/>
  <c r="L3953" i="2"/>
  <c r="L3927" i="5" s="1"/>
  <c r="M3953" i="2"/>
  <c r="M3927" i="5" s="1"/>
  <c r="P3927" i="5" s="1"/>
  <c r="K3953" i="2"/>
  <c r="K3927" i="5" s="1"/>
  <c r="I6348" i="2"/>
  <c r="I6322" i="5" s="1"/>
  <c r="J6348" i="2"/>
  <c r="J6322" i="5" s="1"/>
  <c r="N6322" i="5" s="1"/>
  <c r="I8141" i="2"/>
  <c r="I8115" i="5" s="1"/>
  <c r="J8141" i="2"/>
  <c r="J8115" i="5" s="1"/>
  <c r="K8141" i="2"/>
  <c r="K8115" i="5" s="1"/>
  <c r="J1770" i="2"/>
  <c r="J1744" i="5" s="1"/>
  <c r="N1744" i="5" s="1"/>
  <c r="K1770" i="2"/>
  <c r="K1744" i="5" s="1"/>
  <c r="M7259" i="2"/>
  <c r="M7233" i="5" s="1"/>
  <c r="P7233" i="5" s="1"/>
  <c r="J7259" i="2"/>
  <c r="J7233" i="5" s="1"/>
  <c r="N7233" i="5" s="1"/>
  <c r="L7259" i="2"/>
  <c r="L7233" i="5" s="1"/>
  <c r="I7259" i="2"/>
  <c r="I7233" i="5" s="1"/>
  <c r="K7259" i="2"/>
  <c r="K7233" i="5" s="1"/>
  <c r="I1661" i="2"/>
  <c r="I1635" i="5" s="1"/>
  <c r="M1661" i="2"/>
  <c r="M1635" i="5" s="1"/>
  <c r="P1635" i="5" s="1"/>
  <c r="K1661" i="2"/>
  <c r="K1635" i="5" s="1"/>
  <c r="M5816" i="2"/>
  <c r="M5790" i="5" s="1"/>
  <c r="P5790" i="5" s="1"/>
  <c r="K5816" i="2"/>
  <c r="K5790" i="5" s="1"/>
  <c r="I6365" i="2"/>
  <c r="I6339" i="5" s="1"/>
  <c r="L6365" i="2"/>
  <c r="L6339" i="5" s="1"/>
  <c r="J7341" i="2"/>
  <c r="J7315" i="5" s="1"/>
  <c r="N7315" i="5" s="1"/>
  <c r="L7341" i="2"/>
  <c r="L7315" i="5" s="1"/>
  <c r="J784" i="2"/>
  <c r="J758" i="5" s="1"/>
  <c r="N758" i="5" s="1"/>
  <c r="I784" i="2"/>
  <c r="I758" i="5" s="1"/>
  <c r="L784" i="2"/>
  <c r="L758" i="5" s="1"/>
  <c r="M784" i="2"/>
  <c r="M758" i="5" s="1"/>
  <c r="P758" i="5" s="1"/>
  <c r="J7836" i="2"/>
  <c r="J7810" i="5" s="1"/>
  <c r="N7810" i="5" s="1"/>
  <c r="L7836" i="2"/>
  <c r="L7810" i="5" s="1"/>
  <c r="I7836" i="2"/>
  <c r="I7810" i="5" s="1"/>
  <c r="M7836" i="2"/>
  <c r="M7810" i="5" s="1"/>
  <c r="P7810" i="5" s="1"/>
  <c r="K7836" i="2"/>
  <c r="K7810" i="5" s="1"/>
  <c r="M1924" i="2"/>
  <c r="M1898" i="5" s="1"/>
  <c r="P1898" i="5" s="1"/>
  <c r="I1924" i="2"/>
  <c r="I1898" i="5" s="1"/>
  <c r="L1924" i="2"/>
  <c r="L1898" i="5" s="1"/>
  <c r="K1924" i="2"/>
  <c r="K1898" i="5" s="1"/>
  <c r="J1924" i="2"/>
  <c r="J1898" i="5" s="1"/>
  <c r="N1898" i="5" s="1"/>
  <c r="K3735" i="2"/>
  <c r="K3709" i="5" s="1"/>
  <c r="M3735" i="2"/>
  <c r="M3709" i="5" s="1"/>
  <c r="P3709" i="5" s="1"/>
  <c r="L3735" i="2"/>
  <c r="L3709" i="5" s="1"/>
  <c r="L4266" i="2"/>
  <c r="L4240" i="5" s="1"/>
  <c r="K4266" i="2"/>
  <c r="K4240" i="5" s="1"/>
  <c r="M3758" i="2"/>
  <c r="M3732" i="5" s="1"/>
  <c r="P3732" i="5" s="1"/>
  <c r="K3758" i="2"/>
  <c r="K3732" i="5" s="1"/>
  <c r="K3618" i="2"/>
  <c r="K3592" i="5" s="1"/>
  <c r="I3618" i="2"/>
  <c r="I3592" i="5" s="1"/>
  <c r="L3618" i="2"/>
  <c r="L3592" i="5" s="1"/>
  <c r="L3630" i="2"/>
  <c r="L3604" i="5" s="1"/>
  <c r="I3630" i="2"/>
  <c r="I3604" i="5" s="1"/>
  <c r="K2586" i="2"/>
  <c r="K2560" i="5" s="1"/>
  <c r="M2586" i="2"/>
  <c r="M2560" i="5" s="1"/>
  <c r="P2560" i="5" s="1"/>
  <c r="L2586" i="2"/>
  <c r="L2560" i="5" s="1"/>
  <c r="I2586" i="2"/>
  <c r="I2560" i="5" s="1"/>
  <c r="I6329" i="2"/>
  <c r="I6303" i="5" s="1"/>
  <c r="K6329" i="2"/>
  <c r="K6303" i="5" s="1"/>
  <c r="J6329" i="2"/>
  <c r="J6303" i="5" s="1"/>
  <c r="N6303" i="5" s="1"/>
  <c r="I2314" i="2"/>
  <c r="I2288" i="5" s="1"/>
  <c r="K2314" i="2"/>
  <c r="K2288" i="5" s="1"/>
  <c r="M4109" i="2"/>
  <c r="M4083" i="5" s="1"/>
  <c r="P4083" i="5" s="1"/>
  <c r="L4109" i="2"/>
  <c r="L4083" i="5" s="1"/>
  <c r="J4109" i="2"/>
  <c r="J4083" i="5" s="1"/>
  <c r="N4083" i="5" s="1"/>
  <c r="K4109" i="2"/>
  <c r="K4083" i="5" s="1"/>
  <c r="I4109" i="2"/>
  <c r="I4083" i="5" s="1"/>
  <c r="M1631" i="2"/>
  <c r="M1605" i="5" s="1"/>
  <c r="P1605" i="5" s="1"/>
  <c r="K1631" i="2"/>
  <c r="K1605" i="5" s="1"/>
  <c r="L1631" i="2"/>
  <c r="L1605" i="5" s="1"/>
  <c r="K3782" i="2"/>
  <c r="K3756" i="5" s="1"/>
  <c r="J3782" i="2"/>
  <c r="J3756" i="5" s="1"/>
  <c r="N3756" i="5" s="1"/>
  <c r="M3782" i="2"/>
  <c r="M3756" i="5" s="1"/>
  <c r="P3756" i="5" s="1"/>
  <c r="L3782" i="2"/>
  <c r="L3756" i="5" s="1"/>
  <c r="I7541" i="2"/>
  <c r="I7515" i="5" s="1"/>
  <c r="J7541" i="2"/>
  <c r="J7515" i="5" s="1"/>
  <c r="N7515" i="5" s="1"/>
  <c r="L7541" i="2"/>
  <c r="L7515" i="5" s="1"/>
  <c r="K7541" i="2"/>
  <c r="K7515" i="5" s="1"/>
  <c r="M7541" i="2"/>
  <c r="M7515" i="5" s="1"/>
  <c r="P7515" i="5" s="1"/>
  <c r="I1758" i="2"/>
  <c r="I1732" i="5" s="1"/>
  <c r="J1758" i="2"/>
  <c r="J1732" i="5" s="1"/>
  <c r="N1732" i="5" s="1"/>
  <c r="J8333" i="2"/>
  <c r="J8307" i="5" s="1"/>
  <c r="N8307" i="5" s="1"/>
  <c r="L8333" i="2"/>
  <c r="L8307" i="5" s="1"/>
  <c r="I474" i="2"/>
  <c r="I448" i="5" s="1"/>
  <c r="L474" i="2"/>
  <c r="L448" i="5" s="1"/>
  <c r="K3090" i="2"/>
  <c r="K3064" i="5" s="1"/>
  <c r="J3090" i="2"/>
  <c r="J3064" i="5" s="1"/>
  <c r="N3064" i="5" s="1"/>
  <c r="I3229" i="2"/>
  <c r="I3203" i="5" s="1"/>
  <c r="J3229" i="2"/>
  <c r="J3203" i="5" s="1"/>
  <c r="N3203" i="5" s="1"/>
  <c r="K3229" i="2"/>
  <c r="K3203" i="5" s="1"/>
  <c r="L3229" i="2"/>
  <c r="L3203" i="5" s="1"/>
  <c r="M3229" i="2"/>
  <c r="M3203" i="5" s="1"/>
  <c r="P3203" i="5" s="1"/>
  <c r="L1892" i="2"/>
  <c r="L1866" i="5" s="1"/>
  <c r="I1892" i="2"/>
  <c r="I1866" i="5" s="1"/>
  <c r="K1892" i="2"/>
  <c r="K1866" i="5" s="1"/>
  <c r="J1892" i="2"/>
  <c r="J1866" i="5" s="1"/>
  <c r="N1866" i="5" s="1"/>
  <c r="L3961" i="2"/>
  <c r="L3935" i="5" s="1"/>
  <c r="M4072" i="2"/>
  <c r="M4046" i="5" s="1"/>
  <c r="P4046" i="5" s="1"/>
  <c r="L4072" i="2"/>
  <c r="L4046" i="5" s="1"/>
  <c r="J4072" i="2"/>
  <c r="J4046" i="5" s="1"/>
  <c r="N4046" i="5" s="1"/>
  <c r="M7292" i="2"/>
  <c r="M7266" i="5" s="1"/>
  <c r="P7266" i="5" s="1"/>
  <c r="L7292" i="2"/>
  <c r="L7266" i="5" s="1"/>
  <c r="I7292" i="2"/>
  <c r="I7266" i="5" s="1"/>
  <c r="L7371" i="2"/>
  <c r="L7345" i="5" s="1"/>
  <c r="M7371" i="2"/>
  <c r="M7345" i="5" s="1"/>
  <c r="P7345" i="5" s="1"/>
  <c r="I7371" i="2"/>
  <c r="I7345" i="5" s="1"/>
  <c r="J7371" i="2"/>
  <c r="J7345" i="5" s="1"/>
  <c r="I918" i="2"/>
  <c r="I892" i="5" s="1"/>
  <c r="J918" i="2"/>
  <c r="J892" i="5" s="1"/>
  <c r="N892" i="5" s="1"/>
  <c r="K918" i="2"/>
  <c r="K892" i="5" s="1"/>
  <c r="L918" i="2"/>
  <c r="L892" i="5" s="1"/>
  <c r="K2125" i="2"/>
  <c r="K2099" i="5" s="1"/>
  <c r="M2125" i="2"/>
  <c r="M2099" i="5" s="1"/>
  <c r="P2099" i="5" s="1"/>
  <c r="M5123" i="2"/>
  <c r="M5097" i="5" s="1"/>
  <c r="P5097" i="5" s="1"/>
  <c r="I4613" i="2"/>
  <c r="I4587" i="5" s="1"/>
  <c r="L4613" i="2"/>
  <c r="L4587" i="5" s="1"/>
  <c r="J4613" i="2"/>
  <c r="J4587" i="5" s="1"/>
  <c r="N4587" i="5" s="1"/>
  <c r="M4613" i="2"/>
  <c r="M4587" i="5" s="1"/>
  <c r="P4587" i="5" s="1"/>
  <c r="K4613" i="2"/>
  <c r="K4587" i="5" s="1"/>
  <c r="I3839" i="2"/>
  <c r="I3813" i="5" s="1"/>
  <c r="K3839" i="2"/>
  <c r="K3813" i="5" s="1"/>
  <c r="L3839" i="2"/>
  <c r="L3813" i="5" s="1"/>
  <c r="M3839" i="2"/>
  <c r="M3813" i="5" s="1"/>
  <c r="P3813" i="5" s="1"/>
  <c r="M7683" i="2"/>
  <c r="M7657" i="5" s="1"/>
  <c r="P7657" i="5" s="1"/>
  <c r="K7683" i="2"/>
  <c r="K7657" i="5" s="1"/>
  <c r="D317" i="5"/>
  <c r="AR311" i="1"/>
  <c r="L6492" i="2"/>
  <c r="L6466" i="5" s="1"/>
  <c r="I6492" i="2"/>
  <c r="I6466" i="5" s="1"/>
  <c r="K6492" i="2"/>
  <c r="K6466" i="5" s="1"/>
  <c r="J5776" i="2"/>
  <c r="J5750" i="5" s="1"/>
  <c r="M5776" i="2"/>
  <c r="M5750" i="5" s="1"/>
  <c r="P5750" i="5" s="1"/>
  <c r="K5776" i="2"/>
  <c r="K5750" i="5" s="1"/>
  <c r="L5776" i="2"/>
  <c r="L5750" i="5" s="1"/>
  <c r="I5776" i="2"/>
  <c r="I5750" i="5" s="1"/>
  <c r="I4787" i="2"/>
  <c r="I4761" i="5" s="1"/>
  <c r="J4787" i="2"/>
  <c r="J4761" i="5" s="1"/>
  <c r="N4761" i="5" s="1"/>
  <c r="K4787" i="2"/>
  <c r="K4761" i="5" s="1"/>
  <c r="L4787" i="2"/>
  <c r="L4761" i="5" s="1"/>
  <c r="K7282" i="2"/>
  <c r="K7256" i="5" s="1"/>
  <c r="M7282" i="2"/>
  <c r="M7256" i="5" s="1"/>
  <c r="P7256" i="5" s="1"/>
  <c r="L7282" i="2"/>
  <c r="L7256" i="5" s="1"/>
  <c r="I7282" i="2"/>
  <c r="I7256" i="5" s="1"/>
  <c r="K2641" i="2"/>
  <c r="K2615" i="5" s="1"/>
  <c r="J2641" i="2"/>
  <c r="J2615" i="5" s="1"/>
  <c r="N2615" i="5" s="1"/>
  <c r="L2641" i="2"/>
  <c r="L2615" i="5" s="1"/>
  <c r="M2641" i="2"/>
  <c r="M2615" i="5" s="1"/>
  <c r="P2615" i="5" s="1"/>
  <c r="I2641" i="2"/>
  <c r="I2615" i="5" s="1"/>
  <c r="L134" i="2"/>
  <c r="L108" i="5" s="1"/>
  <c r="K134" i="2"/>
  <c r="K108" i="5" s="1"/>
  <c r="L7610" i="2"/>
  <c r="L7584" i="5" s="1"/>
  <c r="I7610" i="2"/>
  <c r="I7584" i="5" s="1"/>
  <c r="M7610" i="2"/>
  <c r="M7584" i="5" s="1"/>
  <c r="P7584" i="5" s="1"/>
  <c r="M2436" i="2"/>
  <c r="M2410" i="5" s="1"/>
  <c r="P2410" i="5" s="1"/>
  <c r="I2436" i="2"/>
  <c r="I2410" i="5" s="1"/>
  <c r="K2436" i="2"/>
  <c r="K2410" i="5" s="1"/>
  <c r="L2436" i="2"/>
  <c r="L2410" i="5" s="1"/>
  <c r="L2446" i="2"/>
  <c r="L2420" i="5" s="1"/>
  <c r="M2446" i="2"/>
  <c r="M2420" i="5" s="1"/>
  <c r="P2420" i="5" s="1"/>
  <c r="K2446" i="2"/>
  <c r="K2420" i="5" s="1"/>
  <c r="M4748" i="2"/>
  <c r="M4722" i="5" s="1"/>
  <c r="P4722" i="5" s="1"/>
  <c r="K2107" i="2"/>
  <c r="K2081" i="5" s="1"/>
  <c r="J2107" i="2"/>
  <c r="J2081" i="5" s="1"/>
  <c r="N2081" i="5" s="1"/>
  <c r="M2107" i="2"/>
  <c r="M2081" i="5" s="1"/>
  <c r="P2081" i="5" s="1"/>
  <c r="L2107" i="2"/>
  <c r="L2081" i="5" s="1"/>
  <c r="I2107" i="2"/>
  <c r="I2081" i="5" s="1"/>
  <c r="K6533" i="2"/>
  <c r="K6507" i="5" s="1"/>
  <c r="L7626" i="2"/>
  <c r="L7600" i="5" s="1"/>
  <c r="K7626" i="2"/>
  <c r="K7600" i="5" s="1"/>
  <c r="I7626" i="2"/>
  <c r="I7600" i="5" s="1"/>
  <c r="J7626" i="2"/>
  <c r="J7600" i="5" s="1"/>
  <c r="N7600" i="5" s="1"/>
  <c r="M7626" i="2"/>
  <c r="M7600" i="5" s="1"/>
  <c r="P7600" i="5" s="1"/>
  <c r="D295" i="5"/>
  <c r="AR289" i="1"/>
  <c r="J7964" i="2"/>
  <c r="J7938" i="5" s="1"/>
  <c r="N7938" i="5" s="1"/>
  <c r="I7964" i="2"/>
  <c r="I7938" i="5" s="1"/>
  <c r="L7964" i="2"/>
  <c r="L7938" i="5" s="1"/>
  <c r="K7964" i="2"/>
  <c r="K7938" i="5" s="1"/>
  <c r="D110" i="5"/>
  <c r="AR104" i="1"/>
  <c r="K7451" i="2"/>
  <c r="K7425" i="5" s="1"/>
  <c r="J7451" i="2"/>
  <c r="J7425" i="5" s="1"/>
  <c r="N7425" i="5" s="1"/>
  <c r="M7451" i="2"/>
  <c r="M7425" i="5" s="1"/>
  <c r="P7425" i="5" s="1"/>
  <c r="J401" i="2"/>
  <c r="J375" i="5" s="1"/>
  <c r="N375" i="5" s="1"/>
  <c r="M401" i="2"/>
  <c r="M375" i="5" s="1"/>
  <c r="P375" i="5" s="1"/>
  <c r="K401" i="2"/>
  <c r="K375" i="5" s="1"/>
  <c r="I6766" i="2"/>
  <c r="I6740" i="5" s="1"/>
  <c r="L6766" i="2"/>
  <c r="L6740" i="5" s="1"/>
  <c r="K6766" i="2"/>
  <c r="K6740" i="5" s="1"/>
  <c r="I2673" i="2"/>
  <c r="I2647" i="5" s="1"/>
  <c r="K2673" i="2"/>
  <c r="K2647" i="5" s="1"/>
  <c r="I5615" i="2"/>
  <c r="I5589" i="5" s="1"/>
  <c r="M5615" i="2"/>
  <c r="M5589" i="5" s="1"/>
  <c r="P5589" i="5" s="1"/>
  <c r="L5615" i="2"/>
  <c r="L5589" i="5" s="1"/>
  <c r="K5615" i="2"/>
  <c r="K5589" i="5" s="1"/>
  <c r="J5615" i="2"/>
  <c r="J5589" i="5" s="1"/>
  <c r="N5589" i="5" s="1"/>
  <c r="E330" i="5"/>
  <c r="AR324" i="1"/>
  <c r="K6198" i="2"/>
  <c r="K6172" i="5" s="1"/>
  <c r="M6198" i="2"/>
  <c r="M6172" i="5" s="1"/>
  <c r="P6172" i="5" s="1"/>
  <c r="L6198" i="2"/>
  <c r="L6172" i="5" s="1"/>
  <c r="I6198" i="2"/>
  <c r="I6172" i="5" s="1"/>
  <c r="J6198" i="2"/>
  <c r="J6172" i="5" s="1"/>
  <c r="N6172" i="5" s="1"/>
  <c r="L8316" i="2"/>
  <c r="L8290" i="5" s="1"/>
  <c r="J8316" i="2"/>
  <c r="J8290" i="5" s="1"/>
  <c r="N8290" i="5" s="1"/>
  <c r="J1829" i="2"/>
  <c r="J1803" i="5" s="1"/>
  <c r="N1803" i="5" s="1"/>
  <c r="J220" i="2"/>
  <c r="J194" i="5" s="1"/>
  <c r="J8548" i="2"/>
  <c r="J8522" i="5" s="1"/>
  <c r="I7985" i="2"/>
  <c r="I7959" i="5" s="1"/>
  <c r="K4992" i="2"/>
  <c r="K4966" i="5" s="1"/>
  <c r="O4966" i="5" s="1"/>
  <c r="M8678" i="2"/>
  <c r="M8652" i="5" s="1"/>
  <c r="P8652" i="5" s="1"/>
  <c r="I8678" i="2"/>
  <c r="I8652" i="5" s="1"/>
  <c r="M6479" i="2"/>
  <c r="M6453" i="5" s="1"/>
  <c r="P6453" i="5" s="1"/>
  <c r="L6479" i="2"/>
  <c r="L6453" i="5" s="1"/>
  <c r="M4835" i="2"/>
  <c r="M4809" i="5" s="1"/>
  <c r="P4809" i="5" s="1"/>
  <c r="L4835" i="2"/>
  <c r="L4809" i="5" s="1"/>
  <c r="I4835" i="2"/>
  <c r="I4809" i="5" s="1"/>
  <c r="K4835" i="2"/>
  <c r="K4809" i="5" s="1"/>
  <c r="M2650" i="2"/>
  <c r="M2624" i="5" s="1"/>
  <c r="P2624" i="5" s="1"/>
  <c r="L2650" i="2"/>
  <c r="L2624" i="5" s="1"/>
  <c r="J2650" i="2"/>
  <c r="J2624" i="5" s="1"/>
  <c r="N2624" i="5" s="1"/>
  <c r="L1268" i="2"/>
  <c r="L1242" i="5" s="1"/>
  <c r="I1268" i="2"/>
  <c r="I1242" i="5" s="1"/>
  <c r="J6786" i="2"/>
  <c r="J6760" i="5" s="1"/>
  <c r="N6760" i="5" s="1"/>
  <c r="K6786" i="2"/>
  <c r="K6760" i="5" s="1"/>
  <c r="L1929" i="2"/>
  <c r="L1903" i="5" s="1"/>
  <c r="M1929" i="2"/>
  <c r="M1903" i="5" s="1"/>
  <c r="P1903" i="5" s="1"/>
  <c r="I1929" i="2"/>
  <c r="I1903" i="5" s="1"/>
  <c r="K1929" i="2"/>
  <c r="K1903" i="5" s="1"/>
  <c r="J1929" i="2"/>
  <c r="J1903" i="5" s="1"/>
  <c r="J4513" i="2"/>
  <c r="J4487" i="5" s="1"/>
  <c r="I4513" i="2"/>
  <c r="I4487" i="5" s="1"/>
  <c r="I6689" i="2"/>
  <c r="I6663" i="5" s="1"/>
  <c r="K6689" i="2"/>
  <c r="K6663" i="5" s="1"/>
  <c r="L6689" i="2"/>
  <c r="L6663" i="5" s="1"/>
  <c r="L1284" i="2"/>
  <c r="L1258" i="5" s="1"/>
  <c r="J1284" i="2"/>
  <c r="J1258" i="5" s="1"/>
  <c r="N1258" i="5" s="1"/>
  <c r="K2320" i="2"/>
  <c r="K2294" i="5" s="1"/>
  <c r="L2320" i="2"/>
  <c r="L2294" i="5" s="1"/>
  <c r="M2320" i="2"/>
  <c r="M2294" i="5" s="1"/>
  <c r="P2294" i="5" s="1"/>
  <c r="K2067" i="2"/>
  <c r="K2041" i="5" s="1"/>
  <c r="L2067" i="2"/>
  <c r="L2041" i="5" s="1"/>
  <c r="M2067" i="2"/>
  <c r="M2041" i="5" s="1"/>
  <c r="P2041" i="5" s="1"/>
  <c r="L4105" i="2"/>
  <c r="L4079" i="5" s="1"/>
  <c r="K4105" i="2"/>
  <c r="K4079" i="5" s="1"/>
  <c r="J4105" i="2"/>
  <c r="J4079" i="5" s="1"/>
  <c r="N4079" i="5" s="1"/>
  <c r="J8307" i="2"/>
  <c r="J8281" i="5" s="1"/>
  <c r="N8281" i="5" s="1"/>
  <c r="L8307" i="2"/>
  <c r="L8281" i="5" s="1"/>
  <c r="I8307" i="2"/>
  <c r="I8281" i="5" s="1"/>
  <c r="K8307" i="2"/>
  <c r="K8281" i="5" s="1"/>
  <c r="M8307" i="2"/>
  <c r="M8281" i="5" s="1"/>
  <c r="P8281" i="5" s="1"/>
  <c r="I2599" i="2"/>
  <c r="I2573" i="5" s="1"/>
  <c r="K2599" i="2"/>
  <c r="K2573" i="5" s="1"/>
  <c r="L2599" i="2"/>
  <c r="L2573" i="5" s="1"/>
  <c r="J2599" i="2"/>
  <c r="J2573" i="5" s="1"/>
  <c r="N2573" i="5" s="1"/>
  <c r="M2599" i="2"/>
  <c r="M2573" i="5" s="1"/>
  <c r="P2573" i="5" s="1"/>
  <c r="J315" i="2"/>
  <c r="J289" i="5" s="1"/>
  <c r="N289" i="5" s="1"/>
  <c r="L315" i="2"/>
  <c r="L289" i="5" s="1"/>
  <c r="M315" i="2"/>
  <c r="M289" i="5" s="1"/>
  <c r="P289" i="5" s="1"/>
  <c r="I315" i="2"/>
  <c r="I289" i="5" s="1"/>
  <c r="K315" i="2"/>
  <c r="K289" i="5" s="1"/>
  <c r="I1557" i="2"/>
  <c r="I1531" i="5" s="1"/>
  <c r="L1557" i="2"/>
  <c r="L1531" i="5" s="1"/>
  <c r="J1557" i="2"/>
  <c r="J1531" i="5" s="1"/>
  <c r="N1531" i="5" s="1"/>
  <c r="K1557" i="2"/>
  <c r="K1531" i="5" s="1"/>
  <c r="M1557" i="2"/>
  <c r="M1531" i="5" s="1"/>
  <c r="P1531" i="5" s="1"/>
  <c r="J6170" i="2"/>
  <c r="J6144" i="5" s="1"/>
  <c r="N6144" i="5" s="1"/>
  <c r="I6170" i="2"/>
  <c r="I6144" i="5" s="1"/>
  <c r="M6170" i="2"/>
  <c r="M6144" i="5" s="1"/>
  <c r="P6144" i="5" s="1"/>
  <c r="L6170" i="2"/>
  <c r="L6144" i="5" s="1"/>
  <c r="J8321" i="2"/>
  <c r="J8295" i="5" s="1"/>
  <c r="L8321" i="2"/>
  <c r="L8295" i="5" s="1"/>
  <c r="M8321" i="2"/>
  <c r="M8295" i="5" s="1"/>
  <c r="P8295" i="5" s="1"/>
  <c r="I8321" i="2"/>
  <c r="I8295" i="5" s="1"/>
  <c r="K8321" i="2"/>
  <c r="K8295" i="5" s="1"/>
  <c r="L579" i="2"/>
  <c r="L553" i="5" s="1"/>
  <c r="J579" i="2"/>
  <c r="J553" i="5" s="1"/>
  <c r="N553" i="5" s="1"/>
  <c r="I488" i="2"/>
  <c r="I462" i="5" s="1"/>
  <c r="M488" i="2"/>
  <c r="M462" i="5" s="1"/>
  <c r="P462" i="5" s="1"/>
  <c r="K488" i="2"/>
  <c r="K462" i="5" s="1"/>
  <c r="L3844" i="2"/>
  <c r="L3818" i="5" s="1"/>
  <c r="J3844" i="2"/>
  <c r="J3818" i="5" s="1"/>
  <c r="N3818" i="5" s="1"/>
  <c r="K3844" i="2"/>
  <c r="K3818" i="5" s="1"/>
  <c r="M3844" i="2"/>
  <c r="M3818" i="5" s="1"/>
  <c r="P3818" i="5" s="1"/>
  <c r="I3844" i="2"/>
  <c r="I3818" i="5" s="1"/>
  <c r="L4012" i="2"/>
  <c r="L3986" i="5" s="1"/>
  <c r="I4012" i="2"/>
  <c r="I3986" i="5" s="1"/>
  <c r="K4012" i="2"/>
  <c r="K3986" i="5" s="1"/>
  <c r="M4012" i="2"/>
  <c r="M3986" i="5" s="1"/>
  <c r="P3986" i="5" s="1"/>
  <c r="I8189" i="2"/>
  <c r="I8163" i="5" s="1"/>
  <c r="K8189" i="2"/>
  <c r="K8163" i="5" s="1"/>
  <c r="J8189" i="2"/>
  <c r="J8163" i="5" s="1"/>
  <c r="N8163" i="5" s="1"/>
  <c r="L8189" i="2"/>
  <c r="L8163" i="5" s="1"/>
  <c r="M8189" i="2"/>
  <c r="M8163" i="5" s="1"/>
  <c r="P8163" i="5" s="1"/>
  <c r="M6491" i="2"/>
  <c r="M6465" i="5" s="1"/>
  <c r="P6465" i="5" s="1"/>
  <c r="I6491" i="2"/>
  <c r="I6465" i="5" s="1"/>
  <c r="K6491" i="2"/>
  <c r="K6465" i="5" s="1"/>
  <c r="O6465" i="5" s="1"/>
  <c r="K6677" i="2"/>
  <c r="K6651" i="5" s="1"/>
  <c r="J6677" i="2"/>
  <c r="J6651" i="5" s="1"/>
  <c r="N6651" i="5" s="1"/>
  <c r="M6677" i="2"/>
  <c r="M6651" i="5" s="1"/>
  <c r="P6651" i="5" s="1"/>
  <c r="M1964" i="2"/>
  <c r="M1938" i="5" s="1"/>
  <c r="P1938" i="5" s="1"/>
  <c r="J1964" i="2"/>
  <c r="J1938" i="5" s="1"/>
  <c r="N1938" i="5" s="1"/>
  <c r="I1964" i="2"/>
  <c r="I1938" i="5" s="1"/>
  <c r="L1964" i="2"/>
  <c r="L1938" i="5" s="1"/>
  <c r="I7963" i="2"/>
  <c r="I7937" i="5" s="1"/>
  <c r="M7963" i="2"/>
  <c r="M7937" i="5" s="1"/>
  <c r="P7937" i="5" s="1"/>
  <c r="K7963" i="2"/>
  <c r="K7937" i="5" s="1"/>
  <c r="K6669" i="2"/>
  <c r="K6643" i="5" s="1"/>
  <c r="M6669" i="2"/>
  <c r="M6643" i="5" s="1"/>
  <c r="P6643" i="5" s="1"/>
  <c r="J6669" i="2"/>
  <c r="J6643" i="5" s="1"/>
  <c r="N6643" i="5" s="1"/>
  <c r="I6669" i="2"/>
  <c r="I6643" i="5" s="1"/>
  <c r="L6669" i="2"/>
  <c r="L6643" i="5" s="1"/>
  <c r="L5611" i="2"/>
  <c r="L5585" i="5" s="1"/>
  <c r="K5611" i="2"/>
  <c r="K5585" i="5" s="1"/>
  <c r="L7285" i="2"/>
  <c r="L7259" i="5" s="1"/>
  <c r="I7285" i="2"/>
  <c r="I7259" i="5" s="1"/>
  <c r="K7285" i="2"/>
  <c r="K7259" i="5" s="1"/>
  <c r="J7285" i="2"/>
  <c r="J7259" i="5" s="1"/>
  <c r="N7259" i="5" s="1"/>
  <c r="M7285" i="2"/>
  <c r="M7259" i="5" s="1"/>
  <c r="P7259" i="5" s="1"/>
  <c r="K5633" i="2"/>
  <c r="K5607" i="5" s="1"/>
  <c r="M5633" i="2"/>
  <c r="M5607" i="5" s="1"/>
  <c r="P5607" i="5" s="1"/>
  <c r="J5633" i="2"/>
  <c r="J5607" i="5" s="1"/>
  <c r="N5607" i="5" s="1"/>
  <c r="I5633" i="2"/>
  <c r="I5607" i="5" s="1"/>
  <c r="L5633" i="2"/>
  <c r="L5607" i="5" s="1"/>
  <c r="J7606" i="2"/>
  <c r="J7580" i="5" s="1"/>
  <c r="N7580" i="5" s="1"/>
  <c r="I7606" i="2"/>
  <c r="I7580" i="5" s="1"/>
  <c r="J7124" i="2"/>
  <c r="J7098" i="5" s="1"/>
  <c r="K7124" i="2"/>
  <c r="K7098" i="5" s="1"/>
  <c r="M7124" i="2"/>
  <c r="M7098" i="5" s="1"/>
  <c r="P7098" i="5" s="1"/>
  <c r="I7124" i="2"/>
  <c r="I7098" i="5" s="1"/>
  <c r="L7124" i="2"/>
  <c r="L7098" i="5" s="1"/>
  <c r="L2272" i="2"/>
  <c r="L2246" i="5" s="1"/>
  <c r="I2272" i="2"/>
  <c r="I2246" i="5" s="1"/>
  <c r="K2272" i="2"/>
  <c r="K2246" i="5" s="1"/>
  <c r="M2272" i="2"/>
  <c r="M2246" i="5" s="1"/>
  <c r="P2246" i="5" s="1"/>
  <c r="J2272" i="2"/>
  <c r="J2246" i="5" s="1"/>
  <c r="N2246" i="5" s="1"/>
  <c r="M144" i="2"/>
  <c r="M118" i="5" s="1"/>
  <c r="P118" i="5" s="1"/>
  <c r="L7596" i="2"/>
  <c r="L7570" i="5" s="1"/>
  <c r="I7596" i="2"/>
  <c r="I7570" i="5" s="1"/>
  <c r="K7596" i="2"/>
  <c r="K7570" i="5" s="1"/>
  <c r="M7596" i="2"/>
  <c r="M7570" i="5" s="1"/>
  <c r="P7570" i="5" s="1"/>
  <c r="J7596" i="2"/>
  <c r="J7570" i="5" s="1"/>
  <c r="N7570" i="5" s="1"/>
  <c r="J7603" i="2"/>
  <c r="J7577" i="5" s="1"/>
  <c r="N7577" i="5" s="1"/>
  <c r="M7603" i="2"/>
  <c r="M7577" i="5" s="1"/>
  <c r="P7577" i="5" s="1"/>
  <c r="I7603" i="2"/>
  <c r="I7577" i="5" s="1"/>
  <c r="L7603" i="2"/>
  <c r="L7577" i="5" s="1"/>
  <c r="K7603" i="2"/>
  <c r="K7577" i="5" s="1"/>
  <c r="M4744" i="2"/>
  <c r="M4718" i="5" s="1"/>
  <c r="P4718" i="5" s="1"/>
  <c r="I4744" i="2"/>
  <c r="I4718" i="5" s="1"/>
  <c r="K4744" i="2"/>
  <c r="K4718" i="5" s="1"/>
  <c r="K901" i="2"/>
  <c r="K875" i="5" s="1"/>
  <c r="I901" i="2"/>
  <c r="I875" i="5" s="1"/>
  <c r="M901" i="2"/>
  <c r="M875" i="5" s="1"/>
  <c r="P875" i="5" s="1"/>
  <c r="J901" i="2"/>
  <c r="J875" i="5" s="1"/>
  <c r="N875" i="5" s="1"/>
  <c r="J6929" i="2"/>
  <c r="J6903" i="5" s="1"/>
  <c r="N6903" i="5" s="1"/>
  <c r="M6929" i="2"/>
  <c r="M6903" i="5" s="1"/>
  <c r="P6903" i="5" s="1"/>
  <c r="L6929" i="2"/>
  <c r="L6903" i="5" s="1"/>
  <c r="K885" i="2"/>
  <c r="K859" i="5" s="1"/>
  <c r="M885" i="2"/>
  <c r="M859" i="5" s="1"/>
  <c r="P859" i="5" s="1"/>
  <c r="J885" i="2"/>
  <c r="J859" i="5" s="1"/>
  <c r="N859" i="5" s="1"/>
  <c r="I885" i="2"/>
  <c r="I859" i="5" s="1"/>
  <c r="L885" i="2"/>
  <c r="L859" i="5" s="1"/>
  <c r="J7351" i="2"/>
  <c r="J7325" i="5" s="1"/>
  <c r="N7325" i="5" s="1"/>
  <c r="M7351" i="2"/>
  <c r="M7325" i="5" s="1"/>
  <c r="P7325" i="5" s="1"/>
  <c r="I7351" i="2"/>
  <c r="I7325" i="5" s="1"/>
  <c r="L7351" i="2"/>
  <c r="L7325" i="5" s="1"/>
  <c r="K7351" i="2"/>
  <c r="K7325" i="5" s="1"/>
  <c r="L8315" i="2"/>
  <c r="L8289" i="5" s="1"/>
  <c r="I8315" i="2"/>
  <c r="I8289" i="5" s="1"/>
  <c r="M8315" i="2"/>
  <c r="M8289" i="5" s="1"/>
  <c r="P8289" i="5" s="1"/>
  <c r="J8315" i="2"/>
  <c r="J8289" i="5" s="1"/>
  <c r="K2055" i="2"/>
  <c r="K2029" i="5" s="1"/>
  <c r="M2055" i="2"/>
  <c r="M2029" i="5" s="1"/>
  <c r="P2029" i="5" s="1"/>
  <c r="J2055" i="2"/>
  <c r="J2029" i="5" s="1"/>
  <c r="N2029" i="5" s="1"/>
  <c r="L2055" i="2"/>
  <c r="L2029" i="5" s="1"/>
  <c r="I2055" i="2"/>
  <c r="I2029" i="5" s="1"/>
  <c r="K429" i="2"/>
  <c r="K403" i="5" s="1"/>
  <c r="O403" i="5" s="1"/>
  <c r="M429" i="2"/>
  <c r="M403" i="5" s="1"/>
  <c r="P403" i="5" s="1"/>
  <c r="J429" i="2"/>
  <c r="J403" i="5" s="1"/>
  <c r="N403" i="5" s="1"/>
  <c r="I4785" i="2"/>
  <c r="I4759" i="5" s="1"/>
  <c r="L4785" i="2"/>
  <c r="L4759" i="5" s="1"/>
  <c r="L4778" i="2"/>
  <c r="L4752" i="5" s="1"/>
  <c r="M4778" i="2"/>
  <c r="M4752" i="5" s="1"/>
  <c r="P4752" i="5" s="1"/>
  <c r="J3801" i="2"/>
  <c r="J3775" i="5" s="1"/>
  <c r="N3775" i="5" s="1"/>
  <c r="L3801" i="2"/>
  <c r="L3775" i="5" s="1"/>
  <c r="K3801" i="2"/>
  <c r="K3775" i="5" s="1"/>
  <c r="K6645" i="2"/>
  <c r="K6619" i="5" s="1"/>
  <c r="J6645" i="2"/>
  <c r="J6619" i="5" s="1"/>
  <c r="N6619" i="5" s="1"/>
  <c r="L6645" i="2"/>
  <c r="L6619" i="5" s="1"/>
  <c r="I6645" i="2"/>
  <c r="I6619" i="5" s="1"/>
  <c r="I2994" i="2"/>
  <c r="I2968" i="5" s="1"/>
  <c r="L2994" i="2"/>
  <c r="L2968" i="5" s="1"/>
  <c r="K2994" i="2"/>
  <c r="K2968" i="5" s="1"/>
  <c r="J2994" i="2"/>
  <c r="J2968" i="5" s="1"/>
  <c r="N2968" i="5" s="1"/>
  <c r="M2994" i="2"/>
  <c r="M2968" i="5" s="1"/>
  <c r="P2968" i="5" s="1"/>
  <c r="J1891" i="2"/>
  <c r="J1865" i="5" s="1"/>
  <c r="N1865" i="5" s="1"/>
  <c r="M1891" i="2"/>
  <c r="M1865" i="5" s="1"/>
  <c r="P1865" i="5" s="1"/>
  <c r="L1891" i="2"/>
  <c r="L1865" i="5" s="1"/>
  <c r="I1891" i="2"/>
  <c r="I1865" i="5" s="1"/>
  <c r="K1891" i="2"/>
  <c r="K1865" i="5" s="1"/>
  <c r="L7104" i="2"/>
  <c r="L7078" i="5" s="1"/>
  <c r="J7104" i="2"/>
  <c r="J7078" i="5" s="1"/>
  <c r="N7078" i="5" s="1"/>
  <c r="I7104" i="2"/>
  <c r="I7078" i="5" s="1"/>
  <c r="K7104" i="2"/>
  <c r="K7078" i="5" s="1"/>
  <c r="M7104" i="2"/>
  <c r="M7078" i="5" s="1"/>
  <c r="P7078" i="5" s="1"/>
  <c r="M6837" i="2"/>
  <c r="M6811" i="5" s="1"/>
  <c r="P6811" i="5" s="1"/>
  <c r="J6837" i="2"/>
  <c r="J6811" i="5" s="1"/>
  <c r="M1887" i="2"/>
  <c r="M1861" i="5" s="1"/>
  <c r="P1861" i="5" s="1"/>
  <c r="J1887" i="2"/>
  <c r="J1861" i="5" s="1"/>
  <c r="N1861" i="5" s="1"/>
  <c r="I1887" i="2"/>
  <c r="I1861" i="5" s="1"/>
  <c r="K1887" i="2"/>
  <c r="K1861" i="5" s="1"/>
  <c r="L1887" i="2"/>
  <c r="L1861" i="5" s="1"/>
  <c r="K7187" i="2"/>
  <c r="K7161" i="5" s="1"/>
  <c r="L7187" i="2"/>
  <c r="L7161" i="5" s="1"/>
  <c r="I7187" i="2"/>
  <c r="I7161" i="5" s="1"/>
  <c r="M7187" i="2"/>
  <c r="M7161" i="5" s="1"/>
  <c r="P7161" i="5" s="1"/>
  <c r="J7187" i="2"/>
  <c r="J7161" i="5" s="1"/>
  <c r="N7161" i="5" s="1"/>
  <c r="L7153" i="2"/>
  <c r="L7127" i="5" s="1"/>
  <c r="K7153" i="2"/>
  <c r="K7127" i="5" s="1"/>
  <c r="I1104" i="2"/>
  <c r="I1078" i="5" s="1"/>
  <c r="K1104" i="2"/>
  <c r="K1078" i="5" s="1"/>
  <c r="M1104" i="2"/>
  <c r="M1078" i="5" s="1"/>
  <c r="P1078" i="5" s="1"/>
  <c r="I127" i="2"/>
  <c r="I101" i="5" s="1"/>
  <c r="L127" i="2"/>
  <c r="L101" i="5" s="1"/>
  <c r="J3468" i="2"/>
  <c r="J3442" i="5" s="1"/>
  <c r="I3468" i="2"/>
  <c r="I3442" i="5" s="1"/>
  <c r="K3468" i="2"/>
  <c r="K3442" i="5" s="1"/>
  <c r="M3468" i="2"/>
  <c r="M3442" i="5" s="1"/>
  <c r="P3442" i="5" s="1"/>
  <c r="L3468" i="2"/>
  <c r="L3442" i="5" s="1"/>
  <c r="L1760" i="2"/>
  <c r="L1734" i="5" s="1"/>
  <c r="L578" i="2"/>
  <c r="L552" i="5" s="1"/>
  <c r="J578" i="2"/>
  <c r="J552" i="5" s="1"/>
  <c r="N552" i="5" s="1"/>
  <c r="K578" i="2"/>
  <c r="K552" i="5" s="1"/>
  <c r="M578" i="2"/>
  <c r="M552" i="5" s="1"/>
  <c r="P552" i="5" s="1"/>
  <c r="I578" i="2"/>
  <c r="I552" i="5" s="1"/>
  <c r="L4975" i="2"/>
  <c r="L4949" i="5" s="1"/>
  <c r="J4975" i="2"/>
  <c r="J4949" i="5" s="1"/>
  <c r="N4949" i="5" s="1"/>
  <c r="I4975" i="2"/>
  <c r="I4949" i="5" s="1"/>
  <c r="I6813" i="2"/>
  <c r="I6787" i="5" s="1"/>
  <c r="K6813" i="2"/>
  <c r="K6787" i="5" s="1"/>
  <c r="L6813" i="2"/>
  <c r="L6787" i="5" s="1"/>
  <c r="J6813" i="2"/>
  <c r="J6787" i="5" s="1"/>
  <c r="N6787" i="5" s="1"/>
  <c r="M6813" i="2"/>
  <c r="M6787" i="5" s="1"/>
  <c r="P6787" i="5" s="1"/>
  <c r="I6672" i="2"/>
  <c r="I6646" i="5" s="1"/>
  <c r="J6672" i="2"/>
  <c r="J6646" i="5" s="1"/>
  <c r="N6646" i="5" s="1"/>
  <c r="K8125" i="2"/>
  <c r="K8099" i="5" s="1"/>
  <c r="J8125" i="2"/>
  <c r="J8099" i="5" s="1"/>
  <c r="N8099" i="5" s="1"/>
  <c r="L8125" i="2"/>
  <c r="L8099" i="5" s="1"/>
  <c r="J5354" i="2"/>
  <c r="J5328" i="5" s="1"/>
  <c r="M5354" i="2"/>
  <c r="M5328" i="5" s="1"/>
  <c r="P5328" i="5" s="1"/>
  <c r="K5354" i="2"/>
  <c r="K5328" i="5" s="1"/>
  <c r="I5354" i="2"/>
  <c r="I5328" i="5" s="1"/>
  <c r="L5354" i="2"/>
  <c r="L5328" i="5" s="1"/>
  <c r="J3986" i="2"/>
  <c r="J3960" i="5" s="1"/>
  <c r="N3960" i="5" s="1"/>
  <c r="M3986" i="2"/>
  <c r="M3960" i="5" s="1"/>
  <c r="P3960" i="5" s="1"/>
  <c r="L3986" i="2"/>
  <c r="L3960" i="5" s="1"/>
  <c r="I6339" i="2"/>
  <c r="I6313" i="5" s="1"/>
  <c r="J6339" i="2"/>
  <c r="J6313" i="5" s="1"/>
  <c r="N6313" i="5" s="1"/>
  <c r="I2779" i="2"/>
  <c r="I2753" i="5" s="1"/>
  <c r="J2779" i="2"/>
  <c r="J2753" i="5" s="1"/>
  <c r="N2753" i="5" s="1"/>
  <c r="M2779" i="2"/>
  <c r="M2753" i="5" s="1"/>
  <c r="P2753" i="5" s="1"/>
  <c r="L2779" i="2"/>
  <c r="L2753" i="5" s="1"/>
  <c r="J3621" i="2"/>
  <c r="J3595" i="5" s="1"/>
  <c r="N3595" i="5" s="1"/>
  <c r="M3621" i="2"/>
  <c r="M3595" i="5" s="1"/>
  <c r="P3595" i="5" s="1"/>
  <c r="L3621" i="2"/>
  <c r="L3595" i="5" s="1"/>
  <c r="K3621" i="2"/>
  <c r="K3595" i="5" s="1"/>
  <c r="I3621" i="2"/>
  <c r="I3595" i="5" s="1"/>
  <c r="I7365" i="2"/>
  <c r="I7339" i="5" s="1"/>
  <c r="L7365" i="2"/>
  <c r="L7339" i="5" s="1"/>
  <c r="K7365" i="2"/>
  <c r="K7339" i="5" s="1"/>
  <c r="J7365" i="2"/>
  <c r="J7339" i="5" s="1"/>
  <c r="M4100" i="2"/>
  <c r="M4074" i="5" s="1"/>
  <c r="P4074" i="5" s="1"/>
  <c r="K4100" i="2"/>
  <c r="K4074" i="5" s="1"/>
  <c r="L4100" i="2"/>
  <c r="L4074" i="5" s="1"/>
  <c r="I4100" i="2"/>
  <c r="I4074" i="5" s="1"/>
  <c r="J4100" i="2"/>
  <c r="J4074" i="5" s="1"/>
  <c r="N4074" i="5" s="1"/>
  <c r="K3810" i="2"/>
  <c r="K3784" i="5" s="1"/>
  <c r="J3810" i="2"/>
  <c r="J3784" i="5" s="1"/>
  <c r="N3784" i="5" s="1"/>
  <c r="L3810" i="2"/>
  <c r="L3784" i="5" s="1"/>
  <c r="M3810" i="2"/>
  <c r="M3784" i="5" s="1"/>
  <c r="P3784" i="5" s="1"/>
  <c r="I3810" i="2"/>
  <c r="I3784" i="5" s="1"/>
  <c r="M1447" i="2"/>
  <c r="M1421" i="5" s="1"/>
  <c r="P1421" i="5" s="1"/>
  <c r="L1447" i="2"/>
  <c r="L1421" i="5" s="1"/>
  <c r="J3163" i="2"/>
  <c r="J3137" i="5" s="1"/>
  <c r="N3137" i="5" s="1"/>
  <c r="I3163" i="2"/>
  <c r="I3137" i="5" s="1"/>
  <c r="L3163" i="2"/>
  <c r="L3137" i="5" s="1"/>
  <c r="M3163" i="2"/>
  <c r="M3137" i="5" s="1"/>
  <c r="P3137" i="5" s="1"/>
  <c r="I2667" i="2"/>
  <c r="I2641" i="5" s="1"/>
  <c r="L1748" i="2"/>
  <c r="L1722" i="5" s="1"/>
  <c r="I1748" i="2"/>
  <c r="I1722" i="5" s="1"/>
  <c r="M1748" i="2"/>
  <c r="M1722" i="5" s="1"/>
  <c r="P1722" i="5" s="1"/>
  <c r="K1748" i="2"/>
  <c r="K1722" i="5" s="1"/>
  <c r="J1748" i="2"/>
  <c r="J1722" i="5" s="1"/>
  <c r="N1722" i="5" s="1"/>
  <c r="L4173" i="2"/>
  <c r="L4147" i="5" s="1"/>
  <c r="K4173" i="2"/>
  <c r="K4147" i="5" s="1"/>
  <c r="M4173" i="2"/>
  <c r="M4147" i="5" s="1"/>
  <c r="P4147" i="5" s="1"/>
  <c r="J8292" i="2"/>
  <c r="J8266" i="5" s="1"/>
  <c r="N8266" i="5" s="1"/>
  <c r="I8292" i="2"/>
  <c r="I8266" i="5" s="1"/>
  <c r="K8292" i="2"/>
  <c r="K8266" i="5" s="1"/>
  <c r="M8292" i="2"/>
  <c r="M8266" i="5" s="1"/>
  <c r="P8266" i="5" s="1"/>
  <c r="M2135" i="2"/>
  <c r="M2109" i="5" s="1"/>
  <c r="P2109" i="5" s="1"/>
  <c r="K2135" i="2"/>
  <c r="K2109" i="5" s="1"/>
  <c r="J2135" i="2"/>
  <c r="J2109" i="5" s="1"/>
  <c r="N2109" i="5" s="1"/>
  <c r="I2135" i="2"/>
  <c r="I2109" i="5" s="1"/>
  <c r="L2135" i="2"/>
  <c r="L2109" i="5" s="1"/>
  <c r="K8161" i="2"/>
  <c r="K8135" i="5" s="1"/>
  <c r="J8161" i="2"/>
  <c r="J8135" i="5" s="1"/>
  <c r="N8135" i="5" s="1"/>
  <c r="M8161" i="2"/>
  <c r="M8135" i="5" s="1"/>
  <c r="P8135" i="5" s="1"/>
  <c r="L8161" i="2"/>
  <c r="L8135" i="5" s="1"/>
  <c r="I8161" i="2"/>
  <c r="I8135" i="5" s="1"/>
  <c r="J1794" i="2"/>
  <c r="J1768" i="5" s="1"/>
  <c r="L1794" i="2"/>
  <c r="L1768" i="5" s="1"/>
  <c r="K1794" i="2"/>
  <c r="K1768" i="5" s="1"/>
  <c r="M1794" i="2"/>
  <c r="M1768" i="5" s="1"/>
  <c r="P1768" i="5" s="1"/>
  <c r="I1794" i="2"/>
  <c r="I1768" i="5" s="1"/>
  <c r="J4760" i="2"/>
  <c r="J4734" i="5" s="1"/>
  <c r="N4734" i="5" s="1"/>
  <c r="M4760" i="2"/>
  <c r="M4734" i="5" s="1"/>
  <c r="P4734" i="5" s="1"/>
  <c r="L4760" i="2"/>
  <c r="L4734" i="5" s="1"/>
  <c r="I4760" i="2"/>
  <c r="I4734" i="5" s="1"/>
  <c r="J904" i="2"/>
  <c r="J878" i="5" s="1"/>
  <c r="N878" i="5" s="1"/>
  <c r="L904" i="2"/>
  <c r="L878" i="5" s="1"/>
  <c r="J5136" i="2"/>
  <c r="J5110" i="5" s="1"/>
  <c r="N5110" i="5" s="1"/>
  <c r="L5136" i="2"/>
  <c r="L5110" i="5" s="1"/>
  <c r="M5136" i="2"/>
  <c r="M5110" i="5" s="1"/>
  <c r="P5110" i="5" s="1"/>
  <c r="L7619" i="2"/>
  <c r="L7593" i="5" s="1"/>
  <c r="M7619" i="2"/>
  <c r="M7593" i="5" s="1"/>
  <c r="P7593" i="5" s="1"/>
  <c r="J7619" i="2"/>
  <c r="J7593" i="5" s="1"/>
  <c r="J2969" i="2"/>
  <c r="J2943" i="5" s="1"/>
  <c r="N2943" i="5" s="1"/>
  <c r="I2969" i="2"/>
  <c r="I2943" i="5" s="1"/>
  <c r="K2969" i="2"/>
  <c r="K2943" i="5" s="1"/>
  <c r="L1829" i="2"/>
  <c r="L1803" i="5" s="1"/>
  <c r="L2314" i="2"/>
  <c r="L2288" i="5" s="1"/>
  <c r="K5186" i="2"/>
  <c r="K5160" i="5" s="1"/>
  <c r="I3978" i="2"/>
  <c r="I3952" i="5" s="1"/>
  <c r="J6689" i="2"/>
  <c r="J6663" i="5" s="1"/>
  <c r="N6663" i="5" s="1"/>
  <c r="J5510" i="2"/>
  <c r="J5484" i="5" s="1"/>
  <c r="N5484" i="5" s="1"/>
  <c r="M2392" i="2"/>
  <c r="M2366" i="5" s="1"/>
  <c r="P2366" i="5" s="1"/>
  <c r="L7005" i="2"/>
  <c r="L6979" i="5" s="1"/>
  <c r="L7772" i="2"/>
  <c r="L7746" i="5" s="1"/>
  <c r="K220" i="2"/>
  <c r="K194" i="5" s="1"/>
  <c r="J7173" i="2"/>
  <c r="J7147" i="5" s="1"/>
  <c r="N7147" i="5" s="1"/>
  <c r="J7985" i="2"/>
  <c r="J7959" i="5" s="1"/>
  <c r="N7959" i="5" s="1"/>
  <c r="I4992" i="2"/>
  <c r="I4966" i="5" s="1"/>
  <c r="K4975" i="2"/>
  <c r="K4949" i="5" s="1"/>
  <c r="M2063" i="2"/>
  <c r="M2037" i="5" s="1"/>
  <c r="P2037" i="5" s="1"/>
  <c r="J7833" i="2"/>
  <c r="J7807" i="5" s="1"/>
  <c r="N7807" i="5" s="1"/>
  <c r="M5683" i="2"/>
  <c r="M5657" i="5" s="1"/>
  <c r="P5657" i="5" s="1"/>
  <c r="I5315" i="2"/>
  <c r="I5289" i="5" s="1"/>
  <c r="K4638" i="2"/>
  <c r="K4612" i="5" s="1"/>
  <c r="I2470" i="2"/>
  <c r="I2444" i="5" s="1"/>
  <c r="I7598" i="2"/>
  <c r="I7572" i="5" s="1"/>
  <c r="I4105" i="2"/>
  <c r="I4079" i="5" s="1"/>
  <c r="M4828" i="2"/>
  <c r="M4802" i="5" s="1"/>
  <c r="P4802" i="5" s="1"/>
  <c r="L4828" i="2"/>
  <c r="L4802" i="5" s="1"/>
  <c r="K4828" i="2"/>
  <c r="K4802" i="5" s="1"/>
  <c r="J4828" i="2"/>
  <c r="J4802" i="5" s="1"/>
  <c r="N4802" i="5" s="1"/>
  <c r="I4828" i="2"/>
  <c r="I4802" i="5" s="1"/>
  <c r="J956" i="2"/>
  <c r="J930" i="5" s="1"/>
  <c r="N930" i="5" s="1"/>
  <c r="M956" i="2"/>
  <c r="M930" i="5" s="1"/>
  <c r="P930" i="5" s="1"/>
  <c r="M224" i="2"/>
  <c r="M198" i="5" s="1"/>
  <c r="P198" i="5" s="1"/>
  <c r="K224" i="2"/>
  <c r="K198" i="5" s="1"/>
  <c r="O198" i="5" s="1"/>
  <c r="M5176" i="2"/>
  <c r="M5150" i="5" s="1"/>
  <c r="P5150" i="5" s="1"/>
  <c r="I5176" i="2"/>
  <c r="I5150" i="5" s="1"/>
  <c r="K3978" i="2"/>
  <c r="K3952" i="5" s="1"/>
  <c r="I4082" i="2"/>
  <c r="I4056" i="5" s="1"/>
  <c r="L5967" i="2"/>
  <c r="L5941" i="5" s="1"/>
  <c r="M5967" i="2"/>
  <c r="M5941" i="5" s="1"/>
  <c r="P5941" i="5" s="1"/>
  <c r="L1997" i="2"/>
  <c r="L1971" i="5" s="1"/>
  <c r="J1997" i="2"/>
  <c r="J1971" i="5" s="1"/>
  <c r="N1971" i="5" s="1"/>
  <c r="J8366" i="2"/>
  <c r="J8340" i="5" s="1"/>
  <c r="N8340" i="5" s="1"/>
  <c r="I8366" i="2"/>
  <c r="I8340" i="5" s="1"/>
  <c r="K8366" i="2"/>
  <c r="K8340" i="5" s="1"/>
  <c r="O8340" i="5" s="1"/>
  <c r="M655" i="2"/>
  <c r="M629" i="5" s="1"/>
  <c r="P629" i="5" s="1"/>
  <c r="J655" i="2"/>
  <c r="J629" i="5" s="1"/>
  <c r="N629" i="5" s="1"/>
  <c r="I655" i="2"/>
  <c r="I629" i="5" s="1"/>
  <c r="C334" i="5"/>
  <c r="AR328" i="1"/>
  <c r="M2258" i="2"/>
  <c r="M2232" i="5" s="1"/>
  <c r="P2232" i="5" s="1"/>
  <c r="K2258" i="2"/>
  <c r="K2232" i="5" s="1"/>
  <c r="J2258" i="2"/>
  <c r="J2232" i="5" s="1"/>
  <c r="N2232" i="5" s="1"/>
  <c r="I2258" i="2"/>
  <c r="I2232" i="5" s="1"/>
  <c r="L2258" i="2"/>
  <c r="L2232" i="5" s="1"/>
  <c r="M4105" i="2"/>
  <c r="M4079" i="5" s="1"/>
  <c r="P4079" i="5" s="1"/>
  <c r="M2751" i="2"/>
  <c r="M2725" i="5" s="1"/>
  <c r="P2725" i="5" s="1"/>
  <c r="L2751" i="2"/>
  <c r="L2725" i="5" s="1"/>
  <c r="J6602" i="2"/>
  <c r="J6576" i="5" s="1"/>
  <c r="N6576" i="5" s="1"/>
  <c r="L227" i="2"/>
  <c r="L201" i="5" s="1"/>
  <c r="M227" i="2"/>
  <c r="M201" i="5" s="1"/>
  <c r="P201" i="5" s="1"/>
  <c r="I227" i="2"/>
  <c r="I201" i="5" s="1"/>
  <c r="J227" i="2"/>
  <c r="J201" i="5" s="1"/>
  <c r="N201" i="5" s="1"/>
  <c r="K227" i="2"/>
  <c r="K201" i="5" s="1"/>
  <c r="K6796" i="2"/>
  <c r="K6770" i="5" s="1"/>
  <c r="M6796" i="2"/>
  <c r="M6770" i="5" s="1"/>
  <c r="P6770" i="5" s="1"/>
  <c r="J6796" i="2"/>
  <c r="J6770" i="5" s="1"/>
  <c r="N6770" i="5" s="1"/>
  <c r="I6796" i="2"/>
  <c r="I6770" i="5" s="1"/>
  <c r="L6796" i="2"/>
  <c r="L6770" i="5" s="1"/>
  <c r="I2117" i="2"/>
  <c r="I2091" i="5" s="1"/>
  <c r="K2117" i="2"/>
  <c r="K2091" i="5" s="1"/>
  <c r="M2117" i="2"/>
  <c r="M2091" i="5" s="1"/>
  <c r="P2091" i="5" s="1"/>
  <c r="L2117" i="2"/>
  <c r="L2091" i="5" s="1"/>
  <c r="J2117" i="2"/>
  <c r="J2091" i="5" s="1"/>
  <c r="N2091" i="5" s="1"/>
  <c r="I1160" i="2"/>
  <c r="I1134" i="5" s="1"/>
  <c r="L1160" i="2"/>
  <c r="L1134" i="5" s="1"/>
  <c r="M1160" i="2"/>
  <c r="M1134" i="5" s="1"/>
  <c r="P1134" i="5" s="1"/>
  <c r="J1160" i="2"/>
  <c r="J1134" i="5" s="1"/>
  <c r="N1134" i="5" s="1"/>
  <c r="K1160" i="2"/>
  <c r="K1134" i="5" s="1"/>
  <c r="I4938" i="2"/>
  <c r="I4912" i="5" s="1"/>
  <c r="J4938" i="2"/>
  <c r="J4912" i="5" s="1"/>
  <c r="N4912" i="5" s="1"/>
  <c r="L734" i="2"/>
  <c r="L708" i="5" s="1"/>
  <c r="M734" i="2"/>
  <c r="M708" i="5" s="1"/>
  <c r="P708" i="5" s="1"/>
  <c r="J734" i="2"/>
  <c r="J708" i="5" s="1"/>
  <c r="I734" i="2"/>
  <c r="I708" i="5" s="1"/>
  <c r="K734" i="2"/>
  <c r="K708" i="5" s="1"/>
  <c r="I3632" i="2"/>
  <c r="I3606" i="5" s="1"/>
  <c r="J3632" i="2"/>
  <c r="J3606" i="5" s="1"/>
  <c r="N3606" i="5" s="1"/>
  <c r="L591" i="2"/>
  <c r="L565" i="5" s="1"/>
  <c r="I591" i="2"/>
  <c r="I565" i="5" s="1"/>
  <c r="J591" i="2"/>
  <c r="J565" i="5" s="1"/>
  <c r="N565" i="5" s="1"/>
  <c r="K591" i="2"/>
  <c r="K565" i="5" s="1"/>
  <c r="M591" i="2"/>
  <c r="M565" i="5" s="1"/>
  <c r="P565" i="5" s="1"/>
  <c r="K608" i="2"/>
  <c r="K582" i="5" s="1"/>
  <c r="M608" i="2"/>
  <c r="M582" i="5" s="1"/>
  <c r="P582" i="5" s="1"/>
  <c r="J608" i="2"/>
  <c r="J582" i="5" s="1"/>
  <c r="N582" i="5" s="1"/>
  <c r="L608" i="2"/>
  <c r="L582" i="5" s="1"/>
  <c r="I608" i="2"/>
  <c r="I582" i="5" s="1"/>
  <c r="I7706" i="2"/>
  <c r="I7680" i="5" s="1"/>
  <c r="K7706" i="2"/>
  <c r="K7680" i="5" s="1"/>
  <c r="J7706" i="2"/>
  <c r="J7680" i="5" s="1"/>
  <c r="L7706" i="2"/>
  <c r="L7680" i="5" s="1"/>
  <c r="M7706" i="2"/>
  <c r="M7680" i="5" s="1"/>
  <c r="P7680" i="5" s="1"/>
  <c r="K7357" i="2"/>
  <c r="K7331" i="5" s="1"/>
  <c r="L7357" i="2"/>
  <c r="L7331" i="5" s="1"/>
  <c r="J7357" i="2"/>
  <c r="J7331" i="5" s="1"/>
  <c r="N7331" i="5" s="1"/>
  <c r="M7357" i="2"/>
  <c r="M7331" i="5" s="1"/>
  <c r="P7331" i="5" s="1"/>
  <c r="I7357" i="2"/>
  <c r="I7331" i="5" s="1"/>
  <c r="J1819" i="2"/>
  <c r="J1793" i="5" s="1"/>
  <c r="N1793" i="5" s="1"/>
  <c r="L1819" i="2"/>
  <c r="L1793" i="5" s="1"/>
  <c r="K1819" i="2"/>
  <c r="K1793" i="5" s="1"/>
  <c r="K3802" i="2"/>
  <c r="K3776" i="5" s="1"/>
  <c r="M3802" i="2"/>
  <c r="M3776" i="5" s="1"/>
  <c r="P3776" i="5" s="1"/>
  <c r="I3802" i="2"/>
  <c r="I3776" i="5" s="1"/>
  <c r="J3802" i="2"/>
  <c r="J3776" i="5" s="1"/>
  <c r="N3776" i="5" s="1"/>
  <c r="L3802" i="2"/>
  <c r="L3776" i="5" s="1"/>
  <c r="K2595" i="2"/>
  <c r="K2569" i="5" s="1"/>
  <c r="L2595" i="2"/>
  <c r="L2569" i="5" s="1"/>
  <c r="K3644" i="2"/>
  <c r="K3618" i="5" s="1"/>
  <c r="O3618" i="5" s="1"/>
  <c r="I3644" i="2"/>
  <c r="I3618" i="5" s="1"/>
  <c r="J3644" i="2"/>
  <c r="J3618" i="5" s="1"/>
  <c r="N3618" i="5" s="1"/>
  <c r="I58" i="2"/>
  <c r="I32" i="5" s="1"/>
  <c r="L1565" i="2"/>
  <c r="L1539" i="5" s="1"/>
  <c r="K1565" i="2"/>
  <c r="K1539" i="5" s="1"/>
  <c r="J1565" i="2"/>
  <c r="J1539" i="5" s="1"/>
  <c r="N1539" i="5" s="1"/>
  <c r="K1251" i="2"/>
  <c r="K1225" i="5" s="1"/>
  <c r="M1251" i="2"/>
  <c r="M1225" i="5" s="1"/>
  <c r="P1225" i="5" s="1"/>
  <c r="I1251" i="2"/>
  <c r="I1225" i="5" s="1"/>
  <c r="L1251" i="2"/>
  <c r="L1225" i="5" s="1"/>
  <c r="I3227" i="2"/>
  <c r="I3201" i="5" s="1"/>
  <c r="L3227" i="2"/>
  <c r="L3201" i="5" s="1"/>
  <c r="J3227" i="2"/>
  <c r="J3201" i="5" s="1"/>
  <c r="N3201" i="5" s="1"/>
  <c r="I8449" i="2"/>
  <c r="I8423" i="5" s="1"/>
  <c r="K5242" i="2"/>
  <c r="K5216" i="5" s="1"/>
  <c r="L5242" i="2"/>
  <c r="L5216" i="5" s="1"/>
  <c r="J5242" i="2"/>
  <c r="J5216" i="5" s="1"/>
  <c r="N5216" i="5" s="1"/>
  <c r="I5242" i="2"/>
  <c r="I5216" i="5" s="1"/>
  <c r="M5242" i="2"/>
  <c r="M5216" i="5" s="1"/>
  <c r="P5216" i="5" s="1"/>
  <c r="J2643" i="2"/>
  <c r="J2617" i="5" s="1"/>
  <c r="N2617" i="5" s="1"/>
  <c r="M2643" i="2"/>
  <c r="M2617" i="5" s="1"/>
  <c r="P2617" i="5" s="1"/>
  <c r="L2643" i="2"/>
  <c r="L2617" i="5" s="1"/>
  <c r="I2643" i="2"/>
  <c r="I2617" i="5" s="1"/>
  <c r="K2643" i="2"/>
  <c r="K2617" i="5" s="1"/>
  <c r="M2618" i="2"/>
  <c r="M2592" i="5" s="1"/>
  <c r="P2592" i="5" s="1"/>
  <c r="K2618" i="2"/>
  <c r="K2592" i="5" s="1"/>
  <c r="J2618" i="2"/>
  <c r="J2592" i="5" s="1"/>
  <c r="N2592" i="5" s="1"/>
  <c r="L2618" i="2"/>
  <c r="L2592" i="5" s="1"/>
  <c r="I2618" i="2"/>
  <c r="I2592" i="5" s="1"/>
  <c r="L5360" i="2"/>
  <c r="L5334" i="5" s="1"/>
  <c r="K5360" i="2"/>
  <c r="K5334" i="5" s="1"/>
  <c r="M5360" i="2"/>
  <c r="M5334" i="5" s="1"/>
  <c r="P5334" i="5" s="1"/>
  <c r="J5360" i="2"/>
  <c r="J5334" i="5" s="1"/>
  <c r="N5334" i="5" s="1"/>
  <c r="I5360" i="2"/>
  <c r="I5334" i="5" s="1"/>
  <c r="I1781" i="2"/>
  <c r="I1755" i="5" s="1"/>
  <c r="L1781" i="2"/>
  <c r="L1755" i="5" s="1"/>
  <c r="K1781" i="2"/>
  <c r="K1755" i="5" s="1"/>
  <c r="I4067" i="2"/>
  <c r="I4041" i="5" s="1"/>
  <c r="J4067" i="2"/>
  <c r="J4041" i="5" s="1"/>
  <c r="N4041" i="5" s="1"/>
  <c r="L6529" i="2"/>
  <c r="L6503" i="5" s="1"/>
  <c r="J5669" i="2"/>
  <c r="J5643" i="5" s="1"/>
  <c r="N5643" i="5" s="1"/>
  <c r="I5669" i="2"/>
  <c r="I5643" i="5" s="1"/>
  <c r="K5669" i="2"/>
  <c r="K5643" i="5" s="1"/>
  <c r="M5669" i="2"/>
  <c r="M5643" i="5" s="1"/>
  <c r="P5643" i="5" s="1"/>
  <c r="L5669" i="2"/>
  <c r="L5643" i="5" s="1"/>
  <c r="I6148" i="2"/>
  <c r="I6122" i="5" s="1"/>
  <c r="M6148" i="2"/>
  <c r="M6122" i="5" s="1"/>
  <c r="P6122" i="5" s="1"/>
  <c r="K6148" i="2"/>
  <c r="K6122" i="5" s="1"/>
  <c r="I735" i="2"/>
  <c r="I709" i="5" s="1"/>
  <c r="K735" i="2"/>
  <c r="K709" i="5" s="1"/>
  <c r="L735" i="2"/>
  <c r="L709" i="5" s="1"/>
  <c r="J735" i="2"/>
  <c r="J709" i="5" s="1"/>
  <c r="N709" i="5" s="1"/>
  <c r="M735" i="2"/>
  <c r="M709" i="5" s="1"/>
  <c r="P709" i="5" s="1"/>
  <c r="J6606" i="2"/>
  <c r="J6580" i="5" s="1"/>
  <c r="N6580" i="5" s="1"/>
  <c r="M7491" i="2"/>
  <c r="M7465" i="5" s="1"/>
  <c r="P7465" i="5" s="1"/>
  <c r="L7491" i="2"/>
  <c r="L7465" i="5" s="1"/>
  <c r="K7491" i="2"/>
  <c r="K7465" i="5" s="1"/>
  <c r="I7491" i="2"/>
  <c r="I7465" i="5" s="1"/>
  <c r="J7491" i="2"/>
  <c r="J7465" i="5" s="1"/>
  <c r="K4962" i="2"/>
  <c r="K4936" i="5" s="1"/>
  <c r="L4962" i="2"/>
  <c r="L4936" i="5" s="1"/>
  <c r="I4962" i="2"/>
  <c r="I4936" i="5" s="1"/>
  <c r="M6477" i="2"/>
  <c r="M6451" i="5" s="1"/>
  <c r="P6451" i="5" s="1"/>
  <c r="K6477" i="2"/>
  <c r="K6451" i="5" s="1"/>
  <c r="J6477" i="2"/>
  <c r="J6451" i="5" s="1"/>
  <c r="I6477" i="2"/>
  <c r="I6451" i="5" s="1"/>
  <c r="L6477" i="2"/>
  <c r="L6451" i="5" s="1"/>
  <c r="J6798" i="2"/>
  <c r="J6772" i="5" s="1"/>
  <c r="N6772" i="5" s="1"/>
  <c r="L6798" i="2"/>
  <c r="L6772" i="5" s="1"/>
  <c r="I6798" i="2"/>
  <c r="I6772" i="5" s="1"/>
  <c r="M6798" i="2"/>
  <c r="M6772" i="5" s="1"/>
  <c r="P6772" i="5" s="1"/>
  <c r="K6798" i="2"/>
  <c r="K6772" i="5" s="1"/>
  <c r="I7269" i="2"/>
  <c r="I7243" i="5" s="1"/>
  <c r="K7269" i="2"/>
  <c r="K7243" i="5" s="1"/>
  <c r="J4348" i="2"/>
  <c r="J4322" i="5" s="1"/>
  <c r="N4322" i="5" s="1"/>
  <c r="K4348" i="2"/>
  <c r="K4322" i="5" s="1"/>
  <c r="O4322" i="5" s="1"/>
  <c r="M4348" i="2"/>
  <c r="M4322" i="5" s="1"/>
  <c r="P4322" i="5" s="1"/>
  <c r="K7940" i="2"/>
  <c r="K7914" i="5" s="1"/>
  <c r="M7940" i="2"/>
  <c r="M7914" i="5" s="1"/>
  <c r="P7914" i="5" s="1"/>
  <c r="I7940" i="2"/>
  <c r="I7914" i="5" s="1"/>
  <c r="K7635" i="2"/>
  <c r="K7609" i="5" s="1"/>
  <c r="L566" i="2"/>
  <c r="L540" i="5" s="1"/>
  <c r="J5469" i="2"/>
  <c r="J5443" i="5" s="1"/>
  <c r="N5443" i="5" s="1"/>
  <c r="M2470" i="2"/>
  <c r="M2444" i="5" s="1"/>
  <c r="P2444" i="5" s="1"/>
  <c r="J7530" i="2"/>
  <c r="J7504" i="5" s="1"/>
  <c r="J1447" i="2"/>
  <c r="J1421" i="5" s="1"/>
  <c r="N1421" i="5" s="1"/>
  <c r="I1568" i="2"/>
  <c r="I1542" i="5" s="1"/>
  <c r="K1568" i="2"/>
  <c r="K1542" i="5" s="1"/>
  <c r="L1568" i="2"/>
  <c r="L1542" i="5" s="1"/>
  <c r="J7662" i="2"/>
  <c r="J7636" i="5" s="1"/>
  <c r="N7636" i="5" s="1"/>
  <c r="L7662" i="2"/>
  <c r="L7636" i="5" s="1"/>
  <c r="I7662" i="2"/>
  <c r="I7636" i="5" s="1"/>
  <c r="M7662" i="2"/>
  <c r="M7636" i="5" s="1"/>
  <c r="P7636" i="5" s="1"/>
  <c r="M7173" i="2"/>
  <c r="M7147" i="5" s="1"/>
  <c r="P7147" i="5" s="1"/>
  <c r="M260" i="2"/>
  <c r="M234" i="5" s="1"/>
  <c r="P234" i="5" s="1"/>
  <c r="L260" i="2"/>
  <c r="L234" i="5" s="1"/>
  <c r="L637" i="2"/>
  <c r="L611" i="5" s="1"/>
  <c r="M637" i="2"/>
  <c r="M611" i="5" s="1"/>
  <c r="P611" i="5" s="1"/>
  <c r="J637" i="2"/>
  <c r="J611" i="5" s="1"/>
  <c r="N611" i="5" s="1"/>
  <c r="K7772" i="2"/>
  <c r="K7746" i="5" s="1"/>
  <c r="M93" i="2"/>
  <c r="M67" i="5" s="1"/>
  <c r="P67" i="5" s="1"/>
  <c r="L8351" i="2"/>
  <c r="L8325" i="5" s="1"/>
  <c r="I8351" i="2"/>
  <c r="I8325" i="5" s="1"/>
  <c r="K8351" i="2"/>
  <c r="K8325" i="5" s="1"/>
  <c r="M2256" i="2"/>
  <c r="M2230" i="5" s="1"/>
  <c r="P2230" i="5" s="1"/>
  <c r="L2256" i="2"/>
  <c r="L2230" i="5" s="1"/>
  <c r="J2256" i="2"/>
  <c r="J2230" i="5" s="1"/>
  <c r="N2230" i="5" s="1"/>
  <c r="K2256" i="2"/>
  <c r="K2230" i="5" s="1"/>
  <c r="J6508" i="2"/>
  <c r="J6482" i="5" s="1"/>
  <c r="N6482" i="5" s="1"/>
  <c r="M6508" i="2"/>
  <c r="M6482" i="5" s="1"/>
  <c r="P6482" i="5" s="1"/>
  <c r="L6508" i="2"/>
  <c r="L6482" i="5" s="1"/>
  <c r="K6508" i="2"/>
  <c r="K6482" i="5" s="1"/>
  <c r="I7320" i="2"/>
  <c r="I7294" i="5" s="1"/>
  <c r="L7320" i="2"/>
  <c r="L7294" i="5" s="1"/>
  <c r="K7320" i="2"/>
  <c r="K7294" i="5" s="1"/>
  <c r="I1751" i="2"/>
  <c r="I1725" i="5" s="1"/>
  <c r="K1751" i="2"/>
  <c r="K1725" i="5" s="1"/>
  <c r="L2470" i="2"/>
  <c r="L2444" i="5" s="1"/>
  <c r="L7530" i="2"/>
  <c r="L7504" i="5" s="1"/>
  <c r="I4917" i="2"/>
  <c r="I4891" i="5" s="1"/>
  <c r="J4917" i="2"/>
  <c r="J4891" i="5" s="1"/>
  <c r="M4917" i="2"/>
  <c r="M4891" i="5" s="1"/>
  <c r="P4891" i="5" s="1"/>
  <c r="L4917" i="2"/>
  <c r="L4891" i="5" s="1"/>
  <c r="K5470" i="2"/>
  <c r="K5444" i="5" s="1"/>
  <c r="M5470" i="2"/>
  <c r="M5444" i="5" s="1"/>
  <c r="P5444" i="5" s="1"/>
  <c r="L5470" i="2"/>
  <c r="L5444" i="5" s="1"/>
  <c r="K3904" i="2"/>
  <c r="K3878" i="5" s="1"/>
  <c r="J3904" i="2"/>
  <c r="J3878" i="5" s="1"/>
  <c r="N3878" i="5" s="1"/>
  <c r="L3904" i="2"/>
  <c r="L3878" i="5" s="1"/>
  <c r="M3904" i="2"/>
  <c r="M3878" i="5" s="1"/>
  <c r="P3878" i="5" s="1"/>
  <c r="I3904" i="2"/>
  <c r="I3878" i="5" s="1"/>
  <c r="L207" i="2"/>
  <c r="L181" i="5" s="1"/>
  <c r="K207" i="2"/>
  <c r="K181" i="5" s="1"/>
  <c r="I207" i="2"/>
  <c r="I181" i="5" s="1"/>
  <c r="J6454" i="2"/>
  <c r="J6428" i="5" s="1"/>
  <c r="N6428" i="5" s="1"/>
  <c r="M6454" i="2"/>
  <c r="M6428" i="5" s="1"/>
  <c r="P6428" i="5" s="1"/>
  <c r="I6454" i="2"/>
  <c r="I6428" i="5" s="1"/>
  <c r="K6454" i="2"/>
  <c r="K6428" i="5" s="1"/>
  <c r="L2486" i="2"/>
  <c r="L2460" i="5" s="1"/>
  <c r="M2486" i="2"/>
  <c r="M2460" i="5" s="1"/>
  <c r="P2460" i="5" s="1"/>
  <c r="I2486" i="2"/>
  <c r="I2460" i="5" s="1"/>
  <c r="M3748" i="2"/>
  <c r="M3722" i="5" s="1"/>
  <c r="P3722" i="5" s="1"/>
  <c r="J3748" i="2"/>
  <c r="J3722" i="5" s="1"/>
  <c r="N3722" i="5" s="1"/>
  <c r="L3748" i="2"/>
  <c r="L3722" i="5" s="1"/>
  <c r="I3748" i="2"/>
  <c r="I3722" i="5" s="1"/>
  <c r="J484" i="2"/>
  <c r="J458" i="5" s="1"/>
  <c r="N458" i="5" s="1"/>
  <c r="M484" i="2"/>
  <c r="M458" i="5" s="1"/>
  <c r="P458" i="5" s="1"/>
  <c r="M2094" i="2"/>
  <c r="M2068" i="5" s="1"/>
  <c r="P2068" i="5" s="1"/>
  <c r="I2094" i="2"/>
  <c r="I2068" i="5" s="1"/>
  <c r="L2094" i="2"/>
  <c r="L2068" i="5" s="1"/>
  <c r="K2094" i="2"/>
  <c r="K2068" i="5" s="1"/>
  <c r="J2094" i="2"/>
  <c r="J2068" i="5" s="1"/>
  <c r="N2068" i="5" s="1"/>
  <c r="M220" i="2"/>
  <c r="M194" i="5" s="1"/>
  <c r="P194" i="5" s="1"/>
  <c r="I7114" i="2"/>
  <c r="I7088" i="5" s="1"/>
  <c r="L4164" i="2"/>
  <c r="L4138" i="5" s="1"/>
  <c r="L7598" i="2"/>
  <c r="L7572" i="5" s="1"/>
  <c r="K4067" i="2"/>
  <c r="K4041" i="5" s="1"/>
  <c r="M4430" i="2"/>
  <c r="M4404" i="5" s="1"/>
  <c r="P4404" i="5" s="1"/>
  <c r="AR142" i="1"/>
  <c r="I454" i="2"/>
  <c r="I428" i="5" s="1"/>
  <c r="K7949" i="2"/>
  <c r="K7923" i="5" s="1"/>
  <c r="M1751" i="2"/>
  <c r="M1725" i="5" s="1"/>
  <c r="P1725" i="5" s="1"/>
  <c r="M4513" i="2"/>
  <c r="M4487" i="5" s="1"/>
  <c r="P4487" i="5" s="1"/>
  <c r="L5510" i="2"/>
  <c r="L5484" i="5" s="1"/>
  <c r="J488" i="2"/>
  <c r="J462" i="5" s="1"/>
  <c r="L3117" i="2"/>
  <c r="L3091" i="5" s="1"/>
  <c r="K2772" i="2"/>
  <c r="K2746" i="5" s="1"/>
  <c r="J7772" i="2"/>
  <c r="J7746" i="5" s="1"/>
  <c r="N7746" i="5" s="1"/>
  <c r="I4125" i="2"/>
  <c r="I4099" i="5" s="1"/>
  <c r="K3263" i="2"/>
  <c r="K3237" i="5" s="1"/>
  <c r="L220" i="2"/>
  <c r="L194" i="5" s="1"/>
  <c r="I4266" i="2"/>
  <c r="I4240" i="5" s="1"/>
  <c r="M7114" i="2"/>
  <c r="M7088" i="5" s="1"/>
  <c r="P7088" i="5" s="1"/>
  <c r="I7635" i="2"/>
  <c r="I7609" i="5" s="1"/>
  <c r="K5344" i="2"/>
  <c r="K5318" i="5" s="1"/>
  <c r="K791" i="2"/>
  <c r="K765" i="5" s="1"/>
  <c r="J7176" i="2"/>
  <c r="J7150" i="5" s="1"/>
  <c r="N7150" i="5" s="1"/>
  <c r="I2063" i="2"/>
  <c r="I2037" i="5" s="1"/>
  <c r="J5484" i="2"/>
  <c r="J5458" i="5" s="1"/>
  <c r="N5458" i="5" s="1"/>
  <c r="L655" i="2"/>
  <c r="L629" i="5" s="1"/>
  <c r="J2722" i="2"/>
  <c r="J2696" i="5" s="1"/>
  <c r="N2696" i="5" s="1"/>
  <c r="J566" i="2"/>
  <c r="J540" i="5" s="1"/>
  <c r="N540" i="5" s="1"/>
  <c r="I4124" i="2"/>
  <c r="I4098" i="5" s="1"/>
  <c r="I5469" i="2"/>
  <c r="I5443" i="5" s="1"/>
  <c r="K6463" i="2"/>
  <c r="K6437" i="5" s="1"/>
  <c r="M4458" i="2"/>
  <c r="M4432" i="5" s="1"/>
  <c r="P4432" i="5" s="1"/>
  <c r="L4067" i="2"/>
  <c r="L4041" i="5" s="1"/>
  <c r="K1447" i="2"/>
  <c r="K1421" i="5" s="1"/>
  <c r="L610" i="2"/>
  <c r="L584" i="5" s="1"/>
  <c r="M2580" i="2"/>
  <c r="M2554" i="5" s="1"/>
  <c r="P2554" i="5" s="1"/>
  <c r="J2613" i="2"/>
  <c r="J2587" i="5" s="1"/>
  <c r="N2587" i="5" s="1"/>
  <c r="L3411" i="2"/>
  <c r="L3385" i="5" s="1"/>
  <c r="M3411" i="2"/>
  <c r="M3385" i="5" s="1"/>
  <c r="P3385" i="5" s="1"/>
  <c r="L6845" i="2"/>
  <c r="L6819" i="5" s="1"/>
  <c r="I6845" i="2"/>
  <c r="I6819" i="5" s="1"/>
  <c r="K6845" i="2"/>
  <c r="K6819" i="5" s="1"/>
  <c r="J6845" i="2"/>
  <c r="J6819" i="5" s="1"/>
  <c r="N6819" i="5" s="1"/>
  <c r="M6845" i="2"/>
  <c r="M6819" i="5" s="1"/>
  <c r="P6819" i="5" s="1"/>
  <c r="M5613" i="2"/>
  <c r="M5587" i="5" s="1"/>
  <c r="P5587" i="5" s="1"/>
  <c r="L5613" i="2"/>
  <c r="L5587" i="5" s="1"/>
  <c r="I5613" i="2"/>
  <c r="I5587" i="5" s="1"/>
  <c r="M1829" i="2"/>
  <c r="M1803" i="5" s="1"/>
  <c r="P1803" i="5" s="1"/>
  <c r="L2482" i="2"/>
  <c r="L2456" i="5" s="1"/>
  <c r="I2482" i="2"/>
  <c r="I2456" i="5" s="1"/>
  <c r="J2482" i="2"/>
  <c r="J2456" i="5" s="1"/>
  <c r="N2456" i="5" s="1"/>
  <c r="I8615" i="2"/>
  <c r="I8589" i="5" s="1"/>
  <c r="K8615" i="2"/>
  <c r="K8589" i="5" s="1"/>
  <c r="M286" i="2"/>
  <c r="M260" i="5" s="1"/>
  <c r="P260" i="5" s="1"/>
  <c r="L286" i="2"/>
  <c r="L260" i="5" s="1"/>
  <c r="I5747" i="2"/>
  <c r="I5721" i="5" s="1"/>
  <c r="J5747" i="2"/>
  <c r="J5721" i="5" s="1"/>
  <c r="N5721" i="5" s="1"/>
  <c r="M5747" i="2"/>
  <c r="M5721" i="5" s="1"/>
  <c r="P5721" i="5" s="1"/>
  <c r="K5747" i="2"/>
  <c r="K5721" i="5" s="1"/>
  <c r="L5747" i="2"/>
  <c r="L5721" i="5" s="1"/>
  <c r="M3634" i="2"/>
  <c r="M3608" i="5" s="1"/>
  <c r="P3608" i="5" s="1"/>
  <c r="M7354" i="2"/>
  <c r="M7328" i="5" s="1"/>
  <c r="P7328" i="5" s="1"/>
  <c r="M7598" i="2"/>
  <c r="M7572" i="5" s="1"/>
  <c r="P7572" i="5" s="1"/>
  <c r="J1568" i="2"/>
  <c r="J1542" i="5" s="1"/>
  <c r="N1542" i="5" s="1"/>
  <c r="K7710" i="2"/>
  <c r="K7684" i="5" s="1"/>
  <c r="L269" i="2"/>
  <c r="L243" i="5" s="1"/>
  <c r="M269" i="2"/>
  <c r="M243" i="5" s="1"/>
  <c r="P243" i="5" s="1"/>
  <c r="K269" i="2"/>
  <c r="K243" i="5" s="1"/>
  <c r="I269" i="2"/>
  <c r="I243" i="5" s="1"/>
  <c r="J269" i="2"/>
  <c r="J243" i="5" s="1"/>
  <c r="N243" i="5" s="1"/>
  <c r="J3409" i="2"/>
  <c r="J3383" i="5" s="1"/>
  <c r="L3409" i="2"/>
  <c r="L3383" i="5" s="1"/>
  <c r="M3409" i="2"/>
  <c r="M3383" i="5" s="1"/>
  <c r="P3383" i="5" s="1"/>
  <c r="I3409" i="2"/>
  <c r="I3383" i="5" s="1"/>
  <c r="K3409" i="2"/>
  <c r="K3383" i="5" s="1"/>
  <c r="M4908" i="2"/>
  <c r="M4882" i="5" s="1"/>
  <c r="P4882" i="5" s="1"/>
  <c r="J4908" i="2"/>
  <c r="J4882" i="5" s="1"/>
  <c r="N4882" i="5" s="1"/>
  <c r="L4908" i="2"/>
  <c r="L4882" i="5" s="1"/>
  <c r="I4908" i="2"/>
  <c r="I4882" i="5" s="1"/>
  <c r="K4908" i="2"/>
  <c r="K4882" i="5" s="1"/>
  <c r="J8139" i="2"/>
  <c r="J8113" i="5" s="1"/>
  <c r="N8113" i="5" s="1"/>
  <c r="M8139" i="2"/>
  <c r="M8113" i="5" s="1"/>
  <c r="P8113" i="5" s="1"/>
  <c r="K8139" i="2"/>
  <c r="K8113" i="5" s="1"/>
  <c r="I8139" i="2"/>
  <c r="I8113" i="5" s="1"/>
  <c r="L8139" i="2"/>
  <c r="L8113" i="5" s="1"/>
  <c r="K243" i="2"/>
  <c r="K217" i="5" s="1"/>
  <c r="L243" i="2"/>
  <c r="L217" i="5" s="1"/>
  <c r="M243" i="2"/>
  <c r="M217" i="5" s="1"/>
  <c r="P217" i="5" s="1"/>
  <c r="J243" i="2"/>
  <c r="J217" i="5" s="1"/>
  <c r="N217" i="5" s="1"/>
  <c r="I243" i="2"/>
  <c r="I217" i="5" s="1"/>
  <c r="L2772" i="2"/>
  <c r="L2746" i="5" s="1"/>
  <c r="K2063" i="2"/>
  <c r="K2037" i="5" s="1"/>
  <c r="O2037" i="5" s="1"/>
  <c r="J454" i="2"/>
  <c r="J428" i="5" s="1"/>
  <c r="N428" i="5" s="1"/>
  <c r="I6463" i="2"/>
  <c r="I6437" i="5" s="1"/>
  <c r="J2580" i="2"/>
  <c r="J2554" i="5" s="1"/>
  <c r="N2554" i="5" s="1"/>
  <c r="M2333" i="2"/>
  <c r="M2307" i="5" s="1"/>
  <c r="P2307" i="5" s="1"/>
  <c r="I8459" i="2"/>
  <c r="I8433" i="5" s="1"/>
  <c r="K8459" i="2"/>
  <c r="K8433" i="5" s="1"/>
  <c r="L8459" i="2"/>
  <c r="L8433" i="5" s="1"/>
  <c r="J8459" i="2"/>
  <c r="J8433" i="5" s="1"/>
  <c r="N8433" i="5" s="1"/>
  <c r="M8459" i="2"/>
  <c r="M8433" i="5" s="1"/>
  <c r="P8433" i="5" s="1"/>
  <c r="M8027" i="2"/>
  <c r="M8001" i="5" s="1"/>
  <c r="P8001" i="5" s="1"/>
  <c r="L8027" i="2"/>
  <c r="L8001" i="5" s="1"/>
  <c r="L4631" i="2"/>
  <c r="L4605" i="5" s="1"/>
  <c r="I4631" i="2"/>
  <c r="I4605" i="5" s="1"/>
  <c r="M4631" i="2"/>
  <c r="M4605" i="5" s="1"/>
  <c r="P4605" i="5" s="1"/>
  <c r="I5327" i="2"/>
  <c r="I5301" i="5" s="1"/>
  <c r="K5327" i="2"/>
  <c r="K5301" i="5" s="1"/>
  <c r="J5327" i="2"/>
  <c r="J5301" i="5" s="1"/>
  <c r="N5301" i="5" s="1"/>
  <c r="M5327" i="2"/>
  <c r="M5301" i="5" s="1"/>
  <c r="P5301" i="5" s="1"/>
  <c r="M5863" i="2"/>
  <c r="M5837" i="5" s="1"/>
  <c r="P5837" i="5" s="1"/>
  <c r="I5863" i="2"/>
  <c r="I5837" i="5" s="1"/>
  <c r="L5863" i="2"/>
  <c r="L5837" i="5" s="1"/>
  <c r="M4975" i="2"/>
  <c r="M4949" i="5" s="1"/>
  <c r="P4949" i="5" s="1"/>
  <c r="K5315" i="2"/>
  <c r="K5289" i="5" s="1"/>
  <c r="L5507" i="2"/>
  <c r="L5481" i="5" s="1"/>
  <c r="K5507" i="2"/>
  <c r="K5481" i="5" s="1"/>
  <c r="M5507" i="2"/>
  <c r="M5481" i="5" s="1"/>
  <c r="P5481" i="5" s="1"/>
  <c r="J5507" i="2"/>
  <c r="J5481" i="5" s="1"/>
  <c r="N5481" i="5" s="1"/>
  <c r="I5507" i="2"/>
  <c r="I5481" i="5" s="1"/>
  <c r="I395" i="2"/>
  <c r="I369" i="5" s="1"/>
  <c r="M395" i="2"/>
  <c r="M369" i="5" s="1"/>
  <c r="P369" i="5" s="1"/>
  <c r="L395" i="2"/>
  <c r="L369" i="5" s="1"/>
  <c r="K395" i="2"/>
  <c r="K369" i="5" s="1"/>
  <c r="M5420" i="2"/>
  <c r="M5394" i="5" s="1"/>
  <c r="P5394" i="5" s="1"/>
  <c r="K5420" i="2"/>
  <c r="K5394" i="5" s="1"/>
  <c r="I5420" i="2"/>
  <c r="I5394" i="5" s="1"/>
  <c r="M6499" i="2"/>
  <c r="M6473" i="5" s="1"/>
  <c r="P6473" i="5" s="1"/>
  <c r="J6499" i="2"/>
  <c r="J6473" i="5" s="1"/>
  <c r="N6473" i="5" s="1"/>
  <c r="I6499" i="2"/>
  <c r="I6473" i="5" s="1"/>
  <c r="L6499" i="2"/>
  <c r="L6473" i="5" s="1"/>
  <c r="K6499" i="2"/>
  <c r="K6473" i="5" s="1"/>
  <c r="L3966" i="2"/>
  <c r="L3940" i="5" s="1"/>
  <c r="M3966" i="2"/>
  <c r="M3940" i="5" s="1"/>
  <c r="P3940" i="5" s="1"/>
  <c r="I3966" i="2"/>
  <c r="I3940" i="5" s="1"/>
  <c r="K3966" i="2"/>
  <c r="K3940" i="5" s="1"/>
  <c r="J3966" i="2"/>
  <c r="J3940" i="5" s="1"/>
  <c r="N3940" i="5" s="1"/>
  <c r="L3622" i="2"/>
  <c r="L3596" i="5" s="1"/>
  <c r="J3622" i="2"/>
  <c r="J3596" i="5" s="1"/>
  <c r="N3596" i="5" s="1"/>
  <c r="M3622" i="2"/>
  <c r="M3596" i="5" s="1"/>
  <c r="P3596" i="5" s="1"/>
  <c r="I3622" i="2"/>
  <c r="I3596" i="5" s="1"/>
  <c r="M7532" i="2"/>
  <c r="M7506" i="5" s="1"/>
  <c r="P7506" i="5" s="1"/>
  <c r="J7532" i="2"/>
  <c r="J7506" i="5" s="1"/>
  <c r="N7506" i="5" s="1"/>
  <c r="K7532" i="2"/>
  <c r="K7506" i="5" s="1"/>
  <c r="I1829" i="2"/>
  <c r="I1803" i="5" s="1"/>
  <c r="M4992" i="2"/>
  <c r="M4966" i="5" s="1"/>
  <c r="P4966" i="5" s="1"/>
  <c r="L1380" i="2"/>
  <c r="L1354" i="5" s="1"/>
  <c r="I1380" i="2"/>
  <c r="I1354" i="5" s="1"/>
  <c r="K1380" i="2"/>
  <c r="K1354" i="5" s="1"/>
  <c r="K4351" i="2"/>
  <c r="K4325" i="5" s="1"/>
  <c r="O4325" i="5" s="1"/>
  <c r="M4351" i="2"/>
  <c r="M4325" i="5" s="1"/>
  <c r="P4325" i="5" s="1"/>
  <c r="J4351" i="2"/>
  <c r="J4325" i="5" s="1"/>
  <c r="N4325" i="5" s="1"/>
  <c r="I2451" i="2"/>
  <c r="I2425" i="5" s="1"/>
  <c r="J2451" i="2"/>
  <c r="J2425" i="5" s="1"/>
  <c r="N2425" i="5" s="1"/>
  <c r="L2451" i="2"/>
  <c r="L2425" i="5" s="1"/>
  <c r="K2451" i="2"/>
  <c r="K2425" i="5" s="1"/>
  <c r="M2451" i="2"/>
  <c r="M2425" i="5" s="1"/>
  <c r="P2425" i="5" s="1"/>
  <c r="M802" i="2"/>
  <c r="M776" i="5" s="1"/>
  <c r="P776" i="5" s="1"/>
  <c r="J802" i="2"/>
  <c r="J776" i="5" s="1"/>
  <c r="N776" i="5" s="1"/>
  <c r="K802" i="2"/>
  <c r="K776" i="5" s="1"/>
  <c r="I802" i="2"/>
  <c r="I776" i="5" s="1"/>
  <c r="L802" i="2"/>
  <c r="L776" i="5" s="1"/>
  <c r="I1992" i="2"/>
  <c r="I1966" i="5" s="1"/>
  <c r="K1992" i="2"/>
  <c r="K1966" i="5" s="1"/>
  <c r="J1992" i="2"/>
  <c r="J1966" i="5" s="1"/>
  <c r="N1966" i="5" s="1"/>
  <c r="L4120" i="2"/>
  <c r="L4094" i="5" s="1"/>
  <c r="J4120" i="2"/>
  <c r="J4094" i="5" s="1"/>
  <c r="N4094" i="5" s="1"/>
  <c r="I4120" i="2"/>
  <c r="I4094" i="5" s="1"/>
  <c r="K4120" i="2"/>
  <c r="K4094" i="5" s="1"/>
  <c r="M4120" i="2"/>
  <c r="M4094" i="5" s="1"/>
  <c r="P4094" i="5" s="1"/>
  <c r="I6863" i="2"/>
  <c r="I6837" i="5" s="1"/>
  <c r="K6863" i="2"/>
  <c r="K6837" i="5" s="1"/>
  <c r="J6863" i="2"/>
  <c r="J6837" i="5" s="1"/>
  <c r="N6837" i="5" s="1"/>
  <c r="L6863" i="2"/>
  <c r="L6837" i="5" s="1"/>
  <c r="L7353" i="2"/>
  <c r="L7327" i="5" s="1"/>
  <c r="J7353" i="2"/>
  <c r="J7327" i="5" s="1"/>
  <c r="N7327" i="5" s="1"/>
  <c r="M6688" i="2"/>
  <c r="M6662" i="5" s="1"/>
  <c r="P6662" i="5" s="1"/>
  <c r="K6688" i="2"/>
  <c r="K6662" i="5" s="1"/>
  <c r="I6688" i="2"/>
  <c r="I6662" i="5" s="1"/>
  <c r="J6688" i="2"/>
  <c r="J6662" i="5" s="1"/>
  <c r="N6662" i="5" s="1"/>
  <c r="L6688" i="2"/>
  <c r="L6662" i="5" s="1"/>
  <c r="K7600" i="2"/>
  <c r="K7574" i="5" s="1"/>
  <c r="J1751" i="2"/>
  <c r="J1725" i="5" s="1"/>
  <c r="N1725" i="5" s="1"/>
  <c r="M993" i="2"/>
  <c r="M967" i="5" s="1"/>
  <c r="P967" i="5" s="1"/>
  <c r="K7114" i="2"/>
  <c r="K7088" i="5" s="1"/>
  <c r="J5673" i="2"/>
  <c r="J5647" i="5" s="1"/>
  <c r="N5647" i="5" s="1"/>
  <c r="J7473" i="2"/>
  <c r="J7447" i="5" s="1"/>
  <c r="M6766" i="2"/>
  <c r="M6740" i="5" s="1"/>
  <c r="P6740" i="5" s="1"/>
  <c r="L7176" i="2"/>
  <c r="L7150" i="5" s="1"/>
  <c r="K655" i="2"/>
  <c r="K629" i="5" s="1"/>
  <c r="I1260" i="2"/>
  <c r="I1234" i="5" s="1"/>
  <c r="J5613" i="2"/>
  <c r="J5587" i="5" s="1"/>
  <c r="N5587" i="5" s="1"/>
  <c r="K579" i="2"/>
  <c r="K553" i="5" s="1"/>
  <c r="L6186" i="2"/>
  <c r="L6160" i="5" s="1"/>
  <c r="L5469" i="2"/>
  <c r="L5443" i="5" s="1"/>
  <c r="I7641" i="2"/>
  <c r="I7615" i="5" s="1"/>
  <c r="I1447" i="2"/>
  <c r="I1421" i="5" s="1"/>
  <c r="I610" i="2"/>
  <c r="I584" i="5" s="1"/>
  <c r="J8686" i="2"/>
  <c r="J8660" i="5" s="1"/>
  <c r="N8660" i="5" s="1"/>
  <c r="J2655" i="2"/>
  <c r="J2629" i="5" s="1"/>
  <c r="N2629" i="5" s="1"/>
  <c r="J2956" i="2"/>
  <c r="J2930" i="5" s="1"/>
  <c r="N2930" i="5" s="1"/>
  <c r="I2917" i="2"/>
  <c r="I2891" i="5" s="1"/>
  <c r="I7600" i="2"/>
  <c r="I7574" i="5" s="1"/>
  <c r="L454" i="2"/>
  <c r="L428" i="5" s="1"/>
  <c r="I7949" i="2"/>
  <c r="I7923" i="5" s="1"/>
  <c r="L1751" i="2"/>
  <c r="L1725" i="5" s="1"/>
  <c r="I3117" i="2"/>
  <c r="I3091" i="5" s="1"/>
  <c r="I1614" i="2"/>
  <c r="I1588" i="5" s="1"/>
  <c r="M4125" i="2"/>
  <c r="M4099" i="5" s="1"/>
  <c r="P4099" i="5" s="1"/>
  <c r="L1992" i="2"/>
  <c r="L1966" i="5" s="1"/>
  <c r="M3651" i="2"/>
  <c r="M3625" i="5" s="1"/>
  <c r="P3625" i="5" s="1"/>
  <c r="M4266" i="2"/>
  <c r="M4240" i="5" s="1"/>
  <c r="P4240" i="5" s="1"/>
  <c r="M6133" i="2"/>
  <c r="M6107" i="5" s="1"/>
  <c r="P6107" i="5" s="1"/>
  <c r="K5673" i="2"/>
  <c r="K5647" i="5" s="1"/>
  <c r="O5647" i="5" s="1"/>
  <c r="M6645" i="2"/>
  <c r="M6619" i="5" s="1"/>
  <c r="P6619" i="5" s="1"/>
  <c r="J6766" i="2"/>
  <c r="J6740" i="5" s="1"/>
  <c r="N6740" i="5" s="1"/>
  <c r="I2458" i="2"/>
  <c r="I2432" i="5" s="1"/>
  <c r="J6922" i="2"/>
  <c r="J6896" i="5" s="1"/>
  <c r="N6896" i="5" s="1"/>
  <c r="M642" i="2"/>
  <c r="M616" i="5" s="1"/>
  <c r="P616" i="5" s="1"/>
  <c r="J2307" i="2"/>
  <c r="J2281" i="5" s="1"/>
  <c r="N2281" i="5" s="1"/>
  <c r="K5613" i="2"/>
  <c r="K5587" i="5" s="1"/>
  <c r="I579" i="2"/>
  <c r="I553" i="5" s="1"/>
  <c r="K2486" i="2"/>
  <c r="K2460" i="5" s="1"/>
  <c r="I6186" i="2"/>
  <c r="I6160" i="5" s="1"/>
  <c r="K390" i="2"/>
  <c r="K364" i="5" s="1"/>
  <c r="J8378" i="2"/>
  <c r="J8352" i="5" s="1"/>
  <c r="N8352" i="5" s="1"/>
  <c r="M7641" i="2"/>
  <c r="M7615" i="5" s="1"/>
  <c r="P7615" i="5" s="1"/>
  <c r="K749" i="2"/>
  <c r="K723" i="5" s="1"/>
  <c r="J1969" i="2"/>
  <c r="J1943" i="5" s="1"/>
  <c r="N1943" i="5" s="1"/>
  <c r="J7857" i="2"/>
  <c r="J7831" i="5" s="1"/>
  <c r="L4243" i="2"/>
  <c r="L4217" i="5" s="1"/>
  <c r="K4243" i="2"/>
  <c r="K4217" i="5" s="1"/>
  <c r="I5336" i="2"/>
  <c r="I5310" i="5" s="1"/>
  <c r="K5336" i="2"/>
  <c r="K5310" i="5" s="1"/>
  <c r="M5336" i="2"/>
  <c r="M5310" i="5" s="1"/>
  <c r="P5310" i="5" s="1"/>
  <c r="L5336" i="2"/>
  <c r="L5310" i="5" s="1"/>
  <c r="M1444" i="2"/>
  <c r="M1418" i="5" s="1"/>
  <c r="P1418" i="5" s="1"/>
  <c r="L1444" i="2"/>
  <c r="L1418" i="5" s="1"/>
  <c r="I1444" i="2"/>
  <c r="I1418" i="5" s="1"/>
  <c r="I5246" i="2"/>
  <c r="I5220" i="5" s="1"/>
  <c r="L2568" i="2"/>
  <c r="L2542" i="5" s="1"/>
  <c r="J2568" i="2"/>
  <c r="J2542" i="5" s="1"/>
  <c r="N2542" i="5" s="1"/>
  <c r="M2817" i="2"/>
  <c r="M2791" i="5" s="1"/>
  <c r="P2791" i="5" s="1"/>
  <c r="J2817" i="2"/>
  <c r="J2791" i="5" s="1"/>
  <c r="N2791" i="5" s="1"/>
  <c r="M6463" i="2"/>
  <c r="M6437" i="5" s="1"/>
  <c r="P6437" i="5" s="1"/>
  <c r="L6463" i="2"/>
  <c r="L6437" i="5" s="1"/>
  <c r="K5003" i="2"/>
  <c r="K4977" i="5" s="1"/>
  <c r="J5003" i="2"/>
  <c r="J4977" i="5" s="1"/>
  <c r="N4977" i="5" s="1"/>
  <c r="L5003" i="2"/>
  <c r="L4977" i="5" s="1"/>
  <c r="I5003" i="2"/>
  <c r="I4977" i="5" s="1"/>
  <c r="L5484" i="2"/>
  <c r="L5458" i="5" s="1"/>
  <c r="I5484" i="2"/>
  <c r="I5458" i="5" s="1"/>
  <c r="K5484" i="2"/>
  <c r="K5458" i="5" s="1"/>
  <c r="J4971" i="2"/>
  <c r="J4945" i="5" s="1"/>
  <c r="N4945" i="5" s="1"/>
  <c r="J8324" i="2"/>
  <c r="J8298" i="5" s="1"/>
  <c r="N8298" i="5" s="1"/>
  <c r="K8324" i="2"/>
  <c r="K8298" i="5" s="1"/>
  <c r="M8324" i="2"/>
  <c r="M8298" i="5" s="1"/>
  <c r="P8298" i="5" s="1"/>
  <c r="I8324" i="2"/>
  <c r="I8298" i="5" s="1"/>
  <c r="L8324" i="2"/>
  <c r="L8298" i="5" s="1"/>
  <c r="J2327" i="2"/>
  <c r="J2301" i="5" s="1"/>
  <c r="N2301" i="5" s="1"/>
  <c r="I2327" i="2"/>
  <c r="I2301" i="5" s="1"/>
  <c r="K2327" i="2"/>
  <c r="K2301" i="5" s="1"/>
  <c r="L2327" i="2"/>
  <c r="L2301" i="5" s="1"/>
  <c r="J3941" i="2"/>
  <c r="J3915" i="5" s="1"/>
  <c r="N3915" i="5" s="1"/>
  <c r="I3941" i="2"/>
  <c r="I3915" i="5" s="1"/>
  <c r="K3941" i="2"/>
  <c r="K3915" i="5" s="1"/>
  <c r="L3941" i="2"/>
  <c r="L3915" i="5" s="1"/>
  <c r="M3941" i="2"/>
  <c r="M3915" i="5" s="1"/>
  <c r="P3915" i="5" s="1"/>
  <c r="I8373" i="2"/>
  <c r="I8347" i="5" s="1"/>
  <c r="K8373" i="2"/>
  <c r="K8347" i="5" s="1"/>
  <c r="J8373" i="2"/>
  <c r="J8347" i="5" s="1"/>
  <c r="N8347" i="5" s="1"/>
  <c r="M8373" i="2"/>
  <c r="M8347" i="5" s="1"/>
  <c r="P8347" i="5" s="1"/>
  <c r="L8373" i="2"/>
  <c r="L8347" i="5" s="1"/>
  <c r="L6956" i="2"/>
  <c r="L6930" i="5" s="1"/>
  <c r="J6956" i="2"/>
  <c r="J6930" i="5" s="1"/>
  <c r="N6930" i="5" s="1"/>
  <c r="K6956" i="2"/>
  <c r="K6930" i="5" s="1"/>
  <c r="M6956" i="2"/>
  <c r="M6930" i="5" s="1"/>
  <c r="P6930" i="5" s="1"/>
  <c r="M3983" i="2"/>
  <c r="M3957" i="5" s="1"/>
  <c r="P3957" i="5" s="1"/>
  <c r="J3983" i="2"/>
  <c r="J3957" i="5" s="1"/>
  <c r="N3957" i="5" s="1"/>
  <c r="I3983" i="2"/>
  <c r="I3957" i="5" s="1"/>
  <c r="K3983" i="2"/>
  <c r="K3957" i="5" s="1"/>
  <c r="L3983" i="2"/>
  <c r="L3957" i="5" s="1"/>
  <c r="M454" i="2"/>
  <c r="M428" i="5" s="1"/>
  <c r="P428" i="5" s="1"/>
  <c r="M5510" i="2"/>
  <c r="M5484" i="5" s="1"/>
  <c r="P5484" i="5" s="1"/>
  <c r="I7005" i="2"/>
  <c r="I6979" i="5" s="1"/>
  <c r="I7772" i="2"/>
  <c r="I7746" i="5" s="1"/>
  <c r="M5987" i="2"/>
  <c r="M5961" i="5" s="1"/>
  <c r="P5961" i="5" s="1"/>
  <c r="K2819" i="2"/>
  <c r="K2793" i="5" s="1"/>
  <c r="O2793" i="5" s="1"/>
  <c r="I2956" i="2"/>
  <c r="I2930" i="5" s="1"/>
  <c r="L1614" i="2"/>
  <c r="L1588" i="5" s="1"/>
  <c r="L3263" i="2"/>
  <c r="L3237" i="5" s="1"/>
  <c r="M1992" i="2"/>
  <c r="M1966" i="5" s="1"/>
  <c r="P1966" i="5" s="1"/>
  <c r="J4266" i="2"/>
  <c r="J4240" i="5" s="1"/>
  <c r="N4240" i="5" s="1"/>
  <c r="L5591" i="2"/>
  <c r="L5565" i="5" s="1"/>
  <c r="J3117" i="2"/>
  <c r="J3091" i="5" s="1"/>
  <c r="N3091" i="5" s="1"/>
  <c r="K4597" i="2"/>
  <c r="K4571" i="5" s="1"/>
  <c r="I5673" i="2"/>
  <c r="I5647" i="5" s="1"/>
  <c r="M4074" i="2"/>
  <c r="M4048" i="5" s="1"/>
  <c r="P4048" i="5" s="1"/>
  <c r="I7995" i="2"/>
  <c r="I7969" i="5" s="1"/>
  <c r="K3635" i="2"/>
  <c r="K3609" i="5" s="1"/>
  <c r="I6922" i="2"/>
  <c r="I6896" i="5" s="1"/>
  <c r="I6353" i="2"/>
  <c r="I6327" i="5" s="1"/>
  <c r="I749" i="2"/>
  <c r="I723" i="5" s="1"/>
  <c r="K1969" i="2"/>
  <c r="K1943" i="5" s="1"/>
  <c r="K2644" i="2"/>
  <c r="K2618" i="5" s="1"/>
  <c r="J2644" i="2"/>
  <c r="J2618" i="5" s="1"/>
  <c r="N2618" i="5" s="1"/>
  <c r="L2644" i="2"/>
  <c r="L2618" i="5" s="1"/>
  <c r="I2644" i="2"/>
  <c r="I2618" i="5" s="1"/>
  <c r="J4681" i="2"/>
  <c r="J4655" i="5" s="1"/>
  <c r="N4655" i="5" s="1"/>
  <c r="I4681" i="2"/>
  <c r="I4655" i="5" s="1"/>
  <c r="L4681" i="2"/>
  <c r="L4655" i="5" s="1"/>
  <c r="M4681" i="2"/>
  <c r="M4655" i="5" s="1"/>
  <c r="P4655" i="5" s="1"/>
  <c r="K4681" i="2"/>
  <c r="K4655" i="5" s="1"/>
  <c r="K5916" i="2"/>
  <c r="K5890" i="5" s="1"/>
  <c r="O5890" i="5" s="1"/>
  <c r="J5916" i="2"/>
  <c r="J5890" i="5" s="1"/>
  <c r="N5890" i="5" s="1"/>
  <c r="M4638" i="2"/>
  <c r="M4612" i="5" s="1"/>
  <c r="P4612" i="5" s="1"/>
  <c r="I4638" i="2"/>
  <c r="I4612" i="5" s="1"/>
  <c r="L4638" i="2"/>
  <c r="L4612" i="5" s="1"/>
  <c r="M6770" i="2"/>
  <c r="M6744" i="5" s="1"/>
  <c r="P6744" i="5" s="1"/>
  <c r="K1981" i="2"/>
  <c r="K1955" i="5" s="1"/>
  <c r="L1981" i="2"/>
  <c r="L1955" i="5" s="1"/>
  <c r="M1981" i="2"/>
  <c r="M1955" i="5" s="1"/>
  <c r="P1955" i="5" s="1"/>
  <c r="J1981" i="2"/>
  <c r="J1955" i="5" s="1"/>
  <c r="N1955" i="5" s="1"/>
  <c r="I5595" i="2"/>
  <c r="I5569" i="5" s="1"/>
  <c r="M5595" i="2"/>
  <c r="M5569" i="5" s="1"/>
  <c r="P5569" i="5" s="1"/>
  <c r="L5595" i="2"/>
  <c r="L5569" i="5" s="1"/>
  <c r="K5595" i="2"/>
  <c r="K5569" i="5" s="1"/>
  <c r="J5595" i="2"/>
  <c r="J5569" i="5" s="1"/>
  <c r="N5569" i="5" s="1"/>
  <c r="J1497" i="2"/>
  <c r="J1471" i="5" s="1"/>
  <c r="N1471" i="5" s="1"/>
  <c r="J6032" i="2"/>
  <c r="J6006" i="5" s="1"/>
  <c r="L6032" i="2"/>
  <c r="L6006" i="5" s="1"/>
  <c r="K6032" i="2"/>
  <c r="K6006" i="5" s="1"/>
  <c r="M6027" i="2"/>
  <c r="M6001" i="5" s="1"/>
  <c r="P6001" i="5" s="1"/>
  <c r="K6027" i="2"/>
  <c r="K6001" i="5" s="1"/>
  <c r="L6027" i="2"/>
  <c r="L6001" i="5" s="1"/>
  <c r="J6027" i="2"/>
  <c r="J6001" i="5" s="1"/>
  <c r="N6001" i="5" s="1"/>
  <c r="I6027" i="2"/>
  <c r="I6001" i="5" s="1"/>
  <c r="AR51" i="1"/>
  <c r="C57" i="5"/>
  <c r="L254" i="2"/>
  <c r="L228" i="5" s="1"/>
  <c r="J254" i="2"/>
  <c r="J228" i="5" s="1"/>
  <c r="N228" i="5" s="1"/>
  <c r="I3113" i="2"/>
  <c r="I3087" i="5" s="1"/>
  <c r="K3113" i="2"/>
  <c r="K3087" i="5" s="1"/>
  <c r="M3113" i="2"/>
  <c r="M3087" i="5" s="1"/>
  <c r="P3087" i="5" s="1"/>
  <c r="L791" i="2"/>
  <c r="L765" i="5" s="1"/>
  <c r="M791" i="2"/>
  <c r="M765" i="5" s="1"/>
  <c r="P765" i="5" s="1"/>
  <c r="J791" i="2"/>
  <c r="J765" i="5" s="1"/>
  <c r="M8659" i="2"/>
  <c r="M8633" i="5" s="1"/>
  <c r="P8633" i="5" s="1"/>
  <c r="I8659" i="2"/>
  <c r="I8633" i="5" s="1"/>
  <c r="K8659" i="2"/>
  <c r="K8633" i="5" s="1"/>
  <c r="J8659" i="2"/>
  <c r="J8633" i="5" s="1"/>
  <c r="L8659" i="2"/>
  <c r="L8633" i="5" s="1"/>
  <c r="I1149" i="2"/>
  <c r="I1123" i="5" s="1"/>
  <c r="M799" i="2"/>
  <c r="M773" i="5" s="1"/>
  <c r="P773" i="5" s="1"/>
  <c r="L799" i="2"/>
  <c r="L773" i="5" s="1"/>
  <c r="I799" i="2"/>
  <c r="I773" i="5" s="1"/>
  <c r="K799" i="2"/>
  <c r="K773" i="5" s="1"/>
  <c r="K7827" i="2"/>
  <c r="K7801" i="5" s="1"/>
  <c r="L1272" i="2"/>
  <c r="L1246" i="5" s="1"/>
  <c r="M1272" i="2"/>
  <c r="M1246" i="5" s="1"/>
  <c r="P1246" i="5" s="1"/>
  <c r="I1272" i="2"/>
  <c r="I1246" i="5" s="1"/>
  <c r="K1272" i="2"/>
  <c r="K1246" i="5" s="1"/>
  <c r="J1272" i="2"/>
  <c r="J1246" i="5" s="1"/>
  <c r="N1246" i="5" s="1"/>
  <c r="J6028" i="2"/>
  <c r="J6002" i="5" s="1"/>
  <c r="L5081" i="2"/>
  <c r="L5055" i="5" s="1"/>
  <c r="L2226" i="2"/>
  <c r="L2200" i="5" s="1"/>
  <c r="K2226" i="2"/>
  <c r="K2200" i="5" s="1"/>
  <c r="M4945" i="2"/>
  <c r="M4919" i="5" s="1"/>
  <c r="P4919" i="5" s="1"/>
  <c r="L4945" i="2"/>
  <c r="L4919" i="5" s="1"/>
  <c r="I4945" i="2"/>
  <c r="I4919" i="5" s="1"/>
  <c r="K4945" i="2"/>
  <c r="K4919" i="5" s="1"/>
  <c r="J4945" i="2"/>
  <c r="J4919" i="5" s="1"/>
  <c r="N4919" i="5" s="1"/>
  <c r="J2785" i="2"/>
  <c r="J2759" i="5" s="1"/>
  <c r="N2759" i="5" s="1"/>
  <c r="L2785" i="2"/>
  <c r="L2759" i="5" s="1"/>
  <c r="M2785" i="2"/>
  <c r="M2759" i="5" s="1"/>
  <c r="P2759" i="5" s="1"/>
  <c r="L4513" i="2"/>
  <c r="L4487" i="5" s="1"/>
  <c r="L488" i="2"/>
  <c r="L462" i="5" s="1"/>
  <c r="J4125" i="2"/>
  <c r="J4099" i="5" s="1"/>
  <c r="N4099" i="5" s="1"/>
  <c r="M3258" i="2"/>
  <c r="M3232" i="5" s="1"/>
  <c r="P3232" i="5" s="1"/>
  <c r="J4992" i="2"/>
  <c r="J4966" i="5" s="1"/>
  <c r="N4966" i="5" s="1"/>
  <c r="K4513" i="2"/>
  <c r="K4487" i="5" s="1"/>
  <c r="M3117" i="2"/>
  <c r="M3091" i="5" s="1"/>
  <c r="P3091" i="5" s="1"/>
  <c r="L4125" i="2"/>
  <c r="L4099" i="5" s="1"/>
  <c r="M2655" i="2"/>
  <c r="M2629" i="5" s="1"/>
  <c r="P2629" i="5" s="1"/>
  <c r="I4933" i="2"/>
  <c r="I4907" i="5" s="1"/>
  <c r="K2956" i="2"/>
  <c r="K2930" i="5" s="1"/>
  <c r="K710" i="2"/>
  <c r="K684" i="5" s="1"/>
  <c r="O684" i="5" s="1"/>
  <c r="L1419" i="2"/>
  <c r="L1393" i="5" s="1"/>
  <c r="I3462" i="2"/>
  <c r="I3436" i="5" s="1"/>
  <c r="I6133" i="2"/>
  <c r="I6107" i="5" s="1"/>
  <c r="J2491" i="2"/>
  <c r="J2465" i="5" s="1"/>
  <c r="N2465" i="5" s="1"/>
  <c r="M2255" i="2"/>
  <c r="M2229" i="5" s="1"/>
  <c r="P2229" i="5" s="1"/>
  <c r="M2458" i="2"/>
  <c r="M2432" i="5" s="1"/>
  <c r="P2432" i="5" s="1"/>
  <c r="M2307" i="2"/>
  <c r="M2281" i="5" s="1"/>
  <c r="P2281" i="5" s="1"/>
  <c r="M579" i="2"/>
  <c r="M553" i="5" s="1"/>
  <c r="P553" i="5" s="1"/>
  <c r="I3914" i="2"/>
  <c r="I3888" i="5" s="1"/>
  <c r="J2486" i="2"/>
  <c r="J2460" i="5" s="1"/>
  <c r="N2460" i="5" s="1"/>
  <c r="L4756" i="2"/>
  <c r="L4730" i="5" s="1"/>
  <c r="L3113" i="2"/>
  <c r="L3087" i="5" s="1"/>
  <c r="K6186" i="2"/>
  <c r="K6160" i="5" s="1"/>
  <c r="K2655" i="2"/>
  <c r="K2629" i="5" s="1"/>
  <c r="L4933" i="2"/>
  <c r="L4907" i="5" s="1"/>
  <c r="J3772" i="2"/>
  <c r="J3746" i="5" s="1"/>
  <c r="N3746" i="5" s="1"/>
  <c r="I1803" i="2"/>
  <c r="I1777" i="5" s="1"/>
  <c r="K2087" i="2"/>
  <c r="K2061" i="5" s="1"/>
  <c r="I710" i="2"/>
  <c r="I684" i="5" s="1"/>
  <c r="AR13" i="1"/>
  <c r="M5298" i="2"/>
  <c r="M5272" i="5" s="1"/>
  <c r="P5272" i="5" s="1"/>
  <c r="J1419" i="2"/>
  <c r="J1393" i="5" s="1"/>
  <c r="N1393" i="5" s="1"/>
  <c r="L2475" i="2"/>
  <c r="L2449" i="5" s="1"/>
  <c r="L3462" i="2"/>
  <c r="L3436" i="5" s="1"/>
  <c r="L6133" i="2"/>
  <c r="L6107" i="5" s="1"/>
  <c r="L2491" i="2"/>
  <c r="L2465" i="5" s="1"/>
  <c r="L5984" i="2"/>
  <c r="L5958" i="5" s="1"/>
  <c r="M5673" i="2"/>
  <c r="M5647" i="5" s="1"/>
  <c r="P5647" i="5" s="1"/>
  <c r="M5916" i="2"/>
  <c r="M5890" i="5" s="1"/>
  <c r="P5890" i="5" s="1"/>
  <c r="L2458" i="2"/>
  <c r="L2432" i="5" s="1"/>
  <c r="L4074" i="2"/>
  <c r="L4048" i="5" s="1"/>
  <c r="M5679" i="2"/>
  <c r="M5653" i="5" s="1"/>
  <c r="P5653" i="5" s="1"/>
  <c r="L6353" i="2"/>
  <c r="L6327" i="5" s="1"/>
  <c r="L2307" i="2"/>
  <c r="L2281" i="5" s="1"/>
  <c r="L6677" i="2"/>
  <c r="L6651" i="5" s="1"/>
  <c r="J4435" i="2"/>
  <c r="J4409" i="5" s="1"/>
  <c r="N4409" i="5" s="1"/>
  <c r="M6186" i="2"/>
  <c r="M6160" i="5" s="1"/>
  <c r="P6160" i="5" s="1"/>
  <c r="L749" i="2"/>
  <c r="L723" i="5" s="1"/>
  <c r="M5972" i="2"/>
  <c r="M5946" i="5" s="1"/>
  <c r="P5946" i="5" s="1"/>
  <c r="I1969" i="2"/>
  <c r="I1943" i="5" s="1"/>
  <c r="K4163" i="2"/>
  <c r="K4137" i="5" s="1"/>
  <c r="J5246" i="2"/>
  <c r="J5220" i="5" s="1"/>
  <c r="J5310" i="2"/>
  <c r="J5284" i="5" s="1"/>
  <c r="L5310" i="2"/>
  <c r="L5284" i="5" s="1"/>
  <c r="I5310" i="2"/>
  <c r="I5284" i="5" s="1"/>
  <c r="M5310" i="2"/>
  <c r="M5284" i="5" s="1"/>
  <c r="P5284" i="5" s="1"/>
  <c r="J8035" i="2"/>
  <c r="J8009" i="5" s="1"/>
  <c r="N8009" i="5" s="1"/>
  <c r="L8035" i="2"/>
  <c r="L8009" i="5" s="1"/>
  <c r="I8035" i="2"/>
  <c r="I8009" i="5" s="1"/>
  <c r="K8035" i="2"/>
  <c r="K8009" i="5" s="1"/>
  <c r="M7995" i="2"/>
  <c r="M7969" i="5" s="1"/>
  <c r="P7969" i="5" s="1"/>
  <c r="J7995" i="2"/>
  <c r="J7969" i="5" s="1"/>
  <c r="N7969" i="5" s="1"/>
  <c r="K1656" i="2"/>
  <c r="K1630" i="5" s="1"/>
  <c r="L1656" i="2"/>
  <c r="L1630" i="5" s="1"/>
  <c r="K3173" i="2"/>
  <c r="K3147" i="5" s="1"/>
  <c r="L3173" i="2"/>
  <c r="L3147" i="5" s="1"/>
  <c r="K5165" i="2"/>
  <c r="K5139" i="5" s="1"/>
  <c r="J5165" i="2"/>
  <c r="J5139" i="5" s="1"/>
  <c r="N5139" i="5" s="1"/>
  <c r="L5165" i="2"/>
  <c r="L5139" i="5" s="1"/>
  <c r="M5165" i="2"/>
  <c r="M5139" i="5" s="1"/>
  <c r="P5139" i="5" s="1"/>
  <c r="I5165" i="2"/>
  <c r="I5139" i="5" s="1"/>
  <c r="K95" i="2"/>
  <c r="K69" i="5" s="1"/>
  <c r="J95" i="2"/>
  <c r="J69" i="5" s="1"/>
  <c r="N69" i="5" s="1"/>
  <c r="L5077" i="2"/>
  <c r="L5051" i="5" s="1"/>
  <c r="M5077" i="2"/>
  <c r="M5051" i="5" s="1"/>
  <c r="P5051" i="5" s="1"/>
  <c r="I5077" i="2"/>
  <c r="I5051" i="5" s="1"/>
  <c r="J5077" i="2"/>
  <c r="J5051" i="5" s="1"/>
  <c r="N5051" i="5" s="1"/>
  <c r="L1158" i="2"/>
  <c r="L1132" i="5" s="1"/>
  <c r="K1158" i="2"/>
  <c r="K1132" i="5" s="1"/>
  <c r="J1158" i="2"/>
  <c r="J1132" i="5" s="1"/>
  <c r="N1132" i="5" s="1"/>
  <c r="I1158" i="2"/>
  <c r="I1132" i="5" s="1"/>
  <c r="M1158" i="2"/>
  <c r="M1132" i="5" s="1"/>
  <c r="P1132" i="5" s="1"/>
  <c r="M7986" i="2"/>
  <c r="M7960" i="5" s="1"/>
  <c r="P7960" i="5" s="1"/>
  <c r="J7986" i="2"/>
  <c r="J7960" i="5" s="1"/>
  <c r="N7960" i="5" s="1"/>
  <c r="I7986" i="2"/>
  <c r="I7960" i="5" s="1"/>
  <c r="L7986" i="2"/>
  <c r="L7960" i="5" s="1"/>
  <c r="L2655" i="2"/>
  <c r="L2629" i="5" s="1"/>
  <c r="J4933" i="2"/>
  <c r="J4907" i="5" s="1"/>
  <c r="N4907" i="5" s="1"/>
  <c r="M3772" i="2"/>
  <c r="M3746" i="5" s="1"/>
  <c r="P3746" i="5" s="1"/>
  <c r="K1803" i="2"/>
  <c r="K1777" i="5" s="1"/>
  <c r="J2087" i="2"/>
  <c r="J2061" i="5" s="1"/>
  <c r="J5601" i="2"/>
  <c r="J5575" i="5" s="1"/>
  <c r="J710" i="2"/>
  <c r="J684" i="5" s="1"/>
  <c r="K5298" i="2"/>
  <c r="K5272" i="5" s="1"/>
  <c r="J4835" i="2"/>
  <c r="J4809" i="5" s="1"/>
  <c r="N4809" i="5" s="1"/>
  <c r="L3918" i="2"/>
  <c r="L3892" i="5" s="1"/>
  <c r="M2644" i="2"/>
  <c r="M2618" i="5" s="1"/>
  <c r="P2618" i="5" s="1"/>
  <c r="K1419" i="2"/>
  <c r="K1393" i="5" s="1"/>
  <c r="M1819" i="2"/>
  <c r="M1793" i="5" s="1"/>
  <c r="P1793" i="5" s="1"/>
  <c r="J2464" i="2"/>
  <c r="J2438" i="5" s="1"/>
  <c r="N2438" i="5" s="1"/>
  <c r="J3462" i="2"/>
  <c r="J3436" i="5" s="1"/>
  <c r="N3436" i="5" s="1"/>
  <c r="AR354" i="1"/>
  <c r="K5984" i="2"/>
  <c r="K5958" i="5" s="1"/>
  <c r="I5916" i="2"/>
  <c r="I5890" i="5" s="1"/>
  <c r="J2458" i="2"/>
  <c r="J2432" i="5" s="1"/>
  <c r="N2432" i="5" s="1"/>
  <c r="I5679" i="2"/>
  <c r="I5653" i="5" s="1"/>
  <c r="K7995" i="2"/>
  <c r="K7969" i="5" s="1"/>
  <c r="I8027" i="2"/>
  <c r="I8001" i="5" s="1"/>
  <c r="I2307" i="2"/>
  <c r="I2281" i="5" s="1"/>
  <c r="I6677" i="2"/>
  <c r="I6651" i="5" s="1"/>
  <c r="J5420" i="2"/>
  <c r="J5394" i="5" s="1"/>
  <c r="N5394" i="5" s="1"/>
  <c r="I4435" i="2"/>
  <c r="I4409" i="5" s="1"/>
  <c r="J749" i="2"/>
  <c r="J723" i="5" s="1"/>
  <c r="L5519" i="2"/>
  <c r="L5493" i="5" s="1"/>
  <c r="L1969" i="2"/>
  <c r="L1943" i="5" s="1"/>
  <c r="I2256" i="2"/>
  <c r="I2230" i="5" s="1"/>
  <c r="K624" i="2"/>
  <c r="K598" i="5" s="1"/>
  <c r="M1965" i="2"/>
  <c r="M1939" i="5" s="1"/>
  <c r="P1939" i="5" s="1"/>
  <c r="L1723" i="2"/>
  <c r="L1697" i="5" s="1"/>
  <c r="J1723" i="2"/>
  <c r="J1697" i="5" s="1"/>
  <c r="N1697" i="5" s="1"/>
  <c r="M283" i="2"/>
  <c r="M257" i="5" s="1"/>
  <c r="P257" i="5" s="1"/>
  <c r="I283" i="2"/>
  <c r="I257" i="5" s="1"/>
  <c r="L283" i="2"/>
  <c r="L257" i="5" s="1"/>
  <c r="J283" i="2"/>
  <c r="J257" i="5" s="1"/>
  <c r="N257" i="5" s="1"/>
  <c r="J2290" i="2"/>
  <c r="J2264" i="5" s="1"/>
  <c r="N2264" i="5" s="1"/>
  <c r="L2290" i="2"/>
  <c r="L2264" i="5" s="1"/>
  <c r="M2290" i="2"/>
  <c r="M2264" i="5" s="1"/>
  <c r="P2264" i="5" s="1"/>
  <c r="K2290" i="2"/>
  <c r="K2264" i="5" s="1"/>
  <c r="I2290" i="2"/>
  <c r="I2264" i="5" s="1"/>
  <c r="M1773" i="2"/>
  <c r="M1747" i="5" s="1"/>
  <c r="P1747" i="5" s="1"/>
  <c r="J1773" i="2"/>
  <c r="J1747" i="5" s="1"/>
  <c r="N1747" i="5" s="1"/>
  <c r="I1773" i="2"/>
  <c r="I1747" i="5" s="1"/>
  <c r="L1773" i="2"/>
  <c r="L1747" i="5" s="1"/>
  <c r="L7949" i="2"/>
  <c r="L7923" i="5" s="1"/>
  <c r="M7949" i="2"/>
  <c r="M7923" i="5" s="1"/>
  <c r="P7923" i="5" s="1"/>
  <c r="K6997" i="2"/>
  <c r="K6971" i="5" s="1"/>
  <c r="J6997" i="2"/>
  <c r="J6971" i="5" s="1"/>
  <c r="N6971" i="5" s="1"/>
  <c r="L6997" i="2"/>
  <c r="L6971" i="5" s="1"/>
  <c r="M6997" i="2"/>
  <c r="M6971" i="5" s="1"/>
  <c r="P6971" i="5" s="1"/>
  <c r="I991" i="2"/>
  <c r="I965" i="5" s="1"/>
  <c r="L991" i="2"/>
  <c r="L965" i="5" s="1"/>
  <c r="K991" i="2"/>
  <c r="K965" i="5" s="1"/>
  <c r="M991" i="2"/>
  <c r="M965" i="5" s="1"/>
  <c r="P965" i="5" s="1"/>
  <c r="J991" i="2"/>
  <c r="J965" i="5" s="1"/>
  <c r="N965" i="5" s="1"/>
  <c r="L5350" i="2"/>
  <c r="L5324" i="5" s="1"/>
  <c r="M5350" i="2"/>
  <c r="M5324" i="5" s="1"/>
  <c r="P5324" i="5" s="1"/>
  <c r="L5186" i="2"/>
  <c r="L5160" i="5" s="1"/>
  <c r="J224" i="2"/>
  <c r="J198" i="5" s="1"/>
  <c r="N198" i="5" s="1"/>
  <c r="K3772" i="2"/>
  <c r="K3746" i="5" s="1"/>
  <c r="K5601" i="2"/>
  <c r="K5575" i="5" s="1"/>
  <c r="O5575" i="5" s="1"/>
  <c r="M710" i="2"/>
  <c r="M684" i="5" s="1"/>
  <c r="P684" i="5" s="1"/>
  <c r="I5298" i="2"/>
  <c r="I5272" i="5" s="1"/>
  <c r="K7495" i="2"/>
  <c r="K7469" i="5" s="1"/>
  <c r="O7469" i="5" s="1"/>
  <c r="K1491" i="2"/>
  <c r="K1465" i="5" s="1"/>
  <c r="O1465" i="5" s="1"/>
  <c r="I3173" i="2"/>
  <c r="I3147" i="5" s="1"/>
  <c r="K6256" i="2"/>
  <c r="K6230" i="5" s="1"/>
  <c r="L5420" i="2"/>
  <c r="L5394" i="5" s="1"/>
  <c r="M1735" i="2"/>
  <c r="M1709" i="5" s="1"/>
  <c r="P1709" i="5" s="1"/>
  <c r="M1970" i="2"/>
  <c r="M1944" i="5" s="1"/>
  <c r="P1944" i="5" s="1"/>
  <c r="M8680" i="2"/>
  <c r="M8654" i="5" s="1"/>
  <c r="P8654" i="5" s="1"/>
  <c r="L3932" i="2"/>
  <c r="L3906" i="5" s="1"/>
  <c r="K4162" i="2"/>
  <c r="K4136" i="5" s="1"/>
  <c r="O4136" i="5" s="1"/>
  <c r="C309" i="5"/>
  <c r="AR303" i="1"/>
  <c r="M6799" i="2"/>
  <c r="M6773" i="5" s="1"/>
  <c r="P6773" i="5" s="1"/>
  <c r="J6799" i="2"/>
  <c r="J6773" i="5" s="1"/>
  <c r="N6773" i="5" s="1"/>
  <c r="L6799" i="2"/>
  <c r="L6773" i="5" s="1"/>
  <c r="I6799" i="2"/>
  <c r="I6773" i="5" s="1"/>
  <c r="K6799" i="2"/>
  <c r="K6773" i="5" s="1"/>
  <c r="I1764" i="2"/>
  <c r="I1738" i="5" s="1"/>
  <c r="K1764" i="2"/>
  <c r="K1738" i="5" s="1"/>
  <c r="L1764" i="2"/>
  <c r="L1738" i="5" s="1"/>
  <c r="M1764" i="2"/>
  <c r="M1738" i="5" s="1"/>
  <c r="P1738" i="5" s="1"/>
  <c r="J1764" i="2"/>
  <c r="J1738" i="5" s="1"/>
  <c r="N1738" i="5" s="1"/>
  <c r="L7985" i="2"/>
  <c r="L7959" i="5" s="1"/>
  <c r="L2409" i="2"/>
  <c r="L2383" i="5" s="1"/>
  <c r="I2409" i="2"/>
  <c r="I2383" i="5" s="1"/>
  <c r="M3978" i="2"/>
  <c r="M3952" i="5" s="1"/>
  <c r="P3952" i="5" s="1"/>
  <c r="J53" i="2"/>
  <c r="J27" i="5" s="1"/>
  <c r="N27" i="5" s="1"/>
  <c r="I53" i="2"/>
  <c r="I27" i="5" s="1"/>
  <c r="K53" i="2"/>
  <c r="K27" i="5" s="1"/>
  <c r="O27" i="5" s="1"/>
  <c r="J4132" i="2"/>
  <c r="J4106" i="5" s="1"/>
  <c r="N4106" i="5" s="1"/>
  <c r="J7009" i="2"/>
  <c r="J6983" i="5" s="1"/>
  <c r="N6983" i="5" s="1"/>
  <c r="L7009" i="2"/>
  <c r="L6983" i="5" s="1"/>
  <c r="M7009" i="2"/>
  <c r="M6983" i="5" s="1"/>
  <c r="P6983" i="5" s="1"/>
  <c r="K7009" i="2"/>
  <c r="K6983" i="5" s="1"/>
  <c r="I7009" i="2"/>
  <c r="I6983" i="5" s="1"/>
  <c r="M4269" i="2"/>
  <c r="M4243" i="5" s="1"/>
  <c r="P4243" i="5" s="1"/>
  <c r="K4269" i="2"/>
  <c r="K4243" i="5" s="1"/>
  <c r="M6689" i="2"/>
  <c r="M6663" i="5" s="1"/>
  <c r="P6663" i="5" s="1"/>
  <c r="K5510" i="2"/>
  <c r="K5484" i="5" s="1"/>
  <c r="J2392" i="2"/>
  <c r="J2366" i="5" s="1"/>
  <c r="N2366" i="5" s="1"/>
  <c r="K7985" i="2"/>
  <c r="K7959" i="5" s="1"/>
  <c r="J5336" i="2"/>
  <c r="J5310" i="5" s="1"/>
  <c r="I5683" i="2"/>
  <c r="I5657" i="5" s="1"/>
  <c r="K776" i="2"/>
  <c r="K750" i="5" s="1"/>
  <c r="J2917" i="2"/>
  <c r="J2891" i="5" s="1"/>
  <c r="N2891" i="5" s="1"/>
  <c r="L2917" i="2"/>
  <c r="L2891" i="5" s="1"/>
  <c r="M2917" i="2"/>
  <c r="M2891" i="5" s="1"/>
  <c r="P2891" i="5" s="1"/>
  <c r="J1414" i="2"/>
  <c r="J1388" i="5" s="1"/>
  <c r="N1388" i="5" s="1"/>
  <c r="L1414" i="2"/>
  <c r="L1388" i="5" s="1"/>
  <c r="K5017" i="2"/>
  <c r="K4991" i="5" s="1"/>
  <c r="I5017" i="2"/>
  <c r="I4991" i="5" s="1"/>
  <c r="J1072" i="2"/>
  <c r="J1046" i="5" s="1"/>
  <c r="N1046" i="5" s="1"/>
  <c r="M1072" i="2"/>
  <c r="M1046" i="5" s="1"/>
  <c r="P1046" i="5" s="1"/>
  <c r="K5933" i="2"/>
  <c r="K5907" i="5" s="1"/>
  <c r="J5933" i="2"/>
  <c r="J5907" i="5" s="1"/>
  <c r="N5907" i="5" s="1"/>
  <c r="L5933" i="2"/>
  <c r="L5907" i="5" s="1"/>
  <c r="I5933" i="2"/>
  <c r="I5907" i="5" s="1"/>
  <c r="L7160" i="2"/>
  <c r="L7134" i="5" s="1"/>
  <c r="K7160" i="2"/>
  <c r="K7134" i="5" s="1"/>
  <c r="L5161" i="2"/>
  <c r="L5135" i="5" s="1"/>
  <c r="M5161" i="2"/>
  <c r="M5135" i="5" s="1"/>
  <c r="P5135" i="5" s="1"/>
  <c r="J5161" i="2"/>
  <c r="J5135" i="5" s="1"/>
  <c r="N5135" i="5" s="1"/>
  <c r="M5302" i="2"/>
  <c r="M5276" i="5" s="1"/>
  <c r="P5276" i="5" s="1"/>
  <c r="I5302" i="2"/>
  <c r="I5276" i="5" s="1"/>
  <c r="J5302" i="2"/>
  <c r="J5276" i="5" s="1"/>
  <c r="N5276" i="5" s="1"/>
  <c r="K5302" i="2"/>
  <c r="K5276" i="5" s="1"/>
  <c r="L5302" i="2"/>
  <c r="L5276" i="5" s="1"/>
  <c r="K3970" i="2"/>
  <c r="K3944" i="5" s="1"/>
  <c r="M3970" i="2"/>
  <c r="M3944" i="5" s="1"/>
  <c r="P3944" i="5" s="1"/>
  <c r="L3970" i="2"/>
  <c r="L3944" i="5" s="1"/>
  <c r="J3970" i="2"/>
  <c r="J3944" i="5" s="1"/>
  <c r="N3944" i="5" s="1"/>
  <c r="J5764" i="2"/>
  <c r="J5738" i="5" s="1"/>
  <c r="N5738" i="5" s="1"/>
  <c r="M5764" i="2"/>
  <c r="M5738" i="5" s="1"/>
  <c r="P5738" i="5" s="1"/>
  <c r="K6323" i="2"/>
  <c r="K6297" i="5" s="1"/>
  <c r="I6323" i="2"/>
  <c r="I6297" i="5" s="1"/>
  <c r="J6323" i="2"/>
  <c r="J6297" i="5" s="1"/>
  <c r="N6297" i="5" s="1"/>
  <c r="M6323" i="2"/>
  <c r="M6297" i="5" s="1"/>
  <c r="P6297" i="5" s="1"/>
  <c r="L6323" i="2"/>
  <c r="L6297" i="5" s="1"/>
  <c r="K2392" i="2"/>
  <c r="K2366" i="5" s="1"/>
  <c r="O2366" i="5" s="1"/>
  <c r="K7296" i="2"/>
  <c r="K7270" i="5" s="1"/>
  <c r="O7270" i="5" s="1"/>
  <c r="L3090" i="2"/>
  <c r="L3064" i="5" s="1"/>
  <c r="I2281" i="2"/>
  <c r="I2255" i="5" s="1"/>
  <c r="M53" i="2"/>
  <c r="M27" i="5" s="1"/>
  <c r="P27" i="5" s="1"/>
  <c r="K761" i="2"/>
  <c r="K735" i="5" s="1"/>
  <c r="M1419" i="2"/>
  <c r="M1393" i="5" s="1"/>
  <c r="P1393" i="5" s="1"/>
  <c r="I1819" i="2"/>
  <c r="I1793" i="5" s="1"/>
  <c r="M2464" i="2"/>
  <c r="M2438" i="5" s="1"/>
  <c r="P2438" i="5" s="1"/>
  <c r="I2816" i="2"/>
  <c r="I2790" i="5" s="1"/>
  <c r="M2595" i="2"/>
  <c r="M2569" i="5" s="1"/>
  <c r="P2569" i="5" s="1"/>
  <c r="K5161" i="2"/>
  <c r="K5135" i="5" s="1"/>
  <c r="I224" i="2"/>
  <c r="I198" i="5" s="1"/>
  <c r="I5601" i="2"/>
  <c r="I5575" i="5" s="1"/>
  <c r="I7167" i="2"/>
  <c r="I7141" i="5" s="1"/>
  <c r="L5298" i="2"/>
  <c r="L5272" i="5" s="1"/>
  <c r="I3090" i="2"/>
  <c r="I3064" i="5" s="1"/>
  <c r="J2281" i="2"/>
  <c r="J2255" i="5" s="1"/>
  <c r="N2255" i="5" s="1"/>
  <c r="J7320" i="2"/>
  <c r="J7294" i="5" s="1"/>
  <c r="N7294" i="5" s="1"/>
  <c r="K94" i="2"/>
  <c r="K68" i="5" s="1"/>
  <c r="O68" i="5" s="1"/>
  <c r="I7495" i="2"/>
  <c r="I7469" i="5" s="1"/>
  <c r="J3629" i="2"/>
  <c r="J3603" i="5" s="1"/>
  <c r="M1892" i="2"/>
  <c r="M1866" i="5" s="1"/>
  <c r="P1866" i="5" s="1"/>
  <c r="J2816" i="2"/>
  <c r="J2790" i="5" s="1"/>
  <c r="N2790" i="5" s="1"/>
  <c r="J6797" i="2"/>
  <c r="J6771" i="5" s="1"/>
  <c r="N6771" i="5" s="1"/>
  <c r="J2595" i="2"/>
  <c r="J2569" i="5" s="1"/>
  <c r="N2569" i="5" s="1"/>
  <c r="J3173" i="2"/>
  <c r="J3147" i="5" s="1"/>
  <c r="N3147" i="5" s="1"/>
  <c r="J792" i="2"/>
  <c r="J766" i="5" s="1"/>
  <c r="N766" i="5" s="1"/>
  <c r="K7856" i="2"/>
  <c r="K7830" i="5" s="1"/>
  <c r="O7830" i="5" s="1"/>
  <c r="L4269" i="2"/>
  <c r="L4243" i="5" s="1"/>
  <c r="J2066" i="2"/>
  <c r="J2040" i="5" s="1"/>
  <c r="N2040" i="5" s="1"/>
  <c r="K3104" i="2"/>
  <c r="K3078" i="5" s="1"/>
  <c r="K6827" i="2"/>
  <c r="K6801" i="5" s="1"/>
  <c r="L6827" i="2"/>
  <c r="L6801" i="5" s="1"/>
  <c r="M6856" i="2"/>
  <c r="M6830" i="5" s="1"/>
  <c r="P6830" i="5" s="1"/>
  <c r="K6856" i="2"/>
  <c r="K6830" i="5" s="1"/>
  <c r="I6856" i="2"/>
  <c r="I6830" i="5" s="1"/>
  <c r="J6856" i="2"/>
  <c r="J6830" i="5" s="1"/>
  <c r="N6830" i="5" s="1"/>
  <c r="I4242" i="2"/>
  <c r="I4216" i="5" s="1"/>
  <c r="K4242" i="2"/>
  <c r="K4216" i="5" s="1"/>
  <c r="O4216" i="5" s="1"/>
  <c r="J416" i="2"/>
  <c r="J390" i="5" s="1"/>
  <c r="K416" i="2"/>
  <c r="K390" i="5" s="1"/>
  <c r="M2565" i="2"/>
  <c r="M2539" i="5" s="1"/>
  <c r="P2539" i="5" s="1"/>
  <c r="J2565" i="2"/>
  <c r="J2539" i="5" s="1"/>
  <c r="I2565" i="2"/>
  <c r="I2539" i="5" s="1"/>
  <c r="M2894" i="2"/>
  <c r="M2868" i="5" s="1"/>
  <c r="P2868" i="5" s="1"/>
  <c r="I2894" i="2"/>
  <c r="I2868" i="5" s="1"/>
  <c r="L2894" i="2"/>
  <c r="L2868" i="5" s="1"/>
  <c r="K2894" i="2"/>
  <c r="K2868" i="5" s="1"/>
  <c r="J2894" i="2"/>
  <c r="J2868" i="5" s="1"/>
  <c r="N2868" i="5" s="1"/>
  <c r="M8021" i="2"/>
  <c r="M7995" i="5" s="1"/>
  <c r="P7995" i="5" s="1"/>
  <c r="I8021" i="2"/>
  <c r="I7995" i="5" s="1"/>
  <c r="K8717" i="2"/>
  <c r="K8691" i="5" s="1"/>
  <c r="J8717" i="2"/>
  <c r="J8691" i="5" s="1"/>
  <c r="N8691" i="5" s="1"/>
  <c r="I8717" i="2"/>
  <c r="I8691" i="5" s="1"/>
  <c r="L8717" i="2"/>
  <c r="L8691" i="5" s="1"/>
  <c r="M8717" i="2"/>
  <c r="M8691" i="5" s="1"/>
  <c r="P8691" i="5" s="1"/>
  <c r="L4956" i="2"/>
  <c r="L4930" i="5" s="1"/>
  <c r="I4956" i="2"/>
  <c r="I4930" i="5" s="1"/>
  <c r="K4956" i="2"/>
  <c r="K4930" i="5" s="1"/>
  <c r="M6182" i="2"/>
  <c r="M6156" i="5" s="1"/>
  <c r="P6156" i="5" s="1"/>
  <c r="I6182" i="2"/>
  <c r="I6156" i="5" s="1"/>
  <c r="J6182" i="2"/>
  <c r="J6156" i="5" s="1"/>
  <c r="N6156" i="5" s="1"/>
  <c r="L6182" i="2"/>
  <c r="L6156" i="5" s="1"/>
  <c r="K6182" i="2"/>
  <c r="K6156" i="5" s="1"/>
  <c r="L2087" i="2"/>
  <c r="L2061" i="5" s="1"/>
  <c r="I2087" i="2"/>
  <c r="I2061" i="5" s="1"/>
  <c r="J599" i="2"/>
  <c r="J573" i="5" s="1"/>
  <c r="N573" i="5" s="1"/>
  <c r="K599" i="2"/>
  <c r="K573" i="5" s="1"/>
  <c r="L599" i="2"/>
  <c r="L573" i="5" s="1"/>
  <c r="I599" i="2"/>
  <c r="I573" i="5" s="1"/>
  <c r="J603" i="2"/>
  <c r="J577" i="5" s="1"/>
  <c r="N577" i="5" s="1"/>
  <c r="I603" i="2"/>
  <c r="I577" i="5" s="1"/>
  <c r="K603" i="2"/>
  <c r="K577" i="5" s="1"/>
  <c r="M603" i="2"/>
  <c r="M577" i="5" s="1"/>
  <c r="P577" i="5" s="1"/>
  <c r="L603" i="2"/>
  <c r="L577" i="5" s="1"/>
  <c r="I2233" i="2"/>
  <c r="I2207" i="5" s="1"/>
  <c r="K2233" i="2"/>
  <c r="K2207" i="5" s="1"/>
  <c r="L2233" i="2"/>
  <c r="L2207" i="5" s="1"/>
  <c r="M2233" i="2"/>
  <c r="M2207" i="5" s="1"/>
  <c r="P2207" i="5" s="1"/>
  <c r="J2233" i="2"/>
  <c r="J2207" i="5" s="1"/>
  <c r="N2207" i="5" s="1"/>
  <c r="J3121" i="2"/>
  <c r="J3095" i="5" s="1"/>
  <c r="N3095" i="5" s="1"/>
  <c r="I3121" i="2"/>
  <c r="I3095" i="5" s="1"/>
  <c r="L3121" i="2"/>
  <c r="L3095" i="5" s="1"/>
  <c r="K3121" i="2"/>
  <c r="K3095" i="5" s="1"/>
  <c r="I1617" i="2"/>
  <c r="I1591" i="5" s="1"/>
  <c r="L1617" i="2"/>
  <c r="L1591" i="5" s="1"/>
  <c r="M1617" i="2"/>
  <c r="M1591" i="5" s="1"/>
  <c r="P1591" i="5" s="1"/>
  <c r="J1617" i="2"/>
  <c r="J1591" i="5" s="1"/>
  <c r="N1591" i="5" s="1"/>
  <c r="K1617" i="2"/>
  <c r="K1591" i="5" s="1"/>
  <c r="K7672" i="2"/>
  <c r="K7646" i="5" s="1"/>
  <c r="O7646" i="5" s="1"/>
  <c r="M7672" i="2"/>
  <c r="M7646" i="5" s="1"/>
  <c r="P7646" i="5" s="1"/>
  <c r="J7672" i="2"/>
  <c r="J7646" i="5" s="1"/>
  <c r="N7646" i="5" s="1"/>
  <c r="I7672" i="2"/>
  <c r="I7646" i="5" s="1"/>
  <c r="J5837" i="2"/>
  <c r="J5811" i="5" s="1"/>
  <c r="N5811" i="5" s="1"/>
  <c r="L5837" i="2"/>
  <c r="L5811" i="5" s="1"/>
  <c r="M1265" i="2"/>
  <c r="M1239" i="5" s="1"/>
  <c r="P1239" i="5" s="1"/>
  <c r="L1265" i="2"/>
  <c r="L1239" i="5" s="1"/>
  <c r="K1265" i="2"/>
  <c r="K1239" i="5" s="1"/>
  <c r="I1265" i="2"/>
  <c r="I1239" i="5" s="1"/>
  <c r="J1265" i="2"/>
  <c r="J1239" i="5" s="1"/>
  <c r="N1239" i="5" s="1"/>
  <c r="I1435" i="2"/>
  <c r="I1409" i="5" s="1"/>
  <c r="K1435" i="2"/>
  <c r="K1409" i="5" s="1"/>
  <c r="J1435" i="2"/>
  <c r="J1409" i="5" s="1"/>
  <c r="L1435" i="2"/>
  <c r="L1409" i="5" s="1"/>
  <c r="I1440" i="2"/>
  <c r="I1414" i="5" s="1"/>
  <c r="L1440" i="2"/>
  <c r="L1414" i="5" s="1"/>
  <c r="J1440" i="2"/>
  <c r="J1414" i="5" s="1"/>
  <c r="N1414" i="5" s="1"/>
  <c r="M1551" i="2"/>
  <c r="M1525" i="5" s="1"/>
  <c r="P1525" i="5" s="1"/>
  <c r="I1551" i="2"/>
  <c r="I1525" i="5" s="1"/>
  <c r="M7093" i="2"/>
  <c r="M7067" i="5" s="1"/>
  <c r="P7067" i="5" s="1"/>
  <c r="L7093" i="2"/>
  <c r="L7067" i="5" s="1"/>
  <c r="I7093" i="2"/>
  <c r="I7067" i="5" s="1"/>
  <c r="L4135" i="2"/>
  <c r="L4109" i="5" s="1"/>
  <c r="J6267" i="2"/>
  <c r="J6241" i="5" s="1"/>
  <c r="N6241" i="5" s="1"/>
  <c r="M6267" i="2"/>
  <c r="M6241" i="5" s="1"/>
  <c r="P6241" i="5" s="1"/>
  <c r="I6267" i="2"/>
  <c r="I6241" i="5" s="1"/>
  <c r="J6486" i="2"/>
  <c r="J6460" i="5" s="1"/>
  <c r="N6460" i="5" s="1"/>
  <c r="M6486" i="2"/>
  <c r="M6460" i="5" s="1"/>
  <c r="P6460" i="5" s="1"/>
  <c r="I6486" i="2"/>
  <c r="I6460" i="5" s="1"/>
  <c r="K6486" i="2"/>
  <c r="K6460" i="5" s="1"/>
  <c r="L6486" i="2"/>
  <c r="L6460" i="5" s="1"/>
  <c r="L1422" i="2"/>
  <c r="L1396" i="5" s="1"/>
  <c r="L808" i="2"/>
  <c r="L782" i="5" s="1"/>
  <c r="I808" i="2"/>
  <c r="I782" i="5" s="1"/>
  <c r="J808" i="2"/>
  <c r="J782" i="5" s="1"/>
  <c r="N782" i="5" s="1"/>
  <c r="M808" i="2"/>
  <c r="M782" i="5" s="1"/>
  <c r="P782" i="5" s="1"/>
  <c r="K3918" i="2"/>
  <c r="K3892" i="5" s="1"/>
  <c r="J3918" i="2"/>
  <c r="J3892" i="5" s="1"/>
  <c r="N3892" i="5" s="1"/>
  <c r="M3918" i="2"/>
  <c r="M3892" i="5" s="1"/>
  <c r="P3892" i="5" s="1"/>
  <c r="M2966" i="2"/>
  <c r="M2940" i="5" s="1"/>
  <c r="P2940" i="5" s="1"/>
  <c r="L2966" i="2"/>
  <c r="L2940" i="5" s="1"/>
  <c r="I2966" i="2"/>
  <c r="I2940" i="5" s="1"/>
  <c r="K2966" i="2"/>
  <c r="K2940" i="5" s="1"/>
  <c r="J2966" i="2"/>
  <c r="J2940" i="5" s="1"/>
  <c r="N2940" i="5" s="1"/>
  <c r="J7011" i="2"/>
  <c r="J6985" i="5" s="1"/>
  <c r="N6985" i="5" s="1"/>
  <c r="M7011" i="2"/>
  <c r="M6985" i="5" s="1"/>
  <c r="P6985" i="5" s="1"/>
  <c r="I7011" i="2"/>
  <c r="I6985" i="5" s="1"/>
  <c r="K7011" i="2"/>
  <c r="K6985" i="5" s="1"/>
  <c r="M6628" i="2"/>
  <c r="M6602" i="5" s="1"/>
  <c r="P6602" i="5" s="1"/>
  <c r="K6628" i="2"/>
  <c r="K6602" i="5" s="1"/>
  <c r="I6628" i="2"/>
  <c r="I6602" i="5" s="1"/>
  <c r="J1491" i="2"/>
  <c r="J1465" i="5" s="1"/>
  <c r="N1465" i="5" s="1"/>
  <c r="I1491" i="2"/>
  <c r="I1465" i="5" s="1"/>
  <c r="M2434" i="2"/>
  <c r="M2408" i="5" s="1"/>
  <c r="P2408" i="5" s="1"/>
  <c r="I2434" i="2"/>
  <c r="I2408" i="5" s="1"/>
  <c r="K2434" i="2"/>
  <c r="K2408" i="5" s="1"/>
  <c r="O2408" i="5" s="1"/>
  <c r="J6002" i="2"/>
  <c r="J5976" i="5" s="1"/>
  <c r="N5976" i="5" s="1"/>
  <c r="M6002" i="2"/>
  <c r="M5976" i="5" s="1"/>
  <c r="P5976" i="5" s="1"/>
  <c r="I5509" i="2"/>
  <c r="I5483" i="5" s="1"/>
  <c r="L4287" i="2"/>
  <c r="L4261" i="5" s="1"/>
  <c r="I4287" i="2"/>
  <c r="I4261" i="5" s="1"/>
  <c r="K4287" i="2"/>
  <c r="K4261" i="5" s="1"/>
  <c r="M4287" i="2"/>
  <c r="M4261" i="5" s="1"/>
  <c r="P4261" i="5" s="1"/>
  <c r="M1112" i="2"/>
  <c r="M1086" i="5" s="1"/>
  <c r="P1086" i="5" s="1"/>
  <c r="K1112" i="2"/>
  <c r="K1086" i="5" s="1"/>
  <c r="I1112" i="2"/>
  <c r="I1086" i="5" s="1"/>
  <c r="J1112" i="2"/>
  <c r="J1086" i="5" s="1"/>
  <c r="N1086" i="5" s="1"/>
  <c r="L1112" i="2"/>
  <c r="L1086" i="5" s="1"/>
  <c r="I6533" i="2"/>
  <c r="I6507" i="5" s="1"/>
  <c r="L6533" i="2"/>
  <c r="L6507" i="5" s="1"/>
  <c r="L5840" i="2"/>
  <c r="L5814" i="5" s="1"/>
  <c r="K5840" i="2"/>
  <c r="K5814" i="5" s="1"/>
  <c r="J5840" i="2"/>
  <c r="J5814" i="5" s="1"/>
  <c r="M5840" i="2"/>
  <c r="M5814" i="5" s="1"/>
  <c r="P5814" i="5" s="1"/>
  <c r="I5840" i="2"/>
  <c r="I5814" i="5" s="1"/>
  <c r="L1269" i="2"/>
  <c r="L1243" i="5" s="1"/>
  <c r="K1269" i="2"/>
  <c r="K1243" i="5" s="1"/>
  <c r="M1269" i="2"/>
  <c r="M1243" i="5" s="1"/>
  <c r="P1243" i="5" s="1"/>
  <c r="I1269" i="2"/>
  <c r="I1243" i="5" s="1"/>
  <c r="I6850" i="2"/>
  <c r="I6824" i="5" s="1"/>
  <c r="L6850" i="2"/>
  <c r="L6824" i="5" s="1"/>
  <c r="M6850" i="2"/>
  <c r="M6824" i="5" s="1"/>
  <c r="P6824" i="5" s="1"/>
  <c r="J6850" i="2"/>
  <c r="J6824" i="5" s="1"/>
  <c r="N6824" i="5" s="1"/>
  <c r="K4435" i="2"/>
  <c r="K4409" i="5" s="1"/>
  <c r="L4435" i="2"/>
  <c r="L4409" i="5" s="1"/>
  <c r="M2570" i="2"/>
  <c r="M2544" i="5" s="1"/>
  <c r="P2544" i="5" s="1"/>
  <c r="K8715" i="2"/>
  <c r="K8689" i="5" s="1"/>
  <c r="L8715" i="2"/>
  <c r="L8689" i="5" s="1"/>
  <c r="J8715" i="2"/>
  <c r="J8689" i="5" s="1"/>
  <c r="N8689" i="5" s="1"/>
  <c r="K925" i="2"/>
  <c r="K899" i="5" s="1"/>
  <c r="J925" i="2"/>
  <c r="J899" i="5" s="1"/>
  <c r="M925" i="2"/>
  <c r="M899" i="5" s="1"/>
  <c r="P899" i="5" s="1"/>
  <c r="L925" i="2"/>
  <c r="L899" i="5" s="1"/>
  <c r="I925" i="2"/>
  <c r="I899" i="5" s="1"/>
  <c r="I2635" i="2"/>
  <c r="I2609" i="5" s="1"/>
  <c r="J2635" i="2"/>
  <c r="J2609" i="5" s="1"/>
  <c r="N2609" i="5" s="1"/>
  <c r="K2635" i="2"/>
  <c r="K2609" i="5" s="1"/>
  <c r="M2635" i="2"/>
  <c r="M2609" i="5" s="1"/>
  <c r="P2609" i="5" s="1"/>
  <c r="L2635" i="2"/>
  <c r="L2609" i="5" s="1"/>
  <c r="K5617" i="2"/>
  <c r="K5591" i="5" s="1"/>
  <c r="O5591" i="5" s="1"/>
  <c r="J5617" i="2"/>
  <c r="J5591" i="5" s="1"/>
  <c r="N5591" i="5" s="1"/>
  <c r="K6201" i="2"/>
  <c r="K6175" i="5" s="1"/>
  <c r="O6175" i="5" s="1"/>
  <c r="J3080" i="2"/>
  <c r="J3054" i="5" s="1"/>
  <c r="N3054" i="5" s="1"/>
  <c r="L3080" i="2"/>
  <c r="L3054" i="5" s="1"/>
  <c r="I3080" i="2"/>
  <c r="I3054" i="5" s="1"/>
  <c r="K3080" i="2"/>
  <c r="K3054" i="5" s="1"/>
  <c r="M2804" i="2"/>
  <c r="M2778" i="5" s="1"/>
  <c r="P2778" i="5" s="1"/>
  <c r="I2804" i="2"/>
  <c r="I2778" i="5" s="1"/>
  <c r="I7820" i="2"/>
  <c r="I7794" i="5" s="1"/>
  <c r="I1441" i="2"/>
  <c r="I1415" i="5" s="1"/>
  <c r="K1441" i="2"/>
  <c r="K1415" i="5" s="1"/>
  <c r="L1441" i="2"/>
  <c r="L1415" i="5" s="1"/>
  <c r="J1441" i="2"/>
  <c r="J1415" i="5" s="1"/>
  <c r="M1441" i="2"/>
  <c r="M1415" i="5" s="1"/>
  <c r="P1415" i="5" s="1"/>
  <c r="M5660" i="2"/>
  <c r="M5634" i="5" s="1"/>
  <c r="P5634" i="5" s="1"/>
  <c r="I5660" i="2"/>
  <c r="I5634" i="5" s="1"/>
  <c r="I5294" i="2"/>
  <c r="I5268" i="5" s="1"/>
  <c r="I6862" i="2"/>
  <c r="I6836" i="5" s="1"/>
  <c r="K6862" i="2"/>
  <c r="K6836" i="5" s="1"/>
  <c r="M6862" i="2"/>
  <c r="M6836" i="5" s="1"/>
  <c r="P6836" i="5" s="1"/>
  <c r="L6862" i="2"/>
  <c r="L6836" i="5" s="1"/>
  <c r="J6862" i="2"/>
  <c r="J6836" i="5" s="1"/>
  <c r="N6836" i="5" s="1"/>
  <c r="M8771" i="2"/>
  <c r="M8745" i="5" s="1"/>
  <c r="P8745" i="5" s="1"/>
  <c r="J8771" i="2"/>
  <c r="J8745" i="5" s="1"/>
  <c r="N8745" i="5" s="1"/>
  <c r="I8771" i="2"/>
  <c r="I8745" i="5" s="1"/>
  <c r="K8771" i="2"/>
  <c r="K8745" i="5" s="1"/>
  <c r="O8745" i="5" s="1"/>
  <c r="M8793" i="2"/>
  <c r="M8767" i="5" s="1"/>
  <c r="P8767" i="5" s="1"/>
  <c r="K8793" i="2"/>
  <c r="K8767" i="5" s="1"/>
  <c r="I8793" i="2"/>
  <c r="I8767" i="5" s="1"/>
  <c r="L8793" i="2"/>
  <c r="L8767" i="5" s="1"/>
  <c r="J8793" i="2"/>
  <c r="J8767" i="5" s="1"/>
  <c r="N8767" i="5" s="1"/>
  <c r="J7766" i="2"/>
  <c r="J7740" i="5" s="1"/>
  <c r="N7740" i="5" s="1"/>
  <c r="L7766" i="2"/>
  <c r="L7740" i="5" s="1"/>
  <c r="K7766" i="2"/>
  <c r="K7740" i="5" s="1"/>
  <c r="M7766" i="2"/>
  <c r="M7740" i="5" s="1"/>
  <c r="P7740" i="5" s="1"/>
  <c r="I7766" i="2"/>
  <c r="I7740" i="5" s="1"/>
  <c r="K3837" i="2"/>
  <c r="K3811" i="5" s="1"/>
  <c r="O3811" i="5" s="1"/>
  <c r="M3837" i="2"/>
  <c r="M3811" i="5" s="1"/>
  <c r="P3811" i="5" s="1"/>
  <c r="J3837" i="2"/>
  <c r="J3811" i="5" s="1"/>
  <c r="N3811" i="5" s="1"/>
  <c r="L6265" i="2"/>
  <c r="L6239" i="5" s="1"/>
  <c r="K6265" i="2"/>
  <c r="K6239" i="5" s="1"/>
  <c r="J6265" i="2"/>
  <c r="J6239" i="5" s="1"/>
  <c r="N6239" i="5" s="1"/>
  <c r="L2977" i="2"/>
  <c r="L2951" i="5" s="1"/>
  <c r="I2977" i="2"/>
  <c r="I2951" i="5" s="1"/>
  <c r="J4811" i="2"/>
  <c r="J4785" i="5" s="1"/>
  <c r="N4785" i="5" s="1"/>
  <c r="M4811" i="2"/>
  <c r="M4785" i="5" s="1"/>
  <c r="P4785" i="5" s="1"/>
  <c r="M1247" i="2"/>
  <c r="M1221" i="5" s="1"/>
  <c r="P1221" i="5" s="1"/>
  <c r="J1247" i="2"/>
  <c r="J1221" i="5" s="1"/>
  <c r="N1221" i="5" s="1"/>
  <c r="L1247" i="2"/>
  <c r="L1221" i="5" s="1"/>
  <c r="K1247" i="2"/>
  <c r="K1221" i="5" s="1"/>
  <c r="M8178" i="2"/>
  <c r="M8152" i="5" s="1"/>
  <c r="P8152" i="5" s="1"/>
  <c r="J8178" i="2"/>
  <c r="J8152" i="5" s="1"/>
  <c r="N8152" i="5" s="1"/>
  <c r="K8178" i="2"/>
  <c r="K8152" i="5" s="1"/>
  <c r="L8178" i="2"/>
  <c r="L8152" i="5" s="1"/>
  <c r="K6336" i="2"/>
  <c r="K6310" i="5" s="1"/>
  <c r="I6336" i="2"/>
  <c r="I6310" i="5" s="1"/>
  <c r="L6336" i="2"/>
  <c r="L6310" i="5" s="1"/>
  <c r="K590" i="2"/>
  <c r="K564" i="5" s="1"/>
  <c r="J590" i="2"/>
  <c r="J564" i="5" s="1"/>
  <c r="N564" i="5" s="1"/>
  <c r="M3145" i="2"/>
  <c r="M3119" i="5" s="1"/>
  <c r="P3119" i="5" s="1"/>
  <c r="I3145" i="2"/>
  <c r="I3119" i="5" s="1"/>
  <c r="K3145" i="2"/>
  <c r="K3119" i="5" s="1"/>
  <c r="O3119" i="5" s="1"/>
  <c r="J3145" i="2"/>
  <c r="J3119" i="5" s="1"/>
  <c r="N3119" i="5" s="1"/>
  <c r="J463" i="2"/>
  <c r="J437" i="5" s="1"/>
  <c r="N437" i="5" s="1"/>
  <c r="K463" i="2"/>
  <c r="K437" i="5" s="1"/>
  <c r="L463" i="2"/>
  <c r="L437" i="5" s="1"/>
  <c r="M463" i="2"/>
  <c r="M437" i="5" s="1"/>
  <c r="P437" i="5" s="1"/>
  <c r="I2622" i="2"/>
  <c r="I2596" i="5" s="1"/>
  <c r="K2622" i="2"/>
  <c r="K2596" i="5" s="1"/>
  <c r="L2622" i="2"/>
  <c r="L2596" i="5" s="1"/>
  <c r="J2097" i="2"/>
  <c r="J2071" i="5" s="1"/>
  <c r="N2071" i="5" s="1"/>
  <c r="I2097" i="2"/>
  <c r="I2071" i="5" s="1"/>
  <c r="L2097" i="2"/>
  <c r="L2071" i="5" s="1"/>
  <c r="L7035" i="2"/>
  <c r="L7009" i="5" s="1"/>
  <c r="M7035" i="2"/>
  <c r="M7009" i="5" s="1"/>
  <c r="P7009" i="5" s="1"/>
  <c r="K7035" i="2"/>
  <c r="K7009" i="5" s="1"/>
  <c r="I7035" i="2"/>
  <c r="I7009" i="5" s="1"/>
  <c r="I3573" i="2"/>
  <c r="I3547" i="5" s="1"/>
  <c r="M3573" i="2"/>
  <c r="M3547" i="5" s="1"/>
  <c r="P3547" i="5" s="1"/>
  <c r="L7970" i="2"/>
  <c r="L7944" i="5" s="1"/>
  <c r="M7970" i="2"/>
  <c r="M7944" i="5" s="1"/>
  <c r="P7944" i="5" s="1"/>
  <c r="I7970" i="2"/>
  <c r="I7944" i="5" s="1"/>
  <c r="K4982" i="2"/>
  <c r="K4956" i="5" s="1"/>
  <c r="L4982" i="2"/>
  <c r="L4956" i="5" s="1"/>
  <c r="J4982" i="2"/>
  <c r="J4956" i="5" s="1"/>
  <c r="N4956" i="5" s="1"/>
  <c r="I4982" i="2"/>
  <c r="I4956" i="5" s="1"/>
  <c r="M4982" i="2"/>
  <c r="M4956" i="5" s="1"/>
  <c r="P4956" i="5" s="1"/>
  <c r="J6124" i="2"/>
  <c r="J6098" i="5" s="1"/>
  <c r="N6098" i="5" s="1"/>
  <c r="L6124" i="2"/>
  <c r="L6098" i="5" s="1"/>
  <c r="K7027" i="2"/>
  <c r="K7001" i="5" s="1"/>
  <c r="L7027" i="2"/>
  <c r="L7001" i="5" s="1"/>
  <c r="M7027" i="2"/>
  <c r="M7001" i="5" s="1"/>
  <c r="P7001" i="5" s="1"/>
  <c r="I7027" i="2"/>
  <c r="I7001" i="5" s="1"/>
  <c r="K5258" i="2"/>
  <c r="K5232" i="5" s="1"/>
  <c r="O5232" i="5" s="1"/>
  <c r="M5258" i="2"/>
  <c r="M5232" i="5" s="1"/>
  <c r="P5232" i="5" s="1"/>
  <c r="J6316" i="2"/>
  <c r="J6290" i="5" s="1"/>
  <c r="N6290" i="5" s="1"/>
  <c r="M6316" i="2"/>
  <c r="M6290" i="5" s="1"/>
  <c r="P6290" i="5" s="1"/>
  <c r="L6316" i="2"/>
  <c r="L6290" i="5" s="1"/>
  <c r="K6316" i="2"/>
  <c r="K6290" i="5" s="1"/>
  <c r="K3804" i="2"/>
  <c r="K3778" i="5" s="1"/>
  <c r="J3804" i="2"/>
  <c r="J3778" i="5" s="1"/>
  <c r="N3778" i="5" s="1"/>
  <c r="J6159" i="2"/>
  <c r="J6133" i="5" s="1"/>
  <c r="N6133" i="5" s="1"/>
  <c r="I6159" i="2"/>
  <c r="I6133" i="5" s="1"/>
  <c r="K6159" i="2"/>
  <c r="K6133" i="5" s="1"/>
  <c r="K2164" i="2"/>
  <c r="K2138" i="5" s="1"/>
  <c r="J2164" i="2"/>
  <c r="J2138" i="5" s="1"/>
  <c r="N2138" i="5" s="1"/>
  <c r="L2164" i="2"/>
  <c r="L2138" i="5" s="1"/>
  <c r="I4848" i="2"/>
  <c r="I4822" i="5" s="1"/>
  <c r="I8521" i="2"/>
  <c r="I8495" i="5" s="1"/>
  <c r="K8521" i="2"/>
  <c r="K8495" i="5" s="1"/>
  <c r="M8521" i="2"/>
  <c r="M8495" i="5" s="1"/>
  <c r="P8495" i="5" s="1"/>
  <c r="J8521" i="2"/>
  <c r="J8495" i="5" s="1"/>
  <c r="N8495" i="5" s="1"/>
  <c r="L8521" i="2"/>
  <c r="L8495" i="5" s="1"/>
  <c r="M609" i="2"/>
  <c r="M583" i="5" s="1"/>
  <c r="P583" i="5" s="1"/>
  <c r="J609" i="2"/>
  <c r="J583" i="5" s="1"/>
  <c r="N583" i="5" s="1"/>
  <c r="I609" i="2"/>
  <c r="I583" i="5" s="1"/>
  <c r="I7036" i="2"/>
  <c r="I7010" i="5" s="1"/>
  <c r="J7036" i="2"/>
  <c r="J7010" i="5" s="1"/>
  <c r="N7010" i="5" s="1"/>
  <c r="J6992" i="2"/>
  <c r="J6966" i="5" s="1"/>
  <c r="N6966" i="5" s="1"/>
  <c r="I6992" i="2"/>
  <c r="I6966" i="5" s="1"/>
  <c r="J6962" i="2"/>
  <c r="J6936" i="5" s="1"/>
  <c r="N6936" i="5" s="1"/>
  <c r="I6962" i="2"/>
  <c r="I6936" i="5" s="1"/>
  <c r="L6962" i="2"/>
  <c r="L6936" i="5" s="1"/>
  <c r="K6962" i="2"/>
  <c r="K6936" i="5" s="1"/>
  <c r="L4327" i="2"/>
  <c r="L4301" i="5" s="1"/>
  <c r="I4327" i="2"/>
  <c r="I4301" i="5" s="1"/>
  <c r="K4327" i="2"/>
  <c r="K4301" i="5" s="1"/>
  <c r="J4327" i="2"/>
  <c r="J4301" i="5" s="1"/>
  <c r="N4301" i="5" s="1"/>
  <c r="I3065" i="2"/>
  <c r="I3039" i="5" s="1"/>
  <c r="J3065" i="2"/>
  <c r="J3039" i="5" s="1"/>
  <c r="N3039" i="5" s="1"/>
  <c r="L3065" i="2"/>
  <c r="L3039" i="5" s="1"/>
  <c r="M3065" i="2"/>
  <c r="M3039" i="5" s="1"/>
  <c r="P3039" i="5" s="1"/>
  <c r="K4160" i="2"/>
  <c r="K4134" i="5" s="1"/>
  <c r="J4160" i="2"/>
  <c r="J4134" i="5" s="1"/>
  <c r="N4134" i="5" s="1"/>
  <c r="L4160" i="2"/>
  <c r="L4134" i="5" s="1"/>
  <c r="I4160" i="2"/>
  <c r="I4134" i="5" s="1"/>
  <c r="M4160" i="2"/>
  <c r="M4134" i="5" s="1"/>
  <c r="P4134" i="5" s="1"/>
  <c r="L3271" i="2"/>
  <c r="L3245" i="5" s="1"/>
  <c r="I3271" i="2"/>
  <c r="I3245" i="5" s="1"/>
  <c r="M3271" i="2"/>
  <c r="M3245" i="5" s="1"/>
  <c r="P3245" i="5" s="1"/>
  <c r="J3271" i="2"/>
  <c r="J3245" i="5" s="1"/>
  <c r="N3245" i="5" s="1"/>
  <c r="J5112" i="2"/>
  <c r="J5086" i="5" s="1"/>
  <c r="N5086" i="5" s="1"/>
  <c r="M5112" i="2"/>
  <c r="M5086" i="5" s="1"/>
  <c r="P5086" i="5" s="1"/>
  <c r="L5112" i="2"/>
  <c r="L5086" i="5" s="1"/>
  <c r="I5112" i="2"/>
  <c r="I5086" i="5" s="1"/>
  <c r="K5112" i="2"/>
  <c r="K5086" i="5" s="1"/>
  <c r="K1455" i="2"/>
  <c r="K1429" i="5" s="1"/>
  <c r="M1455" i="2"/>
  <c r="M1429" i="5" s="1"/>
  <c r="P1429" i="5" s="1"/>
  <c r="L1455" i="2"/>
  <c r="L1429" i="5" s="1"/>
  <c r="I5352" i="2"/>
  <c r="I5326" i="5" s="1"/>
  <c r="K5352" i="2"/>
  <c r="K5326" i="5" s="1"/>
  <c r="J5352" i="2"/>
  <c r="J5326" i="5" s="1"/>
  <c r="L5352" i="2"/>
  <c r="L5326" i="5" s="1"/>
  <c r="M3071" i="2"/>
  <c r="M3045" i="5" s="1"/>
  <c r="P3045" i="5" s="1"/>
  <c r="L3071" i="2"/>
  <c r="L3045" i="5" s="1"/>
  <c r="I3071" i="2"/>
  <c r="I3045" i="5" s="1"/>
  <c r="K3071" i="2"/>
  <c r="K3045" i="5" s="1"/>
  <c r="J3071" i="2"/>
  <c r="J3045" i="5" s="1"/>
  <c r="N3045" i="5" s="1"/>
  <c r="L4470" i="2"/>
  <c r="L4444" i="5" s="1"/>
  <c r="J4470" i="2"/>
  <c r="J4444" i="5" s="1"/>
  <c r="N4444" i="5" s="1"/>
  <c r="M4470" i="2"/>
  <c r="M4444" i="5" s="1"/>
  <c r="P4444" i="5" s="1"/>
  <c r="I4470" i="2"/>
  <c r="I4444" i="5" s="1"/>
  <c r="I7864" i="2"/>
  <c r="I7838" i="5" s="1"/>
  <c r="M7864" i="2"/>
  <c r="M7838" i="5" s="1"/>
  <c r="P7838" i="5" s="1"/>
  <c r="L7864" i="2"/>
  <c r="L7838" i="5" s="1"/>
  <c r="K7864" i="2"/>
  <c r="K7838" i="5" s="1"/>
  <c r="J7864" i="2"/>
  <c r="J7838" i="5" s="1"/>
  <c r="N7838" i="5" s="1"/>
  <c r="I1291" i="2"/>
  <c r="I1265" i="5" s="1"/>
  <c r="L1291" i="2"/>
  <c r="L1265" i="5" s="1"/>
  <c r="M1291" i="2"/>
  <c r="M1265" i="5" s="1"/>
  <c r="P1265" i="5" s="1"/>
  <c r="K1291" i="2"/>
  <c r="K1265" i="5" s="1"/>
  <c r="L1950" i="2"/>
  <c r="L1924" i="5" s="1"/>
  <c r="I1950" i="2"/>
  <c r="I1924" i="5" s="1"/>
  <c r="K1950" i="2"/>
  <c r="K1924" i="5" s="1"/>
  <c r="J1950" i="2"/>
  <c r="J1924" i="5" s="1"/>
  <c r="N1924" i="5" s="1"/>
  <c r="L2221" i="2"/>
  <c r="L2195" i="5" s="1"/>
  <c r="J2221" i="2"/>
  <c r="J2195" i="5" s="1"/>
  <c r="N2195" i="5" s="1"/>
  <c r="K2221" i="2"/>
  <c r="K2195" i="5" s="1"/>
  <c r="I7611" i="2"/>
  <c r="I7585" i="5" s="1"/>
  <c r="K7611" i="2"/>
  <c r="K7585" i="5" s="1"/>
  <c r="J7611" i="2"/>
  <c r="J7585" i="5" s="1"/>
  <c r="N7585" i="5" s="1"/>
  <c r="L7611" i="2"/>
  <c r="L7585" i="5" s="1"/>
  <c r="J4841" i="2"/>
  <c r="J4815" i="5" s="1"/>
  <c r="N4815" i="5" s="1"/>
  <c r="M4841" i="2"/>
  <c r="M4815" i="5" s="1"/>
  <c r="P4815" i="5" s="1"/>
  <c r="K4841" i="2"/>
  <c r="K4815" i="5" s="1"/>
  <c r="L4784" i="2"/>
  <c r="L4758" i="5" s="1"/>
  <c r="I4784" i="2"/>
  <c r="I4758" i="5" s="1"/>
  <c r="I1472" i="2"/>
  <c r="I1446" i="5" s="1"/>
  <c r="K1472" i="2"/>
  <c r="K1446" i="5" s="1"/>
  <c r="J1472" i="2"/>
  <c r="J1446" i="5" s="1"/>
  <c r="L1472" i="2"/>
  <c r="L1446" i="5" s="1"/>
  <c r="K8099" i="2"/>
  <c r="K8073" i="5" s="1"/>
  <c r="J8099" i="2"/>
  <c r="J8073" i="5" s="1"/>
  <c r="N8073" i="5" s="1"/>
  <c r="M8099" i="2"/>
  <c r="M8073" i="5" s="1"/>
  <c r="P8073" i="5" s="1"/>
  <c r="I8099" i="2"/>
  <c r="I8073" i="5" s="1"/>
  <c r="J4574" i="2"/>
  <c r="J4548" i="5" s="1"/>
  <c r="N4548" i="5" s="1"/>
  <c r="I4574" i="2"/>
  <c r="I4548" i="5" s="1"/>
  <c r="L3133" i="2"/>
  <c r="L3107" i="5" s="1"/>
  <c r="M3133" i="2"/>
  <c r="M3107" i="5" s="1"/>
  <c r="P3107" i="5" s="1"/>
  <c r="K8786" i="2"/>
  <c r="K8760" i="5" s="1"/>
  <c r="L8786" i="2"/>
  <c r="L8760" i="5" s="1"/>
  <c r="J8786" i="2"/>
  <c r="J8760" i="5" s="1"/>
  <c r="N8760" i="5" s="1"/>
  <c r="M8786" i="2"/>
  <c r="M8760" i="5" s="1"/>
  <c r="P8760" i="5" s="1"/>
  <c r="I8786" i="2"/>
  <c r="I8760" i="5" s="1"/>
  <c r="M3828" i="2"/>
  <c r="M3802" i="5" s="1"/>
  <c r="P3802" i="5" s="1"/>
  <c r="I3828" i="2"/>
  <c r="I3802" i="5" s="1"/>
  <c r="J3828" i="2"/>
  <c r="J3802" i="5" s="1"/>
  <c r="N3802" i="5" s="1"/>
  <c r="L1897" i="2"/>
  <c r="L1871" i="5" s="1"/>
  <c r="M1897" i="2"/>
  <c r="M1871" i="5" s="1"/>
  <c r="P1871" i="5" s="1"/>
  <c r="K1897" i="2"/>
  <c r="K1871" i="5" s="1"/>
  <c r="I1897" i="2"/>
  <c r="I1871" i="5" s="1"/>
  <c r="J1897" i="2"/>
  <c r="J1871" i="5" s="1"/>
  <c r="N1871" i="5" s="1"/>
  <c r="L8277" i="2"/>
  <c r="L8251" i="5" s="1"/>
  <c r="J8277" i="2"/>
  <c r="J8251" i="5" s="1"/>
  <c r="N8251" i="5" s="1"/>
  <c r="J2585" i="2"/>
  <c r="J2559" i="5" s="1"/>
  <c r="I2585" i="2"/>
  <c r="I2559" i="5" s="1"/>
  <c r="M4321" i="2"/>
  <c r="M4295" i="5" s="1"/>
  <c r="P4295" i="5" s="1"/>
  <c r="I4321" i="2"/>
  <c r="I4295" i="5" s="1"/>
  <c r="K4321" i="2"/>
  <c r="K4295" i="5" s="1"/>
  <c r="L4321" i="2"/>
  <c r="L4295" i="5" s="1"/>
  <c r="J4321" i="2"/>
  <c r="J4295" i="5" s="1"/>
  <c r="N4295" i="5" s="1"/>
  <c r="M1443" i="2"/>
  <c r="M1417" i="5" s="1"/>
  <c r="P1417" i="5" s="1"/>
  <c r="L1443" i="2"/>
  <c r="L1417" i="5" s="1"/>
  <c r="K1443" i="2"/>
  <c r="K1417" i="5" s="1"/>
  <c r="J1443" i="2"/>
  <c r="J1417" i="5" s="1"/>
  <c r="N1417" i="5" s="1"/>
  <c r="J4099" i="2"/>
  <c r="J4073" i="5" s="1"/>
  <c r="N4073" i="5" s="1"/>
  <c r="L4099" i="2"/>
  <c r="L4073" i="5" s="1"/>
  <c r="K3607" i="2"/>
  <c r="K3581" i="5" s="1"/>
  <c r="D11" i="5"/>
  <c r="AR5" i="1"/>
  <c r="I7776" i="2"/>
  <c r="I7750" i="5" s="1"/>
  <c r="M7776" i="2"/>
  <c r="M7750" i="5" s="1"/>
  <c r="P7750" i="5" s="1"/>
  <c r="J7776" i="2"/>
  <c r="J7750" i="5" s="1"/>
  <c r="K5635" i="2"/>
  <c r="K5609" i="5" s="1"/>
  <c r="J5635" i="2"/>
  <c r="J5609" i="5" s="1"/>
  <c r="N5609" i="5" s="1"/>
  <c r="L5635" i="2"/>
  <c r="L5609" i="5" s="1"/>
  <c r="M5635" i="2"/>
  <c r="M5609" i="5" s="1"/>
  <c r="P5609" i="5" s="1"/>
  <c r="I5635" i="2"/>
  <c r="I5609" i="5" s="1"/>
  <c r="M1052" i="2"/>
  <c r="M1026" i="5" s="1"/>
  <c r="P1026" i="5" s="1"/>
  <c r="K1052" i="2"/>
  <c r="K1026" i="5" s="1"/>
  <c r="K3319" i="2"/>
  <c r="K3293" i="5" s="1"/>
  <c r="I3319" i="2"/>
  <c r="I3293" i="5" s="1"/>
  <c r="L3319" i="2"/>
  <c r="L3293" i="5" s="1"/>
  <c r="L274" i="2"/>
  <c r="L248" i="5" s="1"/>
  <c r="J274" i="2"/>
  <c r="J248" i="5" s="1"/>
  <c r="N248" i="5" s="1"/>
  <c r="M274" i="2"/>
  <c r="M248" i="5" s="1"/>
  <c r="P248" i="5" s="1"/>
  <c r="K8610" i="2"/>
  <c r="K8584" i="5" s="1"/>
  <c r="O8584" i="5" s="1"/>
  <c r="J8610" i="2"/>
  <c r="J8584" i="5" s="1"/>
  <c r="N8584" i="5" s="1"/>
  <c r="I8610" i="2"/>
  <c r="I8584" i="5" s="1"/>
  <c r="L3565" i="2"/>
  <c r="L3539" i="5" s="1"/>
  <c r="J3565" i="2"/>
  <c r="J3539" i="5" s="1"/>
  <c r="N3539" i="5" s="1"/>
  <c r="I1308" i="2"/>
  <c r="I1282" i="5" s="1"/>
  <c r="J1308" i="2"/>
  <c r="J1282" i="5" s="1"/>
  <c r="N1282" i="5" s="1"/>
  <c r="K1308" i="2"/>
  <c r="K1282" i="5" s="1"/>
  <c r="M1308" i="2"/>
  <c r="M1282" i="5" s="1"/>
  <c r="P1282" i="5" s="1"/>
  <c r="I6119" i="2"/>
  <c r="I6093" i="5" s="1"/>
  <c r="K6119" i="2"/>
  <c r="K6093" i="5" s="1"/>
  <c r="M6119" i="2"/>
  <c r="M6093" i="5" s="1"/>
  <c r="P6093" i="5" s="1"/>
  <c r="L6119" i="2"/>
  <c r="L6093" i="5" s="1"/>
  <c r="J6119" i="2"/>
  <c r="J6093" i="5" s="1"/>
  <c r="N6093" i="5" s="1"/>
  <c r="I8017" i="2"/>
  <c r="I7991" i="5" s="1"/>
  <c r="M8017" i="2"/>
  <c r="M7991" i="5" s="1"/>
  <c r="P7991" i="5" s="1"/>
  <c r="L8017" i="2"/>
  <c r="L7991" i="5" s="1"/>
  <c r="K8017" i="2"/>
  <c r="K7991" i="5" s="1"/>
  <c r="J3144" i="2"/>
  <c r="J3118" i="5" s="1"/>
  <c r="N3118" i="5" s="1"/>
  <c r="I1907" i="2"/>
  <c r="I1881" i="5" s="1"/>
  <c r="J1907" i="2"/>
  <c r="J1881" i="5" s="1"/>
  <c r="N1881" i="5" s="1"/>
  <c r="L6310" i="2"/>
  <c r="L6284" i="5" s="1"/>
  <c r="I6310" i="2"/>
  <c r="I6284" i="5" s="1"/>
  <c r="K6310" i="2"/>
  <c r="K6284" i="5" s="1"/>
  <c r="L3584" i="2"/>
  <c r="L3558" i="5" s="1"/>
  <c r="M3584" i="2"/>
  <c r="M3558" i="5" s="1"/>
  <c r="P3558" i="5" s="1"/>
  <c r="I3584" i="2"/>
  <c r="I3558" i="5" s="1"/>
  <c r="K3584" i="2"/>
  <c r="K3558" i="5" s="1"/>
  <c r="J3584" i="2"/>
  <c r="J3558" i="5" s="1"/>
  <c r="N3558" i="5" s="1"/>
  <c r="K8494" i="2"/>
  <c r="K8468" i="5" s="1"/>
  <c r="I8494" i="2"/>
  <c r="I8468" i="5" s="1"/>
  <c r="K7319" i="2"/>
  <c r="K7293" i="5" s="1"/>
  <c r="L7319" i="2"/>
  <c r="L7293" i="5" s="1"/>
  <c r="J7319" i="2"/>
  <c r="J7293" i="5" s="1"/>
  <c r="N7293" i="5" s="1"/>
  <c r="I7319" i="2"/>
  <c r="I7293" i="5" s="1"/>
  <c r="J2590" i="2"/>
  <c r="J2564" i="5" s="1"/>
  <c r="N2564" i="5" s="1"/>
  <c r="L2590" i="2"/>
  <c r="L2564" i="5" s="1"/>
  <c r="I8190" i="2"/>
  <c r="I8164" i="5" s="1"/>
  <c r="K8190" i="2"/>
  <c r="K8164" i="5" s="1"/>
  <c r="L8190" i="2"/>
  <c r="L8164" i="5" s="1"/>
  <c r="I2218" i="2"/>
  <c r="I2192" i="5" s="1"/>
  <c r="K2218" i="2"/>
  <c r="K2192" i="5" s="1"/>
  <c r="J2218" i="2"/>
  <c r="J2192" i="5" s="1"/>
  <c r="N2192" i="5" s="1"/>
  <c r="K7969" i="2"/>
  <c r="K7943" i="5" s="1"/>
  <c r="M7969" i="2"/>
  <c r="M7943" i="5" s="1"/>
  <c r="P7943" i="5" s="1"/>
  <c r="L7969" i="2"/>
  <c r="L7943" i="5" s="1"/>
  <c r="M7037" i="2"/>
  <c r="M7011" i="5" s="1"/>
  <c r="P7011" i="5" s="1"/>
  <c r="L7037" i="2"/>
  <c r="L7011" i="5" s="1"/>
  <c r="K1327" i="2"/>
  <c r="K1301" i="5" s="1"/>
  <c r="K5999" i="2"/>
  <c r="K5973" i="5" s="1"/>
  <c r="O5973" i="5" s="1"/>
  <c r="J5999" i="2"/>
  <c r="J5973" i="5" s="1"/>
  <c r="N5973" i="5" s="1"/>
  <c r="L4317" i="2"/>
  <c r="L4291" i="5" s="1"/>
  <c r="I4317" i="2"/>
  <c r="I4291" i="5" s="1"/>
  <c r="K4317" i="2"/>
  <c r="K4291" i="5" s="1"/>
  <c r="M4317" i="2"/>
  <c r="M4291" i="5" s="1"/>
  <c r="P4291" i="5" s="1"/>
  <c r="J4317" i="2"/>
  <c r="J4291" i="5" s="1"/>
  <c r="N4291" i="5" s="1"/>
  <c r="L1310" i="2"/>
  <c r="L1284" i="5" s="1"/>
  <c r="I1310" i="2"/>
  <c r="I1284" i="5" s="1"/>
  <c r="K1310" i="2"/>
  <c r="K1284" i="5" s="1"/>
  <c r="J1310" i="2"/>
  <c r="J1284" i="5" s="1"/>
  <c r="N1284" i="5" s="1"/>
  <c r="F89" i="5"/>
  <c r="AR83" i="1"/>
  <c r="K4150" i="2"/>
  <c r="K4124" i="5" s="1"/>
  <c r="O4124" i="5" s="1"/>
  <c r="J4150" i="2"/>
  <c r="J4124" i="5" s="1"/>
  <c r="M4150" i="2"/>
  <c r="M4124" i="5" s="1"/>
  <c r="P4124" i="5" s="1"/>
  <c r="K5114" i="2"/>
  <c r="K5088" i="5" s="1"/>
  <c r="J5114" i="2"/>
  <c r="J5088" i="5" s="1"/>
  <c r="I5114" i="2"/>
  <c r="I5088" i="5" s="1"/>
  <c r="L5114" i="2"/>
  <c r="L5088" i="5" s="1"/>
  <c r="M5114" i="2"/>
  <c r="M5088" i="5" s="1"/>
  <c r="P5088" i="5" s="1"/>
  <c r="L8279" i="2"/>
  <c r="L8253" i="5" s="1"/>
  <c r="I1932" i="2"/>
  <c r="I1906" i="5" s="1"/>
  <c r="K1932" i="2"/>
  <c r="K1906" i="5" s="1"/>
  <c r="J1932" i="2"/>
  <c r="J1906" i="5" s="1"/>
  <c r="N1906" i="5" s="1"/>
  <c r="L1932" i="2"/>
  <c r="L1906" i="5" s="1"/>
  <c r="M948" i="2"/>
  <c r="M922" i="5" s="1"/>
  <c r="P922" i="5" s="1"/>
  <c r="I948" i="2"/>
  <c r="I922" i="5" s="1"/>
  <c r="L5264" i="2"/>
  <c r="L5238" i="5" s="1"/>
  <c r="M5264" i="2"/>
  <c r="M5238" i="5" s="1"/>
  <c r="P5238" i="5" s="1"/>
  <c r="J5264" i="2"/>
  <c r="J5238" i="5" s="1"/>
  <c r="N5238" i="5" s="1"/>
  <c r="I5264" i="2"/>
  <c r="I5238" i="5" s="1"/>
  <c r="K5264" i="2"/>
  <c r="K5238" i="5" s="1"/>
  <c r="C51" i="5"/>
  <c r="AR45" i="1"/>
  <c r="K7867" i="2"/>
  <c r="K7841" i="5" s="1"/>
  <c r="M7867" i="2"/>
  <c r="M7841" i="5" s="1"/>
  <c r="P7841" i="5" s="1"/>
  <c r="I7867" i="2"/>
  <c r="I7841" i="5" s="1"/>
  <c r="M7594" i="2"/>
  <c r="M7568" i="5" s="1"/>
  <c r="P7568" i="5" s="1"/>
  <c r="K7594" i="2"/>
  <c r="K7568" i="5" s="1"/>
  <c r="O7568" i="5" s="1"/>
  <c r="K7604" i="2"/>
  <c r="K7578" i="5" s="1"/>
  <c r="L7604" i="2"/>
  <c r="L7578" i="5" s="1"/>
  <c r="M7604" i="2"/>
  <c r="M7578" i="5" s="1"/>
  <c r="P7578" i="5" s="1"/>
  <c r="L4668" i="2"/>
  <c r="L4642" i="5" s="1"/>
  <c r="M4668" i="2"/>
  <c r="M4642" i="5" s="1"/>
  <c r="P4642" i="5" s="1"/>
  <c r="J4668" i="2"/>
  <c r="J4642" i="5" s="1"/>
  <c r="N4642" i="5" s="1"/>
  <c r="K7662" i="2"/>
  <c r="K7636" i="5" s="1"/>
  <c r="I3096" i="2"/>
  <c r="I3070" i="5" s="1"/>
  <c r="K3096" i="2"/>
  <c r="K3070" i="5" s="1"/>
  <c r="O3070" i="5" s="1"/>
  <c r="M3096" i="2"/>
  <c r="M3070" i="5" s="1"/>
  <c r="P3070" i="5" s="1"/>
  <c r="J3096" i="2"/>
  <c r="J3070" i="5" s="1"/>
  <c r="N3070" i="5" s="1"/>
  <c r="J3846" i="2"/>
  <c r="J3820" i="5" s="1"/>
  <c r="N3820" i="5" s="1"/>
  <c r="M3846" i="2"/>
  <c r="M3820" i="5" s="1"/>
  <c r="P3820" i="5" s="1"/>
  <c r="L3846" i="2"/>
  <c r="L3820" i="5" s="1"/>
  <c r="J3091" i="2"/>
  <c r="J3065" i="5" s="1"/>
  <c r="N3065" i="5" s="1"/>
  <c r="L3091" i="2"/>
  <c r="L3065" i="5" s="1"/>
  <c r="I3091" i="2"/>
  <c r="I3065" i="5" s="1"/>
  <c r="M3091" i="2"/>
  <c r="M3065" i="5" s="1"/>
  <c r="P3065" i="5" s="1"/>
  <c r="K3091" i="2"/>
  <c r="K3065" i="5" s="1"/>
  <c r="J4769" i="2"/>
  <c r="J4743" i="5" s="1"/>
  <c r="N4743" i="5" s="1"/>
  <c r="K4769" i="2"/>
  <c r="K4743" i="5" s="1"/>
  <c r="I4769" i="2"/>
  <c r="I4743" i="5" s="1"/>
  <c r="M7605" i="2"/>
  <c r="M7579" i="5" s="1"/>
  <c r="P7579" i="5" s="1"/>
  <c r="J7605" i="2"/>
  <c r="J7579" i="5" s="1"/>
  <c r="N7579" i="5" s="1"/>
  <c r="K7605" i="2"/>
  <c r="K7579" i="5" s="1"/>
  <c r="L7605" i="2"/>
  <c r="L7579" i="5" s="1"/>
  <c r="L4494" i="2"/>
  <c r="L4468" i="5" s="1"/>
  <c r="I4494" i="2"/>
  <c r="I4468" i="5" s="1"/>
  <c r="K4494" i="2"/>
  <c r="K4468" i="5" s="1"/>
  <c r="M4494" i="2"/>
  <c r="M4468" i="5" s="1"/>
  <c r="P4468" i="5" s="1"/>
  <c r="M2114" i="2"/>
  <c r="M2088" i="5" s="1"/>
  <c r="P2088" i="5" s="1"/>
  <c r="L2114" i="2"/>
  <c r="L2088" i="5" s="1"/>
  <c r="I2114" i="2"/>
  <c r="I2088" i="5" s="1"/>
  <c r="I3108" i="2"/>
  <c r="I3082" i="5" s="1"/>
  <c r="M3108" i="2"/>
  <c r="M3082" i="5" s="1"/>
  <c r="P3082" i="5" s="1"/>
  <c r="J3108" i="2"/>
  <c r="J3082" i="5" s="1"/>
  <c r="N3082" i="5" s="1"/>
  <c r="K7973" i="2"/>
  <c r="K7947" i="5" s="1"/>
  <c r="L7973" i="2"/>
  <c r="L7947" i="5" s="1"/>
  <c r="M7973" i="2"/>
  <c r="M7947" i="5" s="1"/>
  <c r="P7947" i="5" s="1"/>
  <c r="I7973" i="2"/>
  <c r="I7947" i="5" s="1"/>
  <c r="J727" i="2"/>
  <c r="J701" i="5" s="1"/>
  <c r="N701" i="5" s="1"/>
  <c r="M876" i="2"/>
  <c r="M850" i="5" s="1"/>
  <c r="P850" i="5" s="1"/>
  <c r="M426" i="2"/>
  <c r="M400" i="5" s="1"/>
  <c r="P400" i="5" s="1"/>
  <c r="L5280" i="2"/>
  <c r="L5254" i="5" s="1"/>
  <c r="M5280" i="2"/>
  <c r="M5254" i="5" s="1"/>
  <c r="P5254" i="5" s="1"/>
  <c r="I5280" i="2"/>
  <c r="I5254" i="5" s="1"/>
  <c r="L3267" i="2"/>
  <c r="L3241" i="5" s="1"/>
  <c r="C249" i="5"/>
  <c r="AR243" i="1"/>
  <c r="I1901" i="2"/>
  <c r="I1875" i="5" s="1"/>
  <c r="K3477" i="2"/>
  <c r="K3451" i="5" s="1"/>
  <c r="J6685" i="2"/>
  <c r="J6659" i="5" s="1"/>
  <c r="N6659" i="5" s="1"/>
  <c r="L2949" i="2"/>
  <c r="L2923" i="5" s="1"/>
  <c r="K2949" i="2"/>
  <c r="K2923" i="5" s="1"/>
  <c r="J4594" i="2"/>
  <c r="J4568" i="5" s="1"/>
  <c r="N4568" i="5" s="1"/>
  <c r="L8668" i="2"/>
  <c r="L8642" i="5" s="1"/>
  <c r="K1759" i="2"/>
  <c r="K1733" i="5" s="1"/>
  <c r="O1733" i="5" s="1"/>
  <c r="J1759" i="2"/>
  <c r="J1733" i="5" s="1"/>
  <c r="M6654" i="2"/>
  <c r="M6628" i="5" s="1"/>
  <c r="P6628" i="5" s="1"/>
  <c r="I6654" i="2"/>
  <c r="I6628" i="5" s="1"/>
  <c r="K6654" i="2"/>
  <c r="K6628" i="5" s="1"/>
  <c r="I8673" i="2"/>
  <c r="I8647" i="5" s="1"/>
  <c r="AR367" i="1"/>
  <c r="J8644" i="2"/>
  <c r="J8618" i="5" s="1"/>
  <c r="N8618" i="5" s="1"/>
  <c r="M721" i="2"/>
  <c r="M695" i="5" s="1"/>
  <c r="P695" i="5" s="1"/>
  <c r="L811" i="2"/>
  <c r="L785" i="5" s="1"/>
  <c r="J811" i="2"/>
  <c r="J785" i="5" s="1"/>
  <c r="N785" i="5" s="1"/>
  <c r="J3651" i="2"/>
  <c r="J3625" i="5" s="1"/>
  <c r="N3625" i="5" s="1"/>
  <c r="I2386" i="2"/>
  <c r="I2360" i="5" s="1"/>
  <c r="I6758" i="2"/>
  <c r="I6732" i="5" s="1"/>
  <c r="I6658" i="2"/>
  <c r="I6632" i="5" s="1"/>
  <c r="I6589" i="2"/>
  <c r="I6563" i="5" s="1"/>
  <c r="K6589" i="2"/>
  <c r="K6563" i="5" s="1"/>
  <c r="I5472" i="2"/>
  <c r="I5446" i="5" s="1"/>
  <c r="M5472" i="2"/>
  <c r="M5446" i="5" s="1"/>
  <c r="P5446" i="5" s="1"/>
  <c r="J4078" i="2"/>
  <c r="J4052" i="5" s="1"/>
  <c r="M4078" i="2"/>
  <c r="M4052" i="5" s="1"/>
  <c r="P4052" i="5" s="1"/>
  <c r="M6756" i="2"/>
  <c r="M6730" i="5" s="1"/>
  <c r="P6730" i="5" s="1"/>
  <c r="K6756" i="2"/>
  <c r="K6730" i="5" s="1"/>
  <c r="L6756" i="2"/>
  <c r="L6730" i="5" s="1"/>
  <c r="I6756" i="2"/>
  <c r="I6730" i="5" s="1"/>
  <c r="I6831" i="2"/>
  <c r="I6805" i="5" s="1"/>
  <c r="M6831" i="2"/>
  <c r="M6805" i="5" s="1"/>
  <c r="P6805" i="5" s="1"/>
  <c r="M96" i="2"/>
  <c r="M70" i="5" s="1"/>
  <c r="P70" i="5" s="1"/>
  <c r="J96" i="2"/>
  <c r="J70" i="5" s="1"/>
  <c r="N70" i="5" s="1"/>
  <c r="L96" i="2"/>
  <c r="L70" i="5" s="1"/>
  <c r="L2939" i="2"/>
  <c r="L2913" i="5" s="1"/>
  <c r="K1604" i="2"/>
  <c r="K1578" i="5" s="1"/>
  <c r="I6437" i="2"/>
  <c r="I6411" i="5" s="1"/>
  <c r="J6437" i="2"/>
  <c r="J6411" i="5" s="1"/>
  <c r="N6411" i="5" s="1"/>
  <c r="L1574" i="2"/>
  <c r="L1548" i="5" s="1"/>
  <c r="K1574" i="2"/>
  <c r="K1548" i="5" s="1"/>
  <c r="M1574" i="2"/>
  <c r="M1548" i="5" s="1"/>
  <c r="P1548" i="5" s="1"/>
  <c r="J1574" i="2"/>
  <c r="J1548" i="5" s="1"/>
  <c r="K3295" i="2"/>
  <c r="K3269" i="5" s="1"/>
  <c r="M3295" i="2"/>
  <c r="M3269" i="5" s="1"/>
  <c r="P3269" i="5" s="1"/>
  <c r="L3295" i="2"/>
  <c r="L3269" i="5" s="1"/>
  <c r="J3295" i="2"/>
  <c r="J3269" i="5" s="1"/>
  <c r="M6632" i="2"/>
  <c r="M6606" i="5" s="1"/>
  <c r="P6606" i="5" s="1"/>
  <c r="L6007" i="2"/>
  <c r="L5981" i="5" s="1"/>
  <c r="J6007" i="2"/>
  <c r="J5981" i="5" s="1"/>
  <c r="N5981" i="5" s="1"/>
  <c r="J5970" i="2"/>
  <c r="J5944" i="5" s="1"/>
  <c r="N5944" i="5" s="1"/>
  <c r="L5970" i="2"/>
  <c r="L5944" i="5" s="1"/>
  <c r="I5970" i="2"/>
  <c r="I5944" i="5" s="1"/>
  <c r="K5970" i="2"/>
  <c r="K5944" i="5" s="1"/>
  <c r="J7333" i="2"/>
  <c r="J7307" i="5" s="1"/>
  <c r="N7307" i="5" s="1"/>
  <c r="M7333" i="2"/>
  <c r="M7307" i="5" s="1"/>
  <c r="P7307" i="5" s="1"/>
  <c r="M2059" i="2"/>
  <c r="M2033" i="5" s="1"/>
  <c r="P2033" i="5" s="1"/>
  <c r="J2059" i="2"/>
  <c r="J2033" i="5" s="1"/>
  <c r="N2033" i="5" s="1"/>
  <c r="J7602" i="2"/>
  <c r="J7576" i="5" s="1"/>
  <c r="N7576" i="5" s="1"/>
  <c r="I7602" i="2"/>
  <c r="I7576" i="5" s="1"/>
  <c r="K7602" i="2"/>
  <c r="K7576" i="5" s="1"/>
  <c r="J5169" i="2"/>
  <c r="J5143" i="5" s="1"/>
  <c r="N5143" i="5" s="1"/>
  <c r="L5169" i="2"/>
  <c r="L5143" i="5" s="1"/>
  <c r="I5169" i="2"/>
  <c r="I5143" i="5" s="1"/>
  <c r="I3005" i="2"/>
  <c r="I2979" i="5" s="1"/>
  <c r="K3005" i="2"/>
  <c r="K2979" i="5" s="1"/>
  <c r="L3005" i="2"/>
  <c r="L2979" i="5" s="1"/>
  <c r="M3005" i="2"/>
  <c r="M2979" i="5" s="1"/>
  <c r="P2979" i="5" s="1"/>
  <c r="M3957" i="2"/>
  <c r="M3931" i="5" s="1"/>
  <c r="P3931" i="5" s="1"/>
  <c r="J3957" i="2"/>
  <c r="J3931" i="5" s="1"/>
  <c r="N3931" i="5" s="1"/>
  <c r="I3957" i="2"/>
  <c r="I3931" i="5" s="1"/>
  <c r="I890" i="2"/>
  <c r="I864" i="5" s="1"/>
  <c r="J890" i="2"/>
  <c r="J864" i="5" s="1"/>
  <c r="N864" i="5" s="1"/>
  <c r="K3466" i="2"/>
  <c r="K3440" i="5" s="1"/>
  <c r="M3466" i="2"/>
  <c r="M3440" i="5" s="1"/>
  <c r="P3440" i="5" s="1"/>
  <c r="L3466" i="2"/>
  <c r="L3440" i="5" s="1"/>
  <c r="J3466" i="2"/>
  <c r="J3440" i="5" s="1"/>
  <c r="N3440" i="5" s="1"/>
  <c r="K881" i="2"/>
  <c r="K855" i="5" s="1"/>
  <c r="J881" i="2"/>
  <c r="J855" i="5" s="1"/>
  <c r="N855" i="5" s="1"/>
  <c r="I3082" i="2"/>
  <c r="I3056" i="5" s="1"/>
  <c r="M3082" i="2"/>
  <c r="M3056" i="5" s="1"/>
  <c r="P3056" i="5" s="1"/>
  <c r="J3082" i="2"/>
  <c r="J3056" i="5" s="1"/>
  <c r="N3056" i="5" s="1"/>
  <c r="L3082" i="2"/>
  <c r="L3056" i="5" s="1"/>
  <c r="J7449" i="2"/>
  <c r="J7423" i="5" s="1"/>
  <c r="N7423" i="5" s="1"/>
  <c r="K7449" i="2"/>
  <c r="K7423" i="5" s="1"/>
  <c r="I7439" i="2"/>
  <c r="I7413" i="5" s="1"/>
  <c r="K7439" i="2"/>
  <c r="K7413" i="5" s="1"/>
  <c r="I973" i="2"/>
  <c r="I947" i="5" s="1"/>
  <c r="K8705" i="2"/>
  <c r="K8679" i="5" s="1"/>
  <c r="I8705" i="2"/>
  <c r="I8679" i="5" s="1"/>
  <c r="I3472" i="2"/>
  <c r="I3446" i="5" s="1"/>
  <c r="M3472" i="2"/>
  <c r="M3446" i="5" s="1"/>
  <c r="P3446" i="5" s="1"/>
  <c r="K3472" i="2"/>
  <c r="K3446" i="5" s="1"/>
  <c r="J3472" i="2"/>
  <c r="J3446" i="5" s="1"/>
  <c r="N3446" i="5" s="1"/>
  <c r="I7207" i="2"/>
  <c r="I7181" i="5" s="1"/>
  <c r="K7207" i="2"/>
  <c r="K7181" i="5" s="1"/>
  <c r="M7207" i="2"/>
  <c r="M7181" i="5" s="1"/>
  <c r="P7181" i="5" s="1"/>
  <c r="M3459" i="2"/>
  <c r="M3433" i="5" s="1"/>
  <c r="P3433" i="5" s="1"/>
  <c r="I3459" i="2"/>
  <c r="I3433" i="5" s="1"/>
  <c r="J3459" i="2"/>
  <c r="J3433" i="5" s="1"/>
  <c r="N3433" i="5" s="1"/>
  <c r="K7687" i="2"/>
  <c r="K7661" i="5" s="1"/>
  <c r="I7687" i="2"/>
  <c r="I7661" i="5" s="1"/>
  <c r="L6696" i="2"/>
  <c r="L6670" i="5" s="1"/>
  <c r="M8284" i="2"/>
  <c r="M8258" i="5" s="1"/>
  <c r="P8258" i="5" s="1"/>
  <c r="I8284" i="2"/>
  <c r="I8258" i="5" s="1"/>
  <c r="K8284" i="2"/>
  <c r="K8258" i="5" s="1"/>
  <c r="L8284" i="2"/>
  <c r="L8258" i="5" s="1"/>
  <c r="J8284" i="2"/>
  <c r="J8258" i="5" s="1"/>
  <c r="N8258" i="5" s="1"/>
  <c r="J1590" i="2"/>
  <c r="J1564" i="5" s="1"/>
  <c r="N1564" i="5" s="1"/>
  <c r="K1590" i="2"/>
  <c r="K1564" i="5" s="1"/>
  <c r="I1590" i="2"/>
  <c r="I1564" i="5" s="1"/>
  <c r="K6806" i="2"/>
  <c r="K6780" i="5" s="1"/>
  <c r="O6780" i="5" s="1"/>
  <c r="I6806" i="2"/>
  <c r="I6780" i="5" s="1"/>
  <c r="J4450" i="2"/>
  <c r="J4424" i="5" s="1"/>
  <c r="N4424" i="5" s="1"/>
  <c r="L4450" i="2"/>
  <c r="L4424" i="5" s="1"/>
  <c r="I4450" i="2"/>
  <c r="I4424" i="5" s="1"/>
  <c r="K2168" i="2"/>
  <c r="K2142" i="5" s="1"/>
  <c r="J2168" i="2"/>
  <c r="J2142" i="5" s="1"/>
  <c r="N2142" i="5" s="1"/>
  <c r="K920" i="2"/>
  <c r="K894" i="5" s="1"/>
  <c r="J920" i="2"/>
  <c r="J894" i="5" s="1"/>
  <c r="N894" i="5" s="1"/>
  <c r="L920" i="2"/>
  <c r="L894" i="5" s="1"/>
  <c r="L6154" i="2"/>
  <c r="L6128" i="5" s="1"/>
  <c r="I6154" i="2"/>
  <c r="I6128" i="5" s="1"/>
  <c r="K6154" i="2"/>
  <c r="K6128" i="5" s="1"/>
  <c r="J6154" i="2"/>
  <c r="J6128" i="5" s="1"/>
  <c r="N6128" i="5" s="1"/>
  <c r="K6873" i="2"/>
  <c r="K6847" i="5" s="1"/>
  <c r="J6873" i="2"/>
  <c r="J6847" i="5" s="1"/>
  <c r="I6873" i="2"/>
  <c r="I6847" i="5" s="1"/>
  <c r="L6873" i="2"/>
  <c r="L6847" i="5" s="1"/>
  <c r="M8772" i="2"/>
  <c r="M8746" i="5" s="1"/>
  <c r="P8746" i="5" s="1"/>
  <c r="I8772" i="2"/>
  <c r="I8746" i="5" s="1"/>
  <c r="L8772" i="2"/>
  <c r="L8746" i="5" s="1"/>
  <c r="K8772" i="2"/>
  <c r="K8746" i="5" s="1"/>
  <c r="J8772" i="2"/>
  <c r="J8746" i="5" s="1"/>
  <c r="N8746" i="5" s="1"/>
  <c r="M7132" i="2"/>
  <c r="M7106" i="5" s="1"/>
  <c r="P7106" i="5" s="1"/>
  <c r="L7132" i="2"/>
  <c r="L7106" i="5" s="1"/>
  <c r="J8482" i="2"/>
  <c r="J8456" i="5" s="1"/>
  <c r="N8456" i="5" s="1"/>
  <c r="K8482" i="2"/>
  <c r="K8456" i="5" s="1"/>
  <c r="K1587" i="2"/>
  <c r="K1561" i="5" s="1"/>
  <c r="O1561" i="5" s="1"/>
  <c r="I4688" i="2"/>
  <c r="I4662" i="5" s="1"/>
  <c r="M4688" i="2"/>
  <c r="M4662" i="5" s="1"/>
  <c r="P4662" i="5" s="1"/>
  <c r="I4779" i="2"/>
  <c r="I4753" i="5" s="1"/>
  <c r="K4779" i="2"/>
  <c r="K4753" i="5" s="1"/>
  <c r="O4753" i="5" s="1"/>
  <c r="J4779" i="2"/>
  <c r="J4753" i="5" s="1"/>
  <c r="N4753" i="5" s="1"/>
  <c r="M1740" i="2"/>
  <c r="M1714" i="5" s="1"/>
  <c r="P1714" i="5" s="1"/>
  <c r="I1740" i="2"/>
  <c r="I1714" i="5" s="1"/>
  <c r="K1740" i="2"/>
  <c r="K1714" i="5" s="1"/>
  <c r="O1714" i="5" s="1"/>
  <c r="K3596" i="2"/>
  <c r="K3570" i="5" s="1"/>
  <c r="L3596" i="2"/>
  <c r="L3570" i="5" s="1"/>
  <c r="M3596" i="2"/>
  <c r="M3570" i="5" s="1"/>
  <c r="P3570" i="5" s="1"/>
  <c r="I3596" i="2"/>
  <c r="I3570" i="5" s="1"/>
  <c r="J3596" i="2"/>
  <c r="J3570" i="5" s="1"/>
  <c r="N3570" i="5" s="1"/>
  <c r="M1633" i="2"/>
  <c r="M1607" i="5" s="1"/>
  <c r="P1607" i="5" s="1"/>
  <c r="L1633" i="2"/>
  <c r="L1607" i="5" s="1"/>
  <c r="I895" i="2"/>
  <c r="I869" i="5" s="1"/>
  <c r="K895" i="2"/>
  <c r="K869" i="5" s="1"/>
  <c r="O869" i="5" s="1"/>
  <c r="M895" i="2"/>
  <c r="M869" i="5" s="1"/>
  <c r="P869" i="5" s="1"/>
  <c r="J8190" i="2"/>
  <c r="J8164" i="5" s="1"/>
  <c r="N8164" i="5" s="1"/>
  <c r="I5272" i="2"/>
  <c r="I5246" i="5" s="1"/>
  <c r="L5272" i="2"/>
  <c r="L5246" i="5" s="1"/>
  <c r="K5272" i="2"/>
  <c r="K5246" i="5" s="1"/>
  <c r="I7813" i="2"/>
  <c r="I7787" i="5" s="1"/>
  <c r="L7813" i="2"/>
  <c r="L7787" i="5" s="1"/>
  <c r="J2389" i="2"/>
  <c r="J2363" i="5" s="1"/>
  <c r="L2389" i="2"/>
  <c r="L2363" i="5" s="1"/>
  <c r="M2389" i="2"/>
  <c r="M2363" i="5" s="1"/>
  <c r="P2363" i="5" s="1"/>
  <c r="L3282" i="2"/>
  <c r="L3256" i="5" s="1"/>
  <c r="I3282" i="2"/>
  <c r="I3256" i="5" s="1"/>
  <c r="M6987" i="2"/>
  <c r="M6961" i="5" s="1"/>
  <c r="P6961" i="5" s="1"/>
  <c r="K6987" i="2"/>
  <c r="K6961" i="5" s="1"/>
  <c r="L6987" i="2"/>
  <c r="L6961" i="5" s="1"/>
  <c r="J8191" i="2"/>
  <c r="J8165" i="5" s="1"/>
  <c r="N8165" i="5" s="1"/>
  <c r="L8191" i="2"/>
  <c r="L8165" i="5" s="1"/>
  <c r="I8191" i="2"/>
  <c r="I8165" i="5" s="1"/>
  <c r="M1429" i="2"/>
  <c r="M1403" i="5" s="1"/>
  <c r="P1403" i="5" s="1"/>
  <c r="I1429" i="2"/>
  <c r="I1403" i="5" s="1"/>
  <c r="L1429" i="2"/>
  <c r="L1403" i="5" s="1"/>
  <c r="I3499" i="2"/>
  <c r="I3473" i="5" s="1"/>
  <c r="L3499" i="2"/>
  <c r="L3473" i="5" s="1"/>
  <c r="M3499" i="2"/>
  <c r="M3473" i="5" s="1"/>
  <c r="P3473" i="5" s="1"/>
  <c r="J3499" i="2"/>
  <c r="J3473" i="5" s="1"/>
  <c r="N3473" i="5" s="1"/>
  <c r="K3499" i="2"/>
  <c r="K3473" i="5" s="1"/>
  <c r="I4094" i="2"/>
  <c r="I4068" i="5" s="1"/>
  <c r="K4094" i="2"/>
  <c r="K4068" i="5" s="1"/>
  <c r="O4068" i="5" s="1"/>
  <c r="I7817" i="2"/>
  <c r="I7791" i="5" s="1"/>
  <c r="M7817" i="2"/>
  <c r="M7791" i="5" s="1"/>
  <c r="P7791" i="5" s="1"/>
  <c r="L8609" i="2"/>
  <c r="L8583" i="5" s="1"/>
  <c r="J8609" i="2"/>
  <c r="J8583" i="5" s="1"/>
  <c r="N8583" i="5" s="1"/>
  <c r="M8609" i="2"/>
  <c r="M8583" i="5" s="1"/>
  <c r="P8583" i="5" s="1"/>
  <c r="K8609" i="2"/>
  <c r="K8583" i="5" s="1"/>
  <c r="I6319" i="2"/>
  <c r="I6293" i="5" s="1"/>
  <c r="K6319" i="2"/>
  <c r="K6293" i="5" s="1"/>
  <c r="J6319" i="2"/>
  <c r="J6293" i="5" s="1"/>
  <c r="N6293" i="5" s="1"/>
  <c r="L6319" i="2"/>
  <c r="L6293" i="5" s="1"/>
  <c r="M6319" i="2"/>
  <c r="M6293" i="5" s="1"/>
  <c r="P6293" i="5" s="1"/>
  <c r="L5245" i="2"/>
  <c r="L5219" i="5" s="1"/>
  <c r="M5245" i="2"/>
  <c r="M5219" i="5" s="1"/>
  <c r="P5219" i="5" s="1"/>
  <c r="I5245" i="2"/>
  <c r="I5219" i="5" s="1"/>
  <c r="K5245" i="2"/>
  <c r="K5219" i="5" s="1"/>
  <c r="L1061" i="2"/>
  <c r="L1035" i="5" s="1"/>
  <c r="I1061" i="2"/>
  <c r="I1035" i="5" s="1"/>
  <c r="J5822" i="2"/>
  <c r="J5796" i="5" s="1"/>
  <c r="N5796" i="5" s="1"/>
  <c r="K5822" i="2"/>
  <c r="K5796" i="5" s="1"/>
  <c r="L5822" i="2"/>
  <c r="L5796" i="5" s="1"/>
  <c r="J7196" i="2"/>
  <c r="J7170" i="5" s="1"/>
  <c r="N7170" i="5" s="1"/>
  <c r="L7196" i="2"/>
  <c r="L7170" i="5" s="1"/>
  <c r="I7196" i="2"/>
  <c r="I7170" i="5" s="1"/>
  <c r="M7196" i="2"/>
  <c r="M7170" i="5" s="1"/>
  <c r="P7170" i="5" s="1"/>
  <c r="K7196" i="2"/>
  <c r="K7170" i="5" s="1"/>
  <c r="L1941" i="2"/>
  <c r="L1915" i="5" s="1"/>
  <c r="J7675" i="2"/>
  <c r="J7649" i="5" s="1"/>
  <c r="N7649" i="5" s="1"/>
  <c r="I7675" i="2"/>
  <c r="I7649" i="5" s="1"/>
  <c r="M7675" i="2"/>
  <c r="M7649" i="5" s="1"/>
  <c r="P7649" i="5" s="1"/>
  <c r="J892" i="2"/>
  <c r="J866" i="5" s="1"/>
  <c r="N866" i="5" s="1"/>
  <c r="L892" i="2"/>
  <c r="L866" i="5" s="1"/>
  <c r="L4299" i="2"/>
  <c r="L4273" i="5" s="1"/>
  <c r="K4299" i="2"/>
  <c r="K4273" i="5" s="1"/>
  <c r="I2461" i="2"/>
  <c r="I2435" i="5" s="1"/>
  <c r="M2461" i="2"/>
  <c r="M2435" i="5" s="1"/>
  <c r="P2435" i="5" s="1"/>
  <c r="K2461" i="2"/>
  <c r="K2435" i="5" s="1"/>
  <c r="J2461" i="2"/>
  <c r="J2435" i="5" s="1"/>
  <c r="L2461" i="2"/>
  <c r="L2435" i="5" s="1"/>
  <c r="K5431" i="2"/>
  <c r="K5405" i="5" s="1"/>
  <c r="L5431" i="2"/>
  <c r="L5405" i="5" s="1"/>
  <c r="J7801" i="2"/>
  <c r="J7775" i="5" s="1"/>
  <c r="N7775" i="5" s="1"/>
  <c r="K7801" i="2"/>
  <c r="K7775" i="5" s="1"/>
  <c r="I1458" i="2"/>
  <c r="I1432" i="5" s="1"/>
  <c r="L1458" i="2"/>
  <c r="L1432" i="5" s="1"/>
  <c r="J4461" i="2"/>
  <c r="J4435" i="5" s="1"/>
  <c r="N4435" i="5" s="1"/>
  <c r="L4461" i="2"/>
  <c r="L4435" i="5" s="1"/>
  <c r="M4461" i="2"/>
  <c r="M4435" i="5" s="1"/>
  <c r="P4435" i="5" s="1"/>
  <c r="I4461" i="2"/>
  <c r="I4435" i="5" s="1"/>
  <c r="K4461" i="2"/>
  <c r="K4435" i="5" s="1"/>
  <c r="K6163" i="2"/>
  <c r="K6137" i="5" s="1"/>
  <c r="J6163" i="2"/>
  <c r="J6137" i="5" s="1"/>
  <c r="N6137" i="5" s="1"/>
  <c r="K1110" i="2"/>
  <c r="K1084" i="5" s="1"/>
  <c r="L1110" i="2"/>
  <c r="L1084" i="5" s="1"/>
  <c r="M1110" i="2"/>
  <c r="M1084" i="5" s="1"/>
  <c r="P1084" i="5" s="1"/>
  <c r="I1110" i="2"/>
  <c r="I1084" i="5" s="1"/>
  <c r="J1110" i="2"/>
  <c r="J1084" i="5" s="1"/>
  <c r="N1084" i="5" s="1"/>
  <c r="I8287" i="2"/>
  <c r="I8261" i="5" s="1"/>
  <c r="M8287" i="2"/>
  <c r="M8261" i="5" s="1"/>
  <c r="P8261" i="5" s="1"/>
  <c r="L8780" i="2"/>
  <c r="L8754" i="5" s="1"/>
  <c r="K8780" i="2"/>
  <c r="K8754" i="5" s="1"/>
  <c r="J8275" i="2"/>
  <c r="J8249" i="5" s="1"/>
  <c r="L8275" i="2"/>
  <c r="L8249" i="5" s="1"/>
  <c r="M7135" i="2"/>
  <c r="M7109" i="5" s="1"/>
  <c r="P7109" i="5" s="1"/>
  <c r="L7135" i="2"/>
  <c r="L7109" i="5" s="1"/>
  <c r="I7135" i="2"/>
  <c r="I7109" i="5" s="1"/>
  <c r="K7135" i="2"/>
  <c r="K7109" i="5" s="1"/>
  <c r="M7861" i="2"/>
  <c r="M7835" i="5" s="1"/>
  <c r="P7835" i="5" s="1"/>
  <c r="K7861" i="2"/>
  <c r="K7835" i="5" s="1"/>
  <c r="I7861" i="2"/>
  <c r="I7835" i="5" s="1"/>
  <c r="L7861" i="2"/>
  <c r="L7835" i="5" s="1"/>
  <c r="K7432" i="2"/>
  <c r="K7406" i="5" s="1"/>
  <c r="O7406" i="5" s="1"/>
  <c r="J7432" i="2"/>
  <c r="J7406" i="5" s="1"/>
  <c r="N7406" i="5" s="1"/>
  <c r="M7432" i="2"/>
  <c r="M7406" i="5" s="1"/>
  <c r="P7406" i="5" s="1"/>
  <c r="J3794" i="2"/>
  <c r="J3768" i="5" s="1"/>
  <c r="N3768" i="5" s="1"/>
  <c r="M3794" i="2"/>
  <c r="M3768" i="5" s="1"/>
  <c r="P3768" i="5" s="1"/>
  <c r="I3794" i="2"/>
  <c r="I3768" i="5" s="1"/>
  <c r="L3794" i="2"/>
  <c r="L3768" i="5" s="1"/>
  <c r="K3794" i="2"/>
  <c r="K3768" i="5" s="1"/>
  <c r="K7768" i="2"/>
  <c r="K7742" i="5" s="1"/>
  <c r="O7742" i="5" s="1"/>
  <c r="J7768" i="2"/>
  <c r="J7742" i="5" s="1"/>
  <c r="M7768" i="2"/>
  <c r="M7742" i="5" s="1"/>
  <c r="P7742" i="5" s="1"/>
  <c r="J1963" i="2"/>
  <c r="J1937" i="5" s="1"/>
  <c r="L1963" i="2"/>
  <c r="L1937" i="5" s="1"/>
  <c r="M1963" i="2"/>
  <c r="M1937" i="5" s="1"/>
  <c r="P1937" i="5" s="1"/>
  <c r="I1963" i="2"/>
  <c r="I1937" i="5" s="1"/>
  <c r="L894" i="2"/>
  <c r="L868" i="5" s="1"/>
  <c r="K894" i="2"/>
  <c r="K868" i="5" s="1"/>
  <c r="J894" i="2"/>
  <c r="J868" i="5" s="1"/>
  <c r="N868" i="5" s="1"/>
  <c r="M894" i="2"/>
  <c r="M868" i="5" s="1"/>
  <c r="P868" i="5" s="1"/>
  <c r="I894" i="2"/>
  <c r="I868" i="5" s="1"/>
  <c r="K4324" i="2"/>
  <c r="K4298" i="5" s="1"/>
  <c r="J4324" i="2"/>
  <c r="J4298" i="5" s="1"/>
  <c r="N4298" i="5" s="1"/>
  <c r="L4324" i="2"/>
  <c r="L4298" i="5" s="1"/>
  <c r="I4324" i="2"/>
  <c r="I4298" i="5" s="1"/>
  <c r="M4324" i="2"/>
  <c r="M4298" i="5" s="1"/>
  <c r="P4298" i="5" s="1"/>
  <c r="K5286" i="2"/>
  <c r="K5260" i="5" s="1"/>
  <c r="J5286" i="2"/>
  <c r="J5260" i="5" s="1"/>
  <c r="N5260" i="5" s="1"/>
  <c r="I5286" i="2"/>
  <c r="I5260" i="5" s="1"/>
  <c r="M5286" i="2"/>
  <c r="M5260" i="5" s="1"/>
  <c r="P5260" i="5" s="1"/>
  <c r="J600" i="2"/>
  <c r="J574" i="5" s="1"/>
  <c r="N574" i="5" s="1"/>
  <c r="M600" i="2"/>
  <c r="M574" i="5" s="1"/>
  <c r="P574" i="5" s="1"/>
  <c r="I600" i="2"/>
  <c r="I574" i="5" s="1"/>
  <c r="L6851" i="2"/>
  <c r="L6825" i="5" s="1"/>
  <c r="I6851" i="2"/>
  <c r="I6825" i="5" s="1"/>
  <c r="K6851" i="2"/>
  <c r="K6825" i="5" s="1"/>
  <c r="L8174" i="2"/>
  <c r="L8148" i="5" s="1"/>
  <c r="M8515" i="2"/>
  <c r="M8489" i="5" s="1"/>
  <c r="P8489" i="5" s="1"/>
  <c r="L8515" i="2"/>
  <c r="L8489" i="5" s="1"/>
  <c r="I8515" i="2"/>
  <c r="I8489" i="5" s="1"/>
  <c r="K8515" i="2"/>
  <c r="K8489" i="5" s="1"/>
  <c r="J8515" i="2"/>
  <c r="J8489" i="5" s="1"/>
  <c r="N8489" i="5" s="1"/>
  <c r="I7819" i="2"/>
  <c r="I7793" i="5" s="1"/>
  <c r="L7819" i="2"/>
  <c r="L7793" i="5" s="1"/>
  <c r="M3439" i="2"/>
  <c r="M3413" i="5" s="1"/>
  <c r="P3413" i="5" s="1"/>
  <c r="J3439" i="2"/>
  <c r="J3413" i="5" s="1"/>
  <c r="N3413" i="5" s="1"/>
  <c r="K8114" i="2"/>
  <c r="K8088" i="5" s="1"/>
  <c r="L8114" i="2"/>
  <c r="L8088" i="5" s="1"/>
  <c r="J8114" i="2"/>
  <c r="J8088" i="5" s="1"/>
  <c r="N8088" i="5" s="1"/>
  <c r="J5171" i="2"/>
  <c r="J5145" i="5" s="1"/>
  <c r="N5145" i="5" s="1"/>
  <c r="M5171" i="2"/>
  <c r="M5145" i="5" s="1"/>
  <c r="P5145" i="5" s="1"/>
  <c r="K5171" i="2"/>
  <c r="K5145" i="5" s="1"/>
  <c r="L5171" i="2"/>
  <c r="L5145" i="5" s="1"/>
  <c r="I5171" i="2"/>
  <c r="I5145" i="5" s="1"/>
  <c r="M1056" i="2"/>
  <c r="M1030" i="5" s="1"/>
  <c r="P1030" i="5" s="1"/>
  <c r="J1056" i="2"/>
  <c r="J1030" i="5" s="1"/>
  <c r="N1030" i="5" s="1"/>
  <c r="I4310" i="2"/>
  <c r="I4284" i="5" s="1"/>
  <c r="L4310" i="2"/>
  <c r="L4284" i="5" s="1"/>
  <c r="K4310" i="2"/>
  <c r="K4284" i="5" s="1"/>
  <c r="J4310" i="2"/>
  <c r="J4284" i="5" s="1"/>
  <c r="N4284" i="5" s="1"/>
  <c r="M4310" i="2"/>
  <c r="M4284" i="5" s="1"/>
  <c r="P4284" i="5" s="1"/>
  <c r="J8791" i="2"/>
  <c r="J8765" i="5" s="1"/>
  <c r="N8765" i="5" s="1"/>
  <c r="K8791" i="2"/>
  <c r="K8765" i="5" s="1"/>
  <c r="M8791" i="2"/>
  <c r="M8765" i="5" s="1"/>
  <c r="P8765" i="5" s="1"/>
  <c r="K6690" i="2"/>
  <c r="K6664" i="5" s="1"/>
  <c r="J6690" i="2"/>
  <c r="J6664" i="5" s="1"/>
  <c r="N6664" i="5" s="1"/>
  <c r="M6690" i="2"/>
  <c r="M6664" i="5" s="1"/>
  <c r="P6664" i="5" s="1"/>
  <c r="L7316" i="2"/>
  <c r="L7290" i="5" s="1"/>
  <c r="I7316" i="2"/>
  <c r="I7290" i="5" s="1"/>
  <c r="J7316" i="2"/>
  <c r="J7290" i="5" s="1"/>
  <c r="M7316" i="2"/>
  <c r="M7290" i="5" s="1"/>
  <c r="P7290" i="5" s="1"/>
  <c r="K7316" i="2"/>
  <c r="K7290" i="5" s="1"/>
  <c r="L3563" i="2"/>
  <c r="L3537" i="5" s="1"/>
  <c r="K3563" i="2"/>
  <c r="K3537" i="5" s="1"/>
  <c r="I3563" i="2"/>
  <c r="I3537" i="5" s="1"/>
  <c r="J3563" i="2"/>
  <c r="J3537" i="5" s="1"/>
  <c r="N3537" i="5" s="1"/>
  <c r="J4995" i="2"/>
  <c r="J4969" i="5" s="1"/>
  <c r="N4969" i="5" s="1"/>
  <c r="L4995" i="2"/>
  <c r="L4969" i="5" s="1"/>
  <c r="M4995" i="2"/>
  <c r="M4969" i="5" s="1"/>
  <c r="P4969" i="5" s="1"/>
  <c r="K4995" i="2"/>
  <c r="K4969" i="5" s="1"/>
  <c r="I4995" i="2"/>
  <c r="I4969" i="5" s="1"/>
  <c r="M4763" i="2"/>
  <c r="M4737" i="5" s="1"/>
  <c r="P4737" i="5" s="1"/>
  <c r="I4763" i="2"/>
  <c r="I4737" i="5" s="1"/>
  <c r="K4763" i="2"/>
  <c r="K4737" i="5" s="1"/>
  <c r="O4737" i="5" s="1"/>
  <c r="J4763" i="2"/>
  <c r="J4737" i="5" s="1"/>
  <c r="N4737" i="5" s="1"/>
  <c r="L7966" i="2"/>
  <c r="L7940" i="5" s="1"/>
  <c r="I7966" i="2"/>
  <c r="I7940" i="5" s="1"/>
  <c r="M7966" i="2"/>
  <c r="M7940" i="5" s="1"/>
  <c r="P7940" i="5" s="1"/>
  <c r="K7966" i="2"/>
  <c r="K7940" i="5" s="1"/>
  <c r="J7966" i="2"/>
  <c r="J7940" i="5" s="1"/>
  <c r="K6120" i="2"/>
  <c r="K6094" i="5" s="1"/>
  <c r="M6120" i="2"/>
  <c r="M6094" i="5" s="1"/>
  <c r="P6094" i="5" s="1"/>
  <c r="L6120" i="2"/>
  <c r="L6094" i="5" s="1"/>
  <c r="I6120" i="2"/>
  <c r="I6094" i="5" s="1"/>
  <c r="K7099" i="2"/>
  <c r="K7073" i="5" s="1"/>
  <c r="O7073" i="5" s="1"/>
  <c r="J7099" i="2"/>
  <c r="J7073" i="5" s="1"/>
  <c r="N7073" i="5" s="1"/>
  <c r="AR338" i="1"/>
  <c r="C344" i="5"/>
  <c r="L8045" i="2"/>
  <c r="L8019" i="5" s="1"/>
  <c r="K8045" i="2"/>
  <c r="K8019" i="5" s="1"/>
  <c r="J8045" i="2"/>
  <c r="J8019" i="5" s="1"/>
  <c r="N8019" i="5" s="1"/>
  <c r="M8045" i="2"/>
  <c r="M8019" i="5" s="1"/>
  <c r="P8019" i="5" s="1"/>
  <c r="I8045" i="2"/>
  <c r="I8019" i="5" s="1"/>
  <c r="M1141" i="2"/>
  <c r="M1115" i="5" s="1"/>
  <c r="P1115" i="5" s="1"/>
  <c r="M6318" i="2"/>
  <c r="M6292" i="5" s="1"/>
  <c r="P6292" i="5" s="1"/>
  <c r="I6318" i="2"/>
  <c r="I6292" i="5" s="1"/>
  <c r="K6318" i="2"/>
  <c r="K6292" i="5" s="1"/>
  <c r="O6292" i="5" s="1"/>
  <c r="I8490" i="2"/>
  <c r="I8464" i="5" s="1"/>
  <c r="K8490" i="2"/>
  <c r="K8464" i="5" s="1"/>
  <c r="O8464" i="5" s="1"/>
  <c r="J8490" i="2"/>
  <c r="J8464" i="5" s="1"/>
  <c r="M8490" i="2"/>
  <c r="M8464" i="5" s="1"/>
  <c r="P8464" i="5" s="1"/>
  <c r="L3821" i="2"/>
  <c r="L3795" i="5" s="1"/>
  <c r="M3821" i="2"/>
  <c r="M3795" i="5" s="1"/>
  <c r="P3795" i="5" s="1"/>
  <c r="J2154" i="2"/>
  <c r="J2128" i="5" s="1"/>
  <c r="M2154" i="2"/>
  <c r="M2128" i="5" s="1"/>
  <c r="P2128" i="5" s="1"/>
  <c r="I2154" i="2"/>
  <c r="I2128" i="5" s="1"/>
  <c r="I7849" i="2"/>
  <c r="I7823" i="5" s="1"/>
  <c r="K7849" i="2"/>
  <c r="K7823" i="5" s="1"/>
  <c r="J7849" i="2"/>
  <c r="J7823" i="5" s="1"/>
  <c r="N7823" i="5" s="1"/>
  <c r="L8524" i="2"/>
  <c r="L8498" i="5" s="1"/>
  <c r="M8524" i="2"/>
  <c r="M8498" i="5" s="1"/>
  <c r="P8498" i="5" s="1"/>
  <c r="J8524" i="2"/>
  <c r="J8498" i="5" s="1"/>
  <c r="N8498" i="5" s="1"/>
  <c r="I8524" i="2"/>
  <c r="I8498" i="5" s="1"/>
  <c r="J5281" i="2"/>
  <c r="J5255" i="5" s="1"/>
  <c r="N5255" i="5" s="1"/>
  <c r="M5281" i="2"/>
  <c r="M5255" i="5" s="1"/>
  <c r="P5255" i="5" s="1"/>
  <c r="I5281" i="2"/>
  <c r="I5255" i="5" s="1"/>
  <c r="K5281" i="2"/>
  <c r="K5255" i="5" s="1"/>
  <c r="L5281" i="2"/>
  <c r="L5255" i="5" s="1"/>
  <c r="J1319" i="2"/>
  <c r="J1293" i="5" s="1"/>
  <c r="N1293" i="5" s="1"/>
  <c r="I1319" i="2"/>
  <c r="I1293" i="5" s="1"/>
  <c r="I6004" i="2"/>
  <c r="I5978" i="5" s="1"/>
  <c r="L6004" i="2"/>
  <c r="L5978" i="5" s="1"/>
  <c r="J6004" i="2"/>
  <c r="J5978" i="5" s="1"/>
  <c r="N5978" i="5" s="1"/>
  <c r="J761" i="2"/>
  <c r="J735" i="5" s="1"/>
  <c r="J4318" i="2"/>
  <c r="J4292" i="5" s="1"/>
  <c r="N4292" i="5" s="1"/>
  <c r="I4318" i="2"/>
  <c r="I4292" i="5" s="1"/>
  <c r="L4318" i="2"/>
  <c r="L4292" i="5" s="1"/>
  <c r="K4318" i="2"/>
  <c r="K4292" i="5" s="1"/>
  <c r="M4318" i="2"/>
  <c r="M4292" i="5" s="1"/>
  <c r="P4292" i="5" s="1"/>
  <c r="K7787" i="2"/>
  <c r="K7761" i="5" s="1"/>
  <c r="M7787" i="2"/>
  <c r="M7761" i="5" s="1"/>
  <c r="P7761" i="5" s="1"/>
  <c r="I7787" i="2"/>
  <c r="I7761" i="5" s="1"/>
  <c r="J7787" i="2"/>
  <c r="J7761" i="5" s="1"/>
  <c r="N7761" i="5" s="1"/>
  <c r="L7787" i="2"/>
  <c r="L7761" i="5" s="1"/>
  <c r="L39" i="2"/>
  <c r="L13" i="5" s="1"/>
  <c r="K39" i="2"/>
  <c r="K13" i="5" s="1"/>
  <c r="I39" i="2"/>
  <c r="I13" i="5" s="1"/>
  <c r="M39" i="2"/>
  <c r="M13" i="5" s="1"/>
  <c r="P13" i="5" s="1"/>
  <c r="J39" i="2"/>
  <c r="J13" i="5" s="1"/>
  <c r="N13" i="5" s="1"/>
  <c r="M3066" i="2"/>
  <c r="M3040" i="5" s="1"/>
  <c r="P3040" i="5" s="1"/>
  <c r="K3066" i="2"/>
  <c r="K3040" i="5" s="1"/>
  <c r="J4156" i="2"/>
  <c r="J4130" i="5" s="1"/>
  <c r="M4156" i="2"/>
  <c r="M4130" i="5" s="1"/>
  <c r="P4130" i="5" s="1"/>
  <c r="L4156" i="2"/>
  <c r="L4130" i="5" s="1"/>
  <c r="I4156" i="2"/>
  <c r="I4130" i="5" s="1"/>
  <c r="K4156" i="2"/>
  <c r="K4130" i="5" s="1"/>
  <c r="M4453" i="2"/>
  <c r="M4427" i="5" s="1"/>
  <c r="P4427" i="5" s="1"/>
  <c r="K3123" i="2"/>
  <c r="K3097" i="5" s="1"/>
  <c r="O3097" i="5" s="1"/>
  <c r="M2495" i="2"/>
  <c r="M2469" i="5" s="1"/>
  <c r="P2469" i="5" s="1"/>
  <c r="I8627" i="2"/>
  <c r="I8601" i="5" s="1"/>
  <c r="L8627" i="2"/>
  <c r="L8601" i="5" s="1"/>
  <c r="J8641" i="2"/>
  <c r="J8615" i="5" s="1"/>
  <c r="N8615" i="5" s="1"/>
  <c r="L1394" i="2"/>
  <c r="L1368" i="5" s="1"/>
  <c r="M1394" i="2"/>
  <c r="M1368" i="5" s="1"/>
  <c r="P1368" i="5" s="1"/>
  <c r="M5489" i="2"/>
  <c r="M5463" i="5" s="1"/>
  <c r="P5463" i="5" s="1"/>
  <c r="I5591" i="2"/>
  <c r="I5565" i="5" s="1"/>
  <c r="K5591" i="2"/>
  <c r="K5565" i="5" s="1"/>
  <c r="J5591" i="2"/>
  <c r="J5565" i="5" s="1"/>
  <c r="N5565" i="5" s="1"/>
  <c r="M392" i="2"/>
  <c r="M366" i="5" s="1"/>
  <c r="P366" i="5" s="1"/>
  <c r="K1735" i="2"/>
  <c r="K1709" i="5" s="1"/>
  <c r="O1709" i="5" s="1"/>
  <c r="I1735" i="2"/>
  <c r="I1709" i="5" s="1"/>
  <c r="M5979" i="2"/>
  <c r="M5953" i="5" s="1"/>
  <c r="P5953" i="5" s="1"/>
  <c r="I5979" i="2"/>
  <c r="I5953" i="5" s="1"/>
  <c r="J5979" i="2"/>
  <c r="J5953" i="5" s="1"/>
  <c r="N5953" i="5" s="1"/>
  <c r="L5979" i="2"/>
  <c r="L5953" i="5" s="1"/>
  <c r="J6086" i="2"/>
  <c r="J6060" i="5" s="1"/>
  <c r="N6060" i="5" s="1"/>
  <c r="M6086" i="2"/>
  <c r="M6060" i="5" s="1"/>
  <c r="P6060" i="5" s="1"/>
  <c r="I3309" i="2"/>
  <c r="I3283" i="5" s="1"/>
  <c r="K5981" i="2"/>
  <c r="K5955" i="5" s="1"/>
  <c r="I5981" i="2"/>
  <c r="I5955" i="5" s="1"/>
  <c r="M5981" i="2"/>
  <c r="M5955" i="5" s="1"/>
  <c r="P5955" i="5" s="1"/>
  <c r="L8640" i="2"/>
  <c r="L8614" i="5" s="1"/>
  <c r="J8640" i="2"/>
  <c r="J8614" i="5" s="1"/>
  <c r="N8614" i="5" s="1"/>
  <c r="L262" i="2"/>
  <c r="L236" i="5" s="1"/>
  <c r="M262" i="2"/>
  <c r="M236" i="5" s="1"/>
  <c r="P236" i="5" s="1"/>
  <c r="J5020" i="2"/>
  <c r="J4994" i="5" s="1"/>
  <c r="N4994" i="5" s="1"/>
  <c r="K5020" i="2"/>
  <c r="K4994" i="5" s="1"/>
  <c r="O4994" i="5" s="1"/>
  <c r="M5020" i="2"/>
  <c r="M4994" i="5" s="1"/>
  <c r="P4994" i="5" s="1"/>
  <c r="I5020" i="2"/>
  <c r="I4994" i="5" s="1"/>
  <c r="J2401" i="2"/>
  <c r="J2375" i="5" s="1"/>
  <c r="M742" i="2"/>
  <c r="M716" i="5" s="1"/>
  <c r="P716" i="5" s="1"/>
  <c r="I742" i="2"/>
  <c r="I716" i="5" s="1"/>
  <c r="K742" i="2"/>
  <c r="K716" i="5" s="1"/>
  <c r="L742" i="2"/>
  <c r="L716" i="5" s="1"/>
  <c r="J2757" i="2"/>
  <c r="J2731" i="5" s="1"/>
  <c r="N2731" i="5" s="1"/>
  <c r="J7643" i="2"/>
  <c r="J7617" i="5" s="1"/>
  <c r="N7617" i="5" s="1"/>
  <c r="M7643" i="2"/>
  <c r="M7617" i="5" s="1"/>
  <c r="P7617" i="5" s="1"/>
  <c r="L7643" i="2"/>
  <c r="L7617" i="5" s="1"/>
  <c r="K7770" i="2"/>
  <c r="K7744" i="5" s="1"/>
  <c r="L2961" i="2"/>
  <c r="L2935" i="5" s="1"/>
  <c r="L6536" i="2"/>
  <c r="L6510" i="5" s="1"/>
  <c r="K6536" i="2"/>
  <c r="K6510" i="5" s="1"/>
  <c r="J6536" i="2"/>
  <c r="J6510" i="5" s="1"/>
  <c r="N6510" i="5" s="1"/>
  <c r="J3414" i="2"/>
  <c r="J3388" i="5" s="1"/>
  <c r="N3388" i="5" s="1"/>
  <c r="I3414" i="2"/>
  <c r="I3388" i="5" s="1"/>
  <c r="J7464" i="2"/>
  <c r="J7438" i="5" s="1"/>
  <c r="N7438" i="5" s="1"/>
  <c r="J984" i="2"/>
  <c r="J958" i="5" s="1"/>
  <c r="N958" i="5" s="1"/>
  <c r="I6032" i="2"/>
  <c r="I6006" i="5" s="1"/>
  <c r="L7637" i="2"/>
  <c r="L7611" i="5" s="1"/>
  <c r="J7637" i="2"/>
  <c r="J7611" i="5" s="1"/>
  <c r="N7611" i="5" s="1"/>
  <c r="K4601" i="2"/>
  <c r="K4575" i="5" s="1"/>
  <c r="L4601" i="2"/>
  <c r="L4575" i="5" s="1"/>
  <c r="I4601" i="2"/>
  <c r="I4575" i="5" s="1"/>
  <c r="M4601" i="2"/>
  <c r="M4575" i="5" s="1"/>
  <c r="P4575" i="5" s="1"/>
  <c r="K4270" i="2"/>
  <c r="K4244" i="5" s="1"/>
  <c r="M4270" i="2"/>
  <c r="M4244" i="5" s="1"/>
  <c r="P4244" i="5" s="1"/>
  <c r="I4270" i="2"/>
  <c r="I4244" i="5" s="1"/>
  <c r="L4270" i="2"/>
  <c r="L4244" i="5" s="1"/>
  <c r="K7509" i="2"/>
  <c r="K7483" i="5" s="1"/>
  <c r="L7509" i="2"/>
  <c r="L7483" i="5" s="1"/>
  <c r="M7509" i="2"/>
  <c r="M7483" i="5" s="1"/>
  <c r="P7483" i="5" s="1"/>
  <c r="I7509" i="2"/>
  <c r="I7483" i="5" s="1"/>
  <c r="K7286" i="2"/>
  <c r="K7260" i="5" s="1"/>
  <c r="J7286" i="2"/>
  <c r="J7260" i="5" s="1"/>
  <c r="N7260" i="5" s="1"/>
  <c r="M7286" i="2"/>
  <c r="M7260" i="5" s="1"/>
  <c r="P7260" i="5" s="1"/>
  <c r="I7286" i="2"/>
  <c r="I7260" i="5" s="1"/>
  <c r="L7286" i="2"/>
  <c r="L7260" i="5" s="1"/>
  <c r="I7121" i="2"/>
  <c r="I7095" i="5" s="1"/>
  <c r="M7121" i="2"/>
  <c r="M7095" i="5" s="1"/>
  <c r="P7095" i="5" s="1"/>
  <c r="I7349" i="2"/>
  <c r="I7323" i="5" s="1"/>
  <c r="M7349" i="2"/>
  <c r="M7323" i="5" s="1"/>
  <c r="P7323" i="5" s="1"/>
  <c r="J7349" i="2"/>
  <c r="J7323" i="5" s="1"/>
  <c r="N7323" i="5" s="1"/>
  <c r="L7466" i="2"/>
  <c r="L7440" i="5" s="1"/>
  <c r="M7466" i="2"/>
  <c r="M7440" i="5" s="1"/>
  <c r="P7440" i="5" s="1"/>
  <c r="J7466" i="2"/>
  <c r="J7440" i="5" s="1"/>
  <c r="N7440" i="5" s="1"/>
  <c r="K7466" i="2"/>
  <c r="K7440" i="5" s="1"/>
  <c r="I3250" i="2"/>
  <c r="I3224" i="5" s="1"/>
  <c r="J3250" i="2"/>
  <c r="J3224" i="5" s="1"/>
  <c r="N3224" i="5" s="1"/>
  <c r="I5772" i="2"/>
  <c r="I5746" i="5" s="1"/>
  <c r="K5772" i="2"/>
  <c r="K5746" i="5" s="1"/>
  <c r="J4764" i="2"/>
  <c r="J4738" i="5" s="1"/>
  <c r="N4738" i="5" s="1"/>
  <c r="M4764" i="2"/>
  <c r="M4738" i="5" s="1"/>
  <c r="P4738" i="5" s="1"/>
  <c r="L4764" i="2"/>
  <c r="L4738" i="5" s="1"/>
  <c r="I4764" i="2"/>
  <c r="I4738" i="5" s="1"/>
  <c r="L4937" i="2"/>
  <c r="L4911" i="5" s="1"/>
  <c r="M4937" i="2"/>
  <c r="M4911" i="5" s="1"/>
  <c r="P4911" i="5" s="1"/>
  <c r="K1322" i="2"/>
  <c r="K1296" i="5" s="1"/>
  <c r="J1322" i="2"/>
  <c r="J1296" i="5" s="1"/>
  <c r="N1296" i="5" s="1"/>
  <c r="K3249" i="2"/>
  <c r="K3223" i="5" s="1"/>
  <c r="L3249" i="2"/>
  <c r="L3223" i="5" s="1"/>
  <c r="I2411" i="2"/>
  <c r="I2385" i="5" s="1"/>
  <c r="K2411" i="2"/>
  <c r="K2385" i="5" s="1"/>
  <c r="O2385" i="5" s="1"/>
  <c r="M2411" i="2"/>
  <c r="M2385" i="5" s="1"/>
  <c r="P2385" i="5" s="1"/>
  <c r="J2411" i="2"/>
  <c r="J2385" i="5" s="1"/>
  <c r="J5177" i="2"/>
  <c r="J5151" i="5" s="1"/>
  <c r="N5151" i="5" s="1"/>
  <c r="M5177" i="2"/>
  <c r="M5151" i="5" s="1"/>
  <c r="P5151" i="5" s="1"/>
  <c r="L5177" i="2"/>
  <c r="L5151" i="5" s="1"/>
  <c r="K5177" i="2"/>
  <c r="K5151" i="5" s="1"/>
  <c r="I3135" i="2"/>
  <c r="I3109" i="5" s="1"/>
  <c r="K3135" i="2"/>
  <c r="K3109" i="5" s="1"/>
  <c r="J3135" i="2"/>
  <c r="J3109" i="5" s="1"/>
  <c r="N3109" i="5" s="1"/>
  <c r="I7805" i="2"/>
  <c r="I7779" i="5" s="1"/>
  <c r="J7805" i="2"/>
  <c r="J7779" i="5" s="1"/>
  <c r="N7779" i="5" s="1"/>
  <c r="L7805" i="2"/>
  <c r="L7779" i="5" s="1"/>
  <c r="K7805" i="2"/>
  <c r="K7779" i="5" s="1"/>
  <c r="M7805" i="2"/>
  <c r="M7779" i="5" s="1"/>
  <c r="P7779" i="5" s="1"/>
  <c r="I7441" i="2"/>
  <c r="I7415" i="5" s="1"/>
  <c r="K7441" i="2"/>
  <c r="K7415" i="5" s="1"/>
  <c r="M7441" i="2"/>
  <c r="M7415" i="5" s="1"/>
  <c r="P7415" i="5" s="1"/>
  <c r="L7441" i="2"/>
  <c r="L7415" i="5" s="1"/>
  <c r="J7474" i="2"/>
  <c r="J7448" i="5" s="1"/>
  <c r="N7448" i="5" s="1"/>
  <c r="M7474" i="2"/>
  <c r="M7448" i="5" s="1"/>
  <c r="P7448" i="5" s="1"/>
  <c r="L7474" i="2"/>
  <c r="L7448" i="5" s="1"/>
  <c r="I7474" i="2"/>
  <c r="I7448" i="5" s="1"/>
  <c r="K6703" i="2"/>
  <c r="K6677" i="5" s="1"/>
  <c r="L6703" i="2"/>
  <c r="L6677" i="5" s="1"/>
  <c r="M6703" i="2"/>
  <c r="M6677" i="5" s="1"/>
  <c r="P6677" i="5" s="1"/>
  <c r="J7201" i="2"/>
  <c r="J7175" i="5" s="1"/>
  <c r="N7175" i="5" s="1"/>
  <c r="L1080" i="2"/>
  <c r="L1054" i="5" s="1"/>
  <c r="J1080" i="2"/>
  <c r="J1054" i="5" s="1"/>
  <c r="N1054" i="5" s="1"/>
  <c r="L1092" i="2"/>
  <c r="L1066" i="5" s="1"/>
  <c r="J1092" i="2"/>
  <c r="J1066" i="5" s="1"/>
  <c r="N1066" i="5" s="1"/>
  <c r="K3085" i="2"/>
  <c r="K3059" i="5" s="1"/>
  <c r="O3059" i="5" s="1"/>
  <c r="J3085" i="2"/>
  <c r="J3059" i="5" s="1"/>
  <c r="N3059" i="5" s="1"/>
  <c r="J6938" i="2"/>
  <c r="J6912" i="5" s="1"/>
  <c r="N6912" i="5" s="1"/>
  <c r="M6938" i="2"/>
  <c r="M6912" i="5" s="1"/>
  <c r="P6912" i="5" s="1"/>
  <c r="L6938" i="2"/>
  <c r="L6912" i="5" s="1"/>
  <c r="K6938" i="2"/>
  <c r="K6912" i="5" s="1"/>
  <c r="M126" i="2"/>
  <c r="M100" i="5" s="1"/>
  <c r="P100" i="5" s="1"/>
  <c r="J126" i="2"/>
  <c r="J100" i="5" s="1"/>
  <c r="L1457" i="2"/>
  <c r="L1431" i="5" s="1"/>
  <c r="J1457" i="2"/>
  <c r="J1431" i="5" s="1"/>
  <c r="N1431" i="5" s="1"/>
  <c r="K1457" i="2"/>
  <c r="K1431" i="5" s="1"/>
  <c r="M1457" i="2"/>
  <c r="M1431" i="5" s="1"/>
  <c r="P1431" i="5" s="1"/>
  <c r="L4817" i="2"/>
  <c r="L4791" i="5" s="1"/>
  <c r="K4817" i="2"/>
  <c r="K4791" i="5" s="1"/>
  <c r="I7149" i="2"/>
  <c r="I7123" i="5" s="1"/>
  <c r="M5983" i="2"/>
  <c r="M5957" i="5" s="1"/>
  <c r="P5957" i="5" s="1"/>
  <c r="I5983" i="2"/>
  <c r="I5957" i="5" s="1"/>
  <c r="J5983" i="2"/>
  <c r="J5957" i="5" s="1"/>
  <c r="N5957" i="5" s="1"/>
  <c r="L5983" i="2"/>
  <c r="L5957" i="5" s="1"/>
  <c r="K5983" i="2"/>
  <c r="K5957" i="5" s="1"/>
  <c r="M6161" i="2"/>
  <c r="M6135" i="5" s="1"/>
  <c r="P6135" i="5" s="1"/>
  <c r="I6161" i="2"/>
  <c r="I6135" i="5" s="1"/>
  <c r="K6161" i="2"/>
  <c r="K6135" i="5" s="1"/>
  <c r="O6135" i="5" s="1"/>
  <c r="K1085" i="2"/>
  <c r="K1059" i="5" s="1"/>
  <c r="L1085" i="2"/>
  <c r="L1059" i="5" s="1"/>
  <c r="M1085" i="2"/>
  <c r="M1059" i="5" s="1"/>
  <c r="P1059" i="5" s="1"/>
  <c r="J1085" i="2"/>
  <c r="J1059" i="5" s="1"/>
  <c r="N1059" i="5" s="1"/>
  <c r="I1085" i="2"/>
  <c r="I1059" i="5" s="1"/>
  <c r="I8283" i="2"/>
  <c r="I8257" i="5" s="1"/>
  <c r="K8283" i="2"/>
  <c r="K8257" i="5" s="1"/>
  <c r="J8283" i="2"/>
  <c r="J8257" i="5" s="1"/>
  <c r="M8283" i="2"/>
  <c r="M8257" i="5" s="1"/>
  <c r="P8257" i="5" s="1"/>
  <c r="L8283" i="2"/>
  <c r="L8257" i="5" s="1"/>
  <c r="M8784" i="2"/>
  <c r="M8758" i="5" s="1"/>
  <c r="P8758" i="5" s="1"/>
  <c r="J8784" i="2"/>
  <c r="J8758" i="5" s="1"/>
  <c r="N8758" i="5" s="1"/>
  <c r="K8784" i="2"/>
  <c r="K8758" i="5" s="1"/>
  <c r="O8758" i="5" s="1"/>
  <c r="M6333" i="2"/>
  <c r="M6307" i="5" s="1"/>
  <c r="P6307" i="5" s="1"/>
  <c r="I6333" i="2"/>
  <c r="I6307" i="5" s="1"/>
  <c r="I2614" i="2"/>
  <c r="I2588" i="5" s="1"/>
  <c r="L5185" i="2"/>
  <c r="L5159" i="5" s="1"/>
  <c r="I5185" i="2"/>
  <c r="I5159" i="5" s="1"/>
  <c r="J5185" i="2"/>
  <c r="J5159" i="5" s="1"/>
  <c r="N5159" i="5" s="1"/>
  <c r="K5185" i="2"/>
  <c r="K5159" i="5" s="1"/>
  <c r="M5185" i="2"/>
  <c r="M5159" i="5" s="1"/>
  <c r="P5159" i="5" s="1"/>
  <c r="K778" i="2"/>
  <c r="K752" i="5" s="1"/>
  <c r="I778" i="2"/>
  <c r="I752" i="5" s="1"/>
  <c r="J778" i="2"/>
  <c r="J752" i="5" s="1"/>
  <c r="N752" i="5" s="1"/>
  <c r="L778" i="2"/>
  <c r="L752" i="5" s="1"/>
  <c r="I7974" i="2"/>
  <c r="I7948" i="5" s="1"/>
  <c r="M7974" i="2"/>
  <c r="M7948" i="5" s="1"/>
  <c r="P7948" i="5" s="1"/>
  <c r="J943" i="2"/>
  <c r="J917" i="5" s="1"/>
  <c r="L943" i="2"/>
  <c r="L917" i="5" s="1"/>
  <c r="J8603" i="2"/>
  <c r="J8577" i="5" s="1"/>
  <c r="N8577" i="5" s="1"/>
  <c r="I8603" i="2"/>
  <c r="I8577" i="5" s="1"/>
  <c r="K8603" i="2"/>
  <c r="K8577" i="5" s="1"/>
  <c r="K2761" i="2"/>
  <c r="K2735" i="5" s="1"/>
  <c r="L2761" i="2"/>
  <c r="L2735" i="5" s="1"/>
  <c r="J2761" i="2"/>
  <c r="J2735" i="5" s="1"/>
  <c r="N2735" i="5" s="1"/>
  <c r="K8344" i="2"/>
  <c r="K8318" i="5" s="1"/>
  <c r="L8344" i="2"/>
  <c r="L8318" i="5" s="1"/>
  <c r="J8344" i="2"/>
  <c r="J8318" i="5" s="1"/>
  <c r="N8318" i="5" s="1"/>
  <c r="K6086" i="2"/>
  <c r="K6060" i="5" s="1"/>
  <c r="J5494" i="2"/>
  <c r="J5468" i="5" s="1"/>
  <c r="N5468" i="5" s="1"/>
  <c r="M8344" i="2"/>
  <c r="M8318" i="5" s="1"/>
  <c r="P8318" i="5" s="1"/>
  <c r="C123" i="5"/>
  <c r="K3008" i="2"/>
  <c r="K2982" i="5" s="1"/>
  <c r="O2982" i="5" s="1"/>
  <c r="I1574" i="2"/>
  <c r="I1548" i="5" s="1"/>
  <c r="L2059" i="2"/>
  <c r="L2033" i="5" s="1"/>
  <c r="M3474" i="2"/>
  <c r="M3448" i="5" s="1"/>
  <c r="P3448" i="5" s="1"/>
  <c r="K6617" i="2"/>
  <c r="K6591" i="5" s="1"/>
  <c r="O6591" i="5" s="1"/>
  <c r="L392" i="2"/>
  <c r="L366" i="5" s="1"/>
  <c r="J8317" i="2"/>
  <c r="J8291" i="5" s="1"/>
  <c r="N8291" i="5" s="1"/>
  <c r="J2143" i="2"/>
  <c r="J2117" i="5" s="1"/>
  <c r="N2117" i="5" s="1"/>
  <c r="J5280" i="2"/>
  <c r="J5254" i="5" s="1"/>
  <c r="N5254" i="5" s="1"/>
  <c r="L1123" i="2"/>
  <c r="L1097" i="5" s="1"/>
  <c r="I5999" i="2"/>
  <c r="I5973" i="5" s="1"/>
  <c r="K943" i="2"/>
  <c r="K917" i="5" s="1"/>
  <c r="L4078" i="2"/>
  <c r="L4052" i="5" s="1"/>
  <c r="J3123" i="2"/>
  <c r="J3097" i="5" s="1"/>
  <c r="N3097" i="5" s="1"/>
  <c r="M7801" i="2"/>
  <c r="M7775" i="5" s="1"/>
  <c r="P7775" i="5" s="1"/>
  <c r="J1604" i="2"/>
  <c r="J1578" i="5" s="1"/>
  <c r="N1578" i="5" s="1"/>
  <c r="L6856" i="2"/>
  <c r="L6830" i="5" s="1"/>
  <c r="I208" i="2"/>
  <c r="I182" i="5" s="1"/>
  <c r="I7969" i="2"/>
  <c r="I7943" i="5" s="1"/>
  <c r="M8780" i="2"/>
  <c r="M8754" i="5" s="1"/>
  <c r="P8754" i="5" s="1"/>
  <c r="L5129" i="2"/>
  <c r="L5103" i="5" s="1"/>
  <c r="K208" i="2"/>
  <c r="K182" i="5" s="1"/>
  <c r="J8471" i="2"/>
  <c r="J8445" i="5" s="1"/>
  <c r="J3251" i="2"/>
  <c r="J3225" i="5" s="1"/>
  <c r="M4793" i="2"/>
  <c r="M4767" i="5" s="1"/>
  <c r="P4767" i="5" s="1"/>
  <c r="K2498" i="2"/>
  <c r="K2472" i="5" s="1"/>
  <c r="L4665" i="2"/>
  <c r="L4639" i="5" s="1"/>
  <c r="M4130" i="2"/>
  <c r="M4104" i="5" s="1"/>
  <c r="P4104" i="5" s="1"/>
  <c r="K1235" i="2"/>
  <c r="K1209" i="5" s="1"/>
  <c r="M4683" i="2"/>
  <c r="M4657" i="5" s="1"/>
  <c r="P4657" i="5" s="1"/>
  <c r="J7138" i="2"/>
  <c r="J7112" i="5" s="1"/>
  <c r="N7112" i="5" s="1"/>
  <c r="I3008" i="2"/>
  <c r="I2982" i="5" s="1"/>
  <c r="I3444" i="2"/>
  <c r="I3418" i="5" s="1"/>
  <c r="K8317" i="2"/>
  <c r="K8291" i="5" s="1"/>
  <c r="I143" i="2"/>
  <c r="I117" i="5" s="1"/>
  <c r="K143" i="2"/>
  <c r="K117" i="5" s="1"/>
  <c r="O117" i="5" s="1"/>
  <c r="J6361" i="2"/>
  <c r="J6335" i="5" s="1"/>
  <c r="N6335" i="5" s="1"/>
  <c r="M6361" i="2"/>
  <c r="M6335" i="5" s="1"/>
  <c r="P6335" i="5" s="1"/>
  <c r="I6361" i="2"/>
  <c r="I6335" i="5" s="1"/>
  <c r="L6361" i="2"/>
  <c r="L6335" i="5" s="1"/>
  <c r="K6088" i="2"/>
  <c r="K6062" i="5" s="1"/>
  <c r="M6088" i="2"/>
  <c r="M6062" i="5" s="1"/>
  <c r="P6062" i="5" s="1"/>
  <c r="J2979" i="2"/>
  <c r="J2953" i="5" s="1"/>
  <c r="K2979" i="2"/>
  <c r="K2953" i="5" s="1"/>
  <c r="O2953" i="5" s="1"/>
  <c r="J36" i="2"/>
  <c r="J10" i="5" s="1"/>
  <c r="N10" i="5" s="1"/>
  <c r="L2252" i="2"/>
  <c r="L2226" i="5" s="1"/>
  <c r="J2252" i="2"/>
  <c r="J2226" i="5" s="1"/>
  <c r="K2252" i="2"/>
  <c r="K2226" i="5" s="1"/>
  <c r="M2252" i="2"/>
  <c r="M2226" i="5" s="1"/>
  <c r="P2226" i="5" s="1"/>
  <c r="J6130" i="2"/>
  <c r="J6104" i="5" s="1"/>
  <c r="N6104" i="5" s="1"/>
  <c r="L6130" i="2"/>
  <c r="L6104" i="5" s="1"/>
  <c r="K6130" i="2"/>
  <c r="K6104" i="5" s="1"/>
  <c r="I6130" i="2"/>
  <c r="I6104" i="5" s="1"/>
  <c r="I2122" i="2"/>
  <c r="I2096" i="5" s="1"/>
  <c r="J2122" i="2"/>
  <c r="J2096" i="5" s="1"/>
  <c r="N2096" i="5" s="1"/>
  <c r="M2122" i="2"/>
  <c r="M2096" i="5" s="1"/>
  <c r="P2096" i="5" s="1"/>
  <c r="L2122" i="2"/>
  <c r="L2096" i="5" s="1"/>
  <c r="M7774" i="2"/>
  <c r="M7748" i="5" s="1"/>
  <c r="P7748" i="5" s="1"/>
  <c r="J257" i="2"/>
  <c r="J231" i="5" s="1"/>
  <c r="N231" i="5" s="1"/>
  <c r="K257" i="2"/>
  <c r="K231" i="5" s="1"/>
  <c r="O231" i="5" s="1"/>
  <c r="I7801" i="2"/>
  <c r="I7775" i="5" s="1"/>
  <c r="M261" i="2"/>
  <c r="M235" i="5" s="1"/>
  <c r="P235" i="5" s="1"/>
  <c r="I261" i="2"/>
  <c r="I235" i="5" s="1"/>
  <c r="K8185" i="2"/>
  <c r="K8159" i="5" s="1"/>
  <c r="M5494" i="2"/>
  <c r="M5468" i="5" s="1"/>
  <c r="P5468" i="5" s="1"/>
  <c r="M1123" i="2"/>
  <c r="M1097" i="5" s="1"/>
  <c r="P1097" i="5" s="1"/>
  <c r="J7135" i="2"/>
  <c r="J7109" i="5" s="1"/>
  <c r="L6628" i="2"/>
  <c r="L6602" i="5" s="1"/>
  <c r="M208" i="2"/>
  <c r="M182" i="5" s="1"/>
  <c r="P182" i="5" s="1"/>
  <c r="L3828" i="2"/>
  <c r="L3802" i="5" s="1"/>
  <c r="K4912" i="2"/>
  <c r="K4886" i="5" s="1"/>
  <c r="L4912" i="2"/>
  <c r="L4886" i="5" s="1"/>
  <c r="M4912" i="2"/>
  <c r="M4886" i="5" s="1"/>
  <c r="P4886" i="5" s="1"/>
  <c r="J4912" i="2"/>
  <c r="J4886" i="5" s="1"/>
  <c r="N4886" i="5" s="1"/>
  <c r="M2955" i="2"/>
  <c r="M2929" i="5" s="1"/>
  <c r="P2929" i="5" s="1"/>
  <c r="L2955" i="2"/>
  <c r="L2929" i="5" s="1"/>
  <c r="J150" i="2"/>
  <c r="J124" i="5" s="1"/>
  <c r="N124" i="5" s="1"/>
  <c r="L6622" i="2"/>
  <c r="L6596" i="5" s="1"/>
  <c r="M4629" i="2"/>
  <c r="M4603" i="5" s="1"/>
  <c r="P4603" i="5" s="1"/>
  <c r="M5129" i="2"/>
  <c r="M5103" i="5" s="1"/>
  <c r="P5103" i="5" s="1"/>
  <c r="I1322" i="2"/>
  <c r="I1296" i="5" s="1"/>
  <c r="L87" i="2"/>
  <c r="L61" i="5" s="1"/>
  <c r="J6336" i="2"/>
  <c r="J6310" i="5" s="1"/>
  <c r="M1590" i="2"/>
  <c r="M1564" i="5" s="1"/>
  <c r="P1564" i="5" s="1"/>
  <c r="M3123" i="2"/>
  <c r="M3097" i="5" s="1"/>
  <c r="P3097" i="5" s="1"/>
  <c r="M778" i="2"/>
  <c r="M752" i="5" s="1"/>
  <c r="P752" i="5" s="1"/>
  <c r="I5847" i="2"/>
  <c r="I5821" i="5" s="1"/>
  <c r="J3739" i="2"/>
  <c r="J3713" i="5" s="1"/>
  <c r="N3713" i="5" s="1"/>
  <c r="M8610" i="2"/>
  <c r="M8584" i="5" s="1"/>
  <c r="P8584" i="5" s="1"/>
  <c r="J5129" i="2"/>
  <c r="J5103" i="5" s="1"/>
  <c r="N5103" i="5" s="1"/>
  <c r="K3828" i="2"/>
  <c r="K3802" i="5" s="1"/>
  <c r="I1306" i="2"/>
  <c r="I1280" i="5" s="1"/>
  <c r="L416" i="2"/>
  <c r="L390" i="5" s="1"/>
  <c r="K2570" i="2"/>
  <c r="K2544" i="5" s="1"/>
  <c r="M590" i="2"/>
  <c r="M564" i="5" s="1"/>
  <c r="P564" i="5" s="1"/>
  <c r="M8523" i="2"/>
  <c r="M8497" i="5" s="1"/>
  <c r="P8497" i="5" s="1"/>
  <c r="I4598" i="2"/>
  <c r="I4572" i="5" s="1"/>
  <c r="L3459" i="2"/>
  <c r="L3433" i="5" s="1"/>
  <c r="K2228" i="2"/>
  <c r="K2202" i="5" s="1"/>
  <c r="O2202" i="5" s="1"/>
  <c r="L6159" i="2"/>
  <c r="L6133" i="5" s="1"/>
  <c r="L1322" i="2"/>
  <c r="L1296" i="5" s="1"/>
  <c r="M2747" i="2"/>
  <c r="M2721" i="5" s="1"/>
  <c r="P2721" i="5" s="1"/>
  <c r="L1590" i="2"/>
  <c r="L1564" i="5" s="1"/>
  <c r="I2168" i="2"/>
  <c r="I2142" i="5" s="1"/>
  <c r="J7861" i="2"/>
  <c r="J7835" i="5" s="1"/>
  <c r="J3484" i="2"/>
  <c r="J3458" i="5" s="1"/>
  <c r="N3458" i="5" s="1"/>
  <c r="M8603" i="2"/>
  <c r="M8577" i="5" s="1"/>
  <c r="P8577" i="5" s="1"/>
  <c r="J424" i="2"/>
  <c r="J398" i="5" s="1"/>
  <c r="N398" i="5" s="1"/>
  <c r="J2434" i="2"/>
  <c r="J2408" i="5" s="1"/>
  <c r="N2408" i="5" s="1"/>
  <c r="J4270" i="2"/>
  <c r="J4244" i="5" s="1"/>
  <c r="N4244" i="5" s="1"/>
  <c r="I4078" i="2"/>
  <c r="I4052" i="5" s="1"/>
  <c r="K718" i="2"/>
  <c r="K692" i="5" s="1"/>
  <c r="O692" i="5" s="1"/>
  <c r="J718" i="2"/>
  <c r="J692" i="5" s="1"/>
  <c r="N692" i="5" s="1"/>
  <c r="K5129" i="2"/>
  <c r="K5103" i="5" s="1"/>
  <c r="I5837" i="2"/>
  <c r="I5811" i="5" s="1"/>
  <c r="K392" i="2"/>
  <c r="K366" i="5" s="1"/>
  <c r="M599" i="2"/>
  <c r="M573" i="5" s="1"/>
  <c r="P573" i="5" s="1"/>
  <c r="M6336" i="2"/>
  <c r="M6310" i="5" s="1"/>
  <c r="P6310" i="5" s="1"/>
  <c r="K6767" i="2"/>
  <c r="K6741" i="5" s="1"/>
  <c r="O6741" i="5" s="1"/>
  <c r="M8185" i="2"/>
  <c r="M8159" i="5" s="1"/>
  <c r="P8159" i="5" s="1"/>
  <c r="M5837" i="2"/>
  <c r="M5811" i="5" s="1"/>
  <c r="P5811" i="5" s="1"/>
  <c r="M6849" i="2"/>
  <c r="M6823" i="5" s="1"/>
  <c r="P6823" i="5" s="1"/>
  <c r="J2570" i="2"/>
  <c r="J2544" i="5" s="1"/>
  <c r="I590" i="2"/>
  <c r="I564" i="5" s="1"/>
  <c r="AR38" i="1"/>
  <c r="L8317" i="2"/>
  <c r="L8291" i="5" s="1"/>
  <c r="K3459" i="2"/>
  <c r="K3433" i="5" s="1"/>
  <c r="J4287" i="2"/>
  <c r="J4261" i="5" s="1"/>
  <c r="N4261" i="5" s="1"/>
  <c r="L8185" i="2"/>
  <c r="L8159" i="5" s="1"/>
  <c r="I8271" i="2"/>
  <c r="I8245" i="5" s="1"/>
  <c r="K7093" i="2"/>
  <c r="K7067" i="5" s="1"/>
  <c r="M2218" i="2"/>
  <c r="M2192" i="5" s="1"/>
  <c r="P2192" i="5" s="1"/>
  <c r="I606" i="2"/>
  <c r="I580" i="5" s="1"/>
  <c r="K2487" i="2"/>
  <c r="K2461" i="5" s="1"/>
  <c r="AR220" i="1"/>
  <c r="I4988" i="2"/>
  <c r="I4962" i="5" s="1"/>
  <c r="L1306" i="2"/>
  <c r="L1280" i="5" s="1"/>
  <c r="I6849" i="2"/>
  <c r="I6823" i="5" s="1"/>
  <c r="M890" i="2"/>
  <c r="M864" i="5" s="1"/>
  <c r="P864" i="5" s="1"/>
  <c r="I2570" i="2"/>
  <c r="I2544" i="5" s="1"/>
  <c r="K6311" i="2"/>
  <c r="K6285" i="5" s="1"/>
  <c r="K1092" i="2"/>
  <c r="K1066" i="5" s="1"/>
  <c r="L2286" i="2"/>
  <c r="L2260" i="5" s="1"/>
  <c r="K8523" i="2"/>
  <c r="K8497" i="5" s="1"/>
  <c r="O8497" i="5" s="1"/>
  <c r="M8271" i="2"/>
  <c r="M8245" i="5" s="1"/>
  <c r="P8245" i="5" s="1"/>
  <c r="L2218" i="2"/>
  <c r="L2192" i="5" s="1"/>
  <c r="L4598" i="2"/>
  <c r="L4572" i="5" s="1"/>
  <c r="M6851" i="2"/>
  <c r="M6825" i="5" s="1"/>
  <c r="P6825" i="5" s="1"/>
  <c r="K6778" i="2"/>
  <c r="K6752" i="5" s="1"/>
  <c r="O6752" i="5" s="1"/>
  <c r="L7796" i="2"/>
  <c r="L7770" i="5" s="1"/>
  <c r="I2228" i="2"/>
  <c r="I2202" i="5" s="1"/>
  <c r="M3741" i="2"/>
  <c r="M3715" i="5" s="1"/>
  <c r="P3715" i="5" s="1"/>
  <c r="M4956" i="2"/>
  <c r="M4930" i="5" s="1"/>
  <c r="P4930" i="5" s="1"/>
  <c r="M6159" i="2"/>
  <c r="M6133" i="5" s="1"/>
  <c r="P6133" i="5" s="1"/>
  <c r="K6850" i="2"/>
  <c r="K6824" i="5" s="1"/>
  <c r="O6824" i="5" s="1"/>
  <c r="I1454" i="2"/>
  <c r="I1428" i="5" s="1"/>
  <c r="M1322" i="2"/>
  <c r="M1296" i="5" s="1"/>
  <c r="P1296" i="5" s="1"/>
  <c r="M2168" i="2"/>
  <c r="M2142" i="5" s="1"/>
  <c r="P2142" i="5" s="1"/>
  <c r="K8287" i="2"/>
  <c r="K8261" i="5" s="1"/>
  <c r="I3484" i="2"/>
  <c r="I3458" i="5" s="1"/>
  <c r="I943" i="2"/>
  <c r="I917" i="5" s="1"/>
  <c r="I5508" i="2"/>
  <c r="I5482" i="5" s="1"/>
  <c r="K3957" i="2"/>
  <c r="K3931" i="5" s="1"/>
  <c r="K7349" i="2"/>
  <c r="K7323" i="5" s="1"/>
  <c r="I6450" i="2"/>
  <c r="I6424" i="5" s="1"/>
  <c r="J6450" i="2"/>
  <c r="J6424" i="5" s="1"/>
  <c r="L6450" i="2"/>
  <c r="L6424" i="5" s="1"/>
  <c r="K6450" i="2"/>
  <c r="K6424" i="5" s="1"/>
  <c r="M1382" i="2"/>
  <c r="M1356" i="5" s="1"/>
  <c r="P1356" i="5" s="1"/>
  <c r="I1382" i="2"/>
  <c r="I1356" i="5" s="1"/>
  <c r="J1382" i="2"/>
  <c r="J1356" i="5" s="1"/>
  <c r="N1356" i="5" s="1"/>
  <c r="I416" i="2"/>
  <c r="I390" i="5" s="1"/>
  <c r="L3108" i="2"/>
  <c r="L3082" i="5" s="1"/>
  <c r="M5294" i="2"/>
  <c r="M5268" i="5" s="1"/>
  <c r="P5268" i="5" s="1"/>
  <c r="L3957" i="2"/>
  <c r="L3931" i="5" s="1"/>
  <c r="K7474" i="2"/>
  <c r="K7448" i="5" s="1"/>
  <c r="K8271" i="2"/>
  <c r="K8245" i="5" s="1"/>
  <c r="J7093" i="2"/>
  <c r="J7067" i="5" s="1"/>
  <c r="N7067" i="5" s="1"/>
  <c r="J4598" i="2"/>
  <c r="J4572" i="5" s="1"/>
  <c r="N4572" i="5" s="1"/>
  <c r="J606" i="2"/>
  <c r="J580" i="5" s="1"/>
  <c r="N580" i="5" s="1"/>
  <c r="L890" i="2"/>
  <c r="L864" i="5" s="1"/>
  <c r="L2570" i="2"/>
  <c r="L2544" i="5" s="1"/>
  <c r="I6311" i="2"/>
  <c r="I6285" i="5" s="1"/>
  <c r="I3593" i="2"/>
  <c r="I3567" i="5" s="1"/>
  <c r="I1092" i="2"/>
  <c r="I1066" i="5" s="1"/>
  <c r="M2286" i="2"/>
  <c r="M2260" i="5" s="1"/>
  <c r="P2260" i="5" s="1"/>
  <c r="I8523" i="2"/>
  <c r="I8497" i="5" s="1"/>
  <c r="AR298" i="1"/>
  <c r="K7776" i="2"/>
  <c r="K7750" i="5" s="1"/>
  <c r="K3271" i="2"/>
  <c r="K3245" i="5" s="1"/>
  <c r="L8271" i="2"/>
  <c r="L8245" i="5" s="1"/>
  <c r="L5599" i="2"/>
  <c r="L5573" i="5" s="1"/>
  <c r="M4598" i="2"/>
  <c r="M4572" i="5" s="1"/>
  <c r="P4572" i="5" s="1"/>
  <c r="J6851" i="2"/>
  <c r="J6825" i="5" s="1"/>
  <c r="N6825" i="5" s="1"/>
  <c r="M6778" i="2"/>
  <c r="M6752" i="5" s="1"/>
  <c r="P6752" i="5" s="1"/>
  <c r="J6318" i="2"/>
  <c r="J6292" i="5" s="1"/>
  <c r="N6292" i="5" s="1"/>
  <c r="K7796" i="2"/>
  <c r="K7770" i="5" s="1"/>
  <c r="M2228" i="2"/>
  <c r="M2202" i="5" s="1"/>
  <c r="P2202" i="5" s="1"/>
  <c r="J3741" i="2"/>
  <c r="J3715" i="5" s="1"/>
  <c r="N3715" i="5" s="1"/>
  <c r="J4956" i="2"/>
  <c r="J4930" i="5" s="1"/>
  <c r="N4930" i="5" s="1"/>
  <c r="I8622" i="2"/>
  <c r="I8596" i="5" s="1"/>
  <c r="M8627" i="2"/>
  <c r="M8601" i="5" s="1"/>
  <c r="P8601" i="5" s="1"/>
  <c r="K5979" i="2"/>
  <c r="K5953" i="5" s="1"/>
  <c r="L1454" i="2"/>
  <c r="L1428" i="5" s="1"/>
  <c r="I5617" i="2"/>
  <c r="I5591" i="5" s="1"/>
  <c r="L2168" i="2"/>
  <c r="L2142" i="5" s="1"/>
  <c r="M4327" i="2"/>
  <c r="M4301" i="5" s="1"/>
  <c r="P4301" i="5" s="1"/>
  <c r="K962" i="2"/>
  <c r="K936" i="5" s="1"/>
  <c r="K4099" i="2"/>
  <c r="K4073" i="5" s="1"/>
  <c r="I1639" i="2"/>
  <c r="I1613" i="5" s="1"/>
  <c r="J4403" i="2"/>
  <c r="J4377" i="5" s="1"/>
  <c r="N4377" i="5" s="1"/>
  <c r="I4843" i="2"/>
  <c r="I4817" i="5" s="1"/>
  <c r="M4843" i="2"/>
  <c r="M4817" i="5" s="1"/>
  <c r="P4817" i="5" s="1"/>
  <c r="M943" i="2"/>
  <c r="M917" i="5" s="1"/>
  <c r="P917" i="5" s="1"/>
  <c r="L7801" i="2"/>
  <c r="L7775" i="5" s="1"/>
  <c r="J5294" i="2"/>
  <c r="J5268" i="5" s="1"/>
  <c r="N5268" i="5" s="1"/>
  <c r="L8603" i="2"/>
  <c r="L8577" i="5" s="1"/>
  <c r="K5684" i="2"/>
  <c r="K5658" i="5" s="1"/>
  <c r="O5658" i="5" s="1"/>
  <c r="L6636" i="2"/>
  <c r="L6610" i="5" s="1"/>
  <c r="M6636" i="2"/>
  <c r="M6610" i="5" s="1"/>
  <c r="P6610" i="5" s="1"/>
  <c r="J6646" i="2"/>
  <c r="J6620" i="5" s="1"/>
  <c r="N6620" i="5" s="1"/>
  <c r="I6646" i="2"/>
  <c r="I6620" i="5" s="1"/>
  <c r="J6758" i="2"/>
  <c r="J6732" i="5" s="1"/>
  <c r="N6732" i="5" s="1"/>
  <c r="L590" i="2"/>
  <c r="L564" i="5" s="1"/>
  <c r="J4601" i="2"/>
  <c r="J4575" i="5" s="1"/>
  <c r="N4575" i="5" s="1"/>
  <c r="J7027" i="2"/>
  <c r="J7001" i="5" s="1"/>
  <c r="N7001" i="5" s="1"/>
  <c r="M416" i="2"/>
  <c r="M390" i="5" s="1"/>
  <c r="P390" i="5" s="1"/>
  <c r="AR192" i="1"/>
  <c r="L6311" i="2"/>
  <c r="L6285" i="5" s="1"/>
  <c r="L606" i="2"/>
  <c r="L580" i="5" s="1"/>
  <c r="I6149" i="2"/>
  <c r="I6123" i="5" s="1"/>
  <c r="J2487" i="2"/>
  <c r="J2461" i="5" s="1"/>
  <c r="N2461" i="5" s="1"/>
  <c r="J3137" i="2"/>
  <c r="J3111" i="5" s="1"/>
  <c r="N3111" i="5" s="1"/>
  <c r="M6149" i="2"/>
  <c r="M6123" i="5" s="1"/>
  <c r="P6123" i="5" s="1"/>
  <c r="L2487" i="2"/>
  <c r="L2461" i="5" s="1"/>
  <c r="K3137" i="2"/>
  <c r="K3111" i="5" s="1"/>
  <c r="O3111" i="5" s="1"/>
  <c r="L5981" i="2"/>
  <c r="L5955" i="5" s="1"/>
  <c r="J4937" i="2"/>
  <c r="J4911" i="5" s="1"/>
  <c r="N4911" i="5" s="1"/>
  <c r="K890" i="2"/>
  <c r="K864" i="5" s="1"/>
  <c r="K2122" i="2"/>
  <c r="K2096" i="5" s="1"/>
  <c r="J3593" i="2"/>
  <c r="J3567" i="5" s="1"/>
  <c r="N3567" i="5" s="1"/>
  <c r="M1092" i="2"/>
  <c r="M1066" i="5" s="1"/>
  <c r="P1066" i="5" s="1"/>
  <c r="AR2" i="1"/>
  <c r="L7776" i="2"/>
  <c r="L7750" i="5" s="1"/>
  <c r="J5599" i="2"/>
  <c r="J5573" i="5" s="1"/>
  <c r="I718" i="2"/>
  <c r="I692" i="5" s="1"/>
  <c r="L7876" i="2"/>
  <c r="L7850" i="5" s="1"/>
  <c r="I7796" i="2"/>
  <c r="I7770" i="5" s="1"/>
  <c r="K3741" i="2"/>
  <c r="K3715" i="5" s="1"/>
  <c r="O3715" i="5" s="1"/>
  <c r="J6310" i="2"/>
  <c r="J6284" i="5" s="1"/>
  <c r="N6284" i="5" s="1"/>
  <c r="M1454" i="2"/>
  <c r="M1428" i="5" s="1"/>
  <c r="P1428" i="5" s="1"/>
  <c r="M5617" i="2"/>
  <c r="M5591" i="5" s="1"/>
  <c r="P5591" i="5" s="1"/>
  <c r="I7017" i="2"/>
  <c r="I6991" i="5" s="1"/>
  <c r="L7602" i="2"/>
  <c r="L7576" i="5" s="1"/>
  <c r="M920" i="2"/>
  <c r="M894" i="5" s="1"/>
  <c r="P894" i="5" s="1"/>
  <c r="I4811" i="2"/>
  <c r="I4785" i="5" s="1"/>
  <c r="M3563" i="2"/>
  <c r="M3537" i="5" s="1"/>
  <c r="P3537" i="5" s="1"/>
  <c r="L1308" i="2"/>
  <c r="L1282" i="5" s="1"/>
  <c r="I4099" i="2"/>
  <c r="I4073" i="5" s="1"/>
  <c r="K6992" i="2"/>
  <c r="K6966" i="5" s="1"/>
  <c r="I6948" i="2"/>
  <c r="I6922" i="5" s="1"/>
  <c r="M6948" i="2"/>
  <c r="M6922" i="5" s="1"/>
  <c r="P6922" i="5" s="1"/>
  <c r="L51" i="2"/>
  <c r="L25" i="5" s="1"/>
  <c r="M51" i="2"/>
  <c r="M25" i="5" s="1"/>
  <c r="P25" i="5" s="1"/>
  <c r="J51" i="2"/>
  <c r="J25" i="5" s="1"/>
  <c r="M2150" i="2"/>
  <c r="M2124" i="5" s="1"/>
  <c r="P2124" i="5" s="1"/>
  <c r="L2150" i="2"/>
  <c r="L2124" i="5" s="1"/>
  <c r="J5297" i="2"/>
  <c r="J5271" i="5" s="1"/>
  <c r="N5271" i="5" s="1"/>
  <c r="K554" i="2"/>
  <c r="K528" i="5" s="1"/>
  <c r="J554" i="2"/>
  <c r="J528" i="5" s="1"/>
  <c r="N528" i="5" s="1"/>
  <c r="I554" i="2"/>
  <c r="I528" i="5" s="1"/>
  <c r="L554" i="2"/>
  <c r="L528" i="5" s="1"/>
  <c r="M554" i="2"/>
  <c r="M528" i="5" s="1"/>
  <c r="P528" i="5" s="1"/>
  <c r="J5665" i="2"/>
  <c r="J5639" i="5" s="1"/>
  <c r="N5639" i="5" s="1"/>
  <c r="I5665" i="2"/>
  <c r="I5639" i="5" s="1"/>
  <c r="L4575" i="2"/>
  <c r="L4549" i="5" s="1"/>
  <c r="I4575" i="2"/>
  <c r="I4549" i="5" s="1"/>
  <c r="M4824" i="2"/>
  <c r="M4798" i="5" s="1"/>
  <c r="P4798" i="5" s="1"/>
  <c r="K4824" i="2"/>
  <c r="K4798" i="5" s="1"/>
  <c r="J4824" i="2"/>
  <c r="J4798" i="5" s="1"/>
  <c r="N4798" i="5" s="1"/>
  <c r="L4824" i="2"/>
  <c r="L4798" i="5" s="1"/>
  <c r="J3331" i="2"/>
  <c r="J3305" i="5" s="1"/>
  <c r="N3305" i="5" s="1"/>
  <c r="J8185" i="2"/>
  <c r="J8159" i="5" s="1"/>
  <c r="N8159" i="5" s="1"/>
  <c r="AR171" i="1"/>
  <c r="C177" i="5"/>
  <c r="I7806" i="2"/>
  <c r="I7780" i="5" s="1"/>
  <c r="J7806" i="2"/>
  <c r="J7780" i="5" s="1"/>
  <c r="N7780" i="5" s="1"/>
  <c r="L7806" i="2"/>
  <c r="L7780" i="5" s="1"/>
  <c r="I3578" i="2"/>
  <c r="I3552" i="5" s="1"/>
  <c r="K3578" i="2"/>
  <c r="K3552" i="5" s="1"/>
  <c r="L3578" i="2"/>
  <c r="L3552" i="5" s="1"/>
  <c r="C137" i="5"/>
  <c r="AR131" i="1"/>
  <c r="J8475" i="2"/>
  <c r="J8449" i="5" s="1"/>
  <c r="N8449" i="5" s="1"/>
  <c r="K8475" i="2"/>
  <c r="K8449" i="5" s="1"/>
  <c r="I6822" i="2"/>
  <c r="I6796" i="5" s="1"/>
  <c r="J6659" i="2"/>
  <c r="J6633" i="5" s="1"/>
  <c r="N6633" i="5" s="1"/>
  <c r="I751" i="2"/>
  <c r="I725" i="5" s="1"/>
  <c r="K751" i="2"/>
  <c r="K725" i="5" s="1"/>
  <c r="O725" i="5" s="1"/>
  <c r="I7652" i="2"/>
  <c r="I7626" i="5" s="1"/>
  <c r="D372" i="5"/>
  <c r="AR366" i="1"/>
  <c r="K637" i="2"/>
  <c r="K611" i="5" s="1"/>
  <c r="J6695" i="2"/>
  <c r="J6669" i="5" s="1"/>
  <c r="N6669" i="5" s="1"/>
  <c r="I6695" i="2"/>
  <c r="I6669" i="5" s="1"/>
  <c r="K6695" i="2"/>
  <c r="K6669" i="5" s="1"/>
  <c r="M6695" i="2"/>
  <c r="M6669" i="5" s="1"/>
  <c r="P6669" i="5" s="1"/>
  <c r="L6695" i="2"/>
  <c r="L6669" i="5" s="1"/>
  <c r="I451" i="2"/>
  <c r="I425" i="5" s="1"/>
  <c r="J451" i="2"/>
  <c r="J425" i="5" s="1"/>
  <c r="N425" i="5" s="1"/>
  <c r="M451" i="2"/>
  <c r="M425" i="5" s="1"/>
  <c r="P425" i="5" s="1"/>
  <c r="L451" i="2"/>
  <c r="L425" i="5" s="1"/>
  <c r="K451" i="2"/>
  <c r="K425" i="5" s="1"/>
  <c r="M3259" i="2"/>
  <c r="M3233" i="5" s="1"/>
  <c r="P3233" i="5" s="1"/>
  <c r="L3259" i="2"/>
  <c r="L3233" i="5" s="1"/>
  <c r="J3259" i="2"/>
  <c r="J3233" i="5" s="1"/>
  <c r="N3233" i="5" s="1"/>
  <c r="I3259" i="2"/>
  <c r="I3233" i="5" s="1"/>
  <c r="I1461" i="2"/>
  <c r="I1435" i="5" s="1"/>
  <c r="M1461" i="2"/>
  <c r="M1435" i="5" s="1"/>
  <c r="P1435" i="5" s="1"/>
  <c r="I1464" i="2"/>
  <c r="I1438" i="5" s="1"/>
  <c r="J1464" i="2"/>
  <c r="J1438" i="5" s="1"/>
  <c r="N1438" i="5" s="1"/>
  <c r="M1464" i="2"/>
  <c r="M1438" i="5" s="1"/>
  <c r="P1438" i="5" s="1"/>
  <c r="L1464" i="2"/>
  <c r="L1438" i="5" s="1"/>
  <c r="J2991" i="2"/>
  <c r="J2965" i="5" s="1"/>
  <c r="N2965" i="5" s="1"/>
  <c r="L4246" i="2"/>
  <c r="L4220" i="5" s="1"/>
  <c r="I4246" i="2"/>
  <c r="I4220" i="5" s="1"/>
  <c r="I217" i="2"/>
  <c r="I191" i="5" s="1"/>
  <c r="J217" i="2"/>
  <c r="J191" i="5" s="1"/>
  <c r="N191" i="5" s="1"/>
  <c r="L217" i="2"/>
  <c r="L191" i="5" s="1"/>
  <c r="K217" i="2"/>
  <c r="K191" i="5" s="1"/>
  <c r="M217" i="2"/>
  <c r="M191" i="5" s="1"/>
  <c r="P191" i="5" s="1"/>
  <c r="C179" i="5"/>
  <c r="AR173" i="1"/>
  <c r="L3152" i="2"/>
  <c r="L3126" i="5" s="1"/>
  <c r="I618" i="2"/>
  <c r="I592" i="5" s="1"/>
  <c r="L618" i="2"/>
  <c r="L592" i="5" s="1"/>
  <c r="J618" i="2"/>
  <c r="J592" i="5" s="1"/>
  <c r="N592" i="5" s="1"/>
  <c r="K618" i="2"/>
  <c r="K592" i="5" s="1"/>
  <c r="M618" i="2"/>
  <c r="M592" i="5" s="1"/>
  <c r="P592" i="5" s="1"/>
  <c r="J3599" i="2"/>
  <c r="J3573" i="5" s="1"/>
  <c r="N3573" i="5" s="1"/>
  <c r="I3599" i="2"/>
  <c r="I3573" i="5" s="1"/>
  <c r="L3599" i="2"/>
  <c r="L3573" i="5" s="1"/>
  <c r="M3599" i="2"/>
  <c r="M3573" i="5" s="1"/>
  <c r="P3573" i="5" s="1"/>
  <c r="K3599" i="2"/>
  <c r="K3573" i="5" s="1"/>
  <c r="M635" i="2"/>
  <c r="M609" i="5" s="1"/>
  <c r="P609" i="5" s="1"/>
  <c r="J635" i="2"/>
  <c r="J609" i="5" s="1"/>
  <c r="N609" i="5" s="1"/>
  <c r="I635" i="2"/>
  <c r="I609" i="5" s="1"/>
  <c r="L1055" i="2"/>
  <c r="L1029" i="5" s="1"/>
  <c r="M1055" i="2"/>
  <c r="M1029" i="5" s="1"/>
  <c r="P1029" i="5" s="1"/>
  <c r="J1055" i="2"/>
  <c r="J1029" i="5" s="1"/>
  <c r="N1029" i="5" s="1"/>
  <c r="K877" i="2"/>
  <c r="K851" i="5" s="1"/>
  <c r="L877" i="2"/>
  <c r="L851" i="5" s="1"/>
  <c r="M877" i="2"/>
  <c r="M851" i="5" s="1"/>
  <c r="P851" i="5" s="1"/>
  <c r="J877" i="2"/>
  <c r="J851" i="5" s="1"/>
  <c r="N851" i="5" s="1"/>
  <c r="K4820" i="2"/>
  <c r="K4794" i="5" s="1"/>
  <c r="J4820" i="2"/>
  <c r="J4794" i="5" s="1"/>
  <c r="N4794" i="5" s="1"/>
  <c r="M4820" i="2"/>
  <c r="M4794" i="5" s="1"/>
  <c r="P4794" i="5" s="1"/>
  <c r="L4820" i="2"/>
  <c r="L4794" i="5" s="1"/>
  <c r="I4820" i="2"/>
  <c r="I4794" i="5" s="1"/>
  <c r="M3586" i="2"/>
  <c r="M3560" i="5" s="1"/>
  <c r="P3560" i="5" s="1"/>
  <c r="I3586" i="2"/>
  <c r="I3560" i="5" s="1"/>
  <c r="J3586" i="2"/>
  <c r="J3560" i="5" s="1"/>
  <c r="N3560" i="5" s="1"/>
  <c r="L3586" i="2"/>
  <c r="L3560" i="5" s="1"/>
  <c r="J3433" i="2"/>
  <c r="J3407" i="5" s="1"/>
  <c r="N3407" i="5" s="1"/>
  <c r="I3433" i="2"/>
  <c r="I3407" i="5" s="1"/>
  <c r="K3433" i="2"/>
  <c r="K3407" i="5" s="1"/>
  <c r="L3433" i="2"/>
  <c r="L3407" i="5" s="1"/>
  <c r="M3433" i="2"/>
  <c r="M3407" i="5" s="1"/>
  <c r="P3407" i="5" s="1"/>
  <c r="K7833" i="2"/>
  <c r="K7807" i="5" s="1"/>
  <c r="K6293" i="2"/>
  <c r="K6267" i="5" s="1"/>
  <c r="J4795" i="2"/>
  <c r="J4769" i="5" s="1"/>
  <c r="N4769" i="5" s="1"/>
  <c r="I7689" i="2"/>
  <c r="I7663" i="5" s="1"/>
  <c r="M7689" i="2"/>
  <c r="M7663" i="5" s="1"/>
  <c r="P7663" i="5" s="1"/>
  <c r="K7689" i="2"/>
  <c r="K7663" i="5" s="1"/>
  <c r="L7689" i="2"/>
  <c r="L7663" i="5" s="1"/>
  <c r="K3745" i="2"/>
  <c r="K3719" i="5" s="1"/>
  <c r="O3719" i="5" s="1"/>
  <c r="I3745" i="2"/>
  <c r="I3719" i="5" s="1"/>
  <c r="M4487" i="2"/>
  <c r="M4461" i="5" s="1"/>
  <c r="P4461" i="5" s="1"/>
  <c r="K42" i="2"/>
  <c r="K16" i="5" s="1"/>
  <c r="L42" i="2"/>
  <c r="L16" i="5" s="1"/>
  <c r="M42" i="2"/>
  <c r="M16" i="5" s="1"/>
  <c r="P16" i="5" s="1"/>
  <c r="J42" i="2"/>
  <c r="J16" i="5" s="1"/>
  <c r="N16" i="5" s="1"/>
  <c r="I42" i="2"/>
  <c r="I16" i="5" s="1"/>
  <c r="J2402" i="2"/>
  <c r="J2376" i="5" s="1"/>
  <c r="K2402" i="2"/>
  <c r="K2376" i="5" s="1"/>
  <c r="O2376" i="5" s="1"/>
  <c r="I5985" i="2"/>
  <c r="I5959" i="5" s="1"/>
  <c r="K5985" i="2"/>
  <c r="K5959" i="5" s="1"/>
  <c r="L5985" i="2"/>
  <c r="L5959" i="5" s="1"/>
  <c r="L3600" i="2"/>
  <c r="L3574" i="5" s="1"/>
  <c r="K5680" i="2"/>
  <c r="K5654" i="5" s="1"/>
  <c r="O5654" i="5" s="1"/>
  <c r="M1212" i="2"/>
  <c r="M1186" i="5" s="1"/>
  <c r="P1186" i="5" s="1"/>
  <c r="I51" i="2"/>
  <c r="I25" i="5" s="1"/>
  <c r="K3619" i="2"/>
  <c r="K3593" i="5" s="1"/>
  <c r="I4669" i="2"/>
  <c r="I4643" i="5" s="1"/>
  <c r="I5680" i="2"/>
  <c r="I5654" i="5" s="1"/>
  <c r="K6338" i="2"/>
  <c r="K6312" i="5" s="1"/>
  <c r="O6312" i="5" s="1"/>
  <c r="K51" i="2"/>
  <c r="K25" i="5" s="1"/>
  <c r="J6338" i="2"/>
  <c r="J6312" i="5" s="1"/>
  <c r="N6312" i="5" s="1"/>
  <c r="K5356" i="2"/>
  <c r="K5330" i="5" s="1"/>
  <c r="O5330" i="5" s="1"/>
  <c r="I964" i="2"/>
  <c r="I938" i="5" s="1"/>
  <c r="J964" i="2"/>
  <c r="J938" i="5" s="1"/>
  <c r="N938" i="5" s="1"/>
  <c r="L964" i="2"/>
  <c r="L938" i="5" s="1"/>
  <c r="K964" i="2"/>
  <c r="K938" i="5" s="1"/>
  <c r="K1560" i="2"/>
  <c r="K1534" i="5" s="1"/>
  <c r="I1560" i="2"/>
  <c r="I1534" i="5" s="1"/>
  <c r="AR307" i="1"/>
  <c r="I1546" i="2"/>
  <c r="I1520" i="5" s="1"/>
  <c r="K1546" i="2"/>
  <c r="K1520" i="5" s="1"/>
  <c r="O1520" i="5" s="1"/>
  <c r="M623" i="2"/>
  <c r="M597" i="5" s="1"/>
  <c r="P597" i="5" s="1"/>
  <c r="L623" i="2"/>
  <c r="L597" i="5" s="1"/>
  <c r="L2835" i="2"/>
  <c r="L2809" i="5" s="1"/>
  <c r="J2835" i="2"/>
  <c r="J2809" i="5" s="1"/>
  <c r="N2809" i="5" s="1"/>
  <c r="I2835" i="2"/>
  <c r="I2809" i="5" s="1"/>
  <c r="M2835" i="2"/>
  <c r="M2809" i="5" s="1"/>
  <c r="P2809" i="5" s="1"/>
  <c r="M1492" i="2"/>
  <c r="M1466" i="5" s="1"/>
  <c r="P1466" i="5" s="1"/>
  <c r="K1234" i="2"/>
  <c r="K1208" i="5" s="1"/>
  <c r="L3973" i="2"/>
  <c r="L3947" i="5" s="1"/>
  <c r="J5329" i="2"/>
  <c r="J5303" i="5" s="1"/>
  <c r="N5303" i="5" s="1"/>
  <c r="M3116" i="2"/>
  <c r="M3090" i="5" s="1"/>
  <c r="P3090" i="5" s="1"/>
  <c r="K6142" i="2"/>
  <c r="K6116" i="5" s="1"/>
  <c r="L6142" i="2"/>
  <c r="L6116" i="5" s="1"/>
  <c r="L1806" i="2"/>
  <c r="L1780" i="5" s="1"/>
  <c r="L1484" i="2"/>
  <c r="L1458" i="5" s="1"/>
  <c r="M1436" i="2"/>
  <c r="M1410" i="5" s="1"/>
  <c r="P1410" i="5" s="1"/>
  <c r="J1436" i="2"/>
  <c r="J1410" i="5" s="1"/>
  <c r="N1410" i="5" s="1"/>
  <c r="L1436" i="2"/>
  <c r="L1410" i="5" s="1"/>
  <c r="I1436" i="2"/>
  <c r="I1410" i="5" s="1"/>
  <c r="K1436" i="2"/>
  <c r="K1410" i="5" s="1"/>
  <c r="M4090" i="2"/>
  <c r="M4064" i="5" s="1"/>
  <c r="P4064" i="5" s="1"/>
  <c r="J3434" i="2"/>
  <c r="J3408" i="5" s="1"/>
  <c r="N3408" i="5" s="1"/>
  <c r="L3434" i="2"/>
  <c r="L3408" i="5" s="1"/>
  <c r="K3434" i="2"/>
  <c r="K3408" i="5" s="1"/>
  <c r="I3434" i="2"/>
  <c r="I3408" i="5" s="1"/>
  <c r="I6473" i="2"/>
  <c r="I6447" i="5" s="1"/>
  <c r="K6473" i="2"/>
  <c r="K6447" i="5" s="1"/>
  <c r="O6447" i="5" s="1"/>
  <c r="I3572" i="2"/>
  <c r="I3546" i="5" s="1"/>
  <c r="J3572" i="2"/>
  <c r="J3546" i="5" s="1"/>
  <c r="N3546" i="5" s="1"/>
  <c r="M3572" i="2"/>
  <c r="M3546" i="5" s="1"/>
  <c r="P3546" i="5" s="1"/>
  <c r="L3572" i="2"/>
  <c r="L3546" i="5" s="1"/>
  <c r="K3572" i="2"/>
  <c r="K3546" i="5" s="1"/>
  <c r="J3153" i="2"/>
  <c r="J3127" i="5" s="1"/>
  <c r="N3127" i="5" s="1"/>
  <c r="L3153" i="2"/>
  <c r="L3127" i="5" s="1"/>
  <c r="K1142" i="2"/>
  <c r="K1116" i="5" s="1"/>
  <c r="K3585" i="2"/>
  <c r="K3559" i="5" s="1"/>
  <c r="M3585" i="2"/>
  <c r="M3559" i="5" s="1"/>
  <c r="P3559" i="5" s="1"/>
  <c r="J3585" i="2"/>
  <c r="J3559" i="5" s="1"/>
  <c r="L3585" i="2"/>
  <c r="L3559" i="5" s="1"/>
  <c r="I7768" i="2"/>
  <c r="I7742" i="5" s="1"/>
  <c r="L1755" i="2"/>
  <c r="L1729" i="5" s="1"/>
  <c r="M1755" i="2"/>
  <c r="M1729" i="5" s="1"/>
  <c r="P1729" i="5" s="1"/>
  <c r="J1755" i="2"/>
  <c r="J1729" i="5" s="1"/>
  <c r="N1729" i="5" s="1"/>
  <c r="K7765" i="2"/>
  <c r="K7739" i="5" s="1"/>
  <c r="L6288" i="2"/>
  <c r="L6262" i="5" s="1"/>
  <c r="K6288" i="2"/>
  <c r="K6262" i="5" s="1"/>
  <c r="J6288" i="2"/>
  <c r="J6262" i="5" s="1"/>
  <c r="N6262" i="5" s="1"/>
  <c r="M6288" i="2"/>
  <c r="M6262" i="5" s="1"/>
  <c r="P6262" i="5" s="1"/>
  <c r="I4282" i="2"/>
  <c r="I4256" i="5" s="1"/>
  <c r="J4282" i="2"/>
  <c r="J4256" i="5" s="1"/>
  <c r="N4256" i="5" s="1"/>
  <c r="I6660" i="2"/>
  <c r="I6634" i="5" s="1"/>
  <c r="L6660" i="2"/>
  <c r="L6634" i="5" s="1"/>
  <c r="K6660" i="2"/>
  <c r="K6634" i="5" s="1"/>
  <c r="J6660" i="2"/>
  <c r="J6634" i="5" s="1"/>
  <c r="N6634" i="5" s="1"/>
  <c r="K2449" i="2"/>
  <c r="K2423" i="5" s="1"/>
  <c r="J8382" i="2"/>
  <c r="J8356" i="5" s="1"/>
  <c r="N8356" i="5" s="1"/>
  <c r="K8382" i="2"/>
  <c r="K8356" i="5" s="1"/>
  <c r="L8382" i="2"/>
  <c r="L8356" i="5" s="1"/>
  <c r="I8382" i="2"/>
  <c r="I8356" i="5" s="1"/>
  <c r="M649" i="2"/>
  <c r="M623" i="5" s="1"/>
  <c r="P623" i="5" s="1"/>
  <c r="L649" i="2"/>
  <c r="L623" i="5" s="1"/>
  <c r="M4919" i="2"/>
  <c r="M4893" i="5" s="1"/>
  <c r="P4893" i="5" s="1"/>
  <c r="M1560" i="2"/>
  <c r="M1534" i="5" s="1"/>
  <c r="P1534" i="5" s="1"/>
  <c r="J277" i="2"/>
  <c r="J251" i="5" s="1"/>
  <c r="N251" i="5" s="1"/>
  <c r="L4920" i="2"/>
  <c r="L4894" i="5" s="1"/>
  <c r="L1560" i="2"/>
  <c r="L1534" i="5" s="1"/>
  <c r="J3495" i="2"/>
  <c r="J3469" i="5" s="1"/>
  <c r="N3469" i="5" s="1"/>
  <c r="K277" i="2"/>
  <c r="K251" i="5" s="1"/>
  <c r="O251" i="5" s="1"/>
  <c r="J2561" i="2"/>
  <c r="J2535" i="5" s="1"/>
  <c r="N2535" i="5" s="1"/>
  <c r="L899" i="2"/>
  <c r="L873" i="5" s="1"/>
  <c r="L7842" i="2"/>
  <c r="L7816" i="5" s="1"/>
  <c r="J550" i="2"/>
  <c r="J524" i="5" s="1"/>
  <c r="N524" i="5" s="1"/>
  <c r="M550" i="2"/>
  <c r="M524" i="5" s="1"/>
  <c r="P524" i="5" s="1"/>
  <c r="L550" i="2"/>
  <c r="L524" i="5" s="1"/>
  <c r="K550" i="2"/>
  <c r="K524" i="5" s="1"/>
  <c r="I4783" i="2"/>
  <c r="I4757" i="5" s="1"/>
  <c r="K4783" i="2"/>
  <c r="K4757" i="5" s="1"/>
  <c r="M4783" i="2"/>
  <c r="M4757" i="5" s="1"/>
  <c r="P4757" i="5" s="1"/>
  <c r="K1889" i="2"/>
  <c r="K1863" i="5" s="1"/>
  <c r="J1889" i="2"/>
  <c r="J1863" i="5" s="1"/>
  <c r="N1863" i="5" s="1"/>
  <c r="J5938" i="2"/>
  <c r="J5912" i="5" s="1"/>
  <c r="N5912" i="5" s="1"/>
  <c r="L5938" i="2"/>
  <c r="L5912" i="5" s="1"/>
  <c r="J5943" i="2"/>
  <c r="J5917" i="5" s="1"/>
  <c r="N5917" i="5" s="1"/>
  <c r="K5943" i="2"/>
  <c r="K5917" i="5" s="1"/>
  <c r="O5917" i="5" s="1"/>
  <c r="I7967" i="2"/>
  <c r="I7941" i="5" s="1"/>
  <c r="L7967" i="2"/>
  <c r="L7941" i="5" s="1"/>
  <c r="M1463" i="2"/>
  <c r="M1437" i="5" s="1"/>
  <c r="P1437" i="5" s="1"/>
  <c r="K1463" i="2"/>
  <c r="K1437" i="5" s="1"/>
  <c r="L1463" i="2"/>
  <c r="L1437" i="5" s="1"/>
  <c r="I1463" i="2"/>
  <c r="I1437" i="5" s="1"/>
  <c r="J1463" i="2"/>
  <c r="J1437" i="5" s="1"/>
  <c r="N1437" i="5" s="1"/>
  <c r="I1462" i="2"/>
  <c r="I1436" i="5" s="1"/>
  <c r="M1462" i="2"/>
  <c r="M1436" i="5" s="1"/>
  <c r="P1436" i="5" s="1"/>
  <c r="J4585" i="2"/>
  <c r="J4559" i="5" s="1"/>
  <c r="N4559" i="5" s="1"/>
  <c r="I4585" i="2"/>
  <c r="I4559" i="5" s="1"/>
  <c r="K6123" i="2"/>
  <c r="K6097" i="5" s="1"/>
  <c r="M6123" i="2"/>
  <c r="M6097" i="5" s="1"/>
  <c r="P6097" i="5" s="1"/>
  <c r="I6123" i="2"/>
  <c r="I6097" i="5" s="1"/>
  <c r="L6123" i="2"/>
  <c r="L6097" i="5" s="1"/>
  <c r="M3663" i="2"/>
  <c r="M3637" i="5" s="1"/>
  <c r="P3637" i="5" s="1"/>
  <c r="L3663" i="2"/>
  <c r="L3637" i="5" s="1"/>
  <c r="I2067" i="2"/>
  <c r="I2041" i="5" s="1"/>
  <c r="J2067" i="2"/>
  <c r="J2041" i="5" s="1"/>
  <c r="N2041" i="5" s="1"/>
  <c r="L3673" i="2"/>
  <c r="L3647" i="5" s="1"/>
  <c r="M3673" i="2"/>
  <c r="M3647" i="5" s="1"/>
  <c r="P3647" i="5" s="1"/>
  <c r="K3673" i="2"/>
  <c r="K3647" i="5" s="1"/>
  <c r="J5250" i="2"/>
  <c r="J5224" i="5" s="1"/>
  <c r="N5224" i="5" s="1"/>
  <c r="J2572" i="2"/>
  <c r="J2546" i="5" s="1"/>
  <c r="N2546" i="5" s="1"/>
  <c r="M2572" i="2"/>
  <c r="M2546" i="5" s="1"/>
  <c r="P2546" i="5" s="1"/>
  <c r="K2572" i="2"/>
  <c r="K2546" i="5" s="1"/>
  <c r="O2546" i="5" s="1"/>
  <c r="I2572" i="2"/>
  <c r="I2546" i="5" s="1"/>
  <c r="J8613" i="2"/>
  <c r="J8587" i="5" s="1"/>
  <c r="N8587" i="5" s="1"/>
  <c r="M8613" i="2"/>
  <c r="M8587" i="5" s="1"/>
  <c r="P8587" i="5" s="1"/>
  <c r="K8613" i="2"/>
  <c r="K8587" i="5" s="1"/>
  <c r="O8587" i="5" s="1"/>
  <c r="K6922" i="2"/>
  <c r="K6896" i="5" s="1"/>
  <c r="O6896" i="5" s="1"/>
  <c r="I1497" i="2"/>
  <c r="I1471" i="5" s="1"/>
  <c r="L1497" i="2"/>
  <c r="L1471" i="5" s="1"/>
  <c r="J8365" i="2"/>
  <c r="J8339" i="5" s="1"/>
  <c r="N8339" i="5" s="1"/>
  <c r="K2470" i="2"/>
  <c r="K2444" i="5" s="1"/>
  <c r="O2444" i="5" s="1"/>
  <c r="K2081" i="2"/>
  <c r="K2055" i="5" s="1"/>
  <c r="L7800" i="2"/>
  <c r="L7774" i="5" s="1"/>
  <c r="I7800" i="2"/>
  <c r="I7774" i="5" s="1"/>
  <c r="I1161" i="2"/>
  <c r="I1135" i="5" s="1"/>
  <c r="J1161" i="2"/>
  <c r="J1135" i="5" s="1"/>
  <c r="N1135" i="5" s="1"/>
  <c r="K3816" i="2"/>
  <c r="K3790" i="5" s="1"/>
  <c r="M3816" i="2"/>
  <c r="M3790" i="5" s="1"/>
  <c r="P3790" i="5" s="1"/>
  <c r="I3816" i="2"/>
  <c r="I3790" i="5" s="1"/>
  <c r="K7311" i="2"/>
  <c r="K7285" i="5" s="1"/>
  <c r="L7311" i="2"/>
  <c r="L7285" i="5" s="1"/>
  <c r="K2163" i="2"/>
  <c r="K2137" i="5" s="1"/>
  <c r="L8510" i="2"/>
  <c r="L8484" i="5" s="1"/>
  <c r="J8510" i="2"/>
  <c r="J8484" i="5" s="1"/>
  <c r="N8484" i="5" s="1"/>
  <c r="K8510" i="2"/>
  <c r="K8484" i="5" s="1"/>
  <c r="M8510" i="2"/>
  <c r="M8484" i="5" s="1"/>
  <c r="P8484" i="5" s="1"/>
  <c r="M1934" i="2"/>
  <c r="M1908" i="5" s="1"/>
  <c r="P1908" i="5" s="1"/>
  <c r="K1934" i="2"/>
  <c r="K1908" i="5" s="1"/>
  <c r="O1908" i="5" s="1"/>
  <c r="M4249" i="2"/>
  <c r="M4223" i="5" s="1"/>
  <c r="P4223" i="5" s="1"/>
  <c r="I4249" i="2"/>
  <c r="I4223" i="5" s="1"/>
  <c r="K8273" i="2"/>
  <c r="K8247" i="5" s="1"/>
  <c r="M8273" i="2"/>
  <c r="M8247" i="5" s="1"/>
  <c r="P8247" i="5" s="1"/>
  <c r="M8179" i="2"/>
  <c r="M8153" i="5" s="1"/>
  <c r="P8153" i="5" s="1"/>
  <c r="L8179" i="2"/>
  <c r="L8153" i="5" s="1"/>
  <c r="M7597" i="2"/>
  <c r="M7571" i="5" s="1"/>
  <c r="P7571" i="5" s="1"/>
  <c r="L7597" i="2"/>
  <c r="L7571" i="5" s="1"/>
  <c r="K7597" i="2"/>
  <c r="K7571" i="5" s="1"/>
  <c r="J7597" i="2"/>
  <c r="J7571" i="5" s="1"/>
  <c r="N7571" i="5" s="1"/>
  <c r="I286" i="2"/>
  <c r="I260" i="5" s="1"/>
  <c r="M3059" i="2"/>
  <c r="M3033" i="5" s="1"/>
  <c r="P3033" i="5" s="1"/>
  <c r="I3059" i="2"/>
  <c r="I3033" i="5" s="1"/>
  <c r="K3059" i="2"/>
  <c r="K3033" i="5" s="1"/>
  <c r="O3033" i="5" s="1"/>
  <c r="J8269" i="2"/>
  <c r="J8243" i="5" s="1"/>
  <c r="N8243" i="5" s="1"/>
  <c r="K8269" i="2"/>
  <c r="K8243" i="5" s="1"/>
  <c r="O8243" i="5" s="1"/>
  <c r="M8269" i="2"/>
  <c r="M8243" i="5" s="1"/>
  <c r="P8243" i="5" s="1"/>
  <c r="I6946" i="2"/>
  <c r="I6920" i="5" s="1"/>
  <c r="M6946" i="2"/>
  <c r="M6920" i="5" s="1"/>
  <c r="P6920" i="5" s="1"/>
  <c r="J2986" i="2"/>
  <c r="J2960" i="5" s="1"/>
  <c r="N2960" i="5" s="1"/>
  <c r="M2986" i="2"/>
  <c r="M2960" i="5" s="1"/>
  <c r="P2960" i="5" s="1"/>
  <c r="I2986" i="2"/>
  <c r="I2960" i="5" s="1"/>
  <c r="J3589" i="2"/>
  <c r="J3563" i="5" s="1"/>
  <c r="L3589" i="2"/>
  <c r="L3563" i="5" s="1"/>
  <c r="M3589" i="2"/>
  <c r="M3563" i="5" s="1"/>
  <c r="P3563" i="5" s="1"/>
  <c r="I2090" i="2"/>
  <c r="I2064" i="5" s="1"/>
  <c r="L4629" i="2"/>
  <c r="L4603" i="5" s="1"/>
  <c r="J4813" i="2"/>
  <c r="J4787" i="5" s="1"/>
  <c r="N4787" i="5" s="1"/>
  <c r="K7440" i="2"/>
  <c r="K7414" i="5" s="1"/>
  <c r="I4907" i="2"/>
  <c r="I4881" i="5" s="1"/>
  <c r="J4907" i="2"/>
  <c r="J4881" i="5" s="1"/>
  <c r="N4881" i="5" s="1"/>
  <c r="I1258" i="2"/>
  <c r="I1232" i="5" s="1"/>
  <c r="K8620" i="2"/>
  <c r="K8594" i="5" s="1"/>
  <c r="K7670" i="2"/>
  <c r="K7644" i="5" s="1"/>
  <c r="J5755" i="2"/>
  <c r="J5729" i="5" s="1"/>
  <c r="N5729" i="5" s="1"/>
  <c r="J5608" i="2"/>
  <c r="J5582" i="5" s="1"/>
  <c r="N5582" i="5" s="1"/>
  <c r="M3618" i="2"/>
  <c r="M3592" i="5" s="1"/>
  <c r="P3592" i="5" s="1"/>
  <c r="J2577" i="2"/>
  <c r="J2551" i="5" s="1"/>
  <c r="N2551" i="5" s="1"/>
  <c r="L2577" i="2"/>
  <c r="L2551" i="5" s="1"/>
  <c r="K928" i="2"/>
  <c r="K902" i="5" s="1"/>
  <c r="L928" i="2"/>
  <c r="L902" i="5" s="1"/>
  <c r="K944" i="2"/>
  <c r="K918" i="5" s="1"/>
  <c r="K6456" i="2"/>
  <c r="K6430" i="5" s="1"/>
  <c r="M6126" i="2"/>
  <c r="M6100" i="5" s="1"/>
  <c r="P6100" i="5" s="1"/>
  <c r="I2577" i="2"/>
  <c r="I2551" i="5" s="1"/>
  <c r="L6126" i="2"/>
  <c r="L6100" i="5" s="1"/>
  <c r="M1889" i="2"/>
  <c r="M1863" i="5" s="1"/>
  <c r="P1863" i="5" s="1"/>
  <c r="I6126" i="2"/>
  <c r="I6100" i="5" s="1"/>
  <c r="L1889" i="2"/>
  <c r="L1863" i="5" s="1"/>
  <c r="L2109" i="2"/>
  <c r="L2083" i="5" s="1"/>
  <c r="I7842" i="2"/>
  <c r="I7816" i="5" s="1"/>
  <c r="J286" i="2"/>
  <c r="J260" i="5" s="1"/>
  <c r="N260" i="5" s="1"/>
  <c r="I5938" i="2"/>
  <c r="I5912" i="5" s="1"/>
  <c r="K3930" i="2"/>
  <c r="K3904" i="5" s="1"/>
  <c r="O3904" i="5" s="1"/>
  <c r="M7842" i="2"/>
  <c r="M7816" i="5" s="1"/>
  <c r="P7816" i="5" s="1"/>
  <c r="K286" i="2"/>
  <c r="K260" i="5" s="1"/>
  <c r="O260" i="5" s="1"/>
  <c r="I7489" i="2"/>
  <c r="I7463" i="5" s="1"/>
  <c r="M5938" i="2"/>
  <c r="M5912" i="5" s="1"/>
  <c r="P5912" i="5" s="1"/>
  <c r="L4783" i="2"/>
  <c r="L4757" i="5" s="1"/>
  <c r="J980" i="2"/>
  <c r="J954" i="5" s="1"/>
  <c r="L980" i="2"/>
  <c r="L954" i="5" s="1"/>
  <c r="E138" i="5"/>
  <c r="AR132" i="1"/>
  <c r="L5121" i="2"/>
  <c r="L5095" i="5" s="1"/>
  <c r="K5121" i="2"/>
  <c r="K5095" i="5" s="1"/>
  <c r="M5691" i="2"/>
  <c r="M5665" i="5" s="1"/>
  <c r="P5665" i="5" s="1"/>
  <c r="K5184" i="2"/>
  <c r="K5158" i="5" s="1"/>
  <c r="L5184" i="2"/>
  <c r="L5158" i="5" s="1"/>
  <c r="I5184" i="2"/>
  <c r="I5158" i="5" s="1"/>
  <c r="I730" i="2"/>
  <c r="I704" i="5" s="1"/>
  <c r="M1774" i="2"/>
  <c r="M1748" i="5" s="1"/>
  <c r="P1748" i="5" s="1"/>
  <c r="J5344" i="2"/>
  <c r="J5318" i="5" s="1"/>
  <c r="N5318" i="5" s="1"/>
  <c r="L957" i="2"/>
  <c r="L931" i="5" s="1"/>
  <c r="J1553" i="2"/>
  <c r="J1527" i="5" s="1"/>
  <c r="N1527" i="5" s="1"/>
  <c r="L3248" i="2"/>
  <c r="L3222" i="5" s="1"/>
  <c r="K7811" i="2"/>
  <c r="K7785" i="5" s="1"/>
  <c r="K5275" i="2"/>
  <c r="K5249" i="5" s="1"/>
  <c r="L5275" i="2"/>
  <c r="L5249" i="5" s="1"/>
  <c r="I4309" i="2"/>
  <c r="I4283" i="5" s="1"/>
  <c r="J4309" i="2"/>
  <c r="J4283" i="5" s="1"/>
  <c r="N4283" i="5" s="1"/>
  <c r="I3068" i="2"/>
  <c r="I3042" i="5" s="1"/>
  <c r="M3068" i="2"/>
  <c r="M3042" i="5" s="1"/>
  <c r="P3042" i="5" s="1"/>
  <c r="J3068" i="2"/>
  <c r="J3042" i="5" s="1"/>
  <c r="I4144" i="2"/>
  <c r="I4118" i="5" s="1"/>
  <c r="M4144" i="2"/>
  <c r="M4118" i="5" s="1"/>
  <c r="P4118" i="5" s="1"/>
  <c r="L4465" i="2"/>
  <c r="L4439" i="5" s="1"/>
  <c r="K4465" i="2"/>
  <c r="K4439" i="5" s="1"/>
  <c r="M4465" i="2"/>
  <c r="M4439" i="5" s="1"/>
  <c r="P4439" i="5" s="1"/>
  <c r="I4465" i="2"/>
  <c r="I4439" i="5" s="1"/>
  <c r="L4770" i="2"/>
  <c r="L4744" i="5" s="1"/>
  <c r="M4770" i="2"/>
  <c r="M4744" i="5" s="1"/>
  <c r="P4744" i="5" s="1"/>
  <c r="K6117" i="2"/>
  <c r="K6091" i="5" s="1"/>
  <c r="L6117" i="2"/>
  <c r="L6091" i="5" s="1"/>
  <c r="K5155" i="2"/>
  <c r="K5129" i="5" s="1"/>
  <c r="O5129" i="5" s="1"/>
  <c r="I5155" i="2"/>
  <c r="I5129" i="5" s="1"/>
  <c r="M7433" i="2"/>
  <c r="M7407" i="5" s="1"/>
  <c r="P7407" i="5" s="1"/>
  <c r="L7433" i="2"/>
  <c r="L7407" i="5" s="1"/>
  <c r="I2317" i="2"/>
  <c r="I2291" i="5" s="1"/>
  <c r="L2317" i="2"/>
  <c r="L2291" i="5" s="1"/>
  <c r="K7194" i="2"/>
  <c r="K7168" i="5" s="1"/>
  <c r="L7194" i="2"/>
  <c r="L7168" i="5" s="1"/>
  <c r="I4632" i="2"/>
  <c r="I4606" i="5" s="1"/>
  <c r="I5936" i="2"/>
  <c r="I5910" i="5" s="1"/>
  <c r="M5936" i="2"/>
  <c r="M5910" i="5" s="1"/>
  <c r="P5910" i="5" s="1"/>
  <c r="M3948" i="2"/>
  <c r="M3922" i="5" s="1"/>
  <c r="P3922" i="5" s="1"/>
  <c r="K3948" i="2"/>
  <c r="K3922" i="5" s="1"/>
  <c r="I3948" i="2"/>
  <c r="I3922" i="5" s="1"/>
  <c r="L1766" i="2"/>
  <c r="L1740" i="5" s="1"/>
  <c r="I5343" i="2"/>
  <c r="I5317" i="5" s="1"/>
  <c r="K1151" i="2"/>
  <c r="K1125" i="5" s="1"/>
  <c r="L1151" i="2"/>
  <c r="L1125" i="5" s="1"/>
  <c r="I3508" i="2"/>
  <c r="I3482" i="5" s="1"/>
  <c r="K3508" i="2"/>
  <c r="K3482" i="5" s="1"/>
  <c r="O3482" i="5" s="1"/>
  <c r="L5000" i="2"/>
  <c r="L4974" i="5" s="1"/>
  <c r="I5000" i="2"/>
  <c r="I4974" i="5" s="1"/>
  <c r="M5282" i="2"/>
  <c r="M5256" i="5" s="1"/>
  <c r="P5256" i="5" s="1"/>
  <c r="L5282" i="2"/>
  <c r="L5256" i="5" s="1"/>
  <c r="K4466" i="2"/>
  <c r="K4440" i="5" s="1"/>
  <c r="O4440" i="5" s="1"/>
  <c r="M4466" i="2"/>
  <c r="M4440" i="5" s="1"/>
  <c r="P4440" i="5" s="1"/>
  <c r="I1079" i="2"/>
  <c r="I1053" i="5" s="1"/>
  <c r="J1079" i="2"/>
  <c r="J1053" i="5" s="1"/>
  <c r="N1053" i="5" s="1"/>
  <c r="L1079" i="2"/>
  <c r="L1053" i="5" s="1"/>
  <c r="L2642" i="2"/>
  <c r="L2616" i="5" s="1"/>
  <c r="I2642" i="2"/>
  <c r="I2616" i="5" s="1"/>
  <c r="M2642" i="2"/>
  <c r="M2616" i="5" s="1"/>
  <c r="P2616" i="5" s="1"/>
  <c r="J2642" i="2"/>
  <c r="J2616" i="5" s="1"/>
  <c r="N2616" i="5" s="1"/>
  <c r="I1055" i="2"/>
  <c r="I1029" i="5" s="1"/>
  <c r="M6511" i="2"/>
  <c r="M6485" i="5" s="1"/>
  <c r="P6485" i="5" s="1"/>
  <c r="J7039" i="2"/>
  <c r="J7013" i="5" s="1"/>
  <c r="N7013" i="5" s="1"/>
  <c r="L6339" i="2"/>
  <c r="L6313" i="5" s="1"/>
  <c r="M6339" i="2"/>
  <c r="M6313" i="5" s="1"/>
  <c r="P6313" i="5" s="1"/>
  <c r="K6339" i="2"/>
  <c r="K6313" i="5" s="1"/>
  <c r="M4112" i="2"/>
  <c r="M4086" i="5" s="1"/>
  <c r="P4086" i="5" s="1"/>
  <c r="K4112" i="2"/>
  <c r="K4086" i="5" s="1"/>
  <c r="O4086" i="5" s="1"/>
  <c r="D166" i="5"/>
  <c r="AR160" i="1"/>
  <c r="D248" i="5"/>
  <c r="AR242" i="1"/>
  <c r="J485" i="2"/>
  <c r="J459" i="5" s="1"/>
  <c r="N459" i="5" s="1"/>
  <c r="L4268" i="2"/>
  <c r="L4242" i="5" s="1"/>
  <c r="L962" i="2"/>
  <c r="L936" i="5" s="1"/>
  <c r="M962" i="2"/>
  <c r="M936" i="5" s="1"/>
  <c r="P936" i="5" s="1"/>
  <c r="L2976" i="2"/>
  <c r="L2950" i="5" s="1"/>
  <c r="L3442" i="2"/>
  <c r="L3416" i="5" s="1"/>
  <c r="M5074" i="2"/>
  <c r="M5048" i="5" s="1"/>
  <c r="P5048" i="5" s="1"/>
  <c r="I7431" i="2"/>
  <c r="I7405" i="5" s="1"/>
  <c r="K2841" i="2"/>
  <c r="K2815" i="5" s="1"/>
  <c r="I3971" i="2"/>
  <c r="I3945" i="5" s="1"/>
  <c r="K8363" i="2"/>
  <c r="K8337" i="5" s="1"/>
  <c r="J8363" i="2"/>
  <c r="J8337" i="5" s="1"/>
  <c r="N8337" i="5" s="1"/>
  <c r="K7830" i="2"/>
  <c r="K7804" i="5" s="1"/>
  <c r="O7804" i="5" s="1"/>
  <c r="I7830" i="2"/>
  <c r="I7804" i="5" s="1"/>
  <c r="J7830" i="2"/>
  <c r="J7804" i="5" s="1"/>
  <c r="N7804" i="5" s="1"/>
  <c r="I4826" i="2"/>
  <c r="I4800" i="5" s="1"/>
  <c r="I1776" i="2"/>
  <c r="I1750" i="5" s="1"/>
  <c r="L1776" i="2"/>
  <c r="L1750" i="5" s="1"/>
  <c r="M1776" i="2"/>
  <c r="M1750" i="5" s="1"/>
  <c r="P1750" i="5" s="1"/>
  <c r="K6924" i="2"/>
  <c r="K6898" i="5" s="1"/>
  <c r="M6924" i="2"/>
  <c r="M6898" i="5" s="1"/>
  <c r="P6898" i="5" s="1"/>
  <c r="I8024" i="2"/>
  <c r="I7998" i="5" s="1"/>
  <c r="M7819" i="2"/>
  <c r="M7793" i="5" s="1"/>
  <c r="P7793" i="5" s="1"/>
  <c r="L7930" i="2"/>
  <c r="L7904" i="5" s="1"/>
  <c r="J5688" i="2"/>
  <c r="J5662" i="5" s="1"/>
  <c r="L8038" i="2"/>
  <c r="L8012" i="5" s="1"/>
  <c r="M761" i="2"/>
  <c r="M735" i="5" s="1"/>
  <c r="P735" i="5" s="1"/>
  <c r="M2299" i="2"/>
  <c r="M2273" i="5" s="1"/>
  <c r="P2273" i="5" s="1"/>
  <c r="L6974" i="2"/>
  <c r="L6948" i="5" s="1"/>
  <c r="I6974" i="2"/>
  <c r="I6948" i="5" s="1"/>
  <c r="J5951" i="2"/>
  <c r="J5925" i="5" s="1"/>
  <c r="N5925" i="5" s="1"/>
  <c r="K5951" i="2"/>
  <c r="K5925" i="5" s="1"/>
  <c r="L5951" i="2"/>
  <c r="L5925" i="5" s="1"/>
  <c r="M5951" i="2"/>
  <c r="M5925" i="5" s="1"/>
  <c r="P5925" i="5" s="1"/>
  <c r="J5958" i="2"/>
  <c r="J5932" i="5" s="1"/>
  <c r="M5958" i="2"/>
  <c r="M5932" i="5" s="1"/>
  <c r="P5932" i="5" s="1"/>
  <c r="J2895" i="2"/>
  <c r="J2869" i="5" s="1"/>
  <c r="N2869" i="5" s="1"/>
  <c r="K2895" i="2"/>
  <c r="K2869" i="5" s="1"/>
  <c r="L5632" i="2"/>
  <c r="L5606" i="5" s="1"/>
  <c r="K5632" i="2"/>
  <c r="K5606" i="5" s="1"/>
  <c r="J7800" i="2"/>
  <c r="J7774" i="5" s="1"/>
  <c r="N7774" i="5" s="1"/>
  <c r="K7800" i="2"/>
  <c r="K7774" i="5" s="1"/>
  <c r="K1464" i="2"/>
  <c r="K1438" i="5" s="1"/>
  <c r="I5953" i="2"/>
  <c r="I5927" i="5" s="1"/>
  <c r="K5953" i="2"/>
  <c r="K5927" i="5" s="1"/>
  <c r="L5953" i="2"/>
  <c r="L5927" i="5" s="1"/>
  <c r="L7508" i="2"/>
  <c r="L7482" i="5" s="1"/>
  <c r="M7508" i="2"/>
  <c r="M7482" i="5" s="1"/>
  <c r="P7482" i="5" s="1"/>
  <c r="K3254" i="2"/>
  <c r="K3228" i="5" s="1"/>
  <c r="J7868" i="2"/>
  <c r="J7842" i="5" s="1"/>
  <c r="N7842" i="5" s="1"/>
  <c r="M7868" i="2"/>
  <c r="M7842" i="5" s="1"/>
  <c r="P7842" i="5" s="1"/>
  <c r="K4473" i="2"/>
  <c r="K4447" i="5" s="1"/>
  <c r="J7856" i="2"/>
  <c r="J7830" i="5" s="1"/>
  <c r="N7830" i="5" s="1"/>
  <c r="I1928" i="2"/>
  <c r="I1902" i="5" s="1"/>
  <c r="L1928" i="2"/>
  <c r="L1902" i="5" s="1"/>
  <c r="K1928" i="2"/>
  <c r="K1902" i="5" s="1"/>
  <c r="K3241" i="2"/>
  <c r="K3215" i="5" s="1"/>
  <c r="M3241" i="2"/>
  <c r="M3215" i="5" s="1"/>
  <c r="P3215" i="5" s="1"/>
  <c r="L3241" i="2"/>
  <c r="L3215" i="5" s="1"/>
  <c r="M1600" i="2"/>
  <c r="M1574" i="5" s="1"/>
  <c r="P1574" i="5" s="1"/>
  <c r="L1600" i="2"/>
  <c r="L1574" i="5" s="1"/>
  <c r="I1600" i="2"/>
  <c r="I1574" i="5" s="1"/>
  <c r="M8277" i="2"/>
  <c r="M8251" i="5" s="1"/>
  <c r="P8251" i="5" s="1"/>
  <c r="L2995" i="2"/>
  <c r="L2969" i="5" s="1"/>
  <c r="I2995" i="2"/>
  <c r="I2969" i="5" s="1"/>
  <c r="M255" i="2"/>
  <c r="M229" i="5" s="1"/>
  <c r="P229" i="5" s="1"/>
  <c r="K6191" i="2"/>
  <c r="K6165" i="5" s="1"/>
  <c r="M6191" i="2"/>
  <c r="M6165" i="5" s="1"/>
  <c r="P6165" i="5" s="1"/>
  <c r="I1466" i="2"/>
  <c r="I1440" i="5" s="1"/>
  <c r="K1466" i="2"/>
  <c r="K1440" i="5" s="1"/>
  <c r="L5952" i="2"/>
  <c r="L5926" i="5" s="1"/>
  <c r="J5952" i="2"/>
  <c r="J5926" i="5" s="1"/>
  <c r="N5926" i="5" s="1"/>
  <c r="I3002" i="2"/>
  <c r="I2976" i="5" s="1"/>
  <c r="L3002" i="2"/>
  <c r="L2976" i="5" s="1"/>
  <c r="K3002" i="2"/>
  <c r="K2976" i="5" s="1"/>
  <c r="K6128" i="2"/>
  <c r="K6102" i="5" s="1"/>
  <c r="O6102" i="5" s="1"/>
  <c r="J6128" i="2"/>
  <c r="J6102" i="5" s="1"/>
  <c r="N6102" i="5" s="1"/>
  <c r="M4602" i="2"/>
  <c r="M4576" i="5" s="1"/>
  <c r="P4576" i="5" s="1"/>
  <c r="L4602" i="2"/>
  <c r="L4576" i="5" s="1"/>
  <c r="I2337" i="2"/>
  <c r="I2311" i="5" s="1"/>
  <c r="K2337" i="2"/>
  <c r="K2311" i="5" s="1"/>
  <c r="O2311" i="5" s="1"/>
  <c r="M2337" i="2"/>
  <c r="M2311" i="5" s="1"/>
  <c r="P2311" i="5" s="1"/>
  <c r="K5160" i="2"/>
  <c r="K5134" i="5" s="1"/>
  <c r="I7170" i="2"/>
  <c r="I7144" i="5" s="1"/>
  <c r="I4254" i="2"/>
  <c r="I4228" i="5" s="1"/>
  <c r="L1161" i="2"/>
  <c r="L1135" i="5" s="1"/>
  <c r="K5807" i="2"/>
  <c r="K5781" i="5" s="1"/>
  <c r="L5332" i="2"/>
  <c r="L5306" i="5" s="1"/>
  <c r="M7278" i="2"/>
  <c r="M7252" i="5" s="1"/>
  <c r="P7252" i="5" s="1"/>
  <c r="K7278" i="2"/>
  <c r="K7252" i="5" s="1"/>
  <c r="O7252" i="5" s="1"/>
  <c r="L6690" i="2"/>
  <c r="L6664" i="5" s="1"/>
  <c r="I6690" i="2"/>
  <c r="I6664" i="5" s="1"/>
  <c r="K1722" i="2"/>
  <c r="K1696" i="5" s="1"/>
  <c r="J5470" i="2"/>
  <c r="J5444" i="5" s="1"/>
  <c r="N5444" i="5" s="1"/>
  <c r="M5150" i="2"/>
  <c r="M5124" i="5" s="1"/>
  <c r="P5124" i="5" s="1"/>
  <c r="K1055" i="2"/>
  <c r="K1029" i="5" s="1"/>
  <c r="I5952" i="2"/>
  <c r="I5926" i="5" s="1"/>
  <c r="L8714" i="2"/>
  <c r="L8688" i="5" s="1"/>
  <c r="M3760" i="2"/>
  <c r="M3734" i="5" s="1"/>
  <c r="P3734" i="5" s="1"/>
  <c r="J8301" i="2"/>
  <c r="J8275" i="5" s="1"/>
  <c r="N8275" i="5" s="1"/>
  <c r="K5660" i="2"/>
  <c r="K5634" i="5" s="1"/>
  <c r="J5660" i="2"/>
  <c r="J5634" i="5" s="1"/>
  <c r="N5634" i="5" s="1"/>
  <c r="I4275" i="2"/>
  <c r="I4249" i="5" s="1"/>
  <c r="K7312" i="2"/>
  <c r="K7286" i="5" s="1"/>
  <c r="O7286" i="5" s="1"/>
  <c r="M7312" i="2"/>
  <c r="M7286" i="5" s="1"/>
  <c r="P7286" i="5" s="1"/>
  <c r="M7372" i="2"/>
  <c r="M7346" i="5" s="1"/>
  <c r="P7346" i="5" s="1"/>
  <c r="K6993" i="2"/>
  <c r="K6967" i="5" s="1"/>
  <c r="O6967" i="5" s="1"/>
  <c r="M6993" i="2"/>
  <c r="M6967" i="5" s="1"/>
  <c r="P6967" i="5" s="1"/>
  <c r="J5939" i="2"/>
  <c r="J5913" i="5" s="1"/>
  <c r="N5913" i="5" s="1"/>
  <c r="I5939" i="2"/>
  <c r="I5913" i="5" s="1"/>
  <c r="M5939" i="2"/>
  <c r="M5913" i="5" s="1"/>
  <c r="P5913" i="5" s="1"/>
  <c r="K7329" i="2"/>
  <c r="K7303" i="5" s="1"/>
  <c r="L7329" i="2"/>
  <c r="L7303" i="5" s="1"/>
  <c r="L2065" i="2"/>
  <c r="L2039" i="5" s="1"/>
  <c r="J2065" i="2"/>
  <c r="J2039" i="5" s="1"/>
  <c r="N2039" i="5" s="1"/>
  <c r="K5182" i="2"/>
  <c r="K5156" i="5" s="1"/>
  <c r="I6342" i="2"/>
  <c r="I6316" i="5" s="1"/>
  <c r="M396" i="2"/>
  <c r="M370" i="5" s="1"/>
  <c r="P370" i="5" s="1"/>
  <c r="L396" i="2"/>
  <c r="L370" i="5" s="1"/>
  <c r="L8031" i="2"/>
  <c r="L8005" i="5" s="1"/>
  <c r="L5939" i="2"/>
  <c r="L5913" i="5" s="1"/>
  <c r="M7849" i="2"/>
  <c r="M7823" i="5" s="1"/>
  <c r="P7823" i="5" s="1"/>
  <c r="M908" i="2"/>
  <c r="M882" i="5" s="1"/>
  <c r="P882" i="5" s="1"/>
  <c r="L8180" i="2"/>
  <c r="L8154" i="5" s="1"/>
  <c r="K5991" i="2"/>
  <c r="K5965" i="5" s="1"/>
  <c r="M2590" i="2"/>
  <c r="M2564" i="5" s="1"/>
  <c r="P2564" i="5" s="1"/>
  <c r="J6326" i="2"/>
  <c r="J6300" i="5" s="1"/>
  <c r="N6300" i="5" s="1"/>
  <c r="L7030" i="2"/>
  <c r="L7004" i="5" s="1"/>
  <c r="J130" i="2"/>
  <c r="J104" i="5" s="1"/>
  <c r="N104" i="5" s="1"/>
  <c r="K1395" i="2"/>
  <c r="K1369" i="5" s="1"/>
  <c r="J3417" i="2"/>
  <c r="J3391" i="5" s="1"/>
  <c r="N3391" i="5" s="1"/>
  <c r="L750" i="2"/>
  <c r="L724" i="5" s="1"/>
  <c r="J139" i="2"/>
  <c r="J113" i="5" s="1"/>
  <c r="N113" i="5" s="1"/>
  <c r="M907" i="2"/>
  <c r="M881" i="5" s="1"/>
  <c r="P881" i="5" s="1"/>
  <c r="I228" i="2"/>
  <c r="I202" i="5" s="1"/>
  <c r="L6098" i="2"/>
  <c r="L6072" i="5" s="1"/>
  <c r="I2982" i="2"/>
  <c r="I2956" i="5" s="1"/>
  <c r="I2617" i="2"/>
  <c r="I2591" i="5" s="1"/>
  <c r="I5861" i="2"/>
  <c r="I5835" i="5" s="1"/>
  <c r="K990" i="2"/>
  <c r="K964" i="5" s="1"/>
  <c r="I8434" i="2"/>
  <c r="I8408" i="5" s="1"/>
  <c r="K8437" i="2"/>
  <c r="K8411" i="5" s="1"/>
  <c r="I4800" i="2"/>
  <c r="I4774" i="5" s="1"/>
  <c r="J2602" i="2"/>
  <c r="J2576" i="5" s="1"/>
  <c r="N2576" i="5" s="1"/>
  <c r="I8109" i="2"/>
  <c r="I8083" i="5" s="1"/>
  <c r="M8101" i="2"/>
  <c r="M8075" i="5" s="1"/>
  <c r="P8075" i="5" s="1"/>
  <c r="I2502" i="2"/>
  <c r="I2476" i="5" s="1"/>
  <c r="K1996" i="2"/>
  <c r="K1970" i="5" s="1"/>
  <c r="I7482" i="2"/>
  <c r="I7456" i="5" s="1"/>
  <c r="L2672" i="2"/>
  <c r="L2646" i="5" s="1"/>
  <c r="M276" i="2"/>
  <c r="M250" i="5" s="1"/>
  <c r="P250" i="5" s="1"/>
  <c r="M1827" i="2"/>
  <c r="M1801" i="5" s="1"/>
  <c r="P1801" i="5" s="1"/>
  <c r="M1832" i="2"/>
  <c r="M1806" i="5" s="1"/>
  <c r="P1806" i="5" s="1"/>
  <c r="J1476" i="2"/>
  <c r="J1450" i="5" s="1"/>
  <c r="N1450" i="5" s="1"/>
  <c r="I7262" i="2"/>
  <c r="I7236" i="5" s="1"/>
  <c r="K457" i="2"/>
  <c r="K431" i="5" s="1"/>
  <c r="I8370" i="2"/>
  <c r="I8344" i="5" s="1"/>
  <c r="K8337" i="2"/>
  <c r="K8311" i="5" s="1"/>
  <c r="L1437" i="2"/>
  <c r="L1411" i="5" s="1"/>
  <c r="L2169" i="2"/>
  <c r="L2143" i="5" s="1"/>
  <c r="I3969" i="2"/>
  <c r="I3943" i="5" s="1"/>
  <c r="I5358" i="2"/>
  <c r="I5332" i="5" s="1"/>
  <c r="J6853" i="2"/>
  <c r="J6827" i="5" s="1"/>
  <c r="I4447" i="2"/>
  <c r="I4421" i="5" s="1"/>
  <c r="J4932" i="2"/>
  <c r="J4906" i="5" s="1"/>
  <c r="N4906" i="5" s="1"/>
  <c r="I1927" i="2"/>
  <c r="I1901" i="5" s="1"/>
  <c r="L5120" i="2"/>
  <c r="L5094" i="5" s="1"/>
  <c r="I4264" i="2"/>
  <c r="I4238" i="5" s="1"/>
  <c r="K2792" i="2"/>
  <c r="K2766" i="5" s="1"/>
  <c r="O2766" i="5" s="1"/>
  <c r="M6329" i="2"/>
  <c r="M6303" i="5" s="1"/>
  <c r="P6303" i="5" s="1"/>
  <c r="K7354" i="2"/>
  <c r="K7328" i="5" s="1"/>
  <c r="O7328" i="5" s="1"/>
  <c r="J2594" i="2"/>
  <c r="J2568" i="5" s="1"/>
  <c r="N2568" i="5" s="1"/>
  <c r="K313" i="2"/>
  <c r="K287" i="5" s="1"/>
  <c r="M3437" i="2"/>
  <c r="M3411" i="5" s="1"/>
  <c r="P3411" i="5" s="1"/>
  <c r="K8493" i="2"/>
  <c r="K8467" i="5" s="1"/>
  <c r="K7295" i="2"/>
  <c r="K7269" i="5" s="1"/>
  <c r="L5639" i="2"/>
  <c r="L5613" i="5" s="1"/>
  <c r="I5177" i="2"/>
  <c r="I5151" i="5" s="1"/>
  <c r="M1459" i="2"/>
  <c r="M1433" i="5" s="1"/>
  <c r="P1433" i="5" s="1"/>
  <c r="M1468" i="2"/>
  <c r="M1442" i="5" s="1"/>
  <c r="P1442" i="5" s="1"/>
  <c r="M4592" i="2"/>
  <c r="M4566" i="5" s="1"/>
  <c r="P4566" i="5" s="1"/>
  <c r="L3672" i="2"/>
  <c r="L3646" i="5" s="1"/>
  <c r="K7526" i="2"/>
  <c r="K7500" i="5" s="1"/>
  <c r="I465" i="2"/>
  <c r="I439" i="5" s="1"/>
  <c r="I1255" i="2"/>
  <c r="I1229" i="5" s="1"/>
  <c r="J3099" i="2"/>
  <c r="J3073" i="5" s="1"/>
  <c r="N3073" i="5" s="1"/>
  <c r="M4607" i="2"/>
  <c r="M4581" i="5" s="1"/>
  <c r="P4581" i="5" s="1"/>
  <c r="I7119" i="2"/>
  <c r="I7093" i="5" s="1"/>
  <c r="K6696" i="2"/>
  <c r="K6670" i="5" s="1"/>
  <c r="L4589" i="2"/>
  <c r="L4563" i="5" s="1"/>
  <c r="M7319" i="2"/>
  <c r="M7293" i="5" s="1"/>
  <c r="P7293" i="5" s="1"/>
  <c r="L8292" i="2"/>
  <c r="L8266" i="5" s="1"/>
  <c r="L901" i="2"/>
  <c r="L875" i="5" s="1"/>
  <c r="J5772" i="2"/>
  <c r="J5746" i="5" s="1"/>
  <c r="N5746" i="5" s="1"/>
  <c r="M2579" i="2"/>
  <c r="M2553" i="5" s="1"/>
  <c r="P2553" i="5" s="1"/>
  <c r="L3083" i="2"/>
  <c r="L3057" i="5" s="1"/>
  <c r="M3303" i="2"/>
  <c r="M3277" i="5" s="1"/>
  <c r="P3277" i="5" s="1"/>
  <c r="K3415" i="2"/>
  <c r="K3389" i="5" s="1"/>
  <c r="L1224" i="2"/>
  <c r="L1198" i="5" s="1"/>
  <c r="K8207" i="2"/>
  <c r="K8181" i="5" s="1"/>
  <c r="L6252" i="2"/>
  <c r="L6226" i="5" s="1"/>
  <c r="J6420" i="2"/>
  <c r="J6394" i="5" s="1"/>
  <c r="L7003" i="2"/>
  <c r="L6977" i="5" s="1"/>
  <c r="J8132" i="2"/>
  <c r="J8106" i="5" s="1"/>
  <c r="N8106" i="5" s="1"/>
  <c r="I34" i="2"/>
  <c r="I8" i="5" s="1"/>
  <c r="M4407" i="2"/>
  <c r="M4381" i="5" s="1"/>
  <c r="P4381" i="5" s="1"/>
  <c r="I4288" i="2"/>
  <c r="I4262" i="5" s="1"/>
  <c r="M6607" i="2"/>
  <c r="M6581" i="5" s="1"/>
  <c r="P6581" i="5" s="1"/>
  <c r="J6139" i="2"/>
  <c r="J6113" i="5" s="1"/>
  <c r="N6113" i="5" s="1"/>
  <c r="K6529" i="2"/>
  <c r="K6503" i="5" s="1"/>
  <c r="O6503" i="5" s="1"/>
  <c r="J1075" i="2"/>
  <c r="J1049" i="5" s="1"/>
  <c r="N1049" i="5" s="1"/>
  <c r="K4937" i="2"/>
  <c r="K4911" i="5" s="1"/>
  <c r="M5609" i="2"/>
  <c r="M5583" i="5" s="1"/>
  <c r="P5583" i="5" s="1"/>
  <c r="J4968" i="2"/>
  <c r="J4942" i="5" s="1"/>
  <c r="N4942" i="5" s="1"/>
  <c r="L4967" i="2"/>
  <c r="L4941" i="5" s="1"/>
  <c r="K5746" i="2"/>
  <c r="K5720" i="5" s="1"/>
  <c r="L302" i="2"/>
  <c r="L276" i="5" s="1"/>
  <c r="L2479" i="2"/>
  <c r="L2453" i="5" s="1"/>
  <c r="J2095" i="2"/>
  <c r="J2069" i="5" s="1"/>
  <c r="N2069" i="5" s="1"/>
  <c r="K7824" i="2"/>
  <c r="K7798" i="5" s="1"/>
  <c r="I5832" i="2"/>
  <c r="I5806" i="5" s="1"/>
  <c r="M7101" i="2"/>
  <c r="M7075" i="5" s="1"/>
  <c r="P7075" i="5" s="1"/>
  <c r="J3947" i="2"/>
  <c r="J3921" i="5" s="1"/>
  <c r="L3993" i="2"/>
  <c r="L3967" i="5" s="1"/>
  <c r="M557" i="2"/>
  <c r="M531" i="5" s="1"/>
  <c r="P531" i="5" s="1"/>
  <c r="I6510" i="2"/>
  <c r="I6484" i="5" s="1"/>
  <c r="L1664" i="2"/>
  <c r="L1638" i="5" s="1"/>
  <c r="J3504" i="2"/>
  <c r="J3478" i="5" s="1"/>
  <c r="N3478" i="5" s="1"/>
  <c r="L6333" i="2"/>
  <c r="L6307" i="5" s="1"/>
  <c r="M3811" i="2"/>
  <c r="M3785" i="5" s="1"/>
  <c r="P3785" i="5" s="1"/>
  <c r="K1061" i="2"/>
  <c r="K1035" i="5" s="1"/>
  <c r="AR227" i="1"/>
  <c r="J5632" i="2"/>
  <c r="J5606" i="5" s="1"/>
  <c r="N5606" i="5" s="1"/>
  <c r="AR81" i="1"/>
  <c r="L7867" i="2"/>
  <c r="L7841" i="5" s="1"/>
  <c r="K7790" i="2"/>
  <c r="K7764" i="5" s="1"/>
  <c r="L7849" i="2"/>
  <c r="L7823" i="5" s="1"/>
  <c r="M1213" i="2"/>
  <c r="M1187" i="5" s="1"/>
  <c r="P1187" i="5" s="1"/>
  <c r="K5612" i="2"/>
  <c r="K5586" i="5" s="1"/>
  <c r="O5586" i="5" s="1"/>
  <c r="I1443" i="2"/>
  <c r="I1417" i="5" s="1"/>
  <c r="M2746" i="2"/>
  <c r="M2720" i="5" s="1"/>
  <c r="P2720" i="5" s="1"/>
  <c r="I1223" i="2"/>
  <c r="I1197" i="5" s="1"/>
  <c r="K6286" i="2"/>
  <c r="K6260" i="5" s="1"/>
  <c r="I95" i="2"/>
  <c r="I69" i="5" s="1"/>
  <c r="J81" i="2"/>
  <c r="J55" i="5" s="1"/>
  <c r="N55" i="5" s="1"/>
  <c r="L3634" i="2"/>
  <c r="L3608" i="5" s="1"/>
  <c r="K7857" i="2"/>
  <c r="K7831" i="5" s="1"/>
  <c r="I2905" i="2"/>
  <c r="I2879" i="5" s="1"/>
  <c r="J5359" i="2"/>
  <c r="J5333" i="5" s="1"/>
  <c r="N5333" i="5" s="1"/>
  <c r="L7301" i="2"/>
  <c r="L7275" i="5" s="1"/>
  <c r="L5286" i="2"/>
  <c r="L5260" i="5" s="1"/>
  <c r="J2495" i="2"/>
  <c r="J2469" i="5" s="1"/>
  <c r="N2469" i="5" s="1"/>
  <c r="K3395" i="2"/>
  <c r="K3369" i="5" s="1"/>
  <c r="J3400" i="2"/>
  <c r="J3374" i="5" s="1"/>
  <c r="N3374" i="5" s="1"/>
  <c r="K82" i="2"/>
  <c r="K56" i="5" s="1"/>
  <c r="K8143" i="2"/>
  <c r="K8117" i="5" s="1"/>
  <c r="O8117" i="5" s="1"/>
  <c r="J6352" i="2"/>
  <c r="J6326" i="5" s="1"/>
  <c r="N6326" i="5" s="1"/>
  <c r="J3646" i="2"/>
  <c r="J3620" i="5" s="1"/>
  <c r="N3620" i="5" s="1"/>
  <c r="I6097" i="2"/>
  <c r="I6071" i="5" s="1"/>
  <c r="K4426" i="2"/>
  <c r="K4400" i="5" s="1"/>
  <c r="O4400" i="5" s="1"/>
  <c r="I6357" i="2"/>
  <c r="I6331" i="5" s="1"/>
  <c r="K8001" i="2"/>
  <c r="K7975" i="5" s="1"/>
  <c r="J395" i="2"/>
  <c r="J369" i="5" s="1"/>
  <c r="K2733" i="2"/>
  <c r="K2707" i="5" s="1"/>
  <c r="K4958" i="2"/>
  <c r="K4932" i="5" s="1"/>
  <c r="M4787" i="2"/>
  <c r="M4761" i="5" s="1"/>
  <c r="P4761" i="5" s="1"/>
  <c r="J7456" i="2"/>
  <c r="J7430" i="5" s="1"/>
  <c r="N7430" i="5" s="1"/>
  <c r="J5089" i="2"/>
  <c r="J5063" i="5" s="1"/>
  <c r="N5063" i="5" s="1"/>
  <c r="K1964" i="2"/>
  <c r="K1938" i="5" s="1"/>
  <c r="O1938" i="5" s="1"/>
  <c r="K3493" i="2"/>
  <c r="K3467" i="5" s="1"/>
  <c r="K3496" i="2"/>
  <c r="K3470" i="5" s="1"/>
  <c r="O3470" i="5" s="1"/>
  <c r="M3138" i="2"/>
  <c r="M3112" i="5" s="1"/>
  <c r="P3112" i="5" s="1"/>
  <c r="L7532" i="2"/>
  <c r="L7506" i="5" s="1"/>
  <c r="J623" i="2"/>
  <c r="J597" i="5" s="1"/>
  <c r="N597" i="5" s="1"/>
  <c r="J5521" i="2"/>
  <c r="J5495" i="5" s="1"/>
  <c r="N5495" i="5" s="1"/>
  <c r="M3582" i="2"/>
  <c r="M3556" i="5" s="1"/>
  <c r="P3556" i="5" s="1"/>
  <c r="K7656" i="2"/>
  <c r="K7630" i="5" s="1"/>
  <c r="L1095" i="2"/>
  <c r="L1069" i="5" s="1"/>
  <c r="I6089" i="2"/>
  <c r="I6063" i="5" s="1"/>
  <c r="J1717" i="2"/>
  <c r="J1691" i="5" s="1"/>
  <c r="N1691" i="5" s="1"/>
  <c r="L2972" i="2"/>
  <c r="L2946" i="5" s="1"/>
  <c r="M8686" i="2"/>
  <c r="M8660" i="5" s="1"/>
  <c r="P8660" i="5" s="1"/>
  <c r="L765" i="2"/>
  <c r="L739" i="5" s="1"/>
  <c r="M564" i="2"/>
  <c r="M538" i="5" s="1"/>
  <c r="P538" i="5" s="1"/>
  <c r="K116" i="2"/>
  <c r="K90" i="5" s="1"/>
  <c r="O90" i="5" s="1"/>
  <c r="M3344" i="2"/>
  <c r="M3318" i="5" s="1"/>
  <c r="P3318" i="5" s="1"/>
  <c r="K2612" i="2"/>
  <c r="K2586" i="5" s="1"/>
  <c r="L2619" i="2"/>
  <c r="L2593" i="5" s="1"/>
  <c r="J394" i="2"/>
  <c r="J368" i="5" s="1"/>
  <c r="N368" i="5" s="1"/>
  <c r="I1605" i="2"/>
  <c r="I1579" i="5" s="1"/>
  <c r="L8696" i="2"/>
  <c r="L8670" i="5" s="1"/>
  <c r="I8636" i="2"/>
  <c r="I8610" i="5" s="1"/>
  <c r="M2614" i="2"/>
  <c r="M2588" i="5" s="1"/>
  <c r="P2588" i="5" s="1"/>
  <c r="L5023" i="2"/>
  <c r="L4997" i="5" s="1"/>
  <c r="I1786" i="2"/>
  <c r="I1760" i="5" s="1"/>
  <c r="K1216" i="2"/>
  <c r="K1190" i="5" s="1"/>
  <c r="I3752" i="2"/>
  <c r="I3726" i="5" s="1"/>
  <c r="K3743" i="2"/>
  <c r="K3717" i="5" s="1"/>
  <c r="M411" i="2"/>
  <c r="M385" i="5" s="1"/>
  <c r="P385" i="5" s="1"/>
  <c r="J6705" i="2"/>
  <c r="J6679" i="5" s="1"/>
  <c r="N6679" i="5" s="1"/>
  <c r="L6777" i="2"/>
  <c r="L6751" i="5" s="1"/>
  <c r="M5446" i="2"/>
  <c r="M5420" i="5" s="1"/>
  <c r="P5420" i="5" s="1"/>
  <c r="J3961" i="2"/>
  <c r="J3935" i="5" s="1"/>
  <c r="J8025" i="2"/>
  <c r="J7999" i="5" s="1"/>
  <c r="N7999" i="5" s="1"/>
  <c r="M73" i="2"/>
  <c r="M47" i="5" s="1"/>
  <c r="P47" i="5" s="1"/>
  <c r="M543" i="2"/>
  <c r="M517" i="5" s="1"/>
  <c r="P517" i="5" s="1"/>
  <c r="J949" i="2"/>
  <c r="J923" i="5" s="1"/>
  <c r="N923" i="5" s="1"/>
  <c r="M7167" i="2"/>
  <c r="M7141" i="5" s="1"/>
  <c r="P7141" i="5" s="1"/>
  <c r="I466" i="2"/>
  <c r="I440" i="5" s="1"/>
  <c r="I7844" i="2"/>
  <c r="I7818" i="5" s="1"/>
  <c r="L2956" i="2"/>
  <c r="L2930" i="5" s="1"/>
  <c r="K2427" i="2"/>
  <c r="K2401" i="5" s="1"/>
  <c r="L8548" i="2"/>
  <c r="L8522" i="5" s="1"/>
  <c r="L68" i="2"/>
  <c r="L42" i="5" s="1"/>
  <c r="I930" i="2"/>
  <c r="I904" i="5" s="1"/>
  <c r="K1665" i="2"/>
  <c r="K1639" i="5" s="1"/>
  <c r="L8369" i="2"/>
  <c r="L8343" i="5" s="1"/>
  <c r="K1479" i="2"/>
  <c r="K1453" i="5" s="1"/>
  <c r="K5491" i="2"/>
  <c r="K5465" i="5" s="1"/>
  <c r="J377" i="2"/>
  <c r="J351" i="5" s="1"/>
  <c r="N351" i="5" s="1"/>
  <c r="J7294" i="2"/>
  <c r="J7268" i="5" s="1"/>
  <c r="N7268" i="5" s="1"/>
  <c r="L5986" i="2"/>
  <c r="L5960" i="5" s="1"/>
  <c r="K3108" i="2"/>
  <c r="K3082" i="5" s="1"/>
  <c r="I904" i="2"/>
  <c r="I878" i="5" s="1"/>
  <c r="K6943" i="2"/>
  <c r="K6917" i="5" s="1"/>
  <c r="M2742" i="2"/>
  <c r="M2716" i="5" s="1"/>
  <c r="P2716" i="5" s="1"/>
  <c r="K4277" i="2"/>
  <c r="K4251" i="5" s="1"/>
  <c r="L426" i="2"/>
  <c r="L400" i="5" s="1"/>
  <c r="I4675" i="2"/>
  <c r="I4649" i="5" s="1"/>
  <c r="M7106" i="2"/>
  <c r="M7080" i="5" s="1"/>
  <c r="P7080" i="5" s="1"/>
  <c r="L225" i="2"/>
  <c r="L199" i="5" s="1"/>
  <c r="J7487" i="2"/>
  <c r="J7461" i="5" s="1"/>
  <c r="N7461" i="5" s="1"/>
  <c r="M112" i="2"/>
  <c r="M86" i="5" s="1"/>
  <c r="P86" i="5" s="1"/>
  <c r="M2949" i="2"/>
  <c r="M2923" i="5" s="1"/>
  <c r="P2923" i="5" s="1"/>
  <c r="K2637" i="2"/>
  <c r="K2611" i="5" s="1"/>
  <c r="J6831" i="2"/>
  <c r="J6805" i="5" s="1"/>
  <c r="N6805" i="5" s="1"/>
  <c r="K4594" i="2"/>
  <c r="K4568" i="5" s="1"/>
  <c r="K4457" i="2"/>
  <c r="K4431" i="5" s="1"/>
  <c r="I8668" i="2"/>
  <c r="I8642" i="5" s="1"/>
  <c r="J8272" i="2"/>
  <c r="J8246" i="5" s="1"/>
  <c r="N8246" i="5" s="1"/>
  <c r="L6516" i="2"/>
  <c r="L6490" i="5" s="1"/>
  <c r="K2594" i="2"/>
  <c r="K2568" i="5" s="1"/>
  <c r="O2568" i="5" s="1"/>
  <c r="M1324" i="2"/>
  <c r="M1298" i="5" s="1"/>
  <c r="P1298" i="5" s="1"/>
  <c r="J1904" i="2"/>
  <c r="J1878" i="5" s="1"/>
  <c r="J5087" i="2"/>
  <c r="J5061" i="5" s="1"/>
  <c r="J5511" i="2"/>
  <c r="J5485" i="5" s="1"/>
  <c r="N5485" i="5" s="1"/>
  <c r="J291" i="2"/>
  <c r="J265" i="5" s="1"/>
  <c r="N265" i="5" s="1"/>
  <c r="AR59" i="1"/>
  <c r="I4459" i="2"/>
  <c r="I4433" i="5" s="1"/>
  <c r="I8289" i="2"/>
  <c r="I8263" i="5" s="1"/>
  <c r="L7535" i="2"/>
  <c r="L7509" i="5" s="1"/>
  <c r="K1145" i="2"/>
  <c r="K1119" i="5" s="1"/>
  <c r="O1119" i="5" s="1"/>
  <c r="K2056" i="2"/>
  <c r="K2030" i="5" s="1"/>
  <c r="O2030" i="5" s="1"/>
  <c r="I3481" i="2"/>
  <c r="I3455" i="5" s="1"/>
  <c r="K1572" i="2"/>
  <c r="K1546" i="5" s="1"/>
  <c r="O1546" i="5" s="1"/>
  <c r="I6439" i="2"/>
  <c r="I6413" i="5" s="1"/>
  <c r="I6025" i="2"/>
  <c r="I5999" i="5" s="1"/>
  <c r="L2807" i="2"/>
  <c r="L2781" i="5" s="1"/>
  <c r="M8134" i="2"/>
  <c r="M8108" i="5" s="1"/>
  <c r="P8108" i="5" s="1"/>
  <c r="K6512" i="2"/>
  <c r="K6486" i="5" s="1"/>
  <c r="L3914" i="2"/>
  <c r="L3888" i="5" s="1"/>
  <c r="L7990" i="2"/>
  <c r="L7964" i="5" s="1"/>
  <c r="M2248" i="2"/>
  <c r="M2222" i="5" s="1"/>
  <c r="P2222" i="5" s="1"/>
  <c r="I3168" i="2"/>
  <c r="I3142" i="5" s="1"/>
  <c r="J8674" i="2"/>
  <c r="J8648" i="5" s="1"/>
  <c r="M748" i="2"/>
  <c r="M722" i="5" s="1"/>
  <c r="P722" i="5" s="1"/>
  <c r="K2249" i="2"/>
  <c r="K2223" i="5" s="1"/>
  <c r="K4074" i="2"/>
  <c r="K4048" i="5" s="1"/>
  <c r="I8362" i="2"/>
  <c r="I8336" i="5" s="1"/>
  <c r="J4442" i="2"/>
  <c r="J4416" i="5" s="1"/>
  <c r="N4416" i="5" s="1"/>
  <c r="M1562" i="2"/>
  <c r="M1536" i="5" s="1"/>
  <c r="P1536" i="5" s="1"/>
  <c r="M2148" i="2"/>
  <c r="M2122" i="5" s="1"/>
  <c r="P2122" i="5" s="1"/>
  <c r="J575" i="2"/>
  <c r="J549" i="5" s="1"/>
  <c r="N549" i="5" s="1"/>
  <c r="J941" i="2"/>
  <c r="J915" i="5" s="1"/>
  <c r="N915" i="5" s="1"/>
  <c r="J8444" i="2"/>
  <c r="J8418" i="5" s="1"/>
  <c r="N8418" i="5" s="1"/>
  <c r="J8381" i="2"/>
  <c r="J8355" i="5" s="1"/>
  <c r="M4004" i="2"/>
  <c r="M3978" i="5" s="1"/>
  <c r="P3978" i="5" s="1"/>
  <c r="I3635" i="2"/>
  <c r="I3609" i="5" s="1"/>
  <c r="J1394" i="2"/>
  <c r="J1368" i="5" s="1"/>
  <c r="N1368" i="5" s="1"/>
  <c r="K6597" i="2"/>
  <c r="K6571" i="5" s="1"/>
  <c r="M8492" i="2"/>
  <c r="M8466" i="5" s="1"/>
  <c r="P8466" i="5" s="1"/>
  <c r="I2937" i="2"/>
  <c r="I2911" i="5" s="1"/>
  <c r="J2970" i="2"/>
  <c r="J2944" i="5" s="1"/>
  <c r="J5164" i="2"/>
  <c r="J5138" i="5" s="1"/>
  <c r="N5138" i="5" s="1"/>
  <c r="M8611" i="2"/>
  <c r="M8585" i="5" s="1"/>
  <c r="P8585" i="5" s="1"/>
  <c r="AR130" i="1"/>
  <c r="L2104" i="2"/>
  <c r="L2078" i="5" s="1"/>
  <c r="M4750" i="2"/>
  <c r="M4724" i="5" s="1"/>
  <c r="P4724" i="5" s="1"/>
  <c r="L7625" i="2"/>
  <c r="L7599" i="5" s="1"/>
  <c r="K7125" i="2"/>
  <c r="K7099" i="5" s="1"/>
  <c r="O7099" i="5" s="1"/>
  <c r="L3763" i="2"/>
  <c r="L3737" i="5" s="1"/>
  <c r="I6151" i="2"/>
  <c r="I6125" i="5" s="1"/>
  <c r="M2335" i="2"/>
  <c r="M2309" i="5" s="1"/>
  <c r="P2309" i="5" s="1"/>
  <c r="K5163" i="2"/>
  <c r="K5137" i="5" s="1"/>
  <c r="J617" i="2"/>
  <c r="J591" i="5" s="1"/>
  <c r="N591" i="5" s="1"/>
  <c r="M1280" i="2"/>
  <c r="M1254" i="5" s="1"/>
  <c r="P1254" i="5" s="1"/>
  <c r="L3753" i="2"/>
  <c r="L3727" i="5" s="1"/>
  <c r="J2950" i="2"/>
  <c r="J2924" i="5" s="1"/>
  <c r="N2924" i="5" s="1"/>
  <c r="M3667" i="2"/>
  <c r="M3641" i="5" s="1"/>
  <c r="P3641" i="5" s="1"/>
  <c r="I7639" i="2"/>
  <c r="I7613" i="5" s="1"/>
  <c r="L8173" i="2"/>
  <c r="L8147" i="5" s="1"/>
  <c r="J5663" i="2"/>
  <c r="J5637" i="5" s="1"/>
  <c r="I6316" i="2"/>
  <c r="I6290" i="5" s="1"/>
  <c r="K8270" i="2"/>
  <c r="K8244" i="5" s="1"/>
  <c r="M2781" i="2"/>
  <c r="M2755" i="5" s="1"/>
  <c r="P2755" i="5" s="1"/>
  <c r="K5351" i="2"/>
  <c r="K5325" i="5" s="1"/>
  <c r="L3452" i="2"/>
  <c r="L3426" i="5" s="1"/>
  <c r="K1806" i="2"/>
  <c r="K1780" i="5" s="1"/>
  <c r="L5668" i="2"/>
  <c r="L5642" i="5" s="1"/>
  <c r="J6756" i="2"/>
  <c r="J6730" i="5" s="1"/>
  <c r="N6730" i="5" s="1"/>
  <c r="K1802" i="2"/>
  <c r="K1776" i="5" s="1"/>
  <c r="I5479" i="2"/>
  <c r="I5453" i="5" s="1"/>
  <c r="M6353" i="2"/>
  <c r="M6327" i="5" s="1"/>
  <c r="P6327" i="5" s="1"/>
  <c r="L6348" i="2"/>
  <c r="L6322" i="5" s="1"/>
  <c r="L8141" i="2"/>
  <c r="L8115" i="5" s="1"/>
  <c r="L3512" i="2"/>
  <c r="L3486" i="5" s="1"/>
  <c r="L4350" i="2"/>
  <c r="L4324" i="5" s="1"/>
  <c r="J5795" i="2"/>
  <c r="J5769" i="5" s="1"/>
  <c r="N5769" i="5" s="1"/>
  <c r="I3735" i="2"/>
  <c r="I3709" i="5" s="1"/>
  <c r="M2819" i="2"/>
  <c r="M2793" i="5" s="1"/>
  <c r="P2793" i="5" s="1"/>
  <c r="M4069" i="2"/>
  <c r="M4043" i="5" s="1"/>
  <c r="P4043" i="5" s="1"/>
  <c r="J2085" i="2"/>
  <c r="J2059" i="5" s="1"/>
  <c r="M8301" i="2"/>
  <c r="M8275" i="5" s="1"/>
  <c r="P8275" i="5" s="1"/>
  <c r="K5253" i="2"/>
  <c r="K5227" i="5" s="1"/>
  <c r="K3984" i="2"/>
  <c r="K3958" i="5" s="1"/>
  <c r="L403" i="2"/>
  <c r="L377" i="5" s="1"/>
  <c r="L2125" i="2"/>
  <c r="L2099" i="5" s="1"/>
  <c r="I314" i="2"/>
  <c r="I288" i="5" s="1"/>
  <c r="J3113" i="2"/>
  <c r="J3087" i="5" s="1"/>
  <c r="N3087" i="5" s="1"/>
  <c r="J3839" i="2"/>
  <c r="J3813" i="5" s="1"/>
  <c r="N3813" i="5" s="1"/>
  <c r="M6492" i="2"/>
  <c r="M6466" i="5" s="1"/>
  <c r="P6466" i="5" s="1"/>
  <c r="I4636" i="2"/>
  <c r="I4610" i="5" s="1"/>
  <c r="I7120" i="2"/>
  <c r="I7094" i="5" s="1"/>
  <c r="M881" i="2"/>
  <c r="M855" i="5" s="1"/>
  <c r="P855" i="5" s="1"/>
  <c r="L3472" i="2"/>
  <c r="L3446" i="5" s="1"/>
  <c r="K4450" i="2"/>
  <c r="K4424" i="5" s="1"/>
  <c r="M7800" i="2"/>
  <c r="M7774" i="5" s="1"/>
  <c r="P7774" i="5" s="1"/>
  <c r="K4848" i="2"/>
  <c r="K4822" i="5" s="1"/>
  <c r="K2995" i="2"/>
  <c r="K2969" i="5" s="1"/>
  <c r="K255" i="2"/>
  <c r="K229" i="5" s="1"/>
  <c r="O229" i="5" s="1"/>
  <c r="I3932" i="2"/>
  <c r="I3906" i="5" s="1"/>
  <c r="K2835" i="2"/>
  <c r="K2809" i="5" s="1"/>
  <c r="J7358" i="2"/>
  <c r="J7332" i="5" s="1"/>
  <c r="L1731" i="2"/>
  <c r="L1705" i="5" s="1"/>
  <c r="M1806" i="2"/>
  <c r="M1780" i="5" s="1"/>
  <c r="P1780" i="5" s="1"/>
  <c r="L5017" i="2"/>
  <c r="L4991" i="5" s="1"/>
  <c r="M2265" i="2"/>
  <c r="M2239" i="5" s="1"/>
  <c r="P2239" i="5" s="1"/>
  <c r="L7011" i="2"/>
  <c r="L6985" i="5" s="1"/>
  <c r="I1565" i="2"/>
  <c r="I1539" i="5" s="1"/>
  <c r="L1716" i="2"/>
  <c r="L1690" i="5" s="1"/>
  <c r="K3997" i="2"/>
  <c r="K3971" i="5" s="1"/>
  <c r="I3450" i="2"/>
  <c r="I3424" i="5" s="1"/>
  <c r="M3448" i="2"/>
  <c r="M3422" i="5" s="1"/>
  <c r="P3422" i="5" s="1"/>
  <c r="J3461" i="2"/>
  <c r="J3435" i="5" s="1"/>
  <c r="N3435" i="5" s="1"/>
  <c r="J2390" i="2"/>
  <c r="J2364" i="5" s="1"/>
  <c r="N2364" i="5" s="1"/>
  <c r="M389" i="2"/>
  <c r="M363" i="5" s="1"/>
  <c r="P363" i="5" s="1"/>
  <c r="J5011" i="2"/>
  <c r="J4985" i="5" s="1"/>
  <c r="N4985" i="5" s="1"/>
  <c r="I8129" i="2"/>
  <c r="I8103" i="5" s="1"/>
  <c r="M3405" i="2"/>
  <c r="M3379" i="5" s="1"/>
  <c r="P3379" i="5" s="1"/>
  <c r="K8548" i="2"/>
  <c r="K8522" i="5" s="1"/>
  <c r="J7001" i="2"/>
  <c r="J6975" i="5" s="1"/>
  <c r="N6975" i="5" s="1"/>
  <c r="I8551" i="2"/>
  <c r="I8525" i="5" s="1"/>
  <c r="L6454" i="2"/>
  <c r="L6428" i="5" s="1"/>
  <c r="M5652" i="2"/>
  <c r="M5626" i="5" s="1"/>
  <c r="P5626" i="5" s="1"/>
  <c r="M2390" i="2"/>
  <c r="M2364" i="5" s="1"/>
  <c r="P2364" i="5" s="1"/>
  <c r="M2796" i="2"/>
  <c r="M2770" i="5" s="1"/>
  <c r="P2770" i="5" s="1"/>
  <c r="I6527" i="2"/>
  <c r="I6501" i="5" s="1"/>
  <c r="M2805" i="2"/>
  <c r="M2779" i="5" s="1"/>
  <c r="P2779" i="5" s="1"/>
  <c r="K965" i="2"/>
  <c r="K939" i="5" s="1"/>
  <c r="M7994" i="2"/>
  <c r="M7968" i="5" s="1"/>
  <c r="P7968" i="5" s="1"/>
  <c r="M7935" i="2"/>
  <c r="M7909" i="5" s="1"/>
  <c r="P7909" i="5" s="1"/>
  <c r="K3629" i="2"/>
  <c r="K3603" i="5" s="1"/>
  <c r="O3603" i="5" s="1"/>
  <c r="K6331" i="2"/>
  <c r="K6305" i="5" s="1"/>
  <c r="M2951" i="2"/>
  <c r="M2925" i="5" s="1"/>
  <c r="P2925" i="5" s="1"/>
  <c r="J1742" i="2"/>
  <c r="J1716" i="5" s="1"/>
  <c r="N1716" i="5" s="1"/>
  <c r="K1757" i="2"/>
  <c r="K1731" i="5" s="1"/>
  <c r="L1243" i="2"/>
  <c r="L1217" i="5" s="1"/>
  <c r="K5169" i="2"/>
  <c r="K5143" i="5" s="1"/>
  <c r="J300" i="2"/>
  <c r="J274" i="5" s="1"/>
  <c r="N274" i="5" s="1"/>
  <c r="M5771" i="2"/>
  <c r="M5745" i="5" s="1"/>
  <c r="P5745" i="5" s="1"/>
  <c r="K2115" i="2"/>
  <c r="K2089" i="5" s="1"/>
  <c r="I1416" i="2"/>
  <c r="I1390" i="5" s="1"/>
  <c r="J5146" i="2"/>
  <c r="J5120" i="5" s="1"/>
  <c r="N5120" i="5" s="1"/>
  <c r="I6810" i="2"/>
  <c r="I6784" i="5" s="1"/>
  <c r="J3797" i="2"/>
  <c r="J3771" i="5" s="1"/>
  <c r="M5175" i="2"/>
  <c r="M5149" i="5" s="1"/>
  <c r="P5149" i="5" s="1"/>
  <c r="J5092" i="2"/>
  <c r="J5066" i="5" s="1"/>
  <c r="N5066" i="5" s="1"/>
  <c r="M6287" i="2"/>
  <c r="M6261" i="5" s="1"/>
  <c r="P6261" i="5" s="1"/>
  <c r="J4294" i="2"/>
  <c r="J4268" i="5" s="1"/>
  <c r="N4268" i="5" s="1"/>
  <c r="K4603" i="2"/>
  <c r="K4577" i="5" s="1"/>
  <c r="J5850" i="2"/>
  <c r="J5824" i="5" s="1"/>
  <c r="N5824" i="5" s="1"/>
  <c r="K612" i="2"/>
  <c r="K586" i="5" s="1"/>
  <c r="K1091" i="2"/>
  <c r="K1065" i="5" s="1"/>
  <c r="O1065" i="5" s="1"/>
  <c r="L8503" i="2"/>
  <c r="L8477" i="5" s="1"/>
  <c r="I7324" i="2"/>
  <c r="I7298" i="5" s="1"/>
  <c r="I5646" i="2"/>
  <c r="I5620" i="5" s="1"/>
  <c r="K2613" i="2"/>
  <c r="K2587" i="5" s="1"/>
  <c r="O2587" i="5" s="1"/>
  <c r="M6767" i="2"/>
  <c r="M6741" i="5" s="1"/>
  <c r="P6741" i="5" s="1"/>
  <c r="I8467" i="2"/>
  <c r="I8441" i="5" s="1"/>
  <c r="L88" i="2"/>
  <c r="L62" i="5" s="1"/>
  <c r="J5656" i="2"/>
  <c r="J5630" i="5" s="1"/>
  <c r="N5630" i="5" s="1"/>
  <c r="M1798" i="2"/>
  <c r="M1772" i="5" s="1"/>
  <c r="P1772" i="5" s="1"/>
  <c r="L67" i="2"/>
  <c r="L41" i="5" s="1"/>
  <c r="M2494" i="2"/>
  <c r="M2468" i="5" s="1"/>
  <c r="P2468" i="5" s="1"/>
  <c r="I7996" i="2"/>
  <c r="I7970" i="5" s="1"/>
  <c r="J2810" i="2"/>
  <c r="J2784" i="5" s="1"/>
  <c r="N2784" i="5" s="1"/>
  <c r="J5924" i="2"/>
  <c r="J5898" i="5" s="1"/>
  <c r="N5898" i="5" s="1"/>
  <c r="J72" i="2"/>
  <c r="J46" i="5" s="1"/>
  <c r="N46" i="5" s="1"/>
  <c r="M4441" i="2"/>
  <c r="M4415" i="5" s="1"/>
  <c r="P4415" i="5" s="1"/>
  <c r="L5804" i="2"/>
  <c r="L5778" i="5" s="1"/>
  <c r="K8211" i="2"/>
  <c r="K8185" i="5" s="1"/>
  <c r="M6702" i="2"/>
  <c r="M6676" i="5" s="1"/>
  <c r="P6676" i="5" s="1"/>
  <c r="I7984" i="2"/>
  <c r="I7958" i="5" s="1"/>
  <c r="J7950" i="2"/>
  <c r="J7924" i="5" s="1"/>
  <c r="N7924" i="5" s="1"/>
  <c r="K5808" i="2"/>
  <c r="K5782" i="5" s="1"/>
  <c r="M3929" i="2"/>
  <c r="M3903" i="5" s="1"/>
  <c r="P3903" i="5" s="1"/>
  <c r="K4511" i="2"/>
  <c r="K4485" i="5" s="1"/>
  <c r="J1636" i="2"/>
  <c r="J1610" i="5" s="1"/>
  <c r="N1610" i="5" s="1"/>
  <c r="I1264" i="2"/>
  <c r="I1238" i="5" s="1"/>
  <c r="K959" i="2"/>
  <c r="K933" i="5" s="1"/>
  <c r="K2152" i="2"/>
  <c r="K2126" i="5" s="1"/>
  <c r="K4971" i="2"/>
  <c r="K4945" i="5" s="1"/>
  <c r="O4945" i="5" s="1"/>
  <c r="I3314" i="2"/>
  <c r="I3288" i="5" s="1"/>
  <c r="M5430" i="2"/>
  <c r="M5404" i="5" s="1"/>
  <c r="P5404" i="5" s="1"/>
  <c r="J7140" i="2"/>
  <c r="J7114" i="5" s="1"/>
  <c r="L2082" i="2"/>
  <c r="L2056" i="5" s="1"/>
  <c r="L3156" i="2"/>
  <c r="L3130" i="5" s="1"/>
  <c r="L1556" i="2"/>
  <c r="L1530" i="5" s="1"/>
  <c r="K478" i="2"/>
  <c r="K452" i="5" s="1"/>
  <c r="M940" i="2"/>
  <c r="M914" i="5" s="1"/>
  <c r="P914" i="5" s="1"/>
  <c r="I5293" i="2"/>
  <c r="I5267" i="5" s="1"/>
  <c r="K3226" i="2"/>
  <c r="K3200" i="5" s="1"/>
  <c r="K1773" i="2"/>
  <c r="K1747" i="5" s="1"/>
  <c r="J2398" i="2"/>
  <c r="J2372" i="5" s="1"/>
  <c r="N2372" i="5" s="1"/>
  <c r="M8215" i="2"/>
  <c r="M8189" i="5" s="1"/>
  <c r="P8189" i="5" s="1"/>
  <c r="M2969" i="2"/>
  <c r="M2943" i="5" s="1"/>
  <c r="P2943" i="5" s="1"/>
  <c r="J7689" i="2"/>
  <c r="J7663" i="5" s="1"/>
  <c r="N7663" i="5" s="1"/>
  <c r="I1962" i="2"/>
  <c r="I1936" i="5" s="1"/>
  <c r="M5125" i="2"/>
  <c r="M5099" i="5" s="1"/>
  <c r="P5099" i="5" s="1"/>
  <c r="L4630" i="2"/>
  <c r="L4604" i="5" s="1"/>
  <c r="K8354" i="2"/>
  <c r="K8328" i="5" s="1"/>
  <c r="M445" i="2"/>
  <c r="M419" i="5" s="1"/>
  <c r="P419" i="5" s="1"/>
  <c r="L2054" i="2"/>
  <c r="L2028" i="5" s="1"/>
  <c r="K5774" i="2"/>
  <c r="K5748" i="5" s="1"/>
  <c r="J7441" i="2"/>
  <c r="J7415" i="5" s="1"/>
  <c r="M1952" i="2"/>
  <c r="M1926" i="5" s="1"/>
  <c r="P1926" i="5" s="1"/>
  <c r="M4754" i="2"/>
  <c r="M4728" i="5" s="1"/>
  <c r="P4728" i="5" s="1"/>
  <c r="K5616" i="2"/>
  <c r="K5590" i="5" s="1"/>
  <c r="I8323" i="2"/>
  <c r="I8297" i="5" s="1"/>
  <c r="M3140" i="2"/>
  <c r="M3114" i="5" s="1"/>
  <c r="P3114" i="5" s="1"/>
  <c r="M3809" i="2"/>
  <c r="M3783" i="5" s="1"/>
  <c r="P3783" i="5" s="1"/>
  <c r="K8512" i="2"/>
  <c r="K8486" i="5" s="1"/>
  <c r="L6468" i="2"/>
  <c r="L6442" i="5" s="1"/>
  <c r="J6314" i="2"/>
  <c r="J6288" i="5" s="1"/>
  <c r="N6288" i="5" s="1"/>
  <c r="L1052" i="2"/>
  <c r="L1026" i="5" s="1"/>
  <c r="AR54" i="1"/>
  <c r="L1456" i="2"/>
  <c r="L1430" i="5" s="1"/>
  <c r="J3007" i="2"/>
  <c r="J2981" i="5" s="1"/>
  <c r="N2981" i="5" s="1"/>
  <c r="I6302" i="2"/>
  <c r="I6276" i="5" s="1"/>
  <c r="M3003" i="2"/>
  <c r="M2977" i="5" s="1"/>
  <c r="P2977" i="5" s="1"/>
  <c r="J4582" i="2"/>
  <c r="J4556" i="5" s="1"/>
  <c r="N4556" i="5" s="1"/>
  <c r="I7367" i="2"/>
  <c r="I7341" i="5" s="1"/>
  <c r="M2110" i="2"/>
  <c r="M2084" i="5" s="1"/>
  <c r="P2084" i="5" s="1"/>
  <c r="I8510" i="2"/>
  <c r="I8484" i="5" s="1"/>
  <c r="L7955" i="2"/>
  <c r="L7929" i="5" s="1"/>
  <c r="L4480" i="2"/>
  <c r="L4454" i="5" s="1"/>
  <c r="J7318" i="2"/>
  <c r="J7292" i="5" s="1"/>
  <c r="N7292" i="5" s="1"/>
  <c r="L602" i="2"/>
  <c r="L576" i="5" s="1"/>
  <c r="L7788" i="2"/>
  <c r="L7762" i="5" s="1"/>
  <c r="K2621" i="2"/>
  <c r="K2595" i="5" s="1"/>
  <c r="K6867" i="2"/>
  <c r="K6841" i="5" s="1"/>
  <c r="O6841" i="5" s="1"/>
  <c r="I5807" i="2"/>
  <c r="I5781" i="5" s="1"/>
  <c r="I2244" i="2"/>
  <c r="I2218" i="5" s="1"/>
  <c r="K8438" i="2"/>
  <c r="K8412" i="5" s="1"/>
  <c r="O8412" i="5" s="1"/>
  <c r="K5079" i="2"/>
  <c r="K5053" i="5" s="1"/>
  <c r="O5053" i="5" s="1"/>
  <c r="I124" i="2"/>
  <c r="I98" i="5" s="1"/>
  <c r="K3676" i="2"/>
  <c r="K3650" i="5" s="1"/>
  <c r="I7794" i="2"/>
  <c r="I7768" i="5" s="1"/>
  <c r="I5438" i="2"/>
  <c r="I5412" i="5" s="1"/>
  <c r="K5438" i="2"/>
  <c r="K5412" i="5" s="1"/>
  <c r="M5438" i="2"/>
  <c r="M5412" i="5" s="1"/>
  <c r="P5412" i="5" s="1"/>
  <c r="J5438" i="2"/>
  <c r="J5412" i="5" s="1"/>
  <c r="N5412" i="5" s="1"/>
  <c r="M552" i="2"/>
  <c r="M526" i="5" s="1"/>
  <c r="P526" i="5" s="1"/>
  <c r="J5306" i="2"/>
  <c r="J5280" i="5" s="1"/>
  <c r="M2415" i="2"/>
  <c r="M2389" i="5" s="1"/>
  <c r="P2389" i="5" s="1"/>
  <c r="K2415" i="2"/>
  <c r="K2389" i="5" s="1"/>
  <c r="J2415" i="2"/>
  <c r="J2389" i="5" s="1"/>
  <c r="N2389" i="5" s="1"/>
  <c r="J2250" i="2"/>
  <c r="J2224" i="5" s="1"/>
  <c r="N2224" i="5" s="1"/>
  <c r="M6758" i="2"/>
  <c r="M6732" i="5" s="1"/>
  <c r="P6732" i="5" s="1"/>
  <c r="J3458" i="2"/>
  <c r="J3432" i="5" s="1"/>
  <c r="N3432" i="5" s="1"/>
  <c r="L2609" i="2"/>
  <c r="L2583" i="5" s="1"/>
  <c r="M6589" i="2"/>
  <c r="M6563" i="5" s="1"/>
  <c r="P6563" i="5" s="1"/>
  <c r="I543" i="2"/>
  <c r="I517" i="5" s="1"/>
  <c r="L1264" i="2"/>
  <c r="L1238" i="5" s="1"/>
  <c r="K4403" i="2"/>
  <c r="K4377" i="5" s="1"/>
  <c r="J2938" i="2"/>
  <c r="J2912" i="5" s="1"/>
  <c r="N2912" i="5" s="1"/>
  <c r="I1140" i="2"/>
  <c r="I1114" i="5" s="1"/>
  <c r="M2613" i="2"/>
  <c r="M2587" i="5" s="1"/>
  <c r="P2587" i="5" s="1"/>
  <c r="AR257" i="1"/>
  <c r="K6098" i="2"/>
  <c r="K6072" i="5" s="1"/>
  <c r="M5250" i="2"/>
  <c r="M5224" i="5" s="1"/>
  <c r="P5224" i="5" s="1"/>
  <c r="L5500" i="2"/>
  <c r="L5474" i="5" s="1"/>
  <c r="I2780" i="2"/>
  <c r="I2754" i="5" s="1"/>
  <c r="M1261" i="2"/>
  <c r="M1235" i="5" s="1"/>
  <c r="P1235" i="5" s="1"/>
  <c r="L8471" i="2"/>
  <c r="L8445" i="5" s="1"/>
  <c r="K3442" i="2"/>
  <c r="K3416" i="5" s="1"/>
  <c r="O3416" i="5" s="1"/>
  <c r="J4800" i="2"/>
  <c r="J4774" i="5" s="1"/>
  <c r="N4774" i="5" s="1"/>
  <c r="K7980" i="2"/>
  <c r="K7954" i="5" s="1"/>
  <c r="O7954" i="5" s="1"/>
  <c r="L4479" i="2"/>
  <c r="L4453" i="5" s="1"/>
  <c r="K2810" i="2"/>
  <c r="K2784" i="5" s="1"/>
  <c r="I2427" i="2"/>
  <c r="I2401" i="5" s="1"/>
  <c r="M8370" i="2"/>
  <c r="M8344" i="5" s="1"/>
  <c r="P8344" i="5" s="1"/>
  <c r="K466" i="2"/>
  <c r="K440" i="5" s="1"/>
  <c r="I2423" i="2"/>
  <c r="I2397" i="5" s="1"/>
  <c r="L2423" i="2"/>
  <c r="L2397" i="5" s="1"/>
  <c r="I1628" i="2"/>
  <c r="I1602" i="5" s="1"/>
  <c r="M1628" i="2"/>
  <c r="M1602" i="5" s="1"/>
  <c r="P1602" i="5" s="1"/>
  <c r="J1628" i="2"/>
  <c r="J1602" i="5" s="1"/>
  <c r="N1602" i="5" s="1"/>
  <c r="I5444" i="2"/>
  <c r="I5418" i="5" s="1"/>
  <c r="K5444" i="2"/>
  <c r="K5418" i="5" s="1"/>
  <c r="J5444" i="2"/>
  <c r="J5418" i="5" s="1"/>
  <c r="L5444" i="2"/>
  <c r="L5418" i="5" s="1"/>
  <c r="J553" i="2"/>
  <c r="J527" i="5" s="1"/>
  <c r="K553" i="2"/>
  <c r="K527" i="5" s="1"/>
  <c r="I768" i="2"/>
  <c r="I742" i="5" s="1"/>
  <c r="K768" i="2"/>
  <c r="K742" i="5" s="1"/>
  <c r="L768" i="2"/>
  <c r="L742" i="5" s="1"/>
  <c r="K7112" i="2"/>
  <c r="K7086" i="5" s="1"/>
  <c r="J7112" i="2"/>
  <c r="J7086" i="5" s="1"/>
  <c r="N7086" i="5" s="1"/>
  <c r="L7112" i="2"/>
  <c r="L7086" i="5" s="1"/>
  <c r="K5471" i="2"/>
  <c r="K5445" i="5" s="1"/>
  <c r="K4075" i="2"/>
  <c r="K4049" i="5" s="1"/>
  <c r="K8347" i="2"/>
  <c r="K8321" i="5" s="1"/>
  <c r="L8347" i="2"/>
  <c r="L8321" i="5" s="1"/>
  <c r="I8347" i="2"/>
  <c r="I8321" i="5" s="1"/>
  <c r="L5483" i="2"/>
  <c r="L5457" i="5" s="1"/>
  <c r="I5483" i="2"/>
  <c r="I5457" i="5" s="1"/>
  <c r="K5483" i="2"/>
  <c r="K5457" i="5" s="1"/>
  <c r="J5483" i="2"/>
  <c r="J5457" i="5" s="1"/>
  <c r="N5457" i="5" s="1"/>
  <c r="M5483" i="2"/>
  <c r="M5457" i="5" s="1"/>
  <c r="P5457" i="5" s="1"/>
  <c r="G130" i="5"/>
  <c r="AR124" i="1"/>
  <c r="J3464" i="2"/>
  <c r="J3438" i="5" s="1"/>
  <c r="K3464" i="2"/>
  <c r="K3438" i="5" s="1"/>
  <c r="M3464" i="2"/>
  <c r="M3438" i="5" s="1"/>
  <c r="P3438" i="5" s="1"/>
  <c r="M6028" i="2"/>
  <c r="M6002" i="5" s="1"/>
  <c r="P6002" i="5" s="1"/>
  <c r="I6028" i="2"/>
  <c r="I6002" i="5" s="1"/>
  <c r="K6028" i="2"/>
  <c r="K6002" i="5" s="1"/>
  <c r="O6002" i="5" s="1"/>
  <c r="K6630" i="2"/>
  <c r="K6604" i="5" s="1"/>
  <c r="M6630" i="2"/>
  <c r="M6604" i="5" s="1"/>
  <c r="P6604" i="5" s="1"/>
  <c r="J6630" i="2"/>
  <c r="J6604" i="5" s="1"/>
  <c r="N6604" i="5" s="1"/>
  <c r="L6630" i="2"/>
  <c r="L6604" i="5" s="1"/>
  <c r="I6630" i="2"/>
  <c r="I6604" i="5" s="1"/>
  <c r="M6025" i="2"/>
  <c r="M5999" i="5" s="1"/>
  <c r="P5999" i="5" s="1"/>
  <c r="L2734" i="2"/>
  <c r="L2708" i="5" s="1"/>
  <c r="K2734" i="2"/>
  <c r="K2708" i="5" s="1"/>
  <c r="L5976" i="2"/>
  <c r="L5950" i="5" s="1"/>
  <c r="M5976" i="2"/>
  <c r="M5950" i="5" s="1"/>
  <c r="P5950" i="5" s="1"/>
  <c r="J5976" i="2"/>
  <c r="J5950" i="5" s="1"/>
  <c r="N5950" i="5" s="1"/>
  <c r="K4330" i="2"/>
  <c r="K4304" i="5" s="1"/>
  <c r="O4304" i="5" s="1"/>
  <c r="I4330" i="2"/>
  <c r="I4304" i="5" s="1"/>
  <c r="J4330" i="2"/>
  <c r="J4304" i="5" s="1"/>
  <c r="N4304" i="5" s="1"/>
  <c r="J2726" i="2"/>
  <c r="J2700" i="5" s="1"/>
  <c r="N2700" i="5" s="1"/>
  <c r="K5023" i="2"/>
  <c r="K4997" i="5" s="1"/>
  <c r="L817" i="2"/>
  <c r="L791" i="5" s="1"/>
  <c r="I817" i="2"/>
  <c r="I791" i="5" s="1"/>
  <c r="K817" i="2"/>
  <c r="K791" i="5" s="1"/>
  <c r="J817" i="2"/>
  <c r="J791" i="5" s="1"/>
  <c r="N791" i="5" s="1"/>
  <c r="M68" i="2"/>
  <c r="M42" i="5" s="1"/>
  <c r="P42" i="5" s="1"/>
  <c r="L6614" i="2"/>
  <c r="L6588" i="5" s="1"/>
  <c r="J6614" i="2"/>
  <c r="J6588" i="5" s="1"/>
  <c r="N6588" i="5" s="1"/>
  <c r="I6614" i="2"/>
  <c r="I6588" i="5" s="1"/>
  <c r="K6614" i="2"/>
  <c r="K6588" i="5" s="1"/>
  <c r="M6614" i="2"/>
  <c r="M6588" i="5" s="1"/>
  <c r="P6588" i="5" s="1"/>
  <c r="AR317" i="1"/>
  <c r="L1132" i="2"/>
  <c r="L1106" i="5" s="1"/>
  <c r="K6847" i="2"/>
  <c r="K6821" i="5" s="1"/>
  <c r="M6847" i="2"/>
  <c r="M6821" i="5" s="1"/>
  <c r="P6821" i="5" s="1"/>
  <c r="I6847" i="2"/>
  <c r="I6821" i="5" s="1"/>
  <c r="K6356" i="2"/>
  <c r="K6330" i="5" s="1"/>
  <c r="L6356" i="2"/>
  <c r="L6330" i="5" s="1"/>
  <c r="I6356" i="2"/>
  <c r="I6330" i="5" s="1"/>
  <c r="L7764" i="2"/>
  <c r="L7738" i="5" s="1"/>
  <c r="K7764" i="2"/>
  <c r="K7738" i="5" s="1"/>
  <c r="M7764" i="2"/>
  <c r="M7738" i="5" s="1"/>
  <c r="P7738" i="5" s="1"/>
  <c r="J7764" i="2"/>
  <c r="J7738" i="5" s="1"/>
  <c r="N7738" i="5" s="1"/>
  <c r="I7764" i="2"/>
  <c r="I7738" i="5" s="1"/>
  <c r="M6859" i="2"/>
  <c r="M6833" i="5" s="1"/>
  <c r="P6833" i="5" s="1"/>
  <c r="K6859" i="2"/>
  <c r="K6833" i="5" s="1"/>
  <c r="M8636" i="2"/>
  <c r="M8610" i="5" s="1"/>
  <c r="P8610" i="5" s="1"/>
  <c r="I4658" i="2"/>
  <c r="I4632" i="5" s="1"/>
  <c r="L4941" i="2"/>
  <c r="L4915" i="5" s="1"/>
  <c r="L6758" i="2"/>
  <c r="L6732" i="5" s="1"/>
  <c r="M3458" i="2"/>
  <c r="M3432" i="5" s="1"/>
  <c r="P3432" i="5" s="1"/>
  <c r="J2609" i="2"/>
  <c r="J2583" i="5" s="1"/>
  <c r="N2583" i="5" s="1"/>
  <c r="L570" i="2"/>
  <c r="L544" i="5" s="1"/>
  <c r="J6589" i="2"/>
  <c r="J6563" i="5" s="1"/>
  <c r="N6563" i="5" s="1"/>
  <c r="K3651" i="2"/>
  <c r="K3625" i="5" s="1"/>
  <c r="M1264" i="2"/>
  <c r="M1238" i="5" s="1"/>
  <c r="P1238" i="5" s="1"/>
  <c r="I4403" i="2"/>
  <c r="I4377" i="5" s="1"/>
  <c r="I2938" i="2"/>
  <c r="I2912" i="5" s="1"/>
  <c r="I2613" i="2"/>
  <c r="I2587" i="5" s="1"/>
  <c r="L574" i="2"/>
  <c r="L548" i="5" s="1"/>
  <c r="M6098" i="2"/>
  <c r="M6072" i="5" s="1"/>
  <c r="P6072" i="5" s="1"/>
  <c r="K5250" i="2"/>
  <c r="K5224" i="5" s="1"/>
  <c r="O5224" i="5" s="1"/>
  <c r="K73" i="2"/>
  <c r="K47" i="5" s="1"/>
  <c r="L1261" i="2"/>
  <c r="L1235" i="5" s="1"/>
  <c r="I3442" i="2"/>
  <c r="I3416" i="5" s="1"/>
  <c r="K4800" i="2"/>
  <c r="K4774" i="5" s="1"/>
  <c r="M7980" i="2"/>
  <c r="M7954" i="5" s="1"/>
  <c r="P7954" i="5" s="1"/>
  <c r="K7938" i="2"/>
  <c r="K7912" i="5" s="1"/>
  <c r="L7938" i="2"/>
  <c r="L7912" i="5" s="1"/>
  <c r="M7938" i="2"/>
  <c r="M7912" i="5" s="1"/>
  <c r="P7912" i="5" s="1"/>
  <c r="J7938" i="2"/>
  <c r="J7912" i="5" s="1"/>
  <c r="N7912" i="5" s="1"/>
  <c r="I7938" i="2"/>
  <c r="I7912" i="5" s="1"/>
  <c r="I1647" i="2"/>
  <c r="I1621" i="5" s="1"/>
  <c r="K1647" i="2"/>
  <c r="K1621" i="5" s="1"/>
  <c r="J1647" i="2"/>
  <c r="J1621" i="5" s="1"/>
  <c r="N1621" i="5" s="1"/>
  <c r="M7096" i="2"/>
  <c r="M7070" i="5" s="1"/>
  <c r="P7070" i="5" s="1"/>
  <c r="L7096" i="2"/>
  <c r="L7070" i="5" s="1"/>
  <c r="K6941" i="2"/>
  <c r="K6915" i="5" s="1"/>
  <c r="M6941" i="2"/>
  <c r="M6915" i="5" s="1"/>
  <c r="P6915" i="5" s="1"/>
  <c r="J6941" i="2"/>
  <c r="J6915" i="5" s="1"/>
  <c r="N6915" i="5" s="1"/>
  <c r="I6941" i="2"/>
  <c r="I6915" i="5" s="1"/>
  <c r="L6941" i="2"/>
  <c r="L6915" i="5" s="1"/>
  <c r="I6836" i="2"/>
  <c r="I6810" i="5" s="1"/>
  <c r="J6836" i="2"/>
  <c r="J6810" i="5" s="1"/>
  <c r="N6810" i="5" s="1"/>
  <c r="K6836" i="2"/>
  <c r="K6810" i="5" s="1"/>
  <c r="M6836" i="2"/>
  <c r="M6810" i="5" s="1"/>
  <c r="P6810" i="5" s="1"/>
  <c r="L5465" i="2"/>
  <c r="L5439" i="5" s="1"/>
  <c r="M5465" i="2"/>
  <c r="M5439" i="5" s="1"/>
  <c r="P5439" i="5" s="1"/>
  <c r="I5465" i="2"/>
  <c r="I5439" i="5" s="1"/>
  <c r="J5465" i="2"/>
  <c r="J5439" i="5" s="1"/>
  <c r="N5439" i="5" s="1"/>
  <c r="M3898" i="2"/>
  <c r="M3872" i="5" s="1"/>
  <c r="P3872" i="5" s="1"/>
  <c r="J3898" i="2"/>
  <c r="J3872" i="5" s="1"/>
  <c r="N3872" i="5" s="1"/>
  <c r="J8040" i="2"/>
  <c r="J8014" i="5" s="1"/>
  <c r="N8014" i="5" s="1"/>
  <c r="M8040" i="2"/>
  <c r="M8014" i="5" s="1"/>
  <c r="P8014" i="5" s="1"/>
  <c r="K8040" i="2"/>
  <c r="K8014" i="5" s="1"/>
  <c r="L8040" i="2"/>
  <c r="L8014" i="5" s="1"/>
  <c r="I8040" i="2"/>
  <c r="I8014" i="5" s="1"/>
  <c r="J385" i="2"/>
  <c r="J359" i="5" s="1"/>
  <c r="I385" i="2"/>
  <c r="I359" i="5" s="1"/>
  <c r="L385" i="2"/>
  <c r="L359" i="5" s="1"/>
  <c r="M385" i="2"/>
  <c r="M359" i="5" s="1"/>
  <c r="P359" i="5" s="1"/>
  <c r="K8348" i="2"/>
  <c r="K8322" i="5" s="1"/>
  <c r="L8348" i="2"/>
  <c r="L8322" i="5" s="1"/>
  <c r="J8348" i="2"/>
  <c r="J8322" i="5" s="1"/>
  <c r="N8322" i="5" s="1"/>
  <c r="I8348" i="2"/>
  <c r="I8322" i="5" s="1"/>
  <c r="I5586" i="2"/>
  <c r="I5560" i="5" s="1"/>
  <c r="K5586" i="2"/>
  <c r="K5560" i="5" s="1"/>
  <c r="J5586" i="2"/>
  <c r="J5560" i="5" s="1"/>
  <c r="N5560" i="5" s="1"/>
  <c r="L5586" i="2"/>
  <c r="L5560" i="5" s="1"/>
  <c r="M5586" i="2"/>
  <c r="M5560" i="5" s="1"/>
  <c r="P5560" i="5" s="1"/>
  <c r="I729" i="2"/>
  <c r="I703" i="5" s="1"/>
  <c r="L729" i="2"/>
  <c r="L703" i="5" s="1"/>
  <c r="C117" i="5"/>
  <c r="AR111" i="1"/>
  <c r="D291" i="5"/>
  <c r="AR285" i="1"/>
  <c r="K3280" i="2"/>
  <c r="K3254" i="5" s="1"/>
  <c r="L3280" i="2"/>
  <c r="L3254" i="5" s="1"/>
  <c r="M3280" i="2"/>
  <c r="M3254" i="5" s="1"/>
  <c r="P3254" i="5" s="1"/>
  <c r="I3280" i="2"/>
  <c r="I3254" i="5" s="1"/>
  <c r="L380" i="2"/>
  <c r="L354" i="5" s="1"/>
  <c r="I380" i="2"/>
  <c r="I354" i="5" s="1"/>
  <c r="K380" i="2"/>
  <c r="K354" i="5" s="1"/>
  <c r="J380" i="2"/>
  <c r="J354" i="5" s="1"/>
  <c r="N354" i="5" s="1"/>
  <c r="J390" i="2"/>
  <c r="J364" i="5" s="1"/>
  <c r="N364" i="5" s="1"/>
  <c r="I390" i="2"/>
  <c r="I364" i="5" s="1"/>
  <c r="J6270" i="2"/>
  <c r="J6244" i="5" s="1"/>
  <c r="N6244" i="5" s="1"/>
  <c r="M6270" i="2"/>
  <c r="M6244" i="5" s="1"/>
  <c r="P6244" i="5" s="1"/>
  <c r="I1817" i="2"/>
  <c r="I1791" i="5" s="1"/>
  <c r="M1817" i="2"/>
  <c r="M1791" i="5" s="1"/>
  <c r="P1791" i="5" s="1"/>
  <c r="K1817" i="2"/>
  <c r="K1791" i="5" s="1"/>
  <c r="I923" i="2"/>
  <c r="I897" i="5" s="1"/>
  <c r="K923" i="2"/>
  <c r="K897" i="5" s="1"/>
  <c r="M4915" i="2"/>
  <c r="M4889" i="5" s="1"/>
  <c r="P4889" i="5" s="1"/>
  <c r="L4915" i="2"/>
  <c r="L4889" i="5" s="1"/>
  <c r="K4915" i="2"/>
  <c r="K4889" i="5" s="1"/>
  <c r="M7518" i="2"/>
  <c r="M7492" i="5" s="1"/>
  <c r="P7492" i="5" s="1"/>
  <c r="I7518" i="2"/>
  <c r="I7492" i="5" s="1"/>
  <c r="L7518" i="2"/>
  <c r="L7492" i="5" s="1"/>
  <c r="L6833" i="2"/>
  <c r="L6807" i="5" s="1"/>
  <c r="I6833" i="2"/>
  <c r="I6807" i="5" s="1"/>
  <c r="K6833" i="2"/>
  <c r="K6807" i="5" s="1"/>
  <c r="J6833" i="2"/>
  <c r="J6807" i="5" s="1"/>
  <c r="N6807" i="5" s="1"/>
  <c r="M6833" i="2"/>
  <c r="M6807" i="5" s="1"/>
  <c r="P6807" i="5" s="1"/>
  <c r="I3081" i="2"/>
  <c r="I3055" i="5" s="1"/>
  <c r="L3081" i="2"/>
  <c r="L3055" i="5" s="1"/>
  <c r="I2744" i="2"/>
  <c r="I2718" i="5" s="1"/>
  <c r="L2744" i="2"/>
  <c r="L2718" i="5" s="1"/>
  <c r="K2744" i="2"/>
  <c r="K2718" i="5" s="1"/>
  <c r="M2744" i="2"/>
  <c r="M2718" i="5" s="1"/>
  <c r="P2718" i="5" s="1"/>
  <c r="J2478" i="2"/>
  <c r="J2452" i="5" s="1"/>
  <c r="N2452" i="5" s="1"/>
  <c r="L2478" i="2"/>
  <c r="L2452" i="5" s="1"/>
  <c r="I2478" i="2"/>
  <c r="I2452" i="5" s="1"/>
  <c r="K2478" i="2"/>
  <c r="K2452" i="5" s="1"/>
  <c r="I5319" i="2"/>
  <c r="I5293" i="5" s="1"/>
  <c r="K5319" i="2"/>
  <c r="K5293" i="5" s="1"/>
  <c r="M5319" i="2"/>
  <c r="M5293" i="5" s="1"/>
  <c r="P5293" i="5" s="1"/>
  <c r="L6683" i="2"/>
  <c r="L6657" i="5" s="1"/>
  <c r="J6683" i="2"/>
  <c r="J6657" i="5" s="1"/>
  <c r="N6657" i="5" s="1"/>
  <c r="K6683" i="2"/>
  <c r="K6657" i="5" s="1"/>
  <c r="I592" i="2"/>
  <c r="I566" i="5" s="1"/>
  <c r="L592" i="2"/>
  <c r="L566" i="5" s="1"/>
  <c r="J592" i="2"/>
  <c r="J566" i="5" s="1"/>
  <c r="N566" i="5" s="1"/>
  <c r="M592" i="2"/>
  <c r="M566" i="5" s="1"/>
  <c r="P566" i="5" s="1"/>
  <c r="K592" i="2"/>
  <c r="K566" i="5" s="1"/>
  <c r="L4954" i="2"/>
  <c r="L4928" i="5" s="1"/>
  <c r="I4954" i="2"/>
  <c r="I4928" i="5" s="1"/>
  <c r="K4954" i="2"/>
  <c r="K4928" i="5" s="1"/>
  <c r="J4954" i="2"/>
  <c r="J4928" i="5" s="1"/>
  <c r="N4928" i="5" s="1"/>
  <c r="M4954" i="2"/>
  <c r="M4928" i="5" s="1"/>
  <c r="P4928" i="5" s="1"/>
  <c r="M5168" i="2"/>
  <c r="M5142" i="5" s="1"/>
  <c r="P5142" i="5" s="1"/>
  <c r="J5168" i="2"/>
  <c r="J5142" i="5" s="1"/>
  <c r="N5142" i="5" s="1"/>
  <c r="L5168" i="2"/>
  <c r="L5142" i="5" s="1"/>
  <c r="M4122" i="2"/>
  <c r="M4096" i="5" s="1"/>
  <c r="P4096" i="5" s="1"/>
  <c r="L4122" i="2"/>
  <c r="L4096" i="5" s="1"/>
  <c r="I4122" i="2"/>
  <c r="I4096" i="5" s="1"/>
  <c r="J4122" i="2"/>
  <c r="J4096" i="5" s="1"/>
  <c r="N4096" i="5" s="1"/>
  <c r="K4122" i="2"/>
  <c r="K4096" i="5" s="1"/>
  <c r="K8663" i="2"/>
  <c r="K8637" i="5" s="1"/>
  <c r="O8637" i="5" s="1"/>
  <c r="M8663" i="2"/>
  <c r="M8637" i="5" s="1"/>
  <c r="P8637" i="5" s="1"/>
  <c r="K8540" i="2"/>
  <c r="K8514" i="5" s="1"/>
  <c r="L8540" i="2"/>
  <c r="L8514" i="5" s="1"/>
  <c r="M8540" i="2"/>
  <c r="M8514" i="5" s="1"/>
  <c r="P8514" i="5" s="1"/>
  <c r="M6682" i="2"/>
  <c r="M6656" i="5" s="1"/>
  <c r="P6656" i="5" s="1"/>
  <c r="J6682" i="2"/>
  <c r="J6656" i="5" s="1"/>
  <c r="N6656" i="5" s="1"/>
  <c r="L6682" i="2"/>
  <c r="L6656" i="5" s="1"/>
  <c r="I6682" i="2"/>
  <c r="I6656" i="5" s="1"/>
  <c r="K6682" i="2"/>
  <c r="K6656" i="5" s="1"/>
  <c r="I3510" i="2"/>
  <c r="I3484" i="5" s="1"/>
  <c r="K3510" i="2"/>
  <c r="K3484" i="5" s="1"/>
  <c r="I5307" i="2"/>
  <c r="I5281" i="5" s="1"/>
  <c r="J5307" i="2"/>
  <c r="J5281" i="5" s="1"/>
  <c r="N5281" i="5" s="1"/>
  <c r="M5307" i="2"/>
  <c r="M5281" i="5" s="1"/>
  <c r="P5281" i="5" s="1"/>
  <c r="M8203" i="2"/>
  <c r="M8177" i="5" s="1"/>
  <c r="P8177" i="5" s="1"/>
  <c r="I8203" i="2"/>
  <c r="I8177" i="5" s="1"/>
  <c r="K8203" i="2"/>
  <c r="K8177" i="5" s="1"/>
  <c r="J8203" i="2"/>
  <c r="J8177" i="5" s="1"/>
  <c r="N8177" i="5" s="1"/>
  <c r="L8203" i="2"/>
  <c r="L8177" i="5" s="1"/>
  <c r="J5261" i="2"/>
  <c r="J5235" i="5" s="1"/>
  <c r="N5235" i="5" s="1"/>
  <c r="M5261" i="2"/>
  <c r="M5235" i="5" s="1"/>
  <c r="P5235" i="5" s="1"/>
  <c r="I5261" i="2"/>
  <c r="I5235" i="5" s="1"/>
  <c r="L5261" i="2"/>
  <c r="L5235" i="5" s="1"/>
  <c r="K5261" i="2"/>
  <c r="K5235" i="5" s="1"/>
  <c r="I5446" i="2"/>
  <c r="I5420" i="5" s="1"/>
  <c r="K4114" i="2"/>
  <c r="K4088" i="5" s="1"/>
  <c r="M4114" i="2"/>
  <c r="M4088" i="5" s="1"/>
  <c r="P4088" i="5" s="1"/>
  <c r="I4114" i="2"/>
  <c r="I4088" i="5" s="1"/>
  <c r="I6528" i="2"/>
  <c r="I6502" i="5" s="1"/>
  <c r="M6528" i="2"/>
  <c r="M6502" i="5" s="1"/>
  <c r="P6502" i="5" s="1"/>
  <c r="L6528" i="2"/>
  <c r="L6502" i="5" s="1"/>
  <c r="J6528" i="2"/>
  <c r="J6502" i="5" s="1"/>
  <c r="N6502" i="5" s="1"/>
  <c r="K6528" i="2"/>
  <c r="K6502" i="5" s="1"/>
  <c r="E285" i="5"/>
  <c r="AR279" i="1"/>
  <c r="K3107" i="2"/>
  <c r="K3081" i="5" s="1"/>
  <c r="O3081" i="5" s="1"/>
  <c r="J3107" i="2"/>
  <c r="J3081" i="5" s="1"/>
  <c r="N3081" i="5" s="1"/>
  <c r="L8138" i="2"/>
  <c r="L8112" i="5" s="1"/>
  <c r="J8138" i="2"/>
  <c r="J8112" i="5" s="1"/>
  <c r="N8112" i="5" s="1"/>
  <c r="K8138" i="2"/>
  <c r="K8112" i="5" s="1"/>
  <c r="I8138" i="2"/>
  <c r="I8112" i="5" s="1"/>
  <c r="M8138" i="2"/>
  <c r="M8112" i="5" s="1"/>
  <c r="P8112" i="5" s="1"/>
  <c r="D54" i="5"/>
  <c r="AR48" i="1"/>
  <c r="M7203" i="2"/>
  <c r="M7177" i="5" s="1"/>
  <c r="P7177" i="5" s="1"/>
  <c r="L7203" i="2"/>
  <c r="L7177" i="5" s="1"/>
  <c r="I7203" i="2"/>
  <c r="I7177" i="5" s="1"/>
  <c r="J1554" i="2"/>
  <c r="J1528" i="5" s="1"/>
  <c r="N1528" i="5" s="1"/>
  <c r="M1554" i="2"/>
  <c r="M1528" i="5" s="1"/>
  <c r="P1528" i="5" s="1"/>
  <c r="L1554" i="2"/>
  <c r="L1528" i="5" s="1"/>
  <c r="I1554" i="2"/>
  <c r="I1528" i="5" s="1"/>
  <c r="I786" i="2"/>
  <c r="I760" i="5" s="1"/>
  <c r="M786" i="2"/>
  <c r="M760" i="5" s="1"/>
  <c r="P760" i="5" s="1"/>
  <c r="L786" i="2"/>
  <c r="L760" i="5" s="1"/>
  <c r="K786" i="2"/>
  <c r="K760" i="5" s="1"/>
  <c r="J786" i="2"/>
  <c r="J760" i="5" s="1"/>
  <c r="N760" i="5" s="1"/>
  <c r="K5812" i="2"/>
  <c r="K5786" i="5" s="1"/>
  <c r="J5812" i="2"/>
  <c r="J5786" i="5" s="1"/>
  <c r="N5786" i="5" s="1"/>
  <c r="M5812" i="2"/>
  <c r="M5786" i="5" s="1"/>
  <c r="P5786" i="5" s="1"/>
  <c r="I5812" i="2"/>
  <c r="I5786" i="5" s="1"/>
  <c r="K629" i="2"/>
  <c r="K603" i="5" s="1"/>
  <c r="O603" i="5" s="1"/>
  <c r="I629" i="2"/>
  <c r="I603" i="5" s="1"/>
  <c r="J629" i="2"/>
  <c r="J603" i="5" s="1"/>
  <c r="N603" i="5" s="1"/>
  <c r="M629" i="2"/>
  <c r="M603" i="5" s="1"/>
  <c r="P603" i="5" s="1"/>
  <c r="J7839" i="2"/>
  <c r="J7813" i="5" s="1"/>
  <c r="N7813" i="5" s="1"/>
  <c r="M7839" i="2"/>
  <c r="M7813" i="5" s="1"/>
  <c r="P7813" i="5" s="1"/>
  <c r="K7839" i="2"/>
  <c r="K7813" i="5" s="1"/>
  <c r="L7839" i="2"/>
  <c r="L7813" i="5" s="1"/>
  <c r="M3944" i="2"/>
  <c r="M3918" i="5" s="1"/>
  <c r="P3918" i="5" s="1"/>
  <c r="K3944" i="2"/>
  <c r="K3918" i="5" s="1"/>
  <c r="L1913" i="2"/>
  <c r="L1887" i="5" s="1"/>
  <c r="K1913" i="2"/>
  <c r="K1887" i="5" s="1"/>
  <c r="J1913" i="2"/>
  <c r="J1887" i="5" s="1"/>
  <c r="M1913" i="2"/>
  <c r="M1887" i="5" s="1"/>
  <c r="P1887" i="5" s="1"/>
  <c r="I1913" i="2"/>
  <c r="I1887" i="5" s="1"/>
  <c r="M1919" i="2"/>
  <c r="M1893" i="5" s="1"/>
  <c r="P1893" i="5" s="1"/>
  <c r="L1919" i="2"/>
  <c r="L1893" i="5" s="1"/>
  <c r="J1919" i="2"/>
  <c r="J1893" i="5" s="1"/>
  <c r="N1893" i="5" s="1"/>
  <c r="K1919" i="2"/>
  <c r="K1893" i="5" s="1"/>
  <c r="I1919" i="2"/>
  <c r="I1893" i="5" s="1"/>
  <c r="L3165" i="2"/>
  <c r="L3139" i="5" s="1"/>
  <c r="J3165" i="2"/>
  <c r="J3139" i="5" s="1"/>
  <c r="N3139" i="5" s="1"/>
  <c r="I3165" i="2"/>
  <c r="I3139" i="5" s="1"/>
  <c r="J3239" i="2"/>
  <c r="J3213" i="5" s="1"/>
  <c r="N3213" i="5" s="1"/>
  <c r="L3239" i="2"/>
  <c r="L3213" i="5" s="1"/>
  <c r="M3239" i="2"/>
  <c r="M3213" i="5" s="1"/>
  <c r="P3213" i="5" s="1"/>
  <c r="I3239" i="2"/>
  <c r="I3213" i="5" s="1"/>
  <c r="M2812" i="2"/>
  <c r="M2786" i="5" s="1"/>
  <c r="P2786" i="5" s="1"/>
  <c r="L2812" i="2"/>
  <c r="L2786" i="5" s="1"/>
  <c r="J2812" i="2"/>
  <c r="J2786" i="5" s="1"/>
  <c r="N2786" i="5" s="1"/>
  <c r="I2812" i="2"/>
  <c r="I2786" i="5" s="1"/>
  <c r="M5101" i="2"/>
  <c r="M5075" i="5" s="1"/>
  <c r="P5075" i="5" s="1"/>
  <c r="I5101" i="2"/>
  <c r="I5075" i="5" s="1"/>
  <c r="J3154" i="2"/>
  <c r="J3128" i="5" s="1"/>
  <c r="N3128" i="5" s="1"/>
  <c r="L3154" i="2"/>
  <c r="L3128" i="5" s="1"/>
  <c r="M1616" i="2"/>
  <c r="M1590" i="5" s="1"/>
  <c r="P1590" i="5" s="1"/>
  <c r="I1616" i="2"/>
  <c r="I1590" i="5" s="1"/>
  <c r="I4281" i="2"/>
  <c r="I4255" i="5" s="1"/>
  <c r="K4281" i="2"/>
  <c r="K4255" i="5" s="1"/>
  <c r="O4255" i="5" s="1"/>
  <c r="J4281" i="2"/>
  <c r="J4255" i="5" s="1"/>
  <c r="N4255" i="5" s="1"/>
  <c r="M466" i="2"/>
  <c r="M440" i="5" s="1"/>
  <c r="P440" i="5" s="1"/>
  <c r="L466" i="2"/>
  <c r="L440" i="5" s="1"/>
  <c r="J466" i="2"/>
  <c r="J440" i="5" s="1"/>
  <c r="I1296" i="2"/>
  <c r="I1270" i="5" s="1"/>
  <c r="L1296" i="2"/>
  <c r="L1270" i="5" s="1"/>
  <c r="J3768" i="2"/>
  <c r="J3742" i="5" s="1"/>
  <c r="N3742" i="5" s="1"/>
  <c r="I3768" i="2"/>
  <c r="I3742" i="5" s="1"/>
  <c r="K3768" i="2"/>
  <c r="K3742" i="5" s="1"/>
  <c r="M3768" i="2"/>
  <c r="M3742" i="5" s="1"/>
  <c r="P3742" i="5" s="1"/>
  <c r="L1152" i="2"/>
  <c r="L1126" i="5" s="1"/>
  <c r="M1152" i="2"/>
  <c r="M1126" i="5" s="1"/>
  <c r="P1126" i="5" s="1"/>
  <c r="I1152" i="2"/>
  <c r="I1126" i="5" s="1"/>
  <c r="J1152" i="2"/>
  <c r="J1126" i="5" s="1"/>
  <c r="N1126" i="5" s="1"/>
  <c r="I7315" i="2"/>
  <c r="I7289" i="5" s="1"/>
  <c r="K7315" i="2"/>
  <c r="K7289" i="5" s="1"/>
  <c r="L7315" i="2"/>
  <c r="L7289" i="5" s="1"/>
  <c r="J7315" i="2"/>
  <c r="J7289" i="5" s="1"/>
  <c r="N7289" i="5" s="1"/>
  <c r="M7315" i="2"/>
  <c r="M7289" i="5" s="1"/>
  <c r="P7289" i="5" s="1"/>
  <c r="L4642" i="2"/>
  <c r="L4616" i="5" s="1"/>
  <c r="I4642" i="2"/>
  <c r="I4616" i="5" s="1"/>
  <c r="J4642" i="2"/>
  <c r="J4616" i="5" s="1"/>
  <c r="N4616" i="5" s="1"/>
  <c r="M4642" i="2"/>
  <c r="M4616" i="5" s="1"/>
  <c r="P4616" i="5" s="1"/>
  <c r="K4642" i="2"/>
  <c r="K4616" i="5" s="1"/>
  <c r="L5621" i="2"/>
  <c r="L5595" i="5" s="1"/>
  <c r="M5621" i="2"/>
  <c r="M5595" i="5" s="1"/>
  <c r="P5595" i="5" s="1"/>
  <c r="I5621" i="2"/>
  <c r="I5595" i="5" s="1"/>
  <c r="K5621" i="2"/>
  <c r="K5595" i="5" s="1"/>
  <c r="J5621" i="2"/>
  <c r="J5595" i="5" s="1"/>
  <c r="N5595" i="5" s="1"/>
  <c r="I455" i="2"/>
  <c r="I429" i="5" s="1"/>
  <c r="M455" i="2"/>
  <c r="M429" i="5" s="1"/>
  <c r="P429" i="5" s="1"/>
  <c r="J455" i="2"/>
  <c r="J429" i="5" s="1"/>
  <c r="N429" i="5" s="1"/>
  <c r="L455" i="2"/>
  <c r="L429" i="5" s="1"/>
  <c r="K455" i="2"/>
  <c r="K429" i="5" s="1"/>
  <c r="K8105" i="2"/>
  <c r="K8079" i="5" s="1"/>
  <c r="L8105" i="2"/>
  <c r="L8079" i="5" s="1"/>
  <c r="M8109" i="2"/>
  <c r="M8083" i="5" s="1"/>
  <c r="P8083" i="5" s="1"/>
  <c r="L8109" i="2"/>
  <c r="L8083" i="5" s="1"/>
  <c r="K8109" i="2"/>
  <c r="K8083" i="5" s="1"/>
  <c r="J4481" i="2"/>
  <c r="J4455" i="5" s="1"/>
  <c r="N4455" i="5" s="1"/>
  <c r="M4481" i="2"/>
  <c r="M4455" i="5" s="1"/>
  <c r="P4455" i="5" s="1"/>
  <c r="J7355" i="2"/>
  <c r="J7329" i="5" s="1"/>
  <c r="N7329" i="5" s="1"/>
  <c r="I7355" i="2"/>
  <c r="I7329" i="5" s="1"/>
  <c r="K7355" i="2"/>
  <c r="K7329" i="5" s="1"/>
  <c r="M7355" i="2"/>
  <c r="M7329" i="5" s="1"/>
  <c r="P7329" i="5" s="1"/>
  <c r="L7355" i="2"/>
  <c r="L7329" i="5" s="1"/>
  <c r="M2075" i="2"/>
  <c r="M2049" i="5" s="1"/>
  <c r="P2049" i="5" s="1"/>
  <c r="I2075" i="2"/>
  <c r="I2049" i="5" s="1"/>
  <c r="J2075" i="2"/>
  <c r="J2049" i="5" s="1"/>
  <c r="N2049" i="5" s="1"/>
  <c r="L2075" i="2"/>
  <c r="L2049" i="5" s="1"/>
  <c r="M2096" i="2"/>
  <c r="M2070" i="5" s="1"/>
  <c r="P2070" i="5" s="1"/>
  <c r="K2096" i="2"/>
  <c r="K2070" i="5" s="1"/>
  <c r="L2096" i="2"/>
  <c r="L2070" i="5" s="1"/>
  <c r="J2096" i="2"/>
  <c r="J2070" i="5" s="1"/>
  <c r="N2070" i="5" s="1"/>
  <c r="I2096" i="2"/>
  <c r="I2070" i="5" s="1"/>
  <c r="K4103" i="2"/>
  <c r="K4077" i="5" s="1"/>
  <c r="J4103" i="2"/>
  <c r="J4077" i="5" s="1"/>
  <c r="N4077" i="5" s="1"/>
  <c r="M4103" i="2"/>
  <c r="M4077" i="5" s="1"/>
  <c r="P4077" i="5" s="1"/>
  <c r="L4103" i="2"/>
  <c r="L4077" i="5" s="1"/>
  <c r="I4103" i="2"/>
  <c r="I4077" i="5" s="1"/>
  <c r="I3175" i="2"/>
  <c r="I3149" i="5" s="1"/>
  <c r="K3175" i="2"/>
  <c r="K3149" i="5" s="1"/>
  <c r="M3175" i="2"/>
  <c r="M3149" i="5" s="1"/>
  <c r="P3149" i="5" s="1"/>
  <c r="L3175" i="2"/>
  <c r="L3149" i="5" s="1"/>
  <c r="J8297" i="2"/>
  <c r="J8271" i="5" s="1"/>
  <c r="N8271" i="5" s="1"/>
  <c r="M8297" i="2"/>
  <c r="M8271" i="5" s="1"/>
  <c r="P8271" i="5" s="1"/>
  <c r="L8297" i="2"/>
  <c r="L8271" i="5" s="1"/>
  <c r="I8297" i="2"/>
  <c r="I8271" i="5" s="1"/>
  <c r="K8297" i="2"/>
  <c r="K8271" i="5" s="1"/>
  <c r="I4775" i="2"/>
  <c r="I4749" i="5" s="1"/>
  <c r="K4775" i="2"/>
  <c r="K4749" i="5" s="1"/>
  <c r="O4749" i="5" s="1"/>
  <c r="M4775" i="2"/>
  <c r="M4749" i="5" s="1"/>
  <c r="P4749" i="5" s="1"/>
  <c r="J4775" i="2"/>
  <c r="J4749" i="5" s="1"/>
  <c r="N4749" i="5" s="1"/>
  <c r="K3819" i="2"/>
  <c r="K3793" i="5" s="1"/>
  <c r="I3819" i="2"/>
  <c r="I3793" i="5" s="1"/>
  <c r="J3819" i="2"/>
  <c r="J3793" i="5" s="1"/>
  <c r="N3793" i="5" s="1"/>
  <c r="M3819" i="2"/>
  <c r="M3793" i="5" s="1"/>
  <c r="P3793" i="5" s="1"/>
  <c r="L3819" i="2"/>
  <c r="L3793" i="5" s="1"/>
  <c r="M2581" i="2"/>
  <c r="M2555" i="5" s="1"/>
  <c r="P2555" i="5" s="1"/>
  <c r="K2581" i="2"/>
  <c r="K2555" i="5" s="1"/>
  <c r="J2581" i="2"/>
  <c r="J2555" i="5" s="1"/>
  <c r="N2555" i="5" s="1"/>
  <c r="L2581" i="2"/>
  <c r="L2555" i="5" s="1"/>
  <c r="I2581" i="2"/>
  <c r="I2555" i="5" s="1"/>
  <c r="I3655" i="2"/>
  <c r="I3629" i="5" s="1"/>
  <c r="K3655" i="2"/>
  <c r="K3629" i="5" s="1"/>
  <c r="J3655" i="2"/>
  <c r="J3629" i="5" s="1"/>
  <c r="N3629" i="5" s="1"/>
  <c r="L3655" i="2"/>
  <c r="L3629" i="5" s="1"/>
  <c r="M3655" i="2"/>
  <c r="M3629" i="5" s="1"/>
  <c r="P3629" i="5" s="1"/>
  <c r="I1549" i="2"/>
  <c r="I1523" i="5" s="1"/>
  <c r="J1549" i="2"/>
  <c r="J1523" i="5" s="1"/>
  <c r="N1523" i="5" s="1"/>
  <c r="L1549" i="2"/>
  <c r="L1523" i="5" s="1"/>
  <c r="M1549" i="2"/>
  <c r="M1523" i="5" s="1"/>
  <c r="P1523" i="5" s="1"/>
  <c r="K1549" i="2"/>
  <c r="K1523" i="5" s="1"/>
  <c r="M8335" i="2"/>
  <c r="M8309" i="5" s="1"/>
  <c r="P8309" i="5" s="1"/>
  <c r="L8335" i="2"/>
  <c r="L8309" i="5" s="1"/>
  <c r="I8335" i="2"/>
  <c r="I8309" i="5" s="1"/>
  <c r="J8335" i="2"/>
  <c r="J8309" i="5" s="1"/>
  <c r="N8309" i="5" s="1"/>
  <c r="K8335" i="2"/>
  <c r="K8309" i="5" s="1"/>
  <c r="M8334" i="2"/>
  <c r="M8308" i="5" s="1"/>
  <c r="P8308" i="5" s="1"/>
  <c r="J8334" i="2"/>
  <c r="J8308" i="5" s="1"/>
  <c r="I8334" i="2"/>
  <c r="I8308" i="5" s="1"/>
  <c r="K8334" i="2"/>
  <c r="K8308" i="5" s="1"/>
  <c r="K7542" i="2"/>
  <c r="K7516" i="5" s="1"/>
  <c r="J7542" i="2"/>
  <c r="J7516" i="5" s="1"/>
  <c r="L7542" i="2"/>
  <c r="L7516" i="5" s="1"/>
  <c r="I7542" i="2"/>
  <c r="I7516" i="5" s="1"/>
  <c r="M7542" i="2"/>
  <c r="M7516" i="5" s="1"/>
  <c r="P7516" i="5" s="1"/>
  <c r="M4181" i="2"/>
  <c r="M4155" i="5" s="1"/>
  <c r="P4155" i="5" s="1"/>
  <c r="K4181" i="2"/>
  <c r="K4155" i="5" s="1"/>
  <c r="I4181" i="2"/>
  <c r="I4155" i="5" s="1"/>
  <c r="L4181" i="2"/>
  <c r="L4155" i="5" s="1"/>
  <c r="K8300" i="2"/>
  <c r="K8274" i="5" s="1"/>
  <c r="J8300" i="2"/>
  <c r="J8274" i="5" s="1"/>
  <c r="N8274" i="5" s="1"/>
  <c r="L8300" i="2"/>
  <c r="L8274" i="5" s="1"/>
  <c r="M8300" i="2"/>
  <c r="M8274" i="5" s="1"/>
  <c r="P8274" i="5" s="1"/>
  <c r="L3833" i="2"/>
  <c r="L3807" i="5" s="1"/>
  <c r="I3833" i="2"/>
  <c r="I3807" i="5" s="1"/>
  <c r="J3833" i="2"/>
  <c r="J3807" i="5" s="1"/>
  <c r="N3807" i="5" s="1"/>
  <c r="M3833" i="2"/>
  <c r="M3807" i="5" s="1"/>
  <c r="P3807" i="5" s="1"/>
  <c r="I1238" i="2"/>
  <c r="I1212" i="5" s="1"/>
  <c r="L1238" i="2"/>
  <c r="L1212" i="5" s="1"/>
  <c r="K1238" i="2"/>
  <c r="K1212" i="5" s="1"/>
  <c r="J1238" i="2"/>
  <c r="J1212" i="5" s="1"/>
  <c r="N1212" i="5" s="1"/>
  <c r="J469" i="2"/>
  <c r="J443" i="5" s="1"/>
  <c r="L469" i="2"/>
  <c r="L443" i="5" s="1"/>
  <c r="M469" i="2"/>
  <c r="M443" i="5" s="1"/>
  <c r="P443" i="5" s="1"/>
  <c r="M1486" i="2"/>
  <c r="M1460" i="5" s="1"/>
  <c r="P1460" i="5" s="1"/>
  <c r="K1486" i="2"/>
  <c r="K1460" i="5" s="1"/>
  <c r="J1486" i="2"/>
  <c r="J1460" i="5" s="1"/>
  <c r="N1460" i="5" s="1"/>
  <c r="I1486" i="2"/>
  <c r="I1460" i="5" s="1"/>
  <c r="J764" i="2"/>
  <c r="J738" i="5" s="1"/>
  <c r="N738" i="5" s="1"/>
  <c r="M764" i="2"/>
  <c r="M738" i="5" s="1"/>
  <c r="P738" i="5" s="1"/>
  <c r="L764" i="2"/>
  <c r="L738" i="5" s="1"/>
  <c r="J3843" i="2"/>
  <c r="J3817" i="5" s="1"/>
  <c r="N3817" i="5" s="1"/>
  <c r="I3843" i="2"/>
  <c r="I3817" i="5" s="1"/>
  <c r="L3843" i="2"/>
  <c r="L3817" i="5" s="1"/>
  <c r="M3843" i="2"/>
  <c r="M3817" i="5" s="1"/>
  <c r="P3817" i="5" s="1"/>
  <c r="K3843" i="2"/>
  <c r="K3817" i="5" s="1"/>
  <c r="K7477" i="2"/>
  <c r="K7451" i="5" s="1"/>
  <c r="L7477" i="2"/>
  <c r="L7451" i="5" s="1"/>
  <c r="M7477" i="2"/>
  <c r="M7451" i="5" s="1"/>
  <c r="P7451" i="5" s="1"/>
  <c r="J7477" i="2"/>
  <c r="J7451" i="5" s="1"/>
  <c r="N7451" i="5" s="1"/>
  <c r="I7477" i="2"/>
  <c r="I7451" i="5" s="1"/>
  <c r="I1993" i="2"/>
  <c r="I1967" i="5" s="1"/>
  <c r="M1993" i="2"/>
  <c r="M1967" i="5" s="1"/>
  <c r="P1967" i="5" s="1"/>
  <c r="L1993" i="2"/>
  <c r="L1967" i="5" s="1"/>
  <c r="K1993" i="2"/>
  <c r="K1967" i="5" s="1"/>
  <c r="J1993" i="2"/>
  <c r="J1967" i="5" s="1"/>
  <c r="N1967" i="5" s="1"/>
  <c r="L6804" i="2"/>
  <c r="L6778" i="5" s="1"/>
  <c r="K6804" i="2"/>
  <c r="K6778" i="5" s="1"/>
  <c r="J6804" i="2"/>
  <c r="J6778" i="5" s="1"/>
  <c r="N6778" i="5" s="1"/>
  <c r="I6804" i="2"/>
  <c r="I6778" i="5" s="1"/>
  <c r="L7038" i="2"/>
  <c r="L7012" i="5" s="1"/>
  <c r="K7038" i="2"/>
  <c r="K7012" i="5" s="1"/>
  <c r="L5339" i="2"/>
  <c r="L5313" i="5" s="1"/>
  <c r="M5339" i="2"/>
  <c r="M5313" i="5" s="1"/>
  <c r="P5313" i="5" s="1"/>
  <c r="K5339" i="2"/>
  <c r="K5313" i="5" s="1"/>
  <c r="I5339" i="2"/>
  <c r="I5313" i="5" s="1"/>
  <c r="J5339" i="2"/>
  <c r="J5313" i="5" s="1"/>
  <c r="N5313" i="5" s="1"/>
  <c r="L3965" i="2"/>
  <c r="L3939" i="5" s="1"/>
  <c r="I3965" i="2"/>
  <c r="I3939" i="5" s="1"/>
  <c r="M3965" i="2"/>
  <c r="M3939" i="5" s="1"/>
  <c r="P3939" i="5" s="1"/>
  <c r="K3965" i="2"/>
  <c r="K3939" i="5" s="1"/>
  <c r="K3981" i="2"/>
  <c r="K3955" i="5" s="1"/>
  <c r="J3981" i="2"/>
  <c r="J3955" i="5" s="1"/>
  <c r="N3955" i="5" s="1"/>
  <c r="L3981" i="2"/>
  <c r="L3955" i="5" s="1"/>
  <c r="M3981" i="2"/>
  <c r="M3955" i="5" s="1"/>
  <c r="P3955" i="5" s="1"/>
  <c r="I3981" i="2"/>
  <c r="I3955" i="5" s="1"/>
  <c r="L2000" i="2"/>
  <c r="L1974" i="5" s="1"/>
  <c r="M2000" i="2"/>
  <c r="M1974" i="5" s="1"/>
  <c r="P1974" i="5" s="1"/>
  <c r="I2000" i="2"/>
  <c r="I1974" i="5" s="1"/>
  <c r="K2000" i="2"/>
  <c r="K1974" i="5" s="1"/>
  <c r="J2000" i="2"/>
  <c r="J1974" i="5" s="1"/>
  <c r="N1974" i="5" s="1"/>
  <c r="K7377" i="2"/>
  <c r="K7351" i="5" s="1"/>
  <c r="J7377" i="2"/>
  <c r="J7351" i="5" s="1"/>
  <c r="N7351" i="5" s="1"/>
  <c r="L7377" i="2"/>
  <c r="L7351" i="5" s="1"/>
  <c r="M7377" i="2"/>
  <c r="M7351" i="5" s="1"/>
  <c r="P7351" i="5" s="1"/>
  <c r="I7377" i="2"/>
  <c r="I7351" i="5" s="1"/>
  <c r="I902" i="2"/>
  <c r="I876" i="5" s="1"/>
  <c r="J902" i="2"/>
  <c r="J876" i="5" s="1"/>
  <c r="N876" i="5" s="1"/>
  <c r="M902" i="2"/>
  <c r="M876" i="5" s="1"/>
  <c r="P876" i="5" s="1"/>
  <c r="L902" i="2"/>
  <c r="L876" i="5" s="1"/>
  <c r="K902" i="2"/>
  <c r="K876" i="5" s="1"/>
  <c r="K6601" i="2"/>
  <c r="K6575" i="5" s="1"/>
  <c r="J6601" i="2"/>
  <c r="J6575" i="5" s="1"/>
  <c r="N6575" i="5" s="1"/>
  <c r="M6601" i="2"/>
  <c r="M6575" i="5" s="1"/>
  <c r="P6575" i="5" s="1"/>
  <c r="L6601" i="2"/>
  <c r="L6575" i="5" s="1"/>
  <c r="I6601" i="2"/>
  <c r="I6575" i="5" s="1"/>
  <c r="M7170" i="2"/>
  <c r="M7144" i="5" s="1"/>
  <c r="P7144" i="5" s="1"/>
  <c r="M4622" i="2"/>
  <c r="M4596" i="5" s="1"/>
  <c r="P4596" i="5" s="1"/>
  <c r="J4622" i="2"/>
  <c r="J4596" i="5" s="1"/>
  <c r="N4596" i="5" s="1"/>
  <c r="L320" i="2"/>
  <c r="L294" i="5" s="1"/>
  <c r="J320" i="2"/>
  <c r="J294" i="5" s="1"/>
  <c r="N294" i="5" s="1"/>
  <c r="I320" i="2"/>
  <c r="I294" i="5" s="1"/>
  <c r="M320" i="2"/>
  <c r="M294" i="5" s="1"/>
  <c r="P294" i="5" s="1"/>
  <c r="K320" i="2"/>
  <c r="K294" i="5" s="1"/>
  <c r="M8483" i="2"/>
  <c r="M8457" i="5" s="1"/>
  <c r="P8457" i="5" s="1"/>
  <c r="I8483" i="2"/>
  <c r="I8457" i="5" s="1"/>
  <c r="L8483" i="2"/>
  <c r="L8457" i="5" s="1"/>
  <c r="J8483" i="2"/>
  <c r="J8457" i="5" s="1"/>
  <c r="K8483" i="2"/>
  <c r="K8457" i="5" s="1"/>
  <c r="I7631" i="2"/>
  <c r="I7605" i="5" s="1"/>
  <c r="K7631" i="2"/>
  <c r="K7605" i="5" s="1"/>
  <c r="J4600" i="2"/>
  <c r="J4574" i="5" s="1"/>
  <c r="K4600" i="2"/>
  <c r="K4574" i="5" s="1"/>
  <c r="L4600" i="2"/>
  <c r="L4574" i="5" s="1"/>
  <c r="I4600" i="2"/>
  <c r="I4574" i="5" s="1"/>
  <c r="I2631" i="2"/>
  <c r="I2605" i="5" s="1"/>
  <c r="J2631" i="2"/>
  <c r="J2605" i="5" s="1"/>
  <c r="N2605" i="5" s="1"/>
  <c r="L2631" i="2"/>
  <c r="L2605" i="5" s="1"/>
  <c r="M2631" i="2"/>
  <c r="M2605" i="5" s="1"/>
  <c r="P2605" i="5" s="1"/>
  <c r="K2631" i="2"/>
  <c r="K2605" i="5" s="1"/>
  <c r="J8177" i="2"/>
  <c r="J8151" i="5" s="1"/>
  <c r="N8151" i="5" s="1"/>
  <c r="M8177" i="2"/>
  <c r="M8151" i="5" s="1"/>
  <c r="P8151" i="5" s="1"/>
  <c r="L8177" i="2"/>
  <c r="L8151" i="5" s="1"/>
  <c r="K8177" i="2"/>
  <c r="K8151" i="5" s="1"/>
  <c r="L5685" i="2"/>
  <c r="L5659" i="5" s="1"/>
  <c r="M5685" i="2"/>
  <c r="M5659" i="5" s="1"/>
  <c r="P5659" i="5" s="1"/>
  <c r="I5685" i="2"/>
  <c r="I5659" i="5" s="1"/>
  <c r="K5685" i="2"/>
  <c r="K5659" i="5" s="1"/>
  <c r="K5173" i="2"/>
  <c r="K5147" i="5" s="1"/>
  <c r="L5173" i="2"/>
  <c r="L5147" i="5" s="1"/>
  <c r="J5173" i="2"/>
  <c r="J5147" i="5" s="1"/>
  <c r="N5147" i="5" s="1"/>
  <c r="M5173" i="2"/>
  <c r="M5147" i="5" s="1"/>
  <c r="P5147" i="5" s="1"/>
  <c r="I5173" i="2"/>
  <c r="I5147" i="5" s="1"/>
  <c r="I6086" i="2"/>
  <c r="I6060" i="5" s="1"/>
  <c r="L6086" i="2"/>
  <c r="L6060" i="5" s="1"/>
  <c r="L5140" i="2"/>
  <c r="L5114" i="5" s="1"/>
  <c r="M5140" i="2"/>
  <c r="M5114" i="5" s="1"/>
  <c r="P5114" i="5" s="1"/>
  <c r="I5140" i="2"/>
  <c r="I5114" i="5" s="1"/>
  <c r="J5140" i="2"/>
  <c r="J5114" i="5" s="1"/>
  <c r="N5114" i="5" s="1"/>
  <c r="K5140" i="2"/>
  <c r="K5114" i="5" s="1"/>
  <c r="K418" i="2"/>
  <c r="K392" i="5" s="1"/>
  <c r="L418" i="2"/>
  <c r="L392" i="5" s="1"/>
  <c r="M418" i="2"/>
  <c r="M392" i="5" s="1"/>
  <c r="P392" i="5" s="1"/>
  <c r="M5793" i="2"/>
  <c r="M5767" i="5" s="1"/>
  <c r="P5767" i="5" s="1"/>
  <c r="J5793" i="2"/>
  <c r="J5767" i="5" s="1"/>
  <c r="N5767" i="5" s="1"/>
  <c r="I5793" i="2"/>
  <c r="I5767" i="5" s="1"/>
  <c r="K5793" i="2"/>
  <c r="K5767" i="5" s="1"/>
  <c r="I4796" i="2"/>
  <c r="I4770" i="5" s="1"/>
  <c r="K4796" i="2"/>
  <c r="K4770" i="5" s="1"/>
  <c r="O4770" i="5" s="1"/>
  <c r="M7616" i="2"/>
  <c r="M7590" i="5" s="1"/>
  <c r="P7590" i="5" s="1"/>
  <c r="K7616" i="2"/>
  <c r="K7590" i="5" s="1"/>
  <c r="L107" i="2"/>
  <c r="L81" i="5" s="1"/>
  <c r="M107" i="2"/>
  <c r="M81" i="5" s="1"/>
  <c r="P81" i="5" s="1"/>
  <c r="I107" i="2"/>
  <c r="I81" i="5" s="1"/>
  <c r="J107" i="2"/>
  <c r="J81" i="5" s="1"/>
  <c r="N81" i="5" s="1"/>
  <c r="K107" i="2"/>
  <c r="K81" i="5" s="1"/>
  <c r="I5130" i="2"/>
  <c r="I5104" i="5" s="1"/>
  <c r="J5130" i="2"/>
  <c r="J5104" i="5" s="1"/>
  <c r="N5104" i="5" s="1"/>
  <c r="K5130" i="2"/>
  <c r="K5104" i="5" s="1"/>
  <c r="M5130" i="2"/>
  <c r="M5104" i="5" s="1"/>
  <c r="P5104" i="5" s="1"/>
  <c r="L5130" i="2"/>
  <c r="L5104" i="5" s="1"/>
  <c r="J7299" i="2"/>
  <c r="J7273" i="5" s="1"/>
  <c r="N7273" i="5" s="1"/>
  <c r="M7299" i="2"/>
  <c r="M7273" i="5" s="1"/>
  <c r="P7273" i="5" s="1"/>
  <c r="I7299" i="2"/>
  <c r="I7273" i="5" s="1"/>
  <c r="L7299" i="2"/>
  <c r="L7273" i="5" s="1"/>
  <c r="K7299" i="2"/>
  <c r="K7273" i="5" s="1"/>
  <c r="K3662" i="2"/>
  <c r="K3636" i="5" s="1"/>
  <c r="J3662" i="2"/>
  <c r="J3636" i="5" s="1"/>
  <c r="L3662" i="2"/>
  <c r="L3636" i="5" s="1"/>
  <c r="M3662" i="2"/>
  <c r="M3636" i="5" s="1"/>
  <c r="P3636" i="5" s="1"/>
  <c r="K3450" i="2"/>
  <c r="K3424" i="5" s="1"/>
  <c r="L5855" i="2"/>
  <c r="L5829" i="5" s="1"/>
  <c r="K5670" i="2"/>
  <c r="K5644" i="5" s="1"/>
  <c r="J5670" i="2"/>
  <c r="J5644" i="5" s="1"/>
  <c r="N5644" i="5" s="1"/>
  <c r="M1719" i="2"/>
  <c r="M1693" i="5" s="1"/>
  <c r="P1693" i="5" s="1"/>
  <c r="L1719" i="2"/>
  <c r="L1693" i="5" s="1"/>
  <c r="J1719" i="2"/>
  <c r="J1693" i="5" s="1"/>
  <c r="N1693" i="5" s="1"/>
  <c r="I1719" i="2"/>
  <c r="I1693" i="5" s="1"/>
  <c r="K1719" i="2"/>
  <c r="K1693" i="5" s="1"/>
  <c r="K3326" i="2"/>
  <c r="K3300" i="5" s="1"/>
  <c r="J3326" i="2"/>
  <c r="J3300" i="5" s="1"/>
  <c r="N3300" i="5" s="1"/>
  <c r="L3326" i="2"/>
  <c r="L3300" i="5" s="1"/>
  <c r="J1718" i="2"/>
  <c r="J1692" i="5" s="1"/>
  <c r="N1692" i="5" s="1"/>
  <c r="L1718" i="2"/>
  <c r="L1692" i="5" s="1"/>
  <c r="I1718" i="2"/>
  <c r="I1692" i="5" s="1"/>
  <c r="K1718" i="2"/>
  <c r="K1692" i="5" s="1"/>
  <c r="M1718" i="2"/>
  <c r="M1692" i="5" s="1"/>
  <c r="P1692" i="5" s="1"/>
  <c r="L415" i="2"/>
  <c r="L389" i="5" s="1"/>
  <c r="K415" i="2"/>
  <c r="K389" i="5" s="1"/>
  <c r="I415" i="2"/>
  <c r="I389" i="5" s="1"/>
  <c r="M5659" i="2"/>
  <c r="M5633" i="5" s="1"/>
  <c r="P5633" i="5" s="1"/>
  <c r="K5659" i="2"/>
  <c r="K5633" i="5" s="1"/>
  <c r="L5659" i="2"/>
  <c r="L5633" i="5" s="1"/>
  <c r="L7179" i="2"/>
  <c r="L7153" i="5" s="1"/>
  <c r="I7179" i="2"/>
  <c r="I7153" i="5" s="1"/>
  <c r="M7179" i="2"/>
  <c r="M7153" i="5" s="1"/>
  <c r="P7153" i="5" s="1"/>
  <c r="M6425" i="2"/>
  <c r="M6399" i="5" s="1"/>
  <c r="P6399" i="5" s="1"/>
  <c r="I6425" i="2"/>
  <c r="I6399" i="5" s="1"/>
  <c r="K6425" i="2"/>
  <c r="K6399" i="5" s="1"/>
  <c r="J6425" i="2"/>
  <c r="J6399" i="5" s="1"/>
  <c r="N6399" i="5" s="1"/>
  <c r="L6425" i="2"/>
  <c r="L6399" i="5" s="1"/>
  <c r="L5590" i="2"/>
  <c r="L5564" i="5" s="1"/>
  <c r="M5590" i="2"/>
  <c r="M5564" i="5" s="1"/>
  <c r="P5564" i="5" s="1"/>
  <c r="I5590" i="2"/>
  <c r="I5564" i="5" s="1"/>
  <c r="K5590" i="2"/>
  <c r="K5564" i="5" s="1"/>
  <c r="J5590" i="2"/>
  <c r="J5564" i="5" s="1"/>
  <c r="N5564" i="5" s="1"/>
  <c r="K6104" i="2"/>
  <c r="K6078" i="5" s="1"/>
  <c r="M6104" i="2"/>
  <c r="M6078" i="5" s="1"/>
  <c r="P6078" i="5" s="1"/>
  <c r="J6104" i="2"/>
  <c r="J6078" i="5" s="1"/>
  <c r="N6078" i="5" s="1"/>
  <c r="I6104" i="2"/>
  <c r="I6078" i="5" s="1"/>
  <c r="J5971" i="2"/>
  <c r="J5945" i="5" s="1"/>
  <c r="N5945" i="5" s="1"/>
  <c r="L5971" i="2"/>
  <c r="L5945" i="5" s="1"/>
  <c r="M5971" i="2"/>
  <c r="M5945" i="5" s="1"/>
  <c r="P5945" i="5" s="1"/>
  <c r="I5971" i="2"/>
  <c r="I5945" i="5" s="1"/>
  <c r="M1489" i="2"/>
  <c r="M1463" i="5" s="1"/>
  <c r="P1463" i="5" s="1"/>
  <c r="J1489" i="2"/>
  <c r="J1463" i="5" s="1"/>
  <c r="N1463" i="5" s="1"/>
  <c r="I1489" i="2"/>
  <c r="I1463" i="5" s="1"/>
  <c r="L420" i="2"/>
  <c r="L394" i="5" s="1"/>
  <c r="I420" i="2"/>
  <c r="I394" i="5" s="1"/>
  <c r="K420" i="2"/>
  <c r="K394" i="5" s="1"/>
  <c r="J420" i="2"/>
  <c r="J394" i="5" s="1"/>
  <c r="N394" i="5" s="1"/>
  <c r="M420" i="2"/>
  <c r="M394" i="5" s="1"/>
  <c r="P394" i="5" s="1"/>
  <c r="M7778" i="2"/>
  <c r="M7752" i="5" s="1"/>
  <c r="P7752" i="5" s="1"/>
  <c r="K7778" i="2"/>
  <c r="K7752" i="5" s="1"/>
  <c r="L7778" i="2"/>
  <c r="L7752" i="5" s="1"/>
  <c r="M7455" i="2"/>
  <c r="M7429" i="5" s="1"/>
  <c r="P7429" i="5" s="1"/>
  <c r="I7455" i="2"/>
  <c r="I7429" i="5" s="1"/>
  <c r="J7455" i="2"/>
  <c r="J7429" i="5" s="1"/>
  <c r="K7455" i="2"/>
  <c r="K7429" i="5" s="1"/>
  <c r="L7455" i="2"/>
  <c r="L7429" i="5" s="1"/>
  <c r="I6521" i="2"/>
  <c r="I6495" i="5" s="1"/>
  <c r="L6521" i="2"/>
  <c r="L6495" i="5" s="1"/>
  <c r="K763" i="2"/>
  <c r="K737" i="5" s="1"/>
  <c r="J763" i="2"/>
  <c r="J737" i="5" s="1"/>
  <c r="N737" i="5" s="1"/>
  <c r="I763" i="2"/>
  <c r="I737" i="5" s="1"/>
  <c r="I5460" i="2"/>
  <c r="I5434" i="5" s="1"/>
  <c r="L5460" i="2"/>
  <c r="L5434" i="5" s="1"/>
  <c r="J5460" i="2"/>
  <c r="J5434" i="5" s="1"/>
  <c r="N5434" i="5" s="1"/>
  <c r="K5460" i="2"/>
  <c r="K5434" i="5" s="1"/>
  <c r="M5460" i="2"/>
  <c r="M5434" i="5" s="1"/>
  <c r="P5434" i="5" s="1"/>
  <c r="I1281" i="2"/>
  <c r="I1255" i="5" s="1"/>
  <c r="L1281" i="2"/>
  <c r="L1255" i="5" s="1"/>
  <c r="I216" i="2"/>
  <c r="I190" i="5" s="1"/>
  <c r="M216" i="2"/>
  <c r="M190" i="5" s="1"/>
  <c r="P190" i="5" s="1"/>
  <c r="L216" i="2"/>
  <c r="L190" i="5" s="1"/>
  <c r="J216" i="2"/>
  <c r="J190" i="5" s="1"/>
  <c r="N190" i="5" s="1"/>
  <c r="K932" i="2"/>
  <c r="K906" i="5" s="1"/>
  <c r="L932" i="2"/>
  <c r="L906" i="5" s="1"/>
  <c r="J6485" i="2"/>
  <c r="J6459" i="5" s="1"/>
  <c r="N6459" i="5" s="1"/>
  <c r="M6485" i="2"/>
  <c r="M6459" i="5" s="1"/>
  <c r="P6459" i="5" s="1"/>
  <c r="I6485" i="2"/>
  <c r="I6459" i="5" s="1"/>
  <c r="K6485" i="2"/>
  <c r="K6459" i="5" s="1"/>
  <c r="L6485" i="2"/>
  <c r="L6459" i="5" s="1"/>
  <c r="J6458" i="2"/>
  <c r="J6432" i="5" s="1"/>
  <c r="N6432" i="5" s="1"/>
  <c r="M6458" i="2"/>
  <c r="M6432" i="5" s="1"/>
  <c r="P6432" i="5" s="1"/>
  <c r="L8475" i="2"/>
  <c r="L8449" i="5" s="1"/>
  <c r="I8475" i="2"/>
  <c r="I8449" i="5" s="1"/>
  <c r="I7505" i="2"/>
  <c r="I7479" i="5" s="1"/>
  <c r="J7505" i="2"/>
  <c r="J7479" i="5" s="1"/>
  <c r="N7479" i="5" s="1"/>
  <c r="M7505" i="2"/>
  <c r="M7479" i="5" s="1"/>
  <c r="P7479" i="5" s="1"/>
  <c r="K7505" i="2"/>
  <c r="K7479" i="5" s="1"/>
  <c r="L7505" i="2"/>
  <c r="L7479" i="5" s="1"/>
  <c r="M795" i="2"/>
  <c r="M769" i="5" s="1"/>
  <c r="P769" i="5" s="1"/>
  <c r="I795" i="2"/>
  <c r="I769" i="5" s="1"/>
  <c r="J8003" i="2"/>
  <c r="J7977" i="5" s="1"/>
  <c r="N7977" i="5" s="1"/>
  <c r="I8003" i="2"/>
  <c r="I7977" i="5" s="1"/>
  <c r="M626" i="2"/>
  <c r="M600" i="5" s="1"/>
  <c r="P600" i="5" s="1"/>
  <c r="J626" i="2"/>
  <c r="J600" i="5" s="1"/>
  <c r="N600" i="5" s="1"/>
  <c r="I626" i="2"/>
  <c r="I600" i="5" s="1"/>
  <c r="L626" i="2"/>
  <c r="L600" i="5" s="1"/>
  <c r="L4520" i="2"/>
  <c r="L4494" i="5" s="1"/>
  <c r="I4520" i="2"/>
  <c r="I4494" i="5" s="1"/>
  <c r="K4520" i="2"/>
  <c r="K4494" i="5" s="1"/>
  <c r="J4520" i="2"/>
  <c r="J4494" i="5" s="1"/>
  <c r="N4494" i="5" s="1"/>
  <c r="M4520" i="2"/>
  <c r="M4494" i="5" s="1"/>
  <c r="P4494" i="5" s="1"/>
  <c r="L4311" i="2"/>
  <c r="L4285" i="5" s="1"/>
  <c r="J4311" i="2"/>
  <c r="J4285" i="5" s="1"/>
  <c r="N4285" i="5" s="1"/>
  <c r="M4311" i="2"/>
  <c r="M4285" i="5" s="1"/>
  <c r="P4285" i="5" s="1"/>
  <c r="L3949" i="2"/>
  <c r="L3923" i="5" s="1"/>
  <c r="M3949" i="2"/>
  <c r="M3923" i="5" s="1"/>
  <c r="P3923" i="5" s="1"/>
  <c r="I3949" i="2"/>
  <c r="I3923" i="5" s="1"/>
  <c r="K3949" i="2"/>
  <c r="K3923" i="5" s="1"/>
  <c r="I2807" i="2"/>
  <c r="I2781" i="5" s="1"/>
  <c r="J6524" i="2"/>
  <c r="J6498" i="5" s="1"/>
  <c r="N6498" i="5" s="1"/>
  <c r="L6524" i="2"/>
  <c r="L6498" i="5" s="1"/>
  <c r="I6524" i="2"/>
  <c r="I6498" i="5" s="1"/>
  <c r="M6524" i="2"/>
  <c r="M6498" i="5" s="1"/>
  <c r="P6498" i="5" s="1"/>
  <c r="K6524" i="2"/>
  <c r="K6498" i="5" s="1"/>
  <c r="M8011" i="2"/>
  <c r="M7985" i="5" s="1"/>
  <c r="P7985" i="5" s="1"/>
  <c r="J8011" i="2"/>
  <c r="J7985" i="5" s="1"/>
  <c r="N7985" i="5" s="1"/>
  <c r="I8011" i="2"/>
  <c r="I7985" i="5" s="1"/>
  <c r="L8011" i="2"/>
  <c r="L7985" i="5" s="1"/>
  <c r="K8011" i="2"/>
  <c r="K7985" i="5" s="1"/>
  <c r="J3118" i="2"/>
  <c r="J3092" i="5" s="1"/>
  <c r="N3092" i="5" s="1"/>
  <c r="K3118" i="2"/>
  <c r="K3092" i="5" s="1"/>
  <c r="L1784" i="2"/>
  <c r="L1758" i="5" s="1"/>
  <c r="M1784" i="2"/>
  <c r="M1758" i="5" s="1"/>
  <c r="P1758" i="5" s="1"/>
  <c r="I1784" i="2"/>
  <c r="I1758" i="5" s="1"/>
  <c r="M1159" i="2"/>
  <c r="M1133" i="5" s="1"/>
  <c r="P1133" i="5" s="1"/>
  <c r="L1159" i="2"/>
  <c r="L1133" i="5" s="1"/>
  <c r="I1159" i="2"/>
  <c r="I1133" i="5" s="1"/>
  <c r="K1159" i="2"/>
  <c r="K1133" i="5" s="1"/>
  <c r="J1159" i="2"/>
  <c r="J1133" i="5" s="1"/>
  <c r="N1133" i="5" s="1"/>
  <c r="K782" i="2"/>
  <c r="K756" i="5" s="1"/>
  <c r="L782" i="2"/>
  <c r="L756" i="5" s="1"/>
  <c r="K5815" i="2"/>
  <c r="K5789" i="5" s="1"/>
  <c r="M5815" i="2"/>
  <c r="M5789" i="5" s="1"/>
  <c r="P5789" i="5" s="1"/>
  <c r="J1726" i="2"/>
  <c r="J1700" i="5" s="1"/>
  <c r="N1700" i="5" s="1"/>
  <c r="L1726" i="2"/>
  <c r="L1700" i="5" s="1"/>
  <c r="I1726" i="2"/>
  <c r="I1700" i="5" s="1"/>
  <c r="K1726" i="2"/>
  <c r="K1700" i="5" s="1"/>
  <c r="M1726" i="2"/>
  <c r="M1700" i="5" s="1"/>
  <c r="P1700" i="5" s="1"/>
  <c r="J2836" i="2"/>
  <c r="J2810" i="5" s="1"/>
  <c r="N2810" i="5" s="1"/>
  <c r="L2836" i="2"/>
  <c r="L2810" i="5" s="1"/>
  <c r="I2836" i="2"/>
  <c r="I2810" i="5" s="1"/>
  <c r="L1918" i="2"/>
  <c r="L1892" i="5" s="1"/>
  <c r="M1918" i="2"/>
  <c r="M1892" i="5" s="1"/>
  <c r="P1892" i="5" s="1"/>
  <c r="I1918" i="2"/>
  <c r="I1892" i="5" s="1"/>
  <c r="J1918" i="2"/>
  <c r="J1892" i="5" s="1"/>
  <c r="N1892" i="5" s="1"/>
  <c r="L3985" i="2"/>
  <c r="L3959" i="5" s="1"/>
  <c r="J3985" i="2"/>
  <c r="J3959" i="5" s="1"/>
  <c r="N3959" i="5" s="1"/>
  <c r="K3985" i="2"/>
  <c r="K3959" i="5" s="1"/>
  <c r="I3985" i="2"/>
  <c r="I3959" i="5" s="1"/>
  <c r="K4521" i="2"/>
  <c r="K4495" i="5" s="1"/>
  <c r="L4521" i="2"/>
  <c r="L4495" i="5" s="1"/>
  <c r="I4521" i="2"/>
  <c r="I4495" i="5" s="1"/>
  <c r="M4521" i="2"/>
  <c r="M4495" i="5" s="1"/>
  <c r="P4495" i="5" s="1"/>
  <c r="J1384" i="2"/>
  <c r="J1358" i="5" s="1"/>
  <c r="N1358" i="5" s="1"/>
  <c r="K1384" i="2"/>
  <c r="K1358" i="5" s="1"/>
  <c r="M1384" i="2"/>
  <c r="M1358" i="5" s="1"/>
  <c r="P1358" i="5" s="1"/>
  <c r="I1384" i="2"/>
  <c r="I1358" i="5" s="1"/>
  <c r="I310" i="2"/>
  <c r="I284" i="5" s="1"/>
  <c r="K310" i="2"/>
  <c r="K284" i="5" s="1"/>
  <c r="M5677" i="2"/>
  <c r="M5651" i="5" s="1"/>
  <c r="P5651" i="5" s="1"/>
  <c r="K5677" i="2"/>
  <c r="K5651" i="5" s="1"/>
  <c r="L5677" i="2"/>
  <c r="L5651" i="5" s="1"/>
  <c r="I5677" i="2"/>
  <c r="I5651" i="5" s="1"/>
  <c r="J5760" i="2"/>
  <c r="J5734" i="5" s="1"/>
  <c r="N5734" i="5" s="1"/>
  <c r="M5760" i="2"/>
  <c r="M5734" i="5" s="1"/>
  <c r="P5734" i="5" s="1"/>
  <c r="L5760" i="2"/>
  <c r="L5734" i="5" s="1"/>
  <c r="I5760" i="2"/>
  <c r="I5734" i="5" s="1"/>
  <c r="K5760" i="2"/>
  <c r="K5734" i="5" s="1"/>
  <c r="J3766" i="2"/>
  <c r="J3740" i="5" s="1"/>
  <c r="N3740" i="5" s="1"/>
  <c r="I3766" i="2"/>
  <c r="I3740" i="5" s="1"/>
  <c r="L3766" i="2"/>
  <c r="L3740" i="5" s="1"/>
  <c r="M3766" i="2"/>
  <c r="M3740" i="5" s="1"/>
  <c r="P3740" i="5" s="1"/>
  <c r="K3766" i="2"/>
  <c r="K3740" i="5" s="1"/>
  <c r="L1140" i="2"/>
  <c r="L1114" i="5" s="1"/>
  <c r="K2771" i="2"/>
  <c r="K2745" i="5" s="1"/>
  <c r="I2771" i="2"/>
  <c r="I2745" i="5" s="1"/>
  <c r="J2771" i="2"/>
  <c r="J2745" i="5" s="1"/>
  <c r="N2745" i="5" s="1"/>
  <c r="K3632" i="2"/>
  <c r="K3606" i="5" s="1"/>
  <c r="L3632" i="2"/>
  <c r="L3606" i="5" s="1"/>
  <c r="K7328" i="2"/>
  <c r="K7302" i="5" s="1"/>
  <c r="I7328" i="2"/>
  <c r="I7302" i="5" s="1"/>
  <c r="M4657" i="2"/>
  <c r="M4631" i="5" s="1"/>
  <c r="P4631" i="5" s="1"/>
  <c r="I4657" i="2"/>
  <c r="I4631" i="5" s="1"/>
  <c r="L4657" i="2"/>
  <c r="L4631" i="5" s="1"/>
  <c r="J4657" i="2"/>
  <c r="J4631" i="5" s="1"/>
  <c r="N4631" i="5" s="1"/>
  <c r="L1746" i="2"/>
  <c r="L1720" i="5" s="1"/>
  <c r="J1746" i="2"/>
  <c r="J1720" i="5" s="1"/>
  <c r="N1720" i="5" s="1"/>
  <c r="M1746" i="2"/>
  <c r="M1720" i="5" s="1"/>
  <c r="P1720" i="5" s="1"/>
  <c r="I1746" i="2"/>
  <c r="I1720" i="5" s="1"/>
  <c r="K1746" i="2"/>
  <c r="K1720" i="5" s="1"/>
  <c r="J1750" i="2"/>
  <c r="J1724" i="5" s="1"/>
  <c r="N1724" i="5" s="1"/>
  <c r="I1750" i="2"/>
  <c r="I1724" i="5" s="1"/>
  <c r="K1750" i="2"/>
  <c r="K1724" i="5" s="1"/>
  <c r="L1750" i="2"/>
  <c r="L1724" i="5" s="1"/>
  <c r="M1750" i="2"/>
  <c r="M1724" i="5" s="1"/>
  <c r="P1724" i="5" s="1"/>
  <c r="J2490" i="2"/>
  <c r="J2464" i="5" s="1"/>
  <c r="N2464" i="5" s="1"/>
  <c r="I2490" i="2"/>
  <c r="I2464" i="5" s="1"/>
  <c r="M1610" i="2"/>
  <c r="M1584" i="5" s="1"/>
  <c r="P1584" i="5" s="1"/>
  <c r="K1610" i="2"/>
  <c r="K1584" i="5" s="1"/>
  <c r="L1610" i="2"/>
  <c r="L1584" i="5" s="1"/>
  <c r="I1610" i="2"/>
  <c r="I1584" i="5" s="1"/>
  <c r="J1610" i="2"/>
  <c r="J1584" i="5" s="1"/>
  <c r="N1584" i="5" s="1"/>
  <c r="L7369" i="2"/>
  <c r="L7343" i="5" s="1"/>
  <c r="J7369" i="2"/>
  <c r="J7343" i="5" s="1"/>
  <c r="N7343" i="5" s="1"/>
  <c r="I2417" i="2"/>
  <c r="I2391" i="5" s="1"/>
  <c r="J2417" i="2"/>
  <c r="J2391" i="5" s="1"/>
  <c r="N2391" i="5" s="1"/>
  <c r="L2831" i="2"/>
  <c r="L2805" i="5" s="1"/>
  <c r="I2831" i="2"/>
  <c r="I2805" i="5" s="1"/>
  <c r="K2831" i="2"/>
  <c r="K2805" i="5" s="1"/>
  <c r="M2831" i="2"/>
  <c r="M2805" i="5" s="1"/>
  <c r="P2805" i="5" s="1"/>
  <c r="J2831" i="2"/>
  <c r="J2805" i="5" s="1"/>
  <c r="N2805" i="5" s="1"/>
  <c r="L7147" i="2"/>
  <c r="L7121" i="5" s="1"/>
  <c r="J7147" i="2"/>
  <c r="J7121" i="5" s="1"/>
  <c r="N7121" i="5" s="1"/>
  <c r="I7147" i="2"/>
  <c r="I7121" i="5" s="1"/>
  <c r="K7147" i="2"/>
  <c r="K7121" i="5" s="1"/>
  <c r="M7147" i="2"/>
  <c r="M7121" i="5" s="1"/>
  <c r="P7121" i="5" s="1"/>
  <c r="L2083" i="2"/>
  <c r="L2057" i="5" s="1"/>
  <c r="J2083" i="2"/>
  <c r="J2057" i="5" s="1"/>
  <c r="K2083" i="2"/>
  <c r="K2057" i="5" s="1"/>
  <c r="K1653" i="2"/>
  <c r="K1627" i="5" s="1"/>
  <c r="L1653" i="2"/>
  <c r="L1627" i="5" s="1"/>
  <c r="M1653" i="2"/>
  <c r="M1627" i="5" s="1"/>
  <c r="P1627" i="5" s="1"/>
  <c r="I1653" i="2"/>
  <c r="I1627" i="5" s="1"/>
  <c r="J1653" i="2"/>
  <c r="J1627" i="5" s="1"/>
  <c r="N1627" i="5" s="1"/>
  <c r="L4092" i="2"/>
  <c r="L4066" i="5" s="1"/>
  <c r="J4092" i="2"/>
  <c r="J4066" i="5" s="1"/>
  <c r="N4066" i="5" s="1"/>
  <c r="M4092" i="2"/>
  <c r="M4066" i="5" s="1"/>
  <c r="P4066" i="5" s="1"/>
  <c r="I4092" i="2"/>
  <c r="I4066" i="5" s="1"/>
  <c r="K4092" i="2"/>
  <c r="K4066" i="5" s="1"/>
  <c r="L8544" i="2"/>
  <c r="L8518" i="5" s="1"/>
  <c r="L8293" i="2"/>
  <c r="L8267" i="5" s="1"/>
  <c r="M8293" i="2"/>
  <c r="M8267" i="5" s="1"/>
  <c r="P8267" i="5" s="1"/>
  <c r="K8293" i="2"/>
  <c r="K8267" i="5" s="1"/>
  <c r="I8293" i="2"/>
  <c r="I8267" i="5" s="1"/>
  <c r="M3814" i="2"/>
  <c r="M3788" i="5" s="1"/>
  <c r="P3788" i="5" s="1"/>
  <c r="J3814" i="2"/>
  <c r="J3788" i="5" s="1"/>
  <c r="N3788" i="5" s="1"/>
  <c r="I3814" i="2"/>
  <c r="I3788" i="5" s="1"/>
  <c r="L3814" i="2"/>
  <c r="L3788" i="5" s="1"/>
  <c r="K3814" i="2"/>
  <c r="K3788" i="5" s="1"/>
  <c r="M2598" i="2"/>
  <c r="M2572" i="5" s="1"/>
  <c r="P2572" i="5" s="1"/>
  <c r="K2598" i="2"/>
  <c r="K2572" i="5" s="1"/>
  <c r="J2598" i="2"/>
  <c r="J2572" i="5" s="1"/>
  <c r="N2572" i="5" s="1"/>
  <c r="L2598" i="2"/>
  <c r="L2572" i="5" s="1"/>
  <c r="L4443" i="2"/>
  <c r="L4417" i="5" s="1"/>
  <c r="I4443" i="2"/>
  <c r="I4417" i="5" s="1"/>
  <c r="K4443" i="2"/>
  <c r="K4417" i="5" s="1"/>
  <c r="M4443" i="2"/>
  <c r="M4417" i="5" s="1"/>
  <c r="P4417" i="5" s="1"/>
  <c r="J5677" i="2"/>
  <c r="J5651" i="5" s="1"/>
  <c r="N5651" i="5" s="1"/>
  <c r="I5141" i="2"/>
  <c r="I5115" i="5" s="1"/>
  <c r="L2296" i="2"/>
  <c r="L2270" i="5" s="1"/>
  <c r="J2296" i="2"/>
  <c r="J2270" i="5" s="1"/>
  <c r="N2270" i="5" s="1"/>
  <c r="M1100" i="2"/>
  <c r="M1074" i="5" s="1"/>
  <c r="P1074" i="5" s="1"/>
  <c r="L1100" i="2"/>
  <c r="L1074" i="5" s="1"/>
  <c r="I1100" i="2"/>
  <c r="I1074" i="5" s="1"/>
  <c r="K1100" i="2"/>
  <c r="K1074" i="5" s="1"/>
  <c r="J1100" i="2"/>
  <c r="J1074" i="5" s="1"/>
  <c r="N1074" i="5" s="1"/>
  <c r="M974" i="2"/>
  <c r="M948" i="5" s="1"/>
  <c r="P948" i="5" s="1"/>
  <c r="K974" i="2"/>
  <c r="K948" i="5" s="1"/>
  <c r="L974" i="2"/>
  <c r="L948" i="5" s="1"/>
  <c r="I974" i="2"/>
  <c r="I948" i="5" s="1"/>
  <c r="J974" i="2"/>
  <c r="J948" i="5" s="1"/>
  <c r="N948" i="5" s="1"/>
  <c r="I4991" i="2"/>
  <c r="I4965" i="5" s="1"/>
  <c r="L4991" i="2"/>
  <c r="L4965" i="5" s="1"/>
  <c r="L923" i="2"/>
  <c r="L897" i="5" s="1"/>
  <c r="M2499" i="2"/>
  <c r="M2473" i="5" s="1"/>
  <c r="P2473" i="5" s="1"/>
  <c r="I2499" i="2"/>
  <c r="I2473" i="5" s="1"/>
  <c r="K2499" i="2"/>
  <c r="K2473" i="5" s="1"/>
  <c r="J2499" i="2"/>
  <c r="J2473" i="5" s="1"/>
  <c r="N2473" i="5" s="1"/>
  <c r="L2499" i="2"/>
  <c r="L2473" i="5" s="1"/>
  <c r="J6839" i="2"/>
  <c r="J6813" i="5" s="1"/>
  <c r="N6813" i="5" s="1"/>
  <c r="L6839" i="2"/>
  <c r="L6813" i="5" s="1"/>
  <c r="M6839" i="2"/>
  <c r="M6813" i="5" s="1"/>
  <c r="P6813" i="5" s="1"/>
  <c r="K6839" i="2"/>
  <c r="K6813" i="5" s="1"/>
  <c r="I6839" i="2"/>
  <c r="I6813" i="5" s="1"/>
  <c r="M7113" i="2"/>
  <c r="M7087" i="5" s="1"/>
  <c r="P7087" i="5" s="1"/>
  <c r="J7113" i="2"/>
  <c r="J7087" i="5" s="1"/>
  <c r="N7087" i="5" s="1"/>
  <c r="L7113" i="2"/>
  <c r="L7087" i="5" s="1"/>
  <c r="I7113" i="2"/>
  <c r="I7087" i="5" s="1"/>
  <c r="K7113" i="2"/>
  <c r="K7087" i="5" s="1"/>
  <c r="L1715" i="2"/>
  <c r="L1689" i="5" s="1"/>
  <c r="I1715" i="2"/>
  <c r="I1689" i="5" s="1"/>
  <c r="K1715" i="2"/>
  <c r="K1689" i="5" s="1"/>
  <c r="M265" i="2"/>
  <c r="M239" i="5" s="1"/>
  <c r="P239" i="5" s="1"/>
  <c r="J265" i="2"/>
  <c r="J239" i="5" s="1"/>
  <c r="N239" i="5" s="1"/>
  <c r="L265" i="2"/>
  <c r="L239" i="5" s="1"/>
  <c r="I265" i="2"/>
  <c r="I239" i="5" s="1"/>
  <c r="K265" i="2"/>
  <c r="K239" i="5" s="1"/>
  <c r="J4008" i="2"/>
  <c r="J3982" i="5" s="1"/>
  <c r="N3982" i="5" s="1"/>
  <c r="L4008" i="2"/>
  <c r="L3982" i="5" s="1"/>
  <c r="M4008" i="2"/>
  <c r="M3982" i="5" s="1"/>
  <c r="P3982" i="5" s="1"/>
  <c r="K4008" i="2"/>
  <c r="K3982" i="5" s="1"/>
  <c r="I4008" i="2"/>
  <c r="I3982" i="5" s="1"/>
  <c r="K2837" i="2"/>
  <c r="K2811" i="5" s="1"/>
  <c r="L2837" i="2"/>
  <c r="L2811" i="5" s="1"/>
  <c r="M2837" i="2"/>
  <c r="M2811" i="5" s="1"/>
  <c r="P2811" i="5" s="1"/>
  <c r="I2837" i="2"/>
  <c r="I2811" i="5" s="1"/>
  <c r="J2837" i="2"/>
  <c r="J2811" i="5" s="1"/>
  <c r="N2811" i="5" s="1"/>
  <c r="K8667" i="2"/>
  <c r="K8641" i="5" s="1"/>
  <c r="M8667" i="2"/>
  <c r="M8641" i="5" s="1"/>
  <c r="P8641" i="5" s="1"/>
  <c r="J8667" i="2"/>
  <c r="J8641" i="5" s="1"/>
  <c r="N8641" i="5" s="1"/>
  <c r="I8667" i="2"/>
  <c r="I8641" i="5" s="1"/>
  <c r="L2276" i="2"/>
  <c r="L2250" i="5" s="1"/>
  <c r="K2276" i="2"/>
  <c r="K2250" i="5" s="1"/>
  <c r="M2276" i="2"/>
  <c r="M2250" i="5" s="1"/>
  <c r="P2250" i="5" s="1"/>
  <c r="J2276" i="2"/>
  <c r="J2250" i="5" s="1"/>
  <c r="N2250" i="5" s="1"/>
  <c r="I2276" i="2"/>
  <c r="I2250" i="5" s="1"/>
  <c r="J4940" i="2"/>
  <c r="J4914" i="5" s="1"/>
  <c r="N4914" i="5" s="1"/>
  <c r="I4940" i="2"/>
  <c r="I4914" i="5" s="1"/>
  <c r="K4940" i="2"/>
  <c r="K4914" i="5" s="1"/>
  <c r="L4940" i="2"/>
  <c r="L4914" i="5" s="1"/>
  <c r="J7478" i="2"/>
  <c r="J7452" i="5" s="1"/>
  <c r="N7452" i="5" s="1"/>
  <c r="L7478" i="2"/>
  <c r="L7452" i="5" s="1"/>
  <c r="M7478" i="2"/>
  <c r="M7452" i="5" s="1"/>
  <c r="P7452" i="5" s="1"/>
  <c r="I7478" i="2"/>
  <c r="I7452" i="5" s="1"/>
  <c r="K7478" i="2"/>
  <c r="K7452" i="5" s="1"/>
  <c r="K239" i="2"/>
  <c r="K213" i="5" s="1"/>
  <c r="J239" i="2"/>
  <c r="J213" i="5" s="1"/>
  <c r="N213" i="5" s="1"/>
  <c r="M239" i="2"/>
  <c r="M213" i="5" s="1"/>
  <c r="P213" i="5" s="1"/>
  <c r="L239" i="2"/>
  <c r="L213" i="5" s="1"/>
  <c r="I239" i="2"/>
  <c r="I213" i="5" s="1"/>
  <c r="M76" i="2"/>
  <c r="M50" i="5" s="1"/>
  <c r="P50" i="5" s="1"/>
  <c r="I76" i="2"/>
  <c r="I50" i="5" s="1"/>
  <c r="K76" i="2"/>
  <c r="K50" i="5" s="1"/>
  <c r="O50" i="5" s="1"/>
  <c r="L3070" i="2"/>
  <c r="L3044" i="5" s="1"/>
  <c r="M3070" i="2"/>
  <c r="M3044" i="5" s="1"/>
  <c r="P3044" i="5" s="1"/>
  <c r="K1388" i="2"/>
  <c r="K1362" i="5" s="1"/>
  <c r="J1388" i="2"/>
  <c r="J1362" i="5" s="1"/>
  <c r="N1362" i="5" s="1"/>
  <c r="L1388" i="2"/>
  <c r="L1362" i="5" s="1"/>
  <c r="I1388" i="2"/>
  <c r="I1362" i="5" s="1"/>
  <c r="M2809" i="2"/>
  <c r="M2783" i="5" s="1"/>
  <c r="P2783" i="5" s="1"/>
  <c r="L2809" i="2"/>
  <c r="L2783" i="5" s="1"/>
  <c r="L7818" i="2"/>
  <c r="L7792" i="5" s="1"/>
  <c r="I7818" i="2"/>
  <c r="I7792" i="5" s="1"/>
  <c r="M7818" i="2"/>
  <c r="M7792" i="5" s="1"/>
  <c r="P7792" i="5" s="1"/>
  <c r="K4119" i="2"/>
  <c r="K4093" i="5" s="1"/>
  <c r="O4093" i="5" s="1"/>
  <c r="M4119" i="2"/>
  <c r="M4093" i="5" s="1"/>
  <c r="P4093" i="5" s="1"/>
  <c r="J4119" i="2"/>
  <c r="J4093" i="5" s="1"/>
  <c r="N4093" i="5" s="1"/>
  <c r="I4119" i="2"/>
  <c r="I4093" i="5" s="1"/>
  <c r="L7186" i="2"/>
  <c r="L7160" i="5" s="1"/>
  <c r="K7186" i="2"/>
  <c r="K7160" i="5" s="1"/>
  <c r="M7186" i="2"/>
  <c r="M7160" i="5" s="1"/>
  <c r="P7160" i="5" s="1"/>
  <c r="J7186" i="2"/>
  <c r="J7160" i="5" s="1"/>
  <c r="N7160" i="5" s="1"/>
  <c r="I7186" i="2"/>
  <c r="I7160" i="5" s="1"/>
  <c r="L6958" i="2"/>
  <c r="L6932" i="5" s="1"/>
  <c r="I6958" i="2"/>
  <c r="I6932" i="5" s="1"/>
  <c r="K6958" i="2"/>
  <c r="K6932" i="5" s="1"/>
  <c r="M6958" i="2"/>
  <c r="M6932" i="5" s="1"/>
  <c r="P6932" i="5" s="1"/>
  <c r="J6958" i="2"/>
  <c r="J6932" i="5" s="1"/>
  <c r="N6932" i="5" s="1"/>
  <c r="M5265" i="2"/>
  <c r="M5239" i="5" s="1"/>
  <c r="P5239" i="5" s="1"/>
  <c r="K5265" i="2"/>
  <c r="K5239" i="5" s="1"/>
  <c r="J5265" i="2"/>
  <c r="J5239" i="5" s="1"/>
  <c r="N5239" i="5" s="1"/>
  <c r="L5265" i="2"/>
  <c r="L5239" i="5" s="1"/>
  <c r="I5265" i="2"/>
  <c r="I5239" i="5" s="1"/>
  <c r="K6697" i="2"/>
  <c r="K6671" i="5" s="1"/>
  <c r="L6697" i="2"/>
  <c r="L6671" i="5" s="1"/>
  <c r="I6697" i="2"/>
  <c r="I6671" i="5" s="1"/>
  <c r="K6687" i="2"/>
  <c r="K6661" i="5" s="1"/>
  <c r="J6687" i="2"/>
  <c r="J6661" i="5" s="1"/>
  <c r="I6687" i="2"/>
  <c r="I6661" i="5" s="1"/>
  <c r="L6501" i="2"/>
  <c r="L6475" i="5" s="1"/>
  <c r="M6501" i="2"/>
  <c r="M6475" i="5" s="1"/>
  <c r="P6475" i="5" s="1"/>
  <c r="J6501" i="2"/>
  <c r="J6475" i="5" s="1"/>
  <c r="N6475" i="5" s="1"/>
  <c r="K6501" i="2"/>
  <c r="K6475" i="5" s="1"/>
  <c r="I5306" i="2"/>
  <c r="I5280" i="5" s="1"/>
  <c r="M56" i="2"/>
  <c r="M30" i="5" s="1"/>
  <c r="P30" i="5" s="1"/>
  <c r="J5803" i="2"/>
  <c r="J5777" i="5" s="1"/>
  <c r="N5777" i="5" s="1"/>
  <c r="K5803" i="2"/>
  <c r="K5777" i="5" s="1"/>
  <c r="L5803" i="2"/>
  <c r="L5777" i="5" s="1"/>
  <c r="M5803" i="2"/>
  <c r="M5777" i="5" s="1"/>
  <c r="P5777" i="5" s="1"/>
  <c r="I5803" i="2"/>
  <c r="I5777" i="5" s="1"/>
  <c r="K2248" i="2"/>
  <c r="K2222" i="5" s="1"/>
  <c r="J2248" i="2"/>
  <c r="J2222" i="5" s="1"/>
  <c r="N2222" i="5" s="1"/>
  <c r="L2248" i="2"/>
  <c r="L2222" i="5" s="1"/>
  <c r="I2248" i="2"/>
  <c r="I2222" i="5" s="1"/>
  <c r="M630" i="2"/>
  <c r="M604" i="5" s="1"/>
  <c r="P604" i="5" s="1"/>
  <c r="L630" i="2"/>
  <c r="L604" i="5" s="1"/>
  <c r="I630" i="2"/>
  <c r="I604" i="5" s="1"/>
  <c r="J630" i="2"/>
  <c r="J604" i="5" s="1"/>
  <c r="N604" i="5" s="1"/>
  <c r="K630" i="2"/>
  <c r="K604" i="5" s="1"/>
  <c r="L7844" i="2"/>
  <c r="L7818" i="5" s="1"/>
  <c r="I6767" i="2"/>
  <c r="I6741" i="5" s="1"/>
  <c r="I3743" i="2"/>
  <c r="I3717" i="5" s="1"/>
  <c r="I276" i="2"/>
  <c r="I250" i="5" s="1"/>
  <c r="L2902" i="2"/>
  <c r="L2876" i="5" s="1"/>
  <c r="I570" i="2"/>
  <c r="I544" i="5" s="1"/>
  <c r="K6931" i="2"/>
  <c r="K6905" i="5" s="1"/>
  <c r="O6905" i="5" s="1"/>
  <c r="L3933" i="2"/>
  <c r="L3907" i="5" s="1"/>
  <c r="J1395" i="2"/>
  <c r="J1369" i="5" s="1"/>
  <c r="N1369" i="5" s="1"/>
  <c r="L3651" i="2"/>
  <c r="L3625" i="5" s="1"/>
  <c r="J2299" i="2"/>
  <c r="J2273" i="5" s="1"/>
  <c r="N2273" i="5" s="1"/>
  <c r="L8467" i="2"/>
  <c r="L8441" i="5" s="1"/>
  <c r="L2239" i="2"/>
  <c r="L2213" i="5" s="1"/>
  <c r="K2832" i="2"/>
  <c r="K2806" i="5" s="1"/>
  <c r="M2602" i="2"/>
  <c r="M2576" i="5" s="1"/>
  <c r="P2576" i="5" s="1"/>
  <c r="I574" i="2"/>
  <c r="I548" i="5" s="1"/>
  <c r="J6274" i="2"/>
  <c r="J6248" i="5" s="1"/>
  <c r="N6248" i="5" s="1"/>
  <c r="L73" i="2"/>
  <c r="L47" i="5" s="1"/>
  <c r="L7157" i="2"/>
  <c r="L7131" i="5" s="1"/>
  <c r="I1996" i="2"/>
  <c r="I1970" i="5" s="1"/>
  <c r="L5329" i="2"/>
  <c r="L5303" i="5" s="1"/>
  <c r="J923" i="2"/>
  <c r="J897" i="5" s="1"/>
  <c r="N897" i="5" s="1"/>
  <c r="K3898" i="2"/>
  <c r="K3872" i="5" s="1"/>
  <c r="O3872" i="5" s="1"/>
  <c r="L553" i="2"/>
  <c r="L527" i="5" s="1"/>
  <c r="M8475" i="2"/>
  <c r="M8449" i="5" s="1"/>
  <c r="P8449" i="5" s="1"/>
  <c r="K1554" i="2"/>
  <c r="K1528" i="5" s="1"/>
  <c r="O1528" i="5" s="1"/>
  <c r="L7631" i="2"/>
  <c r="L7605" i="5" s="1"/>
  <c r="L3450" i="2"/>
  <c r="L3424" i="5" s="1"/>
  <c r="L8207" i="2"/>
  <c r="L8181" i="5" s="1"/>
  <c r="M8025" i="2"/>
  <c r="M7999" i="5" s="1"/>
  <c r="P7999" i="5" s="1"/>
  <c r="K4665" i="2"/>
  <c r="K4639" i="5" s="1"/>
  <c r="I7003" i="2"/>
  <c r="I6977" i="5" s="1"/>
  <c r="M3330" i="2"/>
  <c r="M3304" i="5" s="1"/>
  <c r="P3304" i="5" s="1"/>
  <c r="L3330" i="2"/>
  <c r="L3304" i="5" s="1"/>
  <c r="I3330" i="2"/>
  <c r="I3304" i="5" s="1"/>
  <c r="M2407" i="2"/>
  <c r="M2381" i="5" s="1"/>
  <c r="P2381" i="5" s="1"/>
  <c r="K2407" i="2"/>
  <c r="K2381" i="5" s="1"/>
  <c r="L2407" i="2"/>
  <c r="L2381" i="5" s="1"/>
  <c r="J2407" i="2"/>
  <c r="J2381" i="5" s="1"/>
  <c r="C184" i="5"/>
  <c r="AR178" i="1"/>
  <c r="J5989" i="2"/>
  <c r="J5963" i="5" s="1"/>
  <c r="N5963" i="5" s="1"/>
  <c r="M5989" i="2"/>
  <c r="M5963" i="5" s="1"/>
  <c r="P5963" i="5" s="1"/>
  <c r="L5989" i="2"/>
  <c r="L5963" i="5" s="1"/>
  <c r="J2614" i="2"/>
  <c r="J2588" i="5" s="1"/>
  <c r="N2588" i="5" s="1"/>
  <c r="L2614" i="2"/>
  <c r="L2588" i="5" s="1"/>
  <c r="K2614" i="2"/>
  <c r="K2588" i="5" s="1"/>
  <c r="I5473" i="2"/>
  <c r="I5447" i="5" s="1"/>
  <c r="M5473" i="2"/>
  <c r="M5447" i="5" s="1"/>
  <c r="P5447" i="5" s="1"/>
  <c r="J5473" i="2"/>
  <c r="J5447" i="5" s="1"/>
  <c r="N5447" i="5" s="1"/>
  <c r="L5473" i="2"/>
  <c r="L5447" i="5" s="1"/>
  <c r="I2909" i="2"/>
  <c r="I2883" i="5" s="1"/>
  <c r="J2909" i="2"/>
  <c r="J2883" i="5" s="1"/>
  <c r="N2883" i="5" s="1"/>
  <c r="M2909" i="2"/>
  <c r="M2883" i="5" s="1"/>
  <c r="P2883" i="5" s="1"/>
  <c r="K570" i="2"/>
  <c r="K544" i="5" s="1"/>
  <c r="J574" i="2"/>
  <c r="J548" i="5" s="1"/>
  <c r="N548" i="5" s="1"/>
  <c r="I6939" i="2"/>
  <c r="I6913" i="5" s="1"/>
  <c r="M6939" i="2"/>
  <c r="M6913" i="5" s="1"/>
  <c r="P6913" i="5" s="1"/>
  <c r="L6939" i="2"/>
  <c r="L6913" i="5" s="1"/>
  <c r="K6939" i="2"/>
  <c r="K6913" i="5" s="1"/>
  <c r="L2974" i="2"/>
  <c r="L2948" i="5" s="1"/>
  <c r="I2974" i="2"/>
  <c r="I2948" i="5" s="1"/>
  <c r="K2974" i="2"/>
  <c r="K2948" i="5" s="1"/>
  <c r="J2974" i="2"/>
  <c r="J2948" i="5" s="1"/>
  <c r="N2948" i="5" s="1"/>
  <c r="J2142" i="2"/>
  <c r="J2116" i="5" s="1"/>
  <c r="N2116" i="5" s="1"/>
  <c r="L2142" i="2"/>
  <c r="L2116" i="5" s="1"/>
  <c r="M2142" i="2"/>
  <c r="M2116" i="5" s="1"/>
  <c r="P2116" i="5" s="1"/>
  <c r="K2142" i="2"/>
  <c r="K2116" i="5" s="1"/>
  <c r="I2142" i="2"/>
  <c r="I2116" i="5" s="1"/>
  <c r="I2268" i="2"/>
  <c r="I2242" i="5" s="1"/>
  <c r="M2268" i="2"/>
  <c r="M2242" i="5" s="1"/>
  <c r="P2242" i="5" s="1"/>
  <c r="K2268" i="2"/>
  <c r="K2242" i="5" s="1"/>
  <c r="J2268" i="2"/>
  <c r="J2242" i="5" s="1"/>
  <c r="N2242" i="5" s="1"/>
  <c r="L2268" i="2"/>
  <c r="L2242" i="5" s="1"/>
  <c r="M5995" i="2"/>
  <c r="M5969" i="5" s="1"/>
  <c r="P5969" i="5" s="1"/>
  <c r="I5995" i="2"/>
  <c r="I5969" i="5" s="1"/>
  <c r="J5995" i="2"/>
  <c r="J5969" i="5" s="1"/>
  <c r="N5969" i="5" s="1"/>
  <c r="K5995" i="2"/>
  <c r="K5969" i="5" s="1"/>
  <c r="K6025" i="2"/>
  <c r="K5999" i="5" s="1"/>
  <c r="J6025" i="2"/>
  <c r="J5999" i="5" s="1"/>
  <c r="N5999" i="5" s="1"/>
  <c r="L6025" i="2"/>
  <c r="L5999" i="5" s="1"/>
  <c r="L3743" i="2"/>
  <c r="L3717" i="5" s="1"/>
  <c r="L5472" i="2"/>
  <c r="L5446" i="5" s="1"/>
  <c r="I2239" i="2"/>
  <c r="I2213" i="5" s="1"/>
  <c r="K2602" i="2"/>
  <c r="K2576" i="5" s="1"/>
  <c r="I2415" i="2"/>
  <c r="I2389" i="5" s="1"/>
  <c r="K6274" i="2"/>
  <c r="K6248" i="5" s="1"/>
  <c r="J7157" i="2"/>
  <c r="J7131" i="5" s="1"/>
  <c r="N7131" i="5" s="1"/>
  <c r="M1996" i="2"/>
  <c r="M1970" i="5" s="1"/>
  <c r="P1970" i="5" s="1"/>
  <c r="K5329" i="2"/>
  <c r="K5303" i="5" s="1"/>
  <c r="J2663" i="2"/>
  <c r="J2637" i="5" s="1"/>
  <c r="N2637" i="5" s="1"/>
  <c r="M923" i="2"/>
  <c r="M897" i="5" s="1"/>
  <c r="P897" i="5" s="1"/>
  <c r="L2390" i="2"/>
  <c r="L2364" i="5" s="1"/>
  <c r="J3450" i="2"/>
  <c r="J3424" i="5" s="1"/>
  <c r="J8207" i="2"/>
  <c r="J8181" i="5" s="1"/>
  <c r="N8181" i="5" s="1"/>
  <c r="K2812" i="2"/>
  <c r="K2786" i="5" s="1"/>
  <c r="L8667" i="2"/>
  <c r="L8641" i="5" s="1"/>
  <c r="I8025" i="2"/>
  <c r="I7999" i="5" s="1"/>
  <c r="L3739" i="2"/>
  <c r="L3713" i="5" s="1"/>
  <c r="I469" i="2"/>
  <c r="I443" i="5" s="1"/>
  <c r="L3944" i="2"/>
  <c r="L3918" i="5" s="1"/>
  <c r="J5491" i="2"/>
  <c r="J5465" i="5" s="1"/>
  <c r="N5465" i="5" s="1"/>
  <c r="I2800" i="2"/>
  <c r="I2774" i="5" s="1"/>
  <c r="I6648" i="2"/>
  <c r="I6622" i="5" s="1"/>
  <c r="K6648" i="2"/>
  <c r="K6622" i="5" s="1"/>
  <c r="J6648" i="2"/>
  <c r="J6622" i="5" s="1"/>
  <c r="N6622" i="5" s="1"/>
  <c r="I2933" i="2"/>
  <c r="I2907" i="5" s="1"/>
  <c r="M2933" i="2"/>
  <c r="M2907" i="5" s="1"/>
  <c r="P2907" i="5" s="1"/>
  <c r="L2933" i="2"/>
  <c r="L2907" i="5" s="1"/>
  <c r="L6765" i="2"/>
  <c r="L6739" i="5" s="1"/>
  <c r="J6765" i="2"/>
  <c r="J6739" i="5" s="1"/>
  <c r="N6739" i="5" s="1"/>
  <c r="L6842" i="2"/>
  <c r="L6816" i="5" s="1"/>
  <c r="M6842" i="2"/>
  <c r="M6816" i="5" s="1"/>
  <c r="P6816" i="5" s="1"/>
  <c r="M6644" i="2"/>
  <c r="M6618" i="5" s="1"/>
  <c r="P6618" i="5" s="1"/>
  <c r="L6644" i="2"/>
  <c r="L6618" i="5" s="1"/>
  <c r="K6644" i="2"/>
  <c r="K6618" i="5" s="1"/>
  <c r="J6644" i="2"/>
  <c r="J6618" i="5" s="1"/>
  <c r="N6618" i="5" s="1"/>
  <c r="I6644" i="2"/>
  <c r="I6618" i="5" s="1"/>
  <c r="K8048" i="2"/>
  <c r="K8022" i="5" s="1"/>
  <c r="J8048" i="2"/>
  <c r="J8022" i="5" s="1"/>
  <c r="N8022" i="5" s="1"/>
  <c r="L8048" i="2"/>
  <c r="L8022" i="5" s="1"/>
  <c r="M8048" i="2"/>
  <c r="M8022" i="5" s="1"/>
  <c r="P8022" i="5" s="1"/>
  <c r="I8048" i="2"/>
  <c r="I8022" i="5" s="1"/>
  <c r="L2483" i="2"/>
  <c r="L2457" i="5" s="1"/>
  <c r="M2483" i="2"/>
  <c r="M2457" i="5" s="1"/>
  <c r="P2457" i="5" s="1"/>
  <c r="I2483" i="2"/>
  <c r="I2457" i="5" s="1"/>
  <c r="K2483" i="2"/>
  <c r="K2457" i="5" s="1"/>
  <c r="J2483" i="2"/>
  <c r="J2457" i="5" s="1"/>
  <c r="N2457" i="5" s="1"/>
  <c r="K3785" i="2"/>
  <c r="K3759" i="5" s="1"/>
  <c r="J3785" i="2"/>
  <c r="J3759" i="5" s="1"/>
  <c r="N3759" i="5" s="1"/>
  <c r="M3785" i="2"/>
  <c r="M3759" i="5" s="1"/>
  <c r="P3759" i="5" s="1"/>
  <c r="I3785" i="2"/>
  <c r="I3759" i="5" s="1"/>
  <c r="M382" i="2"/>
  <c r="M356" i="5" s="1"/>
  <c r="P356" i="5" s="1"/>
  <c r="K382" i="2"/>
  <c r="K356" i="5" s="1"/>
  <c r="I382" i="2"/>
  <c r="I356" i="5" s="1"/>
  <c r="J382" i="2"/>
  <c r="J356" i="5" s="1"/>
  <c r="N356" i="5" s="1"/>
  <c r="L382" i="2"/>
  <c r="L356" i="5" s="1"/>
  <c r="C37" i="5"/>
  <c r="AR31" i="1"/>
  <c r="J1596" i="2"/>
  <c r="J1570" i="5" s="1"/>
  <c r="N1570" i="5" s="1"/>
  <c r="L1596" i="2"/>
  <c r="L1570" i="5" s="1"/>
  <c r="K8648" i="2"/>
  <c r="K8622" i="5" s="1"/>
  <c r="I8648" i="2"/>
  <c r="I8622" i="5" s="1"/>
  <c r="J8648" i="2"/>
  <c r="J8622" i="5" s="1"/>
  <c r="N8622" i="5" s="1"/>
  <c r="M8463" i="2"/>
  <c r="M8437" i="5" s="1"/>
  <c r="P8437" i="5" s="1"/>
  <c r="K8463" i="2"/>
  <c r="K8437" i="5" s="1"/>
  <c r="I8463" i="2"/>
  <c r="I8437" i="5" s="1"/>
  <c r="J8463" i="2"/>
  <c r="J8437" i="5" s="1"/>
  <c r="N8437" i="5" s="1"/>
  <c r="L8463" i="2"/>
  <c r="L8437" i="5" s="1"/>
  <c r="I8676" i="2"/>
  <c r="I8650" i="5" s="1"/>
  <c r="K8676" i="2"/>
  <c r="K8650" i="5" s="1"/>
  <c r="J8676" i="2"/>
  <c r="J8650" i="5" s="1"/>
  <c r="N8650" i="5" s="1"/>
  <c r="L8676" i="2"/>
  <c r="L8650" i="5" s="1"/>
  <c r="M8676" i="2"/>
  <c r="M8650" i="5" s="1"/>
  <c r="P8650" i="5" s="1"/>
  <c r="M146" i="2"/>
  <c r="M120" i="5" s="1"/>
  <c r="P120" i="5" s="1"/>
  <c r="J146" i="2"/>
  <c r="J120" i="5" s="1"/>
  <c r="N120" i="5" s="1"/>
  <c r="I146" i="2"/>
  <c r="I120" i="5" s="1"/>
  <c r="K146" i="2"/>
  <c r="K120" i="5" s="1"/>
  <c r="L146" i="2"/>
  <c r="L120" i="5" s="1"/>
  <c r="M1216" i="2"/>
  <c r="M1190" i="5" s="1"/>
  <c r="P1190" i="5" s="1"/>
  <c r="J1216" i="2"/>
  <c r="J1190" i="5" s="1"/>
  <c r="N1190" i="5" s="1"/>
  <c r="I1216" i="2"/>
  <c r="I1190" i="5" s="1"/>
  <c r="L1216" i="2"/>
  <c r="L1190" i="5" s="1"/>
  <c r="L2313" i="2"/>
  <c r="L2287" i="5" s="1"/>
  <c r="I2313" i="2"/>
  <c r="I2287" i="5" s="1"/>
  <c r="K2313" i="2"/>
  <c r="K2287" i="5" s="1"/>
  <c r="K375" i="2"/>
  <c r="K349" i="5" s="1"/>
  <c r="L375" i="2"/>
  <c r="L349" i="5" s="1"/>
  <c r="I375" i="2"/>
  <c r="I349" i="5" s="1"/>
  <c r="M375" i="2"/>
  <c r="M349" i="5" s="1"/>
  <c r="P349" i="5" s="1"/>
  <c r="J375" i="2"/>
  <c r="J349" i="5" s="1"/>
  <c r="N349" i="5" s="1"/>
  <c r="K2725" i="2"/>
  <c r="K2699" i="5" s="1"/>
  <c r="L2725" i="2"/>
  <c r="L2699" i="5" s="1"/>
  <c r="M58" i="2"/>
  <c r="M32" i="5" s="1"/>
  <c r="P32" i="5" s="1"/>
  <c r="L58" i="2"/>
  <c r="L32" i="5" s="1"/>
  <c r="J58" i="2"/>
  <c r="J32" i="5" s="1"/>
  <c r="N32" i="5" s="1"/>
  <c r="K58" i="2"/>
  <c r="K32" i="5" s="1"/>
  <c r="K4005" i="2"/>
  <c r="K3979" i="5" s="1"/>
  <c r="L4005" i="2"/>
  <c r="L3979" i="5" s="1"/>
  <c r="M4005" i="2"/>
  <c r="M3979" i="5" s="1"/>
  <c r="P3979" i="5" s="1"/>
  <c r="J4005" i="2"/>
  <c r="J3979" i="5" s="1"/>
  <c r="N3979" i="5" s="1"/>
  <c r="I4005" i="2"/>
  <c r="I3979" i="5" s="1"/>
  <c r="I820" i="2"/>
  <c r="I794" i="5" s="1"/>
  <c r="K820" i="2"/>
  <c r="K794" i="5" s="1"/>
  <c r="J820" i="2"/>
  <c r="J794" i="5" s="1"/>
  <c r="N794" i="5" s="1"/>
  <c r="L820" i="2"/>
  <c r="L794" i="5" s="1"/>
  <c r="J5984" i="2"/>
  <c r="J5958" i="5" s="1"/>
  <c r="N5958" i="5" s="1"/>
  <c r="M5984" i="2"/>
  <c r="M5958" i="5" s="1"/>
  <c r="P5958" i="5" s="1"/>
  <c r="M2409" i="2"/>
  <c r="M2383" i="5" s="1"/>
  <c r="P2383" i="5" s="1"/>
  <c r="J2409" i="2"/>
  <c r="J2383" i="5" s="1"/>
  <c r="N2383" i="5" s="1"/>
  <c r="K2409" i="2"/>
  <c r="K2383" i="5" s="1"/>
  <c r="O2383" i="5" s="1"/>
  <c r="K6017" i="2"/>
  <c r="K5991" i="5" s="1"/>
  <c r="L6017" i="2"/>
  <c r="L5991" i="5" s="1"/>
  <c r="I6017" i="2"/>
  <c r="I5991" i="5" s="1"/>
  <c r="M6017" i="2"/>
  <c r="M5991" i="5" s="1"/>
  <c r="P5991" i="5" s="1"/>
  <c r="AR265" i="1"/>
  <c r="C271" i="5"/>
  <c r="M3465" i="2"/>
  <c r="M3439" i="5" s="1"/>
  <c r="P3439" i="5" s="1"/>
  <c r="L3465" i="2"/>
  <c r="L3439" i="5" s="1"/>
  <c r="K3465" i="2"/>
  <c r="K3439" i="5" s="1"/>
  <c r="I3465" i="2"/>
  <c r="I3439" i="5" s="1"/>
  <c r="J3465" i="2"/>
  <c r="J3439" i="5" s="1"/>
  <c r="N3439" i="5" s="1"/>
  <c r="I7697" i="2"/>
  <c r="I7671" i="5" s="1"/>
  <c r="L7697" i="2"/>
  <c r="L7671" i="5" s="1"/>
  <c r="J7697" i="2"/>
  <c r="J7671" i="5" s="1"/>
  <c r="N7671" i="5" s="1"/>
  <c r="M7697" i="2"/>
  <c r="M7671" i="5" s="1"/>
  <c r="P7671" i="5" s="1"/>
  <c r="K5863" i="2"/>
  <c r="K5837" i="5" s="1"/>
  <c r="O5837" i="5" s="1"/>
  <c r="J5863" i="2"/>
  <c r="J5837" i="5" s="1"/>
  <c r="N5837" i="5" s="1"/>
  <c r="K1987" i="2"/>
  <c r="K1961" i="5" s="1"/>
  <c r="L1987" i="2"/>
  <c r="L1961" i="5" s="1"/>
  <c r="M1987" i="2"/>
  <c r="M1961" i="5" s="1"/>
  <c r="P1961" i="5" s="1"/>
  <c r="J1987" i="2"/>
  <c r="J1961" i="5" s="1"/>
  <c r="N1961" i="5" s="1"/>
  <c r="L1133" i="2"/>
  <c r="L1107" i="5" s="1"/>
  <c r="J1133" i="2"/>
  <c r="J1107" i="5" s="1"/>
  <c r="N1107" i="5" s="1"/>
  <c r="I1133" i="2"/>
  <c r="I1107" i="5" s="1"/>
  <c r="M5513" i="2"/>
  <c r="M5487" i="5" s="1"/>
  <c r="P5487" i="5" s="1"/>
  <c r="I5513" i="2"/>
  <c r="I5487" i="5" s="1"/>
  <c r="L5513" i="2"/>
  <c r="L5487" i="5" s="1"/>
  <c r="I2494" i="2"/>
  <c r="I2468" i="5" s="1"/>
  <c r="K2494" i="2"/>
  <c r="K2468" i="5" s="1"/>
  <c r="L2494" i="2"/>
  <c r="L2468" i="5" s="1"/>
  <c r="J260" i="2"/>
  <c r="J234" i="5" s="1"/>
  <c r="N234" i="5" s="1"/>
  <c r="I260" i="2"/>
  <c r="I234" i="5" s="1"/>
  <c r="I4298" i="2"/>
  <c r="I4272" i="5" s="1"/>
  <c r="K4298" i="2"/>
  <c r="K4272" i="5" s="1"/>
  <c r="L4298" i="2"/>
  <c r="L4272" i="5" s="1"/>
  <c r="J4298" i="2"/>
  <c r="J4272" i="5" s="1"/>
  <c r="N4272" i="5" s="1"/>
  <c r="M4298" i="2"/>
  <c r="M4272" i="5" s="1"/>
  <c r="P4272" i="5" s="1"/>
  <c r="L2503" i="2"/>
  <c r="L2477" i="5" s="1"/>
  <c r="M2503" i="2"/>
  <c r="M2477" i="5" s="1"/>
  <c r="P2477" i="5" s="1"/>
  <c r="J2503" i="2"/>
  <c r="J2477" i="5" s="1"/>
  <c r="N2477" i="5" s="1"/>
  <c r="I2503" i="2"/>
  <c r="I2477" i="5" s="1"/>
  <c r="K2503" i="2"/>
  <c r="K2477" i="5" s="1"/>
  <c r="M374" i="2"/>
  <c r="M348" i="5" s="1"/>
  <c r="P348" i="5" s="1"/>
  <c r="L374" i="2"/>
  <c r="L348" i="5" s="1"/>
  <c r="AR18" i="1"/>
  <c r="C24" i="5"/>
  <c r="M746" i="2"/>
  <c r="M720" i="5" s="1"/>
  <c r="P720" i="5" s="1"/>
  <c r="J746" i="2"/>
  <c r="J720" i="5" s="1"/>
  <c r="K746" i="2"/>
  <c r="K720" i="5" s="1"/>
  <c r="L746" i="2"/>
  <c r="L720" i="5" s="1"/>
  <c r="I746" i="2"/>
  <c r="I720" i="5" s="1"/>
  <c r="J2759" i="2"/>
  <c r="J2733" i="5" s="1"/>
  <c r="N2733" i="5" s="1"/>
  <c r="L2759" i="2"/>
  <c r="L2733" i="5" s="1"/>
  <c r="I2759" i="2"/>
  <c r="I2733" i="5" s="1"/>
  <c r="K2759" i="2"/>
  <c r="K2733" i="5" s="1"/>
  <c r="M2759" i="2"/>
  <c r="M2733" i="5" s="1"/>
  <c r="P2733" i="5" s="1"/>
  <c r="J7644" i="2"/>
  <c r="J7618" i="5" s="1"/>
  <c r="N7618" i="5" s="1"/>
  <c r="L7644" i="2"/>
  <c r="L7618" i="5" s="1"/>
  <c r="M7644" i="2"/>
  <c r="M7618" i="5" s="1"/>
  <c r="P7618" i="5" s="1"/>
  <c r="K7644" i="2"/>
  <c r="K7618" i="5" s="1"/>
  <c r="J1991" i="2"/>
  <c r="J1965" i="5" s="1"/>
  <c r="N1965" i="5" s="1"/>
  <c r="I1991" i="2"/>
  <c r="I1965" i="5" s="1"/>
  <c r="M1991" i="2"/>
  <c r="M1965" i="5" s="1"/>
  <c r="P1965" i="5" s="1"/>
  <c r="K1991" i="2"/>
  <c r="K1965" i="5" s="1"/>
  <c r="O1965" i="5" s="1"/>
  <c r="M6147" i="2"/>
  <c r="M6121" i="5" s="1"/>
  <c r="P6121" i="5" s="1"/>
  <c r="I6147" i="2"/>
  <c r="I6121" i="5" s="1"/>
  <c r="L6147" i="2"/>
  <c r="L6121" i="5" s="1"/>
  <c r="K6147" i="2"/>
  <c r="K6121" i="5" s="1"/>
  <c r="J6147" i="2"/>
  <c r="J6121" i="5" s="1"/>
  <c r="N6121" i="5" s="1"/>
  <c r="M8362" i="2"/>
  <c r="M8336" i="5" s="1"/>
  <c r="P8336" i="5" s="1"/>
  <c r="L8362" i="2"/>
  <c r="L8336" i="5" s="1"/>
  <c r="L8132" i="2"/>
  <c r="L8106" i="5" s="1"/>
  <c r="J6515" i="2"/>
  <c r="J6489" i="5" s="1"/>
  <c r="N6489" i="5" s="1"/>
  <c r="I6515" i="2"/>
  <c r="I6489" i="5" s="1"/>
  <c r="L6515" i="2"/>
  <c r="L6489" i="5" s="1"/>
  <c r="K6515" i="2"/>
  <c r="K6489" i="5" s="1"/>
  <c r="J1259" i="2"/>
  <c r="J1233" i="5" s="1"/>
  <c r="N1233" i="5" s="1"/>
  <c r="I1259" i="2"/>
  <c r="I1233" i="5" s="1"/>
  <c r="L4970" i="2"/>
  <c r="L4944" i="5" s="1"/>
  <c r="K4970" i="2"/>
  <c r="K4944" i="5" s="1"/>
  <c r="M4970" i="2"/>
  <c r="M4944" i="5" s="1"/>
  <c r="P4944" i="5" s="1"/>
  <c r="I4970" i="2"/>
  <c r="I4944" i="5" s="1"/>
  <c r="M5459" i="2"/>
  <c r="M5433" i="5" s="1"/>
  <c r="P5433" i="5" s="1"/>
  <c r="J5459" i="2"/>
  <c r="J5433" i="5" s="1"/>
  <c r="N5433" i="5" s="1"/>
  <c r="I5459" i="2"/>
  <c r="I5433" i="5" s="1"/>
  <c r="J642" i="2"/>
  <c r="J616" i="5" s="1"/>
  <c r="N616" i="5" s="1"/>
  <c r="L642" i="2"/>
  <c r="L616" i="5" s="1"/>
  <c r="K642" i="2"/>
  <c r="K616" i="5" s="1"/>
  <c r="K6480" i="2"/>
  <c r="K6454" i="5" s="1"/>
  <c r="L6480" i="2"/>
  <c r="L6454" i="5" s="1"/>
  <c r="M6480" i="2"/>
  <c r="M6454" i="5" s="1"/>
  <c r="P6454" i="5" s="1"/>
  <c r="I6480" i="2"/>
  <c r="I6454" i="5" s="1"/>
  <c r="M5491" i="2"/>
  <c r="M5465" i="5" s="1"/>
  <c r="P5465" i="5" s="1"/>
  <c r="I7108" i="2"/>
  <c r="I7082" i="5" s="1"/>
  <c r="L7108" i="2"/>
  <c r="L7082" i="5" s="1"/>
  <c r="K7108" i="2"/>
  <c r="K7082" i="5" s="1"/>
  <c r="J7108" i="2"/>
  <c r="J7082" i="5" s="1"/>
  <c r="N7082" i="5" s="1"/>
  <c r="L5859" i="2"/>
  <c r="L5833" i="5" s="1"/>
  <c r="I5859" i="2"/>
  <c r="I5833" i="5" s="1"/>
  <c r="K5859" i="2"/>
  <c r="K5833" i="5" s="1"/>
  <c r="M1807" i="2"/>
  <c r="M1781" i="5" s="1"/>
  <c r="P1781" i="5" s="1"/>
  <c r="K1807" i="2"/>
  <c r="K1781" i="5" s="1"/>
  <c r="O1781" i="5" s="1"/>
  <c r="J1807" i="2"/>
  <c r="J1781" i="5" s="1"/>
  <c r="N1781" i="5" s="1"/>
  <c r="I1807" i="2"/>
  <c r="I1781" i="5" s="1"/>
  <c r="L1273" i="2"/>
  <c r="L1247" i="5" s="1"/>
  <c r="K1273" i="2"/>
  <c r="K1247" i="5" s="1"/>
  <c r="I1273" i="2"/>
  <c r="I1247" i="5" s="1"/>
  <c r="M1273" i="2"/>
  <c r="M1247" i="5" s="1"/>
  <c r="P1247" i="5" s="1"/>
  <c r="I6754" i="2"/>
  <c r="I6728" i="5" s="1"/>
  <c r="L6754" i="2"/>
  <c r="L6728" i="5" s="1"/>
  <c r="K6754" i="2"/>
  <c r="K6728" i="5" s="1"/>
  <c r="J6754" i="2"/>
  <c r="J6728" i="5" s="1"/>
  <c r="N6728" i="5" s="1"/>
  <c r="M6754" i="2"/>
  <c r="M6728" i="5" s="1"/>
  <c r="P6728" i="5" s="1"/>
  <c r="M5920" i="2"/>
  <c r="M5894" i="5" s="1"/>
  <c r="P5894" i="5" s="1"/>
  <c r="I5920" i="2"/>
  <c r="I5894" i="5" s="1"/>
  <c r="M811" i="2"/>
  <c r="M785" i="5" s="1"/>
  <c r="P785" i="5" s="1"/>
  <c r="K811" i="2"/>
  <c r="K785" i="5" s="1"/>
  <c r="I811" i="2"/>
  <c r="I785" i="5" s="1"/>
  <c r="L6085" i="2"/>
  <c r="L6059" i="5" s="1"/>
  <c r="J2280" i="2"/>
  <c r="J2254" i="5" s="1"/>
  <c r="N2254" i="5" s="1"/>
  <c r="I2280" i="2"/>
  <c r="I2254" i="5" s="1"/>
  <c r="K8100" i="2"/>
  <c r="K8074" i="5" s="1"/>
  <c r="I8100" i="2"/>
  <c r="I8074" i="5" s="1"/>
  <c r="M8100" i="2"/>
  <c r="M8074" i="5" s="1"/>
  <c r="P8074" i="5" s="1"/>
  <c r="K4838" i="2"/>
  <c r="K4812" i="5" s="1"/>
  <c r="L4838" i="2"/>
  <c r="L4812" i="5" s="1"/>
  <c r="I4838" i="2"/>
  <c r="I4812" i="5" s="1"/>
  <c r="M3933" i="2"/>
  <c r="M3907" i="5" s="1"/>
  <c r="P3907" i="5" s="1"/>
  <c r="K3417" i="2"/>
  <c r="K3391" i="5" s="1"/>
  <c r="O3391" i="5" s="1"/>
  <c r="J5472" i="2"/>
  <c r="J5446" i="5" s="1"/>
  <c r="N5446" i="5" s="1"/>
  <c r="J2832" i="2"/>
  <c r="J2806" i="5" s="1"/>
  <c r="N2806" i="5" s="1"/>
  <c r="L2602" i="2"/>
  <c r="L2576" i="5" s="1"/>
  <c r="L6420" i="2"/>
  <c r="L6394" i="5" s="1"/>
  <c r="L2415" i="2"/>
  <c r="L2389" i="5" s="1"/>
  <c r="I1224" i="2"/>
  <c r="I1198" i="5" s="1"/>
  <c r="L5812" i="2"/>
  <c r="L5786" i="5" s="1"/>
  <c r="L1996" i="2"/>
  <c r="L1970" i="5" s="1"/>
  <c r="M5329" i="2"/>
  <c r="M5303" i="5" s="1"/>
  <c r="P5303" i="5" s="1"/>
  <c r="M5804" i="2"/>
  <c r="M5778" i="5" s="1"/>
  <c r="P5778" i="5" s="1"/>
  <c r="L2663" i="2"/>
  <c r="L2637" i="5" s="1"/>
  <c r="J3330" i="2"/>
  <c r="J3304" i="5" s="1"/>
  <c r="N3304" i="5" s="1"/>
  <c r="K5097" i="2"/>
  <c r="K5071" i="5" s="1"/>
  <c r="J3303" i="2"/>
  <c r="J3277" i="5" s="1"/>
  <c r="N3277" i="5" s="1"/>
  <c r="L8025" i="2"/>
  <c r="L7999" i="5" s="1"/>
  <c r="I3116" i="2"/>
  <c r="I3090" i="5" s="1"/>
  <c r="I6501" i="2"/>
  <c r="I6475" i="5" s="1"/>
  <c r="I2598" i="2"/>
  <c r="I2572" i="5" s="1"/>
  <c r="J3944" i="2"/>
  <c r="J3918" i="5" s="1"/>
  <c r="I5491" i="2"/>
  <c r="I5465" i="5" s="1"/>
  <c r="M728" i="2"/>
  <c r="M702" i="5" s="1"/>
  <c r="P702" i="5" s="1"/>
  <c r="K728" i="2"/>
  <c r="K702" i="5" s="1"/>
  <c r="J728" i="2"/>
  <c r="J702" i="5" s="1"/>
  <c r="N702" i="5" s="1"/>
  <c r="J3442" i="2"/>
  <c r="J3416" i="5" s="1"/>
  <c r="N3416" i="5" s="1"/>
  <c r="J6654" i="2"/>
  <c r="J6628" i="5" s="1"/>
  <c r="N6628" i="5" s="1"/>
  <c r="L6654" i="2"/>
  <c r="L6628" i="5" s="1"/>
  <c r="J4352" i="2"/>
  <c r="J4326" i="5" s="1"/>
  <c r="N4326" i="5" s="1"/>
  <c r="M4352" i="2"/>
  <c r="M4326" i="5" s="1"/>
  <c r="P4326" i="5" s="1"/>
  <c r="L6439" i="2"/>
  <c r="L6413" i="5" s="1"/>
  <c r="J6439" i="2"/>
  <c r="J6413" i="5" s="1"/>
  <c r="N6413" i="5" s="1"/>
  <c r="M6439" i="2"/>
  <c r="M6413" i="5" s="1"/>
  <c r="P6413" i="5" s="1"/>
  <c r="K6439" i="2"/>
  <c r="K6413" i="5" s="1"/>
  <c r="I6102" i="2"/>
  <c r="I6076" i="5" s="1"/>
  <c r="K6102" i="2"/>
  <c r="K6076" i="5" s="1"/>
  <c r="J6102" i="2"/>
  <c r="J6076" i="5" s="1"/>
  <c r="N6076" i="5" s="1"/>
  <c r="L6102" i="2"/>
  <c r="L6076" i="5" s="1"/>
  <c r="M6102" i="2"/>
  <c r="M6076" i="5" s="1"/>
  <c r="P6076" i="5" s="1"/>
  <c r="AR72" i="1"/>
  <c r="I1395" i="2"/>
  <c r="I1369" i="5" s="1"/>
  <c r="M2832" i="2"/>
  <c r="M2806" i="5" s="1"/>
  <c r="P2806" i="5" s="1"/>
  <c r="J1716" i="2"/>
  <c r="J1690" i="5" s="1"/>
  <c r="N1690" i="5" s="1"/>
  <c r="J6767" i="2"/>
  <c r="J6741" i="5" s="1"/>
  <c r="N6741" i="5" s="1"/>
  <c r="M3743" i="2"/>
  <c r="M3717" i="5" s="1"/>
  <c r="P3717" i="5" s="1"/>
  <c r="L949" i="2"/>
  <c r="L923" i="5" s="1"/>
  <c r="K2902" i="2"/>
  <c r="K2876" i="5" s="1"/>
  <c r="O2876" i="5" s="1"/>
  <c r="L1395" i="2"/>
  <c r="L1369" i="5" s="1"/>
  <c r="J8467" i="2"/>
  <c r="J8441" i="5" s="1"/>
  <c r="N8441" i="5" s="1"/>
  <c r="K4683" i="2"/>
  <c r="K4657" i="5" s="1"/>
  <c r="L4517" i="2"/>
  <c r="L4491" i="5" s="1"/>
  <c r="L6274" i="2"/>
  <c r="L6248" i="5" s="1"/>
  <c r="I1716" i="2"/>
  <c r="I1690" i="5" s="1"/>
  <c r="K276" i="2"/>
  <c r="K250" i="5" s="1"/>
  <c r="O250" i="5" s="1"/>
  <c r="I738" i="2"/>
  <c r="I712" i="5" s="1"/>
  <c r="M949" i="2"/>
  <c r="M923" i="5" s="1"/>
  <c r="P923" i="5" s="1"/>
  <c r="AR102" i="1"/>
  <c r="I2902" i="2"/>
  <c r="I2876" i="5" s="1"/>
  <c r="K8651" i="2"/>
  <c r="K8625" i="5" s="1"/>
  <c r="O8625" i="5" s="1"/>
  <c r="K6622" i="2"/>
  <c r="K6596" i="5" s="1"/>
  <c r="M1395" i="2"/>
  <c r="M1369" i="5" s="1"/>
  <c r="P1369" i="5" s="1"/>
  <c r="I3417" i="2"/>
  <c r="I3391" i="5" s="1"/>
  <c r="K5472" i="2"/>
  <c r="K5446" i="5" s="1"/>
  <c r="K8467" i="2"/>
  <c r="K8441" i="5" s="1"/>
  <c r="I6762" i="2"/>
  <c r="I6736" i="5" s="1"/>
  <c r="L2832" i="2"/>
  <c r="L2806" i="5" s="1"/>
  <c r="K4071" i="2"/>
  <c r="K4045" i="5" s="1"/>
  <c r="O4045" i="5" s="1"/>
  <c r="I957" i="2"/>
  <c r="I931" i="5" s="1"/>
  <c r="I2602" i="2"/>
  <c r="I2576" i="5" s="1"/>
  <c r="L4683" i="2"/>
  <c r="L4657" i="5" s="1"/>
  <c r="K7844" i="2"/>
  <c r="K7818" i="5" s="1"/>
  <c r="M6420" i="2"/>
  <c r="M6394" i="5" s="1"/>
  <c r="P6394" i="5" s="1"/>
  <c r="L4635" i="2"/>
  <c r="L4609" i="5" s="1"/>
  <c r="M4517" i="2"/>
  <c r="M4491" i="5" s="1"/>
  <c r="P4491" i="5" s="1"/>
  <c r="K261" i="2"/>
  <c r="K235" i="5" s="1"/>
  <c r="I6274" i="2"/>
  <c r="I6248" i="5" s="1"/>
  <c r="M1224" i="2"/>
  <c r="M1198" i="5" s="1"/>
  <c r="P1198" i="5" s="1"/>
  <c r="K3961" i="2"/>
  <c r="K3935" i="5" s="1"/>
  <c r="O3935" i="5" s="1"/>
  <c r="K5990" i="2"/>
  <c r="K5964" i="5" s="1"/>
  <c r="O5964" i="5" s="1"/>
  <c r="K2663" i="2"/>
  <c r="K2637" i="5" s="1"/>
  <c r="I8540" i="2"/>
  <c r="I8514" i="5" s="1"/>
  <c r="I5688" i="2"/>
  <c r="I5662" i="5" s="1"/>
  <c r="K3330" i="2"/>
  <c r="K3304" i="5" s="1"/>
  <c r="L3929" i="2"/>
  <c r="L3903" i="5" s="1"/>
  <c r="I3303" i="2"/>
  <c r="I3277" i="5" s="1"/>
  <c r="C264" i="5"/>
  <c r="L4254" i="2"/>
  <c r="L4228" i="5" s="1"/>
  <c r="J768" i="2"/>
  <c r="J742" i="5" s="1"/>
  <c r="N742" i="5" s="1"/>
  <c r="I7824" i="2"/>
  <c r="I7798" i="5" s="1"/>
  <c r="L5995" i="2"/>
  <c r="L5969" i="5" s="1"/>
  <c r="K377" i="2"/>
  <c r="K351" i="5" s="1"/>
  <c r="K3116" i="2"/>
  <c r="K3090" i="5" s="1"/>
  <c r="I3662" i="2"/>
  <c r="I3636" i="5" s="1"/>
  <c r="I3944" i="2"/>
  <c r="I3918" i="5" s="1"/>
  <c r="L538" i="2"/>
  <c r="L512" i="5" s="1"/>
  <c r="I538" i="2"/>
  <c r="I512" i="5" s="1"/>
  <c r="K538" i="2"/>
  <c r="K512" i="5" s="1"/>
  <c r="J538" i="2"/>
  <c r="J512" i="5" s="1"/>
  <c r="N512" i="5" s="1"/>
  <c r="M538" i="2"/>
  <c r="M512" i="5" s="1"/>
  <c r="P512" i="5" s="1"/>
  <c r="M5597" i="2"/>
  <c r="M5571" i="5" s="1"/>
  <c r="P5571" i="5" s="1"/>
  <c r="L5597" i="2"/>
  <c r="L5571" i="5" s="1"/>
  <c r="I5597" i="2"/>
  <c r="I5571" i="5" s="1"/>
  <c r="K5597" i="2"/>
  <c r="K5571" i="5" s="1"/>
  <c r="J5597" i="2"/>
  <c r="J5571" i="5" s="1"/>
  <c r="N5571" i="5" s="1"/>
  <c r="L2250" i="2"/>
  <c r="L2224" i="5" s="1"/>
  <c r="M2250" i="2"/>
  <c r="M2224" i="5" s="1"/>
  <c r="P2224" i="5" s="1"/>
  <c r="M722" i="2"/>
  <c r="M696" i="5" s="1"/>
  <c r="P696" i="5" s="1"/>
  <c r="L722" i="2"/>
  <c r="L696" i="5" s="1"/>
  <c r="I722" i="2"/>
  <c r="I696" i="5" s="1"/>
  <c r="J722" i="2"/>
  <c r="J696" i="5" s="1"/>
  <c r="N696" i="5" s="1"/>
  <c r="L4804" i="2"/>
  <c r="L4778" i="5" s="1"/>
  <c r="K4804" i="2"/>
  <c r="K4778" i="5" s="1"/>
  <c r="M4804" i="2"/>
  <c r="M4778" i="5" s="1"/>
  <c r="P4778" i="5" s="1"/>
  <c r="J4804" i="2"/>
  <c r="J4778" i="5" s="1"/>
  <c r="N4778" i="5" s="1"/>
  <c r="L3328" i="2"/>
  <c r="L3302" i="5" s="1"/>
  <c r="I3328" i="2"/>
  <c r="I3302" i="5" s="1"/>
  <c r="M3328" i="2"/>
  <c r="M3302" i="5" s="1"/>
  <c r="P3302" i="5" s="1"/>
  <c r="M1425" i="2"/>
  <c r="M1399" i="5" s="1"/>
  <c r="P1399" i="5" s="1"/>
  <c r="L1425" i="2"/>
  <c r="L1399" i="5" s="1"/>
  <c r="J1425" i="2"/>
  <c r="J1399" i="5" s="1"/>
  <c r="N1399" i="5" s="1"/>
  <c r="I1425" i="2"/>
  <c r="I1399" i="5" s="1"/>
  <c r="K1425" i="2"/>
  <c r="K1399" i="5" s="1"/>
  <c r="L5450" i="2"/>
  <c r="L5424" i="5" s="1"/>
  <c r="I5450" i="2"/>
  <c r="I5424" i="5" s="1"/>
  <c r="I6279" i="2"/>
  <c r="I6253" i="5" s="1"/>
  <c r="M6279" i="2"/>
  <c r="M6253" i="5" s="1"/>
  <c r="P6253" i="5" s="1"/>
  <c r="M5016" i="2"/>
  <c r="M4990" i="5" s="1"/>
  <c r="P4990" i="5" s="1"/>
  <c r="I5016" i="2"/>
  <c r="I4990" i="5" s="1"/>
  <c r="K1083" i="2"/>
  <c r="K1057" i="5" s="1"/>
  <c r="I1083" i="2"/>
  <c r="I1057" i="5" s="1"/>
  <c r="M1716" i="2"/>
  <c r="M1690" i="5" s="1"/>
  <c r="P1690" i="5" s="1"/>
  <c r="M8544" i="2"/>
  <c r="M8518" i="5" s="1"/>
  <c r="P8518" i="5" s="1"/>
  <c r="I6622" i="2"/>
  <c r="I6596" i="5" s="1"/>
  <c r="M3417" i="2"/>
  <c r="M3391" i="5" s="1"/>
  <c r="P3391" i="5" s="1"/>
  <c r="K4658" i="2"/>
  <c r="K4632" i="5" s="1"/>
  <c r="O4632" i="5" s="1"/>
  <c r="J6762" i="2"/>
  <c r="J6736" i="5" s="1"/>
  <c r="I4071" i="2"/>
  <c r="I4045" i="5" s="1"/>
  <c r="M957" i="2"/>
  <c r="M931" i="5" s="1"/>
  <c r="P931" i="5" s="1"/>
  <c r="J7844" i="2"/>
  <c r="J7818" i="5" s="1"/>
  <c r="K6420" i="2"/>
  <c r="K6394" i="5" s="1"/>
  <c r="J4635" i="2"/>
  <c r="J4609" i="5" s="1"/>
  <c r="N4609" i="5" s="1"/>
  <c r="M6697" i="2"/>
  <c r="M6671" i="5" s="1"/>
  <c r="P6671" i="5" s="1"/>
  <c r="L261" i="2"/>
  <c r="L235" i="5" s="1"/>
  <c r="I3961" i="2"/>
  <c r="I3935" i="5" s="1"/>
  <c r="I552" i="2"/>
  <c r="I526" i="5" s="1"/>
  <c r="J3949" i="2"/>
  <c r="J3923" i="5" s="1"/>
  <c r="N3923" i="5" s="1"/>
  <c r="K2292" i="2"/>
  <c r="K2266" i="5" s="1"/>
  <c r="M4941" i="2"/>
  <c r="M4915" i="5" s="1"/>
  <c r="P4915" i="5" s="1"/>
  <c r="J8540" i="2"/>
  <c r="J8514" i="5" s="1"/>
  <c r="N8514" i="5" s="1"/>
  <c r="J1914" i="2"/>
  <c r="J1888" i="5" s="1"/>
  <c r="N1888" i="5" s="1"/>
  <c r="K3929" i="2"/>
  <c r="K3903" i="5" s="1"/>
  <c r="M4254" i="2"/>
  <c r="M4228" i="5" s="1"/>
  <c r="P4228" i="5" s="1"/>
  <c r="J76" i="2"/>
  <c r="J50" i="5" s="1"/>
  <c r="N50" i="5" s="1"/>
  <c r="L5319" i="2"/>
  <c r="L5293" i="5" s="1"/>
  <c r="L8602" i="2"/>
  <c r="L8576" i="5" s="1"/>
  <c r="J8602" i="2"/>
  <c r="J8576" i="5" s="1"/>
  <c r="N8576" i="5" s="1"/>
  <c r="M8479" i="2"/>
  <c r="M8453" i="5" s="1"/>
  <c r="P8453" i="5" s="1"/>
  <c r="J3327" i="2"/>
  <c r="J3301" i="5" s="1"/>
  <c r="N3301" i="5" s="1"/>
  <c r="K3327" i="2"/>
  <c r="K3301" i="5" s="1"/>
  <c r="K2617" i="2"/>
  <c r="K2591" i="5" s="1"/>
  <c r="J2617" i="2"/>
  <c r="J2591" i="5" s="1"/>
  <c r="M2617" i="2"/>
  <c r="M2591" i="5" s="1"/>
  <c r="P2591" i="5" s="1"/>
  <c r="L2617" i="2"/>
  <c r="L2591" i="5" s="1"/>
  <c r="E106" i="5"/>
  <c r="AR100" i="1"/>
  <c r="L3285" i="2"/>
  <c r="L3259" i="5" s="1"/>
  <c r="J3285" i="2"/>
  <c r="J3259" i="5" s="1"/>
  <c r="N3259" i="5" s="1"/>
  <c r="K3285" i="2"/>
  <c r="K3259" i="5" s="1"/>
  <c r="M3285" i="2"/>
  <c r="M3259" i="5" s="1"/>
  <c r="P3259" i="5" s="1"/>
  <c r="I3285" i="2"/>
  <c r="I3259" i="5" s="1"/>
  <c r="M2419" i="2"/>
  <c r="M2393" i="5" s="1"/>
  <c r="P2393" i="5" s="1"/>
  <c r="I2419" i="2"/>
  <c r="I2393" i="5" s="1"/>
  <c r="K2419" i="2"/>
  <c r="K2393" i="5" s="1"/>
  <c r="J2419" i="2"/>
  <c r="J2393" i="5" s="1"/>
  <c r="N2393" i="5" s="1"/>
  <c r="L2419" i="2"/>
  <c r="L2393" i="5" s="1"/>
  <c r="L8133" i="2"/>
  <c r="L8107" i="5" s="1"/>
  <c r="K8133" i="2"/>
  <c r="K8107" i="5" s="1"/>
  <c r="M8133" i="2"/>
  <c r="M8107" i="5" s="1"/>
  <c r="P8107" i="5" s="1"/>
  <c r="I1409" i="2"/>
  <c r="I1383" i="5" s="1"/>
  <c r="K1409" i="2"/>
  <c r="K1383" i="5" s="1"/>
  <c r="J1409" i="2"/>
  <c r="J1383" i="5" s="1"/>
  <c r="L1409" i="2"/>
  <c r="L1383" i="5" s="1"/>
  <c r="M1409" i="2"/>
  <c r="M1383" i="5" s="1"/>
  <c r="P1383" i="5" s="1"/>
  <c r="C250" i="5"/>
  <c r="AR244" i="1"/>
  <c r="L7705" i="2"/>
  <c r="L7679" i="5" s="1"/>
  <c r="K7705" i="2"/>
  <c r="K7679" i="5" s="1"/>
  <c r="J7705" i="2"/>
  <c r="J7679" i="5" s="1"/>
  <c r="N7679" i="5" s="1"/>
  <c r="J3253" i="2"/>
  <c r="J3227" i="5" s="1"/>
  <c r="N3227" i="5" s="1"/>
  <c r="M3253" i="2"/>
  <c r="M3227" i="5" s="1"/>
  <c r="P3227" i="5" s="1"/>
  <c r="M5516" i="2"/>
  <c r="M5490" i="5" s="1"/>
  <c r="P5490" i="5" s="1"/>
  <c r="L5516" i="2"/>
  <c r="L5490" i="5" s="1"/>
  <c r="J5516" i="2"/>
  <c r="J5490" i="5" s="1"/>
  <c r="N5490" i="5" s="1"/>
  <c r="L6292" i="2"/>
  <c r="L6266" i="5" s="1"/>
  <c r="J6292" i="2"/>
  <c r="J6266" i="5" s="1"/>
  <c r="N6266" i="5" s="1"/>
  <c r="M6292" i="2"/>
  <c r="M6266" i="5" s="1"/>
  <c r="P6266" i="5" s="1"/>
  <c r="I6292" i="2"/>
  <c r="I6266" i="5" s="1"/>
  <c r="I3461" i="2"/>
  <c r="I3435" i="5" s="1"/>
  <c r="K3461" i="2"/>
  <c r="K3435" i="5" s="1"/>
  <c r="O3435" i="5" s="1"/>
  <c r="M3461" i="2"/>
  <c r="M3435" i="5" s="1"/>
  <c r="P3435" i="5" s="1"/>
  <c r="K5512" i="2"/>
  <c r="K5486" i="5" s="1"/>
  <c r="L5512" i="2"/>
  <c r="L5486" i="5" s="1"/>
  <c r="M8450" i="2"/>
  <c r="M8424" i="5" s="1"/>
  <c r="P8424" i="5" s="1"/>
  <c r="I8450" i="2"/>
  <c r="I8424" i="5" s="1"/>
  <c r="K8450" i="2"/>
  <c r="K8424" i="5" s="1"/>
  <c r="J8450" i="2"/>
  <c r="J8424" i="5" s="1"/>
  <c r="N8424" i="5" s="1"/>
  <c r="L8450" i="2"/>
  <c r="L8424" i="5" s="1"/>
  <c r="M8689" i="2"/>
  <c r="M8663" i="5" s="1"/>
  <c r="P8663" i="5" s="1"/>
  <c r="I8689" i="2"/>
  <c r="I8663" i="5" s="1"/>
  <c r="J8689" i="2"/>
  <c r="J8663" i="5" s="1"/>
  <c r="N8663" i="5" s="1"/>
  <c r="L8689" i="2"/>
  <c r="L8663" i="5" s="1"/>
  <c r="K8689" i="2"/>
  <c r="K8663" i="5" s="1"/>
  <c r="I753" i="2"/>
  <c r="I727" i="5" s="1"/>
  <c r="L753" i="2"/>
  <c r="L727" i="5" s="1"/>
  <c r="K753" i="2"/>
  <c r="K727" i="5" s="1"/>
  <c r="M753" i="2"/>
  <c r="M727" i="5" s="1"/>
  <c r="P727" i="5" s="1"/>
  <c r="J753" i="2"/>
  <c r="J727" i="5" s="1"/>
  <c r="L2576" i="2"/>
  <c r="L2550" i="5" s="1"/>
  <c r="K2576" i="2"/>
  <c r="K2550" i="5" s="1"/>
  <c r="J2576" i="2"/>
  <c r="J2550" i="5" s="1"/>
  <c r="N2550" i="5" s="1"/>
  <c r="G15" i="5"/>
  <c r="AR9" i="1"/>
  <c r="K978" i="2"/>
  <c r="K952" i="5" s="1"/>
  <c r="M7701" i="2"/>
  <c r="M7675" i="5" s="1"/>
  <c r="P7675" i="5" s="1"/>
  <c r="J7701" i="2"/>
  <c r="J7675" i="5" s="1"/>
  <c r="N7675" i="5" s="1"/>
  <c r="L7701" i="2"/>
  <c r="L7675" i="5" s="1"/>
  <c r="L240" i="2"/>
  <c r="L214" i="5" s="1"/>
  <c r="I240" i="2"/>
  <c r="I214" i="5" s="1"/>
  <c r="L4116" i="2"/>
  <c r="L4090" i="5" s="1"/>
  <c r="M4116" i="2"/>
  <c r="M4090" i="5" s="1"/>
  <c r="P4090" i="5" s="1"/>
  <c r="K4116" i="2"/>
  <c r="K4090" i="5" s="1"/>
  <c r="L210" i="2"/>
  <c r="L184" i="5" s="1"/>
  <c r="I210" i="2"/>
  <c r="I184" i="5" s="1"/>
  <c r="M210" i="2"/>
  <c r="M184" i="5" s="1"/>
  <c r="P184" i="5" s="1"/>
  <c r="J210" i="2"/>
  <c r="J184" i="5" s="1"/>
  <c r="N184" i="5" s="1"/>
  <c r="J203" i="2"/>
  <c r="J177" i="5" s="1"/>
  <c r="N177" i="5" s="1"/>
  <c r="I203" i="2"/>
  <c r="I177" i="5" s="1"/>
  <c r="L6011" i="2"/>
  <c r="L5985" i="5" s="1"/>
  <c r="I3921" i="2"/>
  <c r="I3895" i="5" s="1"/>
  <c r="K3921" i="2"/>
  <c r="K3895" i="5" s="1"/>
  <c r="M3921" i="2"/>
  <c r="M3895" i="5" s="1"/>
  <c r="P3895" i="5" s="1"/>
  <c r="J3921" i="2"/>
  <c r="J3895" i="5" s="1"/>
  <c r="N3895" i="5" s="1"/>
  <c r="L3921" i="2"/>
  <c r="L3895" i="5" s="1"/>
  <c r="L6782" i="2"/>
  <c r="L6756" i="5" s="1"/>
  <c r="J6782" i="2"/>
  <c r="J6756" i="5" s="1"/>
  <c r="N6756" i="5" s="1"/>
  <c r="I6782" i="2"/>
  <c r="I6756" i="5" s="1"/>
  <c r="I7671" i="2"/>
  <c r="I7645" i="5" s="1"/>
  <c r="L7671" i="2"/>
  <c r="L7645" i="5" s="1"/>
  <c r="J1832" i="2"/>
  <c r="J1806" i="5" s="1"/>
  <c r="N1806" i="5" s="1"/>
  <c r="L1832" i="2"/>
  <c r="L1806" i="5" s="1"/>
  <c r="I6638" i="2"/>
  <c r="I6612" i="5" s="1"/>
  <c r="M83" i="2"/>
  <c r="M57" i="5" s="1"/>
  <c r="P57" i="5" s="1"/>
  <c r="I83" i="2"/>
  <c r="I57" i="5" s="1"/>
  <c r="J83" i="2"/>
  <c r="J57" i="5" s="1"/>
  <c r="N57" i="5" s="1"/>
  <c r="L83" i="2"/>
  <c r="L57" i="5" s="1"/>
  <c r="K83" i="2"/>
  <c r="K57" i="5" s="1"/>
  <c r="K5652" i="2"/>
  <c r="K5626" i="5" s="1"/>
  <c r="L5652" i="2"/>
  <c r="L5626" i="5" s="1"/>
  <c r="I5652" i="2"/>
  <c r="I5626" i="5" s="1"/>
  <c r="M7262" i="2"/>
  <c r="M7236" i="5" s="1"/>
  <c r="P7236" i="5" s="1"/>
  <c r="J7262" i="2"/>
  <c r="J7236" i="5" s="1"/>
  <c r="L7262" i="2"/>
  <c r="L7236" i="5" s="1"/>
  <c r="K7262" i="2"/>
  <c r="K7236" i="5" s="1"/>
  <c r="M449" i="2"/>
  <c r="M423" i="5" s="1"/>
  <c r="P423" i="5" s="1"/>
  <c r="K449" i="2"/>
  <c r="K423" i="5" s="1"/>
  <c r="J449" i="2"/>
  <c r="J423" i="5" s="1"/>
  <c r="N423" i="5" s="1"/>
  <c r="L449" i="2"/>
  <c r="L423" i="5" s="1"/>
  <c r="I449" i="2"/>
  <c r="I423" i="5" s="1"/>
  <c r="M7151" i="2"/>
  <c r="M7125" i="5" s="1"/>
  <c r="P7125" i="5" s="1"/>
  <c r="K7151" i="2"/>
  <c r="K7125" i="5" s="1"/>
  <c r="L7151" i="2"/>
  <c r="L7125" i="5" s="1"/>
  <c r="J7151" i="2"/>
  <c r="J7125" i="5" s="1"/>
  <c r="N7125" i="5" s="1"/>
  <c r="L8370" i="2"/>
  <c r="L8344" i="5" s="1"/>
  <c r="K8370" i="2"/>
  <c r="K8344" i="5" s="1"/>
  <c r="K605" i="2"/>
  <c r="K579" i="5" s="1"/>
  <c r="I605" i="2"/>
  <c r="I579" i="5" s="1"/>
  <c r="F93" i="5"/>
  <c r="AR87" i="1"/>
  <c r="I782" i="2"/>
  <c r="I756" i="5" s="1"/>
  <c r="I4128" i="2"/>
  <c r="I4102" i="5" s="1"/>
  <c r="L5080" i="2"/>
  <c r="L5054" i="5" s="1"/>
  <c r="I5080" i="2"/>
  <c r="I5054" i="5" s="1"/>
  <c r="M5662" i="2"/>
  <c r="M5636" i="5" s="1"/>
  <c r="P5636" i="5" s="1"/>
  <c r="I5662" i="2"/>
  <c r="I5636" i="5" s="1"/>
  <c r="L5662" i="2"/>
  <c r="L5636" i="5" s="1"/>
  <c r="K5662" i="2"/>
  <c r="K5636" i="5" s="1"/>
  <c r="J5662" i="2"/>
  <c r="J5636" i="5" s="1"/>
  <c r="N5636" i="5" s="1"/>
  <c r="M5424" i="2"/>
  <c r="M5398" i="5" s="1"/>
  <c r="P5398" i="5" s="1"/>
  <c r="I5424" i="2"/>
  <c r="I5398" i="5" s="1"/>
  <c r="L5424" i="2"/>
  <c r="L5398" i="5" s="1"/>
  <c r="J5424" i="2"/>
  <c r="J5398" i="5" s="1"/>
  <c r="N5398" i="5" s="1"/>
  <c r="M5262" i="2"/>
  <c r="M5236" i="5" s="1"/>
  <c r="P5236" i="5" s="1"/>
  <c r="I5262" i="2"/>
  <c r="I5236" i="5" s="1"/>
  <c r="K5262" i="2"/>
  <c r="K5236" i="5" s="1"/>
  <c r="J5262" i="2"/>
  <c r="J5236" i="5" s="1"/>
  <c r="N5236" i="5" s="1"/>
  <c r="L5262" i="2"/>
  <c r="L5236" i="5" s="1"/>
  <c r="AR359" i="1"/>
  <c r="C365" i="5"/>
  <c r="K2390" i="2"/>
  <c r="K2364" i="5" s="1"/>
  <c r="I2390" i="2"/>
  <c r="I2364" i="5" s="1"/>
  <c r="J5928" i="2"/>
  <c r="J5902" i="5" s="1"/>
  <c r="I5928" i="2"/>
  <c r="I5902" i="5" s="1"/>
  <c r="L5928" i="2"/>
  <c r="L5902" i="5" s="1"/>
  <c r="K5928" i="2"/>
  <c r="K5902" i="5" s="1"/>
  <c r="L2810" i="2"/>
  <c r="L2784" i="5" s="1"/>
  <c r="M2810" i="2"/>
  <c r="M2784" i="5" s="1"/>
  <c r="P2784" i="5" s="1"/>
  <c r="I2810" i="2"/>
  <c r="I2784" i="5" s="1"/>
  <c r="M4115" i="2"/>
  <c r="M4089" i="5" s="1"/>
  <c r="P4089" i="5" s="1"/>
  <c r="I4115" i="2"/>
  <c r="I4089" i="5" s="1"/>
  <c r="K4115" i="2"/>
  <c r="K4089" i="5" s="1"/>
  <c r="J4115" i="2"/>
  <c r="J4089" i="5" s="1"/>
  <c r="N4089" i="5" s="1"/>
  <c r="L4115" i="2"/>
  <c r="L4089" i="5" s="1"/>
  <c r="K8007" i="2"/>
  <c r="K7981" i="5" s="1"/>
  <c r="I5799" i="2"/>
  <c r="I5773" i="5" s="1"/>
  <c r="L5799" i="2"/>
  <c r="L5773" i="5" s="1"/>
  <c r="K5799" i="2"/>
  <c r="K5773" i="5" s="1"/>
  <c r="J5799" i="2"/>
  <c r="J5773" i="5" s="1"/>
  <c r="M5799" i="2"/>
  <c r="M5773" i="5" s="1"/>
  <c r="P5773" i="5" s="1"/>
  <c r="J6498" i="2"/>
  <c r="J6472" i="5" s="1"/>
  <c r="N6472" i="5" s="1"/>
  <c r="M6498" i="2"/>
  <c r="M6472" i="5" s="1"/>
  <c r="P6472" i="5" s="1"/>
  <c r="K6498" i="2"/>
  <c r="K6472" i="5" s="1"/>
  <c r="I6094" i="2"/>
  <c r="I6068" i="5" s="1"/>
  <c r="I1629" i="2"/>
  <c r="I1603" i="5" s="1"/>
  <c r="J1629" i="2"/>
  <c r="J1603" i="5" s="1"/>
  <c r="N1603" i="5" s="1"/>
  <c r="M1629" i="2"/>
  <c r="M1603" i="5" s="1"/>
  <c r="P1603" i="5" s="1"/>
  <c r="L1629" i="2"/>
  <c r="L1603" i="5" s="1"/>
  <c r="L5442" i="2"/>
  <c r="L5416" i="5" s="1"/>
  <c r="K5442" i="2"/>
  <c r="K5416" i="5" s="1"/>
  <c r="L8636" i="2"/>
  <c r="L8610" i="5" s="1"/>
  <c r="K8636" i="2"/>
  <c r="K8610" i="5" s="1"/>
  <c r="J4941" i="2"/>
  <c r="J4915" i="5" s="1"/>
  <c r="N4915" i="5" s="1"/>
  <c r="J5160" i="2"/>
  <c r="J5134" i="5" s="1"/>
  <c r="N5134" i="5" s="1"/>
  <c r="M5160" i="2"/>
  <c r="M5134" i="5" s="1"/>
  <c r="P5134" i="5" s="1"/>
  <c r="L5160" i="2"/>
  <c r="L5134" i="5" s="1"/>
  <c r="I5160" i="2"/>
  <c r="I5134" i="5" s="1"/>
  <c r="K228" i="2"/>
  <c r="K202" i="5" s="1"/>
  <c r="L228" i="2"/>
  <c r="L202" i="5" s="1"/>
  <c r="M228" i="2"/>
  <c r="M202" i="5" s="1"/>
  <c r="P202" i="5" s="1"/>
  <c r="K8544" i="2"/>
  <c r="K8518" i="5" s="1"/>
  <c r="K4344" i="2"/>
  <c r="K4318" i="5" s="1"/>
  <c r="L4344" i="2"/>
  <c r="L4318" i="5" s="1"/>
  <c r="J4344" i="2"/>
  <c r="J4318" i="5" s="1"/>
  <c r="N4318" i="5" s="1"/>
  <c r="K3642" i="2"/>
  <c r="K3616" i="5" s="1"/>
  <c r="J3642" i="2"/>
  <c r="J3616" i="5" s="1"/>
  <c r="N3616" i="5" s="1"/>
  <c r="L4418" i="2"/>
  <c r="L4392" i="5" s="1"/>
  <c r="M4418" i="2"/>
  <c r="M4392" i="5" s="1"/>
  <c r="P4392" i="5" s="1"/>
  <c r="I4418" i="2"/>
  <c r="I4392" i="5" s="1"/>
  <c r="L431" i="2"/>
  <c r="L405" i="5" s="1"/>
  <c r="J431" i="2"/>
  <c r="J405" i="5" s="1"/>
  <c r="N405" i="5" s="1"/>
  <c r="J2387" i="2"/>
  <c r="J2361" i="5" s="1"/>
  <c r="N2361" i="5" s="1"/>
  <c r="I2387" i="2"/>
  <c r="I2361" i="5" s="1"/>
  <c r="M6664" i="2"/>
  <c r="M6638" i="5" s="1"/>
  <c r="P6638" i="5" s="1"/>
  <c r="L6664" i="2"/>
  <c r="L6638" i="5" s="1"/>
  <c r="K5932" i="2"/>
  <c r="K5906" i="5" s="1"/>
  <c r="M5932" i="2"/>
  <c r="M5906" i="5" s="1"/>
  <c r="P5906" i="5" s="1"/>
  <c r="I5932" i="2"/>
  <c r="I5906" i="5" s="1"/>
  <c r="K8006" i="2"/>
  <c r="K7980" i="5" s="1"/>
  <c r="J8006" i="2"/>
  <c r="J7980" i="5" s="1"/>
  <c r="N7980" i="5" s="1"/>
  <c r="L8006" i="2"/>
  <c r="L7980" i="5" s="1"/>
  <c r="I8006" i="2"/>
  <c r="I7980" i="5" s="1"/>
  <c r="I88" i="2"/>
  <c r="I62" i="5" s="1"/>
  <c r="J88" i="2"/>
  <c r="J62" i="5" s="1"/>
  <c r="N62" i="5" s="1"/>
  <c r="M88" i="2"/>
  <c r="M62" i="5" s="1"/>
  <c r="P62" i="5" s="1"/>
  <c r="K1798" i="2"/>
  <c r="K1772" i="5" s="1"/>
  <c r="J1798" i="2"/>
  <c r="J1772" i="5" s="1"/>
  <c r="N1772" i="5" s="1"/>
  <c r="I7138" i="2"/>
  <c r="I7112" i="5" s="1"/>
  <c r="M7138" i="2"/>
  <c r="M7112" i="5" s="1"/>
  <c r="P7112" i="5" s="1"/>
  <c r="L7138" i="2"/>
  <c r="L7112" i="5" s="1"/>
  <c r="K7138" i="2"/>
  <c r="K7112" i="5" s="1"/>
  <c r="L5834" i="2"/>
  <c r="L5808" i="5" s="1"/>
  <c r="M5834" i="2"/>
  <c r="M5808" i="5" s="1"/>
  <c r="P5808" i="5" s="1"/>
  <c r="I5834" i="2"/>
  <c r="I5808" i="5" s="1"/>
  <c r="K1432" i="2"/>
  <c r="K1406" i="5" s="1"/>
  <c r="L1432" i="2"/>
  <c r="L1406" i="5" s="1"/>
  <c r="M2146" i="2"/>
  <c r="M2120" i="5" s="1"/>
  <c r="P2120" i="5" s="1"/>
  <c r="I2146" i="2"/>
  <c r="I2120" i="5" s="1"/>
  <c r="K2146" i="2"/>
  <c r="K2120" i="5" s="1"/>
  <c r="J2146" i="2"/>
  <c r="J2120" i="5" s="1"/>
  <c r="N2120" i="5" s="1"/>
  <c r="K7991" i="2"/>
  <c r="K7965" i="5" s="1"/>
  <c r="I7991" i="2"/>
  <c r="I7965" i="5" s="1"/>
  <c r="J7991" i="2"/>
  <c r="J7965" i="5" s="1"/>
  <c r="N7965" i="5" s="1"/>
  <c r="I5924" i="2"/>
  <c r="I5898" i="5" s="1"/>
  <c r="M5924" i="2"/>
  <c r="M5898" i="5" s="1"/>
  <c r="P5898" i="5" s="1"/>
  <c r="K5924" i="2"/>
  <c r="K5898" i="5" s="1"/>
  <c r="O5898" i="5" s="1"/>
  <c r="I2809" i="2"/>
  <c r="I2783" i="5" s="1"/>
  <c r="M6935" i="2"/>
  <c r="M6909" i="5" s="1"/>
  <c r="P6909" i="5" s="1"/>
  <c r="K6935" i="2"/>
  <c r="K6909" i="5" s="1"/>
  <c r="L6935" i="2"/>
  <c r="L6909" i="5" s="1"/>
  <c r="J6935" i="2"/>
  <c r="J6909" i="5" s="1"/>
  <c r="N6909" i="5" s="1"/>
  <c r="AR221" i="1"/>
  <c r="C227" i="5"/>
  <c r="L1289" i="2"/>
  <c r="L1263" i="5" s="1"/>
  <c r="M1289" i="2"/>
  <c r="M1263" i="5" s="1"/>
  <c r="P1263" i="5" s="1"/>
  <c r="K1150" i="2"/>
  <c r="K1124" i="5" s="1"/>
  <c r="M1150" i="2"/>
  <c r="M1124" i="5" s="1"/>
  <c r="P1124" i="5" s="1"/>
  <c r="L1150" i="2"/>
  <c r="L1124" i="5" s="1"/>
  <c r="I1150" i="2"/>
  <c r="I1124" i="5" s="1"/>
  <c r="J6868" i="2"/>
  <c r="J6842" i="5" s="1"/>
  <c r="N6842" i="5" s="1"/>
  <c r="M6868" i="2"/>
  <c r="M6842" i="5" s="1"/>
  <c r="P6842" i="5" s="1"/>
  <c r="I6868" i="2"/>
  <c r="I6842" i="5" s="1"/>
  <c r="L6868" i="2"/>
  <c r="L6842" i="5" s="1"/>
  <c r="K6868" i="2"/>
  <c r="K6842" i="5" s="1"/>
  <c r="J3509" i="2"/>
  <c r="J3483" i="5" s="1"/>
  <c r="N3483" i="5" s="1"/>
  <c r="M3509" i="2"/>
  <c r="M3483" i="5" s="1"/>
  <c r="P3483" i="5" s="1"/>
  <c r="I3509" i="2"/>
  <c r="I3483" i="5" s="1"/>
  <c r="L3509" i="2"/>
  <c r="L3483" i="5" s="1"/>
  <c r="K3509" i="2"/>
  <c r="K3483" i="5" s="1"/>
  <c r="I72" i="2"/>
  <c r="I46" i="5" s="1"/>
  <c r="K72" i="2"/>
  <c r="K46" i="5" s="1"/>
  <c r="O46" i="5" s="1"/>
  <c r="I5804" i="2"/>
  <c r="I5778" i="5" s="1"/>
  <c r="K5804" i="2"/>
  <c r="K5778" i="5" s="1"/>
  <c r="J5804" i="2"/>
  <c r="J5778" i="5" s="1"/>
  <c r="N5778" i="5" s="1"/>
  <c r="D243" i="5"/>
  <c r="AR237" i="1"/>
  <c r="K4512" i="2"/>
  <c r="K4486" i="5" s="1"/>
  <c r="I4512" i="2"/>
  <c r="I4486" i="5" s="1"/>
  <c r="J4512" i="2"/>
  <c r="J4486" i="5" s="1"/>
  <c r="J3777" i="2"/>
  <c r="J3751" i="5" s="1"/>
  <c r="N3751" i="5" s="1"/>
  <c r="M3777" i="2"/>
  <c r="M3751" i="5" s="1"/>
  <c r="P3751" i="5" s="1"/>
  <c r="I3777" i="2"/>
  <c r="I3751" i="5" s="1"/>
  <c r="L3777" i="2"/>
  <c r="L3751" i="5" s="1"/>
  <c r="K3777" i="2"/>
  <c r="K3751" i="5" s="1"/>
  <c r="L8211" i="2"/>
  <c r="L8185" i="5" s="1"/>
  <c r="I8211" i="2"/>
  <c r="I8185" i="5" s="1"/>
  <c r="J8211" i="2"/>
  <c r="J8185" i="5" s="1"/>
  <c r="N8185" i="5" s="1"/>
  <c r="J7984" i="2"/>
  <c r="J7958" i="5" s="1"/>
  <c r="N7958" i="5" s="1"/>
  <c r="M7984" i="2"/>
  <c r="M7958" i="5" s="1"/>
  <c r="P7958" i="5" s="1"/>
  <c r="L7984" i="2"/>
  <c r="L7958" i="5" s="1"/>
  <c r="L7950" i="2"/>
  <c r="L7924" i="5" s="1"/>
  <c r="M7950" i="2"/>
  <c r="M7924" i="5" s="1"/>
  <c r="P7924" i="5" s="1"/>
  <c r="I7950" i="2"/>
  <c r="I7924" i="5" s="1"/>
  <c r="I5426" i="2"/>
  <c r="I5400" i="5" s="1"/>
  <c r="K5426" i="2"/>
  <c r="K5400" i="5" s="1"/>
  <c r="M5426" i="2"/>
  <c r="M5400" i="5" s="1"/>
  <c r="P5400" i="5" s="1"/>
  <c r="L5426" i="2"/>
  <c r="L5400" i="5" s="1"/>
  <c r="I2813" i="2"/>
  <c r="I2787" i="5" s="1"/>
  <c r="K2813" i="2"/>
  <c r="K2787" i="5" s="1"/>
  <c r="L2813" i="2"/>
  <c r="L2787" i="5" s="1"/>
  <c r="J2813" i="2"/>
  <c r="J2787" i="5" s="1"/>
  <c r="N2787" i="5" s="1"/>
  <c r="M2813" i="2"/>
  <c r="M2787" i="5" s="1"/>
  <c r="P2787" i="5" s="1"/>
  <c r="M5098" i="2"/>
  <c r="M5072" i="5" s="1"/>
  <c r="P5072" i="5" s="1"/>
  <c r="J5098" i="2"/>
  <c r="J5072" i="5" s="1"/>
  <c r="N5072" i="5" s="1"/>
  <c r="M3233" i="2"/>
  <c r="M3207" i="5" s="1"/>
  <c r="P3207" i="5" s="1"/>
  <c r="L3233" i="2"/>
  <c r="L3207" i="5" s="1"/>
  <c r="I3233" i="2"/>
  <c r="I3207" i="5" s="1"/>
  <c r="K3233" i="2"/>
  <c r="K3207" i="5" s="1"/>
  <c r="J3233" i="2"/>
  <c r="J3207" i="5" s="1"/>
  <c r="N3207" i="5" s="1"/>
  <c r="M3154" i="2"/>
  <c r="M3128" i="5" s="1"/>
  <c r="P3128" i="5" s="1"/>
  <c r="L5290" i="2"/>
  <c r="L5264" i="5" s="1"/>
  <c r="M5290" i="2"/>
  <c r="M5264" i="5" s="1"/>
  <c r="P5264" i="5" s="1"/>
  <c r="K5290" i="2"/>
  <c r="K5264" i="5" s="1"/>
  <c r="L1985" i="2"/>
  <c r="L1959" i="5" s="1"/>
  <c r="M1985" i="2"/>
  <c r="M1959" i="5" s="1"/>
  <c r="P1959" i="5" s="1"/>
  <c r="K1985" i="2"/>
  <c r="K1959" i="5" s="1"/>
  <c r="M4272" i="2"/>
  <c r="M4246" i="5" s="1"/>
  <c r="P4246" i="5" s="1"/>
  <c r="J4272" i="2"/>
  <c r="J4246" i="5" s="1"/>
  <c r="N4246" i="5" s="1"/>
  <c r="L4272" i="2"/>
  <c r="L4246" i="5" s="1"/>
  <c r="I4272" i="2"/>
  <c r="I4246" i="5" s="1"/>
  <c r="K4272" i="2"/>
  <c r="K4246" i="5" s="1"/>
  <c r="K469" i="2"/>
  <c r="K443" i="5" s="1"/>
  <c r="K4280" i="2"/>
  <c r="K4254" i="5" s="1"/>
  <c r="J4280" i="2"/>
  <c r="J4254" i="5" s="1"/>
  <c r="N4254" i="5" s="1"/>
  <c r="L4280" i="2"/>
  <c r="L4254" i="5" s="1"/>
  <c r="I4280" i="2"/>
  <c r="I4254" i="5" s="1"/>
  <c r="M2790" i="2"/>
  <c r="M2764" i="5" s="1"/>
  <c r="P2764" i="5" s="1"/>
  <c r="L2790" i="2"/>
  <c r="L2764" i="5" s="1"/>
  <c r="I4949" i="2"/>
  <c r="I4923" i="5" s="1"/>
  <c r="L4949" i="2"/>
  <c r="L4923" i="5" s="1"/>
  <c r="K4949" i="2"/>
  <c r="K4923" i="5" s="1"/>
  <c r="M4949" i="2"/>
  <c r="M4923" i="5" s="1"/>
  <c r="P4923" i="5" s="1"/>
  <c r="J4949" i="2"/>
  <c r="J4923" i="5" s="1"/>
  <c r="N4923" i="5" s="1"/>
  <c r="M738" i="2"/>
  <c r="M712" i="5" s="1"/>
  <c r="P712" i="5" s="1"/>
  <c r="K738" i="2"/>
  <c r="K712" i="5" s="1"/>
  <c r="O712" i="5" s="1"/>
  <c r="J738" i="2"/>
  <c r="J712" i="5" s="1"/>
  <c r="N712" i="5" s="1"/>
  <c r="I3612" i="2"/>
  <c r="I3586" i="5" s="1"/>
  <c r="J3612" i="2"/>
  <c r="J3586" i="5" s="1"/>
  <c r="N3586" i="5" s="1"/>
  <c r="K3612" i="2"/>
  <c r="K3586" i="5" s="1"/>
  <c r="L3612" i="2"/>
  <c r="L3586" i="5" s="1"/>
  <c r="L2331" i="2"/>
  <c r="L2305" i="5" s="1"/>
  <c r="K2331" i="2"/>
  <c r="K2305" i="5" s="1"/>
  <c r="L1823" i="2"/>
  <c r="L1797" i="5" s="1"/>
  <c r="K1645" i="2"/>
  <c r="K1619" i="5" s="1"/>
  <c r="L1645" i="2"/>
  <c r="L1619" i="5" s="1"/>
  <c r="J4091" i="2"/>
  <c r="J4065" i="5" s="1"/>
  <c r="N4065" i="5" s="1"/>
  <c r="L4091" i="2"/>
  <c r="L4065" i="5" s="1"/>
  <c r="I4091" i="2"/>
  <c r="I4065" i="5" s="1"/>
  <c r="K4091" i="2"/>
  <c r="K4065" i="5" s="1"/>
  <c r="M4091" i="2"/>
  <c r="M4065" i="5" s="1"/>
  <c r="P4065" i="5" s="1"/>
  <c r="I8305" i="2"/>
  <c r="I8279" i="5" s="1"/>
  <c r="J8305" i="2"/>
  <c r="J8279" i="5" s="1"/>
  <c r="N8279" i="5" s="1"/>
  <c r="L8305" i="2"/>
  <c r="L8279" i="5" s="1"/>
  <c r="K8305" i="2"/>
  <c r="K8279" i="5" s="1"/>
  <c r="M8305" i="2"/>
  <c r="M8279" i="5" s="1"/>
  <c r="P8279" i="5" s="1"/>
  <c r="K5751" i="2"/>
  <c r="K5725" i="5" s="1"/>
  <c r="L5751" i="2"/>
  <c r="L5725" i="5" s="1"/>
  <c r="I5751" i="2"/>
  <c r="I5725" i="5" s="1"/>
  <c r="M5751" i="2"/>
  <c r="M5725" i="5" s="1"/>
  <c r="P5725" i="5" s="1"/>
  <c r="J5751" i="2"/>
  <c r="J5725" i="5" s="1"/>
  <c r="N5725" i="5" s="1"/>
  <c r="L1278" i="2"/>
  <c r="L1252" i="5" s="1"/>
  <c r="M1278" i="2"/>
  <c r="M1252" i="5" s="1"/>
  <c r="P1252" i="5" s="1"/>
  <c r="K1278" i="2"/>
  <c r="K1252" i="5" s="1"/>
  <c r="I1278" i="2"/>
  <c r="I1252" i="5" s="1"/>
  <c r="K1561" i="2"/>
  <c r="K1535" i="5" s="1"/>
  <c r="O1535" i="5" s="1"/>
  <c r="I1561" i="2"/>
  <c r="I1535" i="5" s="1"/>
  <c r="J1561" i="2"/>
  <c r="J1535" i="5" s="1"/>
  <c r="N1535" i="5" s="1"/>
  <c r="M1561" i="2"/>
  <c r="M1535" i="5" s="1"/>
  <c r="P1535" i="5" s="1"/>
  <c r="L2670" i="2"/>
  <c r="L2644" i="5" s="1"/>
  <c r="M2670" i="2"/>
  <c r="M2644" i="5" s="1"/>
  <c r="P2644" i="5" s="1"/>
  <c r="I7525" i="2"/>
  <c r="I7499" i="5" s="1"/>
  <c r="K5074" i="2"/>
  <c r="K5048" i="5" s="1"/>
  <c r="J2292" i="2"/>
  <c r="J2266" i="5" s="1"/>
  <c r="N2266" i="5" s="1"/>
  <c r="L3266" i="2"/>
  <c r="L3240" i="5" s="1"/>
  <c r="J3266" i="2"/>
  <c r="J3240" i="5" s="1"/>
  <c r="N3240" i="5" s="1"/>
  <c r="I2767" i="2"/>
  <c r="I2741" i="5" s="1"/>
  <c r="K2767" i="2"/>
  <c r="K2741" i="5" s="1"/>
  <c r="L2767" i="2"/>
  <c r="L2741" i="5" s="1"/>
  <c r="J1613" i="2"/>
  <c r="J1587" i="5" s="1"/>
  <c r="N1587" i="5" s="1"/>
  <c r="M1613" i="2"/>
  <c r="M1587" i="5" s="1"/>
  <c r="P1587" i="5" s="1"/>
  <c r="L1613" i="2"/>
  <c r="L1587" i="5" s="1"/>
  <c r="I1613" i="2"/>
  <c r="I1587" i="5" s="1"/>
  <c r="K1613" i="2"/>
  <c r="K1587" i="5" s="1"/>
  <c r="K6428" i="2"/>
  <c r="K6402" i="5" s="1"/>
  <c r="M6428" i="2"/>
  <c r="M6402" i="5" s="1"/>
  <c r="P6402" i="5" s="1"/>
  <c r="L6428" i="2"/>
  <c r="L6402" i="5" s="1"/>
  <c r="M43" i="2"/>
  <c r="M17" i="5" s="1"/>
  <c r="P17" i="5" s="1"/>
  <c r="J43" i="2"/>
  <c r="J17" i="5" s="1"/>
  <c r="N17" i="5" s="1"/>
  <c r="I43" i="2"/>
  <c r="I17" i="5" s="1"/>
  <c r="I8543" i="2"/>
  <c r="I8517" i="5" s="1"/>
  <c r="K8543" i="2"/>
  <c r="K8517" i="5" s="1"/>
  <c r="K2143" i="2"/>
  <c r="K2117" i="5" s="1"/>
  <c r="M2143" i="2"/>
  <c r="M2117" i="5" s="1"/>
  <c r="P2117" i="5" s="1"/>
  <c r="L2143" i="2"/>
  <c r="L2117" i="5" s="1"/>
  <c r="K3297" i="2"/>
  <c r="K3271" i="5" s="1"/>
  <c r="M3297" i="2"/>
  <c r="M3271" i="5" s="1"/>
  <c r="P3271" i="5" s="1"/>
  <c r="M3343" i="2"/>
  <c r="M3317" i="5" s="1"/>
  <c r="P3317" i="5" s="1"/>
  <c r="I3343" i="2"/>
  <c r="I3317" i="5" s="1"/>
  <c r="J8682" i="2"/>
  <c r="J8656" i="5" s="1"/>
  <c r="N8656" i="5" s="1"/>
  <c r="K8682" i="2"/>
  <c r="K8656" i="5" s="1"/>
  <c r="M8682" i="2"/>
  <c r="M8656" i="5" s="1"/>
  <c r="P8656" i="5" s="1"/>
  <c r="I8682" i="2"/>
  <c r="I8656" i="5" s="1"/>
  <c r="L8682" i="2"/>
  <c r="L8656" i="5" s="1"/>
  <c r="L2498" i="2"/>
  <c r="L2472" i="5" s="1"/>
  <c r="J2498" i="2"/>
  <c r="J2472" i="5" s="1"/>
  <c r="N2472" i="5" s="1"/>
  <c r="I2498" i="2"/>
  <c r="I2472" i="5" s="1"/>
  <c r="M2498" i="2"/>
  <c r="M2472" i="5" s="1"/>
  <c r="P2472" i="5" s="1"/>
  <c r="L1980" i="2"/>
  <c r="L1954" i="5" s="1"/>
  <c r="K1980" i="2"/>
  <c r="K1954" i="5" s="1"/>
  <c r="M4665" i="2"/>
  <c r="M4639" i="5" s="1"/>
  <c r="P4639" i="5" s="1"/>
  <c r="I4665" i="2"/>
  <c r="I4639" i="5" s="1"/>
  <c r="K4438" i="2"/>
  <c r="K4412" i="5" s="1"/>
  <c r="I229" i="2"/>
  <c r="I203" i="5" s="1"/>
  <c r="M229" i="2"/>
  <c r="M203" i="5" s="1"/>
  <c r="P203" i="5" s="1"/>
  <c r="F113" i="5"/>
  <c r="AR107" i="1"/>
  <c r="K6790" i="2"/>
  <c r="K6764" i="5" s="1"/>
  <c r="L6790" i="2"/>
  <c r="L6764" i="5" s="1"/>
  <c r="J6790" i="2"/>
  <c r="J6764" i="5" s="1"/>
  <c r="N6764" i="5" s="1"/>
  <c r="M6790" i="2"/>
  <c r="M6764" i="5" s="1"/>
  <c r="P6764" i="5" s="1"/>
  <c r="K486" i="2"/>
  <c r="K460" i="5" s="1"/>
  <c r="M486" i="2"/>
  <c r="M460" i="5" s="1"/>
  <c r="P460" i="5" s="1"/>
  <c r="K7680" i="2"/>
  <c r="K7654" i="5" s="1"/>
  <c r="J1640" i="2"/>
  <c r="J1614" i="5" s="1"/>
  <c r="N1614" i="5" s="1"/>
  <c r="L1640" i="2"/>
  <c r="L1614" i="5" s="1"/>
  <c r="M1640" i="2"/>
  <c r="M1614" i="5" s="1"/>
  <c r="P1614" i="5" s="1"/>
  <c r="I8462" i="2"/>
  <c r="I8436" i="5" s="1"/>
  <c r="M8462" i="2"/>
  <c r="M8436" i="5" s="1"/>
  <c r="P8436" i="5" s="1"/>
  <c r="J8462" i="2"/>
  <c r="J8436" i="5" s="1"/>
  <c r="N8436" i="5" s="1"/>
  <c r="L8462" i="2"/>
  <c r="L8436" i="5" s="1"/>
  <c r="K8462" i="2"/>
  <c r="K8436" i="5" s="1"/>
  <c r="L246" i="2"/>
  <c r="L220" i="5" s="1"/>
  <c r="J246" i="2"/>
  <c r="J220" i="5" s="1"/>
  <c r="N220" i="5" s="1"/>
  <c r="M246" i="2"/>
  <c r="M220" i="5" s="1"/>
  <c r="P220" i="5" s="1"/>
  <c r="I246" i="2"/>
  <c r="I220" i="5" s="1"/>
  <c r="K246" i="2"/>
  <c r="K220" i="5" s="1"/>
  <c r="I1945" i="2"/>
  <c r="I1919" i="5" s="1"/>
  <c r="J1945" i="2"/>
  <c r="J1919" i="5" s="1"/>
  <c r="N1919" i="5" s="1"/>
  <c r="M3977" i="2"/>
  <c r="M3951" i="5" s="1"/>
  <c r="P3951" i="5" s="1"/>
  <c r="J3112" i="2"/>
  <c r="J3086" i="5" s="1"/>
  <c r="N3086" i="5" s="1"/>
  <c r="I3112" i="2"/>
  <c r="I3086" i="5" s="1"/>
  <c r="K3112" i="2"/>
  <c r="K3086" i="5" s="1"/>
  <c r="L3112" i="2"/>
  <c r="L3086" i="5" s="1"/>
  <c r="M2084" i="2"/>
  <c r="M2058" i="5" s="1"/>
  <c r="P2058" i="5" s="1"/>
  <c r="J2084" i="2"/>
  <c r="J2058" i="5" s="1"/>
  <c r="N2058" i="5" s="1"/>
  <c r="M2235" i="2"/>
  <c r="M2209" i="5" s="1"/>
  <c r="P2209" i="5" s="1"/>
  <c r="L2235" i="2"/>
  <c r="L2209" i="5" s="1"/>
  <c r="L5097" i="2"/>
  <c r="L5071" i="5" s="1"/>
  <c r="I5097" i="2"/>
  <c r="I5071" i="5" s="1"/>
  <c r="J5097" i="2"/>
  <c r="J5071" i="5" s="1"/>
  <c r="N5071" i="5" s="1"/>
  <c r="L5254" i="2"/>
  <c r="L5228" i="5" s="1"/>
  <c r="I5254" i="2"/>
  <c r="I5228" i="5" s="1"/>
  <c r="K5254" i="2"/>
  <c r="K5228" i="5" s="1"/>
  <c r="J5254" i="2"/>
  <c r="J5228" i="5" s="1"/>
  <c r="N5228" i="5" s="1"/>
  <c r="M5254" i="2"/>
  <c r="M5228" i="5" s="1"/>
  <c r="P5228" i="5" s="1"/>
  <c r="M3935" i="2"/>
  <c r="M3909" i="5" s="1"/>
  <c r="P3909" i="5" s="1"/>
  <c r="L3935" i="2"/>
  <c r="L3909" i="5" s="1"/>
  <c r="K6359" i="2"/>
  <c r="K6333" i="5" s="1"/>
  <c r="I6359" i="2"/>
  <c r="I6333" i="5" s="1"/>
  <c r="J6359" i="2"/>
  <c r="J6333" i="5" s="1"/>
  <c r="N6333" i="5" s="1"/>
  <c r="M6359" i="2"/>
  <c r="M6333" i="5" s="1"/>
  <c r="P6333" i="5" s="1"/>
  <c r="L6359" i="2"/>
  <c r="L6333" i="5" s="1"/>
  <c r="M4128" i="2"/>
  <c r="M4102" i="5" s="1"/>
  <c r="P4102" i="5" s="1"/>
  <c r="K4128" i="2"/>
  <c r="K4102" i="5" s="1"/>
  <c r="J4128" i="2"/>
  <c r="J4102" i="5" s="1"/>
  <c r="N4102" i="5" s="1"/>
  <c r="J389" i="2"/>
  <c r="J363" i="5" s="1"/>
  <c r="N363" i="5" s="1"/>
  <c r="I8544" i="2"/>
  <c r="I8518" i="5" s="1"/>
  <c r="M4339" i="2"/>
  <c r="M4313" i="5" s="1"/>
  <c r="P4313" i="5" s="1"/>
  <c r="I8454" i="2"/>
  <c r="I8428" i="5" s="1"/>
  <c r="J34" i="2"/>
  <c r="J8" i="5" s="1"/>
  <c r="N8" i="5" s="1"/>
  <c r="L5452" i="2"/>
  <c r="L5426" i="5" s="1"/>
  <c r="L761" i="2"/>
  <c r="L735" i="5" s="1"/>
  <c r="J4658" i="2"/>
  <c r="J4632" i="5" s="1"/>
  <c r="N4632" i="5" s="1"/>
  <c r="M4071" i="2"/>
  <c r="M4045" i="5" s="1"/>
  <c r="P4045" i="5" s="1"/>
  <c r="J3168" i="2"/>
  <c r="J3142" i="5" s="1"/>
  <c r="N3142" i="5" s="1"/>
  <c r="M130" i="2"/>
  <c r="M104" i="5" s="1"/>
  <c r="P104" i="5" s="1"/>
  <c r="J4843" i="2"/>
  <c r="J4817" i="5" s="1"/>
  <c r="N4817" i="5" s="1"/>
  <c r="I3326" i="2"/>
  <c r="I3300" i="5" s="1"/>
  <c r="I259" i="2"/>
  <c r="I233" i="5" s="1"/>
  <c r="L2387" i="2"/>
  <c r="L2361" i="5" s="1"/>
  <c r="M6487" i="2"/>
  <c r="M6461" i="5" s="1"/>
  <c r="P6461" i="5" s="1"/>
  <c r="K7664" i="2"/>
  <c r="K7638" i="5" s="1"/>
  <c r="O7638" i="5" s="1"/>
  <c r="K552" i="2"/>
  <c r="K526" i="5" s="1"/>
  <c r="I5344" i="2"/>
  <c r="I5318" i="5" s="1"/>
  <c r="J6529" i="2"/>
  <c r="J6503" i="5" s="1"/>
  <c r="N6503" i="5" s="1"/>
  <c r="L8196" i="2"/>
  <c r="L8170" i="5" s="1"/>
  <c r="I4941" i="2"/>
  <c r="I4915" i="5" s="1"/>
  <c r="I278" i="2"/>
  <c r="I252" i="5" s="1"/>
  <c r="I4074" i="2"/>
  <c r="I4048" i="5" s="1"/>
  <c r="M1914" i="2"/>
  <c r="M1888" i="5" s="1"/>
  <c r="P1888" i="5" s="1"/>
  <c r="K5306" i="2"/>
  <c r="K5280" i="5" s="1"/>
  <c r="K2159" i="2"/>
  <c r="K2133" i="5" s="1"/>
  <c r="K7097" i="2"/>
  <c r="K7071" i="5" s="1"/>
  <c r="O7071" i="5" s="1"/>
  <c r="K5847" i="2"/>
  <c r="K5821" i="5" s="1"/>
  <c r="K722" i="2"/>
  <c r="K696" i="5" s="1"/>
  <c r="I8369" i="2"/>
  <c r="I8343" i="5" s="1"/>
  <c r="L4666" i="2"/>
  <c r="L4640" i="5" s="1"/>
  <c r="M3632" i="2"/>
  <c r="M3606" i="5" s="1"/>
  <c r="P3606" i="5" s="1"/>
  <c r="J5074" i="2"/>
  <c r="J5048" i="5" s="1"/>
  <c r="N5048" i="5" s="1"/>
  <c r="K5450" i="2"/>
  <c r="K5424" i="5" s="1"/>
  <c r="J5859" i="2"/>
  <c r="J5833" i="5" s="1"/>
  <c r="N5833" i="5" s="1"/>
  <c r="M2944" i="2"/>
  <c r="M2918" i="5" s="1"/>
  <c r="P2918" i="5" s="1"/>
  <c r="I6683" i="2"/>
  <c r="I6657" i="5" s="1"/>
  <c r="L2152" i="2"/>
  <c r="L2126" i="5" s="1"/>
  <c r="L5082" i="2"/>
  <c r="L5056" i="5" s="1"/>
  <c r="J1715" i="2"/>
  <c r="J1689" i="5" s="1"/>
  <c r="N1689" i="5" s="1"/>
  <c r="K302" i="2"/>
  <c r="K276" i="5" s="1"/>
  <c r="L6687" i="2"/>
  <c r="L6661" i="5" s="1"/>
  <c r="L3768" i="2"/>
  <c r="L3742" i="5" s="1"/>
  <c r="L3785" i="2"/>
  <c r="L3759" i="5" s="1"/>
  <c r="K7518" i="2"/>
  <c r="K7492" i="5" s="1"/>
  <c r="L4442" i="2"/>
  <c r="L4416" i="5" s="1"/>
  <c r="L3408" i="2"/>
  <c r="L3382" i="5" s="1"/>
  <c r="I3408" i="2"/>
  <c r="I3382" i="5" s="1"/>
  <c r="K3408" i="2"/>
  <c r="K3382" i="5" s="1"/>
  <c r="M3408" i="2"/>
  <c r="M3382" i="5" s="1"/>
  <c r="P3382" i="5" s="1"/>
  <c r="J3408" i="2"/>
  <c r="J3382" i="5" s="1"/>
  <c r="N3382" i="5" s="1"/>
  <c r="M8535" i="2"/>
  <c r="M8509" i="5" s="1"/>
  <c r="P8509" i="5" s="1"/>
  <c r="L8535" i="2"/>
  <c r="L8509" i="5" s="1"/>
  <c r="I8535" i="2"/>
  <c r="I8509" i="5" s="1"/>
  <c r="K8535" i="2"/>
  <c r="K8509" i="5" s="1"/>
  <c r="M3624" i="2"/>
  <c r="M3598" i="5" s="1"/>
  <c r="P3598" i="5" s="1"/>
  <c r="L3624" i="2"/>
  <c r="L3598" i="5" s="1"/>
  <c r="I3624" i="2"/>
  <c r="I3598" i="5" s="1"/>
  <c r="I6022" i="2"/>
  <c r="I5996" i="5" s="1"/>
  <c r="K6022" i="2"/>
  <c r="K5996" i="5" s="1"/>
  <c r="J6022" i="2"/>
  <c r="J5996" i="5" s="1"/>
  <c r="N5996" i="5" s="1"/>
  <c r="I6757" i="2"/>
  <c r="I6731" i="5" s="1"/>
  <c r="M6757" i="2"/>
  <c r="M6731" i="5" s="1"/>
  <c r="P6731" i="5" s="1"/>
  <c r="M8474" i="2"/>
  <c r="M8448" i="5" s="1"/>
  <c r="P8448" i="5" s="1"/>
  <c r="L8474" i="2"/>
  <c r="L8448" i="5" s="1"/>
  <c r="M5859" i="2"/>
  <c r="M5833" i="5" s="1"/>
  <c r="P5833" i="5" s="1"/>
  <c r="I7157" i="2"/>
  <c r="I7131" i="5" s="1"/>
  <c r="K7157" i="2"/>
  <c r="K7131" i="5" s="1"/>
  <c r="I150" i="2"/>
  <c r="I124" i="5" s="1"/>
  <c r="M150" i="2"/>
  <c r="M124" i="5" s="1"/>
  <c r="P124" i="5" s="1"/>
  <c r="L150" i="2"/>
  <c r="L124" i="5" s="1"/>
  <c r="M1230" i="2"/>
  <c r="M1204" i="5" s="1"/>
  <c r="P1204" i="5" s="1"/>
  <c r="L1230" i="2"/>
  <c r="L1204" i="5" s="1"/>
  <c r="I1230" i="2"/>
  <c r="I1204" i="5" s="1"/>
  <c r="L6350" i="2"/>
  <c r="L6324" i="5" s="1"/>
  <c r="J6350" i="2"/>
  <c r="J6324" i="5" s="1"/>
  <c r="N6324" i="5" s="1"/>
  <c r="K6350" i="2"/>
  <c r="K6324" i="5" s="1"/>
  <c r="M6350" i="2"/>
  <c r="M6324" i="5" s="1"/>
  <c r="P6324" i="5" s="1"/>
  <c r="K4421" i="2"/>
  <c r="K4395" i="5" s="1"/>
  <c r="I4421" i="2"/>
  <c r="I4395" i="5" s="1"/>
  <c r="J4421" i="2"/>
  <c r="J4395" i="5" s="1"/>
  <c r="N4395" i="5" s="1"/>
  <c r="L807" i="2"/>
  <c r="L781" i="5" s="1"/>
  <c r="M807" i="2"/>
  <c r="M781" i="5" s="1"/>
  <c r="P781" i="5" s="1"/>
  <c r="I1490" i="2"/>
  <c r="I1464" i="5" s="1"/>
  <c r="M1490" i="2"/>
  <c r="M1464" i="5" s="1"/>
  <c r="P1464" i="5" s="1"/>
  <c r="L1490" i="2"/>
  <c r="L1464" i="5" s="1"/>
  <c r="M1120" i="2"/>
  <c r="M1094" i="5" s="1"/>
  <c r="P1094" i="5" s="1"/>
  <c r="I1120" i="2"/>
  <c r="I1094" i="5" s="1"/>
  <c r="K1120" i="2"/>
  <c r="K1094" i="5" s="1"/>
  <c r="J1120" i="2"/>
  <c r="J1094" i="5" s="1"/>
  <c r="N1094" i="5" s="1"/>
  <c r="L1120" i="2"/>
  <c r="L1094" i="5" s="1"/>
  <c r="L7663" i="2"/>
  <c r="L7637" i="5" s="1"/>
  <c r="J7663" i="2"/>
  <c r="J7637" i="5" s="1"/>
  <c r="N7637" i="5" s="1"/>
  <c r="I7663" i="2"/>
  <c r="I7637" i="5" s="1"/>
  <c r="E262" i="5"/>
  <c r="AR256" i="1"/>
  <c r="M8374" i="2"/>
  <c r="M8348" i="5" s="1"/>
  <c r="P8348" i="5" s="1"/>
  <c r="L8374" i="2"/>
  <c r="L8348" i="5" s="1"/>
  <c r="J8374" i="2"/>
  <c r="J8348" i="5" s="1"/>
  <c r="N8348" i="5" s="1"/>
  <c r="M4916" i="2"/>
  <c r="M4890" i="5" s="1"/>
  <c r="P4890" i="5" s="1"/>
  <c r="K4916" i="2"/>
  <c r="K4890" i="5" s="1"/>
  <c r="O4890" i="5" s="1"/>
  <c r="J4916" i="2"/>
  <c r="J4890" i="5" s="1"/>
  <c r="N4890" i="5" s="1"/>
  <c r="I6793" i="2"/>
  <c r="I6767" i="5" s="1"/>
  <c r="L6793" i="2"/>
  <c r="L6767" i="5" s="1"/>
  <c r="K6793" i="2"/>
  <c r="K6767" i="5" s="1"/>
  <c r="J6793" i="2"/>
  <c r="J6767" i="5" s="1"/>
  <c r="N6767" i="5" s="1"/>
  <c r="M6793" i="2"/>
  <c r="M6767" i="5" s="1"/>
  <c r="P6767" i="5" s="1"/>
  <c r="K389" i="2"/>
  <c r="K363" i="5" s="1"/>
  <c r="L1438" i="2"/>
  <c r="L1412" i="5" s="1"/>
  <c r="L4339" i="2"/>
  <c r="L4313" i="5" s="1"/>
  <c r="J8454" i="2"/>
  <c r="J8428" i="5" s="1"/>
  <c r="N8428" i="5" s="1"/>
  <c r="L34" i="2"/>
  <c r="L8" i="5" s="1"/>
  <c r="K5452" i="2"/>
  <c r="K5426" i="5" s="1"/>
  <c r="L3997" i="2"/>
  <c r="L3971" i="5" s="1"/>
  <c r="J6525" i="2"/>
  <c r="J6499" i="5" s="1"/>
  <c r="N6499" i="5" s="1"/>
  <c r="M4658" i="2"/>
  <c r="M4632" i="5" s="1"/>
  <c r="P4632" i="5" s="1"/>
  <c r="K3239" i="2"/>
  <c r="K3213" i="5" s="1"/>
  <c r="L4347" i="2"/>
  <c r="L4321" i="5" s="1"/>
  <c r="M3168" i="2"/>
  <c r="M3142" i="5" s="1"/>
  <c r="P3142" i="5" s="1"/>
  <c r="K130" i="2"/>
  <c r="K104" i="5" s="1"/>
  <c r="K4843" i="2"/>
  <c r="K4817" i="5" s="1"/>
  <c r="O4817" i="5" s="1"/>
  <c r="M3326" i="2"/>
  <c r="M3300" i="5" s="1"/>
  <c r="P3300" i="5" s="1"/>
  <c r="J259" i="2"/>
  <c r="J233" i="5" s="1"/>
  <c r="N233" i="5" s="1"/>
  <c r="K2387" i="2"/>
  <c r="K2361" i="5" s="1"/>
  <c r="I6487" i="2"/>
  <c r="I6461" i="5" s="1"/>
  <c r="J7664" i="2"/>
  <c r="J7638" i="5" s="1"/>
  <c r="N7638" i="5" s="1"/>
  <c r="L5344" i="2"/>
  <c r="L5318" i="5" s="1"/>
  <c r="M6529" i="2"/>
  <c r="M6503" i="5" s="1"/>
  <c r="P6503" i="5" s="1"/>
  <c r="M8196" i="2"/>
  <c r="M8170" i="5" s="1"/>
  <c r="P8170" i="5" s="1"/>
  <c r="L203" i="2"/>
  <c r="L177" i="5" s="1"/>
  <c r="K278" i="2"/>
  <c r="K252" i="5" s="1"/>
  <c r="O252" i="5" s="1"/>
  <c r="M1432" i="2"/>
  <c r="M1406" i="5" s="1"/>
  <c r="P1406" i="5" s="1"/>
  <c r="L5306" i="2"/>
  <c r="L5280" i="5" s="1"/>
  <c r="K3070" i="2"/>
  <c r="K3044" i="5" s="1"/>
  <c r="J7179" i="2"/>
  <c r="J7153" i="5" s="1"/>
  <c r="M8369" i="2"/>
  <c r="M8343" i="5" s="1"/>
  <c r="P8343" i="5" s="1"/>
  <c r="K5971" i="2"/>
  <c r="K5945" i="5" s="1"/>
  <c r="O5945" i="5" s="1"/>
  <c r="M5670" i="2"/>
  <c r="M5644" i="5" s="1"/>
  <c r="P5644" i="5" s="1"/>
  <c r="K2490" i="2"/>
  <c r="K2464" i="5" s="1"/>
  <c r="O2464" i="5" s="1"/>
  <c r="J5082" i="2"/>
  <c r="J5056" i="5" s="1"/>
  <c r="N5056" i="5" s="1"/>
  <c r="M1715" i="2"/>
  <c r="M1689" i="5" s="1"/>
  <c r="P1689" i="5" s="1"/>
  <c r="I2796" i="2"/>
  <c r="I2770" i="5" s="1"/>
  <c r="M4280" i="2"/>
  <c r="M4254" i="5" s="1"/>
  <c r="P4254" i="5" s="1"/>
  <c r="K5656" i="2"/>
  <c r="K5630" i="5" s="1"/>
  <c r="M5695" i="2"/>
  <c r="M5669" i="5" s="1"/>
  <c r="P5669" i="5" s="1"/>
  <c r="K5695" i="2"/>
  <c r="K5669" i="5" s="1"/>
  <c r="L5695" i="2"/>
  <c r="L5669" i="5" s="1"/>
  <c r="J5695" i="2"/>
  <c r="J5669" i="5" s="1"/>
  <c r="N5669" i="5" s="1"/>
  <c r="M6775" i="2"/>
  <c r="M6749" i="5" s="1"/>
  <c r="P6749" i="5" s="1"/>
  <c r="I6775" i="2"/>
  <c r="I6749" i="5" s="1"/>
  <c r="K6775" i="2"/>
  <c r="K6749" i="5" s="1"/>
  <c r="O6749" i="5" s="1"/>
  <c r="I6143" i="2"/>
  <c r="I6117" i="5" s="1"/>
  <c r="K6143" i="2"/>
  <c r="K6117" i="5" s="1"/>
  <c r="J6143" i="2"/>
  <c r="J6117" i="5" s="1"/>
  <c r="N6117" i="5" s="1"/>
  <c r="L6143" i="2"/>
  <c r="L6117" i="5" s="1"/>
  <c r="M6143" i="2"/>
  <c r="M6117" i="5" s="1"/>
  <c r="P6117" i="5" s="1"/>
  <c r="L2159" i="2"/>
  <c r="L2133" i="5" s="1"/>
  <c r="L2958" i="2"/>
  <c r="L2932" i="5" s="1"/>
  <c r="K2958" i="2"/>
  <c r="K2932" i="5" s="1"/>
  <c r="L389" i="2"/>
  <c r="L363" i="5" s="1"/>
  <c r="M7664" i="2"/>
  <c r="M7638" i="5" s="1"/>
  <c r="P7638" i="5" s="1"/>
  <c r="K1386" i="2"/>
  <c r="K1360" i="5" s="1"/>
  <c r="L1386" i="2"/>
  <c r="L1360" i="5" s="1"/>
  <c r="M1386" i="2"/>
  <c r="M1360" i="5" s="1"/>
  <c r="P1360" i="5" s="1"/>
  <c r="L6363" i="2"/>
  <c r="L6337" i="5" s="1"/>
  <c r="K6363" i="2"/>
  <c r="K6337" i="5" s="1"/>
  <c r="M6363" i="2"/>
  <c r="M6337" i="5" s="1"/>
  <c r="P6337" i="5" s="1"/>
  <c r="I6363" i="2"/>
  <c r="I6337" i="5" s="1"/>
  <c r="J6363" i="2"/>
  <c r="J6337" i="5" s="1"/>
  <c r="N6337" i="5" s="1"/>
  <c r="M935" i="2"/>
  <c r="M909" i="5" s="1"/>
  <c r="P909" i="5" s="1"/>
  <c r="L935" i="2"/>
  <c r="L909" i="5" s="1"/>
  <c r="J935" i="2"/>
  <c r="J909" i="5" s="1"/>
  <c r="N909" i="5" s="1"/>
  <c r="I935" i="2"/>
  <c r="I909" i="5" s="1"/>
  <c r="K935" i="2"/>
  <c r="K909" i="5" s="1"/>
  <c r="J5990" i="2"/>
  <c r="J5964" i="5" s="1"/>
  <c r="N5964" i="5" s="1"/>
  <c r="M5990" i="2"/>
  <c r="M5964" i="5" s="1"/>
  <c r="P5964" i="5" s="1"/>
  <c r="I5990" i="2"/>
  <c r="I5964" i="5" s="1"/>
  <c r="J4303" i="2"/>
  <c r="J4277" i="5" s="1"/>
  <c r="N4277" i="5" s="1"/>
  <c r="M4303" i="2"/>
  <c r="M4277" i="5" s="1"/>
  <c r="P4277" i="5" s="1"/>
  <c r="K4303" i="2"/>
  <c r="K4277" i="5" s="1"/>
  <c r="O4277" i="5" s="1"/>
  <c r="L8108" i="2"/>
  <c r="L8082" i="5" s="1"/>
  <c r="I8108" i="2"/>
  <c r="I8082" i="5" s="1"/>
  <c r="M8108" i="2"/>
  <c r="M8082" i="5" s="1"/>
  <c r="P8082" i="5" s="1"/>
  <c r="J2445" i="2"/>
  <c r="J2419" i="5" s="1"/>
  <c r="N2419" i="5" s="1"/>
  <c r="K2445" i="2"/>
  <c r="K2419" i="5" s="1"/>
  <c r="M2445" i="2"/>
  <c r="M2419" i="5" s="1"/>
  <c r="P2419" i="5" s="1"/>
  <c r="L2445" i="2"/>
  <c r="L2419" i="5" s="1"/>
  <c r="I2445" i="2"/>
  <c r="I2419" i="5" s="1"/>
  <c r="I744" i="2"/>
  <c r="I718" i="5" s="1"/>
  <c r="L744" i="2"/>
  <c r="L718" i="5" s="1"/>
  <c r="K744" i="2"/>
  <c r="K718" i="5" s="1"/>
  <c r="M2764" i="2"/>
  <c r="M2738" i="5" s="1"/>
  <c r="P2738" i="5" s="1"/>
  <c r="I2764" i="2"/>
  <c r="I2738" i="5" s="1"/>
  <c r="K2764" i="2"/>
  <c r="K2738" i="5" s="1"/>
  <c r="O2738" i="5" s="1"/>
  <c r="J2764" i="2"/>
  <c r="J2738" i="5" s="1"/>
  <c r="N2738" i="5" s="1"/>
  <c r="L5019" i="2"/>
  <c r="L4993" i="5" s="1"/>
  <c r="K5019" i="2"/>
  <c r="K4993" i="5" s="1"/>
  <c r="L2495" i="2"/>
  <c r="L2469" i="5" s="1"/>
  <c r="I2495" i="2"/>
  <c r="I2469" i="5" s="1"/>
  <c r="M572" i="2"/>
  <c r="M546" i="5" s="1"/>
  <c r="P546" i="5" s="1"/>
  <c r="J572" i="2"/>
  <c r="J546" i="5" s="1"/>
  <c r="N546" i="5" s="1"/>
  <c r="L572" i="2"/>
  <c r="L546" i="5" s="1"/>
  <c r="I572" i="2"/>
  <c r="I546" i="5" s="1"/>
  <c r="M2116" i="2"/>
  <c r="M2090" i="5" s="1"/>
  <c r="P2090" i="5" s="1"/>
  <c r="K2116" i="2"/>
  <c r="K2090" i="5" s="1"/>
  <c r="K1076" i="2"/>
  <c r="K1050" i="5" s="1"/>
  <c r="J1076" i="2"/>
  <c r="J1050" i="5" s="1"/>
  <c r="N1050" i="5" s="1"/>
  <c r="M1076" i="2"/>
  <c r="M1050" i="5" s="1"/>
  <c r="P1050" i="5" s="1"/>
  <c r="L1076" i="2"/>
  <c r="L1050" i="5" s="1"/>
  <c r="I1076" i="2"/>
  <c r="I1050" i="5" s="1"/>
  <c r="L3395" i="2"/>
  <c r="L3369" i="5" s="1"/>
  <c r="I3395" i="2"/>
  <c r="I3369" i="5" s="1"/>
  <c r="J3395" i="2"/>
  <c r="J3369" i="5" s="1"/>
  <c r="M3395" i="2"/>
  <c r="M3369" i="5" s="1"/>
  <c r="P3369" i="5" s="1"/>
  <c r="M5600" i="2"/>
  <c r="M5574" i="5" s="1"/>
  <c r="P5574" i="5" s="1"/>
  <c r="I5600" i="2"/>
  <c r="I5574" i="5" s="1"/>
  <c r="L5600" i="2"/>
  <c r="L5574" i="5" s="1"/>
  <c r="L3400" i="2"/>
  <c r="L3374" i="5" s="1"/>
  <c r="M3400" i="2"/>
  <c r="M3374" i="5" s="1"/>
  <c r="P3374" i="5" s="1"/>
  <c r="J2269" i="2"/>
  <c r="J2243" i="5" s="1"/>
  <c r="M2269" i="2"/>
  <c r="M2243" i="5" s="1"/>
  <c r="P2243" i="5" s="1"/>
  <c r="I2269" i="2"/>
  <c r="I2243" i="5" s="1"/>
  <c r="K2269" i="2"/>
  <c r="K2243" i="5" s="1"/>
  <c r="L6459" i="2"/>
  <c r="L6433" i="5" s="1"/>
  <c r="I6459" i="2"/>
  <c r="I6433" i="5" s="1"/>
  <c r="K6459" i="2"/>
  <c r="K6433" i="5" s="1"/>
  <c r="J6459" i="2"/>
  <c r="J6433" i="5" s="1"/>
  <c r="N6433" i="5" s="1"/>
  <c r="M5487" i="2"/>
  <c r="M5461" i="5" s="1"/>
  <c r="P5461" i="5" s="1"/>
  <c r="J5487" i="2"/>
  <c r="J5461" i="5" s="1"/>
  <c r="N5461" i="5" s="1"/>
  <c r="K5487" i="2"/>
  <c r="K5461" i="5" s="1"/>
  <c r="I5487" i="2"/>
  <c r="I5461" i="5" s="1"/>
  <c r="L2573" i="2"/>
  <c r="L2547" i="5" s="1"/>
  <c r="M2573" i="2"/>
  <c r="M2547" i="5" s="1"/>
  <c r="P2547" i="5" s="1"/>
  <c r="I2573" i="2"/>
  <c r="I2547" i="5" s="1"/>
  <c r="J2573" i="2"/>
  <c r="J2547" i="5" s="1"/>
  <c r="N2547" i="5" s="1"/>
  <c r="K563" i="2"/>
  <c r="K537" i="5" s="1"/>
  <c r="L563" i="2"/>
  <c r="L537" i="5" s="1"/>
  <c r="M563" i="2"/>
  <c r="M537" i="5" s="1"/>
  <c r="P537" i="5" s="1"/>
  <c r="J563" i="2"/>
  <c r="J537" i="5" s="1"/>
  <c r="N537" i="5" s="1"/>
  <c r="I563" i="2"/>
  <c r="I537" i="5" s="1"/>
  <c r="I6788" i="2"/>
  <c r="I6762" i="5" s="1"/>
  <c r="L6788" i="2"/>
  <c r="L6762" i="5" s="1"/>
  <c r="J8623" i="2"/>
  <c r="J8597" i="5" s="1"/>
  <c r="N8597" i="5" s="1"/>
  <c r="L8623" i="2"/>
  <c r="L8597" i="5" s="1"/>
  <c r="K8623" i="2"/>
  <c r="K8597" i="5" s="1"/>
  <c r="I8623" i="2"/>
  <c r="I8597" i="5" s="1"/>
  <c r="M8623" i="2"/>
  <c r="M8597" i="5" s="1"/>
  <c r="P8597" i="5" s="1"/>
  <c r="K942" i="2"/>
  <c r="K916" i="5" s="1"/>
  <c r="J942" i="2"/>
  <c r="J916" i="5" s="1"/>
  <c r="N916" i="5" s="1"/>
  <c r="I942" i="2"/>
  <c r="I916" i="5" s="1"/>
  <c r="L942" i="2"/>
  <c r="L916" i="5" s="1"/>
  <c r="M942" i="2"/>
  <c r="M916" i="5" s="1"/>
  <c r="P916" i="5" s="1"/>
  <c r="J922" i="2"/>
  <c r="J896" i="5" s="1"/>
  <c r="N896" i="5" s="1"/>
  <c r="L922" i="2"/>
  <c r="L896" i="5" s="1"/>
  <c r="J6818" i="2"/>
  <c r="J6792" i="5" s="1"/>
  <c r="N6792" i="5" s="1"/>
  <c r="L6818" i="2"/>
  <c r="L6792" i="5" s="1"/>
  <c r="J7521" i="2"/>
  <c r="J7495" i="5" s="1"/>
  <c r="I7521" i="2"/>
  <c r="I7495" i="5" s="1"/>
  <c r="L7521" i="2"/>
  <c r="L7495" i="5" s="1"/>
  <c r="M97" i="2"/>
  <c r="M71" i="5" s="1"/>
  <c r="P71" i="5" s="1"/>
  <c r="J97" i="2"/>
  <c r="J71" i="5" s="1"/>
  <c r="N71" i="5" s="1"/>
  <c r="I97" i="2"/>
  <c r="I71" i="5" s="1"/>
  <c r="K97" i="2"/>
  <c r="K71" i="5" s="1"/>
  <c r="O71" i="5" s="1"/>
  <c r="M1225" i="2"/>
  <c r="M1199" i="5" s="1"/>
  <c r="P1199" i="5" s="1"/>
  <c r="K1225" i="2"/>
  <c r="K1199" i="5" s="1"/>
  <c r="L1225" i="2"/>
  <c r="L1199" i="5" s="1"/>
  <c r="J1225" i="2"/>
  <c r="J1199" i="5" s="1"/>
  <c r="N1199" i="5" s="1"/>
  <c r="I1225" i="2"/>
  <c r="I1199" i="5" s="1"/>
  <c r="K4686" i="2"/>
  <c r="K4660" i="5" s="1"/>
  <c r="J4686" i="2"/>
  <c r="J4660" i="5" s="1"/>
  <c r="N4660" i="5" s="1"/>
  <c r="L4686" i="2"/>
  <c r="L4660" i="5" s="1"/>
  <c r="I4686" i="2"/>
  <c r="I4660" i="5" s="1"/>
  <c r="K4666" i="2"/>
  <c r="K4640" i="5" s="1"/>
  <c r="J4666" i="2"/>
  <c r="J4640" i="5" s="1"/>
  <c r="J898" i="2"/>
  <c r="J872" i="5" s="1"/>
  <c r="M898" i="2"/>
  <c r="M872" i="5" s="1"/>
  <c r="P872" i="5" s="1"/>
  <c r="J65" i="2"/>
  <c r="J39" i="5" s="1"/>
  <c r="L65" i="2"/>
  <c r="L39" i="5" s="1"/>
  <c r="I65" i="2"/>
  <c r="I39" i="5" s="1"/>
  <c r="K65" i="2"/>
  <c r="K39" i="5" s="1"/>
  <c r="I5076" i="2"/>
  <c r="I5050" i="5" s="1"/>
  <c r="L5076" i="2"/>
  <c r="L5050" i="5" s="1"/>
  <c r="J5076" i="2"/>
  <c r="J5050" i="5" s="1"/>
  <c r="N5050" i="5" s="1"/>
  <c r="K5076" i="2"/>
  <c r="K5050" i="5" s="1"/>
  <c r="M5076" i="2"/>
  <c r="M5050" i="5" s="1"/>
  <c r="P5050" i="5" s="1"/>
  <c r="M607" i="2"/>
  <c r="M581" i="5" s="1"/>
  <c r="P581" i="5" s="1"/>
  <c r="J607" i="2"/>
  <c r="J581" i="5" s="1"/>
  <c r="N581" i="5" s="1"/>
  <c r="L607" i="2"/>
  <c r="L581" i="5" s="1"/>
  <c r="I607" i="2"/>
  <c r="I581" i="5" s="1"/>
  <c r="K607" i="2"/>
  <c r="K581" i="5" s="1"/>
  <c r="L1632" i="2"/>
  <c r="L1606" i="5" s="1"/>
  <c r="K1632" i="2"/>
  <c r="K1606" i="5" s="1"/>
  <c r="I1632" i="2"/>
  <c r="I1606" i="5" s="1"/>
  <c r="M1632" i="2"/>
  <c r="M1606" i="5" s="1"/>
  <c r="P1606" i="5" s="1"/>
  <c r="J1632" i="2"/>
  <c r="J1606" i="5" s="1"/>
  <c r="N1606" i="5" s="1"/>
  <c r="M783" i="2"/>
  <c r="M757" i="5" s="1"/>
  <c r="P757" i="5" s="1"/>
  <c r="J783" i="2"/>
  <c r="J757" i="5" s="1"/>
  <c r="N757" i="5" s="1"/>
  <c r="K783" i="2"/>
  <c r="K757" i="5" s="1"/>
  <c r="L783" i="2"/>
  <c r="L757" i="5" s="1"/>
  <c r="I783" i="2"/>
  <c r="I757" i="5" s="1"/>
  <c r="K2231" i="2"/>
  <c r="K2205" i="5" s="1"/>
  <c r="J2231" i="2"/>
  <c r="J2205" i="5" s="1"/>
  <c r="N2205" i="5" s="1"/>
  <c r="L2231" i="2"/>
  <c r="L2205" i="5" s="1"/>
  <c r="M2231" i="2"/>
  <c r="M2205" i="5" s="1"/>
  <c r="P2205" i="5" s="1"/>
  <c r="I2231" i="2"/>
  <c r="I2205" i="5" s="1"/>
  <c r="L7824" i="2"/>
  <c r="L7798" i="5" s="1"/>
  <c r="J7824" i="2"/>
  <c r="J7798" i="5" s="1"/>
  <c r="N7798" i="5" s="1"/>
  <c r="C103" i="5"/>
  <c r="AR97" i="1"/>
  <c r="I7101" i="2"/>
  <c r="I7075" i="5" s="1"/>
  <c r="K7101" i="2"/>
  <c r="K7075" i="5" s="1"/>
  <c r="L7101" i="2"/>
  <c r="L7075" i="5" s="1"/>
  <c r="K6352" i="2"/>
  <c r="K6326" i="5" s="1"/>
  <c r="M6352" i="2"/>
  <c r="M6326" i="5" s="1"/>
  <c r="P6326" i="5" s="1"/>
  <c r="L6352" i="2"/>
  <c r="L6326" i="5" s="1"/>
  <c r="I6352" i="2"/>
  <c r="I6326" i="5" s="1"/>
  <c r="L8010" i="2"/>
  <c r="L7984" i="5" s="1"/>
  <c r="E254" i="5"/>
  <c r="AR248" i="1"/>
  <c r="I3646" i="2"/>
  <c r="I3620" i="5" s="1"/>
  <c r="M3646" i="2"/>
  <c r="M3620" i="5" s="1"/>
  <c r="P3620" i="5" s="1"/>
  <c r="M7188" i="2"/>
  <c r="M7162" i="5" s="1"/>
  <c r="P7162" i="5" s="1"/>
  <c r="L7188" i="2"/>
  <c r="L7162" i="5" s="1"/>
  <c r="K7188" i="2"/>
  <c r="K7162" i="5" s="1"/>
  <c r="I7188" i="2"/>
  <c r="I7162" i="5" s="1"/>
  <c r="J7188" i="2"/>
  <c r="J7162" i="5" s="1"/>
  <c r="N7162" i="5" s="1"/>
  <c r="L4637" i="2"/>
  <c r="L4611" i="5" s="1"/>
  <c r="M4637" i="2"/>
  <c r="M4611" i="5" s="1"/>
  <c r="P4611" i="5" s="1"/>
  <c r="J4637" i="2"/>
  <c r="J4611" i="5" s="1"/>
  <c r="N4611" i="5" s="1"/>
  <c r="M714" i="2"/>
  <c r="M688" i="5" s="1"/>
  <c r="P688" i="5" s="1"/>
  <c r="L714" i="2"/>
  <c r="L688" i="5" s="1"/>
  <c r="I714" i="2"/>
  <c r="I688" i="5" s="1"/>
  <c r="K714" i="2"/>
  <c r="K688" i="5" s="1"/>
  <c r="J714" i="2"/>
  <c r="J688" i="5" s="1"/>
  <c r="N688" i="5" s="1"/>
  <c r="I7636" i="2"/>
  <c r="I7610" i="5" s="1"/>
  <c r="M7636" i="2"/>
  <c r="M7610" i="5" s="1"/>
  <c r="P7610" i="5" s="1"/>
  <c r="K7636" i="2"/>
  <c r="K7610" i="5" s="1"/>
  <c r="O7610" i="5" s="1"/>
  <c r="I7140" i="2"/>
  <c r="I7114" i="5" s="1"/>
  <c r="J2152" i="2"/>
  <c r="J2126" i="5" s="1"/>
  <c r="N2126" i="5" s="1"/>
  <c r="M2309" i="2"/>
  <c r="M2283" i="5" s="1"/>
  <c r="P2283" i="5" s="1"/>
  <c r="K2309" i="2"/>
  <c r="K2283" i="5" s="1"/>
  <c r="I2309" i="2"/>
  <c r="I2283" i="5" s="1"/>
  <c r="J2309" i="2"/>
  <c r="J2283" i="5" s="1"/>
  <c r="N2283" i="5" s="1"/>
  <c r="J4417" i="2"/>
  <c r="J4391" i="5" s="1"/>
  <c r="N4391" i="5" s="1"/>
  <c r="L4417" i="2"/>
  <c r="L4391" i="5" s="1"/>
  <c r="M4417" i="2"/>
  <c r="M4391" i="5" s="1"/>
  <c r="P4391" i="5" s="1"/>
  <c r="L552" i="2"/>
  <c r="L526" i="5" s="1"/>
  <c r="K8196" i="2"/>
  <c r="K8170" i="5" s="1"/>
  <c r="I7097" i="2"/>
  <c r="I7071" i="5" s="1"/>
  <c r="M7097" i="2"/>
  <c r="M7071" i="5" s="1"/>
  <c r="P7071" i="5" s="1"/>
  <c r="K6433" i="2"/>
  <c r="K6407" i="5" s="1"/>
  <c r="J6433" i="2"/>
  <c r="J6407" i="5" s="1"/>
  <c r="N6407" i="5" s="1"/>
  <c r="L2292" i="2"/>
  <c r="L2266" i="5" s="1"/>
  <c r="K3624" i="2"/>
  <c r="K3598" i="5" s="1"/>
  <c r="K2296" i="2"/>
  <c r="K2270" i="5" s="1"/>
  <c r="J2919" i="2"/>
  <c r="J2893" i="5" s="1"/>
  <c r="N2893" i="5" s="1"/>
  <c r="M2919" i="2"/>
  <c r="M2893" i="5" s="1"/>
  <c r="P2893" i="5" s="1"/>
  <c r="I3251" i="2"/>
  <c r="I3225" i="5" s="1"/>
  <c r="K3251" i="2"/>
  <c r="K3225" i="5" s="1"/>
  <c r="M3251" i="2"/>
  <c r="M3225" i="5" s="1"/>
  <c r="P3225" i="5" s="1"/>
  <c r="L3251" i="2"/>
  <c r="L3225" i="5" s="1"/>
  <c r="K8454" i="2"/>
  <c r="K8428" i="5" s="1"/>
  <c r="O8428" i="5" s="1"/>
  <c r="J3997" i="2"/>
  <c r="J3971" i="5" s="1"/>
  <c r="N3971" i="5" s="1"/>
  <c r="K3328" i="2"/>
  <c r="K3302" i="5" s="1"/>
  <c r="I2958" i="2"/>
  <c r="I2932" i="5" s="1"/>
  <c r="J3791" i="2"/>
  <c r="J3765" i="5" s="1"/>
  <c r="N3765" i="5" s="1"/>
  <c r="I3791" i="2"/>
  <c r="I3765" i="5" s="1"/>
  <c r="L3791" i="2"/>
  <c r="L3765" i="5" s="1"/>
  <c r="K3791" i="2"/>
  <c r="K3765" i="5" s="1"/>
  <c r="M3791" i="2"/>
  <c r="M3765" i="5" s="1"/>
  <c r="P3765" i="5" s="1"/>
  <c r="J6925" i="2"/>
  <c r="J6899" i="5" s="1"/>
  <c r="N6899" i="5" s="1"/>
  <c r="M6925" i="2"/>
  <c r="M6899" i="5" s="1"/>
  <c r="P6899" i="5" s="1"/>
  <c r="L6925" i="2"/>
  <c r="L6899" i="5" s="1"/>
  <c r="I6925" i="2"/>
  <c r="I6899" i="5" s="1"/>
  <c r="K6925" i="2"/>
  <c r="K6899" i="5" s="1"/>
  <c r="I5978" i="2"/>
  <c r="I5952" i="5" s="1"/>
  <c r="J5978" i="2"/>
  <c r="J5952" i="5" s="1"/>
  <c r="N5952" i="5" s="1"/>
  <c r="M5978" i="2"/>
  <c r="M5952" i="5" s="1"/>
  <c r="P5952" i="5" s="1"/>
  <c r="K5978" i="2"/>
  <c r="K5952" i="5" s="1"/>
  <c r="L5978" i="2"/>
  <c r="L5952" i="5" s="1"/>
  <c r="L6367" i="2"/>
  <c r="L6341" i="5" s="1"/>
  <c r="M6367" i="2"/>
  <c r="M6341" i="5" s="1"/>
  <c r="P6341" i="5" s="1"/>
  <c r="K6367" i="2"/>
  <c r="K6341" i="5" s="1"/>
  <c r="I6367" i="2"/>
  <c r="I6341" i="5" s="1"/>
  <c r="K251" i="2"/>
  <c r="K225" i="5" s="1"/>
  <c r="I251" i="2"/>
  <c r="I225" i="5" s="1"/>
  <c r="I3305" i="2"/>
  <c r="I3279" i="5" s="1"/>
  <c r="K3305" i="2"/>
  <c r="K3279" i="5" s="1"/>
  <c r="J3305" i="2"/>
  <c r="J3279" i="5" s="1"/>
  <c r="N3279" i="5" s="1"/>
  <c r="M3305" i="2"/>
  <c r="M3279" i="5" s="1"/>
  <c r="P3279" i="5" s="1"/>
  <c r="L3305" i="2"/>
  <c r="L3279" i="5" s="1"/>
  <c r="K6279" i="2"/>
  <c r="K6253" i="5" s="1"/>
  <c r="J648" i="2"/>
  <c r="J622" i="5" s="1"/>
  <c r="J3070" i="2"/>
  <c r="J3044" i="5" s="1"/>
  <c r="I4804" i="2"/>
  <c r="I4778" i="5" s="1"/>
  <c r="K1230" i="2"/>
  <c r="K1204" i="5" s="1"/>
  <c r="K807" i="2"/>
  <c r="K781" i="5" s="1"/>
  <c r="M2490" i="2"/>
  <c r="M2464" i="5" s="1"/>
  <c r="P2464" i="5" s="1"/>
  <c r="L2269" i="2"/>
  <c r="L2243" i="5" s="1"/>
  <c r="J1479" i="2"/>
  <c r="J1453" i="5" s="1"/>
  <c r="K6264" i="2"/>
  <c r="K6238" i="5" s="1"/>
  <c r="L6264" i="2"/>
  <c r="L6238" i="5" s="1"/>
  <c r="J6264" i="2"/>
  <c r="J6238" i="5" s="1"/>
  <c r="N6238" i="5" s="1"/>
  <c r="I6264" i="2"/>
  <c r="I6238" i="5" s="1"/>
  <c r="M6264" i="2"/>
  <c r="M6238" i="5" s="1"/>
  <c r="P6238" i="5" s="1"/>
  <c r="J4338" i="2"/>
  <c r="J4312" i="5" s="1"/>
  <c r="N4312" i="5" s="1"/>
  <c r="I4338" i="2"/>
  <c r="I4312" i="5" s="1"/>
  <c r="M4338" i="2"/>
  <c r="M4312" i="5" s="1"/>
  <c r="P4312" i="5" s="1"/>
  <c r="L4338" i="2"/>
  <c r="L4312" i="5" s="1"/>
  <c r="I2292" i="2"/>
  <c r="I2266" i="5" s="1"/>
  <c r="J4409" i="2"/>
  <c r="J4383" i="5" s="1"/>
  <c r="N4383" i="5" s="1"/>
  <c r="K4409" i="2"/>
  <c r="K4383" i="5" s="1"/>
  <c r="L4409" i="2"/>
  <c r="L4383" i="5" s="1"/>
  <c r="M4409" i="2"/>
  <c r="M4383" i="5" s="1"/>
  <c r="P4383" i="5" s="1"/>
  <c r="I4409" i="2"/>
  <c r="I4383" i="5" s="1"/>
  <c r="J4071" i="2"/>
  <c r="J4045" i="5" s="1"/>
  <c r="N4045" i="5" s="1"/>
  <c r="J6775" i="2"/>
  <c r="J6749" i="5" s="1"/>
  <c r="M3318" i="2"/>
  <c r="M3292" i="5" s="1"/>
  <c r="P3292" i="5" s="1"/>
  <c r="K3318" i="2"/>
  <c r="K3292" i="5" s="1"/>
  <c r="J3318" i="2"/>
  <c r="J3292" i="5" s="1"/>
  <c r="L3318" i="2"/>
  <c r="L3292" i="5" s="1"/>
  <c r="I3318" i="2"/>
  <c r="I3292" i="5" s="1"/>
  <c r="M4347" i="2"/>
  <c r="M4321" i="5" s="1"/>
  <c r="P4321" i="5" s="1"/>
  <c r="AR333" i="1"/>
  <c r="J278" i="2"/>
  <c r="J252" i="5" s="1"/>
  <c r="I3415" i="2"/>
  <c r="I3389" i="5" s="1"/>
  <c r="L3415" i="2"/>
  <c r="L3389" i="5" s="1"/>
  <c r="J3415" i="2"/>
  <c r="J3389" i="5" s="1"/>
  <c r="N3389" i="5" s="1"/>
  <c r="M3415" i="2"/>
  <c r="M3389" i="5" s="1"/>
  <c r="P3389" i="5" s="1"/>
  <c r="M8207" i="2"/>
  <c r="M8181" i="5" s="1"/>
  <c r="P8181" i="5" s="1"/>
  <c r="I8207" i="2"/>
  <c r="I8181" i="5" s="1"/>
  <c r="J912" i="2"/>
  <c r="J886" i="5" s="1"/>
  <c r="N886" i="5" s="1"/>
  <c r="L912" i="2"/>
  <c r="L886" i="5" s="1"/>
  <c r="K3294" i="2"/>
  <c r="K3268" i="5" s="1"/>
  <c r="M3294" i="2"/>
  <c r="M3268" i="5" s="1"/>
  <c r="P3268" i="5" s="1"/>
  <c r="I3294" i="2"/>
  <c r="I3268" i="5" s="1"/>
  <c r="L1734" i="2"/>
  <c r="L1708" i="5" s="1"/>
  <c r="M1734" i="2"/>
  <c r="M1708" i="5" s="1"/>
  <c r="P1708" i="5" s="1"/>
  <c r="I1734" i="2"/>
  <c r="I1708" i="5" s="1"/>
  <c r="J1734" i="2"/>
  <c r="J1708" i="5" s="1"/>
  <c r="K1734" i="2"/>
  <c r="K1708" i="5" s="1"/>
  <c r="K8142" i="2"/>
  <c r="K8116" i="5" s="1"/>
  <c r="L8142" i="2"/>
  <c r="L8116" i="5" s="1"/>
  <c r="J8142" i="2"/>
  <c r="J8116" i="5" s="1"/>
  <c r="N8116" i="5" s="1"/>
  <c r="I8142" i="2"/>
  <c r="I8116" i="5" s="1"/>
  <c r="M8142" i="2"/>
  <c r="M8116" i="5" s="1"/>
  <c r="P8116" i="5" s="1"/>
  <c r="J2450" i="2"/>
  <c r="J2424" i="5" s="1"/>
  <c r="N2424" i="5" s="1"/>
  <c r="L2450" i="2"/>
  <c r="L2424" i="5" s="1"/>
  <c r="M2450" i="2"/>
  <c r="M2424" i="5" s="1"/>
  <c r="P2424" i="5" s="1"/>
  <c r="K2450" i="2"/>
  <c r="K2424" i="5" s="1"/>
  <c r="I130" i="2"/>
  <c r="I104" i="5" s="1"/>
  <c r="M2958" i="2"/>
  <c r="M2932" i="5" s="1"/>
  <c r="P2932" i="5" s="1"/>
  <c r="J2929" i="2"/>
  <c r="J2903" i="5" s="1"/>
  <c r="I1432" i="2"/>
  <c r="I1406" i="5" s="1"/>
  <c r="AR341" i="1"/>
  <c r="M8337" i="2"/>
  <c r="M8311" i="5" s="1"/>
  <c r="P8311" i="5" s="1"/>
  <c r="L4352" i="2"/>
  <c r="L4326" i="5" s="1"/>
  <c r="L3453" i="2"/>
  <c r="L3427" i="5" s="1"/>
  <c r="M8454" i="2"/>
  <c r="M8428" i="5" s="1"/>
  <c r="P8428" i="5" s="1"/>
  <c r="L6279" i="2"/>
  <c r="L6253" i="5" s="1"/>
  <c r="M5808" i="2"/>
  <c r="M5782" i="5" s="1"/>
  <c r="P5782" i="5" s="1"/>
  <c r="M648" i="2"/>
  <c r="M622" i="5" s="1"/>
  <c r="P622" i="5" s="1"/>
  <c r="M3314" i="2"/>
  <c r="M3288" i="5" s="1"/>
  <c r="P3288" i="5" s="1"/>
  <c r="K6525" i="2"/>
  <c r="K6499" i="5" s="1"/>
  <c r="O6499" i="5" s="1"/>
  <c r="M7108" i="2"/>
  <c r="M7082" i="5" s="1"/>
  <c r="P7082" i="5" s="1"/>
  <c r="I2249" i="2"/>
  <c r="I2223" i="5" s="1"/>
  <c r="L595" i="2"/>
  <c r="L569" i="5" s="1"/>
  <c r="K4347" i="2"/>
  <c r="K4321" i="5" s="1"/>
  <c r="K1640" i="2"/>
  <c r="K1614" i="5" s="1"/>
  <c r="J5685" i="2"/>
  <c r="J5659" i="5" s="1"/>
  <c r="N5659" i="5" s="1"/>
  <c r="J6342" i="2"/>
  <c r="J6316" i="5" s="1"/>
  <c r="N6316" i="5" s="1"/>
  <c r="K259" i="2"/>
  <c r="K233" i="5" s="1"/>
  <c r="O233" i="5" s="1"/>
  <c r="K6783" i="2"/>
  <c r="K6757" i="5" s="1"/>
  <c r="L7638" i="2"/>
  <c r="L7612" i="5" s="1"/>
  <c r="L7001" i="2"/>
  <c r="L6975" i="5" s="1"/>
  <c r="J5016" i="2"/>
  <c r="J4990" i="5" s="1"/>
  <c r="K5358" i="2"/>
  <c r="K5332" i="5" s="1"/>
  <c r="J5426" i="2"/>
  <c r="J5400" i="5" s="1"/>
  <c r="N5400" i="5" s="1"/>
  <c r="L1722" i="2"/>
  <c r="L1696" i="5" s="1"/>
  <c r="I6529" i="2"/>
  <c r="I6503" i="5" s="1"/>
  <c r="M1649" i="2"/>
  <c r="M1623" i="5" s="1"/>
  <c r="P1623" i="5" s="1"/>
  <c r="J2958" i="2"/>
  <c r="J2932" i="5" s="1"/>
  <c r="N2932" i="5" s="1"/>
  <c r="M2929" i="2"/>
  <c r="M2903" i="5" s="1"/>
  <c r="P2903" i="5" s="1"/>
  <c r="J1556" i="2"/>
  <c r="J1530" i="5" s="1"/>
  <c r="N1530" i="5" s="1"/>
  <c r="I424" i="2"/>
  <c r="I398" i="5" s="1"/>
  <c r="J6252" i="2"/>
  <c r="J6226" i="5" s="1"/>
  <c r="N6226" i="5" s="1"/>
  <c r="I6428" i="2"/>
  <c r="I6402" i="5" s="1"/>
  <c r="J3294" i="2"/>
  <c r="J3268" i="5" s="1"/>
  <c r="N3268" i="5" s="1"/>
  <c r="K5513" i="2"/>
  <c r="K5487" i="5" s="1"/>
  <c r="K4418" i="2"/>
  <c r="K4392" i="5" s="1"/>
  <c r="M7112" i="2"/>
  <c r="M7086" i="5" s="1"/>
  <c r="P7086" i="5" s="1"/>
  <c r="K4657" i="2"/>
  <c r="K4631" i="5" s="1"/>
  <c r="L1940" i="2"/>
  <c r="L1914" i="5" s="1"/>
  <c r="I3327" i="2"/>
  <c r="I3301" i="5" s="1"/>
  <c r="K2280" i="2"/>
  <c r="K2254" i="5" s="1"/>
  <c r="J8293" i="2"/>
  <c r="J8267" i="5" s="1"/>
  <c r="N8267" i="5" s="1"/>
  <c r="K1490" i="2"/>
  <c r="K1464" i="5" s="1"/>
  <c r="I1386" i="2"/>
  <c r="I1360" i="5" s="1"/>
  <c r="L5793" i="2"/>
  <c r="L5767" i="5" s="1"/>
  <c r="I5516" i="2"/>
  <c r="I5490" i="5" s="1"/>
  <c r="M6022" i="2"/>
  <c r="M5996" i="5" s="1"/>
  <c r="P5996" i="5" s="1"/>
  <c r="I8134" i="2"/>
  <c r="I8108" i="5" s="1"/>
  <c r="L1479" i="2"/>
  <c r="L1453" i="5" s="1"/>
  <c r="I411" i="2"/>
  <c r="I385" i="5" s="1"/>
  <c r="K6765" i="2"/>
  <c r="K6739" i="5" s="1"/>
  <c r="K1918" i="2"/>
  <c r="K1892" i="5" s="1"/>
  <c r="L1616" i="2"/>
  <c r="L1590" i="5" s="1"/>
  <c r="L2942" i="2"/>
  <c r="L2916" i="5" s="1"/>
  <c r="M2942" i="2"/>
  <c r="M2916" i="5" s="1"/>
  <c r="P2916" i="5" s="1"/>
  <c r="I2942" i="2"/>
  <c r="I2916" i="5" s="1"/>
  <c r="L130" i="2"/>
  <c r="L104" i="5" s="1"/>
  <c r="K4808" i="2"/>
  <c r="K4782" i="5" s="1"/>
  <c r="J4808" i="2"/>
  <c r="J4782" i="5" s="1"/>
  <c r="N4782" i="5" s="1"/>
  <c r="M4808" i="2"/>
  <c r="M4782" i="5" s="1"/>
  <c r="P4782" i="5" s="1"/>
  <c r="L4808" i="2"/>
  <c r="L4782" i="5" s="1"/>
  <c r="I4808" i="2"/>
  <c r="I4782" i="5" s="1"/>
  <c r="M259" i="2"/>
  <c r="M233" i="5" s="1"/>
  <c r="P233" i="5" s="1"/>
  <c r="I3070" i="2"/>
  <c r="I3044" i="5" s="1"/>
  <c r="J7097" i="2"/>
  <c r="J7071" i="5" s="1"/>
  <c r="N7071" i="5" s="1"/>
  <c r="K7179" i="2"/>
  <c r="K7153" i="5" s="1"/>
  <c r="M2767" i="2"/>
  <c r="M2741" i="5" s="1"/>
  <c r="P2741" i="5" s="1"/>
  <c r="K216" i="2"/>
  <c r="K190" i="5" s="1"/>
  <c r="K7668" i="2"/>
  <c r="K7642" i="5" s="1"/>
  <c r="L7668" i="2"/>
  <c r="L7642" i="5" s="1"/>
  <c r="J7668" i="2"/>
  <c r="J7642" i="5" s="1"/>
  <c r="N7642" i="5" s="1"/>
  <c r="M7668" i="2"/>
  <c r="M7642" i="5" s="1"/>
  <c r="P7642" i="5" s="1"/>
  <c r="I7668" i="2"/>
  <c r="I7642" i="5" s="1"/>
  <c r="M815" i="2"/>
  <c r="M789" i="5" s="1"/>
  <c r="P789" i="5" s="1"/>
  <c r="L815" i="2"/>
  <c r="L789" i="5" s="1"/>
  <c r="K815" i="2"/>
  <c r="K789" i="5" s="1"/>
  <c r="I815" i="2"/>
  <c r="I789" i="5" s="1"/>
  <c r="J815" i="2"/>
  <c r="J789" i="5" s="1"/>
  <c r="I3453" i="2"/>
  <c r="I3427" i="5" s="1"/>
  <c r="K424" i="2"/>
  <c r="K398" i="5" s="1"/>
  <c r="I1665" i="2"/>
  <c r="I1639" i="5" s="1"/>
  <c r="M1438" i="2"/>
  <c r="M1412" i="5" s="1"/>
  <c r="P1412" i="5" s="1"/>
  <c r="L8337" i="2"/>
  <c r="L8311" i="5" s="1"/>
  <c r="K4352" i="2"/>
  <c r="K4326" i="5" s="1"/>
  <c r="J6279" i="2"/>
  <c r="J6253" i="5" s="1"/>
  <c r="N6253" i="5" s="1"/>
  <c r="L5808" i="2"/>
  <c r="L5782" i="5" s="1"/>
  <c r="L648" i="2"/>
  <c r="L622" i="5" s="1"/>
  <c r="L3314" i="2"/>
  <c r="L3288" i="5" s="1"/>
  <c r="J8101" i="2"/>
  <c r="J8075" i="5" s="1"/>
  <c r="N8075" i="5" s="1"/>
  <c r="I6525" i="2"/>
  <c r="I6499" i="5" s="1"/>
  <c r="I1645" i="2"/>
  <c r="I1619" i="5" s="1"/>
  <c r="M2249" i="2"/>
  <c r="M2223" i="5" s="1"/>
  <c r="P2223" i="5" s="1"/>
  <c r="AR123" i="1"/>
  <c r="J595" i="2"/>
  <c r="J569" i="5" s="1"/>
  <c r="N569" i="5" s="1"/>
  <c r="I1640" i="2"/>
  <c r="I1614" i="5" s="1"/>
  <c r="K6342" i="2"/>
  <c r="K6316" i="5" s="1"/>
  <c r="O6316" i="5" s="1"/>
  <c r="M6783" i="2"/>
  <c r="M6757" i="5" s="1"/>
  <c r="P6757" i="5" s="1"/>
  <c r="I7638" i="2"/>
  <c r="I7612" i="5" s="1"/>
  <c r="K7001" i="2"/>
  <c r="K6975" i="5" s="1"/>
  <c r="J2780" i="2"/>
  <c r="J2754" i="5" s="1"/>
  <c r="N2754" i="5" s="1"/>
  <c r="K5016" i="2"/>
  <c r="K4990" i="5" s="1"/>
  <c r="J5358" i="2"/>
  <c r="J5332" i="5" s="1"/>
  <c r="I4344" i="2"/>
  <c r="I4318" i="5" s="1"/>
  <c r="J4407" i="2"/>
  <c r="J4381" i="5" s="1"/>
  <c r="N4381" i="5" s="1"/>
  <c r="K1649" i="2"/>
  <c r="K1623" i="5" s="1"/>
  <c r="O1623" i="5" s="1"/>
  <c r="I1827" i="2"/>
  <c r="I1801" i="5" s="1"/>
  <c r="L2929" i="2"/>
  <c r="L2903" i="5" s="1"/>
  <c r="K1556" i="2"/>
  <c r="K1530" i="5" s="1"/>
  <c r="O1530" i="5" s="1"/>
  <c r="K1152" i="2"/>
  <c r="K1126" i="5" s="1"/>
  <c r="M424" i="2"/>
  <c r="M398" i="5" s="1"/>
  <c r="P398" i="5" s="1"/>
  <c r="M6252" i="2"/>
  <c r="M6226" i="5" s="1"/>
  <c r="P6226" i="5" s="1"/>
  <c r="M8489" i="2"/>
  <c r="M8463" i="5" s="1"/>
  <c r="P8463" i="5" s="1"/>
  <c r="J6428" i="2"/>
  <c r="J6402" i="5" s="1"/>
  <c r="N6402" i="5" s="1"/>
  <c r="L3294" i="2"/>
  <c r="L3268" i="5" s="1"/>
  <c r="J5513" i="2"/>
  <c r="J5487" i="5" s="1"/>
  <c r="N5487" i="5" s="1"/>
  <c r="L1817" i="2"/>
  <c r="L1791" i="5" s="1"/>
  <c r="K2933" i="2"/>
  <c r="K2907" i="5" s="1"/>
  <c r="J1940" i="2"/>
  <c r="J1914" i="5" s="1"/>
  <c r="I6139" i="2"/>
  <c r="I6113" i="5" s="1"/>
  <c r="L3327" i="2"/>
  <c r="L3301" i="5" s="1"/>
  <c r="I6350" i="2"/>
  <c r="I6324" i="5" s="1"/>
  <c r="M2280" i="2"/>
  <c r="M2254" i="5" s="1"/>
  <c r="P2254" i="5" s="1"/>
  <c r="J5442" i="2"/>
  <c r="J5416" i="5" s="1"/>
  <c r="J1386" i="2"/>
  <c r="J1360" i="5" s="1"/>
  <c r="N1360" i="5" s="1"/>
  <c r="J6939" i="2"/>
  <c r="J6913" i="5" s="1"/>
  <c r="N6913" i="5" s="1"/>
  <c r="L6022" i="2"/>
  <c r="L5996" i="5" s="1"/>
  <c r="J6847" i="2"/>
  <c r="J6821" i="5" s="1"/>
  <c r="N6821" i="5" s="1"/>
  <c r="K1629" i="2"/>
  <c r="K1603" i="5" s="1"/>
  <c r="O1603" i="5" s="1"/>
  <c r="I5019" i="2"/>
  <c r="I4993" i="5" s="1"/>
  <c r="L411" i="2"/>
  <c r="L385" i="5" s="1"/>
  <c r="M6765" i="2"/>
  <c r="M6739" i="5" s="1"/>
  <c r="P6739" i="5" s="1"/>
  <c r="K2386" i="2"/>
  <c r="K2360" i="5" s="1"/>
  <c r="M6804" i="2"/>
  <c r="M6778" i="5" s="1"/>
  <c r="P6778" i="5" s="1"/>
  <c r="J3279" i="2"/>
  <c r="J3253" i="5" s="1"/>
  <c r="N3253" i="5" s="1"/>
  <c r="L3279" i="2"/>
  <c r="L3253" i="5" s="1"/>
  <c r="L4839" i="2"/>
  <c r="L4813" i="5" s="1"/>
  <c r="I4839" i="2"/>
  <c r="I4813" i="5" s="1"/>
  <c r="J4839" i="2"/>
  <c r="J4813" i="5" s="1"/>
  <c r="N4813" i="5" s="1"/>
  <c r="M4839" i="2"/>
  <c r="M4813" i="5" s="1"/>
  <c r="P4813" i="5" s="1"/>
  <c r="K4839" i="2"/>
  <c r="K4813" i="5" s="1"/>
  <c r="I8660" i="2"/>
  <c r="I8634" i="5" s="1"/>
  <c r="K8660" i="2"/>
  <c r="K8634" i="5" s="1"/>
  <c r="M219" i="2"/>
  <c r="M193" i="5" s="1"/>
  <c r="P193" i="5" s="1"/>
  <c r="L219" i="2"/>
  <c r="L193" i="5" s="1"/>
  <c r="J219" i="2"/>
  <c r="J193" i="5" s="1"/>
  <c r="N193" i="5" s="1"/>
  <c r="K219" i="2"/>
  <c r="K193" i="5" s="1"/>
  <c r="I219" i="2"/>
  <c r="I193" i="5" s="1"/>
  <c r="K2295" i="2"/>
  <c r="K2269" i="5" s="1"/>
  <c r="J2295" i="2"/>
  <c r="J2269" i="5" s="1"/>
  <c r="N2269" i="5" s="1"/>
  <c r="M3997" i="2"/>
  <c r="M3971" i="5" s="1"/>
  <c r="P3971" i="5" s="1"/>
  <c r="I3997" i="2"/>
  <c r="I3971" i="5" s="1"/>
  <c r="M6483" i="2"/>
  <c r="M6457" i="5" s="1"/>
  <c r="P6457" i="5" s="1"/>
  <c r="L6483" i="2"/>
  <c r="L6457" i="5" s="1"/>
  <c r="I6483" i="2"/>
  <c r="I6457" i="5" s="1"/>
  <c r="M6525" i="2"/>
  <c r="M6499" i="5" s="1"/>
  <c r="P6499" i="5" s="1"/>
  <c r="I1649" i="2"/>
  <c r="I1623" i="5" s="1"/>
  <c r="I5670" i="2"/>
  <c r="I5644" i="5" s="1"/>
  <c r="J1722" i="2"/>
  <c r="J1696" i="5" s="1"/>
  <c r="N1696" i="5" s="1"/>
  <c r="I1722" i="2"/>
  <c r="I1696" i="5" s="1"/>
  <c r="AR156" i="1"/>
  <c r="I4479" i="2"/>
  <c r="I4453" i="5" s="1"/>
  <c r="K4479" i="2"/>
  <c r="K4453" i="5" s="1"/>
  <c r="J4479" i="2"/>
  <c r="J4453" i="5" s="1"/>
  <c r="C120" i="5"/>
  <c r="AR114" i="1"/>
  <c r="I5855" i="2"/>
  <c r="I5829" i="5" s="1"/>
  <c r="M5855" i="2"/>
  <c r="M5829" i="5" s="1"/>
  <c r="P5829" i="5" s="1"/>
  <c r="I2262" i="2"/>
  <c r="I2236" i="5" s="1"/>
  <c r="L2262" i="2"/>
  <c r="L2236" i="5" s="1"/>
  <c r="J2262" i="2"/>
  <c r="J2236" i="5" s="1"/>
  <c r="N2236" i="5" s="1"/>
  <c r="M2262" i="2"/>
  <c r="M2236" i="5" s="1"/>
  <c r="P2236" i="5" s="1"/>
  <c r="K2262" i="2"/>
  <c r="K2236" i="5" s="1"/>
  <c r="I4339" i="2"/>
  <c r="I4313" i="5" s="1"/>
  <c r="J4347" i="2"/>
  <c r="J4321" i="5" s="1"/>
  <c r="N4321" i="5" s="1"/>
  <c r="K7638" i="2"/>
  <c r="K7612" i="5" s="1"/>
  <c r="J3328" i="2"/>
  <c r="J3302" i="5" s="1"/>
  <c r="N3302" i="5" s="1"/>
  <c r="J1649" i="2"/>
  <c r="J1623" i="5" s="1"/>
  <c r="N1623" i="5" s="1"/>
  <c r="J4418" i="2"/>
  <c r="J4392" i="5" s="1"/>
  <c r="N4392" i="5" s="1"/>
  <c r="AR296" i="1"/>
  <c r="I1438" i="2"/>
  <c r="I1412" i="5" s="1"/>
  <c r="K2609" i="2"/>
  <c r="K2583" i="5" s="1"/>
  <c r="K4629" i="2"/>
  <c r="K4603" i="5" s="1"/>
  <c r="O4603" i="5" s="1"/>
  <c r="M3279" i="2"/>
  <c r="M3253" i="5" s="1"/>
  <c r="P3253" i="5" s="1"/>
  <c r="L2146" i="2"/>
  <c r="L2120" i="5" s="1"/>
  <c r="J5808" i="2"/>
  <c r="J5782" i="5" s="1"/>
  <c r="N5782" i="5" s="1"/>
  <c r="K648" i="2"/>
  <c r="K622" i="5" s="1"/>
  <c r="J3314" i="2"/>
  <c r="J3288" i="5" s="1"/>
  <c r="N3288" i="5" s="1"/>
  <c r="J543" i="2"/>
  <c r="J517" i="5" s="1"/>
  <c r="N517" i="5" s="1"/>
  <c r="K8101" i="2"/>
  <c r="K8075" i="5" s="1"/>
  <c r="AR53" i="1"/>
  <c r="L4403" i="2"/>
  <c r="L4377" i="5" s="1"/>
  <c r="J1645" i="2"/>
  <c r="J1619" i="5" s="1"/>
  <c r="N1619" i="5" s="1"/>
  <c r="L2249" i="2"/>
  <c r="L2223" i="5" s="1"/>
  <c r="M2938" i="2"/>
  <c r="M2912" i="5" s="1"/>
  <c r="P2912" i="5" s="1"/>
  <c r="M595" i="2"/>
  <c r="M569" i="5" s="1"/>
  <c r="P569" i="5" s="1"/>
  <c r="M6342" i="2"/>
  <c r="M6316" i="5" s="1"/>
  <c r="P6316" i="5" s="1"/>
  <c r="I6783" i="2"/>
  <c r="I6757" i="5" s="1"/>
  <c r="M7638" i="2"/>
  <c r="M7612" i="5" s="1"/>
  <c r="P7612" i="5" s="1"/>
  <c r="I7001" i="2"/>
  <c r="I6975" i="5" s="1"/>
  <c r="J6017" i="2"/>
  <c r="J5991" i="5" s="1"/>
  <c r="N5991" i="5" s="1"/>
  <c r="M2780" i="2"/>
  <c r="M2754" i="5" s="1"/>
  <c r="P2754" i="5" s="1"/>
  <c r="J5446" i="2"/>
  <c r="J5420" i="5" s="1"/>
  <c r="L5016" i="2"/>
  <c r="L4990" i="5" s="1"/>
  <c r="M5358" i="2"/>
  <c r="M5332" i="5" s="1"/>
  <c r="P5332" i="5" s="1"/>
  <c r="M4344" i="2"/>
  <c r="M4318" i="5" s="1"/>
  <c r="P4318" i="5" s="1"/>
  <c r="M1722" i="2"/>
  <c r="M1696" i="5" s="1"/>
  <c r="P1696" i="5" s="1"/>
  <c r="L4407" i="2"/>
  <c r="L4381" i="5" s="1"/>
  <c r="L1827" i="2"/>
  <c r="L1801" i="5" s="1"/>
  <c r="J2807" i="2"/>
  <c r="J2781" i="5" s="1"/>
  <c r="N2781" i="5" s="1"/>
  <c r="K2929" i="2"/>
  <c r="K2903" i="5" s="1"/>
  <c r="I1556" i="2"/>
  <c r="I1530" i="5" s="1"/>
  <c r="L424" i="2"/>
  <c r="L398" i="5" s="1"/>
  <c r="K6252" i="2"/>
  <c r="K6226" i="5" s="1"/>
  <c r="L8489" i="2"/>
  <c r="L8463" i="5" s="1"/>
  <c r="J1817" i="2"/>
  <c r="J1791" i="5" s="1"/>
  <c r="N1791" i="5" s="1"/>
  <c r="J5920" i="2"/>
  <c r="J5894" i="5" s="1"/>
  <c r="N5894" i="5" s="1"/>
  <c r="J2933" i="2"/>
  <c r="J2907" i="5" s="1"/>
  <c r="N2907" i="5" s="1"/>
  <c r="K1940" i="2"/>
  <c r="K1914" i="5" s="1"/>
  <c r="L2280" i="2"/>
  <c r="L2254" i="5" s="1"/>
  <c r="I5442" i="2"/>
  <c r="I5416" i="5" s="1"/>
  <c r="J3935" i="2"/>
  <c r="J3909" i="5" s="1"/>
  <c r="N3909" i="5" s="1"/>
  <c r="I1987" i="2"/>
  <c r="I1961" i="5" s="1"/>
  <c r="J2670" i="2"/>
  <c r="J2644" i="5" s="1"/>
  <c r="N2644" i="5" s="1"/>
  <c r="J2313" i="2"/>
  <c r="J2287" i="5" s="1"/>
  <c r="N2287" i="5" s="1"/>
  <c r="J240" i="2"/>
  <c r="J214" i="5" s="1"/>
  <c r="N214" i="5" s="1"/>
  <c r="L6847" i="2"/>
  <c r="L6821" i="5" s="1"/>
  <c r="I7705" i="2"/>
  <c r="I7679" i="5" s="1"/>
  <c r="J3343" i="2"/>
  <c r="J3317" i="5" s="1"/>
  <c r="N3317" i="5" s="1"/>
  <c r="J5019" i="2"/>
  <c r="J4993" i="5" s="1"/>
  <c r="N4993" i="5" s="1"/>
  <c r="K4481" i="2"/>
  <c r="K4455" i="5" s="1"/>
  <c r="L2386" i="2"/>
  <c r="L2360" i="5" s="1"/>
  <c r="I7778" i="2"/>
  <c r="I7752" i="5" s="1"/>
  <c r="K909" i="2"/>
  <c r="K883" i="5" s="1"/>
  <c r="L909" i="2"/>
  <c r="L883" i="5" s="1"/>
  <c r="M909" i="2"/>
  <c r="M883" i="5" s="1"/>
  <c r="P883" i="5" s="1"/>
  <c r="I909" i="2"/>
  <c r="I883" i="5" s="1"/>
  <c r="K5193" i="2"/>
  <c r="K5167" i="5" s="1"/>
  <c r="J5193" i="2"/>
  <c r="J5167" i="5" s="1"/>
  <c r="N5167" i="5" s="1"/>
  <c r="M5193" i="2"/>
  <c r="M5167" i="5" s="1"/>
  <c r="P5167" i="5" s="1"/>
  <c r="L5193" i="2"/>
  <c r="L5167" i="5" s="1"/>
  <c r="I5193" i="2"/>
  <c r="I5167" i="5" s="1"/>
  <c r="I1115" i="2"/>
  <c r="I1089" i="5" s="1"/>
  <c r="J1115" i="2"/>
  <c r="J1089" i="5" s="1"/>
  <c r="N1089" i="5" s="1"/>
  <c r="M1115" i="2"/>
  <c r="M1089" i="5" s="1"/>
  <c r="P1089" i="5" s="1"/>
  <c r="L1115" i="2"/>
  <c r="L1089" i="5" s="1"/>
  <c r="K1115" i="2"/>
  <c r="K1089" i="5" s="1"/>
  <c r="J4339" i="2"/>
  <c r="J4313" i="5" s="1"/>
  <c r="N4313" i="5" s="1"/>
  <c r="J8636" i="2"/>
  <c r="J8610" i="5" s="1"/>
  <c r="N8610" i="5" s="1"/>
  <c r="I8196" i="2"/>
  <c r="I8170" i="5" s="1"/>
  <c r="I1392" i="2"/>
  <c r="I1366" i="5" s="1"/>
  <c r="M1392" i="2"/>
  <c r="M1366" i="5" s="1"/>
  <c r="P1366" i="5" s="1"/>
  <c r="L1392" i="2"/>
  <c r="L1366" i="5" s="1"/>
  <c r="M8471" i="2"/>
  <c r="M8445" i="5" s="1"/>
  <c r="P8445" i="5" s="1"/>
  <c r="K8471" i="2"/>
  <c r="K8445" i="5" s="1"/>
  <c r="M2738" i="2"/>
  <c r="M2712" i="5" s="1"/>
  <c r="P2712" i="5" s="1"/>
  <c r="L2738" i="2"/>
  <c r="L2712" i="5" s="1"/>
  <c r="L2492" i="2"/>
  <c r="L2466" i="5" s="1"/>
  <c r="J2492" i="2"/>
  <c r="J2466" i="5" s="1"/>
  <c r="N2466" i="5" s="1"/>
  <c r="J1438" i="2"/>
  <c r="J1412" i="5" s="1"/>
  <c r="J909" i="2"/>
  <c r="J883" i="5" s="1"/>
  <c r="N883" i="5" s="1"/>
  <c r="M3453" i="2"/>
  <c r="M3427" i="5" s="1"/>
  <c r="P3427" i="5" s="1"/>
  <c r="K3453" i="2"/>
  <c r="K3427" i="5" s="1"/>
  <c r="L3303" i="2"/>
  <c r="L3277" i="5" s="1"/>
  <c r="K3303" i="2"/>
  <c r="K3277" i="5" s="1"/>
  <c r="J8349" i="2"/>
  <c r="J8323" i="5" s="1"/>
  <c r="N8323" i="5" s="1"/>
  <c r="I8349" i="2"/>
  <c r="I8323" i="5" s="1"/>
  <c r="M8349" i="2"/>
  <c r="M8323" i="5" s="1"/>
  <c r="P8323" i="5" s="1"/>
  <c r="M1114" i="2"/>
  <c r="M1088" i="5" s="1"/>
  <c r="P1088" i="5" s="1"/>
  <c r="L1114" i="2"/>
  <c r="L1088" i="5" s="1"/>
  <c r="I1114" i="2"/>
  <c r="I1088" i="5" s="1"/>
  <c r="J1114" i="2"/>
  <c r="J1088" i="5" s="1"/>
  <c r="J4419" i="2"/>
  <c r="J4393" i="5" s="1"/>
  <c r="N4393" i="5" s="1"/>
  <c r="M4419" i="2"/>
  <c r="M4393" i="5" s="1"/>
  <c r="P4393" i="5" s="1"/>
  <c r="K4419" i="2"/>
  <c r="K4393" i="5" s="1"/>
  <c r="J7003" i="2"/>
  <c r="J6977" i="5" s="1"/>
  <c r="N6977" i="5" s="1"/>
  <c r="K7003" i="2"/>
  <c r="K6977" i="5" s="1"/>
  <c r="O6977" i="5" s="1"/>
  <c r="M7003" i="2"/>
  <c r="M6977" i="5" s="1"/>
  <c r="P6977" i="5" s="1"/>
  <c r="K6026" i="2"/>
  <c r="K6000" i="5" s="1"/>
  <c r="M6026" i="2"/>
  <c r="M6000" i="5" s="1"/>
  <c r="P6000" i="5" s="1"/>
  <c r="I6026" i="2"/>
  <c r="I6000" i="5" s="1"/>
  <c r="M203" i="2"/>
  <c r="M177" i="5" s="1"/>
  <c r="P177" i="5" s="1"/>
  <c r="M1665" i="2"/>
  <c r="M1639" i="5" s="1"/>
  <c r="P1639" i="5" s="1"/>
  <c r="K5855" i="2"/>
  <c r="K5829" i="5" s="1"/>
  <c r="O5829" i="5" s="1"/>
  <c r="K6758" i="2"/>
  <c r="K6732" i="5" s="1"/>
  <c r="J7167" i="2"/>
  <c r="J7141" i="5" s="1"/>
  <c r="N7141" i="5" s="1"/>
  <c r="I8337" i="2"/>
  <c r="I8311" i="5" s="1"/>
  <c r="K3458" i="2"/>
  <c r="K3432" i="5" s="1"/>
  <c r="I2609" i="2"/>
  <c r="I2583" i="5" s="1"/>
  <c r="I4629" i="2"/>
  <c r="I4603" i="5" s="1"/>
  <c r="I3279" i="2"/>
  <c r="I3253" i="5" s="1"/>
  <c r="L6589" i="2"/>
  <c r="L6563" i="5" s="1"/>
  <c r="K3314" i="2"/>
  <c r="K3288" i="5" s="1"/>
  <c r="L543" i="2"/>
  <c r="L517" i="5" s="1"/>
  <c r="I8101" i="2"/>
  <c r="I8075" i="5" s="1"/>
  <c r="M4403" i="2"/>
  <c r="M4377" i="5" s="1"/>
  <c r="P4377" i="5" s="1"/>
  <c r="M1645" i="2"/>
  <c r="M1619" i="5" s="1"/>
  <c r="P1619" i="5" s="1"/>
  <c r="J2249" i="2"/>
  <c r="J2223" i="5" s="1"/>
  <c r="N2223" i="5" s="1"/>
  <c r="K2938" i="2"/>
  <c r="K2912" i="5" s="1"/>
  <c r="O2912" i="5" s="1"/>
  <c r="I1798" i="2"/>
  <c r="I1772" i="5" s="1"/>
  <c r="K1140" i="2"/>
  <c r="K1114" i="5" s="1"/>
  <c r="L6783" i="2"/>
  <c r="L6757" i="5" s="1"/>
  <c r="M7001" i="2"/>
  <c r="M6975" i="5" s="1"/>
  <c r="P6975" i="5" s="1"/>
  <c r="M5141" i="2"/>
  <c r="M5115" i="5" s="1"/>
  <c r="P5115" i="5" s="1"/>
  <c r="L2780" i="2"/>
  <c r="L2754" i="5" s="1"/>
  <c r="L5446" i="2"/>
  <c r="L5420" i="5" s="1"/>
  <c r="L5358" i="2"/>
  <c r="L5332" i="5" s="1"/>
  <c r="I1261" i="2"/>
  <c r="I1235" i="5" s="1"/>
  <c r="K4407" i="2"/>
  <c r="K4381" i="5" s="1"/>
  <c r="J1827" i="2"/>
  <c r="J1801" i="5" s="1"/>
  <c r="N1801" i="5" s="1"/>
  <c r="K2807" i="2"/>
  <c r="K2781" i="5" s="1"/>
  <c r="K8362" i="2"/>
  <c r="K8336" i="5" s="1"/>
  <c r="I6252" i="2"/>
  <c r="I6226" i="5" s="1"/>
  <c r="L4800" i="2"/>
  <c r="L4774" i="5" s="1"/>
  <c r="I6498" i="2"/>
  <c r="I6472" i="5" s="1"/>
  <c r="M3107" i="2"/>
  <c r="M3081" i="5" s="1"/>
  <c r="P3081" i="5" s="1"/>
  <c r="L7991" i="2"/>
  <c r="L7965" i="5" s="1"/>
  <c r="J1273" i="2"/>
  <c r="J1247" i="5" s="1"/>
  <c r="N1247" i="5" s="1"/>
  <c r="I5168" i="2"/>
  <c r="I5142" i="5" s="1"/>
  <c r="K5920" i="2"/>
  <c r="K5894" i="5" s="1"/>
  <c r="K2075" i="2"/>
  <c r="K2049" i="5" s="1"/>
  <c r="M1940" i="2"/>
  <c r="M1914" i="5" s="1"/>
  <c r="P1914" i="5" s="1"/>
  <c r="I2450" i="2"/>
  <c r="I2424" i="5" s="1"/>
  <c r="M5442" i="2"/>
  <c r="M5416" i="5" s="1"/>
  <c r="P5416" i="5" s="1"/>
  <c r="K3935" i="2"/>
  <c r="K3909" i="5" s="1"/>
  <c r="K2670" i="2"/>
  <c r="K2644" i="5" s="1"/>
  <c r="M2313" i="2"/>
  <c r="M2287" i="5" s="1"/>
  <c r="P2287" i="5" s="1"/>
  <c r="K626" i="2"/>
  <c r="K600" i="5" s="1"/>
  <c r="K240" i="2"/>
  <c r="K214" i="5" s="1"/>
  <c r="I7151" i="2"/>
  <c r="I7125" i="5" s="1"/>
  <c r="K6664" i="2"/>
  <c r="K6638" i="5" s="1"/>
  <c r="L1384" i="2"/>
  <c r="L1358" i="5" s="1"/>
  <c r="L1486" i="2"/>
  <c r="L1460" i="5" s="1"/>
  <c r="J7778" i="2"/>
  <c r="J7752" i="5" s="1"/>
  <c r="N7752" i="5" s="1"/>
  <c r="J3175" i="2"/>
  <c r="J3149" i="5" s="1"/>
  <c r="N3149" i="5" s="1"/>
  <c r="K6457" i="2"/>
  <c r="K6431" i="5" s="1"/>
  <c r="I6457" i="2"/>
  <c r="I6431" i="5" s="1"/>
  <c r="L6457" i="2"/>
  <c r="L6431" i="5" s="1"/>
  <c r="J1597" i="2"/>
  <c r="J1571" i="5" s="1"/>
  <c r="K1597" i="2"/>
  <c r="K1571" i="5" s="1"/>
  <c r="L1597" i="2"/>
  <c r="L1571" i="5" s="1"/>
  <c r="J6434" i="2"/>
  <c r="J6408" i="5" s="1"/>
  <c r="N6408" i="5" s="1"/>
  <c r="M6434" i="2"/>
  <c r="M6408" i="5" s="1"/>
  <c r="P6408" i="5" s="1"/>
  <c r="I6434" i="2"/>
  <c r="I6408" i="5" s="1"/>
  <c r="K6434" i="2"/>
  <c r="K6408" i="5" s="1"/>
  <c r="L6434" i="2"/>
  <c r="L6408" i="5" s="1"/>
  <c r="L5847" i="2"/>
  <c r="L5821" i="5" s="1"/>
  <c r="J5847" i="2"/>
  <c r="J5821" i="5" s="1"/>
  <c r="N5821" i="5" s="1"/>
  <c r="I2407" i="2"/>
  <c r="I2381" i="5" s="1"/>
  <c r="K5688" i="2"/>
  <c r="K5662" i="5" s="1"/>
  <c r="O5662" i="5" s="1"/>
  <c r="M5688" i="2"/>
  <c r="M5662" i="5" s="1"/>
  <c r="P5662" i="5" s="1"/>
  <c r="K2299" i="2"/>
  <c r="K2273" i="5" s="1"/>
  <c r="L2299" i="2"/>
  <c r="L2273" i="5" s="1"/>
  <c r="K2625" i="2"/>
  <c r="K2599" i="5" s="1"/>
  <c r="M2625" i="2"/>
  <c r="M2599" i="5" s="1"/>
  <c r="P2599" i="5" s="1"/>
  <c r="J2625" i="2"/>
  <c r="J2599" i="5" s="1"/>
  <c r="N2599" i="5" s="1"/>
  <c r="L2625" i="2"/>
  <c r="L2599" i="5" s="1"/>
  <c r="I2625" i="2"/>
  <c r="I2599" i="5" s="1"/>
  <c r="J803" i="2"/>
  <c r="J777" i="5" s="1"/>
  <c r="N777" i="5" s="1"/>
  <c r="I803" i="2"/>
  <c r="I777" i="5" s="1"/>
  <c r="M803" i="2"/>
  <c r="M777" i="5" s="1"/>
  <c r="P777" i="5" s="1"/>
  <c r="K803" i="2"/>
  <c r="K777" i="5" s="1"/>
  <c r="O777" i="5" s="1"/>
  <c r="K4288" i="2"/>
  <c r="K4262" i="5" s="1"/>
  <c r="J4288" i="2"/>
  <c r="J4262" i="5" s="1"/>
  <c r="L4288" i="2"/>
  <c r="L4262" i="5" s="1"/>
  <c r="M2971" i="2"/>
  <c r="M2945" i="5" s="1"/>
  <c r="P2945" i="5" s="1"/>
  <c r="I2971" i="2"/>
  <c r="I2945" i="5" s="1"/>
  <c r="J2971" i="2"/>
  <c r="J2945" i="5" s="1"/>
  <c r="N2945" i="5" s="1"/>
  <c r="L2971" i="2"/>
  <c r="L2945" i="5" s="1"/>
  <c r="J1665" i="2"/>
  <c r="J1639" i="5" s="1"/>
  <c r="N1639" i="5" s="1"/>
  <c r="J5855" i="2"/>
  <c r="J5829" i="5" s="1"/>
  <c r="N5829" i="5" s="1"/>
  <c r="L7167" i="2"/>
  <c r="L7141" i="5" s="1"/>
  <c r="I4352" i="2"/>
  <c r="I4326" i="5" s="1"/>
  <c r="L3458" i="2"/>
  <c r="L3432" i="5" s="1"/>
  <c r="L1665" i="2"/>
  <c r="L1639" i="5" s="1"/>
  <c r="K2250" i="2"/>
  <c r="K2224" i="5" s="1"/>
  <c r="K543" i="2"/>
  <c r="K517" i="5" s="1"/>
  <c r="L8101" i="2"/>
  <c r="L8075" i="5" s="1"/>
  <c r="L1798" i="2"/>
  <c r="L1772" i="5" s="1"/>
  <c r="J1140" i="2"/>
  <c r="J1114" i="5" s="1"/>
  <c r="J6098" i="2"/>
  <c r="J6072" i="5" s="1"/>
  <c r="N6072" i="5" s="1"/>
  <c r="K5446" i="2"/>
  <c r="K5420" i="5" s="1"/>
  <c r="J8109" i="2"/>
  <c r="J8083" i="5" s="1"/>
  <c r="N8083" i="5" s="1"/>
  <c r="I4407" i="2"/>
  <c r="I4381" i="5" s="1"/>
  <c r="K1827" i="2"/>
  <c r="K1801" i="5" s="1"/>
  <c r="M2807" i="2"/>
  <c r="M2781" i="5" s="1"/>
  <c r="P2781" i="5" s="1"/>
  <c r="M1388" i="2"/>
  <c r="M1362" i="5" s="1"/>
  <c r="P1362" i="5" s="1"/>
  <c r="I4303" i="2"/>
  <c r="I4277" i="5" s="1"/>
  <c r="M4800" i="2"/>
  <c r="M4774" i="5" s="1"/>
  <c r="P4774" i="5" s="1"/>
  <c r="L6498" i="2"/>
  <c r="L6472" i="5" s="1"/>
  <c r="I3107" i="2"/>
  <c r="I3081" i="5" s="1"/>
  <c r="M7991" i="2"/>
  <c r="M7965" i="5" s="1"/>
  <c r="P7965" i="5" s="1"/>
  <c r="M72" i="2"/>
  <c r="M46" i="5" s="1"/>
  <c r="P46" i="5" s="1"/>
  <c r="K5168" i="2"/>
  <c r="K5142" i="5" s="1"/>
  <c r="L5920" i="2"/>
  <c r="L5894" i="5" s="1"/>
  <c r="K88" i="2"/>
  <c r="K62" i="5" s="1"/>
  <c r="L907" i="2"/>
  <c r="L881" i="5" s="1"/>
  <c r="K260" i="2"/>
  <c r="K234" i="5" s="1"/>
  <c r="O234" i="5" s="1"/>
  <c r="I3935" i="2"/>
  <c r="I3909" i="5" s="1"/>
  <c r="K385" i="2"/>
  <c r="K359" i="5" s="1"/>
  <c r="I2576" i="2"/>
  <c r="I2550" i="5" s="1"/>
  <c r="J8370" i="2"/>
  <c r="J8344" i="5" s="1"/>
  <c r="I7839" i="2"/>
  <c r="I7813" i="5" s="1"/>
  <c r="K7984" i="2"/>
  <c r="K7958" i="5" s="1"/>
  <c r="M240" i="2"/>
  <c r="M214" i="5" s="1"/>
  <c r="P214" i="5" s="1"/>
  <c r="M2295" i="2"/>
  <c r="M2269" i="5" s="1"/>
  <c r="P2269" i="5" s="1"/>
  <c r="M6459" i="2"/>
  <c r="M6433" i="5" s="1"/>
  <c r="P6433" i="5" s="1"/>
  <c r="L2909" i="2"/>
  <c r="L2883" i="5" s="1"/>
  <c r="J6367" i="2"/>
  <c r="J6341" i="5" s="1"/>
  <c r="N6341" i="5" s="1"/>
  <c r="K1483" i="2"/>
  <c r="K1457" i="5" s="1"/>
  <c r="O1457" i="5" s="1"/>
  <c r="M1483" i="2"/>
  <c r="M1457" i="5" s="1"/>
  <c r="P1457" i="5" s="1"/>
  <c r="I1483" i="2"/>
  <c r="I1457" i="5" s="1"/>
  <c r="L927" i="2"/>
  <c r="L901" i="5" s="1"/>
  <c r="I927" i="2"/>
  <c r="I901" i="5" s="1"/>
  <c r="K927" i="2"/>
  <c r="K901" i="5" s="1"/>
  <c r="J7658" i="2"/>
  <c r="J7632" i="5" s="1"/>
  <c r="N7632" i="5" s="1"/>
  <c r="I7658" i="2"/>
  <c r="I7632" i="5" s="1"/>
  <c r="K7658" i="2"/>
  <c r="K7632" i="5" s="1"/>
  <c r="M2454" i="2"/>
  <c r="M2428" i="5" s="1"/>
  <c r="P2428" i="5" s="1"/>
  <c r="L2454" i="2"/>
  <c r="L2428" i="5" s="1"/>
  <c r="L1124" i="2"/>
  <c r="L1098" i="5" s="1"/>
  <c r="J1124" i="2"/>
  <c r="J1098" i="5" s="1"/>
  <c r="N1098" i="5" s="1"/>
  <c r="I1124" i="2"/>
  <c r="I1098" i="5" s="1"/>
  <c r="M1136" i="2"/>
  <c r="M1110" i="5" s="1"/>
  <c r="P1110" i="5" s="1"/>
  <c r="I1136" i="2"/>
  <c r="I1110" i="5" s="1"/>
  <c r="L4302" i="2"/>
  <c r="L4276" i="5" s="1"/>
  <c r="I4302" i="2"/>
  <c r="I4276" i="5" s="1"/>
  <c r="K6297" i="2"/>
  <c r="K6271" i="5" s="1"/>
  <c r="J6297" i="2"/>
  <c r="J6271" i="5" s="1"/>
  <c r="N6271" i="5" s="1"/>
  <c r="M6297" i="2"/>
  <c r="M6271" i="5" s="1"/>
  <c r="P6271" i="5" s="1"/>
  <c r="I1809" i="2"/>
  <c r="I1783" i="5" s="1"/>
  <c r="K1809" i="2"/>
  <c r="K1783" i="5" s="1"/>
  <c r="J1809" i="2"/>
  <c r="J1783" i="5" s="1"/>
  <c r="N1783" i="5" s="1"/>
  <c r="L1809" i="2"/>
  <c r="L1783" i="5" s="1"/>
  <c r="M1809" i="2"/>
  <c r="M1783" i="5" s="1"/>
  <c r="P1783" i="5" s="1"/>
  <c r="M8121" i="2"/>
  <c r="M8095" i="5" s="1"/>
  <c r="P8095" i="5" s="1"/>
  <c r="I8121" i="2"/>
  <c r="I8095" i="5" s="1"/>
  <c r="L8121" i="2"/>
  <c r="L8095" i="5" s="1"/>
  <c r="L8674" i="2"/>
  <c r="L8648" i="5" s="1"/>
  <c r="L1983" i="2"/>
  <c r="L1957" i="5" s="1"/>
  <c r="I1983" i="2"/>
  <c r="I1957" i="5" s="1"/>
  <c r="K2654" i="2"/>
  <c r="K2628" i="5" s="1"/>
  <c r="I7451" i="2"/>
  <c r="I7425" i="5" s="1"/>
  <c r="L7451" i="2"/>
  <c r="L7425" i="5" s="1"/>
  <c r="I542" i="2"/>
  <c r="I516" i="5" s="1"/>
  <c r="J542" i="2"/>
  <c r="J516" i="5" s="1"/>
  <c r="N516" i="5" s="1"/>
  <c r="M542" i="2"/>
  <c r="M516" i="5" s="1"/>
  <c r="P516" i="5" s="1"/>
  <c r="J1588" i="2"/>
  <c r="J1562" i="5" s="1"/>
  <c r="N1562" i="5" s="1"/>
  <c r="K1588" i="2"/>
  <c r="K1562" i="5" s="1"/>
  <c r="K5823" i="2"/>
  <c r="K5797" i="5" s="1"/>
  <c r="M5823" i="2"/>
  <c r="M5797" i="5" s="1"/>
  <c r="P5797" i="5" s="1"/>
  <c r="J5823" i="2"/>
  <c r="J5797" i="5" s="1"/>
  <c r="M4243" i="2"/>
  <c r="M4217" i="5" s="1"/>
  <c r="P4217" i="5" s="1"/>
  <c r="I4243" i="2"/>
  <c r="I4217" i="5" s="1"/>
  <c r="J4243" i="2"/>
  <c r="J4217" i="5" s="1"/>
  <c r="N4217" i="5" s="1"/>
  <c r="L205" i="2"/>
  <c r="L179" i="5" s="1"/>
  <c r="J205" i="2"/>
  <c r="J179" i="5" s="1"/>
  <c r="N179" i="5" s="1"/>
  <c r="K205" i="2"/>
  <c r="K179" i="5" s="1"/>
  <c r="M205" i="2"/>
  <c r="M179" i="5" s="1"/>
  <c r="P179" i="5" s="1"/>
  <c r="M2901" i="2"/>
  <c r="M2875" i="5" s="1"/>
  <c r="P2875" i="5" s="1"/>
  <c r="J2901" i="2"/>
  <c r="J2875" i="5" s="1"/>
  <c r="N2875" i="5" s="1"/>
  <c r="K4938" i="2"/>
  <c r="K4912" i="5" s="1"/>
  <c r="M4938" i="2"/>
  <c r="M4912" i="5" s="1"/>
  <c r="P4912" i="5" s="1"/>
  <c r="M1831" i="2"/>
  <c r="M1805" i="5" s="1"/>
  <c r="P1805" i="5" s="1"/>
  <c r="K1825" i="2"/>
  <c r="K1799" i="5" s="1"/>
  <c r="J1825" i="2"/>
  <c r="J1799" i="5" s="1"/>
  <c r="N1799" i="5" s="1"/>
  <c r="M1825" i="2"/>
  <c r="M1799" i="5" s="1"/>
  <c r="P1799" i="5" s="1"/>
  <c r="I1825" i="2"/>
  <c r="I1799" i="5" s="1"/>
  <c r="M6812" i="2"/>
  <c r="M6786" i="5" s="1"/>
  <c r="P6786" i="5" s="1"/>
  <c r="I6812" i="2"/>
  <c r="I6786" i="5" s="1"/>
  <c r="M5651" i="2"/>
  <c r="M5625" i="5" s="1"/>
  <c r="P5625" i="5" s="1"/>
  <c r="I5651" i="2"/>
  <c r="I5625" i="5" s="1"/>
  <c r="I295" i="2"/>
  <c r="I269" i="5" s="1"/>
  <c r="M295" i="2"/>
  <c r="M269" i="5" s="1"/>
  <c r="P269" i="5" s="1"/>
  <c r="L7272" i="2"/>
  <c r="L7246" i="5" s="1"/>
  <c r="I7272" i="2"/>
  <c r="I7246" i="5" s="1"/>
  <c r="K7272" i="2"/>
  <c r="K7246" i="5" s="1"/>
  <c r="I6183" i="2"/>
  <c r="I6157" i="5" s="1"/>
  <c r="J6183" i="2"/>
  <c r="J6157" i="5" s="1"/>
  <c r="N6157" i="5" s="1"/>
  <c r="M6183" i="2"/>
  <c r="M6157" i="5" s="1"/>
  <c r="P6157" i="5" s="1"/>
  <c r="L6183" i="2"/>
  <c r="L6157" i="5" s="1"/>
  <c r="K5323" i="2"/>
  <c r="K5297" i="5" s="1"/>
  <c r="I5323" i="2"/>
  <c r="I5297" i="5" s="1"/>
  <c r="J5323" i="2"/>
  <c r="J5297" i="5" s="1"/>
  <c r="N5297" i="5" s="1"/>
  <c r="L5323" i="2"/>
  <c r="L5297" i="5" s="1"/>
  <c r="M5323" i="2"/>
  <c r="M5297" i="5" s="1"/>
  <c r="P5297" i="5" s="1"/>
  <c r="K6610" i="2"/>
  <c r="K6584" i="5" s="1"/>
  <c r="L6610" i="2"/>
  <c r="L6584" i="5" s="1"/>
  <c r="M6610" i="2"/>
  <c r="M6584" i="5" s="1"/>
  <c r="P6584" i="5" s="1"/>
  <c r="I6610" i="2"/>
  <c r="I6584" i="5" s="1"/>
  <c r="J1931" i="2"/>
  <c r="J1905" i="5" s="1"/>
  <c r="N1905" i="5" s="1"/>
  <c r="M1931" i="2"/>
  <c r="M1905" i="5" s="1"/>
  <c r="P1905" i="5" s="1"/>
  <c r="L1931" i="2"/>
  <c r="L1905" i="5" s="1"/>
  <c r="I1931" i="2"/>
  <c r="I1905" i="5" s="1"/>
  <c r="J2667" i="2"/>
  <c r="J2641" i="5" s="1"/>
  <c r="N2641" i="5" s="1"/>
  <c r="K2667" i="2"/>
  <c r="K2641" i="5" s="1"/>
  <c r="M2667" i="2"/>
  <c r="M2641" i="5" s="1"/>
  <c r="P2641" i="5" s="1"/>
  <c r="M3127" i="2"/>
  <c r="M3101" i="5" s="1"/>
  <c r="P3101" i="5" s="1"/>
  <c r="J3127" i="2"/>
  <c r="J3101" i="5" s="1"/>
  <c r="N3101" i="5" s="1"/>
  <c r="I3127" i="2"/>
  <c r="I3101" i="5" s="1"/>
  <c r="L3127" i="2"/>
  <c r="L3101" i="5" s="1"/>
  <c r="K3127" i="2"/>
  <c r="K3101" i="5" s="1"/>
  <c r="I409" i="2"/>
  <c r="I383" i="5" s="1"/>
  <c r="M409" i="2"/>
  <c r="M383" i="5" s="1"/>
  <c r="P383" i="5" s="1"/>
  <c r="K409" i="2"/>
  <c r="K383" i="5" s="1"/>
  <c r="O383" i="5" s="1"/>
  <c r="K8027" i="2"/>
  <c r="K8001" i="5" s="1"/>
  <c r="O8001" i="5" s="1"/>
  <c r="J8027" i="2"/>
  <c r="J8001" i="5" s="1"/>
  <c r="I2652" i="2"/>
  <c r="I2626" i="5" s="1"/>
  <c r="J8668" i="2"/>
  <c r="J8642" i="5" s="1"/>
  <c r="N8642" i="5" s="1"/>
  <c r="K1444" i="2"/>
  <c r="K1418" i="5" s="1"/>
  <c r="O1418" i="5" s="1"/>
  <c r="J1444" i="2"/>
  <c r="J1418" i="5" s="1"/>
  <c r="N1418" i="5" s="1"/>
  <c r="M7999" i="2"/>
  <c r="M7973" i="5" s="1"/>
  <c r="P7973" i="5" s="1"/>
  <c r="J7999" i="2"/>
  <c r="J7973" i="5" s="1"/>
  <c r="N7973" i="5" s="1"/>
  <c r="J5980" i="2"/>
  <c r="J5954" i="5" s="1"/>
  <c r="N5954" i="5" s="1"/>
  <c r="M5980" i="2"/>
  <c r="M5954" i="5" s="1"/>
  <c r="P5954" i="5" s="1"/>
  <c r="L5467" i="2"/>
  <c r="L5441" i="5" s="1"/>
  <c r="I5467" i="2"/>
  <c r="I5441" i="5" s="1"/>
  <c r="M5467" i="2"/>
  <c r="M5441" i="5" s="1"/>
  <c r="P5441" i="5" s="1"/>
  <c r="K5467" i="2"/>
  <c r="K5441" i="5" s="1"/>
  <c r="L5024" i="2"/>
  <c r="L4998" i="5" s="1"/>
  <c r="M5024" i="2"/>
  <c r="M4998" i="5" s="1"/>
  <c r="P4998" i="5" s="1"/>
  <c r="I5024" i="2"/>
  <c r="I4998" i="5" s="1"/>
  <c r="K5024" i="2"/>
  <c r="K4998" i="5" s="1"/>
  <c r="M2983" i="2"/>
  <c r="M2957" i="5" s="1"/>
  <c r="P2957" i="5" s="1"/>
  <c r="J2983" i="2"/>
  <c r="J2957" i="5" s="1"/>
  <c r="N2957" i="5" s="1"/>
  <c r="K2983" i="2"/>
  <c r="K2957" i="5" s="1"/>
  <c r="L2983" i="2"/>
  <c r="L2957" i="5" s="1"/>
  <c r="I2983" i="2"/>
  <c r="I2957" i="5" s="1"/>
  <c r="K6761" i="2"/>
  <c r="K6735" i="5" s="1"/>
  <c r="J6761" i="2"/>
  <c r="J6735" i="5" s="1"/>
  <c r="N6735" i="5" s="1"/>
  <c r="L6668" i="2"/>
  <c r="L6642" i="5" s="1"/>
  <c r="K6668" i="2"/>
  <c r="K6642" i="5" s="1"/>
  <c r="J973" i="2"/>
  <c r="J947" i="5" s="1"/>
  <c r="N947" i="5" s="1"/>
  <c r="L973" i="2"/>
  <c r="L947" i="5" s="1"/>
  <c r="M973" i="2"/>
  <c r="M947" i="5" s="1"/>
  <c r="P947" i="5" s="1"/>
  <c r="K973" i="2"/>
  <c r="K947" i="5" s="1"/>
  <c r="L256" i="2"/>
  <c r="L230" i="5" s="1"/>
  <c r="J256" i="2"/>
  <c r="J230" i="5" s="1"/>
  <c r="N230" i="5" s="1"/>
  <c r="I256" i="2"/>
  <c r="I230" i="5" s="1"/>
  <c r="K256" i="2"/>
  <c r="K230" i="5" s="1"/>
  <c r="M256" i="2"/>
  <c r="M230" i="5" s="1"/>
  <c r="P230" i="5" s="1"/>
  <c r="J4834" i="2"/>
  <c r="J4808" i="5" s="1"/>
  <c r="N4808" i="5" s="1"/>
  <c r="M4834" i="2"/>
  <c r="M4808" i="5" s="1"/>
  <c r="P4808" i="5" s="1"/>
  <c r="K7457" i="2"/>
  <c r="K7431" i="5" s="1"/>
  <c r="M7457" i="2"/>
  <c r="M7431" i="5" s="1"/>
  <c r="P7431" i="5" s="1"/>
  <c r="J7457" i="2"/>
  <c r="J7431" i="5" s="1"/>
  <c r="N7431" i="5" s="1"/>
  <c r="L7457" i="2"/>
  <c r="L7431" i="5" s="1"/>
  <c r="L135" i="2"/>
  <c r="L109" i="5" s="1"/>
  <c r="M135" i="2"/>
  <c r="M109" i="5" s="1"/>
  <c r="P109" i="5" s="1"/>
  <c r="K135" i="2"/>
  <c r="K109" i="5" s="1"/>
  <c r="J135" i="2"/>
  <c r="J109" i="5" s="1"/>
  <c r="N109" i="5" s="1"/>
  <c r="J5775" i="2"/>
  <c r="J5749" i="5" s="1"/>
  <c r="N5749" i="5" s="1"/>
  <c r="I5775" i="2"/>
  <c r="I5749" i="5" s="1"/>
  <c r="K5775" i="2"/>
  <c r="K5749" i="5" s="1"/>
  <c r="M5775" i="2"/>
  <c r="M5749" i="5" s="1"/>
  <c r="P5749" i="5" s="1"/>
  <c r="L2112" i="2"/>
  <c r="L2086" i="5" s="1"/>
  <c r="I2112" i="2"/>
  <c r="I2086" i="5" s="1"/>
  <c r="K2112" i="2"/>
  <c r="K2086" i="5" s="1"/>
  <c r="M2112" i="2"/>
  <c r="M2086" i="5" s="1"/>
  <c r="P2086" i="5" s="1"/>
  <c r="J2112" i="2"/>
  <c r="J2086" i="5" s="1"/>
  <c r="I4453" i="2"/>
  <c r="I4427" i="5" s="1"/>
  <c r="K4453" i="2"/>
  <c r="K4427" i="5" s="1"/>
  <c r="K4739" i="2"/>
  <c r="K4713" i="5" s="1"/>
  <c r="L4739" i="2"/>
  <c r="L4713" i="5" s="1"/>
  <c r="E303" i="5"/>
  <c r="AR297" i="1"/>
  <c r="M727" i="2"/>
  <c r="M701" i="5" s="1"/>
  <c r="P701" i="5" s="1"/>
  <c r="L727" i="2"/>
  <c r="L701" i="5" s="1"/>
  <c r="K727" i="2"/>
  <c r="K701" i="5" s="1"/>
  <c r="J1822" i="2"/>
  <c r="J1796" i="5" s="1"/>
  <c r="N1796" i="5" s="1"/>
  <c r="L1822" i="2"/>
  <c r="L1796" i="5" s="1"/>
  <c r="K1822" i="2"/>
  <c r="K1796" i="5" s="1"/>
  <c r="I1822" i="2"/>
  <c r="I1796" i="5" s="1"/>
  <c r="M1822" i="2"/>
  <c r="M1796" i="5" s="1"/>
  <c r="P1796" i="5" s="1"/>
  <c r="J6255" i="2"/>
  <c r="J6229" i="5" s="1"/>
  <c r="M6255" i="2"/>
  <c r="M6229" i="5" s="1"/>
  <c r="P6229" i="5" s="1"/>
  <c r="I7345" i="2"/>
  <c r="I7319" i="5" s="1"/>
  <c r="K7345" i="2"/>
  <c r="K7319" i="5" s="1"/>
  <c r="L7345" i="2"/>
  <c r="L7319" i="5" s="1"/>
  <c r="M7345" i="2"/>
  <c r="M7319" i="5" s="1"/>
  <c r="P7319" i="5" s="1"/>
  <c r="L6139" i="2"/>
  <c r="L6113" i="5" s="1"/>
  <c r="K6139" i="2"/>
  <c r="K6113" i="5" s="1"/>
  <c r="M6139" i="2"/>
  <c r="M6113" i="5" s="1"/>
  <c r="P6113" i="5" s="1"/>
  <c r="I2665" i="2"/>
  <c r="I2639" i="5" s="1"/>
  <c r="K2665" i="2"/>
  <c r="K2639" i="5" s="1"/>
  <c r="L2665" i="2"/>
  <c r="L2639" i="5" s="1"/>
  <c r="M2665" i="2"/>
  <c r="M2639" i="5" s="1"/>
  <c r="P2639" i="5" s="1"/>
  <c r="J7514" i="2"/>
  <c r="J7488" i="5" s="1"/>
  <c r="N7488" i="5" s="1"/>
  <c r="L7514" i="2"/>
  <c r="L7488" i="5" s="1"/>
  <c r="M7514" i="2"/>
  <c r="M7488" i="5" s="1"/>
  <c r="P7488" i="5" s="1"/>
  <c r="J3267" i="2"/>
  <c r="J3241" i="5" s="1"/>
  <c r="N3241" i="5" s="1"/>
  <c r="M3267" i="2"/>
  <c r="M3241" i="5" s="1"/>
  <c r="P3241" i="5" s="1"/>
  <c r="K3267" i="2"/>
  <c r="K3241" i="5" s="1"/>
  <c r="O3241" i="5" s="1"/>
  <c r="L2330" i="2"/>
  <c r="L2304" i="5" s="1"/>
  <c r="M2330" i="2"/>
  <c r="M2304" i="5" s="1"/>
  <c r="P2304" i="5" s="1"/>
  <c r="J5132" i="2"/>
  <c r="J5106" i="5" s="1"/>
  <c r="N5106" i="5" s="1"/>
  <c r="L5132" i="2"/>
  <c r="L5106" i="5" s="1"/>
  <c r="I5132" i="2"/>
  <c r="I5106" i="5" s="1"/>
  <c r="K5132" i="2"/>
  <c r="K5106" i="5" s="1"/>
  <c r="I4766" i="2"/>
  <c r="I4740" i="5" s="1"/>
  <c r="L4766" i="2"/>
  <c r="L4740" i="5" s="1"/>
  <c r="K4766" i="2"/>
  <c r="K4740" i="5" s="1"/>
  <c r="J4766" i="2"/>
  <c r="J4740" i="5" s="1"/>
  <c r="N4740" i="5" s="1"/>
  <c r="M4766" i="2"/>
  <c r="M4740" i="5" s="1"/>
  <c r="P4740" i="5" s="1"/>
  <c r="L5182" i="2"/>
  <c r="L5156" i="5" s="1"/>
  <c r="J5182" i="2"/>
  <c r="J5156" i="5" s="1"/>
  <c r="N5156" i="5" s="1"/>
  <c r="J5178" i="2"/>
  <c r="J5152" i="5" s="1"/>
  <c r="L5178" i="2"/>
  <c r="L5152" i="5" s="1"/>
  <c r="M2999" i="2"/>
  <c r="M2973" i="5" s="1"/>
  <c r="P2973" i="5" s="1"/>
  <c r="L2999" i="2"/>
  <c r="L2973" i="5" s="1"/>
  <c r="I2999" i="2"/>
  <c r="I2973" i="5" s="1"/>
  <c r="K2999" i="2"/>
  <c r="K2973" i="5" s="1"/>
  <c r="J2999" i="2"/>
  <c r="J2973" i="5" s="1"/>
  <c r="N2973" i="5" s="1"/>
  <c r="M7265" i="2"/>
  <c r="M7239" i="5" s="1"/>
  <c r="P7239" i="5" s="1"/>
  <c r="J7265" i="2"/>
  <c r="J7239" i="5" s="1"/>
  <c r="I7265" i="2"/>
  <c r="I7239" i="5" s="1"/>
  <c r="K7265" i="2"/>
  <c r="K7239" i="5" s="1"/>
  <c r="L7265" i="2"/>
  <c r="L7239" i="5" s="1"/>
  <c r="K7807" i="2"/>
  <c r="K7781" i="5" s="1"/>
  <c r="I7807" i="2"/>
  <c r="I7781" i="5" s="1"/>
  <c r="M7807" i="2"/>
  <c r="M7781" i="5" s="1"/>
  <c r="P7781" i="5" s="1"/>
  <c r="L7807" i="2"/>
  <c r="L7781" i="5" s="1"/>
  <c r="J7807" i="2"/>
  <c r="J7781" i="5" s="1"/>
  <c r="N7781" i="5" s="1"/>
  <c r="M7149" i="2"/>
  <c r="M7123" i="5" s="1"/>
  <c r="P7123" i="5" s="1"/>
  <c r="J7149" i="2"/>
  <c r="J7123" i="5" s="1"/>
  <c r="N7123" i="5" s="1"/>
  <c r="J1901" i="2"/>
  <c r="J1875" i="5" s="1"/>
  <c r="N1875" i="5" s="1"/>
  <c r="L1901" i="2"/>
  <c r="L1875" i="5" s="1"/>
  <c r="J6284" i="2"/>
  <c r="J6258" i="5" s="1"/>
  <c r="N6258" i="5" s="1"/>
  <c r="K6284" i="2"/>
  <c r="K6258" i="5" s="1"/>
  <c r="J1087" i="2"/>
  <c r="J1061" i="5" s="1"/>
  <c r="N1061" i="5" s="1"/>
  <c r="M1087" i="2"/>
  <c r="M1061" i="5" s="1"/>
  <c r="P1061" i="5" s="1"/>
  <c r="I1087" i="2"/>
  <c r="I1061" i="5" s="1"/>
  <c r="K1087" i="2"/>
  <c r="K1061" i="5" s="1"/>
  <c r="L1087" i="2"/>
  <c r="L1061" i="5" s="1"/>
  <c r="J7940" i="2"/>
  <c r="J7914" i="5" s="1"/>
  <c r="N7914" i="5" s="1"/>
  <c r="L7940" i="2"/>
  <c r="L7914" i="5" s="1"/>
  <c r="M258" i="2"/>
  <c r="M232" i="5" s="1"/>
  <c r="P232" i="5" s="1"/>
  <c r="K258" i="2"/>
  <c r="K232" i="5" s="1"/>
  <c r="L258" i="2"/>
  <c r="L232" i="5" s="1"/>
  <c r="I258" i="2"/>
  <c r="I232" i="5" s="1"/>
  <c r="M1097" i="2"/>
  <c r="M1071" i="5" s="1"/>
  <c r="P1071" i="5" s="1"/>
  <c r="L1097" i="2"/>
  <c r="L1071" i="5" s="1"/>
  <c r="J1097" i="2"/>
  <c r="J1071" i="5" s="1"/>
  <c r="K1097" i="2"/>
  <c r="K1071" i="5" s="1"/>
  <c r="K137" i="2"/>
  <c r="K111" i="5" s="1"/>
  <c r="J137" i="2"/>
  <c r="J111" i="5" s="1"/>
  <c r="N111" i="5" s="1"/>
  <c r="K121" i="2"/>
  <c r="K95" i="5" s="1"/>
  <c r="L121" i="2"/>
  <c r="L95" i="5" s="1"/>
  <c r="I121" i="2"/>
  <c r="I95" i="5" s="1"/>
  <c r="L7449" i="2"/>
  <c r="L7423" i="5" s="1"/>
  <c r="M7449" i="2"/>
  <c r="M7423" i="5" s="1"/>
  <c r="P7423" i="5" s="1"/>
  <c r="I7449" i="2"/>
  <c r="I7423" i="5" s="1"/>
  <c r="I473" i="2"/>
  <c r="I447" i="5" s="1"/>
  <c r="J473" i="2"/>
  <c r="J447" i="5" s="1"/>
  <c r="M8706" i="2"/>
  <c r="M8680" i="5" s="1"/>
  <c r="P8680" i="5" s="1"/>
  <c r="K8706" i="2"/>
  <c r="K8680" i="5" s="1"/>
  <c r="L8706" i="2"/>
  <c r="L8680" i="5" s="1"/>
  <c r="J8706" i="2"/>
  <c r="J8680" i="5" s="1"/>
  <c r="N8680" i="5" s="1"/>
  <c r="I8706" i="2"/>
  <c r="I8680" i="5" s="1"/>
  <c r="L3477" i="2"/>
  <c r="L3451" i="5" s="1"/>
  <c r="J3477" i="2"/>
  <c r="J3451" i="5" s="1"/>
  <c r="N3451" i="5" s="1"/>
  <c r="M3477" i="2"/>
  <c r="M3451" i="5" s="1"/>
  <c r="P3451" i="5" s="1"/>
  <c r="I3477" i="2"/>
  <c r="I3451" i="5" s="1"/>
  <c r="L3094" i="2"/>
  <c r="L3068" i="5" s="1"/>
  <c r="I3094" i="2"/>
  <c r="I3068" i="5" s="1"/>
  <c r="K3094" i="2"/>
  <c r="K3068" i="5" s="1"/>
  <c r="M3094" i="2"/>
  <c r="M3068" i="5" s="1"/>
  <c r="P3068" i="5" s="1"/>
  <c r="J3094" i="2"/>
  <c r="J3068" i="5" s="1"/>
  <c r="N3068" i="5" s="1"/>
  <c r="L7688" i="2"/>
  <c r="L7662" i="5" s="1"/>
  <c r="J7688" i="2"/>
  <c r="J7662" i="5" s="1"/>
  <c r="N7662" i="5" s="1"/>
  <c r="K7688" i="2"/>
  <c r="K7662" i="5" s="1"/>
  <c r="K6685" i="2"/>
  <c r="K6659" i="5" s="1"/>
  <c r="M6685" i="2"/>
  <c r="M6659" i="5" s="1"/>
  <c r="P6659" i="5" s="1"/>
  <c r="L6685" i="2"/>
  <c r="L6659" i="5" s="1"/>
  <c r="M6431" i="2"/>
  <c r="M6405" i="5" s="1"/>
  <c r="P6405" i="5" s="1"/>
  <c r="I4610" i="2"/>
  <c r="I4584" i="5" s="1"/>
  <c r="L4610" i="2"/>
  <c r="L4584" i="5" s="1"/>
  <c r="K4610" i="2"/>
  <c r="K4584" i="5" s="1"/>
  <c r="M6818" i="2"/>
  <c r="M6792" i="5" s="1"/>
  <c r="P6792" i="5" s="1"/>
  <c r="I6818" i="2"/>
  <c r="I6792" i="5" s="1"/>
  <c r="J6419" i="2"/>
  <c r="J6393" i="5" s="1"/>
  <c r="N6393" i="5" s="1"/>
  <c r="K8785" i="2"/>
  <c r="K8759" i="5" s="1"/>
  <c r="L8785" i="2"/>
  <c r="L8759" i="5" s="1"/>
  <c r="M3665" i="2"/>
  <c r="M3639" i="5" s="1"/>
  <c r="P3639" i="5" s="1"/>
  <c r="L3665" i="2"/>
  <c r="L3639" i="5" s="1"/>
  <c r="I3665" i="2"/>
  <c r="I3639" i="5" s="1"/>
  <c r="M4462" i="2"/>
  <c r="M4436" i="5" s="1"/>
  <c r="P4436" i="5" s="1"/>
  <c r="L4462" i="2"/>
  <c r="L4436" i="5" s="1"/>
  <c r="I4462" i="2"/>
  <c r="I4436" i="5" s="1"/>
  <c r="J2937" i="2"/>
  <c r="J2911" i="5" s="1"/>
  <c r="N2911" i="5" s="1"/>
  <c r="M2937" i="2"/>
  <c r="M2911" i="5" s="1"/>
  <c r="P2911" i="5" s="1"/>
  <c r="K2937" i="2"/>
  <c r="K2911" i="5" s="1"/>
  <c r="L2937" i="2"/>
  <c r="L2911" i="5" s="1"/>
  <c r="K1312" i="2"/>
  <c r="K1286" i="5" s="1"/>
  <c r="J1312" i="2"/>
  <c r="J1286" i="5" s="1"/>
  <c r="N1286" i="5" s="1"/>
  <c r="M1312" i="2"/>
  <c r="M1286" i="5" s="1"/>
  <c r="P1286" i="5" s="1"/>
  <c r="I1312" i="2"/>
  <c r="I1286" i="5" s="1"/>
  <c r="L1312" i="2"/>
  <c r="L1286" i="5" s="1"/>
  <c r="L1259" i="2"/>
  <c r="L1233" i="5" s="1"/>
  <c r="M1259" i="2"/>
  <c r="M1233" i="5" s="1"/>
  <c r="P1233" i="5" s="1"/>
  <c r="K1259" i="2"/>
  <c r="K1233" i="5" s="1"/>
  <c r="I2074" i="2"/>
  <c r="I2048" i="5" s="1"/>
  <c r="K2074" i="2"/>
  <c r="K2048" i="5" s="1"/>
  <c r="I1955" i="2"/>
  <c r="I1929" i="5" s="1"/>
  <c r="J1955" i="2"/>
  <c r="J1929" i="5" s="1"/>
  <c r="N1929" i="5" s="1"/>
  <c r="L1955" i="2"/>
  <c r="L1929" i="5" s="1"/>
  <c r="K1955" i="2"/>
  <c r="K1929" i="5" s="1"/>
  <c r="M1955" i="2"/>
  <c r="M1929" i="5" s="1"/>
  <c r="P1929" i="5" s="1"/>
  <c r="K8779" i="2"/>
  <c r="K8753" i="5" s="1"/>
  <c r="J8779" i="2"/>
  <c r="J8753" i="5" s="1"/>
  <c r="N8753" i="5" s="1"/>
  <c r="I8779" i="2"/>
  <c r="I8753" i="5" s="1"/>
  <c r="L8779" i="2"/>
  <c r="L8753" i="5" s="1"/>
  <c r="M8779" i="2"/>
  <c r="M8753" i="5" s="1"/>
  <c r="P8753" i="5" s="1"/>
  <c r="J7784" i="2"/>
  <c r="J7758" i="5" s="1"/>
  <c r="N7758" i="5" s="1"/>
  <c r="K7784" i="2"/>
  <c r="K7758" i="5" s="1"/>
  <c r="I1051" i="2"/>
  <c r="I1025" i="5" s="1"/>
  <c r="K1051" i="2"/>
  <c r="K1025" i="5" s="1"/>
  <c r="M1051" i="2"/>
  <c r="M1025" i="5" s="1"/>
  <c r="P1025" i="5" s="1"/>
  <c r="L1051" i="2"/>
  <c r="L1025" i="5" s="1"/>
  <c r="J1051" i="2"/>
  <c r="J1025" i="5" s="1"/>
  <c r="I887" i="2"/>
  <c r="I861" i="5" s="1"/>
  <c r="L887" i="2"/>
  <c r="L861" i="5" s="1"/>
  <c r="K887" i="2"/>
  <c r="K861" i="5" s="1"/>
  <c r="J887" i="2"/>
  <c r="J861" i="5" s="1"/>
  <c r="J2904" i="2"/>
  <c r="J2878" i="5" s="1"/>
  <c r="N2878" i="5" s="1"/>
  <c r="I2904" i="2"/>
  <c r="I2878" i="5" s="1"/>
  <c r="K2652" i="2"/>
  <c r="K2626" i="5" s="1"/>
  <c r="I4167" i="2"/>
  <c r="I4141" i="5" s="1"/>
  <c r="K4167" i="2"/>
  <c r="K4141" i="5" s="1"/>
  <c r="O4141" i="5" s="1"/>
  <c r="J4167" i="2"/>
  <c r="J4141" i="5" s="1"/>
  <c r="N4141" i="5" s="1"/>
  <c r="M4167" i="2"/>
  <c r="M4141" i="5" s="1"/>
  <c r="P4141" i="5" s="1"/>
  <c r="J442" i="2"/>
  <c r="J416" i="5" s="1"/>
  <c r="N416" i="5" s="1"/>
  <c r="I442" i="2"/>
  <c r="I416" i="5" s="1"/>
  <c r="L442" i="2"/>
  <c r="L416" i="5" s="1"/>
  <c r="K8377" i="2"/>
  <c r="K8351" i="5" s="1"/>
  <c r="M8377" i="2"/>
  <c r="M8351" i="5" s="1"/>
  <c r="P8351" i="5" s="1"/>
  <c r="I8377" i="2"/>
  <c r="I8351" i="5" s="1"/>
  <c r="L8377" i="2"/>
  <c r="L8351" i="5" s="1"/>
  <c r="M1048" i="2"/>
  <c r="M1022" i="5" s="1"/>
  <c r="P1022" i="5" s="1"/>
  <c r="J1048" i="2"/>
  <c r="J1022" i="5" s="1"/>
  <c r="N1022" i="5" s="1"/>
  <c r="K3587" i="2"/>
  <c r="K3561" i="5" s="1"/>
  <c r="J3587" i="2"/>
  <c r="J3561" i="5" s="1"/>
  <c r="M3587" i="2"/>
  <c r="M3561" i="5" s="1"/>
  <c r="P3561" i="5" s="1"/>
  <c r="L3587" i="2"/>
  <c r="L3561" i="5" s="1"/>
  <c r="I3587" i="2"/>
  <c r="I3561" i="5" s="1"/>
  <c r="I3476" i="2"/>
  <c r="I3450" i="5" s="1"/>
  <c r="K3476" i="2"/>
  <c r="K3450" i="5" s="1"/>
  <c r="M3476" i="2"/>
  <c r="M3450" i="5" s="1"/>
  <c r="P3450" i="5" s="1"/>
  <c r="J3476" i="2"/>
  <c r="J3450" i="5" s="1"/>
  <c r="N3450" i="5" s="1"/>
  <c r="I6824" i="2"/>
  <c r="I6798" i="5" s="1"/>
  <c r="L6824" i="2"/>
  <c r="L6798" i="5" s="1"/>
  <c r="M6824" i="2"/>
  <c r="M6798" i="5" s="1"/>
  <c r="P6798" i="5" s="1"/>
  <c r="K7359" i="2"/>
  <c r="K7333" i="5" s="1"/>
  <c r="J7359" i="2"/>
  <c r="J7333" i="5" s="1"/>
  <c r="N7333" i="5" s="1"/>
  <c r="J7029" i="2"/>
  <c r="J7003" i="5" s="1"/>
  <c r="N7003" i="5" s="1"/>
  <c r="K7029" i="2"/>
  <c r="K7003" i="5" s="1"/>
  <c r="I7029" i="2"/>
  <c r="I7003" i="5" s="1"/>
  <c r="M7029" i="2"/>
  <c r="M7003" i="5" s="1"/>
  <c r="P7003" i="5" s="1"/>
  <c r="L7029" i="2"/>
  <c r="L7003" i="5" s="1"/>
  <c r="I5350" i="2"/>
  <c r="I5324" i="5" s="1"/>
  <c r="J5350" i="2"/>
  <c r="J5324" i="5" s="1"/>
  <c r="N5324" i="5" s="1"/>
  <c r="K5350" i="2"/>
  <c r="K5324" i="5" s="1"/>
  <c r="O5324" i="5" s="1"/>
  <c r="J8166" i="2"/>
  <c r="J8140" i="5" s="1"/>
  <c r="M8166" i="2"/>
  <c r="M8140" i="5" s="1"/>
  <c r="P8140" i="5" s="1"/>
  <c r="I8166" i="2"/>
  <c r="I8140" i="5" s="1"/>
  <c r="K8166" i="2"/>
  <c r="K8140" i="5" s="1"/>
  <c r="L8166" i="2"/>
  <c r="L8140" i="5" s="1"/>
  <c r="J3963" i="2"/>
  <c r="J3937" i="5" s="1"/>
  <c r="N3937" i="5" s="1"/>
  <c r="M3963" i="2"/>
  <c r="M3937" i="5" s="1"/>
  <c r="P3937" i="5" s="1"/>
  <c r="M7291" i="2"/>
  <c r="M7265" i="5" s="1"/>
  <c r="P7265" i="5" s="1"/>
  <c r="K7291" i="2"/>
  <c r="K7265" i="5" s="1"/>
  <c r="J7291" i="2"/>
  <c r="J7265" i="5" s="1"/>
  <c r="N7265" i="5" s="1"/>
  <c r="I7291" i="2"/>
  <c r="I7265" i="5" s="1"/>
  <c r="L7291" i="2"/>
  <c r="L7265" i="5" s="1"/>
  <c r="J7366" i="2"/>
  <c r="J7340" i="5" s="1"/>
  <c r="N7340" i="5" s="1"/>
  <c r="L7366" i="2"/>
  <c r="L7340" i="5" s="1"/>
  <c r="K4509" i="2"/>
  <c r="K4483" i="5" s="1"/>
  <c r="L4509" i="2"/>
  <c r="L4483" i="5" s="1"/>
  <c r="I4509" i="2"/>
  <c r="I4483" i="5" s="1"/>
  <c r="M4509" i="2"/>
  <c r="M4483" i="5" s="1"/>
  <c r="P4483" i="5" s="1"/>
  <c r="K7172" i="2"/>
  <c r="K7146" i="5" s="1"/>
  <c r="L7172" i="2"/>
  <c r="L7146" i="5" s="1"/>
  <c r="I7172" i="2"/>
  <c r="I7146" i="5" s="1"/>
  <c r="M7172" i="2"/>
  <c r="M7146" i="5" s="1"/>
  <c r="P7146" i="5" s="1"/>
  <c r="L414" i="2"/>
  <c r="L388" i="5" s="1"/>
  <c r="K414" i="2"/>
  <c r="K388" i="5" s="1"/>
  <c r="J5131" i="2"/>
  <c r="J5105" i="5" s="1"/>
  <c r="M5131" i="2"/>
  <c r="M5105" i="5" s="1"/>
  <c r="P5105" i="5" s="1"/>
  <c r="L5131" i="2"/>
  <c r="L5105" i="5" s="1"/>
  <c r="K5131" i="2"/>
  <c r="K5105" i="5" s="1"/>
  <c r="I5131" i="2"/>
  <c r="I5105" i="5" s="1"/>
  <c r="J302" i="2"/>
  <c r="J276" i="5" s="1"/>
  <c r="N276" i="5" s="1"/>
  <c r="L8163" i="2"/>
  <c r="L8137" i="5" s="1"/>
  <c r="J8163" i="2"/>
  <c r="J8137" i="5" s="1"/>
  <c r="N8137" i="5" s="1"/>
  <c r="K8163" i="2"/>
  <c r="K8137" i="5" s="1"/>
  <c r="M8163" i="2"/>
  <c r="M8137" i="5" s="1"/>
  <c r="P8137" i="5" s="1"/>
  <c r="I8163" i="2"/>
  <c r="I8137" i="5" s="1"/>
  <c r="K440" i="2"/>
  <c r="K414" i="5" s="1"/>
  <c r="L440" i="2"/>
  <c r="L414" i="5" s="1"/>
  <c r="L7129" i="2"/>
  <c r="L7103" i="5" s="1"/>
  <c r="M7129" i="2"/>
  <c r="M7103" i="5" s="1"/>
  <c r="P7103" i="5" s="1"/>
  <c r="I7129" i="2"/>
  <c r="I7103" i="5" s="1"/>
  <c r="K8151" i="2"/>
  <c r="K8125" i="5" s="1"/>
  <c r="J8151" i="2"/>
  <c r="J8125" i="5" s="1"/>
  <c r="L8151" i="2"/>
  <c r="L8125" i="5" s="1"/>
  <c r="I8151" i="2"/>
  <c r="I8125" i="5" s="1"/>
  <c r="L5627" i="2"/>
  <c r="L5601" i="5" s="1"/>
  <c r="M5627" i="2"/>
  <c r="M5601" i="5" s="1"/>
  <c r="P5601" i="5" s="1"/>
  <c r="I5627" i="2"/>
  <c r="I5601" i="5" s="1"/>
  <c r="L109" i="2"/>
  <c r="L83" i="5" s="1"/>
  <c r="J109" i="2"/>
  <c r="J83" i="5" s="1"/>
  <c r="N83" i="5" s="1"/>
  <c r="M109" i="2"/>
  <c r="M83" i="5" s="1"/>
  <c r="P83" i="5" s="1"/>
  <c r="M5139" i="2"/>
  <c r="M5113" i="5" s="1"/>
  <c r="P5113" i="5" s="1"/>
  <c r="L5139" i="2"/>
  <c r="L5113" i="5" s="1"/>
  <c r="I5139" i="2"/>
  <c r="I5113" i="5" s="1"/>
  <c r="J5786" i="2"/>
  <c r="J5760" i="5" s="1"/>
  <c r="N5760" i="5" s="1"/>
  <c r="M5786" i="2"/>
  <c r="M5760" i="5" s="1"/>
  <c r="P5760" i="5" s="1"/>
  <c r="K147" i="2"/>
  <c r="K121" i="5" s="1"/>
  <c r="O121" i="5" s="1"/>
  <c r="J147" i="2"/>
  <c r="J121" i="5" s="1"/>
  <c r="N121" i="5" s="1"/>
  <c r="K3986" i="2"/>
  <c r="K3960" i="5" s="1"/>
  <c r="O3960" i="5" s="1"/>
  <c r="I3986" i="2"/>
  <c r="I3960" i="5" s="1"/>
  <c r="L1975" i="2"/>
  <c r="L1949" i="5" s="1"/>
  <c r="M1975" i="2"/>
  <c r="M1949" i="5" s="1"/>
  <c r="P1949" i="5" s="1"/>
  <c r="J1975" i="2"/>
  <c r="J1949" i="5" s="1"/>
  <c r="I4840" i="2"/>
  <c r="I4814" i="5" s="1"/>
  <c r="K4840" i="2"/>
  <c r="K4814" i="5" s="1"/>
  <c r="M4840" i="2"/>
  <c r="M4814" i="5" s="1"/>
  <c r="P4814" i="5" s="1"/>
  <c r="L4840" i="2"/>
  <c r="L4814" i="5" s="1"/>
  <c r="J4840" i="2"/>
  <c r="J4814" i="5" s="1"/>
  <c r="N4814" i="5" s="1"/>
  <c r="M2455" i="2"/>
  <c r="M2429" i="5" s="1"/>
  <c r="P2429" i="5" s="1"/>
  <c r="I2455" i="2"/>
  <c r="I2429" i="5" s="1"/>
  <c r="I4741" i="2"/>
  <c r="I4715" i="5" s="1"/>
  <c r="K2108" i="2"/>
  <c r="K2082" i="5" s="1"/>
  <c r="I2108" i="2"/>
  <c r="I2082" i="5" s="1"/>
  <c r="L2108" i="2"/>
  <c r="L2082" i="5" s="1"/>
  <c r="M2108" i="2"/>
  <c r="M2082" i="5" s="1"/>
  <c r="P2082" i="5" s="1"/>
  <c r="J2108" i="2"/>
  <c r="J2082" i="5" s="1"/>
  <c r="N2082" i="5" s="1"/>
  <c r="L6527" i="2"/>
  <c r="L6501" i="5" s="1"/>
  <c r="J6527" i="2"/>
  <c r="J6501" i="5" s="1"/>
  <c r="K6527" i="2"/>
  <c r="K6501" i="5" s="1"/>
  <c r="M6527" i="2"/>
  <c r="M6501" i="5" s="1"/>
  <c r="P6501" i="5" s="1"/>
  <c r="M910" i="2"/>
  <c r="M884" i="5" s="1"/>
  <c r="P884" i="5" s="1"/>
  <c r="K910" i="2"/>
  <c r="K884" i="5" s="1"/>
  <c r="L910" i="2"/>
  <c r="L884" i="5" s="1"/>
  <c r="M432" i="2"/>
  <c r="M406" i="5" s="1"/>
  <c r="P406" i="5" s="1"/>
  <c r="I432" i="2"/>
  <c r="I406" i="5" s="1"/>
  <c r="K432" i="2"/>
  <c r="K406" i="5" s="1"/>
  <c r="O406" i="5" s="1"/>
  <c r="M6254" i="2"/>
  <c r="M6228" i="5" s="1"/>
  <c r="P6228" i="5" s="1"/>
  <c r="K6254" i="2"/>
  <c r="K6228" i="5" s="1"/>
  <c r="O6228" i="5" s="1"/>
  <c r="M7341" i="2"/>
  <c r="M7315" i="5" s="1"/>
  <c r="P7315" i="5" s="1"/>
  <c r="J1398" i="2"/>
  <c r="J1372" i="5" s="1"/>
  <c r="N1372" i="5" s="1"/>
  <c r="K1398" i="2"/>
  <c r="K1372" i="5" s="1"/>
  <c r="L1398" i="2"/>
  <c r="L1372" i="5" s="1"/>
  <c r="I2071" i="2"/>
  <c r="I2045" i="5" s="1"/>
  <c r="M2071" i="2"/>
  <c r="M2045" i="5" s="1"/>
  <c r="P2045" i="5" s="1"/>
  <c r="L2071" i="2"/>
  <c r="L2045" i="5" s="1"/>
  <c r="J2071" i="2"/>
  <c r="J2045" i="5" s="1"/>
  <c r="N2045" i="5" s="1"/>
  <c r="M7283" i="2"/>
  <c r="M7257" i="5" s="1"/>
  <c r="P7257" i="5" s="1"/>
  <c r="J7283" i="2"/>
  <c r="J7257" i="5" s="1"/>
  <c r="N7257" i="5" s="1"/>
  <c r="L7283" i="2"/>
  <c r="L7257" i="5" s="1"/>
  <c r="I8159" i="2"/>
  <c r="I8133" i="5" s="1"/>
  <c r="K8159" i="2"/>
  <c r="K8133" i="5" s="1"/>
  <c r="L4413" i="2"/>
  <c r="L4387" i="5" s="1"/>
  <c r="J4413" i="2"/>
  <c r="J4387" i="5" s="1"/>
  <c r="K4413" i="2"/>
  <c r="K4387" i="5" s="1"/>
  <c r="K307" i="2"/>
  <c r="K281" i="5" s="1"/>
  <c r="I307" i="2"/>
  <c r="I281" i="5" s="1"/>
  <c r="J307" i="2"/>
  <c r="J281" i="5" s="1"/>
  <c r="N281" i="5" s="1"/>
  <c r="K7274" i="2"/>
  <c r="K7248" i="5" s="1"/>
  <c r="J7274" i="2"/>
  <c r="J7248" i="5" s="1"/>
  <c r="N7248" i="5" s="1"/>
  <c r="L7274" i="2"/>
  <c r="L7248" i="5" s="1"/>
  <c r="M7274" i="2"/>
  <c r="M7248" i="5" s="1"/>
  <c r="P7248" i="5" s="1"/>
  <c r="L1754" i="2"/>
  <c r="L1728" i="5" s="1"/>
  <c r="I1754" i="2"/>
  <c r="I1728" i="5" s="1"/>
  <c r="K1754" i="2"/>
  <c r="K1728" i="5" s="1"/>
  <c r="J1903" i="2"/>
  <c r="J1877" i="5" s="1"/>
  <c r="N1877" i="5" s="1"/>
  <c r="M1903" i="2"/>
  <c r="M1877" i="5" s="1"/>
  <c r="P1877" i="5" s="1"/>
  <c r="I1903" i="2"/>
  <c r="I1877" i="5" s="1"/>
  <c r="I7105" i="2"/>
  <c r="I7079" i="5" s="1"/>
  <c r="J7105" i="2"/>
  <c r="J7079" i="5" s="1"/>
  <c r="L2325" i="2"/>
  <c r="L2299" i="5" s="1"/>
  <c r="I2325" i="2"/>
  <c r="I2299" i="5" s="1"/>
  <c r="M8313" i="2"/>
  <c r="M8287" i="5" s="1"/>
  <c r="P8287" i="5" s="1"/>
  <c r="J8313" i="2"/>
  <c r="J8287" i="5" s="1"/>
  <c r="L8313" i="2"/>
  <c r="L8287" i="5" s="1"/>
  <c r="L1661" i="2"/>
  <c r="L1635" i="5" s="1"/>
  <c r="J1661" i="2"/>
  <c r="J1635" i="5" s="1"/>
  <c r="I1883" i="2"/>
  <c r="I1857" i="5" s="1"/>
  <c r="K1883" i="2"/>
  <c r="K1857" i="5" s="1"/>
  <c r="L1883" i="2"/>
  <c r="L1857" i="5" s="1"/>
  <c r="M1883" i="2"/>
  <c r="M1857" i="5" s="1"/>
  <c r="P1857" i="5" s="1"/>
  <c r="J1883" i="2"/>
  <c r="J1857" i="5" s="1"/>
  <c r="N1857" i="5" s="1"/>
  <c r="M7487" i="2"/>
  <c r="M7461" i="5" s="1"/>
  <c r="P7461" i="5" s="1"/>
  <c r="I7487" i="2"/>
  <c r="I7461" i="5" s="1"/>
  <c r="K7487" i="2"/>
  <c r="K7461" i="5" s="1"/>
  <c r="L7487" i="2"/>
  <c r="L7461" i="5" s="1"/>
  <c r="J7197" i="2"/>
  <c r="J7171" i="5" s="1"/>
  <c r="N7171" i="5" s="1"/>
  <c r="K7197" i="2"/>
  <c r="K7171" i="5" s="1"/>
  <c r="I7197" i="2"/>
  <c r="I7171" i="5" s="1"/>
  <c r="J2555" i="2"/>
  <c r="J2529" i="5" s="1"/>
  <c r="N2529" i="5" s="1"/>
  <c r="K2555" i="2"/>
  <c r="K2529" i="5" s="1"/>
  <c r="J138" i="2"/>
  <c r="J112" i="5" s="1"/>
  <c r="N112" i="5" s="1"/>
  <c r="I138" i="2"/>
  <c r="I112" i="5" s="1"/>
  <c r="M138" i="2"/>
  <c r="M112" i="5" s="1"/>
  <c r="P112" i="5" s="1"/>
  <c r="L138" i="2"/>
  <c r="L112" i="5" s="1"/>
  <c r="K138" i="2"/>
  <c r="K112" i="5" s="1"/>
  <c r="J8719" i="2"/>
  <c r="J8693" i="5" s="1"/>
  <c r="K8719" i="2"/>
  <c r="K8693" i="5" s="1"/>
  <c r="O8693" i="5" s="1"/>
  <c r="I3489" i="2"/>
  <c r="I3463" i="5" s="1"/>
  <c r="K3489" i="2"/>
  <c r="K3463" i="5" s="1"/>
  <c r="J3489" i="2"/>
  <c r="J3463" i="5" s="1"/>
  <c r="N3463" i="5" s="1"/>
  <c r="L3489" i="2"/>
  <c r="L3463" i="5" s="1"/>
  <c r="M7209" i="2"/>
  <c r="M7183" i="5" s="1"/>
  <c r="P7183" i="5" s="1"/>
  <c r="I7209" i="2"/>
  <c r="I7183" i="5" s="1"/>
  <c r="J7209" i="2"/>
  <c r="J7183" i="5" s="1"/>
  <c r="N7183" i="5" s="1"/>
  <c r="K7209" i="2"/>
  <c r="K7183" i="5" s="1"/>
  <c r="O7183" i="5" s="1"/>
  <c r="M3449" i="2"/>
  <c r="M3423" i="5" s="1"/>
  <c r="P3423" i="5" s="1"/>
  <c r="K3449" i="2"/>
  <c r="K3423" i="5" s="1"/>
  <c r="J3449" i="2"/>
  <c r="J3423" i="5" s="1"/>
  <c r="N3423" i="5" s="1"/>
  <c r="I3449" i="2"/>
  <c r="I3423" i="5" s="1"/>
  <c r="J1609" i="2"/>
  <c r="J1583" i="5" s="1"/>
  <c r="N1583" i="5" s="1"/>
  <c r="I1609" i="2"/>
  <c r="I1583" i="5" s="1"/>
  <c r="L1609" i="2"/>
  <c r="L1583" i="5" s="1"/>
  <c r="K1609" i="2"/>
  <c r="K1583" i="5" s="1"/>
  <c r="M6700" i="2"/>
  <c r="M6674" i="5" s="1"/>
  <c r="P6674" i="5" s="1"/>
  <c r="J7490" i="2"/>
  <c r="J7464" i="5" s="1"/>
  <c r="N7464" i="5" s="1"/>
  <c r="L7490" i="2"/>
  <c r="L7464" i="5" s="1"/>
  <c r="M5416" i="2"/>
  <c r="M5390" i="5" s="1"/>
  <c r="P5390" i="5" s="1"/>
  <c r="K5416" i="2"/>
  <c r="K5390" i="5" s="1"/>
  <c r="O5390" i="5" s="1"/>
  <c r="L8001" i="2"/>
  <c r="L7975" i="5" s="1"/>
  <c r="J5024" i="2"/>
  <c r="J4998" i="5" s="1"/>
  <c r="N4998" i="5" s="1"/>
  <c r="J8121" i="2"/>
  <c r="J8095" i="5" s="1"/>
  <c r="N8095" i="5" s="1"/>
  <c r="I3267" i="2"/>
  <c r="I3241" i="5" s="1"/>
  <c r="M302" i="2"/>
  <c r="M276" i="5" s="1"/>
  <c r="P276" i="5" s="1"/>
  <c r="K908" i="2"/>
  <c r="K882" i="5" s="1"/>
  <c r="O882" i="5" s="1"/>
  <c r="I478" i="2"/>
  <c r="I452" i="5" s="1"/>
  <c r="I727" i="2"/>
  <c r="I701" i="5" s="1"/>
  <c r="M121" i="2"/>
  <c r="M95" i="5" s="1"/>
  <c r="P95" i="5" s="1"/>
  <c r="I3488" i="2"/>
  <c r="I3462" i="5" s="1"/>
  <c r="I8044" i="2"/>
  <c r="I8018" i="5" s="1"/>
  <c r="K8044" i="2"/>
  <c r="K8018" i="5" s="1"/>
  <c r="O8018" i="5" s="1"/>
  <c r="J8044" i="2"/>
  <c r="J8018" i="5" s="1"/>
  <c r="N8018" i="5" s="1"/>
  <c r="K87" i="2"/>
  <c r="K61" i="5" s="1"/>
  <c r="O61" i="5" s="1"/>
  <c r="J87" i="2"/>
  <c r="J61" i="5" s="1"/>
  <c r="N61" i="5" s="1"/>
  <c r="I87" i="2"/>
  <c r="I61" i="5" s="1"/>
  <c r="L6437" i="2"/>
  <c r="L6411" i="5" s="1"/>
  <c r="M6437" i="2"/>
  <c r="M6411" i="5" s="1"/>
  <c r="P6411" i="5" s="1"/>
  <c r="K6437" i="2"/>
  <c r="K6411" i="5" s="1"/>
  <c r="L6015" i="2"/>
  <c r="L5989" i="5" s="1"/>
  <c r="M6015" i="2"/>
  <c r="M5989" i="5" s="1"/>
  <c r="P5989" i="5" s="1"/>
  <c r="I6015" i="2"/>
  <c r="I5989" i="5" s="1"/>
  <c r="I2568" i="2"/>
  <c r="I2542" i="5" s="1"/>
  <c r="K2568" i="2"/>
  <c r="K2542" i="5" s="1"/>
  <c r="O2542" i="5" s="1"/>
  <c r="M2568" i="2"/>
  <c r="M2542" i="5" s="1"/>
  <c r="P2542" i="5" s="1"/>
  <c r="I482" i="2"/>
  <c r="I456" i="5" s="1"/>
  <c r="I6462" i="2"/>
  <c r="I6436" i="5" s="1"/>
  <c r="M6462" i="2"/>
  <c r="M6436" i="5" s="1"/>
  <c r="P6436" i="5" s="1"/>
  <c r="K6462" i="2"/>
  <c r="K6436" i="5" s="1"/>
  <c r="L6453" i="2"/>
  <c r="L6427" i="5" s="1"/>
  <c r="J6453" i="2"/>
  <c r="J6427" i="5" s="1"/>
  <c r="N6427" i="5" s="1"/>
  <c r="I6453" i="2"/>
  <c r="I6427" i="5" s="1"/>
  <c r="L6196" i="2"/>
  <c r="L6170" i="5" s="1"/>
  <c r="K1786" i="2"/>
  <c r="K1760" i="5" s="1"/>
  <c r="J1786" i="2"/>
  <c r="J1760" i="5" s="1"/>
  <c r="L1786" i="2"/>
  <c r="L1760" i="5" s="1"/>
  <c r="J2121" i="2"/>
  <c r="J2095" i="5" s="1"/>
  <c r="N2095" i="5" s="1"/>
  <c r="M2121" i="2"/>
  <c r="M2095" i="5" s="1"/>
  <c r="P2095" i="5" s="1"/>
  <c r="L2121" i="2"/>
  <c r="L2095" i="5" s="1"/>
  <c r="M8316" i="2"/>
  <c r="M8290" i="5" s="1"/>
  <c r="P8290" i="5" s="1"/>
  <c r="I8316" i="2"/>
  <c r="I8290" i="5" s="1"/>
  <c r="J7679" i="2"/>
  <c r="J7653" i="5" s="1"/>
  <c r="N7653" i="5" s="1"/>
  <c r="L7679" i="2"/>
  <c r="L7653" i="5" s="1"/>
  <c r="M397" i="2"/>
  <c r="M371" i="5" s="1"/>
  <c r="P371" i="5" s="1"/>
  <c r="I397" i="2"/>
  <c r="I371" i="5" s="1"/>
  <c r="K397" i="2"/>
  <c r="K371" i="5" s="1"/>
  <c r="L8658" i="2"/>
  <c r="L8632" i="5" s="1"/>
  <c r="I8658" i="2"/>
  <c r="I8632" i="5" s="1"/>
  <c r="K8658" i="2"/>
  <c r="K8632" i="5" s="1"/>
  <c r="M8552" i="2"/>
  <c r="M8526" i="5" s="1"/>
  <c r="P8526" i="5" s="1"/>
  <c r="L2932" i="2"/>
  <c r="L2906" i="5" s="1"/>
  <c r="M2932" i="2"/>
  <c r="M2906" i="5" s="1"/>
  <c r="P2906" i="5" s="1"/>
  <c r="L3124" i="2"/>
  <c r="L3098" i="5" s="1"/>
  <c r="K3124" i="2"/>
  <c r="K3098" i="5" s="1"/>
  <c r="I3124" i="2"/>
  <c r="I3098" i="5" s="1"/>
  <c r="M6506" i="2"/>
  <c r="M6480" i="5" s="1"/>
  <c r="P6480" i="5" s="1"/>
  <c r="L6506" i="2"/>
  <c r="L6480" i="5" s="1"/>
  <c r="J6506" i="2"/>
  <c r="J6480" i="5" s="1"/>
  <c r="I6506" i="2"/>
  <c r="I6480" i="5" s="1"/>
  <c r="K6506" i="2"/>
  <c r="K6480" i="5" s="1"/>
  <c r="K6504" i="2"/>
  <c r="K6478" i="5" s="1"/>
  <c r="L6504" i="2"/>
  <c r="L6478" i="5" s="1"/>
  <c r="I6504" i="2"/>
  <c r="I6478" i="5" s="1"/>
  <c r="J6504" i="2"/>
  <c r="J6478" i="5" s="1"/>
  <c r="N6478" i="5" s="1"/>
  <c r="I7623" i="2"/>
  <c r="I7597" i="5" s="1"/>
  <c r="K7623" i="2"/>
  <c r="K7597" i="5" s="1"/>
  <c r="M7200" i="2"/>
  <c r="M7174" i="5" s="1"/>
  <c r="P7174" i="5" s="1"/>
  <c r="I7200" i="2"/>
  <c r="I7174" i="5" s="1"/>
  <c r="K7200" i="2"/>
  <c r="K7174" i="5" s="1"/>
  <c r="L7200" i="2"/>
  <c r="L7174" i="5" s="1"/>
  <c r="J7200" i="2"/>
  <c r="J7174" i="5" s="1"/>
  <c r="N7174" i="5" s="1"/>
  <c r="L5915" i="2"/>
  <c r="L5889" i="5" s="1"/>
  <c r="K1763" i="2"/>
  <c r="K1737" i="5" s="1"/>
  <c r="M1763" i="2"/>
  <c r="M1737" i="5" s="1"/>
  <c r="P1737" i="5" s="1"/>
  <c r="I1763" i="2"/>
  <c r="I1737" i="5" s="1"/>
  <c r="K1141" i="2"/>
  <c r="K1115" i="5" s="1"/>
  <c r="J1141" i="2"/>
  <c r="J1115" i="5" s="1"/>
  <c r="N1115" i="5" s="1"/>
  <c r="L1141" i="2"/>
  <c r="L1115" i="5" s="1"/>
  <c r="L6864" i="2"/>
  <c r="L6838" i="5" s="1"/>
  <c r="J6864" i="2"/>
  <c r="J6838" i="5" s="1"/>
  <c r="N6838" i="5" s="1"/>
  <c r="M6864" i="2"/>
  <c r="M6838" i="5" s="1"/>
  <c r="P6838" i="5" s="1"/>
  <c r="I6864" i="2"/>
  <c r="I6838" i="5" s="1"/>
  <c r="K6864" i="2"/>
  <c r="K6838" i="5" s="1"/>
  <c r="I67" i="2"/>
  <c r="I41" i="5" s="1"/>
  <c r="J67" i="2"/>
  <c r="J41" i="5" s="1"/>
  <c r="N41" i="5" s="1"/>
  <c r="K67" i="2"/>
  <c r="K41" i="5" s="1"/>
  <c r="O41" i="5" s="1"/>
  <c r="E96" i="5"/>
  <c r="AR90" i="1"/>
  <c r="M6365" i="2"/>
  <c r="M6339" i="5" s="1"/>
  <c r="P6339" i="5" s="1"/>
  <c r="K6365" i="2"/>
  <c r="K6339" i="5" s="1"/>
  <c r="O6339" i="5" s="1"/>
  <c r="J6365" i="2"/>
  <c r="J6339" i="5" s="1"/>
  <c r="K1550" i="2"/>
  <c r="K1524" i="5" s="1"/>
  <c r="I1550" i="2"/>
  <c r="I1524" i="5" s="1"/>
  <c r="M1550" i="2"/>
  <c r="M1524" i="5" s="1"/>
  <c r="P1524" i="5" s="1"/>
  <c r="J1550" i="2"/>
  <c r="J1524" i="5" s="1"/>
  <c r="J4245" i="2"/>
  <c r="J4219" i="5" s="1"/>
  <c r="N4219" i="5" s="1"/>
  <c r="I4245" i="2"/>
  <c r="I4219" i="5" s="1"/>
  <c r="M4245" i="2"/>
  <c r="M4219" i="5" s="1"/>
  <c r="P4219" i="5" s="1"/>
  <c r="L4245" i="2"/>
  <c r="L4219" i="5" s="1"/>
  <c r="K4245" i="2"/>
  <c r="K4219" i="5" s="1"/>
  <c r="M621" i="2"/>
  <c r="M595" i="5" s="1"/>
  <c r="P595" i="5" s="1"/>
  <c r="I621" i="2"/>
  <c r="I595" i="5" s="1"/>
  <c r="J621" i="2"/>
  <c r="J595" i="5" s="1"/>
  <c r="N595" i="5" s="1"/>
  <c r="L621" i="2"/>
  <c r="L595" i="5" s="1"/>
  <c r="K621" i="2"/>
  <c r="K595" i="5" s="1"/>
  <c r="K2828" i="2"/>
  <c r="K2802" i="5" s="1"/>
  <c r="I2828" i="2"/>
  <c r="I2802" i="5" s="1"/>
  <c r="M2828" i="2"/>
  <c r="M2802" i="5" s="1"/>
  <c r="P2802" i="5" s="1"/>
  <c r="K979" i="2"/>
  <c r="K953" i="5" s="1"/>
  <c r="M979" i="2"/>
  <c r="M953" i="5" s="1"/>
  <c r="P953" i="5" s="1"/>
  <c r="K3156" i="2"/>
  <c r="K3130" i="5" s="1"/>
  <c r="O3130" i="5" s="1"/>
  <c r="J3156" i="2"/>
  <c r="J3130" i="5" s="1"/>
  <c r="K2797" i="2"/>
  <c r="K2771" i="5" s="1"/>
  <c r="O2771" i="5" s="1"/>
  <c r="J2797" i="2"/>
  <c r="J2771" i="5" s="1"/>
  <c r="M2797" i="2"/>
  <c r="M2771" i="5" s="1"/>
  <c r="P2771" i="5" s="1"/>
  <c r="L5106" i="2"/>
  <c r="L5080" i="5" s="1"/>
  <c r="I5106" i="2"/>
  <c r="I5080" i="5" s="1"/>
  <c r="M5106" i="2"/>
  <c r="M5080" i="5" s="1"/>
  <c r="P5080" i="5" s="1"/>
  <c r="J3973" i="2"/>
  <c r="J3947" i="5" s="1"/>
  <c r="N3947" i="5" s="1"/>
  <c r="I3973" i="2"/>
  <c r="I3947" i="5" s="1"/>
  <c r="K3973" i="2"/>
  <c r="K3947" i="5" s="1"/>
  <c r="M3973" i="2"/>
  <c r="M3947" i="5" s="1"/>
  <c r="P3947" i="5" s="1"/>
  <c r="K6777" i="2"/>
  <c r="K6751" i="5" s="1"/>
  <c r="O6751" i="5" s="1"/>
  <c r="J6777" i="2"/>
  <c r="J6751" i="5" s="1"/>
  <c r="N6751" i="5" s="1"/>
  <c r="M6777" i="2"/>
  <c r="M6751" i="5" s="1"/>
  <c r="P6751" i="5" s="1"/>
  <c r="J1127" i="2"/>
  <c r="J1101" i="5" s="1"/>
  <c r="N1101" i="5" s="1"/>
  <c r="M1127" i="2"/>
  <c r="M1101" i="5" s="1"/>
  <c r="P1101" i="5" s="1"/>
  <c r="K1246" i="2"/>
  <c r="K1220" i="5" s="1"/>
  <c r="M3159" i="2"/>
  <c r="M3133" i="5" s="1"/>
  <c r="P3133" i="5" s="1"/>
  <c r="I3159" i="2"/>
  <c r="I3133" i="5" s="1"/>
  <c r="L3159" i="2"/>
  <c r="L3133" i="5" s="1"/>
  <c r="K3159" i="2"/>
  <c r="K3133" i="5" s="1"/>
  <c r="J3159" i="2"/>
  <c r="J3133" i="5" s="1"/>
  <c r="N3133" i="5" s="1"/>
  <c r="I4273" i="2"/>
  <c r="I4247" i="5" s="1"/>
  <c r="J4273" i="2"/>
  <c r="J4247" i="5" s="1"/>
  <c r="N4247" i="5" s="1"/>
  <c r="J3758" i="2"/>
  <c r="J3732" i="5" s="1"/>
  <c r="N3732" i="5" s="1"/>
  <c r="L3758" i="2"/>
  <c r="L3732" i="5" s="1"/>
  <c r="I3758" i="2"/>
  <c r="I3732" i="5" s="1"/>
  <c r="J2770" i="2"/>
  <c r="J2744" i="5" s="1"/>
  <c r="N2744" i="5" s="1"/>
  <c r="M2770" i="2"/>
  <c r="M2744" i="5" s="1"/>
  <c r="P2744" i="5" s="1"/>
  <c r="L2770" i="2"/>
  <c r="L2744" i="5" s="1"/>
  <c r="I2770" i="2"/>
  <c r="I2744" i="5" s="1"/>
  <c r="L4944" i="2"/>
  <c r="L4918" i="5" s="1"/>
  <c r="K7307" i="2"/>
  <c r="K7281" i="5" s="1"/>
  <c r="L7307" i="2"/>
  <c r="L7281" i="5" s="1"/>
  <c r="J7307" i="2"/>
  <c r="J7281" i="5" s="1"/>
  <c r="N7281" i="5" s="1"/>
  <c r="I7307" i="2"/>
  <c r="I7281" i="5" s="1"/>
  <c r="J7847" i="2"/>
  <c r="J7821" i="5" s="1"/>
  <c r="N7821" i="5" s="1"/>
  <c r="M7847" i="2"/>
  <c r="M7821" i="5" s="1"/>
  <c r="P7821" i="5" s="1"/>
  <c r="K3630" i="2"/>
  <c r="K3604" i="5" s="1"/>
  <c r="O3604" i="5" s="1"/>
  <c r="M3630" i="2"/>
  <c r="M3604" i="5" s="1"/>
  <c r="P3604" i="5" s="1"/>
  <c r="J3630" i="2"/>
  <c r="J3604" i="5" s="1"/>
  <c r="L6329" i="2"/>
  <c r="L6303" i="5" s="1"/>
  <c r="K7368" i="2"/>
  <c r="K7342" i="5" s="1"/>
  <c r="I7368" i="2"/>
  <c r="I7342" i="5" s="1"/>
  <c r="J7368" i="2"/>
  <c r="J7342" i="5" s="1"/>
  <c r="N7342" i="5" s="1"/>
  <c r="J3176" i="2"/>
  <c r="J3150" i="5" s="1"/>
  <c r="N3150" i="5" s="1"/>
  <c r="M3176" i="2"/>
  <c r="M3150" i="5" s="1"/>
  <c r="P3150" i="5" s="1"/>
  <c r="J3820" i="2"/>
  <c r="J3794" i="5" s="1"/>
  <c r="N3794" i="5" s="1"/>
  <c r="L3820" i="2"/>
  <c r="L3794" i="5" s="1"/>
  <c r="M3820" i="2"/>
  <c r="M3794" i="5" s="1"/>
  <c r="P3794" i="5" s="1"/>
  <c r="K3820" i="2"/>
  <c r="K3794" i="5" s="1"/>
  <c r="I3820" i="2"/>
  <c r="I3794" i="5" s="1"/>
  <c r="J2589" i="2"/>
  <c r="J2563" i="5" s="1"/>
  <c r="N2563" i="5" s="1"/>
  <c r="L2589" i="2"/>
  <c r="L2563" i="5" s="1"/>
  <c r="M2589" i="2"/>
  <c r="M2563" i="5" s="1"/>
  <c r="P2563" i="5" s="1"/>
  <c r="K2589" i="2"/>
  <c r="K2563" i="5" s="1"/>
  <c r="K4265" i="2"/>
  <c r="K4239" i="5" s="1"/>
  <c r="I4265" i="2"/>
  <c r="I4239" i="5" s="1"/>
  <c r="L4265" i="2"/>
  <c r="L4239" i="5" s="1"/>
  <c r="K4448" i="2"/>
  <c r="K4422" i="5" s="1"/>
  <c r="J4448" i="2"/>
  <c r="J4422" i="5" s="1"/>
  <c r="N4422" i="5" s="1"/>
  <c r="L4448" i="2"/>
  <c r="L4422" i="5" s="1"/>
  <c r="I4448" i="2"/>
  <c r="I4422" i="5" s="1"/>
  <c r="J1547" i="2"/>
  <c r="J1521" i="5" s="1"/>
  <c r="L1547" i="2"/>
  <c r="L1521" i="5" s="1"/>
  <c r="I1547" i="2"/>
  <c r="I1521" i="5" s="1"/>
  <c r="K1547" i="2"/>
  <c r="K1521" i="5" s="1"/>
  <c r="K2669" i="2"/>
  <c r="K2643" i="5" s="1"/>
  <c r="L2669" i="2"/>
  <c r="L2643" i="5" s="1"/>
  <c r="L1758" i="2"/>
  <c r="L1732" i="5" s="1"/>
  <c r="M1758" i="2"/>
  <c r="M1732" i="5" s="1"/>
  <c r="P1732" i="5" s="1"/>
  <c r="K1758" i="2"/>
  <c r="K1732" i="5" s="1"/>
  <c r="M8333" i="2"/>
  <c r="M8307" i="5" s="1"/>
  <c r="P8307" i="5" s="1"/>
  <c r="I8333" i="2"/>
  <c r="I8307" i="5" s="1"/>
  <c r="K8333" i="2"/>
  <c r="K8307" i="5" s="1"/>
  <c r="O8307" i="5" s="1"/>
  <c r="M4164" i="2"/>
  <c r="M4138" i="5" s="1"/>
  <c r="P4138" i="5" s="1"/>
  <c r="K4164" i="2"/>
  <c r="K4138" i="5" s="1"/>
  <c r="O4138" i="5" s="1"/>
  <c r="M459" i="2"/>
  <c r="M433" i="5" s="1"/>
  <c r="P433" i="5" s="1"/>
  <c r="I459" i="2"/>
  <c r="I433" i="5" s="1"/>
  <c r="J459" i="2"/>
  <c r="J433" i="5" s="1"/>
  <c r="N433" i="5" s="1"/>
  <c r="K459" i="2"/>
  <c r="K433" i="5" s="1"/>
  <c r="L459" i="2"/>
  <c r="L433" i="5" s="1"/>
  <c r="M2465" i="2"/>
  <c r="M2439" i="5" s="1"/>
  <c r="P2439" i="5" s="1"/>
  <c r="K2465" i="2"/>
  <c r="K2439" i="5" s="1"/>
  <c r="J2465" i="2"/>
  <c r="J2439" i="5" s="1"/>
  <c r="N2439" i="5" s="1"/>
  <c r="L2465" i="2"/>
  <c r="L2439" i="5" s="1"/>
  <c r="I2465" i="2"/>
  <c r="I2439" i="5" s="1"/>
  <c r="M474" i="2"/>
  <c r="M448" i="5" s="1"/>
  <c r="P448" i="5" s="1"/>
  <c r="K474" i="2"/>
  <c r="K448" i="5" s="1"/>
  <c r="O448" i="5" s="1"/>
  <c r="J474" i="2"/>
  <c r="J448" i="5" s="1"/>
  <c r="N448" i="5" s="1"/>
  <c r="L8437" i="2"/>
  <c r="L8411" i="5" s="1"/>
  <c r="J8437" i="2"/>
  <c r="J8411" i="5" s="1"/>
  <c r="N8411" i="5" s="1"/>
  <c r="I8437" i="2"/>
  <c r="I8411" i="5" s="1"/>
  <c r="M8170" i="2"/>
  <c r="M8144" i="5" s="1"/>
  <c r="P8144" i="5" s="1"/>
  <c r="I8170" i="2"/>
  <c r="I8144" i="5" s="1"/>
  <c r="I1664" i="2"/>
  <c r="I1638" i="5" s="1"/>
  <c r="AR320" i="1"/>
  <c r="J2915" i="2"/>
  <c r="J2889" i="5" s="1"/>
  <c r="N2889" i="5" s="1"/>
  <c r="I2915" i="2"/>
  <c r="I2889" i="5" s="1"/>
  <c r="M2915" i="2"/>
  <c r="M2889" i="5" s="1"/>
  <c r="P2889" i="5" s="1"/>
  <c r="L2915" i="2"/>
  <c r="L2889" i="5" s="1"/>
  <c r="I6652" i="2"/>
  <c r="I6626" i="5" s="1"/>
  <c r="M6652" i="2"/>
  <c r="M6626" i="5" s="1"/>
  <c r="P6626" i="5" s="1"/>
  <c r="L6652" i="2"/>
  <c r="L6626" i="5" s="1"/>
  <c r="K6652" i="2"/>
  <c r="K6626" i="5" s="1"/>
  <c r="J6652" i="2"/>
  <c r="J6626" i="5" s="1"/>
  <c r="N6626" i="5" s="1"/>
  <c r="M2482" i="2"/>
  <c r="M2456" i="5" s="1"/>
  <c r="P2456" i="5" s="1"/>
  <c r="K2482" i="2"/>
  <c r="K2456" i="5" s="1"/>
  <c r="O2456" i="5" s="1"/>
  <c r="J719" i="2"/>
  <c r="J693" i="5" s="1"/>
  <c r="N693" i="5" s="1"/>
  <c r="M719" i="2"/>
  <c r="M693" i="5" s="1"/>
  <c r="P693" i="5" s="1"/>
  <c r="I719" i="2"/>
  <c r="I693" i="5" s="1"/>
  <c r="K719" i="2"/>
  <c r="K693" i="5" s="1"/>
  <c r="J8351" i="2"/>
  <c r="J8325" i="5" s="1"/>
  <c r="N8325" i="5" s="1"/>
  <c r="M8351" i="2"/>
  <c r="M8325" i="5" s="1"/>
  <c r="P8325" i="5" s="1"/>
  <c r="I1601" i="2"/>
  <c r="I1575" i="5" s="1"/>
  <c r="K1601" i="2"/>
  <c r="K1575" i="5" s="1"/>
  <c r="J8635" i="2"/>
  <c r="J8609" i="5" s="1"/>
  <c r="N8609" i="5" s="1"/>
  <c r="M8635" i="2"/>
  <c r="M8609" i="5" s="1"/>
  <c r="P8609" i="5" s="1"/>
  <c r="I8635" i="2"/>
  <c r="I8609" i="5" s="1"/>
  <c r="K8635" i="2"/>
  <c r="K8609" i="5" s="1"/>
  <c r="L8635" i="2"/>
  <c r="L8609" i="5" s="1"/>
  <c r="M1133" i="2"/>
  <c r="M1107" i="5" s="1"/>
  <c r="P1107" i="5" s="1"/>
  <c r="L8678" i="2"/>
  <c r="L8652" i="5" s="1"/>
  <c r="J8678" i="2"/>
  <c r="J8652" i="5" s="1"/>
  <c r="K8678" i="2"/>
  <c r="K8652" i="5" s="1"/>
  <c r="M8551" i="2"/>
  <c r="M8525" i="5" s="1"/>
  <c r="P8525" i="5" s="1"/>
  <c r="I1232" i="2"/>
  <c r="I1206" i="5" s="1"/>
  <c r="J1232" i="2"/>
  <c r="J1206" i="5" s="1"/>
  <c r="N1206" i="5" s="1"/>
  <c r="K1232" i="2"/>
  <c r="K1206" i="5" s="1"/>
  <c r="M1232" i="2"/>
  <c r="M1206" i="5" s="1"/>
  <c r="P1206" i="5" s="1"/>
  <c r="L1232" i="2"/>
  <c r="L1206" i="5" s="1"/>
  <c r="L8615" i="2"/>
  <c r="L8589" i="5" s="1"/>
  <c r="J8615" i="2"/>
  <c r="J8589" i="5" s="1"/>
  <c r="N8589" i="5" s="1"/>
  <c r="M8615" i="2"/>
  <c r="M8589" i="5" s="1"/>
  <c r="P8589" i="5" s="1"/>
  <c r="K6482" i="2"/>
  <c r="K6456" i="5" s="1"/>
  <c r="M6482" i="2"/>
  <c r="M6456" i="5" s="1"/>
  <c r="P6456" i="5" s="1"/>
  <c r="L6256" i="2"/>
  <c r="L6230" i="5" s="1"/>
  <c r="M6256" i="2"/>
  <c r="M6230" i="5" s="1"/>
  <c r="P6230" i="5" s="1"/>
  <c r="J6256" i="2"/>
  <c r="J6230" i="5" s="1"/>
  <c r="N6230" i="5" s="1"/>
  <c r="J47" i="2"/>
  <c r="J21" i="5" s="1"/>
  <c r="N21" i="5" s="1"/>
  <c r="L47" i="2"/>
  <c r="L21" i="5" s="1"/>
  <c r="I2724" i="2"/>
  <c r="I2698" i="5" s="1"/>
  <c r="M2724" i="2"/>
  <c r="M2698" i="5" s="1"/>
  <c r="P2698" i="5" s="1"/>
  <c r="L2724" i="2"/>
  <c r="L2698" i="5" s="1"/>
  <c r="K2724" i="2"/>
  <c r="K2698" i="5" s="1"/>
  <c r="I1411" i="2"/>
  <c r="I1385" i="5" s="1"/>
  <c r="M1411" i="2"/>
  <c r="M1385" i="5" s="1"/>
  <c r="P1385" i="5" s="1"/>
  <c r="J1411" i="2"/>
  <c r="J1385" i="5" s="1"/>
  <c r="N1385" i="5" s="1"/>
  <c r="K1411" i="2"/>
  <c r="K1385" i="5" s="1"/>
  <c r="L2398" i="2"/>
  <c r="L2372" i="5" s="1"/>
  <c r="M4405" i="2"/>
  <c r="M4379" i="5" s="1"/>
  <c r="P4379" i="5" s="1"/>
  <c r="L4405" i="2"/>
  <c r="L4379" i="5" s="1"/>
  <c r="I4405" i="2"/>
  <c r="I4379" i="5" s="1"/>
  <c r="K4405" i="2"/>
  <c r="K4379" i="5" s="1"/>
  <c r="J4405" i="2"/>
  <c r="J4379" i="5" s="1"/>
  <c r="N4379" i="5" s="1"/>
  <c r="K6613" i="2"/>
  <c r="K6587" i="5" s="1"/>
  <c r="M6613" i="2"/>
  <c r="M6587" i="5" s="1"/>
  <c r="P6587" i="5" s="1"/>
  <c r="I6479" i="2"/>
  <c r="I6453" i="5" s="1"/>
  <c r="K6479" i="2"/>
  <c r="K6453" i="5" s="1"/>
  <c r="O6453" i="5" s="1"/>
  <c r="L2962" i="2"/>
  <c r="L2936" i="5" s="1"/>
  <c r="J2962" i="2"/>
  <c r="J2936" i="5" s="1"/>
  <c r="N2936" i="5" s="1"/>
  <c r="M2962" i="2"/>
  <c r="M2936" i="5" s="1"/>
  <c r="P2936" i="5" s="1"/>
  <c r="L8648" i="2"/>
  <c r="L8622" i="5" s="1"/>
  <c r="K6153" i="2"/>
  <c r="K6127" i="5" s="1"/>
  <c r="M6153" i="2"/>
  <c r="M6127" i="5" s="1"/>
  <c r="P6127" i="5" s="1"/>
  <c r="J6153" i="2"/>
  <c r="J6127" i="5" s="1"/>
  <c r="N6127" i="5" s="1"/>
  <c r="I6153" i="2"/>
  <c r="I6127" i="5" s="1"/>
  <c r="I254" i="2"/>
  <c r="I228" i="5" s="1"/>
  <c r="M254" i="2"/>
  <c r="M228" i="5" s="1"/>
  <c r="P228" i="5" s="1"/>
  <c r="K254" i="2"/>
  <c r="K228" i="5" s="1"/>
  <c r="O228" i="5" s="1"/>
  <c r="M3635" i="2"/>
  <c r="M3609" i="5" s="1"/>
  <c r="P3609" i="5" s="1"/>
  <c r="J1483" i="2"/>
  <c r="J1457" i="5" s="1"/>
  <c r="N1457" i="5" s="1"/>
  <c r="AR216" i="1"/>
  <c r="J8377" i="2"/>
  <c r="J8351" i="5" s="1"/>
  <c r="N8351" i="5" s="1"/>
  <c r="K1394" i="2"/>
  <c r="K1368" i="5" s="1"/>
  <c r="O1368" i="5" s="1"/>
  <c r="L7013" i="2"/>
  <c r="L6987" i="5" s="1"/>
  <c r="I2792" i="2"/>
  <c r="I2766" i="5" s="1"/>
  <c r="M3504" i="2"/>
  <c r="M3478" i="5" s="1"/>
  <c r="P3478" i="5" s="1"/>
  <c r="K6348" i="2"/>
  <c r="K6322" i="5" s="1"/>
  <c r="O6322" i="5" s="1"/>
  <c r="M1255" i="2"/>
  <c r="M1229" i="5" s="1"/>
  <c r="P1229" i="5" s="1"/>
  <c r="J7973" i="2"/>
  <c r="J7947" i="5" s="1"/>
  <c r="M4739" i="2"/>
  <c r="M4713" i="5" s="1"/>
  <c r="P4713" i="5" s="1"/>
  <c r="L6148" i="2"/>
  <c r="L6122" i="5" s="1"/>
  <c r="I1246" i="2"/>
  <c r="I1220" i="5" s="1"/>
  <c r="K2495" i="2"/>
  <c r="K2469" i="5" s="1"/>
  <c r="O2469" i="5" s="1"/>
  <c r="I3779" i="2"/>
  <c r="I3753" i="5" s="1"/>
  <c r="I2949" i="2"/>
  <c r="I2923" i="5" s="1"/>
  <c r="K3914" i="2"/>
  <c r="K3888" i="5" s="1"/>
  <c r="O3888" i="5" s="1"/>
  <c r="L4076" i="2"/>
  <c r="L4050" i="5" s="1"/>
  <c r="I1228" i="2"/>
  <c r="I1202" i="5" s="1"/>
  <c r="J1228" i="2"/>
  <c r="J1202" i="5" s="1"/>
  <c r="N1202" i="5" s="1"/>
  <c r="L1228" i="2"/>
  <c r="L1202" i="5" s="1"/>
  <c r="J3635" i="2"/>
  <c r="J3609" i="5" s="1"/>
  <c r="N3609" i="5" s="1"/>
  <c r="I1394" i="2"/>
  <c r="I1368" i="5" s="1"/>
  <c r="J7013" i="2"/>
  <c r="J6987" i="5" s="1"/>
  <c r="M2792" i="2"/>
  <c r="M2766" i="5" s="1"/>
  <c r="P2766" i="5" s="1"/>
  <c r="M6348" i="2"/>
  <c r="M6322" i="5" s="1"/>
  <c r="P6322" i="5" s="1"/>
  <c r="L1255" i="2"/>
  <c r="L1229" i="5" s="1"/>
  <c r="L4453" i="2"/>
  <c r="L4427" i="5" s="1"/>
  <c r="J5467" i="2"/>
  <c r="J5441" i="5" s="1"/>
  <c r="L3476" i="2"/>
  <c r="L3450" i="5" s="1"/>
  <c r="K109" i="2"/>
  <c r="K83" i="5" s="1"/>
  <c r="J4739" i="2"/>
  <c r="J4713" i="5" s="1"/>
  <c r="J6148" i="2"/>
  <c r="J6122" i="5" s="1"/>
  <c r="L5656" i="2"/>
  <c r="L5630" i="5" s="1"/>
  <c r="J3299" i="2"/>
  <c r="J3273" i="5" s="1"/>
  <c r="N3273" i="5" s="1"/>
  <c r="J3491" i="2"/>
  <c r="J3465" i="5" s="1"/>
  <c r="K3491" i="2"/>
  <c r="K3465" i="5" s="1"/>
  <c r="K4447" i="2"/>
  <c r="K4421" i="5" s="1"/>
  <c r="O4421" i="5" s="1"/>
  <c r="M4447" i="2"/>
  <c r="M4421" i="5" s="1"/>
  <c r="P4421" i="5" s="1"/>
  <c r="J4447" i="2"/>
  <c r="J4421" i="5" s="1"/>
  <c r="N4421" i="5" s="1"/>
  <c r="I4237" i="2"/>
  <c r="I4211" i="5" s="1"/>
  <c r="L4237" i="2"/>
  <c r="L4211" i="5" s="1"/>
  <c r="L5411" i="2"/>
  <c r="L5385" i="5" s="1"/>
  <c r="M5411" i="2"/>
  <c r="M5385" i="5" s="1"/>
  <c r="P5385" i="5" s="1"/>
  <c r="J5411" i="2"/>
  <c r="J5385" i="5" s="1"/>
  <c r="N5385" i="5" s="1"/>
  <c r="I5411" i="2"/>
  <c r="I5385" i="5" s="1"/>
  <c r="K5411" i="2"/>
  <c r="K5385" i="5" s="1"/>
  <c r="J4516" i="2"/>
  <c r="J4490" i="5" s="1"/>
  <c r="K4516" i="2"/>
  <c r="K4490" i="5" s="1"/>
  <c r="I4516" i="2"/>
  <c r="I4490" i="5" s="1"/>
  <c r="M5189" i="2"/>
  <c r="M5163" i="5" s="1"/>
  <c r="P5163" i="5" s="1"/>
  <c r="J5189" i="2"/>
  <c r="J5163" i="5" s="1"/>
  <c r="N5163" i="5" s="1"/>
  <c r="I5189" i="2"/>
  <c r="I5163" i="5" s="1"/>
  <c r="K5189" i="2"/>
  <c r="K5163" i="5" s="1"/>
  <c r="L5189" i="2"/>
  <c r="L5163" i="5" s="1"/>
  <c r="I5687" i="2"/>
  <c r="I5661" i="5" s="1"/>
  <c r="L5687" i="2"/>
  <c r="L5661" i="5" s="1"/>
  <c r="M5687" i="2"/>
  <c r="M5661" i="5" s="1"/>
  <c r="P5661" i="5" s="1"/>
  <c r="L5845" i="2"/>
  <c r="L5819" i="5" s="1"/>
  <c r="J4604" i="2"/>
  <c r="J4578" i="5" s="1"/>
  <c r="N4578" i="5" s="1"/>
  <c r="K4604" i="2"/>
  <c r="K4578" i="5" s="1"/>
  <c r="L4604" i="2"/>
  <c r="L4578" i="5" s="1"/>
  <c r="I4604" i="2"/>
  <c r="I4578" i="5" s="1"/>
  <c r="L6692" i="2"/>
  <c r="L6666" i="5" s="1"/>
  <c r="J6692" i="2"/>
  <c r="J6666" i="5" s="1"/>
  <c r="N6666" i="5" s="1"/>
  <c r="K6692" i="2"/>
  <c r="K6666" i="5" s="1"/>
  <c r="M4263" i="2"/>
  <c r="M4237" i="5" s="1"/>
  <c r="P4237" i="5" s="1"/>
  <c r="K4263" i="2"/>
  <c r="K4237" i="5" s="1"/>
  <c r="L4263" i="2"/>
  <c r="L4237" i="5" s="1"/>
  <c r="I4263" i="2"/>
  <c r="I4237" i="5" s="1"/>
  <c r="J4263" i="2"/>
  <c r="J4237" i="5" s="1"/>
  <c r="N4237" i="5" s="1"/>
  <c r="L4953" i="2"/>
  <c r="L4927" i="5" s="1"/>
  <c r="K4953" i="2"/>
  <c r="K4927" i="5" s="1"/>
  <c r="M4953" i="2"/>
  <c r="M4927" i="5" s="1"/>
  <c r="P4927" i="5" s="1"/>
  <c r="I4953" i="2"/>
  <c r="I4927" i="5" s="1"/>
  <c r="K589" i="2"/>
  <c r="K563" i="5" s="1"/>
  <c r="M589" i="2"/>
  <c r="M563" i="5" s="1"/>
  <c r="P563" i="5" s="1"/>
  <c r="M6332" i="2"/>
  <c r="M6306" i="5" s="1"/>
  <c r="P6306" i="5" s="1"/>
  <c r="K6332" i="2"/>
  <c r="K6306" i="5" s="1"/>
  <c r="I3154" i="2"/>
  <c r="I3128" i="5" s="1"/>
  <c r="AR68" i="1"/>
  <c r="C74" i="5"/>
  <c r="I3301" i="2"/>
  <c r="I3275" i="5" s="1"/>
  <c r="J3301" i="2"/>
  <c r="J3275" i="5" s="1"/>
  <c r="N3275" i="5" s="1"/>
  <c r="L3301" i="2"/>
  <c r="L3275" i="5" s="1"/>
  <c r="K3301" i="2"/>
  <c r="K3275" i="5" s="1"/>
  <c r="M1815" i="2"/>
  <c r="M1789" i="5" s="1"/>
  <c r="P1789" i="5" s="1"/>
  <c r="K1815" i="2"/>
  <c r="K1789" i="5" s="1"/>
  <c r="L1815" i="2"/>
  <c r="L1789" i="5" s="1"/>
  <c r="I1815" i="2"/>
  <c r="I1789" i="5" s="1"/>
  <c r="I2076" i="2"/>
  <c r="I2050" i="5" s="1"/>
  <c r="M4104" i="2"/>
  <c r="M4078" i="5" s="1"/>
  <c r="P4078" i="5" s="1"/>
  <c r="K4104" i="2"/>
  <c r="K4078" i="5" s="1"/>
  <c r="L4104" i="2"/>
  <c r="L4078" i="5" s="1"/>
  <c r="J4104" i="2"/>
  <c r="J4078" i="5" s="1"/>
  <c r="N4078" i="5" s="1"/>
  <c r="J3155" i="2"/>
  <c r="J3129" i="5" s="1"/>
  <c r="I3155" i="2"/>
  <c r="I3129" i="5" s="1"/>
  <c r="K3155" i="2"/>
  <c r="K3129" i="5" s="1"/>
  <c r="I7540" i="2"/>
  <c r="I7514" i="5" s="1"/>
  <c r="K7540" i="2"/>
  <c r="K7514" i="5" s="1"/>
  <c r="J7540" i="2"/>
  <c r="J7514" i="5" s="1"/>
  <c r="N7514" i="5" s="1"/>
  <c r="J2661" i="2"/>
  <c r="J2635" i="5" s="1"/>
  <c r="N2635" i="5" s="1"/>
  <c r="L2661" i="2"/>
  <c r="L2635" i="5" s="1"/>
  <c r="M2166" i="2"/>
  <c r="M2140" i="5" s="1"/>
  <c r="P2140" i="5" s="1"/>
  <c r="L2166" i="2"/>
  <c r="L2140" i="5" s="1"/>
  <c r="I2166" i="2"/>
  <c r="I2140" i="5" s="1"/>
  <c r="K2166" i="2"/>
  <c r="K2140" i="5" s="1"/>
  <c r="M7526" i="2"/>
  <c r="M7500" i="5" s="1"/>
  <c r="P7500" i="5" s="1"/>
  <c r="J7526" i="2"/>
  <c r="J7500" i="5" s="1"/>
  <c r="L7526" i="2"/>
  <c r="L7500" i="5" s="1"/>
  <c r="I7526" i="2"/>
  <c r="I7500" i="5" s="1"/>
  <c r="I582" i="2"/>
  <c r="I556" i="5" s="1"/>
  <c r="J582" i="2"/>
  <c r="J556" i="5" s="1"/>
  <c r="N556" i="5" s="1"/>
  <c r="K582" i="2"/>
  <c r="K556" i="5" s="1"/>
  <c r="L582" i="2"/>
  <c r="L556" i="5" s="1"/>
  <c r="M582" i="2"/>
  <c r="M556" i="5" s="1"/>
  <c r="P556" i="5" s="1"/>
  <c r="M2478" i="2"/>
  <c r="M2452" i="5" s="1"/>
  <c r="P2452" i="5" s="1"/>
  <c r="L8446" i="2"/>
  <c r="L8420" i="5" s="1"/>
  <c r="J8446" i="2"/>
  <c r="J8420" i="5" s="1"/>
  <c r="N8420" i="5" s="1"/>
  <c r="M8498" i="2"/>
  <c r="M8472" i="5" s="1"/>
  <c r="P8472" i="5" s="1"/>
  <c r="J8498" i="2"/>
  <c r="J8472" i="5" s="1"/>
  <c r="I8498" i="2"/>
  <c r="I8472" i="5" s="1"/>
  <c r="L8498" i="2"/>
  <c r="L8472" i="5" s="1"/>
  <c r="L4752" i="2"/>
  <c r="L4726" i="5" s="1"/>
  <c r="J4752" i="2"/>
  <c r="J4726" i="5" s="1"/>
  <c r="N4726" i="5" s="1"/>
  <c r="I4752" i="2"/>
  <c r="I4726" i="5" s="1"/>
  <c r="K4752" i="2"/>
  <c r="K4726" i="5" s="1"/>
  <c r="M4752" i="2"/>
  <c r="M4726" i="5" s="1"/>
  <c r="P4726" i="5" s="1"/>
  <c r="M7618" i="2"/>
  <c r="M7592" i="5" s="1"/>
  <c r="P7592" i="5" s="1"/>
  <c r="K7618" i="2"/>
  <c r="K7592" i="5" s="1"/>
  <c r="J4177" i="2"/>
  <c r="J4151" i="5" s="1"/>
  <c r="M4177" i="2"/>
  <c r="M4151" i="5" s="1"/>
  <c r="P4151" i="5" s="1"/>
  <c r="M933" i="2"/>
  <c r="M907" i="5" s="1"/>
  <c r="P907" i="5" s="1"/>
  <c r="J933" i="2"/>
  <c r="J907" i="5" s="1"/>
  <c r="N907" i="5" s="1"/>
  <c r="I933" i="2"/>
  <c r="I907" i="5" s="1"/>
  <c r="K8445" i="2"/>
  <c r="K8419" i="5" s="1"/>
  <c r="M8445" i="2"/>
  <c r="M8419" i="5" s="1"/>
  <c r="P8419" i="5" s="1"/>
  <c r="J8445" i="2"/>
  <c r="J8419" i="5" s="1"/>
  <c r="N8419" i="5" s="1"/>
  <c r="L8445" i="2"/>
  <c r="L8419" i="5" s="1"/>
  <c r="I907" i="2"/>
  <c r="I881" i="5" s="1"/>
  <c r="I5074" i="2"/>
  <c r="I5048" i="5" s="1"/>
  <c r="K7305" i="2"/>
  <c r="K7279" i="5" s="1"/>
  <c r="I7305" i="2"/>
  <c r="I7279" i="5" s="1"/>
  <c r="L8215" i="2"/>
  <c r="L8189" i="5" s="1"/>
  <c r="J8215" i="2"/>
  <c r="J8189" i="5" s="1"/>
  <c r="N8189" i="5" s="1"/>
  <c r="K8215" i="2"/>
  <c r="K8189" i="5" s="1"/>
  <c r="J8489" i="2"/>
  <c r="J8463" i="5" s="1"/>
  <c r="N8463" i="5" s="1"/>
  <c r="I8489" i="2"/>
  <c r="I8463" i="5" s="1"/>
  <c r="I5144" i="2"/>
  <c r="I5118" i="5" s="1"/>
  <c r="M5144" i="2"/>
  <c r="M5118" i="5" s="1"/>
  <c r="P5118" i="5" s="1"/>
  <c r="K5144" i="2"/>
  <c r="K5118" i="5" s="1"/>
  <c r="K1961" i="2"/>
  <c r="K1935" i="5" s="1"/>
  <c r="L1961" i="2"/>
  <c r="L1935" i="5" s="1"/>
  <c r="J1961" i="2"/>
  <c r="J1935" i="5" s="1"/>
  <c r="N1935" i="5" s="1"/>
  <c r="M1961" i="2"/>
  <c r="M1935" i="5" s="1"/>
  <c r="P1935" i="5" s="1"/>
  <c r="I1961" i="2"/>
  <c r="I1935" i="5" s="1"/>
  <c r="J4267" i="2"/>
  <c r="J4241" i="5" s="1"/>
  <c r="N4241" i="5" s="1"/>
  <c r="L4267" i="2"/>
  <c r="L4241" i="5" s="1"/>
  <c r="M4267" i="2"/>
  <c r="M4241" i="5" s="1"/>
  <c r="P4241" i="5" s="1"/>
  <c r="I4267" i="2"/>
  <c r="I4241" i="5" s="1"/>
  <c r="K7182" i="2"/>
  <c r="K7156" i="5" s="1"/>
  <c r="M7182" i="2"/>
  <c r="M7156" i="5" s="1"/>
  <c r="P7156" i="5" s="1"/>
  <c r="J7182" i="2"/>
  <c r="J7156" i="5" s="1"/>
  <c r="N7156" i="5" s="1"/>
  <c r="L7182" i="2"/>
  <c r="L7156" i="5" s="1"/>
  <c r="I7182" i="2"/>
  <c r="I7156" i="5" s="1"/>
  <c r="I2105" i="2"/>
  <c r="I2079" i="5" s="1"/>
  <c r="M2105" i="2"/>
  <c r="M2079" i="5" s="1"/>
  <c r="P2079" i="5" s="1"/>
  <c r="K2105" i="2"/>
  <c r="K2079" i="5" s="1"/>
  <c r="O2079" i="5" s="1"/>
  <c r="J2105" i="2"/>
  <c r="J2079" i="5" s="1"/>
  <c r="N2079" i="5" s="1"/>
  <c r="L4625" i="2"/>
  <c r="L4599" i="5" s="1"/>
  <c r="J4625" i="2"/>
  <c r="J4599" i="5" s="1"/>
  <c r="N4599" i="5" s="1"/>
  <c r="M4625" i="2"/>
  <c r="M4599" i="5" s="1"/>
  <c r="P4599" i="5" s="1"/>
  <c r="I4625" i="2"/>
  <c r="I4599" i="5" s="1"/>
  <c r="K7621" i="2"/>
  <c r="K7595" i="5" s="1"/>
  <c r="I7621" i="2"/>
  <c r="I7595" i="5" s="1"/>
  <c r="L7621" i="2"/>
  <c r="L7595" i="5" s="1"/>
  <c r="K8272" i="2"/>
  <c r="K8246" i="5" s="1"/>
  <c r="L8552" i="2"/>
  <c r="L8526" i="5" s="1"/>
  <c r="K907" i="2"/>
  <c r="K881" i="5" s="1"/>
  <c r="K3099" i="2"/>
  <c r="K3073" i="5" s="1"/>
  <c r="L933" i="2"/>
  <c r="L907" i="5" s="1"/>
  <c r="M6761" i="2"/>
  <c r="M6735" i="5" s="1"/>
  <c r="P6735" i="5" s="1"/>
  <c r="K8316" i="2"/>
  <c r="K8290" i="5" s="1"/>
  <c r="O8290" i="5" s="1"/>
  <c r="J5627" i="2"/>
  <c r="J5601" i="5" s="1"/>
  <c r="N5601" i="5" s="1"/>
  <c r="L5491" i="2"/>
  <c r="L5465" i="5" s="1"/>
  <c r="I7457" i="2"/>
  <c r="I7431" i="5" s="1"/>
  <c r="I7688" i="2"/>
  <c r="I7662" i="5" s="1"/>
  <c r="M3460" i="2"/>
  <c r="M3434" i="5" s="1"/>
  <c r="P3434" i="5" s="1"/>
  <c r="J7932" i="2"/>
  <c r="J7906" i="5" s="1"/>
  <c r="N7906" i="5" s="1"/>
  <c r="J3454" i="2"/>
  <c r="J3428" i="5" s="1"/>
  <c r="N3428" i="5" s="1"/>
  <c r="K3454" i="2"/>
  <c r="K3428" i="5" s="1"/>
  <c r="M3454" i="2"/>
  <c r="M3428" i="5" s="1"/>
  <c r="P3428" i="5" s="1"/>
  <c r="I3454" i="2"/>
  <c r="I3428" i="5" s="1"/>
  <c r="L3454" i="2"/>
  <c r="L3428" i="5" s="1"/>
  <c r="J2427" i="2"/>
  <c r="J2401" i="5" s="1"/>
  <c r="N2401" i="5" s="1"/>
  <c r="K3322" i="2"/>
  <c r="K3296" i="5" s="1"/>
  <c r="J3322" i="2"/>
  <c r="J3296" i="5" s="1"/>
  <c r="N3296" i="5" s="1"/>
  <c r="I4069" i="2"/>
  <c r="I4043" i="5" s="1"/>
  <c r="J1624" i="2"/>
  <c r="J1598" i="5" s="1"/>
  <c r="N1598" i="5" s="1"/>
  <c r="K1624" i="2"/>
  <c r="K1598" i="5" s="1"/>
  <c r="K6353" i="2"/>
  <c r="K6327" i="5" s="1"/>
  <c r="O6327" i="5" s="1"/>
  <c r="L4607" i="2"/>
  <c r="L4581" i="5" s="1"/>
  <c r="J8552" i="2"/>
  <c r="J8526" i="5" s="1"/>
  <c r="N8526" i="5" s="1"/>
  <c r="I3099" i="2"/>
  <c r="I3073" i="5" s="1"/>
  <c r="I5991" i="2"/>
  <c r="I5965" i="5" s="1"/>
  <c r="K933" i="2"/>
  <c r="K907" i="5" s="1"/>
  <c r="J2454" i="2"/>
  <c r="J2428" i="5" s="1"/>
  <c r="N2428" i="5" s="1"/>
  <c r="L8611" i="2"/>
  <c r="L8585" i="5" s="1"/>
  <c r="L6761" i="2"/>
  <c r="L6735" i="5" s="1"/>
  <c r="I4104" i="2"/>
  <c r="I4078" i="5" s="1"/>
  <c r="M8151" i="2"/>
  <c r="M8125" i="5" s="1"/>
  <c r="P8125" i="5" s="1"/>
  <c r="M7272" i="2"/>
  <c r="M7246" i="5" s="1"/>
  <c r="P7246" i="5" s="1"/>
  <c r="L7658" i="2"/>
  <c r="L7632" i="5" s="1"/>
  <c r="J2724" i="2"/>
  <c r="J2698" i="5" s="1"/>
  <c r="N2698" i="5" s="1"/>
  <c r="J2828" i="2"/>
  <c r="J2802" i="5" s="1"/>
  <c r="N2802" i="5" s="1"/>
  <c r="L893" i="2"/>
  <c r="L867" i="5" s="1"/>
  <c r="I4136" i="2"/>
  <c r="I4110" i="5" s="1"/>
  <c r="K4136" i="2"/>
  <c r="K4110" i="5" s="1"/>
  <c r="M4136" i="2"/>
  <c r="M4110" i="5" s="1"/>
  <c r="P4110" i="5" s="1"/>
  <c r="J4136" i="2"/>
  <c r="J4110" i="5" s="1"/>
  <c r="N4110" i="5" s="1"/>
  <c r="M8014" i="2"/>
  <c r="M7988" i="5" s="1"/>
  <c r="P7988" i="5" s="1"/>
  <c r="L8014" i="2"/>
  <c r="L7988" i="5" s="1"/>
  <c r="I8014" i="2"/>
  <c r="I7988" i="5" s="1"/>
  <c r="M48" i="2"/>
  <c r="M22" i="5" s="1"/>
  <c r="P22" i="5" s="1"/>
  <c r="J48" i="2"/>
  <c r="J22" i="5" s="1"/>
  <c r="N22" i="5" s="1"/>
  <c r="M7268" i="2"/>
  <c r="M7242" i="5" s="1"/>
  <c r="P7242" i="5" s="1"/>
  <c r="K7268" i="2"/>
  <c r="K7242" i="5" s="1"/>
  <c r="I7268" i="2"/>
  <c r="I7242" i="5" s="1"/>
  <c r="J7268" i="2"/>
  <c r="J7242" i="5" s="1"/>
  <c r="L7268" i="2"/>
  <c r="L7242" i="5" s="1"/>
  <c r="K1664" i="2"/>
  <c r="K1638" i="5" s="1"/>
  <c r="O1638" i="5" s="1"/>
  <c r="M1664" i="2"/>
  <c r="M1638" i="5" s="1"/>
  <c r="P1638" i="5" s="1"/>
  <c r="J1664" i="2"/>
  <c r="J1638" i="5" s="1"/>
  <c r="I2575" i="2"/>
  <c r="I2549" i="5" s="1"/>
  <c r="M2575" i="2"/>
  <c r="M2549" i="5" s="1"/>
  <c r="P2549" i="5" s="1"/>
  <c r="J2575" i="2"/>
  <c r="J2549" i="5" s="1"/>
  <c r="N2549" i="5" s="1"/>
  <c r="L2575" i="2"/>
  <c r="L2549" i="5" s="1"/>
  <c r="K2575" i="2"/>
  <c r="K2549" i="5" s="1"/>
  <c r="J7983" i="2"/>
  <c r="J7957" i="5" s="1"/>
  <c r="N7957" i="5" s="1"/>
  <c r="K7983" i="2"/>
  <c r="K7957" i="5" s="1"/>
  <c r="M7983" i="2"/>
  <c r="M7957" i="5" s="1"/>
  <c r="P7957" i="5" s="1"/>
  <c r="L7983" i="2"/>
  <c r="L7957" i="5" s="1"/>
  <c r="I7983" i="2"/>
  <c r="I7957" i="5" s="1"/>
  <c r="I5794" i="2"/>
  <c r="I5768" i="5" s="1"/>
  <c r="J5794" i="2"/>
  <c r="J5768" i="5" s="1"/>
  <c r="N5768" i="5" s="1"/>
  <c r="M5794" i="2"/>
  <c r="M5768" i="5" s="1"/>
  <c r="P5768" i="5" s="1"/>
  <c r="M2827" i="2"/>
  <c r="M2801" i="5" s="1"/>
  <c r="P2801" i="5" s="1"/>
  <c r="L2827" i="2"/>
  <c r="L2801" i="5" s="1"/>
  <c r="I2827" i="2"/>
  <c r="I2801" i="5" s="1"/>
  <c r="K2827" i="2"/>
  <c r="K2801" i="5" s="1"/>
  <c r="J2827" i="2"/>
  <c r="J2801" i="5" s="1"/>
  <c r="N2801" i="5" s="1"/>
  <c r="M3171" i="2"/>
  <c r="M3145" i="5" s="1"/>
  <c r="P3145" i="5" s="1"/>
  <c r="K3171" i="2"/>
  <c r="K3145" i="5" s="1"/>
  <c r="L3171" i="2"/>
  <c r="L3145" i="5" s="1"/>
  <c r="J3171" i="2"/>
  <c r="J3145" i="5" s="1"/>
  <c r="N3145" i="5" s="1"/>
  <c r="I3164" i="2"/>
  <c r="I3138" i="5" s="1"/>
  <c r="J3164" i="2"/>
  <c r="J3138" i="5" s="1"/>
  <c r="N3138" i="5" s="1"/>
  <c r="L3164" i="2"/>
  <c r="L3138" i="5" s="1"/>
  <c r="M3164" i="2"/>
  <c r="M3138" i="5" s="1"/>
  <c r="P3138" i="5" s="1"/>
  <c r="K3164" i="2"/>
  <c r="K3138" i="5" s="1"/>
  <c r="J963" i="2"/>
  <c r="J937" i="5" s="1"/>
  <c r="N937" i="5" s="1"/>
  <c r="M3940" i="2"/>
  <c r="M3914" i="5" s="1"/>
  <c r="P3914" i="5" s="1"/>
  <c r="I3940" i="2"/>
  <c r="I3914" i="5" s="1"/>
  <c r="K3940" i="2"/>
  <c r="K3914" i="5" s="1"/>
  <c r="J3940" i="2"/>
  <c r="J3914" i="5" s="1"/>
  <c r="N3914" i="5" s="1"/>
  <c r="L3940" i="2"/>
  <c r="L3914" i="5" s="1"/>
  <c r="K5119" i="2"/>
  <c r="K5093" i="5" s="1"/>
  <c r="J5119" i="2"/>
  <c r="J5093" i="5" s="1"/>
  <c r="N5093" i="5" s="1"/>
  <c r="L5119" i="2"/>
  <c r="L5093" i="5" s="1"/>
  <c r="M5119" i="2"/>
  <c r="M5093" i="5" s="1"/>
  <c r="P5093" i="5" s="1"/>
  <c r="I5119" i="2"/>
  <c r="I5093" i="5" s="1"/>
  <c r="M1236" i="2"/>
  <c r="M1210" i="5" s="1"/>
  <c r="P1210" i="5" s="1"/>
  <c r="L1236" i="2"/>
  <c r="L1210" i="5" s="1"/>
  <c r="J1236" i="2"/>
  <c r="J1210" i="5" s="1"/>
  <c r="N1210" i="5" s="1"/>
  <c r="I1236" i="2"/>
  <c r="I1210" i="5" s="1"/>
  <c r="L7340" i="2"/>
  <c r="L7314" i="5" s="1"/>
  <c r="M7340" i="2"/>
  <c r="M7314" i="5" s="1"/>
  <c r="P7314" i="5" s="1"/>
  <c r="K7340" i="2"/>
  <c r="K7314" i="5" s="1"/>
  <c r="L1937" i="2"/>
  <c r="L1911" i="5" s="1"/>
  <c r="M1937" i="2"/>
  <c r="M1911" i="5" s="1"/>
  <c r="P1911" i="5" s="1"/>
  <c r="K1937" i="2"/>
  <c r="K1911" i="5" s="1"/>
  <c r="J1937" i="2"/>
  <c r="J1911" i="5" s="1"/>
  <c r="N1911" i="5" s="1"/>
  <c r="I1937" i="2"/>
  <c r="I1911" i="5" s="1"/>
  <c r="L7140" i="2"/>
  <c r="L7114" i="5" s="1"/>
  <c r="M7140" i="2"/>
  <c r="M7114" i="5" s="1"/>
  <c r="P7114" i="5" s="1"/>
  <c r="I486" i="2"/>
  <c r="I460" i="5" s="1"/>
  <c r="L486" i="2"/>
  <c r="L460" i="5" s="1"/>
  <c r="J486" i="2"/>
  <c r="J460" i="5" s="1"/>
  <c r="N460" i="5" s="1"/>
  <c r="K6333" i="2"/>
  <c r="K6307" i="5" s="1"/>
  <c r="O6307" i="5" s="1"/>
  <c r="J6333" i="2"/>
  <c r="J6307" i="5" s="1"/>
  <c r="M1154" i="2"/>
  <c r="M1128" i="5" s="1"/>
  <c r="P1128" i="5" s="1"/>
  <c r="J2791" i="2"/>
  <c r="J2765" i="5" s="1"/>
  <c r="N2765" i="5" s="1"/>
  <c r="L2791" i="2"/>
  <c r="L2765" i="5" s="1"/>
  <c r="K2791" i="2"/>
  <c r="K2765" i="5" s="1"/>
  <c r="M2791" i="2"/>
  <c r="M2765" i="5" s="1"/>
  <c r="P2765" i="5" s="1"/>
  <c r="I2791" i="2"/>
  <c r="I2765" i="5" s="1"/>
  <c r="L3661" i="2"/>
  <c r="L3635" i="5" s="1"/>
  <c r="K3661" i="2"/>
  <c r="K3635" i="5" s="1"/>
  <c r="J6178" i="2"/>
  <c r="J6152" i="5" s="1"/>
  <c r="N6152" i="5" s="1"/>
  <c r="K6178" i="2"/>
  <c r="K6152" i="5" s="1"/>
  <c r="L6178" i="2"/>
  <c r="L6152" i="5" s="1"/>
  <c r="M6178" i="2"/>
  <c r="M6152" i="5" s="1"/>
  <c r="P6152" i="5" s="1"/>
  <c r="I6178" i="2"/>
  <c r="I6152" i="5" s="1"/>
  <c r="L6155" i="2"/>
  <c r="L6129" i="5" s="1"/>
  <c r="K6155" i="2"/>
  <c r="K6129" i="5" s="1"/>
  <c r="M6155" i="2"/>
  <c r="M6129" i="5" s="1"/>
  <c r="P6129" i="5" s="1"/>
  <c r="J6155" i="2"/>
  <c r="J6129" i="5" s="1"/>
  <c r="N6129" i="5" s="1"/>
  <c r="M2953" i="2"/>
  <c r="M2927" i="5" s="1"/>
  <c r="P2927" i="5" s="1"/>
  <c r="L2953" i="2"/>
  <c r="L2927" i="5" s="1"/>
  <c r="K2953" i="2"/>
  <c r="K2927" i="5" s="1"/>
  <c r="I2953" i="2"/>
  <c r="I2927" i="5" s="1"/>
  <c r="J2953" i="2"/>
  <c r="J2927" i="5" s="1"/>
  <c r="M2328" i="2"/>
  <c r="M2302" i="5" s="1"/>
  <c r="P2302" i="5" s="1"/>
  <c r="I2328" i="2"/>
  <c r="I2302" i="5" s="1"/>
  <c r="J7364" i="2"/>
  <c r="J7338" i="5" s="1"/>
  <c r="N7338" i="5" s="1"/>
  <c r="L7364" i="2"/>
  <c r="L7338" i="5" s="1"/>
  <c r="I7364" i="2"/>
  <c r="I7338" i="5" s="1"/>
  <c r="K7364" i="2"/>
  <c r="K7338" i="5" s="1"/>
  <c r="M7364" i="2"/>
  <c r="M7338" i="5" s="1"/>
  <c r="P7338" i="5" s="1"/>
  <c r="J1811" i="2"/>
  <c r="J1785" i="5" s="1"/>
  <c r="N1785" i="5" s="1"/>
  <c r="L1811" i="2"/>
  <c r="L1785" i="5" s="1"/>
  <c r="I1811" i="2"/>
  <c r="I1785" i="5" s="1"/>
  <c r="I7150" i="2"/>
  <c r="I7124" i="5" s="1"/>
  <c r="J7150" i="2"/>
  <c r="J7124" i="5" s="1"/>
  <c r="N7124" i="5" s="1"/>
  <c r="L7150" i="2"/>
  <c r="L7124" i="5" s="1"/>
  <c r="M7150" i="2"/>
  <c r="M7124" i="5" s="1"/>
  <c r="P7124" i="5" s="1"/>
  <c r="M5151" i="2"/>
  <c r="M5125" i="5" s="1"/>
  <c r="P5125" i="5" s="1"/>
  <c r="I5151" i="2"/>
  <c r="I5125" i="5" s="1"/>
  <c r="M2593" i="2"/>
  <c r="M2567" i="5" s="1"/>
  <c r="P2567" i="5" s="1"/>
  <c r="K2593" i="2"/>
  <c r="K2567" i="5" s="1"/>
  <c r="I2593" i="2"/>
  <c r="I2567" i="5" s="1"/>
  <c r="I3643" i="2"/>
  <c r="I3617" i="5" s="1"/>
  <c r="J3643" i="2"/>
  <c r="J3617" i="5" s="1"/>
  <c r="N3617" i="5" s="1"/>
  <c r="M5759" i="2"/>
  <c r="M5733" i="5" s="1"/>
  <c r="P5733" i="5" s="1"/>
  <c r="K5759" i="2"/>
  <c r="K5733" i="5" s="1"/>
  <c r="I5759" i="2"/>
  <c r="I5733" i="5" s="1"/>
  <c r="J1656" i="2"/>
  <c r="J1630" i="5" s="1"/>
  <c r="N1630" i="5" s="1"/>
  <c r="M1656" i="2"/>
  <c r="M1630" i="5" s="1"/>
  <c r="P1630" i="5" s="1"/>
  <c r="I1656" i="2"/>
  <c r="I1630" i="5" s="1"/>
  <c r="J2658" i="2"/>
  <c r="J2632" i="5" s="1"/>
  <c r="N2632" i="5" s="1"/>
  <c r="K2658" i="2"/>
  <c r="K2632" i="5" s="1"/>
  <c r="O2632" i="5" s="1"/>
  <c r="I2159" i="2"/>
  <c r="I2133" i="5" s="1"/>
  <c r="J2159" i="2"/>
  <c r="J2133" i="5" s="1"/>
  <c r="N2133" i="5" s="1"/>
  <c r="I6156" i="2"/>
  <c r="I6130" i="5" s="1"/>
  <c r="J6156" i="2"/>
  <c r="J6130" i="5" s="1"/>
  <c r="N6130" i="5" s="1"/>
  <c r="K6156" i="2"/>
  <c r="K6130" i="5" s="1"/>
  <c r="O6130" i="5" s="1"/>
  <c r="I489" i="2"/>
  <c r="I463" i="5" s="1"/>
  <c r="M7705" i="2"/>
  <c r="M7679" i="5" s="1"/>
  <c r="P7679" i="5" s="1"/>
  <c r="J4082" i="2"/>
  <c r="J4056" i="5" s="1"/>
  <c r="N4056" i="5" s="1"/>
  <c r="K4996" i="2"/>
  <c r="K4970" i="5" s="1"/>
  <c r="I1802" i="2"/>
  <c r="I1776" i="5" s="1"/>
  <c r="J4250" i="2"/>
  <c r="J4224" i="5" s="1"/>
  <c r="N4224" i="5" s="1"/>
  <c r="J3735" i="2"/>
  <c r="J3709" i="5" s="1"/>
  <c r="J313" i="2"/>
  <c r="J287" i="5" s="1"/>
  <c r="N287" i="5" s="1"/>
  <c r="K7935" i="2"/>
  <c r="K7909" i="5" s="1"/>
  <c r="I147" i="2"/>
  <c r="I121" i="5" s="1"/>
  <c r="J112" i="2"/>
  <c r="J86" i="5" s="1"/>
  <c r="N86" i="5" s="1"/>
  <c r="J3661" i="2"/>
  <c r="J3635" i="5" s="1"/>
  <c r="N3635" i="5" s="1"/>
  <c r="J397" i="2"/>
  <c r="J371" i="5" s="1"/>
  <c r="N371" i="5" s="1"/>
  <c r="J6462" i="2"/>
  <c r="J6436" i="5" s="1"/>
  <c r="N6436" i="5" s="1"/>
  <c r="I1770" i="2"/>
  <c r="I1744" i="5" s="1"/>
  <c r="I4607" i="2"/>
  <c r="I4581" i="5" s="1"/>
  <c r="I8552" i="2"/>
  <c r="I8526" i="5" s="1"/>
  <c r="I137" i="2"/>
  <c r="I111" i="5" s="1"/>
  <c r="AR186" i="1"/>
  <c r="L3099" i="2"/>
  <c r="L3073" i="5" s="1"/>
  <c r="I47" i="2"/>
  <c r="I21" i="5" s="1"/>
  <c r="L5991" i="2"/>
  <c r="L5965" i="5" s="1"/>
  <c r="I6516" i="2"/>
  <c r="I6490" i="5" s="1"/>
  <c r="I5768" i="2"/>
  <c r="I5742" i="5" s="1"/>
  <c r="K1811" i="2"/>
  <c r="K1785" i="5" s="1"/>
  <c r="K4082" i="2"/>
  <c r="K4056" i="5" s="1"/>
  <c r="O4056" i="5" s="1"/>
  <c r="K8611" i="2"/>
  <c r="K8585" i="5" s="1"/>
  <c r="L5294" i="2"/>
  <c r="L5268" i="5" s="1"/>
  <c r="M3124" i="2"/>
  <c r="M3098" i="5" s="1"/>
  <c r="P3098" i="5" s="1"/>
  <c r="L1154" i="2"/>
  <c r="L1128" i="5" s="1"/>
  <c r="K7994" i="2"/>
  <c r="K7968" i="5" s="1"/>
  <c r="O7968" i="5" s="1"/>
  <c r="K1236" i="2"/>
  <c r="K1210" i="5" s="1"/>
  <c r="M4741" i="2"/>
  <c r="M4715" i="5" s="1"/>
  <c r="P4715" i="5" s="1"/>
  <c r="L2817" i="2"/>
  <c r="L2791" i="5" s="1"/>
  <c r="J426" i="2"/>
  <c r="J400" i="5" s="1"/>
  <c r="N400" i="5" s="1"/>
  <c r="J8014" i="2"/>
  <c r="J7988" i="5" s="1"/>
  <c r="N7988" i="5" s="1"/>
  <c r="K7514" i="2"/>
  <c r="K7488" i="5" s="1"/>
  <c r="J2939" i="2"/>
  <c r="J2913" i="5" s="1"/>
  <c r="N2913" i="5" s="1"/>
  <c r="L1763" i="2"/>
  <c r="L1737" i="5" s="1"/>
  <c r="K4273" i="2"/>
  <c r="K4247" i="5" s="1"/>
  <c r="J910" i="2"/>
  <c r="J884" i="5" s="1"/>
  <c r="N884" i="5" s="1"/>
  <c r="M7307" i="2"/>
  <c r="M7281" i="5" s="1"/>
  <c r="P7281" i="5" s="1"/>
  <c r="K575" i="2"/>
  <c r="K549" i="5" s="1"/>
  <c r="I993" i="2"/>
  <c r="I967" i="5" s="1"/>
  <c r="L941" i="2"/>
  <c r="L915" i="5" s="1"/>
  <c r="J2742" i="2"/>
  <c r="J2716" i="5" s="1"/>
  <c r="K4675" i="2"/>
  <c r="K4649" i="5" s="1"/>
  <c r="I4996" i="2"/>
  <c r="I4970" i="5" s="1"/>
  <c r="K5164" i="2"/>
  <c r="K5138" i="5" s="1"/>
  <c r="L1802" i="2"/>
  <c r="L1776" i="5" s="1"/>
  <c r="I313" i="2"/>
  <c r="I287" i="5" s="1"/>
  <c r="I7935" i="2"/>
  <c r="I7909" i="5" s="1"/>
  <c r="M147" i="2"/>
  <c r="M121" i="5" s="1"/>
  <c r="P121" i="5" s="1"/>
  <c r="I112" i="2"/>
  <c r="I86" i="5" s="1"/>
  <c r="K2398" i="2"/>
  <c r="K2372" i="5" s="1"/>
  <c r="M3661" i="2"/>
  <c r="M3635" i="5" s="1"/>
  <c r="P3635" i="5" s="1"/>
  <c r="L397" i="2"/>
  <c r="L371" i="5" s="1"/>
  <c r="L6462" i="2"/>
  <c r="L6436" i="5" s="1"/>
  <c r="M1770" i="2"/>
  <c r="M1744" i="5" s="1"/>
  <c r="P1744" i="5" s="1"/>
  <c r="J4607" i="2"/>
  <c r="J4581" i="5" s="1"/>
  <c r="N4581" i="5" s="1"/>
  <c r="M137" i="2"/>
  <c r="M111" i="5" s="1"/>
  <c r="P111" i="5" s="1"/>
  <c r="L3643" i="2"/>
  <c r="L3617" i="5" s="1"/>
  <c r="K47" i="2"/>
  <c r="K21" i="5" s="1"/>
  <c r="M7784" i="2"/>
  <c r="M7758" i="5" s="1"/>
  <c r="P7758" i="5" s="1"/>
  <c r="J5991" i="2"/>
  <c r="J5965" i="5" s="1"/>
  <c r="J6516" i="2"/>
  <c r="J6490" i="5" s="1"/>
  <c r="N6490" i="5" s="1"/>
  <c r="M5768" i="2"/>
  <c r="M5742" i="5" s="1"/>
  <c r="P5742" i="5" s="1"/>
  <c r="I8611" i="2"/>
  <c r="I8585" i="5" s="1"/>
  <c r="K7105" i="2"/>
  <c r="K7079" i="5" s="1"/>
  <c r="J1154" i="2"/>
  <c r="J1128" i="5" s="1"/>
  <c r="J7994" i="2"/>
  <c r="J7968" i="5" s="1"/>
  <c r="N7968" i="5" s="1"/>
  <c r="J4741" i="2"/>
  <c r="J4715" i="5" s="1"/>
  <c r="N4715" i="5" s="1"/>
  <c r="I2817" i="2"/>
  <c r="I2791" i="5" s="1"/>
  <c r="K426" i="2"/>
  <c r="K400" i="5" s="1"/>
  <c r="O400" i="5" s="1"/>
  <c r="L2612" i="2"/>
  <c r="L2586" i="5" s="1"/>
  <c r="L7295" i="2"/>
  <c r="L7269" i="5" s="1"/>
  <c r="M4273" i="2"/>
  <c r="M4247" i="5" s="1"/>
  <c r="P4247" i="5" s="1"/>
  <c r="K3344" i="2"/>
  <c r="K3318" i="5" s="1"/>
  <c r="O3318" i="5" s="1"/>
  <c r="L993" i="2"/>
  <c r="L967" i="5" s="1"/>
  <c r="J7354" i="2"/>
  <c r="J7328" i="5" s="1"/>
  <c r="N7328" i="5" s="1"/>
  <c r="M941" i="2"/>
  <c r="M915" i="5" s="1"/>
  <c r="P915" i="5" s="1"/>
  <c r="K2742" i="2"/>
  <c r="K2716" i="5" s="1"/>
  <c r="M4675" i="2"/>
  <c r="M4649" i="5" s="1"/>
  <c r="P4649" i="5" s="1"/>
  <c r="M4996" i="2"/>
  <c r="M4970" i="5" s="1"/>
  <c r="P4970" i="5" s="1"/>
  <c r="J5987" i="2"/>
  <c r="J5961" i="5" s="1"/>
  <c r="N5961" i="5" s="1"/>
  <c r="M5164" i="2"/>
  <c r="M5138" i="5" s="1"/>
  <c r="P5138" i="5" s="1"/>
  <c r="M1802" i="2"/>
  <c r="M1776" i="5" s="1"/>
  <c r="P1776" i="5" s="1"/>
  <c r="I8331" i="2"/>
  <c r="I8305" i="5" s="1"/>
  <c r="L313" i="2"/>
  <c r="L287" i="5" s="1"/>
  <c r="L7935" i="2"/>
  <c r="L7909" i="5" s="1"/>
  <c r="K5111" i="2"/>
  <c r="K5085" i="5" s="1"/>
  <c r="O5085" i="5" s="1"/>
  <c r="L7847" i="2"/>
  <c r="L7821" i="5" s="1"/>
  <c r="K144" i="2"/>
  <c r="K118" i="5" s="1"/>
  <c r="O118" i="5" s="1"/>
  <c r="L112" i="2"/>
  <c r="L86" i="5" s="1"/>
  <c r="I2398" i="2"/>
  <c r="I2372" i="5" s="1"/>
  <c r="I5816" i="2"/>
  <c r="I5790" i="5" s="1"/>
  <c r="K1983" i="2"/>
  <c r="K1957" i="5" s="1"/>
  <c r="J6456" i="2"/>
  <c r="J6430" i="5" s="1"/>
  <c r="N6430" i="5" s="1"/>
  <c r="L1770" i="2"/>
  <c r="L1744" i="5" s="1"/>
  <c r="L137" i="2"/>
  <c r="L111" i="5" s="1"/>
  <c r="I6297" i="2"/>
  <c r="I6271" i="5" s="1"/>
  <c r="I6597" i="2"/>
  <c r="I6571" i="5" s="1"/>
  <c r="M3643" i="2"/>
  <c r="M3617" i="5" s="1"/>
  <c r="P3617" i="5" s="1"/>
  <c r="M47" i="2"/>
  <c r="M21" i="5" s="1"/>
  <c r="P21" i="5" s="1"/>
  <c r="L7784" i="2"/>
  <c r="L7758" i="5" s="1"/>
  <c r="L5768" i="2"/>
  <c r="L5742" i="5" s="1"/>
  <c r="I8492" i="2"/>
  <c r="I8466" i="5" s="1"/>
  <c r="L3438" i="2"/>
  <c r="L3412" i="5" s="1"/>
  <c r="L7618" i="2"/>
  <c r="L7592" i="5" s="1"/>
  <c r="K442" i="2"/>
  <c r="K416" i="5" s="1"/>
  <c r="K2661" i="2"/>
  <c r="K2635" i="5" s="1"/>
  <c r="L7105" i="2"/>
  <c r="L7079" i="5" s="1"/>
  <c r="K2951" i="2"/>
  <c r="K2925" i="5" s="1"/>
  <c r="K1154" i="2"/>
  <c r="K1128" i="5" s="1"/>
  <c r="M3156" i="2"/>
  <c r="M3130" i="5" s="1"/>
  <c r="P3130" i="5" s="1"/>
  <c r="I4413" i="2"/>
  <c r="I4387" i="5" s="1"/>
  <c r="I2330" i="2"/>
  <c r="I2304" i="5" s="1"/>
  <c r="I426" i="2"/>
  <c r="I400" i="5" s="1"/>
  <c r="L1550" i="2"/>
  <c r="L1524" i="5" s="1"/>
  <c r="M5178" i="2"/>
  <c r="M5152" i="5" s="1"/>
  <c r="P5152" i="5" s="1"/>
  <c r="I2612" i="2"/>
  <c r="I2586" i="5" s="1"/>
  <c r="I4834" i="2"/>
  <c r="I4808" i="5" s="1"/>
  <c r="J7295" i="2"/>
  <c r="J7269" i="5" s="1"/>
  <c r="N7269" i="5" s="1"/>
  <c r="M473" i="2"/>
  <c r="M447" i="5" s="1"/>
  <c r="P447" i="5" s="1"/>
  <c r="M1547" i="2"/>
  <c r="M1521" i="5" s="1"/>
  <c r="P1521" i="5" s="1"/>
  <c r="I7274" i="2"/>
  <c r="I7248" i="5" s="1"/>
  <c r="I5120" i="2"/>
  <c r="I5094" i="5" s="1"/>
  <c r="L575" i="2"/>
  <c r="L549" i="5" s="1"/>
  <c r="I3344" i="2"/>
  <c r="I3318" i="5" s="1"/>
  <c r="K6357" i="2"/>
  <c r="K6331" i="5" s="1"/>
  <c r="O6331" i="5" s="1"/>
  <c r="J993" i="2"/>
  <c r="J967" i="5" s="1"/>
  <c r="N967" i="5" s="1"/>
  <c r="K941" i="2"/>
  <c r="K915" i="5" s="1"/>
  <c r="I2742" i="2"/>
  <c r="I2716" i="5" s="1"/>
  <c r="K8381" i="2"/>
  <c r="K8355" i="5" s="1"/>
  <c r="O8355" i="5" s="1"/>
  <c r="L4675" i="2"/>
  <c r="L4649" i="5" s="1"/>
  <c r="J6510" i="2"/>
  <c r="J6484" i="5" s="1"/>
  <c r="N6484" i="5" s="1"/>
  <c r="J5141" i="2"/>
  <c r="J5115" i="5" s="1"/>
  <c r="N5115" i="5" s="1"/>
  <c r="L4996" i="2"/>
  <c r="L4970" i="5" s="1"/>
  <c r="K5987" i="2"/>
  <c r="K5961" i="5" s="1"/>
  <c r="O5961" i="5" s="1"/>
  <c r="L5164" i="2"/>
  <c r="L5138" i="5" s="1"/>
  <c r="J1802" i="2"/>
  <c r="J1776" i="5" s="1"/>
  <c r="N1776" i="5" s="1"/>
  <c r="I2819" i="2"/>
  <c r="I2793" i="5" s="1"/>
  <c r="L8331" i="2"/>
  <c r="L8305" i="5" s="1"/>
  <c r="M313" i="2"/>
  <c r="M287" i="5" s="1"/>
  <c r="P287" i="5" s="1"/>
  <c r="M904" i="2"/>
  <c r="M878" i="5" s="1"/>
  <c r="P878" i="5" s="1"/>
  <c r="M5111" i="2"/>
  <c r="M5085" i="5" s="1"/>
  <c r="P5085" i="5" s="1"/>
  <c r="I7847" i="2"/>
  <c r="I7821" i="5" s="1"/>
  <c r="J144" i="2"/>
  <c r="J118" i="5" s="1"/>
  <c r="N118" i="5" s="1"/>
  <c r="J6151" i="2"/>
  <c r="J6125" i="5" s="1"/>
  <c r="N6125" i="5" s="1"/>
  <c r="K112" i="2"/>
  <c r="K86" i="5" s="1"/>
  <c r="M2398" i="2"/>
  <c r="M2372" i="5" s="1"/>
  <c r="P2372" i="5" s="1"/>
  <c r="J7623" i="2"/>
  <c r="J7597" i="5" s="1"/>
  <c r="N7597" i="5" s="1"/>
  <c r="J5816" i="2"/>
  <c r="J5790" i="5" s="1"/>
  <c r="N5790" i="5" s="1"/>
  <c r="M1983" i="2"/>
  <c r="M1957" i="5" s="1"/>
  <c r="P1957" i="5" s="1"/>
  <c r="L6456" i="2"/>
  <c r="L6430" i="5" s="1"/>
  <c r="L6297" i="2"/>
  <c r="L6271" i="5" s="1"/>
  <c r="J6597" i="2"/>
  <c r="J6571" i="5" s="1"/>
  <c r="N6571" i="5" s="1"/>
  <c r="K3643" i="2"/>
  <c r="K3617" i="5" s="1"/>
  <c r="J3665" i="2"/>
  <c r="J3639" i="5" s="1"/>
  <c r="N3639" i="5" s="1"/>
  <c r="J1601" i="2"/>
  <c r="J1575" i="5" s="1"/>
  <c r="N1575" i="5" s="1"/>
  <c r="J5768" i="2"/>
  <c r="J5742" i="5" s="1"/>
  <c r="N5742" i="5" s="1"/>
  <c r="M2085" i="2"/>
  <c r="M2059" i="5" s="1"/>
  <c r="P2059" i="5" s="1"/>
  <c r="J8492" i="2"/>
  <c r="J8466" i="5" s="1"/>
  <c r="I7618" i="2"/>
  <c r="I7592" i="5" s="1"/>
  <c r="M442" i="2"/>
  <c r="M416" i="5" s="1"/>
  <c r="P416" i="5" s="1"/>
  <c r="I2661" i="2"/>
  <c r="I2635" i="5" s="1"/>
  <c r="M7105" i="2"/>
  <c r="M7079" i="5" s="1"/>
  <c r="P7079" i="5" s="1"/>
  <c r="I2951" i="2"/>
  <c r="I2925" i="5" s="1"/>
  <c r="L719" i="2"/>
  <c r="L693" i="5" s="1"/>
  <c r="I7485" i="2"/>
  <c r="I7459" i="5" s="1"/>
  <c r="M5132" i="2"/>
  <c r="M5106" i="5" s="1"/>
  <c r="P5106" i="5" s="1"/>
  <c r="I3156" i="2"/>
  <c r="I3130" i="5" s="1"/>
  <c r="I5178" i="2"/>
  <c r="I5152" i="5" s="1"/>
  <c r="I575" i="2"/>
  <c r="I549" i="5" s="1"/>
  <c r="M575" i="2"/>
  <c r="M549" i="5" s="1"/>
  <c r="P549" i="5" s="1"/>
  <c r="J3344" i="2"/>
  <c r="J3318" i="5" s="1"/>
  <c r="N3318" i="5" s="1"/>
  <c r="I941" i="2"/>
  <c r="I915" i="5" s="1"/>
  <c r="L2742" i="2"/>
  <c r="L2716" i="5" s="1"/>
  <c r="I8381" i="2"/>
  <c r="I8355" i="5" s="1"/>
  <c r="K6510" i="2"/>
  <c r="K6484" i="5" s="1"/>
  <c r="O6484" i="5" s="1"/>
  <c r="K5141" i="2"/>
  <c r="K5115" i="5" s="1"/>
  <c r="O5115" i="5" s="1"/>
  <c r="I5987" i="2"/>
  <c r="I5961" i="5" s="1"/>
  <c r="M8331" i="2"/>
  <c r="M8305" i="5" s="1"/>
  <c r="P8305" i="5" s="1"/>
  <c r="K904" i="2"/>
  <c r="K878" i="5" s="1"/>
  <c r="O878" i="5" s="1"/>
  <c r="I5111" i="2"/>
  <c r="I5085" i="5" s="1"/>
  <c r="K7847" i="2"/>
  <c r="K7821" i="5" s="1"/>
  <c r="I144" i="2"/>
  <c r="I118" i="5" s="1"/>
  <c r="K6151" i="2"/>
  <c r="K6125" i="5" s="1"/>
  <c r="O6125" i="5" s="1"/>
  <c r="J2586" i="2"/>
  <c r="J2560" i="5" s="1"/>
  <c r="N2560" i="5" s="1"/>
  <c r="M7623" i="2"/>
  <c r="M7597" i="5" s="1"/>
  <c r="P7597" i="5" s="1"/>
  <c r="L5816" i="2"/>
  <c r="L5790" i="5" s="1"/>
  <c r="J1983" i="2"/>
  <c r="J1957" i="5" s="1"/>
  <c r="N1957" i="5" s="1"/>
  <c r="I6456" i="2"/>
  <c r="I6430" i="5" s="1"/>
  <c r="J2166" i="2"/>
  <c r="J2140" i="5" s="1"/>
  <c r="N2140" i="5" s="1"/>
  <c r="M6597" i="2"/>
  <c r="M6571" i="5" s="1"/>
  <c r="P6571" i="5" s="1"/>
  <c r="K3665" i="2"/>
  <c r="K3639" i="5" s="1"/>
  <c r="L7149" i="2"/>
  <c r="L7123" i="5" s="1"/>
  <c r="M1601" i="2"/>
  <c r="M1575" i="5" s="1"/>
  <c r="P1575" i="5" s="1"/>
  <c r="I637" i="2"/>
  <c r="I611" i="5" s="1"/>
  <c r="M8041" i="2"/>
  <c r="M8015" i="5" s="1"/>
  <c r="P8015" i="5" s="1"/>
  <c r="L2085" i="2"/>
  <c r="L2059" i="5" s="1"/>
  <c r="K8492" i="2"/>
  <c r="K8466" i="5" s="1"/>
  <c r="M2152" i="2"/>
  <c r="M2126" i="5" s="1"/>
  <c r="P2126" i="5" s="1"/>
  <c r="K2401" i="2"/>
  <c r="K2375" i="5" s="1"/>
  <c r="J7618" i="2"/>
  <c r="J7592" i="5" s="1"/>
  <c r="N7592" i="5" s="1"/>
  <c r="M4426" i="2"/>
  <c r="M4400" i="5" s="1"/>
  <c r="P4400" i="5" s="1"/>
  <c r="I5182" i="2"/>
  <c r="I5156" i="5" s="1"/>
  <c r="M2661" i="2"/>
  <c r="M2635" i="5" s="1"/>
  <c r="P2635" i="5" s="1"/>
  <c r="J4953" i="2"/>
  <c r="J4927" i="5" s="1"/>
  <c r="N4927" i="5" s="1"/>
  <c r="J2951" i="2"/>
  <c r="J2925" i="5" s="1"/>
  <c r="K7341" i="2"/>
  <c r="K7315" i="5" s="1"/>
  <c r="O7315" i="5" s="1"/>
  <c r="L7485" i="2"/>
  <c r="L7459" i="5" s="1"/>
  <c r="L1324" i="2"/>
  <c r="L1298" i="5" s="1"/>
  <c r="M7540" i="2"/>
  <c r="M7514" i="5" s="1"/>
  <c r="P7514" i="5" s="1"/>
  <c r="K8002" i="2"/>
  <c r="K7976" i="5" s="1"/>
  <c r="J7129" i="2"/>
  <c r="J7103" i="5" s="1"/>
  <c r="N7103" i="5" s="1"/>
  <c r="AR93" i="1"/>
  <c r="J8331" i="2"/>
  <c r="J8305" i="5" s="1"/>
  <c r="N8305" i="5" s="1"/>
  <c r="L7623" i="2"/>
  <c r="L7597" i="5" s="1"/>
  <c r="L6597" i="2"/>
  <c r="L6571" i="5" s="1"/>
  <c r="K7149" i="2"/>
  <c r="K7123" i="5" s="1"/>
  <c r="L1601" i="2"/>
  <c r="L1575" i="5" s="1"/>
  <c r="J8041" i="2"/>
  <c r="J8015" i="5" s="1"/>
  <c r="L557" i="2"/>
  <c r="L531" i="5" s="1"/>
  <c r="K2085" i="2"/>
  <c r="K2059" i="5" s="1"/>
  <c r="I4426" i="2"/>
  <c r="I4400" i="5" s="1"/>
  <c r="M3301" i="2"/>
  <c r="M3275" i="5" s="1"/>
  <c r="P3275" i="5" s="1"/>
  <c r="M5182" i="2"/>
  <c r="M5156" i="5" s="1"/>
  <c r="P5156" i="5" s="1"/>
  <c r="I205" i="2"/>
  <c r="I179" i="5" s="1"/>
  <c r="L2951" i="2"/>
  <c r="L2925" i="5" s="1"/>
  <c r="I7341" i="2"/>
  <c r="I7315" i="5" s="1"/>
  <c r="L2667" i="2"/>
  <c r="L2641" i="5" s="1"/>
  <c r="M307" i="2"/>
  <c r="M281" i="5" s="1"/>
  <c r="P281" i="5" s="1"/>
  <c r="J6431" i="2"/>
  <c r="J6405" i="5" s="1"/>
  <c r="N6405" i="5" s="1"/>
  <c r="L5759" i="2"/>
  <c r="L5733" i="5" s="1"/>
  <c r="L7833" i="2"/>
  <c r="L7807" i="5" s="1"/>
  <c r="M7833" i="2"/>
  <c r="M7807" i="5" s="1"/>
  <c r="P7807" i="5" s="1"/>
  <c r="M6515" i="2"/>
  <c r="M6489" i="5" s="1"/>
  <c r="P6489" i="5" s="1"/>
  <c r="L5670" i="2"/>
  <c r="L5644" i="5" s="1"/>
  <c r="J3500" i="2"/>
  <c r="J3474" i="5" s="1"/>
  <c r="N3474" i="5" s="1"/>
  <c r="I3500" i="2"/>
  <c r="I3474" i="5" s="1"/>
  <c r="L4283" i="2"/>
  <c r="L4257" i="5" s="1"/>
  <c r="I4283" i="2"/>
  <c r="I4257" i="5" s="1"/>
  <c r="K6662" i="2"/>
  <c r="K6636" i="5" s="1"/>
  <c r="O6636" i="5" s="1"/>
  <c r="M6662" i="2"/>
  <c r="M6636" i="5" s="1"/>
  <c r="P6636" i="5" s="1"/>
  <c r="J917" i="2"/>
  <c r="J891" i="5" s="1"/>
  <c r="N891" i="5" s="1"/>
  <c r="K917" i="2"/>
  <c r="K891" i="5" s="1"/>
  <c r="L7852" i="2"/>
  <c r="L7826" i="5" s="1"/>
  <c r="M7852" i="2"/>
  <c r="M7826" i="5" s="1"/>
  <c r="P7826" i="5" s="1"/>
  <c r="I7852" i="2"/>
  <c r="I7826" i="5" s="1"/>
  <c r="L956" i="2"/>
  <c r="L930" i="5" s="1"/>
  <c r="I956" i="2"/>
  <c r="I930" i="5" s="1"/>
  <c r="K956" i="2"/>
  <c r="K930" i="5" s="1"/>
  <c r="J6871" i="2"/>
  <c r="J6845" i="5" s="1"/>
  <c r="N6845" i="5" s="1"/>
  <c r="I6871" i="2"/>
  <c r="I6845" i="5" s="1"/>
  <c r="K6871" i="2"/>
  <c r="K6845" i="5" s="1"/>
  <c r="O6845" i="5" s="1"/>
  <c r="M6871" i="2"/>
  <c r="M6845" i="5" s="1"/>
  <c r="P6845" i="5" s="1"/>
  <c r="M2896" i="2"/>
  <c r="M2870" i="5" s="1"/>
  <c r="P2870" i="5" s="1"/>
  <c r="K2896" i="2"/>
  <c r="K2870" i="5" s="1"/>
  <c r="O2870" i="5" s="1"/>
  <c r="AR65" i="1"/>
  <c r="C71" i="5"/>
  <c r="M5497" i="2"/>
  <c r="M5471" i="5" s="1"/>
  <c r="P5471" i="5" s="1"/>
  <c r="L8711" i="2"/>
  <c r="L8685" i="5" s="1"/>
  <c r="K8711" i="2"/>
  <c r="K8685" i="5" s="1"/>
  <c r="M3136" i="2"/>
  <c r="M3110" i="5" s="1"/>
  <c r="P3110" i="5" s="1"/>
  <c r="L3136" i="2"/>
  <c r="L3110" i="5" s="1"/>
  <c r="M3275" i="2"/>
  <c r="M3249" i="5" s="1"/>
  <c r="P3249" i="5" s="1"/>
  <c r="K3504" i="2"/>
  <c r="K3478" i="5" s="1"/>
  <c r="O3478" i="5" s="1"/>
  <c r="K3331" i="2"/>
  <c r="K3305" i="5" s="1"/>
  <c r="O3305" i="5" s="1"/>
  <c r="I3331" i="2"/>
  <c r="I3305" i="5" s="1"/>
  <c r="K3438" i="2"/>
  <c r="K3412" i="5" s="1"/>
  <c r="J3438" i="2"/>
  <c r="J3412" i="5" s="1"/>
  <c r="N3412" i="5" s="1"/>
  <c r="I3438" i="2"/>
  <c r="I3412" i="5" s="1"/>
  <c r="I5179" i="2"/>
  <c r="I5153" i="5" s="1"/>
  <c r="K5179" i="2"/>
  <c r="K5153" i="5" s="1"/>
  <c r="L5179" i="2"/>
  <c r="L5153" i="5" s="1"/>
  <c r="I5636" i="2"/>
  <c r="I5610" i="5" s="1"/>
  <c r="J5636" i="2"/>
  <c r="J5610" i="5" s="1"/>
  <c r="N5610" i="5" s="1"/>
  <c r="K5636" i="2"/>
  <c r="K5610" i="5" s="1"/>
  <c r="M5636" i="2"/>
  <c r="M5610" i="5" s="1"/>
  <c r="P5610" i="5" s="1"/>
  <c r="K3097" i="2"/>
  <c r="K3071" i="5" s="1"/>
  <c r="J3097" i="2"/>
  <c r="J3071" i="5" s="1"/>
  <c r="N3071" i="5" s="1"/>
  <c r="L3097" i="2"/>
  <c r="L3071" i="5" s="1"/>
  <c r="M3097" i="2"/>
  <c r="M3071" i="5" s="1"/>
  <c r="P3071" i="5" s="1"/>
  <c r="I3097" i="2"/>
  <c r="I3071" i="5" s="1"/>
  <c r="L6193" i="2"/>
  <c r="L6167" i="5" s="1"/>
  <c r="M6193" i="2"/>
  <c r="M6167" i="5" s="1"/>
  <c r="P6167" i="5" s="1"/>
  <c r="J6193" i="2"/>
  <c r="J6167" i="5" s="1"/>
  <c r="N6167" i="5" s="1"/>
  <c r="K6193" i="2"/>
  <c r="K6167" i="5" s="1"/>
  <c r="I6193" i="2"/>
  <c r="I6167" i="5" s="1"/>
  <c r="J2960" i="2"/>
  <c r="J2934" i="5" s="1"/>
  <c r="N2934" i="5" s="1"/>
  <c r="M2960" i="2"/>
  <c r="M2934" i="5" s="1"/>
  <c r="P2934" i="5" s="1"/>
  <c r="K2960" i="2"/>
  <c r="K2934" i="5" s="1"/>
  <c r="O2934" i="5" s="1"/>
  <c r="J5832" i="2"/>
  <c r="J5806" i="5" s="1"/>
  <c r="N5806" i="5" s="1"/>
  <c r="M5832" i="2"/>
  <c r="M5806" i="5" s="1"/>
  <c r="P5806" i="5" s="1"/>
  <c r="K5832" i="2"/>
  <c r="K5806" i="5" s="1"/>
  <c r="L5832" i="2"/>
  <c r="L5806" i="5" s="1"/>
  <c r="M3578" i="2"/>
  <c r="M3552" i="5" s="1"/>
  <c r="P3552" i="5" s="1"/>
  <c r="J3578" i="2"/>
  <c r="J3552" i="5" s="1"/>
  <c r="N3552" i="5" s="1"/>
  <c r="J3419" i="2"/>
  <c r="J3393" i="5" s="1"/>
  <c r="N3393" i="5" s="1"/>
  <c r="I3419" i="2"/>
  <c r="I3393" i="5" s="1"/>
  <c r="M4161" i="2"/>
  <c r="M4135" i="5" s="1"/>
  <c r="P4135" i="5" s="1"/>
  <c r="L4161" i="2"/>
  <c r="L4135" i="5" s="1"/>
  <c r="K4161" i="2"/>
  <c r="K4135" i="5" s="1"/>
  <c r="L8514" i="2"/>
  <c r="L8488" i="5" s="1"/>
  <c r="M8514" i="2"/>
  <c r="M8488" i="5" s="1"/>
  <c r="P8488" i="5" s="1"/>
  <c r="J8514" i="2"/>
  <c r="J8488" i="5" s="1"/>
  <c r="I8514" i="2"/>
  <c r="I8488" i="5" s="1"/>
  <c r="I4743" i="2"/>
  <c r="I4717" i="5" s="1"/>
  <c r="K4743" i="2"/>
  <c r="K4717" i="5" s="1"/>
  <c r="J1585" i="2"/>
  <c r="J1559" i="5" s="1"/>
  <c r="N1559" i="5" s="1"/>
  <c r="L1585" i="2"/>
  <c r="L1559" i="5" s="1"/>
  <c r="I1585" i="2"/>
  <c r="I1559" i="5" s="1"/>
  <c r="K1585" i="2"/>
  <c r="K1559" i="5" s="1"/>
  <c r="M1585" i="2"/>
  <c r="M1559" i="5" s="1"/>
  <c r="P1559" i="5" s="1"/>
  <c r="L4814" i="2"/>
  <c r="L4788" i="5" s="1"/>
  <c r="I4814" i="2"/>
  <c r="I4788" i="5" s="1"/>
  <c r="J4814" i="2"/>
  <c r="J4788" i="5" s="1"/>
  <c r="N4788" i="5" s="1"/>
  <c r="M3603" i="2"/>
  <c r="M3577" i="5" s="1"/>
  <c r="P3577" i="5" s="1"/>
  <c r="L3603" i="2"/>
  <c r="L3577" i="5" s="1"/>
  <c r="K3603" i="2"/>
  <c r="K3577" i="5" s="1"/>
  <c r="K4614" i="2"/>
  <c r="K4588" i="5" s="1"/>
  <c r="M4614" i="2"/>
  <c r="M4588" i="5" s="1"/>
  <c r="P4588" i="5" s="1"/>
  <c r="I4614" i="2"/>
  <c r="I4588" i="5" s="1"/>
  <c r="L4614" i="2"/>
  <c r="L4588" i="5" s="1"/>
  <c r="J7154" i="2"/>
  <c r="J7128" i="5" s="1"/>
  <c r="N7128" i="5" s="1"/>
  <c r="I7154" i="2"/>
  <c r="I7128" i="5" s="1"/>
  <c r="K7154" i="2"/>
  <c r="K7128" i="5" s="1"/>
  <c r="M7154" i="2"/>
  <c r="M7128" i="5" s="1"/>
  <c r="P7128" i="5" s="1"/>
  <c r="L7154" i="2"/>
  <c r="L7128" i="5" s="1"/>
  <c r="K6819" i="2"/>
  <c r="K6793" i="5" s="1"/>
  <c r="M6819" i="2"/>
  <c r="M6793" i="5" s="1"/>
  <c r="P6793" i="5" s="1"/>
  <c r="L6819" i="2"/>
  <c r="L6793" i="5" s="1"/>
  <c r="I6819" i="2"/>
  <c r="I6793" i="5" s="1"/>
  <c r="K4469" i="2"/>
  <c r="K4443" i="5" s="1"/>
  <c r="M4469" i="2"/>
  <c r="M4443" i="5" s="1"/>
  <c r="P4443" i="5" s="1"/>
  <c r="J4469" i="2"/>
  <c r="J4443" i="5" s="1"/>
  <c r="N4443" i="5" s="1"/>
  <c r="K148" i="2"/>
  <c r="K122" i="5" s="1"/>
  <c r="L1088" i="2"/>
  <c r="L1062" i="5" s="1"/>
  <c r="M1088" i="2"/>
  <c r="M1062" i="5" s="1"/>
  <c r="P1062" i="5" s="1"/>
  <c r="K1088" i="2"/>
  <c r="K1062" i="5" s="1"/>
  <c r="K8274" i="2"/>
  <c r="K8248" i="5" s="1"/>
  <c r="I8274" i="2"/>
  <c r="I8248" i="5" s="1"/>
  <c r="M6422" i="2"/>
  <c r="M6396" i="5" s="1"/>
  <c r="P6396" i="5" s="1"/>
  <c r="L6422" i="2"/>
  <c r="L6396" i="5" s="1"/>
  <c r="K6422" i="2"/>
  <c r="K6396" i="5" s="1"/>
  <c r="I6422" i="2"/>
  <c r="I6396" i="5" s="1"/>
  <c r="L8792" i="2"/>
  <c r="L8766" i="5" s="1"/>
  <c r="I8792" i="2"/>
  <c r="I8766" i="5" s="1"/>
  <c r="J8792" i="2"/>
  <c r="J8766" i="5" s="1"/>
  <c r="K8792" i="2"/>
  <c r="K8766" i="5" s="1"/>
  <c r="M4749" i="2"/>
  <c r="M4723" i="5" s="1"/>
  <c r="P4723" i="5" s="1"/>
  <c r="K3731" i="2"/>
  <c r="K3705" i="5" s="1"/>
  <c r="J3731" i="2"/>
  <c r="J3705" i="5" s="1"/>
  <c r="N3705" i="5" s="1"/>
  <c r="M3731" i="2"/>
  <c r="M3705" i="5" s="1"/>
  <c r="P3705" i="5" s="1"/>
  <c r="J4456" i="2"/>
  <c r="J4430" i="5" s="1"/>
  <c r="N4430" i="5" s="1"/>
  <c r="L4456" i="2"/>
  <c r="L4430" i="5" s="1"/>
  <c r="K4456" i="2"/>
  <c r="K4430" i="5" s="1"/>
  <c r="J8502" i="2"/>
  <c r="J8476" i="5" s="1"/>
  <c r="N8476" i="5" s="1"/>
  <c r="L8502" i="2"/>
  <c r="L8476" i="5" s="1"/>
  <c r="I7862" i="2"/>
  <c r="I7836" i="5" s="1"/>
  <c r="L7862" i="2"/>
  <c r="L7836" i="5" s="1"/>
  <c r="J7862" i="2"/>
  <c r="J7836" i="5" s="1"/>
  <c r="N7836" i="5" s="1"/>
  <c r="M7862" i="2"/>
  <c r="M7836" i="5" s="1"/>
  <c r="P7836" i="5" s="1"/>
  <c r="I4588" i="2"/>
  <c r="I4562" i="5" s="1"/>
  <c r="J4588" i="2"/>
  <c r="J4562" i="5" s="1"/>
  <c r="L4588" i="2"/>
  <c r="L4562" i="5" s="1"/>
  <c r="M2394" i="2"/>
  <c r="M2368" i="5" s="1"/>
  <c r="P2368" i="5" s="1"/>
  <c r="I2394" i="2"/>
  <c r="I2368" i="5" s="1"/>
  <c r="K2394" i="2"/>
  <c r="K2368" i="5" s="1"/>
  <c r="O2368" i="5" s="1"/>
  <c r="J2745" i="2"/>
  <c r="J2719" i="5" s="1"/>
  <c r="N2719" i="5" s="1"/>
  <c r="L2745" i="2"/>
  <c r="L2719" i="5" s="1"/>
  <c r="K6632" i="2"/>
  <c r="K6606" i="5" s="1"/>
  <c r="L6632" i="2"/>
  <c r="L6606" i="5" s="1"/>
  <c r="J6632" i="2"/>
  <c r="J6606" i="5" s="1"/>
  <c r="N6606" i="5" s="1"/>
  <c r="I2389" i="2"/>
  <c r="I2363" i="5" s="1"/>
  <c r="I7713" i="2"/>
  <c r="I7687" i="5" s="1"/>
  <c r="J7713" i="2"/>
  <c r="J7687" i="5" s="1"/>
  <c r="N7687" i="5" s="1"/>
  <c r="M7713" i="2"/>
  <c r="M7687" i="5" s="1"/>
  <c r="P7687" i="5" s="1"/>
  <c r="K7713" i="2"/>
  <c r="K7687" i="5" s="1"/>
  <c r="L7713" i="2"/>
  <c r="L7687" i="5" s="1"/>
  <c r="K6003" i="2"/>
  <c r="K5977" i="5" s="1"/>
  <c r="J6003" i="2"/>
  <c r="J5977" i="5" s="1"/>
  <c r="N5977" i="5" s="1"/>
  <c r="M6003" i="2"/>
  <c r="M5977" i="5" s="1"/>
  <c r="P5977" i="5" s="1"/>
  <c r="I1127" i="2"/>
  <c r="I1101" i="5" s="1"/>
  <c r="L1127" i="2"/>
  <c r="L1101" i="5" s="1"/>
  <c r="K1127" i="2"/>
  <c r="K1101" i="5" s="1"/>
  <c r="L267" i="2"/>
  <c r="L241" i="5" s="1"/>
  <c r="M267" i="2"/>
  <c r="M241" i="5" s="1"/>
  <c r="P241" i="5" s="1"/>
  <c r="I267" i="2"/>
  <c r="I241" i="5" s="1"/>
  <c r="I6659" i="2"/>
  <c r="I6633" i="5" s="1"/>
  <c r="L6659" i="2"/>
  <c r="L6633" i="5" s="1"/>
  <c r="M6659" i="2"/>
  <c r="M6633" i="5" s="1"/>
  <c r="P6633" i="5" s="1"/>
  <c r="K6659" i="2"/>
  <c r="K6633" i="5" s="1"/>
  <c r="L2605" i="2"/>
  <c r="L2579" i="5" s="1"/>
  <c r="M2605" i="2"/>
  <c r="M2579" i="5" s="1"/>
  <c r="P2579" i="5" s="1"/>
  <c r="K2605" i="2"/>
  <c r="K2579" i="5" s="1"/>
  <c r="J411" i="2"/>
  <c r="J385" i="5" s="1"/>
  <c r="N385" i="5" s="1"/>
  <c r="M1775" i="2"/>
  <c r="M1749" i="5" s="1"/>
  <c r="P1749" i="5" s="1"/>
  <c r="L4747" i="2"/>
  <c r="L4721" i="5" s="1"/>
  <c r="K4747" i="2"/>
  <c r="K4721" i="5" s="1"/>
  <c r="J4747" i="2"/>
  <c r="J4721" i="5" s="1"/>
  <c r="N4721" i="5" s="1"/>
  <c r="M4747" i="2"/>
  <c r="M4721" i="5" s="1"/>
  <c r="P4721" i="5" s="1"/>
  <c r="I4747" i="2"/>
  <c r="I4721" i="5" s="1"/>
  <c r="K7292" i="2"/>
  <c r="K7266" i="5" s="1"/>
  <c r="O7266" i="5" s="1"/>
  <c r="J7292" i="2"/>
  <c r="J7266" i="5" s="1"/>
  <c r="J2612" i="2"/>
  <c r="J2586" i="5" s="1"/>
  <c r="L8449" i="2"/>
  <c r="L8423" i="5" s="1"/>
  <c r="K8449" i="2"/>
  <c r="K8423" i="5" s="1"/>
  <c r="K381" i="2"/>
  <c r="K355" i="5" s="1"/>
  <c r="M381" i="2"/>
  <c r="M355" i="5" s="1"/>
  <c r="P355" i="5" s="1"/>
  <c r="I381" i="2"/>
  <c r="I355" i="5" s="1"/>
  <c r="K4789" i="2"/>
  <c r="K4763" i="5" s="1"/>
  <c r="M4789" i="2"/>
  <c r="M4763" i="5" s="1"/>
  <c r="P4763" i="5" s="1"/>
  <c r="M1997" i="2"/>
  <c r="M1971" i="5" s="1"/>
  <c r="P1971" i="5" s="1"/>
  <c r="I1997" i="2"/>
  <c r="I1971" i="5" s="1"/>
  <c r="K1997" i="2"/>
  <c r="K1971" i="5" s="1"/>
  <c r="O1971" i="5" s="1"/>
  <c r="M8366" i="2"/>
  <c r="M8340" i="5" s="1"/>
  <c r="P8340" i="5" s="1"/>
  <c r="L6535" i="2"/>
  <c r="L6509" i="5" s="1"/>
  <c r="J6535" i="2"/>
  <c r="J6509" i="5" s="1"/>
  <c r="N6509" i="5" s="1"/>
  <c r="M6535" i="2"/>
  <c r="M6509" i="5" s="1"/>
  <c r="P6509" i="5" s="1"/>
  <c r="M8200" i="2"/>
  <c r="M8174" i="5" s="1"/>
  <c r="P8174" i="5" s="1"/>
  <c r="I8200" i="2"/>
  <c r="I8174" i="5" s="1"/>
  <c r="L8200" i="2"/>
  <c r="L8174" i="5" s="1"/>
  <c r="M4958" i="2"/>
  <c r="M4932" i="5" s="1"/>
  <c r="P4932" i="5" s="1"/>
  <c r="I4958" i="2"/>
  <c r="I4932" i="5" s="1"/>
  <c r="J4958" i="2"/>
  <c r="J4932" i="5" s="1"/>
  <c r="L4958" i="2"/>
  <c r="L4932" i="5" s="1"/>
  <c r="M1268" i="2"/>
  <c r="M1242" i="5" s="1"/>
  <c r="P1242" i="5" s="1"/>
  <c r="J1268" i="2"/>
  <c r="J1242" i="5" s="1"/>
  <c r="K1268" i="2"/>
  <c r="K1242" i="5" s="1"/>
  <c r="O1242" i="5" s="1"/>
  <c r="J4962" i="2"/>
  <c r="J4936" i="5" s="1"/>
  <c r="N4936" i="5" s="1"/>
  <c r="M4962" i="2"/>
  <c r="M4936" i="5" s="1"/>
  <c r="P4936" i="5" s="1"/>
  <c r="J8478" i="2"/>
  <c r="J8452" i="5" s="1"/>
  <c r="N8452" i="5" s="1"/>
  <c r="M8478" i="2"/>
  <c r="M8452" i="5" s="1"/>
  <c r="P8452" i="5" s="1"/>
  <c r="I8478" i="2"/>
  <c r="I8452" i="5" s="1"/>
  <c r="L8478" i="2"/>
  <c r="L8452" i="5" s="1"/>
  <c r="K8478" i="2"/>
  <c r="K8452" i="5" s="1"/>
  <c r="M6786" i="2"/>
  <c r="M6760" i="5" s="1"/>
  <c r="P6760" i="5" s="1"/>
  <c r="I6786" i="2"/>
  <c r="I6760" i="5" s="1"/>
  <c r="L6786" i="2"/>
  <c r="L6760" i="5" s="1"/>
  <c r="J6026" i="2"/>
  <c r="J6000" i="5" s="1"/>
  <c r="N6000" i="5" s="1"/>
  <c r="L6026" i="2"/>
  <c r="L6000" i="5" s="1"/>
  <c r="I1479" i="2"/>
  <c r="I1453" i="5" s="1"/>
  <c r="M2763" i="2"/>
  <c r="M2737" i="5" s="1"/>
  <c r="P2737" i="5" s="1"/>
  <c r="M8353" i="2"/>
  <c r="M8327" i="5" s="1"/>
  <c r="P8327" i="5" s="1"/>
  <c r="I8353" i="2"/>
  <c r="I8327" i="5" s="1"/>
  <c r="L1220" i="2"/>
  <c r="L1194" i="5" s="1"/>
  <c r="M8141" i="2"/>
  <c r="M8115" i="5" s="1"/>
  <c r="P8115" i="5" s="1"/>
  <c r="J5964" i="2"/>
  <c r="J5938" i="5" s="1"/>
  <c r="M8122" i="2"/>
  <c r="M8096" i="5" s="1"/>
  <c r="P8096" i="5" s="1"/>
  <c r="J8122" i="2"/>
  <c r="J8096" i="5" s="1"/>
  <c r="N8096" i="5" s="1"/>
  <c r="M3450" i="2"/>
  <c r="M3424" i="5" s="1"/>
  <c r="P3424" i="5" s="1"/>
  <c r="K2741" i="2"/>
  <c r="K2715" i="5" s="1"/>
  <c r="M3649" i="2"/>
  <c r="M3623" i="5" s="1"/>
  <c r="P3623" i="5" s="1"/>
  <c r="I6253" i="2"/>
  <c r="I6227" i="5" s="1"/>
  <c r="I2282" i="2"/>
  <c r="I2256" i="5" s="1"/>
  <c r="J6640" i="2"/>
  <c r="J6614" i="5" s="1"/>
  <c r="N6614" i="5" s="1"/>
  <c r="L6640" i="2"/>
  <c r="L6614" i="5" s="1"/>
  <c r="K5473" i="2"/>
  <c r="K5447" i="5" s="1"/>
  <c r="I5164" i="2"/>
  <c r="I5138" i="5" s="1"/>
  <c r="I8357" i="2"/>
  <c r="I8331" i="5" s="1"/>
  <c r="J8357" i="2"/>
  <c r="J8331" i="5" s="1"/>
  <c r="L3414" i="2"/>
  <c r="L3388" i="5" s="1"/>
  <c r="K3414" i="2"/>
  <c r="K3388" i="5" s="1"/>
  <c r="K4015" i="2"/>
  <c r="K3989" i="5" s="1"/>
  <c r="J6254" i="2"/>
  <c r="J6228" i="5" s="1"/>
  <c r="N6228" i="5" s="1"/>
  <c r="I6346" i="2"/>
  <c r="I6320" i="5" s="1"/>
  <c r="L6346" i="2"/>
  <c r="L6320" i="5" s="1"/>
  <c r="L6620" i="2"/>
  <c r="L6594" i="5" s="1"/>
  <c r="M6620" i="2"/>
  <c r="M6594" i="5" s="1"/>
  <c r="P6594" i="5" s="1"/>
  <c r="M65" i="2"/>
  <c r="M39" i="5" s="1"/>
  <c r="P39" i="5" s="1"/>
  <c r="I3313" i="2"/>
  <c r="I3287" i="5" s="1"/>
  <c r="K8134" i="2"/>
  <c r="K8108" i="5" s="1"/>
  <c r="I5180" i="2"/>
  <c r="I5154" i="5" s="1"/>
  <c r="J5180" i="2"/>
  <c r="J5154" i="5" s="1"/>
  <c r="N5154" i="5" s="1"/>
  <c r="K5180" i="2"/>
  <c r="K5154" i="5" s="1"/>
  <c r="M5180" i="2"/>
  <c r="M5154" i="5" s="1"/>
  <c r="P5154" i="5" s="1"/>
  <c r="J5172" i="2"/>
  <c r="J5146" i="5" s="1"/>
  <c r="N5146" i="5" s="1"/>
  <c r="M5172" i="2"/>
  <c r="M5146" i="5" s="1"/>
  <c r="P5146" i="5" s="1"/>
  <c r="L8482" i="2"/>
  <c r="L8456" i="5" s="1"/>
  <c r="I8482" i="2"/>
  <c r="I8456" i="5" s="1"/>
  <c r="M8482" i="2"/>
  <c r="M8456" i="5" s="1"/>
  <c r="P8456" i="5" s="1"/>
  <c r="K6603" i="2"/>
  <c r="K6577" i="5" s="1"/>
  <c r="L2647" i="2"/>
  <c r="L2621" i="5" s="1"/>
  <c r="I2647" i="2"/>
  <c r="I2621" i="5" s="1"/>
  <c r="M2647" i="2"/>
  <c r="M2621" i="5" s="1"/>
  <c r="P2621" i="5" s="1"/>
  <c r="J7463" i="2"/>
  <c r="J7437" i="5" s="1"/>
  <c r="N7437" i="5" s="1"/>
  <c r="K7463" i="2"/>
  <c r="K7437" i="5" s="1"/>
  <c r="O7437" i="5" s="1"/>
  <c r="I7463" i="2"/>
  <c r="I7437" i="5" s="1"/>
  <c r="M7463" i="2"/>
  <c r="M7437" i="5" s="1"/>
  <c r="P7437" i="5" s="1"/>
  <c r="I2051" i="2"/>
  <c r="I2025" i="5" s="1"/>
  <c r="L2051" i="2"/>
  <c r="L2025" i="5" s="1"/>
  <c r="J2051" i="2"/>
  <c r="J2025" i="5" s="1"/>
  <c r="N2025" i="5" s="1"/>
  <c r="L2323" i="2"/>
  <c r="L2297" i="5" s="1"/>
  <c r="I2323" i="2"/>
  <c r="I2297" i="5" s="1"/>
  <c r="K2323" i="2"/>
  <c r="K2297" i="5" s="1"/>
  <c r="I4239" i="2"/>
  <c r="I4213" i="5" s="1"/>
  <c r="K4239" i="2"/>
  <c r="K4213" i="5" s="1"/>
  <c r="M6648" i="2"/>
  <c r="M6622" i="5" s="1"/>
  <c r="P6622" i="5" s="1"/>
  <c r="L6648" i="2"/>
  <c r="L6622" i="5" s="1"/>
  <c r="L2427" i="2"/>
  <c r="L2401" i="5" s="1"/>
  <c r="I3147" i="2"/>
  <c r="I3121" i="5" s="1"/>
  <c r="J3147" i="2"/>
  <c r="J3121" i="5" s="1"/>
  <c r="N3121" i="5" s="1"/>
  <c r="K3147" i="2"/>
  <c r="K3121" i="5" s="1"/>
  <c r="L3147" i="2"/>
  <c r="L3121" i="5" s="1"/>
  <c r="E361" i="5"/>
  <c r="AR355" i="1"/>
  <c r="D16" i="5"/>
  <c r="AR10" i="1"/>
  <c r="J1105" i="2"/>
  <c r="J1079" i="5" s="1"/>
  <c r="N1079" i="5" s="1"/>
  <c r="L1105" i="2"/>
  <c r="L1079" i="5" s="1"/>
  <c r="I1105" i="2"/>
  <c r="I1079" i="5" s="1"/>
  <c r="K1105" i="2"/>
  <c r="K1079" i="5" s="1"/>
  <c r="M1105" i="2"/>
  <c r="M1079" i="5" s="1"/>
  <c r="P1079" i="5" s="1"/>
  <c r="J8701" i="2"/>
  <c r="J8675" i="5" s="1"/>
  <c r="N8675" i="5" s="1"/>
  <c r="I8701" i="2"/>
  <c r="I8675" i="5" s="1"/>
  <c r="K8701" i="2"/>
  <c r="K8675" i="5" s="1"/>
  <c r="L7190" i="2"/>
  <c r="L7164" i="5" s="1"/>
  <c r="I3089" i="2"/>
  <c r="I3063" i="5" s="1"/>
  <c r="L3089" i="2"/>
  <c r="L3063" i="5" s="1"/>
  <c r="K3089" i="2"/>
  <c r="K3063" i="5" s="1"/>
  <c r="J3089" i="2"/>
  <c r="J3063" i="5" s="1"/>
  <c r="N3063" i="5" s="1"/>
  <c r="M3089" i="2"/>
  <c r="M3063" i="5" s="1"/>
  <c r="P3063" i="5" s="1"/>
  <c r="L6926" i="2"/>
  <c r="L6900" i="5" s="1"/>
  <c r="M6926" i="2"/>
  <c r="M6900" i="5" s="1"/>
  <c r="P6900" i="5" s="1"/>
  <c r="K6926" i="2"/>
  <c r="K6900" i="5" s="1"/>
  <c r="K6173" i="2"/>
  <c r="K6147" i="5" s="1"/>
  <c r="O6147" i="5" s="1"/>
  <c r="M6173" i="2"/>
  <c r="M6147" i="5" s="1"/>
  <c r="P6147" i="5" s="1"/>
  <c r="J6173" i="2"/>
  <c r="J6147" i="5" s="1"/>
  <c r="K4595" i="2"/>
  <c r="K4569" i="5" s="1"/>
  <c r="I4998" i="2"/>
  <c r="I4972" i="5" s="1"/>
  <c r="K4998" i="2"/>
  <c r="K4972" i="5" s="1"/>
  <c r="K4816" i="2"/>
  <c r="K4790" i="5" s="1"/>
  <c r="J4816" i="2"/>
  <c r="J4790" i="5" s="1"/>
  <c r="N4790" i="5" s="1"/>
  <c r="M4816" i="2"/>
  <c r="M4790" i="5" s="1"/>
  <c r="P4790" i="5" s="1"/>
  <c r="L4816" i="2"/>
  <c r="L4790" i="5" s="1"/>
  <c r="I6321" i="2"/>
  <c r="I6295" i="5" s="1"/>
  <c r="J6321" i="2"/>
  <c r="J6295" i="5" s="1"/>
  <c r="N6295" i="5" s="1"/>
  <c r="L6321" i="2"/>
  <c r="L6295" i="5" s="1"/>
  <c r="L1104" i="2"/>
  <c r="L1078" i="5" s="1"/>
  <c r="J1104" i="2"/>
  <c r="J1078" i="5" s="1"/>
  <c r="N1078" i="5" s="1"/>
  <c r="K1080" i="2"/>
  <c r="K1054" i="5" s="1"/>
  <c r="O1054" i="5" s="1"/>
  <c r="I1080" i="2"/>
  <c r="I1054" i="5" s="1"/>
  <c r="M1080" i="2"/>
  <c r="M1054" i="5" s="1"/>
  <c r="P1054" i="5" s="1"/>
  <c r="I5795" i="2"/>
  <c r="I5769" i="5" s="1"/>
  <c r="L5795" i="2"/>
  <c r="L5769" i="5" s="1"/>
  <c r="M5795" i="2"/>
  <c r="M5769" i="5" s="1"/>
  <c r="P5769" i="5" s="1"/>
  <c r="K5795" i="2"/>
  <c r="K5769" i="5" s="1"/>
  <c r="J3680" i="2"/>
  <c r="J3654" i="5" s="1"/>
  <c r="N3654" i="5" s="1"/>
  <c r="L3680" i="2"/>
  <c r="L3654" i="5" s="1"/>
  <c r="L8494" i="2"/>
  <c r="L8468" i="5" s="1"/>
  <c r="J8494" i="2"/>
  <c r="J8468" i="5" s="1"/>
  <c r="N8468" i="5" s="1"/>
  <c r="L624" i="2"/>
  <c r="L598" i="5" s="1"/>
  <c r="I624" i="2"/>
  <c r="I598" i="5" s="1"/>
  <c r="J624" i="2"/>
  <c r="J598" i="5" s="1"/>
  <c r="N598" i="5" s="1"/>
  <c r="I8177" i="2"/>
  <c r="I8151" i="5" s="1"/>
  <c r="L4846" i="2"/>
  <c r="L4820" i="5" s="1"/>
  <c r="M4846" i="2"/>
  <c r="M4820" i="5" s="1"/>
  <c r="P4820" i="5" s="1"/>
  <c r="M5331" i="2"/>
  <c r="M5305" i="5" s="1"/>
  <c r="P5305" i="5" s="1"/>
  <c r="I5331" i="2"/>
  <c r="I5305" i="5" s="1"/>
  <c r="J5331" i="2"/>
  <c r="J5305" i="5" s="1"/>
  <c r="N5305" i="5" s="1"/>
  <c r="K641" i="2"/>
  <c r="K615" i="5" s="1"/>
  <c r="I641" i="2"/>
  <c r="I615" i="5" s="1"/>
  <c r="I6179" i="2"/>
  <c r="I6153" i="5" s="1"/>
  <c r="M6179" i="2"/>
  <c r="M6153" i="5" s="1"/>
  <c r="P6153" i="5" s="1"/>
  <c r="J4462" i="2"/>
  <c r="J4436" i="5" s="1"/>
  <c r="K4462" i="2"/>
  <c r="K4436" i="5" s="1"/>
  <c r="M1971" i="2"/>
  <c r="M1945" i="5" s="1"/>
  <c r="P1945" i="5" s="1"/>
  <c r="K1971" i="2"/>
  <c r="K1945" i="5" s="1"/>
  <c r="L1971" i="2"/>
  <c r="L1945" i="5" s="1"/>
  <c r="I1971" i="2"/>
  <c r="I1945" i="5" s="1"/>
  <c r="J1971" i="2"/>
  <c r="J1945" i="5" s="1"/>
  <c r="N1945" i="5" s="1"/>
  <c r="M8451" i="2"/>
  <c r="M8425" i="5" s="1"/>
  <c r="P8425" i="5" s="1"/>
  <c r="K8451" i="2"/>
  <c r="K8425" i="5" s="1"/>
  <c r="O8425" i="5" s="1"/>
  <c r="K5464" i="2"/>
  <c r="K5438" i="5" s="1"/>
  <c r="I2946" i="2"/>
  <c r="I2920" i="5" s="1"/>
  <c r="J2946" i="2"/>
  <c r="J2920" i="5" s="1"/>
  <c r="N2920" i="5" s="1"/>
  <c r="M5162" i="2"/>
  <c r="M5136" i="5" s="1"/>
  <c r="P5136" i="5" s="1"/>
  <c r="L7163" i="2"/>
  <c r="L7137" i="5" s="1"/>
  <c r="K3310" i="2"/>
  <c r="K3284" i="5" s="1"/>
  <c r="I3310" i="2"/>
  <c r="I3284" i="5" s="1"/>
  <c r="L4003" i="2"/>
  <c r="L3977" i="5" s="1"/>
  <c r="I4003" i="2"/>
  <c r="I3977" i="5" s="1"/>
  <c r="J1215" i="2"/>
  <c r="J1189" i="5" s="1"/>
  <c r="N1189" i="5" s="1"/>
  <c r="M1215" i="2"/>
  <c r="M1189" i="5" s="1"/>
  <c r="P1189" i="5" s="1"/>
  <c r="K1576" i="2"/>
  <c r="K1550" i="5" s="1"/>
  <c r="M1576" i="2"/>
  <c r="M1550" i="5" s="1"/>
  <c r="P1550" i="5" s="1"/>
  <c r="I1576" i="2"/>
  <c r="I1550" i="5" s="1"/>
  <c r="J7172" i="2"/>
  <c r="J7146" i="5" s="1"/>
  <c r="N7146" i="5" s="1"/>
  <c r="K376" i="2"/>
  <c r="K350" i="5" s="1"/>
  <c r="L376" i="2"/>
  <c r="L350" i="5" s="1"/>
  <c r="I4161" i="2"/>
  <c r="I4135" i="5" s="1"/>
  <c r="K4183" i="2"/>
  <c r="K4157" i="5" s="1"/>
  <c r="L4183" i="2"/>
  <c r="L4157" i="5" s="1"/>
  <c r="I4183" i="2"/>
  <c r="I4157" i="5" s="1"/>
  <c r="I8303" i="2"/>
  <c r="I8277" i="5" s="1"/>
  <c r="K8303" i="2"/>
  <c r="K8277" i="5" s="1"/>
  <c r="O8277" i="5" s="1"/>
  <c r="J8303" i="2"/>
  <c r="J8277" i="5" s="1"/>
  <c r="N8277" i="5" s="1"/>
  <c r="M8303" i="2"/>
  <c r="M8277" i="5" s="1"/>
  <c r="P8277" i="5" s="1"/>
  <c r="J3845" i="2"/>
  <c r="J3819" i="5" s="1"/>
  <c r="N3819" i="5" s="1"/>
  <c r="L3845" i="2"/>
  <c r="L3819" i="5" s="1"/>
  <c r="I3845" i="2"/>
  <c r="I3819" i="5" s="1"/>
  <c r="K3845" i="2"/>
  <c r="K3819" i="5" s="1"/>
  <c r="M3845" i="2"/>
  <c r="M3819" i="5" s="1"/>
  <c r="P3819" i="5" s="1"/>
  <c r="M443" i="2"/>
  <c r="M417" i="5" s="1"/>
  <c r="P417" i="5" s="1"/>
  <c r="L443" i="2"/>
  <c r="L417" i="5" s="1"/>
  <c r="O417" i="5" s="1"/>
  <c r="I443" i="2"/>
  <c r="I417" i="5" s="1"/>
  <c r="I2466" i="2"/>
  <c r="I2440" i="5" s="1"/>
  <c r="K2466" i="2"/>
  <c r="K2440" i="5" s="1"/>
  <c r="O2440" i="5" s="1"/>
  <c r="I3237" i="2"/>
  <c r="I3211" i="5" s="1"/>
  <c r="J3237" i="2"/>
  <c r="J3211" i="5" s="1"/>
  <c r="N3211" i="5" s="1"/>
  <c r="M6808" i="2"/>
  <c r="M6782" i="5" s="1"/>
  <c r="P6782" i="5" s="1"/>
  <c r="K6808" i="2"/>
  <c r="K6782" i="5" s="1"/>
  <c r="L7024" i="2"/>
  <c r="L6998" i="5" s="1"/>
  <c r="J7024" i="2"/>
  <c r="J6998" i="5" s="1"/>
  <c r="N6998" i="5" s="1"/>
  <c r="I7024" i="2"/>
  <c r="I6998" i="5" s="1"/>
  <c r="K7024" i="2"/>
  <c r="K6998" i="5" s="1"/>
  <c r="I7303" i="2"/>
  <c r="I7277" i="5" s="1"/>
  <c r="K7303" i="2"/>
  <c r="K7277" i="5" s="1"/>
  <c r="O7277" i="5" s="1"/>
  <c r="L303" i="2"/>
  <c r="L277" i="5" s="1"/>
  <c r="M303" i="2"/>
  <c r="M277" i="5" s="1"/>
  <c r="P277" i="5" s="1"/>
  <c r="M6516" i="2"/>
  <c r="M6490" i="5" s="1"/>
  <c r="P6490" i="5" s="1"/>
  <c r="K6516" i="2"/>
  <c r="K6490" i="5" s="1"/>
  <c r="O6490" i="5" s="1"/>
  <c r="J8504" i="2"/>
  <c r="J8478" i="5" s="1"/>
  <c r="M8504" i="2"/>
  <c r="M8478" i="5" s="1"/>
  <c r="P8478" i="5" s="1"/>
  <c r="F338" i="5"/>
  <c r="AR332" i="1"/>
  <c r="I8155" i="2"/>
  <c r="I8129" i="5" s="1"/>
  <c r="K8155" i="2"/>
  <c r="K8129" i="5" s="1"/>
  <c r="L8155" i="2"/>
  <c r="L8129" i="5" s="1"/>
  <c r="M8155" i="2"/>
  <c r="M8129" i="5" s="1"/>
  <c r="P8129" i="5" s="1"/>
  <c r="J8155" i="2"/>
  <c r="J8129" i="5" s="1"/>
  <c r="N8129" i="5" s="1"/>
  <c r="L1254" i="2"/>
  <c r="L1228" i="5" s="1"/>
  <c r="J1254" i="2"/>
  <c r="J1228" i="5" s="1"/>
  <c r="N1228" i="5" s="1"/>
  <c r="M5631" i="2"/>
  <c r="M5605" i="5" s="1"/>
  <c r="P5605" i="5" s="1"/>
  <c r="K5631" i="2"/>
  <c r="K5605" i="5" s="1"/>
  <c r="J5631" i="2"/>
  <c r="J5605" i="5" s="1"/>
  <c r="N5605" i="5" s="1"/>
  <c r="I5631" i="2"/>
  <c r="I5605" i="5" s="1"/>
  <c r="L5631" i="2"/>
  <c r="L5605" i="5" s="1"/>
  <c r="I7957" i="2"/>
  <c r="I7931" i="5" s="1"/>
  <c r="K7957" i="2"/>
  <c r="K7931" i="5" s="1"/>
  <c r="O7931" i="5" s="1"/>
  <c r="L6153" i="2"/>
  <c r="L6127" i="5" s="1"/>
  <c r="M7454" i="2"/>
  <c r="M7428" i="5" s="1"/>
  <c r="P7428" i="5" s="1"/>
  <c r="L7454" i="2"/>
  <c r="L7428" i="5" s="1"/>
  <c r="I7454" i="2"/>
  <c r="I7428" i="5" s="1"/>
  <c r="K7454" i="2"/>
  <c r="K7428" i="5" s="1"/>
  <c r="J4836" i="2"/>
  <c r="J4810" i="5" s="1"/>
  <c r="N4810" i="5" s="1"/>
  <c r="I4836" i="2"/>
  <c r="I4810" i="5" s="1"/>
  <c r="K4836" i="2"/>
  <c r="K4810" i="5" s="1"/>
  <c r="O4810" i="5" s="1"/>
  <c r="L2437" i="2"/>
  <c r="L2411" i="5" s="1"/>
  <c r="K2437" i="2"/>
  <c r="K2411" i="5" s="1"/>
  <c r="M2437" i="2"/>
  <c r="M2411" i="5" s="1"/>
  <c r="P2411" i="5" s="1"/>
  <c r="I2437" i="2"/>
  <c r="I2411" i="5" s="1"/>
  <c r="K3747" i="2"/>
  <c r="K3721" i="5" s="1"/>
  <c r="L3747" i="2"/>
  <c r="L3721" i="5" s="1"/>
  <c r="J2116" i="2"/>
  <c r="J2090" i="5" s="1"/>
  <c r="N2090" i="5" s="1"/>
  <c r="L2116" i="2"/>
  <c r="L2090" i="5" s="1"/>
  <c r="I2116" i="2"/>
  <c r="I2090" i="5" s="1"/>
  <c r="K7118" i="2"/>
  <c r="K7092" i="5" s="1"/>
  <c r="M7118" i="2"/>
  <c r="M7092" i="5" s="1"/>
  <c r="P7092" i="5" s="1"/>
  <c r="J7118" i="2"/>
  <c r="J7092" i="5" s="1"/>
  <c r="N7092" i="5" s="1"/>
  <c r="L7118" i="2"/>
  <c r="L7092" i="5" s="1"/>
  <c r="I7118" i="2"/>
  <c r="I7092" i="5" s="1"/>
  <c r="L7634" i="2"/>
  <c r="L7608" i="5" s="1"/>
  <c r="J7634" i="2"/>
  <c r="J7608" i="5" s="1"/>
  <c r="N7608" i="5" s="1"/>
  <c r="J440" i="2"/>
  <c r="J414" i="5" s="1"/>
  <c r="N414" i="5" s="1"/>
  <c r="L445" i="2"/>
  <c r="L419" i="5" s="1"/>
  <c r="M3331" i="2"/>
  <c r="M3305" i="5" s="1"/>
  <c r="P3305" i="5" s="1"/>
  <c r="I6808" i="2"/>
  <c r="I6782" i="5" s="1"/>
  <c r="L6603" i="2"/>
  <c r="L6577" i="5" s="1"/>
  <c r="I4469" i="2"/>
  <c r="I4443" i="5" s="1"/>
  <c r="M7024" i="2"/>
  <c r="M6998" i="5" s="1"/>
  <c r="P6998" i="5" s="1"/>
  <c r="J1061" i="2"/>
  <c r="J1035" i="5" s="1"/>
  <c r="N1035" i="5" s="1"/>
  <c r="J445" i="2"/>
  <c r="J419" i="5" s="1"/>
  <c r="N419" i="5" s="1"/>
  <c r="K3452" i="2"/>
  <c r="K3426" i="5" s="1"/>
  <c r="O3426" i="5" s="1"/>
  <c r="K1414" i="2"/>
  <c r="K1388" i="5" s="1"/>
  <c r="O1388" i="5" s="1"/>
  <c r="K5172" i="2"/>
  <c r="K5146" i="5" s="1"/>
  <c r="I6696" i="2"/>
  <c r="I6670" i="5" s="1"/>
  <c r="L6808" i="2"/>
  <c r="L6782" i="5" s="1"/>
  <c r="I6603" i="2"/>
  <c r="I6577" i="5" s="1"/>
  <c r="L4469" i="2"/>
  <c r="L4443" i="5" s="1"/>
  <c r="K8031" i="2"/>
  <c r="K8005" i="5" s="1"/>
  <c r="O8005" i="5" s="1"/>
  <c r="K445" i="2"/>
  <c r="K419" i="5" s="1"/>
  <c r="I5172" i="2"/>
  <c r="I5146" i="5" s="1"/>
  <c r="I445" i="2"/>
  <c r="I419" i="5" s="1"/>
  <c r="M5015" i="2"/>
  <c r="M4989" i="5" s="1"/>
  <c r="P4989" i="5" s="1"/>
  <c r="J2323" i="2"/>
  <c r="J2297" i="5" s="1"/>
  <c r="N2297" i="5" s="1"/>
  <c r="L5172" i="2"/>
  <c r="L5146" i="5" s="1"/>
  <c r="J6696" i="2"/>
  <c r="J6670" i="5" s="1"/>
  <c r="J381" i="2"/>
  <c r="J355" i="5" s="1"/>
  <c r="N355" i="5" s="1"/>
  <c r="K4588" i="2"/>
  <c r="K4562" i="5" s="1"/>
  <c r="L3310" i="2"/>
  <c r="L3284" i="5" s="1"/>
  <c r="J1735" i="2"/>
  <c r="J1709" i="5" s="1"/>
  <c r="N1709" i="5" s="1"/>
  <c r="M4082" i="2"/>
  <c r="M4056" i="5" s="1"/>
  <c r="P4056" i="5" s="1"/>
  <c r="M2323" i="2"/>
  <c r="M2297" i="5" s="1"/>
  <c r="P2297" i="5" s="1"/>
  <c r="L381" i="2"/>
  <c r="L355" i="5" s="1"/>
  <c r="M3310" i="2"/>
  <c r="M3284" i="5" s="1"/>
  <c r="P3284" i="5" s="1"/>
  <c r="J6422" i="2"/>
  <c r="J6396" i="5" s="1"/>
  <c r="N6396" i="5" s="1"/>
  <c r="K8200" i="2"/>
  <c r="K8174" i="5" s="1"/>
  <c r="L5180" i="2"/>
  <c r="L5154" i="5" s="1"/>
  <c r="J3136" i="2"/>
  <c r="J3110" i="5" s="1"/>
  <c r="N3110" i="5" s="1"/>
  <c r="C205" i="5"/>
  <c r="AR199" i="1"/>
  <c r="I6107" i="2"/>
  <c r="I6081" i="5" s="1"/>
  <c r="L6107" i="2"/>
  <c r="L6081" i="5" s="1"/>
  <c r="K6107" i="2"/>
  <c r="K6081" i="5" s="1"/>
  <c r="M6107" i="2"/>
  <c r="M6081" i="5" s="1"/>
  <c r="P6081" i="5" s="1"/>
  <c r="K8633" i="2"/>
  <c r="K8607" i="5" s="1"/>
  <c r="L8633" i="2"/>
  <c r="L8607" i="5" s="1"/>
  <c r="L1317" i="2"/>
  <c r="L1291" i="5" s="1"/>
  <c r="K1317" i="2"/>
  <c r="K1291" i="5" s="1"/>
  <c r="M1317" i="2"/>
  <c r="M1291" i="5" s="1"/>
  <c r="P1291" i="5" s="1"/>
  <c r="J1317" i="2"/>
  <c r="J1291" i="5" s="1"/>
  <c r="N1291" i="5" s="1"/>
  <c r="I1317" i="2"/>
  <c r="I1291" i="5" s="1"/>
  <c r="I2927" i="2"/>
  <c r="I2901" i="5" s="1"/>
  <c r="L2927" i="2"/>
  <c r="L2901" i="5" s="1"/>
  <c r="M1943" i="2"/>
  <c r="M1917" i="5" s="1"/>
  <c r="P1917" i="5" s="1"/>
  <c r="I1943" i="2"/>
  <c r="I1917" i="5" s="1"/>
  <c r="L1943" i="2"/>
  <c r="L1917" i="5" s="1"/>
  <c r="K1943" i="2"/>
  <c r="K1917" i="5" s="1"/>
  <c r="L5994" i="2"/>
  <c r="L5968" i="5" s="1"/>
  <c r="J5994" i="2"/>
  <c r="J5968" i="5" s="1"/>
  <c r="N5968" i="5" s="1"/>
  <c r="L4492" i="2"/>
  <c r="L4466" i="5" s="1"/>
  <c r="I4492" i="2"/>
  <c r="I4466" i="5" s="1"/>
  <c r="J4492" i="2"/>
  <c r="J4466" i="5" s="1"/>
  <c r="M4492" i="2"/>
  <c r="M4466" i="5" s="1"/>
  <c r="P4466" i="5" s="1"/>
  <c r="M3566" i="2"/>
  <c r="M3540" i="5" s="1"/>
  <c r="P3540" i="5" s="1"/>
  <c r="J3566" i="2"/>
  <c r="J3540" i="5" s="1"/>
  <c r="K3566" i="2"/>
  <c r="K3540" i="5" s="1"/>
  <c r="L3566" i="2"/>
  <c r="L3540" i="5" s="1"/>
  <c r="I3566" i="2"/>
  <c r="I3540" i="5" s="1"/>
  <c r="F311" i="5"/>
  <c r="AR305" i="1"/>
  <c r="M5450" i="2"/>
  <c r="M5424" i="5" s="1"/>
  <c r="P5424" i="5" s="1"/>
  <c r="J5450" i="2"/>
  <c r="J5424" i="5" s="1"/>
  <c r="N5424" i="5" s="1"/>
  <c r="M6168" i="2"/>
  <c r="M6142" i="5" s="1"/>
  <c r="P6142" i="5" s="1"/>
  <c r="K6168" i="2"/>
  <c r="K6142" i="5" s="1"/>
  <c r="J6168" i="2"/>
  <c r="J6142" i="5" s="1"/>
  <c r="N6142" i="5" s="1"/>
  <c r="L6168" i="2"/>
  <c r="L6142" i="5" s="1"/>
  <c r="J2169" i="2"/>
  <c r="J2143" i="5" s="1"/>
  <c r="N2143" i="5" s="1"/>
  <c r="J594" i="2"/>
  <c r="J568" i="5" s="1"/>
  <c r="L594" i="2"/>
  <c r="L568" i="5" s="1"/>
  <c r="M594" i="2"/>
  <c r="M568" i="5" s="1"/>
  <c r="P568" i="5" s="1"/>
  <c r="J2222" i="2"/>
  <c r="J2196" i="5" s="1"/>
  <c r="N2196" i="5" s="1"/>
  <c r="I2222" i="2"/>
  <c r="I2196" i="5" s="1"/>
  <c r="K2222" i="2"/>
  <c r="K2196" i="5" s="1"/>
  <c r="K6978" i="2"/>
  <c r="K6952" i="5" s="1"/>
  <c r="O6952" i="5" s="1"/>
  <c r="I6978" i="2"/>
  <c r="I6952" i="5" s="1"/>
  <c r="M6978" i="2"/>
  <c r="M6952" i="5" s="1"/>
  <c r="P6952" i="5" s="1"/>
  <c r="K1324" i="2"/>
  <c r="K1298" i="5" s="1"/>
  <c r="J1324" i="2"/>
  <c r="J1298" i="5" s="1"/>
  <c r="N1298" i="5" s="1"/>
  <c r="I4329" i="2"/>
  <c r="I4303" i="5" s="1"/>
  <c r="K4329" i="2"/>
  <c r="K4303" i="5" s="1"/>
  <c r="M4329" i="2"/>
  <c r="M4303" i="5" s="1"/>
  <c r="P4303" i="5" s="1"/>
  <c r="J4329" i="2"/>
  <c r="J4303" i="5" s="1"/>
  <c r="N4303" i="5" s="1"/>
  <c r="K7803" i="2"/>
  <c r="K7777" i="5" s="1"/>
  <c r="I7803" i="2"/>
  <c r="I7777" i="5" s="1"/>
  <c r="K4145" i="2"/>
  <c r="K4119" i="5" s="1"/>
  <c r="M4145" i="2"/>
  <c r="M4119" i="5" s="1"/>
  <c r="P4119" i="5" s="1"/>
  <c r="I4145" i="2"/>
  <c r="I4119" i="5" s="1"/>
  <c r="L4145" i="2"/>
  <c r="L4119" i="5" s="1"/>
  <c r="J4145" i="2"/>
  <c r="J4119" i="5" s="1"/>
  <c r="M1473" i="2"/>
  <c r="M1447" i="5" s="1"/>
  <c r="P1447" i="5" s="1"/>
  <c r="J1473" i="2"/>
  <c r="J1447" i="5" s="1"/>
  <c r="N1447" i="5" s="1"/>
  <c r="L1473" i="2"/>
  <c r="L1447" i="5" s="1"/>
  <c r="I1473" i="2"/>
  <c r="I1447" i="5" s="1"/>
  <c r="K1473" i="2"/>
  <c r="K1447" i="5" s="1"/>
  <c r="L5103" i="2"/>
  <c r="L5077" i="5" s="1"/>
  <c r="K5103" i="2"/>
  <c r="K5077" i="5" s="1"/>
  <c r="L1062" i="2"/>
  <c r="L1036" i="5" s="1"/>
  <c r="M1062" i="2"/>
  <c r="M1036" i="5" s="1"/>
  <c r="P1036" i="5" s="1"/>
  <c r="J1062" i="2"/>
  <c r="J1036" i="5" s="1"/>
  <c r="N1036" i="5" s="1"/>
  <c r="I1062" i="2"/>
  <c r="I1036" i="5" s="1"/>
  <c r="K1062" i="2"/>
  <c r="K1036" i="5" s="1"/>
  <c r="K7652" i="2"/>
  <c r="K7626" i="5" s="1"/>
  <c r="J7652" i="2"/>
  <c r="J7626" i="5" s="1"/>
  <c r="I4417" i="2"/>
  <c r="I4391" i="5" s="1"/>
  <c r="M4113" i="2"/>
  <c r="M4087" i="5" s="1"/>
  <c r="P4087" i="5" s="1"/>
  <c r="I4113" i="2"/>
  <c r="I4087" i="5" s="1"/>
  <c r="M5644" i="2"/>
  <c r="M5618" i="5" s="1"/>
  <c r="P5618" i="5" s="1"/>
  <c r="J5644" i="2"/>
  <c r="J5618" i="5" s="1"/>
  <c r="N5618" i="5" s="1"/>
  <c r="I5644" i="2"/>
  <c r="I5618" i="5" s="1"/>
  <c r="K5644" i="2"/>
  <c r="K5618" i="5" s="1"/>
  <c r="L1639" i="2"/>
  <c r="L1613" i="5" s="1"/>
  <c r="L1973" i="2"/>
  <c r="L1947" i="5" s="1"/>
  <c r="M1973" i="2"/>
  <c r="M1947" i="5" s="1"/>
  <c r="P1947" i="5" s="1"/>
  <c r="M8790" i="2"/>
  <c r="M8764" i="5" s="1"/>
  <c r="P8764" i="5" s="1"/>
  <c r="L8790" i="2"/>
  <c r="L8764" i="5" s="1"/>
  <c r="I8790" i="2"/>
  <c r="I8764" i="5" s="1"/>
  <c r="K8790" i="2"/>
  <c r="K8764" i="5" s="1"/>
  <c r="J8790" i="2"/>
  <c r="J8764" i="5" s="1"/>
  <c r="N8764" i="5" s="1"/>
  <c r="I7782" i="2"/>
  <c r="I7756" i="5" s="1"/>
  <c r="K7782" i="2"/>
  <c r="K7756" i="5" s="1"/>
  <c r="O7756" i="5" s="1"/>
  <c r="J7782" i="2"/>
  <c r="J7756" i="5" s="1"/>
  <c r="N7756" i="5" s="1"/>
  <c r="M7782" i="2"/>
  <c r="M7756" i="5" s="1"/>
  <c r="P7756" i="5" s="1"/>
  <c r="K1047" i="2"/>
  <c r="K1021" i="5" s="1"/>
  <c r="L1047" i="2"/>
  <c r="L1021" i="5" s="1"/>
  <c r="M1047" i="2"/>
  <c r="M1021" i="5" s="1"/>
  <c r="P1021" i="5" s="1"/>
  <c r="I1047" i="2"/>
  <c r="I1021" i="5" s="1"/>
  <c r="L5266" i="2"/>
  <c r="L5240" i="5" s="1"/>
  <c r="K5266" i="2"/>
  <c r="K5240" i="5" s="1"/>
  <c r="I5266" i="2"/>
  <c r="I5240" i="5" s="1"/>
  <c r="J5266" i="2"/>
  <c r="J5240" i="5" s="1"/>
  <c r="N5240" i="5" s="1"/>
  <c r="M5266" i="2"/>
  <c r="M5240" i="5" s="1"/>
  <c r="P5240" i="5" s="1"/>
  <c r="K6469" i="2"/>
  <c r="K6443" i="5" s="1"/>
  <c r="J6469" i="2"/>
  <c r="J6443" i="5" s="1"/>
  <c r="N6443" i="5" s="1"/>
  <c r="M3327" i="2"/>
  <c r="M3301" i="5" s="1"/>
  <c r="P3301" i="5" s="1"/>
  <c r="M7620" i="2"/>
  <c r="M7594" i="5" s="1"/>
  <c r="P7594" i="5" s="1"/>
  <c r="I7620" i="2"/>
  <c r="I7594" i="5" s="1"/>
  <c r="K7620" i="2"/>
  <c r="K7594" i="5" s="1"/>
  <c r="M2584" i="2"/>
  <c r="M2558" i="5" s="1"/>
  <c r="P2558" i="5" s="1"/>
  <c r="K2584" i="2"/>
  <c r="K2558" i="5" s="1"/>
  <c r="L2584" i="2"/>
  <c r="L2558" i="5" s="1"/>
  <c r="I2584" i="2"/>
  <c r="I2558" i="5" s="1"/>
  <c r="M3506" i="2"/>
  <c r="M3480" i="5" s="1"/>
  <c r="P3480" i="5" s="1"/>
  <c r="L7880" i="2"/>
  <c r="L7854" i="5" s="1"/>
  <c r="J7880" i="2"/>
  <c r="J7854" i="5" s="1"/>
  <c r="K7880" i="2"/>
  <c r="K7854" i="5" s="1"/>
  <c r="I301" i="2"/>
  <c r="I275" i="5" s="1"/>
  <c r="J301" i="2"/>
  <c r="J275" i="5" s="1"/>
  <c r="N275" i="5" s="1"/>
  <c r="M301" i="2"/>
  <c r="M275" i="5" s="1"/>
  <c r="P275" i="5" s="1"/>
  <c r="M5188" i="2"/>
  <c r="M5162" i="5" s="1"/>
  <c r="P5162" i="5" s="1"/>
  <c r="L5188" i="2"/>
  <c r="L5162" i="5" s="1"/>
  <c r="K5188" i="2"/>
  <c r="K5162" i="5" s="1"/>
  <c r="I5188" i="2"/>
  <c r="I5162" i="5" s="1"/>
  <c r="J3143" i="2"/>
  <c r="J3117" i="5" s="1"/>
  <c r="L3143" i="2"/>
  <c r="L3117" i="5" s="1"/>
  <c r="L5252" i="2"/>
  <c r="L5226" i="5" s="1"/>
  <c r="M5252" i="2"/>
  <c r="M5226" i="5" s="1"/>
  <c r="P5226" i="5" s="1"/>
  <c r="L6024" i="2"/>
  <c r="L5998" i="5" s="1"/>
  <c r="M4991" i="2"/>
  <c r="M4965" i="5" s="1"/>
  <c r="P4965" i="5" s="1"/>
  <c r="J4991" i="2"/>
  <c r="J4965" i="5" s="1"/>
  <c r="N4965" i="5" s="1"/>
  <c r="K4991" i="2"/>
  <c r="K4965" i="5" s="1"/>
  <c r="O4965" i="5" s="1"/>
  <c r="L3574" i="2"/>
  <c r="L3548" i="5" s="1"/>
  <c r="K3574" i="2"/>
  <c r="K3548" i="5" s="1"/>
  <c r="M3574" i="2"/>
  <c r="M3548" i="5" s="1"/>
  <c r="P3548" i="5" s="1"/>
  <c r="J3574" i="2"/>
  <c r="J3548" i="5" s="1"/>
  <c r="N3548" i="5" s="1"/>
  <c r="M1311" i="2"/>
  <c r="M1285" i="5" s="1"/>
  <c r="P1285" i="5" s="1"/>
  <c r="L1311" i="2"/>
  <c r="L1285" i="5" s="1"/>
  <c r="K1311" i="2"/>
  <c r="K1285" i="5" s="1"/>
  <c r="I1311" i="2"/>
  <c r="I1285" i="5" s="1"/>
  <c r="M8693" i="2"/>
  <c r="M8667" i="5" s="1"/>
  <c r="P8667" i="5" s="1"/>
  <c r="J8693" i="2"/>
  <c r="J8667" i="5" s="1"/>
  <c r="N8667" i="5" s="1"/>
  <c r="K7763" i="2"/>
  <c r="K7737" i="5" s="1"/>
  <c r="O7737" i="5" s="1"/>
  <c r="I7763" i="2"/>
  <c r="I7737" i="5" s="1"/>
  <c r="J7763" i="2"/>
  <c r="J7737" i="5" s="1"/>
  <c r="N7737" i="5" s="1"/>
  <c r="I4004" i="2"/>
  <c r="I3978" i="5" s="1"/>
  <c r="M6142" i="2"/>
  <c r="M6116" i="5" s="1"/>
  <c r="P6116" i="5" s="1"/>
  <c r="I6142" i="2"/>
  <c r="I6116" i="5" s="1"/>
  <c r="L212" i="2"/>
  <c r="L186" i="5" s="1"/>
  <c r="I212" i="2"/>
  <c r="I186" i="5" s="1"/>
  <c r="I274" i="2"/>
  <c r="I248" i="5" s="1"/>
  <c r="K274" i="2"/>
  <c r="K248" i="5" s="1"/>
  <c r="O248" i="5" s="1"/>
  <c r="L8198" i="2"/>
  <c r="L8172" i="5" s="1"/>
  <c r="M8198" i="2"/>
  <c r="M8172" i="5" s="1"/>
  <c r="P8172" i="5" s="1"/>
  <c r="M5479" i="2"/>
  <c r="M5453" i="5" s="1"/>
  <c r="P5453" i="5" s="1"/>
  <c r="J654" i="2"/>
  <c r="J628" i="5" s="1"/>
  <c r="N628" i="5" s="1"/>
  <c r="K4241" i="2"/>
  <c r="K4215" i="5" s="1"/>
  <c r="M4241" i="2"/>
  <c r="M4215" i="5" s="1"/>
  <c r="P4215" i="5" s="1"/>
  <c r="L4241" i="2"/>
  <c r="L4215" i="5" s="1"/>
  <c r="K7017" i="2"/>
  <c r="K6991" i="5" s="1"/>
  <c r="O6991" i="5" s="1"/>
  <c r="M7017" i="2"/>
  <c r="M6991" i="5" s="1"/>
  <c r="P6991" i="5" s="1"/>
  <c r="L7683" i="2"/>
  <c r="L7657" i="5" s="1"/>
  <c r="J7683" i="2"/>
  <c r="J7657" i="5" s="1"/>
  <c r="M5790" i="2"/>
  <c r="M5764" i="5" s="1"/>
  <c r="P5764" i="5" s="1"/>
  <c r="I5790" i="2"/>
  <c r="I5764" i="5" s="1"/>
  <c r="K5649" i="2"/>
  <c r="K5623" i="5" s="1"/>
  <c r="I5649" i="2"/>
  <c r="I5623" i="5" s="1"/>
  <c r="L5649" i="2"/>
  <c r="L5623" i="5" s="1"/>
  <c r="J5649" i="2"/>
  <c r="J5623" i="5" s="1"/>
  <c r="N5623" i="5" s="1"/>
  <c r="M5649" i="2"/>
  <c r="M5623" i="5" s="1"/>
  <c r="P5623" i="5" s="1"/>
  <c r="I2632" i="2"/>
  <c r="I2606" i="5" s="1"/>
  <c r="J2632" i="2"/>
  <c r="J2606" i="5" s="1"/>
  <c r="N2606" i="5" s="1"/>
  <c r="K7610" i="2"/>
  <c r="K7584" i="5" s="1"/>
  <c r="O7584" i="5" s="1"/>
  <c r="J7610" i="2"/>
  <c r="J7584" i="5" s="1"/>
  <c r="N7584" i="5" s="1"/>
  <c r="M8279" i="2"/>
  <c r="M8253" i="5" s="1"/>
  <c r="P8253" i="5" s="1"/>
  <c r="K8279" i="2"/>
  <c r="K8253" i="5" s="1"/>
  <c r="O8253" i="5" s="1"/>
  <c r="J8279" i="2"/>
  <c r="J8253" i="5" s="1"/>
  <c r="N8253" i="5" s="1"/>
  <c r="I8279" i="2"/>
  <c r="I8253" i="5" s="1"/>
  <c r="I5290" i="2"/>
  <c r="I5264" i="5" s="1"/>
  <c r="M2968" i="2"/>
  <c r="M2942" i="5" s="1"/>
  <c r="P2942" i="5" s="1"/>
  <c r="I983" i="2"/>
  <c r="I957" i="5" s="1"/>
  <c r="L2401" i="2"/>
  <c r="L2375" i="5" s="1"/>
  <c r="M377" i="2"/>
  <c r="M351" i="5" s="1"/>
  <c r="P351" i="5" s="1"/>
  <c r="J8470" i="2"/>
  <c r="J8444" i="5" s="1"/>
  <c r="N8444" i="5" s="1"/>
  <c r="K8470" i="2"/>
  <c r="K8444" i="5" s="1"/>
  <c r="J1985" i="2"/>
  <c r="J1959" i="5" s="1"/>
  <c r="N1959" i="5" s="1"/>
  <c r="I1985" i="2"/>
  <c r="I1959" i="5" s="1"/>
  <c r="J2651" i="2"/>
  <c r="J2625" i="5" s="1"/>
  <c r="L2651" i="2"/>
  <c r="L2625" i="5" s="1"/>
  <c r="I2651" i="2"/>
  <c r="I2625" i="5" s="1"/>
  <c r="L387" i="2"/>
  <c r="L361" i="5" s="1"/>
  <c r="J6676" i="2"/>
  <c r="J6650" i="5" s="1"/>
  <c r="N6650" i="5" s="1"/>
  <c r="K6676" i="2"/>
  <c r="K6650" i="5" s="1"/>
  <c r="M730" i="2"/>
  <c r="M704" i="5" s="1"/>
  <c r="P704" i="5" s="1"/>
  <c r="J730" i="2"/>
  <c r="J704" i="5" s="1"/>
  <c r="N704" i="5" s="1"/>
  <c r="I7661" i="2"/>
  <c r="I7635" i="5" s="1"/>
  <c r="I1072" i="2"/>
  <c r="I1046" i="5" s="1"/>
  <c r="L1072" i="2"/>
  <c r="L1046" i="5" s="1"/>
  <c r="K295" i="2"/>
  <c r="K269" i="5" s="1"/>
  <c r="J8461" i="2"/>
  <c r="J8435" i="5" s="1"/>
  <c r="N8435" i="5" s="1"/>
  <c r="L4644" i="2"/>
  <c r="L4618" i="5" s="1"/>
  <c r="J4644" i="2"/>
  <c r="J4618" i="5" s="1"/>
  <c r="N4618" i="5" s="1"/>
  <c r="L1604" i="2"/>
  <c r="L1578" i="5" s="1"/>
  <c r="M4448" i="2"/>
  <c r="M4422" i="5" s="1"/>
  <c r="P4422" i="5" s="1"/>
  <c r="I3674" i="2"/>
  <c r="I3648" i="5" s="1"/>
  <c r="K3674" i="2"/>
  <c r="K3648" i="5" s="1"/>
  <c r="J4633" i="2"/>
  <c r="J4607" i="5" s="1"/>
  <c r="M4633" i="2"/>
  <c r="M4607" i="5" s="1"/>
  <c r="P4607" i="5" s="1"/>
  <c r="I4633" i="2"/>
  <c r="I4607" i="5" s="1"/>
  <c r="K7129" i="2"/>
  <c r="K7103" i="5" s="1"/>
  <c r="K7117" i="2"/>
  <c r="K7091" i="5" s="1"/>
  <c r="M882" i="2"/>
  <c r="M856" i="5" s="1"/>
  <c r="P856" i="5" s="1"/>
  <c r="L882" i="2"/>
  <c r="L856" i="5" s="1"/>
  <c r="K882" i="2"/>
  <c r="K856" i="5" s="1"/>
  <c r="I882" i="2"/>
  <c r="I856" i="5" s="1"/>
  <c r="J3767" i="2"/>
  <c r="J3741" i="5" s="1"/>
  <c r="K3767" i="2"/>
  <c r="K3741" i="5" s="1"/>
  <c r="M3767" i="2"/>
  <c r="M3741" i="5" s="1"/>
  <c r="P3741" i="5" s="1"/>
  <c r="J3319" i="2"/>
  <c r="J3293" i="5" s="1"/>
  <c r="N3293" i="5" s="1"/>
  <c r="M3319" i="2"/>
  <c r="M3293" i="5" s="1"/>
  <c r="P3293" i="5" s="1"/>
  <c r="M2053" i="2"/>
  <c r="M2027" i="5" s="1"/>
  <c r="P2027" i="5" s="1"/>
  <c r="I2053" i="2"/>
  <c r="I2027" i="5" s="1"/>
  <c r="J2053" i="2"/>
  <c r="J2027" i="5" s="1"/>
  <c r="N2027" i="5" s="1"/>
  <c r="K2053" i="2"/>
  <c r="K2027" i="5" s="1"/>
  <c r="O2027" i="5" s="1"/>
  <c r="M2324" i="2"/>
  <c r="M2298" i="5" s="1"/>
  <c r="P2298" i="5" s="1"/>
  <c r="I2324" i="2"/>
  <c r="I2298" i="5" s="1"/>
  <c r="J2324" i="2"/>
  <c r="J2298" i="5" s="1"/>
  <c r="K2324" i="2"/>
  <c r="K2298" i="5" s="1"/>
  <c r="L2324" i="2"/>
  <c r="L2298" i="5" s="1"/>
  <c r="I6134" i="2"/>
  <c r="I6108" i="5" s="1"/>
  <c r="M1315" i="2"/>
  <c r="M1289" i="5" s="1"/>
  <c r="P1289" i="5" s="1"/>
  <c r="L1315" i="2"/>
  <c r="L1289" i="5" s="1"/>
  <c r="J1315" i="2"/>
  <c r="J1289" i="5" s="1"/>
  <c r="N1289" i="5" s="1"/>
  <c r="K1315" i="2"/>
  <c r="K1289" i="5" s="1"/>
  <c r="K3609" i="2"/>
  <c r="K3583" i="5" s="1"/>
  <c r="M886" i="2"/>
  <c r="M860" i="5" s="1"/>
  <c r="P860" i="5" s="1"/>
  <c r="I4306" i="2"/>
  <c r="I4280" i="5" s="1"/>
  <c r="J4306" i="2"/>
  <c r="J4280" i="5" s="1"/>
  <c r="N4280" i="5" s="1"/>
  <c r="K4306" i="2"/>
  <c r="K4280" i="5" s="1"/>
  <c r="M4306" i="2"/>
  <c r="M4280" i="5" s="1"/>
  <c r="P4280" i="5" s="1"/>
  <c r="M5526" i="2"/>
  <c r="M5500" i="5" s="1"/>
  <c r="P5500" i="5" s="1"/>
  <c r="K5526" i="2"/>
  <c r="K5500" i="5" s="1"/>
  <c r="O5500" i="5" s="1"/>
  <c r="I3133" i="2"/>
  <c r="I3107" i="5" s="1"/>
  <c r="J3133" i="2"/>
  <c r="J3107" i="5" s="1"/>
  <c r="N3107" i="5" s="1"/>
  <c r="J7642" i="2"/>
  <c r="J7616" i="5" s="1"/>
  <c r="N7616" i="5" s="1"/>
  <c r="I7642" i="2"/>
  <c r="I7616" i="5" s="1"/>
  <c r="M1063" i="2"/>
  <c r="M1037" i="5" s="1"/>
  <c r="P1037" i="5" s="1"/>
  <c r="K3570" i="2"/>
  <c r="K3544" i="5" s="1"/>
  <c r="O3544" i="5" s="1"/>
  <c r="M3570" i="2"/>
  <c r="M3544" i="5" s="1"/>
  <c r="P3544" i="5" s="1"/>
  <c r="I3570" i="2"/>
  <c r="I3544" i="5" s="1"/>
  <c r="E352" i="5"/>
  <c r="AR346" i="1"/>
  <c r="J3432" i="2"/>
  <c r="J3406" i="5" s="1"/>
  <c r="N3406" i="5" s="1"/>
  <c r="I3432" i="2"/>
  <c r="I3406" i="5" s="1"/>
  <c r="K3432" i="2"/>
  <c r="K3406" i="5" s="1"/>
  <c r="L6112" i="2"/>
  <c r="L6086" i="5" s="1"/>
  <c r="M6112" i="2"/>
  <c r="M6086" i="5" s="1"/>
  <c r="P6086" i="5" s="1"/>
  <c r="J7809" i="2"/>
  <c r="J7783" i="5" s="1"/>
  <c r="N7783" i="5" s="1"/>
  <c r="I7809" i="2"/>
  <c r="I7783" i="5" s="1"/>
  <c r="M7809" i="2"/>
  <c r="M7783" i="5" s="1"/>
  <c r="P7783" i="5" s="1"/>
  <c r="J5124" i="2"/>
  <c r="J5098" i="5" s="1"/>
  <c r="N5098" i="5" s="1"/>
  <c r="M5124" i="2"/>
  <c r="M5098" i="5" s="1"/>
  <c r="P5098" i="5" s="1"/>
  <c r="K5124" i="2"/>
  <c r="K5098" i="5" s="1"/>
  <c r="O5098" i="5" s="1"/>
  <c r="D53" i="5"/>
  <c r="AR47" i="1"/>
  <c r="L1908" i="2"/>
  <c r="L1882" i="5" s="1"/>
  <c r="J1908" i="2"/>
  <c r="J1882" i="5" s="1"/>
  <c r="N1882" i="5" s="1"/>
  <c r="I1908" i="2"/>
  <c r="I1882" i="5" s="1"/>
  <c r="J3139" i="2"/>
  <c r="J3113" i="5" s="1"/>
  <c r="N3113" i="5" s="1"/>
  <c r="M3139" i="2"/>
  <c r="M3113" i="5" s="1"/>
  <c r="P3113" i="5" s="1"/>
  <c r="I3139" i="2"/>
  <c r="I3113" i="5" s="1"/>
  <c r="J1416" i="2"/>
  <c r="J1390" i="5" s="1"/>
  <c r="N1390" i="5" s="1"/>
  <c r="AR39" i="1"/>
  <c r="M5019" i="2"/>
  <c r="M4993" i="5" s="1"/>
  <c r="P4993" i="5" s="1"/>
  <c r="I3648" i="2"/>
  <c r="I3622" i="5" s="1"/>
  <c r="K6030" i="2"/>
  <c r="K6004" i="5" s="1"/>
  <c r="M3640" i="2"/>
  <c r="M3614" i="5" s="1"/>
  <c r="P3614" i="5" s="1"/>
  <c r="K3640" i="2"/>
  <c r="K3614" i="5" s="1"/>
  <c r="M2403" i="2"/>
  <c r="M2377" i="5" s="1"/>
  <c r="P2377" i="5" s="1"/>
  <c r="L4004" i="2"/>
  <c r="L3978" i="5" s="1"/>
  <c r="I48" i="2"/>
  <c r="I22" i="5" s="1"/>
  <c r="K3250" i="2"/>
  <c r="K3224" i="5" s="1"/>
  <c r="L3250" i="2"/>
  <c r="L3224" i="5" s="1"/>
  <c r="M3250" i="2"/>
  <c r="M3224" i="5" s="1"/>
  <c r="P3224" i="5" s="1"/>
  <c r="J2447" i="2"/>
  <c r="J2421" i="5" s="1"/>
  <c r="K2447" i="2"/>
  <c r="K2421" i="5" s="1"/>
  <c r="L2969" i="2"/>
  <c r="L2943" i="5" s="1"/>
  <c r="M1421" i="2"/>
  <c r="M1395" i="5" s="1"/>
  <c r="P1395" i="5" s="1"/>
  <c r="K8442" i="2"/>
  <c r="K8416" i="5" s="1"/>
  <c r="O8416" i="5" s="1"/>
  <c r="J4286" i="2"/>
  <c r="J4260" i="5" s="1"/>
  <c r="N4260" i="5" s="1"/>
  <c r="I4286" i="2"/>
  <c r="I4260" i="5" s="1"/>
  <c r="I2401" i="2"/>
  <c r="I2375" i="5" s="1"/>
  <c r="AR236" i="1"/>
  <c r="K411" i="2"/>
  <c r="K385" i="5" s="1"/>
  <c r="K3133" i="2"/>
  <c r="K3107" i="5" s="1"/>
  <c r="O3107" i="5" s="1"/>
  <c r="J4241" i="2"/>
  <c r="J4215" i="5" s="1"/>
  <c r="N4215" i="5" s="1"/>
  <c r="J5526" i="2"/>
  <c r="J5500" i="5" s="1"/>
  <c r="N5500" i="5" s="1"/>
  <c r="L4306" i="2"/>
  <c r="L4280" i="5" s="1"/>
  <c r="I1973" i="2"/>
  <c r="I1947" i="5" s="1"/>
  <c r="J8287" i="2"/>
  <c r="J8261" i="5" s="1"/>
  <c r="L8287" i="2"/>
  <c r="L8261" i="5" s="1"/>
  <c r="K464" i="2"/>
  <c r="K438" i="5" s="1"/>
  <c r="O438" i="5" s="1"/>
  <c r="J464" i="2"/>
  <c r="J438" i="5" s="1"/>
  <c r="N438" i="5" s="1"/>
  <c r="M464" i="2"/>
  <c r="M438" i="5" s="1"/>
  <c r="P438" i="5" s="1"/>
  <c r="M3756" i="2"/>
  <c r="M3730" i="5" s="1"/>
  <c r="P3730" i="5" s="1"/>
  <c r="L3756" i="2"/>
  <c r="L3730" i="5" s="1"/>
  <c r="M440" i="2"/>
  <c r="M414" i="5" s="1"/>
  <c r="P414" i="5" s="1"/>
  <c r="K6795" i="2"/>
  <c r="K6769" i="5" s="1"/>
  <c r="L6795" i="2"/>
  <c r="L6769" i="5" s="1"/>
  <c r="I6795" i="2"/>
  <c r="I6769" i="5" s="1"/>
  <c r="M6795" i="2"/>
  <c r="M6769" i="5" s="1"/>
  <c r="P6769" i="5" s="1"/>
  <c r="M5779" i="2"/>
  <c r="M5753" i="5" s="1"/>
  <c r="P5753" i="5" s="1"/>
  <c r="L5779" i="2"/>
  <c r="L5753" i="5" s="1"/>
  <c r="K5779" i="2"/>
  <c r="K5753" i="5" s="1"/>
  <c r="K2430" i="2"/>
  <c r="K2404" i="5" s="1"/>
  <c r="M1307" i="2"/>
  <c r="M1281" i="5" s="1"/>
  <c r="P1281" i="5" s="1"/>
  <c r="L1307" i="2"/>
  <c r="L1281" i="5" s="1"/>
  <c r="J1307" i="2"/>
  <c r="J1281" i="5" s="1"/>
  <c r="N1281" i="5" s="1"/>
  <c r="I5314" i="2"/>
  <c r="I5288" i="5" s="1"/>
  <c r="L5314" i="2"/>
  <c r="L5288" i="5" s="1"/>
  <c r="J5314" i="2"/>
  <c r="J5288" i="5" s="1"/>
  <c r="K5314" i="2"/>
  <c r="K5288" i="5" s="1"/>
  <c r="J106" i="2"/>
  <c r="J80" i="5" s="1"/>
  <c r="N80" i="5" s="1"/>
  <c r="L106" i="2"/>
  <c r="L80" i="5" s="1"/>
  <c r="I106" i="2"/>
  <c r="I80" i="5" s="1"/>
  <c r="M106" i="2"/>
  <c r="M80" i="5" s="1"/>
  <c r="P80" i="5" s="1"/>
  <c r="K106" i="2"/>
  <c r="K80" i="5" s="1"/>
  <c r="J2996" i="2"/>
  <c r="J2970" i="5" s="1"/>
  <c r="N2970" i="5" s="1"/>
  <c r="M2996" i="2"/>
  <c r="M2970" i="5" s="1"/>
  <c r="P2970" i="5" s="1"/>
  <c r="K1935" i="2"/>
  <c r="K1909" i="5" s="1"/>
  <c r="O1909" i="5" s="1"/>
  <c r="M1935" i="2"/>
  <c r="M1909" i="5" s="1"/>
  <c r="P1909" i="5" s="1"/>
  <c r="J1935" i="2"/>
  <c r="J1909" i="5" s="1"/>
  <c r="N1909" i="5" s="1"/>
  <c r="I1896" i="2"/>
  <c r="I1870" i="5" s="1"/>
  <c r="L1896" i="2"/>
  <c r="L1870" i="5" s="1"/>
  <c r="J1896" i="2"/>
  <c r="J1870" i="5" s="1"/>
  <c r="N1870" i="5" s="1"/>
  <c r="K1896" i="2"/>
  <c r="K1870" i="5" s="1"/>
  <c r="I8511" i="2"/>
  <c r="I8485" i="5" s="1"/>
  <c r="K8511" i="2"/>
  <c r="K8485" i="5" s="1"/>
  <c r="O8485" i="5" s="1"/>
  <c r="J8511" i="2"/>
  <c r="J8485" i="5" s="1"/>
  <c r="N8485" i="5" s="1"/>
  <c r="M8511" i="2"/>
  <c r="M8485" i="5" s="1"/>
  <c r="P8485" i="5" s="1"/>
  <c r="M1900" i="2"/>
  <c r="M1874" i="5" s="1"/>
  <c r="P1874" i="5" s="1"/>
  <c r="M3104" i="2"/>
  <c r="M3078" i="5" s="1"/>
  <c r="P3078" i="5" s="1"/>
  <c r="L3104" i="2"/>
  <c r="L3078" i="5" s="1"/>
  <c r="J3104" i="2"/>
  <c r="J3078" i="5" s="1"/>
  <c r="M1942" i="2"/>
  <c r="M1916" i="5" s="1"/>
  <c r="P1916" i="5" s="1"/>
  <c r="K1942" i="2"/>
  <c r="K1916" i="5" s="1"/>
  <c r="O1916" i="5" s="1"/>
  <c r="I440" i="2"/>
  <c r="I414" i="5" s="1"/>
  <c r="I6168" i="2"/>
  <c r="I6142" i="5" s="1"/>
  <c r="L6469" i="2"/>
  <c r="L6443" i="5" s="1"/>
  <c r="M5163" i="2"/>
  <c r="M5137" i="5" s="1"/>
  <c r="P5137" i="5" s="1"/>
  <c r="I726" i="2"/>
  <c r="I700" i="5" s="1"/>
  <c r="J726" i="2"/>
  <c r="J700" i="5" s="1"/>
  <c r="N700" i="5" s="1"/>
  <c r="J3747" i="2"/>
  <c r="J3721" i="5" s="1"/>
  <c r="N3721" i="5" s="1"/>
  <c r="K2728" i="2"/>
  <c r="K2702" i="5" s="1"/>
  <c r="L2728" i="2"/>
  <c r="L2702" i="5" s="1"/>
  <c r="M2728" i="2"/>
  <c r="M2702" i="5" s="1"/>
  <c r="P2702" i="5" s="1"/>
  <c r="M5846" i="2"/>
  <c r="M5820" i="5" s="1"/>
  <c r="P5820" i="5" s="1"/>
  <c r="L5846" i="2"/>
  <c r="L5820" i="5" s="1"/>
  <c r="J2251" i="2"/>
  <c r="J2225" i="5" s="1"/>
  <c r="N2225" i="5" s="1"/>
  <c r="I2251" i="2"/>
  <c r="I2225" i="5" s="1"/>
  <c r="M403" i="2"/>
  <c r="M377" i="5" s="1"/>
  <c r="P377" i="5" s="1"/>
  <c r="M726" i="2"/>
  <c r="M700" i="5" s="1"/>
  <c r="P700" i="5" s="1"/>
  <c r="J6088" i="2"/>
  <c r="J6062" i="5" s="1"/>
  <c r="N6062" i="5" s="1"/>
  <c r="I2125" i="2"/>
  <c r="I2099" i="5" s="1"/>
  <c r="C45" i="5"/>
  <c r="M6592" i="2"/>
  <c r="M6566" i="5" s="1"/>
  <c r="P6566" i="5" s="1"/>
  <c r="K5771" i="2"/>
  <c r="K5745" i="5" s="1"/>
  <c r="L1416" i="2"/>
  <c r="L1390" i="5" s="1"/>
  <c r="K3140" i="2"/>
  <c r="K3114" i="5" s="1"/>
  <c r="O3114" i="5" s="1"/>
  <c r="K594" i="2"/>
  <c r="K568" i="5" s="1"/>
  <c r="L4329" i="2"/>
  <c r="L4303" i="5" s="1"/>
  <c r="M314" i="2"/>
  <c r="M288" i="5" s="1"/>
  <c r="P288" i="5" s="1"/>
  <c r="K403" i="2"/>
  <c r="K377" i="5" s="1"/>
  <c r="O377" i="5" s="1"/>
  <c r="J2125" i="2"/>
  <c r="J2099" i="5" s="1"/>
  <c r="N2099" i="5" s="1"/>
  <c r="M7456" i="2"/>
  <c r="M7430" i="5" s="1"/>
  <c r="P7430" i="5" s="1"/>
  <c r="I6592" i="2"/>
  <c r="I6566" i="5" s="1"/>
  <c r="M7770" i="2"/>
  <c r="M7744" i="5" s="1"/>
  <c r="P7744" i="5" s="1"/>
  <c r="K5479" i="2"/>
  <c r="K5453" i="5" s="1"/>
  <c r="I5771" i="2"/>
  <c r="I5745" i="5" s="1"/>
  <c r="K1416" i="2"/>
  <c r="K1390" i="5" s="1"/>
  <c r="I3140" i="2"/>
  <c r="I3114" i="5" s="1"/>
  <c r="J7620" i="2"/>
  <c r="J7594" i="5" s="1"/>
  <c r="N7594" i="5" s="1"/>
  <c r="L6592" i="2"/>
  <c r="L6566" i="5" s="1"/>
  <c r="L5479" i="2"/>
  <c r="L5453" i="5" s="1"/>
  <c r="I464" i="2"/>
  <c r="I438" i="5" s="1"/>
  <c r="J6142" i="2"/>
  <c r="J6116" i="5" s="1"/>
  <c r="N6116" i="5" s="1"/>
  <c r="J882" i="2"/>
  <c r="J856" i="5" s="1"/>
  <c r="L5644" i="2"/>
  <c r="L5618" i="5" s="1"/>
  <c r="L886" i="2"/>
  <c r="L860" i="5" s="1"/>
  <c r="M2891" i="2"/>
  <c r="M2865" i="5" s="1"/>
  <c r="P2865" i="5" s="1"/>
  <c r="I632" i="2"/>
  <c r="I606" i="5" s="1"/>
  <c r="L632" i="2"/>
  <c r="L606" i="5" s="1"/>
  <c r="K632" i="2"/>
  <c r="K606" i="5" s="1"/>
  <c r="M986" i="2"/>
  <c r="M960" i="5" s="1"/>
  <c r="P960" i="5" s="1"/>
  <c r="L3155" i="2"/>
  <c r="L3129" i="5" s="1"/>
  <c r="M3155" i="2"/>
  <c r="M3129" i="5" s="1"/>
  <c r="P3129" i="5" s="1"/>
  <c r="J5176" i="2"/>
  <c r="J5150" i="5" s="1"/>
  <c r="N5150" i="5" s="1"/>
  <c r="L5176" i="2"/>
  <c r="L5150" i="5" s="1"/>
  <c r="L8034" i="2"/>
  <c r="L8008" i="5" s="1"/>
  <c r="J8034" i="2"/>
  <c r="J8008" i="5" s="1"/>
  <c r="N8008" i="5" s="1"/>
  <c r="K8034" i="2"/>
  <c r="K8008" i="5" s="1"/>
  <c r="I8034" i="2"/>
  <c r="I8008" i="5" s="1"/>
  <c r="K6127" i="2"/>
  <c r="K6101" i="5" s="1"/>
  <c r="L6127" i="2"/>
  <c r="L6101" i="5" s="1"/>
  <c r="I6127" i="2"/>
  <c r="I6101" i="5" s="1"/>
  <c r="J6127" i="2"/>
  <c r="J6101" i="5" s="1"/>
  <c r="N6101" i="5" s="1"/>
  <c r="J4994" i="2"/>
  <c r="J4968" i="5" s="1"/>
  <c r="N4968" i="5" s="1"/>
  <c r="I4994" i="2"/>
  <c r="I4968" i="5" s="1"/>
  <c r="K4994" i="2"/>
  <c r="K4968" i="5" s="1"/>
  <c r="M5128" i="2"/>
  <c r="M5102" i="5" s="1"/>
  <c r="P5102" i="5" s="1"/>
  <c r="I5128" i="2"/>
  <c r="I5102" i="5" s="1"/>
  <c r="J5128" i="2"/>
  <c r="J5102" i="5" s="1"/>
  <c r="N5102" i="5" s="1"/>
  <c r="L2149" i="2"/>
  <c r="L2123" i="5" s="1"/>
  <c r="M2149" i="2"/>
  <c r="M2123" i="5" s="1"/>
  <c r="P2123" i="5" s="1"/>
  <c r="L7974" i="2"/>
  <c r="L7948" i="5" s="1"/>
  <c r="K7974" i="2"/>
  <c r="K7948" i="5" s="1"/>
  <c r="J7974" i="2"/>
  <c r="J7948" i="5" s="1"/>
  <c r="N7948" i="5" s="1"/>
  <c r="I4300" i="2"/>
  <c r="I4274" i="5" s="1"/>
  <c r="J4300" i="2"/>
  <c r="J4274" i="5" s="1"/>
  <c r="N4274" i="5" s="1"/>
  <c r="I3842" i="2"/>
  <c r="I3816" i="5" s="1"/>
  <c r="K3842" i="2"/>
  <c r="K3816" i="5" s="1"/>
  <c r="O3816" i="5" s="1"/>
  <c r="J3842" i="2"/>
  <c r="J3816" i="5" s="1"/>
  <c r="N3816" i="5" s="1"/>
  <c r="L4489" i="2"/>
  <c r="L4463" i="5" s="1"/>
  <c r="K4489" i="2"/>
  <c r="K4463" i="5" s="1"/>
  <c r="J4489" i="2"/>
  <c r="J4463" i="5" s="1"/>
  <c r="I4489" i="2"/>
  <c r="I4463" i="5" s="1"/>
  <c r="L6298" i="2"/>
  <c r="L6272" i="5" s="1"/>
  <c r="I6298" i="2"/>
  <c r="I6272" i="5" s="1"/>
  <c r="K6298" i="2"/>
  <c r="K6272" i="5" s="1"/>
  <c r="J6298" i="2"/>
  <c r="J6272" i="5" s="1"/>
  <c r="N6272" i="5" s="1"/>
  <c r="J3576" i="2"/>
  <c r="J3550" i="5" s="1"/>
  <c r="N3550" i="5" s="1"/>
  <c r="M3576" i="2"/>
  <c r="M3550" i="5" s="1"/>
  <c r="P3550" i="5" s="1"/>
  <c r="I3576" i="2"/>
  <c r="I3550" i="5" s="1"/>
  <c r="M7840" i="2"/>
  <c r="M7814" i="5" s="1"/>
  <c r="P7814" i="5" s="1"/>
  <c r="I2148" i="2"/>
  <c r="I2122" i="5" s="1"/>
  <c r="L771" i="2"/>
  <c r="L745" i="5" s="1"/>
  <c r="J1433" i="2"/>
  <c r="J1407" i="5" s="1"/>
  <c r="N1407" i="5" s="1"/>
  <c r="L1433" i="2"/>
  <c r="L1407" i="5" s="1"/>
  <c r="K1433" i="2"/>
  <c r="K1407" i="5" s="1"/>
  <c r="I1433" i="2"/>
  <c r="I1407" i="5" s="1"/>
  <c r="L8520" i="2"/>
  <c r="L8494" i="5" s="1"/>
  <c r="M8520" i="2"/>
  <c r="M8494" i="5" s="1"/>
  <c r="P8494" i="5" s="1"/>
  <c r="K8520" i="2"/>
  <c r="K8494" i="5" s="1"/>
  <c r="K3833" i="2"/>
  <c r="K3807" i="5" s="1"/>
  <c r="O3807" i="5" s="1"/>
  <c r="M7038" i="2"/>
  <c r="M7012" i="5" s="1"/>
  <c r="P7012" i="5" s="1"/>
  <c r="I7038" i="2"/>
  <c r="I7012" i="5" s="1"/>
  <c r="J7038" i="2"/>
  <c r="J7012" i="5" s="1"/>
  <c r="J8002" i="2"/>
  <c r="J7976" i="5" s="1"/>
  <c r="I8002" i="2"/>
  <c r="I7976" i="5" s="1"/>
  <c r="L8002" i="2"/>
  <c r="L7976" i="5" s="1"/>
  <c r="L6481" i="2"/>
  <c r="L6455" i="5" s="1"/>
  <c r="I6481" i="2"/>
  <c r="I6455" i="5" s="1"/>
  <c r="K6481" i="2"/>
  <c r="K6455" i="5" s="1"/>
  <c r="J6481" i="2"/>
  <c r="J6455" i="5" s="1"/>
  <c r="N6455" i="5" s="1"/>
  <c r="E296" i="5"/>
  <c r="AR290" i="1"/>
  <c r="I755" i="2"/>
  <c r="I729" i="5" s="1"/>
  <c r="M755" i="2"/>
  <c r="M729" i="5" s="1"/>
  <c r="P729" i="5" s="1"/>
  <c r="K755" i="2"/>
  <c r="K729" i="5" s="1"/>
  <c r="L755" i="2"/>
  <c r="L729" i="5" s="1"/>
  <c r="L7795" i="2"/>
  <c r="L7769" i="5" s="1"/>
  <c r="J7795" i="2"/>
  <c r="J7769" i="5" s="1"/>
  <c r="N7769" i="5" s="1"/>
  <c r="M1470" i="2"/>
  <c r="M1444" i="5" s="1"/>
  <c r="P1444" i="5" s="1"/>
  <c r="J1470" i="2"/>
  <c r="J1444" i="5" s="1"/>
  <c r="K1470" i="2"/>
  <c r="K1444" i="5" s="1"/>
  <c r="O1444" i="5" s="1"/>
  <c r="M5102" i="2"/>
  <c r="M5076" i="5" s="1"/>
  <c r="P5076" i="5" s="1"/>
  <c r="I5102" i="2"/>
  <c r="I5076" i="5" s="1"/>
  <c r="L5102" i="2"/>
  <c r="L5076" i="5" s="1"/>
  <c r="L1059" i="2"/>
  <c r="L1033" i="5" s="1"/>
  <c r="M1059" i="2"/>
  <c r="M1033" i="5" s="1"/>
  <c r="P1033" i="5" s="1"/>
  <c r="J4915" i="2"/>
  <c r="J4889" i="5" s="1"/>
  <c r="N4889" i="5" s="1"/>
  <c r="J7990" i="2"/>
  <c r="J7964" i="5" s="1"/>
  <c r="N7964" i="5" s="1"/>
  <c r="I5625" i="2"/>
  <c r="I5599" i="5" s="1"/>
  <c r="K5625" i="2"/>
  <c r="K5599" i="5" s="1"/>
  <c r="O5599" i="5" s="1"/>
  <c r="J1806" i="2"/>
  <c r="J1780" i="5" s="1"/>
  <c r="N1780" i="5" s="1"/>
  <c r="I2805" i="2"/>
  <c r="I2779" i="5" s="1"/>
  <c r="M793" i="2"/>
  <c r="M767" i="5" s="1"/>
  <c r="P767" i="5" s="1"/>
  <c r="K793" i="2"/>
  <c r="K767" i="5" s="1"/>
  <c r="O767" i="5" s="1"/>
  <c r="J793" i="2"/>
  <c r="J767" i="5" s="1"/>
  <c r="N767" i="5" s="1"/>
  <c r="J6356" i="2"/>
  <c r="J6330" i="5" s="1"/>
  <c r="N6330" i="5" s="1"/>
  <c r="M6356" i="2"/>
  <c r="M6330" i="5" s="1"/>
  <c r="P6330" i="5" s="1"/>
  <c r="I4507" i="2"/>
  <c r="I4481" i="5" s="1"/>
  <c r="L4507" i="2"/>
  <c r="L4481" i="5" s="1"/>
  <c r="J4507" i="2"/>
  <c r="J4481" i="5" s="1"/>
  <c r="N4481" i="5" s="1"/>
  <c r="K4507" i="2"/>
  <c r="K4481" i="5" s="1"/>
  <c r="J7345" i="2"/>
  <c r="J7319" i="5" s="1"/>
  <c r="N7319" i="5" s="1"/>
  <c r="K2406" i="2"/>
  <c r="K2380" i="5" s="1"/>
  <c r="J2406" i="2"/>
  <c r="J2380" i="5" s="1"/>
  <c r="N2380" i="5" s="1"/>
  <c r="K43" i="2"/>
  <c r="K17" i="5" s="1"/>
  <c r="M6505" i="2"/>
  <c r="M6479" i="5" s="1"/>
  <c r="P6479" i="5" s="1"/>
  <c r="L6505" i="2"/>
  <c r="L6479" i="5" s="1"/>
  <c r="J6505" i="2"/>
  <c r="J6479" i="5" s="1"/>
  <c r="N6479" i="5" s="1"/>
  <c r="J68" i="2"/>
  <c r="J42" i="5" s="1"/>
  <c r="N42" i="5" s="1"/>
  <c r="I68" i="2"/>
  <c r="I42" i="5" s="1"/>
  <c r="K7630" i="2"/>
  <c r="K7604" i="5" s="1"/>
  <c r="J3116" i="2"/>
  <c r="J3090" i="5" s="1"/>
  <c r="N3090" i="5" s="1"/>
  <c r="L3116" i="2"/>
  <c r="L3090" i="5" s="1"/>
  <c r="M1821" i="2"/>
  <c r="M1795" i="5" s="1"/>
  <c r="P1795" i="5" s="1"/>
  <c r="I1821" i="2"/>
  <c r="I1795" i="5" s="1"/>
  <c r="L1821" i="2"/>
  <c r="L1795" i="5" s="1"/>
  <c r="J1821" i="2"/>
  <c r="J1795" i="5" s="1"/>
  <c r="N1795" i="5" s="1"/>
  <c r="L3773" i="2"/>
  <c r="L3747" i="5" s="1"/>
  <c r="M3773" i="2"/>
  <c r="M3747" i="5" s="1"/>
  <c r="P3747" i="5" s="1"/>
  <c r="J3265" i="2"/>
  <c r="J3239" i="5" s="1"/>
  <c r="N3239" i="5" s="1"/>
  <c r="L4073" i="2"/>
  <c r="L4047" i="5" s="1"/>
  <c r="M1327" i="2"/>
  <c r="M1301" i="5" s="1"/>
  <c r="P1301" i="5" s="1"/>
  <c r="I1327" i="2"/>
  <c r="I1301" i="5" s="1"/>
  <c r="L1327" i="2"/>
  <c r="L1301" i="5" s="1"/>
  <c r="L1895" i="2"/>
  <c r="L1869" i="5" s="1"/>
  <c r="M1895" i="2"/>
  <c r="M1869" i="5" s="1"/>
  <c r="P1869" i="5" s="1"/>
  <c r="M6295" i="2"/>
  <c r="M6269" i="5" s="1"/>
  <c r="P6269" i="5" s="1"/>
  <c r="I6295" i="2"/>
  <c r="I6269" i="5" s="1"/>
  <c r="M4573" i="2"/>
  <c r="M4547" i="5" s="1"/>
  <c r="P4547" i="5" s="1"/>
  <c r="L4573" i="2"/>
  <c r="L4547" i="5" s="1"/>
  <c r="K4573" i="2"/>
  <c r="K4547" i="5" s="1"/>
  <c r="I4573" i="2"/>
  <c r="I4547" i="5" s="1"/>
  <c r="J7439" i="2"/>
  <c r="J7413" i="5" s="1"/>
  <c r="N7413" i="5" s="1"/>
  <c r="M7439" i="2"/>
  <c r="M7413" i="5" s="1"/>
  <c r="P7413" i="5" s="1"/>
  <c r="M1068" i="2"/>
  <c r="M1042" i="5" s="1"/>
  <c r="P1042" i="5" s="1"/>
  <c r="K1068" i="2"/>
  <c r="K1042" i="5" s="1"/>
  <c r="O1042" i="5" s="1"/>
  <c r="J1068" i="2"/>
  <c r="J1042" i="5" s="1"/>
  <c r="N1042" i="5" s="1"/>
  <c r="I1068" i="2"/>
  <c r="I1042" i="5" s="1"/>
  <c r="M120" i="2"/>
  <c r="M94" i="5" s="1"/>
  <c r="P94" i="5" s="1"/>
  <c r="I120" i="2"/>
  <c r="I94" i="5" s="1"/>
  <c r="J120" i="2"/>
  <c r="J94" i="5" s="1"/>
  <c r="N94" i="5" s="1"/>
  <c r="L120" i="2"/>
  <c r="L94" i="5" s="1"/>
  <c r="K1818" i="2"/>
  <c r="K1792" i="5" s="1"/>
  <c r="J1818" i="2"/>
  <c r="J1792" i="5" s="1"/>
  <c r="I7514" i="2"/>
  <c r="I7488" i="5" s="1"/>
  <c r="M103" i="2"/>
  <c r="M77" i="5" s="1"/>
  <c r="P77" i="5" s="1"/>
  <c r="J8385" i="2"/>
  <c r="J8359" i="5" s="1"/>
  <c r="N8359" i="5" s="1"/>
  <c r="K8385" i="2"/>
  <c r="K8359" i="5" s="1"/>
  <c r="M8385" i="2"/>
  <c r="M8359" i="5" s="1"/>
  <c r="P8359" i="5" s="1"/>
  <c r="K3903" i="2"/>
  <c r="K3877" i="5" s="1"/>
  <c r="M230" i="2"/>
  <c r="M204" i="5" s="1"/>
  <c r="P204" i="5" s="1"/>
  <c r="L4930" i="2"/>
  <c r="L4904" i="5" s="1"/>
  <c r="J6455" i="2"/>
  <c r="J6429" i="5" s="1"/>
  <c r="N6429" i="5" s="1"/>
  <c r="K6455" i="2"/>
  <c r="K6429" i="5" s="1"/>
  <c r="I6518" i="2"/>
  <c r="I6492" i="5" s="1"/>
  <c r="I6024" i="2"/>
  <c r="I5998" i="5" s="1"/>
  <c r="M5469" i="2"/>
  <c r="M5443" i="5" s="1"/>
  <c r="P5443" i="5" s="1"/>
  <c r="L95" i="2"/>
  <c r="L69" i="5" s="1"/>
  <c r="M317" i="2"/>
  <c r="M291" i="5" s="1"/>
  <c r="P291" i="5" s="1"/>
  <c r="K317" i="2"/>
  <c r="K291" i="5" s="1"/>
  <c r="M3989" i="2"/>
  <c r="M3963" i="5" s="1"/>
  <c r="P3963" i="5" s="1"/>
  <c r="K3989" i="2"/>
  <c r="K3963" i="5" s="1"/>
  <c r="I7160" i="2"/>
  <c r="I7134" i="5" s="1"/>
  <c r="M7160" i="2"/>
  <c r="M7134" i="5" s="1"/>
  <c r="P7134" i="5" s="1"/>
  <c r="J3753" i="2"/>
  <c r="J3727" i="5" s="1"/>
  <c r="N3727" i="5" s="1"/>
  <c r="M3753" i="2"/>
  <c r="M3727" i="5" s="1"/>
  <c r="P3727" i="5" s="1"/>
  <c r="L3150" i="2"/>
  <c r="L3124" i="5" s="1"/>
  <c r="K3150" i="2"/>
  <c r="K3124" i="5" s="1"/>
  <c r="K1103" i="2"/>
  <c r="K1077" i="5" s="1"/>
  <c r="J1103" i="2"/>
  <c r="J1077" i="5" s="1"/>
  <c r="N1077" i="5" s="1"/>
  <c r="J1948" i="2"/>
  <c r="J1922" i="5" s="1"/>
  <c r="N1922" i="5" s="1"/>
  <c r="K1948" i="2"/>
  <c r="K1922" i="5" s="1"/>
  <c r="O1922" i="5" s="1"/>
  <c r="I1948" i="2"/>
  <c r="I1922" i="5" s="1"/>
  <c r="M1948" i="2"/>
  <c r="M1922" i="5" s="1"/>
  <c r="P1922" i="5" s="1"/>
  <c r="K7684" i="2"/>
  <c r="K7658" i="5" s="1"/>
  <c r="L7684" i="2"/>
  <c r="L7658" i="5" s="1"/>
  <c r="L4811" i="2"/>
  <c r="L4785" i="5" s="1"/>
  <c r="K4811" i="2"/>
  <c r="K4785" i="5" s="1"/>
  <c r="I959" i="2"/>
  <c r="I933" i="5" s="1"/>
  <c r="L8273" i="2"/>
  <c r="L8247" i="5" s="1"/>
  <c r="J8273" i="2"/>
  <c r="J8247" i="5" s="1"/>
  <c r="I8273" i="2"/>
  <c r="I8247" i="5" s="1"/>
  <c r="I8118" i="2"/>
  <c r="I8092" i="5" s="1"/>
  <c r="L8675" i="2"/>
  <c r="L8649" i="5" s="1"/>
  <c r="M1995" i="2"/>
  <c r="M1969" i="5" s="1"/>
  <c r="P1969" i="5" s="1"/>
  <c r="J2104" i="2"/>
  <c r="J2078" i="5" s="1"/>
  <c r="N2078" i="5" s="1"/>
  <c r="I2670" i="2"/>
  <c r="I2644" i="5" s="1"/>
  <c r="L8376" i="2"/>
  <c r="L8350" i="5" s="1"/>
  <c r="I7493" i="2"/>
  <c r="I7467" i="5" s="1"/>
  <c r="M5455" i="2"/>
  <c r="M5429" i="5" s="1"/>
  <c r="P5429" i="5" s="1"/>
  <c r="L5455" i="2"/>
  <c r="L5429" i="5" s="1"/>
  <c r="L5589" i="2"/>
  <c r="L5563" i="5" s="1"/>
  <c r="I4647" i="2"/>
  <c r="I4621" i="5" s="1"/>
  <c r="K4647" i="2"/>
  <c r="K4621" i="5" s="1"/>
  <c r="K4127" i="2"/>
  <c r="K4101" i="5" s="1"/>
  <c r="M247" i="2"/>
  <c r="M221" i="5" s="1"/>
  <c r="P221" i="5" s="1"/>
  <c r="M7013" i="2"/>
  <c r="M6987" i="5" s="1"/>
  <c r="P6987" i="5" s="1"/>
  <c r="K6031" i="2"/>
  <c r="K6005" i="5" s="1"/>
  <c r="J7271" i="2"/>
  <c r="J7245" i="5" s="1"/>
  <c r="N7245" i="5" s="1"/>
  <c r="L7271" i="2"/>
  <c r="L7245" i="5" s="1"/>
  <c r="K3176" i="2"/>
  <c r="K3150" i="5" s="1"/>
  <c r="O3150" i="5" s="1"/>
  <c r="L114" i="2"/>
  <c r="L88" i="5" s="1"/>
  <c r="L2462" i="2"/>
  <c r="L2436" i="5" s="1"/>
  <c r="I2462" i="2"/>
  <c r="I2436" i="5" s="1"/>
  <c r="K7954" i="2"/>
  <c r="K7928" i="5" s="1"/>
  <c r="L7954" i="2"/>
  <c r="L7928" i="5" s="1"/>
  <c r="I7954" i="2"/>
  <c r="I7928" i="5" s="1"/>
  <c r="J7954" i="2"/>
  <c r="J7928" i="5" s="1"/>
  <c r="N7928" i="5" s="1"/>
  <c r="J111" i="2"/>
  <c r="J85" i="5" s="1"/>
  <c r="N85" i="5" s="1"/>
  <c r="K111" i="2"/>
  <c r="K85" i="5" s="1"/>
  <c r="O85" i="5" s="1"/>
  <c r="L4155" i="2"/>
  <c r="L4129" i="5" s="1"/>
  <c r="M4155" i="2"/>
  <c r="M4129" i="5" s="1"/>
  <c r="P4129" i="5" s="1"/>
  <c r="J4155" i="2"/>
  <c r="J4129" i="5" s="1"/>
  <c r="N4129" i="5" s="1"/>
  <c r="K4155" i="2"/>
  <c r="K4129" i="5" s="1"/>
  <c r="M1113" i="2"/>
  <c r="M1087" i="5" s="1"/>
  <c r="P1087" i="5" s="1"/>
  <c r="I1113" i="2"/>
  <c r="I1087" i="5" s="1"/>
  <c r="I8281" i="2"/>
  <c r="I8255" i="5" s="1"/>
  <c r="M8281" i="2"/>
  <c r="M8255" i="5" s="1"/>
  <c r="P8255" i="5" s="1"/>
  <c r="L600" i="2"/>
  <c r="L574" i="5" s="1"/>
  <c r="K600" i="2"/>
  <c r="K574" i="5" s="1"/>
  <c r="K1316" i="2"/>
  <c r="K1290" i="5" s="1"/>
  <c r="J1316" i="2"/>
  <c r="J1290" i="5" s="1"/>
  <c r="N1290" i="5" s="1"/>
  <c r="I3780" i="2"/>
  <c r="I3754" i="5" s="1"/>
  <c r="L6977" i="2"/>
  <c r="L6951" i="5" s="1"/>
  <c r="K6977" i="2"/>
  <c r="K6951" i="5" s="1"/>
  <c r="I6977" i="2"/>
  <c r="I6951" i="5" s="1"/>
  <c r="M6977" i="2"/>
  <c r="M6951" i="5" s="1"/>
  <c r="P6951" i="5" s="1"/>
  <c r="K7502" i="2"/>
  <c r="K7476" i="5" s="1"/>
  <c r="O7476" i="5" s="1"/>
  <c r="L6134" i="2"/>
  <c r="L6108" i="5" s="1"/>
  <c r="J771" i="2"/>
  <c r="J745" i="5" s="1"/>
  <c r="N745" i="5" s="1"/>
  <c r="M1605" i="2"/>
  <c r="M1579" i="5" s="1"/>
  <c r="P1579" i="5" s="1"/>
  <c r="K7120" i="2"/>
  <c r="K7094" i="5" s="1"/>
  <c r="I7502" i="2"/>
  <c r="I7476" i="5" s="1"/>
  <c r="K6134" i="2"/>
  <c r="K6108" i="5" s="1"/>
  <c r="I3150" i="2"/>
  <c r="I3124" i="5" s="1"/>
  <c r="J5290" i="2"/>
  <c r="J5264" i="5" s="1"/>
  <c r="N5264" i="5" s="1"/>
  <c r="M4489" i="2"/>
  <c r="M4463" i="5" s="1"/>
  <c r="P4463" i="5" s="1"/>
  <c r="M771" i="2"/>
  <c r="M745" i="5" s="1"/>
  <c r="P745" i="5" s="1"/>
  <c r="J1605" i="2"/>
  <c r="J1579" i="5" s="1"/>
  <c r="N1579" i="5" s="1"/>
  <c r="J7120" i="2"/>
  <c r="J7094" i="5" s="1"/>
  <c r="N7094" i="5" s="1"/>
  <c r="J3150" i="2"/>
  <c r="J3124" i="5" s="1"/>
  <c r="N3124" i="5" s="1"/>
  <c r="L8385" i="2"/>
  <c r="L8359" i="5" s="1"/>
  <c r="M3842" i="2"/>
  <c r="M3816" i="5" s="1"/>
  <c r="P3816" i="5" s="1"/>
  <c r="I1806" i="2"/>
  <c r="I1780" i="5" s="1"/>
  <c r="L5327" i="2"/>
  <c r="L5301" i="5" s="1"/>
  <c r="I8613" i="2"/>
  <c r="I8587" i="5" s="1"/>
  <c r="J1327" i="2"/>
  <c r="J1301" i="5" s="1"/>
  <c r="N1301" i="5" s="1"/>
  <c r="L7840" i="2"/>
  <c r="L7814" i="5" s="1"/>
  <c r="I4919" i="2"/>
  <c r="I4893" i="5" s="1"/>
  <c r="I8520" i="2"/>
  <c r="I8494" i="5" s="1"/>
  <c r="J2265" i="2"/>
  <c r="J2239" i="5" s="1"/>
  <c r="N2239" i="5" s="1"/>
  <c r="M7334" i="2"/>
  <c r="M7308" i="5" s="1"/>
  <c r="P7308" i="5" s="1"/>
  <c r="J7334" i="2"/>
  <c r="J7308" i="5" s="1"/>
  <c r="N7308" i="5" s="1"/>
  <c r="L7334" i="2"/>
  <c r="L7308" i="5" s="1"/>
  <c r="K7334" i="2"/>
  <c r="K7308" i="5" s="1"/>
  <c r="M4132" i="2"/>
  <c r="M4106" i="5" s="1"/>
  <c r="P4106" i="5" s="1"/>
  <c r="L297" i="2"/>
  <c r="L271" i="5" s="1"/>
  <c r="I297" i="2"/>
  <c r="I271" i="5" s="1"/>
  <c r="I2083" i="2"/>
  <c r="I2057" i="5" s="1"/>
  <c r="L1933" i="2"/>
  <c r="L1907" i="5" s="1"/>
  <c r="M1933" i="2"/>
  <c r="M1907" i="5" s="1"/>
  <c r="P1907" i="5" s="1"/>
  <c r="K7874" i="2"/>
  <c r="K7848" i="5" s="1"/>
  <c r="J7874" i="2"/>
  <c r="J7848" i="5" s="1"/>
  <c r="L7874" i="2"/>
  <c r="L7848" i="5" s="1"/>
  <c r="I7874" i="2"/>
  <c r="I7848" i="5" s="1"/>
  <c r="M2095" i="2"/>
  <c r="M2069" i="5" s="1"/>
  <c r="P2069" i="5" s="1"/>
  <c r="K2095" i="2"/>
  <c r="K2069" i="5" s="1"/>
  <c r="I2095" i="2"/>
  <c r="I2069" i="5" s="1"/>
  <c r="M1951" i="2"/>
  <c r="M1925" i="5" s="1"/>
  <c r="P1925" i="5" s="1"/>
  <c r="L1951" i="2"/>
  <c r="L1925" i="5" s="1"/>
  <c r="J1951" i="2"/>
  <c r="J1925" i="5" s="1"/>
  <c r="N1925" i="5" s="1"/>
  <c r="K7615" i="2"/>
  <c r="K7589" i="5" s="1"/>
  <c r="I7615" i="2"/>
  <c r="I7589" i="5" s="1"/>
  <c r="L7615" i="2"/>
  <c r="L7589" i="5" s="1"/>
  <c r="J4999" i="2"/>
  <c r="J4973" i="5" s="1"/>
  <c r="N4973" i="5" s="1"/>
  <c r="M4999" i="2"/>
  <c r="M4973" i="5" s="1"/>
  <c r="P4973" i="5" s="1"/>
  <c r="I4999" i="2"/>
  <c r="I4973" i="5" s="1"/>
  <c r="M7687" i="2"/>
  <c r="M7661" i="5" s="1"/>
  <c r="P7661" i="5" s="1"/>
  <c r="L7687" i="2"/>
  <c r="L7661" i="5" s="1"/>
  <c r="J7687" i="2"/>
  <c r="J7661" i="5" s="1"/>
  <c r="I129" i="2"/>
  <c r="I103" i="5" s="1"/>
  <c r="L129" i="2"/>
  <c r="L103" i="5" s="1"/>
  <c r="K129" i="2"/>
  <c r="K103" i="5" s="1"/>
  <c r="J129" i="2"/>
  <c r="J103" i="5" s="1"/>
  <c r="N103" i="5" s="1"/>
  <c r="I4739" i="2"/>
  <c r="I4713" i="5" s="1"/>
  <c r="I7132" i="2"/>
  <c r="I7106" i="5" s="1"/>
  <c r="J7132" i="2"/>
  <c r="J7106" i="5" s="1"/>
  <c r="N7106" i="5" s="1"/>
  <c r="K7132" i="2"/>
  <c r="K7106" i="5" s="1"/>
  <c r="O7106" i="5" s="1"/>
  <c r="M6324" i="2"/>
  <c r="M6298" i="5" s="1"/>
  <c r="P6298" i="5" s="1"/>
  <c r="K6324" i="2"/>
  <c r="K6298" i="5" s="1"/>
  <c r="L4580" i="2"/>
  <c r="L4554" i="5" s="1"/>
  <c r="J4580" i="2"/>
  <c r="J4554" i="5" s="1"/>
  <c r="J4688" i="2"/>
  <c r="J4662" i="5" s="1"/>
  <c r="N4662" i="5" s="1"/>
  <c r="K4688" i="2"/>
  <c r="K4662" i="5" s="1"/>
  <c r="L4688" i="2"/>
  <c r="L4662" i="5" s="1"/>
  <c r="M5152" i="2"/>
  <c r="M5126" i="5" s="1"/>
  <c r="P5126" i="5" s="1"/>
  <c r="L5152" i="2"/>
  <c r="L5126" i="5" s="1"/>
  <c r="J5152" i="2"/>
  <c r="J5126" i="5" s="1"/>
  <c r="N5126" i="5" s="1"/>
  <c r="K5152" i="2"/>
  <c r="K5126" i="5" s="1"/>
  <c r="I1426" i="2"/>
  <c r="I1400" i="5" s="1"/>
  <c r="M1426" i="2"/>
  <c r="M1400" i="5" s="1"/>
  <c r="P1400" i="5" s="1"/>
  <c r="M7269" i="2"/>
  <c r="M7243" i="5" s="1"/>
  <c r="P7243" i="5" s="1"/>
  <c r="L7269" i="2"/>
  <c r="L7243" i="5" s="1"/>
  <c r="J7269" i="2"/>
  <c r="J7243" i="5" s="1"/>
  <c r="M6704" i="2"/>
  <c r="M6678" i="5" s="1"/>
  <c r="P6678" i="5" s="1"/>
  <c r="K5417" i="2"/>
  <c r="K5391" i="5" s="1"/>
  <c r="J7447" i="2"/>
  <c r="J7421" i="5" s="1"/>
  <c r="N7421" i="5" s="1"/>
  <c r="L2156" i="2"/>
  <c r="L2130" i="5" s="1"/>
  <c r="J2156" i="2"/>
  <c r="J2130" i="5" s="1"/>
  <c r="N2130" i="5" s="1"/>
  <c r="M7990" i="2"/>
  <c r="M7964" i="5" s="1"/>
  <c r="P7964" i="5" s="1"/>
  <c r="I7143" i="2"/>
  <c r="I7117" i="5" s="1"/>
  <c r="K7143" i="2"/>
  <c r="K7117" i="5" s="1"/>
  <c r="J7489" i="2"/>
  <c r="J7463" i="5" s="1"/>
  <c r="N7463" i="5" s="1"/>
  <c r="L6961" i="2"/>
  <c r="L6935" i="5" s="1"/>
  <c r="J6492" i="2"/>
  <c r="J6466" i="5" s="1"/>
  <c r="N6466" i="5" s="1"/>
  <c r="M5253" i="2"/>
  <c r="M5227" i="5" s="1"/>
  <c r="P5227" i="5" s="1"/>
  <c r="J5253" i="2"/>
  <c r="J5227" i="5" s="1"/>
  <c r="I5253" i="2"/>
  <c r="I5227" i="5" s="1"/>
  <c r="K816" i="2"/>
  <c r="K790" i="5" s="1"/>
  <c r="J816" i="2"/>
  <c r="J790" i="5" s="1"/>
  <c r="N790" i="5" s="1"/>
  <c r="M4135" i="2"/>
  <c r="M4109" i="5" s="1"/>
  <c r="P4109" i="5" s="1"/>
  <c r="J4135" i="2"/>
  <c r="J4109" i="5" s="1"/>
  <c r="N4109" i="5" s="1"/>
  <c r="K823" i="2"/>
  <c r="K797" i="5" s="1"/>
  <c r="K2330" i="2"/>
  <c r="K2304" i="5" s="1"/>
  <c r="O2304" i="5" s="1"/>
  <c r="J8187" i="2"/>
  <c r="J8161" i="5" s="1"/>
  <c r="N8161" i="5" s="1"/>
  <c r="I8187" i="2"/>
  <c r="I8161" i="5" s="1"/>
  <c r="I3136" i="2"/>
  <c r="I3110" i="5" s="1"/>
  <c r="J8505" i="2"/>
  <c r="J8479" i="5" s="1"/>
  <c r="N8479" i="5" s="1"/>
  <c r="K8509" i="2"/>
  <c r="K8483" i="5" s="1"/>
  <c r="J2147" i="2"/>
  <c r="J2121" i="5" s="1"/>
  <c r="N2121" i="5" s="1"/>
  <c r="I8528" i="2"/>
  <c r="I8502" i="5" s="1"/>
  <c r="J8528" i="2"/>
  <c r="J8502" i="5" s="1"/>
  <c r="N8502" i="5" s="1"/>
  <c r="M8528" i="2"/>
  <c r="M8502" i="5" s="1"/>
  <c r="P8502" i="5" s="1"/>
  <c r="L8528" i="2"/>
  <c r="L8502" i="5" s="1"/>
  <c r="K8528" i="2"/>
  <c r="K8502" i="5" s="1"/>
  <c r="M7040" i="2"/>
  <c r="M7014" i="5" s="1"/>
  <c r="P7014" i="5" s="1"/>
  <c r="L7040" i="2"/>
  <c r="L7014" i="5" s="1"/>
  <c r="J7040" i="2"/>
  <c r="J7014" i="5" s="1"/>
  <c r="N7014" i="5" s="1"/>
  <c r="I7040" i="2"/>
  <c r="I7014" i="5" s="1"/>
  <c r="K3431" i="2"/>
  <c r="K3405" i="5" s="1"/>
  <c r="M5273" i="2"/>
  <c r="M5247" i="5" s="1"/>
  <c r="P5247" i="5" s="1"/>
  <c r="I5273" i="2"/>
  <c r="I5247" i="5" s="1"/>
  <c r="M1318" i="2"/>
  <c r="M1292" i="5" s="1"/>
  <c r="P1292" i="5" s="1"/>
  <c r="I1318" i="2"/>
  <c r="I1292" i="5" s="1"/>
  <c r="M7826" i="2"/>
  <c r="M7800" i="5" s="1"/>
  <c r="P7800" i="5" s="1"/>
  <c r="L7826" i="2"/>
  <c r="L7800" i="5" s="1"/>
  <c r="K4152" i="2"/>
  <c r="K4126" i="5" s="1"/>
  <c r="L4152" i="2"/>
  <c r="L4126" i="5" s="1"/>
  <c r="K5841" i="2"/>
  <c r="K5815" i="5" s="1"/>
  <c r="D170" i="5"/>
  <c r="AR164" i="1"/>
  <c r="L1063" i="2"/>
  <c r="L1037" i="5" s="1"/>
  <c r="K1063" i="2"/>
  <c r="K1037" i="5" s="1"/>
  <c r="L5087" i="2"/>
  <c r="L5061" i="5" s="1"/>
  <c r="M5087" i="2"/>
  <c r="M5061" i="5" s="1"/>
  <c r="P5061" i="5" s="1"/>
  <c r="I5087" i="2"/>
  <c r="I5061" i="5" s="1"/>
  <c r="I1046" i="2"/>
  <c r="I1020" i="5" s="1"/>
  <c r="M1046" i="2"/>
  <c r="M1020" i="5" s="1"/>
  <c r="P1020" i="5" s="1"/>
  <c r="J1046" i="2"/>
  <c r="J1020" i="5" s="1"/>
  <c r="N1020" i="5" s="1"/>
  <c r="K2770" i="2"/>
  <c r="K2744" i="5" s="1"/>
  <c r="L3511" i="2"/>
  <c r="L3485" i="5" s="1"/>
  <c r="M3511" i="2"/>
  <c r="M3485" i="5" s="1"/>
  <c r="P3485" i="5" s="1"/>
  <c r="L3484" i="2"/>
  <c r="L3458" i="5" s="1"/>
  <c r="M3484" i="2"/>
  <c r="M3458" i="5" s="1"/>
  <c r="P3458" i="5" s="1"/>
  <c r="K5663" i="2"/>
  <c r="K5637" i="5" s="1"/>
  <c r="L5663" i="2"/>
  <c r="L5637" i="5" s="1"/>
  <c r="M5663" i="2"/>
  <c r="M5637" i="5" s="1"/>
  <c r="P5637" i="5" s="1"/>
  <c r="L587" i="2"/>
  <c r="L561" i="5" s="1"/>
  <c r="I1619" i="2"/>
  <c r="I1593" i="5" s="1"/>
  <c r="J1619" i="2"/>
  <c r="J1593" i="5" s="1"/>
  <c r="N1593" i="5" s="1"/>
  <c r="I7091" i="2"/>
  <c r="I7065" i="5" s="1"/>
  <c r="L6700" i="2"/>
  <c r="L6674" i="5" s="1"/>
  <c r="L7811" i="2"/>
  <c r="L7785" i="5" s="1"/>
  <c r="J1293" i="2"/>
  <c r="J1267" i="5" s="1"/>
  <c r="N1267" i="5" s="1"/>
  <c r="L4342" i="2"/>
  <c r="L4316" i="5" s="1"/>
  <c r="K4342" i="2"/>
  <c r="K4316" i="5" s="1"/>
  <c r="J7993" i="2"/>
  <c r="J7967" i="5" s="1"/>
  <c r="N7967" i="5" s="1"/>
  <c r="M5443" i="2"/>
  <c r="M5417" i="5" s="1"/>
  <c r="P5417" i="5" s="1"/>
  <c r="I6517" i="2"/>
  <c r="I6491" i="5" s="1"/>
  <c r="M6683" i="2"/>
  <c r="M6657" i="5" s="1"/>
  <c r="P6657" i="5" s="1"/>
  <c r="M7625" i="2"/>
  <c r="M7599" i="5" s="1"/>
  <c r="P7599" i="5" s="1"/>
  <c r="M7427" i="2"/>
  <c r="M7401" i="5" s="1"/>
  <c r="P7401" i="5" s="1"/>
  <c r="K7427" i="2"/>
  <c r="K7401" i="5" s="1"/>
  <c r="J6354" i="2"/>
  <c r="J6328" i="5" s="1"/>
  <c r="I4132" i="2"/>
  <c r="I4106" i="5" s="1"/>
  <c r="M129" i="2"/>
  <c r="M103" i="5" s="1"/>
  <c r="P103" i="5" s="1"/>
  <c r="L1619" i="2"/>
  <c r="L1593" i="5" s="1"/>
  <c r="K6489" i="2"/>
  <c r="K6463" i="5" s="1"/>
  <c r="L6972" i="2"/>
  <c r="L6946" i="5" s="1"/>
  <c r="M6972" i="2"/>
  <c r="M6946" i="5" s="1"/>
  <c r="P6946" i="5" s="1"/>
  <c r="I6972" i="2"/>
  <c r="I6946" i="5" s="1"/>
  <c r="K6488" i="2"/>
  <c r="K6462" i="5" s="1"/>
  <c r="L1280" i="2"/>
  <c r="L1254" i="5" s="1"/>
  <c r="M2083" i="2"/>
  <c r="M2057" i="5" s="1"/>
  <c r="P2057" i="5" s="1"/>
  <c r="M7874" i="2"/>
  <c r="M7848" i="5" s="1"/>
  <c r="P7848" i="5" s="1"/>
  <c r="J297" i="2"/>
  <c r="J271" i="5" s="1"/>
  <c r="K4999" i="2"/>
  <c r="K4973" i="5" s="1"/>
  <c r="J6972" i="2"/>
  <c r="J6946" i="5" s="1"/>
  <c r="N6946" i="5" s="1"/>
  <c r="I5152" i="2"/>
  <c r="I5126" i="5" s="1"/>
  <c r="M297" i="2"/>
  <c r="M271" i="5" s="1"/>
  <c r="P271" i="5" s="1"/>
  <c r="L4999" i="2"/>
  <c r="L4973" i="5" s="1"/>
  <c r="K6972" i="2"/>
  <c r="K6946" i="5" s="1"/>
  <c r="I6138" i="2"/>
  <c r="I6112" i="5" s="1"/>
  <c r="I4481" i="2"/>
  <c r="I4455" i="5" s="1"/>
  <c r="K1717" i="2"/>
  <c r="K1691" i="5" s="1"/>
  <c r="L1717" i="2"/>
  <c r="L1691" i="5" s="1"/>
  <c r="L241" i="2"/>
  <c r="L215" i="5" s="1"/>
  <c r="L8512" i="2"/>
  <c r="L8486" i="5" s="1"/>
  <c r="L2095" i="2"/>
  <c r="L2069" i="5" s="1"/>
  <c r="L8187" i="2"/>
  <c r="L8161" i="5" s="1"/>
  <c r="J612" i="2"/>
  <c r="J586" i="5" s="1"/>
  <c r="N586" i="5" s="1"/>
  <c r="I8512" i="2"/>
  <c r="I8486" i="5" s="1"/>
  <c r="K8187" i="2"/>
  <c r="K8161" i="5" s="1"/>
  <c r="K969" i="2"/>
  <c r="K943" i="5" s="1"/>
  <c r="L5100" i="2"/>
  <c r="L5074" i="5" s="1"/>
  <c r="J5100" i="2"/>
  <c r="J5074" i="5" s="1"/>
  <c r="M3004" i="2"/>
  <c r="M2978" i="5" s="1"/>
  <c r="P2978" i="5" s="1"/>
  <c r="I3004" i="2"/>
  <c r="I2978" i="5" s="1"/>
  <c r="L3004" i="2"/>
  <c r="L2978" i="5" s="1"/>
  <c r="J2050" i="2"/>
  <c r="J2024" i="5" s="1"/>
  <c r="N2024" i="5" s="1"/>
  <c r="M2050" i="2"/>
  <c r="M2024" i="5" s="1"/>
  <c r="P2024" i="5" s="1"/>
  <c r="K1459" i="2"/>
  <c r="K1433" i="5" s="1"/>
  <c r="L1459" i="2"/>
  <c r="L1433" i="5" s="1"/>
  <c r="I8174" i="2"/>
  <c r="I8148" i="5" s="1"/>
  <c r="M8174" i="2"/>
  <c r="M8148" i="5" s="1"/>
  <c r="P8148" i="5" s="1"/>
  <c r="L4473" i="2"/>
  <c r="L4447" i="5" s="1"/>
  <c r="I4473" i="2"/>
  <c r="I4447" i="5" s="1"/>
  <c r="I8781" i="2"/>
  <c r="I8755" i="5" s="1"/>
  <c r="K8781" i="2"/>
  <c r="K8755" i="5" s="1"/>
  <c r="J8781" i="2"/>
  <c r="J8755" i="5" s="1"/>
  <c r="N8755" i="5" s="1"/>
  <c r="M8781" i="2"/>
  <c r="M8755" i="5" s="1"/>
  <c r="P8755" i="5" s="1"/>
  <c r="L8781" i="2"/>
  <c r="L8755" i="5" s="1"/>
  <c r="L6991" i="2"/>
  <c r="L6965" i="5" s="1"/>
  <c r="J6991" i="2"/>
  <c r="J6965" i="5" s="1"/>
  <c r="I5954" i="2"/>
  <c r="I5928" i="5" s="1"/>
  <c r="K5954" i="2"/>
  <c r="K5928" i="5" s="1"/>
  <c r="O5928" i="5" s="1"/>
  <c r="M5954" i="2"/>
  <c r="M5928" i="5" s="1"/>
  <c r="P5928" i="5" s="1"/>
  <c r="K3565" i="2"/>
  <c r="K3539" i="5" s="1"/>
  <c r="O3539" i="5" s="1"/>
  <c r="I3565" i="2"/>
  <c r="I3539" i="5" s="1"/>
  <c r="M3565" i="2"/>
  <c r="M3539" i="5" s="1"/>
  <c r="P3539" i="5" s="1"/>
  <c r="K5643" i="2"/>
  <c r="K5617" i="5" s="1"/>
  <c r="O5617" i="5" s="1"/>
  <c r="J5643" i="2"/>
  <c r="J5617" i="5" s="1"/>
  <c r="N5617" i="5" s="1"/>
  <c r="G29" i="5"/>
  <c r="AR23" i="1"/>
  <c r="K4985" i="2"/>
  <c r="K4959" i="5" s="1"/>
  <c r="O4959" i="5" s="1"/>
  <c r="J4985" i="2"/>
  <c r="J4959" i="5" s="1"/>
  <c r="N4959" i="5" s="1"/>
  <c r="M3072" i="2"/>
  <c r="M3046" i="5" s="1"/>
  <c r="P3046" i="5" s="1"/>
  <c r="J3072" i="2"/>
  <c r="J3046" i="5" s="1"/>
  <c r="N3046" i="5" s="1"/>
  <c r="I3072" i="2"/>
  <c r="I3046" i="5" s="1"/>
  <c r="M6189" i="2"/>
  <c r="M6163" i="5" s="1"/>
  <c r="P6163" i="5" s="1"/>
  <c r="J6189" i="2"/>
  <c r="J6163" i="5" s="1"/>
  <c r="N6163" i="5" s="1"/>
  <c r="M489" i="2"/>
  <c r="M463" i="5" s="1"/>
  <c r="P463" i="5" s="1"/>
  <c r="L489" i="2"/>
  <c r="L463" i="5" s="1"/>
  <c r="K1288" i="2"/>
  <c r="K1262" i="5" s="1"/>
  <c r="J1288" i="2"/>
  <c r="J1262" i="5" s="1"/>
  <c r="N1262" i="5" s="1"/>
  <c r="L1288" i="2"/>
  <c r="L1262" i="5" s="1"/>
  <c r="I1288" i="2"/>
  <c r="I1262" i="5" s="1"/>
  <c r="L6984" i="2"/>
  <c r="L6958" i="5" s="1"/>
  <c r="M6984" i="2"/>
  <c r="M6958" i="5" s="1"/>
  <c r="P6958" i="5" s="1"/>
  <c r="K6984" i="2"/>
  <c r="K6958" i="5" s="1"/>
  <c r="I5946" i="2"/>
  <c r="I5920" i="5" s="1"/>
  <c r="L5946" i="2"/>
  <c r="L5920" i="5" s="1"/>
  <c r="M5946" i="2"/>
  <c r="M5920" i="5" s="1"/>
  <c r="P5920" i="5" s="1"/>
  <c r="J5946" i="2"/>
  <c r="J5920" i="5" s="1"/>
  <c r="N5920" i="5" s="1"/>
  <c r="M4582" i="2"/>
  <c r="M4556" i="5" s="1"/>
  <c r="P4556" i="5" s="1"/>
  <c r="I4582" i="2"/>
  <c r="I4556" i="5" s="1"/>
  <c r="J589" i="2"/>
  <c r="J563" i="5" s="1"/>
  <c r="N563" i="5" s="1"/>
  <c r="I414" i="2"/>
  <c r="I388" i="5" s="1"/>
  <c r="M414" i="2"/>
  <c r="M388" i="5" s="1"/>
  <c r="P388" i="5" s="1"/>
  <c r="K745" i="2"/>
  <c r="K719" i="5" s="1"/>
  <c r="O719" i="5" s="1"/>
  <c r="J7207" i="2"/>
  <c r="J7181" i="5" s="1"/>
  <c r="L7207" i="2"/>
  <c r="L7181" i="5" s="1"/>
  <c r="D333" i="5"/>
  <c r="AR327" i="1"/>
  <c r="L4253" i="2"/>
  <c r="L4227" i="5" s="1"/>
  <c r="J4253" i="2"/>
  <c r="J4227" i="5" s="1"/>
  <c r="N4227" i="5" s="1"/>
  <c r="I4510" i="2"/>
  <c r="I4484" i="5" s="1"/>
  <c r="L4510" i="2"/>
  <c r="L4484" i="5" s="1"/>
  <c r="J1943" i="2"/>
  <c r="J1917" i="5" s="1"/>
  <c r="I1960" i="2"/>
  <c r="I1934" i="5" s="1"/>
  <c r="K1960" i="2"/>
  <c r="K1934" i="5" s="1"/>
  <c r="M1960" i="2"/>
  <c r="M1934" i="5" s="1"/>
  <c r="P1934" i="5" s="1"/>
  <c r="J8787" i="2"/>
  <c r="J8761" i="5" s="1"/>
  <c r="L8787" i="2"/>
  <c r="L8761" i="5" s="1"/>
  <c r="K8787" i="2"/>
  <c r="K8761" i="5" s="1"/>
  <c r="I8787" i="2"/>
  <c r="I8761" i="5" s="1"/>
  <c r="M8787" i="2"/>
  <c r="M8761" i="5" s="1"/>
  <c r="P8761" i="5" s="1"/>
  <c r="L5289" i="2"/>
  <c r="L5263" i="5" s="1"/>
  <c r="I5289" i="2"/>
  <c r="I5263" i="5" s="1"/>
  <c r="J6987" i="2"/>
  <c r="J6961" i="5" s="1"/>
  <c r="N6961" i="5" s="1"/>
  <c r="I6987" i="2"/>
  <c r="I6961" i="5" s="1"/>
  <c r="M8191" i="2"/>
  <c r="M8165" i="5" s="1"/>
  <c r="P8165" i="5" s="1"/>
  <c r="K8191" i="2"/>
  <c r="K8165" i="5" s="1"/>
  <c r="O8165" i="5" s="1"/>
  <c r="F38" i="5"/>
  <c r="AR32" i="1"/>
  <c r="I1056" i="2"/>
  <c r="I1030" i="5" s="1"/>
  <c r="K1056" i="2"/>
  <c r="K1030" i="5" s="1"/>
  <c r="K4506" i="2"/>
  <c r="K4480" i="5" s="1"/>
  <c r="I952" i="2"/>
  <c r="I926" i="5" s="1"/>
  <c r="J952" i="2"/>
  <c r="J926" i="5" s="1"/>
  <c r="L952" i="2"/>
  <c r="L926" i="5" s="1"/>
  <c r="M7688" i="2"/>
  <c r="M7662" i="5" s="1"/>
  <c r="P7662" i="5" s="1"/>
  <c r="J4610" i="2"/>
  <c r="J4584" i="5" s="1"/>
  <c r="M2782" i="2"/>
  <c r="M2756" i="5" s="1"/>
  <c r="P2756" i="5" s="1"/>
  <c r="I2782" i="2"/>
  <c r="I2756" i="5" s="1"/>
  <c r="I1284" i="2"/>
  <c r="I1258" i="5" s="1"/>
  <c r="M1284" i="2"/>
  <c r="M1258" i="5" s="1"/>
  <c r="P1258" i="5" s="1"/>
  <c r="K1284" i="2"/>
  <c r="K1258" i="5" s="1"/>
  <c r="O1258" i="5" s="1"/>
  <c r="L235" i="2"/>
  <c r="L209" i="5" s="1"/>
  <c r="L7442" i="2"/>
  <c r="L7416" i="5" s="1"/>
  <c r="K2817" i="2"/>
  <c r="K2791" i="5" s="1"/>
  <c r="L5664" i="2"/>
  <c r="L5638" i="5" s="1"/>
  <c r="L1780" i="2"/>
  <c r="L1754" i="5" s="1"/>
  <c r="K3911" i="2"/>
  <c r="K3885" i="5" s="1"/>
  <c r="L3775" i="2"/>
  <c r="L3749" i="5" s="1"/>
  <c r="I3153" i="2"/>
  <c r="I3127" i="5" s="1"/>
  <c r="K3153" i="2"/>
  <c r="K3127" i="5" s="1"/>
  <c r="O3127" i="5" s="1"/>
  <c r="M3153" i="2"/>
  <c r="M3127" i="5" s="1"/>
  <c r="P3127" i="5" s="1"/>
  <c r="K3132" i="2"/>
  <c r="K3106" i="5" s="1"/>
  <c r="I3132" i="2"/>
  <c r="I3106" i="5" s="1"/>
  <c r="J1064" i="2"/>
  <c r="J1038" i="5" s="1"/>
  <c r="N1038" i="5" s="1"/>
  <c r="I6973" i="2"/>
  <c r="I6947" i="5" s="1"/>
  <c r="J6973" i="2"/>
  <c r="J6947" i="5" s="1"/>
  <c r="M3580" i="2"/>
  <c r="M3554" i="5" s="1"/>
  <c r="P3554" i="5" s="1"/>
  <c r="K3580" i="2"/>
  <c r="K3554" i="5" s="1"/>
  <c r="I3580" i="2"/>
  <c r="I3554" i="5" s="1"/>
  <c r="M7791" i="2"/>
  <c r="M7765" i="5" s="1"/>
  <c r="P7765" i="5" s="1"/>
  <c r="J7791" i="2"/>
  <c r="J7765" i="5" s="1"/>
  <c r="N7765" i="5" s="1"/>
  <c r="D173" i="5"/>
  <c r="AR167" i="1"/>
  <c r="K5244" i="2"/>
  <c r="K5218" i="5" s="1"/>
  <c r="J5244" i="2"/>
  <c r="J5218" i="5" s="1"/>
  <c r="N5218" i="5" s="1"/>
  <c r="L5244" i="2"/>
  <c r="L5218" i="5" s="1"/>
  <c r="J3140" i="2"/>
  <c r="J3114" i="5" s="1"/>
  <c r="N3114" i="5" s="1"/>
  <c r="I3574" i="2"/>
  <c r="I3548" i="5" s="1"/>
  <c r="I5443" i="2"/>
  <c r="I5417" i="5" s="1"/>
  <c r="L3256" i="2"/>
  <c r="L3230" i="5" s="1"/>
  <c r="J7033" i="2"/>
  <c r="J7007" i="5" s="1"/>
  <c r="N7007" i="5" s="1"/>
  <c r="I7033" i="2"/>
  <c r="I7007" i="5" s="1"/>
  <c r="I1316" i="2"/>
  <c r="I1290" i="5" s="1"/>
  <c r="L1316" i="2"/>
  <c r="L1290" i="5" s="1"/>
  <c r="I1315" i="2"/>
  <c r="I1289" i="5" s="1"/>
  <c r="I4990" i="2"/>
  <c r="I4964" i="5" s="1"/>
  <c r="L4990" i="2"/>
  <c r="L4964" i="5" s="1"/>
  <c r="I2893" i="2"/>
  <c r="I2867" i="5" s="1"/>
  <c r="J2893" i="2"/>
  <c r="J2867" i="5" s="1"/>
  <c r="N2867" i="5" s="1"/>
  <c r="K2893" i="2"/>
  <c r="K2867" i="5" s="1"/>
  <c r="K4153" i="2"/>
  <c r="K4127" i="5" s="1"/>
  <c r="O4127" i="5" s="1"/>
  <c r="I4153" i="2"/>
  <c r="I4127" i="5" s="1"/>
  <c r="J4153" i="2"/>
  <c r="J4127" i="5" s="1"/>
  <c r="N4127" i="5" s="1"/>
  <c r="M4153" i="2"/>
  <c r="M4127" i="5" s="1"/>
  <c r="P4127" i="5" s="1"/>
  <c r="L292" i="2"/>
  <c r="L266" i="5" s="1"/>
  <c r="K292" i="2"/>
  <c r="K266" i="5" s="1"/>
  <c r="J292" i="2"/>
  <c r="J266" i="5" s="1"/>
  <c r="N266" i="5" s="1"/>
  <c r="M292" i="2"/>
  <c r="M266" i="5" s="1"/>
  <c r="P266" i="5" s="1"/>
  <c r="I292" i="2"/>
  <c r="I266" i="5" s="1"/>
  <c r="M3098" i="2"/>
  <c r="M3072" i="5" s="1"/>
  <c r="P3072" i="5" s="1"/>
  <c r="I3098" i="2"/>
  <c r="I3072" i="5" s="1"/>
  <c r="I1141" i="2"/>
  <c r="I1115" i="5" s="1"/>
  <c r="I5961" i="2"/>
  <c r="I5935" i="5" s="1"/>
  <c r="L5961" i="2"/>
  <c r="L5935" i="5" s="1"/>
  <c r="K5961" i="2"/>
  <c r="K5935" i="5" s="1"/>
  <c r="M5961" i="2"/>
  <c r="M5935" i="5" s="1"/>
  <c r="P5935" i="5" s="1"/>
  <c r="I3001" i="2"/>
  <c r="I2975" i="5" s="1"/>
  <c r="L3001" i="2"/>
  <c r="L2975" i="5" s="1"/>
  <c r="K3001" i="2"/>
  <c r="K2975" i="5" s="1"/>
  <c r="J3001" i="2"/>
  <c r="J2975" i="5" s="1"/>
  <c r="N2975" i="5" s="1"/>
  <c r="K7997" i="2"/>
  <c r="K7971" i="5" s="1"/>
  <c r="L1566" i="2"/>
  <c r="L1540" i="5" s="1"/>
  <c r="K1566" i="2"/>
  <c r="K1540" i="5" s="1"/>
  <c r="M7987" i="2"/>
  <c r="M7961" i="5" s="1"/>
  <c r="P7961" i="5" s="1"/>
  <c r="M3172" i="2"/>
  <c r="M3146" i="5" s="1"/>
  <c r="P3146" i="5" s="1"/>
  <c r="I3922" i="2"/>
  <c r="I3896" i="5" s="1"/>
  <c r="I6765" i="2"/>
  <c r="I6739" i="5" s="1"/>
  <c r="I318" i="2"/>
  <c r="I292" i="5" s="1"/>
  <c r="K3739" i="2"/>
  <c r="K3713" i="5" s="1"/>
  <c r="O3713" i="5" s="1"/>
  <c r="L1148" i="2"/>
  <c r="L1122" i="5" s="1"/>
  <c r="J6324" i="2"/>
  <c r="J6298" i="5" s="1"/>
  <c r="N6298" i="5" s="1"/>
  <c r="I6324" i="2"/>
  <c r="I6298" i="5" s="1"/>
  <c r="L6324" i="2"/>
  <c r="L6298" i="5" s="1"/>
  <c r="I3439" i="2"/>
  <c r="I3413" i="5" s="1"/>
  <c r="I2957" i="2"/>
  <c r="I2931" i="5" s="1"/>
  <c r="L5936" i="2"/>
  <c r="L5910" i="5" s="1"/>
  <c r="I1280" i="2"/>
  <c r="I1254" i="5" s="1"/>
  <c r="L4834" i="2"/>
  <c r="L4808" i="5" s="1"/>
  <c r="K4834" i="2"/>
  <c r="K4808" i="5" s="1"/>
  <c r="L2593" i="2"/>
  <c r="L2567" i="5" s="1"/>
  <c r="L3009" i="2"/>
  <c r="L2983" i="5" s="1"/>
  <c r="M3009" i="2"/>
  <c r="M2983" i="5" s="1"/>
  <c r="P2983" i="5" s="1"/>
  <c r="K3009" i="2"/>
  <c r="K2983" i="5" s="1"/>
  <c r="L3607" i="2"/>
  <c r="L3581" i="5" s="1"/>
  <c r="I3607" i="2"/>
  <c r="I3581" i="5" s="1"/>
  <c r="G144" i="5"/>
  <c r="AR138" i="1"/>
  <c r="K7306" i="2"/>
  <c r="K7280" i="5" s="1"/>
  <c r="O7280" i="5" s="1"/>
  <c r="M7306" i="2"/>
  <c r="M7280" i="5" s="1"/>
  <c r="P7280" i="5" s="1"/>
  <c r="J7103" i="2"/>
  <c r="J7077" i="5" s="1"/>
  <c r="N7077" i="5" s="1"/>
  <c r="I7103" i="2"/>
  <c r="I7077" i="5" s="1"/>
  <c r="M7103" i="2"/>
  <c r="M7077" i="5" s="1"/>
  <c r="P7077" i="5" s="1"/>
  <c r="K7103" i="2"/>
  <c r="K7077" i="5" s="1"/>
  <c r="K1456" i="2"/>
  <c r="K1430" i="5" s="1"/>
  <c r="O1430" i="5" s="1"/>
  <c r="L7790" i="2"/>
  <c r="L7764" i="5" s="1"/>
  <c r="I7990" i="2"/>
  <c r="I7964" i="5" s="1"/>
  <c r="K6857" i="2"/>
  <c r="K6831" i="5" s="1"/>
  <c r="O6831" i="5" s="1"/>
  <c r="K3064" i="2"/>
  <c r="K3038" i="5" s="1"/>
  <c r="J7261" i="2"/>
  <c r="J7235" i="5" s="1"/>
  <c r="N7235" i="5" s="1"/>
  <c r="I7261" i="2"/>
  <c r="I7235" i="5" s="1"/>
  <c r="C60" i="5"/>
  <c r="J3003" i="2"/>
  <c r="J2977" i="5" s="1"/>
  <c r="N2977" i="5" s="1"/>
  <c r="M1064" i="2"/>
  <c r="M1038" i="5" s="1"/>
  <c r="P1038" i="5" s="1"/>
  <c r="M952" i="2"/>
  <c r="M926" i="5" s="1"/>
  <c r="P926" i="5" s="1"/>
  <c r="M3496" i="2"/>
  <c r="M3470" i="5" s="1"/>
  <c r="P3470" i="5" s="1"/>
  <c r="M5668" i="2"/>
  <c r="M5642" i="5" s="1"/>
  <c r="P5642" i="5" s="1"/>
  <c r="I1737" i="2"/>
  <c r="I1711" i="5" s="1"/>
  <c r="J6926" i="2"/>
  <c r="J6900" i="5" s="1"/>
  <c r="N6900" i="5" s="1"/>
  <c r="I1941" i="2"/>
  <c r="I1915" i="5" s="1"/>
  <c r="J1941" i="2"/>
  <c r="J1915" i="5" s="1"/>
  <c r="M1941" i="2"/>
  <c r="M1915" i="5" s="1"/>
  <c r="P1915" i="5" s="1"/>
  <c r="L473" i="2"/>
  <c r="L447" i="5" s="1"/>
  <c r="K473" i="2"/>
  <c r="K447" i="5" s="1"/>
  <c r="K2325" i="2"/>
  <c r="K2299" i="5" s="1"/>
  <c r="M2325" i="2"/>
  <c r="M2299" i="5" s="1"/>
  <c r="P2299" i="5" s="1"/>
  <c r="L3816" i="2"/>
  <c r="L3790" i="5" s="1"/>
  <c r="J3816" i="2"/>
  <c r="J3790" i="5" s="1"/>
  <c r="L6163" i="2"/>
  <c r="L6137" i="5" s="1"/>
  <c r="M6163" i="2"/>
  <c r="M6137" i="5" s="1"/>
  <c r="P6137" i="5" s="1"/>
  <c r="M2221" i="2"/>
  <c r="M2195" i="5" s="1"/>
  <c r="P2195" i="5" s="1"/>
  <c r="I2221" i="2"/>
  <c r="I2195" i="5" s="1"/>
  <c r="L4309" i="2"/>
  <c r="L4283" i="5" s="1"/>
  <c r="M4309" i="2"/>
  <c r="M4283" i="5" s="1"/>
  <c r="P4283" i="5" s="1"/>
  <c r="K4309" i="2"/>
  <c r="K4283" i="5" s="1"/>
  <c r="J2325" i="2"/>
  <c r="J2299" i="5" s="1"/>
  <c r="N2299" i="5" s="1"/>
  <c r="M4940" i="2"/>
  <c r="M4914" i="5" s="1"/>
  <c r="P4914" i="5" s="1"/>
  <c r="I7848" i="2"/>
  <c r="I7822" i="5" s="1"/>
  <c r="K7848" i="2"/>
  <c r="K7822" i="5" s="1"/>
  <c r="O7822" i="5" s="1"/>
  <c r="J1562" i="2"/>
  <c r="J1536" i="5" s="1"/>
  <c r="N1536" i="5" s="1"/>
  <c r="K7986" i="2"/>
  <c r="K7960" i="5" s="1"/>
  <c r="O7960" i="5" s="1"/>
  <c r="J1916" i="2"/>
  <c r="J1890" i="5" s="1"/>
  <c r="M1916" i="2"/>
  <c r="M1890" i="5" s="1"/>
  <c r="P1890" i="5" s="1"/>
  <c r="L1825" i="2"/>
  <c r="L1799" i="5" s="1"/>
  <c r="J2074" i="2"/>
  <c r="J2048" i="5" s="1"/>
  <c r="I2054" i="2"/>
  <c r="I2028" i="5" s="1"/>
  <c r="M2903" i="2"/>
  <c r="M2877" i="5" s="1"/>
  <c r="P2877" i="5" s="1"/>
  <c r="J7848" i="2"/>
  <c r="J7822" i="5" s="1"/>
  <c r="N7822" i="5" s="1"/>
  <c r="K2779" i="2"/>
  <c r="K2753" i="5" s="1"/>
  <c r="O2753" i="5" s="1"/>
  <c r="K5359" i="2"/>
  <c r="K5333" i="5" s="1"/>
  <c r="I103" i="2"/>
  <c r="I77" i="5" s="1"/>
  <c r="L2950" i="2"/>
  <c r="L2924" i="5" s="1"/>
  <c r="I4070" i="2"/>
  <c r="I4044" i="5" s="1"/>
  <c r="I2755" i="2"/>
  <c r="I2729" i="5" s="1"/>
  <c r="L5503" i="2"/>
  <c r="L5477" i="5" s="1"/>
  <c r="M3397" i="2"/>
  <c r="M3371" i="5" s="1"/>
  <c r="P3371" i="5" s="1"/>
  <c r="L3749" i="2"/>
  <c r="L3723" i="5" s="1"/>
  <c r="J4505" i="2"/>
  <c r="J4479" i="5" s="1"/>
  <c r="N4479" i="5" s="1"/>
  <c r="K2803" i="2"/>
  <c r="K2777" i="5" s="1"/>
  <c r="J6482" i="2"/>
  <c r="J6456" i="5" s="1"/>
  <c r="N6456" i="5" s="1"/>
  <c r="I4770" i="2"/>
  <c r="I4744" i="5" s="1"/>
  <c r="K4770" i="2"/>
  <c r="K4744" i="5" s="1"/>
  <c r="O4744" i="5" s="1"/>
  <c r="K4768" i="2"/>
  <c r="K4742" i="5" s="1"/>
  <c r="M4768" i="2"/>
  <c r="M4742" i="5" s="1"/>
  <c r="P4742" i="5" s="1"/>
  <c r="M4455" i="2"/>
  <c r="M4429" i="5" s="1"/>
  <c r="P4429" i="5" s="1"/>
  <c r="L4455" i="2"/>
  <c r="L4429" i="5" s="1"/>
  <c r="I4455" i="2"/>
  <c r="I4429" i="5" s="1"/>
  <c r="K4455" i="2"/>
  <c r="K4429" i="5" s="1"/>
  <c r="M4814" i="2"/>
  <c r="M4788" i="5" s="1"/>
  <c r="P4788" i="5" s="1"/>
  <c r="K4814" i="2"/>
  <c r="K4788" i="5" s="1"/>
  <c r="K7860" i="2"/>
  <c r="K7834" i="5" s="1"/>
  <c r="L7860" i="2"/>
  <c r="L7834" i="5" s="1"/>
  <c r="I8277" i="2"/>
  <c r="I8251" i="5" s="1"/>
  <c r="K8277" i="2"/>
  <c r="K8251" i="5" s="1"/>
  <c r="O8251" i="5" s="1"/>
  <c r="J2777" i="2"/>
  <c r="J2751" i="5" s="1"/>
  <c r="N2751" i="5" s="1"/>
  <c r="M2777" i="2"/>
  <c r="M2751" i="5" s="1"/>
  <c r="P2751" i="5" s="1"/>
  <c r="K8278" i="2"/>
  <c r="K8252" i="5" s="1"/>
  <c r="M3067" i="2"/>
  <c r="M3041" i="5" s="1"/>
  <c r="P3041" i="5" s="1"/>
  <c r="L3067" i="2"/>
  <c r="L3041" i="5" s="1"/>
  <c r="J6191" i="2"/>
  <c r="J6165" i="5" s="1"/>
  <c r="L6191" i="2"/>
  <c r="L6165" i="5" s="1"/>
  <c r="L4498" i="2"/>
  <c r="L4472" i="5" s="1"/>
  <c r="L3237" i="2"/>
  <c r="L3211" i="5" s="1"/>
  <c r="I5675" i="2"/>
  <c r="I5649" i="5" s="1"/>
  <c r="K3488" i="2"/>
  <c r="K3462" i="5" s="1"/>
  <c r="O3462" i="5" s="1"/>
  <c r="J3488" i="2"/>
  <c r="J3462" i="5" s="1"/>
  <c r="N3462" i="5" s="1"/>
  <c r="M3488" i="2"/>
  <c r="M3462" i="5" s="1"/>
  <c r="P3462" i="5" s="1"/>
  <c r="K6015" i="2"/>
  <c r="K5989" i="5" s="1"/>
  <c r="I1465" i="2"/>
  <c r="I1439" i="5" s="1"/>
  <c r="K1465" i="2"/>
  <c r="K1439" i="5" s="1"/>
  <c r="L1465" i="2"/>
  <c r="L1439" i="5" s="1"/>
  <c r="C297" i="5"/>
  <c r="AR291" i="1"/>
  <c r="I4326" i="2"/>
  <c r="I4300" i="5" s="1"/>
  <c r="J4326" i="2"/>
  <c r="J4300" i="5" s="1"/>
  <c r="N4300" i="5" s="1"/>
  <c r="I7965" i="2"/>
  <c r="I7939" i="5" s="1"/>
  <c r="K7965" i="2"/>
  <c r="K7939" i="5" s="1"/>
  <c r="M7965" i="2"/>
  <c r="M7939" i="5" s="1"/>
  <c r="P7939" i="5" s="1"/>
  <c r="L5794" i="2"/>
  <c r="L5768" i="5" s="1"/>
  <c r="I7644" i="2"/>
  <c r="I7618" i="5" s="1"/>
  <c r="M4468" i="2"/>
  <c r="M4442" i="5" s="1"/>
  <c r="P4442" i="5" s="1"/>
  <c r="J1936" i="2"/>
  <c r="J1910" i="5" s="1"/>
  <c r="N1910" i="5" s="1"/>
  <c r="I1936" i="2"/>
  <c r="I1910" i="5" s="1"/>
  <c r="M1936" i="2"/>
  <c r="M1910" i="5" s="1"/>
  <c r="P1910" i="5" s="1"/>
  <c r="L1936" i="2"/>
  <c r="L1910" i="5" s="1"/>
  <c r="L2222" i="2"/>
  <c r="L2196" i="5" s="1"/>
  <c r="I7607" i="2"/>
  <c r="I7581" i="5" s="1"/>
  <c r="K7607" i="2"/>
  <c r="K7581" i="5" s="1"/>
  <c r="O7581" i="5" s="1"/>
  <c r="K8113" i="2"/>
  <c r="K8087" i="5" s="1"/>
  <c r="O8087" i="5" s="1"/>
  <c r="K4785" i="2"/>
  <c r="K4759" i="5" s="1"/>
  <c r="O4759" i="5" s="1"/>
  <c r="M4785" i="2"/>
  <c r="M4759" i="5" s="1"/>
  <c r="P4759" i="5" s="1"/>
  <c r="M5814" i="2"/>
  <c r="M5788" i="5" s="1"/>
  <c r="P5788" i="5" s="1"/>
  <c r="L2555" i="2"/>
  <c r="L2529" i="5" s="1"/>
  <c r="I6265" i="2"/>
  <c r="I6239" i="5" s="1"/>
  <c r="I37" i="2"/>
  <c r="I11" i="5" s="1"/>
  <c r="K4778" i="2"/>
  <c r="K4752" i="5" s="1"/>
  <c r="O4752" i="5" s="1"/>
  <c r="J4778" i="2"/>
  <c r="J4752" i="5" s="1"/>
  <c r="N4752" i="5" s="1"/>
  <c r="M4773" i="2"/>
  <c r="M4747" i="5" s="1"/>
  <c r="P4747" i="5" s="1"/>
  <c r="M2991" i="2"/>
  <c r="M2965" i="5" s="1"/>
  <c r="P2965" i="5" s="1"/>
  <c r="I2991" i="2"/>
  <c r="I2965" i="5" s="1"/>
  <c r="M3806" i="2"/>
  <c r="M3780" i="5" s="1"/>
  <c r="P3780" i="5" s="1"/>
  <c r="K3806" i="2"/>
  <c r="K3780" i="5" s="1"/>
  <c r="O3780" i="5" s="1"/>
  <c r="K6124" i="2"/>
  <c r="K6098" i="5" s="1"/>
  <c r="O6098" i="5" s="1"/>
  <c r="M6124" i="2"/>
  <c r="M6098" i="5" s="1"/>
  <c r="P6098" i="5" s="1"/>
  <c r="K4267" i="2"/>
  <c r="K4241" i="5" s="1"/>
  <c r="M4932" i="2"/>
  <c r="M4906" i="5" s="1"/>
  <c r="P4906" i="5" s="1"/>
  <c r="J2588" i="2"/>
  <c r="J2562" i="5" s="1"/>
  <c r="J4265" i="2"/>
  <c r="J4239" i="5" s="1"/>
  <c r="L3617" i="2"/>
  <c r="L3591" i="5" s="1"/>
  <c r="L3829" i="2"/>
  <c r="L3803" i="5" s="1"/>
  <c r="M6128" i="2"/>
  <c r="M6102" i="5" s="1"/>
  <c r="P6102" i="5" s="1"/>
  <c r="I6128" i="2"/>
  <c r="I6102" i="5" s="1"/>
  <c r="L5318" i="2"/>
  <c r="L5292" i="5" s="1"/>
  <c r="M5318" i="2"/>
  <c r="M5292" i="5" s="1"/>
  <c r="P5292" i="5" s="1"/>
  <c r="J5318" i="2"/>
  <c r="J5292" i="5" s="1"/>
  <c r="M1146" i="2"/>
  <c r="M1120" i="5" s="1"/>
  <c r="P1120" i="5" s="1"/>
  <c r="I5973" i="2"/>
  <c r="I5947" i="5" s="1"/>
  <c r="M2612" i="2"/>
  <c r="M2586" i="5" s="1"/>
  <c r="P2586" i="5" s="1"/>
  <c r="J6628" i="2"/>
  <c r="J6602" i="5" s="1"/>
  <c r="N6602" i="5" s="1"/>
  <c r="J5517" i="2"/>
  <c r="J5491" i="5" s="1"/>
  <c r="N5491" i="5" s="1"/>
  <c r="L62" i="2"/>
  <c r="L36" i="5" s="1"/>
  <c r="J3827" i="2"/>
  <c r="J3801" i="5" s="1"/>
  <c r="N3801" i="5" s="1"/>
  <c r="L763" i="2"/>
  <c r="L737" i="5" s="1"/>
  <c r="K912" i="2"/>
  <c r="K886" i="5" s="1"/>
  <c r="K301" i="2"/>
  <c r="K275" i="5" s="1"/>
  <c r="O275" i="5" s="1"/>
  <c r="I8504" i="2"/>
  <c r="I8478" i="5" s="1"/>
  <c r="I1052" i="2"/>
  <c r="I1026" i="5" s="1"/>
  <c r="I7686" i="2"/>
  <c r="I7660" i="5" s="1"/>
  <c r="L4273" i="2"/>
  <c r="L4247" i="5" s="1"/>
  <c r="J4846" i="2"/>
  <c r="J4820" i="5" s="1"/>
  <c r="N4820" i="5" s="1"/>
  <c r="L5636" i="2"/>
  <c r="L5610" i="5" s="1"/>
  <c r="I2066" i="2"/>
  <c r="I2040" i="5" s="1"/>
  <c r="J6167" i="2"/>
  <c r="J6141" i="5" s="1"/>
  <c r="N6141" i="5" s="1"/>
  <c r="J6304" i="2"/>
  <c r="J6278" i="5" s="1"/>
  <c r="N6278" i="5" s="1"/>
  <c r="K206" i="2"/>
  <c r="K180" i="5" s="1"/>
  <c r="O180" i="5" s="1"/>
  <c r="L1323" i="2"/>
  <c r="L1297" i="5" s="1"/>
  <c r="J5927" i="2"/>
  <c r="J5901" i="5" s="1"/>
  <c r="N5901" i="5" s="1"/>
  <c r="I6124" i="2"/>
  <c r="I6098" i="5" s="1"/>
  <c r="K8179" i="2"/>
  <c r="K8153" i="5" s="1"/>
  <c r="O8153" i="5" s="1"/>
  <c r="M6699" i="2"/>
  <c r="M6673" i="5" s="1"/>
  <c r="P6673" i="5" s="1"/>
  <c r="L2777" i="2"/>
  <c r="L2751" i="5" s="1"/>
  <c r="I5248" i="2"/>
  <c r="I5222" i="5" s="1"/>
  <c r="K2088" i="2"/>
  <c r="K2062" i="5" s="1"/>
  <c r="O2062" i="5" s="1"/>
  <c r="M1472" i="2"/>
  <c r="M1446" i="5" s="1"/>
  <c r="P1446" i="5" s="1"/>
  <c r="J2665" i="2"/>
  <c r="J2639" i="5" s="1"/>
  <c r="N2639" i="5" s="1"/>
  <c r="J1600" i="2"/>
  <c r="J1574" i="5" s="1"/>
  <c r="N1574" i="5" s="1"/>
  <c r="K8440" i="2"/>
  <c r="K8414" i="5" s="1"/>
  <c r="L5167" i="2"/>
  <c r="L5141" i="5" s="1"/>
  <c r="J8159" i="2"/>
  <c r="J8133" i="5" s="1"/>
  <c r="N8133" i="5" s="1"/>
  <c r="K5128" i="2"/>
  <c r="K5102" i="5" s="1"/>
  <c r="M7621" i="2"/>
  <c r="M7595" i="5" s="1"/>
  <c r="P7595" i="5" s="1"/>
  <c r="K5178" i="2"/>
  <c r="K5152" i="5" s="1"/>
  <c r="K5515" i="2"/>
  <c r="K5489" i="5" s="1"/>
  <c r="K7169" i="2"/>
  <c r="K7143" i="5" s="1"/>
  <c r="M114" i="2"/>
  <c r="M88" i="5" s="1"/>
  <c r="P88" i="5" s="1"/>
  <c r="M4450" i="2"/>
  <c r="M4424" i="5" s="1"/>
  <c r="P4424" i="5" s="1"/>
  <c r="M6308" i="2"/>
  <c r="M6282" i="5" s="1"/>
  <c r="P6282" i="5" s="1"/>
  <c r="K1107" i="2"/>
  <c r="K1081" i="5" s="1"/>
  <c r="I3633" i="2"/>
  <c r="I3607" i="5" s="1"/>
  <c r="L1056" i="2"/>
  <c r="L1030" i="5" s="1"/>
  <c r="M3441" i="2"/>
  <c r="M3415" i="5" s="1"/>
  <c r="P3415" i="5" s="1"/>
  <c r="L7963" i="2"/>
  <c r="L7937" i="5" s="1"/>
  <c r="K1307" i="2"/>
  <c r="K1281" i="5" s="1"/>
  <c r="M7799" i="2"/>
  <c r="M7773" i="5" s="1"/>
  <c r="P7773" i="5" s="1"/>
  <c r="L1451" i="2"/>
  <c r="L1425" i="5" s="1"/>
  <c r="J2601" i="2"/>
  <c r="J2575" i="5" s="1"/>
  <c r="N2575" i="5" s="1"/>
  <c r="I7362" i="2"/>
  <c r="I7336" i="5" s="1"/>
  <c r="M2820" i="2"/>
  <c r="M2794" i="5" s="1"/>
  <c r="P2794" i="5" s="1"/>
  <c r="K4086" i="2"/>
  <c r="K4060" i="5" s="1"/>
  <c r="M1596" i="2"/>
  <c r="M1570" i="5" s="1"/>
  <c r="P1570" i="5" s="1"/>
  <c r="I3847" i="2"/>
  <c r="I3821" i="5" s="1"/>
  <c r="K5134" i="2"/>
  <c r="K5108" i="5" s="1"/>
  <c r="J2932" i="2"/>
  <c r="J2906" i="5" s="1"/>
  <c r="N2906" i="5" s="1"/>
  <c r="K2962" i="2"/>
  <c r="K2936" i="5" s="1"/>
  <c r="I7490" i="2"/>
  <c r="I7464" i="5" s="1"/>
  <c r="L3114" i="2"/>
  <c r="L3088" i="5" s="1"/>
  <c r="K6591" i="2"/>
  <c r="K6565" i="5" s="1"/>
  <c r="J891" i="2"/>
  <c r="J865" i="5" s="1"/>
  <c r="N865" i="5" s="1"/>
  <c r="I3118" i="2"/>
  <c r="I3092" i="5" s="1"/>
  <c r="I7466" i="2"/>
  <c r="I7440" i="5" s="1"/>
  <c r="L8334" i="2"/>
  <c r="L8308" i="5" s="1"/>
  <c r="L4578" i="2"/>
  <c r="L4552" i="5" s="1"/>
  <c r="J3815" i="2"/>
  <c r="J3789" i="5" s="1"/>
  <c r="N3789" i="5" s="1"/>
  <c r="M5820" i="2"/>
  <c r="M5794" i="5" s="1"/>
  <c r="P5794" i="5" s="1"/>
  <c r="L2996" i="2"/>
  <c r="L2970" i="5" s="1"/>
  <c r="L4504" i="2"/>
  <c r="L4478" i="5" s="1"/>
  <c r="L8492" i="2"/>
  <c r="L8466" i="5" s="1"/>
  <c r="J4269" i="2"/>
  <c r="J4243" i="5" s="1"/>
  <c r="N4243" i="5" s="1"/>
  <c r="M3985" i="2"/>
  <c r="M3959" i="5" s="1"/>
  <c r="P3959" i="5" s="1"/>
  <c r="K601" i="2"/>
  <c r="K575" i="5" s="1"/>
  <c r="K419" i="2"/>
  <c r="K393" i="5" s="1"/>
  <c r="L3677" i="2"/>
  <c r="L3651" i="5" s="1"/>
  <c r="M1238" i="2"/>
  <c r="M1212" i="5" s="1"/>
  <c r="P1212" i="5" s="1"/>
  <c r="L7484" i="2"/>
  <c r="L7458" i="5" s="1"/>
  <c r="I6508" i="2"/>
  <c r="I6482" i="5" s="1"/>
  <c r="L5775" i="2"/>
  <c r="L5749" i="5" s="1"/>
  <c r="K2989" i="2"/>
  <c r="K2963" i="5" s="1"/>
  <c r="O2963" i="5" s="1"/>
  <c r="L4622" i="2"/>
  <c r="L4596" i="5" s="1"/>
  <c r="K7678" i="2"/>
  <c r="K7652" i="5" s="1"/>
  <c r="K1584" i="2"/>
  <c r="K1558" i="5" s="1"/>
  <c r="M1106" i="2"/>
  <c r="M1080" i="5" s="1"/>
  <c r="P1080" i="5" s="1"/>
  <c r="I8499" i="2"/>
  <c r="I8473" i="5" s="1"/>
  <c r="J1933" i="2"/>
  <c r="J1907" i="5" s="1"/>
  <c r="N1907" i="5" s="1"/>
  <c r="I3171" i="2"/>
  <c r="I3145" i="5" s="1"/>
  <c r="L5312" i="2"/>
  <c r="L5286" i="5" s="1"/>
  <c r="M6195" i="2"/>
  <c r="M6169" i="5" s="1"/>
  <c r="P6169" i="5" s="1"/>
  <c r="J1059" i="2"/>
  <c r="J1033" i="5" s="1"/>
  <c r="N1033" i="5" s="1"/>
  <c r="M422" i="2"/>
  <c r="M396" i="5" s="1"/>
  <c r="P396" i="5" s="1"/>
  <c r="J7972" i="2"/>
  <c r="J7946" i="5" s="1"/>
  <c r="N7946" i="5" s="1"/>
  <c r="J5693" i="2"/>
  <c r="J5667" i="5" s="1"/>
  <c r="N5667" i="5" s="1"/>
  <c r="J7155" i="2"/>
  <c r="J7129" i="5" s="1"/>
  <c r="N7129" i="5" s="1"/>
  <c r="L3332" i="2"/>
  <c r="L3306" i="5" s="1"/>
  <c r="I8339" i="2"/>
  <c r="I8313" i="5" s="1"/>
  <c r="L8131" i="2"/>
  <c r="L8105" i="5" s="1"/>
  <c r="J4910" i="2"/>
  <c r="J4884" i="5" s="1"/>
  <c r="N4884" i="5" s="1"/>
  <c r="L4136" i="2"/>
  <c r="L4110" i="5" s="1"/>
  <c r="K6345" i="2"/>
  <c r="K6319" i="5" s="1"/>
  <c r="M8299" i="2"/>
  <c r="M8273" i="5" s="1"/>
  <c r="P8273" i="5" s="1"/>
  <c r="J1280" i="2"/>
  <c r="J1254" i="5" s="1"/>
  <c r="N1254" i="5" s="1"/>
  <c r="I2733" i="2"/>
  <c r="I2707" i="5" s="1"/>
  <c r="J6475" i="2"/>
  <c r="J6449" i="5" s="1"/>
  <c r="K2657" i="2"/>
  <c r="K2631" i="5" s="1"/>
  <c r="L2753" i="2"/>
  <c r="L2727" i="5" s="1"/>
  <c r="I6469" i="2"/>
  <c r="I6443" i="5" s="1"/>
  <c r="I250" i="2"/>
  <c r="I224" i="5" s="1"/>
  <c r="L7656" i="2"/>
  <c r="L7630" i="5" s="1"/>
  <c r="K771" i="2"/>
  <c r="K745" i="5" s="1"/>
  <c r="I8175" i="2"/>
  <c r="I8149" i="5" s="1"/>
  <c r="I135" i="2"/>
  <c r="I109" i="5" s="1"/>
  <c r="M5505" i="2"/>
  <c r="M5479" i="5" s="1"/>
  <c r="P5479" i="5" s="1"/>
  <c r="J3273" i="2"/>
  <c r="J3247" i="5" s="1"/>
  <c r="N3247" i="5" s="1"/>
  <c r="L3913" i="2"/>
  <c r="L3887" i="5" s="1"/>
  <c r="J6643" i="2"/>
  <c r="J6617" i="5" s="1"/>
  <c r="N6617" i="5" s="1"/>
  <c r="L7185" i="2"/>
  <c r="L7159" i="5" s="1"/>
  <c r="L8342" i="2"/>
  <c r="L8316" i="5" s="1"/>
  <c r="K3732" i="2"/>
  <c r="K3706" i="5" s="1"/>
  <c r="I1589" i="2"/>
  <c r="I1563" i="5" s="1"/>
  <c r="K6097" i="2"/>
  <c r="K6071" i="5" s="1"/>
  <c r="I6619" i="2"/>
  <c r="I6593" i="5" s="1"/>
  <c r="J2386" i="2"/>
  <c r="J2360" i="5" s="1"/>
  <c r="I5972" i="2"/>
  <c r="I5946" i="5" s="1"/>
  <c r="L1488" i="2"/>
  <c r="L1462" i="5" s="1"/>
  <c r="L273" i="2"/>
  <c r="L247" i="5" s="1"/>
  <c r="I6005" i="2"/>
  <c r="I5979" i="5" s="1"/>
  <c r="L8680" i="2"/>
  <c r="L8654" i="5" s="1"/>
  <c r="I7773" i="2"/>
  <c r="I7747" i="5" s="1"/>
  <c r="J6594" i="2"/>
  <c r="J6568" i="5" s="1"/>
  <c r="K906" i="2"/>
  <c r="K880" i="5" s="1"/>
  <c r="O880" i="5" s="1"/>
  <c r="J1587" i="2"/>
  <c r="J1561" i="5" s="1"/>
  <c r="N1561" i="5" s="1"/>
  <c r="J5831" i="2"/>
  <c r="J5805" i="5" s="1"/>
  <c r="N5805" i="5" s="1"/>
  <c r="J4426" i="2"/>
  <c r="J4400" i="5" s="1"/>
  <c r="N4400" i="5" s="1"/>
  <c r="K3610" i="2"/>
  <c r="K3584" i="5" s="1"/>
  <c r="L208" i="2"/>
  <c r="L182" i="5" s="1"/>
  <c r="I3111" i="2"/>
  <c r="I3085" i="5" s="1"/>
  <c r="I5663" i="2"/>
  <c r="I5637" i="5" s="1"/>
  <c r="K7318" i="2"/>
  <c r="K7292" i="5" s="1"/>
  <c r="M2056" i="2"/>
  <c r="M2030" i="5" s="1"/>
  <c r="P2030" i="5" s="1"/>
  <c r="L7620" i="2"/>
  <c r="L7594" i="5" s="1"/>
  <c r="I6163" i="2"/>
  <c r="I6137" i="5" s="1"/>
  <c r="K5600" i="2"/>
  <c r="K5574" i="5" s="1"/>
  <c r="O5574" i="5" s="1"/>
  <c r="M1572" i="2"/>
  <c r="M1546" i="5" s="1"/>
  <c r="P1546" i="5" s="1"/>
  <c r="K413" i="2"/>
  <c r="K387" i="5" s="1"/>
  <c r="J6820" i="2"/>
  <c r="J6794" i="5" s="1"/>
  <c r="N6794" i="5" s="1"/>
  <c r="L1241" i="2"/>
  <c r="L1215" i="5" s="1"/>
  <c r="K5665" i="2"/>
  <c r="K5639" i="5" s="1"/>
  <c r="O5639" i="5" s="1"/>
  <c r="K5260" i="2"/>
  <c r="K5234" i="5" s="1"/>
  <c r="I963" i="2"/>
  <c r="I937" i="5" s="1"/>
  <c r="M5801" i="2"/>
  <c r="M5775" i="5" s="1"/>
  <c r="P5775" i="5" s="1"/>
  <c r="M1439" i="2"/>
  <c r="M1413" i="5" s="1"/>
  <c r="P1413" i="5" s="1"/>
  <c r="I4277" i="2"/>
  <c r="I4251" i="5" s="1"/>
  <c r="L4262" i="2"/>
  <c r="L4236" i="5" s="1"/>
  <c r="K2600" i="2"/>
  <c r="K2574" i="5" s="1"/>
  <c r="L1252" i="2"/>
  <c r="L1226" i="5" s="1"/>
  <c r="M111" i="2"/>
  <c r="M85" i="5" s="1"/>
  <c r="P85" i="5" s="1"/>
  <c r="L4768" i="2"/>
  <c r="L4742" i="5" s="1"/>
  <c r="L8791" i="2"/>
  <c r="L8765" i="5" s="1"/>
  <c r="K3582" i="2"/>
  <c r="K3556" i="5" s="1"/>
  <c r="O3556" i="5" s="1"/>
  <c r="J4003" i="2"/>
  <c r="J3977" i="5" s="1"/>
  <c r="N3977" i="5" s="1"/>
  <c r="J4069" i="2"/>
  <c r="J4043" i="5" s="1"/>
  <c r="N4043" i="5" s="1"/>
  <c r="K387" i="2"/>
  <c r="K361" i="5" s="1"/>
  <c r="K5854" i="2"/>
  <c r="K5828" i="5" s="1"/>
  <c r="I819" i="2"/>
  <c r="I793" i="5" s="1"/>
  <c r="K4795" i="2"/>
  <c r="K4769" i="5" s="1"/>
  <c r="L4438" i="2"/>
  <c r="L4412" i="5" s="1"/>
  <c r="M8357" i="2"/>
  <c r="M8331" i="5" s="1"/>
  <c r="P8331" i="5" s="1"/>
  <c r="K8675" i="2"/>
  <c r="K8649" i="5" s="1"/>
  <c r="M7698" i="2"/>
  <c r="M7672" i="5" s="1"/>
  <c r="P7672" i="5" s="1"/>
  <c r="J3401" i="2"/>
  <c r="J3375" i="5" s="1"/>
  <c r="N3375" i="5" s="1"/>
  <c r="M8465" i="2"/>
  <c r="M8439" i="5" s="1"/>
  <c r="P8439" i="5" s="1"/>
  <c r="M2972" i="2"/>
  <c r="M2946" i="5" s="1"/>
  <c r="P2946" i="5" s="1"/>
  <c r="I2972" i="2"/>
  <c r="I2946" i="5" s="1"/>
  <c r="K2972" i="2"/>
  <c r="K2946" i="5" s="1"/>
  <c r="O2946" i="5" s="1"/>
  <c r="J2972" i="2"/>
  <c r="J2946" i="5" s="1"/>
  <c r="N2946" i="5" s="1"/>
  <c r="L805" i="2"/>
  <c r="L779" i="5" s="1"/>
  <c r="I813" i="2"/>
  <c r="I787" i="5" s="1"/>
  <c r="I2610" i="2"/>
  <c r="I2584" i="5" s="1"/>
  <c r="K2610" i="2"/>
  <c r="K2584" i="5" s="1"/>
  <c r="L3254" i="2"/>
  <c r="L3228" i="5" s="1"/>
  <c r="I3254" i="2"/>
  <c r="I3228" i="5" s="1"/>
  <c r="L8639" i="2"/>
  <c r="L8613" i="5" s="1"/>
  <c r="M8639" i="2"/>
  <c r="M8613" i="5" s="1"/>
  <c r="P8613" i="5" s="1"/>
  <c r="J8639" i="2"/>
  <c r="J8613" i="5" s="1"/>
  <c r="N8613" i="5" s="1"/>
  <c r="I8639" i="2"/>
  <c r="I8613" i="5" s="1"/>
  <c r="AR230" i="1"/>
  <c r="C236" i="5"/>
  <c r="L263" i="2"/>
  <c r="L237" i="5" s="1"/>
  <c r="J263" i="2"/>
  <c r="J237" i="5" s="1"/>
  <c r="N237" i="5" s="1"/>
  <c r="M263" i="2"/>
  <c r="M237" i="5" s="1"/>
  <c r="P237" i="5" s="1"/>
  <c r="J6296" i="2"/>
  <c r="J6270" i="5" s="1"/>
  <c r="N6270" i="5" s="1"/>
  <c r="L6296" i="2"/>
  <c r="L6270" i="5" s="1"/>
  <c r="M6296" i="2"/>
  <c r="M6270" i="5" s="1"/>
  <c r="P6270" i="5" s="1"/>
  <c r="L5018" i="2"/>
  <c r="L4992" i="5" s="1"/>
  <c r="J2669" i="2"/>
  <c r="J2643" i="5" s="1"/>
  <c r="N2643" i="5" s="1"/>
  <c r="M2669" i="2"/>
  <c r="M2643" i="5" s="1"/>
  <c r="P2643" i="5" s="1"/>
  <c r="I2669" i="2"/>
  <c r="I2643" i="5" s="1"/>
  <c r="J218" i="2"/>
  <c r="J192" i="5" s="1"/>
  <c r="N192" i="5" s="1"/>
  <c r="K218" i="2"/>
  <c r="K192" i="5" s="1"/>
  <c r="O192" i="5" s="1"/>
  <c r="K7948" i="2"/>
  <c r="K7922" i="5" s="1"/>
  <c r="O7922" i="5" s="1"/>
  <c r="I7948" i="2"/>
  <c r="I7922" i="5" s="1"/>
  <c r="M7948" i="2"/>
  <c r="M7922" i="5" s="1"/>
  <c r="P7922" i="5" s="1"/>
  <c r="I8470" i="2"/>
  <c r="I8444" i="5" s="1"/>
  <c r="M6457" i="2"/>
  <c r="M6431" i="5" s="1"/>
  <c r="P6431" i="5" s="1"/>
  <c r="L1624" i="2"/>
  <c r="L1598" i="5" s="1"/>
  <c r="L2747" i="2"/>
  <c r="L2721" i="5" s="1"/>
  <c r="I6088" i="2"/>
  <c r="I6062" i="5" s="1"/>
  <c r="L48" i="2"/>
  <c r="L22" i="5" s="1"/>
  <c r="M1228" i="2"/>
  <c r="M1202" i="5" s="1"/>
  <c r="P1202" i="5" s="1"/>
  <c r="I1414" i="2"/>
  <c r="I1388" i="5" s="1"/>
  <c r="J5015" i="2"/>
  <c r="J4989" i="5" s="1"/>
  <c r="N4989" i="5" s="1"/>
  <c r="I2295" i="2"/>
  <c r="I2269" i="5" s="1"/>
  <c r="I2252" i="2"/>
  <c r="I2226" i="5" s="1"/>
  <c r="I6664" i="2"/>
  <c r="I6638" i="5" s="1"/>
  <c r="K3343" i="2"/>
  <c r="K3317" i="5" s="1"/>
  <c r="M3642" i="2"/>
  <c r="M3616" i="5" s="1"/>
  <c r="P3616" i="5" s="1"/>
  <c r="L7770" i="2"/>
  <c r="L7744" i="5" s="1"/>
  <c r="K4003" i="2"/>
  <c r="K3977" i="5" s="1"/>
  <c r="I376" i="2"/>
  <c r="I350" i="5" s="1"/>
  <c r="L8470" i="2"/>
  <c r="L8444" i="5" s="1"/>
  <c r="K4069" i="2"/>
  <c r="K4043" i="5" s="1"/>
  <c r="J8543" i="2"/>
  <c r="J8517" i="5" s="1"/>
  <c r="M4647" i="2"/>
  <c r="M4621" i="5" s="1"/>
  <c r="P4621" i="5" s="1"/>
  <c r="J4342" i="2"/>
  <c r="J4316" i="5" s="1"/>
  <c r="N4316" i="5" s="1"/>
  <c r="J4302" i="2"/>
  <c r="J4276" i="5" s="1"/>
  <c r="N4276" i="5" s="1"/>
  <c r="I4795" i="2"/>
  <c r="I4769" i="5" s="1"/>
  <c r="K7271" i="2"/>
  <c r="K7245" i="5" s="1"/>
  <c r="K7625" i="2"/>
  <c r="K7599" i="5" s="1"/>
  <c r="O7599" i="5" s="1"/>
  <c r="M4438" i="2"/>
  <c r="M4412" i="5" s="1"/>
  <c r="P4412" i="5" s="1"/>
  <c r="L8357" i="2"/>
  <c r="L8331" i="5" s="1"/>
  <c r="M3444" i="2"/>
  <c r="M3418" i="5" s="1"/>
  <c r="P3418" i="5" s="1"/>
  <c r="K5332" i="2"/>
  <c r="K5306" i="5" s="1"/>
  <c r="O5306" i="5" s="1"/>
  <c r="K7999" i="2"/>
  <c r="K7973" i="5" s="1"/>
  <c r="J1639" i="2"/>
  <c r="J1613" i="5" s="1"/>
  <c r="N1613" i="5" s="1"/>
  <c r="M1279" i="2"/>
  <c r="M1253" i="5" s="1"/>
  <c r="P1253" i="5" s="1"/>
  <c r="M756" i="2"/>
  <c r="M730" i="5" s="1"/>
  <c r="P730" i="5" s="1"/>
  <c r="M2310" i="2"/>
  <c r="M2284" i="5" s="1"/>
  <c r="P2284" i="5" s="1"/>
  <c r="I5589" i="2"/>
  <c r="I5563" i="5" s="1"/>
  <c r="AR339" i="1"/>
  <c r="K2265" i="2"/>
  <c r="K2239" i="5" s="1"/>
  <c r="J3444" i="2"/>
  <c r="J3418" i="5" s="1"/>
  <c r="N3418" i="5" s="1"/>
  <c r="K3788" i="2"/>
  <c r="K3762" i="5" s="1"/>
  <c r="M3788" i="2"/>
  <c r="M3762" i="5" s="1"/>
  <c r="P3762" i="5" s="1"/>
  <c r="I3788" i="2"/>
  <c r="I3762" i="5" s="1"/>
  <c r="J3788" i="2"/>
  <c r="J3762" i="5" s="1"/>
  <c r="N3762" i="5" s="1"/>
  <c r="K6937" i="2"/>
  <c r="K6911" i="5" s="1"/>
  <c r="L6937" i="2"/>
  <c r="L6911" i="5" s="1"/>
  <c r="J6937" i="2"/>
  <c r="J6911" i="5" s="1"/>
  <c r="N6911" i="5" s="1"/>
  <c r="M2306" i="2"/>
  <c r="M2280" i="5" s="1"/>
  <c r="P2280" i="5" s="1"/>
  <c r="L2306" i="2"/>
  <c r="L2280" i="5" s="1"/>
  <c r="K2306" i="2"/>
  <c r="K2280" i="5" s="1"/>
  <c r="J2306" i="2"/>
  <c r="J2280" i="5" s="1"/>
  <c r="N2280" i="5" s="1"/>
  <c r="I2306" i="2"/>
  <c r="I2280" i="5" s="1"/>
  <c r="K6846" i="2"/>
  <c r="K6820" i="5" s="1"/>
  <c r="M6846" i="2"/>
  <c r="M6820" i="5" s="1"/>
  <c r="P6820" i="5" s="1"/>
  <c r="J6846" i="2"/>
  <c r="J6820" i="5" s="1"/>
  <c r="N6820" i="5" s="1"/>
  <c r="I6846" i="2"/>
  <c r="I6820" i="5" s="1"/>
  <c r="M8039" i="2"/>
  <c r="M8013" i="5" s="1"/>
  <c r="P8013" i="5" s="1"/>
  <c r="K8039" i="2"/>
  <c r="K8013" i="5" s="1"/>
  <c r="J8039" i="2"/>
  <c r="J8013" i="5" s="1"/>
  <c r="N8013" i="5" s="1"/>
  <c r="L8039" i="2"/>
  <c r="L8013" i="5" s="1"/>
  <c r="I8039" i="2"/>
  <c r="I8013" i="5" s="1"/>
  <c r="K6431" i="2"/>
  <c r="K6405" i="5" s="1"/>
  <c r="L6431" i="2"/>
  <c r="L6405" i="5" s="1"/>
  <c r="J5593" i="2"/>
  <c r="J5567" i="5" s="1"/>
  <c r="N5567" i="5" s="1"/>
  <c r="M5593" i="2"/>
  <c r="M5567" i="5" s="1"/>
  <c r="P5567" i="5" s="1"/>
  <c r="I5593" i="2"/>
  <c r="I5567" i="5" s="1"/>
  <c r="M1078" i="2"/>
  <c r="M1052" i="5" s="1"/>
  <c r="P1052" i="5" s="1"/>
  <c r="K1078" i="2"/>
  <c r="K1052" i="5" s="1"/>
  <c r="I1078" i="2"/>
  <c r="I1052" i="5" s="1"/>
  <c r="L1078" i="2"/>
  <c r="L1052" i="5" s="1"/>
  <c r="K3910" i="2"/>
  <c r="K3884" i="5" s="1"/>
  <c r="J7014" i="2"/>
  <c r="J6988" i="5" s="1"/>
  <c r="N6988" i="5" s="1"/>
  <c r="M7014" i="2"/>
  <c r="M6988" i="5" s="1"/>
  <c r="P6988" i="5" s="1"/>
  <c r="I5976" i="2"/>
  <c r="I5950" i="5" s="1"/>
  <c r="K5976" i="2"/>
  <c r="K5950" i="5" s="1"/>
  <c r="O5950" i="5" s="1"/>
  <c r="M1406" i="2"/>
  <c r="M1380" i="5" s="1"/>
  <c r="P1380" i="5" s="1"/>
  <c r="I1406" i="2"/>
  <c r="I1380" i="5" s="1"/>
  <c r="M3899" i="2"/>
  <c r="M3873" i="5" s="1"/>
  <c r="P3873" i="5" s="1"/>
  <c r="L3899" i="2"/>
  <c r="L3873" i="5" s="1"/>
  <c r="K8137" i="2"/>
  <c r="K8111" i="5" s="1"/>
  <c r="L8137" i="2"/>
  <c r="L8111" i="5" s="1"/>
  <c r="I8137" i="2"/>
  <c r="I8111" i="5" s="1"/>
  <c r="M8137" i="2"/>
  <c r="M8111" i="5" s="1"/>
  <c r="P8111" i="5" s="1"/>
  <c r="J8137" i="2"/>
  <c r="J8111" i="5" s="1"/>
  <c r="N8111" i="5" s="1"/>
  <c r="K1124" i="2"/>
  <c r="K1098" i="5" s="1"/>
  <c r="M1124" i="2"/>
  <c r="M1098" i="5" s="1"/>
  <c r="P1098" i="5" s="1"/>
  <c r="I1132" i="2"/>
  <c r="I1106" i="5" s="1"/>
  <c r="J253" i="2"/>
  <c r="J227" i="5" s="1"/>
  <c r="N227" i="5" s="1"/>
  <c r="M253" i="2"/>
  <c r="M227" i="5" s="1"/>
  <c r="P227" i="5" s="1"/>
  <c r="L253" i="2"/>
  <c r="L227" i="5" s="1"/>
  <c r="K8455" i="2"/>
  <c r="K8429" i="5" s="1"/>
  <c r="J8455" i="2"/>
  <c r="J8429" i="5" s="1"/>
  <c r="N8429" i="5" s="1"/>
  <c r="M6671" i="2"/>
  <c r="M6645" i="5" s="1"/>
  <c r="P6645" i="5" s="1"/>
  <c r="I6671" i="2"/>
  <c r="I6645" i="5" s="1"/>
  <c r="L6671" i="2"/>
  <c r="L6645" i="5" s="1"/>
  <c r="K6671" i="2"/>
  <c r="K6645" i="5" s="1"/>
  <c r="J6671" i="2"/>
  <c r="J6645" i="5" s="1"/>
  <c r="N6645" i="5" s="1"/>
  <c r="L5587" i="2"/>
  <c r="L5561" i="5" s="1"/>
  <c r="M5587" i="2"/>
  <c r="M5561" i="5" s="1"/>
  <c r="P5561" i="5" s="1"/>
  <c r="J5587" i="2"/>
  <c r="J5561" i="5" s="1"/>
  <c r="N5561" i="5" s="1"/>
  <c r="I5587" i="2"/>
  <c r="I5561" i="5" s="1"/>
  <c r="M8674" i="2"/>
  <c r="M8648" i="5" s="1"/>
  <c r="P8648" i="5" s="1"/>
  <c r="I8674" i="2"/>
  <c r="I8648" i="5" s="1"/>
  <c r="J7992" i="2"/>
  <c r="J7966" i="5" s="1"/>
  <c r="N7966" i="5" s="1"/>
  <c r="I7992" i="2"/>
  <c r="I7966" i="5" s="1"/>
  <c r="J5002" i="2"/>
  <c r="J4976" i="5" s="1"/>
  <c r="M2563" i="2"/>
  <c r="M2537" i="5" s="1"/>
  <c r="P2537" i="5" s="1"/>
  <c r="L2563" i="2"/>
  <c r="L2537" i="5" s="1"/>
  <c r="K2563" i="2"/>
  <c r="K2537" i="5" s="1"/>
  <c r="J2563" i="2"/>
  <c r="J2537" i="5" s="1"/>
  <c r="N2537" i="5" s="1"/>
  <c r="M1618" i="2"/>
  <c r="M1592" i="5" s="1"/>
  <c r="P1592" i="5" s="1"/>
  <c r="I1618" i="2"/>
  <c r="I1592" i="5" s="1"/>
  <c r="J281" i="2"/>
  <c r="J255" i="5" s="1"/>
  <c r="N255" i="5" s="1"/>
  <c r="L281" i="2"/>
  <c r="L255" i="5" s="1"/>
  <c r="M281" i="2"/>
  <c r="M255" i="5" s="1"/>
  <c r="P255" i="5" s="1"/>
  <c r="I4432" i="2"/>
  <c r="I4406" i="5" s="1"/>
  <c r="J4432" i="2"/>
  <c r="J4406" i="5" s="1"/>
  <c r="N4406" i="5" s="1"/>
  <c r="K8670" i="2"/>
  <c r="K8644" i="5" s="1"/>
  <c r="L8670" i="2"/>
  <c r="L8644" i="5" s="1"/>
  <c r="I8670" i="2"/>
  <c r="I8644" i="5" s="1"/>
  <c r="M8670" i="2"/>
  <c r="M8644" i="5" s="1"/>
  <c r="P8644" i="5" s="1"/>
  <c r="J8670" i="2"/>
  <c r="J8644" i="5" s="1"/>
  <c r="I401" i="2"/>
  <c r="I375" i="5" s="1"/>
  <c r="L401" i="2"/>
  <c r="L375" i="5" s="1"/>
  <c r="L2899" i="2"/>
  <c r="L2873" i="5" s="1"/>
  <c r="J2899" i="2"/>
  <c r="J2873" i="5" s="1"/>
  <c r="N2873" i="5" s="1"/>
  <c r="L2574" i="2"/>
  <c r="L2548" i="5" s="1"/>
  <c r="K2574" i="2"/>
  <c r="K2548" i="5" s="1"/>
  <c r="I2574" i="2"/>
  <c r="I2548" i="5" s="1"/>
  <c r="L6012" i="2"/>
  <c r="L5986" i="5" s="1"/>
  <c r="I6012" i="2"/>
  <c r="I5986" i="5" s="1"/>
  <c r="K2901" i="2"/>
  <c r="K2875" i="5" s="1"/>
  <c r="L2901" i="2"/>
  <c r="L2875" i="5" s="1"/>
  <c r="K8710" i="2"/>
  <c r="K8684" i="5" s="1"/>
  <c r="O8684" i="5" s="1"/>
  <c r="J8710" i="2"/>
  <c r="J8684" i="5" s="1"/>
  <c r="N8684" i="5" s="1"/>
  <c r="M8710" i="2"/>
  <c r="M8684" i="5" s="1"/>
  <c r="P8684" i="5" s="1"/>
  <c r="I8710" i="2"/>
  <c r="I8684" i="5" s="1"/>
  <c r="L5605" i="2"/>
  <c r="L5579" i="5" s="1"/>
  <c r="I5605" i="2"/>
  <c r="I5579" i="5" s="1"/>
  <c r="K5605" i="2"/>
  <c r="K5579" i="5" s="1"/>
  <c r="J5605" i="2"/>
  <c r="J5579" i="5" s="1"/>
  <c r="N5579" i="5" s="1"/>
  <c r="I5610" i="2"/>
  <c r="I5584" i="5" s="1"/>
  <c r="K5610" i="2"/>
  <c r="K5584" i="5" s="1"/>
  <c r="J5610" i="2"/>
  <c r="J5584" i="5" s="1"/>
  <c r="N5584" i="5" s="1"/>
  <c r="M3265" i="2"/>
  <c r="M3239" i="5" s="1"/>
  <c r="P3239" i="5" s="1"/>
  <c r="I3265" i="2"/>
  <c r="I3239" i="5" s="1"/>
  <c r="L3265" i="2"/>
  <c r="L3239" i="5" s="1"/>
  <c r="K3069" i="2"/>
  <c r="K3043" i="5" s="1"/>
  <c r="O3043" i="5" s="1"/>
  <c r="I3069" i="2"/>
  <c r="I3043" i="5" s="1"/>
  <c r="M3069" i="2"/>
  <c r="M3043" i="5" s="1"/>
  <c r="P3043" i="5" s="1"/>
  <c r="K5335" i="2"/>
  <c r="K5309" i="5" s="1"/>
  <c r="J5335" i="2"/>
  <c r="J5309" i="5" s="1"/>
  <c r="N5309" i="5" s="1"/>
  <c r="M5335" i="2"/>
  <c r="M5309" i="5" s="1"/>
  <c r="P5309" i="5" s="1"/>
  <c r="L5335" i="2"/>
  <c r="L5309" i="5" s="1"/>
  <c r="K7497" i="2"/>
  <c r="K7471" i="5" s="1"/>
  <c r="M7497" i="2"/>
  <c r="M7471" i="5" s="1"/>
  <c r="P7471" i="5" s="1"/>
  <c r="J7497" i="2"/>
  <c r="J7471" i="5" s="1"/>
  <c r="N7471" i="5" s="1"/>
  <c r="I7497" i="2"/>
  <c r="I7471" i="5" s="1"/>
  <c r="L7497" i="2"/>
  <c r="L7471" i="5" s="1"/>
  <c r="J8332" i="2"/>
  <c r="J8306" i="5" s="1"/>
  <c r="N8306" i="5" s="1"/>
  <c r="M8332" i="2"/>
  <c r="M8306" i="5" s="1"/>
  <c r="P8306" i="5" s="1"/>
  <c r="K8332" i="2"/>
  <c r="K8306" i="5" s="1"/>
  <c r="L8332" i="2"/>
  <c r="L8306" i="5" s="1"/>
  <c r="I8332" i="2"/>
  <c r="I8306" i="5" s="1"/>
  <c r="J7671" i="2"/>
  <c r="J7645" i="5" s="1"/>
  <c r="M7443" i="2"/>
  <c r="M7417" i="5" s="1"/>
  <c r="P7417" i="5" s="1"/>
  <c r="K7443" i="2"/>
  <c r="K7417" i="5" s="1"/>
  <c r="J7443" i="2"/>
  <c r="J7417" i="5" s="1"/>
  <c r="I6953" i="2"/>
  <c r="I6927" i="5" s="1"/>
  <c r="K6953" i="2"/>
  <c r="K6927" i="5" s="1"/>
  <c r="L6953" i="2"/>
  <c r="L6927" i="5" s="1"/>
  <c r="K633" i="2"/>
  <c r="K607" i="5" s="1"/>
  <c r="J633" i="2"/>
  <c r="J607" i="5" s="1"/>
  <c r="N607" i="5" s="1"/>
  <c r="I633" i="2"/>
  <c r="I607" i="5" s="1"/>
  <c r="L633" i="2"/>
  <c r="L607" i="5" s="1"/>
  <c r="K2148" i="2"/>
  <c r="K2122" i="5" s="1"/>
  <c r="L2148" i="2"/>
  <c r="L2122" i="5" s="1"/>
  <c r="J6494" i="2"/>
  <c r="J6468" i="5" s="1"/>
  <c r="N6468" i="5" s="1"/>
  <c r="L6494" i="2"/>
  <c r="L6468" i="5" s="1"/>
  <c r="L5347" i="2"/>
  <c r="L5321" i="5" s="1"/>
  <c r="I5347" i="2"/>
  <c r="I5321" i="5" s="1"/>
  <c r="K5347" i="2"/>
  <c r="K5321" i="5" s="1"/>
  <c r="M5347" i="2"/>
  <c r="M5321" i="5" s="1"/>
  <c r="P5321" i="5" s="1"/>
  <c r="J5347" i="2"/>
  <c r="J5321" i="5" s="1"/>
  <c r="N5321" i="5" s="1"/>
  <c r="J1659" i="2"/>
  <c r="J1633" i="5" s="1"/>
  <c r="N1633" i="5" s="1"/>
  <c r="I1659" i="2"/>
  <c r="I1633" i="5" s="1"/>
  <c r="I5811" i="2"/>
  <c r="I5785" i="5" s="1"/>
  <c r="J5811" i="2"/>
  <c r="J5785" i="5" s="1"/>
  <c r="J2891" i="2"/>
  <c r="J2865" i="5" s="1"/>
  <c r="K2891" i="2"/>
  <c r="K2865" i="5" s="1"/>
  <c r="L2891" i="2"/>
  <c r="L2865" i="5" s="1"/>
  <c r="I2891" i="2"/>
  <c r="I2865" i="5" s="1"/>
  <c r="I7204" i="2"/>
  <c r="I7178" i="5" s="1"/>
  <c r="L7204" i="2"/>
  <c r="L7178" i="5" s="1"/>
  <c r="K7204" i="2"/>
  <c r="K7178" i="5" s="1"/>
  <c r="J7204" i="2"/>
  <c r="J7178" i="5" s="1"/>
  <c r="N7178" i="5" s="1"/>
  <c r="M7204" i="2"/>
  <c r="M7178" i="5" s="1"/>
  <c r="P7178" i="5" s="1"/>
  <c r="J781" i="2"/>
  <c r="J755" i="5" s="1"/>
  <c r="N755" i="5" s="1"/>
  <c r="I781" i="2"/>
  <c r="I755" i="5" s="1"/>
  <c r="K781" i="2"/>
  <c r="K755" i="5" s="1"/>
  <c r="M4252" i="2"/>
  <c r="M4226" i="5" s="1"/>
  <c r="P4226" i="5" s="1"/>
  <c r="L4252" i="2"/>
  <c r="L4226" i="5" s="1"/>
  <c r="J4252" i="2"/>
  <c r="J4226" i="5" s="1"/>
  <c r="N4226" i="5" s="1"/>
  <c r="K4252" i="2"/>
  <c r="K4226" i="5" s="1"/>
  <c r="I4252" i="2"/>
  <c r="I4226" i="5" s="1"/>
  <c r="K5800" i="2"/>
  <c r="K5774" i="5" s="1"/>
  <c r="J5800" i="2"/>
  <c r="J5774" i="5" s="1"/>
  <c r="N5774" i="5" s="1"/>
  <c r="L5800" i="2"/>
  <c r="L5774" i="5" s="1"/>
  <c r="I5800" i="2"/>
  <c r="I5774" i="5" s="1"/>
  <c r="M5800" i="2"/>
  <c r="M5774" i="5" s="1"/>
  <c r="P5774" i="5" s="1"/>
  <c r="J632" i="2"/>
  <c r="J606" i="5" s="1"/>
  <c r="N606" i="5" s="1"/>
  <c r="M632" i="2"/>
  <c r="M606" i="5" s="1"/>
  <c r="P606" i="5" s="1"/>
  <c r="K1725" i="2"/>
  <c r="K1699" i="5" s="1"/>
  <c r="J1725" i="2"/>
  <c r="J1699" i="5" s="1"/>
  <c r="N1699" i="5" s="1"/>
  <c r="M1725" i="2"/>
  <c r="M1699" i="5" s="1"/>
  <c r="P1699" i="5" s="1"/>
  <c r="I1725" i="2"/>
  <c r="I1699" i="5" s="1"/>
  <c r="K7850" i="2"/>
  <c r="K7824" i="5" s="1"/>
  <c r="L7850" i="2"/>
  <c r="L7824" i="5" s="1"/>
  <c r="M1925" i="2"/>
  <c r="M1899" i="5" s="1"/>
  <c r="P1899" i="5" s="1"/>
  <c r="J1925" i="2"/>
  <c r="J1899" i="5" s="1"/>
  <c r="N1899" i="5" s="1"/>
  <c r="L1925" i="2"/>
  <c r="L1899" i="5" s="1"/>
  <c r="I1925" i="2"/>
  <c r="I1899" i="5" s="1"/>
  <c r="J955" i="2"/>
  <c r="J929" i="5" s="1"/>
  <c r="J5117" i="2"/>
  <c r="J5091" i="5" s="1"/>
  <c r="K5117" i="2"/>
  <c r="K5091" i="5" s="1"/>
  <c r="M5117" i="2"/>
  <c r="M5091" i="5" s="1"/>
  <c r="P5091" i="5" s="1"/>
  <c r="I5117" i="2"/>
  <c r="I5091" i="5" s="1"/>
  <c r="L5117" i="2"/>
  <c r="L5091" i="5" s="1"/>
  <c r="J1257" i="2"/>
  <c r="J1231" i="5" s="1"/>
  <c r="L1257" i="2"/>
  <c r="L1231" i="5" s="1"/>
  <c r="L741" i="2"/>
  <c r="L715" i="5" s="1"/>
  <c r="M741" i="2"/>
  <c r="M715" i="5" s="1"/>
  <c r="P715" i="5" s="1"/>
  <c r="I741" i="2"/>
  <c r="I715" i="5" s="1"/>
  <c r="I1949" i="2"/>
  <c r="I1923" i="5" s="1"/>
  <c r="L1949" i="2"/>
  <c r="L1923" i="5" s="1"/>
  <c r="J1149" i="2"/>
  <c r="J1123" i="5" s="1"/>
  <c r="N1123" i="5" s="1"/>
  <c r="L1149" i="2"/>
  <c r="L1123" i="5" s="1"/>
  <c r="M1149" i="2"/>
  <c r="M1123" i="5" s="1"/>
  <c r="P1123" i="5" s="1"/>
  <c r="J2774" i="2"/>
  <c r="J2748" i="5" s="1"/>
  <c r="N2748" i="5" s="1"/>
  <c r="L2774" i="2"/>
  <c r="L2748" i="5" s="1"/>
  <c r="M2774" i="2"/>
  <c r="M2748" i="5" s="1"/>
  <c r="P2748" i="5" s="1"/>
  <c r="I2774" i="2"/>
  <c r="I2748" i="5" s="1"/>
  <c r="I4644" i="2"/>
  <c r="I4618" i="5" s="1"/>
  <c r="M4644" i="2"/>
  <c r="M4618" i="5" s="1"/>
  <c r="P4618" i="5" s="1"/>
  <c r="K7835" i="2"/>
  <c r="K7809" i="5" s="1"/>
  <c r="J7835" i="2"/>
  <c r="J7809" i="5" s="1"/>
  <c r="N7809" i="5" s="1"/>
  <c r="M7835" i="2"/>
  <c r="M7809" i="5" s="1"/>
  <c r="P7809" i="5" s="1"/>
  <c r="I7835" i="2"/>
  <c r="I7809" i="5" s="1"/>
  <c r="L7835" i="2"/>
  <c r="L7809" i="5" s="1"/>
  <c r="I1816" i="2"/>
  <c r="I1790" i="5" s="1"/>
  <c r="K1816" i="2"/>
  <c r="K1790" i="5" s="1"/>
  <c r="L1816" i="2"/>
  <c r="L1790" i="5" s="1"/>
  <c r="M1816" i="2"/>
  <c r="M1790" i="5" s="1"/>
  <c r="P1790" i="5" s="1"/>
  <c r="J1816" i="2"/>
  <c r="J1790" i="5" s="1"/>
  <c r="N1790" i="5" s="1"/>
  <c r="I7765" i="2"/>
  <c r="I7739" i="5" s="1"/>
  <c r="M2474" i="2"/>
  <c r="M2448" i="5" s="1"/>
  <c r="P2448" i="5" s="1"/>
  <c r="I2474" i="2"/>
  <c r="I2448" i="5" s="1"/>
  <c r="J7363" i="2"/>
  <c r="J7337" i="5" s="1"/>
  <c r="N7337" i="5" s="1"/>
  <c r="L7363" i="2"/>
  <c r="L7337" i="5" s="1"/>
  <c r="M7156" i="2"/>
  <c r="M7130" i="5" s="1"/>
  <c r="P7130" i="5" s="1"/>
  <c r="K7156" i="2"/>
  <c r="K7130" i="5" s="1"/>
  <c r="I7156" i="2"/>
  <c r="I7130" i="5" s="1"/>
  <c r="M2091" i="2"/>
  <c r="M2065" i="5" s="1"/>
  <c r="P2065" i="5" s="1"/>
  <c r="I2091" i="2"/>
  <c r="I2065" i="5" s="1"/>
  <c r="J2091" i="2"/>
  <c r="J2065" i="5" s="1"/>
  <c r="N2065" i="5" s="1"/>
  <c r="L2091" i="2"/>
  <c r="L2065" i="5" s="1"/>
  <c r="J8310" i="2"/>
  <c r="J8284" i="5" s="1"/>
  <c r="N8284" i="5" s="1"/>
  <c r="K8310" i="2"/>
  <c r="K8284" i="5" s="1"/>
  <c r="L8310" i="2"/>
  <c r="L8284" i="5" s="1"/>
  <c r="M8310" i="2"/>
  <c r="M8284" i="5" s="1"/>
  <c r="P8284" i="5" s="1"/>
  <c r="J4765" i="2"/>
  <c r="J4739" i="5" s="1"/>
  <c r="N4739" i="5" s="1"/>
  <c r="M4765" i="2"/>
  <c r="M4739" i="5" s="1"/>
  <c r="P4739" i="5" s="1"/>
  <c r="L4765" i="2"/>
  <c r="L4739" i="5" s="1"/>
  <c r="I4765" i="2"/>
  <c r="I4739" i="5" s="1"/>
  <c r="K4765" i="2"/>
  <c r="K4739" i="5" s="1"/>
  <c r="M3823" i="2"/>
  <c r="M3797" i="5" s="1"/>
  <c r="P3797" i="5" s="1"/>
  <c r="I3823" i="2"/>
  <c r="I3797" i="5" s="1"/>
  <c r="L3823" i="2"/>
  <c r="L3797" i="5" s="1"/>
  <c r="J3823" i="2"/>
  <c r="J3797" i="5" s="1"/>
  <c r="N3797" i="5" s="1"/>
  <c r="K3823" i="2"/>
  <c r="K3797" i="5" s="1"/>
  <c r="I1745" i="2"/>
  <c r="I1719" i="5" s="1"/>
  <c r="K1745" i="2"/>
  <c r="K1719" i="5" s="1"/>
  <c r="J1745" i="2"/>
  <c r="J1719" i="5" s="1"/>
  <c r="N1719" i="5" s="1"/>
  <c r="L2163" i="2"/>
  <c r="L2137" i="5" s="1"/>
  <c r="I2163" i="2"/>
  <c r="I2137" i="5" s="1"/>
  <c r="J2163" i="2"/>
  <c r="J2137" i="5" s="1"/>
  <c r="N2137" i="5" s="1"/>
  <c r="M2163" i="2"/>
  <c r="M2137" i="5" s="1"/>
  <c r="P2137" i="5" s="1"/>
  <c r="I1602" i="2"/>
  <c r="I1576" i="5" s="1"/>
  <c r="K1602" i="2"/>
  <c r="K1576" i="5" s="1"/>
  <c r="M1602" i="2"/>
  <c r="M1576" i="5" s="1"/>
  <c r="P1576" i="5" s="1"/>
  <c r="J1602" i="2"/>
  <c r="J1576" i="5" s="1"/>
  <c r="N1576" i="5" s="1"/>
  <c r="M8325" i="2"/>
  <c r="M8299" i="5" s="1"/>
  <c r="P8299" i="5" s="1"/>
  <c r="L8325" i="2"/>
  <c r="L8299" i="5" s="1"/>
  <c r="I8325" i="2"/>
  <c r="I8299" i="5" s="1"/>
  <c r="J8325" i="2"/>
  <c r="J8299" i="5" s="1"/>
  <c r="N8299" i="5" s="1"/>
  <c r="K8325" i="2"/>
  <c r="K8299" i="5" s="1"/>
  <c r="K7530" i="2"/>
  <c r="K7504" i="5" s="1"/>
  <c r="O7504" i="5" s="1"/>
  <c r="M452" i="2"/>
  <c r="M426" i="5" s="1"/>
  <c r="P426" i="5" s="1"/>
  <c r="I452" i="2"/>
  <c r="I426" i="5" s="1"/>
  <c r="J452" i="2"/>
  <c r="J426" i="5" s="1"/>
  <c r="N426" i="5" s="1"/>
  <c r="K452" i="2"/>
  <c r="K426" i="5" s="1"/>
  <c r="F25" i="5"/>
  <c r="AR19" i="1"/>
  <c r="M3095" i="2"/>
  <c r="M3069" i="5" s="1"/>
  <c r="P3069" i="5" s="1"/>
  <c r="J3095" i="2"/>
  <c r="J3069" i="5" s="1"/>
  <c r="N3069" i="5" s="1"/>
  <c r="I3095" i="2"/>
  <c r="I3069" i="5" s="1"/>
  <c r="L3095" i="2"/>
  <c r="L3069" i="5" s="1"/>
  <c r="K3095" i="2"/>
  <c r="K3069" i="5" s="1"/>
  <c r="L1646" i="2"/>
  <c r="L1620" i="5" s="1"/>
  <c r="I1646" i="2"/>
  <c r="I1620" i="5" s="1"/>
  <c r="L3236" i="2"/>
  <c r="L3210" i="5" s="1"/>
  <c r="I3486" i="2"/>
  <c r="I3460" i="5" s="1"/>
  <c r="J3486" i="2"/>
  <c r="J3460" i="5" s="1"/>
  <c r="N3460" i="5" s="1"/>
  <c r="M3486" i="2"/>
  <c r="M3460" i="5" s="1"/>
  <c r="P3460" i="5" s="1"/>
  <c r="K3486" i="2"/>
  <c r="K3460" i="5" s="1"/>
  <c r="L3486" i="2"/>
  <c r="L3460" i="5" s="1"/>
  <c r="K8502" i="2"/>
  <c r="K8476" i="5" s="1"/>
  <c r="M8502" i="2"/>
  <c r="M8476" i="5" s="1"/>
  <c r="P8476" i="5" s="1"/>
  <c r="I8502" i="2"/>
  <c r="I8476" i="5" s="1"/>
  <c r="L6255" i="2"/>
  <c r="L6229" i="5" s="1"/>
  <c r="K6255" i="2"/>
  <c r="K6229" i="5" s="1"/>
  <c r="I5082" i="2"/>
  <c r="I5056" i="5" s="1"/>
  <c r="M2427" i="2"/>
  <c r="M2401" i="5" s="1"/>
  <c r="P2401" i="5" s="1"/>
  <c r="J1230" i="2"/>
  <c r="J1204" i="5" s="1"/>
  <c r="N1204" i="5" s="1"/>
  <c r="J1490" i="2"/>
  <c r="J1464" i="5" s="1"/>
  <c r="M768" i="2"/>
  <c r="M742" i="5" s="1"/>
  <c r="P742" i="5" s="1"/>
  <c r="K4004" i="2"/>
  <c r="K3978" i="5" s="1"/>
  <c r="I6254" i="2"/>
  <c r="I6228" i="5" s="1"/>
  <c r="J807" i="2"/>
  <c r="J781" i="5" s="1"/>
  <c r="N781" i="5" s="1"/>
  <c r="K2919" i="2"/>
  <c r="K2893" i="5" s="1"/>
  <c r="L8122" i="2"/>
  <c r="L8096" i="5" s="1"/>
  <c r="J2738" i="2"/>
  <c r="J2712" i="5" s="1"/>
  <c r="N2712" i="5" s="1"/>
  <c r="M2447" i="2"/>
  <c r="M2421" i="5" s="1"/>
  <c r="P2421" i="5" s="1"/>
  <c r="L6088" i="2"/>
  <c r="L6062" i="5" s="1"/>
  <c r="K5516" i="2"/>
  <c r="K5490" i="5" s="1"/>
  <c r="O5490" i="5" s="1"/>
  <c r="K7663" i="2"/>
  <c r="K7637" i="5" s="1"/>
  <c r="O7637" i="5" s="1"/>
  <c r="M5017" i="2"/>
  <c r="M4991" i="5" s="1"/>
  <c r="P4991" i="5" s="1"/>
  <c r="K1132" i="2"/>
  <c r="K1106" i="5" s="1"/>
  <c r="O1106" i="5" s="1"/>
  <c r="L229" i="2"/>
  <c r="L203" i="5" s="1"/>
  <c r="L2295" i="2"/>
  <c r="L2269" i="5" s="1"/>
  <c r="I5471" i="2"/>
  <c r="I5445" i="5" s="1"/>
  <c r="K1832" i="2"/>
  <c r="K1806" i="5" s="1"/>
  <c r="O1806" i="5" s="1"/>
  <c r="J8134" i="2"/>
  <c r="J8108" i="5" s="1"/>
  <c r="AR352" i="1"/>
  <c r="K4286" i="2"/>
  <c r="K4260" i="5" s="1"/>
  <c r="M8006" i="2"/>
  <c r="M7980" i="5" s="1"/>
  <c r="P7980" i="5" s="1"/>
  <c r="L3343" i="2"/>
  <c r="L3317" i="5" s="1"/>
  <c r="J7160" i="2"/>
  <c r="J7134" i="5" s="1"/>
  <c r="N7134" i="5" s="1"/>
  <c r="I5656" i="2"/>
  <c r="I5630" i="5" s="1"/>
  <c r="M4003" i="2"/>
  <c r="M3977" i="5" s="1"/>
  <c r="P3977" i="5" s="1"/>
  <c r="I3066" i="2"/>
  <c r="I3040" i="5" s="1"/>
  <c r="AR109" i="1"/>
  <c r="K1731" i="2"/>
  <c r="K1705" i="5" s="1"/>
  <c r="O1705" i="5" s="1"/>
  <c r="J2968" i="2"/>
  <c r="J2942" i="5" s="1"/>
  <c r="J376" i="2"/>
  <c r="J350" i="5" s="1"/>
  <c r="N350" i="5" s="1"/>
  <c r="K4644" i="2"/>
  <c r="K4618" i="5" s="1"/>
  <c r="I3739" i="2"/>
  <c r="I3713" i="5" s="1"/>
  <c r="L295" i="2"/>
  <c r="L269" i="5" s="1"/>
  <c r="K7943" i="2"/>
  <c r="K7917" i="5" s="1"/>
  <c r="I5695" i="2"/>
  <c r="I5669" i="5" s="1"/>
  <c r="J2424" i="2"/>
  <c r="J2398" i="5" s="1"/>
  <c r="N2398" i="5" s="1"/>
  <c r="M4516" i="2"/>
  <c r="M4490" i="5" s="1"/>
  <c r="P4490" i="5" s="1"/>
  <c r="K6700" i="2"/>
  <c r="K6674" i="5" s="1"/>
  <c r="I6937" i="2"/>
  <c r="I6911" i="5" s="1"/>
  <c r="L3253" i="2"/>
  <c r="L3227" i="5" s="1"/>
  <c r="I1980" i="2"/>
  <c r="I1954" i="5" s="1"/>
  <c r="I3989" i="2"/>
  <c r="I3963" i="5" s="1"/>
  <c r="L5253" i="2"/>
  <c r="L5227" i="5" s="1"/>
  <c r="L1215" i="2"/>
  <c r="L1189" i="5" s="1"/>
  <c r="L5651" i="2"/>
  <c r="L5625" i="5" s="1"/>
  <c r="K8357" i="2"/>
  <c r="K8331" i="5" s="1"/>
  <c r="L2265" i="2"/>
  <c r="L2239" i="5" s="1"/>
  <c r="L317" i="2"/>
  <c r="L291" i="5" s="1"/>
  <c r="J5332" i="2"/>
  <c r="J5306" i="5" s="1"/>
  <c r="K6638" i="2"/>
  <c r="K6612" i="5" s="1"/>
  <c r="J2432" i="2"/>
  <c r="J2406" i="5" s="1"/>
  <c r="N2406" i="5" s="1"/>
  <c r="I2432" i="2"/>
  <c r="I2406" i="5" s="1"/>
  <c r="L2432" i="2"/>
  <c r="L2406" i="5" s="1"/>
  <c r="K2432" i="2"/>
  <c r="K2406" i="5" s="1"/>
  <c r="M2432" i="2"/>
  <c r="M2406" i="5" s="1"/>
  <c r="P2406" i="5" s="1"/>
  <c r="K5307" i="2"/>
  <c r="K5281" i="5" s="1"/>
  <c r="L5307" i="2"/>
  <c r="L5281" i="5" s="1"/>
  <c r="K5664" i="2"/>
  <c r="K5638" i="5" s="1"/>
  <c r="I7096" i="2"/>
  <c r="I7070" i="5" s="1"/>
  <c r="K7096" i="2"/>
  <c r="K7070" i="5" s="1"/>
  <c r="O7070" i="5" s="1"/>
  <c r="J7096" i="2"/>
  <c r="J7070" i="5" s="1"/>
  <c r="L6836" i="2"/>
  <c r="L6810" i="5" s="1"/>
  <c r="K6635" i="2"/>
  <c r="K6609" i="5" s="1"/>
  <c r="O6609" i="5" s="1"/>
  <c r="J6635" i="2"/>
  <c r="J6609" i="5" s="1"/>
  <c r="M6635" i="2"/>
  <c r="M6609" i="5" s="1"/>
  <c r="P6609" i="5" s="1"/>
  <c r="I6635" i="2"/>
  <c r="I6609" i="5" s="1"/>
  <c r="K1219" i="2"/>
  <c r="K1193" i="5" s="1"/>
  <c r="J5471" i="2"/>
  <c r="J5445" i="5" s="1"/>
  <c r="N5445" i="5" s="1"/>
  <c r="L2282" i="2"/>
  <c r="L2256" i="5" s="1"/>
  <c r="M1424" i="2"/>
  <c r="M1398" i="5" s="1"/>
  <c r="P1398" i="5" s="1"/>
  <c r="M1731" i="2"/>
  <c r="M1705" i="5" s="1"/>
  <c r="P1705" i="5" s="1"/>
  <c r="K2968" i="2"/>
  <c r="K2942" i="5" s="1"/>
  <c r="O2942" i="5" s="1"/>
  <c r="K5845" i="2"/>
  <c r="K5819" i="5" s="1"/>
  <c r="M3739" i="2"/>
  <c r="M3713" i="5" s="1"/>
  <c r="P3713" i="5" s="1"/>
  <c r="I750" i="2"/>
  <c r="I724" i="5" s="1"/>
  <c r="M7943" i="2"/>
  <c r="M7917" i="5" s="1"/>
  <c r="P7917" i="5" s="1"/>
  <c r="M2424" i="2"/>
  <c r="M2398" i="5" s="1"/>
  <c r="P2398" i="5" s="1"/>
  <c r="AR158" i="1"/>
  <c r="K3253" i="2"/>
  <c r="K3227" i="5" s="1"/>
  <c r="J1980" i="2"/>
  <c r="J1954" i="5" s="1"/>
  <c r="N1954" i="5" s="1"/>
  <c r="I8461" i="2"/>
  <c r="I8435" i="5" s="1"/>
  <c r="K1823" i="2"/>
  <c r="K1797" i="5" s="1"/>
  <c r="O1797" i="5" s="1"/>
  <c r="J3989" i="2"/>
  <c r="J3963" i="5" s="1"/>
  <c r="K7996" i="2"/>
  <c r="K7970" i="5" s="1"/>
  <c r="J8032" i="2"/>
  <c r="J8006" i="5" s="1"/>
  <c r="N8006" i="5" s="1"/>
  <c r="L3788" i="2"/>
  <c r="L3762" i="5" s="1"/>
  <c r="J7648" i="2"/>
  <c r="J7622" i="5" s="1"/>
  <c r="N7622" i="5" s="1"/>
  <c r="I2265" i="2"/>
  <c r="I2239" i="5" s="1"/>
  <c r="M6638" i="2"/>
  <c r="M6612" i="5" s="1"/>
  <c r="P6612" i="5" s="1"/>
  <c r="K818" i="2"/>
  <c r="K792" i="5" s="1"/>
  <c r="C75" i="5"/>
  <c r="AR69" i="1"/>
  <c r="K6649" i="2"/>
  <c r="K6623" i="5" s="1"/>
  <c r="M6649" i="2"/>
  <c r="M6623" i="5" s="1"/>
  <c r="P6623" i="5" s="1"/>
  <c r="I6649" i="2"/>
  <c r="I6623" i="5" s="1"/>
  <c r="M8029" i="2"/>
  <c r="M8003" i="5" s="1"/>
  <c r="P8003" i="5" s="1"/>
  <c r="L8029" i="2"/>
  <c r="L8003" i="5" s="1"/>
  <c r="J708" i="2"/>
  <c r="J682" i="5" s="1"/>
  <c r="N682" i="5" s="1"/>
  <c r="L708" i="2"/>
  <c r="L682" i="5" s="1"/>
  <c r="J8340" i="2"/>
  <c r="J8314" i="5" s="1"/>
  <c r="N8314" i="5" s="1"/>
  <c r="I8340" i="2"/>
  <c r="I8314" i="5" s="1"/>
  <c r="K8340" i="2"/>
  <c r="K8314" i="5" s="1"/>
  <c r="O8314" i="5" s="1"/>
  <c r="M8340" i="2"/>
  <c r="M8314" i="5" s="1"/>
  <c r="P8314" i="5" s="1"/>
  <c r="J3737" i="2"/>
  <c r="J3711" i="5" s="1"/>
  <c r="N3711" i="5" s="1"/>
  <c r="K6094" i="2"/>
  <c r="K6068" i="5" s="1"/>
  <c r="L2740" i="2"/>
  <c r="L2714" i="5" s="1"/>
  <c r="I2740" i="2"/>
  <c r="I2714" i="5" s="1"/>
  <c r="K2740" i="2"/>
  <c r="K2714" i="5" s="1"/>
  <c r="M2740" i="2"/>
  <c r="M2714" i="5" s="1"/>
  <c r="P2714" i="5" s="1"/>
  <c r="I2393" i="2"/>
  <c r="I2367" i="5" s="1"/>
  <c r="K2393" i="2"/>
  <c r="K2367" i="5" s="1"/>
  <c r="K3646" i="2"/>
  <c r="K3620" i="5" s="1"/>
  <c r="L3646" i="2"/>
  <c r="L3620" i="5" s="1"/>
  <c r="M3288" i="2"/>
  <c r="M3262" i="5" s="1"/>
  <c r="P3262" i="5" s="1"/>
  <c r="K3288" i="2"/>
  <c r="K3262" i="5" s="1"/>
  <c r="J5962" i="2"/>
  <c r="J5936" i="5" s="1"/>
  <c r="N5936" i="5" s="1"/>
  <c r="L5962" i="2"/>
  <c r="L5936" i="5" s="1"/>
  <c r="M5014" i="2"/>
  <c r="M4988" i="5" s="1"/>
  <c r="P4988" i="5" s="1"/>
  <c r="I5014" i="2"/>
  <c r="I4988" i="5" s="1"/>
  <c r="K5014" i="2"/>
  <c r="K4988" i="5" s="1"/>
  <c r="L5014" i="2"/>
  <c r="L4988" i="5" s="1"/>
  <c r="I5989" i="2"/>
  <c r="I5963" i="5" s="1"/>
  <c r="K5989" i="2"/>
  <c r="K5963" i="5" s="1"/>
  <c r="O5963" i="5" s="1"/>
  <c r="J4425" i="2"/>
  <c r="J4399" i="5" s="1"/>
  <c r="L4425" i="2"/>
  <c r="L4399" i="5" s="1"/>
  <c r="M4425" i="2"/>
  <c r="M4399" i="5" s="1"/>
  <c r="P4399" i="5" s="1"/>
  <c r="I4425" i="2"/>
  <c r="I4399" i="5" s="1"/>
  <c r="K4425" i="2"/>
  <c r="K4399" i="5" s="1"/>
  <c r="M6663" i="2"/>
  <c r="M6637" i="5" s="1"/>
  <c r="P6637" i="5" s="1"/>
  <c r="I6663" i="2"/>
  <c r="I6637" i="5" s="1"/>
  <c r="L6663" i="2"/>
  <c r="L6637" i="5" s="1"/>
  <c r="J6663" i="2"/>
  <c r="J6637" i="5" s="1"/>
  <c r="N6637" i="5" s="1"/>
  <c r="K8684" i="2"/>
  <c r="K8658" i="5" s="1"/>
  <c r="M5023" i="2"/>
  <c r="M4997" i="5" s="1"/>
  <c r="P4997" i="5" s="1"/>
  <c r="J5023" i="2"/>
  <c r="J4997" i="5" s="1"/>
  <c r="N4997" i="5" s="1"/>
  <c r="I5023" i="2"/>
  <c r="I4997" i="5" s="1"/>
  <c r="I7651" i="2"/>
  <c r="I7625" i="5" s="1"/>
  <c r="M7651" i="2"/>
  <c r="M7625" i="5" s="1"/>
  <c r="P7625" i="5" s="1"/>
  <c r="J7651" i="2"/>
  <c r="J7625" i="5" s="1"/>
  <c r="N7625" i="5" s="1"/>
  <c r="J1979" i="2"/>
  <c r="J1953" i="5" s="1"/>
  <c r="N1953" i="5" s="1"/>
  <c r="M7470" i="2"/>
  <c r="M7444" i="5" s="1"/>
  <c r="P7444" i="5" s="1"/>
  <c r="J7470" i="2"/>
  <c r="J7444" i="5" s="1"/>
  <c r="N7444" i="5" s="1"/>
  <c r="L7470" i="2"/>
  <c r="L7444" i="5" s="1"/>
  <c r="J5865" i="2"/>
  <c r="J5839" i="5" s="1"/>
  <c r="M5865" i="2"/>
  <c r="M5839" i="5" s="1"/>
  <c r="P5839" i="5" s="1"/>
  <c r="L5865" i="2"/>
  <c r="L5839" i="5" s="1"/>
  <c r="K293" i="2"/>
  <c r="K267" i="5" s="1"/>
  <c r="L293" i="2"/>
  <c r="L267" i="5" s="1"/>
  <c r="J293" i="2"/>
  <c r="J267" i="5" s="1"/>
  <c r="N267" i="5" s="1"/>
  <c r="I4974" i="2"/>
  <c r="I4948" i="5" s="1"/>
  <c r="K4974" i="2"/>
  <c r="K4948" i="5" s="1"/>
  <c r="J4974" i="2"/>
  <c r="J4948" i="5" s="1"/>
  <c r="N4948" i="5" s="1"/>
  <c r="L4974" i="2"/>
  <c r="L4948" i="5" s="1"/>
  <c r="L8479" i="2"/>
  <c r="L8453" i="5" s="1"/>
  <c r="J8660" i="2"/>
  <c r="J8634" i="5" s="1"/>
  <c r="N8634" i="5" s="1"/>
  <c r="L8660" i="2"/>
  <c r="L8634" i="5" s="1"/>
  <c r="M8660" i="2"/>
  <c r="M8634" i="5" s="1"/>
  <c r="P8634" i="5" s="1"/>
  <c r="I6859" i="2"/>
  <c r="I6833" i="5" s="1"/>
  <c r="L6859" i="2"/>
  <c r="L6833" i="5" s="1"/>
  <c r="J6859" i="2"/>
  <c r="J6833" i="5" s="1"/>
  <c r="K4256" i="2"/>
  <c r="K4230" i="5" s="1"/>
  <c r="L4256" i="2"/>
  <c r="L4230" i="5" s="1"/>
  <c r="J4256" i="2"/>
  <c r="J4230" i="5" s="1"/>
  <c r="N4230" i="5" s="1"/>
  <c r="M1786" i="2"/>
  <c r="M1760" i="5" s="1"/>
  <c r="P1760" i="5" s="1"/>
  <c r="I1597" i="2"/>
  <c r="I1571" i="5" s="1"/>
  <c r="J907" i="2"/>
  <c r="J881" i="5" s="1"/>
  <c r="N881" i="5" s="1"/>
  <c r="K1392" i="2"/>
  <c r="K1366" i="5" s="1"/>
  <c r="O1366" i="5" s="1"/>
  <c r="J3914" i="2"/>
  <c r="J3888" i="5" s="1"/>
  <c r="N3888" i="5" s="1"/>
  <c r="J6483" i="2"/>
  <c r="J6457" i="5" s="1"/>
  <c r="N6457" i="5" s="1"/>
  <c r="I807" i="2"/>
  <c r="I781" i="5" s="1"/>
  <c r="L2919" i="2"/>
  <c r="L2893" i="5" s="1"/>
  <c r="M2576" i="2"/>
  <c r="M2550" i="5" s="1"/>
  <c r="P2550" i="5" s="1"/>
  <c r="K8122" i="2"/>
  <c r="K8096" i="5" s="1"/>
  <c r="L730" i="2"/>
  <c r="L704" i="5" s="1"/>
  <c r="K2738" i="2"/>
  <c r="K2712" i="5" s="1"/>
  <c r="O2712" i="5" s="1"/>
  <c r="L2447" i="2"/>
  <c r="L2421" i="5" s="1"/>
  <c r="M7663" i="2"/>
  <c r="M7637" i="5" s="1"/>
  <c r="P7637" i="5" s="1"/>
  <c r="J5081" i="2"/>
  <c r="J5055" i="5" s="1"/>
  <c r="N5055" i="5" s="1"/>
  <c r="I1604" i="2"/>
  <c r="I1578" i="5" s="1"/>
  <c r="J5017" i="2"/>
  <c r="J4991" i="5" s="1"/>
  <c r="M1132" i="2"/>
  <c r="M1106" i="5" s="1"/>
  <c r="P1106" i="5" s="1"/>
  <c r="J229" i="2"/>
  <c r="J203" i="5" s="1"/>
  <c r="N203" i="5" s="1"/>
  <c r="M5471" i="2"/>
  <c r="M5445" i="5" s="1"/>
  <c r="P5445" i="5" s="1"/>
  <c r="I1832" i="2"/>
  <c r="I1806" i="5" s="1"/>
  <c r="L8134" i="2"/>
  <c r="L8108" i="5" s="1"/>
  <c r="K8374" i="2"/>
  <c r="K8348" i="5" s="1"/>
  <c r="O8348" i="5" s="1"/>
  <c r="K2751" i="2"/>
  <c r="K2725" i="5" s="1"/>
  <c r="O2725" i="5" s="1"/>
  <c r="L4286" i="2"/>
  <c r="L4260" i="5" s="1"/>
  <c r="M2282" i="2"/>
  <c r="M2256" i="5" s="1"/>
  <c r="P2256" i="5" s="1"/>
  <c r="M5656" i="2"/>
  <c r="M5630" i="5" s="1"/>
  <c r="P5630" i="5" s="1"/>
  <c r="I1424" i="2"/>
  <c r="I1398" i="5" s="1"/>
  <c r="L3066" i="2"/>
  <c r="L3040" i="5" s="1"/>
  <c r="J1731" i="2"/>
  <c r="J1705" i="5" s="1"/>
  <c r="N1705" i="5" s="1"/>
  <c r="I2968" i="2"/>
  <c r="I2942" i="5" s="1"/>
  <c r="J7091" i="2"/>
  <c r="J7065" i="5" s="1"/>
  <c r="N7065" i="5" s="1"/>
  <c r="K1776" i="2"/>
  <c r="K1750" i="5" s="1"/>
  <c r="O1750" i="5" s="1"/>
  <c r="M750" i="2"/>
  <c r="M724" i="5" s="1"/>
  <c r="P724" i="5" s="1"/>
  <c r="J7943" i="2"/>
  <c r="J7917" i="5" s="1"/>
  <c r="N7917" i="5" s="1"/>
  <c r="L2424" i="2"/>
  <c r="L2398" i="5" s="1"/>
  <c r="J6700" i="2"/>
  <c r="J6674" i="5" s="1"/>
  <c r="I6030" i="2"/>
  <c r="I6004" i="5" s="1"/>
  <c r="I3253" i="2"/>
  <c r="I3227" i="5" s="1"/>
  <c r="M1980" i="2"/>
  <c r="M1954" i="5" s="1"/>
  <c r="P1954" i="5" s="1"/>
  <c r="M8461" i="2"/>
  <c r="M8435" i="5" s="1"/>
  <c r="P8435" i="5" s="1"/>
  <c r="I1823" i="2"/>
  <c r="I1797" i="5" s="1"/>
  <c r="I1566" i="2"/>
  <c r="I1540" i="5" s="1"/>
  <c r="M434" i="2"/>
  <c r="M408" i="5" s="1"/>
  <c r="P408" i="5" s="1"/>
  <c r="L3989" i="2"/>
  <c r="L3963" i="5" s="1"/>
  <c r="L7996" i="2"/>
  <c r="L7970" i="5" s="1"/>
  <c r="M5664" i="2"/>
  <c r="M5638" i="5" s="1"/>
  <c r="P5638" i="5" s="1"/>
  <c r="L8032" i="2"/>
  <c r="L8006" i="5" s="1"/>
  <c r="I6455" i="2"/>
  <c r="I6429" i="5" s="1"/>
  <c r="I7850" i="2"/>
  <c r="I7824" i="5" s="1"/>
  <c r="M7765" i="2"/>
  <c r="M7739" i="5" s="1"/>
  <c r="P7739" i="5" s="1"/>
  <c r="AR125" i="1"/>
  <c r="L2588" i="2"/>
  <c r="L2562" i="5" s="1"/>
  <c r="K765" i="2"/>
  <c r="K739" i="5" s="1"/>
  <c r="O739" i="5" s="1"/>
  <c r="J5476" i="2"/>
  <c r="J5450" i="5" s="1"/>
  <c r="N5450" i="5" s="1"/>
  <c r="K2054" i="2"/>
  <c r="K2028" i="5" s="1"/>
  <c r="O2028" i="5" s="1"/>
  <c r="M1757" i="2"/>
  <c r="M1731" i="5" s="1"/>
  <c r="P1731" i="5" s="1"/>
  <c r="L5488" i="2"/>
  <c r="L5462" i="5" s="1"/>
  <c r="K1925" i="2"/>
  <c r="K1899" i="5" s="1"/>
  <c r="M1654" i="2"/>
  <c r="M1628" i="5" s="1"/>
  <c r="P1628" i="5" s="1"/>
  <c r="I1654" i="2"/>
  <c r="I1628" i="5" s="1"/>
  <c r="L1642" i="2"/>
  <c r="L1616" i="5" s="1"/>
  <c r="M1642" i="2"/>
  <c r="M1616" i="5" s="1"/>
  <c r="P1616" i="5" s="1"/>
  <c r="M4413" i="2"/>
  <c r="M4387" i="5" s="1"/>
  <c r="P4387" i="5" s="1"/>
  <c r="L5074" i="2"/>
  <c r="L5048" i="5" s="1"/>
  <c r="I2919" i="2"/>
  <c r="I2893" i="5" s="1"/>
  <c r="I2738" i="2"/>
  <c r="I2712" i="5" s="1"/>
  <c r="K5081" i="2"/>
  <c r="K5055" i="5" s="1"/>
  <c r="O5055" i="5" s="1"/>
  <c r="M1604" i="2"/>
  <c r="M1578" i="5" s="1"/>
  <c r="P1578" i="5" s="1"/>
  <c r="J1132" i="2"/>
  <c r="J1106" i="5" s="1"/>
  <c r="N1106" i="5" s="1"/>
  <c r="K229" i="2"/>
  <c r="K203" i="5" s="1"/>
  <c r="O203" i="5" s="1"/>
  <c r="L5471" i="2"/>
  <c r="L5445" i="5" s="1"/>
  <c r="M5928" i="2"/>
  <c r="M5902" i="5" s="1"/>
  <c r="P5902" i="5" s="1"/>
  <c r="L7170" i="2"/>
  <c r="L7144" i="5" s="1"/>
  <c r="M4259" i="2"/>
  <c r="M4233" i="5" s="1"/>
  <c r="P4233" i="5" s="1"/>
  <c r="I8374" i="2"/>
  <c r="I8348" i="5" s="1"/>
  <c r="I2751" i="2"/>
  <c r="I2725" i="5" s="1"/>
  <c r="J2282" i="2"/>
  <c r="J2256" i="5" s="1"/>
  <c r="N2256" i="5" s="1"/>
  <c r="L3948" i="2"/>
  <c r="L3922" i="5" s="1"/>
  <c r="L1424" i="2"/>
  <c r="L1398" i="5" s="1"/>
  <c r="I1731" i="2"/>
  <c r="I1705" i="5" s="1"/>
  <c r="L7091" i="2"/>
  <c r="L7065" i="5" s="1"/>
  <c r="K2915" i="2"/>
  <c r="K2889" i="5" s="1"/>
  <c r="O2889" i="5" s="1"/>
  <c r="M1568" i="2"/>
  <c r="M1542" i="5" s="1"/>
  <c r="P1542" i="5" s="1"/>
  <c r="J2330" i="2"/>
  <c r="J2304" i="5" s="1"/>
  <c r="N2304" i="5" s="1"/>
  <c r="K4338" i="2"/>
  <c r="K4312" i="5" s="1"/>
  <c r="O4312" i="5" s="1"/>
  <c r="L7943" i="2"/>
  <c r="L7917" i="5" s="1"/>
  <c r="I2424" i="2"/>
  <c r="I2398" i="5" s="1"/>
  <c r="I3322" i="2"/>
  <c r="I3296" i="5" s="1"/>
  <c r="L6030" i="2"/>
  <c r="L6004" i="5" s="1"/>
  <c r="L8686" i="2"/>
  <c r="L8660" i="5" s="1"/>
  <c r="L2403" i="2"/>
  <c r="L2377" i="5" s="1"/>
  <c r="M1566" i="2"/>
  <c r="M1540" i="5" s="1"/>
  <c r="P1540" i="5" s="1"/>
  <c r="J706" i="2"/>
  <c r="J680" i="5" s="1"/>
  <c r="N680" i="5" s="1"/>
  <c r="M4604" i="2"/>
  <c r="M4578" i="5" s="1"/>
  <c r="P4578" i="5" s="1"/>
  <c r="L434" i="2"/>
  <c r="L408" i="5" s="1"/>
  <c r="J5664" i="2"/>
  <c r="J5638" i="5" s="1"/>
  <c r="AR73" i="1"/>
  <c r="AR326" i="1"/>
  <c r="L6455" i="2"/>
  <c r="L6429" i="5" s="1"/>
  <c r="I6364" i="2"/>
  <c r="I6338" i="5" s="1"/>
  <c r="L2062" i="2"/>
  <c r="L2036" i="5" s="1"/>
  <c r="M2054" i="2"/>
  <c r="M2028" i="5" s="1"/>
  <c r="P2028" i="5" s="1"/>
  <c r="M5488" i="2"/>
  <c r="M5462" i="5" s="1"/>
  <c r="P5462" i="5" s="1"/>
  <c r="K150" i="2"/>
  <c r="K124" i="5" s="1"/>
  <c r="O124" i="5" s="1"/>
  <c r="M5444" i="2"/>
  <c r="M5418" i="5" s="1"/>
  <c r="P5418" i="5" s="1"/>
  <c r="K7170" i="2"/>
  <c r="K7144" i="5" s="1"/>
  <c r="I6790" i="2"/>
  <c r="I6764" i="5" s="1"/>
  <c r="K2282" i="2"/>
  <c r="K2256" i="5" s="1"/>
  <c r="J1424" i="2"/>
  <c r="J1398" i="5" s="1"/>
  <c r="N1398" i="5" s="1"/>
  <c r="M7091" i="2"/>
  <c r="M7065" i="5" s="1"/>
  <c r="P7065" i="5" s="1"/>
  <c r="J5932" i="2"/>
  <c r="J5906" i="5" s="1"/>
  <c r="N5906" i="5" s="1"/>
  <c r="I8363" i="2"/>
  <c r="I8337" i="5" s="1"/>
  <c r="M3322" i="2"/>
  <c r="M3296" i="5" s="1"/>
  <c r="P3296" i="5" s="1"/>
  <c r="J6030" i="2"/>
  <c r="J6004" i="5" s="1"/>
  <c r="N6004" i="5" s="1"/>
  <c r="I8474" i="2"/>
  <c r="I8448" i="5" s="1"/>
  <c r="M1823" i="2"/>
  <c r="M1797" i="5" s="1"/>
  <c r="P1797" i="5" s="1"/>
  <c r="J1566" i="2"/>
  <c r="J1540" i="5" s="1"/>
  <c r="J782" i="2"/>
  <c r="J756" i="5" s="1"/>
  <c r="N756" i="5" s="1"/>
  <c r="J133" i="2"/>
  <c r="J107" i="5" s="1"/>
  <c r="AR101" i="1"/>
  <c r="L1476" i="2"/>
  <c r="L1450" i="5" s="1"/>
  <c r="M6455" i="2"/>
  <c r="M6429" i="5" s="1"/>
  <c r="P6429" i="5" s="1"/>
  <c r="J6364" i="2"/>
  <c r="J6338" i="5" s="1"/>
  <c r="N6338" i="5" s="1"/>
  <c r="K983" i="2"/>
  <c r="K957" i="5" s="1"/>
  <c r="J3977" i="2"/>
  <c r="J3951" i="5" s="1"/>
  <c r="N3951" i="5" s="1"/>
  <c r="L7443" i="2"/>
  <c r="L7417" i="5" s="1"/>
  <c r="K4432" i="2"/>
  <c r="K4406" i="5" s="1"/>
  <c r="I1596" i="2"/>
  <c r="I1570" i="5" s="1"/>
  <c r="L2406" i="2"/>
  <c r="L2380" i="5" s="1"/>
  <c r="J7170" i="2"/>
  <c r="J7144" i="5" s="1"/>
  <c r="N7144" i="5" s="1"/>
  <c r="L43" i="2"/>
  <c r="L17" i="5" s="1"/>
  <c r="L8363" i="2"/>
  <c r="L8337" i="5" s="1"/>
  <c r="L3322" i="2"/>
  <c r="L3296" i="5" s="1"/>
  <c r="J8474" i="2"/>
  <c r="J8448" i="5" s="1"/>
  <c r="N8448" i="5" s="1"/>
  <c r="M782" i="2"/>
  <c r="M756" i="5" s="1"/>
  <c r="P756" i="5" s="1"/>
  <c r="K8674" i="2"/>
  <c r="K8648" i="5" s="1"/>
  <c r="K68" i="2"/>
  <c r="K42" i="5" s="1"/>
  <c r="O42" i="5" s="1"/>
  <c r="AR163" i="1"/>
  <c r="L6789" i="2"/>
  <c r="L6763" i="5" s="1"/>
  <c r="J7177" i="2"/>
  <c r="J7151" i="5" s="1"/>
  <c r="I1662" i="2"/>
  <c r="I1636" i="5" s="1"/>
  <c r="L1662" i="2"/>
  <c r="L1636" i="5" s="1"/>
  <c r="L3449" i="2"/>
  <c r="L3423" i="5" s="1"/>
  <c r="L5436" i="2"/>
  <c r="L5410" i="5" s="1"/>
  <c r="I5436" i="2"/>
  <c r="I5410" i="5" s="1"/>
  <c r="I1729" i="2"/>
  <c r="I1703" i="5" s="1"/>
  <c r="L3317" i="2"/>
  <c r="L3291" i="5" s="1"/>
  <c r="K3317" i="2"/>
  <c r="K3291" i="5" s="1"/>
  <c r="I6838" i="2"/>
  <c r="I6812" i="5" s="1"/>
  <c r="J6838" i="2"/>
  <c r="J6812" i="5" s="1"/>
  <c r="N6812" i="5" s="1"/>
  <c r="K6945" i="2"/>
  <c r="K6919" i="5" s="1"/>
  <c r="M6945" i="2"/>
  <c r="M6919" i="5" s="1"/>
  <c r="P6919" i="5" s="1"/>
  <c r="I6945" i="2"/>
  <c r="I6919" i="5" s="1"/>
  <c r="L6945" i="2"/>
  <c r="L6919" i="5" s="1"/>
  <c r="I1211" i="2"/>
  <c r="I1185" i="5" s="1"/>
  <c r="K1211" i="2"/>
  <c r="K1185" i="5" s="1"/>
  <c r="J1211" i="2"/>
  <c r="J1185" i="5" s="1"/>
  <c r="N1185" i="5" s="1"/>
  <c r="M1211" i="2"/>
  <c r="M1185" i="5" s="1"/>
  <c r="P1185" i="5" s="1"/>
  <c r="L1211" i="2"/>
  <c r="L1185" i="5" s="1"/>
  <c r="L5496" i="2"/>
  <c r="L5470" i="5" s="1"/>
  <c r="K5496" i="2"/>
  <c r="K5470" i="5" s="1"/>
  <c r="L8551" i="2"/>
  <c r="L8525" i="5" s="1"/>
  <c r="L6482" i="2"/>
  <c r="L6456" i="5" s="1"/>
  <c r="I6482" i="2"/>
  <c r="I6456" i="5" s="1"/>
  <c r="M52" i="2"/>
  <c r="M26" i="5" s="1"/>
  <c r="P26" i="5" s="1"/>
  <c r="J57" i="2"/>
  <c r="J31" i="5" s="1"/>
  <c r="N31" i="5" s="1"/>
  <c r="K3780" i="2"/>
  <c r="K3754" i="5" s="1"/>
  <c r="J3780" i="2"/>
  <c r="J3754" i="5" s="1"/>
  <c r="N3754" i="5" s="1"/>
  <c r="J2903" i="2"/>
  <c r="J2877" i="5" s="1"/>
  <c r="N2877" i="5" s="1"/>
  <c r="K8360" i="2"/>
  <c r="K8334" i="5" s="1"/>
  <c r="M8360" i="2"/>
  <c r="M8334" i="5" s="1"/>
  <c r="P8334" i="5" s="1"/>
  <c r="L8353" i="2"/>
  <c r="L8327" i="5" s="1"/>
  <c r="K8353" i="2"/>
  <c r="K8327" i="5" s="1"/>
  <c r="J8353" i="2"/>
  <c r="J8327" i="5" s="1"/>
  <c r="N8327" i="5" s="1"/>
  <c r="I5440" i="2"/>
  <c r="I5414" i="5" s="1"/>
  <c r="M5440" i="2"/>
  <c r="M5414" i="5" s="1"/>
  <c r="P5414" i="5" s="1"/>
  <c r="L983" i="2"/>
  <c r="L957" i="5" s="1"/>
  <c r="M983" i="2"/>
  <c r="M957" i="5" s="1"/>
  <c r="P957" i="5" s="1"/>
  <c r="J983" i="2"/>
  <c r="J957" i="5" s="1"/>
  <c r="N957" i="5" s="1"/>
  <c r="M6600" i="2"/>
  <c r="M6574" i="5" s="1"/>
  <c r="P6574" i="5" s="1"/>
  <c r="K6600" i="2"/>
  <c r="K6574" i="5" s="1"/>
  <c r="I6600" i="2"/>
  <c r="I6574" i="5" s="1"/>
  <c r="J6600" i="2"/>
  <c r="J6574" i="5" s="1"/>
  <c r="N6574" i="5" s="1"/>
  <c r="L6600" i="2"/>
  <c r="L6574" i="5" s="1"/>
  <c r="I6519" i="2"/>
  <c r="I6493" i="5" s="1"/>
  <c r="J6519" i="2"/>
  <c r="J6493" i="5" s="1"/>
  <c r="N6493" i="5" s="1"/>
  <c r="L6519" i="2"/>
  <c r="L6493" i="5" s="1"/>
  <c r="M6519" i="2"/>
  <c r="M6493" i="5" s="1"/>
  <c r="P6493" i="5" s="1"/>
  <c r="K6519" i="2"/>
  <c r="K6493" i="5" s="1"/>
  <c r="I4966" i="2"/>
  <c r="I4940" i="5" s="1"/>
  <c r="K4966" i="2"/>
  <c r="K4940" i="5" s="1"/>
  <c r="M4966" i="2"/>
  <c r="M4940" i="5" s="1"/>
  <c r="P4940" i="5" s="1"/>
  <c r="I244" i="2"/>
  <c r="I218" i="5" s="1"/>
  <c r="K244" i="2"/>
  <c r="K218" i="5" s="1"/>
  <c r="J8621" i="2"/>
  <c r="J8595" i="5" s="1"/>
  <c r="N8595" i="5" s="1"/>
  <c r="M8621" i="2"/>
  <c r="M8595" i="5" s="1"/>
  <c r="P8595" i="5" s="1"/>
  <c r="I8621" i="2"/>
  <c r="I8595" i="5" s="1"/>
  <c r="K8621" i="2"/>
  <c r="K8595" i="5" s="1"/>
  <c r="L8621" i="2"/>
  <c r="L8595" i="5" s="1"/>
  <c r="J4919" i="2"/>
  <c r="J4893" i="5" s="1"/>
  <c r="N4893" i="5" s="1"/>
  <c r="L4919" i="2"/>
  <c r="L4893" i="5" s="1"/>
  <c r="K98" i="2"/>
  <c r="K72" i="5" s="1"/>
  <c r="I98" i="2"/>
  <c r="I72" i="5" s="1"/>
  <c r="M6180" i="2"/>
  <c r="M6154" i="5" s="1"/>
  <c r="P6154" i="5" s="1"/>
  <c r="I6180" i="2"/>
  <c r="I6154" i="5" s="1"/>
  <c r="L8666" i="2"/>
  <c r="L8640" i="5" s="1"/>
  <c r="K8666" i="2"/>
  <c r="K8640" i="5" s="1"/>
  <c r="J8666" i="2"/>
  <c r="J8640" i="5" s="1"/>
  <c r="N8640" i="5" s="1"/>
  <c r="M3112" i="2"/>
  <c r="M3086" i="5" s="1"/>
  <c r="P3086" i="5" s="1"/>
  <c r="J3129" i="2"/>
  <c r="J3103" i="5" s="1"/>
  <c r="N3103" i="5" s="1"/>
  <c r="L3129" i="2"/>
  <c r="L3103" i="5" s="1"/>
  <c r="K3129" i="2"/>
  <c r="K3103" i="5" s="1"/>
  <c r="I1783" i="2"/>
  <c r="I1757" i="5" s="1"/>
  <c r="M1783" i="2"/>
  <c r="M1757" i="5" s="1"/>
  <c r="P1757" i="5" s="1"/>
  <c r="I1151" i="2"/>
  <c r="I1125" i="5" s="1"/>
  <c r="J1151" i="2"/>
  <c r="J1125" i="5" s="1"/>
  <c r="M1151" i="2"/>
  <c r="M1125" i="5" s="1"/>
  <c r="P1125" i="5" s="1"/>
  <c r="I7280" i="2"/>
  <c r="I7254" i="5" s="1"/>
  <c r="J7280" i="2"/>
  <c r="J7254" i="5" s="1"/>
  <c r="M7280" i="2"/>
  <c r="M7254" i="5" s="1"/>
  <c r="P7254" i="5" s="1"/>
  <c r="K79" i="2"/>
  <c r="K53" i="5" s="1"/>
  <c r="M79" i="2"/>
  <c r="M53" i="5" s="1"/>
  <c r="P53" i="5" s="1"/>
  <c r="M6346" i="2"/>
  <c r="M6320" i="5" s="1"/>
  <c r="P6320" i="5" s="1"/>
  <c r="J6346" i="2"/>
  <c r="J6320" i="5" s="1"/>
  <c r="N6320" i="5" s="1"/>
  <c r="J7997" i="2"/>
  <c r="J7971" i="5" s="1"/>
  <c r="N7971" i="5" s="1"/>
  <c r="L7997" i="2"/>
  <c r="L7971" i="5" s="1"/>
  <c r="M7997" i="2"/>
  <c r="M7971" i="5" s="1"/>
  <c r="P7971" i="5" s="1"/>
  <c r="I7997" i="2"/>
  <c r="I7971" i="5" s="1"/>
  <c r="K2801" i="2"/>
  <c r="K2775" i="5" s="1"/>
  <c r="J2801" i="2"/>
  <c r="J2775" i="5" s="1"/>
  <c r="N2775" i="5" s="1"/>
  <c r="M2801" i="2"/>
  <c r="M2775" i="5" s="1"/>
  <c r="P2775" i="5" s="1"/>
  <c r="K5113" i="2"/>
  <c r="K5087" i="5" s="1"/>
  <c r="I5113" i="2"/>
  <c r="I5087" i="5" s="1"/>
  <c r="L7675" i="2"/>
  <c r="L7649" i="5" s="1"/>
  <c r="K7675" i="2"/>
  <c r="K7649" i="5" s="1"/>
  <c r="J4123" i="2"/>
  <c r="J4097" i="5" s="1"/>
  <c r="N4097" i="5" s="1"/>
  <c r="I4123" i="2"/>
  <c r="I4097" i="5" s="1"/>
  <c r="L3731" i="2"/>
  <c r="L3705" i="5" s="1"/>
  <c r="I3731" i="2"/>
  <c r="I3705" i="5" s="1"/>
  <c r="L4932" i="2"/>
  <c r="L4906" i="5" s="1"/>
  <c r="I4932" i="2"/>
  <c r="I4906" i="5" s="1"/>
  <c r="K4932" i="2"/>
  <c r="K4906" i="5" s="1"/>
  <c r="K7314" i="2"/>
  <c r="K7288" i="5" s="1"/>
  <c r="M7314" i="2"/>
  <c r="M7288" i="5" s="1"/>
  <c r="P7288" i="5" s="1"/>
  <c r="I7314" i="2"/>
  <c r="I7288" i="5" s="1"/>
  <c r="L7314" i="2"/>
  <c r="L7288" i="5" s="1"/>
  <c r="J7314" i="2"/>
  <c r="J7288" i="5" s="1"/>
  <c r="N7288" i="5" s="1"/>
  <c r="K2588" i="2"/>
  <c r="K2562" i="5" s="1"/>
  <c r="M2588" i="2"/>
  <c r="M2562" i="5" s="1"/>
  <c r="P2562" i="5" s="1"/>
  <c r="J2948" i="2"/>
  <c r="J2922" i="5" s="1"/>
  <c r="N2922" i="5" s="1"/>
  <c r="L2948" i="2"/>
  <c r="L2922" i="5" s="1"/>
  <c r="K4113" i="2"/>
  <c r="K4087" i="5" s="1"/>
  <c r="O4087" i="5" s="1"/>
  <c r="J4113" i="2"/>
  <c r="J4087" i="5" s="1"/>
  <c r="I4097" i="2"/>
  <c r="I4071" i="5" s="1"/>
  <c r="J4097" i="2"/>
  <c r="J4071" i="5" s="1"/>
  <c r="N4071" i="5" s="1"/>
  <c r="L8538" i="2"/>
  <c r="L8512" i="5" s="1"/>
  <c r="K8538" i="2"/>
  <c r="K8512" i="5" s="1"/>
  <c r="L312" i="2"/>
  <c r="L286" i="5" s="1"/>
  <c r="K312" i="2"/>
  <c r="K286" i="5" s="1"/>
  <c r="J312" i="2"/>
  <c r="J286" i="5" s="1"/>
  <c r="I312" i="2"/>
  <c r="I286" i="5" s="1"/>
  <c r="K2469" i="2"/>
  <c r="K2443" i="5" s="1"/>
  <c r="J2469" i="2"/>
  <c r="J2443" i="5" s="1"/>
  <c r="N2443" i="5" s="1"/>
  <c r="L2469" i="2"/>
  <c r="L2443" i="5" s="1"/>
  <c r="M2469" i="2"/>
  <c r="M2443" i="5" s="1"/>
  <c r="P2443" i="5" s="1"/>
  <c r="I2469" i="2"/>
  <c r="I2443" i="5" s="1"/>
  <c r="I7523" i="2"/>
  <c r="I7497" i="5" s="1"/>
  <c r="K7523" i="2"/>
  <c r="K7497" i="5" s="1"/>
  <c r="M7523" i="2"/>
  <c r="M7497" i="5" s="1"/>
  <c r="P7497" i="5" s="1"/>
  <c r="I447" i="2"/>
  <c r="I421" i="5" s="1"/>
  <c r="J447" i="2"/>
  <c r="J421" i="5" s="1"/>
  <c r="N421" i="5" s="1"/>
  <c r="K447" i="2"/>
  <c r="K421" i="5" s="1"/>
  <c r="L447" i="2"/>
  <c r="L421" i="5" s="1"/>
  <c r="I7284" i="2"/>
  <c r="I7258" i="5" s="1"/>
  <c r="K7284" i="2"/>
  <c r="K7258" i="5" s="1"/>
  <c r="J7284" i="2"/>
  <c r="J7258" i="5" s="1"/>
  <c r="L7284" i="2"/>
  <c r="L7258" i="5" s="1"/>
  <c r="M7284" i="2"/>
  <c r="M7258" i="5" s="1"/>
  <c r="P7258" i="5" s="1"/>
  <c r="K6517" i="2"/>
  <c r="K6491" i="5" s="1"/>
  <c r="L5343" i="2"/>
  <c r="L5317" i="5" s="1"/>
  <c r="J5343" i="2"/>
  <c r="J5317" i="5" s="1"/>
  <c r="N5317" i="5" s="1"/>
  <c r="I2605" i="2"/>
  <c r="I2579" i="5" s="1"/>
  <c r="L4512" i="2"/>
  <c r="L4486" i="5" s="1"/>
  <c r="M6446" i="2"/>
  <c r="M6420" i="5" s="1"/>
  <c r="P6420" i="5" s="1"/>
  <c r="I6446" i="2"/>
  <c r="I6420" i="5" s="1"/>
  <c r="L6446" i="2"/>
  <c r="L6420" i="5" s="1"/>
  <c r="K2132" i="2"/>
  <c r="K2106" i="5" s="1"/>
  <c r="L2132" i="2"/>
  <c r="L2106" i="5" s="1"/>
  <c r="J2132" i="2"/>
  <c r="J2106" i="5" s="1"/>
  <c r="N2106" i="5" s="1"/>
  <c r="M2132" i="2"/>
  <c r="M2106" i="5" s="1"/>
  <c r="P2106" i="5" s="1"/>
  <c r="K3313" i="2"/>
  <c r="K3287" i="5" s="1"/>
  <c r="J3313" i="2"/>
  <c r="J3287" i="5" s="1"/>
  <c r="N3287" i="5" s="1"/>
  <c r="L3313" i="2"/>
  <c r="L3287" i="5" s="1"/>
  <c r="M3313" i="2"/>
  <c r="M3287" i="5" s="1"/>
  <c r="P3287" i="5" s="1"/>
  <c r="L379" i="2"/>
  <c r="L353" i="5" s="1"/>
  <c r="M379" i="2"/>
  <c r="M353" i="5" s="1"/>
  <c r="P353" i="5" s="1"/>
  <c r="L5854" i="2"/>
  <c r="L5828" i="5" s="1"/>
  <c r="M5854" i="2"/>
  <c r="M5828" i="5" s="1"/>
  <c r="P5828" i="5" s="1"/>
  <c r="M1800" i="2"/>
  <c r="M1774" i="5" s="1"/>
  <c r="P1774" i="5" s="1"/>
  <c r="K1800" i="2"/>
  <c r="K1774" i="5" s="1"/>
  <c r="J1800" i="2"/>
  <c r="J1774" i="5" s="1"/>
  <c r="N1774" i="5" s="1"/>
  <c r="I1800" i="2"/>
  <c r="I1774" i="5" s="1"/>
  <c r="M6676" i="2"/>
  <c r="M6650" i="5" s="1"/>
  <c r="P6650" i="5" s="1"/>
  <c r="I6676" i="2"/>
  <c r="I6650" i="5" s="1"/>
  <c r="L8461" i="2"/>
  <c r="L8435" i="5" s="1"/>
  <c r="K8461" i="2"/>
  <c r="K8435" i="5" s="1"/>
  <c r="M6785" i="2"/>
  <c r="M6759" i="5" s="1"/>
  <c r="P6759" i="5" s="1"/>
  <c r="I6785" i="2"/>
  <c r="I6759" i="5" s="1"/>
  <c r="K6785" i="2"/>
  <c r="K6759" i="5" s="1"/>
  <c r="J6785" i="2"/>
  <c r="J6759" i="5" s="1"/>
  <c r="N6759" i="5" s="1"/>
  <c r="J1242" i="2"/>
  <c r="J1216" i="5" s="1"/>
  <c r="N1216" i="5" s="1"/>
  <c r="L1242" i="2"/>
  <c r="L1216" i="5" s="1"/>
  <c r="M1242" i="2"/>
  <c r="M1216" i="5" s="1"/>
  <c r="P1216" i="5" s="1"/>
  <c r="K1242" i="2"/>
  <c r="K1216" i="5" s="1"/>
  <c r="I1242" i="2"/>
  <c r="I1216" i="5" s="1"/>
  <c r="I4649" i="2"/>
  <c r="I4623" i="5" s="1"/>
  <c r="L4649" i="2"/>
  <c r="L4623" i="5" s="1"/>
  <c r="J2226" i="2"/>
  <c r="J2200" i="5" s="1"/>
  <c r="N2200" i="5" s="1"/>
  <c r="I2226" i="2"/>
  <c r="I2200" i="5" s="1"/>
  <c r="K7828" i="2"/>
  <c r="K7802" i="5" s="1"/>
  <c r="M7828" i="2"/>
  <c r="M7802" i="5" s="1"/>
  <c r="P7802" i="5" s="1"/>
  <c r="I7828" i="2"/>
  <c r="I7802" i="5" s="1"/>
  <c r="L7828" i="2"/>
  <c r="L7802" i="5" s="1"/>
  <c r="I4135" i="2"/>
  <c r="I4109" i="5" s="1"/>
  <c r="K4135" i="2"/>
  <c r="K4109" i="5" s="1"/>
  <c r="O4109" i="5" s="1"/>
  <c r="L8665" i="2"/>
  <c r="L8639" i="5" s="1"/>
  <c r="M8665" i="2"/>
  <c r="M8639" i="5" s="1"/>
  <c r="P8639" i="5" s="1"/>
  <c r="D66" i="5"/>
  <c r="AR60" i="1"/>
  <c r="I5249" i="2"/>
  <c r="I5223" i="5" s="1"/>
  <c r="K5249" i="2"/>
  <c r="K5223" i="5" s="1"/>
  <c r="J953" i="2"/>
  <c r="J927" i="5" s="1"/>
  <c r="N927" i="5" s="1"/>
  <c r="I953" i="2"/>
  <c r="I927" i="5" s="1"/>
  <c r="K953" i="2"/>
  <c r="K927" i="5" s="1"/>
  <c r="L5932" i="2"/>
  <c r="L5906" i="5" s="1"/>
  <c r="M961" i="2"/>
  <c r="M935" i="5" s="1"/>
  <c r="P935" i="5" s="1"/>
  <c r="I961" i="2"/>
  <c r="I935" i="5" s="1"/>
  <c r="J961" i="2"/>
  <c r="J935" i="5" s="1"/>
  <c r="N935" i="5" s="1"/>
  <c r="K57" i="2"/>
  <c r="K31" i="5" s="1"/>
  <c r="L57" i="2"/>
  <c r="L31" i="5" s="1"/>
  <c r="M57" i="2"/>
  <c r="M31" i="5" s="1"/>
  <c r="P31" i="5" s="1"/>
  <c r="I57" i="2"/>
  <c r="I31" i="5" s="1"/>
  <c r="M5355" i="2"/>
  <c r="M5329" i="5" s="1"/>
  <c r="P5329" i="5" s="1"/>
  <c r="K5355" i="2"/>
  <c r="K5329" i="5" s="1"/>
  <c r="J5355" i="2"/>
  <c r="J5329" i="5" s="1"/>
  <c r="N5329" i="5" s="1"/>
  <c r="M7353" i="2"/>
  <c r="M7327" i="5" s="1"/>
  <c r="P7327" i="5" s="1"/>
  <c r="I7353" i="2"/>
  <c r="I7327" i="5" s="1"/>
  <c r="K7353" i="2"/>
  <c r="K7327" i="5" s="1"/>
  <c r="O7327" i="5" s="1"/>
  <c r="J8647" i="2"/>
  <c r="J8621" i="5" s="1"/>
  <c r="N8621" i="5" s="1"/>
  <c r="K8647" i="2"/>
  <c r="K8621" i="5" s="1"/>
  <c r="M8647" i="2"/>
  <c r="M8621" i="5" s="1"/>
  <c r="P8621" i="5" s="1"/>
  <c r="J4617" i="2"/>
  <c r="J4591" i="5" s="1"/>
  <c r="N4591" i="5" s="1"/>
  <c r="I4617" i="2"/>
  <c r="I4591" i="5" s="1"/>
  <c r="K4617" i="2"/>
  <c r="K4591" i="5" s="1"/>
  <c r="L3744" i="2"/>
  <c r="L3718" i="5" s="1"/>
  <c r="K3744" i="2"/>
  <c r="K3718" i="5" s="1"/>
  <c r="M3744" i="2"/>
  <c r="M3718" i="5" s="1"/>
  <c r="P3718" i="5" s="1"/>
  <c r="L484" i="2"/>
  <c r="L458" i="5" s="1"/>
  <c r="K484" i="2"/>
  <c r="K458" i="5" s="1"/>
  <c r="L4938" i="2"/>
  <c r="L4912" i="5" s="1"/>
  <c r="L3321" i="2"/>
  <c r="L3295" i="5" s="1"/>
  <c r="I3321" i="2"/>
  <c r="I3295" i="5" s="1"/>
  <c r="M5414" i="2"/>
  <c r="M5388" i="5" s="1"/>
  <c r="P5388" i="5" s="1"/>
  <c r="J5414" i="2"/>
  <c r="J5388" i="5" s="1"/>
  <c r="N5388" i="5" s="1"/>
  <c r="L5414" i="2"/>
  <c r="L5388" i="5" s="1"/>
  <c r="J4111" i="2"/>
  <c r="J4085" i="5" s="1"/>
  <c r="N4085" i="5" s="1"/>
  <c r="L4111" i="2"/>
  <c r="L4085" i="5" s="1"/>
  <c r="K4111" i="2"/>
  <c r="K4085" i="5" s="1"/>
  <c r="M4111" i="2"/>
  <c r="M4085" i="5" s="1"/>
  <c r="P4085" i="5" s="1"/>
  <c r="I1755" i="2"/>
  <c r="I1729" i="5" s="1"/>
  <c r="K1755" i="2"/>
  <c r="K1729" i="5" s="1"/>
  <c r="O1729" i="5" s="1"/>
  <c r="L2147" i="2"/>
  <c r="L2121" i="5" s="1"/>
  <c r="I2147" i="2"/>
  <c r="I2121" i="5" s="1"/>
  <c r="M2147" i="2"/>
  <c r="M2121" i="5" s="1"/>
  <c r="P2121" i="5" s="1"/>
  <c r="K2147" i="2"/>
  <c r="K2121" i="5" s="1"/>
  <c r="L7540" i="2"/>
  <c r="L7514" i="5" s="1"/>
  <c r="M4179" i="2"/>
  <c r="M4153" i="5" s="1"/>
  <c r="P4153" i="5" s="1"/>
  <c r="J4179" i="2"/>
  <c r="J4153" i="5" s="1"/>
  <c r="N4153" i="5" s="1"/>
  <c r="K4179" i="2"/>
  <c r="K4153" i="5" s="1"/>
  <c r="K2481" i="2"/>
  <c r="K2455" i="5" s="1"/>
  <c r="J2481" i="2"/>
  <c r="J2455" i="5" s="1"/>
  <c r="N2455" i="5" s="1"/>
  <c r="L2481" i="2"/>
  <c r="L2455" i="5" s="1"/>
  <c r="M2481" i="2"/>
  <c r="M2455" i="5" s="1"/>
  <c r="P2455" i="5" s="1"/>
  <c r="I2481" i="2"/>
  <c r="I2455" i="5" s="1"/>
  <c r="I485" i="2"/>
  <c r="I459" i="5" s="1"/>
  <c r="M485" i="2"/>
  <c r="M459" i="5" s="1"/>
  <c r="P459" i="5" s="1"/>
  <c r="J8449" i="2"/>
  <c r="J8423" i="5" s="1"/>
  <c r="N8423" i="5" s="1"/>
  <c r="M8449" i="2"/>
  <c r="M8423" i="5" s="1"/>
  <c r="P8423" i="5" s="1"/>
  <c r="M8367" i="2"/>
  <c r="M8341" i="5" s="1"/>
  <c r="P8341" i="5" s="1"/>
  <c r="K8484" i="2"/>
  <c r="K8458" i="5" s="1"/>
  <c r="I8484" i="2"/>
  <c r="I8458" i="5" s="1"/>
  <c r="M8484" i="2"/>
  <c r="M8458" i="5" s="1"/>
  <c r="P8458" i="5" s="1"/>
  <c r="J8484" i="2"/>
  <c r="J8458" i="5" s="1"/>
  <c r="L8484" i="2"/>
  <c r="L8458" i="5" s="1"/>
  <c r="I1553" i="2"/>
  <c r="I1527" i="5" s="1"/>
  <c r="L1553" i="2"/>
  <c r="L1527" i="5" s="1"/>
  <c r="M1553" i="2"/>
  <c r="M1527" i="5" s="1"/>
  <c r="P1527" i="5" s="1"/>
  <c r="K1553" i="2"/>
  <c r="K1527" i="5" s="1"/>
  <c r="K6678" i="2"/>
  <c r="K6652" i="5" s="1"/>
  <c r="L6678" i="2"/>
  <c r="L6652" i="5" s="1"/>
  <c r="M8026" i="2"/>
  <c r="M8000" i="5" s="1"/>
  <c r="P8000" i="5" s="1"/>
  <c r="K8026" i="2"/>
  <c r="K8000" i="5" s="1"/>
  <c r="J371" i="2"/>
  <c r="J345" i="5" s="1"/>
  <c r="N345" i="5" s="1"/>
  <c r="K371" i="2"/>
  <c r="K345" i="5" s="1"/>
  <c r="L5502" i="2"/>
  <c r="L5476" i="5" s="1"/>
  <c r="K5502" i="2"/>
  <c r="K5476" i="5" s="1"/>
  <c r="M6433" i="2"/>
  <c r="M6407" i="5" s="1"/>
  <c r="P6407" i="5" s="1"/>
  <c r="I6433" i="2"/>
  <c r="I6407" i="5" s="1"/>
  <c r="K750" i="2"/>
  <c r="K724" i="5" s="1"/>
  <c r="O724" i="5" s="1"/>
  <c r="J750" i="2"/>
  <c r="J724" i="5" s="1"/>
  <c r="N724" i="5" s="1"/>
  <c r="AR24" i="1"/>
  <c r="J979" i="2"/>
  <c r="J953" i="5" s="1"/>
  <c r="N953" i="5" s="1"/>
  <c r="I979" i="2"/>
  <c r="I953" i="5" s="1"/>
  <c r="L979" i="2"/>
  <c r="L953" i="5" s="1"/>
  <c r="K732" i="2"/>
  <c r="K706" i="5" s="1"/>
  <c r="J732" i="2"/>
  <c r="J706" i="5" s="1"/>
  <c r="N706" i="5" s="1"/>
  <c r="M732" i="2"/>
  <c r="M706" i="5" s="1"/>
  <c r="P706" i="5" s="1"/>
  <c r="I732" i="2"/>
  <c r="I706" i="5" s="1"/>
  <c r="J5512" i="2"/>
  <c r="J5486" i="5" s="1"/>
  <c r="M5512" i="2"/>
  <c r="M5486" i="5" s="1"/>
  <c r="P5486" i="5" s="1"/>
  <c r="I5512" i="2"/>
  <c r="I5486" i="5" s="1"/>
  <c r="L5011" i="2"/>
  <c r="L4985" i="5" s="1"/>
  <c r="M133" i="2"/>
  <c r="M107" i="5" s="1"/>
  <c r="P107" i="5" s="1"/>
  <c r="I133" i="2"/>
  <c r="I107" i="5" s="1"/>
  <c r="K133" i="2"/>
  <c r="K107" i="5" s="1"/>
  <c r="O107" i="5" s="1"/>
  <c r="M4662" i="2"/>
  <c r="M4636" i="5" s="1"/>
  <c r="P4636" i="5" s="1"/>
  <c r="J4662" i="2"/>
  <c r="J4636" i="5" s="1"/>
  <c r="N4636" i="5" s="1"/>
  <c r="M644" i="2"/>
  <c r="M618" i="5" s="1"/>
  <c r="P618" i="5" s="1"/>
  <c r="I644" i="2"/>
  <c r="I618" i="5" s="1"/>
  <c r="K102" i="2"/>
  <c r="K76" i="5" s="1"/>
  <c r="I102" i="2"/>
  <c r="I76" i="5" s="1"/>
  <c r="I233" i="2"/>
  <c r="I207" i="5" s="1"/>
  <c r="M233" i="2"/>
  <c r="M207" i="5" s="1"/>
  <c r="P207" i="5" s="1"/>
  <c r="M1476" i="2"/>
  <c r="M1450" i="5" s="1"/>
  <c r="P1450" i="5" s="1"/>
  <c r="I1476" i="2"/>
  <c r="I1450" i="5" s="1"/>
  <c r="K1476" i="2"/>
  <c r="K1450" i="5" s="1"/>
  <c r="L226" i="2"/>
  <c r="L200" i="5" s="1"/>
  <c r="I226" i="2"/>
  <c r="I200" i="5" s="1"/>
  <c r="J3740" i="2"/>
  <c r="J3714" i="5" s="1"/>
  <c r="N3714" i="5" s="1"/>
  <c r="I3740" i="2"/>
  <c r="I3714" i="5" s="1"/>
  <c r="M3740" i="2"/>
  <c r="M3714" i="5" s="1"/>
  <c r="P3714" i="5" s="1"/>
  <c r="L3740" i="2"/>
  <c r="L3714" i="5" s="1"/>
  <c r="J605" i="2"/>
  <c r="J579" i="5" s="1"/>
  <c r="N579" i="5" s="1"/>
  <c r="L605" i="2"/>
  <c r="L579" i="5" s="1"/>
  <c r="M605" i="2"/>
  <c r="M579" i="5" s="1"/>
  <c r="P579" i="5" s="1"/>
  <c r="I1437" i="2"/>
  <c r="I1411" i="5" s="1"/>
  <c r="M1437" i="2"/>
  <c r="M1411" i="5" s="1"/>
  <c r="P1411" i="5" s="1"/>
  <c r="D235" i="5"/>
  <c r="AR229" i="1"/>
  <c r="I6965" i="2"/>
  <c r="I6939" i="5" s="1"/>
  <c r="M6965" i="2"/>
  <c r="M6939" i="5" s="1"/>
  <c r="P6939" i="5" s="1"/>
  <c r="K6965" i="2"/>
  <c r="K6939" i="5" s="1"/>
  <c r="J6965" i="2"/>
  <c r="J6939" i="5" s="1"/>
  <c r="L6965" i="2"/>
  <c r="L6939" i="5" s="1"/>
  <c r="I49" i="2"/>
  <c r="I23" i="5" s="1"/>
  <c r="L49" i="2"/>
  <c r="L23" i="5" s="1"/>
  <c r="M1779" i="2"/>
  <c r="M1753" i="5" s="1"/>
  <c r="P1753" i="5" s="1"/>
  <c r="L1779" i="2"/>
  <c r="L1753" i="5" s="1"/>
  <c r="L3491" i="2"/>
  <c r="L3465" i="5" s="1"/>
  <c r="M3491" i="2"/>
  <c r="M3465" i="5" s="1"/>
  <c r="P3465" i="5" s="1"/>
  <c r="I3491" i="2"/>
  <c r="I3465" i="5" s="1"/>
  <c r="L2805" i="2"/>
  <c r="L2779" i="5" s="1"/>
  <c r="J2805" i="2"/>
  <c r="J2779" i="5" s="1"/>
  <c r="N2779" i="5" s="1"/>
  <c r="K3765" i="2"/>
  <c r="K3739" i="5" s="1"/>
  <c r="J3765" i="2"/>
  <c r="J3739" i="5" s="1"/>
  <c r="N3739" i="5" s="1"/>
  <c r="I965" i="2"/>
  <c r="I939" i="5" s="1"/>
  <c r="I7994" i="2"/>
  <c r="I7968" i="5" s="1"/>
  <c r="I7855" i="2"/>
  <c r="I7829" i="5" s="1"/>
  <c r="L7855" i="2"/>
  <c r="L7829" i="5" s="1"/>
  <c r="J1927" i="2"/>
  <c r="J1901" i="5" s="1"/>
  <c r="N1901" i="5" s="1"/>
  <c r="M1927" i="2"/>
  <c r="M1901" i="5" s="1"/>
  <c r="P1901" i="5" s="1"/>
  <c r="K1927" i="2"/>
  <c r="K1901" i="5" s="1"/>
  <c r="L1927" i="2"/>
  <c r="L1901" i="5" s="1"/>
  <c r="K548" i="2"/>
  <c r="K522" i="5" s="1"/>
  <c r="J548" i="2"/>
  <c r="J522" i="5" s="1"/>
  <c r="N522" i="5" s="1"/>
  <c r="L4516" i="2"/>
  <c r="L4490" i="5" s="1"/>
  <c r="J5845" i="2"/>
  <c r="J5819" i="5" s="1"/>
  <c r="M5845" i="2"/>
  <c r="M5819" i="5" s="1"/>
  <c r="P5819" i="5" s="1"/>
  <c r="K1298" i="2"/>
  <c r="K1272" i="5" s="1"/>
  <c r="M6331" i="2"/>
  <c r="M6305" i="5" s="1"/>
  <c r="P6305" i="5" s="1"/>
  <c r="I6331" i="2"/>
  <c r="I6305" i="5" s="1"/>
  <c r="L6331" i="2"/>
  <c r="L6305" i="5" s="1"/>
  <c r="J6331" i="2"/>
  <c r="J6305" i="5" s="1"/>
  <c r="N6305" i="5" s="1"/>
  <c r="L589" i="2"/>
  <c r="L563" i="5" s="1"/>
  <c r="I589" i="2"/>
  <c r="I563" i="5" s="1"/>
  <c r="J2596" i="2"/>
  <c r="J2570" i="5" s="1"/>
  <c r="N2570" i="5" s="1"/>
  <c r="M2596" i="2"/>
  <c r="M2570" i="5" s="1"/>
  <c r="P2570" i="5" s="1"/>
  <c r="I3817" i="2"/>
  <c r="I3791" i="5" s="1"/>
  <c r="K3817" i="2"/>
  <c r="K3791" i="5" s="1"/>
  <c r="O3791" i="5" s="1"/>
  <c r="J3817" i="2"/>
  <c r="J3791" i="5" s="1"/>
  <c r="N3791" i="5" s="1"/>
  <c r="M3817" i="2"/>
  <c r="M3791" i="5" s="1"/>
  <c r="P3791" i="5" s="1"/>
  <c r="K4973" i="2"/>
  <c r="K4947" i="5" s="1"/>
  <c r="L4973" i="2"/>
  <c r="L4947" i="5" s="1"/>
  <c r="J8290" i="2"/>
  <c r="J8264" i="5" s="1"/>
  <c r="N8264" i="5" s="1"/>
  <c r="L8290" i="2"/>
  <c r="L8264" i="5" s="1"/>
  <c r="I8290" i="2"/>
  <c r="I8264" i="5" s="1"/>
  <c r="K8290" i="2"/>
  <c r="K8264" i="5" s="1"/>
  <c r="M8290" i="2"/>
  <c r="M8264" i="5" s="1"/>
  <c r="P8264" i="5" s="1"/>
  <c r="I2900" i="2"/>
  <c r="I2874" i="5" s="1"/>
  <c r="L2900" i="2"/>
  <c r="L2874" i="5" s="1"/>
  <c r="J2900" i="2"/>
  <c r="J2874" i="5" s="1"/>
  <c r="N2874" i="5" s="1"/>
  <c r="I4434" i="2"/>
  <c r="I4408" i="5" s="1"/>
  <c r="K4434" i="2"/>
  <c r="K4408" i="5" s="1"/>
  <c r="L4434" i="2"/>
  <c r="L4408" i="5" s="1"/>
  <c r="I7529" i="2"/>
  <c r="I7503" i="5" s="1"/>
  <c r="L7529" i="2"/>
  <c r="L7503" i="5" s="1"/>
  <c r="K4180" i="2"/>
  <c r="K4154" i="5" s="1"/>
  <c r="M4180" i="2"/>
  <c r="M4154" i="5" s="1"/>
  <c r="P4154" i="5" s="1"/>
  <c r="L4180" i="2"/>
  <c r="L4154" i="5" s="1"/>
  <c r="J4180" i="2"/>
  <c r="J4154" i="5" s="1"/>
  <c r="N4154" i="5" s="1"/>
  <c r="I4180" i="2"/>
  <c r="I4154" i="5" s="1"/>
  <c r="J8294" i="2"/>
  <c r="J8268" i="5" s="1"/>
  <c r="L8294" i="2"/>
  <c r="L8268" i="5" s="1"/>
  <c r="I470" i="2"/>
  <c r="I444" i="5" s="1"/>
  <c r="M3228" i="2"/>
  <c r="M3202" i="5" s="1"/>
  <c r="P3202" i="5" s="1"/>
  <c r="K3228" i="2"/>
  <c r="K3202" i="5" s="1"/>
  <c r="I3228" i="2"/>
  <c r="I3202" i="5" s="1"/>
  <c r="L3228" i="2"/>
  <c r="L3202" i="5" s="1"/>
  <c r="I8493" i="2"/>
  <c r="I8467" i="5" s="1"/>
  <c r="J8493" i="2"/>
  <c r="J8467" i="5" s="1"/>
  <c r="N8467" i="5" s="1"/>
  <c r="M8153" i="2"/>
  <c r="M8127" i="5" s="1"/>
  <c r="P8127" i="5" s="1"/>
  <c r="L8153" i="2"/>
  <c r="L8127" i="5" s="1"/>
  <c r="I8153" i="2"/>
  <c r="I8127" i="5" s="1"/>
  <c r="K8153" i="2"/>
  <c r="K8127" i="5" s="1"/>
  <c r="M7295" i="2"/>
  <c r="M7269" i="5" s="1"/>
  <c r="P7269" i="5" s="1"/>
  <c r="I7295" i="2"/>
  <c r="I7269" i="5" s="1"/>
  <c r="L4506" i="2"/>
  <c r="L4480" i="5" s="1"/>
  <c r="I4506" i="2"/>
  <c r="I4480" i="5" s="1"/>
  <c r="J4506" i="2"/>
  <c r="J4480" i="5" s="1"/>
  <c r="N4480" i="5" s="1"/>
  <c r="M4620" i="2"/>
  <c r="M4594" i="5" s="1"/>
  <c r="P4594" i="5" s="1"/>
  <c r="L4620" i="2"/>
  <c r="L4594" i="5" s="1"/>
  <c r="I4620" i="2"/>
  <c r="I4594" i="5" s="1"/>
  <c r="K4620" i="2"/>
  <c r="K4594" i="5" s="1"/>
  <c r="I300" i="2"/>
  <c r="I274" i="5" s="1"/>
  <c r="K300" i="2"/>
  <c r="K274" i="5" s="1"/>
  <c r="K2308" i="2"/>
  <c r="K2282" i="5" s="1"/>
  <c r="L2308" i="2"/>
  <c r="L2282" i="5" s="1"/>
  <c r="J7482" i="2"/>
  <c r="J7456" i="5" s="1"/>
  <c r="N7456" i="5" s="1"/>
  <c r="M6603" i="2"/>
  <c r="M6577" i="5" s="1"/>
  <c r="P6577" i="5" s="1"/>
  <c r="J6603" i="2"/>
  <c r="J6577" i="5" s="1"/>
  <c r="M5135" i="2"/>
  <c r="M5109" i="5" s="1"/>
  <c r="P5109" i="5" s="1"/>
  <c r="K5135" i="2"/>
  <c r="K5109" i="5" s="1"/>
  <c r="J5135" i="2"/>
  <c r="J5109" i="5" s="1"/>
  <c r="N5109" i="5" s="1"/>
  <c r="L5135" i="2"/>
  <c r="L5109" i="5" s="1"/>
  <c r="I5135" i="2"/>
  <c r="I5109" i="5" s="1"/>
  <c r="L5789" i="2"/>
  <c r="L5763" i="5" s="1"/>
  <c r="I5789" i="2"/>
  <c r="I5763" i="5" s="1"/>
  <c r="M7962" i="2"/>
  <c r="M7936" i="5" s="1"/>
  <c r="P7936" i="5" s="1"/>
  <c r="K7962" i="2"/>
  <c r="K7936" i="5" s="1"/>
  <c r="I7962" i="2"/>
  <c r="I7936" i="5" s="1"/>
  <c r="L7962" i="2"/>
  <c r="L7936" i="5" s="1"/>
  <c r="K7674" i="2"/>
  <c r="K7648" i="5" s="1"/>
  <c r="L7674" i="2"/>
  <c r="L7648" i="5" s="1"/>
  <c r="J1577" i="2"/>
  <c r="J1551" i="5" s="1"/>
  <c r="L1577" i="2"/>
  <c r="L1551" i="5" s="1"/>
  <c r="I1577" i="2"/>
  <c r="I1551" i="5" s="1"/>
  <c r="K1639" i="2"/>
  <c r="K1613" i="5" s="1"/>
  <c r="M1639" i="2"/>
  <c r="M1613" i="5" s="1"/>
  <c r="P1613" i="5" s="1"/>
  <c r="J1592" i="2"/>
  <c r="J1566" i="5" s="1"/>
  <c r="N1566" i="5" s="1"/>
  <c r="L1592" i="2"/>
  <c r="L1566" i="5" s="1"/>
  <c r="L6489" i="2"/>
  <c r="L6463" i="5" s="1"/>
  <c r="M6489" i="2"/>
  <c r="M6463" i="5" s="1"/>
  <c r="P6463" i="5" s="1"/>
  <c r="I3642" i="2"/>
  <c r="I3616" i="5" s="1"/>
  <c r="L3642" i="2"/>
  <c r="L3616" i="5" s="1"/>
  <c r="L8543" i="2"/>
  <c r="L8517" i="5" s="1"/>
  <c r="M8543" i="2"/>
  <c r="M8517" i="5" s="1"/>
  <c r="P8517" i="5" s="1"/>
  <c r="J5849" i="2"/>
  <c r="J5823" i="5" s="1"/>
  <c r="N5823" i="5" s="1"/>
  <c r="L5849" i="2"/>
  <c r="L5823" i="5" s="1"/>
  <c r="M5849" i="2"/>
  <c r="M5823" i="5" s="1"/>
  <c r="P5823" i="5" s="1"/>
  <c r="I5849" i="2"/>
  <c r="I5823" i="5" s="1"/>
  <c r="K5849" i="2"/>
  <c r="K5823" i="5" s="1"/>
  <c r="M6364" i="2"/>
  <c r="M6338" i="5" s="1"/>
  <c r="P6338" i="5" s="1"/>
  <c r="L6364" i="2"/>
  <c r="L6338" i="5" s="1"/>
  <c r="L2278" i="2"/>
  <c r="L2252" i="5" s="1"/>
  <c r="I2278" i="2"/>
  <c r="I2252" i="5" s="1"/>
  <c r="M5508" i="2"/>
  <c r="M5482" i="5" s="1"/>
  <c r="P5482" i="5" s="1"/>
  <c r="K5508" i="2"/>
  <c r="K5482" i="5" s="1"/>
  <c r="J5508" i="2"/>
  <c r="J5482" i="5" s="1"/>
  <c r="N5482" i="5" s="1"/>
  <c r="L5508" i="2"/>
  <c r="L5482" i="5" s="1"/>
  <c r="M5506" i="2"/>
  <c r="M5480" i="5" s="1"/>
  <c r="P5480" i="5" s="1"/>
  <c r="J5506" i="2"/>
  <c r="J5480" i="5" s="1"/>
  <c r="N5480" i="5" s="1"/>
  <c r="K5506" i="2"/>
  <c r="K5480" i="5" s="1"/>
  <c r="J8453" i="2"/>
  <c r="J8427" i="5" s="1"/>
  <c r="N8427" i="5" s="1"/>
  <c r="L8453" i="2"/>
  <c r="L8427" i="5" s="1"/>
  <c r="M8453" i="2"/>
  <c r="M8427" i="5" s="1"/>
  <c r="P8427" i="5" s="1"/>
  <c r="I8453" i="2"/>
  <c r="I8427" i="5" s="1"/>
  <c r="K8453" i="2"/>
  <c r="K8427" i="5" s="1"/>
  <c r="L4301" i="2"/>
  <c r="L4275" i="5" s="1"/>
  <c r="I4301" i="2"/>
  <c r="I4275" i="5" s="1"/>
  <c r="J583" i="2"/>
  <c r="J557" i="5" s="1"/>
  <c r="N557" i="5" s="1"/>
  <c r="I583" i="2"/>
  <c r="I557" i="5" s="1"/>
  <c r="K399" i="2"/>
  <c r="K373" i="5" s="1"/>
  <c r="M399" i="2"/>
  <c r="M373" i="5" s="1"/>
  <c r="P373" i="5" s="1"/>
  <c r="I399" i="2"/>
  <c r="I373" i="5" s="1"/>
  <c r="I3628" i="2"/>
  <c r="I3602" i="5" s="1"/>
  <c r="J3628" i="2"/>
  <c r="J3602" i="5" s="1"/>
  <c r="L3628" i="2"/>
  <c r="L3602" i="5" s="1"/>
  <c r="K3628" i="2"/>
  <c r="K3602" i="5" s="1"/>
  <c r="M3628" i="2"/>
  <c r="M3602" i="5" s="1"/>
  <c r="P3602" i="5" s="1"/>
  <c r="M6013" i="2"/>
  <c r="M5987" i="5" s="1"/>
  <c r="P5987" i="5" s="1"/>
  <c r="I6013" i="2"/>
  <c r="I5987" i="5" s="1"/>
  <c r="K6013" i="2"/>
  <c r="K5987" i="5" s="1"/>
  <c r="L6013" i="2"/>
  <c r="L5987" i="5" s="1"/>
  <c r="AR206" i="1"/>
  <c r="J6995" i="2"/>
  <c r="J6969" i="5" s="1"/>
  <c r="N6969" i="5" s="1"/>
  <c r="L6995" i="2"/>
  <c r="L6969" i="5" s="1"/>
  <c r="J5619" i="2"/>
  <c r="J5593" i="5" s="1"/>
  <c r="N5593" i="5" s="1"/>
  <c r="M5619" i="2"/>
  <c r="M5593" i="5" s="1"/>
  <c r="P5593" i="5" s="1"/>
  <c r="M4918" i="2"/>
  <c r="M4892" i="5" s="1"/>
  <c r="P4892" i="5" s="1"/>
  <c r="L4918" i="2"/>
  <c r="L4892" i="5" s="1"/>
  <c r="K4918" i="2"/>
  <c r="K4892" i="5" s="1"/>
  <c r="J4918" i="2"/>
  <c r="J4892" i="5" s="1"/>
  <c r="N4892" i="5" s="1"/>
  <c r="I4918" i="2"/>
  <c r="I4892" i="5" s="1"/>
  <c r="L6809" i="2"/>
  <c r="L6783" i="5" s="1"/>
  <c r="K6809" i="2"/>
  <c r="K6783" i="5" s="1"/>
  <c r="J303" i="2"/>
  <c r="J277" i="5" s="1"/>
  <c r="N277" i="5" s="1"/>
  <c r="K303" i="2"/>
  <c r="K277" i="5" s="1"/>
  <c r="I303" i="2"/>
  <c r="I277" i="5" s="1"/>
  <c r="K3977" i="2"/>
  <c r="K3951" i="5" s="1"/>
  <c r="I3977" i="2"/>
  <c r="I3951" i="5" s="1"/>
  <c r="L2084" i="2"/>
  <c r="L2058" i="5" s="1"/>
  <c r="K2084" i="2"/>
  <c r="K2058" i="5" s="1"/>
  <c r="M790" i="2"/>
  <c r="M764" i="5" s="1"/>
  <c r="P764" i="5" s="1"/>
  <c r="K790" i="2"/>
  <c r="K764" i="5" s="1"/>
  <c r="I790" i="2"/>
  <c r="I764" i="5" s="1"/>
  <c r="J790" i="2"/>
  <c r="J764" i="5" s="1"/>
  <c r="N764" i="5" s="1"/>
  <c r="L790" i="2"/>
  <c r="L764" i="5" s="1"/>
  <c r="M7823" i="2"/>
  <c r="M7797" i="5" s="1"/>
  <c r="P7797" i="5" s="1"/>
  <c r="I7823" i="2"/>
  <c r="I7797" i="5" s="1"/>
  <c r="K7823" i="2"/>
  <c r="K7797" i="5" s="1"/>
  <c r="L3648" i="2"/>
  <c r="L3622" i="5" s="1"/>
  <c r="I3960" i="2"/>
  <c r="I3934" i="5" s="1"/>
  <c r="K3960" i="2"/>
  <c r="K3934" i="5" s="1"/>
  <c r="J5419" i="2"/>
  <c r="J5393" i="5" s="1"/>
  <c r="N5393" i="5" s="1"/>
  <c r="L5419" i="2"/>
  <c r="L5393" i="5" s="1"/>
  <c r="M1292" i="2"/>
  <c r="M1266" i="5" s="1"/>
  <c r="P1266" i="5" s="1"/>
  <c r="L1292" i="2"/>
  <c r="L1266" i="5" s="1"/>
  <c r="I1292" i="2"/>
  <c r="I1266" i="5" s="1"/>
  <c r="J1292" i="2"/>
  <c r="J1266" i="5" s="1"/>
  <c r="N1266" i="5" s="1"/>
  <c r="K1292" i="2"/>
  <c r="K1266" i="5" s="1"/>
  <c r="L4128" i="2"/>
  <c r="L4102" i="5" s="1"/>
  <c r="I1775" i="2"/>
  <c r="I1749" i="5" s="1"/>
  <c r="K1775" i="2"/>
  <c r="K1749" i="5" s="1"/>
  <c r="J1775" i="2"/>
  <c r="J1749" i="5" s="1"/>
  <c r="N1749" i="5" s="1"/>
  <c r="L1775" i="2"/>
  <c r="L1749" i="5" s="1"/>
  <c r="I1289" i="2"/>
  <c r="I1263" i="5" s="1"/>
  <c r="J1289" i="2"/>
  <c r="J1263" i="5" s="1"/>
  <c r="N1263" i="5" s="1"/>
  <c r="K1289" i="2"/>
  <c r="K1263" i="5" s="1"/>
  <c r="O1263" i="5" s="1"/>
  <c r="J1769" i="2"/>
  <c r="J1743" i="5" s="1"/>
  <c r="N1743" i="5" s="1"/>
  <c r="L1769" i="2"/>
  <c r="L1743" i="5" s="1"/>
  <c r="M1769" i="2"/>
  <c r="M1743" i="5" s="1"/>
  <c r="P1743" i="5" s="1"/>
  <c r="K1769" i="2"/>
  <c r="K1743" i="5" s="1"/>
  <c r="K7431" i="2"/>
  <c r="K7405" i="5" s="1"/>
  <c r="J7431" i="2"/>
  <c r="J7405" i="5" s="1"/>
  <c r="L7431" i="2"/>
  <c r="L7405" i="5" s="1"/>
  <c r="M7431" i="2"/>
  <c r="M7405" i="5" s="1"/>
  <c r="P7405" i="5" s="1"/>
  <c r="L6702" i="2"/>
  <c r="L6676" i="5" s="1"/>
  <c r="I6702" i="2"/>
  <c r="I6676" i="5" s="1"/>
  <c r="K6702" i="2"/>
  <c r="K6676" i="5" s="1"/>
  <c r="I615" i="2"/>
  <c r="I589" i="5" s="1"/>
  <c r="L615" i="2"/>
  <c r="L589" i="5" s="1"/>
  <c r="L1923" i="2"/>
  <c r="L1897" i="5" s="1"/>
  <c r="M1923" i="2"/>
  <c r="M1897" i="5" s="1"/>
  <c r="P1897" i="5" s="1"/>
  <c r="J1923" i="2"/>
  <c r="J1897" i="5" s="1"/>
  <c r="N1897" i="5" s="1"/>
  <c r="M958" i="2"/>
  <c r="M932" i="5" s="1"/>
  <c r="P932" i="5" s="1"/>
  <c r="K958" i="2"/>
  <c r="K932" i="5" s="1"/>
  <c r="K1271" i="2"/>
  <c r="K1245" i="5" s="1"/>
  <c r="M1271" i="2"/>
  <c r="M1245" i="5" s="1"/>
  <c r="P1245" i="5" s="1"/>
  <c r="K1636" i="2"/>
  <c r="K1610" i="5" s="1"/>
  <c r="M1636" i="2"/>
  <c r="M1610" i="5" s="1"/>
  <c r="P1610" i="5" s="1"/>
  <c r="I1636" i="2"/>
  <c r="I1610" i="5" s="1"/>
  <c r="L6647" i="2"/>
  <c r="L6621" i="5" s="1"/>
  <c r="I6647" i="2"/>
  <c r="I6621" i="5" s="1"/>
  <c r="M6647" i="2"/>
  <c r="M6621" i="5" s="1"/>
  <c r="P6621" i="5" s="1"/>
  <c r="K6647" i="2"/>
  <c r="K6621" i="5" s="1"/>
  <c r="J6647" i="2"/>
  <c r="J6621" i="5" s="1"/>
  <c r="N6621" i="5" s="1"/>
  <c r="K1938" i="2"/>
  <c r="K1912" i="5" s="1"/>
  <c r="I1938" i="2"/>
  <c r="I1912" i="5" s="1"/>
  <c r="I2790" i="2"/>
  <c r="I2764" i="5" s="1"/>
  <c r="K2790" i="2"/>
  <c r="K2764" i="5" s="1"/>
  <c r="O2764" i="5" s="1"/>
  <c r="J2790" i="2"/>
  <c r="J2764" i="5" s="1"/>
  <c r="N2764" i="5" s="1"/>
  <c r="I7313" i="2"/>
  <c r="I7287" i="5" s="1"/>
  <c r="K7313" i="2"/>
  <c r="K7287" i="5" s="1"/>
  <c r="L7313" i="2"/>
  <c r="L7287" i="5" s="1"/>
  <c r="M7313" i="2"/>
  <c r="M7287" i="5" s="1"/>
  <c r="P7287" i="5" s="1"/>
  <c r="L7834" i="2"/>
  <c r="L7808" i="5" s="1"/>
  <c r="I7834" i="2"/>
  <c r="I7808" i="5" s="1"/>
  <c r="J7834" i="2"/>
  <c r="J7808" i="5" s="1"/>
  <c r="N7808" i="5" s="1"/>
  <c r="K7834" i="2"/>
  <c r="K7808" i="5" s="1"/>
  <c r="K2945" i="2"/>
  <c r="K2919" i="5" s="1"/>
  <c r="I2945" i="2"/>
  <c r="I2919" i="5" s="1"/>
  <c r="M7694" i="2"/>
  <c r="M7668" i="5" s="1"/>
  <c r="P7668" i="5" s="1"/>
  <c r="K7694" i="2"/>
  <c r="K7668" i="5" s="1"/>
  <c r="J7694" i="2"/>
  <c r="J7668" i="5" s="1"/>
  <c r="N7668" i="5" s="1"/>
  <c r="I7694" i="2"/>
  <c r="I7668" i="5" s="1"/>
  <c r="L5430" i="2"/>
  <c r="L5404" i="5" s="1"/>
  <c r="I5430" i="2"/>
  <c r="I5404" i="5" s="1"/>
  <c r="K5430" i="2"/>
  <c r="K5404" i="5" s="1"/>
  <c r="J3825" i="2"/>
  <c r="J3799" i="5" s="1"/>
  <c r="L3825" i="2"/>
  <c r="L3799" i="5" s="1"/>
  <c r="M3825" i="2"/>
  <c r="M3799" i="5" s="1"/>
  <c r="P3799" i="5" s="1"/>
  <c r="I3825" i="2"/>
  <c r="I3799" i="5" s="1"/>
  <c r="K3825" i="2"/>
  <c r="K3799" i="5" s="1"/>
  <c r="M2591" i="2"/>
  <c r="M2565" i="5" s="1"/>
  <c r="P2565" i="5" s="1"/>
  <c r="I2591" i="2"/>
  <c r="I2565" i="5" s="1"/>
  <c r="K2591" i="2"/>
  <c r="K2565" i="5" s="1"/>
  <c r="L299" i="2"/>
  <c r="L273" i="5" s="1"/>
  <c r="K299" i="2"/>
  <c r="K273" i="5" s="1"/>
  <c r="J299" i="2"/>
  <c r="J273" i="5" s="1"/>
  <c r="N273" i="5" s="1"/>
  <c r="I299" i="2"/>
  <c r="I273" i="5" s="1"/>
  <c r="L2165" i="2"/>
  <c r="L2139" i="5" s="1"/>
  <c r="K2165" i="2"/>
  <c r="K2139" i="5" s="1"/>
  <c r="M6160" i="2"/>
  <c r="M6134" i="5" s="1"/>
  <c r="P6134" i="5" s="1"/>
  <c r="J6160" i="2"/>
  <c r="J6134" i="5" s="1"/>
  <c r="N6134" i="5" s="1"/>
  <c r="I6160" i="2"/>
  <c r="I6134" i="5" s="1"/>
  <c r="K6160" i="2"/>
  <c r="K6134" i="5" s="1"/>
  <c r="L6160" i="2"/>
  <c r="L6134" i="5" s="1"/>
  <c r="I7533" i="2"/>
  <c r="I7507" i="5" s="1"/>
  <c r="K7533" i="2"/>
  <c r="K7507" i="5" s="1"/>
  <c r="L7533" i="2"/>
  <c r="L7507" i="5" s="1"/>
  <c r="M7533" i="2"/>
  <c r="M7507" i="5" s="1"/>
  <c r="P7507" i="5" s="1"/>
  <c r="L4177" i="2"/>
  <c r="L4151" i="5" s="1"/>
  <c r="I4177" i="2"/>
  <c r="I4151" i="5" s="1"/>
  <c r="K4177" i="2"/>
  <c r="K4151" i="5" s="1"/>
  <c r="J465" i="2"/>
  <c r="J439" i="5" s="1"/>
  <c r="N439" i="5" s="1"/>
  <c r="M465" i="2"/>
  <c r="M439" i="5" s="1"/>
  <c r="P439" i="5" s="1"/>
  <c r="K465" i="2"/>
  <c r="K439" i="5" s="1"/>
  <c r="L465" i="2"/>
  <c r="L439" i="5" s="1"/>
  <c r="L478" i="2"/>
  <c r="L452" i="5" s="1"/>
  <c r="M478" i="2"/>
  <c r="M452" i="5" s="1"/>
  <c r="P452" i="5" s="1"/>
  <c r="L940" i="2"/>
  <c r="L914" i="5" s="1"/>
  <c r="J940" i="2"/>
  <c r="J914" i="5" s="1"/>
  <c r="K940" i="2"/>
  <c r="K914" i="5" s="1"/>
  <c r="J3226" i="2"/>
  <c r="J3200" i="5" s="1"/>
  <c r="N3200" i="5" s="1"/>
  <c r="L3226" i="2"/>
  <c r="L3200" i="5" s="1"/>
  <c r="M3226" i="2"/>
  <c r="M3200" i="5" s="1"/>
  <c r="P3200" i="5" s="1"/>
  <c r="I8380" i="2"/>
  <c r="I8354" i="5" s="1"/>
  <c r="I3425" i="2"/>
  <c r="I3399" i="5" s="1"/>
  <c r="J3425" i="2"/>
  <c r="J3399" i="5" s="1"/>
  <c r="N3399" i="5" s="1"/>
  <c r="K3425" i="2"/>
  <c r="K3399" i="5" s="1"/>
  <c r="L3425" i="2"/>
  <c r="L3399" i="5" s="1"/>
  <c r="M3425" i="2"/>
  <c r="M3399" i="5" s="1"/>
  <c r="P3399" i="5" s="1"/>
  <c r="L5345" i="2"/>
  <c r="L5319" i="5" s="1"/>
  <c r="I5345" i="2"/>
  <c r="I5319" i="5" s="1"/>
  <c r="K5345" i="2"/>
  <c r="K5319" i="5" s="1"/>
  <c r="J5345" i="2"/>
  <c r="J5319" i="5" s="1"/>
  <c r="N5319" i="5" s="1"/>
  <c r="I5609" i="2"/>
  <c r="I5583" i="5" s="1"/>
  <c r="L5609" i="2"/>
  <c r="L5583" i="5" s="1"/>
  <c r="J5609" i="2"/>
  <c r="J5583" i="5" s="1"/>
  <c r="N5583" i="5" s="1"/>
  <c r="K5609" i="2"/>
  <c r="K5583" i="5" s="1"/>
  <c r="L7305" i="2"/>
  <c r="L7279" i="5" s="1"/>
  <c r="M7305" i="2"/>
  <c r="M7279" i="5" s="1"/>
  <c r="P7279" i="5" s="1"/>
  <c r="J7305" i="2"/>
  <c r="J7279" i="5" s="1"/>
  <c r="N7279" i="5" s="1"/>
  <c r="K4618" i="2"/>
  <c r="K4592" i="5" s="1"/>
  <c r="M4618" i="2"/>
  <c r="M4592" i="5" s="1"/>
  <c r="P4592" i="5" s="1"/>
  <c r="L4618" i="2"/>
  <c r="L4592" i="5" s="1"/>
  <c r="I4618" i="2"/>
  <c r="I4592" i="5" s="1"/>
  <c r="J4618" i="2"/>
  <c r="J4592" i="5" s="1"/>
  <c r="N4592" i="5" s="1"/>
  <c r="M311" i="2"/>
  <c r="M285" i="5" s="1"/>
  <c r="P285" i="5" s="1"/>
  <c r="L311" i="2"/>
  <c r="L285" i="5" s="1"/>
  <c r="L3473" i="2"/>
  <c r="L3447" i="5" s="1"/>
  <c r="M3473" i="2"/>
  <c r="M3447" i="5" s="1"/>
  <c r="P3447" i="5" s="1"/>
  <c r="L6003" i="2"/>
  <c r="L5977" i="5" s="1"/>
  <c r="I6003" i="2"/>
  <c r="I5977" i="5" s="1"/>
  <c r="I434" i="2"/>
  <c r="I408" i="5" s="1"/>
  <c r="J3672" i="2"/>
  <c r="J3646" i="5" s="1"/>
  <c r="N3646" i="5" s="1"/>
  <c r="I7676" i="2"/>
  <c r="I7650" i="5" s="1"/>
  <c r="L7676" i="2"/>
  <c r="L7650" i="5" s="1"/>
  <c r="M1118" i="2"/>
  <c r="M1092" i="5" s="1"/>
  <c r="P1092" i="5" s="1"/>
  <c r="K1118" i="2"/>
  <c r="K1092" i="5" s="1"/>
  <c r="L1118" i="2"/>
  <c r="L1092" i="5" s="1"/>
  <c r="I1215" i="2"/>
  <c r="I1189" i="5" s="1"/>
  <c r="K1215" i="2"/>
  <c r="K1189" i="5" s="1"/>
  <c r="I706" i="2"/>
  <c r="I680" i="5" s="1"/>
  <c r="L706" i="2"/>
  <c r="L680" i="5" s="1"/>
  <c r="M706" i="2"/>
  <c r="M680" i="5" s="1"/>
  <c r="P680" i="5" s="1"/>
  <c r="G193" i="5"/>
  <c r="AR187" i="1"/>
  <c r="M3906" i="2"/>
  <c r="M3880" i="5" s="1"/>
  <c r="P3880" i="5" s="1"/>
  <c r="L3906" i="2"/>
  <c r="L3880" i="5" s="1"/>
  <c r="J3906" i="2"/>
  <c r="J3880" i="5" s="1"/>
  <c r="N3880" i="5" s="1"/>
  <c r="I3906" i="2"/>
  <c r="I3880" i="5" s="1"/>
  <c r="J3905" i="2"/>
  <c r="J3879" i="5" s="1"/>
  <c r="N3879" i="5" s="1"/>
  <c r="K3905" i="2"/>
  <c r="K3879" i="5" s="1"/>
  <c r="I3905" i="2"/>
  <c r="I3879" i="5" s="1"/>
  <c r="M376" i="2"/>
  <c r="M350" i="5" s="1"/>
  <c r="P350" i="5" s="1"/>
  <c r="L6444" i="2"/>
  <c r="L6418" i="5" s="1"/>
  <c r="I6444" i="2"/>
  <c r="I6418" i="5" s="1"/>
  <c r="I3640" i="2"/>
  <c r="I3614" i="5" s="1"/>
  <c r="L3640" i="2"/>
  <c r="L3614" i="5" s="1"/>
  <c r="J3640" i="2"/>
  <c r="J3614" i="5" s="1"/>
  <c r="N3614" i="5" s="1"/>
  <c r="L6465" i="2"/>
  <c r="L6439" i="5" s="1"/>
  <c r="I6465" i="2"/>
  <c r="I6439" i="5" s="1"/>
  <c r="J1413" i="2"/>
  <c r="J1387" i="5" s="1"/>
  <c r="N1387" i="5" s="1"/>
  <c r="L1413" i="2"/>
  <c r="L1387" i="5" s="1"/>
  <c r="M1413" i="2"/>
  <c r="M1387" i="5" s="1"/>
  <c r="P1387" i="5" s="1"/>
  <c r="I1413" i="2"/>
  <c r="I1387" i="5" s="1"/>
  <c r="K1413" i="2"/>
  <c r="K1387" i="5" s="1"/>
  <c r="I2403" i="2"/>
  <c r="I2377" i="5" s="1"/>
  <c r="K2403" i="2"/>
  <c r="K2377" i="5" s="1"/>
  <c r="J2403" i="2"/>
  <c r="J2377" i="5" s="1"/>
  <c r="N2377" i="5" s="1"/>
  <c r="M5529" i="2"/>
  <c r="M5503" i="5" s="1"/>
  <c r="P5503" i="5" s="1"/>
  <c r="L5529" i="2"/>
  <c r="L5503" i="5" s="1"/>
  <c r="M6152" i="2"/>
  <c r="M6126" i="5" s="1"/>
  <c r="P6126" i="5" s="1"/>
  <c r="J6152" i="2"/>
  <c r="J6126" i="5" s="1"/>
  <c r="N6126" i="5" s="1"/>
  <c r="K6152" i="2"/>
  <c r="K6126" i="5" s="1"/>
  <c r="L6152" i="2"/>
  <c r="L6126" i="5" s="1"/>
  <c r="I6152" i="2"/>
  <c r="I6126" i="5" s="1"/>
  <c r="M8675" i="2"/>
  <c r="M8649" i="5" s="1"/>
  <c r="P8649" i="5" s="1"/>
  <c r="J8675" i="2"/>
  <c r="J8649" i="5" s="1"/>
  <c r="N8649" i="5" s="1"/>
  <c r="I8675" i="2"/>
  <c r="I8649" i="5" s="1"/>
  <c r="K7649" i="2"/>
  <c r="K7623" i="5" s="1"/>
  <c r="M7649" i="2"/>
  <c r="M7623" i="5" s="1"/>
  <c r="P7623" i="5" s="1"/>
  <c r="I5455" i="2"/>
  <c r="I5429" i="5" s="1"/>
  <c r="K5455" i="2"/>
  <c r="K5429" i="5" s="1"/>
  <c r="L287" i="2"/>
  <c r="L261" i="5" s="1"/>
  <c r="K287" i="2"/>
  <c r="K261" i="5" s="1"/>
  <c r="M3416" i="2"/>
  <c r="M3390" i="5" s="1"/>
  <c r="P3390" i="5" s="1"/>
  <c r="K3416" i="2"/>
  <c r="K3390" i="5" s="1"/>
  <c r="J5828" i="2"/>
  <c r="J5802" i="5" s="1"/>
  <c r="K5828" i="2"/>
  <c r="K5802" i="5" s="1"/>
  <c r="L5828" i="2"/>
  <c r="L5802" i="5" s="1"/>
  <c r="J4647" i="2"/>
  <c r="J4621" i="5" s="1"/>
  <c r="N4621" i="5" s="1"/>
  <c r="L4647" i="2"/>
  <c r="L4621" i="5" s="1"/>
  <c r="M4907" i="2"/>
  <c r="M4881" i="5" s="1"/>
  <c r="P4881" i="5" s="1"/>
  <c r="L4907" i="2"/>
  <c r="L4881" i="5" s="1"/>
  <c r="K4907" i="2"/>
  <c r="K4881" i="5" s="1"/>
  <c r="J650" i="2"/>
  <c r="J624" i="5" s="1"/>
  <c r="N624" i="5" s="1"/>
  <c r="K650" i="2"/>
  <c r="K624" i="5" s="1"/>
  <c r="M650" i="2"/>
  <c r="M624" i="5" s="1"/>
  <c r="P624" i="5" s="1"/>
  <c r="J5914" i="2"/>
  <c r="J5888" i="5" s="1"/>
  <c r="N5888" i="5" s="1"/>
  <c r="L5914" i="2"/>
  <c r="L5888" i="5" s="1"/>
  <c r="J6031" i="2"/>
  <c r="J6005" i="5" s="1"/>
  <c r="N6005" i="5" s="1"/>
  <c r="J7670" i="2"/>
  <c r="J7644" i="5" s="1"/>
  <c r="N7644" i="5" s="1"/>
  <c r="M7670" i="2"/>
  <c r="M7644" i="5" s="1"/>
  <c r="P7644" i="5" s="1"/>
  <c r="I7670" i="2"/>
  <c r="I7644" i="5" s="1"/>
  <c r="M5767" i="2"/>
  <c r="M5741" i="5" s="1"/>
  <c r="P5741" i="5" s="1"/>
  <c r="K5767" i="2"/>
  <c r="K5741" i="5" s="1"/>
  <c r="L5767" i="2"/>
  <c r="L5741" i="5" s="1"/>
  <c r="J5767" i="2"/>
  <c r="J5741" i="5" s="1"/>
  <c r="I5767" i="2"/>
  <c r="I5741" i="5" s="1"/>
  <c r="K319" i="2"/>
  <c r="K293" i="5" s="1"/>
  <c r="L319" i="2"/>
  <c r="L293" i="5" s="1"/>
  <c r="K4682" i="2"/>
  <c r="K4656" i="5" s="1"/>
  <c r="I4682" i="2"/>
  <c r="I4656" i="5" s="1"/>
  <c r="J4682" i="2"/>
  <c r="J4656" i="5" s="1"/>
  <c r="N4656" i="5" s="1"/>
  <c r="L4682" i="2"/>
  <c r="L4656" i="5" s="1"/>
  <c r="M7942" i="2"/>
  <c r="M7916" i="5" s="1"/>
  <c r="P7916" i="5" s="1"/>
  <c r="I7942" i="2"/>
  <c r="I7916" i="5" s="1"/>
  <c r="J7942" i="2"/>
  <c r="J7916" i="5" s="1"/>
  <c r="N7916" i="5" s="1"/>
  <c r="L7942" i="2"/>
  <c r="L7916" i="5" s="1"/>
  <c r="L767" i="2"/>
  <c r="L741" i="5" s="1"/>
  <c r="I767" i="2"/>
  <c r="I741" i="5" s="1"/>
  <c r="J767" i="2"/>
  <c r="J741" i="5" s="1"/>
  <c r="N741" i="5" s="1"/>
  <c r="M767" i="2"/>
  <c r="M741" i="5" s="1"/>
  <c r="P741" i="5" s="1"/>
  <c r="K3925" i="2"/>
  <c r="K3899" i="5" s="1"/>
  <c r="I3925" i="2"/>
  <c r="I3899" i="5" s="1"/>
  <c r="J3925" i="2"/>
  <c r="J3899" i="5" s="1"/>
  <c r="N3899" i="5" s="1"/>
  <c r="L3925" i="2"/>
  <c r="L3899" i="5" s="1"/>
  <c r="J4134" i="2"/>
  <c r="J4108" i="5" s="1"/>
  <c r="M4134" i="2"/>
  <c r="M4108" i="5" s="1"/>
  <c r="P4108" i="5" s="1"/>
  <c r="I4134" i="2"/>
  <c r="I4108" i="5" s="1"/>
  <c r="L8009" i="2"/>
  <c r="L7983" i="5" s="1"/>
  <c r="J7625" i="2"/>
  <c r="J7599" i="5" s="1"/>
  <c r="N7599" i="5" s="1"/>
  <c r="I7625" i="2"/>
  <c r="I7599" i="5" s="1"/>
  <c r="J7427" i="2"/>
  <c r="J7401" i="5" s="1"/>
  <c r="N7401" i="5" s="1"/>
  <c r="L7427" i="2"/>
  <c r="L7401" i="5" s="1"/>
  <c r="I7427" i="2"/>
  <c r="I7401" i="5" s="1"/>
  <c r="I7279" i="2"/>
  <c r="I7253" i="5" s="1"/>
  <c r="K7279" i="2"/>
  <c r="K7253" i="5" s="1"/>
  <c r="M7279" i="2"/>
  <c r="M7253" i="5" s="1"/>
  <c r="P7253" i="5" s="1"/>
  <c r="K8194" i="2"/>
  <c r="K8168" i="5" s="1"/>
  <c r="J8194" i="2"/>
  <c r="J8168" i="5" s="1"/>
  <c r="N8168" i="5" s="1"/>
  <c r="I6694" i="2"/>
  <c r="I6668" i="5" s="1"/>
  <c r="J6694" i="2"/>
  <c r="J6668" i="5" s="1"/>
  <c r="N6668" i="5" s="1"/>
  <c r="M6694" i="2"/>
  <c r="M6668" i="5" s="1"/>
  <c r="P6668" i="5" s="1"/>
  <c r="L6694" i="2"/>
  <c r="L6668" i="5" s="1"/>
  <c r="K6694" i="2"/>
  <c r="K6668" i="5" s="1"/>
  <c r="L969" i="2"/>
  <c r="L943" i="5" s="1"/>
  <c r="C211" i="5"/>
  <c r="AR205" i="1"/>
  <c r="L789" i="2"/>
  <c r="L763" i="5" s="1"/>
  <c r="M789" i="2"/>
  <c r="M763" i="5" s="1"/>
  <c r="P763" i="5" s="1"/>
  <c r="J789" i="2"/>
  <c r="J763" i="5" s="1"/>
  <c r="N763" i="5" s="1"/>
  <c r="J4251" i="2"/>
  <c r="J4225" i="5" s="1"/>
  <c r="M4251" i="2"/>
  <c r="M4225" i="5" s="1"/>
  <c r="P4225" i="5" s="1"/>
  <c r="K4251" i="2"/>
  <c r="K4225" i="5" s="1"/>
  <c r="K2839" i="2"/>
  <c r="K2813" i="5" s="1"/>
  <c r="L2839" i="2"/>
  <c r="L2813" i="5" s="1"/>
  <c r="K7838" i="2"/>
  <c r="K7812" i="5" s="1"/>
  <c r="L7838" i="2"/>
  <c r="L7812" i="5" s="1"/>
  <c r="M7838" i="2"/>
  <c r="M7812" i="5" s="1"/>
  <c r="P7812" i="5" s="1"/>
  <c r="J7838" i="2"/>
  <c r="J7812" i="5" s="1"/>
  <c r="N7812" i="5" s="1"/>
  <c r="I7838" i="2"/>
  <c r="I7812" i="5" s="1"/>
  <c r="M1911" i="2"/>
  <c r="M1885" i="5" s="1"/>
  <c r="P1885" i="5" s="1"/>
  <c r="I1911" i="2"/>
  <c r="I1885" i="5" s="1"/>
  <c r="K1911" i="2"/>
  <c r="K1885" i="5" s="1"/>
  <c r="J1911" i="2"/>
  <c r="J1885" i="5" s="1"/>
  <c r="N1885" i="5" s="1"/>
  <c r="L1911" i="2"/>
  <c r="L1885" i="5" s="1"/>
  <c r="J3162" i="2"/>
  <c r="J3136" i="5" s="1"/>
  <c r="N3136" i="5" s="1"/>
  <c r="I3162" i="2"/>
  <c r="I3136" i="5" s="1"/>
  <c r="K3162" i="2"/>
  <c r="K3136" i="5" s="1"/>
  <c r="L412" i="2"/>
  <c r="L386" i="5" s="1"/>
  <c r="M412" i="2"/>
  <c r="M386" i="5" s="1"/>
  <c r="P386" i="5" s="1"/>
  <c r="J412" i="2"/>
  <c r="J386" i="5" s="1"/>
  <c r="L5105" i="2"/>
  <c r="L5079" i="5" s="1"/>
  <c r="M5105" i="2"/>
  <c r="M5079" i="5" s="1"/>
  <c r="P5079" i="5" s="1"/>
  <c r="I5105" i="2"/>
  <c r="I5079" i="5" s="1"/>
  <c r="K5105" i="2"/>
  <c r="K5079" i="5" s="1"/>
  <c r="M752" i="2"/>
  <c r="M726" i="5" s="1"/>
  <c r="P726" i="5" s="1"/>
  <c r="I752" i="2"/>
  <c r="I726" i="5" s="1"/>
  <c r="L752" i="2"/>
  <c r="L726" i="5" s="1"/>
  <c r="K752" i="2"/>
  <c r="K726" i="5" s="1"/>
  <c r="J752" i="2"/>
  <c r="J726" i="5" s="1"/>
  <c r="N726" i="5" s="1"/>
  <c r="K1651" i="2"/>
  <c r="K1625" i="5" s="1"/>
  <c r="M1651" i="2"/>
  <c r="M1625" i="5" s="1"/>
  <c r="P1625" i="5" s="1"/>
  <c r="L1651" i="2"/>
  <c r="L1625" i="5" s="1"/>
  <c r="J1651" i="2"/>
  <c r="J1625" i="5" s="1"/>
  <c r="N1625" i="5" s="1"/>
  <c r="I1651" i="2"/>
  <c r="I1625" i="5" s="1"/>
  <c r="M7344" i="2"/>
  <c r="M7318" i="5" s="1"/>
  <c r="P7318" i="5" s="1"/>
  <c r="L7344" i="2"/>
  <c r="L7318" i="5" s="1"/>
  <c r="I7344" i="2"/>
  <c r="I7318" i="5" s="1"/>
  <c r="K7344" i="2"/>
  <c r="K7318" i="5" s="1"/>
  <c r="J7344" i="2"/>
  <c r="J7318" i="5" s="1"/>
  <c r="N7318" i="5" s="1"/>
  <c r="J1939" i="2"/>
  <c r="J1913" i="5" s="1"/>
  <c r="N1913" i="5" s="1"/>
  <c r="L1939" i="2"/>
  <c r="L1913" i="5" s="1"/>
  <c r="I1939" i="2"/>
  <c r="I1913" i="5" s="1"/>
  <c r="M1939" i="2"/>
  <c r="M1913" i="5" s="1"/>
  <c r="P1913" i="5" s="1"/>
  <c r="L2787" i="2"/>
  <c r="L2761" i="5" s="1"/>
  <c r="J2787" i="2"/>
  <c r="J2761" i="5" s="1"/>
  <c r="N2761" i="5" s="1"/>
  <c r="I2787" i="2"/>
  <c r="I2761" i="5" s="1"/>
  <c r="K2787" i="2"/>
  <c r="K2761" i="5" s="1"/>
  <c r="I4948" i="2"/>
  <c r="I4922" i="5" s="1"/>
  <c r="K4948" i="2"/>
  <c r="K4922" i="5" s="1"/>
  <c r="J4948" i="2"/>
  <c r="J4922" i="5" s="1"/>
  <c r="N4922" i="5" s="1"/>
  <c r="L4948" i="2"/>
  <c r="L4922" i="5" s="1"/>
  <c r="I4656" i="2"/>
  <c r="I4630" i="5" s="1"/>
  <c r="M4656" i="2"/>
  <c r="M4630" i="5" s="1"/>
  <c r="P4630" i="5" s="1"/>
  <c r="L4656" i="2"/>
  <c r="L4630" i="5" s="1"/>
  <c r="J4656" i="2"/>
  <c r="J4630" i="5" s="1"/>
  <c r="N4630" i="5" s="1"/>
  <c r="I3668" i="2"/>
  <c r="I3642" i="5" s="1"/>
  <c r="M3668" i="2"/>
  <c r="M3642" i="5" s="1"/>
  <c r="P3642" i="5" s="1"/>
  <c r="M6334" i="2"/>
  <c r="M6308" i="5" s="1"/>
  <c r="P6308" i="5" s="1"/>
  <c r="I6334" i="2"/>
  <c r="I6308" i="5" s="1"/>
  <c r="K6334" i="2"/>
  <c r="K6308" i="5" s="1"/>
  <c r="O6308" i="5" s="1"/>
  <c r="J6334" i="2"/>
  <c r="J6308" i="5" s="1"/>
  <c r="N6308" i="5" s="1"/>
  <c r="J3787" i="2"/>
  <c r="J3761" i="5" s="1"/>
  <c r="L3787" i="2"/>
  <c r="L3761" i="5" s="1"/>
  <c r="I3787" i="2"/>
  <c r="I3761" i="5" s="1"/>
  <c r="K3787" i="2"/>
  <c r="K3761" i="5" s="1"/>
  <c r="I7695" i="2"/>
  <c r="I7669" i="5" s="1"/>
  <c r="J7356" i="2"/>
  <c r="J7330" i="5" s="1"/>
  <c r="N7330" i="5" s="1"/>
  <c r="M7356" i="2"/>
  <c r="M7330" i="5" s="1"/>
  <c r="P7330" i="5" s="1"/>
  <c r="K7356" i="2"/>
  <c r="K7330" i="5" s="1"/>
  <c r="J1747" i="2"/>
  <c r="J1721" i="5" s="1"/>
  <c r="N1721" i="5" s="1"/>
  <c r="I1747" i="2"/>
  <c r="I1721" i="5" s="1"/>
  <c r="K1555" i="2"/>
  <c r="K1529" i="5" s="1"/>
  <c r="K2662" i="2"/>
  <c r="K2636" i="5" s="1"/>
  <c r="M2662" i="2"/>
  <c r="M2636" i="5" s="1"/>
  <c r="P2636" i="5" s="1"/>
  <c r="I2662" i="2"/>
  <c r="I2636" i="5" s="1"/>
  <c r="J2662" i="2"/>
  <c r="J2636" i="5" s="1"/>
  <c r="N2636" i="5" s="1"/>
  <c r="I2150" i="2"/>
  <c r="I2124" i="5" s="1"/>
  <c r="K2150" i="2"/>
  <c r="K2124" i="5" s="1"/>
  <c r="O2124" i="5" s="1"/>
  <c r="J2162" i="2"/>
  <c r="J2136" i="5" s="1"/>
  <c r="N2136" i="5" s="1"/>
  <c r="J6157" i="2"/>
  <c r="J6131" i="5" s="1"/>
  <c r="N6131" i="5" s="1"/>
  <c r="M6157" i="2"/>
  <c r="M6131" i="5" s="1"/>
  <c r="P6131" i="5" s="1"/>
  <c r="I6157" i="2"/>
  <c r="I6131" i="5" s="1"/>
  <c r="K6157" i="2"/>
  <c r="K6131" i="5" s="1"/>
  <c r="O6131" i="5" s="1"/>
  <c r="J8336" i="2"/>
  <c r="J8310" i="5" s="1"/>
  <c r="N8310" i="5" s="1"/>
  <c r="M8336" i="2"/>
  <c r="M8310" i="5" s="1"/>
  <c r="P8310" i="5" s="1"/>
  <c r="I8336" i="2"/>
  <c r="I8310" i="5" s="1"/>
  <c r="L4178" i="2"/>
  <c r="L4152" i="5" s="1"/>
  <c r="I4178" i="2"/>
  <c r="I4152" i="5" s="1"/>
  <c r="J8295" i="2"/>
  <c r="J8269" i="5" s="1"/>
  <c r="N8269" i="5" s="1"/>
  <c r="L8295" i="2"/>
  <c r="L8269" i="5" s="1"/>
  <c r="M8295" i="2"/>
  <c r="M8269" i="5" s="1"/>
  <c r="P8269" i="5" s="1"/>
  <c r="I8295" i="2"/>
  <c r="I8269" i="5" s="1"/>
  <c r="K8295" i="2"/>
  <c r="K8269" i="5" s="1"/>
  <c r="J3088" i="2"/>
  <c r="J3062" i="5" s="1"/>
  <c r="K3088" i="2"/>
  <c r="K3062" i="5" s="1"/>
  <c r="L3088" i="2"/>
  <c r="L3062" i="5" s="1"/>
  <c r="M3249" i="2"/>
  <c r="M3223" i="5" s="1"/>
  <c r="P3223" i="5" s="1"/>
  <c r="J3249" i="2"/>
  <c r="J3223" i="5" s="1"/>
  <c r="N3223" i="5" s="1"/>
  <c r="J8376" i="2"/>
  <c r="J8350" i="5" s="1"/>
  <c r="N8350" i="5" s="1"/>
  <c r="M3440" i="2"/>
  <c r="M3414" i="5" s="1"/>
  <c r="P3414" i="5" s="1"/>
  <c r="J3440" i="2"/>
  <c r="J3414" i="5" s="1"/>
  <c r="N3414" i="5" s="1"/>
  <c r="J3968" i="2"/>
  <c r="J3942" i="5" s="1"/>
  <c r="I3968" i="2"/>
  <c r="I3942" i="5" s="1"/>
  <c r="K3968" i="2"/>
  <c r="K3942" i="5" s="1"/>
  <c r="M3968" i="2"/>
  <c r="M3942" i="5" s="1"/>
  <c r="P3942" i="5" s="1"/>
  <c r="L3968" i="2"/>
  <c r="L3942" i="5" s="1"/>
  <c r="K3119" i="2"/>
  <c r="K3093" i="5" s="1"/>
  <c r="O3093" i="5" s="1"/>
  <c r="K2808" i="2"/>
  <c r="K2782" i="5" s="1"/>
  <c r="L2808" i="2"/>
  <c r="L2782" i="5" s="1"/>
  <c r="L4795" i="2"/>
  <c r="L4769" i="5" s="1"/>
  <c r="K8041" i="2"/>
  <c r="K8015" i="5" s="1"/>
  <c r="O8015" i="5" s="1"/>
  <c r="J3310" i="2"/>
  <c r="J3284" i="5" s="1"/>
  <c r="J6757" i="2"/>
  <c r="J6731" i="5" s="1"/>
  <c r="K4917" i="2"/>
  <c r="K4891" i="5" s="1"/>
  <c r="O4891" i="5" s="1"/>
  <c r="L5964" i="2"/>
  <c r="L5938" i="5" s="1"/>
  <c r="L2982" i="2"/>
  <c r="L2956" i="5" s="1"/>
  <c r="M6444" i="2"/>
  <c r="M6418" i="5" s="1"/>
  <c r="P6418" i="5" s="1"/>
  <c r="K2438" i="2"/>
  <c r="K2412" i="5" s="1"/>
  <c r="M2412" i="2"/>
  <c r="M2386" i="5" s="1"/>
  <c r="P2386" i="5" s="1"/>
  <c r="I3297" i="2"/>
  <c r="I3271" i="5" s="1"/>
  <c r="M67" i="2"/>
  <c r="M41" i="5" s="1"/>
  <c r="P41" i="5" s="1"/>
  <c r="L5438" i="2"/>
  <c r="L5412" i="5" s="1"/>
  <c r="M641" i="2"/>
  <c r="M615" i="5" s="1"/>
  <c r="P615" i="5" s="1"/>
  <c r="J6620" i="2"/>
  <c r="J6594" i="5" s="1"/>
  <c r="N6594" i="5" s="1"/>
  <c r="K2224" i="2"/>
  <c r="K2198" i="5" s="1"/>
  <c r="K5593" i="2"/>
  <c r="K5567" i="5" s="1"/>
  <c r="O5567" i="5" s="1"/>
  <c r="M1945" i="2"/>
  <c r="M1919" i="5" s="1"/>
  <c r="P1919" i="5" s="1"/>
  <c r="I1588" i="2"/>
  <c r="I1562" i="5" s="1"/>
  <c r="M7658" i="2"/>
  <c r="M7632" i="5" s="1"/>
  <c r="P7632" i="5" s="1"/>
  <c r="I4127" i="2"/>
  <c r="I4101" i="5" s="1"/>
  <c r="J6024" i="2"/>
  <c r="J5998" i="5" s="1"/>
  <c r="J8347" i="2"/>
  <c r="J8321" i="5" s="1"/>
  <c r="K210" i="2"/>
  <c r="K184" i="5" s="1"/>
  <c r="O184" i="5" s="1"/>
  <c r="I8133" i="2"/>
  <c r="I8107" i="5" s="1"/>
  <c r="I2734" i="2"/>
  <c r="I2708" i="5" s="1"/>
  <c r="I270" i="2"/>
  <c r="I244" i="5" s="1"/>
  <c r="I79" i="2"/>
  <c r="I53" i="5" s="1"/>
  <c r="J3317" i="2"/>
  <c r="J3291" i="5" s="1"/>
  <c r="N3291" i="5" s="1"/>
  <c r="K3265" i="2"/>
  <c r="K3239" i="5" s="1"/>
  <c r="L4421" i="2"/>
  <c r="L4395" i="5" s="1"/>
  <c r="L2946" i="2"/>
  <c r="L2920" i="5" s="1"/>
  <c r="K2809" i="2"/>
  <c r="K2783" i="5" s="1"/>
  <c r="O2783" i="5" s="1"/>
  <c r="I1942" i="2"/>
  <c r="I1916" i="5" s="1"/>
  <c r="J7529" i="2"/>
  <c r="J7503" i="5" s="1"/>
  <c r="N7503" i="5" s="1"/>
  <c r="K2763" i="2"/>
  <c r="K2737" i="5" s="1"/>
  <c r="M5002" i="2"/>
  <c r="M4976" i="5" s="1"/>
  <c r="P4976" i="5" s="1"/>
  <c r="K5529" i="2"/>
  <c r="K5503" i="5" s="1"/>
  <c r="M583" i="2"/>
  <c r="M557" i="5" s="1"/>
  <c r="P557" i="5" s="1"/>
  <c r="J6702" i="2"/>
  <c r="J6676" i="5" s="1"/>
  <c r="N6676" i="5" s="1"/>
  <c r="K1737" i="2"/>
  <c r="K1711" i="5" s="1"/>
  <c r="I8188" i="2"/>
  <c r="I8162" i="5" s="1"/>
  <c r="J6586" i="2"/>
  <c r="J6560" i="5" s="1"/>
  <c r="N6560" i="5" s="1"/>
  <c r="M2787" i="2"/>
  <c r="M2761" i="5" s="1"/>
  <c r="P2761" i="5" s="1"/>
  <c r="K4656" i="2"/>
  <c r="K4630" i="5" s="1"/>
  <c r="O4630" i="5" s="1"/>
  <c r="M1405" i="2"/>
  <c r="M1379" i="5" s="1"/>
  <c r="P1379" i="5" s="1"/>
  <c r="M5524" i="2"/>
  <c r="M5498" i="5" s="1"/>
  <c r="P5498" i="5" s="1"/>
  <c r="M927" i="2"/>
  <c r="M901" i="5" s="1"/>
  <c r="P901" i="5" s="1"/>
  <c r="AR228" i="1"/>
  <c r="M5847" i="2"/>
  <c r="M5821" i="5" s="1"/>
  <c r="P5821" i="5" s="1"/>
  <c r="J8622" i="2"/>
  <c r="J8596" i="5" s="1"/>
  <c r="L1576" i="2"/>
  <c r="L1550" i="5" s="1"/>
  <c r="K5489" i="2"/>
  <c r="K5463" i="5" s="1"/>
  <c r="J2944" i="2"/>
  <c r="J2918" i="5" s="1"/>
  <c r="N2918" i="5" s="1"/>
  <c r="L6757" i="2"/>
  <c r="L6731" i="5" s="1"/>
  <c r="M8437" i="2"/>
  <c r="M8411" i="5" s="1"/>
  <c r="P8411" i="5" s="1"/>
  <c r="K6292" i="2"/>
  <c r="K6266" i="5" s="1"/>
  <c r="O6266" i="5" s="1"/>
  <c r="K7671" i="2"/>
  <c r="K7645" i="5" s="1"/>
  <c r="O7645" i="5" s="1"/>
  <c r="M5504" i="2"/>
  <c r="M5478" i="5" s="1"/>
  <c r="P5478" i="5" s="1"/>
  <c r="M5964" i="2"/>
  <c r="M5938" i="5" s="1"/>
  <c r="P5938" i="5" s="1"/>
  <c r="K1072" i="2"/>
  <c r="K1046" i="5" s="1"/>
  <c r="J2982" i="2"/>
  <c r="J2956" i="5" s="1"/>
  <c r="L377" i="2"/>
  <c r="L351" i="5" s="1"/>
  <c r="I990" i="2"/>
  <c r="I964" i="5" s="1"/>
  <c r="J2796" i="2"/>
  <c r="J2770" i="5" s="1"/>
  <c r="J6444" i="2"/>
  <c r="J6418" i="5" s="1"/>
  <c r="I2438" i="2"/>
  <c r="I2412" i="5" s="1"/>
  <c r="J2412" i="2"/>
  <c r="J2386" i="5" s="1"/>
  <c r="N2386" i="5" s="1"/>
  <c r="AR11" i="1"/>
  <c r="L3297" i="2"/>
  <c r="L3271" i="5" s="1"/>
  <c r="J2494" i="2"/>
  <c r="J2468" i="5" s="1"/>
  <c r="N2468" i="5" s="1"/>
  <c r="J5502" i="2"/>
  <c r="J5476" i="5" s="1"/>
  <c r="N5476" i="5" s="1"/>
  <c r="J5972" i="2"/>
  <c r="J5946" i="5" s="1"/>
  <c r="N5946" i="5" s="1"/>
  <c r="L641" i="2"/>
  <c r="L615" i="5" s="1"/>
  <c r="J3254" i="2"/>
  <c r="J3228" i="5" s="1"/>
  <c r="N3228" i="5" s="1"/>
  <c r="K6620" i="2"/>
  <c r="K6594" i="5" s="1"/>
  <c r="K1995" i="2"/>
  <c r="K1969" i="5" s="1"/>
  <c r="L2309" i="2"/>
  <c r="L2283" i="5" s="1"/>
  <c r="I2224" i="2"/>
  <c r="I2198" i="5" s="1"/>
  <c r="L8129" i="2"/>
  <c r="L8103" i="5" s="1"/>
  <c r="M4265" i="2"/>
  <c r="M4239" i="5" s="1"/>
  <c r="P4239" i="5" s="1"/>
  <c r="L1945" i="2"/>
  <c r="L1919" i="5" s="1"/>
  <c r="I2621" i="2"/>
  <c r="I2595" i="5" s="1"/>
  <c r="L5098" i="2"/>
  <c r="L5072" i="5" s="1"/>
  <c r="M4791" i="2"/>
  <c r="M4765" i="5" s="1"/>
  <c r="P4765" i="5" s="1"/>
  <c r="L6097" i="2"/>
  <c r="L6071" i="5" s="1"/>
  <c r="L1588" i="2"/>
  <c r="L1562" i="5" s="1"/>
  <c r="M2386" i="2"/>
  <c r="M2360" i="5" s="1"/>
  <c r="P2360" i="5" s="1"/>
  <c r="M4127" i="2"/>
  <c r="M4101" i="5" s="1"/>
  <c r="P4101" i="5" s="1"/>
  <c r="K412" i="2"/>
  <c r="K386" i="5" s="1"/>
  <c r="L8118" i="2"/>
  <c r="L8092" i="5" s="1"/>
  <c r="M3612" i="2"/>
  <c r="M3586" i="5" s="1"/>
  <c r="P3586" i="5" s="1"/>
  <c r="M6024" i="2"/>
  <c r="M5998" i="5" s="1"/>
  <c r="P5998" i="5" s="1"/>
  <c r="M8347" i="2"/>
  <c r="M8321" i="5" s="1"/>
  <c r="P8321" i="5" s="1"/>
  <c r="I2296" i="2"/>
  <c r="I2270" i="5" s="1"/>
  <c r="M5755" i="2"/>
  <c r="M5729" i="5" s="1"/>
  <c r="P5729" i="5" s="1"/>
  <c r="J8133" i="2"/>
  <c r="J8107" i="5" s="1"/>
  <c r="N8107" i="5" s="1"/>
  <c r="J2331" i="2"/>
  <c r="J2305" i="5" s="1"/>
  <c r="M2734" i="2"/>
  <c r="M2708" i="5" s="1"/>
  <c r="P2708" i="5" s="1"/>
  <c r="M7834" i="2"/>
  <c r="M7808" i="5" s="1"/>
  <c r="P7808" i="5" s="1"/>
  <c r="K8498" i="2"/>
  <c r="K8472" i="5" s="1"/>
  <c r="J270" i="2"/>
  <c r="J244" i="5" s="1"/>
  <c r="N244" i="5" s="1"/>
  <c r="M6809" i="2"/>
  <c r="M6783" i="5" s="1"/>
  <c r="P6783" i="5" s="1"/>
  <c r="M6011" i="2"/>
  <c r="M5985" i="5" s="1"/>
  <c r="P5985" i="5" s="1"/>
  <c r="L79" i="2"/>
  <c r="L53" i="5" s="1"/>
  <c r="M4421" i="2"/>
  <c r="M4395" i="5" s="1"/>
  <c r="P4395" i="5" s="1"/>
  <c r="I940" i="2"/>
  <c r="I914" i="5" s="1"/>
  <c r="J1942" i="2"/>
  <c r="J1916" i="5" s="1"/>
  <c r="N1916" i="5" s="1"/>
  <c r="M7529" i="2"/>
  <c r="M7503" i="5" s="1"/>
  <c r="P7503" i="5" s="1"/>
  <c r="I2763" i="2"/>
  <c r="I2737" i="5" s="1"/>
  <c r="M4097" i="2"/>
  <c r="M4071" i="5" s="1"/>
  <c r="P4071" i="5" s="1"/>
  <c r="L1411" i="2"/>
  <c r="L1385" i="5" s="1"/>
  <c r="L5002" i="2"/>
  <c r="L4976" i="5" s="1"/>
  <c r="I5529" i="2"/>
  <c r="I5503" i="5" s="1"/>
  <c r="M7363" i="2"/>
  <c r="M7337" i="5" s="1"/>
  <c r="P7337" i="5" s="1"/>
  <c r="L583" i="2"/>
  <c r="L557" i="5" s="1"/>
  <c r="L8188" i="2"/>
  <c r="L8162" i="5" s="1"/>
  <c r="K4793" i="2"/>
  <c r="K4767" i="5" s="1"/>
  <c r="I1405" i="2"/>
  <c r="I1379" i="5" s="1"/>
  <c r="K8622" i="2"/>
  <c r="K8596" i="5" s="1"/>
  <c r="J1576" i="2"/>
  <c r="J1550" i="5" s="1"/>
  <c r="N1550" i="5" s="1"/>
  <c r="I5489" i="2"/>
  <c r="I5463" i="5" s="1"/>
  <c r="K1220" i="2"/>
  <c r="K1194" i="5" s="1"/>
  <c r="O1194" i="5" s="1"/>
  <c r="K6640" i="2"/>
  <c r="K6614" i="5" s="1"/>
  <c r="L2944" i="2"/>
  <c r="L2918" i="5" s="1"/>
  <c r="K6757" i="2"/>
  <c r="K6731" i="5" s="1"/>
  <c r="J8631" i="2"/>
  <c r="J8605" i="5" s="1"/>
  <c r="N8605" i="5" s="1"/>
  <c r="L5504" i="2"/>
  <c r="L5478" i="5" s="1"/>
  <c r="K5964" i="2"/>
  <c r="K5938" i="5" s="1"/>
  <c r="K2982" i="2"/>
  <c r="K2956" i="5" s="1"/>
  <c r="I377" i="2"/>
  <c r="I351" i="5" s="1"/>
  <c r="L990" i="2"/>
  <c r="L964" i="5" s="1"/>
  <c r="K6444" i="2"/>
  <c r="K6418" i="5" s="1"/>
  <c r="O6418" i="5" s="1"/>
  <c r="M2438" i="2"/>
  <c r="M2412" i="5" s="1"/>
  <c r="P2412" i="5" s="1"/>
  <c r="K2412" i="2"/>
  <c r="K2386" i="5" s="1"/>
  <c r="O2386" i="5" s="1"/>
  <c r="J3297" i="2"/>
  <c r="J3271" i="5" s="1"/>
  <c r="N3271" i="5" s="1"/>
  <c r="K2492" i="2"/>
  <c r="K2466" i="5" s="1"/>
  <c r="O2466" i="5" s="1"/>
  <c r="M5502" i="2"/>
  <c r="M5476" i="5" s="1"/>
  <c r="P5476" i="5" s="1"/>
  <c r="I6620" i="2"/>
  <c r="I6594" i="5" s="1"/>
  <c r="I1995" i="2"/>
  <c r="I1969" i="5" s="1"/>
  <c r="L6518" i="2"/>
  <c r="L6492" i="5" s="1"/>
  <c r="AR353" i="1"/>
  <c r="M2224" i="2"/>
  <c r="M2198" i="5" s="1"/>
  <c r="P2198" i="5" s="1"/>
  <c r="K8129" i="2"/>
  <c r="K8103" i="5" s="1"/>
  <c r="K1945" i="2"/>
  <c r="K1919" i="5" s="1"/>
  <c r="M2621" i="2"/>
  <c r="M2595" i="5" s="1"/>
  <c r="P2595" i="5" s="1"/>
  <c r="K4791" i="2"/>
  <c r="K4765" i="5" s="1"/>
  <c r="M1588" i="2"/>
  <c r="M1562" i="5" s="1"/>
  <c r="P1562" i="5" s="1"/>
  <c r="J3910" i="2"/>
  <c r="J3884" i="5" s="1"/>
  <c r="N3884" i="5" s="1"/>
  <c r="L3960" i="2"/>
  <c r="L3934" i="5" s="1"/>
  <c r="L4127" i="2"/>
  <c r="L4101" i="5" s="1"/>
  <c r="I412" i="2"/>
  <c r="I386" i="5" s="1"/>
  <c r="J8118" i="2"/>
  <c r="J8092" i="5" s="1"/>
  <c r="N8092" i="5" s="1"/>
  <c r="M2296" i="2"/>
  <c r="M2270" i="5" s="1"/>
  <c r="P2270" i="5" s="1"/>
  <c r="L5755" i="2"/>
  <c r="L5729" i="5" s="1"/>
  <c r="I2839" i="2"/>
  <c r="I2813" i="5" s="1"/>
  <c r="J6253" i="2"/>
  <c r="J6227" i="5" s="1"/>
  <c r="N6227" i="5" s="1"/>
  <c r="K270" i="2"/>
  <c r="K244" i="5" s="1"/>
  <c r="O244" i="5" s="1"/>
  <c r="J6809" i="2"/>
  <c r="J6783" i="5" s="1"/>
  <c r="N6783" i="5" s="1"/>
  <c r="J6011" i="2"/>
  <c r="J5985" i="5" s="1"/>
  <c r="N5985" i="5" s="1"/>
  <c r="J79" i="2"/>
  <c r="J53" i="5" s="1"/>
  <c r="N53" i="5" s="1"/>
  <c r="M3075" i="2"/>
  <c r="M3049" i="5" s="1"/>
  <c r="P3049" i="5" s="1"/>
  <c r="L3911" i="2"/>
  <c r="L3885" i="5" s="1"/>
  <c r="I8194" i="2"/>
  <c r="I8168" i="5" s="1"/>
  <c r="J5862" i="2"/>
  <c r="J5836" i="5" s="1"/>
  <c r="N5836" i="5" s="1"/>
  <c r="J4649" i="2"/>
  <c r="J4623" i="5" s="1"/>
  <c r="N4623" i="5" s="1"/>
  <c r="K7529" i="2"/>
  <c r="K7503" i="5" s="1"/>
  <c r="M615" i="2"/>
  <c r="M589" i="5" s="1"/>
  <c r="P589" i="5" s="1"/>
  <c r="J3321" i="2"/>
  <c r="J3295" i="5" s="1"/>
  <c r="K5002" i="2"/>
  <c r="K4976" i="5" s="1"/>
  <c r="I7769" i="2"/>
  <c r="I7743" i="5" s="1"/>
  <c r="K583" i="2"/>
  <c r="K557" i="5" s="1"/>
  <c r="L470" i="2"/>
  <c r="L444" i="5" s="1"/>
  <c r="L7939" i="2"/>
  <c r="L7913" i="5" s="1"/>
  <c r="I4793" i="2"/>
  <c r="I4767" i="5" s="1"/>
  <c r="I7440" i="2"/>
  <c r="I7414" i="5" s="1"/>
  <c r="K741" i="2"/>
  <c r="K715" i="5" s="1"/>
  <c r="J6636" i="2"/>
  <c r="J6610" i="5" s="1"/>
  <c r="J2942" i="2"/>
  <c r="J2916" i="5" s="1"/>
  <c r="L8622" i="2"/>
  <c r="L8596" i="5" s="1"/>
  <c r="K8627" i="2"/>
  <c r="K8601" i="5" s="1"/>
  <c r="O8601" i="5" s="1"/>
  <c r="L5489" i="2"/>
  <c r="L5463" i="5" s="1"/>
  <c r="I1220" i="2"/>
  <c r="I1194" i="5" s="1"/>
  <c r="M6640" i="2"/>
  <c r="M6614" i="5" s="1"/>
  <c r="P6614" i="5" s="1"/>
  <c r="K2454" i="2"/>
  <c r="K2428" i="5" s="1"/>
  <c r="O2428" i="5" s="1"/>
  <c r="K7701" i="2"/>
  <c r="K7675" i="5" s="1"/>
  <c r="O7675" i="5" s="1"/>
  <c r="J2747" i="2"/>
  <c r="J2721" i="5" s="1"/>
  <c r="N2721" i="5" s="1"/>
  <c r="I8631" i="2"/>
  <c r="I8605" i="5" s="1"/>
  <c r="M7671" i="2"/>
  <c r="M7645" i="5" s="1"/>
  <c r="P7645" i="5" s="1"/>
  <c r="K5504" i="2"/>
  <c r="K5478" i="5" s="1"/>
  <c r="I5964" i="2"/>
  <c r="I5938" i="5" s="1"/>
  <c r="K5015" i="2"/>
  <c r="K4989" i="5" s="1"/>
  <c r="O4989" i="5" s="1"/>
  <c r="M2982" i="2"/>
  <c r="M2956" i="5" s="1"/>
  <c r="P2956" i="5" s="1"/>
  <c r="M990" i="2"/>
  <c r="M964" i="5" s="1"/>
  <c r="P964" i="5" s="1"/>
  <c r="J2235" i="2"/>
  <c r="J2209" i="5" s="1"/>
  <c r="N2209" i="5" s="1"/>
  <c r="L2796" i="2"/>
  <c r="L2770" i="5" s="1"/>
  <c r="M2090" i="2"/>
  <c r="M2064" i="5" s="1"/>
  <c r="P2064" i="5" s="1"/>
  <c r="L792" i="2"/>
  <c r="L766" i="5" s="1"/>
  <c r="L2438" i="2"/>
  <c r="L2412" i="5" s="1"/>
  <c r="I2412" i="2"/>
  <c r="I2386" i="5" s="1"/>
  <c r="M4512" i="2"/>
  <c r="M4486" i="5" s="1"/>
  <c r="P4486" i="5" s="1"/>
  <c r="L3903" i="2"/>
  <c r="L3877" i="5" s="1"/>
  <c r="I2492" i="2"/>
  <c r="I2466" i="5" s="1"/>
  <c r="I5502" i="2"/>
  <c r="I5476" i="5" s="1"/>
  <c r="L1995" i="2"/>
  <c r="L1969" i="5" s="1"/>
  <c r="L3416" i="2"/>
  <c r="L3390" i="5" s="1"/>
  <c r="J6518" i="2"/>
  <c r="J6492" i="5" s="1"/>
  <c r="N6492" i="5" s="1"/>
  <c r="L2224" i="2"/>
  <c r="L2198" i="5" s="1"/>
  <c r="J6446" i="2"/>
  <c r="J6420" i="5" s="1"/>
  <c r="N6420" i="5" s="1"/>
  <c r="M8129" i="2"/>
  <c r="M8103" i="5" s="1"/>
  <c r="P8103" i="5" s="1"/>
  <c r="J7163" i="2"/>
  <c r="J7137" i="5" s="1"/>
  <c r="N7137" i="5" s="1"/>
  <c r="J98" i="2"/>
  <c r="J72" i="5" s="1"/>
  <c r="N72" i="5" s="1"/>
  <c r="M7489" i="2"/>
  <c r="M7463" i="5" s="1"/>
  <c r="P7463" i="5" s="1"/>
  <c r="J2621" i="2"/>
  <c r="J2595" i="5" s="1"/>
  <c r="N2595" i="5" s="1"/>
  <c r="K5098" i="2"/>
  <c r="K5072" i="5" s="1"/>
  <c r="M8668" i="2"/>
  <c r="M8642" i="5" s="1"/>
  <c r="P8642" i="5" s="1"/>
  <c r="I4791" i="2"/>
  <c r="I4765" i="5" s="1"/>
  <c r="M6097" i="2"/>
  <c r="M6071" i="5" s="1"/>
  <c r="P6071" i="5" s="1"/>
  <c r="I3910" i="2"/>
  <c r="I3884" i="5" s="1"/>
  <c r="M5249" i="2"/>
  <c r="M5223" i="5" s="1"/>
  <c r="P5223" i="5" s="1"/>
  <c r="M3960" i="2"/>
  <c r="M3934" i="5" s="1"/>
  <c r="P3934" i="5" s="1"/>
  <c r="J4127" i="2"/>
  <c r="J4101" i="5" s="1"/>
  <c r="N4101" i="5" s="1"/>
  <c r="K8118" i="2"/>
  <c r="K8092" i="5" s="1"/>
  <c r="K6838" i="2"/>
  <c r="K6812" i="5" s="1"/>
  <c r="O6812" i="5" s="1"/>
  <c r="K4417" i="2"/>
  <c r="K4391" i="5" s="1"/>
  <c r="O4391" i="5" s="1"/>
  <c r="I371" i="2"/>
  <c r="I345" i="5" s="1"/>
  <c r="I5755" i="2"/>
  <c r="I5729" i="5" s="1"/>
  <c r="J5936" i="2"/>
  <c r="J5910" i="5" s="1"/>
  <c r="N5910" i="5" s="1"/>
  <c r="J2839" i="2"/>
  <c r="J2813" i="5" s="1"/>
  <c r="N2813" i="5" s="1"/>
  <c r="I2331" i="2"/>
  <c r="I2305" i="5" s="1"/>
  <c r="AR40" i="1"/>
  <c r="AR80" i="1"/>
  <c r="K6494" i="2"/>
  <c r="K6468" i="5" s="1"/>
  <c r="M270" i="2"/>
  <c r="M244" i="5" s="1"/>
  <c r="P244" i="5" s="1"/>
  <c r="I6809" i="2"/>
  <c r="I6783" i="5" s="1"/>
  <c r="I6011" i="2"/>
  <c r="I5985" i="5" s="1"/>
  <c r="J3075" i="2"/>
  <c r="J3049" i="5" s="1"/>
  <c r="N3049" i="5" s="1"/>
  <c r="J3911" i="2"/>
  <c r="J3885" i="5" s="1"/>
  <c r="N3885" i="5" s="1"/>
  <c r="K5862" i="2"/>
  <c r="K5836" i="5" s="1"/>
  <c r="K4649" i="2"/>
  <c r="K4623" i="5" s="1"/>
  <c r="K1149" i="2"/>
  <c r="K1123" i="5" s="1"/>
  <c r="I958" i="2"/>
  <c r="I932" i="5" s="1"/>
  <c r="K7482" i="2"/>
  <c r="K7456" i="5" s="1"/>
  <c r="K615" i="2"/>
  <c r="K589" i="5" s="1"/>
  <c r="I5335" i="2"/>
  <c r="I5309" i="5" s="1"/>
  <c r="K3969" i="2"/>
  <c r="K3943" i="5" s="1"/>
  <c r="K3321" i="2"/>
  <c r="K3295" i="5" s="1"/>
  <c r="O3295" i="5" s="1"/>
  <c r="L7769" i="2"/>
  <c r="L7743" i="5" s="1"/>
  <c r="L2662" i="2"/>
  <c r="L2636" i="5" s="1"/>
  <c r="J399" i="2"/>
  <c r="J373" i="5" s="1"/>
  <c r="N373" i="5" s="1"/>
  <c r="I1831" i="2"/>
  <c r="I1805" i="5" s="1"/>
  <c r="K6636" i="2"/>
  <c r="K6610" i="5" s="1"/>
  <c r="O6610" i="5" s="1"/>
  <c r="K2942" i="2"/>
  <c r="K2916" i="5" s="1"/>
  <c r="O2916" i="5" s="1"/>
  <c r="J8627" i="2"/>
  <c r="J8601" i="5" s="1"/>
  <c r="N8601" i="5" s="1"/>
  <c r="M1220" i="2"/>
  <c r="M1194" i="5" s="1"/>
  <c r="P1194" i="5" s="1"/>
  <c r="I6640" i="2"/>
  <c r="I6614" i="5" s="1"/>
  <c r="J2949" i="2"/>
  <c r="J2923" i="5" s="1"/>
  <c r="N2923" i="5" s="1"/>
  <c r="J6457" i="2"/>
  <c r="J6431" i="5" s="1"/>
  <c r="N6431" i="5" s="1"/>
  <c r="M4330" i="2"/>
  <c r="M4304" i="5" s="1"/>
  <c r="P4304" i="5" s="1"/>
  <c r="I1624" i="2"/>
  <c r="I1598" i="5" s="1"/>
  <c r="I2454" i="2"/>
  <c r="I2428" i="5" s="1"/>
  <c r="I7701" i="2"/>
  <c r="I7675" i="5" s="1"/>
  <c r="K2747" i="2"/>
  <c r="K2721" i="5" s="1"/>
  <c r="K5424" i="2"/>
  <c r="K5398" i="5" s="1"/>
  <c r="O5398" i="5" s="1"/>
  <c r="M8631" i="2"/>
  <c r="M8605" i="5" s="1"/>
  <c r="P8605" i="5" s="1"/>
  <c r="J5504" i="2"/>
  <c r="J5478" i="5" s="1"/>
  <c r="K48" i="2"/>
  <c r="K22" i="5" s="1"/>
  <c r="K1228" i="2"/>
  <c r="K1202" i="5" s="1"/>
  <c r="O1202" i="5" s="1"/>
  <c r="J5652" i="2"/>
  <c r="J5626" i="5" s="1"/>
  <c r="N5626" i="5" s="1"/>
  <c r="M1414" i="2"/>
  <c r="M1388" i="5" s="1"/>
  <c r="P1388" i="5" s="1"/>
  <c r="I5015" i="2"/>
  <c r="I4989" i="5" s="1"/>
  <c r="J990" i="2"/>
  <c r="J964" i="5" s="1"/>
  <c r="N964" i="5" s="1"/>
  <c r="K2235" i="2"/>
  <c r="K2209" i="5" s="1"/>
  <c r="O2209" i="5" s="1"/>
  <c r="K2796" i="2"/>
  <c r="K2770" i="5" s="1"/>
  <c r="M792" i="2"/>
  <c r="M766" i="5" s="1"/>
  <c r="P766" i="5" s="1"/>
  <c r="M2492" i="2"/>
  <c r="M2466" i="5" s="1"/>
  <c r="P2466" i="5" s="1"/>
  <c r="J7770" i="2"/>
  <c r="J7744" i="5" s="1"/>
  <c r="N7744" i="5" s="1"/>
  <c r="J8360" i="2"/>
  <c r="J8334" i="5" s="1"/>
  <c r="L542" i="2"/>
  <c r="L516" i="5" s="1"/>
  <c r="J1995" i="2"/>
  <c r="J1969" i="5" s="1"/>
  <c r="N1969" i="5" s="1"/>
  <c r="J3416" i="2"/>
  <c r="J3390" i="5" s="1"/>
  <c r="N3390" i="5" s="1"/>
  <c r="K6518" i="2"/>
  <c r="K6492" i="5" s="1"/>
  <c r="M8470" i="2"/>
  <c r="M8444" i="5" s="1"/>
  <c r="P8444" i="5" s="1"/>
  <c r="K6446" i="2"/>
  <c r="K6420" i="5" s="1"/>
  <c r="J8129" i="2"/>
  <c r="J8103" i="5" s="1"/>
  <c r="K7163" i="2"/>
  <c r="K7137" i="5" s="1"/>
  <c r="O7137" i="5" s="1"/>
  <c r="L98" i="2"/>
  <c r="L72" i="5" s="1"/>
  <c r="L7489" i="2"/>
  <c r="L7463" i="5" s="1"/>
  <c r="L2621" i="2"/>
  <c r="L2595" i="5" s="1"/>
  <c r="I5098" i="2"/>
  <c r="I5072" i="5" s="1"/>
  <c r="K8668" i="2"/>
  <c r="K8642" i="5" s="1"/>
  <c r="O8642" i="5" s="1"/>
  <c r="L4791" i="2"/>
  <c r="L4765" i="5" s="1"/>
  <c r="J6097" i="2"/>
  <c r="J6071" i="5" s="1"/>
  <c r="N6071" i="5" s="1"/>
  <c r="I7194" i="2"/>
  <c r="I7168" i="5" s="1"/>
  <c r="L3910" i="2"/>
  <c r="L3884" i="5" s="1"/>
  <c r="L5249" i="2"/>
  <c r="L5223" i="5" s="1"/>
  <c r="J3960" i="2"/>
  <c r="J3934" i="5" s="1"/>
  <c r="N3934" i="5" s="1"/>
  <c r="M8118" i="2"/>
  <c r="M8092" i="5" s="1"/>
  <c r="P8092" i="5" s="1"/>
  <c r="C30" i="5"/>
  <c r="M371" i="2"/>
  <c r="M345" i="5" s="1"/>
  <c r="P345" i="5" s="1"/>
  <c r="K5755" i="2"/>
  <c r="K5729" i="5" s="1"/>
  <c r="K5936" i="2"/>
  <c r="K5910" i="5" s="1"/>
  <c r="M4302" i="2"/>
  <c r="M4276" i="5" s="1"/>
  <c r="P4276" i="5" s="1"/>
  <c r="M4795" i="2"/>
  <c r="M4769" i="5" s="1"/>
  <c r="P4769" i="5" s="1"/>
  <c r="M6494" i="2"/>
  <c r="M6468" i="5" s="1"/>
  <c r="P6468" i="5" s="1"/>
  <c r="L2502" i="2"/>
  <c r="L2476" i="5" s="1"/>
  <c r="J4438" i="2"/>
  <c r="J4412" i="5" s="1"/>
  <c r="N4412" i="5" s="1"/>
  <c r="I3911" i="2"/>
  <c r="I3885" i="5" s="1"/>
  <c r="I5862" i="2"/>
  <c r="I5836" i="5" s="1"/>
  <c r="M4649" i="2"/>
  <c r="M4623" i="5" s="1"/>
  <c r="P4623" i="5" s="1"/>
  <c r="M4617" i="2"/>
  <c r="M4591" i="5" s="1"/>
  <c r="P4591" i="5" s="1"/>
  <c r="J958" i="2"/>
  <c r="J932" i="5" s="1"/>
  <c r="N932" i="5" s="1"/>
  <c r="K1916" i="2"/>
  <c r="K1890" i="5" s="1"/>
  <c r="O1890" i="5" s="1"/>
  <c r="J615" i="2"/>
  <c r="J589" i="5" s="1"/>
  <c r="N589" i="5" s="1"/>
  <c r="M3321" i="2"/>
  <c r="M3295" i="5" s="1"/>
  <c r="P3295" i="5" s="1"/>
  <c r="L1562" i="2"/>
  <c r="L1536" i="5" s="1"/>
  <c r="L7279" i="2"/>
  <c r="L7253" i="5" s="1"/>
  <c r="L7999" i="2"/>
  <c r="L7973" i="5" s="1"/>
  <c r="J7823" i="2"/>
  <c r="J7797" i="5" s="1"/>
  <c r="M548" i="2"/>
  <c r="M522" i="5" s="1"/>
  <c r="P522" i="5" s="1"/>
  <c r="I457" i="2"/>
  <c r="I431" i="5" s="1"/>
  <c r="L8336" i="2"/>
  <c r="L8310" i="5" s="1"/>
  <c r="K253" i="2"/>
  <c r="K227" i="5" s="1"/>
  <c r="M1624" i="2"/>
  <c r="M1598" i="5" s="1"/>
  <c r="P1598" i="5" s="1"/>
  <c r="L8631" i="2"/>
  <c r="L8605" i="5" s="1"/>
  <c r="J4665" i="2"/>
  <c r="J4639" i="5" s="1"/>
  <c r="I2235" i="2"/>
  <c r="I2209" i="5" s="1"/>
  <c r="I792" i="2"/>
  <c r="I766" i="5" s="1"/>
  <c r="J6664" i="2"/>
  <c r="J6638" i="5" s="1"/>
  <c r="N6638" i="5" s="1"/>
  <c r="I7770" i="2"/>
  <c r="I7744" i="5" s="1"/>
  <c r="L8360" i="2"/>
  <c r="L8334" i="5" s="1"/>
  <c r="K542" i="2"/>
  <c r="K516" i="5" s="1"/>
  <c r="I3416" i="2"/>
  <c r="I3390" i="5" s="1"/>
  <c r="M6518" i="2"/>
  <c r="M6492" i="5" s="1"/>
  <c r="P6492" i="5" s="1"/>
  <c r="M2226" i="2"/>
  <c r="M2200" i="5" s="1"/>
  <c r="P2200" i="5" s="1"/>
  <c r="M7163" i="2"/>
  <c r="M7137" i="5" s="1"/>
  <c r="P7137" i="5" s="1"/>
  <c r="M98" i="2"/>
  <c r="M72" i="5" s="1"/>
  <c r="P72" i="5" s="1"/>
  <c r="L6676" i="2"/>
  <c r="L6650" i="5" s="1"/>
  <c r="M7194" i="2"/>
  <c r="M7168" i="5" s="1"/>
  <c r="P7168" i="5" s="1"/>
  <c r="M3910" i="2"/>
  <c r="M3884" i="5" s="1"/>
  <c r="P3884" i="5" s="1"/>
  <c r="J5249" i="2"/>
  <c r="J5223" i="5" s="1"/>
  <c r="N5223" i="5" s="1"/>
  <c r="L371" i="2"/>
  <c r="L345" i="5" s="1"/>
  <c r="J5854" i="2"/>
  <c r="J5828" i="5" s="1"/>
  <c r="N5828" i="5" s="1"/>
  <c r="J959" i="2"/>
  <c r="J933" i="5" s="1"/>
  <c r="K4302" i="2"/>
  <c r="K4276" i="5" s="1"/>
  <c r="O4276" i="5" s="1"/>
  <c r="I6494" i="2"/>
  <c r="I6468" i="5" s="1"/>
  <c r="K3906" i="2"/>
  <c r="K3880" i="5" s="1"/>
  <c r="J3779" i="2"/>
  <c r="J3753" i="5" s="1"/>
  <c r="N3753" i="5" s="1"/>
  <c r="J2502" i="2"/>
  <c r="J2476" i="5" s="1"/>
  <c r="N2476" i="5" s="1"/>
  <c r="I4438" i="2"/>
  <c r="I4412" i="5" s="1"/>
  <c r="K5587" i="2"/>
  <c r="K5561" i="5" s="1"/>
  <c r="L5862" i="2"/>
  <c r="L5836" i="5" s="1"/>
  <c r="L4617" i="2"/>
  <c r="L4591" i="5" s="1"/>
  <c r="L958" i="2"/>
  <c r="L932" i="5" s="1"/>
  <c r="I1916" i="2"/>
  <c r="I1890" i="5" s="1"/>
  <c r="M633" i="2"/>
  <c r="M607" i="5" s="1"/>
  <c r="P607" i="5" s="1"/>
  <c r="J5675" i="2"/>
  <c r="J5649" i="5" s="1"/>
  <c r="N5649" i="5" s="1"/>
  <c r="I1562" i="2"/>
  <c r="I1536" i="5" s="1"/>
  <c r="J7533" i="2"/>
  <c r="J7507" i="5" s="1"/>
  <c r="N7507" i="5" s="1"/>
  <c r="J7279" i="2"/>
  <c r="J7253" i="5" s="1"/>
  <c r="N7253" i="5" s="1"/>
  <c r="K4410" i="2"/>
  <c r="K4384" i="5" s="1"/>
  <c r="L7823" i="2"/>
  <c r="L7797" i="5" s="1"/>
  <c r="AR12" i="1"/>
  <c r="L548" i="2"/>
  <c r="L522" i="5" s="1"/>
  <c r="L457" i="2"/>
  <c r="L431" i="5" s="1"/>
  <c r="L1618" i="2"/>
  <c r="L1592" i="5" s="1"/>
  <c r="K1939" i="2"/>
  <c r="K1913" i="5" s="1"/>
  <c r="K7507" i="2"/>
  <c r="K7481" i="5" s="1"/>
  <c r="J7507" i="2"/>
  <c r="J7481" i="5" s="1"/>
  <c r="N7481" i="5" s="1"/>
  <c r="M6949" i="2"/>
  <c r="M6923" i="5" s="1"/>
  <c r="P6923" i="5" s="1"/>
  <c r="K6949" i="2"/>
  <c r="K6923" i="5" s="1"/>
  <c r="L3657" i="2"/>
  <c r="L3631" i="5" s="1"/>
  <c r="M2730" i="2"/>
  <c r="M2704" i="5" s="1"/>
  <c r="P2704" i="5" s="1"/>
  <c r="I4342" i="2"/>
  <c r="I4316" i="5" s="1"/>
  <c r="M4342" i="2"/>
  <c r="M4316" i="5" s="1"/>
  <c r="P4316" i="5" s="1"/>
  <c r="M4333" i="2"/>
  <c r="M4307" i="5" s="1"/>
  <c r="P4307" i="5" s="1"/>
  <c r="K4333" i="2"/>
  <c r="K4307" i="5" s="1"/>
  <c r="L2134" i="2"/>
  <c r="L2108" i="5" s="1"/>
  <c r="K63" i="2"/>
  <c r="K37" i="5" s="1"/>
  <c r="J7165" i="2"/>
  <c r="J7139" i="5" s="1"/>
  <c r="N7139" i="5" s="1"/>
  <c r="K5651" i="2"/>
  <c r="K5625" i="5" s="1"/>
  <c r="K4847" i="2"/>
  <c r="K4821" i="5" s="1"/>
  <c r="I4847" i="2"/>
  <c r="I4821" i="5" s="1"/>
  <c r="L8643" i="2"/>
  <c r="L8617" i="5" s="1"/>
  <c r="M8643" i="2"/>
  <c r="M8617" i="5" s="1"/>
  <c r="P8617" i="5" s="1"/>
  <c r="K8643" i="2"/>
  <c r="K8617" i="5" s="1"/>
  <c r="M8128" i="2"/>
  <c r="M8102" i="5" s="1"/>
  <c r="P8102" i="5" s="1"/>
  <c r="M6284" i="2"/>
  <c r="M6258" i="5" s="1"/>
  <c r="P6258" i="5" s="1"/>
  <c r="L6284" i="2"/>
  <c r="L6258" i="5" s="1"/>
  <c r="K6670" i="2"/>
  <c r="K6644" i="5" s="1"/>
  <c r="K1988" i="2"/>
  <c r="K1962" i="5" s="1"/>
  <c r="K5341" i="2"/>
  <c r="K5315" i="5" s="1"/>
  <c r="L5341" i="2"/>
  <c r="L5315" i="5" s="1"/>
  <c r="I5341" i="2"/>
  <c r="I5315" i="5" s="1"/>
  <c r="J5341" i="2"/>
  <c r="J5315" i="5" s="1"/>
  <c r="N5315" i="5" s="1"/>
  <c r="M1762" i="2"/>
  <c r="M1736" i="5" s="1"/>
  <c r="P1736" i="5" s="1"/>
  <c r="K1762" i="2"/>
  <c r="K1736" i="5" s="1"/>
  <c r="J1762" i="2"/>
  <c r="J1736" i="5" s="1"/>
  <c r="N1736" i="5" s="1"/>
  <c r="I8165" i="2"/>
  <c r="I8139" i="5" s="1"/>
  <c r="M8165" i="2"/>
  <c r="M8139" i="5" s="1"/>
  <c r="P8139" i="5" s="1"/>
  <c r="K4073" i="2"/>
  <c r="K4047" i="5" s="1"/>
  <c r="K6602" i="2"/>
  <c r="K6576" i="5" s="1"/>
  <c r="K4515" i="2"/>
  <c r="K4489" i="5" s="1"/>
  <c r="O4489" i="5" s="1"/>
  <c r="J2141" i="2"/>
  <c r="J2115" i="5" s="1"/>
  <c r="L2141" i="2"/>
  <c r="L2115" i="5" s="1"/>
  <c r="M7634" i="2"/>
  <c r="M7608" i="5" s="1"/>
  <c r="P7608" i="5" s="1"/>
  <c r="I7634" i="2"/>
  <c r="I7608" i="5" s="1"/>
  <c r="K7634" i="2"/>
  <c r="K7608" i="5" s="1"/>
  <c r="O7608" i="5" s="1"/>
  <c r="K6490" i="2"/>
  <c r="K6464" i="5" s="1"/>
  <c r="K7961" i="2"/>
  <c r="K7935" i="5" s="1"/>
  <c r="M7961" i="2"/>
  <c r="M7935" i="5" s="1"/>
  <c r="P7935" i="5" s="1"/>
  <c r="I7961" i="2"/>
  <c r="I7935" i="5" s="1"/>
  <c r="J7961" i="2"/>
  <c r="J7935" i="5" s="1"/>
  <c r="N7935" i="5" s="1"/>
  <c r="L7961" i="2"/>
  <c r="L7935" i="5" s="1"/>
  <c r="J113" i="2"/>
  <c r="J87" i="5" s="1"/>
  <c r="N87" i="5" s="1"/>
  <c r="I113" i="2"/>
  <c r="I87" i="5" s="1"/>
  <c r="K113" i="2"/>
  <c r="K87" i="5" s="1"/>
  <c r="L113" i="2"/>
  <c r="L87" i="5" s="1"/>
  <c r="M113" i="2"/>
  <c r="M87" i="5" s="1"/>
  <c r="P87" i="5" s="1"/>
  <c r="M6596" i="2"/>
  <c r="M6570" i="5" s="1"/>
  <c r="P6570" i="5" s="1"/>
  <c r="L6596" i="2"/>
  <c r="L6570" i="5" s="1"/>
  <c r="J6596" i="2"/>
  <c r="J6570" i="5" s="1"/>
  <c r="N6570" i="5" s="1"/>
  <c r="I6596" i="2"/>
  <c r="I6570" i="5" s="1"/>
  <c r="I7608" i="2"/>
  <c r="I7582" i="5" s="1"/>
  <c r="L7608" i="2"/>
  <c r="L7582" i="5" s="1"/>
  <c r="I2750" i="2"/>
  <c r="I2724" i="5" s="1"/>
  <c r="M3660" i="2"/>
  <c r="M3634" i="5" s="1"/>
  <c r="P3634" i="5" s="1"/>
  <c r="K3660" i="2"/>
  <c r="K3634" i="5" s="1"/>
  <c r="O3634" i="5" s="1"/>
  <c r="L4798" i="2"/>
  <c r="L4772" i="5" s="1"/>
  <c r="I5514" i="2"/>
  <c r="I5488" i="5" s="1"/>
  <c r="J5514" i="2"/>
  <c r="J5488" i="5" s="1"/>
  <c r="L2101" i="2"/>
  <c r="L2075" i="5" s="1"/>
  <c r="I2101" i="2"/>
  <c r="I2075" i="5" s="1"/>
  <c r="J2101" i="2"/>
  <c r="J2075" i="5" s="1"/>
  <c r="N2075" i="5" s="1"/>
  <c r="M2101" i="2"/>
  <c r="M2075" i="5" s="1"/>
  <c r="P2075" i="5" s="1"/>
  <c r="L6270" i="2"/>
  <c r="L6244" i="5" s="1"/>
  <c r="K6270" i="2"/>
  <c r="K6244" i="5" s="1"/>
  <c r="J7343" i="2"/>
  <c r="J7317" i="5" s="1"/>
  <c r="N7317" i="5" s="1"/>
  <c r="M7343" i="2"/>
  <c r="M7317" i="5" s="1"/>
  <c r="P7317" i="5" s="1"/>
  <c r="L7343" i="2"/>
  <c r="L7317" i="5" s="1"/>
  <c r="I7343" i="2"/>
  <c r="I7317" i="5" s="1"/>
  <c r="K7343" i="2"/>
  <c r="K7317" i="5" s="1"/>
  <c r="L5277" i="2"/>
  <c r="L5251" i="5" s="1"/>
  <c r="M5277" i="2"/>
  <c r="M5251" i="5" s="1"/>
  <c r="P5251" i="5" s="1"/>
  <c r="I5277" i="2"/>
  <c r="I5251" i="5" s="1"/>
  <c r="K5277" i="2"/>
  <c r="K5251" i="5" s="1"/>
  <c r="J5277" i="2"/>
  <c r="J5251" i="5" s="1"/>
  <c r="N5251" i="5" s="1"/>
  <c r="J7516" i="2"/>
  <c r="J7490" i="5" s="1"/>
  <c r="N7490" i="5" s="1"/>
  <c r="I7516" i="2"/>
  <c r="I7490" i="5" s="1"/>
  <c r="L5297" i="2"/>
  <c r="L5271" i="5" s="1"/>
  <c r="I5297" i="2"/>
  <c r="I5271" i="5" s="1"/>
  <c r="K5297" i="2"/>
  <c r="K5271" i="5" s="1"/>
  <c r="L8319" i="2"/>
  <c r="L8293" i="5" s="1"/>
  <c r="J8319" i="2"/>
  <c r="J8293" i="5" s="1"/>
  <c r="N8293" i="5" s="1"/>
  <c r="M2331" i="2"/>
  <c r="M2305" i="5" s="1"/>
  <c r="P2305" i="5" s="1"/>
  <c r="I6865" i="2"/>
  <c r="I6839" i="5" s="1"/>
  <c r="J6865" i="2"/>
  <c r="J6839" i="5" s="1"/>
  <c r="N6839" i="5" s="1"/>
  <c r="I1313" i="2"/>
  <c r="I1287" i="5" s="1"/>
  <c r="M1313" i="2"/>
  <c r="M1287" i="5" s="1"/>
  <c r="P1287" i="5" s="1"/>
  <c r="L1319" i="2"/>
  <c r="L1293" i="5" s="1"/>
  <c r="M1319" i="2"/>
  <c r="M1293" i="5" s="1"/>
  <c r="P1293" i="5" s="1"/>
  <c r="L3003" i="2"/>
  <c r="L2977" i="5" s="1"/>
  <c r="I3003" i="2"/>
  <c r="I2977" i="5" s="1"/>
  <c r="K3003" i="2"/>
  <c r="K2977" i="5" s="1"/>
  <c r="J7206" i="2"/>
  <c r="J7180" i="5" s="1"/>
  <c r="L7206" i="2"/>
  <c r="L7180" i="5" s="1"/>
  <c r="J5080" i="2"/>
  <c r="J5054" i="5" s="1"/>
  <c r="L4088" i="2"/>
  <c r="L4062" i="5" s="1"/>
  <c r="K4088" i="2"/>
  <c r="K4062" i="5" s="1"/>
  <c r="L8458" i="2"/>
  <c r="L8432" i="5" s="1"/>
  <c r="L1396" i="2"/>
  <c r="L1370" i="5" s="1"/>
  <c r="K1396" i="2"/>
  <c r="K1370" i="5" s="1"/>
  <c r="J1580" i="2"/>
  <c r="J1554" i="5" s="1"/>
  <c r="L1580" i="2"/>
  <c r="L1554" i="5" s="1"/>
  <c r="K6770" i="2"/>
  <c r="K6744" i="5" s="1"/>
  <c r="K6760" i="2"/>
  <c r="K6734" i="5" s="1"/>
  <c r="J6760" i="2"/>
  <c r="J6734" i="5" s="1"/>
  <c r="N6734" i="5" s="1"/>
  <c r="J2737" i="2"/>
  <c r="J2711" i="5" s="1"/>
  <c r="N2711" i="5" s="1"/>
  <c r="L2737" i="2"/>
  <c r="L2711" i="5" s="1"/>
  <c r="L5980" i="2"/>
  <c r="L5954" i="5" s="1"/>
  <c r="I5980" i="2"/>
  <c r="I5954" i="5" s="1"/>
  <c r="K5980" i="2"/>
  <c r="K5954" i="5" s="1"/>
  <c r="M3911" i="2"/>
  <c r="M3885" i="5" s="1"/>
  <c r="P3885" i="5" s="1"/>
  <c r="L3275" i="2"/>
  <c r="L3249" i="5" s="1"/>
  <c r="I3275" i="2"/>
  <c r="I3249" i="5" s="1"/>
  <c r="K5520" i="2"/>
  <c r="K5494" i="5" s="1"/>
  <c r="L5520" i="2"/>
  <c r="L5494" i="5" s="1"/>
  <c r="M5520" i="2"/>
  <c r="M5494" i="5" s="1"/>
  <c r="P5494" i="5" s="1"/>
  <c r="J5520" i="2"/>
  <c r="J5494" i="5" s="1"/>
  <c r="N5494" i="5" s="1"/>
  <c r="I6668" i="2"/>
  <c r="I6642" i="5" s="1"/>
  <c r="J6668" i="2"/>
  <c r="J6642" i="5" s="1"/>
  <c r="N6642" i="5" s="1"/>
  <c r="L8644" i="2"/>
  <c r="L8618" i="5" s="1"/>
  <c r="K8644" i="2"/>
  <c r="K8618" i="5" s="1"/>
  <c r="K4441" i="2"/>
  <c r="K4415" i="5" s="1"/>
  <c r="K6780" i="2"/>
  <c r="K6754" i="5" s="1"/>
  <c r="M6780" i="2"/>
  <c r="M6754" i="5" s="1"/>
  <c r="P6754" i="5" s="1"/>
  <c r="L4653" i="2"/>
  <c r="L4627" i="5" s="1"/>
  <c r="I4653" i="2"/>
  <c r="I4627" i="5" s="1"/>
  <c r="K89" i="2"/>
  <c r="K63" i="5" s="1"/>
  <c r="O63" i="5" s="1"/>
  <c r="K1477" i="2"/>
  <c r="K1451" i="5" s="1"/>
  <c r="M1477" i="2"/>
  <c r="M1451" i="5" s="1"/>
  <c r="P1451" i="5" s="1"/>
  <c r="J230" i="2"/>
  <c r="J204" i="5" s="1"/>
  <c r="J2800" i="2"/>
  <c r="J2774" i="5" s="1"/>
  <c r="M2800" i="2"/>
  <c r="M2774" i="5" s="1"/>
  <c r="P2774" i="5" s="1"/>
  <c r="L2800" i="2"/>
  <c r="L2774" i="5" s="1"/>
  <c r="J7680" i="2"/>
  <c r="J7654" i="5" s="1"/>
  <c r="L7680" i="2"/>
  <c r="L7654" i="5" s="1"/>
  <c r="M7680" i="2"/>
  <c r="M7654" i="5" s="1"/>
  <c r="P7654" i="5" s="1"/>
  <c r="K647" i="2"/>
  <c r="K621" i="5" s="1"/>
  <c r="I647" i="2"/>
  <c r="I621" i="5" s="1"/>
  <c r="J647" i="2"/>
  <c r="J621" i="5" s="1"/>
  <c r="N621" i="5" s="1"/>
  <c r="M647" i="2"/>
  <c r="M621" i="5" s="1"/>
  <c r="P621" i="5" s="1"/>
  <c r="L647" i="2"/>
  <c r="L621" i="5" s="1"/>
  <c r="J2924" i="2"/>
  <c r="J2898" i="5" s="1"/>
  <c r="N2898" i="5" s="1"/>
  <c r="K2924" i="2"/>
  <c r="K2898" i="5" s="1"/>
  <c r="M2924" i="2"/>
  <c r="M2898" i="5" s="1"/>
  <c r="P2898" i="5" s="1"/>
  <c r="I2924" i="2"/>
  <c r="I2898" i="5" s="1"/>
  <c r="L2924" i="2"/>
  <c r="L2898" i="5" s="1"/>
  <c r="L5671" i="2"/>
  <c r="L5645" i="5" s="1"/>
  <c r="L5661" i="2"/>
  <c r="L5635" i="5" s="1"/>
  <c r="L1785" i="2"/>
  <c r="L1759" i="5" s="1"/>
  <c r="I1785" i="2"/>
  <c r="I1759" i="5" s="1"/>
  <c r="J1785" i="2"/>
  <c r="J1759" i="5" s="1"/>
  <c r="N1759" i="5" s="1"/>
  <c r="L1762" i="2"/>
  <c r="L1736" i="5" s="1"/>
  <c r="M5345" i="2"/>
  <c r="M5319" i="5" s="1"/>
  <c r="P5319" i="5" s="1"/>
  <c r="J5806" i="2"/>
  <c r="J5780" i="5" s="1"/>
  <c r="L5806" i="2"/>
  <c r="L5780" i="5" s="1"/>
  <c r="I5806" i="2"/>
  <c r="I5780" i="5" s="1"/>
  <c r="M3754" i="2"/>
  <c r="M3728" i="5" s="1"/>
  <c r="P3728" i="5" s="1"/>
  <c r="I3754" i="2"/>
  <c r="I3728" i="5" s="1"/>
  <c r="L3754" i="2"/>
  <c r="L3728" i="5" s="1"/>
  <c r="L2957" i="2"/>
  <c r="L2931" i="5" s="1"/>
  <c r="M5482" i="2"/>
  <c r="M5456" i="5" s="1"/>
  <c r="P5456" i="5" s="1"/>
  <c r="I5482" i="2"/>
  <c r="I5456" i="5" s="1"/>
  <c r="M1217" i="2"/>
  <c r="M1191" i="5" s="1"/>
  <c r="P1191" i="5" s="1"/>
  <c r="L1593" i="2"/>
  <c r="L1567" i="5" s="1"/>
  <c r="J1593" i="2"/>
  <c r="J1567" i="5" s="1"/>
  <c r="N1567" i="5" s="1"/>
  <c r="M6100" i="2"/>
  <c r="M6074" i="5" s="1"/>
  <c r="P6074" i="5" s="1"/>
  <c r="L3920" i="2"/>
  <c r="L3894" i="5" s="1"/>
  <c r="I1404" i="2"/>
  <c r="I1378" i="5" s="1"/>
  <c r="K1404" i="2"/>
  <c r="K1378" i="5" s="1"/>
  <c r="I2410" i="2"/>
  <c r="I2384" i="5" s="1"/>
  <c r="I3269" i="2"/>
  <c r="I3243" i="5" s="1"/>
  <c r="J3269" i="2"/>
  <c r="J3243" i="5" s="1"/>
  <c r="N3243" i="5" s="1"/>
  <c r="J7621" i="2"/>
  <c r="J7595" i="5" s="1"/>
  <c r="J1052" i="2"/>
  <c r="J1026" i="5" s="1"/>
  <c r="N1026" i="5" s="1"/>
  <c r="I6777" i="2"/>
  <c r="I6751" i="5" s="1"/>
  <c r="K7358" i="2"/>
  <c r="K7332" i="5" s="1"/>
  <c r="O7332" i="5" s="1"/>
  <c r="I4269" i="2"/>
  <c r="I4243" i="5" s="1"/>
  <c r="J2730" i="2"/>
  <c r="J2704" i="5" s="1"/>
  <c r="N2704" i="5" s="1"/>
  <c r="I4915" i="2"/>
  <c r="I4889" i="5" s="1"/>
  <c r="J3280" i="2"/>
  <c r="J3254" i="5" s="1"/>
  <c r="N3254" i="5" s="1"/>
  <c r="I7680" i="2"/>
  <c r="I7654" i="5" s="1"/>
  <c r="L1489" i="2"/>
  <c r="L1463" i="5" s="1"/>
  <c r="J415" i="2"/>
  <c r="J389" i="5" s="1"/>
  <c r="N389" i="5" s="1"/>
  <c r="J3660" i="2"/>
  <c r="J3634" i="5" s="1"/>
  <c r="N3634" i="5" s="1"/>
  <c r="K49" i="2"/>
  <c r="K23" i="5" s="1"/>
  <c r="I6621" i="2"/>
  <c r="I6595" i="5" s="1"/>
  <c r="L6621" i="2"/>
  <c r="L6595" i="5" s="1"/>
  <c r="M6621" i="2"/>
  <c r="M6595" i="5" s="1"/>
  <c r="P6595" i="5" s="1"/>
  <c r="K1133" i="2"/>
  <c r="K1107" i="5" s="1"/>
  <c r="O1107" i="5" s="1"/>
  <c r="I374" i="2"/>
  <c r="I348" i="5" s="1"/>
  <c r="K374" i="2"/>
  <c r="K348" i="5" s="1"/>
  <c r="O348" i="5" s="1"/>
  <c r="J374" i="2"/>
  <c r="J348" i="5" s="1"/>
  <c r="N348" i="5" s="1"/>
  <c r="L7486" i="2"/>
  <c r="L7460" i="5" s="1"/>
  <c r="K7486" i="2"/>
  <c r="K7460" i="5" s="1"/>
  <c r="L8194" i="2"/>
  <c r="L8168" i="5" s="1"/>
  <c r="M8194" i="2"/>
  <c r="M8168" i="5" s="1"/>
  <c r="P8168" i="5" s="1"/>
  <c r="L6672" i="2"/>
  <c r="L6646" i="5" s="1"/>
  <c r="M6672" i="2"/>
  <c r="M6646" i="5" s="1"/>
  <c r="P6646" i="5" s="1"/>
  <c r="K6672" i="2"/>
  <c r="K6646" i="5" s="1"/>
  <c r="I8694" i="2"/>
  <c r="I8668" i="5" s="1"/>
  <c r="M8694" i="2"/>
  <c r="M8668" i="5" s="1"/>
  <c r="P8668" i="5" s="1"/>
  <c r="J8694" i="2"/>
  <c r="J8668" i="5" s="1"/>
  <c r="N8668" i="5" s="1"/>
  <c r="L576" i="2"/>
  <c r="L550" i="5" s="1"/>
  <c r="I576" i="2"/>
  <c r="I550" i="5" s="1"/>
  <c r="M1634" i="2"/>
  <c r="M1608" i="5" s="1"/>
  <c r="P1608" i="5" s="1"/>
  <c r="M5468" i="2"/>
  <c r="M5442" i="5" s="1"/>
  <c r="P5442" i="5" s="1"/>
  <c r="J5468" i="2"/>
  <c r="J5442" i="5" s="1"/>
  <c r="N5442" i="5" s="1"/>
  <c r="L1612" i="2"/>
  <c r="L1586" i="5" s="1"/>
  <c r="M4906" i="2"/>
  <c r="M4880" i="5" s="1"/>
  <c r="P4880" i="5" s="1"/>
  <c r="I4906" i="2"/>
  <c r="I4880" i="5" s="1"/>
  <c r="K4906" i="2"/>
  <c r="K4880" i="5" s="1"/>
  <c r="L4936" i="2"/>
  <c r="L4910" i="5" s="1"/>
  <c r="M4936" i="2"/>
  <c r="M4910" i="5" s="1"/>
  <c r="P4910" i="5" s="1"/>
  <c r="J1824" i="2"/>
  <c r="J1798" i="5" s="1"/>
  <c r="N1798" i="5" s="1"/>
  <c r="K1814" i="2"/>
  <c r="K1788" i="5" s="1"/>
  <c r="J1814" i="2"/>
  <c r="J1788" i="5" s="1"/>
  <c r="N1788" i="5" s="1"/>
  <c r="I1814" i="2"/>
  <c r="I1788" i="5" s="1"/>
  <c r="M1814" i="2"/>
  <c r="M1788" i="5" s="1"/>
  <c r="P1788" i="5" s="1"/>
  <c r="L103" i="2"/>
  <c r="L77" i="5" s="1"/>
  <c r="K6188" i="2"/>
  <c r="K6162" i="5" s="1"/>
  <c r="I6188" i="2"/>
  <c r="I6162" i="5" s="1"/>
  <c r="J6188" i="2"/>
  <c r="J6162" i="5" s="1"/>
  <c r="N6162" i="5" s="1"/>
  <c r="M6188" i="2"/>
  <c r="M6162" i="5" s="1"/>
  <c r="P6162" i="5" s="1"/>
  <c r="L6188" i="2"/>
  <c r="L6162" i="5" s="1"/>
  <c r="I2230" i="2"/>
  <c r="I2204" i="5" s="1"/>
  <c r="J2230" i="2"/>
  <c r="J2204" i="5" s="1"/>
  <c r="N2204" i="5" s="1"/>
  <c r="K2230" i="2"/>
  <c r="K2204" i="5" s="1"/>
  <c r="L2230" i="2"/>
  <c r="L2204" i="5" s="1"/>
  <c r="M2230" i="2"/>
  <c r="M2204" i="5" s="1"/>
  <c r="P2204" i="5" s="1"/>
  <c r="K6368" i="2"/>
  <c r="K6342" i="5" s="1"/>
  <c r="L405" i="2"/>
  <c r="L379" i="5" s="1"/>
  <c r="I405" i="2"/>
  <c r="I379" i="5" s="1"/>
  <c r="J405" i="2"/>
  <c r="J379" i="5" s="1"/>
  <c r="N379" i="5" s="1"/>
  <c r="K405" i="2"/>
  <c r="K379" i="5" s="1"/>
  <c r="I2271" i="2"/>
  <c r="I2245" i="5" s="1"/>
  <c r="J7134" i="2"/>
  <c r="J7108" i="5" s="1"/>
  <c r="N7108" i="5" s="1"/>
  <c r="L7134" i="2"/>
  <c r="L7108" i="5" s="1"/>
  <c r="L7629" i="2"/>
  <c r="L7603" i="5" s="1"/>
  <c r="K7629" i="2"/>
  <c r="K7603" i="5" s="1"/>
  <c r="M7629" i="2"/>
  <c r="M7603" i="5" s="1"/>
  <c r="P7603" i="5" s="1"/>
  <c r="I7629" i="2"/>
  <c r="I7603" i="5" s="1"/>
  <c r="M883" i="2"/>
  <c r="M857" i="5" s="1"/>
  <c r="P857" i="5" s="1"/>
  <c r="I883" i="2"/>
  <c r="I857" i="5" s="1"/>
  <c r="J7518" i="2"/>
  <c r="J7492" i="5" s="1"/>
  <c r="N7492" i="5" s="1"/>
  <c r="I2069" i="2"/>
  <c r="I2043" i="5" s="1"/>
  <c r="K2069" i="2"/>
  <c r="K2043" i="5" s="1"/>
  <c r="O2043" i="5" s="1"/>
  <c r="M2322" i="2"/>
  <c r="M2296" i="5" s="1"/>
  <c r="P2296" i="5" s="1"/>
  <c r="I2997" i="2"/>
  <c r="I2971" i="5" s="1"/>
  <c r="K2997" i="2"/>
  <c r="K2971" i="5" s="1"/>
  <c r="I3496" i="2"/>
  <c r="I3470" i="5" s="1"/>
  <c r="J3496" i="2"/>
  <c r="J3470" i="5" s="1"/>
  <c r="N3470" i="5" s="1"/>
  <c r="J3614" i="2"/>
  <c r="J3588" i="5" s="1"/>
  <c r="K3614" i="2"/>
  <c r="K3588" i="5" s="1"/>
  <c r="L3614" i="2"/>
  <c r="L3588" i="5" s="1"/>
  <c r="M3614" i="2"/>
  <c r="M3588" i="5" s="1"/>
  <c r="P3588" i="5" s="1"/>
  <c r="I1643" i="2"/>
  <c r="I1617" i="5" s="1"/>
  <c r="J4350" i="2"/>
  <c r="J4324" i="5" s="1"/>
  <c r="N4324" i="5" s="1"/>
  <c r="I4350" i="2"/>
  <c r="I4324" i="5" s="1"/>
  <c r="I6607" i="2"/>
  <c r="I6581" i="5" s="1"/>
  <c r="L6607" i="2"/>
  <c r="L6581" i="5" s="1"/>
  <c r="K6607" i="2"/>
  <c r="K6581" i="5" s="1"/>
  <c r="J6607" i="2"/>
  <c r="J6581" i="5" s="1"/>
  <c r="N6581" i="5" s="1"/>
  <c r="I4511" i="2"/>
  <c r="I4485" i="5" s="1"/>
  <c r="J4511" i="2"/>
  <c r="J4485" i="5" s="1"/>
  <c r="N4485" i="5" s="1"/>
  <c r="L4511" i="2"/>
  <c r="L4485" i="5" s="1"/>
  <c r="M4511" i="2"/>
  <c r="M4485" i="5" s="1"/>
  <c r="P4485" i="5" s="1"/>
  <c r="J317" i="2"/>
  <c r="J291" i="5" s="1"/>
  <c r="N291" i="5" s="1"/>
  <c r="M7637" i="2"/>
  <c r="M7611" i="5" s="1"/>
  <c r="P7611" i="5" s="1"/>
  <c r="K7637" i="2"/>
  <c r="K7611" i="5" s="1"/>
  <c r="O7611" i="5" s="1"/>
  <c r="I7637" i="2"/>
  <c r="I7611" i="5" s="1"/>
  <c r="J3984" i="2"/>
  <c r="J3958" i="5" s="1"/>
  <c r="N3958" i="5" s="1"/>
  <c r="I3984" i="2"/>
  <c r="I3958" i="5" s="1"/>
  <c r="M3984" i="2"/>
  <c r="M3958" i="5" s="1"/>
  <c r="P3958" i="5" s="1"/>
  <c r="L3984" i="2"/>
  <c r="L3958" i="5" s="1"/>
  <c r="L7300" i="2"/>
  <c r="L7274" i="5" s="1"/>
  <c r="J2767" i="2"/>
  <c r="J2741" i="5" s="1"/>
  <c r="N2741" i="5" s="1"/>
  <c r="J5604" i="2"/>
  <c r="J5578" i="5" s="1"/>
  <c r="M5604" i="2"/>
  <c r="M5578" i="5" s="1"/>
  <c r="P5578" i="5" s="1"/>
  <c r="L5604" i="2"/>
  <c r="L5578" i="5" s="1"/>
  <c r="I5604" i="2"/>
  <c r="I5578" i="5" s="1"/>
  <c r="J1954" i="2"/>
  <c r="J1928" i="5" s="1"/>
  <c r="N1928" i="5" s="1"/>
  <c r="M1954" i="2"/>
  <c r="M1928" i="5" s="1"/>
  <c r="P1928" i="5" s="1"/>
  <c r="L1954" i="2"/>
  <c r="L1928" i="5" s="1"/>
  <c r="I1954" i="2"/>
  <c r="I1928" i="5" s="1"/>
  <c r="K1954" i="2"/>
  <c r="K1928" i="5" s="1"/>
  <c r="I1976" i="2"/>
  <c r="I1950" i="5" s="1"/>
  <c r="K1976" i="2"/>
  <c r="K1950" i="5" s="1"/>
  <c r="M1976" i="2"/>
  <c r="M1950" i="5" s="1"/>
  <c r="P1950" i="5" s="1"/>
  <c r="L1976" i="2"/>
  <c r="L1950" i="5" s="1"/>
  <c r="J1976" i="2"/>
  <c r="J1950" i="5" s="1"/>
  <c r="I4637" i="2"/>
  <c r="I4611" i="5" s="1"/>
  <c r="K4637" i="2"/>
  <c r="K4611" i="5" s="1"/>
  <c r="O4611" i="5" s="1"/>
  <c r="J7121" i="2"/>
  <c r="J7095" i="5" s="1"/>
  <c r="N7095" i="5" s="1"/>
  <c r="L7121" i="2"/>
  <c r="L7095" i="5" s="1"/>
  <c r="K7121" i="2"/>
  <c r="K7095" i="5" s="1"/>
  <c r="K1813" i="2"/>
  <c r="K1787" i="5" s="1"/>
  <c r="J1813" i="2"/>
  <c r="J1787" i="5" s="1"/>
  <c r="N1787" i="5" s="1"/>
  <c r="M1813" i="2"/>
  <c r="M1787" i="5" s="1"/>
  <c r="P1787" i="5" s="1"/>
  <c r="I1813" i="2"/>
  <c r="I1787" i="5" s="1"/>
  <c r="L1813" i="2"/>
  <c r="L1787" i="5" s="1"/>
  <c r="M6606" i="2"/>
  <c r="M6580" i="5" s="1"/>
  <c r="P6580" i="5" s="1"/>
  <c r="J3742" i="2"/>
  <c r="J3716" i="5" s="1"/>
  <c r="N3716" i="5" s="1"/>
  <c r="K1810" i="2"/>
  <c r="K1784" i="5" s="1"/>
  <c r="L1810" i="2"/>
  <c r="L1784" i="5" s="1"/>
  <c r="L3667" i="2"/>
  <c r="L3641" i="5" s="1"/>
  <c r="I3667" i="2"/>
  <c r="I3641" i="5" s="1"/>
  <c r="K3667" i="2"/>
  <c r="K3641" i="5" s="1"/>
  <c r="J3667" i="2"/>
  <c r="J3641" i="5" s="1"/>
  <c r="N3641" i="5" s="1"/>
  <c r="J5639" i="2"/>
  <c r="J5613" i="5" s="1"/>
  <c r="K5639" i="2"/>
  <c r="K5613" i="5" s="1"/>
  <c r="O5613" i="5" s="1"/>
  <c r="K5511" i="2"/>
  <c r="K5485" i="5" s="1"/>
  <c r="M5511" i="2"/>
  <c r="M5485" i="5" s="1"/>
  <c r="P5485" i="5" s="1"/>
  <c r="L5511" i="2"/>
  <c r="L5485" i="5" s="1"/>
  <c r="I5511" i="2"/>
  <c r="I5485" i="5" s="1"/>
  <c r="L1958" i="2"/>
  <c r="L1932" i="5" s="1"/>
  <c r="M1958" i="2"/>
  <c r="M1932" i="5" s="1"/>
  <c r="P1932" i="5" s="1"/>
  <c r="I1958" i="2"/>
  <c r="I1932" i="5" s="1"/>
  <c r="K1958" i="2"/>
  <c r="K1932" i="5" s="1"/>
  <c r="J1958" i="2"/>
  <c r="J1932" i="5" s="1"/>
  <c r="N1932" i="5" s="1"/>
  <c r="M5518" i="2"/>
  <c r="M5492" i="5" s="1"/>
  <c r="P5492" i="5" s="1"/>
  <c r="I5518" i="2"/>
  <c r="I5492" i="5" s="1"/>
  <c r="K5518" i="2"/>
  <c r="K5492" i="5" s="1"/>
  <c r="J5518" i="2"/>
  <c r="J5492" i="5" s="1"/>
  <c r="N5492" i="5" s="1"/>
  <c r="F319" i="5"/>
  <c r="AR313" i="1"/>
  <c r="K7178" i="2"/>
  <c r="K7152" i="5" s="1"/>
  <c r="M7178" i="2"/>
  <c r="M7152" i="5" s="1"/>
  <c r="P7152" i="5" s="1"/>
  <c r="M3674" i="2"/>
  <c r="M3648" i="5" s="1"/>
  <c r="P3648" i="5" s="1"/>
  <c r="J3674" i="2"/>
  <c r="J3648" i="5" s="1"/>
  <c r="N3648" i="5" s="1"/>
  <c r="L3674" i="2"/>
  <c r="L3648" i="5" s="1"/>
  <c r="M7630" i="2"/>
  <c r="M7604" i="5" s="1"/>
  <c r="P7604" i="5" s="1"/>
  <c r="L7630" i="2"/>
  <c r="L7604" i="5" s="1"/>
  <c r="I7630" i="2"/>
  <c r="I7604" i="5" s="1"/>
  <c r="I7117" i="2"/>
  <c r="I7091" i="5" s="1"/>
  <c r="L7117" i="2"/>
  <c r="L7091" i="5" s="1"/>
  <c r="J7117" i="2"/>
  <c r="J7091" i="5" s="1"/>
  <c r="N7091" i="5" s="1"/>
  <c r="M7117" i="2"/>
  <c r="M7091" i="5" s="1"/>
  <c r="P7091" i="5" s="1"/>
  <c r="D276" i="5"/>
  <c r="AR270" i="1"/>
  <c r="E116" i="5"/>
  <c r="AR110" i="1"/>
  <c r="L427" i="2"/>
  <c r="L401" i="5" s="1"/>
  <c r="M427" i="2"/>
  <c r="M401" i="5" s="1"/>
  <c r="P401" i="5" s="1"/>
  <c r="I427" i="2"/>
  <c r="I401" i="5" s="1"/>
  <c r="J427" i="2"/>
  <c r="J401" i="5" s="1"/>
  <c r="N401" i="5" s="1"/>
  <c r="K427" i="2"/>
  <c r="K401" i="5" s="1"/>
  <c r="M7452" i="2"/>
  <c r="M7426" i="5" s="1"/>
  <c r="P7426" i="5" s="1"/>
  <c r="K7452" i="2"/>
  <c r="K7426" i="5" s="1"/>
  <c r="L7452" i="2"/>
  <c r="L7426" i="5" s="1"/>
  <c r="J7452" i="2"/>
  <c r="J7426" i="5" s="1"/>
  <c r="J6599" i="2"/>
  <c r="J6573" i="5" s="1"/>
  <c r="N6573" i="5" s="1"/>
  <c r="I6599" i="2"/>
  <c r="I6573" i="5" s="1"/>
  <c r="K6599" i="2"/>
  <c r="K6573" i="5" s="1"/>
  <c r="L6599" i="2"/>
  <c r="L6573" i="5" s="1"/>
  <c r="L5647" i="2"/>
  <c r="L5621" i="5" s="1"/>
  <c r="I5647" i="2"/>
  <c r="I5621" i="5" s="1"/>
  <c r="M5647" i="2"/>
  <c r="M5621" i="5" s="1"/>
  <c r="P5621" i="5" s="1"/>
  <c r="K3753" i="2"/>
  <c r="K3727" i="5" s="1"/>
  <c r="O3727" i="5" s="1"/>
  <c r="I3753" i="2"/>
  <c r="I3727" i="5" s="1"/>
  <c r="K2993" i="2"/>
  <c r="K2967" i="5" s="1"/>
  <c r="I2993" i="2"/>
  <c r="I2967" i="5" s="1"/>
  <c r="J2993" i="2"/>
  <c r="J2967" i="5" s="1"/>
  <c r="N2967" i="5" s="1"/>
  <c r="L2993" i="2"/>
  <c r="L2967" i="5" s="1"/>
  <c r="M2993" i="2"/>
  <c r="M2967" i="5" s="1"/>
  <c r="P2967" i="5" s="1"/>
  <c r="L4140" i="2"/>
  <c r="L4114" i="5" s="1"/>
  <c r="K4140" i="2"/>
  <c r="K4114" i="5" s="1"/>
  <c r="J4140" i="2"/>
  <c r="J4114" i="5" s="1"/>
  <c r="I4140" i="2"/>
  <c r="I4114" i="5" s="1"/>
  <c r="J7145" i="2"/>
  <c r="J7119" i="5" s="1"/>
  <c r="N7119" i="5" s="1"/>
  <c r="M7145" i="2"/>
  <c r="M7119" i="5" s="1"/>
  <c r="P7119" i="5" s="1"/>
  <c r="J1882" i="2"/>
  <c r="J1856" i="5" s="1"/>
  <c r="K1882" i="2"/>
  <c r="K1856" i="5" s="1"/>
  <c r="L1882" i="2"/>
  <c r="L1856" i="5" s="1"/>
  <c r="M1882" i="2"/>
  <c r="M1856" i="5" s="1"/>
  <c r="P1856" i="5" s="1"/>
  <c r="I1882" i="2"/>
  <c r="I1856" i="5" s="1"/>
  <c r="I1459" i="2"/>
  <c r="I1433" i="5" s="1"/>
  <c r="J1459" i="2"/>
  <c r="J1433" i="5" s="1"/>
  <c r="N1433" i="5" s="1"/>
  <c r="I1103" i="2"/>
  <c r="I1077" i="5" s="1"/>
  <c r="M1103" i="2"/>
  <c r="M1077" i="5" s="1"/>
  <c r="P1077" i="5" s="1"/>
  <c r="L1103" i="2"/>
  <c r="L1077" i="5" s="1"/>
  <c r="M2571" i="2"/>
  <c r="M2545" i="5" s="1"/>
  <c r="P2545" i="5" s="1"/>
  <c r="K2571" i="2"/>
  <c r="K2545" i="5" s="1"/>
  <c r="J2571" i="2"/>
  <c r="J2545" i="5" s="1"/>
  <c r="N2545" i="5" s="1"/>
  <c r="L2571" i="2"/>
  <c r="L2545" i="5" s="1"/>
  <c r="I2571" i="2"/>
  <c r="I2545" i="5" s="1"/>
  <c r="J5779" i="2"/>
  <c r="J5753" i="5" s="1"/>
  <c r="N5753" i="5" s="1"/>
  <c r="K3128" i="2"/>
  <c r="K3102" i="5" s="1"/>
  <c r="I3128" i="2"/>
  <c r="I3102" i="5" s="1"/>
  <c r="L3128" i="2"/>
  <c r="L3102" i="5" s="1"/>
  <c r="K2648" i="2"/>
  <c r="K2622" i="5" s="1"/>
  <c r="J2648" i="2"/>
  <c r="J2622" i="5" s="1"/>
  <c r="N2622" i="5" s="1"/>
  <c r="M2648" i="2"/>
  <c r="M2622" i="5" s="1"/>
  <c r="P2622" i="5" s="1"/>
  <c r="I2648" i="2"/>
  <c r="I2622" i="5" s="1"/>
  <c r="L2648" i="2"/>
  <c r="L2622" i="5" s="1"/>
  <c r="L7137" i="2"/>
  <c r="L7111" i="5" s="1"/>
  <c r="J7137" i="2"/>
  <c r="J7111" i="5" s="1"/>
  <c r="N7111" i="5" s="1"/>
  <c r="M7137" i="2"/>
  <c r="M7111" i="5" s="1"/>
  <c r="P7111" i="5" s="1"/>
  <c r="I7137" i="2"/>
  <c r="I7111" i="5" s="1"/>
  <c r="L1246" i="2"/>
  <c r="L1220" i="5" s="1"/>
  <c r="J1246" i="2"/>
  <c r="J1220" i="5" s="1"/>
  <c r="N1220" i="5" s="1"/>
  <c r="M1246" i="2"/>
  <c r="M1220" i="5" s="1"/>
  <c r="P1220" i="5" s="1"/>
  <c r="L5773" i="2"/>
  <c r="L5747" i="5" s="1"/>
  <c r="I5773" i="2"/>
  <c r="I5747" i="5" s="1"/>
  <c r="K5773" i="2"/>
  <c r="K5747" i="5" s="1"/>
  <c r="J5773" i="2"/>
  <c r="J5747" i="5" s="1"/>
  <c r="N5747" i="5" s="1"/>
  <c r="I5125" i="2"/>
  <c r="I5099" i="5" s="1"/>
  <c r="J5125" i="2"/>
  <c r="J5099" i="5" s="1"/>
  <c r="N5099" i="5" s="1"/>
  <c r="L5125" i="2"/>
  <c r="L5099" i="5" s="1"/>
  <c r="K5125" i="2"/>
  <c r="K5099" i="5" s="1"/>
  <c r="M586" i="2"/>
  <c r="M560" i="5" s="1"/>
  <c r="P560" i="5" s="1"/>
  <c r="J586" i="2"/>
  <c r="J560" i="5" s="1"/>
  <c r="N560" i="5" s="1"/>
  <c r="K586" i="2"/>
  <c r="K560" i="5" s="1"/>
  <c r="L586" i="2"/>
  <c r="L560" i="5" s="1"/>
  <c r="I586" i="2"/>
  <c r="I560" i="5" s="1"/>
  <c r="M7175" i="2"/>
  <c r="M7149" i="5" s="1"/>
  <c r="P7149" i="5" s="1"/>
  <c r="M3672" i="2"/>
  <c r="M3646" i="5" s="1"/>
  <c r="P3646" i="5" s="1"/>
  <c r="I3672" i="2"/>
  <c r="I3646" i="5" s="1"/>
  <c r="K3672" i="2"/>
  <c r="K3646" i="5" s="1"/>
  <c r="O3646" i="5" s="1"/>
  <c r="D58" i="5"/>
  <c r="AR52" i="1"/>
  <c r="K4761" i="2"/>
  <c r="K4735" i="5" s="1"/>
  <c r="J4761" i="2"/>
  <c r="J4735" i="5" s="1"/>
  <c r="N4735" i="5" s="1"/>
  <c r="L4761" i="2"/>
  <c r="L4735" i="5" s="1"/>
  <c r="I4761" i="2"/>
  <c r="I4735" i="5" s="1"/>
  <c r="L7131" i="2"/>
  <c r="L7105" i="5" s="1"/>
  <c r="M7131" i="2"/>
  <c r="M7105" i="5" s="1"/>
  <c r="P7105" i="5" s="1"/>
  <c r="I7131" i="2"/>
  <c r="I7105" i="5" s="1"/>
  <c r="K7131" i="2"/>
  <c r="K7105" i="5" s="1"/>
  <c r="J7131" i="2"/>
  <c r="J7105" i="5" s="1"/>
  <c r="N7105" i="5" s="1"/>
  <c r="K893" i="2"/>
  <c r="K867" i="5" s="1"/>
  <c r="O867" i="5" s="1"/>
  <c r="M893" i="2"/>
  <c r="M867" i="5" s="1"/>
  <c r="P867" i="5" s="1"/>
  <c r="J893" i="2"/>
  <c r="J867" i="5" s="1"/>
  <c r="J4279" i="2"/>
  <c r="J4253" i="5" s="1"/>
  <c r="N4253" i="5" s="1"/>
  <c r="I4279" i="2"/>
  <c r="I4253" i="5" s="1"/>
  <c r="K4279" i="2"/>
  <c r="K4253" i="5" s="1"/>
  <c r="L4279" i="2"/>
  <c r="L4253" i="5" s="1"/>
  <c r="K439" i="2"/>
  <c r="K413" i="5" s="1"/>
  <c r="L6251" i="2"/>
  <c r="L6225" i="5" s="1"/>
  <c r="K6251" i="2"/>
  <c r="K6225" i="5" s="1"/>
  <c r="I6132" i="2"/>
  <c r="I6106" i="5" s="1"/>
  <c r="K6132" i="2"/>
  <c r="K6106" i="5" s="1"/>
  <c r="J2054" i="2"/>
  <c r="J2028" i="5" s="1"/>
  <c r="N2028" i="5" s="1"/>
  <c r="J5774" i="2"/>
  <c r="J5748" i="5" s="1"/>
  <c r="N5748" i="5" s="1"/>
  <c r="M5774" i="2"/>
  <c r="M5748" i="5" s="1"/>
  <c r="P5748" i="5" s="1"/>
  <c r="L5774" i="2"/>
  <c r="L5748" i="5" s="1"/>
  <c r="I5774" i="2"/>
  <c r="I5748" i="5" s="1"/>
  <c r="J6330" i="2"/>
  <c r="J6304" i="5" s="1"/>
  <c r="I6330" i="2"/>
  <c r="I6304" i="5" s="1"/>
  <c r="K6330" i="2"/>
  <c r="K6304" i="5" s="1"/>
  <c r="M6330" i="2"/>
  <c r="M6304" i="5" s="1"/>
  <c r="P6304" i="5" s="1"/>
  <c r="L6330" i="2"/>
  <c r="L6304" i="5" s="1"/>
  <c r="L2988" i="2"/>
  <c r="L2962" i="5" s="1"/>
  <c r="K2988" i="2"/>
  <c r="K2962" i="5" s="1"/>
  <c r="J2988" i="2"/>
  <c r="J2962" i="5" s="1"/>
  <c r="N2962" i="5" s="1"/>
  <c r="E218" i="5"/>
  <c r="AR212" i="1"/>
  <c r="I1421" i="2"/>
  <c r="I1395" i="5" s="1"/>
  <c r="I796" i="2"/>
  <c r="I770" i="5" s="1"/>
  <c r="M796" i="2"/>
  <c r="M770" i="5" s="1"/>
  <c r="P770" i="5" s="1"/>
  <c r="J796" i="2"/>
  <c r="J770" i="5" s="1"/>
  <c r="N770" i="5" s="1"/>
  <c r="L2630" i="2"/>
  <c r="L2604" i="5" s="1"/>
  <c r="K2630" i="2"/>
  <c r="K2604" i="5" s="1"/>
  <c r="J1245" i="2"/>
  <c r="J1219" i="5" s="1"/>
  <c r="N1219" i="5" s="1"/>
  <c r="L1245" i="2"/>
  <c r="L1219" i="5" s="1"/>
  <c r="L7956" i="2"/>
  <c r="L7930" i="5" s="1"/>
  <c r="I7956" i="2"/>
  <c r="I7930" i="5" s="1"/>
  <c r="K7956" i="2"/>
  <c r="K7930" i="5" s="1"/>
  <c r="I5126" i="2"/>
  <c r="I5100" i="5" s="1"/>
  <c r="J1967" i="2"/>
  <c r="J1941" i="5" s="1"/>
  <c r="N1941" i="5" s="1"/>
  <c r="M1967" i="2"/>
  <c r="M1941" i="5" s="1"/>
  <c r="P1941" i="5" s="1"/>
  <c r="I1967" i="2"/>
  <c r="I1941" i="5" s="1"/>
  <c r="K1967" i="2"/>
  <c r="K1941" i="5" s="1"/>
  <c r="J8152" i="2"/>
  <c r="J8126" i="5" s="1"/>
  <c r="N8126" i="5" s="1"/>
  <c r="M8152" i="2"/>
  <c r="M8126" i="5" s="1"/>
  <c r="P8126" i="5" s="1"/>
  <c r="L8152" i="2"/>
  <c r="L8126" i="5" s="1"/>
  <c r="J8281" i="2"/>
  <c r="J8255" i="5" s="1"/>
  <c r="N8255" i="5" s="1"/>
  <c r="K8281" i="2"/>
  <c r="K8255" i="5" s="1"/>
  <c r="L8281" i="2"/>
  <c r="L8255" i="5" s="1"/>
  <c r="K7126" i="2"/>
  <c r="K7100" i="5" s="1"/>
  <c r="M7126" i="2"/>
  <c r="M7100" i="5" s="1"/>
  <c r="P7100" i="5" s="1"/>
  <c r="I7126" i="2"/>
  <c r="I7100" i="5" s="1"/>
  <c r="L7126" i="2"/>
  <c r="L7100" i="5" s="1"/>
  <c r="J7126" i="2"/>
  <c r="J7100" i="5" s="1"/>
  <c r="N7100" i="5" s="1"/>
  <c r="M878" i="2"/>
  <c r="M852" i="5" s="1"/>
  <c r="P852" i="5" s="1"/>
  <c r="I878" i="2"/>
  <c r="I852" i="5" s="1"/>
  <c r="J878" i="2"/>
  <c r="J852" i="5" s="1"/>
  <c r="N852" i="5" s="1"/>
  <c r="K878" i="2"/>
  <c r="K852" i="5" s="1"/>
  <c r="O852" i="5" s="1"/>
  <c r="K6144" i="2"/>
  <c r="K6118" i="5" s="1"/>
  <c r="K3980" i="2"/>
  <c r="K3954" i="5" s="1"/>
  <c r="O3954" i="5" s="1"/>
  <c r="J3980" i="2"/>
  <c r="J3954" i="5" s="1"/>
  <c r="N3954" i="5" s="1"/>
  <c r="M3980" i="2"/>
  <c r="M3954" i="5" s="1"/>
  <c r="P3954" i="5" s="1"/>
  <c r="I3980" i="2"/>
  <c r="I3954" i="5" s="1"/>
  <c r="J2070" i="2"/>
  <c r="J2044" i="5" s="1"/>
  <c r="N2044" i="5" s="1"/>
  <c r="M2070" i="2"/>
  <c r="M2044" i="5" s="1"/>
  <c r="P2044" i="5" s="1"/>
  <c r="I2070" i="2"/>
  <c r="I2044" i="5" s="1"/>
  <c r="J5791" i="2"/>
  <c r="J5765" i="5" s="1"/>
  <c r="N5765" i="5" s="1"/>
  <c r="M5791" i="2"/>
  <c r="M5765" i="5" s="1"/>
  <c r="P5765" i="5" s="1"/>
  <c r="L5791" i="2"/>
  <c r="L5765" i="5" s="1"/>
  <c r="I4408" i="2"/>
  <c r="I4382" i="5" s="1"/>
  <c r="M6325" i="2"/>
  <c r="M6299" i="5" s="1"/>
  <c r="P6299" i="5" s="1"/>
  <c r="I6325" i="2"/>
  <c r="I6299" i="5" s="1"/>
  <c r="L6325" i="2"/>
  <c r="L6299" i="5" s="1"/>
  <c r="K6325" i="2"/>
  <c r="K6299" i="5" s="1"/>
  <c r="J6325" i="2"/>
  <c r="J6299" i="5" s="1"/>
  <c r="N6299" i="5" s="1"/>
  <c r="J3800" i="2"/>
  <c r="J3774" i="5" s="1"/>
  <c r="N3774" i="5" s="1"/>
  <c r="M3800" i="2"/>
  <c r="M3774" i="5" s="1"/>
  <c r="P3774" i="5" s="1"/>
  <c r="K7275" i="2"/>
  <c r="K7249" i="5" s="1"/>
  <c r="L7275" i="2"/>
  <c r="L7249" i="5" s="1"/>
  <c r="M7275" i="2"/>
  <c r="M7249" i="5" s="1"/>
  <c r="P7249" i="5" s="1"/>
  <c r="I7275" i="2"/>
  <c r="I7249" i="5" s="1"/>
  <c r="K3142" i="2"/>
  <c r="K3116" i="5" s="1"/>
  <c r="J3142" i="2"/>
  <c r="J3116" i="5" s="1"/>
  <c r="M3142" i="2"/>
  <c r="M3116" i="5" s="1"/>
  <c r="P3116" i="5" s="1"/>
  <c r="L3142" i="2"/>
  <c r="L3116" i="5" s="1"/>
  <c r="I3142" i="2"/>
  <c r="I3116" i="5" s="1"/>
  <c r="L5084" i="2"/>
  <c r="L5058" i="5" s="1"/>
  <c r="M5084" i="2"/>
  <c r="M5058" i="5" s="1"/>
  <c r="P5058" i="5" s="1"/>
  <c r="I5084" i="2"/>
  <c r="I5058" i="5" s="1"/>
  <c r="K5084" i="2"/>
  <c r="K5058" i="5" s="1"/>
  <c r="J5084" i="2"/>
  <c r="J5058" i="5" s="1"/>
  <c r="I104" i="2"/>
  <c r="I78" i="5" s="1"/>
  <c r="I3404" i="2"/>
  <c r="I3378" i="5" s="1"/>
  <c r="K6419" i="2"/>
  <c r="K6393" i="5" s="1"/>
  <c r="L5771" i="2"/>
  <c r="L5745" i="5" s="1"/>
  <c r="AR235" i="1"/>
  <c r="M5772" i="2"/>
  <c r="M5746" i="5" s="1"/>
  <c r="P5746" i="5" s="1"/>
  <c r="M4073" i="2"/>
  <c r="M4047" i="5" s="1"/>
  <c r="P4047" i="5" s="1"/>
  <c r="K434" i="2"/>
  <c r="K408" i="5" s="1"/>
  <c r="I8272" i="2"/>
  <c r="I8246" i="5" s="1"/>
  <c r="L5515" i="2"/>
  <c r="L5489" i="5" s="1"/>
  <c r="M2051" i="2"/>
  <c r="M2025" i="5" s="1"/>
  <c r="P2025" i="5" s="1"/>
  <c r="L419" i="2"/>
  <c r="L393" i="5" s="1"/>
  <c r="I6270" i="2"/>
  <c r="I6244" i="5" s="1"/>
  <c r="L8100" i="2"/>
  <c r="L8074" i="5" s="1"/>
  <c r="L2903" i="2"/>
  <c r="L2877" i="5" s="1"/>
  <c r="L5128" i="2"/>
  <c r="L5102" i="5" s="1"/>
  <c r="M2069" i="2"/>
  <c r="M2043" i="5" s="1"/>
  <c r="P2043" i="5" s="1"/>
  <c r="J4235" i="2"/>
  <c r="J4209" i="5" s="1"/>
  <c r="N4209" i="5" s="1"/>
  <c r="I2141" i="2"/>
  <c r="I2115" i="5" s="1"/>
  <c r="J601" i="2"/>
  <c r="J575" i="5" s="1"/>
  <c r="N575" i="5" s="1"/>
  <c r="L5772" i="2"/>
  <c r="L5746" i="5" s="1"/>
  <c r="J4073" i="2"/>
  <c r="J4047" i="5" s="1"/>
  <c r="N4047" i="5" s="1"/>
  <c r="M8272" i="2"/>
  <c r="M8246" i="5" s="1"/>
  <c r="P8246" i="5" s="1"/>
  <c r="I419" i="2"/>
  <c r="I393" i="5" s="1"/>
  <c r="M3125" i="2"/>
  <c r="M3099" i="5" s="1"/>
  <c r="P3099" i="5" s="1"/>
  <c r="L1219" i="2"/>
  <c r="L1193" i="5" s="1"/>
  <c r="J3128" i="2"/>
  <c r="J3102" i="5" s="1"/>
  <c r="M6265" i="2"/>
  <c r="M6239" i="5" s="1"/>
  <c r="P6239" i="5" s="1"/>
  <c r="J5771" i="2"/>
  <c r="J5745" i="5" s="1"/>
  <c r="N5745" i="5" s="1"/>
  <c r="L8272" i="2"/>
  <c r="L8246" i="5" s="1"/>
  <c r="K1593" i="2"/>
  <c r="K1567" i="5" s="1"/>
  <c r="M3118" i="2"/>
  <c r="M3092" i="5" s="1"/>
  <c r="P3092" i="5" s="1"/>
  <c r="L1421" i="2"/>
  <c r="L1395" i="5" s="1"/>
  <c r="M8159" i="2"/>
  <c r="M8133" i="5" s="1"/>
  <c r="P8133" i="5" s="1"/>
  <c r="L6770" i="2"/>
  <c r="L6744" i="5" s="1"/>
  <c r="M419" i="2"/>
  <c r="M393" i="5" s="1"/>
  <c r="P393" i="5" s="1"/>
  <c r="AR278" i="1"/>
  <c r="L3125" i="2"/>
  <c r="L3099" i="5" s="1"/>
  <c r="M1219" i="2"/>
  <c r="M1193" i="5" s="1"/>
  <c r="P1193" i="5" s="1"/>
  <c r="J7178" i="2"/>
  <c r="J7152" i="5" s="1"/>
  <c r="N7152" i="5" s="1"/>
  <c r="M912" i="2"/>
  <c r="M886" i="5" s="1"/>
  <c r="P886" i="5" s="1"/>
  <c r="J4936" i="2"/>
  <c r="J4910" i="5" s="1"/>
  <c r="N4910" i="5" s="1"/>
  <c r="I2630" i="2"/>
  <c r="I2604" i="5" s="1"/>
  <c r="K883" i="2"/>
  <c r="K857" i="5" s="1"/>
  <c r="I891" i="2"/>
  <c r="I865" i="5" s="1"/>
  <c r="I1593" i="2"/>
  <c r="I1567" i="5" s="1"/>
  <c r="K1421" i="2"/>
  <c r="K1395" i="5" s="1"/>
  <c r="L8159" i="2"/>
  <c r="L8133" i="5" s="1"/>
  <c r="J6770" i="2"/>
  <c r="J6744" i="5" s="1"/>
  <c r="K2932" i="2"/>
  <c r="K2906" i="5" s="1"/>
  <c r="I3125" i="2"/>
  <c r="I3099" i="5" s="1"/>
  <c r="J1219" i="2"/>
  <c r="J1193" i="5" s="1"/>
  <c r="I7178" i="2"/>
  <c r="I7152" i="5" s="1"/>
  <c r="I912" i="2"/>
  <c r="I886" i="5" s="1"/>
  <c r="I5639" i="2"/>
  <c r="I5613" i="5" s="1"/>
  <c r="J1421" i="2"/>
  <c r="J1395" i="5" s="1"/>
  <c r="N1395" i="5" s="1"/>
  <c r="I6770" i="2"/>
  <c r="I6744" i="5" s="1"/>
  <c r="I2932" i="2"/>
  <c r="I2906" i="5" s="1"/>
  <c r="M1396" i="2"/>
  <c r="M1370" i="5" s="1"/>
  <c r="P1370" i="5" s="1"/>
  <c r="L7178" i="2"/>
  <c r="L7152" i="5" s="1"/>
  <c r="I317" i="2"/>
  <c r="I291" i="5" s="1"/>
  <c r="M5639" i="2"/>
  <c r="M5613" i="5" s="1"/>
  <c r="P5613" i="5" s="1"/>
  <c r="I4630" i="2"/>
  <c r="I4604" i="5" s="1"/>
  <c r="J5430" i="2"/>
  <c r="J5404" i="5" s="1"/>
  <c r="N5404" i="5" s="1"/>
  <c r="K5301" i="2"/>
  <c r="K5275" i="5" s="1"/>
  <c r="M5301" i="2"/>
  <c r="M5275" i="5" s="1"/>
  <c r="P5275" i="5" s="1"/>
  <c r="L5301" i="2"/>
  <c r="L5275" i="5" s="1"/>
  <c r="J5301" i="2"/>
  <c r="J5275" i="5" s="1"/>
  <c r="K45" i="2"/>
  <c r="K19" i="5" s="1"/>
  <c r="K5441" i="2"/>
  <c r="K5415" i="5" s="1"/>
  <c r="K6934" i="2"/>
  <c r="K6908" i="5" s="1"/>
  <c r="M8016" i="2"/>
  <c r="M7990" i="5" s="1"/>
  <c r="P7990" i="5" s="1"/>
  <c r="J4628" i="2"/>
  <c r="J4602" i="5" s="1"/>
  <c r="N4602" i="5" s="1"/>
  <c r="M4628" i="2"/>
  <c r="M4602" i="5" s="1"/>
  <c r="P4602" i="5" s="1"/>
  <c r="K5802" i="2"/>
  <c r="K5776" i="5" s="1"/>
  <c r="L5802" i="2"/>
  <c r="L5776" i="5" s="1"/>
  <c r="I5802" i="2"/>
  <c r="I5776" i="5" s="1"/>
  <c r="I2897" i="2"/>
  <c r="I2871" i="5" s="1"/>
  <c r="J2897" i="2"/>
  <c r="J2871" i="5" s="1"/>
  <c r="L4994" i="2"/>
  <c r="L4968" i="5" s="1"/>
  <c r="M4994" i="2"/>
  <c r="M4968" i="5" s="1"/>
  <c r="P4968" i="5" s="1"/>
  <c r="I936" i="2"/>
  <c r="I910" i="5" s="1"/>
  <c r="K936" i="2"/>
  <c r="K910" i="5" s="1"/>
  <c r="M4965" i="2"/>
  <c r="M4939" i="5" s="1"/>
  <c r="P4939" i="5" s="1"/>
  <c r="I1655" i="2"/>
  <c r="I1629" i="5" s="1"/>
  <c r="L1655" i="2"/>
  <c r="L1629" i="5" s="1"/>
  <c r="I1899" i="2"/>
  <c r="I1873" i="5" s="1"/>
  <c r="M1899" i="2"/>
  <c r="M1873" i="5" s="1"/>
  <c r="P1873" i="5" s="1"/>
  <c r="K1899" i="2"/>
  <c r="K1873" i="5" s="1"/>
  <c r="J1899" i="2"/>
  <c r="J1873" i="5" s="1"/>
  <c r="N1873" i="5" s="1"/>
  <c r="L1899" i="2"/>
  <c r="L1873" i="5" s="1"/>
  <c r="J8699" i="2"/>
  <c r="J8673" i="5" s="1"/>
  <c r="M8699" i="2"/>
  <c r="M8673" i="5" s="1"/>
  <c r="P8673" i="5" s="1"/>
  <c r="L8699" i="2"/>
  <c r="L8673" i="5" s="1"/>
  <c r="K8699" i="2"/>
  <c r="K8673" i="5" s="1"/>
  <c r="I8699" i="2"/>
  <c r="I8673" i="5" s="1"/>
  <c r="I876" i="2"/>
  <c r="I850" i="5" s="1"/>
  <c r="J876" i="2"/>
  <c r="J850" i="5" s="1"/>
  <c r="N850" i="5" s="1"/>
  <c r="L876" i="2"/>
  <c r="L850" i="5" s="1"/>
  <c r="K876" i="2"/>
  <c r="K850" i="5" s="1"/>
  <c r="I5611" i="2"/>
  <c r="I5585" i="5" s="1"/>
  <c r="J5611" i="2"/>
  <c r="J5585" i="5" s="1"/>
  <c r="N5585" i="5" s="1"/>
  <c r="M5611" i="2"/>
  <c r="M5585" i="5" s="1"/>
  <c r="P5585" i="5" s="1"/>
  <c r="J3607" i="2"/>
  <c r="J3581" i="5" s="1"/>
  <c r="N3581" i="5" s="1"/>
  <c r="M3607" i="2"/>
  <c r="M3581" i="5" s="1"/>
  <c r="P3581" i="5" s="1"/>
  <c r="M1745" i="2"/>
  <c r="M1719" i="5" s="1"/>
  <c r="P1719" i="5" s="1"/>
  <c r="L1745" i="2"/>
  <c r="L1719" i="5" s="1"/>
  <c r="L1071" i="2"/>
  <c r="L1045" i="5" s="1"/>
  <c r="M1071" i="2"/>
  <c r="M1045" i="5" s="1"/>
  <c r="P1045" i="5" s="1"/>
  <c r="I1071" i="2"/>
  <c r="I1045" i="5" s="1"/>
  <c r="K1071" i="2"/>
  <c r="K1045" i="5" s="1"/>
  <c r="J1071" i="2"/>
  <c r="J1045" i="5" s="1"/>
  <c r="N1045" i="5" s="1"/>
  <c r="J8270" i="2"/>
  <c r="J8244" i="5" s="1"/>
  <c r="M8270" i="2"/>
  <c r="M8244" i="5" s="1"/>
  <c r="P8244" i="5" s="1"/>
  <c r="L8270" i="2"/>
  <c r="L8244" i="5" s="1"/>
  <c r="I8270" i="2"/>
  <c r="I8244" i="5" s="1"/>
  <c r="M6679" i="2"/>
  <c r="M6653" i="5" s="1"/>
  <c r="P6653" i="5" s="1"/>
  <c r="J741" i="2"/>
  <c r="J715" i="5" s="1"/>
  <c r="N715" i="5" s="1"/>
  <c r="M7655" i="2"/>
  <c r="M7629" i="5" s="1"/>
  <c r="P7629" i="5" s="1"/>
  <c r="J7655" i="2"/>
  <c r="J7629" i="5" s="1"/>
  <c r="N7629" i="5" s="1"/>
  <c r="L4488" i="2"/>
  <c r="L4462" i="5" s="1"/>
  <c r="I4488" i="2"/>
  <c r="I4462" i="5" s="1"/>
  <c r="K4488" i="2"/>
  <c r="K4462" i="5" s="1"/>
  <c r="J4488" i="2"/>
  <c r="J4462" i="5" s="1"/>
  <c r="N4462" i="5" s="1"/>
  <c r="M4488" i="2"/>
  <c r="M4462" i="5" s="1"/>
  <c r="P4462" i="5" s="1"/>
  <c r="L5858" i="2"/>
  <c r="L5832" i="5" s="1"/>
  <c r="J5858" i="2"/>
  <c r="J5832" i="5" s="1"/>
  <c r="I5858" i="2"/>
  <c r="I5832" i="5" s="1"/>
  <c r="K5858" i="2"/>
  <c r="K5832" i="5" s="1"/>
  <c r="L291" i="2"/>
  <c r="L265" i="5" s="1"/>
  <c r="M291" i="2"/>
  <c r="M265" i="5" s="1"/>
  <c r="P265" i="5" s="1"/>
  <c r="K291" i="2"/>
  <c r="K265" i="5" s="1"/>
  <c r="M4477" i="2"/>
  <c r="M4451" i="5" s="1"/>
  <c r="P4451" i="5" s="1"/>
  <c r="I4477" i="2"/>
  <c r="I4451" i="5" s="1"/>
  <c r="J5750" i="2"/>
  <c r="J5724" i="5" s="1"/>
  <c r="N5724" i="5" s="1"/>
  <c r="L5750" i="2"/>
  <c r="L5724" i="5" s="1"/>
  <c r="J4236" i="2"/>
  <c r="J4210" i="5" s="1"/>
  <c r="N4210" i="5" s="1"/>
  <c r="M4236" i="2"/>
  <c r="M4210" i="5" s="1"/>
  <c r="P4210" i="5" s="1"/>
  <c r="L4236" i="2"/>
  <c r="L4210" i="5" s="1"/>
  <c r="K4236" i="2"/>
  <c r="K4210" i="5" s="1"/>
  <c r="J1788" i="2"/>
  <c r="J1762" i="5" s="1"/>
  <c r="N1762" i="5" s="1"/>
  <c r="L1788" i="2"/>
  <c r="L1762" i="5" s="1"/>
  <c r="K2620" i="2"/>
  <c r="K2594" i="5" s="1"/>
  <c r="M2766" i="2"/>
  <c r="M2740" i="5" s="1"/>
  <c r="P2740" i="5" s="1"/>
  <c r="I2766" i="2"/>
  <c r="I2740" i="5" s="1"/>
  <c r="K2766" i="2"/>
  <c r="K2740" i="5" s="1"/>
  <c r="M8206" i="2"/>
  <c r="M8180" i="5" s="1"/>
  <c r="P8180" i="5" s="1"/>
  <c r="M763" i="2"/>
  <c r="M737" i="5" s="1"/>
  <c r="P737" i="5" s="1"/>
  <c r="J651" i="2"/>
  <c r="J625" i="5" s="1"/>
  <c r="N625" i="5" s="1"/>
  <c r="L651" i="2"/>
  <c r="L625" i="5" s="1"/>
  <c r="I651" i="2"/>
  <c r="I625" i="5" s="1"/>
  <c r="I6458" i="2"/>
  <c r="I6432" i="5" s="1"/>
  <c r="I6662" i="2"/>
  <c r="I6636" i="5" s="1"/>
  <c r="K114" i="2"/>
  <c r="K88" i="5" s="1"/>
  <c r="O88" i="5" s="1"/>
  <c r="M1655" i="2"/>
  <c r="M1629" i="5" s="1"/>
  <c r="P1629" i="5" s="1"/>
  <c r="M6304" i="2"/>
  <c r="M6278" i="5" s="1"/>
  <c r="P6278" i="5" s="1"/>
  <c r="M4944" i="2"/>
  <c r="M4918" i="5" s="1"/>
  <c r="P4918" i="5" s="1"/>
  <c r="J4944" i="2"/>
  <c r="J4918" i="5" s="1"/>
  <c r="N4918" i="5" s="1"/>
  <c r="I4944" i="2"/>
  <c r="I4918" i="5" s="1"/>
  <c r="K4944" i="2"/>
  <c r="K4918" i="5" s="1"/>
  <c r="O4918" i="5" s="1"/>
  <c r="L4952" i="2"/>
  <c r="L4926" i="5" s="1"/>
  <c r="J4952" i="2"/>
  <c r="J4926" i="5" s="1"/>
  <c r="N4926" i="5" s="1"/>
  <c r="I6196" i="2"/>
  <c r="I6170" i="5" s="1"/>
  <c r="M6196" i="2"/>
  <c r="M6170" i="5" s="1"/>
  <c r="P6170" i="5" s="1"/>
  <c r="J3079" i="2"/>
  <c r="J3053" i="5" s="1"/>
  <c r="N3053" i="5" s="1"/>
  <c r="L3079" i="2"/>
  <c r="L3053" i="5" s="1"/>
  <c r="K2247" i="2"/>
  <c r="K2221" i="5" s="1"/>
  <c r="J2247" i="2"/>
  <c r="J2221" i="5" s="1"/>
  <c r="N2221" i="5" s="1"/>
  <c r="J7156" i="2"/>
  <c r="J7130" i="5" s="1"/>
  <c r="N7130" i="5" s="1"/>
  <c r="L7156" i="2"/>
  <c r="L7130" i="5" s="1"/>
  <c r="K7679" i="2"/>
  <c r="K7653" i="5" s="1"/>
  <c r="O7653" i="5" s="1"/>
  <c r="L1426" i="2"/>
  <c r="L1400" i="5" s="1"/>
  <c r="K1426" i="2"/>
  <c r="K1400" i="5" s="1"/>
  <c r="J1426" i="2"/>
  <c r="J1400" i="5" s="1"/>
  <c r="N1400" i="5" s="1"/>
  <c r="I3653" i="2"/>
  <c r="I3627" i="5" s="1"/>
  <c r="J3158" i="2"/>
  <c r="J3132" i="5" s="1"/>
  <c r="N3132" i="5" s="1"/>
  <c r="M3158" i="2"/>
  <c r="M3132" i="5" s="1"/>
  <c r="P3132" i="5" s="1"/>
  <c r="I3158" i="2"/>
  <c r="I3132" i="5" s="1"/>
  <c r="L4130" i="2"/>
  <c r="L4104" i="5" s="1"/>
  <c r="K4130" i="2"/>
  <c r="K4104" i="5" s="1"/>
  <c r="M6495" i="2"/>
  <c r="M6469" i="5" s="1"/>
  <c r="P6469" i="5" s="1"/>
  <c r="K6495" i="2"/>
  <c r="K6469" i="5" s="1"/>
  <c r="K1658" i="2"/>
  <c r="K1632" i="5" s="1"/>
  <c r="L1658" i="2"/>
  <c r="L1632" i="5" s="1"/>
  <c r="M2156" i="2"/>
  <c r="M2130" i="5" s="1"/>
  <c r="P2130" i="5" s="1"/>
  <c r="I2156" i="2"/>
  <c r="I2130" i="5" s="1"/>
  <c r="M3757" i="2"/>
  <c r="M3731" i="5" s="1"/>
  <c r="P3731" i="5" s="1"/>
  <c r="I3755" i="2"/>
  <c r="I3729" i="5" s="1"/>
  <c r="L3755" i="2"/>
  <c r="L3729" i="5" s="1"/>
  <c r="M3755" i="2"/>
  <c r="M3729" i="5" s="1"/>
  <c r="P3729" i="5" s="1"/>
  <c r="K3755" i="2"/>
  <c r="K3729" i="5" s="1"/>
  <c r="M251" i="2"/>
  <c r="M225" i="5" s="1"/>
  <c r="P225" i="5" s="1"/>
  <c r="L251" i="2"/>
  <c r="L225" i="5" s="1"/>
  <c r="I986" i="2"/>
  <c r="I960" i="5" s="1"/>
  <c r="K986" i="2"/>
  <c r="K960" i="5" s="1"/>
  <c r="J986" i="2"/>
  <c r="J960" i="5" s="1"/>
  <c r="N960" i="5" s="1"/>
  <c r="M2841" i="2"/>
  <c r="M2815" i="5" s="1"/>
  <c r="P2815" i="5" s="1"/>
  <c r="L3601" i="2"/>
  <c r="L3575" i="5" s="1"/>
  <c r="I3601" i="2"/>
  <c r="I3575" i="5" s="1"/>
  <c r="M3601" i="2"/>
  <c r="M3575" i="5" s="1"/>
  <c r="P3575" i="5" s="1"/>
  <c r="K3601" i="2"/>
  <c r="K3575" i="5" s="1"/>
  <c r="I4612" i="2"/>
  <c r="I4586" i="5" s="1"/>
  <c r="K4612" i="2"/>
  <c r="K4586" i="5" s="1"/>
  <c r="J4612" i="2"/>
  <c r="J4586" i="5" s="1"/>
  <c r="N4586" i="5" s="1"/>
  <c r="L4612" i="2"/>
  <c r="L4586" i="5" s="1"/>
  <c r="K6824" i="2"/>
  <c r="K6798" i="5" s="1"/>
  <c r="O6798" i="5" s="1"/>
  <c r="J6824" i="2"/>
  <c r="J6798" i="5" s="1"/>
  <c r="M6177" i="2"/>
  <c r="M6151" i="5" s="1"/>
  <c r="P6151" i="5" s="1"/>
  <c r="I6177" i="2"/>
  <c r="I6151" i="5" s="1"/>
  <c r="K6177" i="2"/>
  <c r="K6151" i="5" s="1"/>
  <c r="O6151" i="5" s="1"/>
  <c r="J3658" i="2"/>
  <c r="J3632" i="5" s="1"/>
  <c r="M3658" i="2"/>
  <c r="M3632" i="5" s="1"/>
  <c r="P3632" i="5" s="1"/>
  <c r="K3658" i="2"/>
  <c r="K3632" i="5" s="1"/>
  <c r="K7130" i="2"/>
  <c r="K7104" i="5" s="1"/>
  <c r="L7130" i="2"/>
  <c r="L7104" i="5" s="1"/>
  <c r="I7130" i="2"/>
  <c r="I7104" i="5" s="1"/>
  <c r="J6328" i="2"/>
  <c r="J6302" i="5" s="1"/>
  <c r="N6302" i="5" s="1"/>
  <c r="I6328" i="2"/>
  <c r="I6302" i="5" s="1"/>
  <c r="L2918" i="2"/>
  <c r="L2892" i="5" s="1"/>
  <c r="K2918" i="2"/>
  <c r="K2892" i="5" s="1"/>
  <c r="I2918" i="2"/>
  <c r="I2892" i="5" s="1"/>
  <c r="M7193" i="2"/>
  <c r="M7167" i="5" s="1"/>
  <c r="P7167" i="5" s="1"/>
  <c r="L7193" i="2"/>
  <c r="L7167" i="5" s="1"/>
  <c r="J7193" i="2"/>
  <c r="J7167" i="5" s="1"/>
  <c r="N7167" i="5" s="1"/>
  <c r="I7193" i="2"/>
  <c r="I7167" i="5" s="1"/>
  <c r="K7193" i="2"/>
  <c r="K7167" i="5" s="1"/>
  <c r="J1953" i="2"/>
  <c r="J1927" i="5" s="1"/>
  <c r="N1927" i="5" s="1"/>
  <c r="L1953" i="2"/>
  <c r="L1927" i="5" s="1"/>
  <c r="M897" i="2"/>
  <c r="M871" i="5" s="1"/>
  <c r="P871" i="5" s="1"/>
  <c r="I897" i="2"/>
  <c r="I871" i="5" s="1"/>
  <c r="J897" i="2"/>
  <c r="J871" i="5" s="1"/>
  <c r="N871" i="5" s="1"/>
  <c r="K897" i="2"/>
  <c r="K871" i="5" s="1"/>
  <c r="O871" i="5" s="1"/>
  <c r="K4472" i="2"/>
  <c r="K4446" i="5" s="1"/>
  <c r="J4472" i="2"/>
  <c r="J4446" i="5" s="1"/>
  <c r="N4446" i="5" s="1"/>
  <c r="J8721" i="2"/>
  <c r="J8695" i="5" s="1"/>
  <c r="N8695" i="5" s="1"/>
  <c r="K8721" i="2"/>
  <c r="K8695" i="5" s="1"/>
  <c r="J5421" i="2"/>
  <c r="J5395" i="5" s="1"/>
  <c r="N5395" i="5" s="1"/>
  <c r="K5421" i="2"/>
  <c r="K5395" i="5" s="1"/>
  <c r="J4460" i="2"/>
  <c r="J4434" i="5" s="1"/>
  <c r="N4434" i="5" s="1"/>
  <c r="K4460" i="2"/>
  <c r="K4434" i="5" s="1"/>
  <c r="L4818" i="2"/>
  <c r="L4792" i="5" s="1"/>
  <c r="M4818" i="2"/>
  <c r="M4792" i="5" s="1"/>
  <c r="P4792" i="5" s="1"/>
  <c r="M6167" i="2"/>
  <c r="M6141" i="5" s="1"/>
  <c r="P6141" i="5" s="1"/>
  <c r="K6167" i="2"/>
  <c r="K6141" i="5" s="1"/>
  <c r="L6167" i="2"/>
  <c r="L6141" i="5" s="1"/>
  <c r="L4751" i="2"/>
  <c r="L4725" i="5" s="1"/>
  <c r="J4751" i="2"/>
  <c r="J4725" i="5" s="1"/>
  <c r="I4751" i="2"/>
  <c r="I4725" i="5" s="1"/>
  <c r="K4751" i="2"/>
  <c r="K4725" i="5" s="1"/>
  <c r="M4751" i="2"/>
  <c r="M4725" i="5" s="1"/>
  <c r="P4725" i="5" s="1"/>
  <c r="I4592" i="2"/>
  <c r="I4566" i="5" s="1"/>
  <c r="J4592" i="2"/>
  <c r="J4566" i="5" s="1"/>
  <c r="N4566" i="5" s="1"/>
  <c r="M117" i="2"/>
  <c r="M91" i="5" s="1"/>
  <c r="P91" i="5" s="1"/>
  <c r="K117" i="2"/>
  <c r="K91" i="5" s="1"/>
  <c r="J117" i="2"/>
  <c r="J91" i="5" s="1"/>
  <c r="N91" i="5" s="1"/>
  <c r="K4285" i="2"/>
  <c r="K4259" i="5" s="1"/>
  <c r="L4285" i="2"/>
  <c r="L4259" i="5" s="1"/>
  <c r="I4285" i="2"/>
  <c r="I4259" i="5" s="1"/>
  <c r="J4285" i="2"/>
  <c r="J4259" i="5" s="1"/>
  <c r="N4259" i="5" s="1"/>
  <c r="M4998" i="2"/>
  <c r="M4972" i="5" s="1"/>
  <c r="P4972" i="5" s="1"/>
  <c r="J4998" i="2"/>
  <c r="J4972" i="5" s="1"/>
  <c r="N4972" i="5" s="1"/>
  <c r="L4998" i="2"/>
  <c r="L4972" i="5" s="1"/>
  <c r="K5252" i="2"/>
  <c r="K5226" i="5" s="1"/>
  <c r="O5226" i="5" s="1"/>
  <c r="J5252" i="2"/>
  <c r="J5226" i="5" s="1"/>
  <c r="N5226" i="5" s="1"/>
  <c r="K4468" i="2"/>
  <c r="K4442" i="5" s="1"/>
  <c r="L4468" i="2"/>
  <c r="L4442" i="5" s="1"/>
  <c r="I4468" i="2"/>
  <c r="I4442" i="5" s="1"/>
  <c r="J4468" i="2"/>
  <c r="J4442" i="5" s="1"/>
  <c r="N4442" i="5" s="1"/>
  <c r="J1905" i="2"/>
  <c r="J1879" i="5" s="1"/>
  <c r="L1905" i="2"/>
  <c r="L1879" i="5" s="1"/>
  <c r="M1905" i="2"/>
  <c r="M1879" i="5" s="1"/>
  <c r="P1879" i="5" s="1"/>
  <c r="M128" i="2"/>
  <c r="M102" i="5" s="1"/>
  <c r="P102" i="5" s="1"/>
  <c r="I128" i="2"/>
  <c r="I102" i="5" s="1"/>
  <c r="L128" i="2"/>
  <c r="L102" i="5" s="1"/>
  <c r="K8443" i="2"/>
  <c r="K8417" i="5" s="1"/>
  <c r="I4755" i="2"/>
  <c r="I4729" i="5" s="1"/>
  <c r="J5853" i="2"/>
  <c r="J5827" i="5" s="1"/>
  <c r="N5827" i="5" s="1"/>
  <c r="M7201" i="2"/>
  <c r="M7175" i="5" s="1"/>
  <c r="P7175" i="5" s="1"/>
  <c r="J7684" i="2"/>
  <c r="J7658" i="5" s="1"/>
  <c r="N7658" i="5" s="1"/>
  <c r="J4130" i="2"/>
  <c r="J4104" i="5" s="1"/>
  <c r="N4104" i="5" s="1"/>
  <c r="I291" i="2"/>
  <c r="I265" i="5" s="1"/>
  <c r="M8701" i="2"/>
  <c r="M8675" i="5" s="1"/>
  <c r="P8675" i="5" s="1"/>
  <c r="I7684" i="2"/>
  <c r="I7658" i="5" s="1"/>
  <c r="I4130" i="2"/>
  <c r="I4104" i="5" s="1"/>
  <c r="J936" i="2"/>
  <c r="J910" i="5" s="1"/>
  <c r="N910" i="5" s="1"/>
  <c r="L8701" i="2"/>
  <c r="L8675" i="5" s="1"/>
  <c r="M4460" i="2"/>
  <c r="M4434" i="5" s="1"/>
  <c r="P4434" i="5" s="1"/>
  <c r="M7684" i="2"/>
  <c r="M7658" i="5" s="1"/>
  <c r="P7658" i="5" s="1"/>
  <c r="L936" i="2"/>
  <c r="L910" i="5" s="1"/>
  <c r="I4460" i="2"/>
  <c r="I4434" i="5" s="1"/>
  <c r="I4595" i="2"/>
  <c r="I4569" i="5" s="1"/>
  <c r="L4460" i="2"/>
  <c r="L4434" i="5" s="1"/>
  <c r="M4612" i="2"/>
  <c r="M4586" i="5" s="1"/>
  <c r="P4586" i="5" s="1"/>
  <c r="I6167" i="2"/>
  <c r="I6141" i="5" s="1"/>
  <c r="J7676" i="2"/>
  <c r="J7650" i="5" s="1"/>
  <c r="N7650" i="5" s="1"/>
  <c r="J2150" i="2"/>
  <c r="J2124" i="5" s="1"/>
  <c r="N2124" i="5" s="1"/>
  <c r="J4620" i="2"/>
  <c r="J4594" i="5" s="1"/>
  <c r="N4594" i="5" s="1"/>
  <c r="I3240" i="2"/>
  <c r="I3214" i="5" s="1"/>
  <c r="M3240" i="2"/>
  <c r="M3214" i="5" s="1"/>
  <c r="P3214" i="5" s="1"/>
  <c r="J1328" i="2"/>
  <c r="J1302" i="5" s="1"/>
  <c r="M1328" i="2"/>
  <c r="M1302" i="5" s="1"/>
  <c r="P1302" i="5" s="1"/>
  <c r="L1328" i="2"/>
  <c r="L1302" i="5" s="1"/>
  <c r="I3423" i="2"/>
  <c r="I3397" i="5" s="1"/>
  <c r="J3423" i="2"/>
  <c r="J3397" i="5" s="1"/>
  <c r="N3397" i="5" s="1"/>
  <c r="M3423" i="2"/>
  <c r="M3397" i="5" s="1"/>
  <c r="P3397" i="5" s="1"/>
  <c r="L3423" i="2"/>
  <c r="L3397" i="5" s="1"/>
  <c r="K3423" i="2"/>
  <c r="K3397" i="5" s="1"/>
  <c r="K1901" i="2"/>
  <c r="K1875" i="5" s="1"/>
  <c r="O1875" i="5" s="1"/>
  <c r="M1901" i="2"/>
  <c r="M1875" i="5" s="1"/>
  <c r="P1875" i="5" s="1"/>
  <c r="I1627" i="2"/>
  <c r="I1601" i="5" s="1"/>
  <c r="K1627" i="2"/>
  <c r="K1601" i="5" s="1"/>
  <c r="M1058" i="2"/>
  <c r="M1032" i="5" s="1"/>
  <c r="P1032" i="5" s="1"/>
  <c r="L2459" i="2"/>
  <c r="L2433" i="5" s="1"/>
  <c r="M2459" i="2"/>
  <c r="M2433" i="5" s="1"/>
  <c r="P2433" i="5" s="1"/>
  <c r="I2459" i="2"/>
  <c r="I2433" i="5" s="1"/>
  <c r="K2459" i="2"/>
  <c r="K2433" i="5" s="1"/>
  <c r="J2459" i="2"/>
  <c r="J2433" i="5" s="1"/>
  <c r="N2433" i="5" s="1"/>
  <c r="I1496" i="2"/>
  <c r="I1470" i="5" s="1"/>
  <c r="J1496" i="2"/>
  <c r="J1470" i="5" s="1"/>
  <c r="L3597" i="2"/>
  <c r="L3571" i="5" s="1"/>
  <c r="I3597" i="2"/>
  <c r="I3571" i="5" s="1"/>
  <c r="M3597" i="2"/>
  <c r="M3571" i="5" s="1"/>
  <c r="P3571" i="5" s="1"/>
  <c r="J3597" i="2"/>
  <c r="J3571" i="5" s="1"/>
  <c r="N3571" i="5" s="1"/>
  <c r="K3597" i="2"/>
  <c r="K3571" i="5" s="1"/>
  <c r="I8612" i="2"/>
  <c r="I8586" i="5" s="1"/>
  <c r="J8612" i="2"/>
  <c r="J8586" i="5" s="1"/>
  <c r="N8586" i="5" s="1"/>
  <c r="M8612" i="2"/>
  <c r="M8586" i="5" s="1"/>
  <c r="P8586" i="5" s="1"/>
  <c r="M8711" i="2"/>
  <c r="M8685" i="5" s="1"/>
  <c r="P8685" i="5" s="1"/>
  <c r="I8711" i="2"/>
  <c r="I8685" i="5" s="1"/>
  <c r="I6522" i="2"/>
  <c r="I6496" i="5" s="1"/>
  <c r="I3074" i="2"/>
  <c r="I3048" i="5" s="1"/>
  <c r="K3074" i="2"/>
  <c r="K3048" i="5" s="1"/>
  <c r="J3074" i="2"/>
  <c r="J3048" i="5" s="1"/>
  <c r="N3048" i="5" s="1"/>
  <c r="M2829" i="2"/>
  <c r="M2803" i="5" s="1"/>
  <c r="P2803" i="5" s="1"/>
  <c r="J5101" i="2"/>
  <c r="J5075" i="5" s="1"/>
  <c r="N5075" i="5" s="1"/>
  <c r="K5101" i="2"/>
  <c r="K5075" i="5" s="1"/>
  <c r="L5101" i="2"/>
  <c r="L5075" i="5" s="1"/>
  <c r="L3977" i="2"/>
  <c r="L3951" i="5" s="1"/>
  <c r="J7339" i="2"/>
  <c r="J7313" i="5" s="1"/>
  <c r="N7313" i="5" s="1"/>
  <c r="M7339" i="2"/>
  <c r="M7313" i="5" s="1"/>
  <c r="P7313" i="5" s="1"/>
  <c r="I7339" i="2"/>
  <c r="I7313" i="5" s="1"/>
  <c r="K7339" i="2"/>
  <c r="K7313" i="5" s="1"/>
  <c r="O7313" i="5" s="1"/>
  <c r="J1616" i="2"/>
  <c r="J1590" i="5" s="1"/>
  <c r="N1590" i="5" s="1"/>
  <c r="K1616" i="2"/>
  <c r="K1590" i="5" s="1"/>
  <c r="O1590" i="5" s="1"/>
  <c r="L5603" i="2"/>
  <c r="L5577" i="5" s="1"/>
  <c r="L2098" i="2"/>
  <c r="L2072" i="5" s="1"/>
  <c r="I2098" i="2"/>
  <c r="I2072" i="5" s="1"/>
  <c r="J2098" i="2"/>
  <c r="J2072" i="5" s="1"/>
  <c r="N2072" i="5" s="1"/>
  <c r="J2809" i="2"/>
  <c r="J2783" i="5" s="1"/>
  <c r="AR177" i="1"/>
  <c r="L4131" i="2"/>
  <c r="L4105" i="5" s="1"/>
  <c r="I4131" i="2"/>
  <c r="I4105" i="5" s="1"/>
  <c r="K4131" i="2"/>
  <c r="K4105" i="5" s="1"/>
  <c r="L2332" i="2"/>
  <c r="L2306" i="5" s="1"/>
  <c r="J2332" i="2"/>
  <c r="J2306" i="5" s="1"/>
  <c r="N2306" i="5" s="1"/>
  <c r="M6691" i="2"/>
  <c r="M6665" i="5" s="1"/>
  <c r="P6665" i="5" s="1"/>
  <c r="J6691" i="2"/>
  <c r="J6665" i="5" s="1"/>
  <c r="I6691" i="2"/>
  <c r="I6665" i="5" s="1"/>
  <c r="K6691" i="2"/>
  <c r="K6665" i="5" s="1"/>
  <c r="M5445" i="2"/>
  <c r="M5419" i="5" s="1"/>
  <c r="P5419" i="5" s="1"/>
  <c r="L7783" i="2"/>
  <c r="L7757" i="5" s="1"/>
  <c r="M7783" i="2"/>
  <c r="M7757" i="5" s="1"/>
  <c r="P7757" i="5" s="1"/>
  <c r="L6979" i="2"/>
  <c r="L6953" i="5" s="1"/>
  <c r="J6979" i="2"/>
  <c r="J6953" i="5" s="1"/>
  <c r="N6953" i="5" s="1"/>
  <c r="K6979" i="2"/>
  <c r="K6953" i="5" s="1"/>
  <c r="K8188" i="2"/>
  <c r="K8162" i="5" s="1"/>
  <c r="J8188" i="2"/>
  <c r="J8162" i="5" s="1"/>
  <c r="N8162" i="5" s="1"/>
  <c r="I7858" i="2"/>
  <c r="I7832" i="5" s="1"/>
  <c r="K7858" i="2"/>
  <c r="K7832" i="5" s="1"/>
  <c r="L7858" i="2"/>
  <c r="L7832" i="5" s="1"/>
  <c r="M4606" i="2"/>
  <c r="M4580" i="5" s="1"/>
  <c r="P4580" i="5" s="1"/>
  <c r="L4606" i="2"/>
  <c r="L4580" i="5" s="1"/>
  <c r="J4606" i="2"/>
  <c r="J4580" i="5" s="1"/>
  <c r="N4580" i="5" s="1"/>
  <c r="I4606" i="2"/>
  <c r="I4580" i="5" s="1"/>
  <c r="K4606" i="2"/>
  <c r="K4580" i="5" s="1"/>
  <c r="M6317" i="2"/>
  <c r="M6291" i="5" s="1"/>
  <c r="P6291" i="5" s="1"/>
  <c r="J6317" i="2"/>
  <c r="J6291" i="5" s="1"/>
  <c r="N6291" i="5" s="1"/>
  <c r="I6807" i="2"/>
  <c r="I6781" i="5" s="1"/>
  <c r="L6807" i="2"/>
  <c r="L6781" i="5" s="1"/>
  <c r="I3660" i="2"/>
  <c r="I3634" i="5" s="1"/>
  <c r="K7877" i="2"/>
  <c r="K7851" i="5" s="1"/>
  <c r="J7877" i="2"/>
  <c r="J7851" i="5" s="1"/>
  <c r="N7851" i="5" s="1"/>
  <c r="M7877" i="2"/>
  <c r="M7851" i="5" s="1"/>
  <c r="P7851" i="5" s="1"/>
  <c r="L7877" i="2"/>
  <c r="L7851" i="5" s="1"/>
  <c r="I7877" i="2"/>
  <c r="I7851" i="5" s="1"/>
  <c r="M3152" i="2"/>
  <c r="M3126" i="5" s="1"/>
  <c r="P3126" i="5" s="1"/>
  <c r="K3152" i="2"/>
  <c r="K3126" i="5" s="1"/>
  <c r="O3126" i="5" s="1"/>
  <c r="J3152" i="2"/>
  <c r="J3126" i="5" s="1"/>
  <c r="J2592" i="2"/>
  <c r="J2566" i="5" s="1"/>
  <c r="N2566" i="5" s="1"/>
  <c r="M2592" i="2"/>
  <c r="M2566" i="5" s="1"/>
  <c r="P2566" i="5" s="1"/>
  <c r="J2425" i="2"/>
  <c r="J2399" i="5" s="1"/>
  <c r="N2399" i="5" s="1"/>
  <c r="M8180" i="2"/>
  <c r="M8154" i="5" s="1"/>
  <c r="P8154" i="5" s="1"/>
  <c r="J8180" i="2"/>
  <c r="J8154" i="5" s="1"/>
  <c r="N8154" i="5" s="1"/>
  <c r="M5334" i="2"/>
  <c r="M5308" i="5" s="1"/>
  <c r="P5308" i="5" s="1"/>
  <c r="K92" i="2"/>
  <c r="K66" i="5" s="1"/>
  <c r="M3600" i="2"/>
  <c r="M3574" i="5" s="1"/>
  <c r="P3574" i="5" s="1"/>
  <c r="K3600" i="2"/>
  <c r="K3574" i="5" s="1"/>
  <c r="O3574" i="5" s="1"/>
  <c r="I3600" i="2"/>
  <c r="I3574" i="5" s="1"/>
  <c r="K7767" i="2"/>
  <c r="K7741" i="5" s="1"/>
  <c r="M7767" i="2"/>
  <c r="M7741" i="5" s="1"/>
  <c r="P7741" i="5" s="1"/>
  <c r="M8182" i="2"/>
  <c r="M8156" i="5" s="1"/>
  <c r="P8156" i="5" s="1"/>
  <c r="I8182" i="2"/>
  <c r="I8156" i="5" s="1"/>
  <c r="L8182" i="2"/>
  <c r="L8156" i="5" s="1"/>
  <c r="I4854" i="2"/>
  <c r="I4828" i="5" s="1"/>
  <c r="K1902" i="2"/>
  <c r="K1876" i="5" s="1"/>
  <c r="M1902" i="2"/>
  <c r="M1876" i="5" s="1"/>
  <c r="P1876" i="5" s="1"/>
  <c r="L1902" i="2"/>
  <c r="L1876" i="5" s="1"/>
  <c r="L5292" i="2"/>
  <c r="L5266" i="5" s="1"/>
  <c r="J5292" i="2"/>
  <c r="J5266" i="5" s="1"/>
  <c r="N5266" i="5" s="1"/>
  <c r="I5292" i="2"/>
  <c r="I5266" i="5" s="1"/>
  <c r="K5292" i="2"/>
  <c r="K5266" i="5" s="1"/>
  <c r="I8785" i="2"/>
  <c r="I8759" i="5" s="1"/>
  <c r="J8785" i="2"/>
  <c r="J8759" i="5" s="1"/>
  <c r="N8759" i="5" s="1"/>
  <c r="L8505" i="2"/>
  <c r="L8479" i="5" s="1"/>
  <c r="I8505" i="2"/>
  <c r="I8479" i="5" s="1"/>
  <c r="L3502" i="2"/>
  <c r="L3476" i="5" s="1"/>
  <c r="I3502" i="2"/>
  <c r="I3476" i="5" s="1"/>
  <c r="M3502" i="2"/>
  <c r="M3476" i="5" s="1"/>
  <c r="P3476" i="5" s="1"/>
  <c r="K3502" i="2"/>
  <c r="K3476" i="5" s="1"/>
  <c r="M3829" i="2"/>
  <c r="M3803" i="5" s="1"/>
  <c r="P3803" i="5" s="1"/>
  <c r="I3829" i="2"/>
  <c r="I3803" i="5" s="1"/>
  <c r="K4107" i="2"/>
  <c r="K4081" i="5" s="1"/>
  <c r="M4107" i="2"/>
  <c r="M4081" i="5" s="1"/>
  <c r="P4081" i="5" s="1"/>
  <c r="L4107" i="2"/>
  <c r="L4081" i="5" s="1"/>
  <c r="L3132" i="2"/>
  <c r="L3106" i="5" s="1"/>
  <c r="J3132" i="2"/>
  <c r="J3106" i="5" s="1"/>
  <c r="N3106" i="5" s="1"/>
  <c r="M3132" i="2"/>
  <c r="M3106" i="5" s="1"/>
  <c r="P3106" i="5" s="1"/>
  <c r="M3680" i="2"/>
  <c r="M3654" i="5" s="1"/>
  <c r="P3654" i="5" s="1"/>
  <c r="K3680" i="2"/>
  <c r="K3654" i="5" s="1"/>
  <c r="O3654" i="5" s="1"/>
  <c r="I4846" i="2"/>
  <c r="I4820" i="5" s="1"/>
  <c r="K4846" i="2"/>
  <c r="K4820" i="5" s="1"/>
  <c r="L8488" i="2"/>
  <c r="L8462" i="5" s="1"/>
  <c r="I8488" i="2"/>
  <c r="I8462" i="5" s="1"/>
  <c r="M8488" i="2"/>
  <c r="M8462" i="5" s="1"/>
  <c r="P8462" i="5" s="1"/>
  <c r="K8488" i="2"/>
  <c r="K8462" i="5" s="1"/>
  <c r="I886" i="2"/>
  <c r="I860" i="5" s="1"/>
  <c r="J886" i="2"/>
  <c r="J860" i="5" s="1"/>
  <c r="N860" i="5" s="1"/>
  <c r="K886" i="2"/>
  <c r="K860" i="5" s="1"/>
  <c r="I1895" i="2"/>
  <c r="I1869" i="5" s="1"/>
  <c r="K1895" i="2"/>
  <c r="K1869" i="5" s="1"/>
  <c r="O1869" i="5" s="1"/>
  <c r="J1895" i="2"/>
  <c r="J1869" i="5" s="1"/>
  <c r="N1869" i="5" s="1"/>
  <c r="M6971" i="2"/>
  <c r="M6945" i="5" s="1"/>
  <c r="P6945" i="5" s="1"/>
  <c r="J6971" i="2"/>
  <c r="J6945" i="5" s="1"/>
  <c r="N6945" i="5" s="1"/>
  <c r="L6971" i="2"/>
  <c r="L6945" i="5" s="1"/>
  <c r="I6971" i="2"/>
  <c r="I6945" i="5" s="1"/>
  <c r="K6971" i="2"/>
  <c r="K6945" i="5" s="1"/>
  <c r="L3494" i="2"/>
  <c r="L3468" i="5" s="1"/>
  <c r="J3422" i="2"/>
  <c r="J3396" i="5" s="1"/>
  <c r="N3396" i="5" s="1"/>
  <c r="M3422" i="2"/>
  <c r="M3396" i="5" s="1"/>
  <c r="P3396" i="5" s="1"/>
  <c r="L7810" i="2"/>
  <c r="L7784" i="5" s="1"/>
  <c r="I1469" i="2"/>
  <c r="I1443" i="5" s="1"/>
  <c r="M1469" i="2"/>
  <c r="M1443" i="5" s="1"/>
  <c r="P1443" i="5" s="1"/>
  <c r="M8289" i="2"/>
  <c r="M8263" i="5" s="1"/>
  <c r="P8263" i="5" s="1"/>
  <c r="L8289" i="2"/>
  <c r="L8263" i="5" s="1"/>
  <c r="K8289" i="2"/>
  <c r="K8263" i="5" s="1"/>
  <c r="J6870" i="2"/>
  <c r="J6844" i="5" s="1"/>
  <c r="N6844" i="5" s="1"/>
  <c r="M6870" i="2"/>
  <c r="M6844" i="5" s="1"/>
  <c r="P6844" i="5" s="1"/>
  <c r="I6870" i="2"/>
  <c r="I6844" i="5" s="1"/>
  <c r="L6341" i="2"/>
  <c r="L6315" i="5" s="1"/>
  <c r="J6341" i="2"/>
  <c r="J6315" i="5" s="1"/>
  <c r="N6315" i="5" s="1"/>
  <c r="M6341" i="2"/>
  <c r="M6315" i="5" s="1"/>
  <c r="P6315" i="5" s="1"/>
  <c r="M4576" i="2"/>
  <c r="M4550" i="5" s="1"/>
  <c r="P4550" i="5" s="1"/>
  <c r="J4576" i="2"/>
  <c r="J4550" i="5" s="1"/>
  <c r="N4550" i="5" s="1"/>
  <c r="K4576" i="2"/>
  <c r="K4550" i="5" s="1"/>
  <c r="I4576" i="2"/>
  <c r="I4550" i="5" s="1"/>
  <c r="L4576" i="2"/>
  <c r="L4550" i="5" s="1"/>
  <c r="J3998" i="2"/>
  <c r="J3972" i="5" s="1"/>
  <c r="N3972" i="5" s="1"/>
  <c r="M2429" i="2"/>
  <c r="M2403" i="5" s="1"/>
  <c r="P2403" i="5" s="1"/>
  <c r="L8770" i="2"/>
  <c r="L8744" i="5" s="1"/>
  <c r="M8770" i="2"/>
  <c r="M8744" i="5" s="1"/>
  <c r="P8744" i="5" s="1"/>
  <c r="J8770" i="2"/>
  <c r="J8744" i="5" s="1"/>
  <c r="N8744" i="5" s="1"/>
  <c r="K5525" i="2"/>
  <c r="K5499" i="5" s="1"/>
  <c r="L5525" i="2"/>
  <c r="L5499" i="5" s="1"/>
  <c r="I5525" i="2"/>
  <c r="I5499" i="5" s="1"/>
  <c r="J1620" i="2"/>
  <c r="J1594" i="5" s="1"/>
  <c r="N1594" i="5" s="1"/>
  <c r="L1620" i="2"/>
  <c r="L1594" i="5" s="1"/>
  <c r="I1620" i="2"/>
  <c r="I1594" i="5" s="1"/>
  <c r="L5646" i="2"/>
  <c r="L5620" i="5" s="1"/>
  <c r="J5646" i="2"/>
  <c r="J5620" i="5" s="1"/>
  <c r="N5620" i="5" s="1"/>
  <c r="M5646" i="2"/>
  <c r="M5620" i="5" s="1"/>
  <c r="P5620" i="5" s="1"/>
  <c r="L3144" i="2"/>
  <c r="L3118" i="5" s="1"/>
  <c r="M3144" i="2"/>
  <c r="M3118" i="5" s="1"/>
  <c r="P3118" i="5" s="1"/>
  <c r="K8487" i="2"/>
  <c r="K8461" i="5" s="1"/>
  <c r="L3796" i="2"/>
  <c r="L3770" i="5" s="1"/>
  <c r="M3796" i="2"/>
  <c r="M3770" i="5" s="1"/>
  <c r="P3770" i="5" s="1"/>
  <c r="I3796" i="2"/>
  <c r="I3770" i="5" s="1"/>
  <c r="J6595" i="2"/>
  <c r="J6569" i="5" s="1"/>
  <c r="N6569" i="5" s="1"/>
  <c r="J1630" i="2"/>
  <c r="J1604" i="5" s="1"/>
  <c r="N1604" i="5" s="1"/>
  <c r="M4817" i="2"/>
  <c r="M4791" i="5" s="1"/>
  <c r="P4791" i="5" s="1"/>
  <c r="K4854" i="2"/>
  <c r="K4828" i="5" s="1"/>
  <c r="I3680" i="2"/>
  <c r="I3654" i="5" s="1"/>
  <c r="K6341" i="2"/>
  <c r="K6315" i="5" s="1"/>
  <c r="I4817" i="2"/>
  <c r="I4791" i="5" s="1"/>
  <c r="I1902" i="2"/>
  <c r="I1876" i="5" s="1"/>
  <c r="I6341" i="2"/>
  <c r="I6315" i="5" s="1"/>
  <c r="J7203" i="2"/>
  <c r="J7177" i="5" s="1"/>
  <c r="N7177" i="5" s="1"/>
  <c r="J4817" i="2"/>
  <c r="J4791" i="5" s="1"/>
  <c r="N4791" i="5" s="1"/>
  <c r="K2829" i="2"/>
  <c r="K2803" i="5" s="1"/>
  <c r="J1902" i="2"/>
  <c r="J1876" i="5" s="1"/>
  <c r="N1876" i="5" s="1"/>
  <c r="K7203" i="2"/>
  <c r="K7177" i="5" s="1"/>
  <c r="O7177" i="5" s="1"/>
  <c r="J1469" i="2"/>
  <c r="J1443" i="5" s="1"/>
  <c r="N1443" i="5" s="1"/>
  <c r="K1323" i="2"/>
  <c r="K1297" i="5" s="1"/>
  <c r="O1297" i="5" s="1"/>
  <c r="K1469" i="2"/>
  <c r="K1443" i="5" s="1"/>
  <c r="O1443" i="5" s="1"/>
  <c r="J1655" i="2"/>
  <c r="J1629" i="5" s="1"/>
  <c r="N1629" i="5" s="1"/>
  <c r="M4434" i="2"/>
  <c r="M4408" i="5" s="1"/>
  <c r="P4408" i="5" s="1"/>
  <c r="L7349" i="2"/>
  <c r="L7323" i="5" s="1"/>
  <c r="K3773" i="2"/>
  <c r="K3747" i="5" s="1"/>
  <c r="O3747" i="5" s="1"/>
  <c r="J3773" i="2"/>
  <c r="J3747" i="5" s="1"/>
  <c r="N3747" i="5" s="1"/>
  <c r="I3773" i="2"/>
  <c r="I3747" i="5" s="1"/>
  <c r="J7996" i="2"/>
  <c r="J7970" i="5" s="1"/>
  <c r="N7970" i="5" s="1"/>
  <c r="K7205" i="2"/>
  <c r="K7179" i="5" s="1"/>
  <c r="L7205" i="2"/>
  <c r="L7179" i="5" s="1"/>
  <c r="J7205" i="2"/>
  <c r="J7179" i="5" s="1"/>
  <c r="J206" i="2"/>
  <c r="J180" i="5" s="1"/>
  <c r="K3573" i="2"/>
  <c r="K3547" i="5" s="1"/>
  <c r="L3573" i="2"/>
  <c r="L3547" i="5" s="1"/>
  <c r="J3573" i="2"/>
  <c r="J3547" i="5" s="1"/>
  <c r="N3547" i="5" s="1"/>
  <c r="AR250" i="1"/>
  <c r="C256" i="5"/>
  <c r="D354" i="5"/>
  <c r="AR348" i="1"/>
  <c r="M3804" i="2"/>
  <c r="M3778" i="5" s="1"/>
  <c r="P3778" i="5" s="1"/>
  <c r="I3804" i="2"/>
  <c r="I3778" i="5" s="1"/>
  <c r="L3804" i="2"/>
  <c r="L3778" i="5" s="1"/>
  <c r="K6503" i="2"/>
  <c r="K6477" i="5" s="1"/>
  <c r="E225" i="5"/>
  <c r="AR219" i="1"/>
  <c r="K1296" i="2"/>
  <c r="K1270" i="5" s="1"/>
  <c r="O1270" i="5" s="1"/>
  <c r="M1296" i="2"/>
  <c r="M1270" i="5" s="1"/>
  <c r="P1270" i="5" s="1"/>
  <c r="J1296" i="2"/>
  <c r="J1270" i="5" s="1"/>
  <c r="I3490" i="2"/>
  <c r="I3464" i="5" s="1"/>
  <c r="M5341" i="2"/>
  <c r="M5315" i="5" s="1"/>
  <c r="P5315" i="5" s="1"/>
  <c r="L4239" i="2"/>
  <c r="L4213" i="5" s="1"/>
  <c r="K4519" i="2"/>
  <c r="K4493" i="5" s="1"/>
  <c r="K7327" i="2"/>
  <c r="K7301" i="5" s="1"/>
  <c r="J7327" i="2"/>
  <c r="J7301" i="5" s="1"/>
  <c r="N7301" i="5" s="1"/>
  <c r="K433" i="2"/>
  <c r="K407" i="5" s="1"/>
  <c r="M433" i="2"/>
  <c r="M407" i="5" s="1"/>
  <c r="P407" i="5" s="1"/>
  <c r="L3135" i="2"/>
  <c r="L3109" i="5" s="1"/>
  <c r="D341" i="5"/>
  <c r="AR335" i="1"/>
  <c r="I1922" i="2"/>
  <c r="I1896" i="5" s="1"/>
  <c r="L1922" i="2"/>
  <c r="L1896" i="5" s="1"/>
  <c r="K3490" i="2"/>
  <c r="K3464" i="5" s="1"/>
  <c r="J3490" i="2"/>
  <c r="J3464" i="5" s="1"/>
  <c r="N3464" i="5" s="1"/>
  <c r="K4090" i="2"/>
  <c r="K4064" i="5" s="1"/>
  <c r="J4090" i="2"/>
  <c r="J4064" i="5" s="1"/>
  <c r="I1063" i="2"/>
  <c r="I1037" i="5" s="1"/>
  <c r="J1063" i="2"/>
  <c r="J1037" i="5" s="1"/>
  <c r="N1037" i="5" s="1"/>
  <c r="D261" i="5"/>
  <c r="AR255" i="1"/>
  <c r="L2318" i="2"/>
  <c r="L2292" i="5" s="1"/>
  <c r="J1323" i="2"/>
  <c r="J1297" i="5" s="1"/>
  <c r="K6973" i="2"/>
  <c r="K6947" i="5" s="1"/>
  <c r="M6973" i="2"/>
  <c r="M6947" i="5" s="1"/>
  <c r="P6947" i="5" s="1"/>
  <c r="L6973" i="2"/>
  <c r="L6947" i="5" s="1"/>
  <c r="L5134" i="2"/>
  <c r="L5108" i="5" s="1"/>
  <c r="E282" i="5"/>
  <c r="AR276" i="1"/>
  <c r="I3475" i="2"/>
  <c r="I3449" i="5" s="1"/>
  <c r="K3475" i="2"/>
  <c r="K3449" i="5" s="1"/>
  <c r="J3475" i="2"/>
  <c r="J3449" i="5" s="1"/>
  <c r="N3449" i="5" s="1"/>
  <c r="L3475" i="2"/>
  <c r="L3449" i="5" s="1"/>
  <c r="I223" i="2"/>
  <c r="I197" i="5" s="1"/>
  <c r="K223" i="2"/>
  <c r="K197" i="5" s="1"/>
  <c r="I7810" i="2"/>
  <c r="I7784" i="5" s="1"/>
  <c r="M7642" i="2"/>
  <c r="M7616" i="5" s="1"/>
  <c r="P7616" i="5" s="1"/>
  <c r="K7642" i="2"/>
  <c r="K7616" i="5" s="1"/>
  <c r="L7642" i="2"/>
  <c r="L7616" i="5" s="1"/>
  <c r="I6112" i="2"/>
  <c r="I6086" i="5" s="1"/>
  <c r="K6112" i="2"/>
  <c r="K6086" i="5" s="1"/>
  <c r="I7321" i="2"/>
  <c r="I7295" i="5" s="1"/>
  <c r="M7321" i="2"/>
  <c r="M7295" i="5" s="1"/>
  <c r="P7295" i="5" s="1"/>
  <c r="K6313" i="2"/>
  <c r="K6287" i="5" s="1"/>
  <c r="M6313" i="2"/>
  <c r="M6287" i="5" s="1"/>
  <c r="P6287" i="5" s="1"/>
  <c r="L6313" i="2"/>
  <c r="L6287" i="5" s="1"/>
  <c r="L6951" i="2"/>
  <c r="L6925" i="5" s="1"/>
  <c r="K625" i="2"/>
  <c r="K599" i="5" s="1"/>
  <c r="L625" i="2"/>
  <c r="L599" i="5" s="1"/>
  <c r="I625" i="2"/>
  <c r="I599" i="5" s="1"/>
  <c r="K3495" i="2"/>
  <c r="K3469" i="5" s="1"/>
  <c r="L3495" i="2"/>
  <c r="L3469" i="5" s="1"/>
  <c r="I3495" i="2"/>
  <c r="I3469" i="5" s="1"/>
  <c r="I3435" i="2"/>
  <c r="I3409" i="5" s="1"/>
  <c r="K3435" i="2"/>
  <c r="K3409" i="5" s="1"/>
  <c r="G33" i="5"/>
  <c r="AR27" i="1"/>
  <c r="L3429" i="2"/>
  <c r="L3403" i="5" s="1"/>
  <c r="K3429" i="2"/>
  <c r="K3403" i="5" s="1"/>
  <c r="J3473" i="2"/>
  <c r="J3447" i="5" s="1"/>
  <c r="N3447" i="5" s="1"/>
  <c r="L6304" i="2"/>
  <c r="L6278" i="5" s="1"/>
  <c r="J4653" i="2"/>
  <c r="J4627" i="5" s="1"/>
  <c r="N4627" i="5" s="1"/>
  <c r="M4239" i="2"/>
  <c r="M4213" i="5" s="1"/>
  <c r="P4213" i="5" s="1"/>
  <c r="L3580" i="2"/>
  <c r="L3554" i="5" s="1"/>
  <c r="J4239" i="2"/>
  <c r="J4213" i="5" s="1"/>
  <c r="N4213" i="5" s="1"/>
  <c r="J5445" i="2"/>
  <c r="J5419" i="5" s="1"/>
  <c r="N5419" i="5" s="1"/>
  <c r="J3435" i="2"/>
  <c r="J3409" i="5" s="1"/>
  <c r="N3409" i="5" s="1"/>
  <c r="K5445" i="2"/>
  <c r="K5419" i="5" s="1"/>
  <c r="I7327" i="2"/>
  <c r="I7301" i="5" s="1"/>
  <c r="I4090" i="2"/>
  <c r="I4064" i="5" s="1"/>
  <c r="K7799" i="2"/>
  <c r="K7773" i="5" s="1"/>
  <c r="O7773" i="5" s="1"/>
  <c r="L7327" i="2"/>
  <c r="L7301" i="5" s="1"/>
  <c r="L4090" i="2"/>
  <c r="L4064" i="5" s="1"/>
  <c r="K785" i="2"/>
  <c r="K759" i="5" s="1"/>
  <c r="K1245" i="2"/>
  <c r="K1219" i="5" s="1"/>
  <c r="L4848" i="2"/>
  <c r="L4822" i="5" s="1"/>
  <c r="M4848" i="2"/>
  <c r="M4822" i="5" s="1"/>
  <c r="P4822" i="5" s="1"/>
  <c r="J4848" i="2"/>
  <c r="J4822" i="5" s="1"/>
  <c r="M6992" i="2"/>
  <c r="M6966" i="5" s="1"/>
  <c r="P6966" i="5" s="1"/>
  <c r="L6992" i="2"/>
  <c r="L6966" i="5" s="1"/>
  <c r="J7615" i="2"/>
  <c r="J7589" i="5" s="1"/>
  <c r="M7615" i="2"/>
  <c r="M7589" i="5" s="1"/>
  <c r="P7589" i="5" s="1"/>
  <c r="J794" i="2"/>
  <c r="J768" i="5" s="1"/>
  <c r="N768" i="5" s="1"/>
  <c r="K794" i="2"/>
  <c r="K768" i="5" s="1"/>
  <c r="M2826" i="2"/>
  <c r="M2800" i="5" s="1"/>
  <c r="P2800" i="5" s="1"/>
  <c r="L2826" i="2"/>
  <c r="L2800" i="5" s="1"/>
  <c r="L7277" i="2"/>
  <c r="L7251" i="5" s="1"/>
  <c r="K7277" i="2"/>
  <c r="K7251" i="5" s="1"/>
  <c r="L8616" i="2"/>
  <c r="L8590" i="5" s="1"/>
  <c r="K951" i="2"/>
  <c r="K925" i="5" s="1"/>
  <c r="J951" i="2"/>
  <c r="J925" i="5" s="1"/>
  <c r="N925" i="5" s="1"/>
  <c r="L7021" i="2"/>
  <c r="L6995" i="5" s="1"/>
  <c r="M7021" i="2"/>
  <c r="M6995" i="5" s="1"/>
  <c r="P6995" i="5" s="1"/>
  <c r="I7021" i="2"/>
  <c r="I6995" i="5" s="1"/>
  <c r="K7021" i="2"/>
  <c r="K6995" i="5" s="1"/>
  <c r="J7021" i="2"/>
  <c r="J6995" i="5" s="1"/>
  <c r="L4584" i="2"/>
  <c r="L4558" i="5" s="1"/>
  <c r="M4584" i="2"/>
  <c r="M4558" i="5" s="1"/>
  <c r="P4558" i="5" s="1"/>
  <c r="I4584" i="2"/>
  <c r="I4558" i="5" s="1"/>
  <c r="J4584" i="2"/>
  <c r="J4558" i="5" s="1"/>
  <c r="N4558" i="5" s="1"/>
  <c r="J476" i="2"/>
  <c r="J450" i="5" s="1"/>
  <c r="J4441" i="2"/>
  <c r="J4415" i="5" s="1"/>
  <c r="N4415" i="5" s="1"/>
  <c r="L4441" i="2"/>
  <c r="L4415" i="5" s="1"/>
  <c r="I4441" i="2"/>
  <c r="I4415" i="5" s="1"/>
  <c r="I1323" i="2"/>
  <c r="I1297" i="5" s="1"/>
  <c r="I6967" i="2"/>
  <c r="I6941" i="5" s="1"/>
  <c r="K6967" i="2"/>
  <c r="K6941" i="5" s="1"/>
  <c r="M6967" i="2"/>
  <c r="M6941" i="5" s="1"/>
  <c r="P6941" i="5" s="1"/>
  <c r="J4818" i="2"/>
  <c r="J4792" i="5" s="1"/>
  <c r="N4792" i="5" s="1"/>
  <c r="I8508" i="2"/>
  <c r="I8482" i="5" s="1"/>
  <c r="L8508" i="2"/>
  <c r="L8482" i="5" s="1"/>
  <c r="K8508" i="2"/>
  <c r="K8482" i="5" s="1"/>
  <c r="J8508" i="2"/>
  <c r="J8482" i="5" s="1"/>
  <c r="N8482" i="5" s="1"/>
  <c r="M8508" i="2"/>
  <c r="M8482" i="5" s="1"/>
  <c r="P8482" i="5" s="1"/>
  <c r="I6468" i="2"/>
  <c r="I6442" i="5" s="1"/>
  <c r="I4235" i="2"/>
  <c r="I4209" i="5" s="1"/>
  <c r="M7804" i="2"/>
  <c r="M7778" i="5" s="1"/>
  <c r="P7778" i="5" s="1"/>
  <c r="K7804" i="2"/>
  <c r="K7778" i="5" s="1"/>
  <c r="L7804" i="2"/>
  <c r="L7778" i="5" s="1"/>
  <c r="L3827" i="2"/>
  <c r="L3801" i="5" s="1"/>
  <c r="M3827" i="2"/>
  <c r="M3801" i="5" s="1"/>
  <c r="P3801" i="5" s="1"/>
  <c r="I3827" i="2"/>
  <c r="I3801" i="5" s="1"/>
  <c r="K3827" i="2"/>
  <c r="K3801" i="5" s="1"/>
  <c r="M3431" i="2"/>
  <c r="M3405" i="5" s="1"/>
  <c r="P3405" i="5" s="1"/>
  <c r="J3431" i="2"/>
  <c r="J3405" i="5" s="1"/>
  <c r="N3405" i="5" s="1"/>
  <c r="L3431" i="2"/>
  <c r="L3405" i="5" s="1"/>
  <c r="I3431" i="2"/>
  <c r="I3405" i="5" s="1"/>
  <c r="J5273" i="2"/>
  <c r="J5247" i="5" s="1"/>
  <c r="N5247" i="5" s="1"/>
  <c r="K5273" i="2"/>
  <c r="K5247" i="5" s="1"/>
  <c r="L5273" i="2"/>
  <c r="L5247" i="5" s="1"/>
  <c r="F61" i="5"/>
  <c r="AR55" i="1"/>
  <c r="L1046" i="2"/>
  <c r="L1020" i="5" s="1"/>
  <c r="K1046" i="2"/>
  <c r="K1020" i="5" s="1"/>
  <c r="K3511" i="2"/>
  <c r="K3485" i="5" s="1"/>
  <c r="O3485" i="5" s="1"/>
  <c r="M7608" i="2"/>
  <c r="M7582" i="5" s="1"/>
  <c r="P7582" i="5" s="1"/>
  <c r="K7608" i="2"/>
  <c r="K7582" i="5" s="1"/>
  <c r="J7608" i="2"/>
  <c r="J7582" i="5" s="1"/>
  <c r="N7582" i="5" s="1"/>
  <c r="I4774" i="2"/>
  <c r="I4748" i="5" s="1"/>
  <c r="J4774" i="2"/>
  <c r="J4748" i="5" s="1"/>
  <c r="K7794" i="2"/>
  <c r="K7768" i="5" s="1"/>
  <c r="O7768" i="5" s="1"/>
  <c r="M7794" i="2"/>
  <c r="M7768" i="5" s="1"/>
  <c r="P7768" i="5" s="1"/>
  <c r="I3473" i="2"/>
  <c r="I3447" i="5" s="1"/>
  <c r="K3473" i="2"/>
  <c r="K3447" i="5" s="1"/>
  <c r="M3822" i="2"/>
  <c r="M3796" i="5" s="1"/>
  <c r="P3796" i="5" s="1"/>
  <c r="I3822" i="2"/>
  <c r="I3796" i="5" s="1"/>
  <c r="L3822" i="2"/>
  <c r="L3796" i="5" s="1"/>
  <c r="M7790" i="2"/>
  <c r="M7764" i="5" s="1"/>
  <c r="P7764" i="5" s="1"/>
  <c r="J7790" i="2"/>
  <c r="J7764" i="5" s="1"/>
  <c r="N7764" i="5" s="1"/>
  <c r="J8522" i="2"/>
  <c r="J8496" i="5" s="1"/>
  <c r="N8496" i="5" s="1"/>
  <c r="L8522" i="2"/>
  <c r="L8496" i="5" s="1"/>
  <c r="M8522" i="2"/>
  <c r="M8496" i="5" s="1"/>
  <c r="P8496" i="5" s="1"/>
  <c r="J1325" i="2"/>
  <c r="J1299" i="5" s="1"/>
  <c r="N1299" i="5" s="1"/>
  <c r="K1325" i="2"/>
  <c r="K1299" i="5" s="1"/>
  <c r="M6969" i="2"/>
  <c r="M6943" i="5" s="1"/>
  <c r="P6943" i="5" s="1"/>
  <c r="L4934" i="2"/>
  <c r="L4908" i="5" s="1"/>
  <c r="I306" i="2"/>
  <c r="I280" i="5" s="1"/>
  <c r="L289" i="2"/>
  <c r="L263" i="5" s="1"/>
  <c r="I2463" i="2"/>
  <c r="I2437" i="5" s="1"/>
  <c r="J7208" i="2"/>
  <c r="J7182" i="5" s="1"/>
  <c r="N7182" i="5" s="1"/>
  <c r="L7033" i="2"/>
  <c r="L7007" i="5" s="1"/>
  <c r="J8179" i="2"/>
  <c r="J8153" i="5" s="1"/>
  <c r="K1318" i="2"/>
  <c r="K1292" i="5" s="1"/>
  <c r="M7033" i="2"/>
  <c r="M7007" i="5" s="1"/>
  <c r="P7007" i="5" s="1"/>
  <c r="K6304" i="2"/>
  <c r="K6278" i="5" s="1"/>
  <c r="I6951" i="2"/>
  <c r="I6925" i="5" s="1"/>
  <c r="J1318" i="2"/>
  <c r="J1292" i="5" s="1"/>
  <c r="N1292" i="5" s="1"/>
  <c r="I6304" i="2"/>
  <c r="I6278" i="5" s="1"/>
  <c r="J6967" i="2"/>
  <c r="J6941" i="5" s="1"/>
  <c r="N6941" i="5" s="1"/>
  <c r="L1318" i="2"/>
  <c r="L1292" i="5" s="1"/>
  <c r="L6967" i="2"/>
  <c r="L6941" i="5" s="1"/>
  <c r="J1815" i="2"/>
  <c r="J1789" i="5" s="1"/>
  <c r="N1789" i="5" s="1"/>
  <c r="I7366" i="2"/>
  <c r="I7340" i="5" s="1"/>
  <c r="M3615" i="2"/>
  <c r="M3589" i="5" s="1"/>
  <c r="P3589" i="5" s="1"/>
  <c r="I2084" i="2"/>
  <c r="I2058" i="5" s="1"/>
  <c r="J1658" i="2"/>
  <c r="J1632" i="5" s="1"/>
  <c r="I6981" i="2"/>
  <c r="I6955" i="5" s="1"/>
  <c r="J6981" i="2"/>
  <c r="J6955" i="5" s="1"/>
  <c r="N6955" i="5" s="1"/>
  <c r="M5943" i="2"/>
  <c r="M5917" i="5" s="1"/>
  <c r="P5917" i="5" s="1"/>
  <c r="I5943" i="2"/>
  <c r="I5917" i="5" s="1"/>
  <c r="M7793" i="2"/>
  <c r="M7767" i="5" s="1"/>
  <c r="P7767" i="5" s="1"/>
  <c r="J7793" i="2"/>
  <c r="J7767" i="5" s="1"/>
  <c r="L7793" i="2"/>
  <c r="L7767" i="5" s="1"/>
  <c r="K7793" i="2"/>
  <c r="K7767" i="5" s="1"/>
  <c r="J3000" i="2"/>
  <c r="J2974" i="5" s="1"/>
  <c r="N2974" i="5" s="1"/>
  <c r="M3000" i="2"/>
  <c r="M2974" i="5" s="1"/>
  <c r="P2974" i="5" s="1"/>
  <c r="L3000" i="2"/>
  <c r="L2974" i="5" s="1"/>
  <c r="K7686" i="2"/>
  <c r="K7660" i="5" s="1"/>
  <c r="M4279" i="2"/>
  <c r="M4253" i="5" s="1"/>
  <c r="P4253" i="5" s="1"/>
  <c r="I5118" i="2"/>
  <c r="I5092" i="5" s="1"/>
  <c r="L7347" i="2"/>
  <c r="L7321" i="5" s="1"/>
  <c r="K7347" i="2"/>
  <c r="K7321" i="5" s="1"/>
  <c r="L485" i="2"/>
  <c r="L459" i="5" s="1"/>
  <c r="I1300" i="2"/>
  <c r="I1274" i="5" s="1"/>
  <c r="J1300" i="2"/>
  <c r="J1274" i="5" s="1"/>
  <c r="N1274" i="5" s="1"/>
  <c r="L7702" i="2"/>
  <c r="L7676" i="5" s="1"/>
  <c r="M4653" i="2"/>
  <c r="M4627" i="5" s="1"/>
  <c r="P4627" i="5" s="1"/>
  <c r="I7616" i="2"/>
  <c r="I7590" i="5" s="1"/>
  <c r="J7616" i="2"/>
  <c r="J7590" i="5" s="1"/>
  <c r="N7590" i="5" s="1"/>
  <c r="L7616" i="2"/>
  <c r="L7590" i="5" s="1"/>
  <c r="M2988" i="2"/>
  <c r="M2962" i="5" s="1"/>
  <c r="P2962" i="5" s="1"/>
  <c r="M7865" i="2"/>
  <c r="M7839" i="5" s="1"/>
  <c r="P7839" i="5" s="1"/>
  <c r="I7865" i="2"/>
  <c r="I7839" i="5" s="1"/>
  <c r="J7865" i="2"/>
  <c r="J7839" i="5" s="1"/>
  <c r="N7839" i="5" s="1"/>
  <c r="J1456" i="2"/>
  <c r="J1430" i="5" s="1"/>
  <c r="N1430" i="5" s="1"/>
  <c r="I1456" i="2"/>
  <c r="I1430" i="5" s="1"/>
  <c r="M1456" i="2"/>
  <c r="M1430" i="5" s="1"/>
  <c r="P1430" i="5" s="1"/>
  <c r="L6983" i="2"/>
  <c r="L6957" i="5" s="1"/>
  <c r="I6983" i="2"/>
  <c r="I6957" i="5" s="1"/>
  <c r="J6983" i="2"/>
  <c r="J6957" i="5" s="1"/>
  <c r="N6957" i="5" s="1"/>
  <c r="M8721" i="2"/>
  <c r="M8695" i="5" s="1"/>
  <c r="P8695" i="5" s="1"/>
  <c r="L8721" i="2"/>
  <c r="L8695" i="5" s="1"/>
  <c r="I8721" i="2"/>
  <c r="I8695" i="5" s="1"/>
  <c r="L1468" i="2"/>
  <c r="L1442" i="5" s="1"/>
  <c r="M3006" i="2"/>
  <c r="M2980" i="5" s="1"/>
  <c r="P2980" i="5" s="1"/>
  <c r="I3006" i="2"/>
  <c r="I2980" i="5" s="1"/>
  <c r="L6197" i="2"/>
  <c r="L6171" i="5" s="1"/>
  <c r="I6197" i="2"/>
  <c r="I6171" i="5" s="1"/>
  <c r="M6197" i="2"/>
  <c r="M6171" i="5" s="1"/>
  <c r="P6171" i="5" s="1"/>
  <c r="M290" i="2"/>
  <c r="M264" i="5" s="1"/>
  <c r="P264" i="5" s="1"/>
  <c r="L290" i="2"/>
  <c r="L264" i="5" s="1"/>
  <c r="I3256" i="2"/>
  <c r="I3230" i="5" s="1"/>
  <c r="J4459" i="2"/>
  <c r="J4433" i="5" s="1"/>
  <c r="K4459" i="2"/>
  <c r="K4433" i="5" s="1"/>
  <c r="M4459" i="2"/>
  <c r="M4433" i="5" s="1"/>
  <c r="P4433" i="5" s="1"/>
  <c r="J2793" i="2"/>
  <c r="J2767" i="5" s="1"/>
  <c r="N2767" i="5" s="1"/>
  <c r="L2793" i="2"/>
  <c r="L2767" i="5" s="1"/>
  <c r="K2793" i="2"/>
  <c r="K2767" i="5" s="1"/>
  <c r="I2793" i="2"/>
  <c r="I2767" i="5" s="1"/>
  <c r="I4236" i="2"/>
  <c r="I4210" i="5" s="1"/>
  <c r="I3290" i="2"/>
  <c r="I3264" i="5" s="1"/>
  <c r="K1949" i="2"/>
  <c r="K1923" i="5" s="1"/>
  <c r="J1949" i="2"/>
  <c r="J1923" i="5" s="1"/>
  <c r="N1923" i="5" s="1"/>
  <c r="L5957" i="2"/>
  <c r="L5931" i="5" s="1"/>
  <c r="K5957" i="2"/>
  <c r="K5931" i="5" s="1"/>
  <c r="J5957" i="2"/>
  <c r="J5931" i="5" s="1"/>
  <c r="N5931" i="5" s="1"/>
  <c r="J3126" i="2"/>
  <c r="J3100" i="5" s="1"/>
  <c r="K5935" i="2"/>
  <c r="K5909" i="5" s="1"/>
  <c r="M4240" i="2"/>
  <c r="M4214" i="5" s="1"/>
  <c r="P4214" i="5" s="1"/>
  <c r="J7335" i="2"/>
  <c r="J7309" i="5" s="1"/>
  <c r="N7309" i="5" s="1"/>
  <c r="L2789" i="2"/>
  <c r="L2763" i="5" s="1"/>
  <c r="K1304" i="2"/>
  <c r="K1278" i="5" s="1"/>
  <c r="K5100" i="2"/>
  <c r="K5074" i="5" s="1"/>
  <c r="O5074" i="5" s="1"/>
  <c r="I4934" i="2"/>
  <c r="I4908" i="5" s="1"/>
  <c r="I5100" i="2"/>
  <c r="I5074" i="5" s="1"/>
  <c r="M5100" i="2"/>
  <c r="M5074" i="5" s="1"/>
  <c r="P5074" i="5" s="1"/>
  <c r="K476" i="2"/>
  <c r="K450" i="5" s="1"/>
  <c r="I476" i="2"/>
  <c r="I450" i="5" s="1"/>
  <c r="I5676" i="2"/>
  <c r="I5650" i="5" s="1"/>
  <c r="M95" i="2"/>
  <c r="M69" i="5" s="1"/>
  <c r="P69" i="5" s="1"/>
  <c r="M3903" i="2"/>
  <c r="M3877" i="5" s="1"/>
  <c r="P3877" i="5" s="1"/>
  <c r="K5106" i="2"/>
  <c r="K5080" i="5" s="1"/>
  <c r="O5080" i="5" s="1"/>
  <c r="J4603" i="2"/>
  <c r="J4577" i="5" s="1"/>
  <c r="N4577" i="5" s="1"/>
  <c r="M7134" i="2"/>
  <c r="M7108" i="5" s="1"/>
  <c r="P7108" i="5" s="1"/>
  <c r="K5080" i="2"/>
  <c r="K5054" i="5" s="1"/>
  <c r="O5054" i="5" s="1"/>
  <c r="K6815" i="2"/>
  <c r="K6789" i="5" s="1"/>
  <c r="J4457" i="2"/>
  <c r="J4431" i="5" s="1"/>
  <c r="N4431" i="5" s="1"/>
  <c r="M1321" i="2"/>
  <c r="M1295" i="5" s="1"/>
  <c r="P1295" i="5" s="1"/>
  <c r="K1562" i="2"/>
  <c r="K1536" i="5" s="1"/>
  <c r="J4595" i="2"/>
  <c r="J4569" i="5" s="1"/>
  <c r="N4569" i="5" s="1"/>
  <c r="I8180" i="2"/>
  <c r="I8154" i="5" s="1"/>
  <c r="J8495" i="2"/>
  <c r="J8469" i="5" s="1"/>
  <c r="N8469" i="5" s="1"/>
  <c r="M4588" i="2"/>
  <c r="M4562" i="5" s="1"/>
  <c r="P4562" i="5" s="1"/>
  <c r="L8654" i="2"/>
  <c r="L8628" i="5" s="1"/>
  <c r="I3790" i="2"/>
  <c r="I3764" i="5" s="1"/>
  <c r="K4077" i="2"/>
  <c r="K4051" i="5" s="1"/>
  <c r="K140" i="2"/>
  <c r="K114" i="5" s="1"/>
  <c r="K8637" i="2"/>
  <c r="K8611" i="5" s="1"/>
  <c r="L5499" i="2"/>
  <c r="L5473" i="5" s="1"/>
  <c r="J1130" i="2"/>
  <c r="J1104" i="5" s="1"/>
  <c r="N1104" i="5" s="1"/>
  <c r="M4807" i="2"/>
  <c r="M4781" i="5" s="1"/>
  <c r="P4781" i="5" s="1"/>
  <c r="J6360" i="2"/>
  <c r="J6334" i="5" s="1"/>
  <c r="N6334" i="5" s="1"/>
  <c r="I4073" i="2"/>
  <c r="I4047" i="5" s="1"/>
  <c r="I6632" i="2"/>
  <c r="I6606" i="5" s="1"/>
  <c r="K2729" i="2"/>
  <c r="K2703" i="5" s="1"/>
  <c r="J2393" i="2"/>
  <c r="J2367" i="5" s="1"/>
  <c r="K2422" i="2"/>
  <c r="K2396" i="5" s="1"/>
  <c r="M7700" i="2"/>
  <c r="M7674" i="5" s="1"/>
  <c r="P7674" i="5" s="1"/>
  <c r="I7712" i="2"/>
  <c r="I7686" i="5" s="1"/>
  <c r="I8693" i="2"/>
  <c r="I8667" i="5" s="1"/>
  <c r="K2748" i="2"/>
  <c r="K2722" i="5" s="1"/>
  <c r="M2484" i="2"/>
  <c r="M2458" i="5" s="1"/>
  <c r="P2458" i="5" s="1"/>
  <c r="J545" i="2"/>
  <c r="J519" i="5" s="1"/>
  <c r="N519" i="5" s="1"/>
  <c r="I2666" i="2"/>
  <c r="I2640" i="5" s="1"/>
  <c r="J5479" i="2"/>
  <c r="J5453" i="5" s="1"/>
  <c r="N5453" i="5" s="1"/>
  <c r="M2906" i="2"/>
  <c r="M2880" i="5" s="1"/>
  <c r="P2880" i="5" s="1"/>
  <c r="I2081" i="2"/>
  <c r="I2055" i="5" s="1"/>
  <c r="J2918" i="2"/>
  <c r="J2892" i="5" s="1"/>
  <c r="N2892" i="5" s="1"/>
  <c r="M4131" i="2"/>
  <c r="M4105" i="5" s="1"/>
  <c r="P4105" i="5" s="1"/>
  <c r="J7630" i="2"/>
  <c r="J7604" i="5" s="1"/>
  <c r="N7604" i="5" s="1"/>
  <c r="K5811" i="2"/>
  <c r="K5785" i="5" s="1"/>
  <c r="L6192" i="2"/>
  <c r="L6166" i="5" s="1"/>
  <c r="I3169" i="2"/>
  <c r="I3143" i="5" s="1"/>
  <c r="I8313" i="2"/>
  <c r="I8287" i="5" s="1"/>
  <c r="K2585" i="2"/>
  <c r="K2559" i="5" s="1"/>
  <c r="M6162" i="2"/>
  <c r="M6136" i="5" s="1"/>
  <c r="P6136" i="5" s="1"/>
  <c r="L7294" i="2"/>
  <c r="L7268" i="5" s="1"/>
  <c r="I910" i="2"/>
  <c r="I884" i="5" s="1"/>
  <c r="L5144" i="2"/>
  <c r="L5118" i="5" s="1"/>
  <c r="L5790" i="2"/>
  <c r="L5764" i="5" s="1"/>
  <c r="L5248" i="2"/>
  <c r="L5222" i="5" s="1"/>
  <c r="J7799" i="2"/>
  <c r="J7773" i="5" s="1"/>
  <c r="M6314" i="2"/>
  <c r="M6288" i="5" s="1"/>
  <c r="P6288" i="5" s="1"/>
  <c r="L4774" i="2"/>
  <c r="L4748" i="5" s="1"/>
  <c r="J3004" i="2"/>
  <c r="J2978" i="5" s="1"/>
  <c r="N2978" i="5" s="1"/>
  <c r="L7976" i="2"/>
  <c r="L7950" i="5" s="1"/>
  <c r="L5693" i="2"/>
  <c r="L5667" i="5" s="1"/>
  <c r="I1252" i="2"/>
  <c r="I1226" i="5" s="1"/>
  <c r="I5966" i="2"/>
  <c r="I5940" i="5" s="1"/>
  <c r="J6351" i="2"/>
  <c r="J6325" i="5" s="1"/>
  <c r="N6325" i="5" s="1"/>
  <c r="M249" i="2"/>
  <c r="M223" i="5" s="1"/>
  <c r="P223" i="5" s="1"/>
  <c r="K5818" i="2"/>
  <c r="K5792" i="5" s="1"/>
  <c r="I8619" i="2"/>
  <c r="I8593" i="5" s="1"/>
  <c r="J1922" i="2"/>
  <c r="J1896" i="5" s="1"/>
  <c r="N1896" i="5" s="1"/>
  <c r="K5693" i="2"/>
  <c r="K5667" i="5" s="1"/>
  <c r="M7153" i="2"/>
  <c r="M7127" i="5" s="1"/>
  <c r="P7127" i="5" s="1"/>
  <c r="K7950" i="2"/>
  <c r="K7924" i="5" s="1"/>
  <c r="O7924" i="5" s="1"/>
  <c r="J5466" i="2"/>
  <c r="J5440" i="5" s="1"/>
  <c r="N5440" i="5" s="1"/>
  <c r="M765" i="2"/>
  <c r="M739" i="5" s="1"/>
  <c r="P739" i="5" s="1"/>
  <c r="I5146" i="2"/>
  <c r="I5120" i="5" s="1"/>
  <c r="K6426" i="2"/>
  <c r="K6400" i="5" s="1"/>
  <c r="I5974" i="2"/>
  <c r="I5948" i="5" s="1"/>
  <c r="I3276" i="2"/>
  <c r="I3250" i="5" s="1"/>
  <c r="J5986" i="2"/>
  <c r="J5960" i="5" s="1"/>
  <c r="I8438" i="2"/>
  <c r="I8412" i="5" s="1"/>
  <c r="J2244" i="2"/>
  <c r="J2218" i="5" s="1"/>
  <c r="N2218" i="5" s="1"/>
  <c r="M4285" i="2"/>
  <c r="M4259" i="5" s="1"/>
  <c r="P4259" i="5" s="1"/>
  <c r="J1792" i="2"/>
  <c r="J1766" i="5" s="1"/>
  <c r="N1766" i="5" s="1"/>
  <c r="J4497" i="2"/>
  <c r="J4471" i="5" s="1"/>
  <c r="N4471" i="5" s="1"/>
  <c r="L7941" i="2"/>
  <c r="L7915" i="5" s="1"/>
  <c r="L1636" i="2"/>
  <c r="L1610" i="5" s="1"/>
  <c r="K5604" i="2"/>
  <c r="K5578" i="5" s="1"/>
  <c r="J930" i="2"/>
  <c r="J904" i="5" s="1"/>
  <c r="N904" i="5" s="1"/>
  <c r="K5087" i="2"/>
  <c r="K5061" i="5" s="1"/>
  <c r="O5061" i="5" s="1"/>
  <c r="J3125" i="2"/>
  <c r="J3099" i="5" s="1"/>
  <c r="N3099" i="5" s="1"/>
  <c r="K3512" i="2"/>
  <c r="K3486" i="5" s="1"/>
  <c r="O3486" i="5" s="1"/>
  <c r="K3932" i="2"/>
  <c r="K3906" i="5" s="1"/>
  <c r="O3906" i="5" s="1"/>
  <c r="J3964" i="2"/>
  <c r="J3938" i="5" s="1"/>
  <c r="N3938" i="5" s="1"/>
  <c r="K2051" i="2"/>
  <c r="K2025" i="5" s="1"/>
  <c r="O2025" i="5" s="1"/>
  <c r="L7972" i="2"/>
  <c r="L7946" i="5" s="1"/>
  <c r="K7955" i="2"/>
  <c r="K7929" i="5" s="1"/>
  <c r="O7929" i="5" s="1"/>
  <c r="L4459" i="2"/>
  <c r="L4433" i="5" s="1"/>
  <c r="J2995" i="2"/>
  <c r="J2969" i="5" s="1"/>
  <c r="N2969" i="5" s="1"/>
  <c r="I5693" i="2"/>
  <c r="I5667" i="5" s="1"/>
  <c r="I4914" i="2"/>
  <c r="I4888" i="5" s="1"/>
  <c r="J1281" i="2"/>
  <c r="J1255" i="5" s="1"/>
  <c r="N1255" i="5" s="1"/>
  <c r="M4911" i="2"/>
  <c r="M4885" i="5" s="1"/>
  <c r="P4885" i="5" s="1"/>
  <c r="I5167" i="2"/>
  <c r="I5141" i="5" s="1"/>
  <c r="I7106" i="2"/>
  <c r="I7080" i="5" s="1"/>
  <c r="M145" i="2"/>
  <c r="M119" i="5" s="1"/>
  <c r="P119" i="5" s="1"/>
  <c r="L6860" i="2"/>
  <c r="L6834" i="5" s="1"/>
  <c r="K3783" i="2"/>
  <c r="K3757" i="5" s="1"/>
  <c r="M3341" i="2"/>
  <c r="M3315" i="5" s="1"/>
  <c r="P3315" i="5" s="1"/>
  <c r="M6453" i="2"/>
  <c r="M6427" i="5" s="1"/>
  <c r="P6427" i="5" s="1"/>
  <c r="K4350" i="2"/>
  <c r="K4324" i="5" s="1"/>
  <c r="O4324" i="5" s="1"/>
  <c r="L6250" i="2"/>
  <c r="L6224" i="5" s="1"/>
  <c r="L5660" i="2"/>
  <c r="L5634" i="5" s="1"/>
  <c r="M6633" i="2"/>
  <c r="M6607" i="5" s="1"/>
  <c r="P6607" i="5" s="1"/>
  <c r="L7694" i="2"/>
  <c r="L7668" i="5" s="1"/>
  <c r="K1134" i="2"/>
  <c r="K1108" i="5" s="1"/>
  <c r="O1108" i="5" s="1"/>
  <c r="M6262" i="2"/>
  <c r="M6236" i="5" s="1"/>
  <c r="P6236" i="5" s="1"/>
  <c r="L5518" i="2"/>
  <c r="L5492" i="5" s="1"/>
  <c r="K8444" i="2"/>
  <c r="K8418" i="5" s="1"/>
  <c r="M4294" i="2"/>
  <c r="M4268" i="5" s="1"/>
  <c r="P4268" i="5" s="1"/>
  <c r="I8696" i="2"/>
  <c r="I8670" i="5" s="1"/>
  <c r="I4480" i="2"/>
  <c r="I4454" i="5" s="1"/>
  <c r="M2284" i="2"/>
  <c r="M2258" i="5" s="1"/>
  <c r="P2258" i="5" s="1"/>
  <c r="I408" i="2"/>
  <c r="I382" i="5" s="1"/>
  <c r="K6449" i="2"/>
  <c r="K6423" i="5" s="1"/>
  <c r="M2559" i="2"/>
  <c r="M2533" i="5" s="1"/>
  <c r="P2533" i="5" s="1"/>
  <c r="K209" i="2"/>
  <c r="K183" i="5" s="1"/>
  <c r="L5616" i="2"/>
  <c r="L5590" i="5" s="1"/>
  <c r="M3060" i="2"/>
  <c r="M3034" i="5" s="1"/>
  <c r="P3034" i="5" s="1"/>
  <c r="J4770" i="2"/>
  <c r="J4744" i="5" s="1"/>
  <c r="N4744" i="5" s="1"/>
  <c r="M7181" i="2"/>
  <c r="M7155" i="5" s="1"/>
  <c r="P7155" i="5" s="1"/>
  <c r="I7476" i="2"/>
  <c r="I7450" i="5" s="1"/>
  <c r="J4334" i="2"/>
  <c r="J4308" i="5" s="1"/>
  <c r="N4308" i="5" s="1"/>
  <c r="L82" i="2"/>
  <c r="L56" i="5" s="1"/>
  <c r="I2624" i="2"/>
  <c r="I2598" i="5" s="1"/>
  <c r="L823" i="2"/>
  <c r="L797" i="5" s="1"/>
  <c r="K6271" i="2"/>
  <c r="K6245" i="5" s="1"/>
  <c r="M6438" i="2"/>
  <c r="M6412" i="5" s="1"/>
  <c r="P6412" i="5" s="1"/>
  <c r="I3252" i="2"/>
  <c r="I3226" i="5" s="1"/>
  <c r="J6134" i="2"/>
  <c r="J6108" i="5" s="1"/>
  <c r="N6108" i="5" s="1"/>
  <c r="I6255" i="2"/>
  <c r="I6229" i="5" s="1"/>
  <c r="M1804" i="2"/>
  <c r="M1778" i="5" s="1"/>
  <c r="P1778" i="5" s="1"/>
  <c r="M8105" i="2"/>
  <c r="M8079" i="5" s="1"/>
  <c r="P8079" i="5" s="1"/>
  <c r="I748" i="2"/>
  <c r="I722" i="5" s="1"/>
  <c r="I5022" i="2"/>
  <c r="I4996" i="5" s="1"/>
  <c r="K1635" i="2"/>
  <c r="K1609" i="5" s="1"/>
  <c r="L7857" i="2"/>
  <c r="L7831" i="5" s="1"/>
  <c r="L4481" i="2"/>
  <c r="L4455" i="5" s="1"/>
  <c r="L5819" i="2"/>
  <c r="L5793" i="5" s="1"/>
  <c r="L5841" i="2"/>
  <c r="L5815" i="5" s="1"/>
  <c r="J1275" i="2"/>
  <c r="J1249" i="5" s="1"/>
  <c r="N1249" i="5" s="1"/>
  <c r="J4257" i="2"/>
  <c r="J4231" i="5" s="1"/>
  <c r="N4231" i="5" s="1"/>
  <c r="K4963" i="2"/>
  <c r="K4937" i="5" s="1"/>
  <c r="K5326" i="2"/>
  <c r="K5300" i="5" s="1"/>
  <c r="L3106" i="2"/>
  <c r="L3080" i="5" s="1"/>
  <c r="I2930" i="2"/>
  <c r="I2904" i="5" s="1"/>
  <c r="J6490" i="2"/>
  <c r="J6464" i="5" s="1"/>
  <c r="N6464" i="5" s="1"/>
  <c r="K4633" i="2"/>
  <c r="K4607" i="5" s="1"/>
  <c r="O4607" i="5" s="1"/>
  <c r="M2555" i="2"/>
  <c r="M2529" i="5" s="1"/>
  <c r="P2529" i="5" s="1"/>
  <c r="J965" i="2"/>
  <c r="J939" i="5" s="1"/>
  <c r="K1821" i="2"/>
  <c r="K1795" i="5" s="1"/>
  <c r="O1795" i="5" s="1"/>
  <c r="L2828" i="2"/>
  <c r="L2802" i="5" s="1"/>
  <c r="M7536" i="2"/>
  <c r="M7510" i="5" s="1"/>
  <c r="P7510" i="5" s="1"/>
  <c r="J4746" i="2"/>
  <c r="J4720" i="5" s="1"/>
  <c r="N4720" i="5" s="1"/>
  <c r="M5138" i="2"/>
  <c r="M5112" i="5" s="1"/>
  <c r="P5112" i="5" s="1"/>
  <c r="M597" i="2"/>
  <c r="M571" i="5" s="1"/>
  <c r="P571" i="5" s="1"/>
  <c r="L3007" i="2"/>
  <c r="L2981" i="5" s="1"/>
  <c r="M5297" i="2"/>
  <c r="M5271" i="5" s="1"/>
  <c r="P5271" i="5" s="1"/>
  <c r="K5682" i="2"/>
  <c r="K5656" i="5" s="1"/>
  <c r="I2298" i="2"/>
  <c r="I2272" i="5" s="1"/>
  <c r="L152" i="2"/>
  <c r="L126" i="5" s="1"/>
  <c r="M5581" i="2"/>
  <c r="M5555" i="5" s="1"/>
  <c r="P5555" i="5" s="1"/>
  <c r="M3445" i="2"/>
  <c r="M3419" i="5" s="1"/>
  <c r="P3419" i="5" s="1"/>
  <c r="I809" i="2"/>
  <c r="I783" i="5" s="1"/>
  <c r="I3638" i="2"/>
  <c r="I3612" i="5" s="1"/>
  <c r="J6349" i="2"/>
  <c r="J6323" i="5" s="1"/>
  <c r="N6323" i="5" s="1"/>
  <c r="M6995" i="2"/>
  <c r="M6969" i="5" s="1"/>
  <c r="P6969" i="5" s="1"/>
  <c r="K66" i="2"/>
  <c r="K40" i="5" s="1"/>
  <c r="I410" i="2"/>
  <c r="I384" i="5" s="1"/>
  <c r="M394" i="2"/>
  <c r="M368" i="5" s="1"/>
  <c r="P368" i="5" s="1"/>
  <c r="J4931" i="2"/>
  <c r="J4905" i="5" s="1"/>
  <c r="N4905" i="5" s="1"/>
  <c r="K7516" i="2"/>
  <c r="K7490" i="5" s="1"/>
  <c r="J7461" i="2"/>
  <c r="J7435" i="5" s="1"/>
  <c r="N7435" i="5" s="1"/>
  <c r="J777" i="2"/>
  <c r="J751" i="5" s="1"/>
  <c r="N751" i="5" s="1"/>
  <c r="L7632" i="2"/>
  <c r="L7606" i="5" s="1"/>
  <c r="K5425" i="2"/>
  <c r="K5399" i="5" s="1"/>
  <c r="L4636" i="2"/>
  <c r="L4610" i="5" s="1"/>
  <c r="K2777" i="2"/>
  <c r="K2751" i="5" s="1"/>
  <c r="I8376" i="2"/>
  <c r="I8350" i="5" s="1"/>
  <c r="I1213" i="2"/>
  <c r="I1187" i="5" s="1"/>
  <c r="M4682" i="2"/>
  <c r="M4656" i="5" s="1"/>
  <c r="P4656" i="5" s="1"/>
  <c r="I7790" i="2"/>
  <c r="I7764" i="5" s="1"/>
  <c r="M81" i="2"/>
  <c r="M55" i="5" s="1"/>
  <c r="P55" i="5" s="1"/>
  <c r="M8681" i="2"/>
  <c r="M8655" i="5" s="1"/>
  <c r="P8655" i="5" s="1"/>
  <c r="M1717" i="2"/>
  <c r="M1691" i="5" s="1"/>
  <c r="P1691" i="5" s="1"/>
  <c r="I2725" i="2"/>
  <c r="I2699" i="5" s="1"/>
  <c r="J818" i="2"/>
  <c r="J792" i="5" s="1"/>
  <c r="J6368" i="2"/>
  <c r="J6342" i="5" s="1"/>
  <c r="J5431" i="2"/>
  <c r="J5405" i="5" s="1"/>
  <c r="N5405" i="5" s="1"/>
  <c r="I3950" i="2"/>
  <c r="I3924" i="5" s="1"/>
  <c r="M1647" i="2"/>
  <c r="M1621" i="5" s="1"/>
  <c r="P1621" i="5" s="1"/>
  <c r="I3167" i="2"/>
  <c r="I3141" i="5" s="1"/>
  <c r="K5176" i="2"/>
  <c r="K5150" i="5" s="1"/>
  <c r="O5150" i="5" s="1"/>
  <c r="J6651" i="2"/>
  <c r="J6625" i="5" s="1"/>
  <c r="N6625" i="5" s="1"/>
  <c r="M3157" i="2"/>
  <c r="M3131" i="5" s="1"/>
  <c r="P3131" i="5" s="1"/>
  <c r="L1146" i="2"/>
  <c r="L1120" i="5" s="1"/>
  <c r="L3633" i="2"/>
  <c r="L3607" i="5" s="1"/>
  <c r="I8214" i="2"/>
  <c r="I8188" i="5" s="1"/>
  <c r="M1646" i="2"/>
  <c r="M1620" i="5" s="1"/>
  <c r="P1620" i="5" s="1"/>
  <c r="L7169" i="2"/>
  <c r="L7143" i="5" s="1"/>
  <c r="M5758" i="2"/>
  <c r="M5732" i="5" s="1"/>
  <c r="P5732" i="5" s="1"/>
  <c r="J4429" i="2"/>
  <c r="J4403" i="5" s="1"/>
  <c r="N4403" i="5" s="1"/>
  <c r="I2656" i="2"/>
  <c r="I2630" i="5" s="1"/>
  <c r="I3231" i="2"/>
  <c r="I3205" i="5" s="1"/>
  <c r="J1776" i="2"/>
  <c r="J1750" i="5" s="1"/>
  <c r="L5487" i="2"/>
  <c r="L5461" i="5" s="1"/>
  <c r="I5096" i="2"/>
  <c r="I5070" i="5" s="1"/>
  <c r="M299" i="2"/>
  <c r="M273" i="5" s="1"/>
  <c r="P273" i="5" s="1"/>
  <c r="K8195" i="2"/>
  <c r="K8169" i="5" s="1"/>
  <c r="M92" i="2"/>
  <c r="M66" i="5" s="1"/>
  <c r="P66" i="5" s="1"/>
  <c r="L4755" i="2"/>
  <c r="L4729" i="5" s="1"/>
  <c r="J8289" i="2"/>
  <c r="J8263" i="5" s="1"/>
  <c r="N8263" i="5" s="1"/>
  <c r="K1831" i="2"/>
  <c r="K1805" i="5" s="1"/>
  <c r="L4258" i="2"/>
  <c r="L4232" i="5" s="1"/>
  <c r="J3755" i="2"/>
  <c r="J3729" i="5" s="1"/>
  <c r="N3729" i="5" s="1"/>
  <c r="K8329" i="2"/>
  <c r="K8303" i="5" s="1"/>
  <c r="K2062" i="2"/>
  <c r="K2036" i="5" s="1"/>
  <c r="L4075" i="2"/>
  <c r="L4049" i="5" s="1"/>
  <c r="K5414" i="2"/>
  <c r="K5388" i="5" s="1"/>
  <c r="J3244" i="2"/>
  <c r="J3218" i="5" s="1"/>
  <c r="N3218" i="5" s="1"/>
  <c r="J1446" i="2"/>
  <c r="J1420" i="5" s="1"/>
  <c r="N1420" i="5" s="1"/>
  <c r="L1957" i="2"/>
  <c r="L1931" i="5" s="1"/>
  <c r="K1319" i="2"/>
  <c r="K1293" i="5" s="1"/>
  <c r="L6865" i="2"/>
  <c r="L6839" i="5" s="1"/>
  <c r="I7829" i="2"/>
  <c r="I7803" i="5" s="1"/>
  <c r="J3120" i="2"/>
  <c r="J3094" i="5" s="1"/>
  <c r="L3432" i="2"/>
  <c r="L3406" i="5" s="1"/>
  <c r="M3311" i="2"/>
  <c r="M3285" i="5" s="1"/>
  <c r="P3285" i="5" s="1"/>
  <c r="J7313" i="2"/>
  <c r="J7287" i="5" s="1"/>
  <c r="K3136" i="2"/>
  <c r="K3110" i="5" s="1"/>
  <c r="O3110" i="5" s="1"/>
  <c r="L2782" i="2"/>
  <c r="L2756" i="5" s="1"/>
  <c r="I5955" i="2"/>
  <c r="I5929" i="5" s="1"/>
  <c r="I2988" i="2"/>
  <c r="I2962" i="5" s="1"/>
  <c r="K7165" i="2"/>
  <c r="K7139" i="5" s="1"/>
  <c r="L5481" i="2"/>
  <c r="L5455" i="5" s="1"/>
  <c r="L2092" i="2"/>
  <c r="L2066" i="5" s="1"/>
  <c r="M223" i="2"/>
  <c r="M197" i="5" s="1"/>
  <c r="P197" i="5" s="1"/>
  <c r="J7674" i="2"/>
  <c r="J7648" i="5" s="1"/>
  <c r="N7648" i="5" s="1"/>
  <c r="J467" i="2"/>
  <c r="J441" i="5" s="1"/>
  <c r="N441" i="5" s="1"/>
  <c r="K8157" i="2"/>
  <c r="K8131" i="5" s="1"/>
  <c r="K3916" i="2"/>
  <c r="K3890" i="5" s="1"/>
  <c r="J8643" i="2"/>
  <c r="J8617" i="5" s="1"/>
  <c r="M1135" i="2"/>
  <c r="M1109" i="5" s="1"/>
  <c r="P1109" i="5" s="1"/>
  <c r="K6093" i="2"/>
  <c r="K6067" i="5" s="1"/>
  <c r="K6347" i="2"/>
  <c r="K6321" i="5" s="1"/>
  <c r="L3995" i="2"/>
  <c r="L3969" i="5" s="1"/>
  <c r="M2610" i="2"/>
  <c r="M2584" i="5" s="1"/>
  <c r="P2584" i="5" s="1"/>
  <c r="K3325" i="2"/>
  <c r="K3299" i="5" s="1"/>
  <c r="M7692" i="2"/>
  <c r="M7666" i="5" s="1"/>
  <c r="P7666" i="5" s="1"/>
  <c r="I8546" i="2"/>
  <c r="I8520" i="5" s="1"/>
  <c r="K4965" i="2"/>
  <c r="K4939" i="5" s="1"/>
  <c r="L2824" i="2"/>
  <c r="L2798" i="5" s="1"/>
  <c r="J2734" i="2"/>
  <c r="J2708" i="5" s="1"/>
  <c r="N2708" i="5" s="1"/>
  <c r="J5299" i="2"/>
  <c r="J5273" i="5" s="1"/>
  <c r="N5273" i="5" s="1"/>
  <c r="K7840" i="2"/>
  <c r="K7814" i="5" s="1"/>
  <c r="O7814" i="5" s="1"/>
  <c r="I980" i="2"/>
  <c r="I954" i="5" s="1"/>
  <c r="I8210" i="2"/>
  <c r="I8184" i="5" s="1"/>
  <c r="L456" i="2"/>
  <c r="L430" i="5" s="1"/>
  <c r="M6503" i="2"/>
  <c r="M6477" i="5" s="1"/>
  <c r="P6477" i="5" s="1"/>
  <c r="I4936" i="2"/>
  <c r="I4910" i="5" s="1"/>
  <c r="K8380" i="2"/>
  <c r="K8354" i="5" s="1"/>
  <c r="I5746" i="2"/>
  <c r="I5720" i="5" s="1"/>
  <c r="K3796" i="2"/>
  <c r="K3770" i="5" s="1"/>
  <c r="M4974" i="2"/>
  <c r="M4948" i="5" s="1"/>
  <c r="P4948" i="5" s="1"/>
  <c r="L801" i="2"/>
  <c r="L775" i="5" s="1"/>
  <c r="J6953" i="2"/>
  <c r="J6927" i="5" s="1"/>
  <c r="N6927" i="5" s="1"/>
  <c r="K1830" i="2"/>
  <c r="K1804" i="5" s="1"/>
  <c r="K1659" i="2"/>
  <c r="K1633" i="5" s="1"/>
  <c r="J2319" i="2"/>
  <c r="J2293" i="5" s="1"/>
  <c r="N2293" i="5" s="1"/>
  <c r="L476" i="2"/>
  <c r="L450" i="5" s="1"/>
  <c r="I1097" i="2"/>
  <c r="I1071" i="5" s="1"/>
  <c r="L4582" i="2"/>
  <c r="L4556" i="5" s="1"/>
  <c r="L1967" i="2"/>
  <c r="L1941" i="5" s="1"/>
  <c r="J3568" i="2"/>
  <c r="J3542" i="5" s="1"/>
  <c r="N3542" i="5" s="1"/>
  <c r="J564" i="2"/>
  <c r="J538" i="5" s="1"/>
  <c r="N538" i="5" s="1"/>
  <c r="M6460" i="2"/>
  <c r="M6434" i="5" s="1"/>
  <c r="P6434" i="5" s="1"/>
  <c r="L5807" i="2"/>
  <c r="L5781" i="5" s="1"/>
  <c r="I7939" i="2"/>
  <c r="I7913" i="5" s="1"/>
  <c r="M3925" i="2"/>
  <c r="M3899" i="5" s="1"/>
  <c r="P3899" i="5" s="1"/>
  <c r="J950" i="2"/>
  <c r="J924" i="5" s="1"/>
  <c r="N924" i="5" s="1"/>
  <c r="L1258" i="2"/>
  <c r="L1232" i="5" s="1"/>
  <c r="I1153" i="2"/>
  <c r="I1127" i="5" s="1"/>
  <c r="L1814" i="2"/>
  <c r="L1788" i="5" s="1"/>
  <c r="L2111" i="2"/>
  <c r="L2085" i="5" s="1"/>
  <c r="K2628" i="2"/>
  <c r="K2602" i="5" s="1"/>
  <c r="L452" i="2"/>
  <c r="L426" i="5" s="1"/>
  <c r="L3905" i="2"/>
  <c r="L3879" i="5" s="1"/>
  <c r="M1274" i="2"/>
  <c r="M1248" i="5" s="1"/>
  <c r="P1248" i="5" s="1"/>
  <c r="J8538" i="2"/>
  <c r="J8512" i="5" s="1"/>
  <c r="K7014" i="2"/>
  <c r="K6988" i="5" s="1"/>
  <c r="L8647" i="2"/>
  <c r="L8621" i="5" s="1"/>
  <c r="J6465" i="2"/>
  <c r="J6439" i="5" s="1"/>
  <c r="N6439" i="5" s="1"/>
  <c r="M3905" i="2"/>
  <c r="M3879" i="5" s="1"/>
  <c r="P3879" i="5" s="1"/>
  <c r="I4001" i="2"/>
  <c r="I3975" i="5" s="1"/>
  <c r="I6685" i="2"/>
  <c r="I6659" i="5" s="1"/>
  <c r="M6504" i="2"/>
  <c r="M6478" i="5" s="1"/>
  <c r="P6478" i="5" s="1"/>
  <c r="I6430" i="2"/>
  <c r="I6404" i="5" s="1"/>
  <c r="L4114" i="2"/>
  <c r="L4088" i="5" s="1"/>
  <c r="K952" i="2"/>
  <c r="K926" i="5" s="1"/>
  <c r="O926" i="5" s="1"/>
  <c r="I5659" i="2"/>
  <c r="I5633" i="5" s="1"/>
  <c r="M2976" i="2"/>
  <c r="M2950" i="5" s="1"/>
  <c r="P2950" i="5" s="1"/>
  <c r="K8466" i="2"/>
  <c r="K8440" i="5" s="1"/>
  <c r="L2668" i="2"/>
  <c r="L2642" i="5" s="1"/>
  <c r="K8477" i="2"/>
  <c r="K8451" i="5" s="1"/>
  <c r="I8209" i="2"/>
  <c r="I8183" i="5" s="1"/>
  <c r="L6458" i="2"/>
  <c r="L6432" i="5" s="1"/>
  <c r="L1800" i="2"/>
  <c r="L1774" i="5" s="1"/>
  <c r="K406" i="2"/>
  <c r="K380" i="5" s="1"/>
  <c r="L5480" i="2"/>
  <c r="L5454" i="5" s="1"/>
  <c r="I2654" i="2"/>
  <c r="I2628" i="5" s="1"/>
  <c r="L8003" i="2"/>
  <c r="L7977" i="5" s="1"/>
  <c r="J1784" i="2"/>
  <c r="J1758" i="5" s="1"/>
  <c r="N1758" i="5" s="1"/>
  <c r="J6512" i="2"/>
  <c r="J6486" i="5" s="1"/>
  <c r="N6486" i="5" s="1"/>
  <c r="M71" i="2"/>
  <c r="M45" i="5" s="1"/>
  <c r="P45" i="5" s="1"/>
  <c r="I5815" i="2"/>
  <c r="I5789" i="5" s="1"/>
  <c r="J310" i="2"/>
  <c r="J284" i="5" s="1"/>
  <c r="N284" i="5" s="1"/>
  <c r="M3174" i="2"/>
  <c r="M3148" i="5" s="1"/>
  <c r="P3148" i="5" s="1"/>
  <c r="K4268" i="2"/>
  <c r="K4242" i="5" s="1"/>
  <c r="O4242" i="5" s="1"/>
  <c r="L4950" i="2"/>
  <c r="L4924" i="5" s="1"/>
  <c r="L7843" i="2"/>
  <c r="L7817" i="5" s="1"/>
  <c r="K3308" i="2"/>
  <c r="K3282" i="5" s="1"/>
  <c r="M7369" i="2"/>
  <c r="M7343" i="5" s="1"/>
  <c r="P7343" i="5" s="1"/>
  <c r="L1831" i="2"/>
  <c r="L1805" i="5" s="1"/>
  <c r="M2064" i="2"/>
  <c r="M2038" i="5" s="1"/>
  <c r="P2038" i="5" s="1"/>
  <c r="M4442" i="2"/>
  <c r="M4416" i="5" s="1"/>
  <c r="P4416" i="5" s="1"/>
  <c r="L759" i="2"/>
  <c r="L733" i="5" s="1"/>
  <c r="J1779" i="2"/>
  <c r="J1753" i="5" s="1"/>
  <c r="N1753" i="5" s="1"/>
  <c r="J414" i="2"/>
  <c r="J388" i="5" s="1"/>
  <c r="M7679" i="2"/>
  <c r="M7653" i="5" s="1"/>
  <c r="P7653" i="5" s="1"/>
  <c r="J4276" i="2"/>
  <c r="J4250" i="5" s="1"/>
  <c r="K1975" i="2"/>
  <c r="K1949" i="5" s="1"/>
  <c r="O1949" i="5" s="1"/>
  <c r="L4750" i="2"/>
  <c r="L4724" i="5" s="1"/>
  <c r="K3256" i="2"/>
  <c r="K3230" i="5" s="1"/>
  <c r="O3230" i="5" s="1"/>
  <c r="I617" i="2"/>
  <c r="I591" i="5" s="1"/>
  <c r="I2829" i="2"/>
  <c r="I2803" i="5" s="1"/>
  <c r="M7197" i="2"/>
  <c r="M7171" i="5" s="1"/>
  <c r="P7171" i="5" s="1"/>
  <c r="M4456" i="2"/>
  <c r="M4430" i="5" s="1"/>
  <c r="P4430" i="5" s="1"/>
  <c r="J7119" i="2"/>
  <c r="J7093" i="5" s="1"/>
  <c r="N7093" i="5" s="1"/>
  <c r="J6013" i="2"/>
  <c r="J5987" i="5" s="1"/>
  <c r="N5987" i="5" s="1"/>
  <c r="J5667" i="2"/>
  <c r="J5641" i="5" s="1"/>
  <c r="N5641" i="5" s="1"/>
  <c r="M3917" i="2"/>
  <c r="M3891" i="5" s="1"/>
  <c r="P3891" i="5" s="1"/>
  <c r="M6517" i="2"/>
  <c r="M6491" i="5" s="1"/>
  <c r="P6491" i="5" s="1"/>
  <c r="M4446" i="2"/>
  <c r="M4420" i="5" s="1"/>
  <c r="P4420" i="5" s="1"/>
  <c r="K91" i="2"/>
  <c r="K65" i="5" s="1"/>
  <c r="K2805" i="2"/>
  <c r="K2779" i="5" s="1"/>
  <c r="M415" i="2"/>
  <c r="M389" i="5" s="1"/>
  <c r="P389" i="5" s="1"/>
  <c r="M4507" i="2"/>
  <c r="M4481" i="5" s="1"/>
  <c r="P4481" i="5" s="1"/>
  <c r="J2820" i="2"/>
  <c r="J2794" i="5" s="1"/>
  <c r="K3622" i="2"/>
  <c r="K3596" i="5" s="1"/>
  <c r="O3596" i="5" s="1"/>
  <c r="L3653" i="2"/>
  <c r="L3627" i="5" s="1"/>
  <c r="I8385" i="2"/>
  <c r="I8359" i="5" s="1"/>
  <c r="M1805" i="2"/>
  <c r="M1779" i="5" s="1"/>
  <c r="P1779" i="5" s="1"/>
  <c r="L781" i="2"/>
  <c r="L755" i="5" s="1"/>
  <c r="M5616" i="2"/>
  <c r="M5590" i="5" s="1"/>
  <c r="P5590" i="5" s="1"/>
  <c r="M5179" i="2"/>
  <c r="M5153" i="5" s="1"/>
  <c r="P5153" i="5" s="1"/>
  <c r="L1320" i="2"/>
  <c r="L1294" i="5" s="1"/>
  <c r="J6195" i="2"/>
  <c r="J6169" i="5" s="1"/>
  <c r="I7163" i="2"/>
  <c r="I7137" i="5" s="1"/>
  <c r="M6419" i="2"/>
  <c r="M6393" i="5" s="1"/>
  <c r="P6393" i="5" s="1"/>
  <c r="M6030" i="2"/>
  <c r="M6004" i="5" s="1"/>
  <c r="P6004" i="5" s="1"/>
  <c r="J5600" i="2"/>
  <c r="J5574" i="5" s="1"/>
  <c r="N5574" i="5" s="1"/>
  <c r="I7271" i="2"/>
  <c r="I7245" i="5" s="1"/>
  <c r="L650" i="2"/>
  <c r="L624" i="5" s="1"/>
  <c r="M3317" i="2"/>
  <c r="M3291" i="5" s="1"/>
  <c r="P3291" i="5" s="1"/>
  <c r="L413" i="2"/>
  <c r="L387" i="5" s="1"/>
  <c r="J7106" i="2"/>
  <c r="J7080" i="5" s="1"/>
  <c r="N7080" i="5" s="1"/>
  <c r="J4480" i="2"/>
  <c r="J4454" i="5" s="1"/>
  <c r="I2841" i="2"/>
  <c r="I2815" i="5" s="1"/>
  <c r="M2393" i="2"/>
  <c r="M2367" i="5" s="1"/>
  <c r="P2367" i="5" s="1"/>
  <c r="K767" i="2"/>
  <c r="K741" i="5" s="1"/>
  <c r="J3932" i="2"/>
  <c r="J3906" i="5" s="1"/>
  <c r="N3906" i="5" s="1"/>
  <c r="J7811" i="2"/>
  <c r="J7785" i="5" s="1"/>
  <c r="N7785" i="5" s="1"/>
  <c r="M5589" i="2"/>
  <c r="M5563" i="5" s="1"/>
  <c r="P5563" i="5" s="1"/>
  <c r="K930" i="2"/>
  <c r="K904" i="5" s="1"/>
  <c r="J969" i="2"/>
  <c r="J943" i="5" s="1"/>
  <c r="N943" i="5" s="1"/>
  <c r="L3444" i="2"/>
  <c r="L3418" i="5" s="1"/>
  <c r="K6250" i="2"/>
  <c r="K6224" i="5" s="1"/>
  <c r="I765" i="2"/>
  <c r="I739" i="5" s="1"/>
  <c r="I209" i="2"/>
  <c r="I183" i="5" s="1"/>
  <c r="I4497" i="2"/>
  <c r="I4471" i="5" s="1"/>
  <c r="I3512" i="2"/>
  <c r="I3486" i="5" s="1"/>
  <c r="L7670" i="2"/>
  <c r="L7644" i="5" s="1"/>
  <c r="L7774" i="2"/>
  <c r="L7748" i="5" s="1"/>
  <c r="J319" i="2"/>
  <c r="J293" i="5" s="1"/>
  <c r="N293" i="5" s="1"/>
  <c r="K6794" i="2"/>
  <c r="K6768" i="5" s="1"/>
  <c r="O6768" i="5" s="1"/>
  <c r="K2559" i="2"/>
  <c r="K2533" i="5" s="1"/>
  <c r="J1078" i="2"/>
  <c r="J1052" i="5" s="1"/>
  <c r="N1052" i="5" s="1"/>
  <c r="I5159" i="2"/>
  <c r="I5133" i="5" s="1"/>
  <c r="M1293" i="2"/>
  <c r="M1267" i="5" s="1"/>
  <c r="P1267" i="5" s="1"/>
  <c r="I821" i="2"/>
  <c r="I795" i="5" s="1"/>
  <c r="J810" i="2"/>
  <c r="J784" i="5" s="1"/>
  <c r="N784" i="5" s="1"/>
  <c r="I3631" i="2"/>
  <c r="I3605" i="5" s="1"/>
  <c r="M4948" i="2"/>
  <c r="M4922" i="5" s="1"/>
  <c r="P4922" i="5" s="1"/>
  <c r="I5308" i="2"/>
  <c r="I5282" i="5" s="1"/>
  <c r="M3512" i="2"/>
  <c r="M3486" i="5" s="1"/>
  <c r="P3486" i="5" s="1"/>
  <c r="M3276" i="2"/>
  <c r="M3250" i="5" s="1"/>
  <c r="P3250" i="5" s="1"/>
  <c r="I7010" i="2"/>
  <c r="I6984" i="5" s="1"/>
  <c r="I2903" i="2"/>
  <c r="I2877" i="5" s="1"/>
  <c r="K4911" i="2"/>
  <c r="K4885" i="5" s="1"/>
  <c r="O4885" i="5" s="1"/>
  <c r="J1118" i="2"/>
  <c r="J1092" i="5" s="1"/>
  <c r="N1092" i="5" s="1"/>
  <c r="M1281" i="2"/>
  <c r="M1255" i="5" s="1"/>
  <c r="P1255" i="5" s="1"/>
  <c r="K6453" i="2"/>
  <c r="K6427" i="5" s="1"/>
  <c r="O6427" i="5" s="1"/>
  <c r="I2730" i="2"/>
  <c r="I2704" i="5" s="1"/>
  <c r="M7271" i="2"/>
  <c r="M7245" i="5" s="1"/>
  <c r="P7245" i="5" s="1"/>
  <c r="I650" i="2"/>
  <c r="I624" i="5" s="1"/>
  <c r="J413" i="2"/>
  <c r="J387" i="5" s="1"/>
  <c r="K7106" i="2"/>
  <c r="K7080" i="5" s="1"/>
  <c r="J2841" i="2"/>
  <c r="J2815" i="5" s="1"/>
  <c r="N2815" i="5" s="1"/>
  <c r="I1572" i="2"/>
  <c r="I1546" i="5" s="1"/>
  <c r="L7765" i="2"/>
  <c r="L7739" i="5" s="1"/>
  <c r="I5828" i="2"/>
  <c r="I5802" i="5" s="1"/>
  <c r="I7811" i="2"/>
  <c r="I7785" i="5" s="1"/>
  <c r="L930" i="2"/>
  <c r="L904" i="5" s="1"/>
  <c r="I969" i="2"/>
  <c r="I943" i="5" s="1"/>
  <c r="K37" i="2"/>
  <c r="K11" i="5" s="1"/>
  <c r="J765" i="2"/>
  <c r="J739" i="5" s="1"/>
  <c r="L209" i="2"/>
  <c r="L183" i="5" s="1"/>
  <c r="M4497" i="2"/>
  <c r="M4471" i="5" s="1"/>
  <c r="P4471" i="5" s="1"/>
  <c r="I7932" i="2"/>
  <c r="I7906" i="5" s="1"/>
  <c r="I3964" i="2"/>
  <c r="I3938" i="5" s="1"/>
  <c r="I5616" i="2"/>
  <c r="I5590" i="5" s="1"/>
  <c r="K708" i="2"/>
  <c r="K682" i="5" s="1"/>
  <c r="M319" i="2"/>
  <c r="M293" i="5" s="1"/>
  <c r="P293" i="5" s="1"/>
  <c r="J5690" i="2"/>
  <c r="J5664" i="5" s="1"/>
  <c r="N5664" i="5" s="1"/>
  <c r="M6794" i="2"/>
  <c r="M6768" i="5" s="1"/>
  <c r="P6768" i="5" s="1"/>
  <c r="J247" i="2"/>
  <c r="J221" i="5" s="1"/>
  <c r="N221" i="5" s="1"/>
  <c r="J3276" i="2"/>
  <c r="J3250" i="5" s="1"/>
  <c r="N3250" i="5" s="1"/>
  <c r="L3336" i="2"/>
  <c r="L3310" i="5" s="1"/>
  <c r="K8127" i="2"/>
  <c r="K8101" i="5" s="1"/>
  <c r="M2304" i="2"/>
  <c r="M2278" i="5" s="1"/>
  <c r="P2278" i="5" s="1"/>
  <c r="L1136" i="2"/>
  <c r="L1110" i="5" s="1"/>
  <c r="I6362" i="2"/>
  <c r="I6336" i="5" s="1"/>
  <c r="K5440" i="2"/>
  <c r="K5414" i="5" s="1"/>
  <c r="I6006" i="2"/>
  <c r="I5980" i="5" s="1"/>
  <c r="K7488" i="2"/>
  <c r="K7462" i="5" s="1"/>
  <c r="L4966" i="2"/>
  <c r="L4940" i="5" s="1"/>
  <c r="J5921" i="2"/>
  <c r="J5895" i="5" s="1"/>
  <c r="N5895" i="5" s="1"/>
  <c r="K7944" i="2"/>
  <c r="K7918" i="5" s="1"/>
  <c r="L2153" i="2"/>
  <c r="L2127" i="5" s="1"/>
  <c r="L4069" i="2"/>
  <c r="L4043" i="5" s="1"/>
  <c r="I1118" i="2"/>
  <c r="I1092" i="5" s="1"/>
  <c r="K1281" i="2"/>
  <c r="K1255" i="5" s="1"/>
  <c r="O1255" i="5" s="1"/>
  <c r="K2730" i="2"/>
  <c r="K2704" i="5" s="1"/>
  <c r="I3317" i="2"/>
  <c r="I3291" i="5" s="1"/>
  <c r="I413" i="2"/>
  <c r="I387" i="5" s="1"/>
  <c r="L6649" i="2"/>
  <c r="L6623" i="5" s="1"/>
  <c r="L2841" i="2"/>
  <c r="L2815" i="5" s="1"/>
  <c r="M4350" i="2"/>
  <c r="M4324" i="5" s="1"/>
  <c r="P4324" i="5" s="1"/>
  <c r="K7942" i="2"/>
  <c r="K7916" i="5" s="1"/>
  <c r="J1572" i="2"/>
  <c r="J1546" i="5" s="1"/>
  <c r="N1546" i="5" s="1"/>
  <c r="J7765" i="2"/>
  <c r="J7739" i="5" s="1"/>
  <c r="N7739" i="5" s="1"/>
  <c r="M5828" i="2"/>
  <c r="M5802" i="5" s="1"/>
  <c r="P5802" i="5" s="1"/>
  <c r="I7465" i="2"/>
  <c r="I7439" i="5" s="1"/>
  <c r="M7811" i="2"/>
  <c r="M7785" i="5" s="1"/>
  <c r="P7785" i="5" s="1"/>
  <c r="M969" i="2"/>
  <c r="M943" i="5" s="1"/>
  <c r="P943" i="5" s="1"/>
  <c r="L4294" i="2"/>
  <c r="L4268" i="5" s="1"/>
  <c r="M3648" i="2"/>
  <c r="M3622" i="5" s="1"/>
  <c r="P3622" i="5" s="1"/>
  <c r="L37" i="2"/>
  <c r="L11" i="5" s="1"/>
  <c r="J5455" i="2"/>
  <c r="J5429" i="5" s="1"/>
  <c r="N5429" i="5" s="1"/>
  <c r="M209" i="2"/>
  <c r="M183" i="5" s="1"/>
  <c r="P183" i="5" s="1"/>
  <c r="I1792" i="2"/>
  <c r="I1766" i="5" s="1"/>
  <c r="J5612" i="2"/>
  <c r="J5586" i="5" s="1"/>
  <c r="N5586" i="5" s="1"/>
  <c r="M7932" i="2"/>
  <c r="M7906" i="5" s="1"/>
  <c r="P7906" i="5" s="1"/>
  <c r="I5986" i="2"/>
  <c r="I5960" i="5" s="1"/>
  <c r="K8029" i="2"/>
  <c r="K8003" i="5" s="1"/>
  <c r="M2244" i="2"/>
  <c r="M2218" i="5" s="1"/>
  <c r="P2218" i="5" s="1"/>
  <c r="K2746" i="2"/>
  <c r="K2720" i="5" s="1"/>
  <c r="L5690" i="2"/>
  <c r="L5664" i="5" s="1"/>
  <c r="J6794" i="2"/>
  <c r="J6768" i="5" s="1"/>
  <c r="I247" i="2"/>
  <c r="I221" i="5" s="1"/>
  <c r="M63" i="2"/>
  <c r="M37" i="5" s="1"/>
  <c r="P37" i="5" s="1"/>
  <c r="J5303" i="2"/>
  <c r="J5277" i="5" s="1"/>
  <c r="N5277" i="5" s="1"/>
  <c r="L3276" i="2"/>
  <c r="L3250" i="5" s="1"/>
  <c r="L4826" i="2"/>
  <c r="L4800" i="5" s="1"/>
  <c r="J4830" i="2"/>
  <c r="J4804" i="5" s="1"/>
  <c r="J8047" i="2"/>
  <c r="J8021" i="5" s="1"/>
  <c r="N8021" i="5" s="1"/>
  <c r="J5088" i="2"/>
  <c r="J5062" i="5" s="1"/>
  <c r="N5062" i="5" s="1"/>
  <c r="M105" i="2"/>
  <c r="M79" i="5" s="1"/>
  <c r="P79" i="5" s="1"/>
  <c r="L3908" i="2"/>
  <c r="L3882" i="5" s="1"/>
  <c r="I8545" i="2"/>
  <c r="I8519" i="5" s="1"/>
  <c r="K6346" i="2"/>
  <c r="K6320" i="5" s="1"/>
  <c r="O6320" i="5" s="1"/>
  <c r="K934" i="2"/>
  <c r="K908" i="5" s="1"/>
  <c r="J4951" i="2"/>
  <c r="J4925" i="5" s="1"/>
  <c r="N4925" i="5" s="1"/>
  <c r="J4578" i="2"/>
  <c r="J4552" i="5" s="1"/>
  <c r="N4552" i="5" s="1"/>
  <c r="L2730" i="2"/>
  <c r="L2704" i="5" s="1"/>
  <c r="J3648" i="2"/>
  <c r="J3622" i="5" s="1"/>
  <c r="K1654" i="2"/>
  <c r="K1628" i="5" s="1"/>
  <c r="K7676" i="2"/>
  <c r="K7650" i="5" s="1"/>
  <c r="I2425" i="2"/>
  <c r="I2399" i="5" s="1"/>
  <c r="K5303" i="2"/>
  <c r="K5277" i="5" s="1"/>
  <c r="I4830" i="2"/>
  <c r="I4804" i="5" s="1"/>
  <c r="L6433" i="2"/>
  <c r="L6407" i="5" s="1"/>
  <c r="K929" i="2"/>
  <c r="K903" i="5" s="1"/>
  <c r="J1147" i="2"/>
  <c r="J1121" i="5" s="1"/>
  <c r="N1121" i="5" s="1"/>
  <c r="J3972" i="2"/>
  <c r="J3946" i="5" s="1"/>
  <c r="N3946" i="5" s="1"/>
  <c r="J7376" i="2"/>
  <c r="J7350" i="5" s="1"/>
  <c r="N7350" i="5" s="1"/>
  <c r="I5127" i="2"/>
  <c r="I5101" i="5" s="1"/>
  <c r="K3648" i="2"/>
  <c r="K3622" i="5" s="1"/>
  <c r="J8009" i="2"/>
  <c r="J7983" i="5" s="1"/>
  <c r="N7983" i="5" s="1"/>
  <c r="K4922" i="2"/>
  <c r="K4896" i="5" s="1"/>
  <c r="I4922" i="2"/>
  <c r="I4896" i="5" s="1"/>
  <c r="M7098" i="2"/>
  <c r="M7072" i="5" s="1"/>
  <c r="P7072" i="5" s="1"/>
  <c r="I7098" i="2"/>
  <c r="I7072" i="5" s="1"/>
  <c r="L5501" i="2"/>
  <c r="L5475" i="5" s="1"/>
  <c r="I5501" i="2"/>
  <c r="I5475" i="5" s="1"/>
  <c r="L5919" i="2"/>
  <c r="L5893" i="5" s="1"/>
  <c r="M5919" i="2"/>
  <c r="M5893" i="5" s="1"/>
  <c r="P5893" i="5" s="1"/>
  <c r="K5919" i="2"/>
  <c r="K5893" i="5" s="1"/>
  <c r="J5919" i="2"/>
  <c r="J5893" i="5" s="1"/>
  <c r="N5893" i="5" s="1"/>
  <c r="J6090" i="2"/>
  <c r="J6064" i="5" s="1"/>
  <c r="M6090" i="2"/>
  <c r="M6064" i="5" s="1"/>
  <c r="P6064" i="5" s="1"/>
  <c r="I6090" i="2"/>
  <c r="I6064" i="5" s="1"/>
  <c r="I3634" i="2"/>
  <c r="I3608" i="5" s="1"/>
  <c r="K3634" i="2"/>
  <c r="K3608" i="5" s="1"/>
  <c r="O3608" i="5" s="1"/>
  <c r="J3634" i="2"/>
  <c r="J3608" i="5" s="1"/>
  <c r="N3608" i="5" s="1"/>
  <c r="M6476" i="2"/>
  <c r="M6450" i="5" s="1"/>
  <c r="P6450" i="5" s="1"/>
  <c r="J6476" i="2"/>
  <c r="J6450" i="5" s="1"/>
  <c r="N6450" i="5" s="1"/>
  <c r="J3342" i="2"/>
  <c r="J3316" i="5" s="1"/>
  <c r="N3316" i="5" s="1"/>
  <c r="M3342" i="2"/>
  <c r="M3316" i="5" s="1"/>
  <c r="P3316" i="5" s="1"/>
  <c r="I3342" i="2"/>
  <c r="I3316" i="5" s="1"/>
  <c r="M2130" i="2"/>
  <c r="M2104" i="5" s="1"/>
  <c r="P2104" i="5" s="1"/>
  <c r="K2130" i="2"/>
  <c r="K2104" i="5" s="1"/>
  <c r="M2283" i="2"/>
  <c r="M2257" i="5" s="1"/>
  <c r="P2257" i="5" s="1"/>
  <c r="I2283" i="2"/>
  <c r="I2257" i="5" s="1"/>
  <c r="I4850" i="2"/>
  <c r="I4824" i="5" s="1"/>
  <c r="M4850" i="2"/>
  <c r="M4824" i="5" s="1"/>
  <c r="P4824" i="5" s="1"/>
  <c r="L6280" i="2"/>
  <c r="L6254" i="5" s="1"/>
  <c r="K6280" i="2"/>
  <c r="K6254" i="5" s="1"/>
  <c r="J6280" i="2"/>
  <c r="J6254" i="5" s="1"/>
  <c r="N6254" i="5" s="1"/>
  <c r="L4291" i="2"/>
  <c r="L4265" i="5" s="1"/>
  <c r="I4291" i="2"/>
  <c r="I4265" i="5" s="1"/>
  <c r="J4291" i="2"/>
  <c r="J4265" i="5" s="1"/>
  <c r="N4265" i="5" s="1"/>
  <c r="I4493" i="2"/>
  <c r="I4467" i="5" s="1"/>
  <c r="K4493" i="2"/>
  <c r="K4467" i="5" s="1"/>
  <c r="M4493" i="2"/>
  <c r="M4467" i="5" s="1"/>
  <c r="P4467" i="5" s="1"/>
  <c r="M646" i="2"/>
  <c r="M620" i="5" s="1"/>
  <c r="P620" i="5" s="1"/>
  <c r="I646" i="2"/>
  <c r="I620" i="5" s="1"/>
  <c r="I417" i="2"/>
  <c r="I391" i="5" s="1"/>
  <c r="K417" i="2"/>
  <c r="K391" i="5" s="1"/>
  <c r="M417" i="2"/>
  <c r="M391" i="5" s="1"/>
  <c r="P391" i="5" s="1"/>
  <c r="I6443" i="2"/>
  <c r="I6417" i="5" s="1"/>
  <c r="M8617" i="2"/>
  <c r="M8591" i="5" s="1"/>
  <c r="P8591" i="5" s="1"/>
  <c r="J8617" i="2"/>
  <c r="J8591" i="5" s="1"/>
  <c r="L8617" i="2"/>
  <c r="L8591" i="5" s="1"/>
  <c r="I8617" i="2"/>
  <c r="I8591" i="5" s="1"/>
  <c r="K8013" i="2"/>
  <c r="K7987" i="5" s="1"/>
  <c r="M8013" i="2"/>
  <c r="M7987" i="5" s="1"/>
  <c r="P7987" i="5" s="1"/>
  <c r="M3262" i="2"/>
  <c r="M3236" i="5" s="1"/>
  <c r="P3236" i="5" s="1"/>
  <c r="J3262" i="2"/>
  <c r="J3236" i="5" s="1"/>
  <c r="N3236" i="5" s="1"/>
  <c r="I4651" i="2"/>
  <c r="I4625" i="5" s="1"/>
  <c r="K4651" i="2"/>
  <c r="K4625" i="5" s="1"/>
  <c r="M1475" i="2"/>
  <c r="M1449" i="5" s="1"/>
  <c r="P1449" i="5" s="1"/>
  <c r="I1475" i="2"/>
  <c r="I1449" i="5" s="1"/>
  <c r="J1475" i="2"/>
  <c r="J1449" i="5" s="1"/>
  <c r="N1449" i="5" s="1"/>
  <c r="K7148" i="2"/>
  <c r="K7122" i="5" s="1"/>
  <c r="I7148" i="2"/>
  <c r="I7122" i="5" s="1"/>
  <c r="I639" i="2"/>
  <c r="I613" i="5" s="1"/>
  <c r="J639" i="2"/>
  <c r="J613" i="5" s="1"/>
  <c r="N613" i="5" s="1"/>
  <c r="K3420" i="2"/>
  <c r="K3394" i="5" s="1"/>
  <c r="I3420" i="2"/>
  <c r="I3394" i="5" s="1"/>
  <c r="I379" i="2"/>
  <c r="I353" i="5" s="1"/>
  <c r="K379" i="2"/>
  <c r="K353" i="5" s="1"/>
  <c r="J379" i="2"/>
  <c r="J353" i="5" s="1"/>
  <c r="M1434" i="2"/>
  <c r="M1408" i="5" s="1"/>
  <c r="P1408" i="5" s="1"/>
  <c r="I1434" i="2"/>
  <c r="I1408" i="5" s="1"/>
  <c r="J2799" i="2"/>
  <c r="J2773" i="5" s="1"/>
  <c r="N2773" i="5" s="1"/>
  <c r="I2799" i="2"/>
  <c r="I2773" i="5" s="1"/>
  <c r="K2799" i="2"/>
  <c r="K2773" i="5" s="1"/>
  <c r="K8124" i="2"/>
  <c r="K8098" i="5" s="1"/>
  <c r="K3503" i="2"/>
  <c r="K3477" i="5" s="1"/>
  <c r="J3503" i="2"/>
  <c r="J3477" i="5" s="1"/>
  <c r="N3477" i="5" s="1"/>
  <c r="I3503" i="2"/>
  <c r="I3477" i="5" s="1"/>
  <c r="M3503" i="2"/>
  <c r="M3477" i="5" s="1"/>
  <c r="P3477" i="5" s="1"/>
  <c r="I62" i="2"/>
  <c r="I36" i="5" s="1"/>
  <c r="J62" i="2"/>
  <c r="J36" i="5" s="1"/>
  <c r="K62" i="2"/>
  <c r="K36" i="5" s="1"/>
  <c r="L7324" i="2"/>
  <c r="L7298" i="5" s="1"/>
  <c r="K7324" i="2"/>
  <c r="K7298" i="5" s="1"/>
  <c r="I3770" i="2"/>
  <c r="I3744" i="5" s="1"/>
  <c r="M3770" i="2"/>
  <c r="M3744" i="5" s="1"/>
  <c r="P3744" i="5" s="1"/>
  <c r="K3770" i="2"/>
  <c r="K3744" i="5" s="1"/>
  <c r="M2773" i="2"/>
  <c r="M2747" i="5" s="1"/>
  <c r="P2747" i="5" s="1"/>
  <c r="L2773" i="2"/>
  <c r="L2747" i="5" s="1"/>
  <c r="M7854" i="2"/>
  <c r="M7828" i="5" s="1"/>
  <c r="P7828" i="5" s="1"/>
  <c r="L7854" i="2"/>
  <c r="L7828" i="5" s="1"/>
  <c r="M5296" i="2"/>
  <c r="M5270" i="5" s="1"/>
  <c r="P5270" i="5" s="1"/>
  <c r="I5296" i="2"/>
  <c r="I5270" i="5" s="1"/>
  <c r="L5296" i="2"/>
  <c r="L5270" i="5" s="1"/>
  <c r="K4782" i="2"/>
  <c r="K4756" i="5" s="1"/>
  <c r="I4782" i="2"/>
  <c r="I4756" i="5" s="1"/>
  <c r="J4782" i="2"/>
  <c r="J4756" i="5" s="1"/>
  <c r="N4756" i="5" s="1"/>
  <c r="K2333" i="2"/>
  <c r="K2307" i="5" s="1"/>
  <c r="O2307" i="5" s="1"/>
  <c r="J2333" i="2"/>
  <c r="J2307" i="5" s="1"/>
  <c r="N2307" i="5" s="1"/>
  <c r="I1810" i="2"/>
  <c r="I1784" i="5" s="1"/>
  <c r="M1810" i="2"/>
  <c r="M1784" i="5" s="1"/>
  <c r="P1784" i="5" s="1"/>
  <c r="M5410" i="2"/>
  <c r="M5384" i="5" s="1"/>
  <c r="P5384" i="5" s="1"/>
  <c r="L5410" i="2"/>
  <c r="L5384" i="5" s="1"/>
  <c r="L7142" i="2"/>
  <c r="L7116" i="5" s="1"/>
  <c r="K7142" i="2"/>
  <c r="K7116" i="5" s="1"/>
  <c r="J7142" i="2"/>
  <c r="J7116" i="5" s="1"/>
  <c r="N7116" i="5" s="1"/>
  <c r="I4102" i="2"/>
  <c r="I4076" i="5" s="1"/>
  <c r="K4102" i="2"/>
  <c r="K4076" i="5" s="1"/>
  <c r="L4102" i="2"/>
  <c r="L4076" i="5" s="1"/>
  <c r="L6332" i="2"/>
  <c r="L6306" i="5" s="1"/>
  <c r="I6332" i="2"/>
  <c r="I6306" i="5" s="1"/>
  <c r="J915" i="2"/>
  <c r="J889" i="5" s="1"/>
  <c r="N889" i="5" s="1"/>
  <c r="K2477" i="2"/>
  <c r="K2451" i="5" s="1"/>
  <c r="J2477" i="2"/>
  <c r="J2451" i="5" s="1"/>
  <c r="N2451" i="5" s="1"/>
  <c r="J8371" i="2"/>
  <c r="J8345" i="5" s="1"/>
  <c r="N8345" i="5" s="1"/>
  <c r="I8371" i="2"/>
  <c r="I8345" i="5" s="1"/>
  <c r="M3087" i="2"/>
  <c r="M3061" i="5" s="1"/>
  <c r="P3061" i="5" s="1"/>
  <c r="K3087" i="2"/>
  <c r="K3061" i="5" s="1"/>
  <c r="O3061" i="5" s="1"/>
  <c r="K5675" i="2"/>
  <c r="K5649" i="5" s="1"/>
  <c r="L5675" i="2"/>
  <c r="L5649" i="5" s="1"/>
  <c r="M5675" i="2"/>
  <c r="M5649" i="5" s="1"/>
  <c r="P5649" i="5" s="1"/>
  <c r="M7018" i="2"/>
  <c r="M6992" i="5" s="1"/>
  <c r="P6992" i="5" s="1"/>
  <c r="I7018" i="2"/>
  <c r="I6992" i="5" s="1"/>
  <c r="J7018" i="2"/>
  <c r="J6992" i="5" s="1"/>
  <c r="N6992" i="5" s="1"/>
  <c r="L7018" i="2"/>
  <c r="L6992" i="5" s="1"/>
  <c r="K7018" i="2"/>
  <c r="K6992" i="5" s="1"/>
  <c r="L5351" i="2"/>
  <c r="L5325" i="5" s="1"/>
  <c r="I5351" i="2"/>
  <c r="I5325" i="5" s="1"/>
  <c r="J5351" i="2"/>
  <c r="J5325" i="5" s="1"/>
  <c r="N5325" i="5" s="1"/>
  <c r="I900" i="2"/>
  <c r="I874" i="5" s="1"/>
  <c r="M900" i="2"/>
  <c r="M874" i="5" s="1"/>
  <c r="P874" i="5" s="1"/>
  <c r="L900" i="2"/>
  <c r="L874" i="5" s="1"/>
  <c r="I387" i="2"/>
  <c r="I361" i="5" s="1"/>
  <c r="J387" i="2"/>
  <c r="J361" i="5" s="1"/>
  <c r="N361" i="5" s="1"/>
  <c r="M4594" i="2"/>
  <c r="M4568" i="5" s="1"/>
  <c r="P4568" i="5" s="1"/>
  <c r="L4594" i="2"/>
  <c r="L4568" i="5" s="1"/>
  <c r="I4594" i="2"/>
  <c r="I4568" i="5" s="1"/>
  <c r="K2647" i="2"/>
  <c r="K2621" i="5" s="1"/>
  <c r="O2621" i="5" s="1"/>
  <c r="J2647" i="2"/>
  <c r="J2621" i="5" s="1"/>
  <c r="N2621" i="5" s="1"/>
  <c r="J5175" i="2"/>
  <c r="J5149" i="5" s="1"/>
  <c r="N5149" i="5" s="1"/>
  <c r="L5175" i="2"/>
  <c r="L5149" i="5" s="1"/>
  <c r="K5175" i="2"/>
  <c r="K5149" i="5" s="1"/>
  <c r="I5175" i="2"/>
  <c r="I5149" i="5" s="1"/>
  <c r="K5783" i="2"/>
  <c r="K5757" i="5" s="1"/>
  <c r="J5783" i="2"/>
  <c r="J5757" i="5" s="1"/>
  <c r="N5757" i="5" s="1"/>
  <c r="L5783" i="2"/>
  <c r="L5757" i="5" s="1"/>
  <c r="L7503" i="2"/>
  <c r="L7477" i="5" s="1"/>
  <c r="I3747" i="2"/>
  <c r="I3721" i="5" s="1"/>
  <c r="J8105" i="2"/>
  <c r="J8079" i="5" s="1"/>
  <c r="J5659" i="2"/>
  <c r="J5633" i="5" s="1"/>
  <c r="N5633" i="5" s="1"/>
  <c r="J3749" i="2"/>
  <c r="J3723" i="5" s="1"/>
  <c r="N3723" i="5" s="1"/>
  <c r="M37" i="2"/>
  <c r="M11" i="5" s="1"/>
  <c r="P11" i="5" s="1"/>
  <c r="J1654" i="2"/>
  <c r="J1628" i="5" s="1"/>
  <c r="N1628" i="5" s="1"/>
  <c r="I263" i="2"/>
  <c r="I237" i="5" s="1"/>
  <c r="L3800" i="2"/>
  <c r="L3774" i="5" s="1"/>
  <c r="J7169" i="2"/>
  <c r="J7143" i="5" s="1"/>
  <c r="K5293" i="2"/>
  <c r="K5267" i="5" s="1"/>
  <c r="J5293" i="2"/>
  <c r="J5267" i="5" s="1"/>
  <c r="N5267" i="5" s="1"/>
  <c r="K1714" i="2"/>
  <c r="K1688" i="5" s="1"/>
  <c r="M1714" i="2"/>
  <c r="M1688" i="5" s="1"/>
  <c r="P1688" i="5" s="1"/>
  <c r="I2934" i="2"/>
  <c r="I2908" i="5" s="1"/>
  <c r="J2934" i="2"/>
  <c r="J2908" i="5" s="1"/>
  <c r="N2908" i="5" s="1"/>
  <c r="M3315" i="2"/>
  <c r="M3289" i="5" s="1"/>
  <c r="P3289" i="5" s="1"/>
  <c r="K3315" i="2"/>
  <c r="K3289" i="5" s="1"/>
  <c r="M8361" i="2"/>
  <c r="M8335" i="5" s="1"/>
  <c r="P8335" i="5" s="1"/>
  <c r="L8361" i="2"/>
  <c r="L8335" i="5" s="1"/>
  <c r="I8361" i="2"/>
  <c r="I8335" i="5" s="1"/>
  <c r="J8361" i="2"/>
  <c r="J8335" i="5" s="1"/>
  <c r="K3405" i="2"/>
  <c r="K3379" i="5" s="1"/>
  <c r="I3405" i="2"/>
  <c r="I3379" i="5" s="1"/>
  <c r="J3405" i="2"/>
  <c r="J3379" i="5" s="1"/>
  <c r="N3379" i="5" s="1"/>
  <c r="J1589" i="2"/>
  <c r="J1563" i="5" s="1"/>
  <c r="N1563" i="5" s="1"/>
  <c r="M1589" i="2"/>
  <c r="M1563" i="5" s="1"/>
  <c r="P1563" i="5" s="1"/>
  <c r="J6629" i="2"/>
  <c r="J6603" i="5" s="1"/>
  <c r="N6603" i="5" s="1"/>
  <c r="K6629" i="2"/>
  <c r="K6603" i="5" s="1"/>
  <c r="I6629" i="2"/>
  <c r="I6603" i="5" s="1"/>
  <c r="C102" i="5"/>
  <c r="AR96" i="1"/>
  <c r="J1402" i="2"/>
  <c r="J1376" i="5" s="1"/>
  <c r="N1376" i="5" s="1"/>
  <c r="M1402" i="2"/>
  <c r="M1376" i="5" s="1"/>
  <c r="P1376" i="5" s="1"/>
  <c r="I2400" i="2"/>
  <c r="I2374" i="5" s="1"/>
  <c r="K2400" i="2"/>
  <c r="K2374" i="5" s="1"/>
  <c r="L2980" i="2"/>
  <c r="L2954" i="5" s="1"/>
  <c r="I2980" i="2"/>
  <c r="I2954" i="5" s="1"/>
  <c r="K2980" i="2"/>
  <c r="K2954" i="5" s="1"/>
  <c r="J2980" i="2"/>
  <c r="J2954" i="5" s="1"/>
  <c r="N2954" i="5" s="1"/>
  <c r="M2980" i="2"/>
  <c r="M2954" i="5" s="1"/>
  <c r="P2954" i="5" s="1"/>
  <c r="L4803" i="2"/>
  <c r="L4777" i="5" s="1"/>
  <c r="I4803" i="2"/>
  <c r="I4777" i="5" s="1"/>
  <c r="K4803" i="2"/>
  <c r="K4777" i="5" s="1"/>
  <c r="J1122" i="2"/>
  <c r="J1096" i="5" s="1"/>
  <c r="N1096" i="5" s="1"/>
  <c r="K1122" i="2"/>
  <c r="K1096" i="5" s="1"/>
  <c r="J4853" i="2"/>
  <c r="J4827" i="5" s="1"/>
  <c r="L4853" i="2"/>
  <c r="L4827" i="5" s="1"/>
  <c r="J6680" i="2"/>
  <c r="J6654" i="5" s="1"/>
  <c r="K6680" i="2"/>
  <c r="K6654" i="5" s="1"/>
  <c r="I6680" i="2"/>
  <c r="I6654" i="5" s="1"/>
  <c r="I6673" i="2"/>
  <c r="I6647" i="5" s="1"/>
  <c r="K6673" i="2"/>
  <c r="K6647" i="5" s="1"/>
  <c r="J6673" i="2"/>
  <c r="J6647" i="5" s="1"/>
  <c r="N6647" i="5" s="1"/>
  <c r="M8104" i="2"/>
  <c r="M8078" i="5" s="1"/>
  <c r="P8078" i="5" s="1"/>
  <c r="I8104" i="2"/>
  <c r="I8078" i="5" s="1"/>
  <c r="K8104" i="2"/>
  <c r="K8078" i="5" s="1"/>
  <c r="I2439" i="2"/>
  <c r="I2413" i="5" s="1"/>
  <c r="L2439" i="2"/>
  <c r="L2413" i="5" s="1"/>
  <c r="M2439" i="2"/>
  <c r="M2413" i="5" s="1"/>
  <c r="P2413" i="5" s="1"/>
  <c r="K2439" i="2"/>
  <c r="K2413" i="5" s="1"/>
  <c r="I5582" i="2"/>
  <c r="I5556" i="5" s="1"/>
  <c r="K5582" i="2"/>
  <c r="K5556" i="5" s="1"/>
  <c r="J5582" i="2"/>
  <c r="J5556" i="5" s="1"/>
  <c r="M5582" i="2"/>
  <c r="M5556" i="5" s="1"/>
  <c r="P5556" i="5" s="1"/>
  <c r="L5582" i="2"/>
  <c r="L5556" i="5" s="1"/>
  <c r="K7660" i="2"/>
  <c r="K7634" i="5" s="1"/>
  <c r="I7660" i="2"/>
  <c r="I7634" i="5" s="1"/>
  <c r="J7660" i="2"/>
  <c r="J7634" i="5" s="1"/>
  <c r="N7634" i="5" s="1"/>
  <c r="L7650" i="2"/>
  <c r="L7624" i="5" s="1"/>
  <c r="I7650" i="2"/>
  <c r="I7624" i="5" s="1"/>
  <c r="J7650" i="2"/>
  <c r="J7624" i="5" s="1"/>
  <c r="N7624" i="5" s="1"/>
  <c r="M7650" i="2"/>
  <c r="M7624" i="5" s="1"/>
  <c r="P7624" i="5" s="1"/>
  <c r="K7650" i="2"/>
  <c r="K7624" i="5" s="1"/>
  <c r="M906" i="2"/>
  <c r="M880" i="5" s="1"/>
  <c r="P880" i="5" s="1"/>
  <c r="J906" i="2"/>
  <c r="J880" i="5" s="1"/>
  <c r="N880" i="5" s="1"/>
  <c r="K555" i="2"/>
  <c r="K529" i="5" s="1"/>
  <c r="L555" i="2"/>
  <c r="L529" i="5" s="1"/>
  <c r="M2103" i="2"/>
  <c r="M2077" i="5" s="1"/>
  <c r="P2077" i="5" s="1"/>
  <c r="J2103" i="2"/>
  <c r="J2077" i="5" s="1"/>
  <c r="N2077" i="5" s="1"/>
  <c r="K2103" i="2"/>
  <c r="K2077" i="5" s="1"/>
  <c r="J1081" i="2"/>
  <c r="J1055" i="5" s="1"/>
  <c r="N1055" i="5" s="1"/>
  <c r="L1081" i="2"/>
  <c r="L1055" i="5" s="1"/>
  <c r="K1081" i="2"/>
  <c r="K1055" i="5" s="1"/>
  <c r="J407" i="2"/>
  <c r="J381" i="5" s="1"/>
  <c r="N381" i="5" s="1"/>
  <c r="L407" i="2"/>
  <c r="L381" i="5" s="1"/>
  <c r="I407" i="2"/>
  <c r="I381" i="5" s="1"/>
  <c r="K407" i="2"/>
  <c r="K381" i="5" s="1"/>
  <c r="M404" i="2"/>
  <c r="M378" i="5" s="1"/>
  <c r="P378" i="5" s="1"/>
  <c r="I404" i="2"/>
  <c r="I378" i="5" s="1"/>
  <c r="D82" i="5"/>
  <c r="AR76" i="1"/>
  <c r="L2556" i="2"/>
  <c r="L2530" i="5" s="1"/>
  <c r="J2556" i="2"/>
  <c r="J2530" i="5" s="1"/>
  <c r="N2530" i="5" s="1"/>
  <c r="M5000" i="2"/>
  <c r="M4974" i="5" s="1"/>
  <c r="P4974" i="5" s="1"/>
  <c r="K5000" i="2"/>
  <c r="K4974" i="5" s="1"/>
  <c r="O4974" i="5" s="1"/>
  <c r="D176" i="5"/>
  <c r="AR170" i="1"/>
  <c r="L2638" i="2"/>
  <c r="L2612" i="5" s="1"/>
  <c r="K2638" i="2"/>
  <c r="K2612" i="5" s="1"/>
  <c r="K2645" i="2"/>
  <c r="K2619" i="5" s="1"/>
  <c r="I2645" i="2"/>
  <c r="I2619" i="5" s="1"/>
  <c r="M2645" i="2"/>
  <c r="M2619" i="5" s="1"/>
  <c r="P2619" i="5" s="1"/>
  <c r="I4676" i="2"/>
  <c r="I4650" i="5" s="1"/>
  <c r="M4676" i="2"/>
  <c r="M4650" i="5" s="1"/>
  <c r="P4650" i="5" s="1"/>
  <c r="K4676" i="2"/>
  <c r="K4650" i="5" s="1"/>
  <c r="L4676" i="2"/>
  <c r="L4650" i="5" s="1"/>
  <c r="J4676" i="2"/>
  <c r="J4650" i="5" s="1"/>
  <c r="N4650" i="5" s="1"/>
  <c r="J280" i="2"/>
  <c r="J254" i="5" s="1"/>
  <c r="N254" i="5" s="1"/>
  <c r="L280" i="2"/>
  <c r="L254" i="5" s="1"/>
  <c r="M280" i="2"/>
  <c r="M254" i="5" s="1"/>
  <c r="P254" i="5" s="1"/>
  <c r="K280" i="2"/>
  <c r="K254" i="5" s="1"/>
  <c r="I280" i="2"/>
  <c r="I254" i="5" s="1"/>
  <c r="L3061" i="2"/>
  <c r="L3035" i="5" s="1"/>
  <c r="M3061" i="2"/>
  <c r="M3035" i="5" s="1"/>
  <c r="P3035" i="5" s="1"/>
  <c r="K3061" i="2"/>
  <c r="K3035" i="5" s="1"/>
  <c r="J3061" i="2"/>
  <c r="J3035" i="5" s="1"/>
  <c r="N3035" i="5" s="1"/>
  <c r="I3061" i="2"/>
  <c r="I3035" i="5" s="1"/>
  <c r="K5762" i="2"/>
  <c r="K5736" i="5" s="1"/>
  <c r="J5762" i="2"/>
  <c r="J5736" i="5" s="1"/>
  <c r="N5736" i="5" s="1"/>
  <c r="M5762" i="2"/>
  <c r="M5736" i="5" s="1"/>
  <c r="P5736" i="5" s="1"/>
  <c r="L5762" i="2"/>
  <c r="L5736" i="5" s="1"/>
  <c r="I5762" i="2"/>
  <c r="I5736" i="5" s="1"/>
  <c r="M2923" i="2"/>
  <c r="M2897" i="5" s="1"/>
  <c r="P2897" i="5" s="1"/>
  <c r="K2923" i="2"/>
  <c r="K2897" i="5" s="1"/>
  <c r="L2923" i="2"/>
  <c r="L2897" i="5" s="1"/>
  <c r="J6949" i="2"/>
  <c r="J6923" i="5" s="1"/>
  <c r="N6923" i="5" s="1"/>
  <c r="L6949" i="2"/>
  <c r="L6923" i="5" s="1"/>
  <c r="I6949" i="2"/>
  <c r="I6923" i="5" s="1"/>
  <c r="I7430" i="2"/>
  <c r="I7404" i="5" s="1"/>
  <c r="K7430" i="2"/>
  <c r="K7404" i="5" s="1"/>
  <c r="J7430" i="2"/>
  <c r="J7404" i="5" s="1"/>
  <c r="N7404" i="5" s="1"/>
  <c r="M7430" i="2"/>
  <c r="M7404" i="5" s="1"/>
  <c r="P7404" i="5" s="1"/>
  <c r="L7430" i="2"/>
  <c r="L7404" i="5" s="1"/>
  <c r="L45" i="2"/>
  <c r="L19" i="5" s="1"/>
  <c r="J45" i="2"/>
  <c r="J19" i="5" s="1"/>
  <c r="N19" i="5" s="1"/>
  <c r="I45" i="2"/>
  <c r="I19" i="5" s="1"/>
  <c r="M45" i="2"/>
  <c r="M19" i="5" s="1"/>
  <c r="P19" i="5" s="1"/>
  <c r="I6959" i="2"/>
  <c r="I6933" i="5" s="1"/>
  <c r="L6959" i="2"/>
  <c r="L6933" i="5" s="1"/>
  <c r="I5817" i="2"/>
  <c r="I5791" i="5" s="1"/>
  <c r="K5817" i="2"/>
  <c r="K5791" i="5" s="1"/>
  <c r="M5441" i="2"/>
  <c r="M5415" i="5" s="1"/>
  <c r="P5415" i="5" s="1"/>
  <c r="L5441" i="2"/>
  <c r="L5415" i="5" s="1"/>
  <c r="I5441" i="2"/>
  <c r="I5415" i="5" s="1"/>
  <c r="J6934" i="2"/>
  <c r="J6908" i="5" s="1"/>
  <c r="N6908" i="5" s="1"/>
  <c r="M6934" i="2"/>
  <c r="M6908" i="5" s="1"/>
  <c r="P6908" i="5" s="1"/>
  <c r="M3926" i="2"/>
  <c r="M3900" i="5" s="1"/>
  <c r="P3900" i="5" s="1"/>
  <c r="L81" i="2"/>
  <c r="L55" i="5" s="1"/>
  <c r="I4628" i="2"/>
  <c r="I4602" i="5" s="1"/>
  <c r="K4628" i="2"/>
  <c r="K4602" i="5" s="1"/>
  <c r="M4519" i="2"/>
  <c r="M4493" i="5" s="1"/>
  <c r="P4493" i="5" s="1"/>
  <c r="L4519" i="2"/>
  <c r="L4493" i="5" s="1"/>
  <c r="I4519" i="2"/>
  <c r="I4493" i="5" s="1"/>
  <c r="K6360" i="2"/>
  <c r="K6334" i="5" s="1"/>
  <c r="L6360" i="2"/>
  <c r="L6334" i="5" s="1"/>
  <c r="K5650" i="2"/>
  <c r="K5624" i="5" s="1"/>
  <c r="J5650" i="2"/>
  <c r="J5624" i="5" s="1"/>
  <c r="N5624" i="5" s="1"/>
  <c r="M1737" i="2"/>
  <c r="M1711" i="5" s="1"/>
  <c r="P1711" i="5" s="1"/>
  <c r="J1737" i="2"/>
  <c r="J1711" i="5" s="1"/>
  <c r="N1711" i="5" s="1"/>
  <c r="L1737" i="2"/>
  <c r="L1711" i="5" s="1"/>
  <c r="K756" i="2"/>
  <c r="K730" i="5" s="1"/>
  <c r="L756" i="2"/>
  <c r="L730" i="5" s="1"/>
  <c r="J3781" i="2"/>
  <c r="J3755" i="5" s="1"/>
  <c r="N3755" i="5" s="1"/>
  <c r="I3781" i="2"/>
  <c r="I3755" i="5" s="1"/>
  <c r="L8355" i="2"/>
  <c r="L8329" i="5" s="1"/>
  <c r="I8355" i="2"/>
  <c r="I8329" i="5" s="1"/>
  <c r="K8355" i="2"/>
  <c r="K8329" i="5" s="1"/>
  <c r="M1383" i="2"/>
  <c r="M1357" i="5" s="1"/>
  <c r="P1357" i="5" s="1"/>
  <c r="J1383" i="2"/>
  <c r="J1357" i="5" s="1"/>
  <c r="N1357" i="5" s="1"/>
  <c r="J5503" i="2"/>
  <c r="J5477" i="5" s="1"/>
  <c r="N5477" i="5" s="1"/>
  <c r="M5503" i="2"/>
  <c r="M5477" i="5" s="1"/>
  <c r="P5477" i="5" s="1"/>
  <c r="I5503" i="2"/>
  <c r="I5477" i="5" s="1"/>
  <c r="K5503" i="2"/>
  <c r="K5477" i="5" s="1"/>
  <c r="O5477" i="5" s="1"/>
  <c r="K8481" i="2"/>
  <c r="K8455" i="5" s="1"/>
  <c r="J8481" i="2"/>
  <c r="J8455" i="5" s="1"/>
  <c r="N8455" i="5" s="1"/>
  <c r="I8481" i="2"/>
  <c r="I8455" i="5" s="1"/>
  <c r="I7008" i="2"/>
  <c r="I6982" i="5" s="1"/>
  <c r="M7008" i="2"/>
  <c r="M6982" i="5" s="1"/>
  <c r="P6982" i="5" s="1"/>
  <c r="J7008" i="2"/>
  <c r="J6982" i="5" s="1"/>
  <c r="N6982" i="5" s="1"/>
  <c r="K7008" i="2"/>
  <c r="K6982" i="5" s="1"/>
  <c r="K3286" i="2"/>
  <c r="K3260" i="5" s="1"/>
  <c r="L3286" i="2"/>
  <c r="L3260" i="5" s="1"/>
  <c r="J3286" i="2"/>
  <c r="J3260" i="5" s="1"/>
  <c r="N3260" i="5" s="1"/>
  <c r="M3286" i="2"/>
  <c r="M3260" i="5" s="1"/>
  <c r="P3260" i="5" s="1"/>
  <c r="I3286" i="2"/>
  <c r="I3260" i="5" s="1"/>
  <c r="K5977" i="2"/>
  <c r="K5951" i="5" s="1"/>
  <c r="L5977" i="2"/>
  <c r="L5951" i="5" s="1"/>
  <c r="M5977" i="2"/>
  <c r="M5951" i="5" s="1"/>
  <c r="P5951" i="5" s="1"/>
  <c r="J5977" i="2"/>
  <c r="J5951" i="5" s="1"/>
  <c r="K2396" i="2"/>
  <c r="K2370" i="5" s="1"/>
  <c r="J2396" i="2"/>
  <c r="J2370" i="5" s="1"/>
  <c r="N2370" i="5" s="1"/>
  <c r="L2396" i="2"/>
  <c r="L2370" i="5" s="1"/>
  <c r="J7012" i="2"/>
  <c r="J6986" i="5" s="1"/>
  <c r="N6986" i="5" s="1"/>
  <c r="L7012" i="2"/>
  <c r="L6986" i="5" s="1"/>
  <c r="M7012" i="2"/>
  <c r="M6986" i="5" s="1"/>
  <c r="P6986" i="5" s="1"/>
  <c r="I7012" i="2"/>
  <c r="I6986" i="5" s="1"/>
  <c r="K7012" i="2"/>
  <c r="K6986" i="5" s="1"/>
  <c r="K2134" i="2"/>
  <c r="K2108" i="5" s="1"/>
  <c r="M2134" i="2"/>
  <c r="M2108" i="5" s="1"/>
  <c r="P2108" i="5" s="1"/>
  <c r="I2134" i="2"/>
  <c r="I2108" i="5" s="1"/>
  <c r="K5973" i="2"/>
  <c r="K5947" i="5" s="1"/>
  <c r="L5973" i="2"/>
  <c r="L5947" i="5" s="1"/>
  <c r="J5973" i="2"/>
  <c r="J5947" i="5" s="1"/>
  <c r="M5973" i="2"/>
  <c r="M5947" i="5" s="1"/>
  <c r="P5947" i="5" s="1"/>
  <c r="M1485" i="2"/>
  <c r="M1459" i="5" s="1"/>
  <c r="P1459" i="5" s="1"/>
  <c r="L1485" i="2"/>
  <c r="L1459" i="5" s="1"/>
  <c r="I1485" i="2"/>
  <c r="I1459" i="5" s="1"/>
  <c r="J1485" i="2"/>
  <c r="J1459" i="5" s="1"/>
  <c r="N1459" i="5" s="1"/>
  <c r="K1485" i="2"/>
  <c r="K1459" i="5" s="1"/>
  <c r="K5434" i="2"/>
  <c r="K5408" i="5" s="1"/>
  <c r="O5408" i="5" s="1"/>
  <c r="M5434" i="2"/>
  <c r="M5408" i="5" s="1"/>
  <c r="P5408" i="5" s="1"/>
  <c r="J5434" i="2"/>
  <c r="J5408" i="5" s="1"/>
  <c r="I5434" i="2"/>
  <c r="I5408" i="5" s="1"/>
  <c r="L5517" i="2"/>
  <c r="L5491" i="5" s="1"/>
  <c r="I5517" i="2"/>
  <c r="I5491" i="5" s="1"/>
  <c r="M5517" i="2"/>
  <c r="M5491" i="5" s="1"/>
  <c r="P5491" i="5" s="1"/>
  <c r="M5509" i="2"/>
  <c r="M5483" i="5" s="1"/>
  <c r="P5483" i="5" s="1"/>
  <c r="J5509" i="2"/>
  <c r="J5483" i="5" s="1"/>
  <c r="L5509" i="2"/>
  <c r="L5483" i="5" s="1"/>
  <c r="K5509" i="2"/>
  <c r="K5483" i="5" s="1"/>
  <c r="L272" i="2"/>
  <c r="L246" i="5" s="1"/>
  <c r="M272" i="2"/>
  <c r="M246" i="5" s="1"/>
  <c r="P246" i="5" s="1"/>
  <c r="J272" i="2"/>
  <c r="J246" i="5" s="1"/>
  <c r="N246" i="5" s="1"/>
  <c r="K272" i="2"/>
  <c r="K246" i="5" s="1"/>
  <c r="I264" i="2"/>
  <c r="I238" i="5" s="1"/>
  <c r="M264" i="2"/>
  <c r="M238" i="5" s="1"/>
  <c r="P238" i="5" s="1"/>
  <c r="L264" i="2"/>
  <c r="L238" i="5" s="1"/>
  <c r="J264" i="2"/>
  <c r="J238" i="5" s="1"/>
  <c r="N238" i="5" s="1"/>
  <c r="M6665" i="2"/>
  <c r="M6639" i="5" s="1"/>
  <c r="P6639" i="5" s="1"/>
  <c r="I6665" i="2"/>
  <c r="I6639" i="5" s="1"/>
  <c r="K6665" i="2"/>
  <c r="K6639" i="5" s="1"/>
  <c r="L6665" i="2"/>
  <c r="L6639" i="5" s="1"/>
  <c r="J6665" i="2"/>
  <c r="J6639" i="5" s="1"/>
  <c r="N6639" i="5" s="1"/>
  <c r="K8111" i="2"/>
  <c r="K8085" i="5" s="1"/>
  <c r="O8085" i="5" s="1"/>
  <c r="J8111" i="2"/>
  <c r="J8085" i="5" s="1"/>
  <c r="N8085" i="5" s="1"/>
  <c r="I8111" i="2"/>
  <c r="I8085" i="5" s="1"/>
  <c r="L7657" i="2"/>
  <c r="L7631" i="5" s="1"/>
  <c r="I7657" i="2"/>
  <c r="I7631" i="5" s="1"/>
  <c r="J7657" i="2"/>
  <c r="J7631" i="5" s="1"/>
  <c r="N7631" i="5" s="1"/>
  <c r="M7657" i="2"/>
  <c r="M7631" i="5" s="1"/>
  <c r="P7631" i="5" s="1"/>
  <c r="L7785" i="2"/>
  <c r="L7759" i="5" s="1"/>
  <c r="K7785" i="2"/>
  <c r="K7759" i="5" s="1"/>
  <c r="I7785" i="2"/>
  <c r="I7759" i="5" s="1"/>
  <c r="J7785" i="2"/>
  <c r="J7759" i="5" s="1"/>
  <c r="N7759" i="5" s="1"/>
  <c r="M1988" i="2"/>
  <c r="M1962" i="5" s="1"/>
  <c r="P1962" i="5" s="1"/>
  <c r="I1988" i="2"/>
  <c r="I1962" i="5" s="1"/>
  <c r="J1988" i="2"/>
  <c r="J1962" i="5" s="1"/>
  <c r="N1962" i="5" s="1"/>
  <c r="AR275" i="1"/>
  <c r="C281" i="5"/>
  <c r="K919" i="2"/>
  <c r="K893" i="5" s="1"/>
  <c r="M919" i="2"/>
  <c r="M893" i="5" s="1"/>
  <c r="P893" i="5" s="1"/>
  <c r="I919" i="2"/>
  <c r="I893" i="5" s="1"/>
  <c r="K5844" i="2"/>
  <c r="K5818" i="5" s="1"/>
  <c r="J5844" i="2"/>
  <c r="J5818" i="5" s="1"/>
  <c r="L5844" i="2"/>
  <c r="L5818" i="5" s="1"/>
  <c r="M5844" i="2"/>
  <c r="M5818" i="5" s="1"/>
  <c r="P5818" i="5" s="1"/>
  <c r="I5844" i="2"/>
  <c r="I5818" i="5" s="1"/>
  <c r="J7458" i="2"/>
  <c r="J7432" i="5" s="1"/>
  <c r="N7432" i="5" s="1"/>
  <c r="L7458" i="2"/>
  <c r="L7432" i="5" s="1"/>
  <c r="M7458" i="2"/>
  <c r="M7432" i="5" s="1"/>
  <c r="P7432" i="5" s="1"/>
  <c r="K7458" i="2"/>
  <c r="K7432" i="5" s="1"/>
  <c r="L559" i="2"/>
  <c r="L533" i="5" s="1"/>
  <c r="K559" i="2"/>
  <c r="K533" i="5" s="1"/>
  <c r="J559" i="2"/>
  <c r="J533" i="5" s="1"/>
  <c r="J2110" i="2"/>
  <c r="J2084" i="5" s="1"/>
  <c r="N2084" i="5" s="1"/>
  <c r="I2110" i="2"/>
  <c r="I2084" i="5" s="1"/>
  <c r="L2110" i="2"/>
  <c r="L2084" i="5" s="1"/>
  <c r="J1067" i="2"/>
  <c r="J1041" i="5" s="1"/>
  <c r="N1041" i="5" s="1"/>
  <c r="I1067" i="2"/>
  <c r="I1041" i="5" s="1"/>
  <c r="K1067" i="2"/>
  <c r="K1041" i="5" s="1"/>
  <c r="L1067" i="2"/>
  <c r="L1041" i="5" s="1"/>
  <c r="M1067" i="2"/>
  <c r="M1041" i="5" s="1"/>
  <c r="P1041" i="5" s="1"/>
  <c r="L4478" i="2"/>
  <c r="L4452" i="5" s="1"/>
  <c r="J4478" i="2"/>
  <c r="J4452" i="5" s="1"/>
  <c r="N4452" i="5" s="1"/>
  <c r="K4478" i="2"/>
  <c r="K4452" i="5" s="1"/>
  <c r="J4659" i="2"/>
  <c r="J4633" i="5" s="1"/>
  <c r="N4633" i="5" s="1"/>
  <c r="I4659" i="2"/>
  <c r="I4633" i="5" s="1"/>
  <c r="I8656" i="2"/>
  <c r="I8630" i="5" s="1"/>
  <c r="K8656" i="2"/>
  <c r="K8630" i="5" s="1"/>
  <c r="M8656" i="2"/>
  <c r="M8630" i="5" s="1"/>
  <c r="P8630" i="5" s="1"/>
  <c r="L8656" i="2"/>
  <c r="L8630" i="5" s="1"/>
  <c r="J8656" i="2"/>
  <c r="J8630" i="5" s="1"/>
  <c r="M402" i="2"/>
  <c r="M376" i="5" s="1"/>
  <c r="P376" i="5" s="1"/>
  <c r="L402" i="2"/>
  <c r="L376" i="5" s="1"/>
  <c r="K402" i="2"/>
  <c r="K376" i="5" s="1"/>
  <c r="I402" i="2"/>
  <c r="I376" i="5" s="1"/>
  <c r="J402" i="2"/>
  <c r="J376" i="5" s="1"/>
  <c r="N376" i="5" s="1"/>
  <c r="M2897" i="2"/>
  <c r="M2871" i="5" s="1"/>
  <c r="P2871" i="5" s="1"/>
  <c r="K2897" i="2"/>
  <c r="K2871" i="5" s="1"/>
  <c r="K214" i="2"/>
  <c r="K188" i="5" s="1"/>
  <c r="I214" i="2"/>
  <c r="I188" i="5" s="1"/>
  <c r="J214" i="2"/>
  <c r="J188" i="5" s="1"/>
  <c r="N188" i="5" s="1"/>
  <c r="M6800" i="2"/>
  <c r="M6774" i="5" s="1"/>
  <c r="P6774" i="5" s="1"/>
  <c r="L6800" i="2"/>
  <c r="L6774" i="5" s="1"/>
  <c r="I6800" i="2"/>
  <c r="I6774" i="5" s="1"/>
  <c r="J6800" i="2"/>
  <c r="J6774" i="5" s="1"/>
  <c r="N6774" i="5" s="1"/>
  <c r="K6800" i="2"/>
  <c r="K6774" i="5" s="1"/>
  <c r="K2912" i="2"/>
  <c r="K2886" i="5" s="1"/>
  <c r="L2912" i="2"/>
  <c r="L2886" i="5" s="1"/>
  <c r="L8625" i="2"/>
  <c r="L8599" i="5" s="1"/>
  <c r="M8625" i="2"/>
  <c r="M8599" i="5" s="1"/>
  <c r="P8599" i="5" s="1"/>
  <c r="J8625" i="2"/>
  <c r="J8599" i="5" s="1"/>
  <c r="N8599" i="5" s="1"/>
  <c r="I8012" i="2"/>
  <c r="I7986" i="5" s="1"/>
  <c r="K8012" i="2"/>
  <c r="K7986" i="5" s="1"/>
  <c r="I4965" i="2"/>
  <c r="I4939" i="5" s="1"/>
  <c r="L4965" i="2"/>
  <c r="L4939" i="5" s="1"/>
  <c r="J4965" i="2"/>
  <c r="J4939" i="5" s="1"/>
  <c r="N4939" i="5" s="1"/>
  <c r="L6820" i="2"/>
  <c r="L6794" i="5" s="1"/>
  <c r="I6820" i="2"/>
  <c r="I6794" i="5" s="1"/>
  <c r="K6820" i="2"/>
  <c r="K6794" i="5" s="1"/>
  <c r="M6820" i="2"/>
  <c r="M6794" i="5" s="1"/>
  <c r="P6794" i="5" s="1"/>
  <c r="J1241" i="2"/>
  <c r="J1215" i="5" s="1"/>
  <c r="I1241" i="2"/>
  <c r="I1215" i="5" s="1"/>
  <c r="K1241" i="2"/>
  <c r="K1215" i="5" s="1"/>
  <c r="M1241" i="2"/>
  <c r="M1215" i="5" s="1"/>
  <c r="P1215" i="5" s="1"/>
  <c r="K2082" i="2"/>
  <c r="K2056" i="5" s="1"/>
  <c r="O2056" i="5" s="1"/>
  <c r="J2082" i="2"/>
  <c r="J2056" i="5" s="1"/>
  <c r="N2056" i="5" s="1"/>
  <c r="M2082" i="2"/>
  <c r="M2056" i="5" s="1"/>
  <c r="P2056" i="5" s="1"/>
  <c r="L2074" i="2"/>
  <c r="L2048" i="5" s="1"/>
  <c r="M2074" i="2"/>
  <c r="M2048" i="5" s="1"/>
  <c r="P2048" i="5" s="1"/>
  <c r="K5761" i="2"/>
  <c r="K5735" i="5" s="1"/>
  <c r="I5761" i="2"/>
  <c r="I5735" i="5" s="1"/>
  <c r="J5761" i="2"/>
  <c r="J5735" i="5" s="1"/>
  <c r="N5735" i="5" s="1"/>
  <c r="M7820" i="2"/>
  <c r="M7794" i="5" s="1"/>
  <c r="P7794" i="5" s="1"/>
  <c r="L7820" i="2"/>
  <c r="L7794" i="5" s="1"/>
  <c r="J7820" i="2"/>
  <c r="J7794" i="5" s="1"/>
  <c r="N7794" i="5" s="1"/>
  <c r="J2673" i="2"/>
  <c r="J2647" i="5" s="1"/>
  <c r="N2647" i="5" s="1"/>
  <c r="L2673" i="2"/>
  <c r="L2647" i="5" s="1"/>
  <c r="I2149" i="2"/>
  <c r="I2123" i="5" s="1"/>
  <c r="K2149" i="2"/>
  <c r="K2123" i="5" s="1"/>
  <c r="O2123" i="5" s="1"/>
  <c r="L2803" i="2"/>
  <c r="L2777" i="5" s="1"/>
  <c r="M2803" i="2"/>
  <c r="M2777" i="5" s="1"/>
  <c r="P2777" i="5" s="1"/>
  <c r="I2803" i="2"/>
  <c r="I2777" i="5" s="1"/>
  <c r="J5440" i="2"/>
  <c r="J5414" i="5" s="1"/>
  <c r="N5414" i="5" s="1"/>
  <c r="L5440" i="2"/>
  <c r="L5414" i="5" s="1"/>
  <c r="L6943" i="2"/>
  <c r="L6917" i="5" s="1"/>
  <c r="I6943" i="2"/>
  <c r="I6917" i="5" s="1"/>
  <c r="M6943" i="2"/>
  <c r="M6917" i="5" s="1"/>
  <c r="P6917" i="5" s="1"/>
  <c r="J6943" i="2"/>
  <c r="J6917" i="5" s="1"/>
  <c r="N6917" i="5" s="1"/>
  <c r="I8105" i="2"/>
  <c r="I8079" i="5" s="1"/>
  <c r="K5668" i="2"/>
  <c r="K5642" i="5" s="1"/>
  <c r="O5642" i="5" s="1"/>
  <c r="K3262" i="2"/>
  <c r="K3236" i="5" s="1"/>
  <c r="J4410" i="2"/>
  <c r="J4384" i="5" s="1"/>
  <c r="L1654" i="2"/>
  <c r="L1628" i="5" s="1"/>
  <c r="K4070" i="2"/>
  <c r="K4044" i="5" s="1"/>
  <c r="J2957" i="2"/>
  <c r="J2931" i="5" s="1"/>
  <c r="I1383" i="2"/>
  <c r="I1357" i="5" s="1"/>
  <c r="L5482" i="2"/>
  <c r="L5456" i="5" s="1"/>
  <c r="J7513" i="2"/>
  <c r="J7487" i="5" s="1"/>
  <c r="J63" i="2"/>
  <c r="J37" i="5" s="1"/>
  <c r="N37" i="5" s="1"/>
  <c r="M3325" i="2"/>
  <c r="M3299" i="5" s="1"/>
  <c r="P3299" i="5" s="1"/>
  <c r="I7507" i="2"/>
  <c r="I7481" i="5" s="1"/>
  <c r="K5517" i="2"/>
  <c r="K5491" i="5" s="1"/>
  <c r="J103" i="2"/>
  <c r="J77" i="5" s="1"/>
  <c r="K3342" i="2"/>
  <c r="K3316" i="5" s="1"/>
  <c r="I6360" i="2"/>
  <c r="I6334" i="5" s="1"/>
  <c r="I6296" i="2"/>
  <c r="I6270" i="5" s="1"/>
  <c r="I8643" i="2"/>
  <c r="I8617" i="5" s="1"/>
  <c r="K1434" i="2"/>
  <c r="K1408" i="5" s="1"/>
  <c r="L2393" i="2"/>
  <c r="L2367" i="5" s="1"/>
  <c r="L8693" i="2"/>
  <c r="L8667" i="5" s="1"/>
  <c r="I5668" i="2"/>
  <c r="I5642" i="5" s="1"/>
  <c r="J8100" i="2"/>
  <c r="J8074" i="5" s="1"/>
  <c r="AR312" i="1"/>
  <c r="J5589" i="2"/>
  <c r="J5563" i="5" s="1"/>
  <c r="N5563" i="5" s="1"/>
  <c r="I3262" i="2"/>
  <c r="I3236" i="5" s="1"/>
  <c r="J8104" i="2"/>
  <c r="J8078" i="5" s="1"/>
  <c r="N8078" i="5" s="1"/>
  <c r="M4410" i="2"/>
  <c r="M4384" i="5" s="1"/>
  <c r="P4384" i="5" s="1"/>
  <c r="J6332" i="2"/>
  <c r="J6306" i="5" s="1"/>
  <c r="L6490" i="2"/>
  <c r="L6464" i="5" s="1"/>
  <c r="M5022" i="2"/>
  <c r="M4996" i="5" s="1"/>
  <c r="P4996" i="5" s="1"/>
  <c r="M2957" i="2"/>
  <c r="M2931" i="5" s="1"/>
  <c r="P2931" i="5" s="1"/>
  <c r="L1383" i="2"/>
  <c r="L1357" i="5" s="1"/>
  <c r="L7513" i="2"/>
  <c r="L7487" i="5" s="1"/>
  <c r="K2556" i="2"/>
  <c r="K2530" i="5" s="1"/>
  <c r="I63" i="2"/>
  <c r="I37" i="5" s="1"/>
  <c r="L4659" i="2"/>
  <c r="L4633" i="5" s="1"/>
  <c r="J3325" i="2"/>
  <c r="J3299" i="5" s="1"/>
  <c r="N3299" i="5" s="1"/>
  <c r="L7507" i="2"/>
  <c r="L7481" i="5" s="1"/>
  <c r="K7657" i="2"/>
  <c r="K7631" i="5" s="1"/>
  <c r="K7820" i="2"/>
  <c r="K7794" i="5" s="1"/>
  <c r="K81" i="2"/>
  <c r="K55" i="5" s="1"/>
  <c r="L5163" i="2"/>
  <c r="L5137" i="5" s="1"/>
  <c r="K103" i="2"/>
  <c r="K77" i="5" s="1"/>
  <c r="L3342" i="2"/>
  <c r="L3316" i="5" s="1"/>
  <c r="L3405" i="2"/>
  <c r="L3379" i="5" s="1"/>
  <c r="L1434" i="2"/>
  <c r="L1408" i="5" s="1"/>
  <c r="I82" i="2"/>
  <c r="I56" i="5" s="1"/>
  <c r="K4291" i="2"/>
  <c r="K4265" i="5" s="1"/>
  <c r="O4265" i="5" s="1"/>
  <c r="K7261" i="2"/>
  <c r="K7235" i="5" s="1"/>
  <c r="O7235" i="5" s="1"/>
  <c r="K5589" i="2"/>
  <c r="K5563" i="5" s="1"/>
  <c r="O5563" i="5" s="1"/>
  <c r="L8104" i="2"/>
  <c r="L8078" i="5" s="1"/>
  <c r="L4410" i="2"/>
  <c r="L4384" i="5" s="1"/>
  <c r="M6490" i="2"/>
  <c r="M6464" i="5" s="1"/>
  <c r="P6464" i="5" s="1"/>
  <c r="J5022" i="2"/>
  <c r="J4996" i="5" s="1"/>
  <c r="N4996" i="5" s="1"/>
  <c r="K2957" i="2"/>
  <c r="K2931" i="5" s="1"/>
  <c r="K1383" i="2"/>
  <c r="K1357" i="5" s="1"/>
  <c r="I2556" i="2"/>
  <c r="I2530" i="5" s="1"/>
  <c r="L3781" i="2"/>
  <c r="L3755" i="5" s="1"/>
  <c r="L63" i="2"/>
  <c r="L37" i="5" s="1"/>
  <c r="M4782" i="2"/>
  <c r="M4756" i="5" s="1"/>
  <c r="P4756" i="5" s="1"/>
  <c r="M3111" i="2"/>
  <c r="M3085" i="5" s="1"/>
  <c r="P3085" i="5" s="1"/>
  <c r="K3274" i="2"/>
  <c r="K3248" i="5" s="1"/>
  <c r="O3248" i="5" s="1"/>
  <c r="I2082" i="2"/>
  <c r="I2056" i="5" s="1"/>
  <c r="J5163" i="2"/>
  <c r="J5137" i="5" s="1"/>
  <c r="J82" i="2"/>
  <c r="J56" i="5" s="1"/>
  <c r="N56" i="5" s="1"/>
  <c r="K1589" i="2"/>
  <c r="K1563" i="5" s="1"/>
  <c r="J393" i="2"/>
  <c r="J367" i="5" s="1"/>
  <c r="M393" i="2"/>
  <c r="M367" i="5" s="1"/>
  <c r="P367" i="5" s="1"/>
  <c r="I393" i="2"/>
  <c r="I367" i="5" s="1"/>
  <c r="K393" i="2"/>
  <c r="K367" i="5" s="1"/>
  <c r="I1642" i="2"/>
  <c r="I1616" i="5" s="1"/>
  <c r="K1642" i="2"/>
  <c r="K1616" i="5" s="1"/>
  <c r="O1616" i="5" s="1"/>
  <c r="L1641" i="2"/>
  <c r="L1615" i="5" s="1"/>
  <c r="M1641" i="2"/>
  <c r="M1615" i="5" s="1"/>
  <c r="P1615" i="5" s="1"/>
  <c r="I1641" i="2"/>
  <c r="I1615" i="5" s="1"/>
  <c r="L8673" i="2"/>
  <c r="L8647" i="5" s="1"/>
  <c r="M8673" i="2"/>
  <c r="M8647" i="5" s="1"/>
  <c r="P8647" i="5" s="1"/>
  <c r="J8673" i="2"/>
  <c r="J8647" i="5" s="1"/>
  <c r="N8647" i="5" s="1"/>
  <c r="K8673" i="2"/>
  <c r="K8647" i="5" s="1"/>
  <c r="K5596" i="2"/>
  <c r="K5570" i="5" s="1"/>
  <c r="L5596" i="2"/>
  <c r="L5570" i="5" s="1"/>
  <c r="L1389" i="2"/>
  <c r="L1363" i="5" s="1"/>
  <c r="J1389" i="2"/>
  <c r="J1363" i="5" s="1"/>
  <c r="N1363" i="5" s="1"/>
  <c r="M1389" i="2"/>
  <c r="M1363" i="5" s="1"/>
  <c r="P1363" i="5" s="1"/>
  <c r="I1389" i="2"/>
  <c r="I1363" i="5" s="1"/>
  <c r="K1389" i="2"/>
  <c r="K1363" i="5" s="1"/>
  <c r="K5482" i="2"/>
  <c r="K5456" i="5" s="1"/>
  <c r="O5456" i="5" s="1"/>
  <c r="J5482" i="2"/>
  <c r="J5456" i="5" s="1"/>
  <c r="I3396" i="2"/>
  <c r="I3370" i="5" s="1"/>
  <c r="K3396" i="2"/>
  <c r="K3370" i="5" s="1"/>
  <c r="J3396" i="2"/>
  <c r="J3370" i="5" s="1"/>
  <c r="N3370" i="5" s="1"/>
  <c r="L3396" i="2"/>
  <c r="L3370" i="5" s="1"/>
  <c r="M3396" i="2"/>
  <c r="M3370" i="5" s="1"/>
  <c r="P3370" i="5" s="1"/>
  <c r="K2136" i="2"/>
  <c r="K2110" i="5" s="1"/>
  <c r="O2110" i="5" s="1"/>
  <c r="J2136" i="2"/>
  <c r="J2110" i="5" s="1"/>
  <c r="N2110" i="5" s="1"/>
  <c r="I6085" i="2"/>
  <c r="I6059" i="5" s="1"/>
  <c r="K6085" i="2"/>
  <c r="K6059" i="5" s="1"/>
  <c r="O6059" i="5" s="1"/>
  <c r="M6085" i="2"/>
  <c r="M6059" i="5" s="1"/>
  <c r="P6059" i="5" s="1"/>
  <c r="I3293" i="2"/>
  <c r="I3267" i="5" s="1"/>
  <c r="K3293" i="2"/>
  <c r="K3267" i="5" s="1"/>
  <c r="M3293" i="2"/>
  <c r="M3267" i="5" s="1"/>
  <c r="P3267" i="5" s="1"/>
  <c r="M4411" i="2"/>
  <c r="M4385" i="5" s="1"/>
  <c r="P4385" i="5" s="1"/>
  <c r="L4411" i="2"/>
  <c r="L4385" i="5" s="1"/>
  <c r="I4411" i="2"/>
  <c r="I4385" i="5" s="1"/>
  <c r="K4411" i="2"/>
  <c r="K4385" i="5" s="1"/>
  <c r="J2978" i="2"/>
  <c r="J2952" i="5" s="1"/>
  <c r="L2978" i="2"/>
  <c r="L2952" i="5" s="1"/>
  <c r="L6082" i="2"/>
  <c r="L6056" i="5" s="1"/>
  <c r="I6082" i="2"/>
  <c r="I6056" i="5" s="1"/>
  <c r="J2410" i="2"/>
  <c r="J2384" i="5" s="1"/>
  <c r="N2384" i="5" s="1"/>
  <c r="M2410" i="2"/>
  <c r="M2384" i="5" s="1"/>
  <c r="P2384" i="5" s="1"/>
  <c r="L2410" i="2"/>
  <c r="L2384" i="5" s="1"/>
  <c r="K2410" i="2"/>
  <c r="K2384" i="5" s="1"/>
  <c r="L5992" i="2"/>
  <c r="L5966" i="5" s="1"/>
  <c r="J5992" i="2"/>
  <c r="J5966" i="5" s="1"/>
  <c r="N5966" i="5" s="1"/>
  <c r="M4838" i="2"/>
  <c r="M4812" i="5" s="1"/>
  <c r="P4812" i="5" s="1"/>
  <c r="J4838" i="2"/>
  <c r="J4812" i="5" s="1"/>
  <c r="N4812" i="5" s="1"/>
  <c r="J3752" i="2"/>
  <c r="J3726" i="5" s="1"/>
  <c r="N3726" i="5" s="1"/>
  <c r="M3752" i="2"/>
  <c r="M3726" i="5" s="1"/>
  <c r="P3726" i="5" s="1"/>
  <c r="J6658" i="2"/>
  <c r="J6632" i="5" s="1"/>
  <c r="N6632" i="5" s="1"/>
  <c r="M6658" i="2"/>
  <c r="M6632" i="5" s="1"/>
  <c r="P6632" i="5" s="1"/>
  <c r="L6658" i="2"/>
  <c r="L6632" i="5" s="1"/>
  <c r="K6658" i="2"/>
  <c r="K6632" i="5" s="1"/>
  <c r="K8691" i="2"/>
  <c r="K8665" i="5" s="1"/>
  <c r="M8691" i="2"/>
  <c r="M8665" i="5" s="1"/>
  <c r="P8665" i="5" s="1"/>
  <c r="I8691" i="2"/>
  <c r="I8665" i="5" s="1"/>
  <c r="L8691" i="2"/>
  <c r="L8665" i="5" s="1"/>
  <c r="J8691" i="2"/>
  <c r="J8665" i="5" s="1"/>
  <c r="N8665" i="5" s="1"/>
  <c r="J2496" i="2"/>
  <c r="J2470" i="5" s="1"/>
  <c r="N2470" i="5" s="1"/>
  <c r="K2496" i="2"/>
  <c r="K2470" i="5" s="1"/>
  <c r="M2496" i="2"/>
  <c r="M2470" i="5" s="1"/>
  <c r="P2470" i="5" s="1"/>
  <c r="K1982" i="2"/>
  <c r="K1956" i="5" s="1"/>
  <c r="L6135" i="2"/>
  <c r="L6109" i="5" s="1"/>
  <c r="J6135" i="2"/>
  <c r="J6109" i="5" s="1"/>
  <c r="N6109" i="5" s="1"/>
  <c r="I6135" i="2"/>
  <c r="I6109" i="5" s="1"/>
  <c r="M6135" i="2"/>
  <c r="M6109" i="5" s="1"/>
  <c r="P6109" i="5" s="1"/>
  <c r="K6135" i="2"/>
  <c r="K6109" i="5" s="1"/>
  <c r="J1083" i="2"/>
  <c r="J1057" i="5" s="1"/>
  <c r="N1057" i="5" s="1"/>
  <c r="L1083" i="2"/>
  <c r="L1057" i="5" s="1"/>
  <c r="M1083" i="2"/>
  <c r="M1057" i="5" s="1"/>
  <c r="P1057" i="5" s="1"/>
  <c r="K6521" i="2"/>
  <c r="K6495" i="5" s="1"/>
  <c r="O6495" i="5" s="1"/>
  <c r="J6521" i="2"/>
  <c r="J6495" i="5" s="1"/>
  <c r="N6495" i="5" s="1"/>
  <c r="I8206" i="2"/>
  <c r="I8180" i="5" s="1"/>
  <c r="L8206" i="2"/>
  <c r="L8180" i="5" s="1"/>
  <c r="K8206" i="2"/>
  <c r="K8180" i="5" s="1"/>
  <c r="J8477" i="2"/>
  <c r="J8451" i="5" s="1"/>
  <c r="M8477" i="2"/>
  <c r="M8451" i="5" s="1"/>
  <c r="P8451" i="5" s="1"/>
  <c r="L8477" i="2"/>
  <c r="L8451" i="5" s="1"/>
  <c r="I8477" i="2"/>
  <c r="I8451" i="5" s="1"/>
  <c r="K235" i="2"/>
  <c r="K209" i="5" s="1"/>
  <c r="O209" i="5" s="1"/>
  <c r="J235" i="2"/>
  <c r="J209" i="5" s="1"/>
  <c r="I235" i="2"/>
  <c r="I209" i="5" s="1"/>
  <c r="L6854" i="2"/>
  <c r="L6828" i="5" s="1"/>
  <c r="J6854" i="2"/>
  <c r="J6828" i="5" s="1"/>
  <c r="K6854" i="2"/>
  <c r="K6828" i="5" s="1"/>
  <c r="M4248" i="2"/>
  <c r="M4222" i="5" s="1"/>
  <c r="P4222" i="5" s="1"/>
  <c r="L4248" i="2"/>
  <c r="L4222" i="5" s="1"/>
  <c r="M5915" i="2"/>
  <c r="M5889" i="5" s="1"/>
  <c r="P5889" i="5" s="1"/>
  <c r="K5915" i="2"/>
  <c r="K5889" i="5" s="1"/>
  <c r="O5889" i="5" s="1"/>
  <c r="J5915" i="2"/>
  <c r="J5889" i="5" s="1"/>
  <c r="N5889" i="5" s="1"/>
  <c r="I5915" i="2"/>
  <c r="I5889" i="5" s="1"/>
  <c r="I6801" i="2"/>
  <c r="I6775" i="5" s="1"/>
  <c r="K6801" i="2"/>
  <c r="K6775" i="5" s="1"/>
  <c r="O6775" i="5" s="1"/>
  <c r="J6801" i="2"/>
  <c r="J6775" i="5" s="1"/>
  <c r="N6775" i="5" s="1"/>
  <c r="M6801" i="2"/>
  <c r="M6775" i="5" s="1"/>
  <c r="P6775" i="5" s="1"/>
  <c r="K8606" i="2"/>
  <c r="K8580" i="5" s="1"/>
  <c r="J8606" i="2"/>
  <c r="J8580" i="5" s="1"/>
  <c r="N8580" i="5" s="1"/>
  <c r="I8606" i="2"/>
  <c r="I8580" i="5" s="1"/>
  <c r="L8606" i="2"/>
  <c r="L8580" i="5" s="1"/>
  <c r="M8606" i="2"/>
  <c r="M8580" i="5" s="1"/>
  <c r="P8580" i="5" s="1"/>
  <c r="M8010" i="2"/>
  <c r="M7984" i="5" s="1"/>
  <c r="P7984" i="5" s="1"/>
  <c r="J8010" i="2"/>
  <c r="J7984" i="5" s="1"/>
  <c r="N7984" i="5" s="1"/>
  <c r="I8010" i="2"/>
  <c r="I7984" i="5" s="1"/>
  <c r="I932" i="2"/>
  <c r="I906" i="5" s="1"/>
  <c r="M932" i="2"/>
  <c r="M906" i="5" s="1"/>
  <c r="P906" i="5" s="1"/>
  <c r="J932" i="2"/>
  <c r="J906" i="5" s="1"/>
  <c r="N906" i="5" s="1"/>
  <c r="M1833" i="2"/>
  <c r="M1807" i="5" s="1"/>
  <c r="P1807" i="5" s="1"/>
  <c r="L1833" i="2"/>
  <c r="L1807" i="5" s="1"/>
  <c r="I1833" i="2"/>
  <c r="I1807" i="5" s="1"/>
  <c r="M4654" i="2"/>
  <c r="M4628" i="5" s="1"/>
  <c r="P4628" i="5" s="1"/>
  <c r="I4654" i="2"/>
  <c r="I4628" i="5" s="1"/>
  <c r="K4654" i="2"/>
  <c r="K4628" i="5" s="1"/>
  <c r="L4654" i="2"/>
  <c r="L4628" i="5" s="1"/>
  <c r="J4654" i="2"/>
  <c r="J4628" i="5" s="1"/>
  <c r="N4628" i="5" s="1"/>
  <c r="J6822" i="2"/>
  <c r="J6796" i="5" s="1"/>
  <c r="M6822" i="2"/>
  <c r="M6796" i="5" s="1"/>
  <c r="P6796" i="5" s="1"/>
  <c r="I6181" i="2"/>
  <c r="I6155" i="5" s="1"/>
  <c r="L6181" i="2"/>
  <c r="L6155" i="5" s="1"/>
  <c r="L3172" i="2"/>
  <c r="L3146" i="5" s="1"/>
  <c r="I3172" i="2"/>
  <c r="I3146" i="5" s="1"/>
  <c r="K3172" i="2"/>
  <c r="K3146" i="5" s="1"/>
  <c r="J3172" i="2"/>
  <c r="J3146" i="5" s="1"/>
  <c r="N3146" i="5" s="1"/>
  <c r="K2098" i="2"/>
  <c r="K2072" i="5" s="1"/>
  <c r="M2098" i="2"/>
  <c r="M2072" i="5" s="1"/>
  <c r="P2072" i="5" s="1"/>
  <c r="J3421" i="2"/>
  <c r="J3395" i="5" s="1"/>
  <c r="N3395" i="5" s="1"/>
  <c r="I3421" i="2"/>
  <c r="I3395" i="5" s="1"/>
  <c r="K3421" i="2"/>
  <c r="K3395" i="5" s="1"/>
  <c r="O3395" i="5" s="1"/>
  <c r="M3421" i="2"/>
  <c r="M3395" i="5" s="1"/>
  <c r="P3395" i="5" s="1"/>
  <c r="K7818" i="2"/>
  <c r="K7792" i="5" s="1"/>
  <c r="O7792" i="5" s="1"/>
  <c r="J7818" i="2"/>
  <c r="J7792" i="5" s="1"/>
  <c r="N7792" i="5" s="1"/>
  <c r="I8662" i="2"/>
  <c r="I8636" i="5" s="1"/>
  <c r="K8662" i="2"/>
  <c r="K8636" i="5" s="1"/>
  <c r="J8662" i="2"/>
  <c r="J8636" i="5" s="1"/>
  <c r="N8636" i="5" s="1"/>
  <c r="M636" i="2"/>
  <c r="M610" i="5" s="1"/>
  <c r="P610" i="5" s="1"/>
  <c r="L636" i="2"/>
  <c r="L610" i="5" s="1"/>
  <c r="I636" i="2"/>
  <c r="I610" i="5" s="1"/>
  <c r="K636" i="2"/>
  <c r="K610" i="5" s="1"/>
  <c r="J636" i="2"/>
  <c r="J610" i="5" s="1"/>
  <c r="N610" i="5" s="1"/>
  <c r="M8546" i="2"/>
  <c r="M8520" i="5" s="1"/>
  <c r="P8520" i="5" s="1"/>
  <c r="K2914" i="2"/>
  <c r="K2888" i="5" s="1"/>
  <c r="M2914" i="2"/>
  <c r="M2888" i="5" s="1"/>
  <c r="P2888" i="5" s="1"/>
  <c r="L2914" i="2"/>
  <c r="L2888" i="5" s="1"/>
  <c r="J2914" i="2"/>
  <c r="J2888" i="5" s="1"/>
  <c r="N2888" i="5" s="1"/>
  <c r="I2914" i="2"/>
  <c r="I2888" i="5" s="1"/>
  <c r="L3490" i="2"/>
  <c r="L3464" i="5" s="1"/>
  <c r="M3490" i="2"/>
  <c r="M3464" i="5" s="1"/>
  <c r="P3464" i="5" s="1"/>
  <c r="I3967" i="2"/>
  <c r="I3941" i="5" s="1"/>
  <c r="L3967" i="2"/>
  <c r="L3941" i="5" s="1"/>
  <c r="M3967" i="2"/>
  <c r="M3941" i="5" s="1"/>
  <c r="P3941" i="5" s="1"/>
  <c r="K3967" i="2"/>
  <c r="K3941" i="5" s="1"/>
  <c r="J3967" i="2"/>
  <c r="J3941" i="5" s="1"/>
  <c r="K6969" i="2"/>
  <c r="K6943" i="5" s="1"/>
  <c r="J6969" i="2"/>
  <c r="J6943" i="5" s="1"/>
  <c r="N6943" i="5" s="1"/>
  <c r="L6969" i="2"/>
  <c r="L6943" i="5" s="1"/>
  <c r="I6969" i="2"/>
  <c r="I6943" i="5" s="1"/>
  <c r="I4311" i="2"/>
  <c r="I4285" i="5" s="1"/>
  <c r="K4311" i="2"/>
  <c r="K4285" i="5" s="1"/>
  <c r="O4285" i="5" s="1"/>
  <c r="M5914" i="2"/>
  <c r="M5888" i="5" s="1"/>
  <c r="P5888" i="5" s="1"/>
  <c r="I5914" i="2"/>
  <c r="I5888" i="5" s="1"/>
  <c r="K5914" i="2"/>
  <c r="K5888" i="5" s="1"/>
  <c r="L3118" i="2"/>
  <c r="L3092" i="5" s="1"/>
  <c r="K1646" i="2"/>
  <c r="K1620" i="5" s="1"/>
  <c r="O1620" i="5" s="1"/>
  <c r="M8197" i="2"/>
  <c r="M8171" i="5" s="1"/>
  <c r="P8171" i="5" s="1"/>
  <c r="L1743" i="2"/>
  <c r="L1717" i="5" s="1"/>
  <c r="K2939" i="2"/>
  <c r="K2913" i="5" s="1"/>
  <c r="O2913" i="5" s="1"/>
  <c r="M2939" i="2"/>
  <c r="M2913" i="5" s="1"/>
  <c r="P2913" i="5" s="1"/>
  <c r="M4077" i="2"/>
  <c r="M4051" i="5" s="1"/>
  <c r="P4051" i="5" s="1"/>
  <c r="J4077" i="2"/>
  <c r="J4051" i="5" s="1"/>
  <c r="N4051" i="5" s="1"/>
  <c r="L8338" i="2"/>
  <c r="L8312" i="5" s="1"/>
  <c r="M8338" i="2"/>
  <c r="M8312" i="5" s="1"/>
  <c r="P8312" i="5" s="1"/>
  <c r="M3733" i="2"/>
  <c r="M3707" i="5" s="1"/>
  <c r="P3707" i="5" s="1"/>
  <c r="L3733" i="2"/>
  <c r="L3707" i="5" s="1"/>
  <c r="K3733" i="2"/>
  <c r="K3707" i="5" s="1"/>
  <c r="I1227" i="2"/>
  <c r="I1201" i="5" s="1"/>
  <c r="J1227" i="2"/>
  <c r="J1201" i="5" s="1"/>
  <c r="N1201" i="5" s="1"/>
  <c r="L1227" i="2"/>
  <c r="L1201" i="5" s="1"/>
  <c r="M1227" i="2"/>
  <c r="M1201" i="5" s="1"/>
  <c r="P1201" i="5" s="1"/>
  <c r="K1227" i="2"/>
  <c r="K1201" i="5" s="1"/>
  <c r="M1403" i="2"/>
  <c r="M1377" i="5" s="1"/>
  <c r="P1377" i="5" s="1"/>
  <c r="I1403" i="2"/>
  <c r="I1377" i="5" s="1"/>
  <c r="K1403" i="2"/>
  <c r="K1377" i="5" s="1"/>
  <c r="L1403" i="2"/>
  <c r="L1377" i="5" s="1"/>
  <c r="J1403" i="2"/>
  <c r="J1377" i="5" s="1"/>
  <c r="K3333" i="2"/>
  <c r="K3307" i="5" s="1"/>
  <c r="J3333" i="2"/>
  <c r="J3307" i="5" s="1"/>
  <c r="N3307" i="5" s="1"/>
  <c r="L3333" i="2"/>
  <c r="L3307" i="5" s="1"/>
  <c r="M3784" i="2"/>
  <c r="M3758" i="5" s="1"/>
  <c r="P3758" i="5" s="1"/>
  <c r="L3784" i="2"/>
  <c r="L3758" i="5" s="1"/>
  <c r="L1496" i="2"/>
  <c r="L1470" i="5" s="1"/>
  <c r="M1496" i="2"/>
  <c r="M1470" i="5" s="1"/>
  <c r="P1470" i="5" s="1"/>
  <c r="K1496" i="2"/>
  <c r="K1470" i="5" s="1"/>
  <c r="K435" i="2"/>
  <c r="K409" i="5" s="1"/>
  <c r="L435" i="2"/>
  <c r="L409" i="5" s="1"/>
  <c r="M7652" i="2"/>
  <c r="M7626" i="5" s="1"/>
  <c r="P7626" i="5" s="1"/>
  <c r="L7652" i="2"/>
  <c r="L7626" i="5" s="1"/>
  <c r="K1986" i="2"/>
  <c r="K1960" i="5" s="1"/>
  <c r="J1986" i="2"/>
  <c r="J1960" i="5" s="1"/>
  <c r="N1960" i="5" s="1"/>
  <c r="I1986" i="2"/>
  <c r="I1960" i="5" s="1"/>
  <c r="M212" i="2"/>
  <c r="M186" i="5" s="1"/>
  <c r="P186" i="5" s="1"/>
  <c r="J212" i="2"/>
  <c r="J186" i="5" s="1"/>
  <c r="N186" i="5" s="1"/>
  <c r="K212" i="2"/>
  <c r="K186" i="5" s="1"/>
  <c r="O186" i="5" s="1"/>
  <c r="I8198" i="2"/>
  <c r="I8172" i="5" s="1"/>
  <c r="K8198" i="2"/>
  <c r="K8172" i="5" s="1"/>
  <c r="O8172" i="5" s="1"/>
  <c r="J8198" i="2"/>
  <c r="J8172" i="5" s="1"/>
  <c r="N8172" i="5" s="1"/>
  <c r="I8466" i="2"/>
  <c r="I8440" i="5" s="1"/>
  <c r="J8466" i="2"/>
  <c r="J8440" i="5" s="1"/>
  <c r="N8440" i="5" s="1"/>
  <c r="L8466" i="2"/>
  <c r="L8440" i="5" s="1"/>
  <c r="M8466" i="2"/>
  <c r="M8440" i="5" s="1"/>
  <c r="P8440" i="5" s="1"/>
  <c r="J4935" i="2"/>
  <c r="J4909" i="5" s="1"/>
  <c r="N4909" i="5" s="1"/>
  <c r="K4935" i="2"/>
  <c r="K4909" i="5" s="1"/>
  <c r="J2076" i="2"/>
  <c r="J2050" i="5" s="1"/>
  <c r="M2076" i="2"/>
  <c r="M2050" i="5" s="1"/>
  <c r="P2050" i="5" s="1"/>
  <c r="M5671" i="2"/>
  <c r="M5645" i="5" s="1"/>
  <c r="P5645" i="5" s="1"/>
  <c r="J5671" i="2"/>
  <c r="J5645" i="5" s="1"/>
  <c r="N5645" i="5" s="1"/>
  <c r="I2113" i="2"/>
  <c r="I2087" i="5" s="1"/>
  <c r="M2113" i="2"/>
  <c r="M2087" i="5" s="1"/>
  <c r="P2087" i="5" s="1"/>
  <c r="J2113" i="2"/>
  <c r="J2087" i="5" s="1"/>
  <c r="N2087" i="5" s="1"/>
  <c r="J3114" i="2"/>
  <c r="J3088" i="5" s="1"/>
  <c r="N3088" i="5" s="1"/>
  <c r="K3114" i="2"/>
  <c r="K3088" i="5" s="1"/>
  <c r="O3088" i="5" s="1"/>
  <c r="M2240" i="2"/>
  <c r="M2214" i="5" s="1"/>
  <c r="P2214" i="5" s="1"/>
  <c r="L2240" i="2"/>
  <c r="L2214" i="5" s="1"/>
  <c r="I2240" i="2"/>
  <c r="I2214" i="5" s="1"/>
  <c r="J7978" i="2"/>
  <c r="J7952" i="5" s="1"/>
  <c r="L7978" i="2"/>
  <c r="L7952" i="5" s="1"/>
  <c r="M6354" i="2"/>
  <c r="M6328" i="5" s="1"/>
  <c r="P6328" i="5" s="1"/>
  <c r="I6354" i="2"/>
  <c r="I6328" i="5" s="1"/>
  <c r="L6354" i="2"/>
  <c r="L6328" i="5" s="1"/>
  <c r="M6964" i="2"/>
  <c r="M6938" i="5" s="1"/>
  <c r="P6938" i="5" s="1"/>
  <c r="K6964" i="2"/>
  <c r="K6938" i="5" s="1"/>
  <c r="L6964" i="2"/>
  <c r="L6938" i="5" s="1"/>
  <c r="I6964" i="2"/>
  <c r="I6938" i="5" s="1"/>
  <c r="M3645" i="2"/>
  <c r="M3619" i="5" s="1"/>
  <c r="P3619" i="5" s="1"/>
  <c r="J3645" i="2"/>
  <c r="J3619" i="5" s="1"/>
  <c r="N3619" i="5" s="1"/>
  <c r="I3645" i="2"/>
  <c r="I3619" i="5" s="1"/>
  <c r="I4314" i="2"/>
  <c r="I4288" i="5" s="1"/>
  <c r="K4314" i="2"/>
  <c r="K4288" i="5" s="1"/>
  <c r="J4314" i="2"/>
  <c r="J4288" i="5" s="1"/>
  <c r="N4288" i="5" s="1"/>
  <c r="L4314" i="2"/>
  <c r="L4288" i="5" s="1"/>
  <c r="I7206" i="2"/>
  <c r="I7180" i="5" s="1"/>
  <c r="K7206" i="2"/>
  <c r="K7180" i="5" s="1"/>
  <c r="M7206" i="2"/>
  <c r="M7180" i="5" s="1"/>
  <c r="P7180" i="5" s="1"/>
  <c r="L5927" i="2"/>
  <c r="L5901" i="5" s="1"/>
  <c r="I5927" i="2"/>
  <c r="I5901" i="5" s="1"/>
  <c r="K5927" i="2"/>
  <c r="K5901" i="5" s="1"/>
  <c r="M5927" i="2"/>
  <c r="M5901" i="5" s="1"/>
  <c r="P5901" i="5" s="1"/>
  <c r="J5668" i="2"/>
  <c r="J5642" i="5" s="1"/>
  <c r="N5642" i="5" s="1"/>
  <c r="J6957" i="2"/>
  <c r="J6931" i="5" s="1"/>
  <c r="N6931" i="5" s="1"/>
  <c r="K6957" i="2"/>
  <c r="K6931" i="5" s="1"/>
  <c r="L6957" i="2"/>
  <c r="L6931" i="5" s="1"/>
  <c r="I7189" i="2"/>
  <c r="I7163" i="5" s="1"/>
  <c r="J7189" i="2"/>
  <c r="J7163" i="5" s="1"/>
  <c r="N7163" i="5" s="1"/>
  <c r="K7189" i="2"/>
  <c r="K7163" i="5" s="1"/>
  <c r="M7189" i="2"/>
  <c r="M7163" i="5" s="1"/>
  <c r="P7163" i="5" s="1"/>
  <c r="L7189" i="2"/>
  <c r="L7163" i="5" s="1"/>
  <c r="M2406" i="2"/>
  <c r="M2380" i="5" s="1"/>
  <c r="P2380" i="5" s="1"/>
  <c r="I2406" i="2"/>
  <c r="I2380" i="5" s="1"/>
  <c r="I6505" i="2"/>
  <c r="I6479" i="5" s="1"/>
  <c r="K6505" i="2"/>
  <c r="K6479" i="5" s="1"/>
  <c r="O6479" i="5" s="1"/>
  <c r="K3513" i="2"/>
  <c r="K3487" i="5" s="1"/>
  <c r="J3513" i="2"/>
  <c r="J3487" i="5" s="1"/>
  <c r="N3487" i="5" s="1"/>
  <c r="I3513" i="2"/>
  <c r="I3487" i="5" s="1"/>
  <c r="M2165" i="2"/>
  <c r="M2139" i="5" s="1"/>
  <c r="P2139" i="5" s="1"/>
  <c r="I2165" i="2"/>
  <c r="I2139" i="5" s="1"/>
  <c r="M7837" i="2"/>
  <c r="M7811" i="5" s="1"/>
  <c r="P7811" i="5" s="1"/>
  <c r="L4077" i="2"/>
  <c r="L4051" i="5" s="1"/>
  <c r="I5163" i="2"/>
  <c r="I5137" i="5" s="1"/>
  <c r="L5293" i="2"/>
  <c r="L5267" i="5" s="1"/>
  <c r="M823" i="2"/>
  <c r="M797" i="5" s="1"/>
  <c r="P797" i="5" s="1"/>
  <c r="M82" i="2"/>
  <c r="M56" i="5" s="1"/>
  <c r="P56" i="5" s="1"/>
  <c r="M7261" i="2"/>
  <c r="M7235" i="5" s="1"/>
  <c r="P7235" i="5" s="1"/>
  <c r="I2310" i="2"/>
  <c r="I2284" i="5" s="1"/>
  <c r="L4493" i="2"/>
  <c r="L4467" i="5" s="1"/>
  <c r="M5431" i="2"/>
  <c r="M5405" i="5" s="1"/>
  <c r="P5405" i="5" s="1"/>
  <c r="L393" i="2"/>
  <c r="L367" i="5" s="1"/>
  <c r="J6085" i="2"/>
  <c r="J6059" i="5" s="1"/>
  <c r="J8681" i="2"/>
  <c r="J8655" i="5" s="1"/>
  <c r="M651" i="2"/>
  <c r="M625" i="5" s="1"/>
  <c r="P625" i="5" s="1"/>
  <c r="M6521" i="2"/>
  <c r="M6495" i="5" s="1"/>
  <c r="P6495" i="5" s="1"/>
  <c r="L6443" i="2"/>
  <c r="L6417" i="5" s="1"/>
  <c r="L2766" i="2"/>
  <c r="L2740" i="5" s="1"/>
  <c r="L8013" i="2"/>
  <c r="L7987" i="5" s="1"/>
  <c r="I559" i="2"/>
  <c r="I533" i="5" s="1"/>
  <c r="I8715" i="2"/>
  <c r="I8689" i="5" s="1"/>
  <c r="L1589" i="2"/>
  <c r="L1563" i="5" s="1"/>
  <c r="L1986" i="2"/>
  <c r="L1960" i="5" s="1"/>
  <c r="J2439" i="2"/>
  <c r="J2413" i="5" s="1"/>
  <c r="N2413" i="5" s="1"/>
  <c r="M5992" i="2"/>
  <c r="M5966" i="5" s="1"/>
  <c r="P5966" i="5" s="1"/>
  <c r="K2110" i="2"/>
  <c r="K2084" i="5" s="1"/>
  <c r="AR26" i="1"/>
  <c r="K8617" i="2"/>
  <c r="K8591" i="5" s="1"/>
  <c r="M5293" i="2"/>
  <c r="M5267" i="5" s="1"/>
  <c r="P5267" i="5" s="1"/>
  <c r="J2610" i="2"/>
  <c r="J2584" i="5" s="1"/>
  <c r="N2584" i="5" s="1"/>
  <c r="K1489" i="2"/>
  <c r="K1463" i="5" s="1"/>
  <c r="L4257" i="2"/>
  <c r="L4231" i="5" s="1"/>
  <c r="L6368" i="2"/>
  <c r="L6342" i="5" s="1"/>
  <c r="I5431" i="2"/>
  <c r="I5405" i="5" s="1"/>
  <c r="J4333" i="2"/>
  <c r="J4307" i="5" s="1"/>
  <c r="K8681" i="2"/>
  <c r="K8655" i="5" s="1"/>
  <c r="K651" i="2"/>
  <c r="K625" i="5" s="1"/>
  <c r="J4411" i="2"/>
  <c r="J4385" i="5" s="1"/>
  <c r="N4385" i="5" s="1"/>
  <c r="M559" i="2"/>
  <c r="M533" i="5" s="1"/>
  <c r="P533" i="5" s="1"/>
  <c r="M8715" i="2"/>
  <c r="M8689" i="5" s="1"/>
  <c r="P8689" i="5" s="1"/>
  <c r="L3293" i="2"/>
  <c r="L3267" i="5" s="1"/>
  <c r="K5992" i="2"/>
  <c r="K5966" i="5" s="1"/>
  <c r="O5966" i="5" s="1"/>
  <c r="K6594" i="2"/>
  <c r="K6568" i="5" s="1"/>
  <c r="J2240" i="2"/>
  <c r="J2214" i="5" s="1"/>
  <c r="N2214" i="5" s="1"/>
  <c r="I4853" i="2"/>
  <c r="I4827" i="5" s="1"/>
  <c r="K5436" i="2"/>
  <c r="K5410" i="5" s="1"/>
  <c r="O5410" i="5" s="1"/>
  <c r="L1475" i="2"/>
  <c r="L1449" i="5" s="1"/>
  <c r="L8681" i="2"/>
  <c r="L8655" i="5" s="1"/>
  <c r="I3917" i="2"/>
  <c r="I3891" i="5" s="1"/>
  <c r="L2400" i="2"/>
  <c r="L2374" i="5" s="1"/>
  <c r="M6594" i="2"/>
  <c r="M6568" i="5" s="1"/>
  <c r="P6568" i="5" s="1"/>
  <c r="M4853" i="2"/>
  <c r="M4827" i="5" s="1"/>
  <c r="P4827" i="5" s="1"/>
  <c r="K3778" i="2"/>
  <c r="K3752" i="5" s="1"/>
  <c r="J3778" i="2"/>
  <c r="J3752" i="5" s="1"/>
  <c r="N3752" i="5" s="1"/>
  <c r="I3778" i="2"/>
  <c r="I3752" i="5" s="1"/>
  <c r="I8140" i="2"/>
  <c r="I8114" i="5" s="1"/>
  <c r="K8140" i="2"/>
  <c r="K8114" i="5" s="1"/>
  <c r="M5011" i="2"/>
  <c r="M4985" i="5" s="1"/>
  <c r="P4985" i="5" s="1"/>
  <c r="K5011" i="2"/>
  <c r="K4985" i="5" s="1"/>
  <c r="O4985" i="5" s="1"/>
  <c r="K6253" i="2"/>
  <c r="K6227" i="5" s="1"/>
  <c r="M6253" i="2"/>
  <c r="M6227" i="5" s="1"/>
  <c r="P6227" i="5" s="1"/>
  <c r="L6253" i="2"/>
  <c r="L6227" i="5" s="1"/>
  <c r="I383" i="2"/>
  <c r="I357" i="5" s="1"/>
  <c r="L383" i="2"/>
  <c r="L357" i="5" s="1"/>
  <c r="M8031" i="2"/>
  <c r="M8005" i="5" s="1"/>
  <c r="P8005" i="5" s="1"/>
  <c r="L6090" i="2"/>
  <c r="L6064" i="5" s="1"/>
  <c r="I6368" i="2"/>
  <c r="I6342" i="5" s="1"/>
  <c r="I4333" i="2"/>
  <c r="I4307" i="5" s="1"/>
  <c r="J620" i="2"/>
  <c r="J594" i="5" s="1"/>
  <c r="N594" i="5" s="1"/>
  <c r="I7854" i="2"/>
  <c r="I7828" i="5" s="1"/>
  <c r="M2400" i="2"/>
  <c r="M2374" i="5" s="1"/>
  <c r="P2374" i="5" s="1"/>
  <c r="J3903" i="2"/>
  <c r="J3877" i="5" s="1"/>
  <c r="N3877" i="5" s="1"/>
  <c r="L5486" i="2"/>
  <c r="L5460" i="5" s="1"/>
  <c r="I8031" i="2"/>
  <c r="I8005" i="5" s="1"/>
  <c r="I2939" i="2"/>
  <c r="I2913" i="5" s="1"/>
  <c r="M5841" i="2"/>
  <c r="M5815" i="5" s="1"/>
  <c r="P5815" i="5" s="1"/>
  <c r="L2610" i="2"/>
  <c r="L2584" i="5" s="1"/>
  <c r="K6090" i="2"/>
  <c r="K6064" i="5" s="1"/>
  <c r="J2755" i="2"/>
  <c r="J2729" i="5" s="1"/>
  <c r="N2729" i="5" s="1"/>
  <c r="M6368" i="2"/>
  <c r="M6342" i="5" s="1"/>
  <c r="P6342" i="5" s="1"/>
  <c r="I3995" i="2"/>
  <c r="I3969" i="5" s="1"/>
  <c r="L6005" i="2"/>
  <c r="L5979" i="5" s="1"/>
  <c r="M620" i="2"/>
  <c r="M594" i="5" s="1"/>
  <c r="P594" i="5" s="1"/>
  <c r="J7854" i="2"/>
  <c r="J7828" i="5" s="1"/>
  <c r="N7828" i="5" s="1"/>
  <c r="J2400" i="2"/>
  <c r="J2374" i="5" s="1"/>
  <c r="N2374" i="5" s="1"/>
  <c r="I2496" i="2"/>
  <c r="I2470" i="5" s="1"/>
  <c r="L214" i="2"/>
  <c r="L188" i="5" s="1"/>
  <c r="L4334" i="2"/>
  <c r="L4308" i="5" s="1"/>
  <c r="I3903" i="2"/>
  <c r="I3877" i="5" s="1"/>
  <c r="M5486" i="2"/>
  <c r="M5460" i="5" s="1"/>
  <c r="P5460" i="5" s="1"/>
  <c r="J8031" i="2"/>
  <c r="J8005" i="5" s="1"/>
  <c r="N8005" i="5" s="1"/>
  <c r="M3732" i="2"/>
  <c r="M3706" i="5" s="1"/>
  <c r="P3706" i="5" s="1"/>
  <c r="J5841" i="2"/>
  <c r="J5815" i="5" s="1"/>
  <c r="L1647" i="2"/>
  <c r="L1621" i="5" s="1"/>
  <c r="I218" i="2"/>
  <c r="I192" i="5" s="1"/>
  <c r="I6093" i="2"/>
  <c r="I6067" i="5" s="1"/>
  <c r="M3790" i="2"/>
  <c r="M3764" i="5" s="1"/>
  <c r="P3764" i="5" s="1"/>
  <c r="L7098" i="2"/>
  <c r="L7072" i="5" s="1"/>
  <c r="I3610" i="2"/>
  <c r="I3584" i="5" s="1"/>
  <c r="M2755" i="2"/>
  <c r="M2729" i="5" s="1"/>
  <c r="P2729" i="5" s="1"/>
  <c r="J4842" i="2"/>
  <c r="J4816" i="5" s="1"/>
  <c r="N4816" i="5" s="1"/>
  <c r="K8361" i="2"/>
  <c r="K8335" i="5" s="1"/>
  <c r="M6005" i="2"/>
  <c r="M5979" i="5" s="1"/>
  <c r="P5979" i="5" s="1"/>
  <c r="L620" i="2"/>
  <c r="L594" i="5" s="1"/>
  <c r="L6651" i="2"/>
  <c r="L6625" i="5" s="1"/>
  <c r="J6181" i="2"/>
  <c r="J6155" i="5" s="1"/>
  <c r="N6155" i="5" s="1"/>
  <c r="L2496" i="2"/>
  <c r="L2470" i="5" s="1"/>
  <c r="AR254" i="1"/>
  <c r="K3401" i="2"/>
  <c r="K3375" i="5" s="1"/>
  <c r="J1642" i="2"/>
  <c r="J1616" i="5" s="1"/>
  <c r="N1616" i="5" s="1"/>
  <c r="L3732" i="2"/>
  <c r="L3706" i="5" s="1"/>
  <c r="AR184" i="1"/>
  <c r="J7702" i="2"/>
  <c r="J7676" i="5" s="1"/>
  <c r="N7676" i="5" s="1"/>
  <c r="L6093" i="2"/>
  <c r="L6067" i="5" s="1"/>
  <c r="J3913" i="2"/>
  <c r="J3887" i="5" s="1"/>
  <c r="N3887" i="5" s="1"/>
  <c r="L3790" i="2"/>
  <c r="L3764" i="5" s="1"/>
  <c r="M5501" i="2"/>
  <c r="M5475" i="5" s="1"/>
  <c r="P5475" i="5" s="1"/>
  <c r="I1130" i="2"/>
  <c r="I1104" i="5" s="1"/>
  <c r="J3610" i="2"/>
  <c r="J3584" i="5" s="1"/>
  <c r="N3584" i="5" s="1"/>
  <c r="L2755" i="2"/>
  <c r="L2729" i="5" s="1"/>
  <c r="I272" i="2"/>
  <c r="I246" i="5" s="1"/>
  <c r="J6005" i="2"/>
  <c r="J5979" i="5" s="1"/>
  <c r="N5979" i="5" s="1"/>
  <c r="J3733" i="2"/>
  <c r="J3707" i="5" s="1"/>
  <c r="N3707" i="5" s="1"/>
  <c r="K7692" i="2"/>
  <c r="K7666" i="5" s="1"/>
  <c r="M6280" i="2"/>
  <c r="M6254" i="5" s="1"/>
  <c r="P6254" i="5" s="1"/>
  <c r="L7660" i="2"/>
  <c r="L7634" i="5" s="1"/>
  <c r="J721" i="2"/>
  <c r="J695" i="5" s="1"/>
  <c r="N695" i="5" s="1"/>
  <c r="AR356" i="1"/>
  <c r="L2103" i="2"/>
  <c r="L2077" i="5" s="1"/>
  <c r="M6181" i="2"/>
  <c r="M6155" i="5" s="1"/>
  <c r="P6155" i="5" s="1"/>
  <c r="M2912" i="2"/>
  <c r="M2886" i="5" s="1"/>
  <c r="P2886" i="5" s="1"/>
  <c r="I6811" i="2"/>
  <c r="I6785" i="5" s="1"/>
  <c r="I3397" i="2"/>
  <c r="I3371" i="5" s="1"/>
  <c r="I3401" i="2"/>
  <c r="I3375" i="5" s="1"/>
  <c r="J3732" i="2"/>
  <c r="J3706" i="5" s="1"/>
  <c r="N3706" i="5" s="1"/>
  <c r="K7702" i="2"/>
  <c r="K7676" i="5" s="1"/>
  <c r="J6093" i="2"/>
  <c r="J6067" i="5" s="1"/>
  <c r="N6067" i="5" s="1"/>
  <c r="K3913" i="2"/>
  <c r="K3887" i="5" s="1"/>
  <c r="O3887" i="5" s="1"/>
  <c r="J3790" i="2"/>
  <c r="J3764" i="5" s="1"/>
  <c r="J5501" i="2"/>
  <c r="J5475" i="5" s="1"/>
  <c r="N5475" i="5" s="1"/>
  <c r="K1130" i="2"/>
  <c r="K1104" i="5" s="1"/>
  <c r="J2130" i="2"/>
  <c r="J2104" i="5" s="1"/>
  <c r="M2934" i="2"/>
  <c r="M2908" i="5" s="1"/>
  <c r="P2908" i="5" s="1"/>
  <c r="M3610" i="2"/>
  <c r="M3584" i="5" s="1"/>
  <c r="P3584" i="5" s="1"/>
  <c r="K2755" i="2"/>
  <c r="K2729" i="5" s="1"/>
  <c r="M4803" i="2"/>
  <c r="M4777" i="5" s="1"/>
  <c r="P4777" i="5" s="1"/>
  <c r="J4850" i="2"/>
  <c r="J4824" i="5" s="1"/>
  <c r="N4824" i="5" s="1"/>
  <c r="K6005" i="2"/>
  <c r="K5979" i="5" s="1"/>
  <c r="K2950" i="2"/>
  <c r="K2924" i="5" s="1"/>
  <c r="O2924" i="5" s="1"/>
  <c r="I7692" i="2"/>
  <c r="I7666" i="5" s="1"/>
  <c r="I6280" i="2"/>
  <c r="I6254" i="5" s="1"/>
  <c r="M7660" i="2"/>
  <c r="M7634" i="5" s="1"/>
  <c r="P7634" i="5" s="1"/>
  <c r="K1402" i="2"/>
  <c r="K1376" i="5" s="1"/>
  <c r="K721" i="2"/>
  <c r="K695" i="5" s="1"/>
  <c r="L8546" i="2"/>
  <c r="L8520" i="5" s="1"/>
  <c r="I3657" i="2"/>
  <c r="I3631" i="5" s="1"/>
  <c r="I7458" i="2"/>
  <c r="I7432" i="5" s="1"/>
  <c r="K6438" i="2"/>
  <c r="K6412" i="5" s="1"/>
  <c r="I2103" i="2"/>
  <c r="I2077" i="5" s="1"/>
  <c r="M5650" i="2"/>
  <c r="M5624" i="5" s="1"/>
  <c r="P5624" i="5" s="1"/>
  <c r="J2912" i="2"/>
  <c r="J2886" i="5" s="1"/>
  <c r="N2886" i="5" s="1"/>
  <c r="M3064" i="2"/>
  <c r="M3038" i="5" s="1"/>
  <c r="P3038" i="5" s="1"/>
  <c r="M6673" i="2"/>
  <c r="M6647" i="5" s="1"/>
  <c r="P6647" i="5" s="1"/>
  <c r="M8355" i="2"/>
  <c r="M8329" i="5" s="1"/>
  <c r="P8329" i="5" s="1"/>
  <c r="M4478" i="2"/>
  <c r="M4452" i="5" s="1"/>
  <c r="P4452" i="5" s="1"/>
  <c r="L919" i="2"/>
  <c r="L893" i="5" s="1"/>
  <c r="M3401" i="2"/>
  <c r="M3375" i="5" s="1"/>
  <c r="P3375" i="5" s="1"/>
  <c r="I3732" i="2"/>
  <c r="I3706" i="5" s="1"/>
  <c r="J1641" i="2"/>
  <c r="J1615" i="5" s="1"/>
  <c r="M6093" i="2"/>
  <c r="M6067" i="5" s="1"/>
  <c r="P6067" i="5" s="1"/>
  <c r="I2136" i="2"/>
  <c r="I2110" i="5" s="1"/>
  <c r="I3913" i="2"/>
  <c r="I3887" i="5" s="1"/>
  <c r="K3790" i="2"/>
  <c r="K3764" i="5" s="1"/>
  <c r="K5501" i="2"/>
  <c r="K5475" i="5" s="1"/>
  <c r="K3269" i="2"/>
  <c r="K3243" i="5" s="1"/>
  <c r="L1130" i="2"/>
  <c r="L1104" i="5" s="1"/>
  <c r="I2130" i="2"/>
  <c r="I2104" i="5" s="1"/>
  <c r="L2934" i="2"/>
  <c r="L2908" i="5" s="1"/>
  <c r="L3610" i="2"/>
  <c r="L3584" i="5" s="1"/>
  <c r="J4803" i="2"/>
  <c r="J4777" i="5" s="1"/>
  <c r="N4777" i="5" s="1"/>
  <c r="K4850" i="2"/>
  <c r="K4824" i="5" s="1"/>
  <c r="I6488" i="2"/>
  <c r="I6462" i="5" s="1"/>
  <c r="M2950" i="2"/>
  <c r="M2924" i="5" s="1"/>
  <c r="P2924" i="5" s="1"/>
  <c r="L7692" i="2"/>
  <c r="L7666" i="5" s="1"/>
  <c r="I3784" i="2"/>
  <c r="I3758" i="5" s="1"/>
  <c r="I1402" i="2"/>
  <c r="I1376" i="5" s="1"/>
  <c r="J8214" i="2"/>
  <c r="J8188" i="5" s="1"/>
  <c r="N8188" i="5" s="1"/>
  <c r="I721" i="2"/>
  <c r="I695" i="5" s="1"/>
  <c r="J8546" i="2"/>
  <c r="J8520" i="5" s="1"/>
  <c r="N8520" i="5" s="1"/>
  <c r="L4847" i="2"/>
  <c r="L4821" i="5" s="1"/>
  <c r="I2396" i="2"/>
  <c r="I2370" i="5" s="1"/>
  <c r="L5650" i="2"/>
  <c r="L5624" i="5" s="1"/>
  <c r="I2912" i="2"/>
  <c r="I2886" i="5" s="1"/>
  <c r="J7698" i="2"/>
  <c r="J7672" i="5" s="1"/>
  <c r="N7672" i="5" s="1"/>
  <c r="K2978" i="2"/>
  <c r="K2952" i="5" s="1"/>
  <c r="O2952" i="5" s="1"/>
  <c r="J8355" i="2"/>
  <c r="J8329" i="5" s="1"/>
  <c r="N8329" i="5" s="1"/>
  <c r="I4478" i="2"/>
  <c r="I4452" i="5" s="1"/>
  <c r="L3401" i="2"/>
  <c r="L3375" i="5" s="1"/>
  <c r="I1714" i="2"/>
  <c r="I1688" i="5" s="1"/>
  <c r="AR143" i="1"/>
  <c r="I1717" i="2"/>
  <c r="I1691" i="5" s="1"/>
  <c r="K1641" i="2"/>
  <c r="K1615" i="5" s="1"/>
  <c r="M3913" i="2"/>
  <c r="M3887" i="5" s="1"/>
  <c r="P3887" i="5" s="1"/>
  <c r="J1404" i="2"/>
  <c r="J1378" i="5" s="1"/>
  <c r="N1378" i="5" s="1"/>
  <c r="M1130" i="2"/>
  <c r="M1104" i="5" s="1"/>
  <c r="P1104" i="5" s="1"/>
  <c r="L2130" i="2"/>
  <c r="L2104" i="5" s="1"/>
  <c r="K2934" i="2"/>
  <c r="K2908" i="5" s="1"/>
  <c r="J6100" i="2"/>
  <c r="J6074" i="5" s="1"/>
  <c r="L4850" i="2"/>
  <c r="L4824" i="5" s="1"/>
  <c r="K5499" i="2"/>
  <c r="K5473" i="5" s="1"/>
  <c r="L6488" i="2"/>
  <c r="L6462" i="5" s="1"/>
  <c r="J1646" i="2"/>
  <c r="J1620" i="5" s="1"/>
  <c r="N1620" i="5" s="1"/>
  <c r="J3770" i="2"/>
  <c r="J3744" i="5" s="1"/>
  <c r="I2950" i="2"/>
  <c r="I2924" i="5" s="1"/>
  <c r="I5596" i="2"/>
  <c r="I5570" i="5" s="1"/>
  <c r="J3784" i="2"/>
  <c r="J3758" i="5" s="1"/>
  <c r="M7785" i="2"/>
  <c r="M7759" i="5" s="1"/>
  <c r="P7759" i="5" s="1"/>
  <c r="L1402" i="2"/>
  <c r="L1376" i="5" s="1"/>
  <c r="K8214" i="2"/>
  <c r="K8188" i="5" s="1"/>
  <c r="L721" i="2"/>
  <c r="L695" i="5" s="1"/>
  <c r="K8546" i="2"/>
  <c r="K8520" i="5" s="1"/>
  <c r="M4847" i="2"/>
  <c r="M4821" i="5" s="1"/>
  <c r="P4821" i="5" s="1"/>
  <c r="M2978" i="2"/>
  <c r="M2952" i="5" s="1"/>
  <c r="P2952" i="5" s="1"/>
  <c r="M2106" i="2"/>
  <c r="M2080" i="5" s="1"/>
  <c r="P2080" i="5" s="1"/>
  <c r="L1714" i="2"/>
  <c r="L1688" i="5" s="1"/>
  <c r="I2555" i="2"/>
  <c r="I2529" i="5" s="1"/>
  <c r="K2624" i="2"/>
  <c r="K2598" i="5" s="1"/>
  <c r="M2136" i="2"/>
  <c r="M2110" i="5" s="1"/>
  <c r="P2110" i="5" s="1"/>
  <c r="L6100" i="2"/>
  <c r="L6074" i="5" s="1"/>
  <c r="M5499" i="2"/>
  <c r="M5473" i="5" s="1"/>
  <c r="P5473" i="5" s="1"/>
  <c r="M6488" i="2"/>
  <c r="M6462" i="5" s="1"/>
  <c r="P6462" i="5" s="1"/>
  <c r="J37" i="2"/>
  <c r="J11" i="5" s="1"/>
  <c r="M5596" i="2"/>
  <c r="M5570" i="5" s="1"/>
  <c r="P5570" i="5" s="1"/>
  <c r="K263" i="2"/>
  <c r="K237" i="5" s="1"/>
  <c r="O237" i="5" s="1"/>
  <c r="M8214" i="2"/>
  <c r="M8188" i="5" s="1"/>
  <c r="P8188" i="5" s="1"/>
  <c r="I6670" i="2"/>
  <c r="I6644" i="5" s="1"/>
  <c r="I2978" i="2"/>
  <c r="I2952" i="5" s="1"/>
  <c r="J805" i="2"/>
  <c r="J779" i="5" s="1"/>
  <c r="N779" i="5" s="1"/>
  <c r="M4278" i="2"/>
  <c r="M4252" i="5" s="1"/>
  <c r="P4252" i="5" s="1"/>
  <c r="I4278" i="2"/>
  <c r="I4252" i="5" s="1"/>
  <c r="K4278" i="2"/>
  <c r="K4252" i="5" s="1"/>
  <c r="L4278" i="2"/>
  <c r="L4252" i="5" s="1"/>
  <c r="K7290" i="2"/>
  <c r="K7264" i="5" s="1"/>
  <c r="J7290" i="2"/>
  <c r="J7264" i="5" s="1"/>
  <c r="N7264" i="5" s="1"/>
  <c r="L4841" i="2"/>
  <c r="L4815" i="5" s="1"/>
  <c r="I4841" i="2"/>
  <c r="I4815" i="5" s="1"/>
  <c r="I2457" i="2"/>
  <c r="I2431" i="5" s="1"/>
  <c r="K2457" i="2"/>
  <c r="K2431" i="5" s="1"/>
  <c r="O2431" i="5" s="1"/>
  <c r="J2457" i="2"/>
  <c r="J2431" i="5" s="1"/>
  <c r="N2431" i="5" s="1"/>
  <c r="M2457" i="2"/>
  <c r="M2431" i="5" s="1"/>
  <c r="P2431" i="5" s="1"/>
  <c r="K7622" i="2"/>
  <c r="K7596" i="5" s="1"/>
  <c r="I7622" i="2"/>
  <c r="I7596" i="5" s="1"/>
  <c r="M7622" i="2"/>
  <c r="M7596" i="5" s="1"/>
  <c r="P7596" i="5" s="1"/>
  <c r="K5787" i="2"/>
  <c r="K5761" i="5" s="1"/>
  <c r="M5787" i="2"/>
  <c r="M5761" i="5" s="1"/>
  <c r="P5761" i="5" s="1"/>
  <c r="L5787" i="2"/>
  <c r="L5761" i="5" s="1"/>
  <c r="L7601" i="2"/>
  <c r="L7575" i="5" s="1"/>
  <c r="K7601" i="2"/>
  <c r="K7575" i="5" s="1"/>
  <c r="I7601" i="2"/>
  <c r="I7575" i="5" s="1"/>
  <c r="M7601" i="2"/>
  <c r="M7575" i="5" s="1"/>
  <c r="P7575" i="5" s="1"/>
  <c r="J7601" i="2"/>
  <c r="J7575" i="5" s="1"/>
  <c r="N7575" i="5" s="1"/>
  <c r="I7462" i="2"/>
  <c r="I7436" i="5" s="1"/>
  <c r="J7462" i="2"/>
  <c r="J7436" i="5" s="1"/>
  <c r="N7436" i="5" s="1"/>
  <c r="K7462" i="2"/>
  <c r="K7436" i="5" s="1"/>
  <c r="K2328" i="2"/>
  <c r="K2302" i="5" s="1"/>
  <c r="J2328" i="2"/>
  <c r="J2302" i="5" s="1"/>
  <c r="N2302" i="5" s="1"/>
  <c r="L2328" i="2"/>
  <c r="L2302" i="5" s="1"/>
  <c r="I4759" i="2"/>
  <c r="I4733" i="5" s="1"/>
  <c r="K4759" i="2"/>
  <c r="K4733" i="5" s="1"/>
  <c r="E52" i="5"/>
  <c r="AR46" i="1"/>
  <c r="L1947" i="2"/>
  <c r="L1921" i="5" s="1"/>
  <c r="J1947" i="2"/>
  <c r="J1921" i="5" s="1"/>
  <c r="N1921" i="5" s="1"/>
  <c r="M1947" i="2"/>
  <c r="M1921" i="5" s="1"/>
  <c r="P1921" i="5" s="1"/>
  <c r="I1947" i="2"/>
  <c r="I1921" i="5" s="1"/>
  <c r="K1947" i="2"/>
  <c r="K1921" i="5" s="1"/>
  <c r="J6703" i="2"/>
  <c r="J6677" i="5" s="1"/>
  <c r="N6677" i="5" s="1"/>
  <c r="I6703" i="2"/>
  <c r="I6677" i="5" s="1"/>
  <c r="J8633" i="2"/>
  <c r="J8607" i="5" s="1"/>
  <c r="N8607" i="5" s="1"/>
  <c r="M8633" i="2"/>
  <c r="M8607" i="5" s="1"/>
  <c r="P8607" i="5" s="1"/>
  <c r="I8633" i="2"/>
  <c r="I8607" i="5" s="1"/>
  <c r="L2945" i="2"/>
  <c r="L2919" i="5" s="1"/>
  <c r="M3598" i="2"/>
  <c r="M3572" i="5" s="1"/>
  <c r="P3572" i="5" s="1"/>
  <c r="I3598" i="2"/>
  <c r="I3572" i="5" s="1"/>
  <c r="M1466" i="2"/>
  <c r="M1440" i="5" s="1"/>
  <c r="P1440" i="5" s="1"/>
  <c r="J1466" i="2"/>
  <c r="J1440" i="5" s="1"/>
  <c r="N1440" i="5" s="1"/>
  <c r="L1466" i="2"/>
  <c r="L1440" i="5" s="1"/>
  <c r="L6811" i="2"/>
  <c r="L6785" i="5" s="1"/>
  <c r="M7860" i="2"/>
  <c r="M7834" i="5" s="1"/>
  <c r="P7834" i="5" s="1"/>
  <c r="I7860" i="2"/>
  <c r="I7834" i="5" s="1"/>
  <c r="I2422" i="2"/>
  <c r="I2396" i="5" s="1"/>
  <c r="L1126" i="2"/>
  <c r="L1100" i="5" s="1"/>
  <c r="K1126" i="2"/>
  <c r="K1100" i="5" s="1"/>
  <c r="K93" i="2"/>
  <c r="K67" i="5" s="1"/>
  <c r="J3274" i="2"/>
  <c r="J3248" i="5" s="1"/>
  <c r="M370" i="2"/>
  <c r="M344" i="5" s="1"/>
  <c r="P344" i="5" s="1"/>
  <c r="L3619" i="2"/>
  <c r="L3593" i="5" s="1"/>
  <c r="J3619" i="2"/>
  <c r="J3593" i="5" s="1"/>
  <c r="N3593" i="5" s="1"/>
  <c r="I5515" i="2"/>
  <c r="I5489" i="5" s="1"/>
  <c r="M5515" i="2"/>
  <c r="M5489" i="5" s="1"/>
  <c r="P5489" i="5" s="1"/>
  <c r="J5515" i="2"/>
  <c r="J5489" i="5" s="1"/>
  <c r="N5489" i="5" s="1"/>
  <c r="K6294" i="2"/>
  <c r="K6268" i="5" s="1"/>
  <c r="J6294" i="2"/>
  <c r="J6268" i="5" s="1"/>
  <c r="N6268" i="5" s="1"/>
  <c r="L6294" i="2"/>
  <c r="L6268" i="5" s="1"/>
  <c r="I6294" i="2"/>
  <c r="I6268" i="5" s="1"/>
  <c r="M7996" i="2"/>
  <c r="M7970" i="5" s="1"/>
  <c r="P7970" i="5" s="1"/>
  <c r="K7990" i="2"/>
  <c r="K7964" i="5" s="1"/>
  <c r="O7964" i="5" s="1"/>
  <c r="K4483" i="2"/>
  <c r="K4457" i="5" s="1"/>
  <c r="I4483" i="2"/>
  <c r="I4457" i="5" s="1"/>
  <c r="M4483" i="2"/>
  <c r="M4457" i="5" s="1"/>
  <c r="P4457" i="5" s="1"/>
  <c r="L2115" i="2"/>
  <c r="L2089" i="5" s="1"/>
  <c r="J2115" i="2"/>
  <c r="J2089" i="5" s="1"/>
  <c r="N2089" i="5" s="1"/>
  <c r="M2115" i="2"/>
  <c r="M2089" i="5" s="1"/>
  <c r="P2089" i="5" s="1"/>
  <c r="M4247" i="2"/>
  <c r="M4221" i="5" s="1"/>
  <c r="P4221" i="5" s="1"/>
  <c r="I4247" i="2"/>
  <c r="I4221" i="5" s="1"/>
  <c r="M3633" i="2"/>
  <c r="M3607" i="5" s="1"/>
  <c r="P3607" i="5" s="1"/>
  <c r="K3633" i="2"/>
  <c r="K3607" i="5" s="1"/>
  <c r="J3633" i="2"/>
  <c r="J3607" i="5" s="1"/>
  <c r="N3607" i="5" s="1"/>
  <c r="M8003" i="2"/>
  <c r="M7977" i="5" s="1"/>
  <c r="P7977" i="5" s="1"/>
  <c r="L5435" i="2"/>
  <c r="L5409" i="5" s="1"/>
  <c r="I5435" i="2"/>
  <c r="I5409" i="5" s="1"/>
  <c r="K8720" i="2"/>
  <c r="K8694" i="5" s="1"/>
  <c r="O8694" i="5" s="1"/>
  <c r="M8720" i="2"/>
  <c r="M8694" i="5" s="1"/>
  <c r="P8694" i="5" s="1"/>
  <c r="I8720" i="2"/>
  <c r="I8694" i="5" s="1"/>
  <c r="I225" i="2"/>
  <c r="I199" i="5" s="1"/>
  <c r="J225" i="2"/>
  <c r="J199" i="5" s="1"/>
  <c r="N199" i="5" s="1"/>
  <c r="K225" i="2"/>
  <c r="K199" i="5" s="1"/>
  <c r="O199" i="5" s="1"/>
  <c r="L785" i="2"/>
  <c r="L759" i="5" s="1"/>
  <c r="J785" i="2"/>
  <c r="J759" i="5" s="1"/>
  <c r="N759" i="5" s="1"/>
  <c r="I785" i="2"/>
  <c r="I759" i="5" s="1"/>
  <c r="I5797" i="2"/>
  <c r="I5771" i="5" s="1"/>
  <c r="L612" i="2"/>
  <c r="L586" i="5" s="1"/>
  <c r="I612" i="2"/>
  <c r="I586" i="5" s="1"/>
  <c r="M612" i="2"/>
  <c r="M586" i="5" s="1"/>
  <c r="P586" i="5" s="1"/>
  <c r="K1906" i="2"/>
  <c r="K1880" i="5" s="1"/>
  <c r="O1880" i="5" s="1"/>
  <c r="M1906" i="2"/>
  <c r="M1880" i="5" s="1"/>
  <c r="P1880" i="5" s="1"/>
  <c r="J1906" i="2"/>
  <c r="J1880" i="5" s="1"/>
  <c r="N1880" i="5" s="1"/>
  <c r="L547" i="2"/>
  <c r="L521" i="5" s="1"/>
  <c r="J547" i="2"/>
  <c r="J521" i="5" s="1"/>
  <c r="N521" i="5" s="1"/>
  <c r="M547" i="2"/>
  <c r="M521" i="5" s="1"/>
  <c r="P521" i="5" s="1"/>
  <c r="I547" i="2"/>
  <c r="I521" i="5" s="1"/>
  <c r="M953" i="2"/>
  <c r="M927" i="5" s="1"/>
  <c r="P927" i="5" s="1"/>
  <c r="L953" i="2"/>
  <c r="L927" i="5" s="1"/>
  <c r="J5121" i="2"/>
  <c r="J5095" i="5" s="1"/>
  <c r="N5095" i="5" s="1"/>
  <c r="I5121" i="2"/>
  <c r="I5095" i="5" s="1"/>
  <c r="M5121" i="2"/>
  <c r="M5095" i="5" s="1"/>
  <c r="P5095" i="5" s="1"/>
  <c r="L3974" i="2"/>
  <c r="L3948" i="5" s="1"/>
  <c r="M3974" i="2"/>
  <c r="M3948" i="5" s="1"/>
  <c r="P3948" i="5" s="1"/>
  <c r="I3974" i="2"/>
  <c r="I3948" i="5" s="1"/>
  <c r="M448" i="2"/>
  <c r="M422" i="5" s="1"/>
  <c r="P422" i="5" s="1"/>
  <c r="I448" i="2"/>
  <c r="I422" i="5" s="1"/>
  <c r="I6340" i="2"/>
  <c r="I6314" i="5" s="1"/>
  <c r="L6340" i="2"/>
  <c r="L6314" i="5" s="1"/>
  <c r="L3760" i="2"/>
  <c r="L3734" i="5" s="1"/>
  <c r="K3760" i="2"/>
  <c r="K3734" i="5" s="1"/>
  <c r="J3760" i="2"/>
  <c r="J3734" i="5" s="1"/>
  <c r="N3734" i="5" s="1"/>
  <c r="M1157" i="2"/>
  <c r="M1131" i="5" s="1"/>
  <c r="P1131" i="5" s="1"/>
  <c r="K1157" i="2"/>
  <c r="K1131" i="5" s="1"/>
  <c r="I1157" i="2"/>
  <c r="I1131" i="5" s="1"/>
  <c r="J1157" i="2"/>
  <c r="J1131" i="5" s="1"/>
  <c r="N1131" i="5" s="1"/>
  <c r="L1157" i="2"/>
  <c r="L1131" i="5" s="1"/>
  <c r="K2783" i="2"/>
  <c r="K2757" i="5" s="1"/>
  <c r="J2783" i="2"/>
  <c r="J2757" i="5" s="1"/>
  <c r="M2783" i="2"/>
  <c r="M2757" i="5" s="1"/>
  <c r="P2757" i="5" s="1"/>
  <c r="J7773" i="2"/>
  <c r="J7747" i="5" s="1"/>
  <c r="K7773" i="2"/>
  <c r="K7747" i="5" s="1"/>
  <c r="L7773" i="2"/>
  <c r="L7747" i="5" s="1"/>
  <c r="M7773" i="2"/>
  <c r="M7747" i="5" s="1"/>
  <c r="P7747" i="5" s="1"/>
  <c r="L5421" i="2"/>
  <c r="L5395" i="5" s="1"/>
  <c r="M5421" i="2"/>
  <c r="M5395" i="5" s="1"/>
  <c r="P5395" i="5" s="1"/>
  <c r="I5421" i="2"/>
  <c r="I5395" i="5" s="1"/>
  <c r="M3657" i="2"/>
  <c r="M3631" i="5" s="1"/>
  <c r="P3631" i="5" s="1"/>
  <c r="K1749" i="2"/>
  <c r="K1723" i="5" s="1"/>
  <c r="J1749" i="2"/>
  <c r="J1723" i="5" s="1"/>
  <c r="N1723" i="5" s="1"/>
  <c r="M1749" i="2"/>
  <c r="M1723" i="5" s="1"/>
  <c r="P1723" i="5" s="1"/>
  <c r="I1749" i="2"/>
  <c r="I1723" i="5" s="1"/>
  <c r="L1749" i="2"/>
  <c r="L1723" i="5" s="1"/>
  <c r="J2666" i="2"/>
  <c r="J2640" i="5" s="1"/>
  <c r="N2640" i="5" s="1"/>
  <c r="M2666" i="2"/>
  <c r="M2640" i="5" s="1"/>
  <c r="P2640" i="5" s="1"/>
  <c r="K2666" i="2"/>
  <c r="K2640" i="5" s="1"/>
  <c r="L2666" i="2"/>
  <c r="L2640" i="5" s="1"/>
  <c r="I2169" i="2"/>
  <c r="I2143" i="5" s="1"/>
  <c r="M2169" i="2"/>
  <c r="M2143" i="5" s="1"/>
  <c r="P2143" i="5" s="1"/>
  <c r="K2169" i="2"/>
  <c r="K2143" i="5" s="1"/>
  <c r="O2143" i="5" s="1"/>
  <c r="K914" i="2"/>
  <c r="K888" i="5" s="1"/>
  <c r="I914" i="2"/>
  <c r="I888" i="5" s="1"/>
  <c r="L4168" i="2"/>
  <c r="L4142" i="5" s="1"/>
  <c r="I4168" i="2"/>
  <c r="I4142" i="5" s="1"/>
  <c r="K4168" i="2"/>
  <c r="K4142" i="5" s="1"/>
  <c r="J4168" i="2"/>
  <c r="J4142" i="5" s="1"/>
  <c r="M4168" i="2"/>
  <c r="M4142" i="5" s="1"/>
  <c r="P4142" i="5" s="1"/>
  <c r="L3834" i="2"/>
  <c r="L3808" i="5" s="1"/>
  <c r="I3834" i="2"/>
  <c r="I3808" i="5" s="1"/>
  <c r="K3834" i="2"/>
  <c r="K3808" i="5" s="1"/>
  <c r="M3834" i="2"/>
  <c r="M3808" i="5" s="1"/>
  <c r="P3808" i="5" s="1"/>
  <c r="M4070" i="2"/>
  <c r="M4044" i="5" s="1"/>
  <c r="P4044" i="5" s="1"/>
  <c r="J4070" i="2"/>
  <c r="J4044" i="5" s="1"/>
  <c r="N4044" i="5" s="1"/>
  <c r="L4070" i="2"/>
  <c r="L4044" i="5" s="1"/>
  <c r="J4743" i="2"/>
  <c r="J4717" i="5" s="1"/>
  <c r="N4717" i="5" s="1"/>
  <c r="M4743" i="2"/>
  <c r="M4717" i="5" s="1"/>
  <c r="P4717" i="5" s="1"/>
  <c r="L4743" i="2"/>
  <c r="L4717" i="5" s="1"/>
  <c r="J4757" i="2"/>
  <c r="J4731" i="5" s="1"/>
  <c r="N4731" i="5" s="1"/>
  <c r="K4757" i="2"/>
  <c r="K4731" i="5" s="1"/>
  <c r="L7368" i="2"/>
  <c r="L7342" i="5" s="1"/>
  <c r="M7368" i="2"/>
  <c r="M7342" i="5" s="1"/>
  <c r="P7342" i="5" s="1"/>
  <c r="K6807" i="2"/>
  <c r="K6781" i="5" s="1"/>
  <c r="J6807" i="2"/>
  <c r="J6781" i="5" s="1"/>
  <c r="N6781" i="5" s="1"/>
  <c r="L917" i="2"/>
  <c r="L891" i="5" s="1"/>
  <c r="I917" i="2"/>
  <c r="I891" i="5" s="1"/>
  <c r="M917" i="2"/>
  <c r="M891" i="5" s="1"/>
  <c r="P891" i="5" s="1"/>
  <c r="M4510" i="2"/>
  <c r="M4484" i="5" s="1"/>
  <c r="P4484" i="5" s="1"/>
  <c r="K4510" i="2"/>
  <c r="K4484" i="5" s="1"/>
  <c r="O4484" i="5" s="1"/>
  <c r="L8491" i="2"/>
  <c r="L8465" i="5" s="1"/>
  <c r="I8491" i="2"/>
  <c r="I8465" i="5" s="1"/>
  <c r="J8491" i="2"/>
  <c r="J8465" i="5" s="1"/>
  <c r="N8465" i="5" s="1"/>
  <c r="M2637" i="2"/>
  <c r="M2611" i="5" s="1"/>
  <c r="P2611" i="5" s="1"/>
  <c r="J2637" i="2"/>
  <c r="J2611" i="5" s="1"/>
  <c r="N2611" i="5" s="1"/>
  <c r="I2637" i="2"/>
  <c r="I2611" i="5" s="1"/>
  <c r="L2637" i="2"/>
  <c r="L2611" i="5" s="1"/>
  <c r="K7970" i="2"/>
  <c r="K7944" i="5" s="1"/>
  <c r="O7944" i="5" s="1"/>
  <c r="J7970" i="2"/>
  <c r="J7944" i="5" s="1"/>
  <c r="N7944" i="5" s="1"/>
  <c r="L5648" i="2"/>
  <c r="L5622" i="5" s="1"/>
  <c r="M5648" i="2"/>
  <c r="M5622" i="5" s="1"/>
  <c r="P5622" i="5" s="1"/>
  <c r="M2649" i="2"/>
  <c r="M2623" i="5" s="1"/>
  <c r="P2623" i="5" s="1"/>
  <c r="M7347" i="2"/>
  <c r="M7321" i="5" s="1"/>
  <c r="P7321" i="5" s="1"/>
  <c r="L5260" i="2"/>
  <c r="L5234" i="5" s="1"/>
  <c r="M5260" i="2"/>
  <c r="M5234" i="5" s="1"/>
  <c r="P5234" i="5" s="1"/>
  <c r="L963" i="2"/>
  <c r="L937" i="5" s="1"/>
  <c r="K963" i="2"/>
  <c r="K937" i="5" s="1"/>
  <c r="M963" i="2"/>
  <c r="M937" i="5" s="1"/>
  <c r="P937" i="5" s="1"/>
  <c r="K4249" i="2"/>
  <c r="K4223" i="5" s="1"/>
  <c r="J4249" i="2"/>
  <c r="J4223" i="5" s="1"/>
  <c r="N4223" i="5" s="1"/>
  <c r="L4249" i="2"/>
  <c r="L4223" i="5" s="1"/>
  <c r="I623" i="2"/>
  <c r="I597" i="5" s="1"/>
  <c r="K623" i="2"/>
  <c r="K597" i="5" s="1"/>
  <c r="O597" i="5" s="1"/>
  <c r="M1920" i="2"/>
  <c r="M1894" i="5" s="1"/>
  <c r="P1894" i="5" s="1"/>
  <c r="J1920" i="2"/>
  <c r="J1894" i="5" s="1"/>
  <c r="N1894" i="5" s="1"/>
  <c r="L1920" i="2"/>
  <c r="L1894" i="5" s="1"/>
  <c r="K1920" i="2"/>
  <c r="K1894" i="5" s="1"/>
  <c r="I1920" i="2"/>
  <c r="I1894" i="5" s="1"/>
  <c r="I1245" i="2"/>
  <c r="I1219" i="5" s="1"/>
  <c r="M1245" i="2"/>
  <c r="M1219" i="5" s="1"/>
  <c r="P1219" i="5" s="1"/>
  <c r="L1439" i="2"/>
  <c r="L1413" i="5" s="1"/>
  <c r="I1439" i="2"/>
  <c r="I1413" i="5" s="1"/>
  <c r="K2781" i="2"/>
  <c r="K2755" i="5" s="1"/>
  <c r="O2755" i="5" s="1"/>
  <c r="J2781" i="2"/>
  <c r="J2755" i="5" s="1"/>
  <c r="N2755" i="5" s="1"/>
  <c r="I2781" i="2"/>
  <c r="I2755" i="5" s="1"/>
  <c r="J6432" i="2"/>
  <c r="J6406" i="5" s="1"/>
  <c r="N6406" i="5" s="1"/>
  <c r="L6432" i="2"/>
  <c r="L6406" i="5" s="1"/>
  <c r="I6432" i="2"/>
  <c r="I6406" i="5" s="1"/>
  <c r="K4484" i="2"/>
  <c r="K4458" i="5" s="1"/>
  <c r="J4484" i="2"/>
  <c r="J4458" i="5" s="1"/>
  <c r="N4458" i="5" s="1"/>
  <c r="L4484" i="2"/>
  <c r="L4458" i="5" s="1"/>
  <c r="M7367" i="2"/>
  <c r="M7341" i="5" s="1"/>
  <c r="P7341" i="5" s="1"/>
  <c r="J7367" i="2"/>
  <c r="J7341" i="5" s="1"/>
  <c r="L7367" i="2"/>
  <c r="L7341" i="5" s="1"/>
  <c r="I4089" i="2"/>
  <c r="I4063" i="5" s="1"/>
  <c r="K4089" i="2"/>
  <c r="K4063" i="5" s="1"/>
  <c r="J4093" i="2"/>
  <c r="J4067" i="5" s="1"/>
  <c r="N4067" i="5" s="1"/>
  <c r="K4093" i="2"/>
  <c r="K4067" i="5" s="1"/>
  <c r="L4093" i="2"/>
  <c r="L4067" i="5" s="1"/>
  <c r="I4093" i="2"/>
  <c r="I4067" i="5" s="1"/>
  <c r="M4093" i="2"/>
  <c r="M4067" i="5" s="1"/>
  <c r="P4067" i="5" s="1"/>
  <c r="L8301" i="2"/>
  <c r="L8275" i="5" s="1"/>
  <c r="I8301" i="2"/>
  <c r="I8275" i="5" s="1"/>
  <c r="K8301" i="2"/>
  <c r="K8275" i="5" s="1"/>
  <c r="M3778" i="2"/>
  <c r="M3752" i="5" s="1"/>
  <c r="P3752" i="5" s="1"/>
  <c r="L3778" i="2"/>
  <c r="L3752" i="5" s="1"/>
  <c r="M70" i="2"/>
  <c r="M44" i="5" s="1"/>
  <c r="P44" i="5" s="1"/>
  <c r="J70" i="2"/>
  <c r="J44" i="5" s="1"/>
  <c r="N44" i="5" s="1"/>
  <c r="L4174" i="2"/>
  <c r="L4148" i="5" s="1"/>
  <c r="I4174" i="2"/>
  <c r="I4148" i="5" s="1"/>
  <c r="K4174" i="2"/>
  <c r="K4148" i="5" s="1"/>
  <c r="M4174" i="2"/>
  <c r="M4148" i="5" s="1"/>
  <c r="P4148" i="5" s="1"/>
  <c r="L8302" i="2"/>
  <c r="L8276" i="5" s="1"/>
  <c r="M8302" i="2"/>
  <c r="M8276" i="5" s="1"/>
  <c r="P8276" i="5" s="1"/>
  <c r="I8302" i="2"/>
  <c r="I8276" i="5" s="1"/>
  <c r="K1275" i="2"/>
  <c r="K1249" i="5" s="1"/>
  <c r="K3240" i="2"/>
  <c r="K3214" i="5" s="1"/>
  <c r="J3240" i="2"/>
  <c r="J3214" i="5" s="1"/>
  <c r="N3214" i="5" s="1"/>
  <c r="L3240" i="2"/>
  <c r="L3214" i="5" s="1"/>
  <c r="K8110" i="2"/>
  <c r="K8084" i="5" s="1"/>
  <c r="L4577" i="2"/>
  <c r="L4551" i="5" s="1"/>
  <c r="K4577" i="2"/>
  <c r="K4551" i="5" s="1"/>
  <c r="J6251" i="2"/>
  <c r="J6225" i="5" s="1"/>
  <c r="N6225" i="5" s="1"/>
  <c r="I6251" i="2"/>
  <c r="I6225" i="5" s="1"/>
  <c r="M6251" i="2"/>
  <c r="M6225" i="5" s="1"/>
  <c r="P6225" i="5" s="1"/>
  <c r="L5355" i="2"/>
  <c r="L5329" i="5" s="1"/>
  <c r="I5355" i="2"/>
  <c r="I5329" i="5" s="1"/>
  <c r="L4977" i="2"/>
  <c r="L4951" i="5" s="1"/>
  <c r="J4977" i="2"/>
  <c r="J4951" i="5" s="1"/>
  <c r="K1785" i="2"/>
  <c r="K1759" i="5" s="1"/>
  <c r="O1759" i="5" s="1"/>
  <c r="M1785" i="2"/>
  <c r="M1759" i="5" s="1"/>
  <c r="P1759" i="5" s="1"/>
  <c r="K4754" i="2"/>
  <c r="K4728" i="5" s="1"/>
  <c r="I4754" i="2"/>
  <c r="I4728" i="5" s="1"/>
  <c r="J4754" i="2"/>
  <c r="J4728" i="5" s="1"/>
  <c r="N4728" i="5" s="1"/>
  <c r="L4754" i="2"/>
  <c r="L4728" i="5" s="1"/>
  <c r="I915" i="2"/>
  <c r="I889" i="5" s="1"/>
  <c r="K915" i="2"/>
  <c r="K889" i="5" s="1"/>
  <c r="O889" i="5" s="1"/>
  <c r="M915" i="2"/>
  <c r="M889" i="5" s="1"/>
  <c r="P889" i="5" s="1"/>
  <c r="L7175" i="2"/>
  <c r="L7149" i="5" s="1"/>
  <c r="I7175" i="2"/>
  <c r="I7149" i="5" s="1"/>
  <c r="K7175" i="2"/>
  <c r="K7149" i="5" s="1"/>
  <c r="L310" i="2"/>
  <c r="L284" i="5" s="1"/>
  <c r="M310" i="2"/>
  <c r="M284" i="5" s="1"/>
  <c r="P284" i="5" s="1"/>
  <c r="I5260" i="2"/>
  <c r="I5234" i="5" s="1"/>
  <c r="M5118" i="2"/>
  <c r="M5092" i="5" s="1"/>
  <c r="P5092" i="5" s="1"/>
  <c r="K3248" i="2"/>
  <c r="K3222" i="5" s="1"/>
  <c r="O3222" i="5" s="1"/>
  <c r="M2423" i="2"/>
  <c r="M2397" i="5" s="1"/>
  <c r="P2397" i="5" s="1"/>
  <c r="K2423" i="2"/>
  <c r="K2397" i="5" s="1"/>
  <c r="O2397" i="5" s="1"/>
  <c r="J2423" i="2"/>
  <c r="J2397" i="5" s="1"/>
  <c r="I8036" i="2"/>
  <c r="I8010" i="5" s="1"/>
  <c r="L8036" i="2"/>
  <c r="L8010" i="5" s="1"/>
  <c r="J6642" i="2"/>
  <c r="J6616" i="5" s="1"/>
  <c r="N6616" i="5" s="1"/>
  <c r="M6642" i="2"/>
  <c r="M6616" i="5" s="1"/>
  <c r="P6616" i="5" s="1"/>
  <c r="I6642" i="2"/>
  <c r="I6616" i="5" s="1"/>
  <c r="J711" i="2"/>
  <c r="J685" i="5" s="1"/>
  <c r="N685" i="5" s="1"/>
  <c r="L711" i="2"/>
  <c r="L685" i="5" s="1"/>
  <c r="I711" i="2"/>
  <c r="I685" i="5" s="1"/>
  <c r="M711" i="2"/>
  <c r="M685" i="5" s="1"/>
  <c r="P685" i="5" s="1"/>
  <c r="K2750" i="2"/>
  <c r="K2724" i="5" s="1"/>
  <c r="L2750" i="2"/>
  <c r="L2724" i="5" s="1"/>
  <c r="J2750" i="2"/>
  <c r="J2724" i="5" s="1"/>
  <c r="N2724" i="5" s="1"/>
  <c r="M5583" i="2"/>
  <c r="M5557" i="5" s="1"/>
  <c r="P5557" i="5" s="1"/>
  <c r="K5583" i="2"/>
  <c r="K5557" i="5" s="1"/>
  <c r="L5583" i="2"/>
  <c r="L5557" i="5" s="1"/>
  <c r="I5583" i="2"/>
  <c r="I5557" i="5" s="1"/>
  <c r="J5583" i="2"/>
  <c r="J5557" i="5" s="1"/>
  <c r="I3333" i="2"/>
  <c r="I3307" i="5" s="1"/>
  <c r="L1406" i="2"/>
  <c r="L1380" i="5" s="1"/>
  <c r="K1406" i="2"/>
  <c r="K1380" i="5" s="1"/>
  <c r="J1406" i="2"/>
  <c r="J1380" i="5" s="1"/>
  <c r="N1380" i="5" s="1"/>
  <c r="M2726" i="2"/>
  <c r="M2700" i="5" s="1"/>
  <c r="P2700" i="5" s="1"/>
  <c r="I2726" i="2"/>
  <c r="I2700" i="5" s="1"/>
  <c r="K2726" i="2"/>
  <c r="K2700" i="5" s="1"/>
  <c r="I4346" i="2"/>
  <c r="I4320" i="5" s="1"/>
  <c r="K4346" i="2"/>
  <c r="K4320" i="5" s="1"/>
  <c r="L2271" i="2"/>
  <c r="L2245" i="5" s="1"/>
  <c r="J2271" i="2"/>
  <c r="J2245" i="5" s="1"/>
  <c r="N2245" i="5" s="1"/>
  <c r="J1804" i="2"/>
  <c r="J1778" i="5" s="1"/>
  <c r="N1778" i="5" s="1"/>
  <c r="J5260" i="2"/>
  <c r="J5234" i="5" s="1"/>
  <c r="N5234" i="5" s="1"/>
  <c r="J5118" i="2"/>
  <c r="J5092" i="5" s="1"/>
  <c r="N5092" i="5" s="1"/>
  <c r="I3248" i="2"/>
  <c r="I3222" i="5" s="1"/>
  <c r="L1622" i="2"/>
  <c r="L1596" i="5" s="1"/>
  <c r="I1622" i="2"/>
  <c r="I1596" i="5" s="1"/>
  <c r="M1622" i="2"/>
  <c r="M1596" i="5" s="1"/>
  <c r="P1596" i="5" s="1"/>
  <c r="J1622" i="2"/>
  <c r="J1596" i="5" s="1"/>
  <c r="N1596" i="5" s="1"/>
  <c r="M8650" i="2"/>
  <c r="M8624" i="5" s="1"/>
  <c r="P8624" i="5" s="1"/>
  <c r="K8650" i="2"/>
  <c r="K8624" i="5" s="1"/>
  <c r="O8624" i="5" s="1"/>
  <c r="I8650" i="2"/>
  <c r="I8624" i="5" s="1"/>
  <c r="I725" i="2"/>
  <c r="I699" i="5" s="1"/>
  <c r="J725" i="2"/>
  <c r="J699" i="5" s="1"/>
  <c r="N699" i="5" s="1"/>
  <c r="L725" i="2"/>
  <c r="L699" i="5" s="1"/>
  <c r="K725" i="2"/>
  <c r="K699" i="5" s="1"/>
  <c r="M725" i="2"/>
  <c r="M699" i="5" s="1"/>
  <c r="P699" i="5" s="1"/>
  <c r="J1396" i="2"/>
  <c r="J1370" i="5" s="1"/>
  <c r="J729" i="2"/>
  <c r="J703" i="5" s="1"/>
  <c r="N703" i="5" s="1"/>
  <c r="M729" i="2"/>
  <c r="M703" i="5" s="1"/>
  <c r="P703" i="5" s="1"/>
  <c r="K1580" i="2"/>
  <c r="K1554" i="5" s="1"/>
  <c r="M1580" i="2"/>
  <c r="M1554" i="5" s="1"/>
  <c r="P1554" i="5" s="1"/>
  <c r="I1580" i="2"/>
  <c r="I1554" i="5" s="1"/>
  <c r="L2145" i="2"/>
  <c r="L2119" i="5" s="1"/>
  <c r="M2145" i="2"/>
  <c r="M2119" i="5" s="1"/>
  <c r="P2119" i="5" s="1"/>
  <c r="J2145" i="2"/>
  <c r="J2119" i="5" s="1"/>
  <c r="N2119" i="5" s="1"/>
  <c r="K2145" i="2"/>
  <c r="K2119" i="5" s="1"/>
  <c r="I6760" i="2"/>
  <c r="I6734" i="5" s="1"/>
  <c r="I2737" i="2"/>
  <c r="I2711" i="5" s="1"/>
  <c r="K2737" i="2"/>
  <c r="K2711" i="5" s="1"/>
  <c r="M2737" i="2"/>
  <c r="M2711" i="5" s="1"/>
  <c r="P2711" i="5" s="1"/>
  <c r="L4404" i="2"/>
  <c r="L4378" i="5" s="1"/>
  <c r="I4404" i="2"/>
  <c r="I4378" i="5" s="1"/>
  <c r="J4404" i="2"/>
  <c r="J4378" i="5" s="1"/>
  <c r="N4378" i="5" s="1"/>
  <c r="K4404" i="2"/>
  <c r="K4378" i="5" s="1"/>
  <c r="J3275" i="2"/>
  <c r="J3249" i="5" s="1"/>
  <c r="N3249" i="5" s="1"/>
  <c r="K3275" i="2"/>
  <c r="K3249" i="5" s="1"/>
  <c r="M8644" i="2"/>
  <c r="M8618" i="5" s="1"/>
  <c r="P8618" i="5" s="1"/>
  <c r="I8029" i="2"/>
  <c r="I8003" i="5" s="1"/>
  <c r="J8029" i="2"/>
  <c r="J8003" i="5" s="1"/>
  <c r="N8003" i="5" s="1"/>
  <c r="M5661" i="2"/>
  <c r="M5635" i="5" s="1"/>
  <c r="P5635" i="5" s="1"/>
  <c r="J5661" i="2"/>
  <c r="J5635" i="5" s="1"/>
  <c r="N5635" i="5" s="1"/>
  <c r="L4408" i="2"/>
  <c r="L4382" i="5" s="1"/>
  <c r="J4408" i="2"/>
  <c r="J4382" i="5" s="1"/>
  <c r="N4382" i="5" s="1"/>
  <c r="M4408" i="2"/>
  <c r="M4382" i="5" s="1"/>
  <c r="P4382" i="5" s="1"/>
  <c r="J3288" i="2"/>
  <c r="J3262" i="5" s="1"/>
  <c r="N3262" i="5" s="1"/>
  <c r="L3288" i="2"/>
  <c r="L3262" i="5" s="1"/>
  <c r="I3288" i="2"/>
  <c r="I3262" i="5" s="1"/>
  <c r="J2430" i="2"/>
  <c r="J2404" i="5" s="1"/>
  <c r="N2404" i="5" s="1"/>
  <c r="M2430" i="2"/>
  <c r="M2404" i="5" s="1"/>
  <c r="P2404" i="5" s="1"/>
  <c r="L2430" i="2"/>
  <c r="L2404" i="5" s="1"/>
  <c r="M5962" i="2"/>
  <c r="M5936" i="5" s="1"/>
  <c r="P5936" i="5" s="1"/>
  <c r="I5962" i="2"/>
  <c r="I5936" i="5" s="1"/>
  <c r="K5962" i="2"/>
  <c r="K5936" i="5" s="1"/>
  <c r="K3266" i="2"/>
  <c r="K3240" i="5" s="1"/>
  <c r="O3240" i="5" s="1"/>
  <c r="M3266" i="2"/>
  <c r="M3240" i="5" s="1"/>
  <c r="P3240" i="5" s="1"/>
  <c r="I3266" i="2"/>
  <c r="I3240" i="5" s="1"/>
  <c r="L8632" i="2"/>
  <c r="L8606" i="5" s="1"/>
  <c r="I8632" i="2"/>
  <c r="I8606" i="5" s="1"/>
  <c r="I4349" i="2"/>
  <c r="I4323" i="5" s="1"/>
  <c r="J56" i="2"/>
  <c r="J30" i="5" s="1"/>
  <c r="I56" i="2"/>
  <c r="I30" i="5" s="1"/>
  <c r="I7277" i="2"/>
  <c r="I7251" i="5" s="1"/>
  <c r="J7277" i="2"/>
  <c r="J7251" i="5" s="1"/>
  <c r="N7251" i="5" s="1"/>
  <c r="I6869" i="2"/>
  <c r="I6843" i="5" s="1"/>
  <c r="K6869" i="2"/>
  <c r="K6843" i="5" s="1"/>
  <c r="J6869" i="2"/>
  <c r="J6843" i="5" s="1"/>
  <c r="N6843" i="5" s="1"/>
  <c r="M6869" i="2"/>
  <c r="M6843" i="5" s="1"/>
  <c r="P6843" i="5" s="1"/>
  <c r="L6869" i="2"/>
  <c r="L6843" i="5" s="1"/>
  <c r="I3498" i="2"/>
  <c r="I3472" i="5" s="1"/>
  <c r="M3498" i="2"/>
  <c r="M3472" i="5" s="1"/>
  <c r="P3472" i="5" s="1"/>
  <c r="J2161" i="2"/>
  <c r="J2135" i="5" s="1"/>
  <c r="N2135" i="5" s="1"/>
  <c r="M2161" i="2"/>
  <c r="M2135" i="5" s="1"/>
  <c r="P2135" i="5" s="1"/>
  <c r="L2161" i="2"/>
  <c r="L2135" i="5" s="1"/>
  <c r="I2161" i="2"/>
  <c r="I2135" i="5" s="1"/>
  <c r="K2161" i="2"/>
  <c r="K2135" i="5" s="1"/>
  <c r="I985" i="2"/>
  <c r="I959" i="5" s="1"/>
  <c r="L985" i="2"/>
  <c r="L959" i="5" s="1"/>
  <c r="K748" i="2"/>
  <c r="K722" i="5" s="1"/>
  <c r="L6643" i="2"/>
  <c r="L6617" i="5" s="1"/>
  <c r="I6643" i="2"/>
  <c r="I6617" i="5" s="1"/>
  <c r="L2771" i="2"/>
  <c r="L2745" i="5" s="1"/>
  <c r="M2771" i="2"/>
  <c r="M2745" i="5" s="1"/>
  <c r="P2745" i="5" s="1"/>
  <c r="L3675" i="2"/>
  <c r="L3649" i="5" s="1"/>
  <c r="I3675" i="2"/>
  <c r="I3649" i="5" s="1"/>
  <c r="M5623" i="2"/>
  <c r="M5597" i="5" s="1"/>
  <c r="P5597" i="5" s="1"/>
  <c r="J5623" i="2"/>
  <c r="J5597" i="5" s="1"/>
  <c r="N5597" i="5" s="1"/>
  <c r="I5623" i="2"/>
  <c r="I5597" i="5" s="1"/>
  <c r="L6328" i="2"/>
  <c r="L6302" i="5" s="1"/>
  <c r="K6328" i="2"/>
  <c r="K6302" i="5" s="1"/>
  <c r="M6328" i="2"/>
  <c r="M6302" i="5" s="1"/>
  <c r="P6302" i="5" s="1"/>
  <c r="K2940" i="2"/>
  <c r="K2914" i="5" s="1"/>
  <c r="L2052" i="2"/>
  <c r="L2026" i="5" s="1"/>
  <c r="I2052" i="2"/>
  <c r="I2026" i="5" s="1"/>
  <c r="J4773" i="2"/>
  <c r="J4747" i="5" s="1"/>
  <c r="N4747" i="5" s="1"/>
  <c r="L4773" i="2"/>
  <c r="L4747" i="5" s="1"/>
  <c r="K4773" i="2"/>
  <c r="K4747" i="5" s="1"/>
  <c r="I4773" i="2"/>
  <c r="I4747" i="5" s="1"/>
  <c r="J298" i="2"/>
  <c r="J272" i="5" s="1"/>
  <c r="N272" i="5" s="1"/>
  <c r="I298" i="2"/>
  <c r="I272" i="5" s="1"/>
  <c r="K3829" i="2"/>
  <c r="K3803" i="5" s="1"/>
  <c r="O3803" i="5" s="1"/>
  <c r="J3829" i="2"/>
  <c r="J3803" i="5" s="1"/>
  <c r="N3803" i="5" s="1"/>
  <c r="K1257" i="2"/>
  <c r="K1231" i="5" s="1"/>
  <c r="O1231" i="5" s="1"/>
  <c r="M1257" i="2"/>
  <c r="M1231" i="5" s="1"/>
  <c r="P1231" i="5" s="1"/>
  <c r="I1257" i="2"/>
  <c r="I1231" i="5" s="1"/>
  <c r="M468" i="2"/>
  <c r="M442" i="5" s="1"/>
  <c r="P442" i="5" s="1"/>
  <c r="J468" i="2"/>
  <c r="J442" i="5" s="1"/>
  <c r="N442" i="5" s="1"/>
  <c r="M8444" i="2"/>
  <c r="M8418" i="5" s="1"/>
  <c r="P8418" i="5" s="1"/>
  <c r="L8444" i="2"/>
  <c r="L8418" i="5" s="1"/>
  <c r="I8444" i="2"/>
  <c r="I8418" i="5" s="1"/>
  <c r="M7359" i="2"/>
  <c r="M7333" i="5" s="1"/>
  <c r="P7333" i="5" s="1"/>
  <c r="L7359" i="2"/>
  <c r="L7333" i="5" s="1"/>
  <c r="I7359" i="2"/>
  <c r="I7333" i="5" s="1"/>
  <c r="I4088" i="2"/>
  <c r="I4062" i="5" s="1"/>
  <c r="J4088" i="2"/>
  <c r="J4062" i="5" s="1"/>
  <c r="N4062" i="5" s="1"/>
  <c r="M4088" i="2"/>
  <c r="M4062" i="5" s="1"/>
  <c r="P4062" i="5" s="1"/>
  <c r="M3993" i="2"/>
  <c r="M3967" i="5" s="1"/>
  <c r="P3967" i="5" s="1"/>
  <c r="I3993" i="2"/>
  <c r="I3967" i="5" s="1"/>
  <c r="K3993" i="2"/>
  <c r="K3967" i="5" s="1"/>
  <c r="O3967" i="5" s="1"/>
  <c r="L2608" i="2"/>
  <c r="L2582" i="5" s="1"/>
  <c r="M2608" i="2"/>
  <c r="M2582" i="5" s="1"/>
  <c r="P2582" i="5" s="1"/>
  <c r="M4253" i="2"/>
  <c r="M4227" i="5" s="1"/>
  <c r="P4227" i="5" s="1"/>
  <c r="I4253" i="2"/>
  <c r="I4227" i="5" s="1"/>
  <c r="K4253" i="2"/>
  <c r="K4227" i="5" s="1"/>
  <c r="O4227" i="5" s="1"/>
  <c r="L7336" i="2"/>
  <c r="L7310" i="5" s="1"/>
  <c r="M7336" i="2"/>
  <c r="M7310" i="5" s="1"/>
  <c r="P7310" i="5" s="1"/>
  <c r="I7336" i="2"/>
  <c r="I7310" i="5" s="1"/>
  <c r="K7336" i="2"/>
  <c r="K7310" i="5" s="1"/>
  <c r="L955" i="2"/>
  <c r="L929" i="5" s="1"/>
  <c r="K955" i="2"/>
  <c r="K929" i="5" s="1"/>
  <c r="M955" i="2"/>
  <c r="M929" i="5" s="1"/>
  <c r="P929" i="5" s="1"/>
  <c r="J4275" i="2"/>
  <c r="J4249" i="5" s="1"/>
  <c r="M4275" i="2"/>
  <c r="M4249" i="5" s="1"/>
  <c r="P4249" i="5" s="1"/>
  <c r="L4275" i="2"/>
  <c r="L4249" i="5" s="1"/>
  <c r="M4781" i="2"/>
  <c r="M4755" i="5" s="1"/>
  <c r="P4755" i="5" s="1"/>
  <c r="K4781" i="2"/>
  <c r="K4755" i="5" s="1"/>
  <c r="L3422" i="2"/>
  <c r="L3396" i="5" s="1"/>
  <c r="I3422" i="2"/>
  <c r="I3396" i="5" s="1"/>
  <c r="K3422" i="2"/>
  <c r="K3396" i="5" s="1"/>
  <c r="L7372" i="2"/>
  <c r="L7346" i="5" s="1"/>
  <c r="I7372" i="2"/>
  <c r="I7346" i="5" s="1"/>
  <c r="K7372" i="2"/>
  <c r="K7346" i="5" s="1"/>
  <c r="K1826" i="2"/>
  <c r="K1800" i="5" s="1"/>
  <c r="M1826" i="2"/>
  <c r="M1800" i="5" s="1"/>
  <c r="P1800" i="5" s="1"/>
  <c r="L1826" i="2"/>
  <c r="L1800" i="5" s="1"/>
  <c r="J1826" i="2"/>
  <c r="J1800" i="5" s="1"/>
  <c r="N1800" i="5" s="1"/>
  <c r="M2058" i="2"/>
  <c r="M2032" i="5" s="1"/>
  <c r="P2032" i="5" s="1"/>
  <c r="I2058" i="2"/>
  <c r="I2032" i="5" s="1"/>
  <c r="L2058" i="2"/>
  <c r="L2032" i="5" s="1"/>
  <c r="J4771" i="2"/>
  <c r="J4745" i="5" s="1"/>
  <c r="N4745" i="5" s="1"/>
  <c r="I4771" i="2"/>
  <c r="I4745" i="5" s="1"/>
  <c r="L4771" i="2"/>
  <c r="L4745" i="5" s="1"/>
  <c r="L300" i="2"/>
  <c r="L274" i="5" s="1"/>
  <c r="M300" i="2"/>
  <c r="M274" i="5" s="1"/>
  <c r="P274" i="5" s="1"/>
  <c r="K3800" i="2"/>
  <c r="K3774" i="5" s="1"/>
  <c r="L4445" i="2"/>
  <c r="L4419" i="5" s="1"/>
  <c r="K4445" i="2"/>
  <c r="K4419" i="5" s="1"/>
  <c r="L2657" i="2"/>
  <c r="L2631" i="5" s="1"/>
  <c r="M2657" i="2"/>
  <c r="M2631" i="5" s="1"/>
  <c r="P2631" i="5" s="1"/>
  <c r="J8657" i="2"/>
  <c r="J8631" i="5" s="1"/>
  <c r="N8631" i="5" s="1"/>
  <c r="K8657" i="2"/>
  <c r="K8631" i="5" s="1"/>
  <c r="J1234" i="2"/>
  <c r="J1208" i="5" s="1"/>
  <c r="N1208" i="5" s="1"/>
  <c r="L482" i="2"/>
  <c r="L456" i="5" s="1"/>
  <c r="J482" i="2"/>
  <c r="J456" i="5" s="1"/>
  <c r="N456" i="5" s="1"/>
  <c r="M482" i="2"/>
  <c r="M456" i="5" s="1"/>
  <c r="P456" i="5" s="1"/>
  <c r="L3487" i="2"/>
  <c r="L3461" i="5" s="1"/>
  <c r="M3487" i="2"/>
  <c r="M3461" i="5" s="1"/>
  <c r="P3461" i="5" s="1"/>
  <c r="I5359" i="2"/>
  <c r="I5333" i="5" s="1"/>
  <c r="L5359" i="2"/>
  <c r="L5333" i="5" s="1"/>
  <c r="J1768" i="2"/>
  <c r="J1742" i="5" s="1"/>
  <c r="L1768" i="2"/>
  <c r="L1742" i="5" s="1"/>
  <c r="M1768" i="2"/>
  <c r="M1742" i="5" s="1"/>
  <c r="P1742" i="5" s="1"/>
  <c r="K1768" i="2"/>
  <c r="K1742" i="5" s="1"/>
  <c r="K3964" i="2"/>
  <c r="K3938" i="5" s="1"/>
  <c r="L3964" i="2"/>
  <c r="L3938" i="5" s="1"/>
  <c r="M3964" i="2"/>
  <c r="M3938" i="5" s="1"/>
  <c r="P3938" i="5" s="1"/>
  <c r="J2624" i="2"/>
  <c r="J2598" i="5" s="1"/>
  <c r="L2624" i="2"/>
  <c r="L2598" i="5" s="1"/>
  <c r="M2624" i="2"/>
  <c r="M2598" i="5" s="1"/>
  <c r="P2598" i="5" s="1"/>
  <c r="L6604" i="2"/>
  <c r="L6578" i="5" s="1"/>
  <c r="K6604" i="2"/>
  <c r="K6578" i="5" s="1"/>
  <c r="J6604" i="2"/>
  <c r="J6578" i="5" s="1"/>
  <c r="N6578" i="5" s="1"/>
  <c r="M6604" i="2"/>
  <c r="M6578" i="5" s="1"/>
  <c r="P6578" i="5" s="1"/>
  <c r="I6604" i="2"/>
  <c r="I6578" i="5" s="1"/>
  <c r="M7109" i="2"/>
  <c r="M7083" i="5" s="1"/>
  <c r="P7083" i="5" s="1"/>
  <c r="J7109" i="2"/>
  <c r="J7083" i="5" s="1"/>
  <c r="N7083" i="5" s="1"/>
  <c r="I7109" i="2"/>
  <c r="I7083" i="5" s="1"/>
  <c r="K7109" i="2"/>
  <c r="K7083" i="5" s="1"/>
  <c r="J6842" i="2"/>
  <c r="J6816" i="5" s="1"/>
  <c r="N6816" i="5" s="1"/>
  <c r="M8550" i="2"/>
  <c r="M8524" i="5" s="1"/>
  <c r="P8524" i="5" s="1"/>
  <c r="J4799" i="2"/>
  <c r="J4773" i="5" s="1"/>
  <c r="N4773" i="5" s="1"/>
  <c r="K4799" i="2"/>
  <c r="K4773" i="5" s="1"/>
  <c r="L5449" i="2"/>
  <c r="L5423" i="5" s="1"/>
  <c r="J2725" i="2"/>
  <c r="J2699" i="5" s="1"/>
  <c r="N2699" i="5" s="1"/>
  <c r="M2725" i="2"/>
  <c r="M2699" i="5" s="1"/>
  <c r="P2699" i="5" s="1"/>
  <c r="J4353" i="2"/>
  <c r="J4327" i="5" s="1"/>
  <c r="N4327" i="5" s="1"/>
  <c r="K558" i="2"/>
  <c r="K532" i="5" s="1"/>
  <c r="L558" i="2"/>
  <c r="L532" i="5" s="1"/>
  <c r="K1729" i="2"/>
  <c r="K1703" i="5" s="1"/>
  <c r="L1729" i="2"/>
  <c r="L1703" i="5" s="1"/>
  <c r="M5496" i="2"/>
  <c r="M5470" i="5" s="1"/>
  <c r="P5470" i="5" s="1"/>
  <c r="I5496" i="2"/>
  <c r="I5470" i="5" s="1"/>
  <c r="I1250" i="2"/>
  <c r="I1224" i="5" s="1"/>
  <c r="K1250" i="2"/>
  <c r="K1224" i="5" s="1"/>
  <c r="M6263" i="2"/>
  <c r="M6237" i="5" s="1"/>
  <c r="P6237" i="5" s="1"/>
  <c r="J6263" i="2"/>
  <c r="J6237" i="5" s="1"/>
  <c r="N6237" i="5" s="1"/>
  <c r="I3334" i="2"/>
  <c r="I3308" i="5" s="1"/>
  <c r="I6613" i="2"/>
  <c r="I6587" i="5" s="1"/>
  <c r="J6613" i="2"/>
  <c r="J6587" i="5" s="1"/>
  <c r="N6587" i="5" s="1"/>
  <c r="L6613" i="2"/>
  <c r="L6587" i="5" s="1"/>
  <c r="L3780" i="2"/>
  <c r="L3754" i="5" s="1"/>
  <c r="M3780" i="2"/>
  <c r="M3754" i="5" s="1"/>
  <c r="P3754" i="5" s="1"/>
  <c r="M2289" i="2"/>
  <c r="M2263" i="5" s="1"/>
  <c r="P2263" i="5" s="1"/>
  <c r="I2289" i="2"/>
  <c r="I2263" i="5" s="1"/>
  <c r="J2289" i="2"/>
  <c r="J2263" i="5" s="1"/>
  <c r="N2263" i="5" s="1"/>
  <c r="L2289" i="2"/>
  <c r="L2263" i="5" s="1"/>
  <c r="M7702" i="2"/>
  <c r="M7676" i="5" s="1"/>
  <c r="P7676" i="5" s="1"/>
  <c r="K8456" i="2"/>
  <c r="K8430" i="5" s="1"/>
  <c r="I8456" i="2"/>
  <c r="I8430" i="5" s="1"/>
  <c r="K2440" i="2"/>
  <c r="K2414" i="5" s="1"/>
  <c r="M2440" i="2"/>
  <c r="M2414" i="5" s="1"/>
  <c r="P2414" i="5" s="1"/>
  <c r="J2440" i="2"/>
  <c r="J2414" i="5" s="1"/>
  <c r="N2414" i="5" s="1"/>
  <c r="I6535" i="2"/>
  <c r="I6509" i="5" s="1"/>
  <c r="M8379" i="2"/>
  <c r="M8353" i="5" s="1"/>
  <c r="P8353" i="5" s="1"/>
  <c r="L8465" i="2"/>
  <c r="L8439" i="5" s="1"/>
  <c r="I8465" i="2"/>
  <c r="I8439" i="5" s="1"/>
  <c r="K8465" i="2"/>
  <c r="K8439" i="5" s="1"/>
  <c r="K6180" i="2"/>
  <c r="K6154" i="5" s="1"/>
  <c r="L6180" i="2"/>
  <c r="L6154" i="5" s="1"/>
  <c r="J6180" i="2"/>
  <c r="J6154" i="5" s="1"/>
  <c r="N6154" i="5" s="1"/>
  <c r="K7145" i="2"/>
  <c r="K7119" i="5" s="1"/>
  <c r="I7145" i="2"/>
  <c r="I7119" i="5" s="1"/>
  <c r="L7145" i="2"/>
  <c r="L7119" i="5" s="1"/>
  <c r="L56" i="2"/>
  <c r="L30" i="5" s="1"/>
  <c r="K1655" i="2"/>
  <c r="K1629" i="5" s="1"/>
  <c r="M7462" i="2"/>
  <c r="M7436" i="5" s="1"/>
  <c r="P7436" i="5" s="1"/>
  <c r="M4277" i="2"/>
  <c r="M4251" i="5" s="1"/>
  <c r="P4251" i="5" s="1"/>
  <c r="K1439" i="2"/>
  <c r="K1413" i="5" s="1"/>
  <c r="I7205" i="2"/>
  <c r="I7179" i="5" s="1"/>
  <c r="K6826" i="2"/>
  <c r="K6800" i="5" s="1"/>
  <c r="I75" i="2"/>
  <c r="I49" i="5" s="1"/>
  <c r="I4016" i="2"/>
  <c r="I3990" i="5" s="1"/>
  <c r="J4016" i="2"/>
  <c r="J3990" i="5" s="1"/>
  <c r="K6260" i="2"/>
  <c r="K6234" i="5" s="1"/>
  <c r="L1131" i="2"/>
  <c r="L1105" i="5" s="1"/>
  <c r="J8367" i="2"/>
  <c r="J8341" i="5" s="1"/>
  <c r="N8341" i="5" s="1"/>
  <c r="L8367" i="2"/>
  <c r="L8341" i="5" s="1"/>
  <c r="M7482" i="2"/>
  <c r="M7456" i="5" s="1"/>
  <c r="P7456" i="5" s="1"/>
  <c r="L7482" i="2"/>
  <c r="L7456" i="5" s="1"/>
  <c r="M4646" i="2"/>
  <c r="M4620" i="5" s="1"/>
  <c r="P4620" i="5" s="1"/>
  <c r="K4646" i="2"/>
  <c r="K4620" i="5" s="1"/>
  <c r="L4662" i="2"/>
  <c r="L4636" i="5" s="1"/>
  <c r="I4662" i="2"/>
  <c r="I4636" i="5" s="1"/>
  <c r="K4662" i="2"/>
  <c r="K4636" i="5" s="1"/>
  <c r="I1608" i="2"/>
  <c r="I1582" i="5" s="1"/>
  <c r="J1608" i="2"/>
  <c r="J1582" i="5" s="1"/>
  <c r="N1582" i="5" s="1"/>
  <c r="K1608" i="2"/>
  <c r="K1582" i="5" s="1"/>
  <c r="L1608" i="2"/>
  <c r="L1582" i="5" s="1"/>
  <c r="I558" i="2"/>
  <c r="I532" i="5" s="1"/>
  <c r="I206" i="2"/>
  <c r="I180" i="5" s="1"/>
  <c r="K2820" i="2"/>
  <c r="K2794" i="5" s="1"/>
  <c r="L7622" i="2"/>
  <c r="L7596" i="5" s="1"/>
  <c r="K3974" i="2"/>
  <c r="K3948" i="5" s="1"/>
  <c r="K1258" i="2"/>
  <c r="K1232" i="5" s="1"/>
  <c r="I1826" i="2"/>
  <c r="I1800" i="5" s="1"/>
  <c r="K7369" i="2"/>
  <c r="K7343" i="5" s="1"/>
  <c r="O7343" i="5" s="1"/>
  <c r="L748" i="2"/>
  <c r="L722" i="5" s="1"/>
  <c r="M785" i="2"/>
  <c r="M759" i="5" s="1"/>
  <c r="P759" i="5" s="1"/>
  <c r="K2058" i="2"/>
  <c r="K2032" i="5" s="1"/>
  <c r="O2032" i="5" s="1"/>
  <c r="I5661" i="2"/>
  <c r="I5635" i="5" s="1"/>
  <c r="M6994" i="2"/>
  <c r="M6968" i="5" s="1"/>
  <c r="P6968" i="5" s="1"/>
  <c r="L5623" i="2"/>
  <c r="L5597" i="5" s="1"/>
  <c r="M6432" i="2"/>
  <c r="M6406" i="5" s="1"/>
  <c r="P6406" i="5" s="1"/>
  <c r="M5303" i="2"/>
  <c r="M5277" i="5" s="1"/>
  <c r="P5277" i="5" s="1"/>
  <c r="K711" i="2"/>
  <c r="K685" i="5" s="1"/>
  <c r="M7205" i="2"/>
  <c r="M7179" i="5" s="1"/>
  <c r="P7179" i="5" s="1"/>
  <c r="I2064" i="2"/>
  <c r="I2038" i="5" s="1"/>
  <c r="M7366" i="2"/>
  <c r="M7340" i="5" s="1"/>
  <c r="P7340" i="5" s="1"/>
  <c r="K7932" i="2"/>
  <c r="K7906" i="5" s="1"/>
  <c r="L7932" i="2"/>
  <c r="L7906" i="5" s="1"/>
  <c r="J5464" i="2"/>
  <c r="J5438" i="5" s="1"/>
  <c r="N5438" i="5" s="1"/>
  <c r="M5464" i="2"/>
  <c r="M5438" i="5" s="1"/>
  <c r="P5438" i="5" s="1"/>
  <c r="M2946" i="2"/>
  <c r="M2920" i="5" s="1"/>
  <c r="P2920" i="5" s="1"/>
  <c r="K2946" i="2"/>
  <c r="K2920" i="5" s="1"/>
  <c r="O2920" i="5" s="1"/>
  <c r="I5476" i="2"/>
  <c r="I5450" i="5" s="1"/>
  <c r="K5476" i="2"/>
  <c r="K5450" i="5" s="1"/>
  <c r="M8043" i="2"/>
  <c r="M8017" i="5" s="1"/>
  <c r="P8017" i="5" s="1"/>
  <c r="L8043" i="2"/>
  <c r="L8017" i="5" s="1"/>
  <c r="I8043" i="2"/>
  <c r="I8017" i="5" s="1"/>
  <c r="K8043" i="2"/>
  <c r="K8017" i="5" s="1"/>
  <c r="J8043" i="2"/>
  <c r="J8017" i="5" s="1"/>
  <c r="M7676" i="2"/>
  <c r="M7650" i="5" s="1"/>
  <c r="P7650" i="5" s="1"/>
  <c r="M8630" i="2"/>
  <c r="M8604" i="5" s="1"/>
  <c r="P8604" i="5" s="1"/>
  <c r="L8630" i="2"/>
  <c r="L8604" i="5" s="1"/>
  <c r="J8630" i="2"/>
  <c r="J8604" i="5" s="1"/>
  <c r="N8604" i="5" s="1"/>
  <c r="L3742" i="2"/>
  <c r="L3716" i="5" s="1"/>
  <c r="M3742" i="2"/>
  <c r="M3716" i="5" s="1"/>
  <c r="P3716" i="5" s="1"/>
  <c r="K3742" i="2"/>
  <c r="K3716" i="5" s="1"/>
  <c r="J4434" i="2"/>
  <c r="J4408" i="5" s="1"/>
  <c r="N4408" i="5" s="1"/>
  <c r="M6838" i="2"/>
  <c r="M6812" i="5" s="1"/>
  <c r="P6812" i="5" s="1"/>
  <c r="K1784" i="2"/>
  <c r="K1758" i="5" s="1"/>
  <c r="O1758" i="5" s="1"/>
  <c r="K8313" i="2"/>
  <c r="K8287" i="5" s="1"/>
  <c r="O8287" i="5" s="1"/>
  <c r="L5811" i="2"/>
  <c r="L5785" i="5" s="1"/>
  <c r="M5436" i="2"/>
  <c r="M5410" i="5" s="1"/>
  <c r="P5410" i="5" s="1"/>
  <c r="J6649" i="2"/>
  <c r="J6623" i="5" s="1"/>
  <c r="N6623" i="5" s="1"/>
  <c r="I5464" i="2"/>
  <c r="I5438" i="5" s="1"/>
  <c r="M225" i="2"/>
  <c r="M199" i="5" s="1"/>
  <c r="P199" i="5" s="1"/>
  <c r="M980" i="2"/>
  <c r="M954" i="5" s="1"/>
  <c r="P954" i="5" s="1"/>
  <c r="M5921" i="2"/>
  <c r="M5895" i="5" s="1"/>
  <c r="P5895" i="5" s="1"/>
  <c r="I4077" i="2"/>
  <c r="I4051" i="5" s="1"/>
  <c r="M5184" i="2"/>
  <c r="M5158" i="5" s="1"/>
  <c r="P5158" i="5" s="1"/>
  <c r="K485" i="2"/>
  <c r="K459" i="5" s="1"/>
  <c r="J49" i="2"/>
  <c r="J23" i="5" s="1"/>
  <c r="N23" i="5" s="1"/>
  <c r="L5815" i="2"/>
  <c r="L5789" i="5" s="1"/>
  <c r="K4442" i="2"/>
  <c r="K4416" i="5" s="1"/>
  <c r="O4416" i="5" s="1"/>
  <c r="I7318" i="2"/>
  <c r="I7292" i="5" s="1"/>
  <c r="L6846" i="2"/>
  <c r="L6820" i="5" s="1"/>
  <c r="K4408" i="2"/>
  <c r="K4382" i="5" s="1"/>
  <c r="K5861" i="2"/>
  <c r="K5835" i="5" s="1"/>
  <c r="J1153" i="2"/>
  <c r="J1127" i="5" s="1"/>
  <c r="N1127" i="5" s="1"/>
  <c r="M6430" i="2"/>
  <c r="M6404" i="5" s="1"/>
  <c r="P6404" i="5" s="1"/>
  <c r="M6512" i="2"/>
  <c r="M6486" i="5" s="1"/>
  <c r="P6486" i="5" s="1"/>
  <c r="I4268" i="2"/>
  <c r="I4242" i="5" s="1"/>
  <c r="I89" i="2"/>
  <c r="I63" i="5" s="1"/>
  <c r="L4483" i="2"/>
  <c r="L4457" i="5" s="1"/>
  <c r="I7369" i="2"/>
  <c r="I7343" i="5" s="1"/>
  <c r="I288" i="2"/>
  <c r="I262" i="5" s="1"/>
  <c r="L597" i="2"/>
  <c r="L571" i="5" s="1"/>
  <c r="I93" i="2"/>
  <c r="I67" i="5" s="1"/>
  <c r="I1234" i="2"/>
  <c r="I1208" i="5" s="1"/>
  <c r="M7328" i="2"/>
  <c r="M7302" i="5" s="1"/>
  <c r="P7302" i="5" s="1"/>
  <c r="L4247" i="2"/>
  <c r="L4221" i="5" s="1"/>
  <c r="K4258" i="2"/>
  <c r="K4232" i="5" s="1"/>
  <c r="K950" i="2"/>
  <c r="K924" i="5" s="1"/>
  <c r="J2052" i="2"/>
  <c r="J2026" i="5" s="1"/>
  <c r="N2026" i="5" s="1"/>
  <c r="I4586" i="2"/>
  <c r="I4560" i="5" s="1"/>
  <c r="I3930" i="2"/>
  <c r="I3904" i="5" s="1"/>
  <c r="I2056" i="2"/>
  <c r="I2030" i="5" s="1"/>
  <c r="M1743" i="2"/>
  <c r="M1717" i="5" s="1"/>
  <c r="P1717" i="5" s="1"/>
  <c r="I5493" i="2"/>
  <c r="I5467" i="5" s="1"/>
  <c r="J4278" i="2"/>
  <c r="J4252" i="5" s="1"/>
  <c r="N4252" i="5" s="1"/>
  <c r="K7366" i="2"/>
  <c r="K7340" i="5" s="1"/>
  <c r="O7340" i="5" s="1"/>
  <c r="L2585" i="2"/>
  <c r="L2559" i="5" s="1"/>
  <c r="M5811" i="2"/>
  <c r="M5785" i="5" s="1"/>
  <c r="P5785" i="5" s="1"/>
  <c r="J5436" i="2"/>
  <c r="J5410" i="5" s="1"/>
  <c r="N5410" i="5" s="1"/>
  <c r="K1596" i="2"/>
  <c r="K1570" i="5" s="1"/>
  <c r="O1570" i="5" s="1"/>
  <c r="L5464" i="2"/>
  <c r="L5438" i="5" s="1"/>
  <c r="K980" i="2"/>
  <c r="K954" i="5" s="1"/>
  <c r="O954" i="5" s="1"/>
  <c r="J5184" i="2"/>
  <c r="J5158" i="5" s="1"/>
  <c r="I7702" i="2"/>
  <c r="I7676" i="5" s="1"/>
  <c r="J7840" i="2"/>
  <c r="J7814" i="5" s="1"/>
  <c r="N7814" i="5" s="1"/>
  <c r="J5815" i="2"/>
  <c r="J5789" i="5" s="1"/>
  <c r="N5789" i="5" s="1"/>
  <c r="I4442" i="2"/>
  <c r="I4416" i="5" s="1"/>
  <c r="M7318" i="2"/>
  <c r="M7292" i="5" s="1"/>
  <c r="P7292" i="5" s="1"/>
  <c r="L5861" i="2"/>
  <c r="L5835" i="5" s="1"/>
  <c r="I4484" i="2"/>
  <c r="I4458" i="5" s="1"/>
  <c r="L1153" i="2"/>
  <c r="L1127" i="5" s="1"/>
  <c r="K6430" i="2"/>
  <c r="K6404" i="5" s="1"/>
  <c r="I6512" i="2"/>
  <c r="I6486" i="5" s="1"/>
  <c r="I66" i="2"/>
  <c r="I40" i="5" s="1"/>
  <c r="K4936" i="2"/>
  <c r="K4910" i="5" s="1"/>
  <c r="K5865" i="2"/>
  <c r="K5839" i="5" s="1"/>
  <c r="O5839" i="5" s="1"/>
  <c r="J7336" i="2"/>
  <c r="J7310" i="5" s="1"/>
  <c r="N7310" i="5" s="1"/>
  <c r="M4268" i="2"/>
  <c r="M4242" i="5" s="1"/>
  <c r="P4242" i="5" s="1"/>
  <c r="M89" i="2"/>
  <c r="M63" i="5" s="1"/>
  <c r="P63" i="5" s="1"/>
  <c r="I7014" i="2"/>
  <c r="I6988" i="5" s="1"/>
  <c r="J2298" i="2"/>
  <c r="J2272" i="5" s="1"/>
  <c r="N2272" i="5" s="1"/>
  <c r="L288" i="2"/>
  <c r="L262" i="5" s="1"/>
  <c r="L6263" i="2"/>
  <c r="L6237" i="5" s="1"/>
  <c r="L5581" i="2"/>
  <c r="L5555" i="5" s="1"/>
  <c r="I708" i="2"/>
  <c r="I682" i="5" s="1"/>
  <c r="L1234" i="2"/>
  <c r="L1208" i="5" s="1"/>
  <c r="L2783" i="2"/>
  <c r="L2757" i="5" s="1"/>
  <c r="J3487" i="2"/>
  <c r="J3461" i="5" s="1"/>
  <c r="N3461" i="5" s="1"/>
  <c r="L7328" i="2"/>
  <c r="L7302" i="5" s="1"/>
  <c r="K4247" i="2"/>
  <c r="K4221" i="5" s="1"/>
  <c r="I4258" i="2"/>
  <c r="I4232" i="5" s="1"/>
  <c r="I950" i="2"/>
  <c r="I924" i="5" s="1"/>
  <c r="M2052" i="2"/>
  <c r="M2026" i="5" s="1"/>
  <c r="P2026" i="5" s="1"/>
  <c r="AR201" i="1"/>
  <c r="M4586" i="2"/>
  <c r="M4560" i="5" s="1"/>
  <c r="P4560" i="5" s="1"/>
  <c r="M3930" i="2"/>
  <c r="M3904" i="5" s="1"/>
  <c r="P3904" i="5" s="1"/>
  <c r="J2056" i="2"/>
  <c r="J2030" i="5" s="1"/>
  <c r="N2030" i="5" s="1"/>
  <c r="L8197" i="2"/>
  <c r="L8171" i="5" s="1"/>
  <c r="K1774" i="2"/>
  <c r="K1748" i="5" s="1"/>
  <c r="J456" i="2"/>
  <c r="J430" i="5" s="1"/>
  <c r="N430" i="5" s="1"/>
  <c r="J5493" i="2"/>
  <c r="J5467" i="5" s="1"/>
  <c r="N5467" i="5" s="1"/>
  <c r="I7843" i="2"/>
  <c r="I7817" i="5" s="1"/>
  <c r="M3619" i="2"/>
  <c r="M3593" i="5" s="1"/>
  <c r="P3593" i="5" s="1"/>
  <c r="L7318" i="2"/>
  <c r="L7292" i="5" s="1"/>
  <c r="J5861" i="2"/>
  <c r="J5835" i="5" s="1"/>
  <c r="N5835" i="5" s="1"/>
  <c r="M4484" i="2"/>
  <c r="M4458" i="5" s="1"/>
  <c r="P4458" i="5" s="1"/>
  <c r="J4268" i="2"/>
  <c r="J4242" i="5" s="1"/>
  <c r="N4242" i="5" s="1"/>
  <c r="J5787" i="2"/>
  <c r="J5761" i="5" s="1"/>
  <c r="N5761" i="5" s="1"/>
  <c r="J8650" i="2"/>
  <c r="J8624" i="5" s="1"/>
  <c r="N8624" i="5" s="1"/>
  <c r="M6340" i="2"/>
  <c r="M6314" i="5" s="1"/>
  <c r="P6314" i="5" s="1"/>
  <c r="M708" i="2"/>
  <c r="M682" i="5" s="1"/>
  <c r="P682" i="5" s="1"/>
  <c r="M1234" i="2"/>
  <c r="M1208" i="5" s="1"/>
  <c r="P1208" i="5" s="1"/>
  <c r="I2783" i="2"/>
  <c r="I2757" i="5" s="1"/>
  <c r="K3487" i="2"/>
  <c r="K3461" i="5" s="1"/>
  <c r="J7328" i="2"/>
  <c r="J7302" i="5" s="1"/>
  <c r="L4586" i="2"/>
  <c r="L4560" i="5" s="1"/>
  <c r="J3930" i="2"/>
  <c r="J3904" i="5" s="1"/>
  <c r="N3904" i="5" s="1"/>
  <c r="M5493" i="2"/>
  <c r="M5467" i="5" s="1"/>
  <c r="P5467" i="5" s="1"/>
  <c r="I5787" i="2"/>
  <c r="I5761" i="5" s="1"/>
  <c r="J6340" i="2"/>
  <c r="J6314" i="5" s="1"/>
  <c r="N6314" i="5" s="1"/>
  <c r="L4759" i="2"/>
  <c r="L4733" i="5" s="1"/>
  <c r="M7277" i="2"/>
  <c r="M7251" i="5" s="1"/>
  <c r="P7251" i="5" s="1"/>
  <c r="L7162" i="2"/>
  <c r="L7136" i="5" s="1"/>
  <c r="L3324" i="2"/>
  <c r="L3298" i="5" s="1"/>
  <c r="J6923" i="2"/>
  <c r="J6897" i="5" s="1"/>
  <c r="N6897" i="5" s="1"/>
  <c r="I6923" i="2"/>
  <c r="I6897" i="5" s="1"/>
  <c r="I775" i="2"/>
  <c r="I749" i="5" s="1"/>
  <c r="K5167" i="2"/>
  <c r="K5141" i="5" s="1"/>
  <c r="O5141" i="5" s="1"/>
  <c r="J5167" i="2"/>
  <c r="J5141" i="5" s="1"/>
  <c r="M5167" i="2"/>
  <c r="M5141" i="5" s="1"/>
  <c r="P5141" i="5" s="1"/>
  <c r="L8354" i="2"/>
  <c r="L8328" i="5" s="1"/>
  <c r="M8354" i="2"/>
  <c r="M8328" i="5" s="1"/>
  <c r="P8328" i="5" s="1"/>
  <c r="I1122" i="2"/>
  <c r="I1096" i="5" s="1"/>
  <c r="I8480" i="2"/>
  <c r="I8454" i="5" s="1"/>
  <c r="J2746" i="2"/>
  <c r="J2720" i="5" s="1"/>
  <c r="N2720" i="5" s="1"/>
  <c r="L2746" i="2"/>
  <c r="L2720" i="5" s="1"/>
  <c r="I2746" i="2"/>
  <c r="I2720" i="5" s="1"/>
  <c r="M3995" i="2"/>
  <c r="M3969" i="5" s="1"/>
  <c r="P3969" i="5" s="1"/>
  <c r="I1933" i="2"/>
  <c r="I1907" i="5" s="1"/>
  <c r="K1933" i="2"/>
  <c r="K1907" i="5" s="1"/>
  <c r="O1907" i="5" s="1"/>
  <c r="J6495" i="2"/>
  <c r="J6469" i="5" s="1"/>
  <c r="N6469" i="5" s="1"/>
  <c r="L6495" i="2"/>
  <c r="L6469" i="5" s="1"/>
  <c r="I3283" i="2"/>
  <c r="I3257" i="5" s="1"/>
  <c r="M4842" i="2"/>
  <c r="M4816" i="5" s="1"/>
  <c r="P4816" i="5" s="1"/>
  <c r="I4842" i="2"/>
  <c r="I4816" i="5" s="1"/>
  <c r="K4842" i="2"/>
  <c r="K4816" i="5" s="1"/>
  <c r="O4816" i="5" s="1"/>
  <c r="M100" i="2"/>
  <c r="M74" i="5" s="1"/>
  <c r="P74" i="5" s="1"/>
  <c r="K100" i="2"/>
  <c r="K74" i="5" s="1"/>
  <c r="M2600" i="2"/>
  <c r="M2574" i="5" s="1"/>
  <c r="P2574" i="5" s="1"/>
  <c r="J2600" i="2"/>
  <c r="J2574" i="5" s="1"/>
  <c r="N2574" i="5" s="1"/>
  <c r="L2600" i="2"/>
  <c r="L2574" i="5" s="1"/>
  <c r="L448" i="2"/>
  <c r="L422" i="5" s="1"/>
  <c r="J448" i="2"/>
  <c r="J422" i="5" s="1"/>
  <c r="N422" i="5" s="1"/>
  <c r="J1054" i="2"/>
  <c r="J1028" i="5" s="1"/>
  <c r="N1028" i="5" s="1"/>
  <c r="L6009" i="2"/>
  <c r="L5983" i="5" s="1"/>
  <c r="J6009" i="2"/>
  <c r="J5983" i="5" s="1"/>
  <c r="N5983" i="5" s="1"/>
  <c r="M6009" i="2"/>
  <c r="M5983" i="5" s="1"/>
  <c r="P5983" i="5" s="1"/>
  <c r="K5514" i="2"/>
  <c r="K5488" i="5" s="1"/>
  <c r="L5514" i="2"/>
  <c r="L5488" i="5" s="1"/>
  <c r="M5514" i="2"/>
  <c r="M5488" i="5" s="1"/>
  <c r="P5488" i="5" s="1"/>
  <c r="M7325" i="2"/>
  <c r="M7299" i="5" s="1"/>
  <c r="P7299" i="5" s="1"/>
  <c r="I8013" i="2"/>
  <c r="I7987" i="5" s="1"/>
  <c r="L8169" i="2"/>
  <c r="L8143" i="5" s="1"/>
  <c r="I8169" i="2"/>
  <c r="I8143" i="5" s="1"/>
  <c r="M8169" i="2"/>
  <c r="M8143" i="5" s="1"/>
  <c r="P8143" i="5" s="1"/>
  <c r="J8169" i="2"/>
  <c r="J8143" i="5" s="1"/>
  <c r="N8143" i="5" s="1"/>
  <c r="L6001" i="2"/>
  <c r="L5975" i="5" s="1"/>
  <c r="M6001" i="2"/>
  <c r="M5975" i="5" s="1"/>
  <c r="P5975" i="5" s="1"/>
  <c r="M6959" i="2"/>
  <c r="M6933" i="5" s="1"/>
  <c r="P6933" i="5" s="1"/>
  <c r="L8150" i="2"/>
  <c r="L8124" i="5" s="1"/>
  <c r="I8150" i="2"/>
  <c r="I8124" i="5" s="1"/>
  <c r="M5269" i="2"/>
  <c r="M5243" i="5" s="1"/>
  <c r="P5243" i="5" s="1"/>
  <c r="J5269" i="2"/>
  <c r="J5243" i="5" s="1"/>
  <c r="N5243" i="5" s="1"/>
  <c r="I5136" i="2"/>
  <c r="I5110" i="5" s="1"/>
  <c r="K5136" i="2"/>
  <c r="K5110" i="5" s="1"/>
  <c r="O5110" i="5" s="1"/>
  <c r="M431" i="2"/>
  <c r="M405" i="5" s="1"/>
  <c r="P405" i="5" s="1"/>
  <c r="K431" i="2"/>
  <c r="K405" i="5" s="1"/>
  <c r="O405" i="5" s="1"/>
  <c r="I431" i="2"/>
  <c r="I405" i="5" s="1"/>
  <c r="K4798" i="2"/>
  <c r="K4772" i="5" s="1"/>
  <c r="J4798" i="2"/>
  <c r="J4772" i="5" s="1"/>
  <c r="N4772" i="5" s="1"/>
  <c r="I4798" i="2"/>
  <c r="I4772" i="5" s="1"/>
  <c r="M4798" i="2"/>
  <c r="M4772" i="5" s="1"/>
  <c r="P4772" i="5" s="1"/>
  <c r="M1404" i="2"/>
  <c r="M1378" i="5" s="1"/>
  <c r="P1378" i="5" s="1"/>
  <c r="L1404" i="2"/>
  <c r="L1378" i="5" s="1"/>
  <c r="J6258" i="2"/>
  <c r="J6232" i="5" s="1"/>
  <c r="N6232" i="5" s="1"/>
  <c r="M7507" i="2"/>
  <c r="M7481" i="5" s="1"/>
  <c r="P7481" i="5" s="1"/>
  <c r="M8503" i="2"/>
  <c r="M8477" i="5" s="1"/>
  <c r="P8477" i="5" s="1"/>
  <c r="M6951" i="2"/>
  <c r="M6925" i="5" s="1"/>
  <c r="P6925" i="5" s="1"/>
  <c r="K6951" i="2"/>
  <c r="K6925" i="5" s="1"/>
  <c r="L4801" i="2"/>
  <c r="L4775" i="5" s="1"/>
  <c r="K4853" i="2"/>
  <c r="K4827" i="5" s="1"/>
  <c r="L881" i="2"/>
  <c r="L855" i="5" s="1"/>
  <c r="I881" i="2"/>
  <c r="I855" i="5" s="1"/>
  <c r="J5285" i="2"/>
  <c r="J5259" i="5" s="1"/>
  <c r="N5259" i="5" s="1"/>
  <c r="K5285" i="2"/>
  <c r="K5259" i="5" s="1"/>
  <c r="L5285" i="2"/>
  <c r="L5259" i="5" s="1"/>
  <c r="I6661" i="2"/>
  <c r="I6635" i="5" s="1"/>
  <c r="L6661" i="2"/>
  <c r="L6635" i="5" s="1"/>
  <c r="J6661" i="2"/>
  <c r="J6635" i="5" s="1"/>
  <c r="N6635" i="5" s="1"/>
  <c r="L7992" i="2"/>
  <c r="L7966" i="5" s="1"/>
  <c r="M7992" i="2"/>
  <c r="M7966" i="5" s="1"/>
  <c r="P7966" i="5" s="1"/>
  <c r="I5002" i="2"/>
  <c r="I4976" i="5" s="1"/>
  <c r="J2654" i="2"/>
  <c r="J2628" i="5" s="1"/>
  <c r="N2628" i="5" s="1"/>
  <c r="L2654" i="2"/>
  <c r="L2628" i="5" s="1"/>
  <c r="M2654" i="2"/>
  <c r="M2628" i="5" s="1"/>
  <c r="P2628" i="5" s="1"/>
  <c r="J1618" i="2"/>
  <c r="J1592" i="5" s="1"/>
  <c r="N1592" i="5" s="1"/>
  <c r="K1618" i="2"/>
  <c r="K1592" i="5" s="1"/>
  <c r="I281" i="2"/>
  <c r="I255" i="5" s="1"/>
  <c r="K281" i="2"/>
  <c r="K255" i="5" s="1"/>
  <c r="O255" i="5" s="1"/>
  <c r="L4474" i="2"/>
  <c r="L4448" i="5" s="1"/>
  <c r="I4474" i="2"/>
  <c r="I4448" i="5" s="1"/>
  <c r="M4474" i="2"/>
  <c r="M4448" i="5" s="1"/>
  <c r="P4448" i="5" s="1"/>
  <c r="J4474" i="2"/>
  <c r="J4448" i="5" s="1"/>
  <c r="N4448" i="5" s="1"/>
  <c r="I5823" i="2"/>
  <c r="I5797" i="5" s="1"/>
  <c r="L5823" i="2"/>
  <c r="L5797" i="5" s="1"/>
  <c r="M4432" i="2"/>
  <c r="M4406" i="5" s="1"/>
  <c r="P4406" i="5" s="1"/>
  <c r="L4432" i="2"/>
  <c r="L4406" i="5" s="1"/>
  <c r="M8458" i="2"/>
  <c r="M8432" i="5" s="1"/>
  <c r="P8432" i="5" s="1"/>
  <c r="I1271" i="2"/>
  <c r="I1245" i="5" s="1"/>
  <c r="L1271" i="2"/>
  <c r="L1245" i="5" s="1"/>
  <c r="J1271" i="2"/>
  <c r="J1245" i="5" s="1"/>
  <c r="N1245" i="5" s="1"/>
  <c r="M6865" i="2"/>
  <c r="M6839" i="5" s="1"/>
  <c r="P6839" i="5" s="1"/>
  <c r="K6865" i="2"/>
  <c r="K6839" i="5" s="1"/>
  <c r="K3615" i="2"/>
  <c r="K3589" i="5" s="1"/>
  <c r="I3615" i="2"/>
  <c r="I3589" i="5" s="1"/>
  <c r="L3615" i="2"/>
  <c r="L3589" i="5" s="1"/>
  <c r="K2899" i="2"/>
  <c r="K2873" i="5" s="1"/>
  <c r="O2873" i="5" s="1"/>
  <c r="M2899" i="2"/>
  <c r="M2873" i="5" s="1"/>
  <c r="P2873" i="5" s="1"/>
  <c r="I2899" i="2"/>
  <c r="I2873" i="5" s="1"/>
  <c r="J6012" i="2"/>
  <c r="J5986" i="5" s="1"/>
  <c r="N5986" i="5" s="1"/>
  <c r="M6012" i="2"/>
  <c r="M5986" i="5" s="1"/>
  <c r="P5986" i="5" s="1"/>
  <c r="I4980" i="2"/>
  <c r="I4954" i="5" s="1"/>
  <c r="M4980" i="2"/>
  <c r="M4954" i="5" s="1"/>
  <c r="P4954" i="5" s="1"/>
  <c r="L4980" i="2"/>
  <c r="L4954" i="5" s="1"/>
  <c r="K4980" i="2"/>
  <c r="K4954" i="5" s="1"/>
  <c r="I5988" i="2"/>
  <c r="I5962" i="5" s="1"/>
  <c r="K5988" i="2"/>
  <c r="K5962" i="5" s="1"/>
  <c r="J5988" i="2"/>
  <c r="J5962" i="5" s="1"/>
  <c r="N5962" i="5" s="1"/>
  <c r="J2259" i="2"/>
  <c r="J2233" i="5" s="1"/>
  <c r="N2233" i="5" s="1"/>
  <c r="K2259" i="2"/>
  <c r="K2233" i="5" s="1"/>
  <c r="K7655" i="2"/>
  <c r="K7629" i="5" s="1"/>
  <c r="I7655" i="2"/>
  <c r="I7629" i="5" s="1"/>
  <c r="L7655" i="2"/>
  <c r="L7629" i="5" s="1"/>
  <c r="I7767" i="2"/>
  <c r="I7741" i="5" s="1"/>
  <c r="J7767" i="2"/>
  <c r="J7741" i="5" s="1"/>
  <c r="N7741" i="5" s="1"/>
  <c r="M1102" i="2"/>
  <c r="M1076" i="5" s="1"/>
  <c r="P1076" i="5" s="1"/>
  <c r="I1102" i="2"/>
  <c r="I1076" i="5" s="1"/>
  <c r="K1102" i="2"/>
  <c r="K1076" i="5" s="1"/>
  <c r="J4477" i="2"/>
  <c r="J4451" i="5" s="1"/>
  <c r="N4451" i="5" s="1"/>
  <c r="L4477" i="2"/>
  <c r="L4451" i="5" s="1"/>
  <c r="M8481" i="2"/>
  <c r="M8455" i="5" s="1"/>
  <c r="P8455" i="5" s="1"/>
  <c r="K8533" i="2"/>
  <c r="K8507" i="5" s="1"/>
  <c r="K8098" i="2"/>
  <c r="K8072" i="5" s="1"/>
  <c r="J8098" i="2"/>
  <c r="J8072" i="5" s="1"/>
  <c r="N8072" i="5" s="1"/>
  <c r="L8684" i="2"/>
  <c r="L8658" i="5" s="1"/>
  <c r="J8684" i="2"/>
  <c r="J8658" i="5" s="1"/>
  <c r="N8658" i="5" s="1"/>
  <c r="J2652" i="2"/>
  <c r="J2626" i="5" s="1"/>
  <c r="N2626" i="5" s="1"/>
  <c r="M1262" i="2"/>
  <c r="M1236" i="5" s="1"/>
  <c r="P1236" i="5" s="1"/>
  <c r="L1262" i="2"/>
  <c r="L1236" i="5" s="1"/>
  <c r="I1262" i="2"/>
  <c r="I1236" i="5" s="1"/>
  <c r="K4934" i="2"/>
  <c r="K4908" i="5" s="1"/>
  <c r="J4934" i="2"/>
  <c r="J4908" i="5" s="1"/>
  <c r="N4908" i="5" s="1"/>
  <c r="M8602" i="2"/>
  <c r="M8576" i="5" s="1"/>
  <c r="P8576" i="5" s="1"/>
  <c r="I8602" i="2"/>
  <c r="I8576" i="5" s="1"/>
  <c r="K8602" i="2"/>
  <c r="K8576" i="5" s="1"/>
  <c r="O8576" i="5" s="1"/>
  <c r="M2630" i="2"/>
  <c r="M2604" i="5" s="1"/>
  <c r="P2604" i="5" s="1"/>
  <c r="J2630" i="2"/>
  <c r="J2604" i="5" s="1"/>
  <c r="K3752" i="2"/>
  <c r="K3726" i="5" s="1"/>
  <c r="L3752" i="2"/>
  <c r="L3726" i="5" s="1"/>
  <c r="I7494" i="2"/>
  <c r="I7468" i="5" s="1"/>
  <c r="L7965" i="2"/>
  <c r="L7939" i="5" s="1"/>
  <c r="J7965" i="2"/>
  <c r="J7939" i="5" s="1"/>
  <c r="M5292" i="2"/>
  <c r="M5266" i="5" s="1"/>
  <c r="P5266" i="5" s="1"/>
  <c r="I8162" i="2"/>
  <c r="I8136" i="5" s="1"/>
  <c r="L8162" i="2"/>
  <c r="L8136" i="5" s="1"/>
  <c r="J8162" i="2"/>
  <c r="J8136" i="5" s="1"/>
  <c r="N8136" i="5" s="1"/>
  <c r="M8162" i="2"/>
  <c r="M8136" i="5" s="1"/>
  <c r="P8136" i="5" s="1"/>
  <c r="K8162" i="2"/>
  <c r="K8136" i="5" s="1"/>
  <c r="L5778" i="2"/>
  <c r="L5752" i="5" s="1"/>
  <c r="M5778" i="2"/>
  <c r="M5752" i="5" s="1"/>
  <c r="P5752" i="5" s="1"/>
  <c r="K5778" i="2"/>
  <c r="K5752" i="5" s="1"/>
  <c r="I7450" i="2"/>
  <c r="I7424" i="5" s="1"/>
  <c r="K7450" i="2"/>
  <c r="K7424" i="5" s="1"/>
  <c r="O7424" i="5" s="1"/>
  <c r="J5312" i="2"/>
  <c r="J5286" i="5" s="1"/>
  <c r="N5286" i="5" s="1"/>
  <c r="M5312" i="2"/>
  <c r="M5286" i="5" s="1"/>
  <c r="P5286" i="5" s="1"/>
  <c r="I5312" i="2"/>
  <c r="I5286" i="5" s="1"/>
  <c r="K5312" i="2"/>
  <c r="K5286" i="5" s="1"/>
  <c r="O5286" i="5" s="1"/>
  <c r="L3269" i="2"/>
  <c r="L3243" i="5" s="1"/>
  <c r="M3269" i="2"/>
  <c r="M3243" i="5" s="1"/>
  <c r="P3243" i="5" s="1"/>
  <c r="I7283" i="2"/>
  <c r="I7257" i="5" s="1"/>
  <c r="K7283" i="2"/>
  <c r="K7257" i="5" s="1"/>
  <c r="O7257" i="5" s="1"/>
  <c r="M6957" i="2"/>
  <c r="M6931" i="5" s="1"/>
  <c r="P6931" i="5" s="1"/>
  <c r="J7486" i="2"/>
  <c r="J7460" i="5" s="1"/>
  <c r="N7460" i="5" s="1"/>
  <c r="M7486" i="2"/>
  <c r="M7460" i="5" s="1"/>
  <c r="P7460" i="5" s="1"/>
  <c r="I7486" i="2"/>
  <c r="I7460" i="5" s="1"/>
  <c r="M2646" i="2"/>
  <c r="M2620" i="5" s="1"/>
  <c r="P2620" i="5" s="1"/>
  <c r="K2646" i="2"/>
  <c r="K2620" i="5" s="1"/>
  <c r="O2620" i="5" s="1"/>
  <c r="J433" i="2"/>
  <c r="J407" i="5" s="1"/>
  <c r="N407" i="5" s="1"/>
  <c r="I433" i="2"/>
  <c r="I407" i="5" s="1"/>
  <c r="J2766" i="2"/>
  <c r="J2740" i="5" s="1"/>
  <c r="N2740" i="5" s="1"/>
  <c r="I5630" i="2"/>
  <c r="I5604" i="5" s="1"/>
  <c r="J5630" i="2"/>
  <c r="J5604" i="5" s="1"/>
  <c r="N5604" i="5" s="1"/>
  <c r="L5630" i="2"/>
  <c r="L5604" i="5" s="1"/>
  <c r="M127" i="2"/>
  <c r="M101" i="5" s="1"/>
  <c r="P101" i="5" s="1"/>
  <c r="J127" i="2"/>
  <c r="J101" i="5" s="1"/>
  <c r="K127" i="2"/>
  <c r="K101" i="5" s="1"/>
  <c r="O101" i="5" s="1"/>
  <c r="J8148" i="2"/>
  <c r="J8122" i="5" s="1"/>
  <c r="N8122" i="5" s="1"/>
  <c r="M2332" i="2"/>
  <c r="M2306" i="5" s="1"/>
  <c r="P2306" i="5" s="1"/>
  <c r="I2332" i="2"/>
  <c r="I2306" i="5" s="1"/>
  <c r="K2332" i="2"/>
  <c r="K2306" i="5" s="1"/>
  <c r="M982" i="2"/>
  <c r="M956" i="5" s="1"/>
  <c r="P956" i="5" s="1"/>
  <c r="K982" i="2"/>
  <c r="K956" i="5" s="1"/>
  <c r="M50" i="2"/>
  <c r="M24" i="5" s="1"/>
  <c r="P24" i="5" s="1"/>
  <c r="L2660" i="2"/>
  <c r="L2634" i="5" s="1"/>
  <c r="I8132" i="2"/>
  <c r="I8106" i="5" s="1"/>
  <c r="K8132" i="2"/>
  <c r="K8106" i="5" s="1"/>
  <c r="O8106" i="5" s="1"/>
  <c r="I5468" i="2"/>
  <c r="I5442" i="5" s="1"/>
  <c r="K5468" i="2"/>
  <c r="K5442" i="5" s="1"/>
  <c r="L5468" i="2"/>
  <c r="L5442" i="5" s="1"/>
  <c r="M1612" i="2"/>
  <c r="M1586" i="5" s="1"/>
  <c r="P1586" i="5" s="1"/>
  <c r="I1612" i="2"/>
  <c r="I1586" i="5" s="1"/>
  <c r="K1612" i="2"/>
  <c r="K1586" i="5" s="1"/>
  <c r="J406" i="2"/>
  <c r="J380" i="5" s="1"/>
  <c r="N380" i="5" s="1"/>
  <c r="L406" i="2"/>
  <c r="L380" i="5" s="1"/>
  <c r="K4235" i="2"/>
  <c r="K4209" i="5" s="1"/>
  <c r="L4235" i="2"/>
  <c r="L4209" i="5" s="1"/>
  <c r="M5480" i="2"/>
  <c r="M5454" i="5" s="1"/>
  <c r="P5454" i="5" s="1"/>
  <c r="J4632" i="2"/>
  <c r="J4606" i="5" s="1"/>
  <c r="N4606" i="5" s="1"/>
  <c r="L4632" i="2"/>
  <c r="L4606" i="5" s="1"/>
  <c r="M4440" i="2"/>
  <c r="M4414" i="5" s="1"/>
  <c r="P4414" i="5" s="1"/>
  <c r="K6835" i="2"/>
  <c r="K6809" i="5" s="1"/>
  <c r="L6835" i="2"/>
  <c r="L6809" i="5" s="1"/>
  <c r="I6835" i="2"/>
  <c r="I6809" i="5" s="1"/>
  <c r="J6835" i="2"/>
  <c r="J6809" i="5" s="1"/>
  <c r="N6809" i="5" s="1"/>
  <c r="I6769" i="2"/>
  <c r="I6743" i="5" s="1"/>
  <c r="I6803" i="2"/>
  <c r="I6777" i="5" s="1"/>
  <c r="K6803" i="2"/>
  <c r="K6777" i="5" s="1"/>
  <c r="L232" i="2"/>
  <c r="L206" i="5" s="1"/>
  <c r="K232" i="2"/>
  <c r="K206" i="5" s="1"/>
  <c r="M457" i="2"/>
  <c r="M431" i="5" s="1"/>
  <c r="P431" i="5" s="1"/>
  <c r="K801" i="2"/>
  <c r="K775" i="5" s="1"/>
  <c r="I8684" i="2"/>
  <c r="I8658" i="5" s="1"/>
  <c r="L433" i="2"/>
  <c r="L407" i="5" s="1"/>
  <c r="K5269" i="2"/>
  <c r="K5243" i="5" s="1"/>
  <c r="I6495" i="2"/>
  <c r="I6469" i="5" s="1"/>
  <c r="K6661" i="2"/>
  <c r="K6635" i="5" s="1"/>
  <c r="J438" i="2"/>
  <c r="J412" i="5" s="1"/>
  <c r="N412" i="5" s="1"/>
  <c r="J5998" i="2"/>
  <c r="J5972" i="5" s="1"/>
  <c r="N5972" i="5" s="1"/>
  <c r="M5998" i="2"/>
  <c r="M5972" i="5" s="1"/>
  <c r="P5972" i="5" s="1"/>
  <c r="I5998" i="2"/>
  <c r="I5972" i="5" s="1"/>
  <c r="I8439" i="2"/>
  <c r="I8413" i="5" s="1"/>
  <c r="J2453" i="2"/>
  <c r="J2427" i="5" s="1"/>
  <c r="M2453" i="2"/>
  <c r="M2427" i="5" s="1"/>
  <c r="P2427" i="5" s="1"/>
  <c r="I2453" i="2"/>
  <c r="I2427" i="5" s="1"/>
  <c r="J1957" i="2"/>
  <c r="J1931" i="5" s="1"/>
  <c r="K1979" i="2"/>
  <c r="K1953" i="5" s="1"/>
  <c r="L3341" i="2"/>
  <c r="L3315" i="5" s="1"/>
  <c r="J233" i="2"/>
  <c r="J207" i="5" s="1"/>
  <c r="N207" i="5" s="1"/>
  <c r="L8481" i="2"/>
  <c r="L8455" i="5" s="1"/>
  <c r="M801" i="2"/>
  <c r="M775" i="5" s="1"/>
  <c r="P775" i="5" s="1"/>
  <c r="M4276" i="2"/>
  <c r="M4250" i="5" s="1"/>
  <c r="P4250" i="5" s="1"/>
  <c r="L100" i="2"/>
  <c r="L74" i="5" s="1"/>
  <c r="J1612" i="2"/>
  <c r="J1586" i="5" s="1"/>
  <c r="N1586" i="5" s="1"/>
  <c r="M4595" i="2"/>
  <c r="M4569" i="5" s="1"/>
  <c r="P4569" i="5" s="1"/>
  <c r="M293" i="2"/>
  <c r="M267" i="5" s="1"/>
  <c r="P267" i="5" s="1"/>
  <c r="I4457" i="2"/>
  <c r="I4431" i="5" s="1"/>
  <c r="L5269" i="2"/>
  <c r="L5243" i="5" s="1"/>
  <c r="M5988" i="2"/>
  <c r="M5962" i="5" s="1"/>
  <c r="P5962" i="5" s="1"/>
  <c r="M4934" i="2"/>
  <c r="M4908" i="5" s="1"/>
  <c r="P4908" i="5" s="1"/>
  <c r="I7347" i="2"/>
  <c r="I7321" i="5" s="1"/>
  <c r="M1957" i="2"/>
  <c r="M1931" i="5" s="1"/>
  <c r="P1931" i="5" s="1"/>
  <c r="K6535" i="2"/>
  <c r="K6509" i="5" s="1"/>
  <c r="O6509" i="5" s="1"/>
  <c r="I8644" i="2"/>
  <c r="I8618" i="5" s="1"/>
  <c r="I1979" i="2"/>
  <c r="I1953" i="5" s="1"/>
  <c r="I7679" i="2"/>
  <c r="I7653" i="5" s="1"/>
  <c r="J3995" i="2"/>
  <c r="J3969" i="5" s="1"/>
  <c r="N3969" i="5" s="1"/>
  <c r="K8180" i="2"/>
  <c r="K8154" i="5" s="1"/>
  <c r="O8154" i="5" s="1"/>
  <c r="I111" i="2"/>
  <c r="I85" i="5" s="1"/>
  <c r="K233" i="2"/>
  <c r="K207" i="5" s="1"/>
  <c r="K5750" i="2"/>
  <c r="K5724" i="5" s="1"/>
  <c r="J801" i="2"/>
  <c r="J775" i="5" s="1"/>
  <c r="N775" i="5" s="1"/>
  <c r="L93" i="2"/>
  <c r="L67" i="5" s="1"/>
  <c r="I6961" i="2"/>
  <c r="I6935" i="5" s="1"/>
  <c r="J1262" i="2"/>
  <c r="J1236" i="5" s="1"/>
  <c r="N1236" i="5" s="1"/>
  <c r="L4595" i="2"/>
  <c r="L4569" i="5" s="1"/>
  <c r="I293" i="2"/>
  <c r="I267" i="5" s="1"/>
  <c r="L4457" i="2"/>
  <c r="L4431" i="5" s="1"/>
  <c r="K7470" i="2"/>
  <c r="K7444" i="5" s="1"/>
  <c r="O7444" i="5" s="1"/>
  <c r="L5988" i="2"/>
  <c r="L5962" i="5" s="1"/>
  <c r="J7347" i="2"/>
  <c r="J7321" i="5" s="1"/>
  <c r="N7321" i="5" s="1"/>
  <c r="M3283" i="2"/>
  <c r="M3257" i="5" s="1"/>
  <c r="P3257" i="5" s="1"/>
  <c r="L1979" i="2"/>
  <c r="L1953" i="5" s="1"/>
  <c r="L233" i="2"/>
  <c r="L207" i="5" s="1"/>
  <c r="M5750" i="2"/>
  <c r="M5724" i="5" s="1"/>
  <c r="P5724" i="5" s="1"/>
  <c r="M6668" i="2"/>
  <c r="M6642" i="5" s="1"/>
  <c r="P6642" i="5" s="1"/>
  <c r="K1262" i="2"/>
  <c r="K1236" i="5" s="1"/>
  <c r="J1783" i="2"/>
  <c r="J1757" i="5" s="1"/>
  <c r="N1757" i="5" s="1"/>
  <c r="M4457" i="2"/>
  <c r="M4431" i="5" s="1"/>
  <c r="P4431" i="5" s="1"/>
  <c r="I7470" i="2"/>
  <c r="I7444" i="5" s="1"/>
  <c r="I6009" i="2"/>
  <c r="I5983" i="5" s="1"/>
  <c r="J4444" i="2"/>
  <c r="J4418" i="5" s="1"/>
  <c r="N4418" i="5" s="1"/>
  <c r="I3341" i="2"/>
  <c r="I3315" i="5" s="1"/>
  <c r="K3341" i="2"/>
  <c r="K3315" i="5" s="1"/>
  <c r="J3341" i="2"/>
  <c r="J3315" i="5" s="1"/>
  <c r="I812" i="2"/>
  <c r="I786" i="5" s="1"/>
  <c r="K812" i="2"/>
  <c r="K786" i="5" s="1"/>
  <c r="J812" i="2"/>
  <c r="J786" i="5" s="1"/>
  <c r="N786" i="5" s="1"/>
  <c r="L2274" i="2"/>
  <c r="L2248" i="5" s="1"/>
  <c r="I2274" i="2"/>
  <c r="I2248" i="5" s="1"/>
  <c r="J1134" i="2"/>
  <c r="J1108" i="5" s="1"/>
  <c r="N1108" i="5" s="1"/>
  <c r="I1134" i="2"/>
  <c r="I1108" i="5" s="1"/>
  <c r="K1135" i="2"/>
  <c r="K1109" i="5" s="1"/>
  <c r="I4294" i="2"/>
  <c r="I4268" i="5" s="1"/>
  <c r="K4294" i="2"/>
  <c r="K4268" i="5" s="1"/>
  <c r="L1627" i="2"/>
  <c r="L1601" i="5" s="1"/>
  <c r="J6449" i="2"/>
  <c r="J6423" i="5" s="1"/>
  <c r="N6423" i="5" s="1"/>
  <c r="J3834" i="2"/>
  <c r="J3808" i="5" s="1"/>
  <c r="N3808" i="5" s="1"/>
  <c r="L5814" i="2"/>
  <c r="L5788" i="5" s="1"/>
  <c r="K4415" i="2"/>
  <c r="K4389" i="5" s="1"/>
  <c r="L6507" i="2"/>
  <c r="L6481" i="5" s="1"/>
  <c r="K4147" i="2"/>
  <c r="K4121" i="5" s="1"/>
  <c r="J4147" i="2"/>
  <c r="J4121" i="5" s="1"/>
  <c r="N4121" i="5" s="1"/>
  <c r="L4147" i="2"/>
  <c r="L4121" i="5" s="1"/>
  <c r="L8703" i="2"/>
  <c r="L8677" i="5" s="1"/>
  <c r="I8703" i="2"/>
  <c r="I8677" i="5" s="1"/>
  <c r="I7682" i="2"/>
  <c r="I7656" i="5" s="1"/>
  <c r="J7682" i="2"/>
  <c r="J7656" i="5" s="1"/>
  <c r="N7656" i="5" s="1"/>
  <c r="M7682" i="2"/>
  <c r="M7656" i="5" s="1"/>
  <c r="P7656" i="5" s="1"/>
  <c r="K2472" i="2"/>
  <c r="K2446" i="5" s="1"/>
  <c r="M2472" i="2"/>
  <c r="M2446" i="5" s="1"/>
  <c r="P2446" i="5" s="1"/>
  <c r="I896" i="2"/>
  <c r="I870" i="5" s="1"/>
  <c r="K896" i="2"/>
  <c r="K870" i="5" s="1"/>
  <c r="J896" i="2"/>
  <c r="J870" i="5" s="1"/>
  <c r="N870" i="5" s="1"/>
  <c r="J204" i="2"/>
  <c r="J178" i="5" s="1"/>
  <c r="N178" i="5" s="1"/>
  <c r="D156" i="5"/>
  <c r="AR150" i="1"/>
  <c r="J3609" i="2"/>
  <c r="J3583" i="5" s="1"/>
  <c r="N3583" i="5" s="1"/>
  <c r="I3609" i="2"/>
  <c r="I3583" i="5" s="1"/>
  <c r="M3609" i="2"/>
  <c r="M3583" i="5" s="1"/>
  <c r="P3583" i="5" s="1"/>
  <c r="L3609" i="2"/>
  <c r="L3583" i="5" s="1"/>
  <c r="K1452" i="2"/>
  <c r="K1426" i="5" s="1"/>
  <c r="M1452" i="2"/>
  <c r="M1426" i="5" s="1"/>
  <c r="P1426" i="5" s="1"/>
  <c r="J1452" i="2"/>
  <c r="J1426" i="5" s="1"/>
  <c r="N1426" i="5" s="1"/>
  <c r="L1452" i="2"/>
  <c r="L1426" i="5" s="1"/>
  <c r="I6313" i="2"/>
  <c r="I6287" i="5" s="1"/>
  <c r="J6313" i="2"/>
  <c r="J6287" i="5" s="1"/>
  <c r="N6287" i="5" s="1"/>
  <c r="J6819" i="2"/>
  <c r="J6793" i="5" s="1"/>
  <c r="J3678" i="2"/>
  <c r="J3652" i="5" s="1"/>
  <c r="N3652" i="5" s="1"/>
  <c r="L5610" i="2"/>
  <c r="L5584" i="5" s="1"/>
  <c r="M5610" i="2"/>
  <c r="M5584" i="5" s="1"/>
  <c r="P5584" i="5" s="1"/>
  <c r="I7500" i="2"/>
  <c r="I7474" i="5" s="1"/>
  <c r="J7500" i="2"/>
  <c r="J7474" i="5" s="1"/>
  <c r="N7474" i="5" s="1"/>
  <c r="L7500" i="2"/>
  <c r="L7474" i="5" s="1"/>
  <c r="I7816" i="2"/>
  <c r="I7790" i="5" s="1"/>
  <c r="L7816" i="2"/>
  <c r="L7790" i="5" s="1"/>
  <c r="M7816" i="2"/>
  <c r="M7790" i="5" s="1"/>
  <c r="P7790" i="5" s="1"/>
  <c r="J7816" i="2"/>
  <c r="J7790" i="5" s="1"/>
  <c r="N7790" i="5" s="1"/>
  <c r="I7443" i="2"/>
  <c r="I7417" i="5" s="1"/>
  <c r="I1789" i="2"/>
  <c r="I1763" i="5" s="1"/>
  <c r="L7666" i="2"/>
  <c r="L7640" i="5" s="1"/>
  <c r="I7666" i="2"/>
  <c r="I7640" i="5" s="1"/>
  <c r="K7666" i="2"/>
  <c r="K7640" i="5" s="1"/>
  <c r="J7666" i="2"/>
  <c r="J7640" i="5" s="1"/>
  <c r="N7640" i="5" s="1"/>
  <c r="I2922" i="2"/>
  <c r="I2896" i="5" s="1"/>
  <c r="K2922" i="2"/>
  <c r="K2896" i="5" s="1"/>
  <c r="M2922" i="2"/>
  <c r="M2896" i="5" s="1"/>
  <c r="P2896" i="5" s="1"/>
  <c r="K3992" i="2"/>
  <c r="K3966" i="5" s="1"/>
  <c r="K5661" i="2"/>
  <c r="K5635" i="5" s="1"/>
  <c r="D73" i="5"/>
  <c r="AR67" i="1"/>
  <c r="L8509" i="2"/>
  <c r="L8483" i="5" s="1"/>
  <c r="M8509" i="2"/>
  <c r="M8483" i="5" s="1"/>
  <c r="P8483" i="5" s="1"/>
  <c r="L6132" i="2"/>
  <c r="L6106" i="5" s="1"/>
  <c r="J6132" i="2"/>
  <c r="J6106" i="5" s="1"/>
  <c r="N6106" i="5" s="1"/>
  <c r="M6132" i="2"/>
  <c r="M6106" i="5" s="1"/>
  <c r="P6106" i="5" s="1"/>
  <c r="M214" i="2"/>
  <c r="M188" i="5" s="1"/>
  <c r="P188" i="5" s="1"/>
  <c r="I1106" i="2"/>
  <c r="I1080" i="5" s="1"/>
  <c r="K1106" i="2"/>
  <c r="K1080" i="5" s="1"/>
  <c r="L1106" i="2"/>
  <c r="L1080" i="5" s="1"/>
  <c r="M8719" i="2"/>
  <c r="M8693" i="5" s="1"/>
  <c r="P8693" i="5" s="1"/>
  <c r="I8719" i="2"/>
  <c r="I8693" i="5" s="1"/>
  <c r="L1938" i="2"/>
  <c r="L1912" i="5" s="1"/>
  <c r="M1938" i="2"/>
  <c r="M1912" i="5" s="1"/>
  <c r="P1912" i="5" s="1"/>
  <c r="J4978" i="2"/>
  <c r="J4952" i="5" s="1"/>
  <c r="N4952" i="5" s="1"/>
  <c r="M4978" i="2"/>
  <c r="M4952" i="5" s="1"/>
  <c r="P4952" i="5" s="1"/>
  <c r="L4978" i="2"/>
  <c r="L4952" i="5" s="1"/>
  <c r="J7686" i="2"/>
  <c r="J7660" i="5" s="1"/>
  <c r="N7660" i="5" s="1"/>
  <c r="L7686" i="2"/>
  <c r="L7660" i="5" s="1"/>
  <c r="M7686" i="2"/>
  <c r="M7660" i="5" s="1"/>
  <c r="P7660" i="5" s="1"/>
  <c r="I3603" i="2"/>
  <c r="I3577" i="5" s="1"/>
  <c r="J3603" i="2"/>
  <c r="J3577" i="5" s="1"/>
  <c r="N3577" i="5" s="1"/>
  <c r="L4749" i="2"/>
  <c r="L4723" i="5" s="1"/>
  <c r="J6861" i="2"/>
  <c r="J6835" i="5" s="1"/>
  <c r="N6835" i="5" s="1"/>
  <c r="K1888" i="2"/>
  <c r="K1862" i="5" s="1"/>
  <c r="O1862" i="5" s="1"/>
  <c r="M1888" i="2"/>
  <c r="M1862" i="5" s="1"/>
  <c r="P1862" i="5" s="1"/>
  <c r="K482" i="2"/>
  <c r="K456" i="5" s="1"/>
  <c r="M3078" i="2"/>
  <c r="M3052" i="5" s="1"/>
  <c r="P3052" i="5" s="1"/>
  <c r="K3078" i="2"/>
  <c r="K3052" i="5" s="1"/>
  <c r="M4822" i="2"/>
  <c r="M4796" i="5" s="1"/>
  <c r="P4796" i="5" s="1"/>
  <c r="L4822" i="2"/>
  <c r="L4796" i="5" s="1"/>
  <c r="J4822" i="2"/>
  <c r="J4796" i="5" s="1"/>
  <c r="N4796" i="5" s="1"/>
  <c r="I6355" i="2"/>
  <c r="I6329" i="5" s="1"/>
  <c r="M5080" i="2"/>
  <c r="M5054" i="5" s="1"/>
  <c r="P5054" i="5" s="1"/>
  <c r="L896" i="2"/>
  <c r="L870" i="5" s="1"/>
  <c r="M5605" i="2"/>
  <c r="M5579" i="5" s="1"/>
  <c r="P5579" i="5" s="1"/>
  <c r="K1321" i="2"/>
  <c r="K1295" i="5" s="1"/>
  <c r="O1295" i="5" s="1"/>
  <c r="J3069" i="2"/>
  <c r="J3043" i="5" s="1"/>
  <c r="N3043" i="5" s="1"/>
  <c r="J1627" i="2"/>
  <c r="J1601" i="5" s="1"/>
  <c r="N1601" i="5" s="1"/>
  <c r="L617" i="2"/>
  <c r="L591" i="5" s="1"/>
  <c r="M6449" i="2"/>
  <c r="M6423" i="5" s="1"/>
  <c r="P6423" i="5" s="1"/>
  <c r="J2829" i="2"/>
  <c r="J2803" i="5" s="1"/>
  <c r="N2803" i="5" s="1"/>
  <c r="L3074" i="2"/>
  <c r="L3048" i="5" s="1"/>
  <c r="M3510" i="2"/>
  <c r="M3484" i="5" s="1"/>
  <c r="P3484" i="5" s="1"/>
  <c r="I1321" i="2"/>
  <c r="I1295" i="5" s="1"/>
  <c r="I6957" i="2"/>
  <c r="I6931" i="5" s="1"/>
  <c r="M1627" i="2"/>
  <c r="M1601" i="5" s="1"/>
  <c r="P1601" i="5" s="1"/>
  <c r="M617" i="2"/>
  <c r="M591" i="5" s="1"/>
  <c r="P591" i="5" s="1"/>
  <c r="J5248" i="2"/>
  <c r="J5222" i="5" s="1"/>
  <c r="I6449" i="2"/>
  <c r="I6423" i="5" s="1"/>
  <c r="L2829" i="2"/>
  <c r="L2803" i="5" s="1"/>
  <c r="J5179" i="2"/>
  <c r="J5153" i="5" s="1"/>
  <c r="N5153" i="5" s="1"/>
  <c r="M6522" i="2"/>
  <c r="M6496" i="5" s="1"/>
  <c r="P6496" i="5" s="1"/>
  <c r="M3074" i="2"/>
  <c r="M3048" i="5" s="1"/>
  <c r="P3048" i="5" s="1"/>
  <c r="M4952" i="2"/>
  <c r="M4926" i="5" s="1"/>
  <c r="P4926" i="5" s="1"/>
  <c r="K617" i="2"/>
  <c r="K591" i="5" s="1"/>
  <c r="K5248" i="2"/>
  <c r="K5222" i="5" s="1"/>
  <c r="L7197" i="2"/>
  <c r="L7171" i="5" s="1"/>
  <c r="J8509" i="2"/>
  <c r="J8483" i="5" s="1"/>
  <c r="N8483" i="5" s="1"/>
  <c r="I4147" i="2"/>
  <c r="I4121" i="5" s="1"/>
  <c r="J1938" i="2"/>
  <c r="J1912" i="5" s="1"/>
  <c r="N1912" i="5" s="1"/>
  <c r="J5616" i="2"/>
  <c r="J5590" i="5" s="1"/>
  <c r="I5330" i="2"/>
  <c r="I5304" i="5" s="1"/>
  <c r="G191" i="5"/>
  <c r="AR185" i="1"/>
  <c r="J4313" i="2"/>
  <c r="J4287" i="5" s="1"/>
  <c r="N4287" i="5" s="1"/>
  <c r="L4313" i="2"/>
  <c r="L4287" i="5" s="1"/>
  <c r="J6197" i="2"/>
  <c r="J6171" i="5" s="1"/>
  <c r="K6197" i="2"/>
  <c r="K6171" i="5" s="1"/>
  <c r="M4769" i="2"/>
  <c r="M4743" i="5" s="1"/>
  <c r="P4743" i="5" s="1"/>
  <c r="L1142" i="2"/>
  <c r="L1116" i="5" s="1"/>
  <c r="J7804" i="2"/>
  <c r="J7778" i="5" s="1"/>
  <c r="N7778" i="5" s="1"/>
  <c r="I7804" i="2"/>
  <c r="I7778" i="5" s="1"/>
  <c r="I3663" i="2"/>
  <c r="I3637" i="5" s="1"/>
  <c r="K3663" i="2"/>
  <c r="K3637" i="5" s="1"/>
  <c r="O3637" i="5" s="1"/>
  <c r="J2591" i="2"/>
  <c r="J2565" i="5" s="1"/>
  <c r="N2565" i="5" s="1"/>
  <c r="L2591" i="2"/>
  <c r="L2565" i="5" s="1"/>
  <c r="K5626" i="2"/>
  <c r="K5600" i="5" s="1"/>
  <c r="O5600" i="5" s="1"/>
  <c r="J5626" i="2"/>
  <c r="J5600" i="5" s="1"/>
  <c r="N5600" i="5" s="1"/>
  <c r="K3822" i="2"/>
  <c r="K3796" i="5" s="1"/>
  <c r="O3796" i="5" s="1"/>
  <c r="J3822" i="2"/>
  <c r="J3796" i="5" s="1"/>
  <c r="M7437" i="2"/>
  <c r="M7411" i="5" s="1"/>
  <c r="P7411" i="5" s="1"/>
  <c r="L5493" i="2"/>
  <c r="L5467" i="5" s="1"/>
  <c r="J7622" i="2"/>
  <c r="J7596" i="5" s="1"/>
  <c r="N7596" i="5" s="1"/>
  <c r="J3511" i="2"/>
  <c r="J3485" i="5" s="1"/>
  <c r="N3485" i="5" s="1"/>
  <c r="L601" i="2"/>
  <c r="L575" i="5" s="1"/>
  <c r="I955" i="2"/>
  <c r="I929" i="5" s="1"/>
  <c r="L4505" i="2"/>
  <c r="L4479" i="5" s="1"/>
  <c r="J2803" i="2"/>
  <c r="J2777" i="5" s="1"/>
  <c r="N2777" i="5" s="1"/>
  <c r="M476" i="2"/>
  <c r="M450" i="5" s="1"/>
  <c r="P450" i="5" s="1"/>
  <c r="J8274" i="2"/>
  <c r="J8248" i="5" s="1"/>
  <c r="N8248" i="5" s="1"/>
  <c r="L8274" i="2"/>
  <c r="L8248" i="5" s="1"/>
  <c r="M8274" i="2"/>
  <c r="M8248" i="5" s="1"/>
  <c r="P8248" i="5" s="1"/>
  <c r="J4759" i="2"/>
  <c r="J4733" i="5" s="1"/>
  <c r="N4733" i="5" s="1"/>
  <c r="K6184" i="2"/>
  <c r="K6158" i="5" s="1"/>
  <c r="L6184" i="2"/>
  <c r="L6158" i="5" s="1"/>
  <c r="K1959" i="2"/>
  <c r="K1933" i="5" s="1"/>
  <c r="O1933" i="5" s="1"/>
  <c r="J1959" i="2"/>
  <c r="J1933" i="5" s="1"/>
  <c r="N1933" i="5" s="1"/>
  <c r="C158" i="5"/>
  <c r="AR152" i="1"/>
  <c r="L5303" i="2"/>
  <c r="L5277" i="5" s="1"/>
  <c r="I5650" i="2"/>
  <c r="I5624" i="5" s="1"/>
  <c r="K2311" i="2"/>
  <c r="K2285" i="5" s="1"/>
  <c r="I1779" i="2"/>
  <c r="I1753" i="5" s="1"/>
  <c r="L7435" i="2"/>
  <c r="L7409" i="5" s="1"/>
  <c r="J100" i="2"/>
  <c r="J74" i="5" s="1"/>
  <c r="N74" i="5" s="1"/>
  <c r="L5667" i="2"/>
  <c r="L5641" i="5" s="1"/>
  <c r="L6691" i="2"/>
  <c r="L6665" i="5" s="1"/>
  <c r="I8791" i="2"/>
  <c r="I8765" i="5" s="1"/>
  <c r="K6314" i="2"/>
  <c r="K6288" i="5" s="1"/>
  <c r="K4582" i="2"/>
  <c r="K4556" i="5" s="1"/>
  <c r="M7119" i="2"/>
  <c r="M7093" i="5" s="1"/>
  <c r="P7093" i="5" s="1"/>
  <c r="K4749" i="2"/>
  <c r="K4723" i="5" s="1"/>
  <c r="I1762" i="2"/>
  <c r="I1736" i="5" s="1"/>
  <c r="L6314" i="2"/>
  <c r="L6288" i="5" s="1"/>
  <c r="AR191" i="1"/>
  <c r="L7119" i="2"/>
  <c r="L7093" i="5" s="1"/>
  <c r="I4749" i="2"/>
  <c r="I4723" i="5" s="1"/>
  <c r="I5417" i="2"/>
  <c r="I5391" i="5" s="1"/>
  <c r="I6314" i="2"/>
  <c r="I6288" i="5" s="1"/>
  <c r="K7119" i="2"/>
  <c r="K7093" i="5" s="1"/>
  <c r="K7845" i="2"/>
  <c r="K7819" i="5" s="1"/>
  <c r="J602" i="2"/>
  <c r="J576" i="5" s="1"/>
  <c r="K5820" i="2"/>
  <c r="K5794" i="5" s="1"/>
  <c r="I5414" i="2"/>
  <c r="I5388" i="5" s="1"/>
  <c r="J3502" i="2"/>
  <c r="J3476" i="5" s="1"/>
  <c r="N3476" i="5" s="1"/>
  <c r="K6170" i="2"/>
  <c r="K6144" i="5" s="1"/>
  <c r="O6144" i="5" s="1"/>
  <c r="J1311" i="2"/>
  <c r="J1285" i="5" s="1"/>
  <c r="I1309" i="2"/>
  <c r="I1283" i="5" s="1"/>
  <c r="K2782" i="2"/>
  <c r="K2756" i="5" s="1"/>
  <c r="M7030" i="2"/>
  <c r="M7004" i="5" s="1"/>
  <c r="P7004" i="5" s="1"/>
  <c r="J7030" i="2"/>
  <c r="J7004" i="5" s="1"/>
  <c r="N7004" i="5" s="1"/>
  <c r="K5782" i="2"/>
  <c r="K5756" i="5" s="1"/>
  <c r="K7769" i="2"/>
  <c r="K7743" i="5" s="1"/>
  <c r="O7743" i="5" s="1"/>
  <c r="J2794" i="2"/>
  <c r="J2768" i="5" s="1"/>
  <c r="N2768" i="5" s="1"/>
  <c r="J8383" i="2"/>
  <c r="J8357" i="5" s="1"/>
  <c r="N8357" i="5" s="1"/>
  <c r="L4117" i="2"/>
  <c r="L4091" i="5" s="1"/>
  <c r="M4429" i="2"/>
  <c r="M4403" i="5" s="1"/>
  <c r="P4403" i="5" s="1"/>
  <c r="M3169" i="2"/>
  <c r="M3143" i="5" s="1"/>
  <c r="P3143" i="5" s="1"/>
  <c r="L468" i="2"/>
  <c r="L442" i="5" s="1"/>
  <c r="K6458" i="2"/>
  <c r="K6432" i="5" s="1"/>
  <c r="J731" i="2"/>
  <c r="J705" i="5" s="1"/>
  <c r="L4769" i="2"/>
  <c r="L4743" i="5" s="1"/>
  <c r="M7947" i="2"/>
  <c r="M7921" i="5" s="1"/>
  <c r="P7921" i="5" s="1"/>
  <c r="I3464" i="2"/>
  <c r="I3438" i="5" s="1"/>
  <c r="K3345" i="2"/>
  <c r="K3319" i="5" s="1"/>
  <c r="I7174" i="2"/>
  <c r="I7148" i="5" s="1"/>
  <c r="J707" i="2"/>
  <c r="J681" i="5" s="1"/>
  <c r="N681" i="5" s="1"/>
  <c r="L8649" i="2"/>
  <c r="L8623" i="5" s="1"/>
  <c r="L1390" i="2"/>
  <c r="L1364" i="5" s="1"/>
  <c r="J1387" i="2"/>
  <c r="J1361" i="5" s="1"/>
  <c r="N1361" i="5" s="1"/>
  <c r="I8532" i="2"/>
  <c r="I8506" i="5" s="1"/>
  <c r="L4011" i="2"/>
  <c r="L3985" i="5" s="1"/>
  <c r="L3394" i="2"/>
  <c r="L3368" i="5" s="1"/>
  <c r="K1941" i="2"/>
  <c r="K1915" i="5" s="1"/>
  <c r="O1915" i="5" s="1"/>
  <c r="L1605" i="2"/>
  <c r="L1579" i="5" s="1"/>
  <c r="J7202" i="2"/>
  <c r="J7176" i="5" s="1"/>
  <c r="N7176" i="5" s="1"/>
  <c r="L6934" i="2"/>
  <c r="L6908" i="5" s="1"/>
  <c r="J3987" i="2"/>
  <c r="J3961" i="5" s="1"/>
  <c r="N3961" i="5" s="1"/>
  <c r="L1446" i="2"/>
  <c r="L1420" i="5" s="1"/>
  <c r="L5413" i="2"/>
  <c r="L5387" i="5" s="1"/>
  <c r="J8153" i="2"/>
  <c r="J8127" i="5" s="1"/>
  <c r="N8127" i="5" s="1"/>
  <c r="J7962" i="2"/>
  <c r="J7936" i="5" s="1"/>
  <c r="K2253" i="2"/>
  <c r="K2227" i="5" s="1"/>
  <c r="J4793" i="2"/>
  <c r="J4767" i="5" s="1"/>
  <c r="N4767" i="5" s="1"/>
  <c r="I1248" i="2"/>
  <c r="I1222" i="5" s="1"/>
  <c r="L5619" i="2"/>
  <c r="L5593" i="5" s="1"/>
  <c r="K7273" i="2"/>
  <c r="K7247" i="5" s="1"/>
  <c r="J4006" i="2"/>
  <c r="J3980" i="5" s="1"/>
  <c r="N3980" i="5" s="1"/>
  <c r="L2405" i="2"/>
  <c r="L2379" i="5" s="1"/>
  <c r="K3900" i="2"/>
  <c r="K3874" i="5" s="1"/>
  <c r="L1418" i="2"/>
  <c r="L1392" i="5" s="1"/>
  <c r="I8135" i="2"/>
  <c r="I8109" i="5" s="1"/>
  <c r="I6105" i="2"/>
  <c r="I6079" i="5" s="1"/>
  <c r="J7006" i="2"/>
  <c r="J6980" i="5" s="1"/>
  <c r="N6980" i="5" s="1"/>
  <c r="K38" i="2"/>
  <c r="K12" i="5" s="1"/>
  <c r="J945" i="2"/>
  <c r="J919" i="5" s="1"/>
  <c r="N919" i="5" s="1"/>
  <c r="M937" i="2"/>
  <c r="M911" i="5" s="1"/>
  <c r="P911" i="5" s="1"/>
  <c r="M1999" i="2"/>
  <c r="M1973" i="5" s="1"/>
  <c r="P1973" i="5" s="1"/>
  <c r="L5993" i="2"/>
  <c r="L5967" i="5" s="1"/>
  <c r="I1126" i="2"/>
  <c r="I1100" i="5" s="1"/>
  <c r="L6275" i="2"/>
  <c r="L6249" i="5" s="1"/>
  <c r="J737" i="2"/>
  <c r="J711" i="5" s="1"/>
  <c r="N711" i="5" s="1"/>
  <c r="K3304" i="2"/>
  <c r="K3278" i="5" s="1"/>
  <c r="K8446" i="2"/>
  <c r="K8420" i="5" s="1"/>
  <c r="O8420" i="5" s="1"/>
  <c r="I8120" i="2"/>
  <c r="I8094" i="5" s="1"/>
  <c r="I8679" i="2"/>
  <c r="I8653" i="5" s="1"/>
  <c r="L736" i="2"/>
  <c r="L710" i="5" s="1"/>
  <c r="M569" i="2"/>
  <c r="M543" i="5" s="1"/>
  <c r="P543" i="5" s="1"/>
  <c r="M8382" i="2"/>
  <c r="M8356" i="5" s="1"/>
  <c r="P8356" i="5" s="1"/>
  <c r="J5451" i="2"/>
  <c r="J5425" i="5" s="1"/>
  <c r="N5425" i="5" s="1"/>
  <c r="M959" i="2"/>
  <c r="M933" i="5" s="1"/>
  <c r="P933" i="5" s="1"/>
  <c r="J4961" i="2"/>
  <c r="J4935" i="5" s="1"/>
  <c r="N4935" i="5" s="1"/>
  <c r="K1721" i="2"/>
  <c r="K1695" i="5" s="1"/>
  <c r="K5923" i="2"/>
  <c r="K5897" i="5" s="1"/>
  <c r="I2567" i="2"/>
  <c r="I2541" i="5" s="1"/>
  <c r="L7016" i="2"/>
  <c r="L6990" i="5" s="1"/>
  <c r="I581" i="2"/>
  <c r="I555" i="5" s="1"/>
  <c r="M8004" i="2"/>
  <c r="M7978" i="5" s="1"/>
  <c r="P7978" i="5" s="1"/>
  <c r="L477" i="2"/>
  <c r="L451" i="5" s="1"/>
  <c r="M928" i="2"/>
  <c r="M902" i="5" s="1"/>
  <c r="P902" i="5" s="1"/>
  <c r="I287" i="2"/>
  <c r="I261" i="5" s="1"/>
  <c r="M2093" i="2"/>
  <c r="M2067" i="5" s="1"/>
  <c r="P2067" i="5" s="1"/>
  <c r="J7260" i="2"/>
  <c r="J7234" i="5" s="1"/>
  <c r="N7234" i="5" s="1"/>
  <c r="L7158" i="2"/>
  <c r="L7132" i="5" s="1"/>
  <c r="J2120" i="2"/>
  <c r="J2094" i="5" s="1"/>
  <c r="N2094" i="5" s="1"/>
  <c r="I6461" i="2"/>
  <c r="I6435" i="5" s="1"/>
  <c r="M7183" i="2"/>
  <c r="M7157" i="5" s="1"/>
  <c r="P7157" i="5" s="1"/>
  <c r="I1397" i="2"/>
  <c r="I1371" i="5" s="1"/>
  <c r="M2408" i="2"/>
  <c r="M2382" i="5" s="1"/>
  <c r="P2382" i="5" s="1"/>
  <c r="J6015" i="2"/>
  <c r="J5989" i="5" s="1"/>
  <c r="N5989" i="5" s="1"/>
  <c r="M2611" i="2"/>
  <c r="M2585" i="5" s="1"/>
  <c r="P2585" i="5" s="1"/>
  <c r="M8132" i="2"/>
  <c r="M8106" i="5" s="1"/>
  <c r="P8106" i="5" s="1"/>
  <c r="M2501" i="2"/>
  <c r="M2475" i="5" s="1"/>
  <c r="P2475" i="5" s="1"/>
  <c r="J809" i="2"/>
  <c r="J783" i="5" s="1"/>
  <c r="J251" i="2"/>
  <c r="J225" i="5" s="1"/>
  <c r="K6024" i="2"/>
  <c r="K5998" i="5" s="1"/>
  <c r="O5998" i="5" s="1"/>
  <c r="I8647" i="2"/>
  <c r="I8621" i="5" s="1"/>
  <c r="L1137" i="2"/>
  <c r="L1111" i="5" s="1"/>
  <c r="M8457" i="2"/>
  <c r="M8431" i="5" s="1"/>
  <c r="P8431" i="5" s="1"/>
  <c r="J8440" i="2"/>
  <c r="J8414" i="5" s="1"/>
  <c r="N8414" i="5" s="1"/>
  <c r="K8108" i="2"/>
  <c r="K8082" i="5" s="1"/>
  <c r="O8082" i="5" s="1"/>
  <c r="L8677" i="2"/>
  <c r="L8651" i="5" s="1"/>
  <c r="K572" i="2"/>
  <c r="K546" i="5" s="1"/>
  <c r="O546" i="5" s="1"/>
  <c r="K1623" i="2"/>
  <c r="K1597" i="5" s="1"/>
  <c r="M2900" i="2"/>
  <c r="M2874" i="5" s="1"/>
  <c r="P2874" i="5" s="1"/>
  <c r="K5624" i="2"/>
  <c r="K5598" i="5" s="1"/>
  <c r="L2076" i="2"/>
  <c r="L2050" i="5" s="1"/>
  <c r="K2467" i="2"/>
  <c r="K2441" i="5" s="1"/>
  <c r="K3115" i="2"/>
  <c r="K3089" i="5" s="1"/>
  <c r="M4414" i="2"/>
  <c r="M4388" i="5" s="1"/>
  <c r="P4388" i="5" s="1"/>
  <c r="M46" i="2"/>
  <c r="M20" i="5" s="1"/>
  <c r="P20" i="5" s="1"/>
  <c r="K6468" i="2"/>
  <c r="K6442" i="5" s="1"/>
  <c r="O6442" i="5" s="1"/>
  <c r="J3256" i="2"/>
  <c r="J3230" i="5" s="1"/>
  <c r="N3230" i="5" s="1"/>
  <c r="K5986" i="2"/>
  <c r="K5960" i="5" s="1"/>
  <c r="O5960" i="5" s="1"/>
  <c r="I2441" i="2"/>
  <c r="I2415" i="5" s="1"/>
  <c r="I8686" i="2"/>
  <c r="I8660" i="5" s="1"/>
  <c r="M930" i="2"/>
  <c r="M904" i="5" s="1"/>
  <c r="P904" i="5" s="1"/>
  <c r="L3006" i="2"/>
  <c r="L2980" i="5" s="1"/>
  <c r="J7858" i="2"/>
  <c r="J7832" i="5" s="1"/>
  <c r="N7832" i="5" s="1"/>
  <c r="J2061" i="2"/>
  <c r="J2035" i="5" s="1"/>
  <c r="K1042" i="2"/>
  <c r="K1016" i="5" s="1"/>
  <c r="M3815" i="2"/>
  <c r="M3789" i="5" s="1"/>
  <c r="P3789" i="5" s="1"/>
  <c r="M5316" i="2"/>
  <c r="M5290" i="5" s="1"/>
  <c r="P5290" i="5" s="1"/>
  <c r="K2162" i="2"/>
  <c r="K2136" i="5" s="1"/>
  <c r="L2080" i="2"/>
  <c r="L2054" i="5" s="1"/>
  <c r="M754" i="2"/>
  <c r="M728" i="5" s="1"/>
  <c r="P728" i="5" s="1"/>
  <c r="J798" i="2"/>
  <c r="J772" i="5" s="1"/>
  <c r="N772" i="5" s="1"/>
  <c r="J1428" i="2"/>
  <c r="J1402" i="5" s="1"/>
  <c r="I6872" i="2"/>
  <c r="I6846" i="5" s="1"/>
  <c r="L3927" i="2"/>
  <c r="L3901" i="5" s="1"/>
  <c r="L5309" i="2"/>
  <c r="L5283" i="5" s="1"/>
  <c r="K3952" i="2"/>
  <c r="K3926" i="5" s="1"/>
  <c r="M8024" i="2"/>
  <c r="M7998" i="5" s="1"/>
  <c r="P7998" i="5" s="1"/>
  <c r="M8145" i="2"/>
  <c r="M8119" i="5" s="1"/>
  <c r="P8119" i="5" s="1"/>
  <c r="J1767" i="2"/>
  <c r="J1741" i="5" s="1"/>
  <c r="N1741" i="5" s="1"/>
  <c r="L1144" i="2"/>
  <c r="L1118" i="5" s="1"/>
  <c r="J1650" i="2"/>
  <c r="J1624" i="5" s="1"/>
  <c r="K1788" i="2"/>
  <c r="K1762" i="5" s="1"/>
  <c r="K7846" i="2"/>
  <c r="K7820" i="5" s="1"/>
  <c r="I3923" i="2"/>
  <c r="I3897" i="5" s="1"/>
  <c r="J1910" i="2"/>
  <c r="J1884" i="5" s="1"/>
  <c r="N1884" i="5" s="1"/>
  <c r="J3170" i="2"/>
  <c r="J3144" i="5" s="1"/>
  <c r="N3144" i="5" s="1"/>
  <c r="K8693" i="2"/>
  <c r="K8667" i="5" s="1"/>
  <c r="I3245" i="2"/>
  <c r="I3219" i="5" s="1"/>
  <c r="M7331" i="2"/>
  <c r="M7305" i="5" s="1"/>
  <c r="P7305" i="5" s="1"/>
  <c r="I3749" i="2"/>
  <c r="I3723" i="5" s="1"/>
  <c r="L458" i="2"/>
  <c r="L432" i="5" s="1"/>
  <c r="M3161" i="2"/>
  <c r="M3135" i="5" s="1"/>
  <c r="P3135" i="5" s="1"/>
  <c r="M4085" i="2"/>
  <c r="M4059" i="5" s="1"/>
  <c r="P4059" i="5" s="1"/>
  <c r="K3163" i="2"/>
  <c r="K3137" i="5" s="1"/>
  <c r="O3137" i="5" s="1"/>
  <c r="M8294" i="2"/>
  <c r="M8268" i="5" s="1"/>
  <c r="P8268" i="5" s="1"/>
  <c r="L2158" i="2"/>
  <c r="L2132" i="5" s="1"/>
  <c r="J1753" i="2"/>
  <c r="J1727" i="5" s="1"/>
  <c r="N1727" i="5" s="1"/>
  <c r="M1250" i="2"/>
  <c r="M1224" i="5" s="1"/>
  <c r="P1224" i="5" s="1"/>
  <c r="K5257" i="2"/>
  <c r="K5231" i="5" s="1"/>
  <c r="L4640" i="2"/>
  <c r="L4614" i="5" s="1"/>
  <c r="I316" i="2"/>
  <c r="I290" i="5" s="1"/>
  <c r="M6843" i="2"/>
  <c r="M6817" i="5" s="1"/>
  <c r="P6817" i="5" s="1"/>
  <c r="J8206" i="2"/>
  <c r="J8180" i="5" s="1"/>
  <c r="N8180" i="5" s="1"/>
  <c r="I4742" i="2"/>
  <c r="I4716" i="5" s="1"/>
  <c r="K2627" i="2"/>
  <c r="K2601" i="5" s="1"/>
  <c r="M2629" i="2"/>
  <c r="M2603" i="5" s="1"/>
  <c r="P2603" i="5" s="1"/>
  <c r="M5122" i="2"/>
  <c r="M5096" i="5" s="1"/>
  <c r="P5096" i="5" s="1"/>
  <c r="M5643" i="2"/>
  <c r="M5617" i="5" s="1"/>
  <c r="P5617" i="5" s="1"/>
  <c r="I4807" i="2"/>
  <c r="I4781" i="5" s="1"/>
  <c r="I142" i="2"/>
  <c r="I116" i="5" s="1"/>
  <c r="I594" i="2"/>
  <c r="I568" i="5" s="1"/>
  <c r="J717" i="2"/>
  <c r="J691" i="5" s="1"/>
  <c r="N691" i="5" s="1"/>
  <c r="L2453" i="2"/>
  <c r="L2427" i="5" s="1"/>
  <c r="M7120" i="2"/>
  <c r="M7094" i="5" s="1"/>
  <c r="P7094" i="5" s="1"/>
  <c r="M8282" i="2"/>
  <c r="M8256" i="5" s="1"/>
  <c r="P8256" i="5" s="1"/>
  <c r="L6496" i="2"/>
  <c r="L6470" i="5" s="1"/>
  <c r="L6141" i="2"/>
  <c r="L6115" i="5" s="1"/>
  <c r="I6789" i="2"/>
  <c r="I6763" i="5" s="1"/>
  <c r="I2050" i="2"/>
  <c r="I2024" i="5" s="1"/>
  <c r="M6586" i="2"/>
  <c r="M6560" i="5" s="1"/>
  <c r="P6560" i="5" s="1"/>
  <c r="I6155" i="2"/>
  <c r="I6129" i="5" s="1"/>
  <c r="I110" i="2"/>
  <c r="I84" i="5" s="1"/>
  <c r="J2474" i="2"/>
  <c r="J2448" i="5" s="1"/>
  <c r="N2448" i="5" s="1"/>
  <c r="L6861" i="2"/>
  <c r="L6835" i="5" s="1"/>
  <c r="K5146" i="2"/>
  <c r="K5120" i="5" s="1"/>
  <c r="L1477" i="2"/>
  <c r="L1451" i="5" s="1"/>
  <c r="M631" i="2"/>
  <c r="M605" i="5" s="1"/>
  <c r="P605" i="5" s="1"/>
  <c r="J5647" i="2"/>
  <c r="J5621" i="5" s="1"/>
  <c r="N5621" i="5" s="1"/>
  <c r="L4276" i="2"/>
  <c r="L4250" i="5" s="1"/>
  <c r="I4262" i="2"/>
  <c r="I4236" i="5" s="1"/>
  <c r="M1290" i="2"/>
  <c r="M1264" i="5" s="1"/>
  <c r="P1264" i="5" s="1"/>
  <c r="K3419" i="2"/>
  <c r="K3393" i="5" s="1"/>
  <c r="M1254" i="2"/>
  <c r="M1228" i="5" s="1"/>
  <c r="P1228" i="5" s="1"/>
  <c r="M6475" i="2"/>
  <c r="M6449" i="5" s="1"/>
  <c r="P6449" i="5" s="1"/>
  <c r="I5252" i="2"/>
  <c r="I5226" i="5" s="1"/>
  <c r="K4986" i="2"/>
  <c r="K4960" i="5" s="1"/>
  <c r="K8046" i="2"/>
  <c r="K8020" i="5" s="1"/>
  <c r="M2220" i="2"/>
  <c r="M2194" i="5" s="1"/>
  <c r="P2194" i="5" s="1"/>
  <c r="J1329" i="2"/>
  <c r="J1303" i="5" s="1"/>
  <c r="N1303" i="5" s="1"/>
  <c r="M4989" i="2"/>
  <c r="M4963" i="5" s="1"/>
  <c r="P4963" i="5" s="1"/>
  <c r="J1065" i="2"/>
  <c r="J1039" i="5" s="1"/>
  <c r="N1039" i="5" s="1"/>
  <c r="M2574" i="2"/>
  <c r="M2548" i="5" s="1"/>
  <c r="P2548" i="5" s="1"/>
  <c r="J7122" i="2"/>
  <c r="J7096" i="5" s="1"/>
  <c r="N7096" i="5" s="1"/>
  <c r="K6009" i="2"/>
  <c r="K5983" i="5" s="1"/>
  <c r="I3988" i="2"/>
  <c r="I3962" i="5" s="1"/>
  <c r="K3954" i="2"/>
  <c r="K3928" i="5" s="1"/>
  <c r="K1300" i="2"/>
  <c r="K1274" i="5" s="1"/>
  <c r="M1944" i="2"/>
  <c r="M1918" i="5" s="1"/>
  <c r="P1918" i="5" s="1"/>
  <c r="K4580" i="2"/>
  <c r="K4554" i="5" s="1"/>
  <c r="O4554" i="5" s="1"/>
  <c r="M6184" i="2"/>
  <c r="M6158" i="5" s="1"/>
  <c r="P6158" i="5" s="1"/>
  <c r="L2068" i="2"/>
  <c r="L2042" i="5" s="1"/>
  <c r="M5955" i="2"/>
  <c r="M5929" i="5" s="1"/>
  <c r="P5929" i="5" s="1"/>
  <c r="L3576" i="2"/>
  <c r="L3550" i="5" s="1"/>
  <c r="L3506" i="2"/>
  <c r="L3480" i="5" s="1"/>
  <c r="J3993" i="2"/>
  <c r="J3967" i="5" s="1"/>
  <c r="N3967" i="5" s="1"/>
  <c r="I3157" i="2"/>
  <c r="I3131" i="5" s="1"/>
  <c r="K6530" i="2"/>
  <c r="K6504" i="5" s="1"/>
  <c r="L6512" i="2"/>
  <c r="L6486" i="5" s="1"/>
  <c r="L5796" i="2"/>
  <c r="L5770" i="5" s="1"/>
  <c r="M1288" i="2"/>
  <c r="M1262" i="5" s="1"/>
  <c r="P1262" i="5" s="1"/>
  <c r="J3101" i="2"/>
  <c r="J3075" i="5" s="1"/>
  <c r="N3075" i="5" s="1"/>
  <c r="K8505" i="2"/>
  <c r="K8479" i="5" s="1"/>
  <c r="J3756" i="2"/>
  <c r="J3730" i="5" s="1"/>
  <c r="N3730" i="5" s="1"/>
  <c r="J3493" i="2"/>
  <c r="J3467" i="5" s="1"/>
  <c r="K4011" i="2"/>
  <c r="K3985" i="5" s="1"/>
  <c r="I6924" i="2"/>
  <c r="I6898" i="5" s="1"/>
  <c r="I4011" i="2"/>
  <c r="I3985" i="5" s="1"/>
  <c r="M6469" i="2"/>
  <c r="M6443" i="5" s="1"/>
  <c r="P6443" i="5" s="1"/>
  <c r="M4011" i="2"/>
  <c r="M3985" i="5" s="1"/>
  <c r="P3985" i="5" s="1"/>
  <c r="I5643" i="2"/>
  <c r="I5617" i="5" s="1"/>
  <c r="J2574" i="2"/>
  <c r="J2548" i="5" s="1"/>
  <c r="N2548" i="5" s="1"/>
  <c r="L8047" i="2"/>
  <c r="L8021" i="5" s="1"/>
  <c r="J4651" i="2"/>
  <c r="J4625" i="5" s="1"/>
  <c r="N4625" i="5" s="1"/>
  <c r="J1743" i="2"/>
  <c r="J1717" i="5" s="1"/>
  <c r="N1717" i="5" s="1"/>
  <c r="J4102" i="2"/>
  <c r="J4076" i="5" s="1"/>
  <c r="N4076" i="5" s="1"/>
  <c r="I458" i="2"/>
  <c r="I432" i="5" s="1"/>
  <c r="M3923" i="2"/>
  <c r="M3897" i="5" s="1"/>
  <c r="P3897" i="5" s="1"/>
  <c r="J8549" i="2"/>
  <c r="J8523" i="5" s="1"/>
  <c r="N8523" i="5" s="1"/>
  <c r="J4483" i="2"/>
  <c r="J4457" i="5" s="1"/>
  <c r="N4457" i="5" s="1"/>
  <c r="AR360" i="1"/>
  <c r="K8145" i="2"/>
  <c r="K8119" i="5" s="1"/>
  <c r="I631" i="2"/>
  <c r="I605" i="5" s="1"/>
  <c r="K2093" i="2"/>
  <c r="K2067" i="5" s="1"/>
  <c r="J8145" i="2"/>
  <c r="J8119" i="5" s="1"/>
  <c r="N8119" i="5" s="1"/>
  <c r="I1910" i="2"/>
  <c r="I1884" i="5" s="1"/>
  <c r="J3952" i="2"/>
  <c r="J3926" i="5" s="1"/>
  <c r="M3952" i="2"/>
  <c r="M3926" i="5" s="1"/>
  <c r="P3926" i="5" s="1"/>
  <c r="K1428" i="2"/>
  <c r="K1402" i="5" s="1"/>
  <c r="K945" i="2"/>
  <c r="K919" i="5" s="1"/>
  <c r="O919" i="5" s="1"/>
  <c r="K737" i="2"/>
  <c r="K711" i="5" s="1"/>
  <c r="K1390" i="2"/>
  <c r="K1364" i="5" s="1"/>
  <c r="M287" i="2"/>
  <c r="M261" i="5" s="1"/>
  <c r="P261" i="5" s="1"/>
  <c r="L959" i="2"/>
  <c r="L933" i="5" s="1"/>
  <c r="M2120" i="2"/>
  <c r="M2094" i="5" s="1"/>
  <c r="P2094" i="5" s="1"/>
  <c r="M5993" i="2"/>
  <c r="M5967" i="5" s="1"/>
  <c r="P5967" i="5" s="1"/>
  <c r="J928" i="2"/>
  <c r="J902" i="5" s="1"/>
  <c r="N902" i="5" s="1"/>
  <c r="K569" i="2"/>
  <c r="K543" i="5" s="1"/>
  <c r="L1767" i="2"/>
  <c r="L1741" i="5" s="1"/>
  <c r="L1250" i="2"/>
  <c r="L1224" i="5" s="1"/>
  <c r="J6789" i="2"/>
  <c r="J6763" i="5" s="1"/>
  <c r="N6763" i="5" s="1"/>
  <c r="K1290" i="2"/>
  <c r="K1264" i="5" s="1"/>
  <c r="I945" i="2"/>
  <c r="I919" i="5" s="1"/>
  <c r="I737" i="2"/>
  <c r="I711" i="5" s="1"/>
  <c r="I1390" i="2"/>
  <c r="I1364" i="5" s="1"/>
  <c r="J287" i="2"/>
  <c r="J261" i="5" s="1"/>
  <c r="N261" i="5" s="1"/>
  <c r="L2120" i="2"/>
  <c r="L2094" i="5" s="1"/>
  <c r="J5993" i="2"/>
  <c r="J5967" i="5" s="1"/>
  <c r="N5967" i="5" s="1"/>
  <c r="I928" i="2"/>
  <c r="I902" i="5" s="1"/>
  <c r="I569" i="2"/>
  <c r="I543" i="5" s="1"/>
  <c r="L1721" i="2"/>
  <c r="L1695" i="5" s="1"/>
  <c r="M1767" i="2"/>
  <c r="M1741" i="5" s="1"/>
  <c r="P1741" i="5" s="1"/>
  <c r="K4085" i="2"/>
  <c r="K4059" i="5" s="1"/>
  <c r="J1250" i="2"/>
  <c r="J1224" i="5" s="1"/>
  <c r="N1224" i="5" s="1"/>
  <c r="L4807" i="2"/>
  <c r="L4781" i="5" s="1"/>
  <c r="J316" i="2"/>
  <c r="J290" i="5" s="1"/>
  <c r="N290" i="5" s="1"/>
  <c r="L1290" i="2"/>
  <c r="L1264" i="5" s="1"/>
  <c r="I2220" i="2"/>
  <c r="I2194" i="5" s="1"/>
  <c r="I6184" i="2"/>
  <c r="I6158" i="5" s="1"/>
  <c r="K1944" i="2"/>
  <c r="K1918" i="5" s="1"/>
  <c r="M6442" i="2"/>
  <c r="M6416" i="5" s="1"/>
  <c r="P6416" i="5" s="1"/>
  <c r="J3920" i="2"/>
  <c r="J3894" i="5" s="1"/>
  <c r="N3894" i="5" s="1"/>
  <c r="K6464" i="2"/>
  <c r="K6438" i="5" s="1"/>
  <c r="K1792" i="2"/>
  <c r="K1766" i="5" s="1"/>
  <c r="J4131" i="2"/>
  <c r="J4105" i="5" s="1"/>
  <c r="N4105" i="5" s="1"/>
  <c r="K4501" i="2"/>
  <c r="K4475" i="5" s="1"/>
  <c r="J2318" i="2"/>
  <c r="J2292" i="5" s="1"/>
  <c r="N2292" i="5" s="1"/>
  <c r="I4580" i="2"/>
  <c r="I4554" i="5" s="1"/>
  <c r="M945" i="2"/>
  <c r="M919" i="5" s="1"/>
  <c r="P919" i="5" s="1"/>
  <c r="L737" i="2"/>
  <c r="L711" i="5" s="1"/>
  <c r="M1390" i="2"/>
  <c r="M1364" i="5" s="1"/>
  <c r="P1364" i="5" s="1"/>
  <c r="K2120" i="2"/>
  <c r="K2094" i="5" s="1"/>
  <c r="K3749" i="2"/>
  <c r="K3723" i="5" s="1"/>
  <c r="O3723" i="5" s="1"/>
  <c r="I1767" i="2"/>
  <c r="I1741" i="5" s="1"/>
  <c r="I4085" i="2"/>
  <c r="I4059" i="5" s="1"/>
  <c r="J4807" i="2"/>
  <c r="J4781" i="5" s="1"/>
  <c r="N4781" i="5" s="1"/>
  <c r="K2050" i="2"/>
  <c r="K2024" i="5" s="1"/>
  <c r="K6861" i="2"/>
  <c r="K6835" i="5" s="1"/>
  <c r="J2627" i="2"/>
  <c r="J2601" i="5" s="1"/>
  <c r="N2601" i="5" s="1"/>
  <c r="I4986" i="2"/>
  <c r="I4960" i="5" s="1"/>
  <c r="J2220" i="2"/>
  <c r="J2194" i="5" s="1"/>
  <c r="I1944" i="2"/>
  <c r="I1918" i="5" s="1"/>
  <c r="J8036" i="2"/>
  <c r="J8010" i="5" s="1"/>
  <c r="N8010" i="5" s="1"/>
  <c r="M3988" i="2"/>
  <c r="M3962" i="5" s="1"/>
  <c r="P3962" i="5" s="1"/>
  <c r="J1390" i="2"/>
  <c r="J1364" i="5" s="1"/>
  <c r="N1364" i="5" s="1"/>
  <c r="K8024" i="2"/>
  <c r="K7998" i="5" s="1"/>
  <c r="M3749" i="2"/>
  <c r="M3723" i="5" s="1"/>
  <c r="P3723" i="5" s="1"/>
  <c r="L4085" i="2"/>
  <c r="L4059" i="5" s="1"/>
  <c r="K4807" i="2"/>
  <c r="K4781" i="5" s="1"/>
  <c r="L2050" i="2"/>
  <c r="L2024" i="5" s="1"/>
  <c r="K6141" i="2"/>
  <c r="K6115" i="5" s="1"/>
  <c r="L2627" i="2"/>
  <c r="L2601" i="5" s="1"/>
  <c r="L4986" i="2"/>
  <c r="L4960" i="5" s="1"/>
  <c r="K4989" i="2"/>
  <c r="K4963" i="5" s="1"/>
  <c r="L7122" i="2"/>
  <c r="L7096" i="5" s="1"/>
  <c r="L1944" i="2"/>
  <c r="L1918" i="5" s="1"/>
  <c r="L3988" i="2"/>
  <c r="L3962" i="5" s="1"/>
  <c r="L2302" i="2"/>
  <c r="L2276" i="5" s="1"/>
  <c r="I3924" i="2"/>
  <c r="I3898" i="5" s="1"/>
  <c r="M3626" i="2"/>
  <c r="M3600" i="5" s="1"/>
  <c r="P3600" i="5" s="1"/>
  <c r="M312" i="2"/>
  <c r="M286" i="5" s="1"/>
  <c r="P286" i="5" s="1"/>
  <c r="J3601" i="2"/>
  <c r="J3575" i="5" s="1"/>
  <c r="L6308" i="2"/>
  <c r="L6282" i="5" s="1"/>
  <c r="M7869" i="2"/>
  <c r="M7843" i="5" s="1"/>
  <c r="P7843" i="5" s="1"/>
  <c r="L3464" i="2"/>
  <c r="L3438" i="5" s="1"/>
  <c r="L8024" i="2"/>
  <c r="L7998" i="5" s="1"/>
  <c r="AR86" i="1"/>
  <c r="K2474" i="2"/>
  <c r="K2448" i="5" s="1"/>
  <c r="K4276" i="2"/>
  <c r="K4250" i="5" s="1"/>
  <c r="I6141" i="2"/>
  <c r="I6115" i="5" s="1"/>
  <c r="AR145" i="1"/>
  <c r="J4986" i="2"/>
  <c r="J4960" i="5" s="1"/>
  <c r="N4960" i="5" s="1"/>
  <c r="J1279" i="2"/>
  <c r="J1253" i="5" s="1"/>
  <c r="N1253" i="5" s="1"/>
  <c r="K5955" i="2"/>
  <c r="K5929" i="5" s="1"/>
  <c r="O5929" i="5" s="1"/>
  <c r="L1300" i="2"/>
  <c r="L1274" i="5" s="1"/>
  <c r="I4989" i="2"/>
  <c r="I4963" i="5" s="1"/>
  <c r="K7122" i="2"/>
  <c r="K7096" i="5" s="1"/>
  <c r="J1944" i="2"/>
  <c r="J1918" i="5" s="1"/>
  <c r="N1918" i="5" s="1"/>
  <c r="K2068" i="2"/>
  <c r="K2042" i="5" s="1"/>
  <c r="K8036" i="2"/>
  <c r="K8010" i="5" s="1"/>
  <c r="J3988" i="2"/>
  <c r="J3962" i="5" s="1"/>
  <c r="N3962" i="5" s="1"/>
  <c r="K3397" i="2"/>
  <c r="K3371" i="5" s="1"/>
  <c r="J1129" i="2"/>
  <c r="J1103" i="5" s="1"/>
  <c r="I2489" i="2"/>
  <c r="I2463" i="5" s="1"/>
  <c r="I5134" i="2"/>
  <c r="I5108" i="5" s="1"/>
  <c r="M8286" i="2"/>
  <c r="M8260" i="5" s="1"/>
  <c r="P8260" i="5" s="1"/>
  <c r="K891" i="2"/>
  <c r="K865" i="5" s="1"/>
  <c r="M4472" i="2"/>
  <c r="M4446" i="5" s="1"/>
  <c r="P4446" i="5" s="1"/>
  <c r="I3152" i="2"/>
  <c r="I3126" i="5" s="1"/>
  <c r="I8320" i="2"/>
  <c r="I8294" i="5" s="1"/>
  <c r="M6141" i="2"/>
  <c r="M6115" i="5" s="1"/>
  <c r="P6115" i="5" s="1"/>
  <c r="K6586" i="2"/>
  <c r="K6560" i="5" s="1"/>
  <c r="O6560" i="5" s="1"/>
  <c r="K6475" i="2"/>
  <c r="K6449" i="5" s="1"/>
  <c r="M1300" i="2"/>
  <c r="M1274" i="5" s="1"/>
  <c r="P1274" i="5" s="1"/>
  <c r="K3576" i="2"/>
  <c r="K3550" i="5" s="1"/>
  <c r="M8036" i="2"/>
  <c r="M8010" i="5" s="1"/>
  <c r="P8010" i="5" s="1"/>
  <c r="K3988" i="2"/>
  <c r="K3962" i="5" s="1"/>
  <c r="O3962" i="5" s="1"/>
  <c r="L3397" i="2"/>
  <c r="L3371" i="5" s="1"/>
  <c r="M1298" i="2"/>
  <c r="M1272" i="5" s="1"/>
  <c r="P1272" i="5" s="1"/>
  <c r="L3765" i="2"/>
  <c r="L3739" i="5" s="1"/>
  <c r="K8212" i="2"/>
  <c r="K8186" i="5" s="1"/>
  <c r="M6105" i="2"/>
  <c r="M6079" i="5" s="1"/>
  <c r="P6079" i="5" s="1"/>
  <c r="K1418" i="2"/>
  <c r="K1392" i="5" s="1"/>
  <c r="J7819" i="2"/>
  <c r="J7793" i="5" s="1"/>
  <c r="I6586" i="2"/>
  <c r="I6560" i="5" s="1"/>
  <c r="I6419" i="2"/>
  <c r="I6393" i="5" s="1"/>
  <c r="M8446" i="2"/>
  <c r="M8420" i="5" s="1"/>
  <c r="P8420" i="5" s="1"/>
  <c r="K7819" i="2"/>
  <c r="K7793" i="5" s="1"/>
  <c r="O7793" i="5" s="1"/>
  <c r="K3004" i="2"/>
  <c r="K2978" i="5" s="1"/>
  <c r="O2978" i="5" s="1"/>
  <c r="I5977" i="2"/>
  <c r="I5951" i="5" s="1"/>
  <c r="J3397" i="2"/>
  <c r="J3371" i="5" s="1"/>
  <c r="N3371" i="5" s="1"/>
  <c r="L1293" i="2"/>
  <c r="L1267" i="5" s="1"/>
  <c r="K6105" i="2"/>
  <c r="K6079" i="5" s="1"/>
  <c r="O6079" i="5" s="1"/>
  <c r="J5021" i="2"/>
  <c r="J4995" i="5" s="1"/>
  <c r="N4995" i="5" s="1"/>
  <c r="L8547" i="2"/>
  <c r="L8521" i="5" s="1"/>
  <c r="M1721" i="2"/>
  <c r="M1695" i="5" s="1"/>
  <c r="P1695" i="5" s="1"/>
  <c r="M6033" i="2"/>
  <c r="M6007" i="5" s="1"/>
  <c r="P6007" i="5" s="1"/>
  <c r="L6023" i="2"/>
  <c r="L5997" i="5" s="1"/>
  <c r="K7016" i="2"/>
  <c r="K6990" i="5" s="1"/>
  <c r="L581" i="2"/>
  <c r="L555" i="5" s="1"/>
  <c r="M242" i="2"/>
  <c r="M216" i="5" s="1"/>
  <c r="P216" i="5" s="1"/>
  <c r="I8145" i="2"/>
  <c r="I8119" i="5" s="1"/>
  <c r="J5798" i="2"/>
  <c r="J5772" i="5" s="1"/>
  <c r="N5772" i="5" s="1"/>
  <c r="I1788" i="2"/>
  <c r="I1762" i="5" s="1"/>
  <c r="I7846" i="2"/>
  <c r="I7820" i="5" s="1"/>
  <c r="J540" i="2"/>
  <c r="J514" i="5" s="1"/>
  <c r="N514" i="5" s="1"/>
  <c r="I8217" i="2"/>
  <c r="I8191" i="5" s="1"/>
  <c r="M2167" i="2"/>
  <c r="M2141" i="5" s="1"/>
  <c r="P2141" i="5" s="1"/>
  <c r="L4648" i="2"/>
  <c r="L4622" i="5" s="1"/>
  <c r="I6200" i="2"/>
  <c r="I6174" i="5" s="1"/>
  <c r="L1812" i="2"/>
  <c r="L1786" i="5" s="1"/>
  <c r="K8472" i="2"/>
  <c r="K8446" i="5" s="1"/>
  <c r="M2086" i="2"/>
  <c r="M2060" i="5" s="1"/>
  <c r="P2060" i="5" s="1"/>
  <c r="L7171" i="2"/>
  <c r="L7145" i="5" s="1"/>
  <c r="J8443" i="2"/>
  <c r="J8417" i="5" s="1"/>
  <c r="N8417" i="5" s="1"/>
  <c r="M1558" i="2"/>
  <c r="M1532" i="5" s="1"/>
  <c r="P1532" i="5" s="1"/>
  <c r="M2158" i="2"/>
  <c r="M2132" i="5" s="1"/>
  <c r="P2132" i="5" s="1"/>
  <c r="K1753" i="2"/>
  <c r="K1727" i="5" s="1"/>
  <c r="M8384" i="2"/>
  <c r="M8358" i="5" s="1"/>
  <c r="P8358" i="5" s="1"/>
  <c r="J481" i="2"/>
  <c r="J455" i="5" s="1"/>
  <c r="N455" i="5" s="1"/>
  <c r="I8364" i="2"/>
  <c r="I8338" i="5" s="1"/>
  <c r="M1559" i="2"/>
  <c r="M1533" i="5" s="1"/>
  <c r="P1533" i="5" s="1"/>
  <c r="L3951" i="2"/>
  <c r="L3925" i="5" s="1"/>
  <c r="J5485" i="2"/>
  <c r="J5459" i="5" s="1"/>
  <c r="I5247" i="2"/>
  <c r="I5221" i="5" s="1"/>
  <c r="K305" i="2"/>
  <c r="K279" i="5" s="1"/>
  <c r="L316" i="2"/>
  <c r="L290" i="5" s="1"/>
  <c r="I6843" i="2"/>
  <c r="I6817" i="5" s="1"/>
  <c r="M6526" i="2"/>
  <c r="M6500" i="5" s="1"/>
  <c r="P6500" i="5" s="1"/>
  <c r="K8604" i="2"/>
  <c r="K8578" i="5" s="1"/>
  <c r="M142" i="2"/>
  <c r="M116" i="5" s="1"/>
  <c r="P116" i="5" s="1"/>
  <c r="K4851" i="2"/>
  <c r="K4825" i="5" s="1"/>
  <c r="L7120" i="2"/>
  <c r="L7094" i="5" s="1"/>
  <c r="K6496" i="2"/>
  <c r="K6470" i="5" s="1"/>
  <c r="K6789" i="2"/>
  <c r="K6763" i="5" s="1"/>
  <c r="O6763" i="5" s="1"/>
  <c r="K3084" i="2"/>
  <c r="K3058" i="5" s="1"/>
  <c r="J3406" i="2"/>
  <c r="J3380" i="5" s="1"/>
  <c r="N3380" i="5" s="1"/>
  <c r="I3086" i="2"/>
  <c r="I3060" i="5" s="1"/>
  <c r="M8267" i="2"/>
  <c r="M8241" i="5" s="1"/>
  <c r="P8241" i="5" s="1"/>
  <c r="M8266" i="2"/>
  <c r="M8240" i="5" s="1"/>
  <c r="P8240" i="5" s="1"/>
  <c r="L5681" i="2"/>
  <c r="L5655" i="5" s="1"/>
  <c r="J1477" i="2"/>
  <c r="J1451" i="5" s="1"/>
  <c r="N1451" i="5" s="1"/>
  <c r="M6187" i="2"/>
  <c r="M6161" i="5" s="1"/>
  <c r="P6161" i="5" s="1"/>
  <c r="M3419" i="2"/>
  <c r="M3393" i="5" s="1"/>
  <c r="P3393" i="5" s="1"/>
  <c r="J4337" i="2"/>
  <c r="J4311" i="5" s="1"/>
  <c r="N4311" i="5" s="1"/>
  <c r="J3591" i="2"/>
  <c r="J3565" i="5" s="1"/>
  <c r="N3565" i="5" s="1"/>
  <c r="K5827" i="2"/>
  <c r="K5801" i="5" s="1"/>
  <c r="J5835" i="2"/>
  <c r="J5809" i="5" s="1"/>
  <c r="N5809" i="5" s="1"/>
  <c r="L977" i="2"/>
  <c r="L951" i="5" s="1"/>
  <c r="J7956" i="2"/>
  <c r="J7930" i="5" s="1"/>
  <c r="N7930" i="5" s="1"/>
  <c r="I3807" i="2"/>
  <c r="I3781" i="5" s="1"/>
  <c r="I1329" i="2"/>
  <c r="I1303" i="5" s="1"/>
  <c r="L773" i="2"/>
  <c r="L747" i="5" s="1"/>
  <c r="J7266" i="2"/>
  <c r="J7240" i="5" s="1"/>
  <c r="N7240" i="5" s="1"/>
  <c r="J7843" i="2"/>
  <c r="J7817" i="5" s="1"/>
  <c r="N7817" i="5" s="1"/>
  <c r="L1065" i="2"/>
  <c r="L1039" i="5" s="1"/>
  <c r="K3407" i="2"/>
  <c r="K3381" i="5" s="1"/>
  <c r="L1801" i="2"/>
  <c r="L1775" i="5" s="1"/>
  <c r="M2397" i="2"/>
  <c r="M2371" i="5" s="1"/>
  <c r="P2371" i="5" s="1"/>
  <c r="L2964" i="2"/>
  <c r="L2938" i="5" s="1"/>
  <c r="J4966" i="2"/>
  <c r="J4940" i="5" s="1"/>
  <c r="L5093" i="2"/>
  <c r="L5067" i="5" s="1"/>
  <c r="M3166" i="2"/>
  <c r="M3140" i="5" s="1"/>
  <c r="P3140" i="5" s="1"/>
  <c r="J8488" i="2"/>
  <c r="J8462" i="5" s="1"/>
  <c r="N8462" i="5" s="1"/>
  <c r="M5083" i="2"/>
  <c r="M5057" i="5" s="1"/>
  <c r="P5057" i="5" s="1"/>
  <c r="K3177" i="2"/>
  <c r="K3151" i="5" s="1"/>
  <c r="L5476" i="2"/>
  <c r="L5450" i="5" s="1"/>
  <c r="J3404" i="2"/>
  <c r="J3378" i="5" s="1"/>
  <c r="N3378" i="5" s="1"/>
  <c r="J1721" i="2"/>
  <c r="J1695" i="5" s="1"/>
  <c r="N1695" i="5" s="1"/>
  <c r="I2093" i="2"/>
  <c r="I2067" i="5" s="1"/>
  <c r="I1428" i="2"/>
  <c r="I1402" i="5" s="1"/>
  <c r="K3170" i="2"/>
  <c r="K3144" i="5" s="1"/>
  <c r="I5257" i="2"/>
  <c r="I5231" i="5" s="1"/>
  <c r="K3923" i="2"/>
  <c r="K3897" i="5" s="1"/>
  <c r="M3406" i="2"/>
  <c r="M3380" i="5" s="1"/>
  <c r="P3380" i="5" s="1"/>
  <c r="L1725" i="2"/>
  <c r="L1699" i="5" s="1"/>
  <c r="M8538" i="2"/>
  <c r="M8512" i="5" s="1"/>
  <c r="P8512" i="5" s="1"/>
  <c r="M1788" i="2"/>
  <c r="M1762" i="5" s="1"/>
  <c r="P1762" i="5" s="1"/>
  <c r="L4014" i="2"/>
  <c r="L3988" i="5" s="1"/>
  <c r="K2310" i="2"/>
  <c r="K2284" i="5" s="1"/>
  <c r="L85" i="2"/>
  <c r="L59" i="5" s="1"/>
  <c r="K6452" i="2"/>
  <c r="K6426" i="5" s="1"/>
  <c r="J1805" i="2"/>
  <c r="J1779" i="5" s="1"/>
  <c r="N1779" i="5" s="1"/>
  <c r="J1732" i="2"/>
  <c r="J1706" i="5" s="1"/>
  <c r="N1706" i="5" s="1"/>
  <c r="L8384" i="2"/>
  <c r="L8358" i="5" s="1"/>
  <c r="K8010" i="2"/>
  <c r="K7984" i="5" s="1"/>
  <c r="O7984" i="5" s="1"/>
  <c r="I5439" i="2"/>
  <c r="I5413" i="5" s="1"/>
  <c r="I2801" i="2"/>
  <c r="I2775" i="5" s="1"/>
  <c r="K5794" i="2"/>
  <c r="K5768" i="5" s="1"/>
  <c r="O5768" i="5" s="1"/>
  <c r="K631" i="2"/>
  <c r="K605" i="5" s="1"/>
  <c r="M2830" i="2"/>
  <c r="M2804" i="5" s="1"/>
  <c r="P2804" i="5" s="1"/>
  <c r="I771" i="2"/>
  <c r="I745" i="5" s="1"/>
  <c r="J7340" i="2"/>
  <c r="J7314" i="5" s="1"/>
  <c r="N7314" i="5" s="1"/>
  <c r="M2733" i="2"/>
  <c r="M2707" i="5" s="1"/>
  <c r="P2707" i="5" s="1"/>
  <c r="M3765" i="2"/>
  <c r="M3739" i="5" s="1"/>
  <c r="P3739" i="5" s="1"/>
  <c r="L1782" i="2"/>
  <c r="L1756" i="5" s="1"/>
  <c r="I6594" i="2"/>
  <c r="I6568" i="5" s="1"/>
  <c r="K128" i="2"/>
  <c r="K102" i="5" s="1"/>
  <c r="M4761" i="2"/>
  <c r="M4735" i="5" s="1"/>
  <c r="P4735" i="5" s="1"/>
  <c r="M3404" i="2"/>
  <c r="M3378" i="5" s="1"/>
  <c r="P3378" i="5" s="1"/>
  <c r="M1428" i="2"/>
  <c r="M1402" i="5" s="1"/>
  <c r="P1402" i="5" s="1"/>
  <c r="M1650" i="2"/>
  <c r="M1624" i="5" s="1"/>
  <c r="P1624" i="5" s="1"/>
  <c r="I3170" i="2"/>
  <c r="I3144" i="5" s="1"/>
  <c r="M7174" i="2"/>
  <c r="M7148" i="5" s="1"/>
  <c r="P7148" i="5" s="1"/>
  <c r="L7103" i="2"/>
  <c r="L7077" i="5" s="1"/>
  <c r="L8099" i="2"/>
  <c r="L8073" i="5" s="1"/>
  <c r="K643" i="2"/>
  <c r="K617" i="5" s="1"/>
  <c r="O617" i="5" s="1"/>
  <c r="L5917" i="2"/>
  <c r="L5891" i="5" s="1"/>
  <c r="J6105" i="2"/>
  <c r="J6079" i="5" s="1"/>
  <c r="N6079" i="5" s="1"/>
  <c r="I1418" i="2"/>
  <c r="I1392" i="5" s="1"/>
  <c r="AR247" i="1"/>
  <c r="AR202" i="1"/>
  <c r="L3404" i="2"/>
  <c r="L3378" i="5" s="1"/>
  <c r="I1721" i="2"/>
  <c r="I1695" i="5" s="1"/>
  <c r="I5451" i="2"/>
  <c r="I5425" i="5" s="1"/>
  <c r="L1428" i="2"/>
  <c r="L1402" i="5" s="1"/>
  <c r="J5122" i="2"/>
  <c r="J5096" i="5" s="1"/>
  <c r="N5096" i="5" s="1"/>
  <c r="K4742" i="2"/>
  <c r="K4716" i="5" s="1"/>
  <c r="K3995" i="2"/>
  <c r="K3969" i="5" s="1"/>
  <c r="J6430" i="2"/>
  <c r="J6404" i="5" s="1"/>
  <c r="M1134" i="2"/>
  <c r="M1108" i="5" s="1"/>
  <c r="P1108" i="5" s="1"/>
  <c r="L6449" i="2"/>
  <c r="L6423" i="5" s="1"/>
  <c r="J3909" i="2"/>
  <c r="J3883" i="5" s="1"/>
  <c r="N3883" i="5" s="1"/>
  <c r="L5765" i="2"/>
  <c r="L5739" i="5" s="1"/>
  <c r="I4964" i="2"/>
  <c r="I4938" i="5" s="1"/>
  <c r="K8128" i="2"/>
  <c r="K8102" i="5" s="1"/>
  <c r="J40" i="2"/>
  <c r="J14" i="5" s="1"/>
  <c r="N14" i="5" s="1"/>
  <c r="M1418" i="2"/>
  <c r="M1392" i="5" s="1"/>
  <c r="P1392" i="5" s="1"/>
  <c r="AR362" i="1"/>
  <c r="K3404" i="2"/>
  <c r="K3378" i="5" s="1"/>
  <c r="K3126" i="2"/>
  <c r="K3100" i="5" s="1"/>
  <c r="M5451" i="2"/>
  <c r="M5425" i="5" s="1"/>
  <c r="P5425" i="5" s="1"/>
  <c r="I5923" i="2"/>
  <c r="I5897" i="5" s="1"/>
  <c r="M4640" i="2"/>
  <c r="M4614" i="5" s="1"/>
  <c r="P4614" i="5" s="1"/>
  <c r="L2305" i="2"/>
  <c r="L2279" i="5" s="1"/>
  <c r="M7703" i="2"/>
  <c r="M7677" i="5" s="1"/>
  <c r="P7677" i="5" s="1"/>
  <c r="K5022" i="2"/>
  <c r="K4996" i="5" s="1"/>
  <c r="I2485" i="2"/>
  <c r="I2459" i="5" s="1"/>
  <c r="I6861" i="2"/>
  <c r="I6835" i="5" s="1"/>
  <c r="L774" i="2"/>
  <c r="L748" i="5" s="1"/>
  <c r="M2799" i="2"/>
  <c r="M2773" i="5" s="1"/>
  <c r="P2773" i="5" s="1"/>
  <c r="L6091" i="2"/>
  <c r="L6065" i="5" s="1"/>
  <c r="L3503" i="2"/>
  <c r="L3477" i="5" s="1"/>
  <c r="M62" i="2"/>
  <c r="M36" i="5" s="1"/>
  <c r="P36" i="5" s="1"/>
  <c r="M965" i="2"/>
  <c r="M939" i="5" s="1"/>
  <c r="P939" i="5" s="1"/>
  <c r="M1266" i="2"/>
  <c r="M1240" i="5" s="1"/>
  <c r="P1240" i="5" s="1"/>
  <c r="M6651" i="2"/>
  <c r="M6625" i="5" s="1"/>
  <c r="P6625" i="5" s="1"/>
  <c r="K8217" i="2"/>
  <c r="K8191" i="5" s="1"/>
  <c r="J2149" i="2"/>
  <c r="J2123" i="5" s="1"/>
  <c r="N2123" i="5" s="1"/>
  <c r="M6513" i="2"/>
  <c r="M6487" i="5" s="1"/>
  <c r="P6487" i="5" s="1"/>
  <c r="L3770" i="2"/>
  <c r="L3744" i="5" s="1"/>
  <c r="K7854" i="2"/>
  <c r="K7828" i="5" s="1"/>
  <c r="J5296" i="2"/>
  <c r="J5270" i="5" s="1"/>
  <c r="N5270" i="5" s="1"/>
  <c r="J1810" i="2"/>
  <c r="J1784" i="5" s="1"/>
  <c r="N1784" i="5" s="1"/>
  <c r="L8214" i="2"/>
  <c r="L8188" i="5" s="1"/>
  <c r="M2963" i="2"/>
  <c r="M2937" i="5" s="1"/>
  <c r="P2937" i="5" s="1"/>
  <c r="K8612" i="2"/>
  <c r="K8586" i="5" s="1"/>
  <c r="J1831" i="2"/>
  <c r="J1805" i="5" s="1"/>
  <c r="N1805" i="5" s="1"/>
  <c r="M4258" i="2"/>
  <c r="M4232" i="5" s="1"/>
  <c r="P4232" i="5" s="1"/>
  <c r="M4759" i="2"/>
  <c r="M4733" i="5" s="1"/>
  <c r="P4733" i="5" s="1"/>
  <c r="J110" i="2"/>
  <c r="J84" i="5" s="1"/>
  <c r="K7445" i="2"/>
  <c r="K7419" i="5" s="1"/>
  <c r="L950" i="2"/>
  <c r="L924" i="5" s="1"/>
  <c r="I5520" i="2"/>
  <c r="I5494" i="5" s="1"/>
  <c r="M3432" i="2"/>
  <c r="M3406" i="5" s="1"/>
  <c r="P3406" i="5" s="1"/>
  <c r="L5761" i="2"/>
  <c r="L5735" i="5" s="1"/>
  <c r="I4650" i="2"/>
  <c r="I4624" i="5" s="1"/>
  <c r="J1418" i="2"/>
  <c r="J1392" i="5" s="1"/>
  <c r="N1392" i="5" s="1"/>
  <c r="I3126" i="2"/>
  <c r="I3100" i="5" s="1"/>
  <c r="M5923" i="2"/>
  <c r="M5897" i="5" s="1"/>
  <c r="P5897" i="5" s="1"/>
  <c r="L4961" i="2"/>
  <c r="L4935" i="5" s="1"/>
  <c r="L8299" i="2"/>
  <c r="L8273" i="5" s="1"/>
  <c r="L7335" i="2"/>
  <c r="L7309" i="5" s="1"/>
  <c r="I5485" i="2"/>
  <c r="I5459" i="5" s="1"/>
  <c r="AR79" i="1"/>
  <c r="I6100" i="2"/>
  <c r="I6074" i="5" s="1"/>
  <c r="K7691" i="2"/>
  <c r="K7665" i="5" s="1"/>
  <c r="J2397" i="2"/>
  <c r="J2371" i="5" s="1"/>
  <c r="N2371" i="5" s="1"/>
  <c r="K4857" i="2"/>
  <c r="K4831" i="5" s="1"/>
  <c r="K2291" i="2"/>
  <c r="K2265" i="5" s="1"/>
  <c r="J7692" i="2"/>
  <c r="J7666" i="5" s="1"/>
  <c r="N7666" i="5" s="1"/>
  <c r="M6465" i="2"/>
  <c r="M6439" i="5" s="1"/>
  <c r="P6439" i="5" s="1"/>
  <c r="M5838" i="2"/>
  <c r="M5812" i="5" s="1"/>
  <c r="P5812" i="5" s="1"/>
  <c r="K1280" i="2"/>
  <c r="K1254" i="5" s="1"/>
  <c r="O1254" i="5" s="1"/>
  <c r="J6843" i="2"/>
  <c r="J6817" i="5" s="1"/>
  <c r="M2836" i="2"/>
  <c r="M2810" i="5" s="1"/>
  <c r="P2810" i="5" s="1"/>
  <c r="M3746" i="2"/>
  <c r="M3720" i="5" s="1"/>
  <c r="P3720" i="5" s="1"/>
  <c r="M2308" i="2"/>
  <c r="M2282" i="5" s="1"/>
  <c r="P2282" i="5" s="1"/>
  <c r="I8536" i="2"/>
  <c r="I8510" i="5" s="1"/>
  <c r="I7999" i="2"/>
  <c r="I7973" i="5" s="1"/>
  <c r="J5802" i="2"/>
  <c r="J5776" i="5" s="1"/>
  <c r="N5776" i="5" s="1"/>
  <c r="L2247" i="2"/>
  <c r="L2221" i="5" s="1"/>
  <c r="K7843" i="2"/>
  <c r="K7817" i="5" s="1"/>
  <c r="M1142" i="2"/>
  <c r="M1116" i="5" s="1"/>
  <c r="P1116" i="5" s="1"/>
  <c r="M4655" i="2"/>
  <c r="M4629" i="5" s="1"/>
  <c r="P4629" i="5" s="1"/>
  <c r="K3650" i="2"/>
  <c r="K3624" i="5" s="1"/>
  <c r="I5750" i="2"/>
  <c r="I5724" i="5" s="1"/>
  <c r="M7678" i="2"/>
  <c r="M7652" i="5" s="1"/>
  <c r="P7652" i="5" s="1"/>
  <c r="M7352" i="2"/>
  <c r="M7326" i="5" s="1"/>
  <c r="P7326" i="5" s="1"/>
  <c r="K4950" i="2"/>
  <c r="K4924" i="5" s="1"/>
  <c r="J4599" i="2"/>
  <c r="J4573" i="5" s="1"/>
  <c r="N4573" i="5" s="1"/>
  <c r="L1102" i="2"/>
  <c r="L1076" i="5" s="1"/>
  <c r="J6924" i="2"/>
  <c r="J6898" i="5" s="1"/>
  <c r="N6898" i="5" s="1"/>
  <c r="L3952" i="2"/>
  <c r="L3926" i="5" s="1"/>
  <c r="K4961" i="2"/>
  <c r="K4935" i="5" s="1"/>
  <c r="I7260" i="2"/>
  <c r="I7234" i="5" s="1"/>
  <c r="J5309" i="2"/>
  <c r="J5283" i="5" s="1"/>
  <c r="M5485" i="2"/>
  <c r="M5459" i="5" s="1"/>
  <c r="P5459" i="5" s="1"/>
  <c r="L3419" i="2"/>
  <c r="L3393" i="5" s="1"/>
  <c r="M1065" i="2"/>
  <c r="M1039" i="5" s="1"/>
  <c r="P1039" i="5" s="1"/>
  <c r="I3325" i="2"/>
  <c r="I3299" i="5" s="1"/>
  <c r="K547" i="2"/>
  <c r="K521" i="5" s="1"/>
  <c r="L6924" i="2"/>
  <c r="L6898" i="5" s="1"/>
  <c r="I3952" i="2"/>
  <c r="I3926" i="5" s="1"/>
  <c r="I1999" i="2"/>
  <c r="I1973" i="5" s="1"/>
  <c r="M4961" i="2"/>
  <c r="M4935" i="5" s="1"/>
  <c r="P4935" i="5" s="1"/>
  <c r="L7260" i="2"/>
  <c r="L7234" i="5" s="1"/>
  <c r="M7158" i="2"/>
  <c r="M7132" i="5" s="1"/>
  <c r="P7132" i="5" s="1"/>
  <c r="K8679" i="2"/>
  <c r="K8653" i="5" s="1"/>
  <c r="K8282" i="2"/>
  <c r="K8256" i="5" s="1"/>
  <c r="K6023" i="2"/>
  <c r="K5997" i="5" s="1"/>
  <c r="L1999" i="2"/>
  <c r="L1973" i="5" s="1"/>
  <c r="M7260" i="2"/>
  <c r="M7234" i="5" s="1"/>
  <c r="P7234" i="5" s="1"/>
  <c r="I5935" i="2"/>
  <c r="I5909" i="5" s="1"/>
  <c r="K8384" i="2"/>
  <c r="K8358" i="5" s="1"/>
  <c r="O8358" i="5" s="1"/>
  <c r="J7158" i="2"/>
  <c r="J7132" i="5" s="1"/>
  <c r="N7132" i="5" s="1"/>
  <c r="J8679" i="2"/>
  <c r="J8653" i="5" s="1"/>
  <c r="N8653" i="5" s="1"/>
  <c r="I1558" i="2"/>
  <c r="I1532" i="5" s="1"/>
  <c r="K581" i="2"/>
  <c r="K555" i="5" s="1"/>
  <c r="J3900" i="2"/>
  <c r="J3874" i="5" s="1"/>
  <c r="N3874" i="5" s="1"/>
  <c r="I6023" i="2"/>
  <c r="I5997" i="5" s="1"/>
  <c r="J1999" i="2"/>
  <c r="J1973" i="5" s="1"/>
  <c r="N1973" i="5" s="1"/>
  <c r="K4240" i="2"/>
  <c r="K4214" i="5" s="1"/>
  <c r="K7260" i="2"/>
  <c r="K7234" i="5" s="1"/>
  <c r="L5935" i="2"/>
  <c r="L5909" i="5" s="1"/>
  <c r="L3245" i="2"/>
  <c r="L3219" i="5" s="1"/>
  <c r="K1144" i="2"/>
  <c r="K1118" i="5" s="1"/>
  <c r="M5681" i="2"/>
  <c r="M5655" i="5" s="1"/>
  <c r="P5655" i="5" s="1"/>
  <c r="K7158" i="2"/>
  <c r="K7132" i="5" s="1"/>
  <c r="M8679" i="2"/>
  <c r="M8653" i="5" s="1"/>
  <c r="P8653" i="5" s="1"/>
  <c r="M6023" i="2"/>
  <c r="M5997" i="5" s="1"/>
  <c r="P5997" i="5" s="1"/>
  <c r="M5935" i="2"/>
  <c r="M5909" i="5" s="1"/>
  <c r="P5909" i="5" s="1"/>
  <c r="M3245" i="2"/>
  <c r="M3219" i="5" s="1"/>
  <c r="P3219" i="5" s="1"/>
  <c r="J1144" i="2"/>
  <c r="J1118" i="5" s="1"/>
  <c r="I1477" i="2"/>
  <c r="I1451" i="5" s="1"/>
  <c r="I7158" i="2"/>
  <c r="I7132" i="5" s="1"/>
  <c r="L5827" i="2"/>
  <c r="L5801" i="5" s="1"/>
  <c r="L569" i="2"/>
  <c r="L543" i="5" s="1"/>
  <c r="M7016" i="2"/>
  <c r="M6990" i="5" s="1"/>
  <c r="P6990" i="5" s="1"/>
  <c r="I736" i="2"/>
  <c r="I710" i="5" s="1"/>
  <c r="M581" i="2"/>
  <c r="M555" i="5" s="1"/>
  <c r="P555" i="5" s="1"/>
  <c r="J6023" i="2"/>
  <c r="J5997" i="5" s="1"/>
  <c r="K2080" i="2"/>
  <c r="K2054" i="5" s="1"/>
  <c r="M3083" i="2"/>
  <c r="M3057" i="5" s="1"/>
  <c r="P3057" i="5" s="1"/>
  <c r="K3245" i="2"/>
  <c r="K3219" i="5" s="1"/>
  <c r="I1144" i="2"/>
  <c r="I1118" i="5" s="1"/>
  <c r="I7171" i="2"/>
  <c r="I7145" i="5" s="1"/>
  <c r="M736" i="2"/>
  <c r="M710" i="5" s="1"/>
  <c r="P710" i="5" s="1"/>
  <c r="J581" i="2"/>
  <c r="J555" i="5" s="1"/>
  <c r="N555" i="5" s="1"/>
  <c r="I2080" i="2"/>
  <c r="I2054" i="5" s="1"/>
  <c r="M1144" i="2"/>
  <c r="M1118" i="5" s="1"/>
  <c r="P1118" i="5" s="1"/>
  <c r="M7171" i="2"/>
  <c r="M7145" i="5" s="1"/>
  <c r="P7145" i="5" s="1"/>
  <c r="M7843" i="2"/>
  <c r="M7817" i="5" s="1"/>
  <c r="P7817" i="5" s="1"/>
  <c r="L8532" i="2"/>
  <c r="L8506" i="5" s="1"/>
  <c r="J736" i="2"/>
  <c r="J710" i="5" s="1"/>
  <c r="J2080" i="2"/>
  <c r="J2054" i="5" s="1"/>
  <c r="N2054" i="5" s="1"/>
  <c r="K8547" i="2"/>
  <c r="K8521" i="5" s="1"/>
  <c r="I1304" i="2"/>
  <c r="I1278" i="5" s="1"/>
  <c r="L8145" i="2"/>
  <c r="L8119" i="5" s="1"/>
  <c r="I2954" i="2"/>
  <c r="I2928" i="5" s="1"/>
  <c r="M3787" i="2"/>
  <c r="M3761" i="5" s="1"/>
  <c r="P3761" i="5" s="1"/>
  <c r="I2973" i="2"/>
  <c r="I2947" i="5" s="1"/>
  <c r="J6021" i="2"/>
  <c r="J5995" i="5" s="1"/>
  <c r="J1379" i="2"/>
  <c r="J1353" i="5" s="1"/>
  <c r="N1353" i="5" s="1"/>
  <c r="M8532" i="2"/>
  <c r="M8506" i="5" s="1"/>
  <c r="P8506" i="5" s="1"/>
  <c r="K736" i="2"/>
  <c r="K710" i="5" s="1"/>
  <c r="AR115" i="1"/>
  <c r="M2080" i="2"/>
  <c r="M2054" i="5" s="1"/>
  <c r="P2054" i="5" s="1"/>
  <c r="I3927" i="2"/>
  <c r="I3901" i="5" s="1"/>
  <c r="L8320" i="2"/>
  <c r="L8294" i="5" s="1"/>
  <c r="K316" i="2"/>
  <c r="K290" i="5" s="1"/>
  <c r="J4648" i="2"/>
  <c r="J4622" i="5" s="1"/>
  <c r="I2167" i="2"/>
  <c r="I2141" i="5" s="1"/>
  <c r="K6595" i="2"/>
  <c r="K6569" i="5" s="1"/>
  <c r="M5584" i="2"/>
  <c r="M5558" i="5" s="1"/>
  <c r="P5558" i="5" s="1"/>
  <c r="J987" i="2"/>
  <c r="J961" i="5" s="1"/>
  <c r="N961" i="5" s="1"/>
  <c r="I3899" i="2"/>
  <c r="I3873" i="5" s="1"/>
  <c r="K8625" i="2"/>
  <c r="K8599" i="5" s="1"/>
  <c r="I1226" i="2"/>
  <c r="I1200" i="5" s="1"/>
  <c r="L3174" i="2"/>
  <c r="L3148" i="5" s="1"/>
  <c r="J8532" i="2"/>
  <c r="J8506" i="5" s="1"/>
  <c r="N8506" i="5" s="1"/>
  <c r="M3927" i="2"/>
  <c r="M3901" i="5" s="1"/>
  <c r="P3901" i="5" s="1"/>
  <c r="J8320" i="2"/>
  <c r="J8294" i="5" s="1"/>
  <c r="N8294" i="5" s="1"/>
  <c r="M316" i="2"/>
  <c r="M290" i="5" s="1"/>
  <c r="P290" i="5" s="1"/>
  <c r="M3951" i="2"/>
  <c r="M3925" i="5" s="1"/>
  <c r="P3925" i="5" s="1"/>
  <c r="I4648" i="2"/>
  <c r="I4622" i="5" s="1"/>
  <c r="K4006" i="2"/>
  <c r="K3980" i="5" s="1"/>
  <c r="AR118" i="1"/>
  <c r="J2167" i="2"/>
  <c r="J2141" i="5" s="1"/>
  <c r="N2141" i="5" s="1"/>
  <c r="M6595" i="2"/>
  <c r="M6569" i="5" s="1"/>
  <c r="P6569" i="5" s="1"/>
  <c r="AR3" i="1"/>
  <c r="M7704" i="2"/>
  <c r="M7678" i="5" s="1"/>
  <c r="P7678" i="5" s="1"/>
  <c r="M2488" i="2"/>
  <c r="M2462" i="5" s="1"/>
  <c r="P2462" i="5" s="1"/>
  <c r="M8476" i="2"/>
  <c r="M8450" i="5" s="1"/>
  <c r="P8450" i="5" s="1"/>
  <c r="K5451" i="2"/>
  <c r="K5425" i="5" s="1"/>
  <c r="L8124" i="2"/>
  <c r="L8098" i="5" s="1"/>
  <c r="L8469" i="2"/>
  <c r="L8443" i="5" s="1"/>
  <c r="J8465" i="2"/>
  <c r="J8439" i="5" s="1"/>
  <c r="N8439" i="5" s="1"/>
  <c r="K2505" i="2"/>
  <c r="K2479" i="5" s="1"/>
  <c r="L7106" i="2"/>
  <c r="L7080" i="5" s="1"/>
  <c r="M5304" i="2"/>
  <c r="M5278" i="5" s="1"/>
  <c r="P5278" i="5" s="1"/>
  <c r="K7978" i="2"/>
  <c r="K7952" i="5" s="1"/>
  <c r="I4498" i="2"/>
  <c r="I4472" i="5" s="1"/>
  <c r="L1391" i="2"/>
  <c r="L1365" i="5" s="1"/>
  <c r="L4664" i="2"/>
  <c r="L4638" i="5" s="1"/>
  <c r="L2822" i="2"/>
  <c r="L2796" i="5" s="1"/>
  <c r="L3645" i="2"/>
  <c r="L3619" i="5" s="1"/>
  <c r="I8310" i="2"/>
  <c r="I8284" i="5" s="1"/>
  <c r="L1650" i="2"/>
  <c r="L1624" i="5" s="1"/>
  <c r="I4087" i="2"/>
  <c r="I4061" i="5" s="1"/>
  <c r="K2271" i="2"/>
  <c r="K2245" i="5" s="1"/>
  <c r="K6000" i="2"/>
  <c r="K5974" i="5" s="1"/>
  <c r="K6663" i="2"/>
  <c r="K6637" i="5" s="1"/>
  <c r="O6637" i="5" s="1"/>
  <c r="L4628" i="2"/>
  <c r="L4602" i="5" s="1"/>
  <c r="L986" i="2"/>
  <c r="L960" i="5" s="1"/>
  <c r="J5443" i="2"/>
  <c r="J5417" i="5" s="1"/>
  <c r="L1107" i="2"/>
  <c r="L1081" i="5" s="1"/>
  <c r="I6854" i="2"/>
  <c r="I6828" i="5" s="1"/>
  <c r="K3781" i="2"/>
  <c r="K3755" i="5" s="1"/>
  <c r="J7812" i="2"/>
  <c r="J7786" i="5" s="1"/>
  <c r="N7786" i="5" s="1"/>
  <c r="M3513" i="2"/>
  <c r="M3487" i="5" s="1"/>
  <c r="P3487" i="5" s="1"/>
  <c r="J7963" i="2"/>
  <c r="J7937" i="5" s="1"/>
  <c r="N7937" i="5" s="1"/>
  <c r="K8532" i="2"/>
  <c r="K8506" i="5" s="1"/>
  <c r="J3345" i="2"/>
  <c r="J3319" i="5" s="1"/>
  <c r="N3319" i="5" s="1"/>
  <c r="I8131" i="2"/>
  <c r="I8105" i="5" s="1"/>
  <c r="K7331" i="2"/>
  <c r="K7305" i="5" s="1"/>
  <c r="K8320" i="2"/>
  <c r="K8294" i="5" s="1"/>
  <c r="K2158" i="2"/>
  <c r="K2132" i="5" s="1"/>
  <c r="I4851" i="2"/>
  <c r="I4825" i="5" s="1"/>
  <c r="J754" i="2"/>
  <c r="J728" i="5" s="1"/>
  <c r="N728" i="5" s="1"/>
  <c r="K2167" i="2"/>
  <c r="K2141" i="5" s="1"/>
  <c r="I481" i="2"/>
  <c r="I455" i="5" s="1"/>
  <c r="AR151" i="1"/>
  <c r="L6773" i="2"/>
  <c r="L6747" i="5" s="1"/>
  <c r="I6431" i="2"/>
  <c r="I6405" i="5" s="1"/>
  <c r="J2604" i="2"/>
  <c r="J2578" i="5" s="1"/>
  <c r="L577" i="2"/>
  <c r="L551" i="5" s="1"/>
  <c r="I8534" i="2"/>
  <c r="I8508" i="5" s="1"/>
  <c r="L248" i="2"/>
  <c r="L222" i="5" s="1"/>
  <c r="L961" i="2"/>
  <c r="L935" i="5" s="1"/>
  <c r="L2167" i="2"/>
  <c r="L2141" i="5" s="1"/>
  <c r="I3744" i="2"/>
  <c r="I3718" i="5" s="1"/>
  <c r="J2826" i="2"/>
  <c r="J2800" i="5" s="1"/>
  <c r="N2800" i="5" s="1"/>
  <c r="I4111" i="2"/>
  <c r="I4085" i="5" s="1"/>
  <c r="L3158" i="2"/>
  <c r="L3132" i="5" s="1"/>
  <c r="M936" i="2"/>
  <c r="M910" i="5" s="1"/>
  <c r="P910" i="5" s="1"/>
  <c r="J1480" i="2"/>
  <c r="J1454" i="5" s="1"/>
  <c r="N1454" i="5" s="1"/>
  <c r="M5094" i="2"/>
  <c r="M5068" i="5" s="1"/>
  <c r="P5068" i="5" s="1"/>
  <c r="I5681" i="2"/>
  <c r="I5655" i="5" s="1"/>
  <c r="M7300" i="2"/>
  <c r="M7274" i="5" s="1"/>
  <c r="P7274" i="5" s="1"/>
  <c r="I3114" i="2"/>
  <c r="I3088" i="5" s="1"/>
  <c r="J6591" i="2"/>
  <c r="J6565" i="5" s="1"/>
  <c r="N6565" i="5" s="1"/>
  <c r="M2452" i="2"/>
  <c r="M2426" i="5" s="1"/>
  <c r="P2426" i="5" s="1"/>
  <c r="L7519" i="2"/>
  <c r="L7493" i="5" s="1"/>
  <c r="K5623" i="2"/>
  <c r="K5597" i="5" s="1"/>
  <c r="I1579" i="2"/>
  <c r="I1553" i="5" s="1"/>
  <c r="L3345" i="2"/>
  <c r="L3319" i="5" s="1"/>
  <c r="J8131" i="2"/>
  <c r="J8105" i="5" s="1"/>
  <c r="N8105" i="5" s="1"/>
  <c r="I2158" i="2"/>
  <c r="I2132" i="5" s="1"/>
  <c r="M4851" i="2"/>
  <c r="M4825" i="5" s="1"/>
  <c r="P4825" i="5" s="1"/>
  <c r="K2629" i="2"/>
  <c r="K2603" i="5" s="1"/>
  <c r="K3298" i="2"/>
  <c r="K3272" i="5" s="1"/>
  <c r="M5585" i="2"/>
  <c r="M5559" i="5" s="1"/>
  <c r="P5559" i="5" s="1"/>
  <c r="M8626" i="2"/>
  <c r="M8600" i="5" s="1"/>
  <c r="P8600" i="5" s="1"/>
  <c r="L2140" i="2"/>
  <c r="L2114" i="5" s="1"/>
  <c r="J6759" i="2"/>
  <c r="J6733" i="5" s="1"/>
  <c r="N6733" i="5" s="1"/>
  <c r="I6083" i="2"/>
  <c r="I6057" i="5" s="1"/>
  <c r="J5596" i="2"/>
  <c r="J5570" i="5" s="1"/>
  <c r="N5570" i="5" s="1"/>
  <c r="J232" i="2"/>
  <c r="J206" i="5" s="1"/>
  <c r="N206" i="5" s="1"/>
  <c r="K3740" i="2"/>
  <c r="K3714" i="5" s="1"/>
  <c r="O3714" i="5" s="1"/>
  <c r="I5655" i="2"/>
  <c r="I5629" i="5" s="1"/>
  <c r="K7988" i="2"/>
  <c r="K7962" i="5" s="1"/>
  <c r="J8007" i="2"/>
  <c r="J7981" i="5" s="1"/>
  <c r="N7981" i="5" s="1"/>
  <c r="M6094" i="2"/>
  <c r="M6068" i="5" s="1"/>
  <c r="P6068" i="5" s="1"/>
  <c r="L66" i="2"/>
  <c r="L40" i="5" s="1"/>
  <c r="K3920" i="2"/>
  <c r="K3894" i="5" s="1"/>
  <c r="L965" i="2"/>
  <c r="L939" i="5" s="1"/>
  <c r="I5931" i="2"/>
  <c r="I5905" i="5" s="1"/>
  <c r="L6642" i="2"/>
  <c r="L6616" i="5" s="1"/>
  <c r="L7144" i="2"/>
  <c r="L7118" i="5" s="1"/>
  <c r="I6496" i="2"/>
  <c r="I6470" i="5" s="1"/>
  <c r="M4659" i="2"/>
  <c r="M4633" i="5" s="1"/>
  <c r="P4633" i="5" s="1"/>
  <c r="K7698" i="2"/>
  <c r="K7672" i="5" s="1"/>
  <c r="J2422" i="2"/>
  <c r="J2396" i="5" s="1"/>
  <c r="N2396" i="5" s="1"/>
  <c r="J5415" i="2"/>
  <c r="J5389" i="5" s="1"/>
  <c r="N5389" i="5" s="1"/>
  <c r="M3641" i="2"/>
  <c r="M3615" i="5" s="1"/>
  <c r="P3615" i="5" s="1"/>
  <c r="K1559" i="2"/>
  <c r="K1533" i="5" s="1"/>
  <c r="I1757" i="2"/>
  <c r="I1731" i="5" s="1"/>
  <c r="K8294" i="2"/>
  <c r="K8268" i="5" s="1"/>
  <c r="O8268" i="5" s="1"/>
  <c r="L2474" i="2"/>
  <c r="L2448" i="5" s="1"/>
  <c r="J3228" i="2"/>
  <c r="J3202" i="5" s="1"/>
  <c r="N3202" i="5" s="1"/>
  <c r="M8493" i="2"/>
  <c r="M8467" i="5" s="1"/>
  <c r="P8467" i="5" s="1"/>
  <c r="J1555" i="2"/>
  <c r="J1529" i="5" s="1"/>
  <c r="N1529" i="5" s="1"/>
  <c r="M3128" i="2"/>
  <c r="M3102" i="5" s="1"/>
  <c r="P3102" i="5" s="1"/>
  <c r="J4519" i="2"/>
  <c r="J4493" i="5" s="1"/>
  <c r="L7165" i="2"/>
  <c r="L7139" i="5" s="1"/>
  <c r="J89" i="2"/>
  <c r="J63" i="5" s="1"/>
  <c r="N63" i="5" s="1"/>
  <c r="I5992" i="2"/>
  <c r="I5966" i="5" s="1"/>
  <c r="M4806" i="2"/>
  <c r="M4780" i="5" s="1"/>
  <c r="P4780" i="5" s="1"/>
  <c r="I3767" i="2"/>
  <c r="I3741" i="5" s="1"/>
  <c r="I7452" i="2"/>
  <c r="I7426" i="5" s="1"/>
  <c r="M8314" i="2"/>
  <c r="M8288" i="5" s="1"/>
  <c r="P8288" i="5" s="1"/>
  <c r="I5778" i="2"/>
  <c r="I5752" i="5" s="1"/>
  <c r="K5647" i="2"/>
  <c r="K5621" i="5" s="1"/>
  <c r="O5621" i="5" s="1"/>
  <c r="M3675" i="2"/>
  <c r="M3649" i="5" s="1"/>
  <c r="P3649" i="5" s="1"/>
  <c r="M8785" i="2"/>
  <c r="M8759" i="5" s="1"/>
  <c r="P8759" i="5" s="1"/>
  <c r="K2908" i="2"/>
  <c r="K2882" i="5" s="1"/>
  <c r="L6419" i="2"/>
  <c r="L6393" i="5" s="1"/>
  <c r="L6843" i="2"/>
  <c r="L6817" i="5" s="1"/>
  <c r="K8131" i="2"/>
  <c r="K8105" i="5" s="1"/>
  <c r="O8105" i="5" s="1"/>
  <c r="J2158" i="2"/>
  <c r="J2132" i="5" s="1"/>
  <c r="J4851" i="2"/>
  <c r="J4825" i="5" s="1"/>
  <c r="L3923" i="2"/>
  <c r="L3897" i="5" s="1"/>
  <c r="I2629" i="2"/>
  <c r="I2603" i="5" s="1"/>
  <c r="L6266" i="2"/>
  <c r="L6240" i="5" s="1"/>
  <c r="L6014" i="2"/>
  <c r="L5988" i="5" s="1"/>
  <c r="I8446" i="2"/>
  <c r="I8420" i="5" s="1"/>
  <c r="L2093" i="2"/>
  <c r="L2067" i="5" s="1"/>
  <c r="L1753" i="2"/>
  <c r="L1727" i="5" s="1"/>
  <c r="J3923" i="2"/>
  <c r="J3897" i="5" s="1"/>
  <c r="N3897" i="5" s="1"/>
  <c r="L6033" i="2"/>
  <c r="L6007" i="5" s="1"/>
  <c r="M7956" i="2"/>
  <c r="M7930" i="5" s="1"/>
  <c r="P7930" i="5" s="1"/>
  <c r="K7171" i="2"/>
  <c r="K7145" i="5" s="1"/>
  <c r="J5441" i="2"/>
  <c r="J5415" i="5" s="1"/>
  <c r="N5415" i="5" s="1"/>
  <c r="L6427" i="2"/>
  <c r="L6401" i="5" s="1"/>
  <c r="K3657" i="2"/>
  <c r="K3631" i="5" s="1"/>
  <c r="O3631" i="5" s="1"/>
  <c r="L6503" i="2"/>
  <c r="L6477" i="5" s="1"/>
  <c r="K5477" i="2"/>
  <c r="K5451" i="5" s="1"/>
  <c r="M3463" i="2"/>
  <c r="M3437" i="5" s="1"/>
  <c r="P3437" i="5" s="1"/>
  <c r="K3463" i="2"/>
  <c r="K3437" i="5" s="1"/>
  <c r="L3451" i="2"/>
  <c r="L3425" i="5" s="1"/>
  <c r="K3451" i="2"/>
  <c r="K3425" i="5" s="1"/>
  <c r="K1657" i="2"/>
  <c r="K1631" i="5" s="1"/>
  <c r="M1657" i="2"/>
  <c r="M1631" i="5" s="1"/>
  <c r="P1631" i="5" s="1"/>
  <c r="L7952" i="2"/>
  <c r="L7926" i="5" s="1"/>
  <c r="K7952" i="2"/>
  <c r="K7926" i="5" s="1"/>
  <c r="I7952" i="2"/>
  <c r="I7926" i="5" s="1"/>
  <c r="J7952" i="2"/>
  <c r="J7926" i="5" s="1"/>
  <c r="N7926" i="5" s="1"/>
  <c r="I2426" i="2"/>
  <c r="I2400" i="5" s="1"/>
  <c r="L2426" i="2"/>
  <c r="L2400" i="5" s="1"/>
  <c r="M3779" i="2"/>
  <c r="M3753" i="5" s="1"/>
  <c r="P3753" i="5" s="1"/>
  <c r="K3779" i="2"/>
  <c r="K3753" i="5" s="1"/>
  <c r="L3779" i="2"/>
  <c r="L3753" i="5" s="1"/>
  <c r="M5477" i="2"/>
  <c r="M5451" i="5" s="1"/>
  <c r="P5451" i="5" s="1"/>
  <c r="I5477" i="2"/>
  <c r="I5451" i="5" s="1"/>
  <c r="K8473" i="2"/>
  <c r="K8447" i="5" s="1"/>
  <c r="L8473" i="2"/>
  <c r="L8447" i="5" s="1"/>
  <c r="J8473" i="2"/>
  <c r="J8447" i="5" s="1"/>
  <c r="N8447" i="5" s="1"/>
  <c r="M8473" i="2"/>
  <c r="M8447" i="5" s="1"/>
  <c r="P8447" i="5" s="1"/>
  <c r="I8473" i="2"/>
  <c r="I8447" i="5" s="1"/>
  <c r="K6436" i="2"/>
  <c r="K6410" i="5" s="1"/>
  <c r="I6436" i="2"/>
  <c r="I6410" i="5" s="1"/>
  <c r="M713" i="2"/>
  <c r="M687" i="5" s="1"/>
  <c r="P687" i="5" s="1"/>
  <c r="J713" i="2"/>
  <c r="J687" i="5" s="1"/>
  <c r="N687" i="5" s="1"/>
  <c r="M819" i="2"/>
  <c r="M793" i="5" s="1"/>
  <c r="P793" i="5" s="1"/>
  <c r="L819" i="2"/>
  <c r="L793" i="5" s="1"/>
  <c r="J6261" i="2"/>
  <c r="J6235" i="5" s="1"/>
  <c r="N6235" i="5" s="1"/>
  <c r="M6261" i="2"/>
  <c r="M6235" i="5" s="1"/>
  <c r="P6235" i="5" s="1"/>
  <c r="L3289" i="2"/>
  <c r="L3263" i="5" s="1"/>
  <c r="M3289" i="2"/>
  <c r="M3263" i="5" s="1"/>
  <c r="P3263" i="5" s="1"/>
  <c r="I3289" i="2"/>
  <c r="I3263" i="5" s="1"/>
  <c r="I2975" i="2"/>
  <c r="I2949" i="5" s="1"/>
  <c r="L2975" i="2"/>
  <c r="L2949" i="5" s="1"/>
  <c r="J2741" i="2"/>
  <c r="J2715" i="5" s="1"/>
  <c r="N2715" i="5" s="1"/>
  <c r="M2741" i="2"/>
  <c r="M2715" i="5" s="1"/>
  <c r="P2715" i="5" s="1"/>
  <c r="M6362" i="2"/>
  <c r="M6336" i="5" s="1"/>
  <c r="P6336" i="5" s="1"/>
  <c r="K6362" i="2"/>
  <c r="K6336" i="5" s="1"/>
  <c r="K3309" i="2"/>
  <c r="K3283" i="5" s="1"/>
  <c r="M3309" i="2"/>
  <c r="M3283" i="5" s="1"/>
  <c r="P3283" i="5" s="1"/>
  <c r="J2735" i="2"/>
  <c r="J2709" i="5" s="1"/>
  <c r="N2709" i="5" s="1"/>
  <c r="L2735" i="2"/>
  <c r="L2709" i="5" s="1"/>
  <c r="M383" i="2"/>
  <c r="M357" i="5" s="1"/>
  <c r="P357" i="5" s="1"/>
  <c r="K383" i="2"/>
  <c r="K357" i="5" s="1"/>
  <c r="L6587" i="2"/>
  <c r="L6561" i="5" s="1"/>
  <c r="K6587" i="2"/>
  <c r="K6561" i="5" s="1"/>
  <c r="J6278" i="2"/>
  <c r="J6252" i="5" s="1"/>
  <c r="N6252" i="5" s="1"/>
  <c r="L6278" i="2"/>
  <c r="L6252" i="5" s="1"/>
  <c r="M8116" i="2"/>
  <c r="M8090" i="5" s="1"/>
  <c r="P8090" i="5" s="1"/>
  <c r="L8116" i="2"/>
  <c r="L8090" i="5" s="1"/>
  <c r="M2456" i="2"/>
  <c r="M2430" i="5" s="1"/>
  <c r="P2430" i="5" s="1"/>
  <c r="K2456" i="2"/>
  <c r="K2430" i="5" s="1"/>
  <c r="L5013" i="2"/>
  <c r="L4987" i="5" s="1"/>
  <c r="I5013" i="2"/>
  <c r="I4987" i="5" s="1"/>
  <c r="M5013" i="2"/>
  <c r="M4987" i="5" s="1"/>
  <c r="P4987" i="5" s="1"/>
  <c r="K2497" i="2"/>
  <c r="K2471" i="5" s="1"/>
  <c r="J2497" i="2"/>
  <c r="J2471" i="5" s="1"/>
  <c r="N2471" i="5" s="1"/>
  <c r="I2497" i="2"/>
  <c r="I2471" i="5" s="1"/>
  <c r="K568" i="2"/>
  <c r="K542" i="5" s="1"/>
  <c r="M568" i="2"/>
  <c r="M542" i="5" s="1"/>
  <c r="P542" i="5" s="1"/>
  <c r="I4496" i="2"/>
  <c r="I4470" i="5" s="1"/>
  <c r="L4496" i="2"/>
  <c r="L4470" i="5" s="1"/>
  <c r="J4496" i="2"/>
  <c r="J4470" i="5" s="1"/>
  <c r="N4470" i="5" s="1"/>
  <c r="J288" i="2"/>
  <c r="J262" i="5" s="1"/>
  <c r="M288" i="2"/>
  <c r="M262" i="5" s="1"/>
  <c r="P262" i="5" s="1"/>
  <c r="M2838" i="2"/>
  <c r="M2812" i="5" s="1"/>
  <c r="P2812" i="5" s="1"/>
  <c r="L2838" i="2"/>
  <c r="L2812" i="5" s="1"/>
  <c r="I2838" i="2"/>
  <c r="I2812" i="5" s="1"/>
  <c r="L244" i="2"/>
  <c r="L218" i="5" s="1"/>
  <c r="M244" i="2"/>
  <c r="M218" i="5" s="1"/>
  <c r="P218" i="5" s="1"/>
  <c r="J244" i="2"/>
  <c r="J218" i="5" s="1"/>
  <c r="N218" i="5" s="1"/>
  <c r="J8537" i="2"/>
  <c r="J8511" i="5" s="1"/>
  <c r="N8511" i="5" s="1"/>
  <c r="M8537" i="2"/>
  <c r="M8511" i="5" s="1"/>
  <c r="P8511" i="5" s="1"/>
  <c r="L5921" i="2"/>
  <c r="L5895" i="5" s="1"/>
  <c r="K5921" i="2"/>
  <c r="K5895" i="5" s="1"/>
  <c r="I230" i="2"/>
  <c r="I204" i="5" s="1"/>
  <c r="L230" i="2"/>
  <c r="L204" i="5" s="1"/>
  <c r="K230" i="2"/>
  <c r="K204" i="5" s="1"/>
  <c r="M470" i="2"/>
  <c r="M444" i="5" s="1"/>
  <c r="P444" i="5" s="1"/>
  <c r="J470" i="2"/>
  <c r="J444" i="5" s="1"/>
  <c r="N444" i="5" s="1"/>
  <c r="K231" i="2"/>
  <c r="K205" i="5" s="1"/>
  <c r="M231" i="2"/>
  <c r="M205" i="5" s="1"/>
  <c r="P205" i="5" s="1"/>
  <c r="M284" i="2"/>
  <c r="M258" i="5" s="1"/>
  <c r="P258" i="5" s="1"/>
  <c r="L284" i="2"/>
  <c r="L258" i="5" s="1"/>
  <c r="K284" i="2"/>
  <c r="K258" i="5" s="1"/>
  <c r="I284" i="2"/>
  <c r="I258" i="5" s="1"/>
  <c r="J284" i="2"/>
  <c r="J258" i="5" s="1"/>
  <c r="N258" i="5" s="1"/>
  <c r="I3075" i="2"/>
  <c r="I3049" i="5" s="1"/>
  <c r="L3075" i="2"/>
  <c r="L3049" i="5" s="1"/>
  <c r="J7143" i="2"/>
  <c r="J7117" i="5" s="1"/>
  <c r="N7117" i="5" s="1"/>
  <c r="L7143" i="2"/>
  <c r="L7117" i="5" s="1"/>
  <c r="M7143" i="2"/>
  <c r="M7117" i="5" s="1"/>
  <c r="P7117" i="5" s="1"/>
  <c r="L794" i="2"/>
  <c r="L768" i="5" s="1"/>
  <c r="M794" i="2"/>
  <c r="M768" i="5" s="1"/>
  <c r="P768" i="5" s="1"/>
  <c r="L2237" i="2"/>
  <c r="L2211" i="5" s="1"/>
  <c r="J2237" i="2"/>
  <c r="J2211" i="5" s="1"/>
  <c r="N2211" i="5" s="1"/>
  <c r="L7815" i="2"/>
  <c r="L7789" i="5" s="1"/>
  <c r="M7815" i="2"/>
  <c r="M7789" i="5" s="1"/>
  <c r="P7789" i="5" s="1"/>
  <c r="I8666" i="2"/>
  <c r="I8640" i="5" s="1"/>
  <c r="M8666" i="2"/>
  <c r="M8640" i="5" s="1"/>
  <c r="P8640" i="5" s="1"/>
  <c r="K1445" i="2"/>
  <c r="K1419" i="5" s="1"/>
  <c r="J1445" i="2"/>
  <c r="J1419" i="5" s="1"/>
  <c r="N1419" i="5" s="1"/>
  <c r="L1445" i="2"/>
  <c r="L1419" i="5" s="1"/>
  <c r="I1445" i="2"/>
  <c r="I1419" i="5" s="1"/>
  <c r="M1445" i="2"/>
  <c r="M1419" i="5" s="1"/>
  <c r="P1419" i="5" s="1"/>
  <c r="M6961" i="2"/>
  <c r="M6935" i="5" s="1"/>
  <c r="P6935" i="5" s="1"/>
  <c r="J6961" i="2"/>
  <c r="J6935" i="5" s="1"/>
  <c r="K6961" i="2"/>
  <c r="K6935" i="5" s="1"/>
  <c r="O6935" i="5" s="1"/>
  <c r="L6261" i="2"/>
  <c r="L6235" i="5" s="1"/>
  <c r="I1663" i="2"/>
  <c r="I1637" i="5" s="1"/>
  <c r="L1663" i="2"/>
  <c r="L1637" i="5" s="1"/>
  <c r="J2294" i="2"/>
  <c r="J2268" i="5" s="1"/>
  <c r="N2268" i="5" s="1"/>
  <c r="M2294" i="2"/>
  <c r="M2268" i="5" s="1"/>
  <c r="P2268" i="5" s="1"/>
  <c r="K2294" i="2"/>
  <c r="K2268" i="5" s="1"/>
  <c r="M8032" i="2"/>
  <c r="M8006" i="5" s="1"/>
  <c r="P8006" i="5" s="1"/>
  <c r="K8032" i="2"/>
  <c r="K8006" i="5" s="1"/>
  <c r="O8006" i="5" s="1"/>
  <c r="I4081" i="2"/>
  <c r="I4055" i="5" s="1"/>
  <c r="L4081" i="2"/>
  <c r="L4055" i="5" s="1"/>
  <c r="M712" i="2"/>
  <c r="M686" i="5" s="1"/>
  <c r="P686" i="5" s="1"/>
  <c r="K712" i="2"/>
  <c r="K686" i="5" s="1"/>
  <c r="L1598" i="2"/>
  <c r="L1572" i="5" s="1"/>
  <c r="M1598" i="2"/>
  <c r="M1572" i="5" s="1"/>
  <c r="P1572" i="5" s="1"/>
  <c r="J1598" i="2"/>
  <c r="J1572" i="5" s="1"/>
  <c r="N1572" i="5" s="1"/>
  <c r="K1598" i="2"/>
  <c r="K1572" i="5" s="1"/>
  <c r="L4794" i="2"/>
  <c r="L4768" i="5" s="1"/>
  <c r="K4794" i="2"/>
  <c r="K4768" i="5" s="1"/>
  <c r="I4015" i="2"/>
  <c r="I3989" i="5" s="1"/>
  <c r="J4015" i="2"/>
  <c r="J3989" i="5" s="1"/>
  <c r="N3989" i="5" s="1"/>
  <c r="M4015" i="2"/>
  <c r="M3989" i="5" s="1"/>
  <c r="P3989" i="5" s="1"/>
  <c r="K5857" i="2"/>
  <c r="K5831" i="5" s="1"/>
  <c r="M5857" i="2"/>
  <c r="M5831" i="5" s="1"/>
  <c r="P5831" i="5" s="1"/>
  <c r="I5857" i="2"/>
  <c r="I5831" i="5" s="1"/>
  <c r="L5857" i="2"/>
  <c r="L5831" i="5" s="1"/>
  <c r="K6092" i="2"/>
  <c r="K6066" i="5" s="1"/>
  <c r="I6092" i="2"/>
  <c r="I6066" i="5" s="1"/>
  <c r="L6092" i="2"/>
  <c r="L6066" i="5" s="1"/>
  <c r="M6092" i="2"/>
  <c r="M6066" i="5" s="1"/>
  <c r="P6066" i="5" s="1"/>
  <c r="L41" i="2"/>
  <c r="L15" i="5" s="1"/>
  <c r="K41" i="2"/>
  <c r="K15" i="5" s="1"/>
  <c r="K5965" i="2"/>
  <c r="K5939" i="5" s="1"/>
  <c r="I5965" i="2"/>
  <c r="I5939" i="5" s="1"/>
  <c r="J5965" i="2"/>
  <c r="J5939" i="5" s="1"/>
  <c r="N5939" i="5" s="1"/>
  <c r="J6101" i="2"/>
  <c r="J6075" i="5" s="1"/>
  <c r="N6075" i="5" s="1"/>
  <c r="L6101" i="2"/>
  <c r="L6075" i="5" s="1"/>
  <c r="M6101" i="2"/>
  <c r="M6075" i="5" s="1"/>
  <c r="P6075" i="5" s="1"/>
  <c r="K2736" i="2"/>
  <c r="K2710" i="5" s="1"/>
  <c r="J2736" i="2"/>
  <c r="J2710" i="5" s="1"/>
  <c r="L2736" i="2"/>
  <c r="L2710" i="5" s="1"/>
  <c r="I2736" i="2"/>
  <c r="I2710" i="5" s="1"/>
  <c r="M2736" i="2"/>
  <c r="M2710" i="5" s="1"/>
  <c r="P2710" i="5" s="1"/>
  <c r="L3292" i="2"/>
  <c r="L3266" i="5" s="1"/>
  <c r="K3292" i="2"/>
  <c r="K3266" i="5" s="1"/>
  <c r="K6082" i="2"/>
  <c r="K6056" i="5" s="1"/>
  <c r="J6082" i="2"/>
  <c r="J6056" i="5" s="1"/>
  <c r="M6082" i="2"/>
  <c r="M6056" i="5" s="1"/>
  <c r="P6056" i="5" s="1"/>
  <c r="M3308" i="2"/>
  <c r="M3282" i="5" s="1"/>
  <c r="P3282" i="5" s="1"/>
  <c r="J3308" i="2"/>
  <c r="J3282" i="5" s="1"/>
  <c r="N3282" i="5" s="1"/>
  <c r="I3308" i="2"/>
  <c r="I3282" i="5" s="1"/>
  <c r="J1493" i="2"/>
  <c r="J1467" i="5" s="1"/>
  <c r="N1467" i="5" s="1"/>
  <c r="L1493" i="2"/>
  <c r="L1467" i="5" s="1"/>
  <c r="K1493" i="2"/>
  <c r="K1467" i="5" s="1"/>
  <c r="M1493" i="2"/>
  <c r="M1467" i="5" s="1"/>
  <c r="P1467" i="5" s="1"/>
  <c r="I1493" i="2"/>
  <c r="I1467" i="5" s="1"/>
  <c r="K2279" i="2"/>
  <c r="K2253" i="5" s="1"/>
  <c r="J2279" i="2"/>
  <c r="J2253" i="5" s="1"/>
  <c r="M2279" i="2"/>
  <c r="M2253" i="5" s="1"/>
  <c r="P2253" i="5" s="1"/>
  <c r="L2279" i="2"/>
  <c r="L2253" i="5" s="1"/>
  <c r="E39" i="5"/>
  <c r="AR33" i="1"/>
  <c r="J7710" i="2"/>
  <c r="J7684" i="5" s="1"/>
  <c r="N7684" i="5" s="1"/>
  <c r="I7710" i="2"/>
  <c r="I7684" i="5" s="1"/>
  <c r="J6466" i="2"/>
  <c r="J6440" i="5" s="1"/>
  <c r="N6440" i="5" s="1"/>
  <c r="L6466" i="2"/>
  <c r="L6440" i="5" s="1"/>
  <c r="M428" i="2"/>
  <c r="M402" i="5" s="1"/>
  <c r="P402" i="5" s="1"/>
  <c r="J428" i="2"/>
  <c r="J402" i="5" s="1"/>
  <c r="N402" i="5" s="1"/>
  <c r="K428" i="2"/>
  <c r="K402" i="5" s="1"/>
  <c r="O402" i="5" s="1"/>
  <c r="I428" i="2"/>
  <c r="I402" i="5" s="1"/>
  <c r="M976" i="2"/>
  <c r="M950" i="5" s="1"/>
  <c r="P950" i="5" s="1"/>
  <c r="I976" i="2"/>
  <c r="I950" i="5" s="1"/>
  <c r="J976" i="2"/>
  <c r="J950" i="5" s="1"/>
  <c r="J7777" i="2"/>
  <c r="J7751" i="5" s="1"/>
  <c r="N7751" i="5" s="1"/>
  <c r="L7777" i="2"/>
  <c r="L7751" i="5" s="1"/>
  <c r="K7777" i="2"/>
  <c r="K7751" i="5" s="1"/>
  <c r="I430" i="2"/>
  <c r="I404" i="5" s="1"/>
  <c r="K430" i="2"/>
  <c r="K404" i="5" s="1"/>
  <c r="J430" i="2"/>
  <c r="J404" i="5" s="1"/>
  <c r="N404" i="5" s="1"/>
  <c r="L430" i="2"/>
  <c r="L404" i="5" s="1"/>
  <c r="M430" i="2"/>
  <c r="M404" i="5" s="1"/>
  <c r="P404" i="5" s="1"/>
  <c r="I5018" i="2"/>
  <c r="I4992" i="5" s="1"/>
  <c r="M5018" i="2"/>
  <c r="M4992" i="5" s="1"/>
  <c r="P4992" i="5" s="1"/>
  <c r="K6140" i="2"/>
  <c r="K6114" i="5" s="1"/>
  <c r="J6140" i="2"/>
  <c r="J6114" i="5" s="1"/>
  <c r="N6114" i="5" s="1"/>
  <c r="M6140" i="2"/>
  <c r="M6114" i="5" s="1"/>
  <c r="P6114" i="5" s="1"/>
  <c r="L6140" i="2"/>
  <c r="L6114" i="5" s="1"/>
  <c r="M981" i="2"/>
  <c r="M955" i="5" s="1"/>
  <c r="P955" i="5" s="1"/>
  <c r="J2418" i="2"/>
  <c r="J2392" i="5" s="1"/>
  <c r="N2392" i="5" s="1"/>
  <c r="L2418" i="2"/>
  <c r="L2392" i="5" s="1"/>
  <c r="I2418" i="2"/>
  <c r="I2392" i="5" s="1"/>
  <c r="K2418" i="2"/>
  <c r="K2392" i="5" s="1"/>
  <c r="I2976" i="2"/>
  <c r="I2950" i="5" s="1"/>
  <c r="K2976" i="2"/>
  <c r="K2950" i="5" s="1"/>
  <c r="O2950" i="5" s="1"/>
  <c r="J2976" i="2"/>
  <c r="J2950" i="5" s="1"/>
  <c r="N2950" i="5" s="1"/>
  <c r="M4923" i="2"/>
  <c r="M4897" i="5" s="1"/>
  <c r="P4897" i="5" s="1"/>
  <c r="L4923" i="2"/>
  <c r="L4897" i="5" s="1"/>
  <c r="I4923" i="2"/>
  <c r="I4897" i="5" s="1"/>
  <c r="K4923" i="2"/>
  <c r="K4897" i="5" s="1"/>
  <c r="J4923" i="2"/>
  <c r="J4897" i="5" s="1"/>
  <c r="N4897" i="5" s="1"/>
  <c r="J7700" i="2"/>
  <c r="J7674" i="5" s="1"/>
  <c r="N7674" i="5" s="1"/>
  <c r="K7700" i="2"/>
  <c r="K7674" i="5" s="1"/>
  <c r="L7700" i="2"/>
  <c r="L7674" i="5" s="1"/>
  <c r="L3799" i="2"/>
  <c r="L3773" i="5" s="1"/>
  <c r="J3799" i="2"/>
  <c r="J3773" i="5" s="1"/>
  <c r="N3773" i="5" s="1"/>
  <c r="M3799" i="2"/>
  <c r="M3773" i="5" s="1"/>
  <c r="P3773" i="5" s="1"/>
  <c r="I3799" i="2"/>
  <c r="I3773" i="5" s="1"/>
  <c r="I6656" i="2"/>
  <c r="I6630" i="5" s="1"/>
  <c r="K6656" i="2"/>
  <c r="K6630" i="5" s="1"/>
  <c r="I6826" i="2"/>
  <c r="I6800" i="5" s="1"/>
  <c r="J6826" i="2"/>
  <c r="J6800" i="5" s="1"/>
  <c r="N6800" i="5" s="1"/>
  <c r="M6826" i="2"/>
  <c r="M6800" i="5" s="1"/>
  <c r="P6800" i="5" s="1"/>
  <c r="L6826" i="2"/>
  <c r="L6800" i="5" s="1"/>
  <c r="M149" i="2"/>
  <c r="M123" i="5" s="1"/>
  <c r="P123" i="5" s="1"/>
  <c r="J149" i="2"/>
  <c r="J123" i="5" s="1"/>
  <c r="N123" i="5" s="1"/>
  <c r="K149" i="2"/>
  <c r="K123" i="5" s="1"/>
  <c r="J2765" i="2"/>
  <c r="J2739" i="5" s="1"/>
  <c r="N2739" i="5" s="1"/>
  <c r="M2765" i="2"/>
  <c r="M2739" i="5" s="1"/>
  <c r="P2739" i="5" s="1"/>
  <c r="I2765" i="2"/>
  <c r="I2739" i="5" s="1"/>
  <c r="K2765" i="2"/>
  <c r="K2739" i="5" s="1"/>
  <c r="L2765" i="2"/>
  <c r="L2739" i="5" s="1"/>
  <c r="J4802" i="2"/>
  <c r="J4776" i="5" s="1"/>
  <c r="N4776" i="5" s="1"/>
  <c r="L4802" i="2"/>
  <c r="L4776" i="5" s="1"/>
  <c r="K4802" i="2"/>
  <c r="K4776" i="5" s="1"/>
  <c r="K4002" i="2"/>
  <c r="K3976" i="5" s="1"/>
  <c r="M4002" i="2"/>
  <c r="M3976" i="5" s="1"/>
  <c r="P3976" i="5" s="1"/>
  <c r="J4002" i="2"/>
  <c r="J3976" i="5" s="1"/>
  <c r="N3976" i="5" s="1"/>
  <c r="I4002" i="2"/>
  <c r="I3976" i="5" s="1"/>
  <c r="L4002" i="2"/>
  <c r="L3976" i="5" s="1"/>
  <c r="J1218" i="2"/>
  <c r="J1192" i="5" s="1"/>
  <c r="N1192" i="5" s="1"/>
  <c r="L1218" i="2"/>
  <c r="L1192" i="5" s="1"/>
  <c r="M1218" i="2"/>
  <c r="M1192" i="5" s="1"/>
  <c r="P1192" i="5" s="1"/>
  <c r="I1218" i="2"/>
  <c r="I1192" i="5" s="1"/>
  <c r="I709" i="2"/>
  <c r="I683" i="5" s="1"/>
  <c r="K709" i="2"/>
  <c r="K683" i="5" s="1"/>
  <c r="J709" i="2"/>
  <c r="J683" i="5" s="1"/>
  <c r="N683" i="5" s="1"/>
  <c r="M709" i="2"/>
  <c r="M683" i="5" s="1"/>
  <c r="P683" i="5" s="1"/>
  <c r="M4335" i="2"/>
  <c r="M4309" i="5" s="1"/>
  <c r="P4309" i="5" s="1"/>
  <c r="J4335" i="2"/>
  <c r="J4309" i="5" s="1"/>
  <c r="N4309" i="5" s="1"/>
  <c r="L4335" i="2"/>
  <c r="L4309" i="5" s="1"/>
  <c r="L2144" i="2"/>
  <c r="L2118" i="5" s="1"/>
  <c r="K2144" i="2"/>
  <c r="K2118" i="5" s="1"/>
  <c r="I3457" i="2"/>
  <c r="I3431" i="5" s="1"/>
  <c r="M3457" i="2"/>
  <c r="M3431" i="5" s="1"/>
  <c r="P3431" i="5" s="1"/>
  <c r="L3457" i="2"/>
  <c r="L3431" i="5" s="1"/>
  <c r="K3457" i="2"/>
  <c r="K3431" i="5" s="1"/>
  <c r="J3457" i="2"/>
  <c r="J3431" i="5" s="1"/>
  <c r="N3431" i="5" s="1"/>
  <c r="M4412" i="2"/>
  <c r="M4386" i="5" s="1"/>
  <c r="P4386" i="5" s="1"/>
  <c r="K4412" i="2"/>
  <c r="K4386" i="5" s="1"/>
  <c r="I2620" i="2"/>
  <c r="I2594" i="5" s="1"/>
  <c r="J2620" i="2"/>
  <c r="J2594" i="5" s="1"/>
  <c r="N2594" i="5" s="1"/>
  <c r="K4343" i="2"/>
  <c r="K4317" i="5" s="1"/>
  <c r="L4343" i="2"/>
  <c r="L4317" i="5" s="1"/>
  <c r="L4016" i="2"/>
  <c r="L3990" i="5" s="1"/>
  <c r="M4016" i="2"/>
  <c r="M3990" i="5" s="1"/>
  <c r="P3990" i="5" s="1"/>
  <c r="K4016" i="2"/>
  <c r="K3990" i="5" s="1"/>
  <c r="J2607" i="2"/>
  <c r="J2581" i="5" s="1"/>
  <c r="N2581" i="5" s="1"/>
  <c r="M2607" i="2"/>
  <c r="M2581" i="5" s="1"/>
  <c r="P2581" i="5" s="1"/>
  <c r="K2607" i="2"/>
  <c r="K2581" i="5" s="1"/>
  <c r="J8452" i="2"/>
  <c r="J8426" i="5" s="1"/>
  <c r="N8426" i="5" s="1"/>
  <c r="I8452" i="2"/>
  <c r="I8426" i="5" s="1"/>
  <c r="M5968" i="2"/>
  <c r="M5942" i="5" s="1"/>
  <c r="P5942" i="5" s="1"/>
  <c r="I5968" i="2"/>
  <c r="I5942" i="5" s="1"/>
  <c r="J5968" i="2"/>
  <c r="J5942" i="5" s="1"/>
  <c r="L5968" i="2"/>
  <c r="L5942" i="5" s="1"/>
  <c r="L3448" i="2"/>
  <c r="L3422" i="5" s="1"/>
  <c r="J3448" i="2"/>
  <c r="J3422" i="5" s="1"/>
  <c r="N3422" i="5" s="1"/>
  <c r="M6478" i="2"/>
  <c r="M6452" i="5" s="1"/>
  <c r="P6452" i="5" s="1"/>
  <c r="L6478" i="2"/>
  <c r="L6452" i="5" s="1"/>
  <c r="J6478" i="2"/>
  <c r="J6452" i="5" s="1"/>
  <c r="N6452" i="5" s="1"/>
  <c r="I6478" i="2"/>
  <c r="I6452" i="5" s="1"/>
  <c r="K6478" i="2"/>
  <c r="K6452" i="5" s="1"/>
  <c r="K1793" i="2"/>
  <c r="K1767" i="5" s="1"/>
  <c r="J1793" i="2"/>
  <c r="J1767" i="5" s="1"/>
  <c r="N1767" i="5" s="1"/>
  <c r="I1793" i="2"/>
  <c r="I1767" i="5" s="1"/>
  <c r="M1793" i="2"/>
  <c r="M1767" i="5" s="1"/>
  <c r="P1767" i="5" s="1"/>
  <c r="I4845" i="2"/>
  <c r="I4819" i="5" s="1"/>
  <c r="J4845" i="2"/>
  <c r="J4819" i="5" s="1"/>
  <c r="N4819" i="5" s="1"/>
  <c r="L4845" i="2"/>
  <c r="L4819" i="5" s="1"/>
  <c r="K4845" i="2"/>
  <c r="K4819" i="5" s="1"/>
  <c r="L8434" i="2"/>
  <c r="L8408" i="5" s="1"/>
  <c r="M8434" i="2"/>
  <c r="M8408" i="5" s="1"/>
  <c r="P8408" i="5" s="1"/>
  <c r="J8434" i="2"/>
  <c r="J8408" i="5" s="1"/>
  <c r="N8408" i="5" s="1"/>
  <c r="M1131" i="2"/>
  <c r="M1105" i="5" s="1"/>
  <c r="P1105" i="5" s="1"/>
  <c r="I1131" i="2"/>
  <c r="I1105" i="5" s="1"/>
  <c r="K1131" i="2"/>
  <c r="K1105" i="5" s="1"/>
  <c r="L6289" i="2"/>
  <c r="L6263" i="5" s="1"/>
  <c r="I6289" i="2"/>
  <c r="I6263" i="5" s="1"/>
  <c r="J6289" i="2"/>
  <c r="J6263" i="5" s="1"/>
  <c r="N6263" i="5" s="1"/>
  <c r="M6289" i="2"/>
  <c r="M6263" i="5" s="1"/>
  <c r="P6263" i="5" s="1"/>
  <c r="K6289" i="2"/>
  <c r="K6263" i="5" s="1"/>
  <c r="J2442" i="2"/>
  <c r="J2416" i="5" s="1"/>
  <c r="N2416" i="5" s="1"/>
  <c r="I2442" i="2"/>
  <c r="I2416" i="5" s="1"/>
  <c r="L2442" i="2"/>
  <c r="L2416" i="5" s="1"/>
  <c r="K2442" i="2"/>
  <c r="K2416" i="5" s="1"/>
  <c r="M2442" i="2"/>
  <c r="M2416" i="5" s="1"/>
  <c r="P2416" i="5" s="1"/>
  <c r="I7648" i="2"/>
  <c r="I7622" i="5" s="1"/>
  <c r="M7648" i="2"/>
  <c r="M7622" i="5" s="1"/>
  <c r="P7622" i="5" s="1"/>
  <c r="K7648" i="2"/>
  <c r="K7622" i="5" s="1"/>
  <c r="O7622" i="5" s="1"/>
  <c r="K7781" i="2"/>
  <c r="K7755" i="5" s="1"/>
  <c r="J7781" i="2"/>
  <c r="J7755" i="5" s="1"/>
  <c r="N7755" i="5" s="1"/>
  <c r="L7781" i="2"/>
  <c r="L7755" i="5" s="1"/>
  <c r="M7781" i="2"/>
  <c r="M7755" i="5" s="1"/>
  <c r="P7755" i="5" s="1"/>
  <c r="I7781" i="2"/>
  <c r="I7755" i="5" s="1"/>
  <c r="M2502" i="2"/>
  <c r="M2476" i="5" s="1"/>
  <c r="P2476" i="5" s="1"/>
  <c r="K2502" i="2"/>
  <c r="K2476" i="5" s="1"/>
  <c r="O2476" i="5" s="1"/>
  <c r="K585" i="2"/>
  <c r="K559" i="5" s="1"/>
  <c r="M585" i="2"/>
  <c r="M559" i="5" s="1"/>
  <c r="P559" i="5" s="1"/>
  <c r="M6144" i="2"/>
  <c r="M6118" i="5" s="1"/>
  <c r="P6118" i="5" s="1"/>
  <c r="L6144" i="2"/>
  <c r="L6118" i="5" s="1"/>
  <c r="J6144" i="2"/>
  <c r="J6118" i="5" s="1"/>
  <c r="N6118" i="5" s="1"/>
  <c r="I6144" i="2"/>
  <c r="I6118" i="5" s="1"/>
  <c r="J8199" i="2"/>
  <c r="J8173" i="5" s="1"/>
  <c r="N8173" i="5" s="1"/>
  <c r="L8199" i="2"/>
  <c r="L8173" i="5" s="1"/>
  <c r="I8199" i="2"/>
  <c r="I8173" i="5" s="1"/>
  <c r="K8199" i="2"/>
  <c r="K8173" i="5" s="1"/>
  <c r="L978" i="2"/>
  <c r="L952" i="5" s="1"/>
  <c r="M978" i="2"/>
  <c r="M952" i="5" s="1"/>
  <c r="P952" i="5" s="1"/>
  <c r="I978" i="2"/>
  <c r="I952" i="5" s="1"/>
  <c r="J978" i="2"/>
  <c r="J952" i="5" s="1"/>
  <c r="N952" i="5" s="1"/>
  <c r="I640" i="2"/>
  <c r="I614" i="5" s="1"/>
  <c r="K640" i="2"/>
  <c r="K614" i="5" s="1"/>
  <c r="J640" i="2"/>
  <c r="J614" i="5" s="1"/>
  <c r="N614" i="5" s="1"/>
  <c r="M640" i="2"/>
  <c r="M614" i="5" s="1"/>
  <c r="P614" i="5" s="1"/>
  <c r="L4646" i="2"/>
  <c r="L4620" i="5" s="1"/>
  <c r="J4646" i="2"/>
  <c r="J4620" i="5" s="1"/>
  <c r="N4620" i="5" s="1"/>
  <c r="I4646" i="2"/>
  <c r="I4620" i="5" s="1"/>
  <c r="K644" i="2"/>
  <c r="K618" i="5" s="1"/>
  <c r="L644" i="2"/>
  <c r="L618" i="5" s="1"/>
  <c r="L3620" i="2"/>
  <c r="L3594" i="5" s="1"/>
  <c r="I3620" i="2"/>
  <c r="I3594" i="5" s="1"/>
  <c r="M3620" i="2"/>
  <c r="M3594" i="5" s="1"/>
  <c r="P3594" i="5" s="1"/>
  <c r="K3620" i="2"/>
  <c r="K3594" i="5" s="1"/>
  <c r="J3620" i="2"/>
  <c r="J3594" i="5" s="1"/>
  <c r="I4913" i="2"/>
  <c r="I4887" i="5" s="1"/>
  <c r="K4913" i="2"/>
  <c r="K4887" i="5" s="1"/>
  <c r="L4913" i="2"/>
  <c r="L4887" i="5" s="1"/>
  <c r="J4913" i="2"/>
  <c r="J4887" i="5" s="1"/>
  <c r="N4887" i="5" s="1"/>
  <c r="M4913" i="2"/>
  <c r="M4887" i="5" s="1"/>
  <c r="P4887" i="5" s="1"/>
  <c r="M102" i="2"/>
  <c r="M76" i="5" s="1"/>
  <c r="P76" i="5" s="1"/>
  <c r="L102" i="2"/>
  <c r="L76" i="5" s="1"/>
  <c r="J102" i="2"/>
  <c r="J76" i="5" s="1"/>
  <c r="N76" i="5" s="1"/>
  <c r="M2898" i="2"/>
  <c r="M2872" i="5" s="1"/>
  <c r="P2872" i="5" s="1"/>
  <c r="I2898" i="2"/>
  <c r="I2872" i="5" s="1"/>
  <c r="K2898" i="2"/>
  <c r="K2872" i="5" s="1"/>
  <c r="L2898" i="2"/>
  <c r="L2872" i="5" s="1"/>
  <c r="J2898" i="2"/>
  <c r="J2872" i="5" s="1"/>
  <c r="N2872" i="5" s="1"/>
  <c r="K8551" i="2"/>
  <c r="K8525" i="5" s="1"/>
  <c r="O8525" i="5" s="1"/>
  <c r="J8551" i="2"/>
  <c r="J8525" i="5" s="1"/>
  <c r="N8525" i="5" s="1"/>
  <c r="J6638" i="2"/>
  <c r="J6612" i="5" s="1"/>
  <c r="N6612" i="5" s="1"/>
  <c r="L6638" i="2"/>
  <c r="L6612" i="5" s="1"/>
  <c r="L6803" i="2"/>
  <c r="L6777" i="5" s="1"/>
  <c r="J6803" i="2"/>
  <c r="J6777" i="5" s="1"/>
  <c r="M6803" i="2"/>
  <c r="M6777" i="5" s="1"/>
  <c r="P6777" i="5" s="1"/>
  <c r="L7511" i="2"/>
  <c r="L7485" i="5" s="1"/>
  <c r="I7511" i="2"/>
  <c r="I7485" i="5" s="1"/>
  <c r="K7511" i="2"/>
  <c r="K7485" i="5" s="1"/>
  <c r="J7511" i="2"/>
  <c r="J7485" i="5" s="1"/>
  <c r="M7511" i="2"/>
  <c r="M7485" i="5" s="1"/>
  <c r="P7485" i="5" s="1"/>
  <c r="L4678" i="2"/>
  <c r="L4652" i="5" s="1"/>
  <c r="K4678" i="2"/>
  <c r="K4652" i="5" s="1"/>
  <c r="J4678" i="2"/>
  <c r="J4652" i="5" s="1"/>
  <c r="N4652" i="5" s="1"/>
  <c r="I4678" i="2"/>
  <c r="I4652" i="5" s="1"/>
  <c r="M226" i="2"/>
  <c r="M200" i="5" s="1"/>
  <c r="P200" i="5" s="1"/>
  <c r="J226" i="2"/>
  <c r="J200" i="5" s="1"/>
  <c r="N200" i="5" s="1"/>
  <c r="K226" i="2"/>
  <c r="K200" i="5" s="1"/>
  <c r="O200" i="5" s="1"/>
  <c r="M4684" i="2"/>
  <c r="M4658" i="5" s="1"/>
  <c r="P4658" i="5" s="1"/>
  <c r="L4684" i="2"/>
  <c r="L4658" i="5" s="1"/>
  <c r="K4684" i="2"/>
  <c r="K4658" i="5" s="1"/>
  <c r="I4684" i="2"/>
  <c r="I4658" i="5" s="1"/>
  <c r="J4684" i="2"/>
  <c r="J4658" i="5" s="1"/>
  <c r="N4658" i="5" s="1"/>
  <c r="M951" i="2"/>
  <c r="M925" i="5" s="1"/>
  <c r="P925" i="5" s="1"/>
  <c r="L951" i="2"/>
  <c r="L925" i="5" s="1"/>
  <c r="I951" i="2"/>
  <c r="I925" i="5" s="1"/>
  <c r="L3992" i="2"/>
  <c r="L3966" i="5" s="1"/>
  <c r="J3992" i="2"/>
  <c r="J3966" i="5" s="1"/>
  <c r="N3966" i="5" s="1"/>
  <c r="M3992" i="2"/>
  <c r="M3966" i="5" s="1"/>
  <c r="P3966" i="5" s="1"/>
  <c r="I3992" i="2"/>
  <c r="I3966" i="5" s="1"/>
  <c r="K2099" i="2"/>
  <c r="K2073" i="5" s="1"/>
  <c r="J2099" i="2"/>
  <c r="J2073" i="5" s="1"/>
  <c r="L2099" i="2"/>
  <c r="L2073" i="5" s="1"/>
  <c r="I2099" i="2"/>
  <c r="I2073" i="5" s="1"/>
  <c r="M2099" i="2"/>
  <c r="M2073" i="5" s="1"/>
  <c r="P2073" i="5" s="1"/>
  <c r="K3120" i="2"/>
  <c r="K3094" i="5" s="1"/>
  <c r="M3120" i="2"/>
  <c r="M3094" i="5" s="1"/>
  <c r="P3094" i="5" s="1"/>
  <c r="L3120" i="2"/>
  <c r="L3094" i="5" s="1"/>
  <c r="K1620" i="2"/>
  <c r="K1594" i="5" s="1"/>
  <c r="O1594" i="5" s="1"/>
  <c r="M1620" i="2"/>
  <c r="M1594" i="5" s="1"/>
  <c r="P1594" i="5" s="1"/>
  <c r="J756" i="2"/>
  <c r="J730" i="5" s="1"/>
  <c r="N730" i="5" s="1"/>
  <c r="I756" i="2"/>
  <c r="I730" i="5" s="1"/>
  <c r="M7831" i="2"/>
  <c r="M7805" i="5" s="1"/>
  <c r="P7805" i="5" s="1"/>
  <c r="J7831" i="2"/>
  <c r="J7805" i="5" s="1"/>
  <c r="N7805" i="5" s="1"/>
  <c r="I7831" i="2"/>
  <c r="I7805" i="5" s="1"/>
  <c r="L7831" i="2"/>
  <c r="L7805" i="5" s="1"/>
  <c r="I8664" i="2"/>
  <c r="I8638" i="5" s="1"/>
  <c r="K8664" i="2"/>
  <c r="K8638" i="5" s="1"/>
  <c r="J8664" i="2"/>
  <c r="J8638" i="5" s="1"/>
  <c r="N8638" i="5" s="1"/>
  <c r="M8664" i="2"/>
  <c r="M8638" i="5" s="1"/>
  <c r="P8638" i="5" s="1"/>
  <c r="L8664" i="2"/>
  <c r="L8638" i="5" s="1"/>
  <c r="K1437" i="2"/>
  <c r="K1411" i="5" s="1"/>
  <c r="O1411" i="5" s="1"/>
  <c r="J1437" i="2"/>
  <c r="J1411" i="5" s="1"/>
  <c r="L5798" i="2"/>
  <c r="L5772" i="5" s="1"/>
  <c r="M5798" i="2"/>
  <c r="M5772" i="5" s="1"/>
  <c r="P5772" i="5" s="1"/>
  <c r="I5798" i="2"/>
  <c r="I5772" i="5" s="1"/>
  <c r="K5798" i="2"/>
  <c r="K5772" i="5" s="1"/>
  <c r="I7448" i="2"/>
  <c r="I7422" i="5" s="1"/>
  <c r="M7448" i="2"/>
  <c r="M7422" i="5" s="1"/>
  <c r="P7422" i="5" s="1"/>
  <c r="J7448" i="2"/>
  <c r="J7422" i="5" s="1"/>
  <c r="N7422" i="5" s="1"/>
  <c r="K7448" i="2"/>
  <c r="K7422" i="5" s="1"/>
  <c r="L7448" i="2"/>
  <c r="L7422" i="5" s="1"/>
  <c r="L3507" i="2"/>
  <c r="L3481" i="5" s="1"/>
  <c r="K3507" i="2"/>
  <c r="K3481" i="5" s="1"/>
  <c r="J3507" i="2"/>
  <c r="J3481" i="5" s="1"/>
  <c r="N3481" i="5" s="1"/>
  <c r="K3637" i="2"/>
  <c r="K3611" i="5" s="1"/>
  <c r="J3637" i="2"/>
  <c r="J3611" i="5" s="1"/>
  <c r="N3611" i="5" s="1"/>
  <c r="L3637" i="2"/>
  <c r="L3611" i="5" s="1"/>
  <c r="M3637" i="2"/>
  <c r="M3611" i="5" s="1"/>
  <c r="P3611" i="5" s="1"/>
  <c r="I3637" i="2"/>
  <c r="I3611" i="5" s="1"/>
  <c r="L3969" i="2"/>
  <c r="L3943" i="5" s="1"/>
  <c r="J3969" i="2"/>
  <c r="J3943" i="5" s="1"/>
  <c r="N3943" i="5" s="1"/>
  <c r="L732" i="2"/>
  <c r="L706" i="5" s="1"/>
  <c r="K1136" i="2"/>
  <c r="K1110" i="5" s="1"/>
  <c r="O1110" i="5" s="1"/>
  <c r="M2948" i="2"/>
  <c r="M2922" i="5" s="1"/>
  <c r="P2922" i="5" s="1"/>
  <c r="L7710" i="2"/>
  <c r="L7684" i="5" s="1"/>
  <c r="I8538" i="2"/>
  <c r="I8512" i="5" s="1"/>
  <c r="K5966" i="2"/>
  <c r="K5940" i="5" s="1"/>
  <c r="K2298" i="2"/>
  <c r="K2272" i="5" s="1"/>
  <c r="I585" i="2"/>
  <c r="I559" i="5" s="1"/>
  <c r="J1136" i="2"/>
  <c r="J1110" i="5" s="1"/>
  <c r="N1110" i="5" s="1"/>
  <c r="I2948" i="2"/>
  <c r="I2922" i="5" s="1"/>
  <c r="M7710" i="2"/>
  <c r="M7684" i="5" s="1"/>
  <c r="P7684" i="5" s="1"/>
  <c r="L585" i="2"/>
  <c r="L559" i="5" s="1"/>
  <c r="J1131" i="2"/>
  <c r="J1105" i="5" s="1"/>
  <c r="N1105" i="5" s="1"/>
  <c r="M5654" i="2"/>
  <c r="M5628" i="5" s="1"/>
  <c r="P5628" i="5" s="1"/>
  <c r="J5654" i="2"/>
  <c r="J5628" i="5" s="1"/>
  <c r="N5628" i="5" s="1"/>
  <c r="L5654" i="2"/>
  <c r="L5628" i="5" s="1"/>
  <c r="K5654" i="2"/>
  <c r="K5628" i="5" s="1"/>
  <c r="I5654" i="2"/>
  <c r="I5628" i="5" s="1"/>
  <c r="L7947" i="2"/>
  <c r="L7921" i="5" s="1"/>
  <c r="I7947" i="2"/>
  <c r="I7921" i="5" s="1"/>
  <c r="L2416" i="2"/>
  <c r="L2390" i="5" s="1"/>
  <c r="I2416" i="2"/>
  <c r="I2390" i="5" s="1"/>
  <c r="K6928" i="2"/>
  <c r="K6902" i="5" s="1"/>
  <c r="I6928" i="2"/>
  <c r="I6902" i="5" s="1"/>
  <c r="M6928" i="2"/>
  <c r="M6902" i="5" s="1"/>
  <c r="P6902" i="5" s="1"/>
  <c r="L6928" i="2"/>
  <c r="L6902" i="5" s="1"/>
  <c r="J6928" i="2"/>
  <c r="J6902" i="5" s="1"/>
  <c r="N6902" i="5" s="1"/>
  <c r="L7111" i="2"/>
  <c r="L7085" i="5" s="1"/>
  <c r="J7111" i="2"/>
  <c r="J7085" i="5" s="1"/>
  <c r="N7085" i="5" s="1"/>
  <c r="K7111" i="2"/>
  <c r="K7085" i="5" s="1"/>
  <c r="I3316" i="2"/>
  <c r="I3290" i="5" s="1"/>
  <c r="L3316" i="2"/>
  <c r="L3290" i="5" s="1"/>
  <c r="J5095" i="2"/>
  <c r="J5069" i="5" s="1"/>
  <c r="N5069" i="5" s="1"/>
  <c r="K5095" i="2"/>
  <c r="K5069" i="5" s="1"/>
  <c r="E283" i="5"/>
  <c r="AR277" i="1"/>
  <c r="L544" i="2"/>
  <c r="L518" i="5" s="1"/>
  <c r="J544" i="2"/>
  <c r="J518" i="5" s="1"/>
  <c r="N518" i="5" s="1"/>
  <c r="I544" i="2"/>
  <c r="I518" i="5" s="1"/>
  <c r="M5154" i="2"/>
  <c r="M5128" i="5" s="1"/>
  <c r="P5128" i="5" s="1"/>
  <c r="J5154" i="2"/>
  <c r="J5128" i="5" s="1"/>
  <c r="I5154" i="2"/>
  <c r="I5128" i="5" s="1"/>
  <c r="K5154" i="2"/>
  <c r="K5128" i="5" s="1"/>
  <c r="L5154" i="2"/>
  <c r="L5128" i="5" s="1"/>
  <c r="J7174" i="2"/>
  <c r="J7148" i="5" s="1"/>
  <c r="N7148" i="5" s="1"/>
  <c r="K7174" i="2"/>
  <c r="K7148" i="5" s="1"/>
  <c r="I3302" i="2"/>
  <c r="I3276" i="5" s="1"/>
  <c r="K3302" i="2"/>
  <c r="K3276" i="5" s="1"/>
  <c r="J3302" i="2"/>
  <c r="J3276" i="5" s="1"/>
  <c r="N3276" i="5" s="1"/>
  <c r="L3302" i="2"/>
  <c r="L3276" i="5" s="1"/>
  <c r="M3302" i="2"/>
  <c r="M3276" i="5" s="1"/>
  <c r="P3276" i="5" s="1"/>
  <c r="M8539" i="2"/>
  <c r="M8513" i="5" s="1"/>
  <c r="P8513" i="5" s="1"/>
  <c r="L8539" i="2"/>
  <c r="L8513" i="5" s="1"/>
  <c r="J8539" i="2"/>
  <c r="J8513" i="5" s="1"/>
  <c r="N8513" i="5" s="1"/>
  <c r="I8539" i="2"/>
  <c r="I8513" i="5" s="1"/>
  <c r="M1387" i="2"/>
  <c r="M1361" i="5" s="1"/>
  <c r="P1361" i="5" s="1"/>
  <c r="K1387" i="2"/>
  <c r="K1361" i="5" s="1"/>
  <c r="K1125" i="2"/>
  <c r="K1099" i="5" s="1"/>
  <c r="L1125" i="2"/>
  <c r="L1099" i="5" s="1"/>
  <c r="C47" i="5"/>
  <c r="AR41" i="1"/>
  <c r="J2749" i="2"/>
  <c r="J2723" i="5" s="1"/>
  <c r="N2723" i="5" s="1"/>
  <c r="L2749" i="2"/>
  <c r="L2723" i="5" s="1"/>
  <c r="I2749" i="2"/>
  <c r="I2723" i="5" s="1"/>
  <c r="K2749" i="2"/>
  <c r="K2723" i="5" s="1"/>
  <c r="M2749" i="2"/>
  <c r="M2723" i="5" s="1"/>
  <c r="P2723" i="5" s="1"/>
  <c r="K3412" i="2"/>
  <c r="K3386" i="5" s="1"/>
  <c r="J3412" i="2"/>
  <c r="J3386" i="5" s="1"/>
  <c r="L3412" i="2"/>
  <c r="L3386" i="5" s="1"/>
  <c r="M3412" i="2"/>
  <c r="M3386" i="5" s="1"/>
  <c r="P3386" i="5" s="1"/>
  <c r="I3412" i="2"/>
  <c r="I3386" i="5" s="1"/>
  <c r="J8624" i="2"/>
  <c r="J8598" i="5" s="1"/>
  <c r="N8598" i="5" s="1"/>
  <c r="L8624" i="2"/>
  <c r="L8598" i="5" s="1"/>
  <c r="I8624" i="2"/>
  <c r="I8598" i="5" s="1"/>
  <c r="K8624" i="2"/>
  <c r="K8598" i="5" s="1"/>
  <c r="M8624" i="2"/>
  <c r="M8598" i="5" s="1"/>
  <c r="P8598" i="5" s="1"/>
  <c r="M6467" i="2"/>
  <c r="M6441" i="5" s="1"/>
  <c r="P6441" i="5" s="1"/>
  <c r="K6467" i="2"/>
  <c r="K6441" i="5" s="1"/>
  <c r="M4424" i="2"/>
  <c r="M4398" i="5" s="1"/>
  <c r="P4398" i="5" s="1"/>
  <c r="K4424" i="2"/>
  <c r="K4398" i="5" s="1"/>
  <c r="M3900" i="2"/>
  <c r="M3874" i="5" s="1"/>
  <c r="P3874" i="5" s="1"/>
  <c r="L3900" i="2"/>
  <c r="L3874" i="5" s="1"/>
  <c r="I3900" i="2"/>
  <c r="I3874" i="5" s="1"/>
  <c r="I3907" i="2"/>
  <c r="I3881" i="5" s="1"/>
  <c r="L3907" i="2"/>
  <c r="L3881" i="5" s="1"/>
  <c r="M6612" i="2"/>
  <c r="M6586" i="5" s="1"/>
  <c r="P6586" i="5" s="1"/>
  <c r="I6612" i="2"/>
  <c r="I6586" i="5" s="1"/>
  <c r="L3999" i="2"/>
  <c r="L3973" i="5" s="1"/>
  <c r="K3999" i="2"/>
  <c r="K3973" i="5" s="1"/>
  <c r="J3999" i="2"/>
  <c r="J3973" i="5" s="1"/>
  <c r="N3973" i="5" s="1"/>
  <c r="I3999" i="2"/>
  <c r="I3973" i="5" s="1"/>
  <c r="AR299" i="1"/>
  <c r="C305" i="5"/>
  <c r="L6087" i="2"/>
  <c r="L6061" i="5" s="1"/>
  <c r="I6087" i="2"/>
  <c r="I6061" i="5" s="1"/>
  <c r="M6087" i="2"/>
  <c r="M6061" i="5" s="1"/>
  <c r="P6061" i="5" s="1"/>
  <c r="J6087" i="2"/>
  <c r="J6061" i="5" s="1"/>
  <c r="N6061" i="5" s="1"/>
  <c r="K6087" i="2"/>
  <c r="K6061" i="5" s="1"/>
  <c r="M6764" i="2"/>
  <c r="M6738" i="5" s="1"/>
  <c r="P6738" i="5" s="1"/>
  <c r="L6764" i="2"/>
  <c r="L6738" i="5" s="1"/>
  <c r="I6764" i="2"/>
  <c r="I6738" i="5" s="1"/>
  <c r="J6764" i="2"/>
  <c r="J6738" i="5" s="1"/>
  <c r="N6738" i="5" s="1"/>
  <c r="K6764" i="2"/>
  <c r="K6738" i="5" s="1"/>
  <c r="M3284" i="2"/>
  <c r="M3258" i="5" s="1"/>
  <c r="P3258" i="5" s="1"/>
  <c r="K3284" i="2"/>
  <c r="K3258" i="5" s="1"/>
  <c r="L3284" i="2"/>
  <c r="L3258" i="5" s="1"/>
  <c r="I5848" i="2"/>
  <c r="I5822" i="5" s="1"/>
  <c r="J5848" i="2"/>
  <c r="J5822" i="5" s="1"/>
  <c r="N5822" i="5" s="1"/>
  <c r="M5848" i="2"/>
  <c r="M5822" i="5" s="1"/>
  <c r="P5822" i="5" s="1"/>
  <c r="J4345" i="2"/>
  <c r="J4319" i="5" s="1"/>
  <c r="N4319" i="5" s="1"/>
  <c r="L4345" i="2"/>
  <c r="L4319" i="5" s="1"/>
  <c r="M4345" i="2"/>
  <c r="M4319" i="5" s="1"/>
  <c r="P4319" i="5" s="1"/>
  <c r="M7006" i="2"/>
  <c r="M6980" i="5" s="1"/>
  <c r="P6980" i="5" s="1"/>
  <c r="I7006" i="2"/>
  <c r="I6980" i="5" s="1"/>
  <c r="L7006" i="2"/>
  <c r="L6980" i="5" s="1"/>
  <c r="K7006" i="2"/>
  <c r="K6980" i="5" s="1"/>
  <c r="M5853" i="2"/>
  <c r="M5827" i="5" s="1"/>
  <c r="P5827" i="5" s="1"/>
  <c r="L5853" i="2"/>
  <c r="L5827" i="5" s="1"/>
  <c r="I5853" i="2"/>
  <c r="I5827" i="5" s="1"/>
  <c r="K5853" i="2"/>
  <c r="K5827" i="5" s="1"/>
  <c r="J7704" i="2"/>
  <c r="J7678" i="5" s="1"/>
  <c r="N7678" i="5" s="1"/>
  <c r="M8645" i="2"/>
  <c r="M8619" i="5" s="1"/>
  <c r="P8619" i="5" s="1"/>
  <c r="L8645" i="2"/>
  <c r="L8619" i="5" s="1"/>
  <c r="K8645" i="2"/>
  <c r="K8619" i="5" s="1"/>
  <c r="I5993" i="2"/>
  <c r="I5967" i="5" s="1"/>
  <c r="K5993" i="2"/>
  <c r="K5967" i="5" s="1"/>
  <c r="J1126" i="2"/>
  <c r="J1100" i="5" s="1"/>
  <c r="N1100" i="5" s="1"/>
  <c r="M1126" i="2"/>
  <c r="M1100" i="5" s="1"/>
  <c r="P1100" i="5" s="1"/>
  <c r="I6275" i="2"/>
  <c r="I6249" i="5" s="1"/>
  <c r="K6275" i="2"/>
  <c r="K6249" i="5" s="1"/>
  <c r="J6275" i="2"/>
  <c r="J6249" i="5" s="1"/>
  <c r="N6249" i="5" s="1"/>
  <c r="M6275" i="2"/>
  <c r="M6249" i="5" s="1"/>
  <c r="P6249" i="5" s="1"/>
  <c r="L822" i="2"/>
  <c r="L796" i="5" s="1"/>
  <c r="I822" i="2"/>
  <c r="I796" i="5" s="1"/>
  <c r="J3304" i="2"/>
  <c r="J3278" i="5" s="1"/>
  <c r="N3278" i="5" s="1"/>
  <c r="L3304" i="2"/>
  <c r="L3278" i="5" s="1"/>
  <c r="M3304" i="2"/>
  <c r="M3278" i="5" s="1"/>
  <c r="P3278" i="5" s="1"/>
  <c r="I3304" i="2"/>
  <c r="I3278" i="5" s="1"/>
  <c r="L8626" i="2"/>
  <c r="L8600" i="5" s="1"/>
  <c r="J8626" i="2"/>
  <c r="J8600" i="5" s="1"/>
  <c r="I4802" i="2"/>
  <c r="I4776" i="5" s="1"/>
  <c r="I2294" i="2"/>
  <c r="I2268" i="5" s="1"/>
  <c r="K2413" i="2"/>
  <c r="K2387" i="5" s="1"/>
  <c r="M2413" i="2"/>
  <c r="M2387" i="5" s="1"/>
  <c r="P2387" i="5" s="1"/>
  <c r="I2413" i="2"/>
  <c r="I2387" i="5" s="1"/>
  <c r="J2413" i="2"/>
  <c r="J2387" i="5" s="1"/>
  <c r="N2387" i="5" s="1"/>
  <c r="L2413" i="2"/>
  <c r="L2387" i="5" s="1"/>
  <c r="K7930" i="2"/>
  <c r="K7904" i="5" s="1"/>
  <c r="O7904" i="5" s="1"/>
  <c r="J7930" i="2"/>
  <c r="J7904" i="5" s="1"/>
  <c r="N7904" i="5" s="1"/>
  <c r="M7930" i="2"/>
  <c r="M7904" i="5" s="1"/>
  <c r="P7904" i="5" s="1"/>
  <c r="I7930" i="2"/>
  <c r="I7904" i="5" s="1"/>
  <c r="M4926" i="2"/>
  <c r="M4900" i="5" s="1"/>
  <c r="P4900" i="5" s="1"/>
  <c r="J4926" i="2"/>
  <c r="J4900" i="5" s="1"/>
  <c r="N4900" i="5" s="1"/>
  <c r="I4926" i="2"/>
  <c r="I4900" i="5" s="1"/>
  <c r="L4926" i="2"/>
  <c r="L4900" i="5" s="1"/>
  <c r="K4926" i="2"/>
  <c r="K4900" i="5" s="1"/>
  <c r="J2414" i="2"/>
  <c r="J2388" i="5" s="1"/>
  <c r="N2388" i="5" s="1"/>
  <c r="M2414" i="2"/>
  <c r="M2388" i="5" s="1"/>
  <c r="P2388" i="5" s="1"/>
  <c r="L2414" i="2"/>
  <c r="L2388" i="5" s="1"/>
  <c r="I2414" i="2"/>
  <c r="I2388" i="5" s="1"/>
  <c r="K2414" i="2"/>
  <c r="K2388" i="5" s="1"/>
  <c r="J6653" i="2"/>
  <c r="J6627" i="5" s="1"/>
  <c r="N6627" i="5" s="1"/>
  <c r="K6653" i="2"/>
  <c r="K6627" i="5" s="1"/>
  <c r="I6653" i="2"/>
  <c r="I6627" i="5" s="1"/>
  <c r="L6641" i="2"/>
  <c r="L6615" i="5" s="1"/>
  <c r="J6641" i="2"/>
  <c r="J6615" i="5" s="1"/>
  <c r="N6615" i="5" s="1"/>
  <c r="J539" i="2"/>
  <c r="J513" i="5" s="1"/>
  <c r="N513" i="5" s="1"/>
  <c r="L539" i="2"/>
  <c r="L513" i="5" s="1"/>
  <c r="I539" i="2"/>
  <c r="I513" i="5" s="1"/>
  <c r="K539" i="2"/>
  <c r="K513" i="5" s="1"/>
  <c r="M539" i="2"/>
  <c r="M513" i="5" s="1"/>
  <c r="P513" i="5" s="1"/>
  <c r="L5150" i="2"/>
  <c r="L5124" i="5" s="1"/>
  <c r="K5150" i="2"/>
  <c r="K5124" i="5" s="1"/>
  <c r="I5150" i="2"/>
  <c r="I5124" i="5" s="1"/>
  <c r="M2926" i="2"/>
  <c r="M2900" i="5" s="1"/>
  <c r="P2900" i="5" s="1"/>
  <c r="J2926" i="2"/>
  <c r="J2900" i="5" s="1"/>
  <c r="N2900" i="5" s="1"/>
  <c r="L2926" i="2"/>
  <c r="L2900" i="5" s="1"/>
  <c r="K2926" i="2"/>
  <c r="K2900" i="5" s="1"/>
  <c r="I2926" i="2"/>
  <c r="I2900" i="5" s="1"/>
  <c r="J5578" i="2"/>
  <c r="J5552" i="5" s="1"/>
  <c r="L5578" i="2"/>
  <c r="L5552" i="5" s="1"/>
  <c r="K5578" i="2"/>
  <c r="K5552" i="5" s="1"/>
  <c r="M5578" i="2"/>
  <c r="M5552" i="5" s="1"/>
  <c r="P5552" i="5" s="1"/>
  <c r="I5578" i="2"/>
  <c r="I5552" i="5" s="1"/>
  <c r="M5498" i="2"/>
  <c r="M5472" i="5" s="1"/>
  <c r="P5472" i="5" s="1"/>
  <c r="L5498" i="2"/>
  <c r="L5472" i="5" s="1"/>
  <c r="I5498" i="2"/>
  <c r="I5472" i="5" s="1"/>
  <c r="J5498" i="2"/>
  <c r="J5472" i="5" s="1"/>
  <c r="N5472" i="5" s="1"/>
  <c r="J8542" i="2"/>
  <c r="J8516" i="5" s="1"/>
  <c r="N8516" i="5" s="1"/>
  <c r="I8542" i="2"/>
  <c r="I8516" i="5" s="1"/>
  <c r="M8542" i="2"/>
  <c r="M8516" i="5" s="1"/>
  <c r="P8516" i="5" s="1"/>
  <c r="K1594" i="2"/>
  <c r="K1568" i="5" s="1"/>
  <c r="J1594" i="2"/>
  <c r="J1568" i="5" s="1"/>
  <c r="N1568" i="5" s="1"/>
  <c r="M1594" i="2"/>
  <c r="M1568" i="5" s="1"/>
  <c r="P1568" i="5" s="1"/>
  <c r="I1594" i="2"/>
  <c r="I1568" i="5" s="1"/>
  <c r="L1594" i="2"/>
  <c r="L1568" i="5" s="1"/>
  <c r="J6424" i="2"/>
  <c r="J6398" i="5" s="1"/>
  <c r="N6398" i="5" s="1"/>
  <c r="L6424" i="2"/>
  <c r="L6398" i="5" s="1"/>
  <c r="K6424" i="2"/>
  <c r="K6398" i="5" s="1"/>
  <c r="L4790" i="2"/>
  <c r="L4764" i="5" s="1"/>
  <c r="I4790" i="2"/>
  <c r="I4764" i="5" s="1"/>
  <c r="M4790" i="2"/>
  <c r="M4764" i="5" s="1"/>
  <c r="P4764" i="5" s="1"/>
  <c r="J4790" i="2"/>
  <c r="J4764" i="5" s="1"/>
  <c r="N4764" i="5" s="1"/>
  <c r="K4790" i="2"/>
  <c r="K4764" i="5" s="1"/>
  <c r="M2758" i="2"/>
  <c r="M2732" i="5" s="1"/>
  <c r="P2732" i="5" s="1"/>
  <c r="K2758" i="2"/>
  <c r="K2732" i="5" s="1"/>
  <c r="J2758" i="2"/>
  <c r="J2732" i="5" s="1"/>
  <c r="N2732" i="5" s="1"/>
  <c r="I2758" i="2"/>
  <c r="I2732" i="5" s="1"/>
  <c r="L2758" i="2"/>
  <c r="L2732" i="5" s="1"/>
  <c r="M148" i="2"/>
  <c r="M122" i="5" s="1"/>
  <c r="P122" i="5" s="1"/>
  <c r="L148" i="2"/>
  <c r="L122" i="5" s="1"/>
  <c r="I148" i="2"/>
  <c r="I122" i="5" s="1"/>
  <c r="J148" i="2"/>
  <c r="J122" i="5" s="1"/>
  <c r="N122" i="5" s="1"/>
  <c r="L3998" i="2"/>
  <c r="L3972" i="5" s="1"/>
  <c r="I3998" i="2"/>
  <c r="I3972" i="5" s="1"/>
  <c r="K3998" i="2"/>
  <c r="K3972" i="5" s="1"/>
  <c r="M3998" i="2"/>
  <c r="M3972" i="5" s="1"/>
  <c r="P3972" i="5" s="1"/>
  <c r="L5966" i="2"/>
  <c r="L5940" i="5" s="1"/>
  <c r="J5966" i="2"/>
  <c r="J5940" i="5" s="1"/>
  <c r="N5940" i="5" s="1"/>
  <c r="M5966" i="2"/>
  <c r="M5940" i="5" s="1"/>
  <c r="P5940" i="5" s="1"/>
  <c r="D145" i="5"/>
  <c r="AR139" i="1"/>
  <c r="I4419" i="2"/>
  <c r="I4393" i="5" s="1"/>
  <c r="L4419" i="2"/>
  <c r="L4393" i="5" s="1"/>
  <c r="M6029" i="2"/>
  <c r="M6003" i="5" s="1"/>
  <c r="P6003" i="5" s="1"/>
  <c r="I6029" i="2"/>
  <c r="I6003" i="5" s="1"/>
  <c r="K6029" i="2"/>
  <c r="K6003" i="5" s="1"/>
  <c r="L6029" i="2"/>
  <c r="L6003" i="5" s="1"/>
  <c r="J6029" i="2"/>
  <c r="J6003" i="5" s="1"/>
  <c r="N6003" i="5" s="1"/>
  <c r="M5453" i="2"/>
  <c r="M5427" i="5" s="1"/>
  <c r="P5427" i="5" s="1"/>
  <c r="I5453" i="2"/>
  <c r="I5427" i="5" s="1"/>
  <c r="M6351" i="2"/>
  <c r="M6325" i="5" s="1"/>
  <c r="P6325" i="5" s="1"/>
  <c r="K6351" i="2"/>
  <c r="K6325" i="5" s="1"/>
  <c r="K6095" i="2"/>
  <c r="K6069" i="5" s="1"/>
  <c r="I6095" i="2"/>
  <c r="I6069" i="5" s="1"/>
  <c r="J6095" i="2"/>
  <c r="J6069" i="5" s="1"/>
  <c r="N6069" i="5" s="1"/>
  <c r="L6095" i="2"/>
  <c r="L6069" i="5" s="1"/>
  <c r="M6095" i="2"/>
  <c r="M6069" i="5" s="1"/>
  <c r="P6069" i="5" s="1"/>
  <c r="J2985" i="2"/>
  <c r="J2959" i="5" s="1"/>
  <c r="N2959" i="5" s="1"/>
  <c r="L2985" i="2"/>
  <c r="L2959" i="5" s="1"/>
  <c r="I2985" i="2"/>
  <c r="I2959" i="5" s="1"/>
  <c r="M2985" i="2"/>
  <c r="M2959" i="5" s="1"/>
  <c r="P2959" i="5" s="1"/>
  <c r="K1408" i="2"/>
  <c r="K1382" i="5" s="1"/>
  <c r="L1408" i="2"/>
  <c r="L1382" i="5" s="1"/>
  <c r="I1408" i="2"/>
  <c r="I1382" i="5" s="1"/>
  <c r="M1408" i="2"/>
  <c r="M1382" i="5" s="1"/>
  <c r="P1382" i="5" s="1"/>
  <c r="J1408" i="2"/>
  <c r="J1382" i="5" s="1"/>
  <c r="N1382" i="5" s="1"/>
  <c r="L5447" i="2"/>
  <c r="L5421" i="5" s="1"/>
  <c r="K5447" i="2"/>
  <c r="K5421" i="5" s="1"/>
  <c r="I5447" i="2"/>
  <c r="I5421" i="5" s="1"/>
  <c r="M5447" i="2"/>
  <c r="M5421" i="5" s="1"/>
  <c r="P5421" i="5" s="1"/>
  <c r="J5447" i="2"/>
  <c r="J5421" i="5" s="1"/>
  <c r="N5421" i="5" s="1"/>
  <c r="J4341" i="2"/>
  <c r="J4315" i="5" s="1"/>
  <c r="N4315" i="5" s="1"/>
  <c r="K4341" i="2"/>
  <c r="K4315" i="5" s="1"/>
  <c r="L4341" i="2"/>
  <c r="L4315" i="5" s="1"/>
  <c r="M4341" i="2"/>
  <c r="M4315" i="5" s="1"/>
  <c r="P4315" i="5" s="1"/>
  <c r="I4341" i="2"/>
  <c r="I4315" i="5" s="1"/>
  <c r="K1789" i="2"/>
  <c r="K1763" i="5" s="1"/>
  <c r="J1789" i="2"/>
  <c r="J1763" i="5" s="1"/>
  <c r="N1763" i="5" s="1"/>
  <c r="M1789" i="2"/>
  <c r="M1763" i="5" s="1"/>
  <c r="P1763" i="5" s="1"/>
  <c r="L8026" i="2"/>
  <c r="L8000" i="5" s="1"/>
  <c r="J8479" i="2"/>
  <c r="J8453" i="5" s="1"/>
  <c r="N8453" i="5" s="1"/>
  <c r="L2741" i="2"/>
  <c r="L2715" i="5" s="1"/>
  <c r="L2620" i="2"/>
  <c r="L2594" i="5" s="1"/>
  <c r="M2426" i="2"/>
  <c r="M2400" i="5" s="1"/>
  <c r="P2400" i="5" s="1"/>
  <c r="J5150" i="2"/>
  <c r="J5124" i="5" s="1"/>
  <c r="N5124" i="5" s="1"/>
  <c r="M8131" i="2"/>
  <c r="M8105" i="5" s="1"/>
  <c r="P8105" i="5" s="1"/>
  <c r="J3289" i="2"/>
  <c r="J3263" i="5" s="1"/>
  <c r="J8116" i="2"/>
  <c r="J8090" i="5" s="1"/>
  <c r="N8090" i="5" s="1"/>
  <c r="M4802" i="2"/>
  <c r="M4776" i="5" s="1"/>
  <c r="P4776" i="5" s="1"/>
  <c r="I2302" i="2"/>
  <c r="I2276" i="5" s="1"/>
  <c r="J8026" i="2"/>
  <c r="J8000" i="5" s="1"/>
  <c r="K8479" i="2"/>
  <c r="K8453" i="5" s="1"/>
  <c r="O8453" i="5" s="1"/>
  <c r="I2741" i="2"/>
  <c r="I2715" i="5" s="1"/>
  <c r="I3448" i="2"/>
  <c r="I3422" i="5" s="1"/>
  <c r="M2620" i="2"/>
  <c r="M2594" i="5" s="1"/>
  <c r="P2594" i="5" s="1"/>
  <c r="I149" i="2"/>
  <c r="I123" i="5" s="1"/>
  <c r="J2426" i="2"/>
  <c r="J2400" i="5" s="1"/>
  <c r="J2144" i="2"/>
  <c r="J2118" i="5" s="1"/>
  <c r="K3289" i="2"/>
  <c r="K3263" i="5" s="1"/>
  <c r="M4845" i="2"/>
  <c r="M4819" i="5" s="1"/>
  <c r="P4819" i="5" s="1"/>
  <c r="I934" i="2"/>
  <c r="I908" i="5" s="1"/>
  <c r="I8479" i="2"/>
  <c r="I8453" i="5" s="1"/>
  <c r="L149" i="2"/>
  <c r="L123" i="5" s="1"/>
  <c r="K8626" i="2"/>
  <c r="K8600" i="5" s="1"/>
  <c r="J1663" i="2"/>
  <c r="J1637" i="5" s="1"/>
  <c r="N1637" i="5" s="1"/>
  <c r="I7934" i="2"/>
  <c r="I7908" i="5" s="1"/>
  <c r="J7934" i="2"/>
  <c r="J7908" i="5" s="1"/>
  <c r="N7908" i="5" s="1"/>
  <c r="M7934" i="2"/>
  <c r="M7908" i="5" s="1"/>
  <c r="P7908" i="5" s="1"/>
  <c r="L1263" i="2"/>
  <c r="L1237" i="5" s="1"/>
  <c r="M1263" i="2"/>
  <c r="M1237" i="5" s="1"/>
  <c r="P1237" i="5" s="1"/>
  <c r="K1263" i="2"/>
  <c r="K1237" i="5" s="1"/>
  <c r="J1263" i="2"/>
  <c r="J1237" i="5" s="1"/>
  <c r="N1237" i="5" s="1"/>
  <c r="I1263" i="2"/>
  <c r="I1237" i="5" s="1"/>
  <c r="M4922" i="2"/>
  <c r="M4896" i="5" s="1"/>
  <c r="P4896" i="5" s="1"/>
  <c r="J4922" i="2"/>
  <c r="J4896" i="5" s="1"/>
  <c r="L4922" i="2"/>
  <c r="L4896" i="5" s="1"/>
  <c r="M5676" i="2"/>
  <c r="M5650" i="5" s="1"/>
  <c r="P5650" i="5" s="1"/>
  <c r="K5676" i="2"/>
  <c r="K5650" i="5" s="1"/>
  <c r="J5676" i="2"/>
  <c r="J5650" i="5" s="1"/>
  <c r="N5650" i="5" s="1"/>
  <c r="L5676" i="2"/>
  <c r="L5650" i="5" s="1"/>
  <c r="K7098" i="2"/>
  <c r="K7072" i="5" s="1"/>
  <c r="J7098" i="2"/>
  <c r="J7072" i="5" s="1"/>
  <c r="N7072" i="5" s="1"/>
  <c r="L6637" i="2"/>
  <c r="L6611" i="5" s="1"/>
  <c r="K6637" i="2"/>
  <c r="K6611" i="5" s="1"/>
  <c r="J6637" i="2"/>
  <c r="J6611" i="5" s="1"/>
  <c r="N6611" i="5" s="1"/>
  <c r="L7090" i="2"/>
  <c r="L7064" i="5" s="1"/>
  <c r="I7090" i="2"/>
  <c r="I7064" i="5" s="1"/>
  <c r="K7090" i="2"/>
  <c r="K7064" i="5" s="1"/>
  <c r="J7090" i="2"/>
  <c r="J7064" i="5" s="1"/>
  <c r="N7064" i="5" s="1"/>
  <c r="M7090" i="2"/>
  <c r="M7064" i="5" s="1"/>
  <c r="P7064" i="5" s="1"/>
  <c r="J6657" i="2"/>
  <c r="J6631" i="5" s="1"/>
  <c r="N6631" i="5" s="1"/>
  <c r="I6657" i="2"/>
  <c r="I6631" i="5" s="1"/>
  <c r="I2928" i="2"/>
  <c r="I2902" i="5" s="1"/>
  <c r="L2928" i="2"/>
  <c r="L2902" i="5" s="1"/>
  <c r="J2928" i="2"/>
  <c r="J2902" i="5" s="1"/>
  <c r="N2902" i="5" s="1"/>
  <c r="K2928" i="2"/>
  <c r="K2902" i="5" s="1"/>
  <c r="K7181" i="2"/>
  <c r="K7155" i="5" s="1"/>
  <c r="J7181" i="2"/>
  <c r="J7155" i="5" s="1"/>
  <c r="N7155" i="5" s="1"/>
  <c r="L7181" i="2"/>
  <c r="L7155" i="5" s="1"/>
  <c r="J716" i="2"/>
  <c r="J690" i="5" s="1"/>
  <c r="M716" i="2"/>
  <c r="M690" i="5" s="1"/>
  <c r="P690" i="5" s="1"/>
  <c r="L716" i="2"/>
  <c r="L690" i="5" s="1"/>
  <c r="I716" i="2"/>
  <c r="I690" i="5" s="1"/>
  <c r="K716" i="2"/>
  <c r="K690" i="5" s="1"/>
  <c r="M7667" i="2"/>
  <c r="M7641" i="5" s="1"/>
  <c r="P7641" i="5" s="1"/>
  <c r="I7667" i="2"/>
  <c r="I7641" i="5" s="1"/>
  <c r="K7667" i="2"/>
  <c r="K7641" i="5" s="1"/>
  <c r="L7667" i="2"/>
  <c r="L7641" i="5" s="1"/>
  <c r="J7667" i="2"/>
  <c r="J7641" i="5" s="1"/>
  <c r="N7641" i="5" s="1"/>
  <c r="J1399" i="2"/>
  <c r="J1373" i="5" s="1"/>
  <c r="N1373" i="5" s="1"/>
  <c r="L1399" i="2"/>
  <c r="L1373" i="5" s="1"/>
  <c r="L3399" i="2"/>
  <c r="L3373" i="5" s="1"/>
  <c r="M3399" i="2"/>
  <c r="M3373" i="5" s="1"/>
  <c r="P3373" i="5" s="1"/>
  <c r="I3399" i="2"/>
  <c r="I3373" i="5" s="1"/>
  <c r="K3399" i="2"/>
  <c r="K3373" i="5" s="1"/>
  <c r="M7494" i="2"/>
  <c r="M7468" i="5" s="1"/>
  <c r="P7468" i="5" s="1"/>
  <c r="J7494" i="2"/>
  <c r="J7468" i="5" s="1"/>
  <c r="N7468" i="5" s="1"/>
  <c r="K7494" i="2"/>
  <c r="K7468" i="5" s="1"/>
  <c r="L7494" i="2"/>
  <c r="L7468" i="5" s="1"/>
  <c r="L1626" i="2"/>
  <c r="L1600" i="5" s="1"/>
  <c r="I1626" i="2"/>
  <c r="I1600" i="5" s="1"/>
  <c r="K1626" i="2"/>
  <c r="K1600" i="5" s="1"/>
  <c r="J1626" i="2"/>
  <c r="J1600" i="5" s="1"/>
  <c r="N1600" i="5" s="1"/>
  <c r="M1626" i="2"/>
  <c r="M1600" i="5" s="1"/>
  <c r="P1600" i="5" s="1"/>
  <c r="J7476" i="2"/>
  <c r="J7450" i="5" s="1"/>
  <c r="N7450" i="5" s="1"/>
  <c r="M7476" i="2"/>
  <c r="M7450" i="5" s="1"/>
  <c r="P7450" i="5" s="1"/>
  <c r="K4013" i="2"/>
  <c r="K3987" i="5" s="1"/>
  <c r="L4013" i="2"/>
  <c r="L3987" i="5" s="1"/>
  <c r="M4013" i="2"/>
  <c r="M3987" i="5" s="1"/>
  <c r="P3987" i="5" s="1"/>
  <c r="I4013" i="2"/>
  <c r="I3987" i="5" s="1"/>
  <c r="J5666" i="2"/>
  <c r="J5640" i="5" s="1"/>
  <c r="N5640" i="5" s="1"/>
  <c r="I5666" i="2"/>
  <c r="I5640" i="5" s="1"/>
  <c r="M5666" i="2"/>
  <c r="M5640" i="5" s="1"/>
  <c r="P5640" i="5" s="1"/>
  <c r="K5666" i="2"/>
  <c r="K5640" i="5" s="1"/>
  <c r="L5666" i="2"/>
  <c r="L5640" i="5" s="1"/>
  <c r="M6369" i="2"/>
  <c r="M6343" i="5" s="1"/>
  <c r="P6343" i="5" s="1"/>
  <c r="I6369" i="2"/>
  <c r="I6343" i="5" s="1"/>
  <c r="K6369" i="2"/>
  <c r="K6343" i="5" s="1"/>
  <c r="J6369" i="2"/>
  <c r="J6343" i="5" s="1"/>
  <c r="N6343" i="5" s="1"/>
  <c r="L6369" i="2"/>
  <c r="L6343" i="5" s="1"/>
  <c r="L5672" i="2"/>
  <c r="L5646" i="5" s="1"/>
  <c r="I5672" i="2"/>
  <c r="I5646" i="5" s="1"/>
  <c r="M5672" i="2"/>
  <c r="M5646" i="5" s="1"/>
  <c r="P5646" i="5" s="1"/>
  <c r="K5672" i="2"/>
  <c r="K5646" i="5" s="1"/>
  <c r="J5672" i="2"/>
  <c r="J5646" i="5" s="1"/>
  <c r="K6476" i="2"/>
  <c r="K6450" i="5" s="1"/>
  <c r="I6476" i="2"/>
  <c r="I6450" i="5" s="1"/>
  <c r="L6476" i="2"/>
  <c r="L6450" i="5" s="1"/>
  <c r="J3912" i="2"/>
  <c r="J3886" i="5" s="1"/>
  <c r="N3886" i="5" s="1"/>
  <c r="M3912" i="2"/>
  <c r="M3886" i="5" s="1"/>
  <c r="P3886" i="5" s="1"/>
  <c r="L3912" i="2"/>
  <c r="L3886" i="5" s="1"/>
  <c r="I3912" i="2"/>
  <c r="I3886" i="5" s="1"/>
  <c r="K3912" i="2"/>
  <c r="K3886" i="5" s="1"/>
  <c r="J8136" i="2"/>
  <c r="J8110" i="5" s="1"/>
  <c r="N8110" i="5" s="1"/>
  <c r="L8136" i="2"/>
  <c r="L8110" i="5" s="1"/>
  <c r="M8136" i="2"/>
  <c r="M8110" i="5" s="1"/>
  <c r="P8110" i="5" s="1"/>
  <c r="I8136" i="2"/>
  <c r="I8110" i="5" s="1"/>
  <c r="K8136" i="2"/>
  <c r="K8110" i="5" s="1"/>
  <c r="I6258" i="2"/>
  <c r="I6232" i="5" s="1"/>
  <c r="K6258" i="2"/>
  <c r="K6232" i="5" s="1"/>
  <c r="M6258" i="2"/>
  <c r="M6232" i="5" s="1"/>
  <c r="P6232" i="5" s="1"/>
  <c r="L6258" i="2"/>
  <c r="L6232" i="5" s="1"/>
  <c r="I823" i="2"/>
  <c r="I797" i="5" s="1"/>
  <c r="J823" i="2"/>
  <c r="J797" i="5" s="1"/>
  <c r="N797" i="5" s="1"/>
  <c r="L3656" i="2"/>
  <c r="L3630" i="5" s="1"/>
  <c r="M3656" i="2"/>
  <c r="M3630" i="5" s="1"/>
  <c r="P3630" i="5" s="1"/>
  <c r="K3656" i="2"/>
  <c r="K3630" i="5" s="1"/>
  <c r="J3656" i="2"/>
  <c r="J3630" i="5" s="1"/>
  <c r="N3630" i="5" s="1"/>
  <c r="L4423" i="2"/>
  <c r="L4397" i="5" s="1"/>
  <c r="K4423" i="2"/>
  <c r="K4397" i="5" s="1"/>
  <c r="J4423" i="2"/>
  <c r="J4397" i="5" s="1"/>
  <c r="N4397" i="5" s="1"/>
  <c r="M4423" i="2"/>
  <c r="M4397" i="5" s="1"/>
  <c r="P4397" i="5" s="1"/>
  <c r="I6438" i="2"/>
  <c r="I6412" i="5" s="1"/>
  <c r="J6438" i="2"/>
  <c r="J6412" i="5" s="1"/>
  <c r="N6412" i="5" s="1"/>
  <c r="L6438" i="2"/>
  <c r="L6412" i="5" s="1"/>
  <c r="J926" i="2"/>
  <c r="J900" i="5" s="1"/>
  <c r="N900" i="5" s="1"/>
  <c r="K926" i="2"/>
  <c r="K900" i="5" s="1"/>
  <c r="I926" i="2"/>
  <c r="I900" i="5" s="1"/>
  <c r="L926" i="2"/>
  <c r="L900" i="5" s="1"/>
  <c r="M926" i="2"/>
  <c r="M900" i="5" s="1"/>
  <c r="P900" i="5" s="1"/>
  <c r="L3252" i="2"/>
  <c r="L3226" i="5" s="1"/>
  <c r="K3252" i="2"/>
  <c r="K3226" i="5" s="1"/>
  <c r="J3252" i="2"/>
  <c r="J3226" i="5" s="1"/>
  <c r="N3226" i="5" s="1"/>
  <c r="M3252" i="2"/>
  <c r="M3226" i="5" s="1"/>
  <c r="P3226" i="5" s="1"/>
  <c r="K2283" i="2"/>
  <c r="K2257" i="5" s="1"/>
  <c r="J2283" i="2"/>
  <c r="J2257" i="5" s="1"/>
  <c r="N2257" i="5" s="1"/>
  <c r="L2283" i="2"/>
  <c r="L2257" i="5" s="1"/>
  <c r="J4837" i="2"/>
  <c r="J4811" i="5" s="1"/>
  <c r="N4811" i="5" s="1"/>
  <c r="L4837" i="2"/>
  <c r="L4811" i="5" s="1"/>
  <c r="I4837" i="2"/>
  <c r="I4811" i="5" s="1"/>
  <c r="M4837" i="2"/>
  <c r="M4811" i="5" s="1"/>
  <c r="P4811" i="5" s="1"/>
  <c r="K4837" i="2"/>
  <c r="K4811" i="5" s="1"/>
  <c r="J6666" i="2"/>
  <c r="J6640" i="5" s="1"/>
  <c r="N6640" i="5" s="1"/>
  <c r="M6666" i="2"/>
  <c r="M6640" i="5" s="1"/>
  <c r="P6640" i="5" s="1"/>
  <c r="K6666" i="2"/>
  <c r="K6640" i="5" s="1"/>
  <c r="L6666" i="2"/>
  <c r="L6640" i="5" s="1"/>
  <c r="I6666" i="2"/>
  <c r="I6640" i="5" s="1"/>
  <c r="M985" i="2"/>
  <c r="M959" i="5" s="1"/>
  <c r="P959" i="5" s="1"/>
  <c r="K985" i="2"/>
  <c r="K959" i="5" s="1"/>
  <c r="J985" i="2"/>
  <c r="J959" i="5" s="1"/>
  <c r="N959" i="5" s="1"/>
  <c r="I268" i="2"/>
  <c r="I242" i="5" s="1"/>
  <c r="L268" i="2"/>
  <c r="L242" i="5" s="1"/>
  <c r="J268" i="2"/>
  <c r="J242" i="5" s="1"/>
  <c r="L1808" i="2"/>
  <c r="L1782" i="5" s="1"/>
  <c r="M1808" i="2"/>
  <c r="M1782" i="5" s="1"/>
  <c r="P1782" i="5" s="1"/>
  <c r="K1808" i="2"/>
  <c r="K1782" i="5" s="1"/>
  <c r="J1808" i="2"/>
  <c r="J1782" i="5" s="1"/>
  <c r="I1808" i="2"/>
  <c r="I1782" i="5" s="1"/>
  <c r="J8447" i="2"/>
  <c r="J8421" i="5" s="1"/>
  <c r="N8421" i="5" s="1"/>
  <c r="I8447" i="2"/>
  <c r="I8421" i="5" s="1"/>
  <c r="M8447" i="2"/>
  <c r="M8421" i="5" s="1"/>
  <c r="P8421" i="5" s="1"/>
  <c r="K2251" i="2"/>
  <c r="K2225" i="5" s="1"/>
  <c r="O2225" i="5" s="1"/>
  <c r="M2251" i="2"/>
  <c r="M2225" i="5" s="1"/>
  <c r="P2225" i="5" s="1"/>
  <c r="I6675" i="2"/>
  <c r="I6649" i="5" s="1"/>
  <c r="J6675" i="2"/>
  <c r="J6649" i="5" s="1"/>
  <c r="N6649" i="5" s="1"/>
  <c r="M6675" i="2"/>
  <c r="M6649" i="5" s="1"/>
  <c r="P6649" i="5" s="1"/>
  <c r="L6675" i="2"/>
  <c r="L6649" i="5" s="1"/>
  <c r="I2608" i="2"/>
  <c r="I2582" i="5" s="1"/>
  <c r="K2608" i="2"/>
  <c r="K2582" i="5" s="1"/>
  <c r="J2608" i="2"/>
  <c r="J2582" i="5" s="1"/>
  <c r="N2582" i="5" s="1"/>
  <c r="J2140" i="2"/>
  <c r="J2114" i="5" s="1"/>
  <c r="N2114" i="5" s="1"/>
  <c r="M2144" i="2"/>
  <c r="M2118" i="5" s="1"/>
  <c r="P2118" i="5" s="1"/>
  <c r="I8626" i="2"/>
  <c r="I8600" i="5" s="1"/>
  <c r="I4412" i="2"/>
  <c r="I4386" i="5" s="1"/>
  <c r="I4006" i="2"/>
  <c r="I3980" i="5" s="1"/>
  <c r="L5682" i="2"/>
  <c r="L5656" i="5" s="1"/>
  <c r="J5682" i="2"/>
  <c r="J5656" i="5" s="1"/>
  <c r="M5682" i="2"/>
  <c r="M5656" i="5" s="1"/>
  <c r="P5656" i="5" s="1"/>
  <c r="I5682" i="2"/>
  <c r="I5656" i="5" s="1"/>
  <c r="K5481" i="2"/>
  <c r="K5455" i="5" s="1"/>
  <c r="J5481" i="2"/>
  <c r="J5455" i="5" s="1"/>
  <c r="N5455" i="5" s="1"/>
  <c r="K1730" i="2"/>
  <c r="K1704" i="5" s="1"/>
  <c r="L1730" i="2"/>
  <c r="L1704" i="5" s="1"/>
  <c r="M1730" i="2"/>
  <c r="M1704" i="5" s="1"/>
  <c r="P1704" i="5" s="1"/>
  <c r="I1730" i="2"/>
  <c r="I1704" i="5" s="1"/>
  <c r="J1730" i="2"/>
  <c r="J1704" i="5" s="1"/>
  <c r="N1704" i="5" s="1"/>
  <c r="K6460" i="2"/>
  <c r="K6434" i="5" s="1"/>
  <c r="L6460" i="2"/>
  <c r="L6434" i="5" s="1"/>
  <c r="I6460" i="2"/>
  <c r="I6434" i="5" s="1"/>
  <c r="J6460" i="2"/>
  <c r="J6434" i="5" s="1"/>
  <c r="N6434" i="5" s="1"/>
  <c r="J6445" i="2"/>
  <c r="J6419" i="5" s="1"/>
  <c r="N6419" i="5" s="1"/>
  <c r="I6445" i="2"/>
  <c r="I6419" i="5" s="1"/>
  <c r="K6445" i="2"/>
  <c r="K6419" i="5" s="1"/>
  <c r="M2298" i="2"/>
  <c r="M2272" i="5" s="1"/>
  <c r="P2272" i="5" s="1"/>
  <c r="L2298" i="2"/>
  <c r="L2272" i="5" s="1"/>
  <c r="L90" i="2"/>
  <c r="L64" i="5" s="1"/>
  <c r="M90" i="2"/>
  <c r="M64" i="5" s="1"/>
  <c r="P64" i="5" s="1"/>
  <c r="M3334" i="2"/>
  <c r="M3308" i="5" s="1"/>
  <c r="P3308" i="5" s="1"/>
  <c r="L3334" i="2"/>
  <c r="L3308" i="5" s="1"/>
  <c r="L6774" i="2"/>
  <c r="L6748" i="5" s="1"/>
  <c r="M6774" i="2"/>
  <c r="M6748" i="5" s="1"/>
  <c r="P6748" i="5" s="1"/>
  <c r="J6774" i="2"/>
  <c r="J6748" i="5" s="1"/>
  <c r="N6748" i="5" s="1"/>
  <c r="I6774" i="2"/>
  <c r="I6748" i="5" s="1"/>
  <c r="K6774" i="2"/>
  <c r="K6748" i="5" s="1"/>
  <c r="L151" i="2"/>
  <c r="L125" i="5" s="1"/>
  <c r="I151" i="2"/>
  <c r="I125" i="5" s="1"/>
  <c r="J151" i="2"/>
  <c r="J125" i="5" s="1"/>
  <c r="N125" i="5" s="1"/>
  <c r="J8345" i="2"/>
  <c r="J8319" i="5" s="1"/>
  <c r="N8319" i="5" s="1"/>
  <c r="K8345" i="2"/>
  <c r="K8319" i="5" s="1"/>
  <c r="J5581" i="2"/>
  <c r="J5555" i="5" s="1"/>
  <c r="I5581" i="2"/>
  <c r="I5555" i="5" s="1"/>
  <c r="K5581" i="2"/>
  <c r="K5555" i="5" s="1"/>
  <c r="K1231" i="2"/>
  <c r="K1205" i="5" s="1"/>
  <c r="L1231" i="2"/>
  <c r="L1205" i="5" s="1"/>
  <c r="M1231" i="2"/>
  <c r="M1205" i="5" s="1"/>
  <c r="P1205" i="5" s="1"/>
  <c r="J1231" i="2"/>
  <c r="J1205" i="5" s="1"/>
  <c r="N1205" i="5" s="1"/>
  <c r="I1231" i="2"/>
  <c r="I1205" i="5" s="1"/>
  <c r="M5008" i="2"/>
  <c r="M4982" i="5" s="1"/>
  <c r="P4982" i="5" s="1"/>
  <c r="L5008" i="2"/>
  <c r="L4982" i="5" s="1"/>
  <c r="L809" i="2"/>
  <c r="L783" i="5" s="1"/>
  <c r="K809" i="2"/>
  <c r="K783" i="5" s="1"/>
  <c r="M809" i="2"/>
  <c r="M783" i="5" s="1"/>
  <c r="P783" i="5" s="1"/>
  <c r="L3917" i="2"/>
  <c r="L3891" i="5" s="1"/>
  <c r="K3917" i="2"/>
  <c r="K3891" i="5" s="1"/>
  <c r="L1129" i="2"/>
  <c r="L1103" i="5" s="1"/>
  <c r="L709" i="2"/>
  <c r="L683" i="5" s="1"/>
  <c r="M8140" i="2"/>
  <c r="M8114" i="5" s="1"/>
  <c r="P8114" i="5" s="1"/>
  <c r="L713" i="2"/>
  <c r="L687" i="5" s="1"/>
  <c r="L1387" i="2"/>
  <c r="L1361" i="5" s="1"/>
  <c r="K2140" i="2"/>
  <c r="K2114" i="5" s="1"/>
  <c r="K3799" i="2"/>
  <c r="K3773" i="5" s="1"/>
  <c r="M6773" i="2"/>
  <c r="M6747" i="5" s="1"/>
  <c r="P6747" i="5" s="1"/>
  <c r="M3907" i="2"/>
  <c r="M3881" i="5" s="1"/>
  <c r="P3881" i="5" s="1"/>
  <c r="M1608" i="2"/>
  <c r="M1582" i="5" s="1"/>
  <c r="P1582" i="5" s="1"/>
  <c r="L4412" i="2"/>
  <c r="L4386" i="5" s="1"/>
  <c r="K6101" i="2"/>
  <c r="K6075" i="5" s="1"/>
  <c r="J2611" i="2"/>
  <c r="J2585" i="5" s="1"/>
  <c r="N2585" i="5" s="1"/>
  <c r="L4006" i="2"/>
  <c r="L3980" i="5" s="1"/>
  <c r="M6656" i="2"/>
  <c r="M6630" i="5" s="1"/>
  <c r="P6630" i="5" s="1"/>
  <c r="K75" i="2"/>
  <c r="K49" i="5" s="1"/>
  <c r="L8140" i="2"/>
  <c r="L8114" i="5" s="1"/>
  <c r="K713" i="2"/>
  <c r="K687" i="5" s="1"/>
  <c r="I2140" i="2"/>
  <c r="I2114" i="5" s="1"/>
  <c r="J6773" i="2"/>
  <c r="J6747" i="5" s="1"/>
  <c r="K3907" i="2"/>
  <c r="K3881" i="5" s="1"/>
  <c r="K2405" i="2"/>
  <c r="K2379" i="5" s="1"/>
  <c r="J4412" i="2"/>
  <c r="J4386" i="5" s="1"/>
  <c r="I6101" i="2"/>
  <c r="I6075" i="5" s="1"/>
  <c r="K976" i="2"/>
  <c r="K950" i="5" s="1"/>
  <c r="K2611" i="2"/>
  <c r="K2585" i="5" s="1"/>
  <c r="O2585" i="5" s="1"/>
  <c r="M4006" i="2"/>
  <c r="M3980" i="5" s="1"/>
  <c r="P3980" i="5" s="1"/>
  <c r="M8199" i="2"/>
  <c r="M8173" i="5" s="1"/>
  <c r="P8173" i="5" s="1"/>
  <c r="L640" i="2"/>
  <c r="L614" i="5" s="1"/>
  <c r="K4335" i="2"/>
  <c r="K4309" i="5" s="1"/>
  <c r="L2763" i="2"/>
  <c r="L2737" i="5" s="1"/>
  <c r="J8140" i="2"/>
  <c r="J8114" i="5" s="1"/>
  <c r="N8114" i="5" s="1"/>
  <c r="I713" i="2"/>
  <c r="I687" i="5" s="1"/>
  <c r="I4343" i="2"/>
  <c r="I4317" i="5" s="1"/>
  <c r="K5088" i="2"/>
  <c r="K5062" i="5" s="1"/>
  <c r="K6773" i="2"/>
  <c r="K6747" i="5" s="1"/>
  <c r="I2405" i="2"/>
  <c r="I2379" i="5" s="1"/>
  <c r="L2607" i="2"/>
  <c r="L2581" i="5" s="1"/>
  <c r="M6424" i="2"/>
  <c r="M6398" i="5" s="1"/>
  <c r="P6398" i="5" s="1"/>
  <c r="M6587" i="2"/>
  <c r="M6561" i="5" s="1"/>
  <c r="P6561" i="5" s="1"/>
  <c r="L976" i="2"/>
  <c r="L950" i="5" s="1"/>
  <c r="I2611" i="2"/>
  <c r="I2585" i="5" s="1"/>
  <c r="M544" i="2"/>
  <c r="M518" i="5" s="1"/>
  <c r="P518" i="5" s="1"/>
  <c r="M6445" i="2"/>
  <c r="M6419" i="5" s="1"/>
  <c r="P6419" i="5" s="1"/>
  <c r="I4335" i="2"/>
  <c r="I4309" i="5" s="1"/>
  <c r="J2763" i="2"/>
  <c r="J2737" i="5" s="1"/>
  <c r="M4343" i="2"/>
  <c r="M4317" i="5" s="1"/>
  <c r="P4317" i="5" s="1"/>
  <c r="I5088" i="2"/>
  <c r="I5062" i="5" s="1"/>
  <c r="J644" i="2"/>
  <c r="J618" i="5" s="1"/>
  <c r="K1999" i="2"/>
  <c r="K1973" i="5" s="1"/>
  <c r="I6773" i="2"/>
  <c r="I6747" i="5" s="1"/>
  <c r="I7181" i="2"/>
  <c r="I7155" i="5" s="1"/>
  <c r="I2607" i="2"/>
  <c r="I2581" i="5" s="1"/>
  <c r="I6424" i="2"/>
  <c r="I6398" i="5" s="1"/>
  <c r="I6587" i="2"/>
  <c r="I6561" i="5" s="1"/>
  <c r="K544" i="2"/>
  <c r="K518" i="5" s="1"/>
  <c r="L6445" i="2"/>
  <c r="L6419" i="5" s="1"/>
  <c r="J4930" i="2"/>
  <c r="J4904" i="5" s="1"/>
  <c r="J4343" i="2"/>
  <c r="J4317" i="5" s="1"/>
  <c r="N4317" i="5" s="1"/>
  <c r="M5088" i="2"/>
  <c r="M5062" i="5" s="1"/>
  <c r="P5062" i="5" s="1"/>
  <c r="J6587" i="2"/>
  <c r="J6561" i="5" s="1"/>
  <c r="L5088" i="2"/>
  <c r="L5062" i="5" s="1"/>
  <c r="K1218" i="2"/>
  <c r="K1192" i="5" s="1"/>
  <c r="J5857" i="2"/>
  <c r="J5831" i="5" s="1"/>
  <c r="I5481" i="2"/>
  <c r="I5455" i="5" s="1"/>
  <c r="L3308" i="2"/>
  <c r="L3282" i="5" s="1"/>
  <c r="K8434" i="2"/>
  <c r="K8408" i="5" s="1"/>
  <c r="I5299" i="2"/>
  <c r="I5273" i="5" s="1"/>
  <c r="L5299" i="2"/>
  <c r="L5273" i="5" s="1"/>
  <c r="M5299" i="2"/>
  <c r="M5273" i="5" s="1"/>
  <c r="P5273" i="5" s="1"/>
  <c r="K6830" i="2"/>
  <c r="K6804" i="5" s="1"/>
  <c r="I6830" i="2"/>
  <c r="I6804" i="5" s="1"/>
  <c r="I717" i="2"/>
  <c r="I691" i="5" s="1"/>
  <c r="K717" i="2"/>
  <c r="K691" i="5" s="1"/>
  <c r="O691" i="5" s="1"/>
  <c r="M49" i="2"/>
  <c r="M23" i="5" s="1"/>
  <c r="P23" i="5" s="1"/>
  <c r="J4420" i="2"/>
  <c r="J4394" i="5" s="1"/>
  <c r="N4394" i="5" s="1"/>
  <c r="M4420" i="2"/>
  <c r="M4394" i="5" s="1"/>
  <c r="P4394" i="5" s="1"/>
  <c r="K4420" i="2"/>
  <c r="K4394" i="5" s="1"/>
  <c r="I439" i="2"/>
  <c r="I413" i="5" s="1"/>
  <c r="L439" i="2"/>
  <c r="L413" i="5" s="1"/>
  <c r="M439" i="2"/>
  <c r="M413" i="5" s="1"/>
  <c r="P413" i="5" s="1"/>
  <c r="K988" i="2"/>
  <c r="K962" i="5" s="1"/>
  <c r="M6276" i="2"/>
  <c r="M6250" i="5" s="1"/>
  <c r="P6250" i="5" s="1"/>
  <c r="I6276" i="2"/>
  <c r="I6250" i="5" s="1"/>
  <c r="L6276" i="2"/>
  <c r="L6250" i="5" s="1"/>
  <c r="M8683" i="2"/>
  <c r="M8657" i="5" s="1"/>
  <c r="P8657" i="5" s="1"/>
  <c r="L8683" i="2"/>
  <c r="L8657" i="5" s="1"/>
  <c r="K8683" i="2"/>
  <c r="K8657" i="5" s="1"/>
  <c r="L8000" i="2"/>
  <c r="L7974" i="5" s="1"/>
  <c r="I8000" i="2"/>
  <c r="I7974" i="5" s="1"/>
  <c r="K2493" i="2"/>
  <c r="K2467" i="5" s="1"/>
  <c r="M2493" i="2"/>
  <c r="M2467" i="5" s="1"/>
  <c r="P2467" i="5" s="1"/>
  <c r="J2493" i="2"/>
  <c r="J2467" i="5" s="1"/>
  <c r="I2493" i="2"/>
  <c r="I2467" i="5" s="1"/>
  <c r="L2493" i="2"/>
  <c r="L2467" i="5" s="1"/>
  <c r="J584" i="2"/>
  <c r="J558" i="5" s="1"/>
  <c r="N558" i="5" s="1"/>
  <c r="I584" i="2"/>
  <c r="I558" i="5" s="1"/>
  <c r="L584" i="2"/>
  <c r="L558" i="5" s="1"/>
  <c r="K584" i="2"/>
  <c r="K558" i="5" s="1"/>
  <c r="J279" i="2"/>
  <c r="J253" i="5" s="1"/>
  <c r="N253" i="5" s="1"/>
  <c r="L279" i="2"/>
  <c r="L253" i="5" s="1"/>
  <c r="K279" i="2"/>
  <c r="K253" i="5" s="1"/>
  <c r="I279" i="2"/>
  <c r="I253" i="5" s="1"/>
  <c r="K1797" i="2"/>
  <c r="K1771" i="5" s="1"/>
  <c r="M1797" i="2"/>
  <c r="M1771" i="5" s="1"/>
  <c r="P1771" i="5" s="1"/>
  <c r="J1797" i="2"/>
  <c r="J1771" i="5" s="1"/>
  <c r="N1771" i="5" s="1"/>
  <c r="L1797" i="2"/>
  <c r="L1771" i="5" s="1"/>
  <c r="J4437" i="2"/>
  <c r="J4411" i="5" s="1"/>
  <c r="N4411" i="5" s="1"/>
  <c r="M4437" i="2"/>
  <c r="M4411" i="5" s="1"/>
  <c r="P4411" i="5" s="1"/>
  <c r="L4437" i="2"/>
  <c r="L4411" i="5" s="1"/>
  <c r="I222" i="2"/>
  <c r="I196" i="5" s="1"/>
  <c r="M222" i="2"/>
  <c r="M196" i="5" s="1"/>
  <c r="P196" i="5" s="1"/>
  <c r="J222" i="2"/>
  <c r="J196" i="5" s="1"/>
  <c r="N196" i="5" s="1"/>
  <c r="K222" i="2"/>
  <c r="K196" i="5" s="1"/>
  <c r="O196" i="5" s="1"/>
  <c r="M232" i="2"/>
  <c r="M206" i="5" s="1"/>
  <c r="P206" i="5" s="1"/>
  <c r="L8679" i="2"/>
  <c r="L8653" i="5" s="1"/>
  <c r="K5300" i="2"/>
  <c r="K5274" i="5" s="1"/>
  <c r="K2421" i="2"/>
  <c r="K2395" i="5" s="1"/>
  <c r="M2421" i="2"/>
  <c r="M2395" i="5" s="1"/>
  <c r="P2395" i="5" s="1"/>
  <c r="I2421" i="2"/>
  <c r="I2395" i="5" s="1"/>
  <c r="L2421" i="2"/>
  <c r="L2395" i="5" s="1"/>
  <c r="J2421" i="2"/>
  <c r="J2395" i="5" s="1"/>
  <c r="N2395" i="5" s="1"/>
  <c r="J3901" i="2"/>
  <c r="J3875" i="5" s="1"/>
  <c r="N3875" i="5" s="1"/>
  <c r="I3793" i="2"/>
  <c r="I3767" i="5" s="1"/>
  <c r="M3793" i="2"/>
  <c r="M3767" i="5" s="1"/>
  <c r="P3767" i="5" s="1"/>
  <c r="M1381" i="2"/>
  <c r="M1355" i="5" s="1"/>
  <c r="P1355" i="5" s="1"/>
  <c r="I1381" i="2"/>
  <c r="I1355" i="5" s="1"/>
  <c r="J1381" i="2"/>
  <c r="J1355" i="5" s="1"/>
  <c r="N1355" i="5" s="1"/>
  <c r="L1381" i="2"/>
  <c r="L1355" i="5" s="1"/>
  <c r="K1381" i="2"/>
  <c r="K1355" i="5" s="1"/>
  <c r="K4801" i="2"/>
  <c r="K4775" i="5" s="1"/>
  <c r="J4801" i="2"/>
  <c r="J4775" i="5" s="1"/>
  <c r="N4775" i="5" s="1"/>
  <c r="M4801" i="2"/>
  <c r="M4775" i="5" s="1"/>
  <c r="P4775" i="5" s="1"/>
  <c r="I4801" i="2"/>
  <c r="I4775" i="5" s="1"/>
  <c r="M7010" i="2"/>
  <c r="M6984" i="5" s="1"/>
  <c r="P6984" i="5" s="1"/>
  <c r="L7010" i="2"/>
  <c r="L6984" i="5" s="1"/>
  <c r="K7010" i="2"/>
  <c r="K6984" i="5" s="1"/>
  <c r="J7010" i="2"/>
  <c r="J6984" i="5" s="1"/>
  <c r="N6984" i="5" s="1"/>
  <c r="J5852" i="2"/>
  <c r="J5826" i="5" s="1"/>
  <c r="N5826" i="5" s="1"/>
  <c r="K5852" i="2"/>
  <c r="K5826" i="5" s="1"/>
  <c r="M6998" i="2"/>
  <c r="M6972" i="5" s="1"/>
  <c r="P6972" i="5" s="1"/>
  <c r="K6998" i="2"/>
  <c r="K6972" i="5" s="1"/>
  <c r="I3336" i="2"/>
  <c r="I3310" i="5" s="1"/>
  <c r="K3336" i="2"/>
  <c r="K3310" i="5" s="1"/>
  <c r="O3310" i="5" s="1"/>
  <c r="L2420" i="2"/>
  <c r="L2394" i="5" s="1"/>
  <c r="M2420" i="2"/>
  <c r="M2394" i="5" s="1"/>
  <c r="P2394" i="5" s="1"/>
  <c r="K70" i="2"/>
  <c r="K44" i="5" s="1"/>
  <c r="L70" i="2"/>
  <c r="L44" i="5" s="1"/>
  <c r="I70" i="2"/>
  <c r="I44" i="5" s="1"/>
  <c r="K3334" i="2"/>
  <c r="K3308" i="5" s="1"/>
  <c r="M388" i="2"/>
  <c r="M362" i="5" s="1"/>
  <c r="P362" i="5" s="1"/>
  <c r="L388" i="2"/>
  <c r="L362" i="5" s="1"/>
  <c r="J388" i="2"/>
  <c r="J362" i="5" s="1"/>
  <c r="K388" i="2"/>
  <c r="K362" i="5" s="1"/>
  <c r="I8112" i="2"/>
  <c r="I8086" i="5" s="1"/>
  <c r="L8112" i="2"/>
  <c r="L8086" i="5" s="1"/>
  <c r="K8112" i="2"/>
  <c r="K8086" i="5" s="1"/>
  <c r="L8456" i="2"/>
  <c r="L8430" i="5" s="1"/>
  <c r="M8456" i="2"/>
  <c r="M8430" i="5" s="1"/>
  <c r="P8430" i="5" s="1"/>
  <c r="I3277" i="2"/>
  <c r="I3251" i="5" s="1"/>
  <c r="M3277" i="2"/>
  <c r="M3251" i="5" s="1"/>
  <c r="P3251" i="5" s="1"/>
  <c r="J3277" i="2"/>
  <c r="J3251" i="5" s="1"/>
  <c r="N3251" i="5" s="1"/>
  <c r="J2405" i="2"/>
  <c r="J2379" i="5" s="1"/>
  <c r="M2405" i="2"/>
  <c r="M2379" i="5" s="1"/>
  <c r="P2379" i="5" s="1"/>
  <c r="M4290" i="2"/>
  <c r="M4264" i="5" s="1"/>
  <c r="P4264" i="5" s="1"/>
  <c r="L4290" i="2"/>
  <c r="L4264" i="5" s="1"/>
  <c r="J4789" i="2"/>
  <c r="J4763" i="5" s="1"/>
  <c r="N4763" i="5" s="1"/>
  <c r="L4789" i="2"/>
  <c r="L4763" i="5" s="1"/>
  <c r="I4789" i="2"/>
  <c r="I4763" i="5" s="1"/>
  <c r="I2440" i="2"/>
  <c r="I2414" i="5" s="1"/>
  <c r="L2440" i="2"/>
  <c r="L2414" i="5" s="1"/>
  <c r="L8694" i="2"/>
  <c r="L8668" i="5" s="1"/>
  <c r="K8694" i="2"/>
  <c r="K8668" i="5" s="1"/>
  <c r="I7978" i="2"/>
  <c r="I7952" i="5" s="1"/>
  <c r="M7978" i="2"/>
  <c r="M7952" i="5" s="1"/>
  <c r="P7952" i="5" s="1"/>
  <c r="I2505" i="2"/>
  <c r="I2479" i="5" s="1"/>
  <c r="J2505" i="2"/>
  <c r="J2479" i="5" s="1"/>
  <c r="N2479" i="5" s="1"/>
  <c r="M2505" i="2"/>
  <c r="M2479" i="5" s="1"/>
  <c r="P2479" i="5" s="1"/>
  <c r="I1634" i="2"/>
  <c r="I1608" i="5" s="1"/>
  <c r="I8460" i="2"/>
  <c r="I8434" i="5" s="1"/>
  <c r="L816" i="2"/>
  <c r="L790" i="5" s="1"/>
  <c r="M816" i="2"/>
  <c r="M790" i="5" s="1"/>
  <c r="P790" i="5" s="1"/>
  <c r="M3129" i="2"/>
  <c r="M3103" i="5" s="1"/>
  <c r="P3103" i="5" s="1"/>
  <c r="I3129" i="2"/>
  <c r="I3103" i="5" s="1"/>
  <c r="M4632" i="2"/>
  <c r="M4606" i="5" s="1"/>
  <c r="P4606" i="5" s="1"/>
  <c r="K4632" i="2"/>
  <c r="K4606" i="5" s="1"/>
  <c r="K5243" i="2"/>
  <c r="K5217" i="5" s="1"/>
  <c r="J5243" i="2"/>
  <c r="J5217" i="5" s="1"/>
  <c r="N5217" i="5" s="1"/>
  <c r="L5243" i="2"/>
  <c r="L5217" i="5" s="1"/>
  <c r="M5243" i="2"/>
  <c r="M5217" i="5" s="1"/>
  <c r="P5217" i="5" s="1"/>
  <c r="L7426" i="2"/>
  <c r="L7400" i="5" s="1"/>
  <c r="M7426" i="2"/>
  <c r="M7400" i="5" s="1"/>
  <c r="P7400" i="5" s="1"/>
  <c r="K7426" i="2"/>
  <c r="K7400" i="5" s="1"/>
  <c r="K3764" i="2"/>
  <c r="K3738" i="5" s="1"/>
  <c r="J3764" i="2"/>
  <c r="J3738" i="5" s="1"/>
  <c r="N3738" i="5" s="1"/>
  <c r="K2254" i="2"/>
  <c r="K2228" i="5" s="1"/>
  <c r="L7841" i="2"/>
  <c r="L7815" i="5" s="1"/>
  <c r="J7841" i="2"/>
  <c r="J7815" i="5" s="1"/>
  <c r="N7815" i="5" s="1"/>
  <c r="I7841" i="2"/>
  <c r="I7815" i="5" s="1"/>
  <c r="K7841" i="2"/>
  <c r="K7815" i="5" s="1"/>
  <c r="L968" i="2"/>
  <c r="L942" i="5" s="1"/>
  <c r="I968" i="2"/>
  <c r="I942" i="5" s="1"/>
  <c r="K968" i="2"/>
  <c r="K942" i="5" s="1"/>
  <c r="J968" i="2"/>
  <c r="J942" i="5" s="1"/>
  <c r="N942" i="5" s="1"/>
  <c r="L6326" i="2"/>
  <c r="L6300" i="5" s="1"/>
  <c r="K6326" i="2"/>
  <c r="K6300" i="5" s="1"/>
  <c r="L1285" i="2"/>
  <c r="L1259" i="5" s="1"/>
  <c r="K1285" i="2"/>
  <c r="K1259" i="5" s="1"/>
  <c r="I1285" i="2"/>
  <c r="I1259" i="5" s="1"/>
  <c r="K4930" i="2"/>
  <c r="K4904" i="5" s="1"/>
  <c r="O4904" i="5" s="1"/>
  <c r="M4930" i="2"/>
  <c r="M4904" i="5" s="1"/>
  <c r="P4904" i="5" s="1"/>
  <c r="J2943" i="2"/>
  <c r="J2917" i="5" s="1"/>
  <c r="N2917" i="5" s="1"/>
  <c r="I2943" i="2"/>
  <c r="I2917" i="5" s="1"/>
  <c r="L3307" i="2"/>
  <c r="L3281" i="5" s="1"/>
  <c r="J3307" i="2"/>
  <c r="J3281" i="5" s="1"/>
  <c r="N3281" i="5" s="1"/>
  <c r="M2089" i="2"/>
  <c r="M2063" i="5" s="1"/>
  <c r="P2063" i="5" s="1"/>
  <c r="C165" i="5"/>
  <c r="AR159" i="1"/>
  <c r="L7523" i="2"/>
  <c r="L7497" i="5" s="1"/>
  <c r="J7523" i="2"/>
  <c r="J7497" i="5" s="1"/>
  <c r="N7497" i="5" s="1"/>
  <c r="L2468" i="2"/>
  <c r="L2442" i="5" s="1"/>
  <c r="K2468" i="2"/>
  <c r="K2442" i="5" s="1"/>
  <c r="J2468" i="2"/>
  <c r="J2442" i="5" s="1"/>
  <c r="N2442" i="5" s="1"/>
  <c r="J1249" i="2"/>
  <c r="J1223" i="5" s="1"/>
  <c r="N1223" i="5" s="1"/>
  <c r="L1249" i="2"/>
  <c r="L1223" i="5" s="1"/>
  <c r="I6816" i="2"/>
  <c r="I6790" i="5" s="1"/>
  <c r="M6816" i="2"/>
  <c r="M6790" i="5" s="1"/>
  <c r="P6790" i="5" s="1"/>
  <c r="K6816" i="2"/>
  <c r="K6790" i="5" s="1"/>
  <c r="L6816" i="2"/>
  <c r="L6790" i="5" s="1"/>
  <c r="J6517" i="2"/>
  <c r="J6491" i="5" s="1"/>
  <c r="N6491" i="5" s="1"/>
  <c r="L6517" i="2"/>
  <c r="L6491" i="5" s="1"/>
  <c r="L1796" i="2"/>
  <c r="L1770" i="5" s="1"/>
  <c r="M5091" i="2"/>
  <c r="M5065" i="5" s="1"/>
  <c r="P5065" i="5" s="1"/>
  <c r="I5091" i="2"/>
  <c r="I5065" i="5" s="1"/>
  <c r="J5091" i="2"/>
  <c r="J5065" i="5" s="1"/>
  <c r="N5065" i="5" s="1"/>
  <c r="I5166" i="2"/>
  <c r="I5140" i="5" s="1"/>
  <c r="K5166" i="2"/>
  <c r="K5140" i="5" s="1"/>
  <c r="M5166" i="2"/>
  <c r="M5140" i="5" s="1"/>
  <c r="P5140" i="5" s="1"/>
  <c r="M321" i="2"/>
  <c r="M295" i="5" s="1"/>
  <c r="P295" i="5" s="1"/>
  <c r="L321" i="2"/>
  <c r="L295" i="5" s="1"/>
  <c r="L5689" i="2"/>
  <c r="L5663" i="5" s="1"/>
  <c r="I5689" i="2"/>
  <c r="I5663" i="5" s="1"/>
  <c r="L7476" i="2"/>
  <c r="L7450" i="5" s="1"/>
  <c r="K7476" i="2"/>
  <c r="K7450" i="5" s="1"/>
  <c r="M8616" i="2"/>
  <c r="M8590" i="5" s="1"/>
  <c r="P8590" i="5" s="1"/>
  <c r="I8616" i="2"/>
  <c r="I8590" i="5" s="1"/>
  <c r="K8616" i="2"/>
  <c r="K8590" i="5" s="1"/>
  <c r="O8590" i="5" s="1"/>
  <c r="J8616" i="2"/>
  <c r="J8590" i="5" s="1"/>
  <c r="N8590" i="5" s="1"/>
  <c r="L2640" i="2"/>
  <c r="L2614" i="5" s="1"/>
  <c r="I2640" i="2"/>
  <c r="I2614" i="5" s="1"/>
  <c r="L5640" i="2"/>
  <c r="L5614" i="5" s="1"/>
  <c r="I5640" i="2"/>
  <c r="I5614" i="5" s="1"/>
  <c r="K5640" i="2"/>
  <c r="K5614" i="5" s="1"/>
  <c r="M7169" i="2"/>
  <c r="M7143" i="5" s="1"/>
  <c r="P7143" i="5" s="1"/>
  <c r="I7169" i="2"/>
  <c r="I7143" i="5" s="1"/>
  <c r="K7134" i="2"/>
  <c r="K7108" i="5" s="1"/>
  <c r="O7108" i="5" s="1"/>
  <c r="I7134" i="2"/>
  <c r="I7108" i="5" s="1"/>
  <c r="L7123" i="2"/>
  <c r="L7097" i="5" s="1"/>
  <c r="M7123" i="2"/>
  <c r="M7097" i="5" s="1"/>
  <c r="P7097" i="5" s="1"/>
  <c r="J883" i="2"/>
  <c r="J857" i="5" s="1"/>
  <c r="L883" i="2"/>
  <c r="L857" i="5" s="1"/>
  <c r="K6269" i="2"/>
  <c r="K6243" i="5" s="1"/>
  <c r="I8448" i="2"/>
  <c r="I8422" i="5" s="1"/>
  <c r="M8448" i="2"/>
  <c r="M8422" i="5" s="1"/>
  <c r="P8422" i="5" s="1"/>
  <c r="K8448" i="2"/>
  <c r="K8422" i="5" s="1"/>
  <c r="L4305" i="2"/>
  <c r="L4279" i="5" s="1"/>
  <c r="M4305" i="2"/>
  <c r="M4279" i="5" s="1"/>
  <c r="P4279" i="5" s="1"/>
  <c r="M2444" i="2"/>
  <c r="M2418" i="5" s="1"/>
  <c r="P2418" i="5" s="1"/>
  <c r="I2444" i="2"/>
  <c r="I2418" i="5" s="1"/>
  <c r="J2444" i="2"/>
  <c r="J2418" i="5" s="1"/>
  <c r="N2418" i="5" s="1"/>
  <c r="I8697" i="2"/>
  <c r="I8671" i="5" s="1"/>
  <c r="K8697" i="2"/>
  <c r="K8671" i="5" s="1"/>
  <c r="M8697" i="2"/>
  <c r="M8671" i="5" s="1"/>
  <c r="P8671" i="5" s="1"/>
  <c r="K2825" i="2"/>
  <c r="K2799" i="5" s="1"/>
  <c r="J2825" i="2"/>
  <c r="J2799" i="5" s="1"/>
  <c r="N2799" i="5" s="1"/>
  <c r="M2825" i="2"/>
  <c r="M2799" i="5" s="1"/>
  <c r="P2799" i="5" s="1"/>
  <c r="K4927" i="2"/>
  <c r="K4901" i="5" s="1"/>
  <c r="L4927" i="2"/>
  <c r="L4901" i="5" s="1"/>
  <c r="I4927" i="2"/>
  <c r="I4901" i="5" s="1"/>
  <c r="J5480" i="2"/>
  <c r="J5454" i="5" s="1"/>
  <c r="N5454" i="5" s="1"/>
  <c r="K5480" i="2"/>
  <c r="K5454" i="5" s="1"/>
  <c r="O5454" i="5" s="1"/>
  <c r="I5480" i="2"/>
  <c r="I5454" i="5" s="1"/>
  <c r="L657" i="2"/>
  <c r="L631" i="5" s="1"/>
  <c r="M657" i="2"/>
  <c r="M631" i="5" s="1"/>
  <c r="P631" i="5" s="1"/>
  <c r="L1804" i="2"/>
  <c r="L1778" i="5" s="1"/>
  <c r="K1804" i="2"/>
  <c r="K1778" i="5" s="1"/>
  <c r="I8016" i="2"/>
  <c r="I7990" i="5" s="1"/>
  <c r="J8016" i="2"/>
  <c r="J7990" i="5" s="1"/>
  <c r="N7990" i="5" s="1"/>
  <c r="L8016" i="2"/>
  <c r="L7990" i="5" s="1"/>
  <c r="J7004" i="2"/>
  <c r="J6978" i="5" s="1"/>
  <c r="N6978" i="5" s="1"/>
  <c r="K7004" i="2"/>
  <c r="K6978" i="5" s="1"/>
  <c r="L7004" i="2"/>
  <c r="L6978" i="5" s="1"/>
  <c r="K3670" i="2"/>
  <c r="K3644" i="5" s="1"/>
  <c r="M3670" i="2"/>
  <c r="M3644" i="5" s="1"/>
  <c r="P3644" i="5" s="1"/>
  <c r="L3670" i="2"/>
  <c r="L3644" i="5" s="1"/>
  <c r="I3670" i="2"/>
  <c r="I3644" i="5" s="1"/>
  <c r="D213" i="5"/>
  <c r="AR207" i="1"/>
  <c r="I3447" i="2"/>
  <c r="I3421" i="5" s="1"/>
  <c r="K3447" i="2"/>
  <c r="K3421" i="5" s="1"/>
  <c r="J3447" i="2"/>
  <c r="J3421" i="5" s="1"/>
  <c r="N3421" i="5" s="1"/>
  <c r="I1482" i="2"/>
  <c r="I1456" i="5" s="1"/>
  <c r="L1482" i="2"/>
  <c r="L1456" i="5" s="1"/>
  <c r="K1482" i="2"/>
  <c r="K1456" i="5" s="1"/>
  <c r="J8665" i="2"/>
  <c r="J8639" i="5" s="1"/>
  <c r="N8639" i="5" s="1"/>
  <c r="I8665" i="2"/>
  <c r="I8639" i="5" s="1"/>
  <c r="K8665" i="2"/>
  <c r="K8639" i="5" s="1"/>
  <c r="O8639" i="5" s="1"/>
  <c r="L7428" i="2"/>
  <c r="L7402" i="5" s="1"/>
  <c r="I7428" i="2"/>
  <c r="I7402" i="5" s="1"/>
  <c r="J7428" i="2"/>
  <c r="J7402" i="5" s="1"/>
  <c r="N7402" i="5" s="1"/>
  <c r="K7428" i="2"/>
  <c r="K7402" i="5" s="1"/>
  <c r="K5429" i="2"/>
  <c r="K5403" i="5" s="1"/>
  <c r="J5429" i="2"/>
  <c r="J5403" i="5" s="1"/>
  <c r="N5403" i="5" s="1"/>
  <c r="L5429" i="2"/>
  <c r="L5403" i="5" s="1"/>
  <c r="L5437" i="2"/>
  <c r="L5411" i="5" s="1"/>
  <c r="K5437" i="2"/>
  <c r="K5411" i="5" s="1"/>
  <c r="M6932" i="2"/>
  <c r="M6906" i="5" s="1"/>
  <c r="P6906" i="5" s="1"/>
  <c r="I6932" i="2"/>
  <c r="I6906" i="5" s="1"/>
  <c r="L6932" i="2"/>
  <c r="L6906" i="5" s="1"/>
  <c r="K6932" i="2"/>
  <c r="K6906" i="5" s="1"/>
  <c r="J6932" i="2"/>
  <c r="J6906" i="5" s="1"/>
  <c r="N6906" i="5" s="1"/>
  <c r="M8018" i="2"/>
  <c r="M7992" i="5" s="1"/>
  <c r="P7992" i="5" s="1"/>
  <c r="I8018" i="2"/>
  <c r="I7992" i="5" s="1"/>
  <c r="K8018" i="2"/>
  <c r="K7992" i="5" s="1"/>
  <c r="L5256" i="2"/>
  <c r="L5230" i="5" s="1"/>
  <c r="M5256" i="2"/>
  <c r="M5230" i="5" s="1"/>
  <c r="P5230" i="5" s="1"/>
  <c r="I5256" i="2"/>
  <c r="I5230" i="5" s="1"/>
  <c r="K5256" i="2"/>
  <c r="K5230" i="5" s="1"/>
  <c r="J5256" i="2"/>
  <c r="J5230" i="5" s="1"/>
  <c r="N5230" i="5" s="1"/>
  <c r="E298" i="5"/>
  <c r="AR292" i="1"/>
  <c r="M5311" i="2"/>
  <c r="M5285" i="5" s="1"/>
  <c r="P5285" i="5" s="1"/>
  <c r="L5311" i="2"/>
  <c r="L5285" i="5" s="1"/>
  <c r="I5311" i="2"/>
  <c r="I5285" i="5" s="1"/>
  <c r="K5311" i="2"/>
  <c r="K5285" i="5" s="1"/>
  <c r="J5311" i="2"/>
  <c r="J5285" i="5" s="1"/>
  <c r="N5285" i="5" s="1"/>
  <c r="J1780" i="2"/>
  <c r="J1754" i="5" s="1"/>
  <c r="N1754" i="5" s="1"/>
  <c r="I1780" i="2"/>
  <c r="I1754" i="5" s="1"/>
  <c r="K1780" i="2"/>
  <c r="K1754" i="5" s="1"/>
  <c r="O1754" i="5" s="1"/>
  <c r="M1780" i="2"/>
  <c r="M1754" i="5" s="1"/>
  <c r="P1754" i="5" s="1"/>
  <c r="K7837" i="2"/>
  <c r="K7811" i="5" s="1"/>
  <c r="L7837" i="2"/>
  <c r="L7811" i="5" s="1"/>
  <c r="J7837" i="2"/>
  <c r="J7811" i="5" s="1"/>
  <c r="N7811" i="5" s="1"/>
  <c r="I7837" i="2"/>
  <c r="I7811" i="5" s="1"/>
  <c r="I3613" i="2"/>
  <c r="I3587" i="5" s="1"/>
  <c r="J3613" i="2"/>
  <c r="J3587" i="5" s="1"/>
  <c r="N3587" i="5" s="1"/>
  <c r="K3613" i="2"/>
  <c r="K3587" i="5" s="1"/>
  <c r="L3928" i="2"/>
  <c r="L3902" i="5" s="1"/>
  <c r="M3928" i="2"/>
  <c r="M3902" i="5" s="1"/>
  <c r="P3902" i="5" s="1"/>
  <c r="J5934" i="2"/>
  <c r="J5908" i="5" s="1"/>
  <c r="N5908" i="5" s="1"/>
  <c r="M5934" i="2"/>
  <c r="M5908" i="5" s="1"/>
  <c r="P5908" i="5" s="1"/>
  <c r="I4515" i="2"/>
  <c r="I4489" i="5" s="1"/>
  <c r="J4515" i="2"/>
  <c r="J4489" i="5" s="1"/>
  <c r="L4939" i="2"/>
  <c r="L4913" i="5" s="1"/>
  <c r="J4939" i="2"/>
  <c r="J4913" i="5" s="1"/>
  <c r="N4913" i="5" s="1"/>
  <c r="J7323" i="2"/>
  <c r="J7297" i="5" s="1"/>
  <c r="N7297" i="5" s="1"/>
  <c r="L7323" i="2"/>
  <c r="L7297" i="5" s="1"/>
  <c r="M7323" i="2"/>
  <c r="M7297" i="5" s="1"/>
  <c r="P7297" i="5" s="1"/>
  <c r="I7323" i="2"/>
  <c r="I7297" i="5" s="1"/>
  <c r="M4643" i="2"/>
  <c r="M4617" i="5" s="1"/>
  <c r="P4617" i="5" s="1"/>
  <c r="K4643" i="2"/>
  <c r="K4617" i="5" s="1"/>
  <c r="M4402" i="2"/>
  <c r="M4376" i="5" s="1"/>
  <c r="P4376" i="5" s="1"/>
  <c r="K4402" i="2"/>
  <c r="K4376" i="5" s="1"/>
  <c r="L4402" i="2"/>
  <c r="L4376" i="5" s="1"/>
  <c r="K7531" i="2"/>
  <c r="K7505" i="5" s="1"/>
  <c r="M7531" i="2"/>
  <c r="M7505" i="5" s="1"/>
  <c r="P7505" i="5" s="1"/>
  <c r="J7531" i="2"/>
  <c r="J7505" i="5" s="1"/>
  <c r="N7505" i="5" s="1"/>
  <c r="I2601" i="2"/>
  <c r="I2575" i="5" s="1"/>
  <c r="K2601" i="2"/>
  <c r="K2575" i="5" s="1"/>
  <c r="O2575" i="5" s="1"/>
  <c r="M2601" i="2"/>
  <c r="M2575" i="5" s="1"/>
  <c r="P2575" i="5" s="1"/>
  <c r="J2329" i="2"/>
  <c r="J2303" i="5" s="1"/>
  <c r="N2303" i="5" s="1"/>
  <c r="I2329" i="2"/>
  <c r="I2303" i="5" s="1"/>
  <c r="L2820" i="2"/>
  <c r="L2794" i="5" s="1"/>
  <c r="I2820" i="2"/>
  <c r="I2794" i="5" s="1"/>
  <c r="M4086" i="2"/>
  <c r="M4060" i="5" s="1"/>
  <c r="P4060" i="5" s="1"/>
  <c r="L4086" i="2"/>
  <c r="L4060" i="5" s="1"/>
  <c r="I8533" i="2"/>
  <c r="I8507" i="5" s="1"/>
  <c r="M8533" i="2"/>
  <c r="M8507" i="5" s="1"/>
  <c r="P8507" i="5" s="1"/>
  <c r="L8533" i="2"/>
  <c r="L8507" i="5" s="1"/>
  <c r="J2480" i="2"/>
  <c r="J2454" i="5" s="1"/>
  <c r="N2454" i="5" s="1"/>
  <c r="K2480" i="2"/>
  <c r="K2454" i="5" s="1"/>
  <c r="I2480" i="2"/>
  <c r="I2454" i="5" s="1"/>
  <c r="L4428" i="2"/>
  <c r="L4402" i="5" s="1"/>
  <c r="I4428" i="2"/>
  <c r="I4402" i="5" s="1"/>
  <c r="I6176" i="2"/>
  <c r="I6150" i="5" s="1"/>
  <c r="M6176" i="2"/>
  <c r="M6150" i="5" s="1"/>
  <c r="P6150" i="5" s="1"/>
  <c r="I1761" i="2"/>
  <c r="I1735" i="5" s="1"/>
  <c r="M1761" i="2"/>
  <c r="M1735" i="5" s="1"/>
  <c r="P1735" i="5" s="1"/>
  <c r="L4179" i="2"/>
  <c r="L4153" i="5" s="1"/>
  <c r="I4179" i="2"/>
  <c r="I4153" i="5" s="1"/>
  <c r="K3100" i="2"/>
  <c r="K3074" i="5" s="1"/>
  <c r="I3100" i="2"/>
  <c r="I3074" i="5" s="1"/>
  <c r="K7822" i="2"/>
  <c r="K7796" i="5" s="1"/>
  <c r="J7822" i="2"/>
  <c r="J7796" i="5" s="1"/>
  <c r="N7796" i="5" s="1"/>
  <c r="L1286" i="2"/>
  <c r="L1260" i="5" s="1"/>
  <c r="J1286" i="2"/>
  <c r="J1260" i="5" s="1"/>
  <c r="N1260" i="5" s="1"/>
  <c r="I1286" i="2"/>
  <c r="I1260" i="5" s="1"/>
  <c r="K1286" i="2"/>
  <c r="K1260" i="5" s="1"/>
  <c r="J5300" i="2"/>
  <c r="J5274" i="5" s="1"/>
  <c r="N5274" i="5" s="1"/>
  <c r="M5300" i="2"/>
  <c r="M5274" i="5" s="1"/>
  <c r="P5274" i="5" s="1"/>
  <c r="L5300" i="2"/>
  <c r="L5274" i="5" s="1"/>
  <c r="K7267" i="2"/>
  <c r="K7241" i="5" s="1"/>
  <c r="M7267" i="2"/>
  <c r="M7241" i="5" s="1"/>
  <c r="P7241" i="5" s="1"/>
  <c r="L7267" i="2"/>
  <c r="L7241" i="5" s="1"/>
  <c r="K6358" i="2"/>
  <c r="K6332" i="5" s="1"/>
  <c r="L6358" i="2"/>
  <c r="L6332" i="5" s="1"/>
  <c r="I6358" i="2"/>
  <c r="I6332" i="5" s="1"/>
  <c r="K6701" i="2"/>
  <c r="K6675" i="5" s="1"/>
  <c r="J6701" i="2"/>
  <c r="J6675" i="5" s="1"/>
  <c r="N6675" i="5" s="1"/>
  <c r="M6701" i="2"/>
  <c r="M6675" i="5" s="1"/>
  <c r="P6675" i="5" s="1"/>
  <c r="L6701" i="2"/>
  <c r="L6675" i="5" s="1"/>
  <c r="I6701" i="2"/>
  <c r="I6675" i="5" s="1"/>
  <c r="M5805" i="2"/>
  <c r="M5779" i="5" s="1"/>
  <c r="P5779" i="5" s="1"/>
  <c r="I5805" i="2"/>
  <c r="I5779" i="5" s="1"/>
  <c r="K5805" i="2"/>
  <c r="K5779" i="5" s="1"/>
  <c r="J628" i="2"/>
  <c r="J602" i="5" s="1"/>
  <c r="N602" i="5" s="1"/>
  <c r="I628" i="2"/>
  <c r="I602" i="5" s="1"/>
  <c r="L628" i="2"/>
  <c r="L602" i="5" s="1"/>
  <c r="M628" i="2"/>
  <c r="M602" i="5" s="1"/>
  <c r="P602" i="5" s="1"/>
  <c r="J7855" i="2"/>
  <c r="J7829" i="5" s="1"/>
  <c r="K7855" i="2"/>
  <c r="K7829" i="5" s="1"/>
  <c r="O7829" i="5" s="1"/>
  <c r="M7855" i="2"/>
  <c r="M7829" i="5" s="1"/>
  <c r="P7829" i="5" s="1"/>
  <c r="L966" i="2"/>
  <c r="L940" i="5" s="1"/>
  <c r="M966" i="2"/>
  <c r="M940" i="5" s="1"/>
  <c r="P940" i="5" s="1"/>
  <c r="J966" i="2"/>
  <c r="J940" i="5" s="1"/>
  <c r="N940" i="5" s="1"/>
  <c r="I966" i="2"/>
  <c r="I940" i="5" s="1"/>
  <c r="M3934" i="2"/>
  <c r="M3908" i="5" s="1"/>
  <c r="P3908" i="5" s="1"/>
  <c r="I3934" i="2"/>
  <c r="I3908" i="5" s="1"/>
  <c r="M3236" i="2"/>
  <c r="M3210" i="5" s="1"/>
  <c r="P3210" i="5" s="1"/>
  <c r="K3236" i="2"/>
  <c r="K3210" i="5" s="1"/>
  <c r="O3210" i="5" s="1"/>
  <c r="J3236" i="2"/>
  <c r="J3210" i="5" s="1"/>
  <c r="N3210" i="5" s="1"/>
  <c r="J5109" i="2"/>
  <c r="J5083" i="5" s="1"/>
  <c r="N5083" i="5" s="1"/>
  <c r="L5109" i="2"/>
  <c r="L5083" i="5" s="1"/>
  <c r="M5109" i="2"/>
  <c r="M5083" i="5" s="1"/>
  <c r="P5083" i="5" s="1"/>
  <c r="I5109" i="2"/>
  <c r="I5083" i="5" s="1"/>
  <c r="K5109" i="2"/>
  <c r="K5083" i="5" s="1"/>
  <c r="J3501" i="2"/>
  <c r="J3475" i="5" s="1"/>
  <c r="N3475" i="5" s="1"/>
  <c r="I3501" i="2"/>
  <c r="I3475" i="5" s="1"/>
  <c r="K3501" i="2"/>
  <c r="K3475" i="5" s="1"/>
  <c r="L3501" i="2"/>
  <c r="L3475" i="5" s="1"/>
  <c r="I3737" i="2"/>
  <c r="I3711" i="5" s="1"/>
  <c r="L3737" i="2"/>
  <c r="L3711" i="5" s="1"/>
  <c r="K3737" i="2"/>
  <c r="K3711" i="5" s="1"/>
  <c r="M3737" i="2"/>
  <c r="M3711" i="5" s="1"/>
  <c r="P3711" i="5" s="1"/>
  <c r="L1298" i="2"/>
  <c r="L1272" i="5" s="1"/>
  <c r="J1298" i="2"/>
  <c r="J1272" i="5" s="1"/>
  <c r="L1139" i="2"/>
  <c r="L1113" i="5" s="1"/>
  <c r="I1139" i="2"/>
  <c r="I1113" i="5" s="1"/>
  <c r="J2778" i="2"/>
  <c r="J2752" i="5" s="1"/>
  <c r="N2752" i="5" s="1"/>
  <c r="I2778" i="2"/>
  <c r="I2752" i="5" s="1"/>
  <c r="K2778" i="2"/>
  <c r="K2752" i="5" s="1"/>
  <c r="M2778" i="2"/>
  <c r="M2752" i="5" s="1"/>
  <c r="P2752" i="5" s="1"/>
  <c r="L2778" i="2"/>
  <c r="L2752" i="5" s="1"/>
  <c r="M4935" i="2"/>
  <c r="M4909" i="5" s="1"/>
  <c r="P4909" i="5" s="1"/>
  <c r="I4935" i="2"/>
  <c r="I4909" i="5" s="1"/>
  <c r="I7853" i="2"/>
  <c r="I7827" i="5" s="1"/>
  <c r="K7853" i="2"/>
  <c r="K7827" i="5" s="1"/>
  <c r="L7853" i="2"/>
  <c r="L7827" i="5" s="1"/>
  <c r="M7853" i="2"/>
  <c r="M7827" i="5" s="1"/>
  <c r="P7827" i="5" s="1"/>
  <c r="J7853" i="2"/>
  <c r="J7827" i="5" s="1"/>
  <c r="I3664" i="2"/>
  <c r="I3638" i="5" s="1"/>
  <c r="K3664" i="2"/>
  <c r="K3638" i="5" s="1"/>
  <c r="L3664" i="2"/>
  <c r="L3638" i="5" s="1"/>
  <c r="J3664" i="2"/>
  <c r="J3638" i="5" s="1"/>
  <c r="N3638" i="5" s="1"/>
  <c r="M3664" i="2"/>
  <c r="M3638" i="5" s="1"/>
  <c r="P3638" i="5" s="1"/>
  <c r="K2596" i="2"/>
  <c r="K2570" i="5" s="1"/>
  <c r="L2596" i="2"/>
  <c r="L2570" i="5" s="1"/>
  <c r="M6337" i="2"/>
  <c r="M6311" i="5" s="1"/>
  <c r="P6311" i="5" s="1"/>
  <c r="J6337" i="2"/>
  <c r="J6311" i="5" s="1"/>
  <c r="N6311" i="5" s="1"/>
  <c r="K2941" i="2"/>
  <c r="K2915" i="5" s="1"/>
  <c r="L2941" i="2"/>
  <c r="L2915" i="5" s="1"/>
  <c r="J2941" i="2"/>
  <c r="J2915" i="5" s="1"/>
  <c r="N2915" i="5" s="1"/>
  <c r="L2322" i="2"/>
  <c r="L2296" i="5" s="1"/>
  <c r="I2322" i="2"/>
  <c r="I2296" i="5" s="1"/>
  <c r="L2834" i="2"/>
  <c r="L2808" i="5" s="1"/>
  <c r="J2834" i="2"/>
  <c r="J2808" i="5" s="1"/>
  <c r="M2834" i="2"/>
  <c r="M2808" i="5" s="1"/>
  <c r="P2808" i="5" s="1"/>
  <c r="L4080" i="2"/>
  <c r="L4054" i="5" s="1"/>
  <c r="L2070" i="2"/>
  <c r="L2044" i="5" s="1"/>
  <c r="K2070" i="2"/>
  <c r="K2044" i="5" s="1"/>
  <c r="I4110" i="2"/>
  <c r="I4084" i="5" s="1"/>
  <c r="K4110" i="2"/>
  <c r="K4084" i="5" s="1"/>
  <c r="M4110" i="2"/>
  <c r="M4084" i="5" s="1"/>
  <c r="P4084" i="5" s="1"/>
  <c r="J4110" i="2"/>
  <c r="J4084" i="5" s="1"/>
  <c r="N4084" i="5" s="1"/>
  <c r="L4110" i="2"/>
  <c r="L4084" i="5" s="1"/>
  <c r="M8534" i="2"/>
  <c r="M8508" i="5" s="1"/>
  <c r="P8508" i="5" s="1"/>
  <c r="M8298" i="2"/>
  <c r="M8272" i="5" s="1"/>
  <c r="P8272" i="5" s="1"/>
  <c r="I8298" i="2"/>
  <c r="I8272" i="5" s="1"/>
  <c r="J8298" i="2"/>
  <c r="J8272" i="5" s="1"/>
  <c r="N8272" i="5" s="1"/>
  <c r="L8298" i="2"/>
  <c r="L8272" i="5" s="1"/>
  <c r="K8298" i="2"/>
  <c r="K8272" i="5" s="1"/>
  <c r="I2472" i="2"/>
  <c r="I2446" i="5" s="1"/>
  <c r="J2472" i="2"/>
  <c r="J2446" i="5" s="1"/>
  <c r="N2446" i="5" s="1"/>
  <c r="L2472" i="2"/>
  <c r="L2446" i="5" s="1"/>
  <c r="I1752" i="2"/>
  <c r="I1726" i="5" s="1"/>
  <c r="K1752" i="2"/>
  <c r="K1726" i="5" s="1"/>
  <c r="J1752" i="2"/>
  <c r="J1726" i="5" s="1"/>
  <c r="N1726" i="5" s="1"/>
  <c r="L1752" i="2"/>
  <c r="L1726" i="5" s="1"/>
  <c r="M1752" i="2"/>
  <c r="M1726" i="5" s="1"/>
  <c r="P1726" i="5" s="1"/>
  <c r="K6172" i="2"/>
  <c r="K6146" i="5" s="1"/>
  <c r="J6172" i="2"/>
  <c r="J6146" i="5" s="1"/>
  <c r="N6146" i="5" s="1"/>
  <c r="I6172" i="2"/>
  <c r="I6146" i="5" s="1"/>
  <c r="M6172" i="2"/>
  <c r="M6146" i="5" s="1"/>
  <c r="P6146" i="5" s="1"/>
  <c r="L6172" i="2"/>
  <c r="L6146" i="5" s="1"/>
  <c r="I3437" i="2"/>
  <c r="I3411" i="5" s="1"/>
  <c r="K3437" i="2"/>
  <c r="K3411" i="5" s="1"/>
  <c r="L8329" i="2"/>
  <c r="L8303" i="5" s="1"/>
  <c r="M8329" i="2"/>
  <c r="M8303" i="5" s="1"/>
  <c r="P8303" i="5" s="1"/>
  <c r="I8329" i="2"/>
  <c r="I8303" i="5" s="1"/>
  <c r="J3830" i="2"/>
  <c r="J3804" i="5" s="1"/>
  <c r="N3804" i="5" s="1"/>
  <c r="L3830" i="2"/>
  <c r="L3804" i="5" s="1"/>
  <c r="I3830" i="2"/>
  <c r="I3804" i="5" s="1"/>
  <c r="M3830" i="2"/>
  <c r="M3804" i="5" s="1"/>
  <c r="P3804" i="5" s="1"/>
  <c r="K3830" i="2"/>
  <c r="K3804" i="5" s="1"/>
  <c r="K470" i="2"/>
  <c r="K444" i="5" s="1"/>
  <c r="O444" i="5" s="1"/>
  <c r="I3105" i="2"/>
  <c r="I3079" i="5" s="1"/>
  <c r="K3105" i="2"/>
  <c r="K3079" i="5" s="1"/>
  <c r="J8384" i="2"/>
  <c r="J8358" i="5" s="1"/>
  <c r="N8358" i="5" s="1"/>
  <c r="I8384" i="2"/>
  <c r="I8358" i="5" s="1"/>
  <c r="M1478" i="2"/>
  <c r="M1452" i="5" s="1"/>
  <c r="P1452" i="5" s="1"/>
  <c r="I1478" i="2"/>
  <c r="I1452" i="5" s="1"/>
  <c r="I7034" i="2"/>
  <c r="I7008" i="5" s="1"/>
  <c r="L7034" i="2"/>
  <c r="L7008" i="5" s="1"/>
  <c r="M7034" i="2"/>
  <c r="M7008" i="5" s="1"/>
  <c r="P7008" i="5" s="1"/>
  <c r="K7034" i="2"/>
  <c r="K7008" i="5" s="1"/>
  <c r="J7034" i="2"/>
  <c r="J7008" i="5" s="1"/>
  <c r="N7008" i="5" s="1"/>
  <c r="J5353" i="2"/>
  <c r="J5327" i="5" s="1"/>
  <c r="N5327" i="5" s="1"/>
  <c r="L5353" i="2"/>
  <c r="L5327" i="5" s="1"/>
  <c r="M5353" i="2"/>
  <c r="M5327" i="5" s="1"/>
  <c r="P5327" i="5" s="1"/>
  <c r="I5353" i="2"/>
  <c r="I5327" i="5" s="1"/>
  <c r="K5353" i="2"/>
  <c r="K5327" i="5" s="1"/>
  <c r="K3962" i="2"/>
  <c r="K3936" i="5" s="1"/>
  <c r="J3962" i="2"/>
  <c r="J3936" i="5" s="1"/>
  <c r="N3936" i="5" s="1"/>
  <c r="L3962" i="2"/>
  <c r="L3936" i="5" s="1"/>
  <c r="I3962" i="2"/>
  <c r="I3936" i="5" s="1"/>
  <c r="M3962" i="2"/>
  <c r="M3936" i="5" s="1"/>
  <c r="P3936" i="5" s="1"/>
  <c r="I5086" i="2"/>
  <c r="I5060" i="5" s="1"/>
  <c r="L5086" i="2"/>
  <c r="L5060" i="5" s="1"/>
  <c r="J5086" i="2"/>
  <c r="J5060" i="5" s="1"/>
  <c r="K5086" i="2"/>
  <c r="K5060" i="5" s="1"/>
  <c r="J6667" i="2"/>
  <c r="J6641" i="5" s="1"/>
  <c r="N6641" i="5" s="1"/>
  <c r="M6667" i="2"/>
  <c r="M6641" i="5" s="1"/>
  <c r="P6641" i="5" s="1"/>
  <c r="I6667" i="2"/>
  <c r="I6641" i="5" s="1"/>
  <c r="L6667" i="2"/>
  <c r="L6641" i="5" s="1"/>
  <c r="K6667" i="2"/>
  <c r="K6641" i="5" s="1"/>
  <c r="M2973" i="2"/>
  <c r="M2947" i="5" s="1"/>
  <c r="P2947" i="5" s="1"/>
  <c r="M6811" i="2"/>
  <c r="M6785" i="5" s="1"/>
  <c r="P6785" i="5" s="1"/>
  <c r="L6994" i="2"/>
  <c r="L6968" i="5" s="1"/>
  <c r="O6968" i="5" s="1"/>
  <c r="M1482" i="2"/>
  <c r="M1456" i="5" s="1"/>
  <c r="P1456" i="5" s="1"/>
  <c r="J6358" i="2"/>
  <c r="J6332" i="5" s="1"/>
  <c r="N6332" i="5" s="1"/>
  <c r="K628" i="2"/>
  <c r="K602" i="5" s="1"/>
  <c r="J417" i="2"/>
  <c r="J391" i="5" s="1"/>
  <c r="N391" i="5" s="1"/>
  <c r="I1275" i="2"/>
  <c r="I1249" i="5" s="1"/>
  <c r="M7939" i="2"/>
  <c r="M7913" i="5" s="1"/>
  <c r="P7913" i="5" s="1"/>
  <c r="K7939" i="2"/>
  <c r="K7913" i="5" s="1"/>
  <c r="O7913" i="5" s="1"/>
  <c r="K3444" i="2"/>
  <c r="K3418" i="5" s="1"/>
  <c r="O3418" i="5" s="1"/>
  <c r="J4909" i="2"/>
  <c r="J4883" i="5" s="1"/>
  <c r="N4883" i="5" s="1"/>
  <c r="I4909" i="2"/>
  <c r="I4883" i="5" s="1"/>
  <c r="K4909" i="2"/>
  <c r="K4883" i="5" s="1"/>
  <c r="M8037" i="2"/>
  <c r="M8011" i="5" s="1"/>
  <c r="P8011" i="5" s="1"/>
  <c r="K8037" i="2"/>
  <c r="K8011" i="5" s="1"/>
  <c r="J8037" i="2"/>
  <c r="J8011" i="5" s="1"/>
  <c r="N8011" i="5" s="1"/>
  <c r="K5458" i="2"/>
  <c r="K5432" i="5" s="1"/>
  <c r="I7100" i="2"/>
  <c r="I7074" i="5" s="1"/>
  <c r="K7100" i="2"/>
  <c r="K7074" i="5" s="1"/>
  <c r="L6828" i="2"/>
  <c r="L6802" i="5" s="1"/>
  <c r="K6828" i="2"/>
  <c r="K6802" i="5" s="1"/>
  <c r="M5149" i="2"/>
  <c r="M5123" i="5" s="1"/>
  <c r="P5123" i="5" s="1"/>
  <c r="K5149" i="2"/>
  <c r="K5123" i="5" s="1"/>
  <c r="L8033" i="2"/>
  <c r="L8007" i="5" s="1"/>
  <c r="I8033" i="2"/>
  <c r="I8007" i="5" s="1"/>
  <c r="M8358" i="2"/>
  <c r="M8332" i="5" s="1"/>
  <c r="P8332" i="5" s="1"/>
  <c r="L8358" i="2"/>
  <c r="L8332" i="5" s="1"/>
  <c r="I8358" i="2"/>
  <c r="I8332" i="5" s="1"/>
  <c r="K8358" i="2"/>
  <c r="K8332" i="5" s="1"/>
  <c r="M1577" i="2"/>
  <c r="M1551" i="5" s="1"/>
  <c r="P1551" i="5" s="1"/>
  <c r="K1577" i="2"/>
  <c r="K1551" i="5" s="1"/>
  <c r="O1551" i="5" s="1"/>
  <c r="I6489" i="2"/>
  <c r="I6463" i="5" s="1"/>
  <c r="J6489" i="2"/>
  <c r="J6463" i="5" s="1"/>
  <c r="N6463" i="5" s="1"/>
  <c r="M3290" i="2"/>
  <c r="M3264" i="5" s="1"/>
  <c r="P3264" i="5" s="1"/>
  <c r="K3290" i="2"/>
  <c r="K3264" i="5" s="1"/>
  <c r="O3264" i="5" s="1"/>
  <c r="J3290" i="2"/>
  <c r="J3264" i="5" s="1"/>
  <c r="N3264" i="5" s="1"/>
  <c r="J2428" i="2"/>
  <c r="J2402" i="5" s="1"/>
  <c r="N2402" i="5" s="1"/>
  <c r="I2428" i="2"/>
  <c r="I2402" i="5" s="1"/>
  <c r="L6031" i="2"/>
  <c r="L6005" i="5" s="1"/>
  <c r="M6031" i="2"/>
  <c r="M6005" i="5" s="1"/>
  <c r="P6005" i="5" s="1"/>
  <c r="L6094" i="2"/>
  <c r="L6068" i="5" s="1"/>
  <c r="M6294" i="2"/>
  <c r="M6268" i="5" s="1"/>
  <c r="P6268" i="5" s="1"/>
  <c r="L3262" i="2"/>
  <c r="L3236" i="5" s="1"/>
  <c r="K6465" i="2"/>
  <c r="K6439" i="5" s="1"/>
  <c r="O6439" i="5" s="1"/>
  <c r="K1475" i="2"/>
  <c r="K1449" i="5" s="1"/>
  <c r="O1449" i="5" s="1"/>
  <c r="I8681" i="2"/>
  <c r="I8655" i="5" s="1"/>
  <c r="K2900" i="2"/>
  <c r="K2874" i="5" s="1"/>
  <c r="O2874" i="5" s="1"/>
  <c r="J748" i="2"/>
  <c r="J722" i="5" s="1"/>
  <c r="N722" i="5" s="1"/>
  <c r="J93" i="2"/>
  <c r="J67" i="5" s="1"/>
  <c r="N67" i="5" s="1"/>
  <c r="J8013" i="2"/>
  <c r="J7987" i="5" s="1"/>
  <c r="N7987" i="5" s="1"/>
  <c r="I7513" i="2"/>
  <c r="I7487" i="5" s="1"/>
  <c r="M5359" i="2"/>
  <c r="M5333" i="5" s="1"/>
  <c r="P5333" i="5" s="1"/>
  <c r="L7280" i="2"/>
  <c r="L7254" i="5" s="1"/>
  <c r="J6496" i="2"/>
  <c r="J6470" i="5" s="1"/>
  <c r="N6470" i="5" s="1"/>
  <c r="M5969" i="2"/>
  <c r="M5943" i="5" s="1"/>
  <c r="P5943" i="5" s="1"/>
  <c r="K4659" i="2"/>
  <c r="K4633" i="5" s="1"/>
  <c r="K6811" i="2"/>
  <c r="K6785" i="5" s="1"/>
  <c r="O6785" i="5" s="1"/>
  <c r="I7698" i="2"/>
  <c r="I7672" i="5" s="1"/>
  <c r="M6358" i="2"/>
  <c r="M6332" i="5" s="1"/>
  <c r="P6332" i="5" s="1"/>
  <c r="M968" i="2"/>
  <c r="M942" i="5" s="1"/>
  <c r="P942" i="5" s="1"/>
  <c r="K3460" i="2"/>
  <c r="K3434" i="5" s="1"/>
  <c r="J3460" i="2"/>
  <c r="J3434" i="5" s="1"/>
  <c r="N3434" i="5" s="1"/>
  <c r="I3460" i="2"/>
  <c r="I3434" i="5" s="1"/>
  <c r="K3320" i="2"/>
  <c r="K3294" i="5" s="1"/>
  <c r="I774" i="2"/>
  <c r="I748" i="5" s="1"/>
  <c r="K6834" i="2"/>
  <c r="K6808" i="5" s="1"/>
  <c r="L6834" i="2"/>
  <c r="L6808" i="5" s="1"/>
  <c r="M6834" i="2"/>
  <c r="M6808" i="5" s="1"/>
  <c r="P6808" i="5" s="1"/>
  <c r="M2297" i="2"/>
  <c r="M2271" i="5" s="1"/>
  <c r="P2271" i="5" s="1"/>
  <c r="I2297" i="2"/>
  <c r="I2271" i="5" s="1"/>
  <c r="L2297" i="2"/>
  <c r="L2271" i="5" s="1"/>
  <c r="M6772" i="2"/>
  <c r="M6746" i="5" s="1"/>
  <c r="P6746" i="5" s="1"/>
  <c r="K6772" i="2"/>
  <c r="K6746" i="5" s="1"/>
  <c r="K1210" i="2"/>
  <c r="K1184" i="5" s="1"/>
  <c r="I8630" i="2"/>
  <c r="I8604" i="5" s="1"/>
  <c r="L4809" i="2"/>
  <c r="L4783" i="5" s="1"/>
  <c r="I4809" i="2"/>
  <c r="I4783" i="5" s="1"/>
  <c r="M818" i="2"/>
  <c r="M792" i="5" s="1"/>
  <c r="P792" i="5" s="1"/>
  <c r="L818" i="2"/>
  <c r="L792" i="5" s="1"/>
  <c r="L824" i="2"/>
  <c r="L798" i="5" s="1"/>
  <c r="I824" i="2"/>
  <c r="I798" i="5" s="1"/>
  <c r="K824" i="2"/>
  <c r="K798" i="5" s="1"/>
  <c r="M824" i="2"/>
  <c r="M798" i="5" s="1"/>
  <c r="P798" i="5" s="1"/>
  <c r="J824" i="2"/>
  <c r="J798" i="5" s="1"/>
  <c r="N798" i="5" s="1"/>
  <c r="M8541" i="2"/>
  <c r="M8515" i="5" s="1"/>
  <c r="P8515" i="5" s="1"/>
  <c r="I8541" i="2"/>
  <c r="I8515" i="5" s="1"/>
  <c r="L8541" i="2"/>
  <c r="L8515" i="5" s="1"/>
  <c r="I6631" i="2"/>
  <c r="I6605" i="5" s="1"/>
  <c r="J6631" i="2"/>
  <c r="J6605" i="5" s="1"/>
  <c r="N6605" i="5" s="1"/>
  <c r="I2264" i="2"/>
  <c r="I2238" i="5" s="1"/>
  <c r="K2264" i="2"/>
  <c r="K2238" i="5" s="1"/>
  <c r="J4297" i="2"/>
  <c r="J4271" i="5" s="1"/>
  <c r="N4271" i="5" s="1"/>
  <c r="L4297" i="2"/>
  <c r="L4271" i="5" s="1"/>
  <c r="J8120" i="2"/>
  <c r="J8094" i="5" s="1"/>
  <c r="N8094" i="5" s="1"/>
  <c r="L8120" i="2"/>
  <c r="L8094" i="5" s="1"/>
  <c r="M8120" i="2"/>
  <c r="M8094" i="5" s="1"/>
  <c r="P8094" i="5" s="1"/>
  <c r="K8120" i="2"/>
  <c r="K8094" i="5" s="1"/>
  <c r="L7659" i="2"/>
  <c r="L7633" i="5" s="1"/>
  <c r="K7659" i="2"/>
  <c r="K7633" i="5" s="1"/>
  <c r="K1990" i="2"/>
  <c r="K1964" i="5" s="1"/>
  <c r="L1990" i="2"/>
  <c r="L1964" i="5" s="1"/>
  <c r="M1990" i="2"/>
  <c r="M1964" i="5" s="1"/>
  <c r="P1964" i="5" s="1"/>
  <c r="I1990" i="2"/>
  <c r="I1964" i="5" s="1"/>
  <c r="L8202" i="2"/>
  <c r="L8176" i="5" s="1"/>
  <c r="K8202" i="2"/>
  <c r="K8176" i="5" s="1"/>
  <c r="I8202" i="2"/>
  <c r="I8176" i="5" s="1"/>
  <c r="M1099" i="2"/>
  <c r="M1073" i="5" s="1"/>
  <c r="P1073" i="5" s="1"/>
  <c r="I1099" i="2"/>
  <c r="I1073" i="5" s="1"/>
  <c r="L1099" i="2"/>
  <c r="L1073" i="5" s="1"/>
  <c r="L5451" i="2"/>
  <c r="L5425" i="5" s="1"/>
  <c r="K215" i="2"/>
  <c r="K189" i="5" s="1"/>
  <c r="M215" i="2"/>
  <c r="M189" i="5" s="1"/>
  <c r="P189" i="5" s="1"/>
  <c r="J215" i="2"/>
  <c r="J189" i="5" s="1"/>
  <c r="N189" i="5" s="1"/>
  <c r="K101" i="2"/>
  <c r="K75" i="5" s="1"/>
  <c r="M101" i="2"/>
  <c r="M75" i="5" s="1"/>
  <c r="P75" i="5" s="1"/>
  <c r="L101" i="2"/>
  <c r="L75" i="5" s="1"/>
  <c r="L245" i="2"/>
  <c r="L219" i="5" s="1"/>
  <c r="M245" i="2"/>
  <c r="M219" i="5" s="1"/>
  <c r="P219" i="5" s="1"/>
  <c r="K245" i="2"/>
  <c r="K219" i="5" s="1"/>
  <c r="I245" i="2"/>
  <c r="I219" i="5" s="1"/>
  <c r="K2554" i="2"/>
  <c r="K2528" i="5" s="1"/>
  <c r="L2554" i="2"/>
  <c r="L2528" i="5" s="1"/>
  <c r="M2554" i="2"/>
  <c r="M2528" i="5" s="1"/>
  <c r="P2528" i="5" s="1"/>
  <c r="I2554" i="2"/>
  <c r="I2528" i="5" s="1"/>
  <c r="I2890" i="2"/>
  <c r="I2864" i="5" s="1"/>
  <c r="M2890" i="2"/>
  <c r="M2864" i="5" s="1"/>
  <c r="P2864" i="5" s="1"/>
  <c r="L4957" i="2"/>
  <c r="L4931" i="5" s="1"/>
  <c r="J4957" i="2"/>
  <c r="J4931" i="5" s="1"/>
  <c r="N4931" i="5" s="1"/>
  <c r="M4957" i="2"/>
  <c r="M4931" i="5" s="1"/>
  <c r="P4931" i="5" s="1"/>
  <c r="I4957" i="2"/>
  <c r="I4931" i="5" s="1"/>
  <c r="I944" i="2"/>
  <c r="I918" i="5" s="1"/>
  <c r="J944" i="2"/>
  <c r="J918" i="5" s="1"/>
  <c r="N918" i="5" s="1"/>
  <c r="L944" i="2"/>
  <c r="L918" i="5" s="1"/>
  <c r="M944" i="2"/>
  <c r="M918" i="5" s="1"/>
  <c r="P918" i="5" s="1"/>
  <c r="L4667" i="2"/>
  <c r="L4641" i="5" s="1"/>
  <c r="M4667" i="2"/>
  <c r="M4641" i="5" s="1"/>
  <c r="P4641" i="5" s="1"/>
  <c r="J4667" i="2"/>
  <c r="J4641" i="5" s="1"/>
  <c r="N4641" i="5" s="1"/>
  <c r="I7937" i="2"/>
  <c r="I7911" i="5" s="1"/>
  <c r="J7937" i="2"/>
  <c r="J7911" i="5" s="1"/>
  <c r="N7911" i="5" s="1"/>
  <c r="K7937" i="2"/>
  <c r="K7911" i="5" s="1"/>
  <c r="L7937" i="2"/>
  <c r="L7911" i="5" s="1"/>
  <c r="L754" i="2"/>
  <c r="L728" i="5" s="1"/>
  <c r="I754" i="2"/>
  <c r="I728" i="5" s="1"/>
  <c r="J596" i="2"/>
  <c r="J570" i="5" s="1"/>
  <c r="N570" i="5" s="1"/>
  <c r="L596" i="2"/>
  <c r="L570" i="5" s="1"/>
  <c r="K798" i="2"/>
  <c r="K772" i="5" s="1"/>
  <c r="I798" i="2"/>
  <c r="I772" i="5" s="1"/>
  <c r="M5839" i="2"/>
  <c r="M5813" i="5" s="1"/>
  <c r="P5813" i="5" s="1"/>
  <c r="I5839" i="2"/>
  <c r="I5813" i="5" s="1"/>
  <c r="K5839" i="2"/>
  <c r="K5813" i="5" s="1"/>
  <c r="J5839" i="2"/>
  <c r="J5813" i="5" s="1"/>
  <c r="N5813" i="5" s="1"/>
  <c r="L5839" i="2"/>
  <c r="L5813" i="5" s="1"/>
  <c r="M7208" i="2"/>
  <c r="M7182" i="5" s="1"/>
  <c r="P7182" i="5" s="1"/>
  <c r="I7208" i="2"/>
  <c r="I7182" i="5" s="1"/>
  <c r="L7208" i="2"/>
  <c r="L7182" i="5" s="1"/>
  <c r="L6872" i="2"/>
  <c r="L6846" i="5" s="1"/>
  <c r="M6872" i="2"/>
  <c r="M6846" i="5" s="1"/>
  <c r="P6846" i="5" s="1"/>
  <c r="K6872" i="2"/>
  <c r="K6846" i="5" s="1"/>
  <c r="J6872" i="2"/>
  <c r="J6846" i="5" s="1"/>
  <c r="N6846" i="5" s="1"/>
  <c r="J6686" i="2"/>
  <c r="J6660" i="5" s="1"/>
  <c r="I6686" i="2"/>
  <c r="I6660" i="5" s="1"/>
  <c r="K6686" i="2"/>
  <c r="K6660" i="5" s="1"/>
  <c r="L7982" i="2"/>
  <c r="L7956" i="5" s="1"/>
  <c r="M7982" i="2"/>
  <c r="M7956" i="5" s="1"/>
  <c r="P7956" i="5" s="1"/>
  <c r="J242" i="2"/>
  <c r="J216" i="5" s="1"/>
  <c r="N216" i="5" s="1"/>
  <c r="I242" i="2"/>
  <c r="I216" i="5" s="1"/>
  <c r="M5309" i="2"/>
  <c r="M5283" i="5" s="1"/>
  <c r="P5283" i="5" s="1"/>
  <c r="I5309" i="2"/>
  <c r="I5283" i="5" s="1"/>
  <c r="K5309" i="2"/>
  <c r="K5283" i="5" s="1"/>
  <c r="O5283" i="5" s="1"/>
  <c r="J5427" i="2"/>
  <c r="J5401" i="5" s="1"/>
  <c r="N5401" i="5" s="1"/>
  <c r="I5427" i="2"/>
  <c r="I5401" i="5" s="1"/>
  <c r="F306" i="5"/>
  <c r="AR300" i="1"/>
  <c r="L946" i="2"/>
  <c r="L920" i="5" s="1"/>
  <c r="M946" i="2"/>
  <c r="M920" i="5" s="1"/>
  <c r="P920" i="5" s="1"/>
  <c r="K1569" i="2"/>
  <c r="K1543" i="5" s="1"/>
  <c r="L1569" i="2"/>
  <c r="L1543" i="5" s="1"/>
  <c r="L4240" i="2"/>
  <c r="L4214" i="5" s="1"/>
  <c r="I4240" i="2"/>
  <c r="I4214" i="5" s="1"/>
  <c r="J4240" i="2"/>
  <c r="J4214" i="5" s="1"/>
  <c r="N4214" i="5" s="1"/>
  <c r="I614" i="2"/>
  <c r="I588" i="5" s="1"/>
  <c r="M614" i="2"/>
  <c r="M588" i="5" s="1"/>
  <c r="P588" i="5" s="1"/>
  <c r="K614" i="2"/>
  <c r="K588" i="5" s="1"/>
  <c r="J614" i="2"/>
  <c r="J588" i="5" s="1"/>
  <c r="N588" i="5" s="1"/>
  <c r="L614" i="2"/>
  <c r="L588" i="5" s="1"/>
  <c r="J7846" i="2"/>
  <c r="J7820" i="5" s="1"/>
  <c r="N7820" i="5" s="1"/>
  <c r="M7846" i="2"/>
  <c r="M7820" i="5" s="1"/>
  <c r="P7820" i="5" s="1"/>
  <c r="L7846" i="2"/>
  <c r="L7820" i="5" s="1"/>
  <c r="K1910" i="2"/>
  <c r="K1884" i="5" s="1"/>
  <c r="L1910" i="2"/>
  <c r="L1884" i="5" s="1"/>
  <c r="M1910" i="2"/>
  <c r="M1884" i="5" s="1"/>
  <c r="P1884" i="5" s="1"/>
  <c r="M3170" i="2"/>
  <c r="M3144" i="5" s="1"/>
  <c r="P3144" i="5" s="1"/>
  <c r="L3170" i="2"/>
  <c r="L3144" i="5" s="1"/>
  <c r="M540" i="2"/>
  <c r="M514" i="5" s="1"/>
  <c r="P514" i="5" s="1"/>
  <c r="I540" i="2"/>
  <c r="I514" i="5" s="1"/>
  <c r="K540" i="2"/>
  <c r="K514" i="5" s="1"/>
  <c r="L540" i="2"/>
  <c r="L514" i="5" s="1"/>
  <c r="M3942" i="2"/>
  <c r="M3916" i="5" s="1"/>
  <c r="P3916" i="5" s="1"/>
  <c r="J3942" i="2"/>
  <c r="J3916" i="5" s="1"/>
  <c r="N3916" i="5" s="1"/>
  <c r="I3942" i="2"/>
  <c r="I3916" i="5" s="1"/>
  <c r="K3942" i="2"/>
  <c r="K3916" i="5" s="1"/>
  <c r="L3942" i="2"/>
  <c r="L3916" i="5" s="1"/>
  <c r="I7335" i="2"/>
  <c r="I7309" i="5" s="1"/>
  <c r="M7335" i="2"/>
  <c r="M7309" i="5" s="1"/>
  <c r="P7309" i="5" s="1"/>
  <c r="K7335" i="2"/>
  <c r="K7309" i="5" s="1"/>
  <c r="M1244" i="2"/>
  <c r="M1218" i="5" s="1"/>
  <c r="P1218" i="5" s="1"/>
  <c r="I1244" i="2"/>
  <c r="I1218" i="5" s="1"/>
  <c r="L1244" i="2"/>
  <c r="L1218" i="5" s="1"/>
  <c r="J7331" i="2"/>
  <c r="J7305" i="5" s="1"/>
  <c r="N7305" i="5" s="1"/>
  <c r="I7331" i="2"/>
  <c r="I7305" i="5" s="1"/>
  <c r="L7331" i="2"/>
  <c r="L7305" i="5" s="1"/>
  <c r="M1638" i="2"/>
  <c r="M1612" i="5" s="1"/>
  <c r="P1612" i="5" s="1"/>
  <c r="J1638" i="2"/>
  <c r="J1612" i="5" s="1"/>
  <c r="N1612" i="5" s="1"/>
  <c r="K1638" i="2"/>
  <c r="K1612" i="5" s="1"/>
  <c r="J458" i="2"/>
  <c r="J432" i="5" s="1"/>
  <c r="K458" i="2"/>
  <c r="K432" i="5" s="1"/>
  <c r="I2789" i="2"/>
  <c r="I2763" i="5" s="1"/>
  <c r="M2789" i="2"/>
  <c r="M2763" i="5" s="1"/>
  <c r="P2763" i="5" s="1"/>
  <c r="J2789" i="2"/>
  <c r="J2763" i="5" s="1"/>
  <c r="N2763" i="5" s="1"/>
  <c r="K2789" i="2"/>
  <c r="K2763" i="5" s="1"/>
  <c r="O2763" i="5" s="1"/>
  <c r="L1304" i="2"/>
  <c r="L1278" i="5" s="1"/>
  <c r="M1304" i="2"/>
  <c r="M1278" i="5" s="1"/>
  <c r="P1278" i="5" s="1"/>
  <c r="J1304" i="2"/>
  <c r="J1278" i="5" s="1"/>
  <c r="N1278" i="5" s="1"/>
  <c r="K3776" i="2"/>
  <c r="K3750" i="5" s="1"/>
  <c r="M3776" i="2"/>
  <c r="M3750" i="5" s="1"/>
  <c r="P3750" i="5" s="1"/>
  <c r="M4648" i="2"/>
  <c r="M4622" i="5" s="1"/>
  <c r="P4622" i="5" s="1"/>
  <c r="K4648" i="2"/>
  <c r="K4622" i="5" s="1"/>
  <c r="J4182" i="2"/>
  <c r="J4156" i="5" s="1"/>
  <c r="N4156" i="5" s="1"/>
  <c r="I4182" i="2"/>
  <c r="I4156" i="5" s="1"/>
  <c r="L4182" i="2"/>
  <c r="L4156" i="5" s="1"/>
  <c r="K4182" i="2"/>
  <c r="K4156" i="5" s="1"/>
  <c r="M4182" i="2"/>
  <c r="M4156" i="5" s="1"/>
  <c r="P4156" i="5" s="1"/>
  <c r="I2326" i="2"/>
  <c r="I2300" i="5" s="1"/>
  <c r="L2326" i="2"/>
  <c r="L2300" i="5" s="1"/>
  <c r="J7375" i="2"/>
  <c r="J7349" i="5" s="1"/>
  <c r="N7349" i="5" s="1"/>
  <c r="I7375" i="2"/>
  <c r="I7349" i="5" s="1"/>
  <c r="J2086" i="2"/>
  <c r="J2060" i="5" s="1"/>
  <c r="N2060" i="5" s="1"/>
  <c r="L2086" i="2"/>
  <c r="L2060" i="5" s="1"/>
  <c r="I2086" i="2"/>
  <c r="I2060" i="5" s="1"/>
  <c r="K2086" i="2"/>
  <c r="K2060" i="5" s="1"/>
  <c r="I8294" i="2"/>
  <c r="I8268" i="5" s="1"/>
  <c r="J8299" i="2"/>
  <c r="J8273" i="5" s="1"/>
  <c r="N8273" i="5" s="1"/>
  <c r="I8299" i="2"/>
  <c r="I8273" i="5" s="1"/>
  <c r="K8299" i="2"/>
  <c r="K8273" i="5" s="1"/>
  <c r="I2579" i="2"/>
  <c r="I2553" i="5" s="1"/>
  <c r="K2579" i="2"/>
  <c r="K2553" i="5" s="1"/>
  <c r="J2579" i="2"/>
  <c r="J2553" i="5" s="1"/>
  <c r="N2553" i="5" s="1"/>
  <c r="L2579" i="2"/>
  <c r="L2553" i="5" s="1"/>
  <c r="L1558" i="2"/>
  <c r="L1532" i="5" s="1"/>
  <c r="L2160" i="2"/>
  <c r="L2134" i="5" s="1"/>
  <c r="K2160" i="2"/>
  <c r="K2134" i="5" s="1"/>
  <c r="J2160" i="2"/>
  <c r="J2134" i="5" s="1"/>
  <c r="N2134" i="5" s="1"/>
  <c r="I2160" i="2"/>
  <c r="I2134" i="5" s="1"/>
  <c r="I7543" i="2"/>
  <c r="I7517" i="5" s="1"/>
  <c r="K7543" i="2"/>
  <c r="K7517" i="5" s="1"/>
  <c r="L7543" i="2"/>
  <c r="L7517" i="5" s="1"/>
  <c r="M7543" i="2"/>
  <c r="M7517" i="5" s="1"/>
  <c r="P7517" i="5" s="1"/>
  <c r="J7543" i="2"/>
  <c r="J7517" i="5" s="1"/>
  <c r="N7517" i="5" s="1"/>
  <c r="J4170" i="2"/>
  <c r="J4144" i="5" s="1"/>
  <c r="N4144" i="5" s="1"/>
  <c r="I4170" i="2"/>
  <c r="I4144" i="5" s="1"/>
  <c r="K4170" i="2"/>
  <c r="K4144" i="5" s="1"/>
  <c r="M4170" i="2"/>
  <c r="M4144" i="5" s="1"/>
  <c r="P4144" i="5" s="1"/>
  <c r="L4170" i="2"/>
  <c r="L4144" i="5" s="1"/>
  <c r="L481" i="2"/>
  <c r="L455" i="5" s="1"/>
  <c r="M481" i="2"/>
  <c r="M455" i="5" s="1"/>
  <c r="P455" i="5" s="1"/>
  <c r="K481" i="2"/>
  <c r="K455" i="5" s="1"/>
  <c r="J3083" i="2"/>
  <c r="J3057" i="5" s="1"/>
  <c r="I3083" i="2"/>
  <c r="I3057" i="5" s="1"/>
  <c r="K3083" i="2"/>
  <c r="K3057" i="5" s="1"/>
  <c r="O3057" i="5" s="1"/>
  <c r="M8364" i="2"/>
  <c r="M8338" i="5" s="1"/>
  <c r="P8338" i="5" s="1"/>
  <c r="K8364" i="2"/>
  <c r="K8338" i="5" s="1"/>
  <c r="O8338" i="5" s="1"/>
  <c r="J8364" i="2"/>
  <c r="J8338" i="5" s="1"/>
  <c r="N8338" i="5" s="1"/>
  <c r="J3588" i="2"/>
  <c r="J3562" i="5" s="1"/>
  <c r="N3562" i="5" s="1"/>
  <c r="M3588" i="2"/>
  <c r="M3562" i="5" s="1"/>
  <c r="P3562" i="5" s="1"/>
  <c r="I3588" i="2"/>
  <c r="I3562" i="5" s="1"/>
  <c r="K3588" i="2"/>
  <c r="K3562" i="5" s="1"/>
  <c r="L3588" i="2"/>
  <c r="L3562" i="5" s="1"/>
  <c r="L1771" i="2"/>
  <c r="L1745" i="5" s="1"/>
  <c r="J1771" i="2"/>
  <c r="J1745" i="5" s="1"/>
  <c r="N1745" i="5" s="1"/>
  <c r="I1771" i="2"/>
  <c r="I1745" i="5" s="1"/>
  <c r="K1771" i="2"/>
  <c r="K1745" i="5" s="1"/>
  <c r="I3951" i="2"/>
  <c r="I3925" i="5" s="1"/>
  <c r="K3951" i="2"/>
  <c r="K3925" i="5" s="1"/>
  <c r="J3951" i="2"/>
  <c r="J3925" i="5" s="1"/>
  <c r="N3925" i="5" s="1"/>
  <c r="L5485" i="2"/>
  <c r="L5459" i="5" s="1"/>
  <c r="K5485" i="2"/>
  <c r="K5459" i="5" s="1"/>
  <c r="M5095" i="2"/>
  <c r="M5069" i="5" s="1"/>
  <c r="P5069" i="5" s="1"/>
  <c r="L5095" i="2"/>
  <c r="L5069" i="5" s="1"/>
  <c r="J7360" i="2"/>
  <c r="J7334" i="5" s="1"/>
  <c r="N7334" i="5" s="1"/>
  <c r="L7360" i="2"/>
  <c r="L7334" i="5" s="1"/>
  <c r="M7360" i="2"/>
  <c r="M7334" i="5" s="1"/>
  <c r="P7334" i="5" s="1"/>
  <c r="K7360" i="2"/>
  <c r="K7334" i="5" s="1"/>
  <c r="I7360" i="2"/>
  <c r="I7334" i="5" s="1"/>
  <c r="M5247" i="2"/>
  <c r="M5221" i="5" s="1"/>
  <c r="P5221" i="5" s="1"/>
  <c r="J5247" i="2"/>
  <c r="J5221" i="5" s="1"/>
  <c r="N5221" i="5" s="1"/>
  <c r="L5247" i="2"/>
  <c r="L5221" i="5" s="1"/>
  <c r="K5247" i="2"/>
  <c r="K5221" i="5" s="1"/>
  <c r="M2604" i="2"/>
  <c r="M2578" i="5" s="1"/>
  <c r="P2578" i="5" s="1"/>
  <c r="L4499" i="2"/>
  <c r="L4473" i="5" s="1"/>
  <c r="K4499" i="2"/>
  <c r="K4473" i="5" s="1"/>
  <c r="J4499" i="2"/>
  <c r="J4473" i="5" s="1"/>
  <c r="M4499" i="2"/>
  <c r="M4473" i="5" s="1"/>
  <c r="P4473" i="5" s="1"/>
  <c r="I4499" i="2"/>
  <c r="I4473" i="5" s="1"/>
  <c r="I4640" i="2"/>
  <c r="I4614" i="5" s="1"/>
  <c r="K4640" i="2"/>
  <c r="K4614" i="5" s="1"/>
  <c r="M305" i="2"/>
  <c r="M279" i="5" s="1"/>
  <c r="P279" i="5" s="1"/>
  <c r="L305" i="2"/>
  <c r="L279" i="5" s="1"/>
  <c r="I305" i="2"/>
  <c r="I279" i="5" s="1"/>
  <c r="J305" i="2"/>
  <c r="J279" i="5" s="1"/>
  <c r="N279" i="5" s="1"/>
  <c r="K6843" i="2"/>
  <c r="K6817" i="5" s="1"/>
  <c r="M2920" i="2"/>
  <c r="M2894" i="5" s="1"/>
  <c r="P2894" i="5" s="1"/>
  <c r="I2920" i="2"/>
  <c r="I2894" i="5" s="1"/>
  <c r="J2920" i="2"/>
  <c r="J2894" i="5" s="1"/>
  <c r="N2894" i="5" s="1"/>
  <c r="K2920" i="2"/>
  <c r="K2894" i="5" s="1"/>
  <c r="L2920" i="2"/>
  <c r="L2894" i="5" s="1"/>
  <c r="I6526" i="2"/>
  <c r="I6500" i="5" s="1"/>
  <c r="K6526" i="2"/>
  <c r="K6500" i="5" s="1"/>
  <c r="K3471" i="2"/>
  <c r="K3445" i="5" s="1"/>
  <c r="L3471" i="2"/>
  <c r="L3445" i="5" s="1"/>
  <c r="M3471" i="2"/>
  <c r="M3445" i="5" s="1"/>
  <c r="P3445" i="5" s="1"/>
  <c r="J3471" i="2"/>
  <c r="J3445" i="5" s="1"/>
  <c r="N3445" i="5" s="1"/>
  <c r="I3471" i="2"/>
  <c r="I3445" i="5" s="1"/>
  <c r="L5191" i="2"/>
  <c r="L5165" i="5" s="1"/>
  <c r="I5191" i="2"/>
  <c r="I5165" i="5" s="1"/>
  <c r="K5191" i="2"/>
  <c r="K5165" i="5" s="1"/>
  <c r="M5191" i="2"/>
  <c r="M5165" i="5" s="1"/>
  <c r="P5165" i="5" s="1"/>
  <c r="J5191" i="2"/>
  <c r="J5165" i="5" s="1"/>
  <c r="N5165" i="5" s="1"/>
  <c r="M4742" i="2"/>
  <c r="M4716" i="5" s="1"/>
  <c r="P4716" i="5" s="1"/>
  <c r="L4742" i="2"/>
  <c r="L4716" i="5" s="1"/>
  <c r="J4742" i="2"/>
  <c r="J4716" i="5" s="1"/>
  <c r="N4716" i="5" s="1"/>
  <c r="M2627" i="2"/>
  <c r="M2601" i="5" s="1"/>
  <c r="P2601" i="5" s="1"/>
  <c r="I2627" i="2"/>
  <c r="I2601" i="5" s="1"/>
  <c r="I8604" i="2"/>
  <c r="I8578" i="5" s="1"/>
  <c r="L8604" i="2"/>
  <c r="L8578" i="5" s="1"/>
  <c r="M8604" i="2"/>
  <c r="M8578" i="5" s="1"/>
  <c r="P8578" i="5" s="1"/>
  <c r="J8604" i="2"/>
  <c r="J8578" i="5" s="1"/>
  <c r="N8578" i="5" s="1"/>
  <c r="J2629" i="2"/>
  <c r="J2603" i="5" s="1"/>
  <c r="N2603" i="5" s="1"/>
  <c r="L2629" i="2"/>
  <c r="L2603" i="5" s="1"/>
  <c r="I5122" i="2"/>
  <c r="I5096" i="5" s="1"/>
  <c r="L5122" i="2"/>
  <c r="L5096" i="5" s="1"/>
  <c r="K5122" i="2"/>
  <c r="K5096" i="5" s="1"/>
  <c r="J119" i="2"/>
  <c r="J93" i="5" s="1"/>
  <c r="N93" i="5" s="1"/>
  <c r="I119" i="2"/>
  <c r="I93" i="5" s="1"/>
  <c r="I1137" i="2"/>
  <c r="I1111" i="5" s="1"/>
  <c r="K1137" i="2"/>
  <c r="K1111" i="5" s="1"/>
  <c r="M1137" i="2"/>
  <c r="M1111" i="5" s="1"/>
  <c r="P1111" i="5" s="1"/>
  <c r="J6291" i="2"/>
  <c r="J6265" i="5" s="1"/>
  <c r="N6265" i="5" s="1"/>
  <c r="M6291" i="2"/>
  <c r="M6265" i="5" s="1"/>
  <c r="P6265" i="5" s="1"/>
  <c r="L6291" i="2"/>
  <c r="L6265" i="5" s="1"/>
  <c r="I6291" i="2"/>
  <c r="I6265" i="5" s="1"/>
  <c r="K6291" i="2"/>
  <c r="K6265" i="5" s="1"/>
  <c r="J2243" i="2"/>
  <c r="J2217" i="5" s="1"/>
  <c r="N2217" i="5" s="1"/>
  <c r="L2243" i="2"/>
  <c r="L2217" i="5" s="1"/>
  <c r="M2243" i="2"/>
  <c r="M2217" i="5" s="1"/>
  <c r="P2217" i="5" s="1"/>
  <c r="M4293" i="2"/>
  <c r="M4267" i="5" s="1"/>
  <c r="P4267" i="5" s="1"/>
  <c r="L4293" i="2"/>
  <c r="L4267" i="5" s="1"/>
  <c r="J1978" i="2"/>
  <c r="J1952" i="5" s="1"/>
  <c r="N1952" i="5" s="1"/>
  <c r="L1978" i="2"/>
  <c r="L1952" i="5" s="1"/>
  <c r="I1075" i="2"/>
  <c r="I1049" i="5" s="1"/>
  <c r="M1075" i="2"/>
  <c r="M1049" i="5" s="1"/>
  <c r="P1049" i="5" s="1"/>
  <c r="L1075" i="2"/>
  <c r="L1049" i="5" s="1"/>
  <c r="K1075" i="2"/>
  <c r="K1049" i="5" s="1"/>
  <c r="J202" i="2"/>
  <c r="J176" i="5" s="1"/>
  <c r="N176" i="5" s="1"/>
  <c r="I202" i="2"/>
  <c r="I176" i="5" s="1"/>
  <c r="I5922" i="2"/>
  <c r="I5896" i="5" s="1"/>
  <c r="L5922" i="2"/>
  <c r="L5896" i="5" s="1"/>
  <c r="K5922" i="2"/>
  <c r="K5896" i="5" s="1"/>
  <c r="J6788" i="2"/>
  <c r="J6762" i="5" s="1"/>
  <c r="N6762" i="5" s="1"/>
  <c r="K6788" i="2"/>
  <c r="K6762" i="5" s="1"/>
  <c r="O6762" i="5" s="1"/>
  <c r="I4942" i="2"/>
  <c r="I4916" i="5" s="1"/>
  <c r="K4942" i="2"/>
  <c r="K4916" i="5" s="1"/>
  <c r="M4942" i="2"/>
  <c r="M4916" i="5" s="1"/>
  <c r="P4916" i="5" s="1"/>
  <c r="M922" i="2"/>
  <c r="M896" i="5" s="1"/>
  <c r="P896" i="5" s="1"/>
  <c r="I922" i="2"/>
  <c r="I896" i="5" s="1"/>
  <c r="K922" i="2"/>
  <c r="K896" i="5" s="1"/>
  <c r="O896" i="5" s="1"/>
  <c r="L5746" i="2"/>
  <c r="L5720" i="5" s="1"/>
  <c r="J5746" i="2"/>
  <c r="J5720" i="5" s="1"/>
  <c r="N5720" i="5" s="1"/>
  <c r="K7521" i="2"/>
  <c r="K7495" i="5" s="1"/>
  <c r="O7495" i="5" s="1"/>
  <c r="M7521" i="2"/>
  <c r="M7495" i="5" s="1"/>
  <c r="P7495" i="5" s="1"/>
  <c r="J1253" i="2"/>
  <c r="J1227" i="5" s="1"/>
  <c r="L1253" i="2"/>
  <c r="L1227" i="5" s="1"/>
  <c r="K1253" i="2"/>
  <c r="K1227" i="5" s="1"/>
  <c r="I1253" i="2"/>
  <c r="I1227" i="5" s="1"/>
  <c r="M1253" i="2"/>
  <c r="M1227" i="5" s="1"/>
  <c r="P1227" i="5" s="1"/>
  <c r="L898" i="2"/>
  <c r="L872" i="5" s="1"/>
  <c r="K898" i="2"/>
  <c r="K872" i="5" s="1"/>
  <c r="I898" i="2"/>
  <c r="I872" i="5" s="1"/>
  <c r="I7951" i="2"/>
  <c r="I7925" i="5" s="1"/>
  <c r="J7951" i="2"/>
  <c r="J7925" i="5" s="1"/>
  <c r="N7925" i="5" s="1"/>
  <c r="K4134" i="2"/>
  <c r="K4108" i="5" s="1"/>
  <c r="L4134" i="2"/>
  <c r="L4108" i="5" s="1"/>
  <c r="M758" i="2"/>
  <c r="M732" i="5" s="1"/>
  <c r="P732" i="5" s="1"/>
  <c r="K758" i="2"/>
  <c r="K732" i="5" s="1"/>
  <c r="L758" i="2"/>
  <c r="L732" i="5" s="1"/>
  <c r="K2935" i="2"/>
  <c r="K2909" i="5" s="1"/>
  <c r="J2935" i="2"/>
  <c r="J2909" i="5" s="1"/>
  <c r="N2909" i="5" s="1"/>
  <c r="M5093" i="2"/>
  <c r="M5067" i="5" s="1"/>
  <c r="P5067" i="5" s="1"/>
  <c r="I5093" i="2"/>
  <c r="I5067" i="5" s="1"/>
  <c r="K5093" i="2"/>
  <c r="K5067" i="5" s="1"/>
  <c r="J5093" i="2"/>
  <c r="J5067" i="5" s="1"/>
  <c r="N5067" i="5" s="1"/>
  <c r="E199" i="5"/>
  <c r="AR193" i="1"/>
  <c r="I4821" i="2"/>
  <c r="I4795" i="5" s="1"/>
  <c r="J4821" i="2"/>
  <c r="J4795" i="5" s="1"/>
  <c r="N4795" i="5" s="1"/>
  <c r="M4821" i="2"/>
  <c r="M4795" i="5" s="1"/>
  <c r="P4795" i="5" s="1"/>
  <c r="L4821" i="2"/>
  <c r="L4795" i="5" s="1"/>
  <c r="K4821" i="2"/>
  <c r="K4795" i="5" s="1"/>
  <c r="L6699" i="2"/>
  <c r="L6673" i="5" s="1"/>
  <c r="I6699" i="2"/>
  <c r="I6673" i="5" s="1"/>
  <c r="J6699" i="2"/>
  <c r="J6673" i="5" s="1"/>
  <c r="K6699" i="2"/>
  <c r="K6673" i="5" s="1"/>
  <c r="I6693" i="2"/>
  <c r="I6667" i="5" s="1"/>
  <c r="L6693" i="2"/>
  <c r="L6667" i="5" s="1"/>
  <c r="L6349" i="2"/>
  <c r="L6323" i="5" s="1"/>
  <c r="M5931" i="2"/>
  <c r="M5905" i="5" s="1"/>
  <c r="P5905" i="5" s="1"/>
  <c r="K7190" i="2"/>
  <c r="K7164" i="5" s="1"/>
  <c r="O7164" i="5" s="1"/>
  <c r="I7190" i="2"/>
  <c r="I7164" i="5" s="1"/>
  <c r="J7190" i="2"/>
  <c r="J7164" i="5" s="1"/>
  <c r="N7164" i="5" s="1"/>
  <c r="M7190" i="2"/>
  <c r="M7164" i="5" s="1"/>
  <c r="P7164" i="5" s="1"/>
  <c r="K8135" i="2"/>
  <c r="K8109" i="5" s="1"/>
  <c r="M8135" i="2"/>
  <c r="M8109" i="5" s="1"/>
  <c r="P8109" i="5" s="1"/>
  <c r="J8135" i="2"/>
  <c r="J8109" i="5" s="1"/>
  <c r="N8109" i="5" s="1"/>
  <c r="L8135" i="2"/>
  <c r="L8109" i="5" s="1"/>
  <c r="L2799" i="2"/>
  <c r="L2773" i="5" s="1"/>
  <c r="K6335" i="2"/>
  <c r="K6309" i="5" s="1"/>
  <c r="J6335" i="2"/>
  <c r="J6309" i="5" s="1"/>
  <c r="M6335" i="2"/>
  <c r="M6309" i="5" s="1"/>
  <c r="P6309" i="5" s="1"/>
  <c r="I6335" i="2"/>
  <c r="I6309" i="5" s="1"/>
  <c r="L6335" i="2"/>
  <c r="L6309" i="5" s="1"/>
  <c r="L4651" i="2"/>
  <c r="L4625" i="5" s="1"/>
  <c r="M4651" i="2"/>
  <c r="M4625" i="5" s="1"/>
  <c r="P4625" i="5" s="1"/>
  <c r="I747" i="2"/>
  <c r="I721" i="5" s="1"/>
  <c r="L747" i="2"/>
  <c r="L721" i="5" s="1"/>
  <c r="K747" i="2"/>
  <c r="K721" i="5" s="1"/>
  <c r="J747" i="2"/>
  <c r="J721" i="5" s="1"/>
  <c r="N721" i="5" s="1"/>
  <c r="M747" i="2"/>
  <c r="M721" i="5" s="1"/>
  <c r="P721" i="5" s="1"/>
  <c r="K1833" i="2"/>
  <c r="K1807" i="5" s="1"/>
  <c r="J1833" i="2"/>
  <c r="J1807" i="5" s="1"/>
  <c r="I8458" i="2"/>
  <c r="I8432" i="5" s="1"/>
  <c r="J8458" i="2"/>
  <c r="J8432" i="5" s="1"/>
  <c r="N8432" i="5" s="1"/>
  <c r="K8458" i="2"/>
  <c r="K8432" i="5" s="1"/>
  <c r="O8432" i="5" s="1"/>
  <c r="L4106" i="2"/>
  <c r="L4080" i="5" s="1"/>
  <c r="I4106" i="2"/>
  <c r="I4080" i="5" s="1"/>
  <c r="K4106" i="2"/>
  <c r="K4080" i="5" s="1"/>
  <c r="M4106" i="2"/>
  <c r="M4080" i="5" s="1"/>
  <c r="P4080" i="5" s="1"/>
  <c r="J4106" i="2"/>
  <c r="J4080" i="5" s="1"/>
  <c r="N4080" i="5" s="1"/>
  <c r="J8547" i="2"/>
  <c r="J8521" i="5" s="1"/>
  <c r="N8521" i="5" s="1"/>
  <c r="M8547" i="2"/>
  <c r="M8521" i="5" s="1"/>
  <c r="P8521" i="5" s="1"/>
  <c r="I8547" i="2"/>
  <c r="I8521" i="5" s="1"/>
  <c r="M3162" i="2"/>
  <c r="M3136" i="5" s="1"/>
  <c r="P3136" i="5" s="1"/>
  <c r="L3162" i="2"/>
  <c r="L3136" i="5" s="1"/>
  <c r="I8304" i="2"/>
  <c r="I8278" i="5" s="1"/>
  <c r="K8304" i="2"/>
  <c r="K8278" i="5" s="1"/>
  <c r="L8304" i="2"/>
  <c r="L8278" i="5" s="1"/>
  <c r="J8304" i="2"/>
  <c r="J8278" i="5" s="1"/>
  <c r="N8278" i="5" s="1"/>
  <c r="M8304" i="2"/>
  <c r="M8278" i="5" s="1"/>
  <c r="P8278" i="5" s="1"/>
  <c r="J3811" i="2"/>
  <c r="J3785" i="5" s="1"/>
  <c r="N3785" i="5" s="1"/>
  <c r="L3811" i="2"/>
  <c r="L3785" i="5" s="1"/>
  <c r="I3811" i="2"/>
  <c r="I3785" i="5" s="1"/>
  <c r="K3811" i="2"/>
  <c r="K3785" i="5" s="1"/>
  <c r="L6345" i="2"/>
  <c r="L6319" i="5" s="1"/>
  <c r="J6345" i="2"/>
  <c r="J6319" i="5" s="1"/>
  <c r="N6319" i="5" s="1"/>
  <c r="M6345" i="2"/>
  <c r="M6319" i="5" s="1"/>
  <c r="P6319" i="5" s="1"/>
  <c r="I6345" i="2"/>
  <c r="I6319" i="5" s="1"/>
  <c r="M3429" i="2"/>
  <c r="M3403" i="5" s="1"/>
  <c r="P3403" i="5" s="1"/>
  <c r="I3429" i="2"/>
  <c r="I3403" i="5" s="1"/>
  <c r="M8319" i="2"/>
  <c r="M8293" i="5" s="1"/>
  <c r="P8293" i="5" s="1"/>
  <c r="I8319" i="2"/>
  <c r="I8293" i="5" s="1"/>
  <c r="K8319" i="2"/>
  <c r="K8293" i="5" s="1"/>
  <c r="O8293" i="5" s="1"/>
  <c r="I7538" i="2"/>
  <c r="I7512" i="5" s="1"/>
  <c r="K7538" i="2"/>
  <c r="K7512" i="5" s="1"/>
  <c r="J489" i="2"/>
  <c r="J463" i="5" s="1"/>
  <c r="N463" i="5" s="1"/>
  <c r="L6785" i="2"/>
  <c r="L6759" i="5" s="1"/>
  <c r="M7769" i="2"/>
  <c r="M7743" i="5" s="1"/>
  <c r="P7743" i="5" s="1"/>
  <c r="M717" i="2"/>
  <c r="M691" i="5" s="1"/>
  <c r="P691" i="5" s="1"/>
  <c r="L4854" i="2"/>
  <c r="L4828" i="5" s="1"/>
  <c r="J1099" i="2"/>
  <c r="J1073" i="5" s="1"/>
  <c r="K7280" i="2"/>
  <c r="K7254" i="5" s="1"/>
  <c r="M5429" i="2"/>
  <c r="M5403" i="5" s="1"/>
  <c r="P5403" i="5" s="1"/>
  <c r="I2596" i="2"/>
  <c r="I2570" i="5" s="1"/>
  <c r="K242" i="2"/>
  <c r="K216" i="5" s="1"/>
  <c r="K754" i="2"/>
  <c r="K728" i="5" s="1"/>
  <c r="O728" i="5" s="1"/>
  <c r="K7348" i="2"/>
  <c r="K7322" i="5" s="1"/>
  <c r="J3064" i="2"/>
  <c r="J3038" i="5" s="1"/>
  <c r="N3038" i="5" s="1"/>
  <c r="I2604" i="2"/>
  <c r="I2578" i="5" s="1"/>
  <c r="M6788" i="2"/>
  <c r="M6762" i="5" s="1"/>
  <c r="P6762" i="5" s="1"/>
  <c r="K6033" i="2"/>
  <c r="K6007" i="5" s="1"/>
  <c r="M4014" i="2"/>
  <c r="M3988" i="5" s="1"/>
  <c r="P3988" i="5" s="1"/>
  <c r="J7153" i="2"/>
  <c r="J7127" i="5" s="1"/>
  <c r="N7127" i="5" s="1"/>
  <c r="I7153" i="2"/>
  <c r="I7127" i="5" s="1"/>
  <c r="J4925" i="2"/>
  <c r="J4899" i="5" s="1"/>
  <c r="N4899" i="5" s="1"/>
  <c r="K4925" i="2"/>
  <c r="K4899" i="5" s="1"/>
  <c r="L4925" i="2"/>
  <c r="L4899" i="5" s="1"/>
  <c r="M4925" i="2"/>
  <c r="M4899" i="5" s="1"/>
  <c r="P4899" i="5" s="1"/>
  <c r="M5090" i="2"/>
  <c r="M5064" i="5" s="1"/>
  <c r="P5064" i="5" s="1"/>
  <c r="L5090" i="2"/>
  <c r="L5064" i="5" s="1"/>
  <c r="L5146" i="2"/>
  <c r="L5120" i="5" s="1"/>
  <c r="M5146" i="2"/>
  <c r="M5120" i="5" s="1"/>
  <c r="P5120" i="5" s="1"/>
  <c r="L7677" i="2"/>
  <c r="L7651" i="5" s="1"/>
  <c r="K7677" i="2"/>
  <c r="K7651" i="5" s="1"/>
  <c r="J6033" i="2"/>
  <c r="J6007" i="5" s="1"/>
  <c r="N6007" i="5" s="1"/>
  <c r="J4014" i="2"/>
  <c r="J3988" i="5" s="1"/>
  <c r="N3988" i="5" s="1"/>
  <c r="M6634" i="2"/>
  <c r="M6608" i="5" s="1"/>
  <c r="P6608" i="5" s="1"/>
  <c r="K2312" i="2"/>
  <c r="K2286" i="5" s="1"/>
  <c r="J2312" i="2"/>
  <c r="J2286" i="5" s="1"/>
  <c r="N2286" i="5" s="1"/>
  <c r="M7166" i="2"/>
  <c r="M7140" i="5" s="1"/>
  <c r="P7140" i="5" s="1"/>
  <c r="L7166" i="2"/>
  <c r="L7140" i="5" s="1"/>
  <c r="I7166" i="2"/>
  <c r="I7140" i="5" s="1"/>
  <c r="K7166" i="2"/>
  <c r="K7140" i="5" s="1"/>
  <c r="J7166" i="2"/>
  <c r="J7140" i="5" s="1"/>
  <c r="N7140" i="5" s="1"/>
  <c r="I2753" i="2"/>
  <c r="I2727" i="5" s="1"/>
  <c r="J2753" i="2"/>
  <c r="J2727" i="5" s="1"/>
  <c r="M2753" i="2"/>
  <c r="M2727" i="5" s="1"/>
  <c r="P2727" i="5" s="1"/>
  <c r="M5588" i="2"/>
  <c r="M5562" i="5" s="1"/>
  <c r="P5562" i="5" s="1"/>
  <c r="I5588" i="2"/>
  <c r="I5562" i="5" s="1"/>
  <c r="J5588" i="2"/>
  <c r="J5562" i="5" s="1"/>
  <c r="N5562" i="5" s="1"/>
  <c r="M972" i="2"/>
  <c r="M946" i="5" s="1"/>
  <c r="P946" i="5" s="1"/>
  <c r="J972" i="2"/>
  <c r="J946" i="5" s="1"/>
  <c r="N946" i="5" s="1"/>
  <c r="J6083" i="2"/>
  <c r="J6057" i="5" s="1"/>
  <c r="L6083" i="2"/>
  <c r="L6057" i="5" s="1"/>
  <c r="M6083" i="2"/>
  <c r="M6057" i="5" s="1"/>
  <c r="P6057" i="5" s="1"/>
  <c r="K6083" i="2"/>
  <c r="K6057" i="5" s="1"/>
  <c r="J91" i="2"/>
  <c r="J65" i="5" s="1"/>
  <c r="N65" i="5" s="1"/>
  <c r="M91" i="2"/>
  <c r="M65" i="5" s="1"/>
  <c r="P65" i="5" s="1"/>
  <c r="I6091" i="2"/>
  <c r="I6065" i="5" s="1"/>
  <c r="M6091" i="2"/>
  <c r="M6065" i="5" s="1"/>
  <c r="P6065" i="5" s="1"/>
  <c r="J6091" i="2"/>
  <c r="J6065" i="5" s="1"/>
  <c r="N6065" i="5" s="1"/>
  <c r="K2417" i="2"/>
  <c r="K2391" i="5" s="1"/>
  <c r="L2417" i="2"/>
  <c r="L2391" i="5" s="1"/>
  <c r="M2417" i="2"/>
  <c r="M2391" i="5" s="1"/>
  <c r="P2391" i="5" s="1"/>
  <c r="M2129" i="2"/>
  <c r="M2103" i="5" s="1"/>
  <c r="P2103" i="5" s="1"/>
  <c r="I2129" i="2"/>
  <c r="I2103" i="5" s="1"/>
  <c r="K2129" i="2"/>
  <c r="K2103" i="5" s="1"/>
  <c r="K2127" i="2"/>
  <c r="K2101" i="5" s="1"/>
  <c r="J2127" i="2"/>
  <c r="J2101" i="5" s="1"/>
  <c r="N2101" i="5" s="1"/>
  <c r="L4416" i="2"/>
  <c r="L4390" i="5" s="1"/>
  <c r="J4416" i="2"/>
  <c r="J4390" i="5" s="1"/>
  <c r="L6633" i="2"/>
  <c r="L6607" i="5" s="1"/>
  <c r="K6633" i="2"/>
  <c r="K6607" i="5" s="1"/>
  <c r="I6633" i="2"/>
  <c r="I6607" i="5" s="1"/>
  <c r="K3260" i="2"/>
  <c r="K3234" i="5" s="1"/>
  <c r="M3260" i="2"/>
  <c r="M3234" i="5" s="1"/>
  <c r="P3234" i="5" s="1"/>
  <c r="L3260" i="2"/>
  <c r="L3234" i="5" s="1"/>
  <c r="I2254" i="2"/>
  <c r="I2228" i="5" s="1"/>
  <c r="J5025" i="2"/>
  <c r="J4999" i="5" s="1"/>
  <c r="N4999" i="5" s="1"/>
  <c r="K7645" i="2"/>
  <c r="K7619" i="5" s="1"/>
  <c r="J7645" i="2"/>
  <c r="J7619" i="5" s="1"/>
  <c r="N7619" i="5" s="1"/>
  <c r="L7645" i="2"/>
  <c r="L7619" i="5" s="1"/>
  <c r="K1998" i="2"/>
  <c r="K1972" i="5" s="1"/>
  <c r="J1998" i="2"/>
  <c r="J1972" i="5" s="1"/>
  <c r="N1972" i="5" s="1"/>
  <c r="J6138" i="2"/>
  <c r="J6112" i="5" s="1"/>
  <c r="N6112" i="5" s="1"/>
  <c r="L6138" i="2"/>
  <c r="L6112" i="5" s="1"/>
  <c r="L3398" i="2"/>
  <c r="L3372" i="5" s="1"/>
  <c r="M3398" i="2"/>
  <c r="M3372" i="5" s="1"/>
  <c r="P3372" i="5" s="1"/>
  <c r="K3398" i="2"/>
  <c r="K3372" i="5" s="1"/>
  <c r="J3398" i="2"/>
  <c r="J3372" i="5" s="1"/>
  <c r="N3372" i="5" s="1"/>
  <c r="I3398" i="2"/>
  <c r="I3372" i="5" s="1"/>
  <c r="L3410" i="2"/>
  <c r="L3384" i="5" s="1"/>
  <c r="J3410" i="2"/>
  <c r="J3384" i="5" s="1"/>
  <c r="N3384" i="5" s="1"/>
  <c r="M1584" i="2"/>
  <c r="M1558" i="5" s="1"/>
  <c r="P1558" i="5" s="1"/>
  <c r="I1584" i="2"/>
  <c r="I1558" i="5" s="1"/>
  <c r="L2840" i="2"/>
  <c r="L2814" i="5" s="1"/>
  <c r="I2840" i="2"/>
  <c r="I2814" i="5" s="1"/>
  <c r="J2840" i="2"/>
  <c r="J2814" i="5" s="1"/>
  <c r="N2814" i="5" s="1"/>
  <c r="M2840" i="2"/>
  <c r="M2814" i="5" s="1"/>
  <c r="P2814" i="5" s="1"/>
  <c r="K2840" i="2"/>
  <c r="K2814" i="5" s="1"/>
  <c r="L646" i="2"/>
  <c r="L620" i="5" s="1"/>
  <c r="K646" i="2"/>
  <c r="K620" i="5" s="1"/>
  <c r="J646" i="2"/>
  <c r="J620" i="5" s="1"/>
  <c r="N620" i="5" s="1"/>
  <c r="M6443" i="2"/>
  <c r="M6417" i="5" s="1"/>
  <c r="P6417" i="5" s="1"/>
  <c r="J6443" i="2"/>
  <c r="J6417" i="5" s="1"/>
  <c r="N6417" i="5" s="1"/>
  <c r="K6443" i="2"/>
  <c r="K6417" i="5" s="1"/>
  <c r="L6866" i="2"/>
  <c r="L6840" i="5" s="1"/>
  <c r="M6866" i="2"/>
  <c r="M6840" i="5" s="1"/>
  <c r="P6840" i="5" s="1"/>
  <c r="I6866" i="2"/>
  <c r="I6840" i="5" s="1"/>
  <c r="J6866" i="2"/>
  <c r="J6840" i="5" s="1"/>
  <c r="N6840" i="5" s="1"/>
  <c r="K6866" i="2"/>
  <c r="K6840" i="5" s="1"/>
  <c r="L5620" i="2"/>
  <c r="L5594" i="5" s="1"/>
  <c r="M5620" i="2"/>
  <c r="M5594" i="5" s="1"/>
  <c r="P5594" i="5" s="1"/>
  <c r="K5620" i="2"/>
  <c r="K5594" i="5" s="1"/>
  <c r="J5620" i="2"/>
  <c r="J5594" i="5" s="1"/>
  <c r="N5594" i="5" s="1"/>
  <c r="J2649" i="2"/>
  <c r="J2623" i="5" s="1"/>
  <c r="N2623" i="5" s="1"/>
  <c r="I2649" i="2"/>
  <c r="I2623" i="5" s="1"/>
  <c r="K2649" i="2"/>
  <c r="K2623" i="5" s="1"/>
  <c r="O2623" i="5" s="1"/>
  <c r="J1233" i="2"/>
  <c r="J1207" i="5" s="1"/>
  <c r="N1207" i="5" s="1"/>
  <c r="L1233" i="2"/>
  <c r="L1207" i="5" s="1"/>
  <c r="J241" i="2"/>
  <c r="J215" i="5" s="1"/>
  <c r="N215" i="5" s="1"/>
  <c r="I241" i="2"/>
  <c r="I215" i="5" s="1"/>
  <c r="K241" i="2"/>
  <c r="K215" i="5" s="1"/>
  <c r="O215" i="5" s="1"/>
  <c r="M241" i="2"/>
  <c r="M215" i="5" s="1"/>
  <c r="P215" i="5" s="1"/>
  <c r="K7475" i="2"/>
  <c r="K7449" i="5" s="1"/>
  <c r="L7475" i="2"/>
  <c r="L7449" i="5" s="1"/>
  <c r="J7475" i="2"/>
  <c r="J7449" i="5" s="1"/>
  <c r="N7449" i="5" s="1"/>
  <c r="M7475" i="2"/>
  <c r="M7449" i="5" s="1"/>
  <c r="P7449" i="5" s="1"/>
  <c r="I7475" i="2"/>
  <c r="I7449" i="5" s="1"/>
  <c r="I7159" i="2"/>
  <c r="I7133" i="5" s="1"/>
  <c r="K7159" i="2"/>
  <c r="K7133" i="5" s="1"/>
  <c r="L3064" i="2"/>
  <c r="L3038" i="5" s="1"/>
  <c r="I3064" i="2"/>
  <c r="I3038" i="5" s="1"/>
  <c r="J5326" i="2"/>
  <c r="J5300" i="5" s="1"/>
  <c r="M5326" i="2"/>
  <c r="M5300" i="5" s="1"/>
  <c r="P5300" i="5" s="1"/>
  <c r="I5326" i="2"/>
  <c r="I5300" i="5" s="1"/>
  <c r="L5326" i="2"/>
  <c r="L5300" i="5" s="1"/>
  <c r="J285" i="2"/>
  <c r="J259" i="5" s="1"/>
  <c r="N259" i="5" s="1"/>
  <c r="K285" i="2"/>
  <c r="K259" i="5" s="1"/>
  <c r="I285" i="2"/>
  <c r="I259" i="5" s="1"/>
  <c r="L285" i="2"/>
  <c r="L259" i="5" s="1"/>
  <c r="M285" i="2"/>
  <c r="M259" i="5" s="1"/>
  <c r="P259" i="5" s="1"/>
  <c r="L639" i="2"/>
  <c r="L613" i="5" s="1"/>
  <c r="M639" i="2"/>
  <c r="M613" i="5" s="1"/>
  <c r="P613" i="5" s="1"/>
  <c r="K639" i="2"/>
  <c r="K613" i="5" s="1"/>
  <c r="J598" i="2"/>
  <c r="J572" i="5" s="1"/>
  <c r="N572" i="5" s="1"/>
  <c r="I598" i="2"/>
  <c r="I572" i="5" s="1"/>
  <c r="K598" i="2"/>
  <c r="K572" i="5" s="1"/>
  <c r="L598" i="2"/>
  <c r="L572" i="5" s="1"/>
  <c r="M598" i="2"/>
  <c r="M572" i="5" s="1"/>
  <c r="P572" i="5" s="1"/>
  <c r="K8550" i="2"/>
  <c r="K8524" i="5" s="1"/>
  <c r="J8550" i="2"/>
  <c r="J8524" i="5" s="1"/>
  <c r="N8524" i="5" s="1"/>
  <c r="L4349" i="2"/>
  <c r="L4323" i="5" s="1"/>
  <c r="K4349" i="2"/>
  <c r="K4323" i="5" s="1"/>
  <c r="J4349" i="2"/>
  <c r="J4323" i="5" s="1"/>
  <c r="N4323" i="5" s="1"/>
  <c r="K5449" i="2"/>
  <c r="K5423" i="5" s="1"/>
  <c r="I5449" i="2"/>
  <c r="I5423" i="5" s="1"/>
  <c r="M4133" i="2"/>
  <c r="M4107" i="5" s="1"/>
  <c r="P4107" i="5" s="1"/>
  <c r="L4133" i="2"/>
  <c r="L4107" i="5" s="1"/>
  <c r="J4133" i="2"/>
  <c r="J4107" i="5" s="1"/>
  <c r="N4107" i="5" s="1"/>
  <c r="I4133" i="2"/>
  <c r="I4107" i="5" s="1"/>
  <c r="L7332" i="2"/>
  <c r="L7306" i="5" s="1"/>
  <c r="K7332" i="2"/>
  <c r="K7306" i="5" s="1"/>
  <c r="J7332" i="2"/>
  <c r="J7306" i="5" s="1"/>
  <c r="N7306" i="5" s="1"/>
  <c r="M7332" i="2"/>
  <c r="M7306" i="5" s="1"/>
  <c r="P7306" i="5" s="1"/>
  <c r="I7332" i="2"/>
  <c r="I7306" i="5" s="1"/>
  <c r="L3955" i="2"/>
  <c r="L3929" i="5" s="1"/>
  <c r="J3955" i="2"/>
  <c r="J3929" i="5" s="1"/>
  <c r="N3929" i="5" s="1"/>
  <c r="I3955" i="2"/>
  <c r="I3929" i="5" s="1"/>
  <c r="K3955" i="2"/>
  <c r="K3929" i="5" s="1"/>
  <c r="K2315" i="2"/>
  <c r="K2289" i="5" s="1"/>
  <c r="L2315" i="2"/>
  <c r="L2289" i="5" s="1"/>
  <c r="M2315" i="2"/>
  <c r="M2289" i="5" s="1"/>
  <c r="P2289" i="5" s="1"/>
  <c r="J2315" i="2"/>
  <c r="J2289" i="5" s="1"/>
  <c r="N2289" i="5" s="1"/>
  <c r="I2315" i="2"/>
  <c r="I2289" i="5" s="1"/>
  <c r="K1552" i="2"/>
  <c r="K1526" i="5" s="1"/>
  <c r="L1552" i="2"/>
  <c r="L1526" i="5" s="1"/>
  <c r="J1552" i="2"/>
  <c r="J1526" i="5" s="1"/>
  <c r="N1526" i="5" s="1"/>
  <c r="J788" i="2"/>
  <c r="J762" i="5" s="1"/>
  <c r="N762" i="5" s="1"/>
  <c r="M788" i="2"/>
  <c r="M762" i="5" s="1"/>
  <c r="P762" i="5" s="1"/>
  <c r="K788" i="2"/>
  <c r="K762" i="5" s="1"/>
  <c r="I788" i="2"/>
  <c r="I762" i="5" s="1"/>
  <c r="L788" i="2"/>
  <c r="L762" i="5" s="1"/>
  <c r="M2818" i="2"/>
  <c r="M2792" i="5" s="1"/>
  <c r="P2792" i="5" s="1"/>
  <c r="L2818" i="2"/>
  <c r="L2792" i="5" s="1"/>
  <c r="K2818" i="2"/>
  <c r="K2792" i="5" s="1"/>
  <c r="I2818" i="2"/>
  <c r="I2792" i="5" s="1"/>
  <c r="J2818" i="2"/>
  <c r="J2792" i="5" s="1"/>
  <c r="N2792" i="5" s="1"/>
  <c r="I4431" i="2"/>
  <c r="I4405" i="5" s="1"/>
  <c r="K4431" i="2"/>
  <c r="K4405" i="5" s="1"/>
  <c r="J4431" i="2"/>
  <c r="J4405" i="5" s="1"/>
  <c r="N4405" i="5" s="1"/>
  <c r="M4431" i="2"/>
  <c r="M4405" i="5" s="1"/>
  <c r="P4405" i="5" s="1"/>
  <c r="L4431" i="2"/>
  <c r="L4405" i="5" s="1"/>
  <c r="J3926" i="2"/>
  <c r="J3900" i="5" s="1"/>
  <c r="L3926" i="2"/>
  <c r="L3900" i="5" s="1"/>
  <c r="I3926" i="2"/>
  <c r="I3900" i="5" s="1"/>
  <c r="K3926" i="2"/>
  <c r="K3900" i="5" s="1"/>
  <c r="L1912" i="2"/>
  <c r="L1886" i="5" s="1"/>
  <c r="I1912" i="2"/>
  <c r="I1886" i="5" s="1"/>
  <c r="K1912" i="2"/>
  <c r="K1886" i="5" s="1"/>
  <c r="M1912" i="2"/>
  <c r="M1886" i="5" s="1"/>
  <c r="P1886" i="5" s="1"/>
  <c r="J1912" i="2"/>
  <c r="J1886" i="5" s="1"/>
  <c r="N1886" i="5" s="1"/>
  <c r="I8685" i="2"/>
  <c r="I8659" i="5" s="1"/>
  <c r="L8685" i="2"/>
  <c r="L8659" i="5" s="1"/>
  <c r="J3931" i="2"/>
  <c r="J3905" i="5" s="1"/>
  <c r="N3905" i="5" s="1"/>
  <c r="L3931" i="2"/>
  <c r="L3905" i="5" s="1"/>
  <c r="M3931" i="2"/>
  <c r="M3905" i="5" s="1"/>
  <c r="P3905" i="5" s="1"/>
  <c r="K3931" i="2"/>
  <c r="K3905" i="5" s="1"/>
  <c r="K400" i="2"/>
  <c r="K374" i="5" s="1"/>
  <c r="M400" i="2"/>
  <c r="M374" i="5" s="1"/>
  <c r="P374" i="5" s="1"/>
  <c r="I6755" i="2"/>
  <c r="I6729" i="5" s="1"/>
  <c r="K6755" i="2"/>
  <c r="K6729" i="5" s="1"/>
  <c r="J6755" i="2"/>
  <c r="J6729" i="5" s="1"/>
  <c r="N6729" i="5" s="1"/>
  <c r="M6755" i="2"/>
  <c r="M6729" i="5" s="1"/>
  <c r="P6729" i="5" s="1"/>
  <c r="L6755" i="2"/>
  <c r="L6729" i="5" s="1"/>
  <c r="L4518" i="2"/>
  <c r="L4492" i="5" s="1"/>
  <c r="I4518" i="2"/>
  <c r="I4492" i="5" s="1"/>
  <c r="J4518" i="2"/>
  <c r="J4492" i="5" s="1"/>
  <c r="N4492" i="5" s="1"/>
  <c r="M4518" i="2"/>
  <c r="M4492" i="5" s="1"/>
  <c r="P4492" i="5" s="1"/>
  <c r="K4518" i="2"/>
  <c r="K4492" i="5" s="1"/>
  <c r="M3167" i="2"/>
  <c r="M3141" i="5" s="1"/>
  <c r="P3141" i="5" s="1"/>
  <c r="J3167" i="2"/>
  <c r="J3141" i="5" s="1"/>
  <c r="N3141" i="5" s="1"/>
  <c r="L3167" i="2"/>
  <c r="L3141" i="5" s="1"/>
  <c r="M3238" i="2"/>
  <c r="M3212" i="5" s="1"/>
  <c r="P3212" i="5" s="1"/>
  <c r="I3238" i="2"/>
  <c r="I3212" i="5" s="1"/>
  <c r="J3238" i="2"/>
  <c r="J3212" i="5" s="1"/>
  <c r="N3212" i="5" s="1"/>
  <c r="K3238" i="2"/>
  <c r="K3212" i="5" s="1"/>
  <c r="J8217" i="2"/>
  <c r="J8191" i="5" s="1"/>
  <c r="N8191" i="5" s="1"/>
  <c r="L8217" i="2"/>
  <c r="L8191" i="5" s="1"/>
  <c r="M8217" i="2"/>
  <c r="M8191" i="5" s="1"/>
  <c r="P8191" i="5" s="1"/>
  <c r="J7324" i="2"/>
  <c r="J7298" i="5" s="1"/>
  <c r="M7324" i="2"/>
  <c r="M7298" i="5" s="1"/>
  <c r="P7298" i="5" s="1"/>
  <c r="J1146" i="2"/>
  <c r="J1120" i="5" s="1"/>
  <c r="N1120" i="5" s="1"/>
  <c r="I1146" i="2"/>
  <c r="I1120" i="5" s="1"/>
  <c r="K1146" i="2"/>
  <c r="K1120" i="5" s="1"/>
  <c r="O1120" i="5" s="1"/>
  <c r="J2773" i="2"/>
  <c r="J2747" i="5" s="1"/>
  <c r="N2747" i="5" s="1"/>
  <c r="K2773" i="2"/>
  <c r="K2747" i="5" s="1"/>
  <c r="O2747" i="5" s="1"/>
  <c r="I2773" i="2"/>
  <c r="I2747" i="5" s="1"/>
  <c r="K4947" i="2"/>
  <c r="K4921" i="5" s="1"/>
  <c r="I4947" i="2"/>
  <c r="I4921" i="5" s="1"/>
  <c r="L7309" i="2"/>
  <c r="L7283" i="5" s="1"/>
  <c r="I7309" i="2"/>
  <c r="I7283" i="5" s="1"/>
  <c r="M7309" i="2"/>
  <c r="M7283" i="5" s="1"/>
  <c r="P7283" i="5" s="1"/>
  <c r="K7309" i="2"/>
  <c r="K7283" i="5" s="1"/>
  <c r="J7309" i="2"/>
  <c r="J7283" i="5" s="1"/>
  <c r="N7283" i="5" s="1"/>
  <c r="I731" i="2"/>
  <c r="I705" i="5" s="1"/>
  <c r="K731" i="2"/>
  <c r="K705" i="5" s="1"/>
  <c r="L731" i="2"/>
  <c r="L705" i="5" s="1"/>
  <c r="M731" i="2"/>
  <c r="M705" i="5" s="1"/>
  <c r="P705" i="5" s="1"/>
  <c r="I1427" i="2"/>
  <c r="I1401" i="5" s="1"/>
  <c r="K1427" i="2"/>
  <c r="K1401" i="5" s="1"/>
  <c r="I5410" i="2"/>
  <c r="I5384" i="5" s="1"/>
  <c r="K5410" i="2"/>
  <c r="K5384" i="5" s="1"/>
  <c r="O5384" i="5" s="1"/>
  <c r="J5410" i="2"/>
  <c r="J5384" i="5" s="1"/>
  <c r="N5384" i="5" s="1"/>
  <c r="I7142" i="2"/>
  <c r="I7116" i="5" s="1"/>
  <c r="M7142" i="2"/>
  <c r="M7116" i="5" s="1"/>
  <c r="P7116" i="5" s="1"/>
  <c r="J2088" i="2"/>
  <c r="J2062" i="5" s="1"/>
  <c r="N2062" i="5" s="1"/>
  <c r="M2088" i="2"/>
  <c r="M2062" i="5" s="1"/>
  <c r="P2062" i="5" s="1"/>
  <c r="I2088" i="2"/>
  <c r="I2062" i="5" s="1"/>
  <c r="K2910" i="2"/>
  <c r="K2884" i="5" s="1"/>
  <c r="J2910" i="2"/>
  <c r="J2884" i="5" s="1"/>
  <c r="N2884" i="5" s="1"/>
  <c r="M2910" i="2"/>
  <c r="M2884" i="5" s="1"/>
  <c r="P2884" i="5" s="1"/>
  <c r="L2910" i="2"/>
  <c r="L2884" i="5" s="1"/>
  <c r="I2910" i="2"/>
  <c r="I2884" i="5" s="1"/>
  <c r="J3639" i="2"/>
  <c r="J3613" i="5" s="1"/>
  <c r="N3613" i="5" s="1"/>
  <c r="L3639" i="2"/>
  <c r="L3613" i="5" s="1"/>
  <c r="M3639" i="2"/>
  <c r="M3613" i="5" s="1"/>
  <c r="P3613" i="5" s="1"/>
  <c r="I3639" i="2"/>
  <c r="I3613" i="5" s="1"/>
  <c r="K3639" i="2"/>
  <c r="K3613" i="5" s="1"/>
  <c r="I5758" i="2"/>
  <c r="I5732" i="5" s="1"/>
  <c r="J5758" i="2"/>
  <c r="J5732" i="5" s="1"/>
  <c r="N5732" i="5" s="1"/>
  <c r="K5758" i="2"/>
  <c r="K5732" i="5" s="1"/>
  <c r="O5732" i="5" s="1"/>
  <c r="J7524" i="2"/>
  <c r="J7498" i="5" s="1"/>
  <c r="L7524" i="2"/>
  <c r="L7498" i="5" s="1"/>
  <c r="I7524" i="2"/>
  <c r="I7498" i="5" s="1"/>
  <c r="M7524" i="2"/>
  <c r="M7498" i="5" s="1"/>
  <c r="P7498" i="5" s="1"/>
  <c r="K7524" i="2"/>
  <c r="K7498" i="5" s="1"/>
  <c r="L4429" i="2"/>
  <c r="L4403" i="5" s="1"/>
  <c r="K1564" i="2"/>
  <c r="K1538" i="5" s="1"/>
  <c r="L1564" i="2"/>
  <c r="L1538" i="5" s="1"/>
  <c r="I1564" i="2"/>
  <c r="I1538" i="5" s="1"/>
  <c r="J1564" i="2"/>
  <c r="J1538" i="5" s="1"/>
  <c r="N1538" i="5" s="1"/>
  <c r="K2656" i="2"/>
  <c r="K2630" i="5" s="1"/>
  <c r="L2656" i="2"/>
  <c r="L2630" i="5" s="1"/>
  <c r="M2656" i="2"/>
  <c r="M2630" i="5" s="1"/>
  <c r="P2630" i="5" s="1"/>
  <c r="J2656" i="2"/>
  <c r="J2630" i="5" s="1"/>
  <c r="N2630" i="5" s="1"/>
  <c r="M6426" i="2"/>
  <c r="M6400" i="5" s="1"/>
  <c r="P6400" i="5" s="1"/>
  <c r="J6426" i="2"/>
  <c r="J6400" i="5" s="1"/>
  <c r="N6400" i="5" s="1"/>
  <c r="I6426" i="2"/>
  <c r="I6400" i="5" s="1"/>
  <c r="L6426" i="2"/>
  <c r="L6400" i="5" s="1"/>
  <c r="J7536" i="2"/>
  <c r="J7510" i="5" s="1"/>
  <c r="N7510" i="5" s="1"/>
  <c r="I7536" i="2"/>
  <c r="I7510" i="5" s="1"/>
  <c r="K7536" i="2"/>
  <c r="K7510" i="5" s="1"/>
  <c r="L7536" i="2"/>
  <c r="L7510" i="5" s="1"/>
  <c r="J3831" i="2"/>
  <c r="J3805" i="5" s="1"/>
  <c r="N3805" i="5" s="1"/>
  <c r="I3831" i="2"/>
  <c r="I3805" i="5" s="1"/>
  <c r="K3835" i="2"/>
  <c r="K3809" i="5" s="1"/>
  <c r="M3835" i="2"/>
  <c r="M3809" i="5" s="1"/>
  <c r="P3809" i="5" s="1"/>
  <c r="I3835" i="2"/>
  <c r="I3809" i="5" s="1"/>
  <c r="L3835" i="2"/>
  <c r="L3809" i="5" s="1"/>
  <c r="J3835" i="2"/>
  <c r="J3809" i="5" s="1"/>
  <c r="N3809" i="5" s="1"/>
  <c r="M2477" i="2"/>
  <c r="M2451" i="5" s="1"/>
  <c r="P2451" i="5" s="1"/>
  <c r="I2477" i="2"/>
  <c r="I2451" i="5" s="1"/>
  <c r="L2477" i="2"/>
  <c r="L2451" i="5" s="1"/>
  <c r="K3231" i="2"/>
  <c r="K3205" i="5" s="1"/>
  <c r="J3231" i="2"/>
  <c r="J3205" i="5" s="1"/>
  <c r="N3205" i="5" s="1"/>
  <c r="L3231" i="2"/>
  <c r="L3205" i="5" s="1"/>
  <c r="M3231" i="2"/>
  <c r="M3205" i="5" s="1"/>
  <c r="P3205" i="5" s="1"/>
  <c r="J762" i="2"/>
  <c r="J736" i="5" s="1"/>
  <c r="N736" i="5" s="1"/>
  <c r="I762" i="2"/>
  <c r="I736" i="5" s="1"/>
  <c r="K762" i="2"/>
  <c r="K736" i="5" s="1"/>
  <c r="L762" i="2"/>
  <c r="L736" i="5" s="1"/>
  <c r="K6534" i="2"/>
  <c r="K6508" i="5" s="1"/>
  <c r="M6534" i="2"/>
  <c r="M6508" i="5" s="1"/>
  <c r="P6508" i="5" s="1"/>
  <c r="M6537" i="2"/>
  <c r="M6511" i="5" s="1"/>
  <c r="P6511" i="5" s="1"/>
  <c r="L6537" i="2"/>
  <c r="L6511" i="5" s="1"/>
  <c r="J6537" i="2"/>
  <c r="J6511" i="5" s="1"/>
  <c r="N6511" i="5" s="1"/>
  <c r="I6537" i="2"/>
  <c r="I6511" i="5" s="1"/>
  <c r="L3838" i="2"/>
  <c r="L3812" i="5" s="1"/>
  <c r="J3838" i="2"/>
  <c r="J3812" i="5" s="1"/>
  <c r="N3812" i="5" s="1"/>
  <c r="I3838" i="2"/>
  <c r="I3812" i="5" s="1"/>
  <c r="M3838" i="2"/>
  <c r="M3812" i="5" s="1"/>
  <c r="P3812" i="5" s="1"/>
  <c r="K4076" i="2"/>
  <c r="K4050" i="5" s="1"/>
  <c r="O4050" i="5" s="1"/>
  <c r="L5096" i="2"/>
  <c r="L5070" i="5" s="1"/>
  <c r="M5096" i="2"/>
  <c r="M5070" i="5" s="1"/>
  <c r="P5070" i="5" s="1"/>
  <c r="J5096" i="2"/>
  <c r="J5070" i="5" s="1"/>
  <c r="N5070" i="5" s="1"/>
  <c r="K5096" i="2"/>
  <c r="K5070" i="5" s="1"/>
  <c r="I1982" i="2"/>
  <c r="I1956" i="5" s="1"/>
  <c r="L1982" i="2"/>
  <c r="L1956" i="5" s="1"/>
  <c r="M1982" i="2"/>
  <c r="M1956" i="5" s="1"/>
  <c r="P1956" i="5" s="1"/>
  <c r="J1982" i="2"/>
  <c r="J1956" i="5" s="1"/>
  <c r="N1956" i="5" s="1"/>
  <c r="M4745" i="2"/>
  <c r="M4719" i="5" s="1"/>
  <c r="P4719" i="5" s="1"/>
  <c r="L4745" i="2"/>
  <c r="L4719" i="5" s="1"/>
  <c r="I4745" i="2"/>
  <c r="I4719" i="5" s="1"/>
  <c r="M4746" i="2"/>
  <c r="M4720" i="5" s="1"/>
  <c r="P4720" i="5" s="1"/>
  <c r="L4746" i="2"/>
  <c r="L4720" i="5" s="1"/>
  <c r="I4746" i="2"/>
  <c r="I4720" i="5" s="1"/>
  <c r="K4746" i="2"/>
  <c r="K4720" i="5" s="1"/>
  <c r="J7301" i="2"/>
  <c r="J7275" i="5" s="1"/>
  <c r="N7275" i="5" s="1"/>
  <c r="I7301" i="2"/>
  <c r="I7275" i="5" s="1"/>
  <c r="K7301" i="2"/>
  <c r="K7275" i="5" s="1"/>
  <c r="O7275" i="5" s="1"/>
  <c r="K900" i="2"/>
  <c r="K874" i="5" s="1"/>
  <c r="O874" i="5" s="1"/>
  <c r="J900" i="2"/>
  <c r="J874" i="5" s="1"/>
  <c r="N874" i="5" s="1"/>
  <c r="J1603" i="2"/>
  <c r="J1577" i="5" s="1"/>
  <c r="N1577" i="5" s="1"/>
  <c r="L1603" i="2"/>
  <c r="L1577" i="5" s="1"/>
  <c r="M1603" i="2"/>
  <c r="M1577" i="5" s="1"/>
  <c r="P1577" i="5" s="1"/>
  <c r="I1603" i="2"/>
  <c r="I1577" i="5" s="1"/>
  <c r="K1603" i="2"/>
  <c r="K1577" i="5" s="1"/>
  <c r="K5138" i="2"/>
  <c r="K5112" i="5" s="1"/>
  <c r="J5138" i="2"/>
  <c r="J5112" i="5" s="1"/>
  <c r="N5112" i="5" s="1"/>
  <c r="I5138" i="2"/>
  <c r="I5112" i="5" s="1"/>
  <c r="L5138" i="2"/>
  <c r="L5112" i="5" s="1"/>
  <c r="K2936" i="2"/>
  <c r="K2910" i="5" s="1"/>
  <c r="J2936" i="2"/>
  <c r="J2910" i="5" s="1"/>
  <c r="N2910" i="5" s="1"/>
  <c r="L2936" i="2"/>
  <c r="L2910" i="5" s="1"/>
  <c r="M2936" i="2"/>
  <c r="M2910" i="5" s="1"/>
  <c r="P2910" i="5" s="1"/>
  <c r="I2936" i="2"/>
  <c r="I2910" i="5" s="1"/>
  <c r="I3482" i="2"/>
  <c r="I3456" i="5" s="1"/>
  <c r="K3482" i="2"/>
  <c r="K3456" i="5" s="1"/>
  <c r="J3482" i="2"/>
  <c r="J3456" i="5" s="1"/>
  <c r="L3482" i="2"/>
  <c r="L3456" i="5" s="1"/>
  <c r="M3482" i="2"/>
  <c r="M3456" i="5" s="1"/>
  <c r="P3456" i="5" s="1"/>
  <c r="J6590" i="2"/>
  <c r="J6564" i="5" s="1"/>
  <c r="N6564" i="5" s="1"/>
  <c r="M6590" i="2"/>
  <c r="M6564" i="5" s="1"/>
  <c r="P6564" i="5" s="1"/>
  <c r="I6590" i="2"/>
  <c r="I6564" i="5" s="1"/>
  <c r="K6590" i="2"/>
  <c r="K6564" i="5" s="1"/>
  <c r="L6590" i="2"/>
  <c r="L6564" i="5" s="1"/>
  <c r="J6472" i="2"/>
  <c r="J6446" i="5" s="1"/>
  <c r="N6446" i="5" s="1"/>
  <c r="K6472" i="2"/>
  <c r="K6446" i="5" s="1"/>
  <c r="M6472" i="2"/>
  <c r="M6446" i="5" s="1"/>
  <c r="P6446" i="5" s="1"/>
  <c r="L6472" i="2"/>
  <c r="L6446" i="5" s="1"/>
  <c r="L3901" i="2"/>
  <c r="L3875" i="5" s="1"/>
  <c r="K3901" i="2"/>
  <c r="K3875" i="5" s="1"/>
  <c r="M266" i="2"/>
  <c r="M240" i="5" s="1"/>
  <c r="P240" i="5" s="1"/>
  <c r="J266" i="2"/>
  <c r="J240" i="5" s="1"/>
  <c r="N240" i="5" s="1"/>
  <c r="I266" i="2"/>
  <c r="I240" i="5" s="1"/>
  <c r="K266" i="2"/>
  <c r="K240" i="5" s="1"/>
  <c r="L266" i="2"/>
  <c r="L240" i="5" s="1"/>
  <c r="M8638" i="2"/>
  <c r="M8612" i="5" s="1"/>
  <c r="P8612" i="5" s="1"/>
  <c r="I8638" i="2"/>
  <c r="I8612" i="5" s="1"/>
  <c r="J6678" i="2"/>
  <c r="J6652" i="5" s="1"/>
  <c r="N6652" i="5" s="1"/>
  <c r="M6678" i="2"/>
  <c r="M6652" i="5" s="1"/>
  <c r="P6652" i="5" s="1"/>
  <c r="I6678" i="2"/>
  <c r="I6652" i="5" s="1"/>
  <c r="M6137" i="2"/>
  <c r="M6111" i="5" s="1"/>
  <c r="P6111" i="5" s="1"/>
  <c r="L6137" i="2"/>
  <c r="L6111" i="5" s="1"/>
  <c r="I6137" i="2"/>
  <c r="I6111" i="5" s="1"/>
  <c r="I1090" i="2"/>
  <c r="I1064" i="5" s="1"/>
  <c r="M1090" i="2"/>
  <c r="M1064" i="5" s="1"/>
  <c r="P1064" i="5" s="1"/>
  <c r="L1090" i="2"/>
  <c r="L1064" i="5" s="1"/>
  <c r="I6944" i="2"/>
  <c r="I6918" i="5" s="1"/>
  <c r="M1724" i="2"/>
  <c r="M1698" i="5" s="1"/>
  <c r="P1698" i="5" s="1"/>
  <c r="L1724" i="2"/>
  <c r="L1698" i="5" s="1"/>
  <c r="J1724" i="2"/>
  <c r="J1698" i="5" s="1"/>
  <c r="N1698" i="5" s="1"/>
  <c r="L394" i="2"/>
  <c r="L368" i="5" s="1"/>
  <c r="I394" i="2"/>
  <c r="I368" i="5" s="1"/>
  <c r="K394" i="2"/>
  <c r="K368" i="5" s="1"/>
  <c r="K5926" i="2"/>
  <c r="K5900" i="5" s="1"/>
  <c r="M5926" i="2"/>
  <c r="M5900" i="5" s="1"/>
  <c r="P5900" i="5" s="1"/>
  <c r="J5926" i="2"/>
  <c r="J5900" i="5" s="1"/>
  <c r="N5900" i="5" s="1"/>
  <c r="I5926" i="2"/>
  <c r="I5900" i="5" s="1"/>
  <c r="M5435" i="2"/>
  <c r="M5409" i="5" s="1"/>
  <c r="P5409" i="5" s="1"/>
  <c r="K5435" i="2"/>
  <c r="K5409" i="5" s="1"/>
  <c r="K7492" i="2"/>
  <c r="K7466" i="5" s="1"/>
  <c r="M7492" i="2"/>
  <c r="M7466" i="5" s="1"/>
  <c r="P7466" i="5" s="1"/>
  <c r="M6461" i="2"/>
  <c r="M6435" i="5" s="1"/>
  <c r="P6435" i="5" s="1"/>
  <c r="K6461" i="2"/>
  <c r="K6435" i="5" s="1"/>
  <c r="L6461" i="2"/>
  <c r="L6435" i="5" s="1"/>
  <c r="M2633" i="2"/>
  <c r="M2607" i="5" s="1"/>
  <c r="P2607" i="5" s="1"/>
  <c r="J2633" i="2"/>
  <c r="J2607" i="5" s="1"/>
  <c r="N2607" i="5" s="1"/>
  <c r="I2633" i="2"/>
  <c r="I2607" i="5" s="1"/>
  <c r="K2633" i="2"/>
  <c r="K2607" i="5" s="1"/>
  <c r="L2633" i="2"/>
  <c r="L2607" i="5" s="1"/>
  <c r="I4973" i="2"/>
  <c r="I4947" i="5" s="1"/>
  <c r="K6802" i="2"/>
  <c r="K6776" i="5" s="1"/>
  <c r="J6802" i="2"/>
  <c r="J6776" i="5" s="1"/>
  <c r="N6776" i="5" s="1"/>
  <c r="L6802" i="2"/>
  <c r="L6776" i="5" s="1"/>
  <c r="M7516" i="2"/>
  <c r="M7490" i="5" s="1"/>
  <c r="P7490" i="5" s="1"/>
  <c r="L7516" i="2"/>
  <c r="L7490" i="5" s="1"/>
  <c r="I7481" i="2"/>
  <c r="I7455" i="5" s="1"/>
  <c r="J7481" i="2"/>
  <c r="J7455" i="5" s="1"/>
  <c r="N7455" i="5" s="1"/>
  <c r="L7481" i="2"/>
  <c r="L7455" i="5" s="1"/>
  <c r="I2745" i="2"/>
  <c r="I2719" i="5" s="1"/>
  <c r="M2745" i="2"/>
  <c r="M2719" i="5" s="1"/>
  <c r="P2719" i="5" s="1"/>
  <c r="K3062" i="2"/>
  <c r="K3036" i="5" s="1"/>
  <c r="L3062" i="2"/>
  <c r="L3036" i="5" s="1"/>
  <c r="M3062" i="2"/>
  <c r="M3036" i="5" s="1"/>
  <c r="P3036" i="5" s="1"/>
  <c r="K71" i="2"/>
  <c r="K45" i="5" s="1"/>
  <c r="J71" i="2"/>
  <c r="J45" i="5" s="1"/>
  <c r="N45" i="5" s="1"/>
  <c r="L71" i="2"/>
  <c r="L45" i="5" s="1"/>
  <c r="L3122" i="2"/>
  <c r="L3096" i="5" s="1"/>
  <c r="I3122" i="2"/>
  <c r="I3096" i="5" s="1"/>
  <c r="K3122" i="2"/>
  <c r="K3096" i="5" s="1"/>
  <c r="L5092" i="2"/>
  <c r="L5066" i="5" s="1"/>
  <c r="I5092" i="2"/>
  <c r="I5066" i="5" s="1"/>
  <c r="M5092" i="2"/>
  <c r="M5066" i="5" s="1"/>
  <c r="P5066" i="5" s="1"/>
  <c r="K5092" i="2"/>
  <c r="K5066" i="5" s="1"/>
  <c r="K7110" i="2"/>
  <c r="K7084" i="5" s="1"/>
  <c r="J7110" i="2"/>
  <c r="J7084" i="5" s="1"/>
  <c r="N7084" i="5" s="1"/>
  <c r="L7110" i="2"/>
  <c r="L7084" i="5" s="1"/>
  <c r="M7110" i="2"/>
  <c r="M7084" i="5" s="1"/>
  <c r="P7084" i="5" s="1"/>
  <c r="I7110" i="2"/>
  <c r="I7084" i="5" s="1"/>
  <c r="L5083" i="2"/>
  <c r="L5057" i="5" s="1"/>
  <c r="F141" i="5"/>
  <c r="AR135" i="1"/>
  <c r="K795" i="2"/>
  <c r="K769" i="5" s="1"/>
  <c r="J795" i="2"/>
  <c r="J769" i="5" s="1"/>
  <c r="N769" i="5" s="1"/>
  <c r="L795" i="2"/>
  <c r="L769" i="5" s="1"/>
  <c r="M960" i="2"/>
  <c r="M934" i="5" s="1"/>
  <c r="P934" i="5" s="1"/>
  <c r="J960" i="2"/>
  <c r="J934" i="5" s="1"/>
  <c r="N934" i="5" s="1"/>
  <c r="L5923" i="2"/>
  <c r="L5897" i="5" s="1"/>
  <c r="L3975" i="2"/>
  <c r="L3949" i="5" s="1"/>
  <c r="J3975" i="2"/>
  <c r="J3949" i="5" s="1"/>
  <c r="N3949" i="5" s="1"/>
  <c r="I5425" i="2"/>
  <c r="I5399" i="5" s="1"/>
  <c r="J5425" i="2"/>
  <c r="J5399" i="5" s="1"/>
  <c r="N5399" i="5" s="1"/>
  <c r="L5425" i="2"/>
  <c r="L5399" i="5" s="1"/>
  <c r="M5425" i="2"/>
  <c r="M5399" i="5" s="1"/>
  <c r="P5399" i="5" s="1"/>
  <c r="J5801" i="2"/>
  <c r="J5775" i="5" s="1"/>
  <c r="N5775" i="5" s="1"/>
  <c r="L5801" i="2"/>
  <c r="L5775" i="5" s="1"/>
  <c r="I5801" i="2"/>
  <c r="I5775" i="5" s="1"/>
  <c r="K5801" i="2"/>
  <c r="K5775" i="5" s="1"/>
  <c r="J5349" i="2"/>
  <c r="J5323" i="5" s="1"/>
  <c r="I5349" i="2"/>
  <c r="I5323" i="5" s="1"/>
  <c r="M5349" i="2"/>
  <c r="M5323" i="5" s="1"/>
  <c r="P5323" i="5" s="1"/>
  <c r="J74" i="2"/>
  <c r="J48" i="5" s="1"/>
  <c r="N48" i="5" s="1"/>
  <c r="L74" i="2"/>
  <c r="L48" i="5" s="1"/>
  <c r="J78" i="2"/>
  <c r="J52" i="5" s="1"/>
  <c r="N52" i="5" s="1"/>
  <c r="M78" i="2"/>
  <c r="M52" i="5" s="1"/>
  <c r="P52" i="5" s="1"/>
  <c r="L78" i="2"/>
  <c r="L52" i="5" s="1"/>
  <c r="K78" i="2"/>
  <c r="K52" i="5" s="1"/>
  <c r="I78" i="2"/>
  <c r="I52" i="5" s="1"/>
  <c r="I2335" i="2"/>
  <c r="I2309" i="5" s="1"/>
  <c r="K2335" i="2"/>
  <c r="K2309" i="5" s="1"/>
  <c r="J2335" i="2"/>
  <c r="J2309" i="5" s="1"/>
  <c r="N2309" i="5" s="1"/>
  <c r="L2335" i="2"/>
  <c r="L2309" i="5" s="1"/>
  <c r="M2895" i="2"/>
  <c r="M2869" i="5" s="1"/>
  <c r="P2869" i="5" s="1"/>
  <c r="L2895" i="2"/>
  <c r="L2869" i="5" s="1"/>
  <c r="L223" i="2"/>
  <c r="L197" i="5" s="1"/>
  <c r="J223" i="2"/>
  <c r="J197" i="5" s="1"/>
  <c r="N197" i="5" s="1"/>
  <c r="J5814" i="2"/>
  <c r="J5788" i="5" s="1"/>
  <c r="N5788" i="5" s="1"/>
  <c r="I5814" i="2"/>
  <c r="I5788" i="5" s="1"/>
  <c r="K5814" i="2"/>
  <c r="K5788" i="5" s="1"/>
  <c r="M2808" i="2"/>
  <c r="M2782" i="5" s="1"/>
  <c r="P2782" i="5" s="1"/>
  <c r="J2808" i="2"/>
  <c r="J2782" i="5" s="1"/>
  <c r="N2782" i="5" s="1"/>
  <c r="L8629" i="2"/>
  <c r="L8603" i="5" s="1"/>
  <c r="I8629" i="2"/>
  <c r="I8603" i="5" s="1"/>
  <c r="K8629" i="2"/>
  <c r="K8603" i="5" s="1"/>
  <c r="J744" i="2"/>
  <c r="J718" i="5" s="1"/>
  <c r="N718" i="5" s="1"/>
  <c r="M744" i="2"/>
  <c r="M718" i="5" s="1"/>
  <c r="P718" i="5" s="1"/>
  <c r="J3232" i="2"/>
  <c r="J3206" i="5" s="1"/>
  <c r="N3206" i="5" s="1"/>
  <c r="M3232" i="2"/>
  <c r="M3206" i="5" s="1"/>
  <c r="P3206" i="5" s="1"/>
  <c r="L3232" i="2"/>
  <c r="L3206" i="5" s="1"/>
  <c r="I3232" i="2"/>
  <c r="I3206" i="5" s="1"/>
  <c r="K3232" i="2"/>
  <c r="K3206" i="5" s="1"/>
  <c r="M7674" i="2"/>
  <c r="M7648" i="5" s="1"/>
  <c r="P7648" i="5" s="1"/>
  <c r="I7674" i="2"/>
  <c r="I7648" i="5" s="1"/>
  <c r="I1658" i="2"/>
  <c r="I1632" i="5" s="1"/>
  <c r="M1658" i="2"/>
  <c r="M1632" i="5" s="1"/>
  <c r="P1632" i="5" s="1"/>
  <c r="J5313" i="2"/>
  <c r="J5287" i="5" s="1"/>
  <c r="N5287" i="5" s="1"/>
  <c r="I5313" i="2"/>
  <c r="I5287" i="5" s="1"/>
  <c r="K5313" i="2"/>
  <c r="K5287" i="5" s="1"/>
  <c r="K4440" i="2"/>
  <c r="K4414" i="5" s="1"/>
  <c r="K4257" i="2"/>
  <c r="K4231" i="5" s="1"/>
  <c r="O4231" i="5" s="1"/>
  <c r="J8534" i="2"/>
  <c r="J8508" i="5" s="1"/>
  <c r="N8508" i="5" s="1"/>
  <c r="K8457" i="2"/>
  <c r="K8431" i="5" s="1"/>
  <c r="K2397" i="2"/>
  <c r="K2371" i="5" s="1"/>
  <c r="J66" i="2"/>
  <c r="J40" i="5" s="1"/>
  <c r="J6621" i="2"/>
  <c r="J6595" i="5" s="1"/>
  <c r="N6595" i="5" s="1"/>
  <c r="M8007" i="2"/>
  <c r="M7981" i="5" s="1"/>
  <c r="P7981" i="5" s="1"/>
  <c r="J2291" i="2"/>
  <c r="J2265" i="5" s="1"/>
  <c r="N2265" i="5" s="1"/>
  <c r="L798" i="2"/>
  <c r="L772" i="5" s="1"/>
  <c r="AR4" i="1"/>
  <c r="I6490" i="2"/>
  <c r="I6464" i="5" s="1"/>
  <c r="J3924" i="2"/>
  <c r="J3898" i="5" s="1"/>
  <c r="I1978" i="2"/>
  <c r="I1952" i="5" s="1"/>
  <c r="K8016" i="2"/>
  <c r="K7990" i="5" s="1"/>
  <c r="K1779" i="2"/>
  <c r="K1753" i="5" s="1"/>
  <c r="O1753" i="5" s="1"/>
  <c r="L1584" i="2"/>
  <c r="L1558" i="5" s="1"/>
  <c r="J8638" i="2"/>
  <c r="J8612" i="5" s="1"/>
  <c r="N8612" i="5" s="1"/>
  <c r="I3765" i="2"/>
  <c r="I3739" i="5" s="1"/>
  <c r="J7828" i="2"/>
  <c r="J7802" i="5" s="1"/>
  <c r="L1623" i="2"/>
  <c r="L1597" i="5" s="1"/>
  <c r="J7267" i="2"/>
  <c r="J7241" i="5" s="1"/>
  <c r="N7241" i="5" s="1"/>
  <c r="M7004" i="2"/>
  <c r="M6978" i="5" s="1"/>
  <c r="P6978" i="5" s="1"/>
  <c r="M1729" i="2"/>
  <c r="M1703" i="5" s="1"/>
  <c r="P1703" i="5" s="1"/>
  <c r="L7492" i="2"/>
  <c r="L7466" i="5" s="1"/>
  <c r="L4782" i="2"/>
  <c r="L4756" i="5" s="1"/>
  <c r="L5349" i="2"/>
  <c r="L5323" i="5" s="1"/>
  <c r="K6138" i="2"/>
  <c r="K6112" i="5" s="1"/>
  <c r="M6923" i="2"/>
  <c r="M6897" i="5" s="1"/>
  <c r="P6897" i="5" s="1"/>
  <c r="I468" i="2"/>
  <c r="I442" i="5" s="1"/>
  <c r="K1147" i="2"/>
  <c r="K1121" i="5" s="1"/>
  <c r="K2106" i="2"/>
  <c r="K2080" i="5" s="1"/>
  <c r="I766" i="2"/>
  <c r="I740" i="5" s="1"/>
  <c r="M766" i="2"/>
  <c r="M740" i="5" s="1"/>
  <c r="P740" i="5" s="1"/>
  <c r="K766" i="2"/>
  <c r="K740" i="5" s="1"/>
  <c r="J766" i="2"/>
  <c r="J740" i="5" s="1"/>
  <c r="N740" i="5" s="1"/>
  <c r="L766" i="2"/>
  <c r="L740" i="5" s="1"/>
  <c r="M6643" i="2"/>
  <c r="M6617" i="5" s="1"/>
  <c r="P6617" i="5" s="1"/>
  <c r="K6643" i="2"/>
  <c r="K6617" i="5" s="1"/>
  <c r="M8049" i="2"/>
  <c r="M8023" i="5" s="1"/>
  <c r="P8023" i="5" s="1"/>
  <c r="I8049" i="2"/>
  <c r="I8023" i="5" s="1"/>
  <c r="J8049" i="2"/>
  <c r="J8023" i="5" s="1"/>
  <c r="N8023" i="5" s="1"/>
  <c r="L8049" i="2"/>
  <c r="L8023" i="5" s="1"/>
  <c r="J3315" i="2"/>
  <c r="J3289" i="5" s="1"/>
  <c r="N3289" i="5" s="1"/>
  <c r="I3315" i="2"/>
  <c r="I3289" i="5" s="1"/>
  <c r="L3315" i="2"/>
  <c r="L3289" i="5" s="1"/>
  <c r="I7185" i="2"/>
  <c r="I7159" i="5" s="1"/>
  <c r="K7185" i="2"/>
  <c r="K7159" i="5" s="1"/>
  <c r="O7159" i="5" s="1"/>
  <c r="M7185" i="2"/>
  <c r="M7159" i="5" s="1"/>
  <c r="P7159" i="5" s="1"/>
  <c r="J7185" i="2"/>
  <c r="J7159" i="5" s="1"/>
  <c r="N7159" i="5" s="1"/>
  <c r="K8342" i="2"/>
  <c r="K8316" i="5" s="1"/>
  <c r="O8316" i="5" s="1"/>
  <c r="I8342" i="2"/>
  <c r="I8316" i="5" s="1"/>
  <c r="M8342" i="2"/>
  <c r="M8316" i="5" s="1"/>
  <c r="P8316" i="5" s="1"/>
  <c r="J8342" i="2"/>
  <c r="J8316" i="5" s="1"/>
  <c r="N8316" i="5" s="1"/>
  <c r="M1385" i="2"/>
  <c r="M1359" i="5" s="1"/>
  <c r="P1359" i="5" s="1"/>
  <c r="L1385" i="2"/>
  <c r="L1359" i="5" s="1"/>
  <c r="I1385" i="2"/>
  <c r="I1359" i="5" s="1"/>
  <c r="K1385" i="2"/>
  <c r="K1359" i="5" s="1"/>
  <c r="I3410" i="2"/>
  <c r="I3384" i="5" s="1"/>
  <c r="J2769" i="2"/>
  <c r="J2743" i="5" s="1"/>
  <c r="N2743" i="5" s="1"/>
  <c r="M2769" i="2"/>
  <c r="M2743" i="5" s="1"/>
  <c r="P2743" i="5" s="1"/>
  <c r="I2769" i="2"/>
  <c r="I2743" i="5" s="1"/>
  <c r="K2769" i="2"/>
  <c r="K2743" i="5" s="1"/>
  <c r="L2769" i="2"/>
  <c r="L2743" i="5" s="1"/>
  <c r="K6842" i="2"/>
  <c r="K6816" i="5" s="1"/>
  <c r="O6816" i="5" s="1"/>
  <c r="K8383" i="2"/>
  <c r="K8357" i="5" s="1"/>
  <c r="J569" i="2"/>
  <c r="J543" i="5" s="1"/>
  <c r="K4910" i="2"/>
  <c r="K4884" i="5" s="1"/>
  <c r="J6945" i="2"/>
  <c r="J6919" i="5" s="1"/>
  <c r="N6919" i="5" s="1"/>
  <c r="J7016" i="2"/>
  <c r="J6990" i="5" s="1"/>
  <c r="N6990" i="5" s="1"/>
  <c r="J558" i="2"/>
  <c r="J532" i="5" s="1"/>
  <c r="I4257" i="2"/>
  <c r="I4231" i="5" s="1"/>
  <c r="K2076" i="2"/>
  <c r="K2050" i="5" s="1"/>
  <c r="I4602" i="2"/>
  <c r="I4576" i="5" s="1"/>
  <c r="K8534" i="2"/>
  <c r="K8508" i="5" s="1"/>
  <c r="L8457" i="2"/>
  <c r="L8431" i="5" s="1"/>
  <c r="M2422" i="2"/>
  <c r="M2396" i="5" s="1"/>
  <c r="P2396" i="5" s="1"/>
  <c r="I2397" i="2"/>
  <c r="I2371" i="5" s="1"/>
  <c r="K248" i="2"/>
  <c r="K222" i="5" s="1"/>
  <c r="L3126" i="2"/>
  <c r="L3100" i="5" s="1"/>
  <c r="K2289" i="2"/>
  <c r="K2263" i="5" s="1"/>
  <c r="M66" i="2"/>
  <c r="M40" i="5" s="1"/>
  <c r="P40" i="5" s="1"/>
  <c r="K6621" i="2"/>
  <c r="K6595" i="5" s="1"/>
  <c r="O6595" i="5" s="1"/>
  <c r="I8007" i="2"/>
  <c r="I7981" i="5" s="1"/>
  <c r="I2291" i="2"/>
  <c r="I2265" i="5" s="1"/>
  <c r="M5746" i="2"/>
  <c r="M5720" i="5" s="1"/>
  <c r="P5720" i="5" s="1"/>
  <c r="M798" i="2"/>
  <c r="M772" i="5" s="1"/>
  <c r="P772" i="5" s="1"/>
  <c r="I5624" i="2"/>
  <c r="I5598" i="5" s="1"/>
  <c r="K3277" i="2"/>
  <c r="K3251" i="5" s="1"/>
  <c r="O3251" i="5" s="1"/>
  <c r="M5819" i="2"/>
  <c r="M5793" i="5" s="1"/>
  <c r="P5793" i="5" s="1"/>
  <c r="K3924" i="2"/>
  <c r="K3898" i="5" s="1"/>
  <c r="M1978" i="2"/>
  <c r="M1952" i="5" s="1"/>
  <c r="P1952" i="5" s="1"/>
  <c r="M7822" i="2"/>
  <c r="M7796" i="5" s="1"/>
  <c r="P7796" i="5" s="1"/>
  <c r="I1555" i="2"/>
  <c r="I1529" i="5" s="1"/>
  <c r="I7340" i="2"/>
  <c r="I7314" i="5" s="1"/>
  <c r="K1922" i="2"/>
  <c r="K1896" i="5" s="1"/>
  <c r="O1896" i="5" s="1"/>
  <c r="M1753" i="2"/>
  <c r="M1727" i="5" s="1"/>
  <c r="P1727" i="5" s="1"/>
  <c r="K6263" i="2"/>
  <c r="K6237" i="5" s="1"/>
  <c r="J3334" i="2"/>
  <c r="J3308" i="5" s="1"/>
  <c r="N3308" i="5" s="1"/>
  <c r="J1584" i="2"/>
  <c r="J1558" i="5" s="1"/>
  <c r="N1558" i="5" s="1"/>
  <c r="K8638" i="2"/>
  <c r="K8612" i="5" s="1"/>
  <c r="I6472" i="2"/>
  <c r="I6446" i="5" s="1"/>
  <c r="L775" i="2"/>
  <c r="L749" i="5" s="1"/>
  <c r="J8112" i="2"/>
  <c r="J8086" i="5" s="1"/>
  <c r="N8086" i="5" s="1"/>
  <c r="I6651" i="2"/>
  <c r="I6625" i="5" s="1"/>
  <c r="L7375" i="2"/>
  <c r="L7349" i="5" s="1"/>
  <c r="M596" i="2"/>
  <c r="M570" i="5" s="1"/>
  <c r="P570" i="5" s="1"/>
  <c r="M1623" i="2"/>
  <c r="M1597" i="5" s="1"/>
  <c r="P1597" i="5" s="1"/>
  <c r="I7267" i="2"/>
  <c r="I7241" i="5" s="1"/>
  <c r="L5257" i="2"/>
  <c r="L5231" i="5" s="1"/>
  <c r="I7004" i="2"/>
  <c r="I6978" i="5" s="1"/>
  <c r="L7661" i="2"/>
  <c r="L7635" i="5" s="1"/>
  <c r="I5095" i="2"/>
  <c r="I5069" i="5" s="1"/>
  <c r="I7645" i="2"/>
  <c r="I7619" i="5" s="1"/>
  <c r="J1729" i="2"/>
  <c r="J1703" i="5" s="1"/>
  <c r="N1703" i="5" s="1"/>
  <c r="M4102" i="2"/>
  <c r="M4076" i="5" s="1"/>
  <c r="P4076" i="5" s="1"/>
  <c r="J7426" i="2"/>
  <c r="J7400" i="5" s="1"/>
  <c r="N7400" i="5" s="1"/>
  <c r="M5427" i="2"/>
  <c r="M5401" i="5" s="1"/>
  <c r="P5401" i="5" s="1"/>
  <c r="K7030" i="2"/>
  <c r="K7004" i="5" s="1"/>
  <c r="O7004" i="5" s="1"/>
  <c r="K5349" i="2"/>
  <c r="K5323" i="5" s="1"/>
  <c r="K1801" i="2"/>
  <c r="K1775" i="5" s="1"/>
  <c r="M7481" i="2"/>
  <c r="M7455" i="5" s="1"/>
  <c r="P7455" i="5" s="1"/>
  <c r="M6138" i="2"/>
  <c r="M6112" i="5" s="1"/>
  <c r="P6112" i="5" s="1"/>
  <c r="J2153" i="2"/>
  <c r="J2127" i="5" s="1"/>
  <c r="N2127" i="5" s="1"/>
  <c r="J3638" i="2"/>
  <c r="J3612" i="5" s="1"/>
  <c r="N3612" i="5" s="1"/>
  <c r="K5090" i="2"/>
  <c r="K5064" i="5" s="1"/>
  <c r="K468" i="2"/>
  <c r="K442" i="5" s="1"/>
  <c r="I1147" i="2"/>
  <c r="I1121" i="5" s="1"/>
  <c r="L777" i="2"/>
  <c r="L751" i="5" s="1"/>
  <c r="I6842" i="2"/>
  <c r="I6816" i="5" s="1"/>
  <c r="I8383" i="2"/>
  <c r="I8357" i="5" s="1"/>
  <c r="M4799" i="2"/>
  <c r="M4773" i="5" s="1"/>
  <c r="P4773" i="5" s="1"/>
  <c r="I4910" i="2"/>
  <c r="I4884" i="5" s="1"/>
  <c r="L2485" i="2"/>
  <c r="L2459" i="5" s="1"/>
  <c r="M4257" i="2"/>
  <c r="M4231" i="5" s="1"/>
  <c r="P4231" i="5" s="1"/>
  <c r="I2449" i="2"/>
  <c r="I2423" i="5" s="1"/>
  <c r="I8457" i="2"/>
  <c r="I8431" i="5" s="1"/>
  <c r="L2422" i="2"/>
  <c r="L2396" i="5" s="1"/>
  <c r="M2489" i="2"/>
  <c r="M2463" i="5" s="1"/>
  <c r="P2463" i="5" s="1"/>
  <c r="L2397" i="2"/>
  <c r="L2371" i="5" s="1"/>
  <c r="I248" i="2"/>
  <c r="I222" i="5" s="1"/>
  <c r="M3126" i="2"/>
  <c r="M3100" i="5" s="1"/>
  <c r="P3100" i="5" s="1"/>
  <c r="K5083" i="2"/>
  <c r="K5057" i="5" s="1"/>
  <c r="L8007" i="2"/>
  <c r="L7981" i="5" s="1"/>
  <c r="L2291" i="2"/>
  <c r="L2265" i="5" s="1"/>
  <c r="AR306" i="1"/>
  <c r="L5624" i="2"/>
  <c r="L5598" i="5" s="1"/>
  <c r="J4927" i="2"/>
  <c r="J4901" i="5" s="1"/>
  <c r="N4901" i="5" s="1"/>
  <c r="J5819" i="2"/>
  <c r="J5793" i="5" s="1"/>
  <c r="N5793" i="5" s="1"/>
  <c r="L3924" i="2"/>
  <c r="L3898" i="5" s="1"/>
  <c r="K1978" i="2"/>
  <c r="K1952" i="5" s="1"/>
  <c r="K4931" i="2"/>
  <c r="K4905" i="5" s="1"/>
  <c r="L7822" i="2"/>
  <c r="L7796" i="5" s="1"/>
  <c r="J5931" i="2"/>
  <c r="J5905" i="5" s="1"/>
  <c r="M1555" i="2"/>
  <c r="M1529" i="5" s="1"/>
  <c r="P1529" i="5" s="1"/>
  <c r="K966" i="2"/>
  <c r="K940" i="5" s="1"/>
  <c r="I6263" i="2"/>
  <c r="I6237" i="5" s="1"/>
  <c r="J4636" i="2"/>
  <c r="J4610" i="5" s="1"/>
  <c r="N4610" i="5" s="1"/>
  <c r="L8638" i="2"/>
  <c r="L8612" i="5" s="1"/>
  <c r="J775" i="2"/>
  <c r="J749" i="5" s="1"/>
  <c r="N749" i="5" s="1"/>
  <c r="M8112" i="2"/>
  <c r="M8086" i="5" s="1"/>
  <c r="P8086" i="5" s="1"/>
  <c r="I388" i="2"/>
  <c r="I362" i="5" s="1"/>
  <c r="M7375" i="2"/>
  <c r="M7349" i="5" s="1"/>
  <c r="P7349" i="5" s="1"/>
  <c r="K596" i="2"/>
  <c r="K570" i="5" s="1"/>
  <c r="K321" i="2"/>
  <c r="K295" i="5" s="1"/>
  <c r="J1635" i="2"/>
  <c r="J1609" i="5" s="1"/>
  <c r="N1609" i="5" s="1"/>
  <c r="K4297" i="2"/>
  <c r="K4271" i="5" s="1"/>
  <c r="O4271" i="5" s="1"/>
  <c r="M5257" i="2"/>
  <c r="M5231" i="5" s="1"/>
  <c r="P5231" i="5" s="1"/>
  <c r="M7661" i="2"/>
  <c r="M7635" i="5" s="1"/>
  <c r="P7635" i="5" s="1"/>
  <c r="J946" i="2"/>
  <c r="J920" i="5" s="1"/>
  <c r="N920" i="5" s="1"/>
  <c r="M7645" i="2"/>
  <c r="M7619" i="5" s="1"/>
  <c r="P7619" i="5" s="1"/>
  <c r="L1266" i="2"/>
  <c r="L1240" i="5" s="1"/>
  <c r="L4951" i="2"/>
  <c r="L4925" i="5" s="1"/>
  <c r="L5926" i="2"/>
  <c r="L5900" i="5" s="1"/>
  <c r="L7531" i="2"/>
  <c r="L7505" i="5" s="1"/>
  <c r="M7937" i="2"/>
  <c r="M7911" i="5" s="1"/>
  <c r="P7911" i="5" s="1"/>
  <c r="M6802" i="2"/>
  <c r="M6776" i="5" s="1"/>
  <c r="P6776" i="5" s="1"/>
  <c r="I7030" i="2"/>
  <c r="I7004" i="5" s="1"/>
  <c r="K7481" i="2"/>
  <c r="K7455" i="5" s="1"/>
  <c r="L3238" i="2"/>
  <c r="L3212" i="5" s="1"/>
  <c r="J7982" i="2"/>
  <c r="J7956" i="5" s="1"/>
  <c r="N7956" i="5" s="1"/>
  <c r="M3501" i="2"/>
  <c r="M3475" i="5" s="1"/>
  <c r="P3475" i="5" s="1"/>
  <c r="I6995" i="2"/>
  <c r="I6969" i="5" s="1"/>
  <c r="I1129" i="2"/>
  <c r="I1103" i="5" s="1"/>
  <c r="K5343" i="2"/>
  <c r="K5317" i="5" s="1"/>
  <c r="O5317" i="5" s="1"/>
  <c r="L8383" i="2"/>
  <c r="L8357" i="5" s="1"/>
  <c r="I8440" i="2"/>
  <c r="I8414" i="5" s="1"/>
  <c r="L4799" i="2"/>
  <c r="L4773" i="5" s="1"/>
  <c r="L4910" i="2"/>
  <c r="L4884" i="5" s="1"/>
  <c r="M2485" i="2"/>
  <c r="M2459" i="5" s="1"/>
  <c r="P2459" i="5" s="1"/>
  <c r="J4602" i="2"/>
  <c r="J4576" i="5" s="1"/>
  <c r="N4576" i="5" s="1"/>
  <c r="L8534" i="2"/>
  <c r="L8508" i="5" s="1"/>
  <c r="K961" i="2"/>
  <c r="K935" i="5" s="1"/>
  <c r="M2449" i="2"/>
  <c r="M2423" i="5" s="1"/>
  <c r="P2423" i="5" s="1"/>
  <c r="J8457" i="2"/>
  <c r="J8431" i="5" s="1"/>
  <c r="N8431" i="5" s="1"/>
  <c r="J7435" i="2"/>
  <c r="J7409" i="5" s="1"/>
  <c r="N7409" i="5" s="1"/>
  <c r="L2489" i="2"/>
  <c r="L2463" i="5" s="1"/>
  <c r="J248" i="2"/>
  <c r="J222" i="5" s="1"/>
  <c r="N222" i="5" s="1"/>
  <c r="K8677" i="2"/>
  <c r="K8651" i="5" s="1"/>
  <c r="I5083" i="2"/>
  <c r="I5057" i="5" s="1"/>
  <c r="M2291" i="2"/>
  <c r="M2265" i="5" s="1"/>
  <c r="P2265" i="5" s="1"/>
  <c r="M5624" i="2"/>
  <c r="M5598" i="5" s="1"/>
  <c r="P5598" i="5" s="1"/>
  <c r="M4927" i="2"/>
  <c r="M4901" i="5" s="1"/>
  <c r="P4901" i="5" s="1"/>
  <c r="L3420" i="2"/>
  <c r="L3394" i="5" s="1"/>
  <c r="I6031" i="2"/>
  <c r="I6005" i="5" s="1"/>
  <c r="K5819" i="2"/>
  <c r="K5793" i="5" s="1"/>
  <c r="O5793" i="5" s="1"/>
  <c r="M3924" i="2"/>
  <c r="M3898" i="5" s="1"/>
  <c r="P3898" i="5" s="1"/>
  <c r="K1650" i="2"/>
  <c r="K1624" i="5" s="1"/>
  <c r="I4931" i="2"/>
  <c r="I4905" i="5" s="1"/>
  <c r="I7822" i="2"/>
  <c r="I7796" i="5" s="1"/>
  <c r="K5931" i="2"/>
  <c r="K5905" i="5" s="1"/>
  <c r="L1555" i="2"/>
  <c r="L1529" i="5" s="1"/>
  <c r="K1446" i="2"/>
  <c r="K1420" i="5" s="1"/>
  <c r="I1753" i="2"/>
  <c r="I1727" i="5" s="1"/>
  <c r="K4636" i="2"/>
  <c r="K4610" i="5" s="1"/>
  <c r="O4610" i="5" s="1"/>
  <c r="M775" i="2"/>
  <c r="M749" i="5" s="1"/>
  <c r="P749" i="5" s="1"/>
  <c r="K8685" i="2"/>
  <c r="K8659" i="5" s="1"/>
  <c r="M5922" i="2"/>
  <c r="M5896" i="5" s="1"/>
  <c r="P5896" i="5" s="1"/>
  <c r="K7375" i="2"/>
  <c r="K7349" i="5" s="1"/>
  <c r="I596" i="2"/>
  <c r="I570" i="5" s="1"/>
  <c r="J321" i="2"/>
  <c r="J295" i="5" s="1"/>
  <c r="N295" i="5" s="1"/>
  <c r="M1635" i="2"/>
  <c r="M1609" i="5" s="1"/>
  <c r="P1609" i="5" s="1"/>
  <c r="I4297" i="2"/>
  <c r="I4271" i="5" s="1"/>
  <c r="J5257" i="2"/>
  <c r="J5231" i="5" s="1"/>
  <c r="N5231" i="5" s="1"/>
  <c r="J7661" i="2"/>
  <c r="J7635" i="5" s="1"/>
  <c r="N7635" i="5" s="1"/>
  <c r="L7159" i="2"/>
  <c r="L7133" i="5" s="1"/>
  <c r="K946" i="2"/>
  <c r="K920" i="5" s="1"/>
  <c r="J1266" i="2"/>
  <c r="J1240" i="5" s="1"/>
  <c r="J2092" i="2"/>
  <c r="J2066" i="5" s="1"/>
  <c r="N2066" i="5" s="1"/>
  <c r="I7531" i="2"/>
  <c r="I7505" i="5" s="1"/>
  <c r="I6802" i="2"/>
  <c r="I6776" i="5" s="1"/>
  <c r="M2160" i="2"/>
  <c r="M2134" i="5" s="1"/>
  <c r="P2134" i="5" s="1"/>
  <c r="I5021" i="2"/>
  <c r="I4995" i="5" s="1"/>
  <c r="K6995" i="2"/>
  <c r="K6969" i="5" s="1"/>
  <c r="O6969" i="5" s="1"/>
  <c r="M1129" i="2"/>
  <c r="M1103" i="5" s="1"/>
  <c r="P1103" i="5" s="1"/>
  <c r="M5343" i="2"/>
  <c r="M5317" i="5" s="1"/>
  <c r="P5317" i="5" s="1"/>
  <c r="M8383" i="2"/>
  <c r="M8357" i="5" s="1"/>
  <c r="P8357" i="5" s="1"/>
  <c r="M8440" i="2"/>
  <c r="M8414" i="5" s="1"/>
  <c r="P8414" i="5" s="1"/>
  <c r="I4799" i="2"/>
  <c r="I4773" i="5" s="1"/>
  <c r="M4910" i="2"/>
  <c r="M4884" i="5" s="1"/>
  <c r="P4884" i="5" s="1"/>
  <c r="J2485" i="2"/>
  <c r="J2459" i="5" s="1"/>
  <c r="N2459" i="5" s="1"/>
  <c r="L2310" i="2"/>
  <c r="L2284" i="5" s="1"/>
  <c r="J2093" i="2"/>
  <c r="J2067" i="5" s="1"/>
  <c r="N2067" i="5" s="1"/>
  <c r="L2449" i="2"/>
  <c r="L2423" i="5" s="1"/>
  <c r="K8003" i="2"/>
  <c r="K7977" i="5" s="1"/>
  <c r="O7977" i="5" s="1"/>
  <c r="K7435" i="2"/>
  <c r="K7409" i="5" s="1"/>
  <c r="J2489" i="2"/>
  <c r="J2463" i="5" s="1"/>
  <c r="N2463" i="5" s="1"/>
  <c r="M248" i="2"/>
  <c r="M222" i="5" s="1"/>
  <c r="P222" i="5" s="1"/>
  <c r="K4429" i="2"/>
  <c r="K4403" i="5" s="1"/>
  <c r="I8677" i="2"/>
  <c r="I8651" i="5" s="1"/>
  <c r="J5624" i="2"/>
  <c r="J5598" i="5" s="1"/>
  <c r="N5598" i="5" s="1"/>
  <c r="L8448" i="2"/>
  <c r="L8422" i="5" s="1"/>
  <c r="M3420" i="2"/>
  <c r="M3394" i="5" s="1"/>
  <c r="P3394" i="5" s="1"/>
  <c r="I5819" i="2"/>
  <c r="I5793" i="5" s="1"/>
  <c r="J3927" i="2"/>
  <c r="J3901" i="5" s="1"/>
  <c r="N3901" i="5" s="1"/>
  <c r="I1650" i="2"/>
  <c r="I1624" i="5" s="1"/>
  <c r="L4931" i="2"/>
  <c r="L4905" i="5" s="1"/>
  <c r="J2254" i="2"/>
  <c r="J2228" i="5" s="1"/>
  <c r="N2228" i="5" s="1"/>
  <c r="I1446" i="2"/>
  <c r="I1420" i="5" s="1"/>
  <c r="J4293" i="2"/>
  <c r="J4267" i="5" s="1"/>
  <c r="N4267" i="5" s="1"/>
  <c r="K775" i="2"/>
  <c r="K749" i="5" s="1"/>
  <c r="J8685" i="2"/>
  <c r="J8659" i="5" s="1"/>
  <c r="N8659" i="5" s="1"/>
  <c r="K3934" i="2"/>
  <c r="K3908" i="5" s="1"/>
  <c r="K6200" i="2"/>
  <c r="K6174" i="5" s="1"/>
  <c r="L4947" i="2"/>
  <c r="L4921" i="5" s="1"/>
  <c r="J5922" i="2"/>
  <c r="J5896" i="5" s="1"/>
  <c r="N5896" i="5" s="1"/>
  <c r="L1635" i="2"/>
  <c r="L1609" i="5" s="1"/>
  <c r="M4297" i="2"/>
  <c r="M4271" i="5" s="1"/>
  <c r="P4271" i="5" s="1"/>
  <c r="K7661" i="2"/>
  <c r="K7635" i="5" s="1"/>
  <c r="M7159" i="2"/>
  <c r="M7133" i="5" s="1"/>
  <c r="P7133" i="5" s="1"/>
  <c r="I946" i="2"/>
  <c r="I920" i="5" s="1"/>
  <c r="K1266" i="2"/>
  <c r="K1240" i="5" s="1"/>
  <c r="O1240" i="5" s="1"/>
  <c r="K4939" i="2"/>
  <c r="K4913" i="5" s="1"/>
  <c r="K2243" i="2"/>
  <c r="K2217" i="5" s="1"/>
  <c r="K2092" i="2"/>
  <c r="K2066" i="5" s="1"/>
  <c r="O2066" i="5" s="1"/>
  <c r="M1552" i="2"/>
  <c r="M1526" i="5" s="1"/>
  <c r="P1526" i="5" s="1"/>
  <c r="K6337" i="2"/>
  <c r="K6311" i="5" s="1"/>
  <c r="K3506" i="2"/>
  <c r="K3480" i="5" s="1"/>
  <c r="I758" i="2"/>
  <c r="I732" i="5" s="1"/>
  <c r="J1990" i="2"/>
  <c r="J1964" i="5" s="1"/>
  <c r="N1964" i="5" s="1"/>
  <c r="J3105" i="2"/>
  <c r="J3079" i="5" s="1"/>
  <c r="L5021" i="2"/>
  <c r="L4995" i="5" s="1"/>
  <c r="L4942" i="2"/>
  <c r="L4916" i="5" s="1"/>
  <c r="I1569" i="2"/>
  <c r="I1543" i="5" s="1"/>
  <c r="L8440" i="2"/>
  <c r="L8414" i="5" s="1"/>
  <c r="K2485" i="2"/>
  <c r="K2459" i="5" s="1"/>
  <c r="J2310" i="2"/>
  <c r="J2284" i="5" s="1"/>
  <c r="N2284" i="5" s="1"/>
  <c r="J2449" i="2"/>
  <c r="J2423" i="5" s="1"/>
  <c r="I7435" i="2"/>
  <c r="I7409" i="5" s="1"/>
  <c r="K2489" i="2"/>
  <c r="K2463" i="5" s="1"/>
  <c r="I4429" i="2"/>
  <c r="I4403" i="5" s="1"/>
  <c r="J8677" i="2"/>
  <c r="J8651" i="5" s="1"/>
  <c r="N8651" i="5" s="1"/>
  <c r="J5083" i="2"/>
  <c r="J5057" i="5" s="1"/>
  <c r="N5057" i="5" s="1"/>
  <c r="J5923" i="2"/>
  <c r="J5897" i="5" s="1"/>
  <c r="N5897" i="5" s="1"/>
  <c r="M458" i="2"/>
  <c r="M432" i="5" s="1"/>
  <c r="P432" i="5" s="1"/>
  <c r="J8448" i="2"/>
  <c r="J8422" i="5" s="1"/>
  <c r="N8422" i="5" s="1"/>
  <c r="L8493" i="2"/>
  <c r="L8467" i="5" s="1"/>
  <c r="J3420" i="2"/>
  <c r="J3394" i="5" s="1"/>
  <c r="N3394" i="5" s="1"/>
  <c r="K3927" i="2"/>
  <c r="K3901" i="5" s="1"/>
  <c r="J2308" i="2"/>
  <c r="J2282" i="5" s="1"/>
  <c r="N2282" i="5" s="1"/>
  <c r="K6642" i="2"/>
  <c r="K6616" i="5" s="1"/>
  <c r="M4931" i="2"/>
  <c r="M4905" i="5" s="1"/>
  <c r="P4905" i="5" s="1"/>
  <c r="L2254" i="2"/>
  <c r="L2228" i="5" s="1"/>
  <c r="L5931" i="2"/>
  <c r="L5905" i="5" s="1"/>
  <c r="M1446" i="2"/>
  <c r="M1420" i="5" s="1"/>
  <c r="P1420" i="5" s="1"/>
  <c r="K4293" i="2"/>
  <c r="K4267" i="5" s="1"/>
  <c r="M4636" i="2"/>
  <c r="M4610" i="5" s="1"/>
  <c r="P4610" i="5" s="1"/>
  <c r="M8685" i="2"/>
  <c r="M8659" i="5" s="1"/>
  <c r="P8659" i="5" s="1"/>
  <c r="K5091" i="2"/>
  <c r="K5065" i="5" s="1"/>
  <c r="J3934" i="2"/>
  <c r="J3908" i="5" s="1"/>
  <c r="J774" i="2"/>
  <c r="J748" i="5" s="1"/>
  <c r="M6200" i="2"/>
  <c r="M6174" i="5" s="1"/>
  <c r="P6174" i="5" s="1"/>
  <c r="J4947" i="2"/>
  <c r="J4921" i="5" s="1"/>
  <c r="N4921" i="5" s="1"/>
  <c r="J5935" i="2"/>
  <c r="J5909" i="5" s="1"/>
  <c r="N5909" i="5" s="1"/>
  <c r="M279" i="2"/>
  <c r="M253" i="5" s="1"/>
  <c r="P253" i="5" s="1"/>
  <c r="M4973" i="2"/>
  <c r="M4947" i="5" s="1"/>
  <c r="P4947" i="5" s="1"/>
  <c r="I1635" i="2"/>
  <c r="I1609" i="5" s="1"/>
  <c r="I5690" i="2"/>
  <c r="I5664" i="5" s="1"/>
  <c r="J8629" i="2"/>
  <c r="J8603" i="5" s="1"/>
  <c r="N8603" i="5" s="1"/>
  <c r="L5439" i="2"/>
  <c r="L5413" i="5" s="1"/>
  <c r="J7159" i="2"/>
  <c r="J7133" i="5" s="1"/>
  <c r="N7133" i="5" s="1"/>
  <c r="K3838" i="2"/>
  <c r="K3812" i="5" s="1"/>
  <c r="I1266" i="2"/>
  <c r="I1240" i="5" s="1"/>
  <c r="M4939" i="2"/>
  <c r="M4913" i="5" s="1"/>
  <c r="P4913" i="5" s="1"/>
  <c r="I2243" i="2"/>
  <c r="I2217" i="5" s="1"/>
  <c r="I2092" i="2"/>
  <c r="I2066" i="5" s="1"/>
  <c r="I1552" i="2"/>
  <c r="I1526" i="5" s="1"/>
  <c r="I2468" i="2"/>
  <c r="I2442" i="5" s="1"/>
  <c r="L631" i="2"/>
  <c r="L605" i="5" s="1"/>
  <c r="I6337" i="2"/>
  <c r="I6311" i="5" s="1"/>
  <c r="I3506" i="2"/>
  <c r="I3480" i="5" s="1"/>
  <c r="J3437" i="2"/>
  <c r="J3411" i="5" s="1"/>
  <c r="N3411" i="5" s="1"/>
  <c r="J758" i="2"/>
  <c r="J732" i="5" s="1"/>
  <c r="N732" i="5" s="1"/>
  <c r="I3746" i="2"/>
  <c r="I3720" i="5" s="1"/>
  <c r="I2834" i="2"/>
  <c r="I2808" i="5" s="1"/>
  <c r="M3105" i="2"/>
  <c r="M3079" i="5" s="1"/>
  <c r="P3079" i="5" s="1"/>
  <c r="J8533" i="2"/>
  <c r="J8507" i="5" s="1"/>
  <c r="K1743" i="2"/>
  <c r="K1717" i="5" s="1"/>
  <c r="O1717" i="5" s="1"/>
  <c r="J4942" i="2"/>
  <c r="J4916" i="5" s="1"/>
  <c r="J1569" i="2"/>
  <c r="J1543" i="5" s="1"/>
  <c r="N1543" i="5" s="1"/>
  <c r="AR234" i="1"/>
  <c r="M7435" i="2"/>
  <c r="M7409" i="5" s="1"/>
  <c r="P7409" i="5" s="1"/>
  <c r="M8677" i="2"/>
  <c r="M8651" i="5" s="1"/>
  <c r="P8651" i="5" s="1"/>
  <c r="I3236" i="2"/>
  <c r="I3210" i="5" s="1"/>
  <c r="I6934" i="2"/>
  <c r="I6908" i="5" s="1"/>
  <c r="I1804" i="2"/>
  <c r="I1778" i="5" s="1"/>
  <c r="I4293" i="2"/>
  <c r="I4267" i="5" s="1"/>
  <c r="L3934" i="2"/>
  <c r="L3908" i="5" s="1"/>
  <c r="M4947" i="2"/>
  <c r="M4921" i="5" s="1"/>
  <c r="P4921" i="5" s="1"/>
  <c r="J4973" i="2"/>
  <c r="J4947" i="5" s="1"/>
  <c r="N4947" i="5" s="1"/>
  <c r="M3955" i="2"/>
  <c r="M3929" i="5" s="1"/>
  <c r="P3929" i="5" s="1"/>
  <c r="I3931" i="2"/>
  <c r="I3905" i="5" s="1"/>
  <c r="I4939" i="2"/>
  <c r="I4913" i="5" s="1"/>
  <c r="K5588" i="2"/>
  <c r="K5562" i="5" s="1"/>
  <c r="M2468" i="2"/>
  <c r="M2442" i="5" s="1"/>
  <c r="P2442" i="5" s="1"/>
  <c r="M4349" i="2"/>
  <c r="M4323" i="5" s="1"/>
  <c r="P4323" i="5" s="1"/>
  <c r="L3447" i="2"/>
  <c r="L3421" i="5" s="1"/>
  <c r="L6337" i="2"/>
  <c r="L6311" i="5" s="1"/>
  <c r="J3506" i="2"/>
  <c r="J3480" i="5" s="1"/>
  <c r="N3480" i="5" s="1"/>
  <c r="L3437" i="2"/>
  <c r="L3411" i="5" s="1"/>
  <c r="K3746" i="2"/>
  <c r="K3720" i="5" s="1"/>
  <c r="L3105" i="2"/>
  <c r="L3079" i="5" s="1"/>
  <c r="J8329" i="2"/>
  <c r="J8303" i="5" s="1"/>
  <c r="N8303" i="5" s="1"/>
  <c r="I1743" i="2"/>
  <c r="I1717" i="5" s="1"/>
  <c r="M1569" i="2"/>
  <c r="M1543" i="5" s="1"/>
  <c r="P1543" i="5" s="1"/>
  <c r="J1558" i="2"/>
  <c r="J1532" i="5" s="1"/>
  <c r="N1532" i="5" s="1"/>
  <c r="L4906" i="2"/>
  <c r="L4880" i="5" s="1"/>
  <c r="J4906" i="2"/>
  <c r="J4880" i="5" s="1"/>
  <c r="N4880" i="5" s="1"/>
  <c r="J237" i="2"/>
  <c r="J211" i="5" s="1"/>
  <c r="N211" i="5" s="1"/>
  <c r="L237" i="2"/>
  <c r="L211" i="5" s="1"/>
  <c r="I406" i="2"/>
  <c r="I380" i="5" s="1"/>
  <c r="M406" i="2"/>
  <c r="M380" i="5" s="1"/>
  <c r="P380" i="5" s="1"/>
  <c r="J3255" i="2"/>
  <c r="J3229" i="5" s="1"/>
  <c r="N3229" i="5" s="1"/>
  <c r="M3255" i="2"/>
  <c r="M3229" i="5" s="1"/>
  <c r="P3229" i="5" s="1"/>
  <c r="K2322" i="2"/>
  <c r="K2296" i="5" s="1"/>
  <c r="J2322" i="2"/>
  <c r="J2296" i="5" s="1"/>
  <c r="N2296" i="5" s="1"/>
  <c r="K6593" i="2"/>
  <c r="K6567" i="5" s="1"/>
  <c r="J6593" i="2"/>
  <c r="J6567" i="5" s="1"/>
  <c r="N6567" i="5" s="1"/>
  <c r="L6593" i="2"/>
  <c r="L6567" i="5" s="1"/>
  <c r="M6593" i="2"/>
  <c r="M6567" i="5" s="1"/>
  <c r="P6567" i="5" s="1"/>
  <c r="J4424" i="2"/>
  <c r="J4398" i="5" s="1"/>
  <c r="N4398" i="5" s="1"/>
  <c r="L4424" i="2"/>
  <c r="L4398" i="5" s="1"/>
  <c r="I4424" i="2"/>
  <c r="I4398" i="5" s="1"/>
  <c r="L769" i="2"/>
  <c r="L743" i="5" s="1"/>
  <c r="I769" i="2"/>
  <c r="I743" i="5" s="1"/>
  <c r="K6655" i="2"/>
  <c r="K6629" i="5" s="1"/>
  <c r="L2997" i="2"/>
  <c r="L2971" i="5" s="1"/>
  <c r="M2997" i="2"/>
  <c r="M2971" i="5" s="1"/>
  <c r="P2971" i="5" s="1"/>
  <c r="J2997" i="2"/>
  <c r="J2971" i="5" s="1"/>
  <c r="N2971" i="5" s="1"/>
  <c r="M8513" i="2"/>
  <c r="M8487" i="5" s="1"/>
  <c r="P8487" i="5" s="1"/>
  <c r="K8513" i="2"/>
  <c r="K8487" i="5" s="1"/>
  <c r="J8513" i="2"/>
  <c r="J8487" i="5" s="1"/>
  <c r="N8487" i="5" s="1"/>
  <c r="M1070" i="2"/>
  <c r="M1044" i="5" s="1"/>
  <c r="P1044" i="5" s="1"/>
  <c r="L1070" i="2"/>
  <c r="L1044" i="5" s="1"/>
  <c r="I1070" i="2"/>
  <c r="I1044" i="5" s="1"/>
  <c r="I114" i="2"/>
  <c r="I88" i="5" s="1"/>
  <c r="J114" i="2"/>
  <c r="J88" i="5" s="1"/>
  <c r="N88" i="5" s="1"/>
  <c r="G369" i="5"/>
  <c r="AR363" i="1"/>
  <c r="I1923" i="2"/>
  <c r="I1897" i="5" s="1"/>
  <c r="K1923" i="2"/>
  <c r="K1897" i="5" s="1"/>
  <c r="O1897" i="5" s="1"/>
  <c r="L889" i="2"/>
  <c r="L863" i="5" s="1"/>
  <c r="K889" i="2"/>
  <c r="K863" i="5" s="1"/>
  <c r="I145" i="2"/>
  <c r="I119" i="5" s="1"/>
  <c r="I3479" i="2"/>
  <c r="I3453" i="5" s="1"/>
  <c r="K3479" i="2"/>
  <c r="K3453" i="5" s="1"/>
  <c r="L3479" i="2"/>
  <c r="L3453" i="5" s="1"/>
  <c r="J3479" i="2"/>
  <c r="J3453" i="5" s="1"/>
  <c r="N3453" i="5" s="1"/>
  <c r="M3479" i="2"/>
  <c r="M3453" i="5" s="1"/>
  <c r="P3453" i="5" s="1"/>
  <c r="M4591" i="2"/>
  <c r="M4565" i="5" s="1"/>
  <c r="P4565" i="5" s="1"/>
  <c r="K4591" i="2"/>
  <c r="K4565" i="5" s="1"/>
  <c r="L4591" i="2"/>
  <c r="L4565" i="5" s="1"/>
  <c r="F290" i="5"/>
  <c r="AR284" i="1"/>
  <c r="I1391" i="2"/>
  <c r="I1365" i="5" s="1"/>
  <c r="I4758" i="2"/>
  <c r="I4732" i="5" s="1"/>
  <c r="M4758" i="2"/>
  <c r="M4732" i="5" s="1"/>
  <c r="P4732" i="5" s="1"/>
  <c r="K4758" i="2"/>
  <c r="K4732" i="5" s="1"/>
  <c r="M306" i="2"/>
  <c r="M280" i="5" s="1"/>
  <c r="P280" i="5" s="1"/>
  <c r="J306" i="2"/>
  <c r="J280" i="5" s="1"/>
  <c r="N280" i="5" s="1"/>
  <c r="K5192" i="2"/>
  <c r="K5166" i="5" s="1"/>
  <c r="M5192" i="2"/>
  <c r="M5166" i="5" s="1"/>
  <c r="P5166" i="5" s="1"/>
  <c r="K7490" i="2"/>
  <c r="K7464" i="5" s="1"/>
  <c r="O7464" i="5" s="1"/>
  <c r="M7490" i="2"/>
  <c r="M7464" i="5" s="1"/>
  <c r="P7464" i="5" s="1"/>
  <c r="K437" i="2"/>
  <c r="K411" i="5" s="1"/>
  <c r="J4794" i="2"/>
  <c r="J4768" i="5" s="1"/>
  <c r="N4768" i="5" s="1"/>
  <c r="M4794" i="2"/>
  <c r="M4768" i="5" s="1"/>
  <c r="P4768" i="5" s="1"/>
  <c r="I4794" i="2"/>
  <c r="I4768" i="5" s="1"/>
  <c r="J7162" i="2"/>
  <c r="J7136" i="5" s="1"/>
  <c r="N7136" i="5" s="1"/>
  <c r="J3659" i="2"/>
  <c r="J3633" i="5" s="1"/>
  <c r="N3633" i="5" s="1"/>
  <c r="L3659" i="2"/>
  <c r="L3633" i="5" s="1"/>
  <c r="I7640" i="2"/>
  <c r="I7614" i="5" s="1"/>
  <c r="M7640" i="2"/>
  <c r="M7614" i="5" s="1"/>
  <c r="P7614" i="5" s="1"/>
  <c r="L7115" i="2"/>
  <c r="L7089" i="5" s="1"/>
  <c r="I7115" i="2"/>
  <c r="I7089" i="5" s="1"/>
  <c r="K7115" i="2"/>
  <c r="K7089" i="5" s="1"/>
  <c r="M5782" i="2"/>
  <c r="M5756" i="5" s="1"/>
  <c r="P5756" i="5" s="1"/>
  <c r="L308" i="2"/>
  <c r="L282" i="5" s="1"/>
  <c r="M8213" i="2"/>
  <c r="M8187" i="5" s="1"/>
  <c r="P8187" i="5" s="1"/>
  <c r="L8213" i="2"/>
  <c r="L8187" i="5" s="1"/>
  <c r="K8213" i="2"/>
  <c r="K8187" i="5" s="1"/>
  <c r="K6522" i="2"/>
  <c r="K6496" i="5" s="1"/>
  <c r="J6522" i="2"/>
  <c r="J6496" i="5" s="1"/>
  <c r="N6496" i="5" s="1"/>
  <c r="L6522" i="2"/>
  <c r="L6496" i="5" s="1"/>
  <c r="K5694" i="2"/>
  <c r="K5668" i="5" s="1"/>
  <c r="O5668" i="5" s="1"/>
  <c r="M5694" i="2"/>
  <c r="M5668" i="5" s="1"/>
  <c r="P5668" i="5" s="1"/>
  <c r="I5694" i="2"/>
  <c r="I5668" i="5" s="1"/>
  <c r="J5694" i="2"/>
  <c r="J5668" i="5" s="1"/>
  <c r="N5668" i="5" s="1"/>
  <c r="L7712" i="2"/>
  <c r="L7686" i="5" s="1"/>
  <c r="M7712" i="2"/>
  <c r="M7686" i="5" s="1"/>
  <c r="P7686" i="5" s="1"/>
  <c r="K7712" i="2"/>
  <c r="K7686" i="5" s="1"/>
  <c r="K5789" i="2"/>
  <c r="K5763" i="5" s="1"/>
  <c r="O5763" i="5" s="1"/>
  <c r="M5789" i="2"/>
  <c r="M5763" i="5" s="1"/>
  <c r="P5763" i="5" s="1"/>
  <c r="J5789" i="2"/>
  <c r="J5763" i="5" s="1"/>
  <c r="J2638" i="2"/>
  <c r="J2612" i="5" s="1"/>
  <c r="N2612" i="5" s="1"/>
  <c r="M2638" i="2"/>
  <c r="M2612" i="5" s="1"/>
  <c r="P2612" i="5" s="1"/>
  <c r="I2638" i="2"/>
  <c r="I2612" i="5" s="1"/>
  <c r="I441" i="2"/>
  <c r="I415" i="5" s="1"/>
  <c r="K441" i="2"/>
  <c r="K415" i="5" s="1"/>
  <c r="J441" i="2"/>
  <c r="J415" i="5" s="1"/>
  <c r="N415" i="5" s="1"/>
  <c r="M441" i="2"/>
  <c r="M415" i="5" s="1"/>
  <c r="P415" i="5" s="1"/>
  <c r="L441" i="2"/>
  <c r="L415" i="5" s="1"/>
  <c r="J6670" i="2"/>
  <c r="J6644" i="5" s="1"/>
  <c r="N6644" i="5" s="1"/>
  <c r="M6670" i="2"/>
  <c r="M6644" i="5" s="1"/>
  <c r="P6644" i="5" s="1"/>
  <c r="I593" i="2"/>
  <c r="I567" i="5" s="1"/>
  <c r="K593" i="2"/>
  <c r="K567" i="5" s="1"/>
  <c r="J593" i="2"/>
  <c r="J567" i="5" s="1"/>
  <c r="N567" i="5" s="1"/>
  <c r="L593" i="2"/>
  <c r="L567" i="5" s="1"/>
  <c r="M593" i="2"/>
  <c r="M567" i="5" s="1"/>
  <c r="P567" i="5" s="1"/>
  <c r="L2435" i="2"/>
  <c r="L2409" i="5" s="1"/>
  <c r="I2435" i="2"/>
  <c r="I2409" i="5" s="1"/>
  <c r="K2435" i="2"/>
  <c r="K2409" i="5" s="1"/>
  <c r="K7184" i="2"/>
  <c r="K7158" i="5" s="1"/>
  <c r="I2115" i="2"/>
  <c r="I2089" i="5" s="1"/>
  <c r="J4640" i="2"/>
  <c r="J4614" i="5" s="1"/>
  <c r="N4614" i="5" s="1"/>
  <c r="L6656" i="2"/>
  <c r="L6630" i="5" s="1"/>
  <c r="M8443" i="2"/>
  <c r="M8417" i="5" s="1"/>
  <c r="P8417" i="5" s="1"/>
  <c r="J2278" i="2"/>
  <c r="J2252" i="5" s="1"/>
  <c r="N2252" i="5" s="1"/>
  <c r="M2278" i="2"/>
  <c r="M2252" i="5" s="1"/>
  <c r="P2252" i="5" s="1"/>
  <c r="K2278" i="2"/>
  <c r="K2252" i="5" s="1"/>
  <c r="O2252" i="5" s="1"/>
  <c r="L5506" i="2"/>
  <c r="L5480" i="5" s="1"/>
  <c r="I5506" i="2"/>
  <c r="I5480" i="5" s="1"/>
  <c r="L8436" i="2"/>
  <c r="L8410" i="5" s="1"/>
  <c r="K8436" i="2"/>
  <c r="K8410" i="5" s="1"/>
  <c r="M8436" i="2"/>
  <c r="M8410" i="5" s="1"/>
  <c r="P8410" i="5" s="1"/>
  <c r="M4301" i="2"/>
  <c r="M4275" i="5" s="1"/>
  <c r="P4275" i="5" s="1"/>
  <c r="J4301" i="2"/>
  <c r="J4275" i="5" s="1"/>
  <c r="K4301" i="2"/>
  <c r="K4275" i="5" s="1"/>
  <c r="O4275" i="5" s="1"/>
  <c r="K5005" i="2"/>
  <c r="K4979" i="5" s="1"/>
  <c r="J5005" i="2"/>
  <c r="J4979" i="5" s="1"/>
  <c r="N4979" i="5" s="1"/>
  <c r="L5005" i="2"/>
  <c r="L4979" i="5" s="1"/>
  <c r="M5005" i="2"/>
  <c r="M4979" i="5" s="1"/>
  <c r="P4979" i="5" s="1"/>
  <c r="M8195" i="2"/>
  <c r="M8169" i="5" s="1"/>
  <c r="P8169" i="5" s="1"/>
  <c r="I8195" i="2"/>
  <c r="I8169" i="5" s="1"/>
  <c r="J8195" i="2"/>
  <c r="J8169" i="5" s="1"/>
  <c r="N8169" i="5" s="1"/>
  <c r="L8195" i="2"/>
  <c r="L8169" i="5" s="1"/>
  <c r="I548" i="2"/>
  <c r="I522" i="5" s="1"/>
  <c r="M7450" i="2"/>
  <c r="M7424" i="5" s="1"/>
  <c r="P7424" i="5" s="1"/>
  <c r="J7450" i="2"/>
  <c r="J7424" i="5" s="1"/>
  <c r="N7424" i="5" s="1"/>
  <c r="M211" i="2"/>
  <c r="M185" i="5" s="1"/>
  <c r="P185" i="5" s="1"/>
  <c r="K211" i="2"/>
  <c r="K185" i="5" s="1"/>
  <c r="J211" i="2"/>
  <c r="J185" i="5" s="1"/>
  <c r="N185" i="5" s="1"/>
  <c r="L399" i="2"/>
  <c r="L373" i="5" s="1"/>
  <c r="J84" i="2"/>
  <c r="J58" i="5" s="1"/>
  <c r="N58" i="5" s="1"/>
  <c r="M84" i="2"/>
  <c r="M58" i="5" s="1"/>
  <c r="P58" i="5" s="1"/>
  <c r="L84" i="2"/>
  <c r="L58" i="5" s="1"/>
  <c r="I84" i="2"/>
  <c r="I58" i="5" s="1"/>
  <c r="K84" i="2"/>
  <c r="K58" i="5" s="1"/>
  <c r="I1279" i="2"/>
  <c r="I1253" i="5" s="1"/>
  <c r="L1279" i="2"/>
  <c r="L1253" i="5" s="1"/>
  <c r="K1279" i="2"/>
  <c r="K1253" i="5" s="1"/>
  <c r="M6293" i="2"/>
  <c r="M6267" i="5" s="1"/>
  <c r="P6267" i="5" s="1"/>
  <c r="L6293" i="2"/>
  <c r="L6267" i="5" s="1"/>
  <c r="I6293" i="2"/>
  <c r="I6267" i="5" s="1"/>
  <c r="J6293" i="2"/>
  <c r="J6267" i="5" s="1"/>
  <c r="N6267" i="5" s="1"/>
  <c r="L7649" i="2"/>
  <c r="L7623" i="5" s="1"/>
  <c r="I7649" i="2"/>
  <c r="I7623" i="5" s="1"/>
  <c r="J7649" i="2"/>
  <c r="J7623" i="5" s="1"/>
  <c r="N7623" i="5" s="1"/>
  <c r="J142" i="2"/>
  <c r="J116" i="5" s="1"/>
  <c r="N116" i="5" s="1"/>
  <c r="J6141" i="2"/>
  <c r="J6115" i="5" s="1"/>
  <c r="N6115" i="5" s="1"/>
  <c r="M7460" i="2"/>
  <c r="M7434" i="5" s="1"/>
  <c r="P7434" i="5" s="1"/>
  <c r="I7460" i="2"/>
  <c r="I7434" i="5" s="1"/>
  <c r="L247" i="2"/>
  <c r="L221" i="5" s="1"/>
  <c r="K247" i="2"/>
  <c r="K221" i="5" s="1"/>
  <c r="J4129" i="2"/>
  <c r="J4103" i="5" s="1"/>
  <c r="N4103" i="5" s="1"/>
  <c r="I4129" i="2"/>
  <c r="I4103" i="5" s="1"/>
  <c r="K4129" i="2"/>
  <c r="K4103" i="5" s="1"/>
  <c r="M1258" i="2"/>
  <c r="M1232" i="5" s="1"/>
  <c r="P1232" i="5" s="1"/>
  <c r="J1258" i="2"/>
  <c r="J1232" i="5" s="1"/>
  <c r="N1232" i="5" s="1"/>
  <c r="I8282" i="2"/>
  <c r="I8256" i="5" s="1"/>
  <c r="L8282" i="2"/>
  <c r="L8256" i="5" s="1"/>
  <c r="J8282" i="2"/>
  <c r="J8256" i="5" s="1"/>
  <c r="N8256" i="5" s="1"/>
  <c r="M6947" i="2"/>
  <c r="M6921" i="5" s="1"/>
  <c r="P6921" i="5" s="1"/>
  <c r="L6947" i="2"/>
  <c r="L6921" i="5" s="1"/>
  <c r="K6947" i="2"/>
  <c r="K6921" i="5" s="1"/>
  <c r="I6947" i="2"/>
  <c r="I6921" i="5" s="1"/>
  <c r="J6947" i="2"/>
  <c r="J6921" i="5" s="1"/>
  <c r="N6921" i="5" s="1"/>
  <c r="M6496" i="2"/>
  <c r="M6470" i="5" s="1"/>
  <c r="P6470" i="5" s="1"/>
  <c r="L7348" i="2"/>
  <c r="L7322" i="5" s="1"/>
  <c r="M7348" i="2"/>
  <c r="M7322" i="5" s="1"/>
  <c r="P7322" i="5" s="1"/>
  <c r="F346" i="5"/>
  <c r="AR340" i="1"/>
  <c r="J3245" i="2"/>
  <c r="J3219" i="5" s="1"/>
  <c r="N3219" i="5" s="1"/>
  <c r="J3287" i="2"/>
  <c r="J3261" i="5" s="1"/>
  <c r="I3287" i="2"/>
  <c r="I3261" i="5" s="1"/>
  <c r="M3287" i="2"/>
  <c r="M3261" i="5" s="1"/>
  <c r="P3261" i="5" s="1"/>
  <c r="K3287" i="2"/>
  <c r="K3261" i="5" s="1"/>
  <c r="J4943" i="2"/>
  <c r="J4917" i="5" s="1"/>
  <c r="N4917" i="5" s="1"/>
  <c r="M4943" i="2"/>
  <c r="M4917" i="5" s="1"/>
  <c r="P4917" i="5" s="1"/>
  <c r="I4943" i="2"/>
  <c r="I4917" i="5" s="1"/>
  <c r="L4943" i="2"/>
  <c r="L4917" i="5" s="1"/>
  <c r="K4943" i="2"/>
  <c r="K4917" i="5" s="1"/>
  <c r="M3146" i="2"/>
  <c r="M3120" i="5" s="1"/>
  <c r="P3120" i="5" s="1"/>
  <c r="I3146" i="2"/>
  <c r="I3120" i="5" s="1"/>
  <c r="K3146" i="2"/>
  <c r="K3120" i="5" s="1"/>
  <c r="J3146" i="2"/>
  <c r="J3120" i="5" s="1"/>
  <c r="N3120" i="5" s="1"/>
  <c r="L3146" i="2"/>
  <c r="L3120" i="5" s="1"/>
  <c r="K5821" i="2"/>
  <c r="K5795" i="5" s="1"/>
  <c r="M5821" i="2"/>
  <c r="M5795" i="5" s="1"/>
  <c r="P5795" i="5" s="1"/>
  <c r="J5821" i="2"/>
  <c r="J5795" i="5" s="1"/>
  <c r="N5795" i="5" s="1"/>
  <c r="L5821" i="2"/>
  <c r="L5795" i="5" s="1"/>
  <c r="I5821" i="2"/>
  <c r="I5795" i="5" s="1"/>
  <c r="J2564" i="2"/>
  <c r="J2538" i="5" s="1"/>
  <c r="N2538" i="5" s="1"/>
  <c r="L2564" i="2"/>
  <c r="L2538" i="5" s="1"/>
  <c r="I2564" i="2"/>
  <c r="I2538" i="5" s="1"/>
  <c r="K2564" i="2"/>
  <c r="K2538" i="5" s="1"/>
  <c r="J3093" i="2"/>
  <c r="J3067" i="5" s="1"/>
  <c r="N3067" i="5" s="1"/>
  <c r="M3093" i="2"/>
  <c r="M3067" i="5" s="1"/>
  <c r="P3067" i="5" s="1"/>
  <c r="L3093" i="2"/>
  <c r="L3067" i="5" s="1"/>
  <c r="I3093" i="2"/>
  <c r="I3067" i="5" s="1"/>
  <c r="K3093" i="2"/>
  <c r="K3067" i="5" s="1"/>
  <c r="M110" i="2"/>
  <c r="M84" i="5" s="1"/>
  <c r="P84" i="5" s="1"/>
  <c r="J479" i="2"/>
  <c r="J453" i="5" s="1"/>
  <c r="N453" i="5" s="1"/>
  <c r="L479" i="2"/>
  <c r="L453" i="5" s="1"/>
  <c r="M479" i="2"/>
  <c r="M453" i="5" s="1"/>
  <c r="P453" i="5" s="1"/>
  <c r="I479" i="2"/>
  <c r="I453" i="5" s="1"/>
  <c r="K479" i="2"/>
  <c r="K453" i="5" s="1"/>
  <c r="J3084" i="2"/>
  <c r="J3058" i="5" s="1"/>
  <c r="N3058" i="5" s="1"/>
  <c r="M3084" i="2"/>
  <c r="M3058" i="5" s="1"/>
  <c r="P3058" i="5" s="1"/>
  <c r="L3084" i="2"/>
  <c r="L3058" i="5" s="1"/>
  <c r="I3084" i="2"/>
  <c r="I3058" i="5" s="1"/>
  <c r="K8146" i="2"/>
  <c r="K8120" i="5" s="1"/>
  <c r="L8146" i="2"/>
  <c r="L8120" i="5" s="1"/>
  <c r="J4738" i="2"/>
  <c r="J4712" i="5" s="1"/>
  <c r="N4712" i="5" s="1"/>
  <c r="M4738" i="2"/>
  <c r="M4712" i="5" s="1"/>
  <c r="P4712" i="5" s="1"/>
  <c r="L4738" i="2"/>
  <c r="L4712" i="5" s="1"/>
  <c r="I4738" i="2"/>
  <c r="I4712" i="5" s="1"/>
  <c r="K4738" i="2"/>
  <c r="K4712" i="5" s="1"/>
  <c r="M5259" i="2"/>
  <c r="M5233" i="5" s="1"/>
  <c r="P5233" i="5" s="1"/>
  <c r="I5259" i="2"/>
  <c r="I5233" i="5" s="1"/>
  <c r="J5259" i="2"/>
  <c r="J5233" i="5" s="1"/>
  <c r="N5233" i="5" s="1"/>
  <c r="K5259" i="2"/>
  <c r="K5233" i="5" s="1"/>
  <c r="L5259" i="2"/>
  <c r="L5233" i="5" s="1"/>
  <c r="L2801" i="2"/>
  <c r="L2775" i="5" s="1"/>
  <c r="M318" i="2"/>
  <c r="M292" i="5" s="1"/>
  <c r="P292" i="5" s="1"/>
  <c r="L318" i="2"/>
  <c r="L292" i="5" s="1"/>
  <c r="J8204" i="2"/>
  <c r="J8178" i="5" s="1"/>
  <c r="N8178" i="5" s="1"/>
  <c r="L8204" i="2"/>
  <c r="L8178" i="5" s="1"/>
  <c r="M8204" i="2"/>
  <c r="M8178" i="5" s="1"/>
  <c r="P8178" i="5" s="1"/>
  <c r="I8204" i="2"/>
  <c r="I8178" i="5" s="1"/>
  <c r="K8204" i="2"/>
  <c r="K8178" i="5" s="1"/>
  <c r="M4616" i="2"/>
  <c r="M4590" i="5" s="1"/>
  <c r="P4590" i="5" s="1"/>
  <c r="L4616" i="2"/>
  <c r="L4590" i="5" s="1"/>
  <c r="I4616" i="2"/>
  <c r="I4590" i="5" s="1"/>
  <c r="K4616" i="2"/>
  <c r="K4590" i="5" s="1"/>
  <c r="J4616" i="2"/>
  <c r="J4590" i="5" s="1"/>
  <c r="N4590" i="5" s="1"/>
  <c r="J3485" i="2"/>
  <c r="J3459" i="5" s="1"/>
  <c r="N3459" i="5" s="1"/>
  <c r="L3485" i="2"/>
  <c r="L3459" i="5" s="1"/>
  <c r="I3485" i="2"/>
  <c r="I3459" i="5" s="1"/>
  <c r="K3485" i="2"/>
  <c r="K3459" i="5" s="1"/>
  <c r="M3485" i="2"/>
  <c r="M3459" i="5" s="1"/>
  <c r="P3459" i="5" s="1"/>
  <c r="K5187" i="2"/>
  <c r="K5161" i="5" s="1"/>
  <c r="L5187" i="2"/>
  <c r="L5161" i="5" s="1"/>
  <c r="M5187" i="2"/>
  <c r="M5161" i="5" s="1"/>
  <c r="P5161" i="5" s="1"/>
  <c r="J5187" i="2"/>
  <c r="J5161" i="5" s="1"/>
  <c r="N5161" i="5" s="1"/>
  <c r="I5187" i="2"/>
  <c r="I5161" i="5" s="1"/>
  <c r="J1407" i="2"/>
  <c r="J1381" i="5" s="1"/>
  <c r="N1381" i="5" s="1"/>
  <c r="L1407" i="2"/>
  <c r="L1381" i="5" s="1"/>
  <c r="I6493" i="2"/>
  <c r="I6467" i="5" s="1"/>
  <c r="M6493" i="2"/>
  <c r="M6467" i="5" s="1"/>
  <c r="P6467" i="5" s="1"/>
  <c r="L6493" i="2"/>
  <c r="L6467" i="5" s="1"/>
  <c r="J6493" i="2"/>
  <c r="J6467" i="5" s="1"/>
  <c r="N6467" i="5" s="1"/>
  <c r="K6493" i="2"/>
  <c r="K6467" i="5" s="1"/>
  <c r="L2285" i="2"/>
  <c r="L2259" i="5" s="1"/>
  <c r="M2285" i="2"/>
  <c r="M2259" i="5" s="1"/>
  <c r="P2259" i="5" s="1"/>
  <c r="K2285" i="2"/>
  <c r="K2259" i="5" s="1"/>
  <c r="J2285" i="2"/>
  <c r="J2259" i="5" s="1"/>
  <c r="K5291" i="2"/>
  <c r="K5265" i="5" s="1"/>
  <c r="J2628" i="2"/>
  <c r="J2602" i="5" s="1"/>
  <c r="N2602" i="5" s="1"/>
  <c r="I2628" i="2"/>
  <c r="I2602" i="5" s="1"/>
  <c r="L2628" i="2"/>
  <c r="L2602" i="5" s="1"/>
  <c r="M2628" i="2"/>
  <c r="M2602" i="5" s="1"/>
  <c r="P2602" i="5" s="1"/>
  <c r="J4274" i="2"/>
  <c r="J4248" i="5" s="1"/>
  <c r="M4274" i="2"/>
  <c r="M4248" i="5" s="1"/>
  <c r="P4248" i="5" s="1"/>
  <c r="K4274" i="2"/>
  <c r="K4248" i="5" s="1"/>
  <c r="L4274" i="2"/>
  <c r="L4248" i="5" s="1"/>
  <c r="I4274" i="2"/>
  <c r="I4248" i="5" s="1"/>
  <c r="I1423" i="2"/>
  <c r="I1397" i="5" s="1"/>
  <c r="J1423" i="2"/>
  <c r="J1397" i="5" s="1"/>
  <c r="M5974" i="2"/>
  <c r="M5948" i="5" s="1"/>
  <c r="P5948" i="5" s="1"/>
  <c r="L5974" i="2"/>
  <c r="L5948" i="5" s="1"/>
  <c r="K5974" i="2"/>
  <c r="K5948" i="5" s="1"/>
  <c r="M2141" i="2"/>
  <c r="M2115" i="5" s="1"/>
  <c r="P2115" i="5" s="1"/>
  <c r="K2141" i="2"/>
  <c r="K2115" i="5" s="1"/>
  <c r="O2115" i="5" s="1"/>
  <c r="J4085" i="2"/>
  <c r="J4059" i="5" s="1"/>
  <c r="N4059" i="5" s="1"/>
  <c r="J2733" i="2"/>
  <c r="J2707" i="5" s="1"/>
  <c r="N2707" i="5" s="1"/>
  <c r="K6616" i="2"/>
  <c r="K6590" i="5" s="1"/>
  <c r="I6616" i="2"/>
  <c r="I6590" i="5" s="1"/>
  <c r="M6616" i="2"/>
  <c r="M6590" i="5" s="1"/>
  <c r="P6590" i="5" s="1"/>
  <c r="J6616" i="2"/>
  <c r="J6590" i="5" s="1"/>
  <c r="N6590" i="5" s="1"/>
  <c r="L5445" i="2"/>
  <c r="L5419" i="5" s="1"/>
  <c r="I5445" i="2"/>
  <c r="I5419" i="5" s="1"/>
  <c r="L6287" i="2"/>
  <c r="L6261" i="5" s="1"/>
  <c r="J6287" i="2"/>
  <c r="J6261" i="5" s="1"/>
  <c r="N6261" i="5" s="1"/>
  <c r="I6287" i="2"/>
  <c r="I6261" i="5" s="1"/>
  <c r="AR200" i="1"/>
  <c r="L1135" i="2"/>
  <c r="L1109" i="5" s="1"/>
  <c r="I1135" i="2"/>
  <c r="I1109" i="5" s="1"/>
  <c r="I6286" i="2"/>
  <c r="I6260" i="5" s="1"/>
  <c r="M6286" i="2"/>
  <c r="M6260" i="5" s="1"/>
  <c r="P6260" i="5" s="1"/>
  <c r="M4805" i="2"/>
  <c r="M4779" i="5" s="1"/>
  <c r="P4779" i="5" s="1"/>
  <c r="J4805" i="2"/>
  <c r="J4779" i="5" s="1"/>
  <c r="N4779" i="5" s="1"/>
  <c r="L4805" i="2"/>
  <c r="L4779" i="5" s="1"/>
  <c r="I4805" i="2"/>
  <c r="I4779" i="5" s="1"/>
  <c r="L86" i="2"/>
  <c r="L60" i="5" s="1"/>
  <c r="K408" i="2"/>
  <c r="K382" i="5" s="1"/>
  <c r="L408" i="2"/>
  <c r="L382" i="5" s="1"/>
  <c r="M408" i="2"/>
  <c r="M382" i="5" s="1"/>
  <c r="P382" i="5" s="1"/>
  <c r="J408" i="2"/>
  <c r="J382" i="5" s="1"/>
  <c r="N382" i="5" s="1"/>
  <c r="M2267" i="2"/>
  <c r="M2241" i="5" s="1"/>
  <c r="P2241" i="5" s="1"/>
  <c r="J2267" i="2"/>
  <c r="J2241" i="5" s="1"/>
  <c r="K3110" i="2"/>
  <c r="K3084" i="5" s="1"/>
  <c r="J3110" i="2"/>
  <c r="J3084" i="5" s="1"/>
  <c r="N3084" i="5" s="1"/>
  <c r="L3110" i="2"/>
  <c r="L3084" i="5" s="1"/>
  <c r="I7290" i="2"/>
  <c r="I7264" i="5" s="1"/>
  <c r="M7290" i="2"/>
  <c r="M7264" i="5" s="1"/>
  <c r="P7264" i="5" s="1"/>
  <c r="L7290" i="2"/>
  <c r="L7264" i="5" s="1"/>
  <c r="L6500" i="2"/>
  <c r="L6474" i="5" s="1"/>
  <c r="M6500" i="2"/>
  <c r="M6474" i="5" s="1"/>
  <c r="P6474" i="5" s="1"/>
  <c r="J422" i="2"/>
  <c r="J396" i="5" s="1"/>
  <c r="N396" i="5" s="1"/>
  <c r="L422" i="2"/>
  <c r="L396" i="5" s="1"/>
  <c r="K597" i="2"/>
  <c r="K571" i="5" s="1"/>
  <c r="O571" i="5" s="1"/>
  <c r="I597" i="2"/>
  <c r="I571" i="5" s="1"/>
  <c r="I2121" i="2"/>
  <c r="I2095" i="5" s="1"/>
  <c r="K2121" i="2"/>
  <c r="K2095" i="5" s="1"/>
  <c r="O2095" i="5" s="1"/>
  <c r="L4619" i="2"/>
  <c r="L4593" i="5" s="1"/>
  <c r="I4619" i="2"/>
  <c r="I4593" i="5" s="1"/>
  <c r="K4619" i="2"/>
  <c r="K4593" i="5" s="1"/>
  <c r="K1240" i="2"/>
  <c r="K1214" i="5" s="1"/>
  <c r="J1240" i="2"/>
  <c r="J1214" i="5" s="1"/>
  <c r="N1214" i="5" s="1"/>
  <c r="K438" i="2"/>
  <c r="K412" i="5" s="1"/>
  <c r="K7330" i="2"/>
  <c r="K7304" i="5" s="1"/>
  <c r="J7330" i="2"/>
  <c r="J7304" i="5" s="1"/>
  <c r="L7330" i="2"/>
  <c r="L7304" i="5" s="1"/>
  <c r="M7330" i="2"/>
  <c r="M7304" i="5" s="1"/>
  <c r="P7304" i="5" s="1"/>
  <c r="I7330" i="2"/>
  <c r="I7304" i="5" s="1"/>
  <c r="L7462" i="2"/>
  <c r="L7436" i="5" s="1"/>
  <c r="M7503" i="2"/>
  <c r="M7477" i="5" s="1"/>
  <c r="P7477" i="5" s="1"/>
  <c r="K7503" i="2"/>
  <c r="K7477" i="5" s="1"/>
  <c r="O7477" i="5" s="1"/>
  <c r="J7503" i="2"/>
  <c r="J7477" i="5" s="1"/>
  <c r="N7477" i="5" s="1"/>
  <c r="I3261" i="2"/>
  <c r="I3235" i="5" s="1"/>
  <c r="M3261" i="2"/>
  <c r="M3235" i="5" s="1"/>
  <c r="P3235" i="5" s="1"/>
  <c r="K3261" i="2"/>
  <c r="K3235" i="5" s="1"/>
  <c r="J3261" i="2"/>
  <c r="J3235" i="5" s="1"/>
  <c r="N3235" i="5" s="1"/>
  <c r="L3261" i="2"/>
  <c r="L3235" i="5" s="1"/>
  <c r="J4075" i="2"/>
  <c r="J4049" i="5" s="1"/>
  <c r="N4049" i="5" s="1"/>
  <c r="M4075" i="2"/>
  <c r="M4049" i="5" s="1"/>
  <c r="P4049" i="5" s="1"/>
  <c r="I4075" i="2"/>
  <c r="I4049" i="5" s="1"/>
  <c r="K3283" i="2"/>
  <c r="K3257" i="5" s="1"/>
  <c r="L3283" i="2"/>
  <c r="L3257" i="5" s="1"/>
  <c r="J3283" i="2"/>
  <c r="J3257" i="5" s="1"/>
  <c r="M3007" i="2"/>
  <c r="M2981" i="5" s="1"/>
  <c r="P2981" i="5" s="1"/>
  <c r="I3007" i="2"/>
  <c r="I2981" i="5" s="1"/>
  <c r="K3007" i="2"/>
  <c r="K2981" i="5" s="1"/>
  <c r="O2981" i="5" s="1"/>
  <c r="L2319" i="2"/>
  <c r="L2293" i="5" s="1"/>
  <c r="M2319" i="2"/>
  <c r="M2293" i="5" s="1"/>
  <c r="P2293" i="5" s="1"/>
  <c r="K2319" i="2"/>
  <c r="K2293" i="5" s="1"/>
  <c r="K4977" i="2"/>
  <c r="K4951" i="5" s="1"/>
  <c r="M4977" i="2"/>
  <c r="M4951" i="5" s="1"/>
  <c r="P4951" i="5" s="1"/>
  <c r="K7370" i="2"/>
  <c r="K7344" i="5" s="1"/>
  <c r="I7370" i="2"/>
  <c r="I7344" i="5" s="1"/>
  <c r="M7370" i="2"/>
  <c r="M7344" i="5" s="1"/>
  <c r="P7344" i="5" s="1"/>
  <c r="L7370" i="2"/>
  <c r="L7344" i="5" s="1"/>
  <c r="J7370" i="2"/>
  <c r="J7344" i="5" s="1"/>
  <c r="N7344" i="5" s="1"/>
  <c r="I5423" i="2"/>
  <c r="I5397" i="5" s="1"/>
  <c r="K5423" i="2"/>
  <c r="K5397" i="5" s="1"/>
  <c r="J5423" i="2"/>
  <c r="J5397" i="5" s="1"/>
  <c r="N5397" i="5" s="1"/>
  <c r="L2079" i="2"/>
  <c r="L2053" i="5" s="1"/>
  <c r="I2079" i="2"/>
  <c r="I2053" i="5" s="1"/>
  <c r="K2073" i="2"/>
  <c r="K2047" i="5" s="1"/>
  <c r="O2047" i="5" s="1"/>
  <c r="M2073" i="2"/>
  <c r="M2047" i="5" s="1"/>
  <c r="P2047" i="5" s="1"/>
  <c r="J4107" i="2"/>
  <c r="J4081" i="5" s="1"/>
  <c r="N4081" i="5" s="1"/>
  <c r="I4107" i="2"/>
  <c r="I4081" i="5" s="1"/>
  <c r="M7534" i="2"/>
  <c r="M7508" i="5" s="1"/>
  <c r="P7508" i="5" s="1"/>
  <c r="K7534" i="2"/>
  <c r="K7508" i="5" s="1"/>
  <c r="J7534" i="2"/>
  <c r="J7508" i="5" s="1"/>
  <c r="N7508" i="5" s="1"/>
  <c r="L7534" i="2"/>
  <c r="L7508" i="5" s="1"/>
  <c r="I7534" i="2"/>
  <c r="I7508" i="5" s="1"/>
  <c r="L4169" i="2"/>
  <c r="L4143" i="5" s="1"/>
  <c r="M4169" i="2"/>
  <c r="M4143" i="5" s="1"/>
  <c r="P4143" i="5" s="1"/>
  <c r="I4169" i="2"/>
  <c r="I4143" i="5" s="1"/>
  <c r="K4169" i="2"/>
  <c r="K4143" i="5" s="1"/>
  <c r="J4169" i="2"/>
  <c r="J4143" i="5" s="1"/>
  <c r="N4143" i="5" s="1"/>
  <c r="K8312" i="2"/>
  <c r="K8286" i="5" s="1"/>
  <c r="L8312" i="2"/>
  <c r="L8286" i="5" s="1"/>
  <c r="J8312" i="2"/>
  <c r="J8286" i="5" s="1"/>
  <c r="N8286" i="5" s="1"/>
  <c r="M8312" i="2"/>
  <c r="M8286" i="5" s="1"/>
  <c r="P8286" i="5" s="1"/>
  <c r="I8312" i="2"/>
  <c r="I8286" i="5" s="1"/>
  <c r="I477" i="2"/>
  <c r="I451" i="5" s="1"/>
  <c r="M477" i="2"/>
  <c r="M451" i="5" s="1"/>
  <c r="P451" i="5" s="1"/>
  <c r="K477" i="2"/>
  <c r="K451" i="5" s="1"/>
  <c r="O451" i="5" s="1"/>
  <c r="J477" i="2"/>
  <c r="J451" i="5" s="1"/>
  <c r="N451" i="5" s="1"/>
  <c r="M3244" i="2"/>
  <c r="M3218" i="5" s="1"/>
  <c r="P3218" i="5" s="1"/>
  <c r="I3244" i="2"/>
  <c r="I3218" i="5" s="1"/>
  <c r="K3244" i="2"/>
  <c r="K3218" i="5" s="1"/>
  <c r="L3244" i="2"/>
  <c r="L3218" i="5" s="1"/>
  <c r="J8108" i="2"/>
  <c r="J8082" i="5" s="1"/>
  <c r="M2133" i="2"/>
  <c r="M2107" i="5" s="1"/>
  <c r="P2107" i="5" s="1"/>
  <c r="J2133" i="2"/>
  <c r="J2107" i="5" s="1"/>
  <c r="N2107" i="5" s="1"/>
  <c r="L2133" i="2"/>
  <c r="L2107" i="5" s="1"/>
  <c r="I2133" i="2"/>
  <c r="I2107" i="5" s="1"/>
  <c r="J4630" i="2"/>
  <c r="J4604" i="5" s="1"/>
  <c r="M4630" i="2"/>
  <c r="M4604" i="5" s="1"/>
  <c r="P4604" i="5" s="1"/>
  <c r="J4641" i="2"/>
  <c r="J4615" i="5" s="1"/>
  <c r="N4615" i="5" s="1"/>
  <c r="L4641" i="2"/>
  <c r="L4615" i="5" s="1"/>
  <c r="M4641" i="2"/>
  <c r="M4615" i="5" s="1"/>
  <c r="P4615" i="5" s="1"/>
  <c r="I4641" i="2"/>
  <c r="I4615" i="5" s="1"/>
  <c r="K4641" i="2"/>
  <c r="K4615" i="5" s="1"/>
  <c r="AR361" i="1"/>
  <c r="K5263" i="2"/>
  <c r="K5237" i="5" s="1"/>
  <c r="M5263" i="2"/>
  <c r="M5237" i="5" s="1"/>
  <c r="P5237" i="5" s="1"/>
  <c r="J5263" i="2"/>
  <c r="J5237" i="5" s="1"/>
  <c r="N5237" i="5" s="1"/>
  <c r="L5263" i="2"/>
  <c r="L5237" i="5" s="1"/>
  <c r="I5263" i="2"/>
  <c r="I5237" i="5" s="1"/>
  <c r="M914" i="2"/>
  <c r="M888" i="5" s="1"/>
  <c r="P888" i="5" s="1"/>
  <c r="J914" i="2"/>
  <c r="J888" i="5" s="1"/>
  <c r="N888" i="5" s="1"/>
  <c r="L914" i="2"/>
  <c r="L888" i="5" s="1"/>
  <c r="M6823" i="2"/>
  <c r="M6797" i="5" s="1"/>
  <c r="P6797" i="5" s="1"/>
  <c r="L6823" i="2"/>
  <c r="L6797" i="5" s="1"/>
  <c r="J6823" i="2"/>
  <c r="J6797" i="5" s="1"/>
  <c r="N6797" i="5" s="1"/>
  <c r="I6823" i="2"/>
  <c r="I6797" i="5" s="1"/>
  <c r="K6823" i="2"/>
  <c r="K6797" i="5" s="1"/>
  <c r="I4086" i="2"/>
  <c r="I4060" i="5" s="1"/>
  <c r="J4086" i="2"/>
  <c r="J4060" i="5" s="1"/>
  <c r="N4060" i="5" s="1"/>
  <c r="K6624" i="2"/>
  <c r="K6598" i="5" s="1"/>
  <c r="J6624" i="2"/>
  <c r="J6598" i="5" s="1"/>
  <c r="N6598" i="5" s="1"/>
  <c r="I6624" i="2"/>
  <c r="I6598" i="5" s="1"/>
  <c r="L6624" i="2"/>
  <c r="L6598" i="5" s="1"/>
  <c r="J4750" i="2"/>
  <c r="J4724" i="5" s="1"/>
  <c r="N4724" i="5" s="1"/>
  <c r="I4750" i="2"/>
  <c r="I4724" i="5" s="1"/>
  <c r="K4750" i="2"/>
  <c r="K4724" i="5" s="1"/>
  <c r="O4724" i="5" s="1"/>
  <c r="M6810" i="2"/>
  <c r="M6784" i="5" s="1"/>
  <c r="P6784" i="5" s="1"/>
  <c r="K6810" i="2"/>
  <c r="K6784" i="5" s="1"/>
  <c r="J6810" i="2"/>
  <c r="J6784" i="5" s="1"/>
  <c r="N6784" i="5" s="1"/>
  <c r="L6810" i="2"/>
  <c r="L6784" i="5" s="1"/>
  <c r="J6679" i="2"/>
  <c r="J6653" i="5" s="1"/>
  <c r="N6653" i="5" s="1"/>
  <c r="L6679" i="2"/>
  <c r="L6653" i="5" s="1"/>
  <c r="I6679" i="2"/>
  <c r="I6653" i="5" s="1"/>
  <c r="K6679" i="2"/>
  <c r="K6653" i="5" s="1"/>
  <c r="J4415" i="2"/>
  <c r="J4389" i="5" s="1"/>
  <c r="N4389" i="5" s="1"/>
  <c r="L4415" i="2"/>
  <c r="L4389" i="5" s="1"/>
  <c r="M4415" i="2"/>
  <c r="M4389" i="5" s="1"/>
  <c r="P4389" i="5" s="1"/>
  <c r="M35" i="2"/>
  <c r="M9" i="5" s="1"/>
  <c r="P9" i="5" s="1"/>
  <c r="L35" i="2"/>
  <c r="L9" i="5" s="1"/>
  <c r="K35" i="2"/>
  <c r="K9" i="5" s="1"/>
  <c r="J35" i="2"/>
  <c r="J9" i="5" s="1"/>
  <c r="N9" i="5" s="1"/>
  <c r="I35" i="2"/>
  <c r="I9" i="5" s="1"/>
  <c r="K2137" i="2"/>
  <c r="K2111" i="5" s="1"/>
  <c r="J2137" i="2"/>
  <c r="J2111" i="5" s="1"/>
  <c r="N2111" i="5" s="1"/>
  <c r="M2137" i="2"/>
  <c r="M2111" i="5" s="1"/>
  <c r="P2111" i="5" s="1"/>
  <c r="L2137" i="2"/>
  <c r="L2111" i="5" s="1"/>
  <c r="I2137" i="2"/>
  <c r="I2111" i="5" s="1"/>
  <c r="L6619" i="2"/>
  <c r="L6593" i="5" s="1"/>
  <c r="M6619" i="2"/>
  <c r="M6593" i="5" s="1"/>
  <c r="P6593" i="5" s="1"/>
  <c r="K6619" i="2"/>
  <c r="K6593" i="5" s="1"/>
  <c r="J6619" i="2"/>
  <c r="J6593" i="5" s="1"/>
  <c r="N6593" i="5" s="1"/>
  <c r="J2123" i="2"/>
  <c r="J2097" i="5" s="1"/>
  <c r="N2097" i="5" s="1"/>
  <c r="I2123" i="2"/>
  <c r="I2097" i="5" s="1"/>
  <c r="K2123" i="2"/>
  <c r="K2097" i="5" s="1"/>
  <c r="L2123" i="2"/>
  <c r="L2097" i="5" s="1"/>
  <c r="M2123" i="2"/>
  <c r="M2097" i="5" s="1"/>
  <c r="P2097" i="5" s="1"/>
  <c r="L2723" i="2"/>
  <c r="L2697" i="5" s="1"/>
  <c r="I2723" i="2"/>
  <c r="I2697" i="5" s="1"/>
  <c r="J2723" i="2"/>
  <c r="J2697" i="5" s="1"/>
  <c r="N2697" i="5" s="1"/>
  <c r="K813" i="2"/>
  <c r="K787" i="5" s="1"/>
  <c r="M813" i="2"/>
  <c r="M787" i="5" s="1"/>
  <c r="P787" i="5" s="1"/>
  <c r="J813" i="2"/>
  <c r="J787" i="5" s="1"/>
  <c r="N787" i="5" s="1"/>
  <c r="K2739" i="2"/>
  <c r="K2713" i="5" s="1"/>
  <c r="F200" i="5"/>
  <c r="AR194" i="1"/>
  <c r="L2270" i="2"/>
  <c r="L2244" i="5" s="1"/>
  <c r="I2270" i="2"/>
  <c r="I2244" i="5" s="1"/>
  <c r="K2270" i="2"/>
  <c r="K2244" i="5" s="1"/>
  <c r="J2270" i="2"/>
  <c r="J2244" i="5" s="1"/>
  <c r="N2244" i="5" s="1"/>
  <c r="M2270" i="2"/>
  <c r="M2244" i="5" s="1"/>
  <c r="P2244" i="5" s="1"/>
  <c r="L1122" i="2"/>
  <c r="L1096" i="5" s="1"/>
  <c r="M1122" i="2"/>
  <c r="M1096" i="5" s="1"/>
  <c r="P1096" i="5" s="1"/>
  <c r="K5018" i="2"/>
  <c r="K4992" i="5" s="1"/>
  <c r="O4992" i="5" s="1"/>
  <c r="L8612" i="2"/>
  <c r="L8586" i="5" s="1"/>
  <c r="J1135" i="2"/>
  <c r="J1109" i="5" s="1"/>
  <c r="J6196" i="2"/>
  <c r="J6170" i="5" s="1"/>
  <c r="L6670" i="2"/>
  <c r="L6644" i="5" s="1"/>
  <c r="M1391" i="2"/>
  <c r="M1365" i="5" s="1"/>
  <c r="P1365" i="5" s="1"/>
  <c r="L4793" i="2"/>
  <c r="L4767" i="5" s="1"/>
  <c r="I5005" i="2"/>
  <c r="I4979" i="5" s="1"/>
  <c r="L2733" i="2"/>
  <c r="L2707" i="5" s="1"/>
  <c r="M8505" i="2"/>
  <c r="M8479" i="5" s="1"/>
  <c r="P8479" i="5" s="1"/>
  <c r="L6594" i="2"/>
  <c r="L6568" i="5" s="1"/>
  <c r="M5134" i="2"/>
  <c r="M5108" i="5" s="1"/>
  <c r="P5108" i="5" s="1"/>
  <c r="I7165" i="2"/>
  <c r="I7139" i="5" s="1"/>
  <c r="K3276" i="2"/>
  <c r="K3250" i="5" s="1"/>
  <c r="O3250" i="5" s="1"/>
  <c r="K6287" i="2"/>
  <c r="K6261" i="5" s="1"/>
  <c r="L6347" i="2"/>
  <c r="L6321" i="5" s="1"/>
  <c r="J8146" i="2"/>
  <c r="J8120" i="5" s="1"/>
  <c r="M7202" i="2"/>
  <c r="M7176" i="5" s="1"/>
  <c r="P7176" i="5" s="1"/>
  <c r="M6629" i="2"/>
  <c r="M6603" i="5" s="1"/>
  <c r="P6603" i="5" s="1"/>
  <c r="K6196" i="2"/>
  <c r="K6170" i="5" s="1"/>
  <c r="O6170" i="5" s="1"/>
  <c r="M2254" i="2"/>
  <c r="M2228" i="5" s="1"/>
  <c r="P2228" i="5" s="1"/>
  <c r="K1391" i="2"/>
  <c r="K1365" i="5" s="1"/>
  <c r="J7348" i="2"/>
  <c r="J7322" i="5" s="1"/>
  <c r="N7322" i="5" s="1"/>
  <c r="J5134" i="2"/>
  <c r="J5108" i="5" s="1"/>
  <c r="N5108" i="5" s="1"/>
  <c r="I8436" i="2"/>
  <c r="I8410" i="5" s="1"/>
  <c r="J6347" i="2"/>
  <c r="J6321" i="5" s="1"/>
  <c r="N6321" i="5" s="1"/>
  <c r="M8146" i="2"/>
  <c r="M8120" i="5" s="1"/>
  <c r="P8120" i="5" s="1"/>
  <c r="I3110" i="2"/>
  <c r="I3084" i="5" s="1"/>
  <c r="J8436" i="2"/>
  <c r="J8410" i="5" s="1"/>
  <c r="N8410" i="5" s="1"/>
  <c r="M3110" i="2"/>
  <c r="M3084" i="5" s="1"/>
  <c r="P3084" i="5" s="1"/>
  <c r="L6629" i="2"/>
  <c r="L6603" i="5" s="1"/>
  <c r="K1423" i="2"/>
  <c r="K1397" i="5" s="1"/>
  <c r="J8696" i="2"/>
  <c r="J8670" i="5" s="1"/>
  <c r="L6286" i="2"/>
  <c r="L6260" i="5" s="1"/>
  <c r="M3256" i="2"/>
  <c r="M3230" i="5" s="1"/>
  <c r="P3230" i="5" s="1"/>
  <c r="L1423" i="2"/>
  <c r="L1397" i="5" s="1"/>
  <c r="K4630" i="2"/>
  <c r="K4604" i="5" s="1"/>
  <c r="O4604" i="5" s="1"/>
  <c r="M1423" i="2"/>
  <c r="M1397" i="5" s="1"/>
  <c r="P1397" i="5" s="1"/>
  <c r="K3079" i="2"/>
  <c r="K3053" i="5" s="1"/>
  <c r="O3053" i="5" s="1"/>
  <c r="I3079" i="2"/>
  <c r="I3053" i="5" s="1"/>
  <c r="K6704" i="2"/>
  <c r="K6678" i="5" s="1"/>
  <c r="J6704" i="2"/>
  <c r="J6678" i="5" s="1"/>
  <c r="N6678" i="5" s="1"/>
  <c r="L2234" i="2"/>
  <c r="L2208" i="5" s="1"/>
  <c r="J2234" i="2"/>
  <c r="J2208" i="5" s="1"/>
  <c r="N2208" i="5" s="1"/>
  <c r="K2234" i="2"/>
  <c r="K2208" i="5" s="1"/>
  <c r="I3494" i="2"/>
  <c r="I3468" i="5" s="1"/>
  <c r="I3928" i="2"/>
  <c r="I3902" i="5" s="1"/>
  <c r="I1818" i="2"/>
  <c r="I1792" i="5" s="1"/>
  <c r="L1818" i="2"/>
  <c r="L1792" i="5" s="1"/>
  <c r="M1818" i="2"/>
  <c r="M1792" i="5" s="1"/>
  <c r="P1792" i="5" s="1"/>
  <c r="I5757" i="2"/>
  <c r="I5731" i="5" s="1"/>
  <c r="I5317" i="2"/>
  <c r="I5291" i="5" s="1"/>
  <c r="L5317" i="2"/>
  <c r="L5291" i="5" s="1"/>
  <c r="J2484" i="2"/>
  <c r="J2458" i="5" s="1"/>
  <c r="N2458" i="5" s="1"/>
  <c r="L6704" i="2"/>
  <c r="L6678" i="5" s="1"/>
  <c r="J5817" i="2"/>
  <c r="J5791" i="5" s="1"/>
  <c r="M5817" i="2"/>
  <c r="M5791" i="5" s="1"/>
  <c r="P5791" i="5" s="1"/>
  <c r="L5817" i="2"/>
  <c r="L5791" i="5" s="1"/>
  <c r="L8487" i="2"/>
  <c r="L8461" i="5" s="1"/>
  <c r="M8487" i="2"/>
  <c r="M8461" i="5" s="1"/>
  <c r="P8461" i="5" s="1"/>
  <c r="J8487" i="2"/>
  <c r="J8461" i="5" s="1"/>
  <c r="N8461" i="5" s="1"/>
  <c r="I4590" i="2"/>
  <c r="I4564" i="5" s="1"/>
  <c r="K4590" i="2"/>
  <c r="K4564" i="5" s="1"/>
  <c r="K5320" i="2"/>
  <c r="K5294" i="5" s="1"/>
  <c r="J5320" i="2"/>
  <c r="J5294" i="5" s="1"/>
  <c r="N5294" i="5" s="1"/>
  <c r="L5320" i="2"/>
  <c r="L5294" i="5" s="1"/>
  <c r="I5320" i="2"/>
  <c r="I5294" i="5" s="1"/>
  <c r="M5320" i="2"/>
  <c r="M5294" i="5" s="1"/>
  <c r="P5294" i="5" s="1"/>
  <c r="I90" i="2"/>
  <c r="I64" i="5" s="1"/>
  <c r="K90" i="2"/>
  <c r="K64" i="5" s="1"/>
  <c r="J90" i="2"/>
  <c r="J64" i="5" s="1"/>
  <c r="N64" i="5" s="1"/>
  <c r="K5488" i="2"/>
  <c r="K5462" i="5" s="1"/>
  <c r="O5462" i="5" s="1"/>
  <c r="J5488" i="2"/>
  <c r="J5462" i="5" s="1"/>
  <c r="M1630" i="2"/>
  <c r="M1604" i="5" s="1"/>
  <c r="P1604" i="5" s="1"/>
  <c r="L8517" i="2"/>
  <c r="L8491" i="5" s="1"/>
  <c r="K8517" i="2"/>
  <c r="K8491" i="5" s="1"/>
  <c r="M8517" i="2"/>
  <c r="M8491" i="5" s="1"/>
  <c r="P8491" i="5" s="1"/>
  <c r="I8517" i="2"/>
  <c r="I8491" i="5" s="1"/>
  <c r="J8517" i="2"/>
  <c r="J8491" i="5" s="1"/>
  <c r="N8491" i="5" s="1"/>
  <c r="M5640" i="2"/>
  <c r="M5614" i="5" s="1"/>
  <c r="P5614" i="5" s="1"/>
  <c r="J5640" i="2"/>
  <c r="J5614" i="5" s="1"/>
  <c r="N5614" i="5" s="1"/>
  <c r="L1043" i="2"/>
  <c r="L1017" i="5" s="1"/>
  <c r="M1043" i="2"/>
  <c r="M1017" i="5" s="1"/>
  <c r="P1017" i="5" s="1"/>
  <c r="J1043" i="2"/>
  <c r="J1017" i="5" s="1"/>
  <c r="N1017" i="5" s="1"/>
  <c r="I1043" i="2"/>
  <c r="I1017" i="5" s="1"/>
  <c r="K1043" i="2"/>
  <c r="K1017" i="5" s="1"/>
  <c r="K1248" i="2"/>
  <c r="K1222" i="5" s="1"/>
  <c r="L1248" i="2"/>
  <c r="L1222" i="5" s="1"/>
  <c r="M1248" i="2"/>
  <c r="M1222" i="5" s="1"/>
  <c r="P1222" i="5" s="1"/>
  <c r="J2336" i="2"/>
  <c r="J2310" i="5" s="1"/>
  <c r="N2310" i="5" s="1"/>
  <c r="L2336" i="2"/>
  <c r="L2310" i="5" s="1"/>
  <c r="I6606" i="2"/>
  <c r="I6580" i="5" s="1"/>
  <c r="L6606" i="2"/>
  <c r="L6580" i="5" s="1"/>
  <c r="M3234" i="2"/>
  <c r="M3208" i="5" s="1"/>
  <c r="P3208" i="5" s="1"/>
  <c r="L3234" i="2"/>
  <c r="L3208" i="5" s="1"/>
  <c r="I6637" i="2"/>
  <c r="I6611" i="5" s="1"/>
  <c r="M6637" i="2"/>
  <c r="M6611" i="5" s="1"/>
  <c r="P6611" i="5" s="1"/>
  <c r="I1886" i="2"/>
  <c r="I1860" i="5" s="1"/>
  <c r="L1886" i="2"/>
  <c r="L1860" i="5" s="1"/>
  <c r="J1886" i="2"/>
  <c r="J1860" i="5" s="1"/>
  <c r="N1860" i="5" s="1"/>
  <c r="M1886" i="2"/>
  <c r="M1860" i="5" s="1"/>
  <c r="P1860" i="5" s="1"/>
  <c r="I7201" i="2"/>
  <c r="I7175" i="5" s="1"/>
  <c r="K7201" i="2"/>
  <c r="K7175" i="5" s="1"/>
  <c r="L7201" i="2"/>
  <c r="L7175" i="5" s="1"/>
  <c r="L140" i="2"/>
  <c r="L114" i="5" s="1"/>
  <c r="J140" i="2"/>
  <c r="J114" i="5" s="1"/>
  <c r="N114" i="5" s="1"/>
  <c r="M1953" i="2"/>
  <c r="M1927" i="5" s="1"/>
  <c r="P1927" i="5" s="1"/>
  <c r="I1953" i="2"/>
  <c r="I1927" i="5" s="1"/>
  <c r="K1953" i="2"/>
  <c r="K1927" i="5" s="1"/>
  <c r="O1927" i="5" s="1"/>
  <c r="K8452" i="2"/>
  <c r="K8426" i="5" s="1"/>
  <c r="M8452" i="2"/>
  <c r="M8426" i="5" s="1"/>
  <c r="P8426" i="5" s="1"/>
  <c r="L8452" i="2"/>
  <c r="L8426" i="5" s="1"/>
  <c r="M5422" i="2"/>
  <c r="M5396" i="5" s="1"/>
  <c r="P5396" i="5" s="1"/>
  <c r="I5422" i="2"/>
  <c r="I5396" i="5" s="1"/>
  <c r="J6840" i="2"/>
  <c r="J6814" i="5" s="1"/>
  <c r="N6814" i="5" s="1"/>
  <c r="K6840" i="2"/>
  <c r="K6814" i="5" s="1"/>
  <c r="I6840" i="2"/>
  <c r="I6814" i="5" s="1"/>
  <c r="L6840" i="2"/>
  <c r="L6814" i="5" s="1"/>
  <c r="K5969" i="2"/>
  <c r="K5943" i="5" s="1"/>
  <c r="I6146" i="2"/>
  <c r="I6120" i="5" s="1"/>
  <c r="M6599" i="2"/>
  <c r="M6573" i="5" s="1"/>
  <c r="P6573" i="5" s="1"/>
  <c r="K1119" i="2"/>
  <c r="K1093" i="5" s="1"/>
  <c r="I4248" i="2"/>
  <c r="I4222" i="5" s="1"/>
  <c r="K4248" i="2"/>
  <c r="K4222" i="5" s="1"/>
  <c r="O4222" i="5" s="1"/>
  <c r="J4248" i="2"/>
  <c r="J4222" i="5" s="1"/>
  <c r="N4222" i="5" s="1"/>
  <c r="I2420" i="2"/>
  <c r="I2394" i="5" s="1"/>
  <c r="K2420" i="2"/>
  <c r="K2394" i="5" s="1"/>
  <c r="J2420" i="2"/>
  <c r="J2394" i="5" s="1"/>
  <c r="N2394" i="5" s="1"/>
  <c r="J1093" i="2"/>
  <c r="J1067" i="5" s="1"/>
  <c r="N1067" i="5" s="1"/>
  <c r="I1093" i="2"/>
  <c r="I1067" i="5" s="1"/>
  <c r="M1093" i="2"/>
  <c r="M1067" i="5" s="1"/>
  <c r="P1067" i="5" s="1"/>
  <c r="K1093" i="2"/>
  <c r="K1067" i="5" s="1"/>
  <c r="L1093" i="2"/>
  <c r="L1067" i="5" s="1"/>
  <c r="L4346" i="2"/>
  <c r="L4320" i="5" s="1"/>
  <c r="J4346" i="2"/>
  <c r="J4320" i="5" s="1"/>
  <c r="N4320" i="5" s="1"/>
  <c r="J1567" i="2"/>
  <c r="J1541" i="5" s="1"/>
  <c r="L1567" i="2"/>
  <c r="L1541" i="5" s="1"/>
  <c r="I1567" i="2"/>
  <c r="I1541" i="5" s="1"/>
  <c r="K1567" i="2"/>
  <c r="K1541" i="5" s="1"/>
  <c r="M1567" i="2"/>
  <c r="M1541" i="5" s="1"/>
  <c r="P1541" i="5" s="1"/>
  <c r="J8216" i="2"/>
  <c r="J8190" i="5" s="1"/>
  <c r="N8190" i="5" s="1"/>
  <c r="M8216" i="2"/>
  <c r="M8190" i="5" s="1"/>
  <c r="P8190" i="5" s="1"/>
  <c r="L8216" i="2"/>
  <c r="L8190" i="5" s="1"/>
  <c r="I8216" i="2"/>
  <c r="I8190" i="5" s="1"/>
  <c r="K8216" i="2"/>
  <c r="K8190" i="5" s="1"/>
  <c r="L117" i="2"/>
  <c r="L91" i="5" s="1"/>
  <c r="I117" i="2"/>
  <c r="I91" i="5" s="1"/>
  <c r="L1147" i="2"/>
  <c r="L1121" i="5" s="1"/>
  <c r="M1147" i="2"/>
  <c r="M1121" i="5" s="1"/>
  <c r="P1121" i="5" s="1"/>
  <c r="K119" i="2"/>
  <c r="K93" i="5" s="1"/>
  <c r="M119" i="2"/>
  <c r="M93" i="5" s="1"/>
  <c r="P93" i="5" s="1"/>
  <c r="L119" i="2"/>
  <c r="L93" i="5" s="1"/>
  <c r="J1468" i="2"/>
  <c r="J1442" i="5" s="1"/>
  <c r="N1442" i="5" s="1"/>
  <c r="I1468" i="2"/>
  <c r="I1442" i="5" s="1"/>
  <c r="K1468" i="2"/>
  <c r="K1442" i="5" s="1"/>
  <c r="O1442" i="5" s="1"/>
  <c r="K1495" i="2"/>
  <c r="K1469" i="5" s="1"/>
  <c r="J1495" i="2"/>
  <c r="J1469" i="5" s="1"/>
  <c r="N1469" i="5" s="1"/>
  <c r="M1495" i="2"/>
  <c r="M1469" i="5" s="1"/>
  <c r="P1469" i="5" s="1"/>
  <c r="L1495" i="2"/>
  <c r="L1469" i="5" s="1"/>
  <c r="I1495" i="2"/>
  <c r="I1469" i="5" s="1"/>
  <c r="L1235" i="2"/>
  <c r="L1209" i="5" s="1"/>
  <c r="I1235" i="2"/>
  <c r="I1209" i="5" s="1"/>
  <c r="J8380" i="2"/>
  <c r="J8354" i="5" s="1"/>
  <c r="N8354" i="5" s="1"/>
  <c r="L8380" i="2"/>
  <c r="L8354" i="5" s="1"/>
  <c r="M8380" i="2"/>
  <c r="M8354" i="5" s="1"/>
  <c r="P8354" i="5" s="1"/>
  <c r="M2119" i="2"/>
  <c r="M2093" i="5" s="1"/>
  <c r="P2093" i="5" s="1"/>
  <c r="I2119" i="2"/>
  <c r="I2093" i="5" s="1"/>
  <c r="K2119" i="2"/>
  <c r="K2093" i="5" s="1"/>
  <c r="I1638" i="2"/>
  <c r="I1612" i="5" s="1"/>
  <c r="M4813" i="2"/>
  <c r="M4787" i="5" s="1"/>
  <c r="P4787" i="5" s="1"/>
  <c r="L4813" i="2"/>
  <c r="L4787" i="5" s="1"/>
  <c r="I4813" i="2"/>
  <c r="I4787" i="5" s="1"/>
  <c r="K4813" i="2"/>
  <c r="K4787" i="5" s="1"/>
  <c r="I7628" i="2"/>
  <c r="I7602" i="5" s="1"/>
  <c r="M7628" i="2"/>
  <c r="M7602" i="5" s="1"/>
  <c r="P7602" i="5" s="1"/>
  <c r="J7628" i="2"/>
  <c r="J7602" i="5" s="1"/>
  <c r="N7602" i="5" s="1"/>
  <c r="L7628" i="2"/>
  <c r="L7602" i="5" s="1"/>
  <c r="K7628" i="2"/>
  <c r="K7602" i="5" s="1"/>
  <c r="M7440" i="2"/>
  <c r="M7414" i="5" s="1"/>
  <c r="P7414" i="5" s="1"/>
  <c r="L7440" i="2"/>
  <c r="L7414" i="5" s="1"/>
  <c r="J7440" i="2"/>
  <c r="J7414" i="5" s="1"/>
  <c r="N7414" i="5" s="1"/>
  <c r="I3979" i="2"/>
  <c r="I3953" i="5" s="1"/>
  <c r="K3979" i="2"/>
  <c r="K3953" i="5" s="1"/>
  <c r="J3979" i="2"/>
  <c r="J3953" i="5" s="1"/>
  <c r="N3953" i="5" s="1"/>
  <c r="L3979" i="2"/>
  <c r="L3953" i="5" s="1"/>
  <c r="M3979" i="2"/>
  <c r="M3953" i="5" s="1"/>
  <c r="P3953" i="5" s="1"/>
  <c r="M5419" i="2"/>
  <c r="M5393" i="5" s="1"/>
  <c r="P5393" i="5" s="1"/>
  <c r="I5419" i="2"/>
  <c r="I5393" i="5" s="1"/>
  <c r="K5419" i="2"/>
  <c r="K5393" i="5" s="1"/>
  <c r="O5393" i="5" s="1"/>
  <c r="K7810" i="2"/>
  <c r="K7784" i="5" s="1"/>
  <c r="O7784" i="5" s="1"/>
  <c r="J7810" i="2"/>
  <c r="J7784" i="5" s="1"/>
  <c r="N7784" i="5" s="1"/>
  <c r="M3650" i="2"/>
  <c r="M3624" i="5" s="1"/>
  <c r="P3624" i="5" s="1"/>
  <c r="J6511" i="2"/>
  <c r="J6485" i="5" s="1"/>
  <c r="N6485" i="5" s="1"/>
  <c r="M5313" i="2"/>
  <c r="M5287" i="5" s="1"/>
  <c r="P5287" i="5" s="1"/>
  <c r="M4960" i="2"/>
  <c r="M4934" i="5" s="1"/>
  <c r="P4934" i="5" s="1"/>
  <c r="J4960" i="2"/>
  <c r="J4934" i="5" s="1"/>
  <c r="N4934" i="5" s="1"/>
  <c r="I5608" i="2"/>
  <c r="I5582" i="5" s="1"/>
  <c r="L5608" i="2"/>
  <c r="L5582" i="5" s="1"/>
  <c r="M5608" i="2"/>
  <c r="M5582" i="5" s="1"/>
  <c r="P5582" i="5" s="1"/>
  <c r="L242" i="2"/>
  <c r="L216" i="5" s="1"/>
  <c r="K7161" i="2"/>
  <c r="K7135" i="5" s="1"/>
  <c r="J7161" i="2"/>
  <c r="J7135" i="5" s="1"/>
  <c r="N7135" i="5" s="1"/>
  <c r="J3971" i="2"/>
  <c r="J3945" i="5" s="1"/>
  <c r="K3971" i="2"/>
  <c r="K3945" i="5" s="1"/>
  <c r="I780" i="2"/>
  <c r="I754" i="5" s="1"/>
  <c r="M5086" i="2"/>
  <c r="M5060" i="5" s="1"/>
  <c r="P5060" i="5" s="1"/>
  <c r="I1431" i="2"/>
  <c r="I1405" i="5" s="1"/>
  <c r="J1431" i="2"/>
  <c r="J1405" i="5" s="1"/>
  <c r="N1405" i="5" s="1"/>
  <c r="K1431" i="2"/>
  <c r="K1405" i="5" s="1"/>
  <c r="J4993" i="2"/>
  <c r="J4967" i="5" s="1"/>
  <c r="L4993" i="2"/>
  <c r="L4967" i="5" s="1"/>
  <c r="M4993" i="2"/>
  <c r="M4967" i="5" s="1"/>
  <c r="P4967" i="5" s="1"/>
  <c r="I4993" i="2"/>
  <c r="I4967" i="5" s="1"/>
  <c r="K4993" i="2"/>
  <c r="K4967" i="5" s="1"/>
  <c r="J6427" i="2"/>
  <c r="J6401" i="5" s="1"/>
  <c r="N6401" i="5" s="1"/>
  <c r="L5415" i="2"/>
  <c r="L5389" i="5" s="1"/>
  <c r="M5415" i="2"/>
  <c r="M5389" i="5" s="1"/>
  <c r="P5389" i="5" s="1"/>
  <c r="I5415" i="2"/>
  <c r="I5389" i="5" s="1"/>
  <c r="K5415" i="2"/>
  <c r="K5389" i="5" s="1"/>
  <c r="J7976" i="2"/>
  <c r="J7950" i="5" s="1"/>
  <c r="I7976" i="2"/>
  <c r="I7950" i="5" s="1"/>
  <c r="I7144" i="2"/>
  <c r="I7118" i="5" s="1"/>
  <c r="K7144" i="2"/>
  <c r="K7118" i="5" s="1"/>
  <c r="J7144" i="2"/>
  <c r="J7118" i="5" s="1"/>
  <c r="N7118" i="5" s="1"/>
  <c r="L5838" i="2"/>
  <c r="L5812" i="5" s="1"/>
  <c r="L7438" i="2"/>
  <c r="L7412" i="5" s="1"/>
  <c r="M7438" i="2"/>
  <c r="M7412" i="5" s="1"/>
  <c r="P7412" i="5" s="1"/>
  <c r="K8774" i="2"/>
  <c r="K8748" i="5" s="1"/>
  <c r="I8774" i="2"/>
  <c r="I8748" i="5" s="1"/>
  <c r="J8774" i="2"/>
  <c r="J8748" i="5" s="1"/>
  <c r="N8748" i="5" s="1"/>
  <c r="M8774" i="2"/>
  <c r="M8748" i="5" s="1"/>
  <c r="P8748" i="5" s="1"/>
  <c r="L8774" i="2"/>
  <c r="L8748" i="5" s="1"/>
  <c r="L1053" i="2"/>
  <c r="L1027" i="5" s="1"/>
  <c r="J1053" i="2"/>
  <c r="J1027" i="5" s="1"/>
  <c r="N1027" i="5" s="1"/>
  <c r="M1053" i="2"/>
  <c r="M1027" i="5" s="1"/>
  <c r="P1027" i="5" s="1"/>
  <c r="I1053" i="2"/>
  <c r="I1027" i="5" s="1"/>
  <c r="K1053" i="2"/>
  <c r="K1027" i="5" s="1"/>
  <c r="C204" i="5"/>
  <c r="AR198" i="1"/>
  <c r="J4797" i="2"/>
  <c r="J4771" i="5" s="1"/>
  <c r="N4771" i="5" s="1"/>
  <c r="M4797" i="2"/>
  <c r="M4771" i="5" s="1"/>
  <c r="P4771" i="5" s="1"/>
  <c r="I8266" i="2"/>
  <c r="I8240" i="5" s="1"/>
  <c r="J8266" i="2"/>
  <c r="J8240" i="5" s="1"/>
  <c r="N8240" i="5" s="1"/>
  <c r="L8266" i="2"/>
  <c r="L8240" i="5" s="1"/>
  <c r="K8266" i="2"/>
  <c r="K8240" i="5" s="1"/>
  <c r="D68" i="5"/>
  <c r="AR62" i="1"/>
  <c r="J3323" i="2"/>
  <c r="J3297" i="5" s="1"/>
  <c r="N3297" i="5" s="1"/>
  <c r="I5642" i="2"/>
  <c r="I5616" i="5" s="1"/>
  <c r="K5642" i="2"/>
  <c r="K5616" i="5" s="1"/>
  <c r="J5642" i="2"/>
  <c r="J5616" i="5" s="1"/>
  <c r="N5616" i="5" s="1"/>
  <c r="M5642" i="2"/>
  <c r="M5616" i="5" s="1"/>
  <c r="P5616" i="5" s="1"/>
  <c r="L5642" i="2"/>
  <c r="L5616" i="5" s="1"/>
  <c r="K4262" i="2"/>
  <c r="K4236" i="5" s="1"/>
  <c r="O4236" i="5" s="1"/>
  <c r="J4262" i="2"/>
  <c r="J4236" i="5" s="1"/>
  <c r="N4236" i="5" s="1"/>
  <c r="M4262" i="2"/>
  <c r="M4236" i="5" s="1"/>
  <c r="P4236" i="5" s="1"/>
  <c r="L4857" i="2"/>
  <c r="L4831" i="5" s="1"/>
  <c r="I4857" i="2"/>
  <c r="I4831" i="5" s="1"/>
  <c r="M3652" i="2"/>
  <c r="M3626" i="5" s="1"/>
  <c r="P3626" i="5" s="1"/>
  <c r="L3652" i="2"/>
  <c r="L3626" i="5" s="1"/>
  <c r="I3652" i="2"/>
  <c r="I3626" i="5" s="1"/>
  <c r="K1254" i="2"/>
  <c r="K1228" i="5" s="1"/>
  <c r="O1228" i="5" s="1"/>
  <c r="L6475" i="2"/>
  <c r="L6449" i="5" s="1"/>
  <c r="M131" i="2"/>
  <c r="M105" i="5" s="1"/>
  <c r="P105" i="5" s="1"/>
  <c r="J131" i="2"/>
  <c r="J105" i="5" s="1"/>
  <c r="N105" i="5" s="1"/>
  <c r="K1252" i="2"/>
  <c r="K1226" i="5" s="1"/>
  <c r="O1226" i="5" s="1"/>
  <c r="M1252" i="2"/>
  <c r="M1226" i="5" s="1"/>
  <c r="P1226" i="5" s="1"/>
  <c r="J1252" i="2"/>
  <c r="J1226" i="5" s="1"/>
  <c r="N1226" i="5" s="1"/>
  <c r="M7504" i="2"/>
  <c r="M7478" i="5" s="1"/>
  <c r="P7478" i="5" s="1"/>
  <c r="K7504" i="2"/>
  <c r="K7478" i="5" s="1"/>
  <c r="J7504" i="2"/>
  <c r="J7478" i="5" s="1"/>
  <c r="N7478" i="5" s="1"/>
  <c r="I7504" i="2"/>
  <c r="I7478" i="5" s="1"/>
  <c r="I2072" i="2"/>
  <c r="I2046" i="5" s="1"/>
  <c r="K2072" i="2"/>
  <c r="K2046" i="5" s="1"/>
  <c r="J2072" i="2"/>
  <c r="J2046" i="5" s="1"/>
  <c r="N2046" i="5" s="1"/>
  <c r="L2072" i="2"/>
  <c r="L2046" i="5" s="1"/>
  <c r="M2072" i="2"/>
  <c r="M2046" i="5" s="1"/>
  <c r="P2046" i="5" s="1"/>
  <c r="J2060" i="2"/>
  <c r="J2034" i="5" s="1"/>
  <c r="N2034" i="5" s="1"/>
  <c r="K2060" i="2"/>
  <c r="K2034" i="5" s="1"/>
  <c r="L2060" i="2"/>
  <c r="L2034" i="5" s="1"/>
  <c r="M2060" i="2"/>
  <c r="M2034" i="5" s="1"/>
  <c r="P2034" i="5" s="1"/>
  <c r="I2060" i="2"/>
  <c r="I2034" i="5" s="1"/>
  <c r="M4255" i="2"/>
  <c r="M4229" i="5" s="1"/>
  <c r="P4229" i="5" s="1"/>
  <c r="J4255" i="2"/>
  <c r="J4229" i="5" s="1"/>
  <c r="N4229" i="5" s="1"/>
  <c r="K4255" i="2"/>
  <c r="K4229" i="5" s="1"/>
  <c r="L4255" i="2"/>
  <c r="L4229" i="5" s="1"/>
  <c r="I4255" i="2"/>
  <c r="I4229" i="5" s="1"/>
  <c r="M5697" i="2"/>
  <c r="M5671" i="5" s="1"/>
  <c r="P5671" i="5" s="1"/>
  <c r="L5697" i="2"/>
  <c r="L5671" i="5" s="1"/>
  <c r="I5697" i="2"/>
  <c r="I5671" i="5" s="1"/>
  <c r="K5697" i="2"/>
  <c r="K5671" i="5" s="1"/>
  <c r="I2996" i="2"/>
  <c r="I2970" i="5" s="1"/>
  <c r="K2996" i="2"/>
  <c r="K2970" i="5" s="1"/>
  <c r="O2970" i="5" s="1"/>
  <c r="J7803" i="2"/>
  <c r="J7777" i="5" s="1"/>
  <c r="M7803" i="2"/>
  <c r="M7777" i="5" s="1"/>
  <c r="P7777" i="5" s="1"/>
  <c r="L7803" i="2"/>
  <c r="L7777" i="5" s="1"/>
  <c r="M4815" i="2"/>
  <c r="M4789" i="5" s="1"/>
  <c r="P4789" i="5" s="1"/>
  <c r="L4815" i="2"/>
  <c r="L4789" i="5" s="1"/>
  <c r="I4815" i="2"/>
  <c r="I4789" i="5" s="1"/>
  <c r="K4815" i="2"/>
  <c r="K4789" i="5" s="1"/>
  <c r="J4815" i="2"/>
  <c r="J4789" i="5" s="1"/>
  <c r="N4789" i="5" s="1"/>
  <c r="L275" i="2"/>
  <c r="L249" i="5" s="1"/>
  <c r="I275" i="2"/>
  <c r="I249" i="5" s="1"/>
  <c r="M275" i="2"/>
  <c r="M249" i="5" s="1"/>
  <c r="P249" i="5" s="1"/>
  <c r="K275" i="2"/>
  <c r="K249" i="5" s="1"/>
  <c r="J275" i="2"/>
  <c r="J249" i="5" s="1"/>
  <c r="N249" i="5" s="1"/>
  <c r="I2111" i="2"/>
  <c r="I2085" i="5" s="1"/>
  <c r="M2111" i="2"/>
  <c r="M2085" i="5" s="1"/>
  <c r="P2085" i="5" s="1"/>
  <c r="K4133" i="2"/>
  <c r="K4107" i="5" s="1"/>
  <c r="K105" i="2"/>
  <c r="K79" i="5" s="1"/>
  <c r="L92" i="2"/>
  <c r="L66" i="5" s="1"/>
  <c r="I92" i="2"/>
  <c r="I66" i="5" s="1"/>
  <c r="J92" i="2"/>
  <c r="J66" i="5" s="1"/>
  <c r="N66" i="5" s="1"/>
  <c r="I2562" i="2"/>
  <c r="I2536" i="5" s="1"/>
  <c r="K2562" i="2"/>
  <c r="K2536" i="5" s="1"/>
  <c r="J2562" i="2"/>
  <c r="J2536" i="5" s="1"/>
  <c r="N2536" i="5" s="1"/>
  <c r="L2562" i="2"/>
  <c r="L2536" i="5" s="1"/>
  <c r="M2562" i="2"/>
  <c r="M2536" i="5" s="1"/>
  <c r="P2536" i="5" s="1"/>
  <c r="L2893" i="2"/>
  <c r="L2867" i="5" s="1"/>
  <c r="M2893" i="2"/>
  <c r="M2867" i="5" s="1"/>
  <c r="P2867" i="5" s="1"/>
  <c r="M2904" i="2"/>
  <c r="M2878" i="5" s="1"/>
  <c r="P2878" i="5" s="1"/>
  <c r="K2904" i="2"/>
  <c r="K2878" i="5" s="1"/>
  <c r="L2904" i="2"/>
  <c r="L2878" i="5" s="1"/>
  <c r="M2762" i="2"/>
  <c r="M2736" i="5" s="1"/>
  <c r="P2736" i="5" s="1"/>
  <c r="L7504" i="2"/>
  <c r="L7478" i="5" s="1"/>
  <c r="I311" i="2"/>
  <c r="I285" i="5" s="1"/>
  <c r="K311" i="2"/>
  <c r="K285" i="5" s="1"/>
  <c r="O285" i="5" s="1"/>
  <c r="J311" i="2"/>
  <c r="J285" i="5" s="1"/>
  <c r="N285" i="5" s="1"/>
  <c r="M903" i="2"/>
  <c r="M877" i="5" s="1"/>
  <c r="P877" i="5" s="1"/>
  <c r="K903" i="2"/>
  <c r="K877" i="5" s="1"/>
  <c r="I903" i="2"/>
  <c r="I877" i="5" s="1"/>
  <c r="J903" i="2"/>
  <c r="J877" i="5" s="1"/>
  <c r="N877" i="5" s="1"/>
  <c r="L903" i="2"/>
  <c r="L877" i="5" s="1"/>
  <c r="J290" i="2"/>
  <c r="J264" i="5" s="1"/>
  <c r="N264" i="5" s="1"/>
  <c r="K290" i="2"/>
  <c r="K264" i="5" s="1"/>
  <c r="O264" i="5" s="1"/>
  <c r="I290" i="2"/>
  <c r="I264" i="5" s="1"/>
  <c r="I2229" i="2"/>
  <c r="I2203" i="5" s="1"/>
  <c r="K2229" i="2"/>
  <c r="K2203" i="5" s="1"/>
  <c r="L2229" i="2"/>
  <c r="L2203" i="5" s="1"/>
  <c r="M2229" i="2"/>
  <c r="M2203" i="5" s="1"/>
  <c r="P2203" i="5" s="1"/>
  <c r="J6464" i="2"/>
  <c r="J6438" i="5" s="1"/>
  <c r="N6438" i="5" s="1"/>
  <c r="J4159" i="2"/>
  <c r="J4133" i="5" s="1"/>
  <c r="N4133" i="5" s="1"/>
  <c r="L4159" i="2"/>
  <c r="L4133" i="5" s="1"/>
  <c r="I4159" i="2"/>
  <c r="I4133" i="5" s="1"/>
  <c r="M4159" i="2"/>
  <c r="M4133" i="5" s="1"/>
  <c r="P4133" i="5" s="1"/>
  <c r="K4159" i="2"/>
  <c r="K4133" i="5" s="1"/>
  <c r="L487" i="2"/>
  <c r="L461" i="5" s="1"/>
  <c r="M487" i="2"/>
  <c r="M461" i="5" s="1"/>
  <c r="P461" i="5" s="1"/>
  <c r="J487" i="2"/>
  <c r="J461" i="5" s="1"/>
  <c r="N461" i="5" s="1"/>
  <c r="J2922" i="2"/>
  <c r="J2896" i="5" s="1"/>
  <c r="N2896" i="5" s="1"/>
  <c r="L2922" i="2"/>
  <c r="L2896" i="5" s="1"/>
  <c r="K3445" i="2"/>
  <c r="K3419" i="5" s="1"/>
  <c r="L3445" i="2"/>
  <c r="L3419" i="5" s="1"/>
  <c r="J3445" i="2"/>
  <c r="J3419" i="5" s="1"/>
  <c r="N3419" i="5" s="1"/>
  <c r="I3445" i="2"/>
  <c r="I3419" i="5" s="1"/>
  <c r="M1599" i="2"/>
  <c r="M1573" i="5" s="1"/>
  <c r="P1573" i="5" s="1"/>
  <c r="I1599" i="2"/>
  <c r="I1573" i="5" s="1"/>
  <c r="K1599" i="2"/>
  <c r="K1573" i="5" s="1"/>
  <c r="L1599" i="2"/>
  <c r="L1573" i="5" s="1"/>
  <c r="J1599" i="2"/>
  <c r="J1573" i="5" s="1"/>
  <c r="N1573" i="5" s="1"/>
  <c r="J2945" i="2"/>
  <c r="J2919" i="5" s="1"/>
  <c r="N2919" i="5" s="1"/>
  <c r="M2945" i="2"/>
  <c r="M2919" i="5" s="1"/>
  <c r="P2919" i="5" s="1"/>
  <c r="K1084" i="2"/>
  <c r="K1058" i="5" s="1"/>
  <c r="O1058" i="5" s="1"/>
  <c r="J1084" i="2"/>
  <c r="J1058" i="5" s="1"/>
  <c r="N1058" i="5" s="1"/>
  <c r="M1084" i="2"/>
  <c r="M1058" i="5" s="1"/>
  <c r="P1058" i="5" s="1"/>
  <c r="K5835" i="2"/>
  <c r="K5809" i="5" s="1"/>
  <c r="O5809" i="5" s="1"/>
  <c r="J3598" i="2"/>
  <c r="J3572" i="5" s="1"/>
  <c r="N3572" i="5" s="1"/>
  <c r="L3598" i="2"/>
  <c r="L3572" i="5" s="1"/>
  <c r="I4464" i="2"/>
  <c r="I4438" i="5" s="1"/>
  <c r="K4464" i="2"/>
  <c r="K4438" i="5" s="1"/>
  <c r="J4464" i="2"/>
  <c r="J4438" i="5" s="1"/>
  <c r="N4438" i="5" s="1"/>
  <c r="M4464" i="2"/>
  <c r="M4438" i="5" s="1"/>
  <c r="P4438" i="5" s="1"/>
  <c r="L4464" i="2"/>
  <c r="L4438" i="5" s="1"/>
  <c r="M8662" i="2"/>
  <c r="M8636" i="5" s="1"/>
  <c r="P8636" i="5" s="1"/>
  <c r="L8662" i="2"/>
  <c r="L8636" i="5" s="1"/>
  <c r="D180" i="5"/>
  <c r="AR174" i="1"/>
  <c r="M6266" i="2"/>
  <c r="M6240" i="5" s="1"/>
  <c r="P6240" i="5" s="1"/>
  <c r="J6266" i="2"/>
  <c r="J6240" i="5" s="1"/>
  <c r="N6240" i="5" s="1"/>
  <c r="I6266" i="2"/>
  <c r="I6240" i="5" s="1"/>
  <c r="K6266" i="2"/>
  <c r="K6240" i="5" s="1"/>
  <c r="M916" i="2"/>
  <c r="M890" i="5" s="1"/>
  <c r="P890" i="5" s="1"/>
  <c r="K916" i="2"/>
  <c r="K890" i="5" s="1"/>
  <c r="I916" i="2"/>
  <c r="I890" i="5" s="1"/>
  <c r="J916" i="2"/>
  <c r="J890" i="5" s="1"/>
  <c r="N890" i="5" s="1"/>
  <c r="L916" i="2"/>
  <c r="L890" i="5" s="1"/>
  <c r="J4503" i="2"/>
  <c r="J4477" i="5" s="1"/>
  <c r="N4477" i="5" s="1"/>
  <c r="K5139" i="2"/>
  <c r="K5113" i="5" s="1"/>
  <c r="O5113" i="5" s="1"/>
  <c r="J5139" i="2"/>
  <c r="J5113" i="5" s="1"/>
  <c r="L8499" i="2"/>
  <c r="L8473" i="5" s="1"/>
  <c r="J8499" i="2"/>
  <c r="J8473" i="5" s="1"/>
  <c r="K8499" i="2"/>
  <c r="K8473" i="5" s="1"/>
  <c r="I5994" i="2"/>
  <c r="I5968" i="5" s="1"/>
  <c r="K5994" i="2"/>
  <c r="K5968" i="5" s="1"/>
  <c r="O5968" i="5" s="1"/>
  <c r="M5521" i="2"/>
  <c r="M5495" i="5" s="1"/>
  <c r="P5495" i="5" s="1"/>
  <c r="I5521" i="2"/>
  <c r="I5495" i="5" s="1"/>
  <c r="K5521" i="2"/>
  <c r="K5495" i="5" s="1"/>
  <c r="O5495" i="5" s="1"/>
  <c r="J4277" i="2"/>
  <c r="J4251" i="5" s="1"/>
  <c r="N4251" i="5" s="1"/>
  <c r="L4277" i="2"/>
  <c r="L4251" i="5" s="1"/>
  <c r="J2645" i="2"/>
  <c r="J2619" i="5" s="1"/>
  <c r="N2619" i="5" s="1"/>
  <c r="L2645" i="2"/>
  <c r="L2619" i="5" s="1"/>
  <c r="L3111" i="2"/>
  <c r="L3085" i="5" s="1"/>
  <c r="K3111" i="2"/>
  <c r="K3085" i="5" s="1"/>
  <c r="J3111" i="2"/>
  <c r="J3085" i="5" s="1"/>
  <c r="N3085" i="5" s="1"/>
  <c r="K7177" i="2"/>
  <c r="K7151" i="5" s="1"/>
  <c r="I7177" i="2"/>
  <c r="I7151" i="5" s="1"/>
  <c r="L7177" i="2"/>
  <c r="L7151" i="5" s="1"/>
  <c r="I4626" i="2"/>
  <c r="I4600" i="5" s="1"/>
  <c r="J4626" i="2"/>
  <c r="J4600" i="5" s="1"/>
  <c r="N4600" i="5" s="1"/>
  <c r="L4626" i="2"/>
  <c r="L4600" i="5" s="1"/>
  <c r="K4626" i="2"/>
  <c r="K4600" i="5" s="1"/>
  <c r="L7128" i="2"/>
  <c r="L7102" i="5" s="1"/>
  <c r="I7128" i="2"/>
  <c r="I7102" i="5" s="1"/>
  <c r="L1405" i="2"/>
  <c r="L1379" i="5" s="1"/>
  <c r="K1405" i="2"/>
  <c r="K1379" i="5" s="1"/>
  <c r="L461" i="2"/>
  <c r="L435" i="5" s="1"/>
  <c r="K461" i="2"/>
  <c r="K435" i="5" s="1"/>
  <c r="J461" i="2"/>
  <c r="J435" i="5" s="1"/>
  <c r="N435" i="5" s="1"/>
  <c r="I461" i="2"/>
  <c r="I435" i="5" s="1"/>
  <c r="L6673" i="2"/>
  <c r="L6647" i="5" s="1"/>
  <c r="I1098" i="2"/>
  <c r="I1072" i="5" s="1"/>
  <c r="K1098" i="2"/>
  <c r="K1072" i="5" s="1"/>
  <c r="L1098" i="2"/>
  <c r="L1072" i="5" s="1"/>
  <c r="J4482" i="2"/>
  <c r="J4456" i="5" s="1"/>
  <c r="N4456" i="5" s="1"/>
  <c r="L4482" i="2"/>
  <c r="L4456" i="5" s="1"/>
  <c r="I4482" i="2"/>
  <c r="I4456" i="5" s="1"/>
  <c r="K4482" i="2"/>
  <c r="K4456" i="5" s="1"/>
  <c r="M4482" i="2"/>
  <c r="M4456" i="5" s="1"/>
  <c r="P4456" i="5" s="1"/>
  <c r="M638" i="2"/>
  <c r="M612" i="5" s="1"/>
  <c r="P612" i="5" s="1"/>
  <c r="J638" i="2"/>
  <c r="J612" i="5" s="1"/>
  <c r="N612" i="5" s="1"/>
  <c r="I5831" i="2"/>
  <c r="I5805" i="5" s="1"/>
  <c r="M5831" i="2"/>
  <c r="M5805" i="5" s="1"/>
  <c r="P5805" i="5" s="1"/>
  <c r="K5831" i="2"/>
  <c r="K5805" i="5" s="1"/>
  <c r="L5831" i="2"/>
  <c r="L5805" i="5" s="1"/>
  <c r="K8464" i="2"/>
  <c r="K8438" i="5" s="1"/>
  <c r="L404" i="2"/>
  <c r="L378" i="5" s="1"/>
  <c r="J404" i="2"/>
  <c r="J378" i="5" s="1"/>
  <c r="N378" i="5" s="1"/>
  <c r="K404" i="2"/>
  <c r="K378" i="5" s="1"/>
  <c r="I5769" i="2"/>
  <c r="I5743" i="5" s="1"/>
  <c r="J5769" i="2"/>
  <c r="J5743" i="5" s="1"/>
  <c r="L5769" i="2"/>
  <c r="L5743" i="5" s="1"/>
  <c r="K5769" i="2"/>
  <c r="K5743" i="5" s="1"/>
  <c r="L3325" i="2"/>
  <c r="L3299" i="5" s="1"/>
  <c r="I7273" i="2"/>
  <c r="I7247" i="5" s="1"/>
  <c r="I273" i="2"/>
  <c r="I247" i="5" s="1"/>
  <c r="M6146" i="2"/>
  <c r="M6120" i="5" s="1"/>
  <c r="P6120" i="5" s="1"/>
  <c r="K8009" i="2"/>
  <c r="K7983" i="5" s="1"/>
  <c r="O7983" i="5" s="1"/>
  <c r="L110" i="2"/>
  <c r="L84" i="5" s="1"/>
  <c r="M891" i="2"/>
  <c r="M865" i="5" s="1"/>
  <c r="P865" i="5" s="1"/>
  <c r="K5619" i="2"/>
  <c r="K5593" i="5" s="1"/>
  <c r="I6427" i="2"/>
  <c r="I6401" i="5" s="1"/>
  <c r="L7845" i="2"/>
  <c r="L7819" i="5" s="1"/>
  <c r="M1098" i="2"/>
  <c r="M1072" i="5" s="1"/>
  <c r="P1072" i="5" s="1"/>
  <c r="K273" i="2"/>
  <c r="K247" i="5" s="1"/>
  <c r="O247" i="5" s="1"/>
  <c r="J6146" i="2"/>
  <c r="J6120" i="5" s="1"/>
  <c r="N6120" i="5" s="1"/>
  <c r="L3767" i="2"/>
  <c r="L3741" i="5" s="1"/>
  <c r="I131" i="2"/>
  <c r="I105" i="5" s="1"/>
  <c r="J6308" i="2"/>
  <c r="J6282" i="5" s="1"/>
  <c r="N6282" i="5" s="1"/>
  <c r="J5018" i="2"/>
  <c r="J4992" i="5" s="1"/>
  <c r="N4992" i="5" s="1"/>
  <c r="L6680" i="2"/>
  <c r="L6654" i="5" s="1"/>
  <c r="K110" i="2"/>
  <c r="K84" i="5" s="1"/>
  <c r="J6656" i="2"/>
  <c r="J6630" i="5" s="1"/>
  <c r="N6630" i="5" s="1"/>
  <c r="L891" i="2"/>
  <c r="L865" i="5" s="1"/>
  <c r="I2234" i="2"/>
  <c r="I2208" i="5" s="1"/>
  <c r="I602" i="2"/>
  <c r="I576" i="5" s="1"/>
  <c r="I5619" i="2"/>
  <c r="I5593" i="5" s="1"/>
  <c r="M6427" i="2"/>
  <c r="M6401" i="5" s="1"/>
  <c r="P6401" i="5" s="1"/>
  <c r="J5778" i="2"/>
  <c r="J5752" i="5" s="1"/>
  <c r="N5752" i="5" s="1"/>
  <c r="L8314" i="2"/>
  <c r="L8288" i="5" s="1"/>
  <c r="J1098" i="2"/>
  <c r="J1072" i="5" s="1"/>
  <c r="N1072" i="5" s="1"/>
  <c r="J273" i="2"/>
  <c r="J247" i="5" s="1"/>
  <c r="N247" i="5" s="1"/>
  <c r="J1248" i="2"/>
  <c r="J1222" i="5" s="1"/>
  <c r="L5820" i="2"/>
  <c r="L5794" i="5" s="1"/>
  <c r="I1081" i="2"/>
  <c r="I1055" i="5" s="1"/>
  <c r="L5782" i="2"/>
  <c r="L5756" i="5" s="1"/>
  <c r="L131" i="2"/>
  <c r="L105" i="5" s="1"/>
  <c r="M5994" i="2"/>
  <c r="M5968" i="5" s="1"/>
  <c r="P5968" i="5" s="1"/>
  <c r="M6680" i="2"/>
  <c r="M6654" i="5" s="1"/>
  <c r="P6654" i="5" s="1"/>
  <c r="K602" i="2"/>
  <c r="K576" i="5" s="1"/>
  <c r="O576" i="5" s="1"/>
  <c r="K6427" i="2"/>
  <c r="K6401" i="5" s="1"/>
  <c r="O6401" i="5" s="1"/>
  <c r="K1630" i="2"/>
  <c r="K1604" i="5" s="1"/>
  <c r="K3598" i="2"/>
  <c r="K3572" i="5" s="1"/>
  <c r="M7144" i="2"/>
  <c r="M7118" i="5" s="1"/>
  <c r="P7118" i="5" s="1"/>
  <c r="M1081" i="2"/>
  <c r="M1055" i="5" s="1"/>
  <c r="P1055" i="5" s="1"/>
  <c r="M8008" i="2"/>
  <c r="M7982" i="5" s="1"/>
  <c r="P7982" i="5" s="1"/>
  <c r="I7821" i="2"/>
  <c r="I7795" i="5" s="1"/>
  <c r="K7821" i="2"/>
  <c r="K7795" i="5" s="1"/>
  <c r="L7192" i="2"/>
  <c r="L7166" i="5" s="1"/>
  <c r="M7192" i="2"/>
  <c r="M7166" i="5" s="1"/>
  <c r="P7166" i="5" s="1"/>
  <c r="M6366" i="2"/>
  <c r="M6340" i="5" s="1"/>
  <c r="P6340" i="5" s="1"/>
  <c r="K6366" i="2"/>
  <c r="K6340" i="5" s="1"/>
  <c r="J6366" i="2"/>
  <c r="J6340" i="5" s="1"/>
  <c r="N6340" i="5" s="1"/>
  <c r="J5435" i="2"/>
  <c r="J5409" i="5" s="1"/>
  <c r="K5658" i="2"/>
  <c r="K5632" i="5" s="1"/>
  <c r="L8012" i="2"/>
  <c r="L7986" i="5" s="1"/>
  <c r="M8012" i="2"/>
  <c r="M7986" i="5" s="1"/>
  <c r="P7986" i="5" s="1"/>
  <c r="J8012" i="2"/>
  <c r="J7986" i="5" s="1"/>
  <c r="N7986" i="5" s="1"/>
  <c r="I7445" i="2"/>
  <c r="I7419" i="5" s="1"/>
  <c r="M7445" i="2"/>
  <c r="M7419" i="5" s="1"/>
  <c r="P7419" i="5" s="1"/>
  <c r="J7445" i="2"/>
  <c r="J7419" i="5" s="1"/>
  <c r="L7445" i="2"/>
  <c r="L7419" i="5" s="1"/>
  <c r="L38" i="2"/>
  <c r="L12" i="5" s="1"/>
  <c r="L6870" i="2"/>
  <c r="L6844" i="5" s="1"/>
  <c r="K6870" i="2"/>
  <c r="K6844" i="5" s="1"/>
  <c r="I3757" i="2"/>
  <c r="I3731" i="5" s="1"/>
  <c r="K3757" i="2"/>
  <c r="K3731" i="5" s="1"/>
  <c r="M1325" i="2"/>
  <c r="M1299" i="5" s="1"/>
  <c r="P1299" i="5" s="1"/>
  <c r="I1325" i="2"/>
  <c r="I1299" i="5" s="1"/>
  <c r="L1325" i="2"/>
  <c r="L1299" i="5" s="1"/>
  <c r="I1307" i="2"/>
  <c r="I1281" i="5" s="1"/>
  <c r="M4946" i="2"/>
  <c r="M4920" i="5" s="1"/>
  <c r="P4920" i="5" s="1"/>
  <c r="I4946" i="2"/>
  <c r="I4920" i="5" s="1"/>
  <c r="M1422" i="2"/>
  <c r="M1396" i="5" s="1"/>
  <c r="P1396" i="5" s="1"/>
  <c r="I1422" i="2"/>
  <c r="I1396" i="5" s="1"/>
  <c r="K1422" i="2"/>
  <c r="K1396" i="5" s="1"/>
  <c r="O1396" i="5" s="1"/>
  <c r="J4645" i="2"/>
  <c r="J4619" i="5" s="1"/>
  <c r="N4619" i="5" s="1"/>
  <c r="L4645" i="2"/>
  <c r="L4619" i="5" s="1"/>
  <c r="I4645" i="2"/>
  <c r="I4619" i="5" s="1"/>
  <c r="K4645" i="2"/>
  <c r="K4619" i="5" s="1"/>
  <c r="L2155" i="2"/>
  <c r="L2129" i="5" s="1"/>
  <c r="M7975" i="2"/>
  <c r="M7949" i="5" s="1"/>
  <c r="P7949" i="5" s="1"/>
  <c r="J7975" i="2"/>
  <c r="J7949" i="5" s="1"/>
  <c r="N7949" i="5" s="1"/>
  <c r="I7975" i="2"/>
  <c r="I7949" i="5" s="1"/>
  <c r="L7975" i="2"/>
  <c r="L7949" i="5" s="1"/>
  <c r="K4444" i="2"/>
  <c r="K4418" i="5" s="1"/>
  <c r="M5104" i="2"/>
  <c r="M5078" i="5" s="1"/>
  <c r="P5078" i="5" s="1"/>
  <c r="L5104" i="2"/>
  <c r="L5078" i="5" s="1"/>
  <c r="I5104" i="2"/>
  <c r="I5078" i="5" s="1"/>
  <c r="K5104" i="2"/>
  <c r="K5078" i="5" s="1"/>
  <c r="J5104" i="2"/>
  <c r="J5078" i="5" s="1"/>
  <c r="L5818" i="2"/>
  <c r="L5792" i="5" s="1"/>
  <c r="I6317" i="2"/>
  <c r="I6291" i="5" s="1"/>
  <c r="L6317" i="2"/>
  <c r="L6291" i="5" s="1"/>
  <c r="K6317" i="2"/>
  <c r="K6291" i="5" s="1"/>
  <c r="I8495" i="2"/>
  <c r="I8469" i="5" s="1"/>
  <c r="M8495" i="2"/>
  <c r="M8469" i="5" s="1"/>
  <c r="P8469" i="5" s="1"/>
  <c r="K8495" i="2"/>
  <c r="K8469" i="5" s="1"/>
  <c r="L2592" i="2"/>
  <c r="L2566" i="5" s="1"/>
  <c r="I2592" i="2"/>
  <c r="I2566" i="5" s="1"/>
  <c r="K2592" i="2"/>
  <c r="K2566" i="5" s="1"/>
  <c r="L2425" i="2"/>
  <c r="L2399" i="5" s="1"/>
  <c r="K5334" i="2"/>
  <c r="K5308" i="5" s="1"/>
  <c r="J5334" i="2"/>
  <c r="J5308" i="5" s="1"/>
  <c r="N5308" i="5" s="1"/>
  <c r="L5334" i="2"/>
  <c r="L5308" i="5" s="1"/>
  <c r="I5334" i="2"/>
  <c r="I5308" i="5" s="1"/>
  <c r="L645" i="2"/>
  <c r="L619" i="5" s="1"/>
  <c r="K8447" i="2"/>
  <c r="K8421" i="5" s="1"/>
  <c r="L8447" i="2"/>
  <c r="L8421" i="5" s="1"/>
  <c r="K8182" i="2"/>
  <c r="K8156" i="5" s="1"/>
  <c r="O8156" i="5" s="1"/>
  <c r="J8182" i="2"/>
  <c r="J8156" i="5" s="1"/>
  <c r="K2834" i="2"/>
  <c r="K2808" i="5" s="1"/>
  <c r="I4603" i="2"/>
  <c r="I4577" i="5" s="1"/>
  <c r="L4603" i="2"/>
  <c r="L4577" i="5" s="1"/>
  <c r="M4603" i="2"/>
  <c r="M4577" i="5" s="1"/>
  <c r="P4577" i="5" s="1"/>
  <c r="L5251" i="2"/>
  <c r="L5225" i="5" s="1"/>
  <c r="M5251" i="2"/>
  <c r="M5225" i="5" s="1"/>
  <c r="P5225" i="5" s="1"/>
  <c r="K5251" i="2"/>
  <c r="K5225" i="5" s="1"/>
  <c r="J1077" i="2"/>
  <c r="J1051" i="5" s="1"/>
  <c r="N1051" i="5" s="1"/>
  <c r="M1077" i="2"/>
  <c r="M1051" i="5" s="1"/>
  <c r="P1051" i="5" s="1"/>
  <c r="L1077" i="2"/>
  <c r="L1051" i="5" s="1"/>
  <c r="I1077" i="2"/>
  <c r="I1051" i="5" s="1"/>
  <c r="K1077" i="2"/>
  <c r="K1051" i="5" s="1"/>
  <c r="L6440" i="2"/>
  <c r="L6414" i="5" s="1"/>
  <c r="J6440" i="2"/>
  <c r="J6414" i="5" s="1"/>
  <c r="N6414" i="5" s="1"/>
  <c r="M6440" i="2"/>
  <c r="M6414" i="5" s="1"/>
  <c r="P6414" i="5" s="1"/>
  <c r="I7875" i="2"/>
  <c r="I7849" i="5" s="1"/>
  <c r="M7875" i="2"/>
  <c r="M7849" i="5" s="1"/>
  <c r="P7849" i="5" s="1"/>
  <c r="K7875" i="2"/>
  <c r="K7849" i="5" s="1"/>
  <c r="O7849" i="5" s="1"/>
  <c r="K4592" i="2"/>
  <c r="K4566" i="5" s="1"/>
  <c r="L4592" i="2"/>
  <c r="L4566" i="5" s="1"/>
  <c r="M7777" i="2"/>
  <c r="M7751" i="5" s="1"/>
  <c r="P7751" i="5" s="1"/>
  <c r="L1058" i="2"/>
  <c r="L1032" i="5" s="1"/>
  <c r="J1058" i="2"/>
  <c r="J1032" i="5" s="1"/>
  <c r="N1032" i="5" s="1"/>
  <c r="I1058" i="2"/>
  <c r="I1032" i="5" s="1"/>
  <c r="K1058" i="2"/>
  <c r="K1032" i="5" s="1"/>
  <c r="M3507" i="2"/>
  <c r="M3481" i="5" s="1"/>
  <c r="P3481" i="5" s="1"/>
  <c r="L797" i="2"/>
  <c r="L771" i="5" s="1"/>
  <c r="I797" i="2"/>
  <c r="I771" i="5" s="1"/>
  <c r="K797" i="2"/>
  <c r="K771" i="5" s="1"/>
  <c r="K5925" i="2"/>
  <c r="K5899" i="5" s="1"/>
  <c r="J5925" i="2"/>
  <c r="J5899" i="5" s="1"/>
  <c r="N5899" i="5" s="1"/>
  <c r="L5925" i="2"/>
  <c r="L5899" i="5" s="1"/>
  <c r="M5925" i="2"/>
  <c r="M5899" i="5" s="1"/>
  <c r="P5899" i="5" s="1"/>
  <c r="I5925" i="2"/>
  <c r="I5899" i="5" s="1"/>
  <c r="J3161" i="2"/>
  <c r="J3135" i="5" s="1"/>
  <c r="N3135" i="5" s="1"/>
  <c r="I3161" i="2"/>
  <c r="I3135" i="5" s="1"/>
  <c r="J555" i="2"/>
  <c r="J529" i="5" s="1"/>
  <c r="N529" i="5" s="1"/>
  <c r="L417" i="2"/>
  <c r="L391" i="5" s="1"/>
  <c r="J1301" i="2"/>
  <c r="J1275" i="5" s="1"/>
  <c r="N1275" i="5" s="1"/>
  <c r="I1301" i="2"/>
  <c r="I1275" i="5" s="1"/>
  <c r="K1301" i="2"/>
  <c r="K1275" i="5" s="1"/>
  <c r="L1301" i="2"/>
  <c r="L1275" i="5" s="1"/>
  <c r="M1301" i="2"/>
  <c r="M1275" i="5" s="1"/>
  <c r="P1275" i="5" s="1"/>
  <c r="K3956" i="2"/>
  <c r="K3930" i="5" s="1"/>
  <c r="K4624" i="2"/>
  <c r="K4598" i="5" s="1"/>
  <c r="J8128" i="2"/>
  <c r="J8102" i="5" s="1"/>
  <c r="N8102" i="5" s="1"/>
  <c r="L4251" i="2"/>
  <c r="L4225" i="5" s="1"/>
  <c r="I4251" i="2"/>
  <c r="I4225" i="5" s="1"/>
  <c r="M1787" i="2"/>
  <c r="M1761" i="5" s="1"/>
  <c r="P1761" i="5" s="1"/>
  <c r="J1787" i="2"/>
  <c r="J1761" i="5" s="1"/>
  <c r="N1761" i="5" s="1"/>
  <c r="M3230" i="2"/>
  <c r="M3204" i="5" s="1"/>
  <c r="P3204" i="5" s="1"/>
  <c r="I3987" i="2"/>
  <c r="I3961" i="5" s="1"/>
  <c r="J5827" i="2"/>
  <c r="J5801" i="5" s="1"/>
  <c r="N5801" i="5" s="1"/>
  <c r="I5827" i="2"/>
  <c r="I5801" i="5" s="1"/>
  <c r="M5835" i="2"/>
  <c r="M5809" i="5" s="1"/>
  <c r="P5809" i="5" s="1"/>
  <c r="M8046" i="2"/>
  <c r="M8020" i="5" s="1"/>
  <c r="P8020" i="5" s="1"/>
  <c r="I8046" i="2"/>
  <c r="I8020" i="5" s="1"/>
  <c r="M8350" i="2"/>
  <c r="M8324" i="5" s="1"/>
  <c r="P8324" i="5" s="1"/>
  <c r="J3807" i="2"/>
  <c r="J3781" i="5" s="1"/>
  <c r="L3807" i="2"/>
  <c r="L3781" i="5" s="1"/>
  <c r="L2220" i="2"/>
  <c r="L2194" i="5" s="1"/>
  <c r="K2220" i="2"/>
  <c r="K2194" i="5" s="1"/>
  <c r="K6989" i="2"/>
  <c r="K6963" i="5" s="1"/>
  <c r="M6989" i="2"/>
  <c r="M6963" i="5" s="1"/>
  <c r="P6963" i="5" s="1"/>
  <c r="L6989" i="2"/>
  <c r="L6963" i="5" s="1"/>
  <c r="M1329" i="2"/>
  <c r="M1303" i="5" s="1"/>
  <c r="P1303" i="5" s="1"/>
  <c r="L1329" i="2"/>
  <c r="L1303" i="5" s="1"/>
  <c r="K1329" i="2"/>
  <c r="K1303" i="5" s="1"/>
  <c r="L8004" i="2"/>
  <c r="L7978" i="5" s="1"/>
  <c r="I8004" i="2"/>
  <c r="I7978" i="5" s="1"/>
  <c r="K8004" i="2"/>
  <c r="K7978" i="5" s="1"/>
  <c r="J8004" i="2"/>
  <c r="J7978" i="5" s="1"/>
  <c r="N7978" i="5" s="1"/>
  <c r="M773" i="2"/>
  <c r="M747" i="5" s="1"/>
  <c r="P747" i="5" s="1"/>
  <c r="M7266" i="2"/>
  <c r="M7240" i="5" s="1"/>
  <c r="P7240" i="5" s="1"/>
  <c r="L7266" i="2"/>
  <c r="L7240" i="5" s="1"/>
  <c r="I7266" i="2"/>
  <c r="I7240" i="5" s="1"/>
  <c r="K7266" i="2"/>
  <c r="K7240" i="5" s="1"/>
  <c r="L4989" i="2"/>
  <c r="L4963" i="5" s="1"/>
  <c r="J4989" i="2"/>
  <c r="J4963" i="5" s="1"/>
  <c r="K6008" i="2"/>
  <c r="K5982" i="5" s="1"/>
  <c r="L6008" i="2"/>
  <c r="L5982" i="5" s="1"/>
  <c r="I6008" i="2"/>
  <c r="I5982" i="5" s="1"/>
  <c r="I1065" i="2"/>
  <c r="I1039" i="5" s="1"/>
  <c r="K1065" i="2"/>
  <c r="K1039" i="5" s="1"/>
  <c r="M8713" i="2"/>
  <c r="M8687" i="5" s="1"/>
  <c r="P8687" i="5" s="1"/>
  <c r="L8713" i="2"/>
  <c r="L8687" i="5" s="1"/>
  <c r="I8713" i="2"/>
  <c r="I8687" i="5" s="1"/>
  <c r="K8713" i="2"/>
  <c r="K8687" i="5" s="1"/>
  <c r="M2460" i="2"/>
  <c r="M2434" i="5" s="1"/>
  <c r="P2434" i="5" s="1"/>
  <c r="K2460" i="2"/>
  <c r="K2434" i="5" s="1"/>
  <c r="J2460" i="2"/>
  <c r="J2434" i="5" s="1"/>
  <c r="N2434" i="5" s="1"/>
  <c r="L4463" i="2"/>
  <c r="L4437" i="5" s="1"/>
  <c r="I4463" i="2"/>
  <c r="I4437" i="5" s="1"/>
  <c r="J4463" i="2"/>
  <c r="J4437" i="5" s="1"/>
  <c r="N4437" i="5" s="1"/>
  <c r="M4463" i="2"/>
  <c r="M4437" i="5" s="1"/>
  <c r="P4437" i="5" s="1"/>
  <c r="K4463" i="2"/>
  <c r="K4437" i="5" s="1"/>
  <c r="K8773" i="2"/>
  <c r="K8747" i="5" s="1"/>
  <c r="L8773" i="2"/>
  <c r="L8747" i="5" s="1"/>
  <c r="J8773" i="2"/>
  <c r="J8747" i="5" s="1"/>
  <c r="N8747" i="5" s="1"/>
  <c r="M8773" i="2"/>
  <c r="M8747" i="5" s="1"/>
  <c r="P8747" i="5" s="1"/>
  <c r="I8773" i="2"/>
  <c r="I8747" i="5" s="1"/>
  <c r="J4777" i="2"/>
  <c r="J4751" i="5" s="1"/>
  <c r="N4751" i="5" s="1"/>
  <c r="M4777" i="2"/>
  <c r="M4751" i="5" s="1"/>
  <c r="P4751" i="5" s="1"/>
  <c r="I4777" i="2"/>
  <c r="I4751" i="5" s="1"/>
  <c r="L4777" i="2"/>
  <c r="L4751" i="5" s="1"/>
  <c r="K4777" i="2"/>
  <c r="K4751" i="5" s="1"/>
  <c r="M8175" i="2"/>
  <c r="M8149" i="5" s="1"/>
  <c r="P8149" i="5" s="1"/>
  <c r="K8175" i="2"/>
  <c r="K8149" i="5" s="1"/>
  <c r="J8175" i="2"/>
  <c r="J8149" i="5" s="1"/>
  <c r="N8149" i="5" s="1"/>
  <c r="L8175" i="2"/>
  <c r="L8149" i="5" s="1"/>
  <c r="L1638" i="2"/>
  <c r="L1612" i="5" s="1"/>
  <c r="M6705" i="2"/>
  <c r="M6679" i="5" s="1"/>
  <c r="P6679" i="5" s="1"/>
  <c r="L6705" i="2"/>
  <c r="L6679" i="5" s="1"/>
  <c r="M5827" i="2"/>
  <c r="M5801" i="5" s="1"/>
  <c r="P5801" i="5" s="1"/>
  <c r="I5357" i="2"/>
  <c r="I5331" i="5" s="1"/>
  <c r="K5357" i="2"/>
  <c r="K5331" i="5" s="1"/>
  <c r="J5357" i="2"/>
  <c r="J5331" i="5" s="1"/>
  <c r="N5331" i="5" s="1"/>
  <c r="M5357" i="2"/>
  <c r="M5331" i="5" s="1"/>
  <c r="P5331" i="5" s="1"/>
  <c r="K4001" i="2"/>
  <c r="K3975" i="5" s="1"/>
  <c r="J4001" i="2"/>
  <c r="J3975" i="5" s="1"/>
  <c r="L4001" i="2"/>
  <c r="L3975" i="5" s="1"/>
  <c r="I4336" i="2"/>
  <c r="I4310" i="5" s="1"/>
  <c r="M4336" i="2"/>
  <c r="M4310" i="5" s="1"/>
  <c r="P4310" i="5" s="1"/>
  <c r="J4336" i="2"/>
  <c r="J4310" i="5" s="1"/>
  <c r="N4310" i="5" s="1"/>
  <c r="M8777" i="2"/>
  <c r="M8751" i="5" s="1"/>
  <c r="P8751" i="5" s="1"/>
  <c r="L8777" i="2"/>
  <c r="L8751" i="5" s="1"/>
  <c r="I8777" i="2"/>
  <c r="I8751" i="5" s="1"/>
  <c r="K8777" i="2"/>
  <c r="K8751" i="5" s="1"/>
  <c r="I3138" i="2"/>
  <c r="I3112" i="5" s="1"/>
  <c r="K3138" i="2"/>
  <c r="K3112" i="5" s="1"/>
  <c r="O3112" i="5" s="1"/>
  <c r="J3138" i="2"/>
  <c r="J3112" i="5" s="1"/>
  <c r="N3112" i="5" s="1"/>
  <c r="I3274" i="2"/>
  <c r="I3248" i="5" s="1"/>
  <c r="M3274" i="2"/>
  <c r="M3248" i="5" s="1"/>
  <c r="P3248" i="5" s="1"/>
  <c r="L7829" i="2"/>
  <c r="L7803" i="5" s="1"/>
  <c r="M7829" i="2"/>
  <c r="M7803" i="5" s="1"/>
  <c r="P7803" i="5" s="1"/>
  <c r="K7829" i="2"/>
  <c r="K7803" i="5" s="1"/>
  <c r="J7829" i="2"/>
  <c r="J7803" i="5" s="1"/>
  <c r="N7803" i="5" s="1"/>
  <c r="I3120" i="2"/>
  <c r="I3094" i="5" s="1"/>
  <c r="J4829" i="2"/>
  <c r="J4803" i="5" s="1"/>
  <c r="N4803" i="5" s="1"/>
  <c r="J3311" i="2"/>
  <c r="J3285" i="5" s="1"/>
  <c r="N3285" i="5" s="1"/>
  <c r="I3311" i="2"/>
  <c r="I3285" i="5" s="1"/>
  <c r="D26" i="5"/>
  <c r="AR20" i="1"/>
  <c r="I422" i="2"/>
  <c r="I396" i="5" s="1"/>
  <c r="K422" i="2"/>
  <c r="K396" i="5" s="1"/>
  <c r="J4089" i="2"/>
  <c r="J4063" i="5" s="1"/>
  <c r="N4063" i="5" s="1"/>
  <c r="M4089" i="2"/>
  <c r="M4063" i="5" s="1"/>
  <c r="P4063" i="5" s="1"/>
  <c r="L4089" i="2"/>
  <c r="L4063" i="5" s="1"/>
  <c r="M2153" i="2"/>
  <c r="M2127" i="5" s="1"/>
  <c r="P2127" i="5" s="1"/>
  <c r="I3756" i="2"/>
  <c r="I3730" i="5" s="1"/>
  <c r="K3756" i="2"/>
  <c r="K3730" i="5" s="1"/>
  <c r="O3730" i="5" s="1"/>
  <c r="I4155" i="2"/>
  <c r="I4129" i="5" s="1"/>
  <c r="J1894" i="2"/>
  <c r="J1868" i="5" s="1"/>
  <c r="N1868" i="5" s="1"/>
  <c r="M1894" i="2"/>
  <c r="M1868" i="5" s="1"/>
  <c r="P1868" i="5" s="1"/>
  <c r="I1894" i="2"/>
  <c r="I1868" i="5" s="1"/>
  <c r="L1894" i="2"/>
  <c r="L1868" i="5" s="1"/>
  <c r="K1894" i="2"/>
  <c r="K1868" i="5" s="1"/>
  <c r="M3591" i="2"/>
  <c r="M3565" i="5" s="1"/>
  <c r="P3565" i="5" s="1"/>
  <c r="L3591" i="2"/>
  <c r="L3565" i="5" s="1"/>
  <c r="I3591" i="2"/>
  <c r="I3565" i="5" s="1"/>
  <c r="K3591" i="2"/>
  <c r="K3565" i="5" s="1"/>
  <c r="K8608" i="2"/>
  <c r="K8582" i="5" s="1"/>
  <c r="L8608" i="2"/>
  <c r="L8582" i="5" s="1"/>
  <c r="M8608" i="2"/>
  <c r="M8582" i="5" s="1"/>
  <c r="P8582" i="5" s="1"/>
  <c r="J8608" i="2"/>
  <c r="J8582" i="5" s="1"/>
  <c r="N8582" i="5" s="1"/>
  <c r="I8608" i="2"/>
  <c r="I8582" i="5" s="1"/>
  <c r="M4959" i="2"/>
  <c r="M4933" i="5" s="1"/>
  <c r="P4933" i="5" s="1"/>
  <c r="J4959" i="2"/>
  <c r="J4933" i="5" s="1"/>
  <c r="N4933" i="5" s="1"/>
  <c r="L4959" i="2"/>
  <c r="L4933" i="5" s="1"/>
  <c r="I4959" i="2"/>
  <c r="I4933" i="5" s="1"/>
  <c r="K4959" i="2"/>
  <c r="K4933" i="5" s="1"/>
  <c r="J8713" i="2"/>
  <c r="J8687" i="5" s="1"/>
  <c r="N8687" i="5" s="1"/>
  <c r="L5313" i="2"/>
  <c r="L5287" i="5" s="1"/>
  <c r="I6503" i="2"/>
  <c r="I6477" i="5" s="1"/>
  <c r="I5835" i="2"/>
  <c r="I5809" i="5" s="1"/>
  <c r="M7821" i="2"/>
  <c r="M7795" i="5" s="1"/>
  <c r="P7795" i="5" s="1"/>
  <c r="K4830" i="2"/>
  <c r="K4804" i="5" s="1"/>
  <c r="I4950" i="2"/>
  <c r="I4924" i="5" s="1"/>
  <c r="M4337" i="2"/>
  <c r="M4311" i="5" s="1"/>
  <c r="P4311" i="5" s="1"/>
  <c r="L4472" i="2"/>
  <c r="L4446" i="5" s="1"/>
  <c r="K4818" i="2"/>
  <c r="K4792" i="5" s="1"/>
  <c r="O4792" i="5" s="1"/>
  <c r="J6503" i="2"/>
  <c r="J6477" i="5" s="1"/>
  <c r="N6477" i="5" s="1"/>
  <c r="K4822" i="2"/>
  <c r="K4796" i="5" s="1"/>
  <c r="O4796" i="5" s="1"/>
  <c r="L4830" i="2"/>
  <c r="L4804" i="5" s="1"/>
  <c r="M4950" i="2"/>
  <c r="M4924" i="5" s="1"/>
  <c r="P4924" i="5" s="1"/>
  <c r="I4472" i="2"/>
  <c r="I4446" i="5" s="1"/>
  <c r="I4818" i="2"/>
  <c r="I4792" i="5" s="1"/>
  <c r="I6704" i="2"/>
  <c r="I6678" i="5" s="1"/>
  <c r="J128" i="2"/>
  <c r="J102" i="5" s="1"/>
  <c r="N102" i="5" s="1"/>
  <c r="I4822" i="2"/>
  <c r="I4796" i="5" s="1"/>
  <c r="I555" i="2"/>
  <c r="I529" i="5" s="1"/>
  <c r="M797" i="2"/>
  <c r="M771" i="5" s="1"/>
  <c r="P771" i="5" s="1"/>
  <c r="J3675" i="2"/>
  <c r="J3649" i="5" s="1"/>
  <c r="N3649" i="5" s="1"/>
  <c r="K6440" i="2"/>
  <c r="K6414" i="5" s="1"/>
  <c r="K4578" i="2"/>
  <c r="K4552" i="5" s="1"/>
  <c r="O4552" i="5" s="1"/>
  <c r="J4950" i="2"/>
  <c r="J4924" i="5" s="1"/>
  <c r="N4924" i="5" s="1"/>
  <c r="K3006" i="2"/>
  <c r="K2980" i="5" s="1"/>
  <c r="M555" i="2"/>
  <c r="M529" i="5" s="1"/>
  <c r="P529" i="5" s="1"/>
  <c r="J797" i="2"/>
  <c r="J771" i="5" s="1"/>
  <c r="N771" i="5" s="1"/>
  <c r="K3675" i="2"/>
  <c r="K3649" i="5" s="1"/>
  <c r="O3649" i="5" s="1"/>
  <c r="I4578" i="2"/>
  <c r="I4552" i="5" s="1"/>
  <c r="M3134" i="2"/>
  <c r="M3108" i="5" s="1"/>
  <c r="P3108" i="5" s="1"/>
  <c r="L3134" i="2"/>
  <c r="L3108" i="5" s="1"/>
  <c r="M2273" i="2"/>
  <c r="M2247" i="5" s="1"/>
  <c r="P2247" i="5" s="1"/>
  <c r="I2273" i="2"/>
  <c r="I2247" i="5" s="1"/>
  <c r="I7775" i="2"/>
  <c r="I7749" i="5" s="1"/>
  <c r="I8455" i="2"/>
  <c r="I8429" i="5" s="1"/>
  <c r="M8455" i="2"/>
  <c r="M8429" i="5" s="1"/>
  <c r="P8429" i="5" s="1"/>
  <c r="I5638" i="2"/>
  <c r="I5612" i="5" s="1"/>
  <c r="K5638" i="2"/>
  <c r="K5612" i="5" s="1"/>
  <c r="J5638" i="2"/>
  <c r="J5612" i="5" s="1"/>
  <c r="N5612" i="5" s="1"/>
  <c r="J1049" i="2"/>
  <c r="J1023" i="5" s="1"/>
  <c r="N1023" i="5" s="1"/>
  <c r="M1049" i="2"/>
  <c r="M1023" i="5" s="1"/>
  <c r="P1023" i="5" s="1"/>
  <c r="L6260" i="2"/>
  <c r="L6234" i="5" s="1"/>
  <c r="M3493" i="2"/>
  <c r="M3467" i="5" s="1"/>
  <c r="P3467" i="5" s="1"/>
  <c r="L3493" i="2"/>
  <c r="L3467" i="5" s="1"/>
  <c r="I3493" i="2"/>
  <c r="I3467" i="5" s="1"/>
  <c r="J3848" i="2"/>
  <c r="J3822" i="5" s="1"/>
  <c r="N3822" i="5" s="1"/>
  <c r="L3848" i="2"/>
  <c r="L3822" i="5" s="1"/>
  <c r="M3848" i="2"/>
  <c r="M3822" i="5" s="1"/>
  <c r="P3822" i="5" s="1"/>
  <c r="I3848" i="2"/>
  <c r="I3822" i="5" s="1"/>
  <c r="K3848" i="2"/>
  <c r="K3822" i="5" s="1"/>
  <c r="M6257" i="2"/>
  <c r="M6231" i="5" s="1"/>
  <c r="P6231" i="5" s="1"/>
  <c r="M1054" i="2"/>
  <c r="M1028" i="5" s="1"/>
  <c r="P1028" i="5" s="1"/>
  <c r="I1054" i="2"/>
  <c r="I1028" i="5" s="1"/>
  <c r="K1054" i="2"/>
  <c r="K1028" i="5" s="1"/>
  <c r="L1054" i="2"/>
  <c r="L1028" i="5" s="1"/>
  <c r="K7786" i="2"/>
  <c r="K7760" i="5" s="1"/>
  <c r="L7786" i="2"/>
  <c r="L7760" i="5" s="1"/>
  <c r="I7786" i="2"/>
  <c r="I7760" i="5" s="1"/>
  <c r="L7310" i="2"/>
  <c r="L7284" i="5" s="1"/>
  <c r="I3467" i="2"/>
  <c r="I3441" i="5" s="1"/>
  <c r="J3467" i="2"/>
  <c r="J3441" i="5" s="1"/>
  <c r="N3441" i="5" s="1"/>
  <c r="L3467" i="2"/>
  <c r="L3441" i="5" s="1"/>
  <c r="K3467" i="2"/>
  <c r="K3441" i="5" s="1"/>
  <c r="M3467" i="2"/>
  <c r="M3441" i="5" s="1"/>
  <c r="P3441" i="5" s="1"/>
  <c r="I8718" i="2"/>
  <c r="I8692" i="5" s="1"/>
  <c r="K8718" i="2"/>
  <c r="K8692" i="5" s="1"/>
  <c r="O8692" i="5" s="1"/>
  <c r="K2822" i="2"/>
  <c r="K2796" i="5" s="1"/>
  <c r="K5158" i="2"/>
  <c r="K5132" i="5" s="1"/>
  <c r="J5158" i="2"/>
  <c r="J5132" i="5" s="1"/>
  <c r="N5132" i="5" s="1"/>
  <c r="K4283" i="2"/>
  <c r="K4257" i="5" s="1"/>
  <c r="O4257" i="5" s="1"/>
  <c r="M4283" i="2"/>
  <c r="M4257" i="5" s="1"/>
  <c r="P4257" i="5" s="1"/>
  <c r="J4283" i="2"/>
  <c r="J4257" i="5" s="1"/>
  <c r="N4257" i="5" s="1"/>
  <c r="J1634" i="2"/>
  <c r="J1608" i="5" s="1"/>
  <c r="N1608" i="5" s="1"/>
  <c r="L1634" i="2"/>
  <c r="L1608" i="5" s="1"/>
  <c r="I5321" i="2"/>
  <c r="I5295" i="5" s="1"/>
  <c r="J5321" i="2"/>
  <c r="J5295" i="5" s="1"/>
  <c r="N5295" i="5" s="1"/>
  <c r="M5321" i="2"/>
  <c r="M5295" i="5" s="1"/>
  <c r="P5295" i="5" s="1"/>
  <c r="L5321" i="2"/>
  <c r="L5295" i="5" s="1"/>
  <c r="K5321" i="2"/>
  <c r="K5295" i="5" s="1"/>
  <c r="K604" i="2"/>
  <c r="K578" i="5" s="1"/>
  <c r="J604" i="2"/>
  <c r="J578" i="5" s="1"/>
  <c r="N578" i="5" s="1"/>
  <c r="L604" i="2"/>
  <c r="L578" i="5" s="1"/>
  <c r="M604" i="2"/>
  <c r="M578" i="5" s="1"/>
  <c r="P578" i="5" s="1"/>
  <c r="I604" i="2"/>
  <c r="I578" i="5" s="1"/>
  <c r="I2923" i="2"/>
  <c r="I2897" i="5" s="1"/>
  <c r="J7438" i="2"/>
  <c r="J7412" i="5" s="1"/>
  <c r="N7412" i="5" s="1"/>
  <c r="L5638" i="2"/>
  <c r="L5612" i="5" s="1"/>
  <c r="M5638" i="2"/>
  <c r="M5612" i="5" s="1"/>
  <c r="P5612" i="5" s="1"/>
  <c r="K421" i="2"/>
  <c r="K395" i="5" s="1"/>
  <c r="M421" i="2"/>
  <c r="M395" i="5" s="1"/>
  <c r="P395" i="5" s="1"/>
  <c r="I421" i="2"/>
  <c r="I395" i="5" s="1"/>
  <c r="L282" i="2"/>
  <c r="L256" i="5" s="1"/>
  <c r="K6309" i="2"/>
  <c r="K6283" i="5" s="1"/>
  <c r="L6309" i="2"/>
  <c r="L6283" i="5" s="1"/>
  <c r="M6309" i="2"/>
  <c r="M6283" i="5" s="1"/>
  <c r="P6283" i="5" s="1"/>
  <c r="I6309" i="2"/>
  <c r="I6283" i="5" s="1"/>
  <c r="J6309" i="2"/>
  <c r="J6283" i="5" s="1"/>
  <c r="N6283" i="5" s="1"/>
  <c r="K8503" i="2"/>
  <c r="K8477" i="5" s="1"/>
  <c r="O8477" i="5" s="1"/>
  <c r="I8503" i="2"/>
  <c r="I8477" i="5" s="1"/>
  <c r="J8503" i="2"/>
  <c r="J8477" i="5" s="1"/>
  <c r="I4331" i="2"/>
  <c r="I4305" i="5" s="1"/>
  <c r="J4331" i="2"/>
  <c r="J4305" i="5" s="1"/>
  <c r="N4305" i="5" s="1"/>
  <c r="M5829" i="2"/>
  <c r="M5803" i="5" s="1"/>
  <c r="P5803" i="5" s="1"/>
  <c r="J7646" i="2"/>
  <c r="J7620" i="5" s="1"/>
  <c r="N7620" i="5" s="1"/>
  <c r="L7646" i="2"/>
  <c r="L7620" i="5" s="1"/>
  <c r="I7646" i="2"/>
  <c r="I7620" i="5" s="1"/>
  <c r="K7646" i="2"/>
  <c r="K7620" i="5" s="1"/>
  <c r="I4505" i="2"/>
  <c r="I4479" i="5" s="1"/>
  <c r="M4505" i="2"/>
  <c r="M4479" i="5" s="1"/>
  <c r="P4479" i="5" s="1"/>
  <c r="K4505" i="2"/>
  <c r="K4479" i="5" s="1"/>
  <c r="O4479" i="5" s="1"/>
  <c r="K5127" i="2"/>
  <c r="K5101" i="5" s="1"/>
  <c r="L5127" i="2"/>
  <c r="L5101" i="5" s="1"/>
  <c r="M5127" i="2"/>
  <c r="M5101" i="5" s="1"/>
  <c r="P5101" i="5" s="1"/>
  <c r="J5127" i="2"/>
  <c r="J5101" i="5" s="1"/>
  <c r="M3272" i="2"/>
  <c r="M3246" i="5" s="1"/>
  <c r="P3246" i="5" s="1"/>
  <c r="L3272" i="2"/>
  <c r="L3246" i="5" s="1"/>
  <c r="I3272" i="2"/>
  <c r="I3246" i="5" s="1"/>
  <c r="K3272" i="2"/>
  <c r="K3246" i="5" s="1"/>
  <c r="J3272" i="2"/>
  <c r="J3246" i="5" s="1"/>
  <c r="N3246" i="5" s="1"/>
  <c r="I5796" i="2"/>
  <c r="I5770" i="5" s="1"/>
  <c r="K5796" i="2"/>
  <c r="K5770" i="5" s="1"/>
  <c r="M5796" i="2"/>
  <c r="M5770" i="5" s="1"/>
  <c r="P5770" i="5" s="1"/>
  <c r="J5796" i="2"/>
  <c r="J5770" i="5" s="1"/>
  <c r="N5770" i="5" s="1"/>
  <c r="J6500" i="2"/>
  <c r="J6474" i="5" s="1"/>
  <c r="N6474" i="5" s="1"/>
  <c r="I6500" i="2"/>
  <c r="I6474" i="5" s="1"/>
  <c r="J5251" i="2"/>
  <c r="J5225" i="5" s="1"/>
  <c r="N5225" i="5" s="1"/>
  <c r="I5251" i="2"/>
  <c r="I5225" i="5" s="1"/>
  <c r="J4825" i="2"/>
  <c r="J4799" i="5" s="1"/>
  <c r="N4799" i="5" s="1"/>
  <c r="I4825" i="2"/>
  <c r="I4799" i="5" s="1"/>
  <c r="K4825" i="2"/>
  <c r="K4799" i="5" s="1"/>
  <c r="O4799" i="5" s="1"/>
  <c r="M1042" i="2"/>
  <c r="M1016" i="5" s="1"/>
  <c r="P1016" i="5" s="1"/>
  <c r="J1042" i="2"/>
  <c r="J1016" i="5" s="1"/>
  <c r="N1016" i="5" s="1"/>
  <c r="L1042" i="2"/>
  <c r="L1016" i="5" s="1"/>
  <c r="I1042" i="2"/>
  <c r="I1016" i="5" s="1"/>
  <c r="L1420" i="2"/>
  <c r="L1394" i="5" s="1"/>
  <c r="M7026" i="2"/>
  <c r="M7000" i="5" s="1"/>
  <c r="P7000" i="5" s="1"/>
  <c r="I7026" i="2"/>
  <c r="I7000" i="5" s="1"/>
  <c r="K7026" i="2"/>
  <c r="K7000" i="5" s="1"/>
  <c r="O7000" i="5" s="1"/>
  <c r="J7026" i="2"/>
  <c r="J7000" i="5" s="1"/>
  <c r="N7000" i="5" s="1"/>
  <c r="K7792" i="2"/>
  <c r="K7766" i="5" s="1"/>
  <c r="M7792" i="2"/>
  <c r="M7766" i="5" s="1"/>
  <c r="P7766" i="5" s="1"/>
  <c r="L7792" i="2"/>
  <c r="L7766" i="5" s="1"/>
  <c r="K5917" i="2"/>
  <c r="K5891" i="5" s="1"/>
  <c r="O5891" i="5" s="1"/>
  <c r="J5917" i="2"/>
  <c r="J5891" i="5" s="1"/>
  <c r="N5891" i="5" s="1"/>
  <c r="M5917" i="2"/>
  <c r="M5891" i="5" s="1"/>
  <c r="P5891" i="5" s="1"/>
  <c r="I5917" i="2"/>
  <c r="I5891" i="5" s="1"/>
  <c r="I2795" i="2"/>
  <c r="I2769" i="5" s="1"/>
  <c r="J2795" i="2"/>
  <c r="J2769" i="5" s="1"/>
  <c r="N2769" i="5" s="1"/>
  <c r="L2795" i="2"/>
  <c r="L2769" i="5" s="1"/>
  <c r="K6500" i="2"/>
  <c r="K6474" i="5" s="1"/>
  <c r="M1917" i="2"/>
  <c r="M1891" i="5" s="1"/>
  <c r="P1891" i="5" s="1"/>
  <c r="L1917" i="2"/>
  <c r="L1891" i="5" s="1"/>
  <c r="K6959" i="2"/>
  <c r="K6933" i="5" s="1"/>
  <c r="O6933" i="5" s="1"/>
  <c r="K3174" i="2"/>
  <c r="K3148" i="5" s="1"/>
  <c r="J1917" i="2"/>
  <c r="J1891" i="5" s="1"/>
  <c r="J6959" i="2"/>
  <c r="J6933" i="5" s="1"/>
  <c r="N6933" i="5" s="1"/>
  <c r="I282" i="2"/>
  <c r="I256" i="5" s="1"/>
  <c r="I3174" i="2"/>
  <c r="I3148" i="5" s="1"/>
  <c r="K1917" i="2"/>
  <c r="K1891" i="5" s="1"/>
  <c r="K282" i="2"/>
  <c r="K256" i="5" s="1"/>
  <c r="J3174" i="2"/>
  <c r="J3148" i="5" s="1"/>
  <c r="N3148" i="5" s="1"/>
  <c r="K5118" i="2"/>
  <c r="K5092" i="5" s="1"/>
  <c r="L5118" i="2"/>
  <c r="L5092" i="5" s="1"/>
  <c r="I5820" i="2"/>
  <c r="I5794" i="5" s="1"/>
  <c r="M7976" i="2"/>
  <c r="M7950" i="5" s="1"/>
  <c r="P7950" i="5" s="1"/>
  <c r="K7976" i="2"/>
  <c r="K7950" i="5" s="1"/>
  <c r="O7950" i="5" s="1"/>
  <c r="M8339" i="2"/>
  <c r="M8313" i="5" s="1"/>
  <c r="P8313" i="5" s="1"/>
  <c r="I8507" i="2"/>
  <c r="I8481" i="5" s="1"/>
  <c r="K8507" i="2"/>
  <c r="K8481" i="5" s="1"/>
  <c r="J8507" i="2"/>
  <c r="J8481" i="5" s="1"/>
  <c r="N8481" i="5" s="1"/>
  <c r="L8507" i="2"/>
  <c r="L8481" i="5" s="1"/>
  <c r="K3826" i="2"/>
  <c r="K3800" i="5" s="1"/>
  <c r="J3826" i="2"/>
  <c r="J3800" i="5" s="1"/>
  <c r="N3800" i="5" s="1"/>
  <c r="L3826" i="2"/>
  <c r="L3800" i="5" s="1"/>
  <c r="J1313" i="2"/>
  <c r="J1287" i="5" s="1"/>
  <c r="N1287" i="5" s="1"/>
  <c r="L1313" i="2"/>
  <c r="L1287" i="5" s="1"/>
  <c r="K1313" i="2"/>
  <c r="K1287" i="5" s="1"/>
  <c r="L1907" i="2"/>
  <c r="L1881" i="5" s="1"/>
  <c r="M1907" i="2"/>
  <c r="M1881" i="5" s="1"/>
  <c r="P1881" i="5" s="1"/>
  <c r="K1907" i="2"/>
  <c r="K1881" i="5" s="1"/>
  <c r="F94" i="5"/>
  <c r="AR88" i="1"/>
  <c r="M3954" i="2"/>
  <c r="M3928" i="5" s="1"/>
  <c r="P3928" i="5" s="1"/>
  <c r="J3954" i="2"/>
  <c r="J3928" i="5" s="1"/>
  <c r="N3928" i="5" s="1"/>
  <c r="L3954" i="2"/>
  <c r="L3928" i="5" s="1"/>
  <c r="I3954" i="2"/>
  <c r="I3928" i="5" s="1"/>
  <c r="K3815" i="2"/>
  <c r="K3789" i="5" s="1"/>
  <c r="I3815" i="2"/>
  <c r="I3789" i="5" s="1"/>
  <c r="L3815" i="2"/>
  <c r="L3789" i="5" s="1"/>
  <c r="J5697" i="2"/>
  <c r="J5671" i="5" s="1"/>
  <c r="N5671" i="5" s="1"/>
  <c r="L7439" i="2"/>
  <c r="L7413" i="5" s="1"/>
  <c r="I475" i="2"/>
  <c r="I449" i="5" s="1"/>
  <c r="K8336" i="2"/>
  <c r="K8310" i="5" s="1"/>
  <c r="O8310" i="5" s="1"/>
  <c r="I7300" i="2"/>
  <c r="I7274" i="5" s="1"/>
  <c r="I2587" i="2"/>
  <c r="I2561" i="5" s="1"/>
  <c r="K7975" i="2"/>
  <c r="K7949" i="5" s="1"/>
  <c r="I7792" i="2"/>
  <c r="I7766" i="5" s="1"/>
  <c r="L5422" i="2"/>
  <c r="L5396" i="5" s="1"/>
  <c r="M8629" i="2"/>
  <c r="M8603" i="5" s="1"/>
  <c r="P8603" i="5" s="1"/>
  <c r="J1422" i="2"/>
  <c r="J1396" i="5" s="1"/>
  <c r="N1396" i="5" s="1"/>
  <c r="J2134" i="2"/>
  <c r="J2108" i="5" s="1"/>
  <c r="N2108" i="5" s="1"/>
  <c r="J4847" i="2"/>
  <c r="J4821" i="5" s="1"/>
  <c r="N4821" i="5" s="1"/>
  <c r="K2133" i="2"/>
  <c r="K2107" i="5" s="1"/>
  <c r="L4336" i="2"/>
  <c r="L4310" i="5" s="1"/>
  <c r="L8455" i="2"/>
  <c r="L8429" i="5" s="1"/>
  <c r="J2435" i="2"/>
  <c r="J2409" i="5" s="1"/>
  <c r="N2409" i="5" s="1"/>
  <c r="M4645" i="2"/>
  <c r="M4619" i="5" s="1"/>
  <c r="P4619" i="5" s="1"/>
  <c r="K1622" i="2"/>
  <c r="K1596" i="5" s="1"/>
  <c r="O1596" i="5" s="1"/>
  <c r="M762" i="2"/>
  <c r="M736" i="5" s="1"/>
  <c r="P736" i="5" s="1"/>
  <c r="M1379" i="2"/>
  <c r="M1353" i="5" s="1"/>
  <c r="P1353" i="5" s="1"/>
  <c r="K6651" i="2"/>
  <c r="K6625" i="5" s="1"/>
  <c r="O6625" i="5" s="1"/>
  <c r="I71" i="2"/>
  <c r="I45" i="5" s="1"/>
  <c r="L4851" i="2"/>
  <c r="L4825" i="5" s="1"/>
  <c r="L8098" i="2"/>
  <c r="L8072" i="5" s="1"/>
  <c r="M8684" i="2"/>
  <c r="M8658" i="5" s="1"/>
  <c r="P8658" i="5" s="1"/>
  <c r="L7651" i="2"/>
  <c r="L7625" i="5" s="1"/>
  <c r="K4653" i="2"/>
  <c r="K4627" i="5" s="1"/>
  <c r="O4627" i="5" s="1"/>
  <c r="K6507" i="2"/>
  <c r="K6481" i="5" s="1"/>
  <c r="O6481" i="5" s="1"/>
  <c r="L1720" i="2"/>
  <c r="L1694" i="5" s="1"/>
  <c r="J8343" i="2"/>
  <c r="J8317" i="5" s="1"/>
  <c r="N8317" i="5" s="1"/>
  <c r="J3293" i="2"/>
  <c r="J3267" i="5" s="1"/>
  <c r="M2795" i="2"/>
  <c r="M2769" i="5" s="1"/>
  <c r="P2769" i="5" s="1"/>
  <c r="K2668" i="2"/>
  <c r="K2642" i="5" s="1"/>
  <c r="O2642" i="5" s="1"/>
  <c r="I2908" i="2"/>
  <c r="I2882" i="5" s="1"/>
  <c r="M4986" i="2"/>
  <c r="M4960" i="5" s="1"/>
  <c r="P4960" i="5" s="1"/>
  <c r="M1771" i="2"/>
  <c r="M1745" i="5" s="1"/>
  <c r="P1745" i="5" s="1"/>
  <c r="I5667" i="2"/>
  <c r="I5641" i="5" s="1"/>
  <c r="K3919" i="2"/>
  <c r="K3893" i="5" s="1"/>
  <c r="K2303" i="2"/>
  <c r="K2277" i="5" s="1"/>
  <c r="L6639" i="2"/>
  <c r="L6613" i="5" s="1"/>
  <c r="M8654" i="2"/>
  <c r="M8628" i="5" s="1"/>
  <c r="P8628" i="5" s="1"/>
  <c r="I8628" i="2"/>
  <c r="I8602" i="5" s="1"/>
  <c r="M140" i="2"/>
  <c r="M114" i="5" s="1"/>
  <c r="P114" i="5" s="1"/>
  <c r="M8536" i="2"/>
  <c r="M8510" i="5" s="1"/>
  <c r="P8510" i="5" s="1"/>
  <c r="I5499" i="2"/>
  <c r="I5473" i="5" s="1"/>
  <c r="I3733" i="2"/>
  <c r="I3707" i="5" s="1"/>
  <c r="M8530" i="2"/>
  <c r="M8504" i="5" s="1"/>
  <c r="P8504" i="5" s="1"/>
  <c r="L2604" i="2"/>
  <c r="L2578" i="5" s="1"/>
  <c r="I2616" i="2"/>
  <c r="I2590" i="5" s="1"/>
  <c r="I6484" i="2"/>
  <c r="I6458" i="5" s="1"/>
  <c r="K2745" i="2"/>
  <c r="K2719" i="5" s="1"/>
  <c r="O2719" i="5" s="1"/>
  <c r="J7712" i="2"/>
  <c r="J7686" i="5" s="1"/>
  <c r="M435" i="2"/>
  <c r="M409" i="5" s="1"/>
  <c r="P409" i="5" s="1"/>
  <c r="I4844" i="2"/>
  <c r="I4818" i="5" s="1"/>
  <c r="K3734" i="2"/>
  <c r="K3708" i="5" s="1"/>
  <c r="L8464" i="2"/>
  <c r="L8438" i="5" s="1"/>
  <c r="L2484" i="2"/>
  <c r="L2458" i="5" s="1"/>
  <c r="L4935" i="2"/>
  <c r="L4909" i="5" s="1"/>
  <c r="I7519" i="2"/>
  <c r="I7493" i="5" s="1"/>
  <c r="L6200" i="2"/>
  <c r="L6174" i="5" s="1"/>
  <c r="M3114" i="2"/>
  <c r="M3088" i="5" s="1"/>
  <c r="P3088" i="5" s="1"/>
  <c r="L1559" i="2"/>
  <c r="L1533" i="5" s="1"/>
  <c r="L3513" i="2"/>
  <c r="L3487" i="5" s="1"/>
  <c r="J2165" i="2"/>
  <c r="J2139" i="5" s="1"/>
  <c r="N2139" i="5" s="1"/>
  <c r="M2626" i="2"/>
  <c r="M2600" i="5" s="1"/>
  <c r="P2600" i="5" s="1"/>
  <c r="K3448" i="2"/>
  <c r="K3422" i="5" s="1"/>
  <c r="J7092" i="2"/>
  <c r="J7066" i="5" s="1"/>
  <c r="N7066" i="5" s="1"/>
  <c r="I8625" i="2"/>
  <c r="I8599" i="5" s="1"/>
  <c r="M2305" i="2"/>
  <c r="M2279" i="5" s="1"/>
  <c r="P2279" i="5" s="1"/>
  <c r="M5598" i="2"/>
  <c r="M5572" i="5" s="1"/>
  <c r="P5572" i="5" s="1"/>
  <c r="K8539" i="2"/>
  <c r="K8513" i="5" s="1"/>
  <c r="K1720" i="2"/>
  <c r="K1694" i="5" s="1"/>
  <c r="L202" i="2"/>
  <c r="L176" i="5" s="1"/>
  <c r="L7014" i="2"/>
  <c r="L6988" i="5" s="1"/>
  <c r="J3917" i="2"/>
  <c r="J3891" i="5" s="1"/>
  <c r="N3891" i="5" s="1"/>
  <c r="I100" i="2"/>
  <c r="I74" i="5" s="1"/>
  <c r="M5667" i="2"/>
  <c r="M5641" i="5" s="1"/>
  <c r="P5641" i="5" s="1"/>
  <c r="J3657" i="2"/>
  <c r="J3631" i="5" s="1"/>
  <c r="N3631" i="5" s="1"/>
  <c r="L5443" i="2"/>
  <c r="L5417" i="5" s="1"/>
  <c r="I8009" i="2"/>
  <c r="I7983" i="5" s="1"/>
  <c r="K5296" i="2"/>
  <c r="K5270" i="5" s="1"/>
  <c r="O5270" i="5" s="1"/>
  <c r="I8128" i="2"/>
  <c r="I8102" i="5" s="1"/>
  <c r="I3507" i="2"/>
  <c r="I3481" i="5" s="1"/>
  <c r="K2244" i="2"/>
  <c r="K2218" i="5" s="1"/>
  <c r="K1787" i="2"/>
  <c r="K1761" i="5" s="1"/>
  <c r="K5937" i="2"/>
  <c r="K5911" i="5" s="1"/>
  <c r="L4508" i="2"/>
  <c r="L4482" i="5" s="1"/>
  <c r="L5427" i="2"/>
  <c r="L5401" i="5" s="1"/>
  <c r="M4084" i="2"/>
  <c r="M4058" i="5" s="1"/>
  <c r="P4058" i="5" s="1"/>
  <c r="J4623" i="2"/>
  <c r="J4597" i="5" s="1"/>
  <c r="N4597" i="5" s="1"/>
  <c r="L298" i="2"/>
  <c r="L272" i="5" s="1"/>
  <c r="M6271" i="2"/>
  <c r="M6245" i="5" s="1"/>
  <c r="P6245" i="5" s="1"/>
  <c r="K2064" i="2"/>
  <c r="K2038" i="5" s="1"/>
  <c r="K1558" i="2"/>
  <c r="K1532" i="5" s="1"/>
  <c r="O1532" i="5" s="1"/>
  <c r="M8499" i="2"/>
  <c r="M8473" i="5" s="1"/>
  <c r="P8473" i="5" s="1"/>
  <c r="J8645" i="2"/>
  <c r="J8619" i="5" s="1"/>
  <c r="N8619" i="5" s="1"/>
  <c r="I5078" i="2"/>
  <c r="I5052" i="5" s="1"/>
  <c r="K7982" i="2"/>
  <c r="K7956" i="5" s="1"/>
  <c r="I4014" i="2"/>
  <c r="I3988" i="5" s="1"/>
  <c r="J1137" i="2"/>
  <c r="J1111" i="5" s="1"/>
  <c r="M2739" i="2"/>
  <c r="M2713" i="5" s="1"/>
  <c r="P2713" i="5" s="1"/>
  <c r="L2984" i="2"/>
  <c r="L2958" i="5" s="1"/>
  <c r="J86" i="2"/>
  <c r="J60" i="5" s="1"/>
  <c r="N60" i="5" s="1"/>
  <c r="L6464" i="2"/>
  <c r="L6438" i="5" s="1"/>
  <c r="J4964" i="2"/>
  <c r="J4938" i="5" s="1"/>
  <c r="N4938" i="5" s="1"/>
  <c r="AR25" i="1"/>
  <c r="K3899" i="2"/>
  <c r="K3873" i="5" s="1"/>
  <c r="O3873" i="5" s="1"/>
  <c r="J7941" i="2"/>
  <c r="J7915" i="5" s="1"/>
  <c r="N7915" i="5" s="1"/>
  <c r="K5806" i="2"/>
  <c r="K5780" i="5" s="1"/>
  <c r="O5780" i="5" s="1"/>
  <c r="I5158" i="2"/>
  <c r="I5132" i="5" s="1"/>
  <c r="I2967" i="2"/>
  <c r="I2941" i="5" s="1"/>
  <c r="I7122" i="2"/>
  <c r="I7096" i="5" s="1"/>
  <c r="J3769" i="2"/>
  <c r="J3743" i="5" s="1"/>
  <c r="N3743" i="5" s="1"/>
  <c r="M1949" i="2"/>
  <c r="M1923" i="5" s="1"/>
  <c r="P1923" i="5" s="1"/>
  <c r="L4757" i="2"/>
  <c r="L4731" i="5" s="1"/>
  <c r="I1724" i="2"/>
  <c r="I1698" i="5" s="1"/>
  <c r="K4957" i="2"/>
  <c r="K4931" i="5" s="1"/>
  <c r="L211" i="2"/>
  <c r="L185" i="5" s="1"/>
  <c r="I391" i="2"/>
  <c r="I365" i="5" s="1"/>
  <c r="L7008" i="2"/>
  <c r="L6982" i="5" s="1"/>
  <c r="AR30" i="1"/>
  <c r="I7700" i="2"/>
  <c r="I7674" i="5" s="1"/>
  <c r="I5474" i="2"/>
  <c r="I5448" i="5" s="1"/>
  <c r="L215" i="2"/>
  <c r="L189" i="5" s="1"/>
  <c r="L6760" i="2"/>
  <c r="L6734" i="5" s="1"/>
  <c r="L91" i="2"/>
  <c r="L65" i="5" s="1"/>
  <c r="K5671" i="2"/>
  <c r="K5645" i="5" s="1"/>
  <c r="O5645" i="5" s="1"/>
  <c r="J2263" i="2"/>
  <c r="J2237" i="5" s="1"/>
  <c r="N2237" i="5" s="1"/>
  <c r="K3645" i="2"/>
  <c r="K3619" i="5" s="1"/>
  <c r="J8000" i="2"/>
  <c r="J7974" i="5" s="1"/>
  <c r="K3167" i="2"/>
  <c r="K3141" i="5" s="1"/>
  <c r="L3115" i="2"/>
  <c r="L3089" i="5" s="1"/>
  <c r="J4749" i="2"/>
  <c r="J4723" i="5" s="1"/>
  <c r="N4723" i="5" s="1"/>
  <c r="I905" i="2"/>
  <c r="I879" i="5" s="1"/>
  <c r="K5159" i="2"/>
  <c r="K5133" i="5" s="1"/>
  <c r="I638" i="2"/>
  <c r="I612" i="5" s="1"/>
  <c r="L5475" i="2"/>
  <c r="L5449" i="5" s="1"/>
  <c r="M3407" i="2"/>
  <c r="M3381" i="5" s="1"/>
  <c r="P3381" i="5" s="1"/>
  <c r="M3345" i="2"/>
  <c r="M3319" i="5" s="1"/>
  <c r="P3319" i="5" s="1"/>
  <c r="I386" i="2"/>
  <c r="I360" i="5" s="1"/>
  <c r="M1792" i="2"/>
  <c r="M1766" i="5" s="1"/>
  <c r="P1766" i="5" s="1"/>
  <c r="K2973" i="2"/>
  <c r="K2947" i="5" s="1"/>
  <c r="L5022" i="2"/>
  <c r="L4996" i="5" s="1"/>
  <c r="J2301" i="2"/>
  <c r="J2275" i="5" s="1"/>
  <c r="N2275" i="5" s="1"/>
  <c r="L5477" i="2"/>
  <c r="L5451" i="5" s="1"/>
  <c r="I1797" i="2"/>
  <c r="I1771" i="5" s="1"/>
  <c r="I6021" i="2"/>
  <c r="I5995" i="5" s="1"/>
  <c r="M3915" i="2"/>
  <c r="M3889" i="5" s="1"/>
  <c r="P3889" i="5" s="1"/>
  <c r="L5588" i="2"/>
  <c r="L5562" i="5" s="1"/>
  <c r="M2247" i="2"/>
  <c r="M2221" i="5" s="1"/>
  <c r="P2221" i="5" s="1"/>
  <c r="I1379" i="2"/>
  <c r="I1353" i="5" s="1"/>
  <c r="K46" i="2"/>
  <c r="K20" i="5" s="1"/>
  <c r="J3512" i="2"/>
  <c r="J3486" i="5" s="1"/>
  <c r="N3486" i="5" s="1"/>
  <c r="K7992" i="2"/>
  <c r="K7966" i="5" s="1"/>
  <c r="O7966" i="5" s="1"/>
  <c r="L6526" i="2"/>
  <c r="L6500" i="5" s="1"/>
  <c r="K6657" i="2"/>
  <c r="K6631" i="5" s="1"/>
  <c r="M7696" i="2"/>
  <c r="M7670" i="5" s="1"/>
  <c r="P7670" i="5" s="1"/>
  <c r="J7148" i="2"/>
  <c r="J7122" i="5" s="1"/>
  <c r="N7122" i="5" s="1"/>
  <c r="L8209" i="2"/>
  <c r="L8183" i="5" s="1"/>
  <c r="M7165" i="2"/>
  <c r="M7139" i="5" s="1"/>
  <c r="P7139" i="5" s="1"/>
  <c r="M6273" i="2"/>
  <c r="M6247" i="5" s="1"/>
  <c r="P6247" i="5" s="1"/>
  <c r="J5603" i="2"/>
  <c r="J5577" i="5" s="1"/>
  <c r="N5577" i="5" s="1"/>
  <c r="J1774" i="2"/>
  <c r="J1748" i="5" s="1"/>
  <c r="N1748" i="5" s="1"/>
  <c r="M8491" i="2"/>
  <c r="M8465" i="5" s="1"/>
  <c r="P8465" i="5" s="1"/>
  <c r="M6008" i="2"/>
  <c r="M5982" i="5" s="1"/>
  <c r="P5982" i="5" s="1"/>
  <c r="M3115" i="2"/>
  <c r="M3089" i="5" s="1"/>
  <c r="P3089" i="5" s="1"/>
  <c r="K2052" i="2"/>
  <c r="K2026" i="5" s="1"/>
  <c r="O2026" i="5" s="1"/>
  <c r="M7500" i="2"/>
  <c r="M7474" i="5" s="1"/>
  <c r="P7474" i="5" s="1"/>
  <c r="K5289" i="2"/>
  <c r="K5263" i="5" s="1"/>
  <c r="O5263" i="5" s="1"/>
  <c r="K3338" i="2"/>
  <c r="K3312" i="5" s="1"/>
  <c r="L3443" i="2"/>
  <c r="L3417" i="5" s="1"/>
  <c r="J383" i="2"/>
  <c r="J357" i="5" s="1"/>
  <c r="N357" i="5" s="1"/>
  <c r="J2964" i="2"/>
  <c r="J2938" i="5" s="1"/>
  <c r="J5013" i="2"/>
  <c r="J4987" i="5" s="1"/>
  <c r="N4987" i="5" s="1"/>
  <c r="I8124" i="2"/>
  <c r="I8098" i="5" s="1"/>
  <c r="J8469" i="2"/>
  <c r="J8443" i="5" s="1"/>
  <c r="N8443" i="5" s="1"/>
  <c r="I8537" i="2"/>
  <c r="I8511" i="5" s="1"/>
  <c r="M6944" i="2"/>
  <c r="M6918" i="5" s="1"/>
  <c r="P6918" i="5" s="1"/>
  <c r="K757" i="2"/>
  <c r="K731" i="5" s="1"/>
  <c r="L2505" i="2"/>
  <c r="L2479" i="5" s="1"/>
  <c r="M2815" i="2"/>
  <c r="M2789" i="5" s="1"/>
  <c r="P2789" i="5" s="1"/>
  <c r="L4121" i="2"/>
  <c r="L4095" i="5" s="1"/>
  <c r="I5304" i="2"/>
  <c r="I5278" i="5" s="1"/>
  <c r="M7944" i="2"/>
  <c r="M7918" i="5" s="1"/>
  <c r="P7918" i="5" s="1"/>
  <c r="M7841" i="2"/>
  <c r="M7815" i="5" s="1"/>
  <c r="P7815" i="5" s="1"/>
  <c r="J1143" i="2"/>
  <c r="J1117" i="5" s="1"/>
  <c r="N1117" i="5" s="1"/>
  <c r="I4930" i="2"/>
  <c r="I4904" i="5" s="1"/>
  <c r="K3625" i="2"/>
  <c r="K3599" i="5" s="1"/>
  <c r="M2822" i="2"/>
  <c r="M2796" i="5" s="1"/>
  <c r="P2796" i="5" s="1"/>
  <c r="I3798" i="2"/>
  <c r="I3772" i="5" s="1"/>
  <c r="J3652" i="2"/>
  <c r="J3626" i="5" s="1"/>
  <c r="N3626" i="5" s="1"/>
  <c r="L5091" i="2"/>
  <c r="L5065" i="5" s="1"/>
  <c r="AR153" i="1"/>
  <c r="I2467" i="2"/>
  <c r="I2441" i="5" s="1"/>
  <c r="M6854" i="2"/>
  <c r="M6828" i="5" s="1"/>
  <c r="P6828" i="5" s="1"/>
  <c r="J7783" i="2"/>
  <c r="J7757" i="5" s="1"/>
  <c r="N7757" i="5" s="1"/>
  <c r="J7538" i="2"/>
  <c r="J7512" i="5" s="1"/>
  <c r="N7512" i="5" s="1"/>
  <c r="I981" i="2"/>
  <c r="I955" i="5" s="1"/>
  <c r="J8530" i="2"/>
  <c r="J8504" i="5" s="1"/>
  <c r="N8504" i="5" s="1"/>
  <c r="M3447" i="2"/>
  <c r="M3421" i="5" s="1"/>
  <c r="P3421" i="5" s="1"/>
  <c r="J8018" i="2"/>
  <c r="J7992" i="5" s="1"/>
  <c r="N7992" i="5" s="1"/>
  <c r="J4402" i="2"/>
  <c r="J4376" i="5" s="1"/>
  <c r="N4376" i="5" s="1"/>
  <c r="L2329" i="2"/>
  <c r="L2303" i="5" s="1"/>
  <c r="I1998" i="2"/>
  <c r="I1972" i="5" s="1"/>
  <c r="K306" i="2"/>
  <c r="K280" i="5" s="1"/>
  <c r="J3234" i="2"/>
  <c r="J3208" i="5" s="1"/>
  <c r="N3208" i="5" s="1"/>
  <c r="J2923" i="2"/>
  <c r="J2897" i="5" s="1"/>
  <c r="N2897" i="5" s="1"/>
  <c r="K1886" i="2"/>
  <c r="K1860" i="5" s="1"/>
  <c r="L8495" i="2"/>
  <c r="L8469" i="5" s="1"/>
  <c r="J2930" i="2"/>
  <c r="J2904" i="5" s="1"/>
  <c r="N2904" i="5" s="1"/>
  <c r="I805" i="2"/>
  <c r="I779" i="5" s="1"/>
  <c r="I6994" i="2"/>
  <c r="I6968" i="5" s="1"/>
  <c r="K5013" i="2"/>
  <c r="K4987" i="5" s="1"/>
  <c r="O4987" i="5" s="1"/>
  <c r="M821" i="2"/>
  <c r="M795" i="5" s="1"/>
  <c r="P795" i="5" s="1"/>
  <c r="L2488" i="2"/>
  <c r="L2462" i="5" s="1"/>
  <c r="J8464" i="2"/>
  <c r="J8438" i="5" s="1"/>
  <c r="N8438" i="5" s="1"/>
  <c r="I8683" i="2"/>
  <c r="I8657" i="5" s="1"/>
  <c r="J145" i="2"/>
  <c r="J119" i="5" s="1"/>
  <c r="N119" i="5" s="1"/>
  <c r="J2129" i="2"/>
  <c r="J2103" i="5" s="1"/>
  <c r="N2103" i="5" s="1"/>
  <c r="I5492" i="2"/>
  <c r="I5466" i="5" s="1"/>
  <c r="I7946" i="2"/>
  <c r="I7920" i="5" s="1"/>
  <c r="L7946" i="2"/>
  <c r="L7920" i="5" s="1"/>
  <c r="K7946" i="2"/>
  <c r="K7920" i="5" s="1"/>
  <c r="L2973" i="2"/>
  <c r="L2947" i="5" s="1"/>
  <c r="I6451" i="2"/>
  <c r="I6425" i="5" s="1"/>
  <c r="I8661" i="2"/>
  <c r="I8635" i="5" s="1"/>
  <c r="L8661" i="2"/>
  <c r="L8635" i="5" s="1"/>
  <c r="M8661" i="2"/>
  <c r="M8635" i="5" s="1"/>
  <c r="P8635" i="5" s="1"/>
  <c r="J8661" i="2"/>
  <c r="J8635" i="5" s="1"/>
  <c r="N8635" i="5" s="1"/>
  <c r="K8661" i="2"/>
  <c r="K8635" i="5" s="1"/>
  <c r="J136" i="2"/>
  <c r="J110" i="5" s="1"/>
  <c r="N110" i="5" s="1"/>
  <c r="M136" i="2"/>
  <c r="M110" i="5" s="1"/>
  <c r="P110" i="5" s="1"/>
  <c r="L136" i="2"/>
  <c r="L110" i="5" s="1"/>
  <c r="L6430" i="2"/>
  <c r="L6404" i="5" s="1"/>
  <c r="J4806" i="2"/>
  <c r="J4780" i="5" s="1"/>
  <c r="N4780" i="5" s="1"/>
  <c r="L4806" i="2"/>
  <c r="L4780" i="5" s="1"/>
  <c r="K4806" i="2"/>
  <c r="K4780" i="5" s="1"/>
  <c r="K1233" i="2"/>
  <c r="K1207" i="5" s="1"/>
  <c r="I1233" i="2"/>
  <c r="I1207" i="5" s="1"/>
  <c r="I728" i="2"/>
  <c r="I702" i="5" s="1"/>
  <c r="L728" i="2"/>
  <c r="L702" i="5" s="1"/>
  <c r="K1579" i="2"/>
  <c r="K1553" i="5" s="1"/>
  <c r="J1579" i="2"/>
  <c r="J1553" i="5" s="1"/>
  <c r="N1553" i="5" s="1"/>
  <c r="M1579" i="2"/>
  <c r="M1553" i="5" s="1"/>
  <c r="P1553" i="5" s="1"/>
  <c r="L1579" i="2"/>
  <c r="L1553" i="5" s="1"/>
  <c r="J6471" i="2"/>
  <c r="J6445" i="5" s="1"/>
  <c r="N6445" i="5" s="1"/>
  <c r="M6471" i="2"/>
  <c r="M6445" i="5" s="1"/>
  <c r="P6445" i="5" s="1"/>
  <c r="I6471" i="2"/>
  <c r="I6445" i="5" s="1"/>
  <c r="K6471" i="2"/>
  <c r="K6445" i="5" s="1"/>
  <c r="O6445" i="5" s="1"/>
  <c r="K5443" i="2"/>
  <c r="K5417" i="5" s="1"/>
  <c r="K6354" i="2"/>
  <c r="K6328" i="5" s="1"/>
  <c r="O6328" i="5" s="1"/>
  <c r="J69" i="2"/>
  <c r="J43" i="5" s="1"/>
  <c r="N43" i="5" s="1"/>
  <c r="I69" i="2"/>
  <c r="I43" i="5" s="1"/>
  <c r="K69" i="2"/>
  <c r="K43" i="5" s="1"/>
  <c r="M69" i="2"/>
  <c r="M43" i="5" s="1"/>
  <c r="P43" i="5" s="1"/>
  <c r="L69" i="2"/>
  <c r="L43" i="5" s="1"/>
  <c r="I2139" i="2"/>
  <c r="I2113" i="5" s="1"/>
  <c r="M2139" i="2"/>
  <c r="M2113" i="5" s="1"/>
  <c r="P2113" i="5" s="1"/>
  <c r="L2139" i="2"/>
  <c r="L2113" i="5" s="1"/>
  <c r="K2139" i="2"/>
  <c r="K2113" i="5" s="1"/>
  <c r="K3915" i="2"/>
  <c r="K3889" i="5" s="1"/>
  <c r="J3915" i="2"/>
  <c r="J3889" i="5" s="1"/>
  <c r="N3889" i="5" s="1"/>
  <c r="I3915" i="2"/>
  <c r="I3889" i="5" s="1"/>
  <c r="E150" i="5"/>
  <c r="AR144" i="1"/>
  <c r="M2964" i="2"/>
  <c r="M2938" i="5" s="1"/>
  <c r="P2938" i="5" s="1"/>
  <c r="I2964" i="2"/>
  <c r="I2938" i="5" s="1"/>
  <c r="K2964" i="2"/>
  <c r="K2938" i="5" s="1"/>
  <c r="O2938" i="5" s="1"/>
  <c r="M8127" i="2"/>
  <c r="M8101" i="5" s="1"/>
  <c r="P8101" i="5" s="1"/>
  <c r="M3264" i="2"/>
  <c r="M3238" i="5" s="1"/>
  <c r="P3238" i="5" s="1"/>
  <c r="J3264" i="2"/>
  <c r="J3238" i="5" s="1"/>
  <c r="N3238" i="5" s="1"/>
  <c r="L3264" i="2"/>
  <c r="L3238" i="5" s="1"/>
  <c r="K3264" i="2"/>
  <c r="K3238" i="5" s="1"/>
  <c r="J5524" i="2"/>
  <c r="J5498" i="5" s="1"/>
  <c r="N5498" i="5" s="1"/>
  <c r="L5524" i="2"/>
  <c r="L5498" i="5" s="1"/>
  <c r="K5524" i="2"/>
  <c r="K5498" i="5" s="1"/>
  <c r="M5527" i="2"/>
  <c r="M5501" i="5" s="1"/>
  <c r="P5501" i="5" s="1"/>
  <c r="J5527" i="2"/>
  <c r="J5501" i="5" s="1"/>
  <c r="N5501" i="5" s="1"/>
  <c r="L5527" i="2"/>
  <c r="L5501" i="5" s="1"/>
  <c r="K5527" i="2"/>
  <c r="K5501" i="5" s="1"/>
  <c r="I5527" i="2"/>
  <c r="I5501" i="5" s="1"/>
  <c r="K8632" i="2"/>
  <c r="K8606" i="5" s="1"/>
  <c r="O8606" i="5" s="1"/>
  <c r="J1791" i="2"/>
  <c r="J1765" i="5" s="1"/>
  <c r="N1765" i="5" s="1"/>
  <c r="L1791" i="2"/>
  <c r="L1765" i="5" s="1"/>
  <c r="K1791" i="2"/>
  <c r="K1765" i="5" s="1"/>
  <c r="I1791" i="2"/>
  <c r="I1765" i="5" s="1"/>
  <c r="AR137" i="1"/>
  <c r="C143" i="5"/>
  <c r="K3641" i="2"/>
  <c r="K3615" i="5" s="1"/>
  <c r="L3641" i="2"/>
  <c r="L3615" i="5" s="1"/>
  <c r="J3641" i="2"/>
  <c r="J3615" i="5" s="1"/>
  <c r="N3615" i="5" s="1"/>
  <c r="I3641" i="2"/>
  <c r="I3615" i="5" s="1"/>
  <c r="K4292" i="2"/>
  <c r="K4266" i="5" s="1"/>
  <c r="J4292" i="2"/>
  <c r="J4266" i="5" s="1"/>
  <c r="N4266" i="5" s="1"/>
  <c r="L4292" i="2"/>
  <c r="L4266" i="5" s="1"/>
  <c r="M4292" i="2"/>
  <c r="M4266" i="5" s="1"/>
  <c r="P4266" i="5" s="1"/>
  <c r="I4292" i="2"/>
  <c r="I4266" i="5" s="1"/>
  <c r="L1787" i="2"/>
  <c r="L1761" i="5" s="1"/>
  <c r="I3730" i="2"/>
  <c r="I3704" i="5" s="1"/>
  <c r="L3730" i="2"/>
  <c r="L3704" i="5" s="1"/>
  <c r="M3730" i="2"/>
  <c r="M3704" i="5" s="1"/>
  <c r="P3704" i="5" s="1"/>
  <c r="L2452" i="2"/>
  <c r="L2426" i="5" s="1"/>
  <c r="I2452" i="2"/>
  <c r="I2426" i="5" s="1"/>
  <c r="K2452" i="2"/>
  <c r="K2426" i="5" s="1"/>
  <c r="J2452" i="2"/>
  <c r="J2426" i="5" s="1"/>
  <c r="N2426" i="5" s="1"/>
  <c r="J8683" i="2"/>
  <c r="J8657" i="5" s="1"/>
  <c r="N8657" i="5" s="1"/>
  <c r="L4083" i="2"/>
  <c r="L4057" i="5" s="1"/>
  <c r="L7102" i="2"/>
  <c r="L7076" i="5" s="1"/>
  <c r="J7102" i="2"/>
  <c r="J7076" i="5" s="1"/>
  <c r="N7076" i="5" s="1"/>
  <c r="M7102" i="2"/>
  <c r="M7076" i="5" s="1"/>
  <c r="P7076" i="5" s="1"/>
  <c r="I7102" i="2"/>
  <c r="I7076" i="5" s="1"/>
  <c r="K7102" i="2"/>
  <c r="K7076" i="5" s="1"/>
  <c r="L5166" i="2"/>
  <c r="L5140" i="5" s="1"/>
  <c r="J5166" i="2"/>
  <c r="J5140" i="5" s="1"/>
  <c r="N5140" i="5" s="1"/>
  <c r="L8046" i="2"/>
  <c r="L8020" i="5" s="1"/>
  <c r="J8046" i="2"/>
  <c r="J8020" i="5" s="1"/>
  <c r="N8020" i="5" s="1"/>
  <c r="I2941" i="2"/>
  <c r="I2915" i="5" s="1"/>
  <c r="M2941" i="2"/>
  <c r="M2915" i="5" s="1"/>
  <c r="P2915" i="5" s="1"/>
  <c r="J3789" i="2"/>
  <c r="J3763" i="5" s="1"/>
  <c r="N3763" i="5" s="1"/>
  <c r="I3789" i="2"/>
  <c r="I3763" i="5" s="1"/>
  <c r="K3789" i="2"/>
  <c r="K3763" i="5" s="1"/>
  <c r="L3789" i="2"/>
  <c r="L3763" i="5" s="1"/>
  <c r="M3789" i="2"/>
  <c r="M3763" i="5" s="1"/>
  <c r="P3763" i="5" s="1"/>
  <c r="K4068" i="2"/>
  <c r="K4042" i="5" s="1"/>
  <c r="L4068" i="2"/>
  <c r="L4042" i="5" s="1"/>
  <c r="J4068" i="2"/>
  <c r="J4042" i="5" s="1"/>
  <c r="N4042" i="5" s="1"/>
  <c r="I4068" i="2"/>
  <c r="I4042" i="5" s="1"/>
  <c r="M4068" i="2"/>
  <c r="M4042" i="5" s="1"/>
  <c r="P4042" i="5" s="1"/>
  <c r="M1226" i="2"/>
  <c r="M1200" i="5" s="1"/>
  <c r="P1200" i="5" s="1"/>
  <c r="J1226" i="2"/>
  <c r="J1200" i="5" s="1"/>
  <c r="N1200" i="5" s="1"/>
  <c r="L8472" i="2"/>
  <c r="L8446" i="5" s="1"/>
  <c r="M8472" i="2"/>
  <c r="M8446" i="5" s="1"/>
  <c r="P8446" i="5" s="1"/>
  <c r="I8472" i="2"/>
  <c r="I8446" i="5" s="1"/>
  <c r="J8472" i="2"/>
  <c r="J8446" i="5" s="1"/>
  <c r="L5457" i="2"/>
  <c r="L5431" i="5" s="1"/>
  <c r="I5457" i="2"/>
  <c r="I5431" i="5" s="1"/>
  <c r="K5457" i="2"/>
  <c r="K5431" i="5" s="1"/>
  <c r="J5457" i="2"/>
  <c r="J5431" i="5" s="1"/>
  <c r="N5431" i="5" s="1"/>
  <c r="J5439" i="2"/>
  <c r="J5413" i="5" s="1"/>
  <c r="N5413" i="5" s="1"/>
  <c r="K5439" i="2"/>
  <c r="K5413" i="5" s="1"/>
  <c r="M5439" i="2"/>
  <c r="M5413" i="5" s="1"/>
  <c r="P5413" i="5" s="1"/>
  <c r="M3920" i="2"/>
  <c r="M3894" i="5" s="1"/>
  <c r="P3894" i="5" s="1"/>
  <c r="K6470" i="2"/>
  <c r="K6444" i="5" s="1"/>
  <c r="M6470" i="2"/>
  <c r="M6444" i="5" s="1"/>
  <c r="P6444" i="5" s="1"/>
  <c r="L6470" i="2"/>
  <c r="L6444" i="5" s="1"/>
  <c r="I6470" i="2"/>
  <c r="I6444" i="5" s="1"/>
  <c r="J6470" i="2"/>
  <c r="J6444" i="5" s="1"/>
  <c r="N6444" i="5" s="1"/>
  <c r="J1478" i="2"/>
  <c r="J1452" i="5" s="1"/>
  <c r="N1452" i="5" s="1"/>
  <c r="L1478" i="2"/>
  <c r="L1452" i="5" s="1"/>
  <c r="K1478" i="2"/>
  <c r="K1452" i="5" s="1"/>
  <c r="L2267" i="2"/>
  <c r="L2241" i="5" s="1"/>
  <c r="K2267" i="2"/>
  <c r="K2241" i="5" s="1"/>
  <c r="I2267" i="2"/>
  <c r="I2241" i="5" s="1"/>
  <c r="I8637" i="2"/>
  <c r="I8611" i="5" s="1"/>
  <c r="M8637" i="2"/>
  <c r="M8611" i="5" s="1"/>
  <c r="P8611" i="5" s="1"/>
  <c r="J8637" i="2"/>
  <c r="J8611" i="5" s="1"/>
  <c r="N8611" i="5" s="1"/>
  <c r="I8649" i="2"/>
  <c r="I8623" i="5" s="1"/>
  <c r="J8649" i="2"/>
  <c r="J8623" i="5" s="1"/>
  <c r="N8623" i="5" s="1"/>
  <c r="K1733" i="2"/>
  <c r="K1707" i="5" s="1"/>
  <c r="J1733" i="2"/>
  <c r="J1707" i="5" s="1"/>
  <c r="N1707" i="5" s="1"/>
  <c r="M1733" i="2"/>
  <c r="M1707" i="5" s="1"/>
  <c r="P1707" i="5" s="1"/>
  <c r="M6452" i="2"/>
  <c r="M6426" i="5" s="1"/>
  <c r="P6426" i="5" s="1"/>
  <c r="J6452" i="2"/>
  <c r="J6426" i="5" s="1"/>
  <c r="N6426" i="5" s="1"/>
  <c r="I6452" i="2"/>
  <c r="I6426" i="5" s="1"/>
  <c r="K723" i="2"/>
  <c r="K697" i="5" s="1"/>
  <c r="I723" i="2"/>
  <c r="I697" i="5" s="1"/>
  <c r="E43" i="5"/>
  <c r="AR37" i="1"/>
  <c r="I8338" i="2"/>
  <c r="I8312" i="5" s="1"/>
  <c r="J8338" i="2"/>
  <c r="J8312" i="5" s="1"/>
  <c r="L3909" i="2"/>
  <c r="L3883" i="5" s="1"/>
  <c r="K3909" i="2"/>
  <c r="K3883" i="5" s="1"/>
  <c r="J3647" i="2"/>
  <c r="J3621" i="5" s="1"/>
  <c r="N3621" i="5" s="1"/>
  <c r="I3647" i="2"/>
  <c r="I3621" i="5" s="1"/>
  <c r="L3647" i="2"/>
  <c r="L3621" i="5" s="1"/>
  <c r="M3647" i="2"/>
  <c r="M3621" i="5" s="1"/>
  <c r="P3621" i="5" s="1"/>
  <c r="AR268" i="1"/>
  <c r="J3339" i="2"/>
  <c r="J3313" i="5" s="1"/>
  <c r="N3313" i="5" s="1"/>
  <c r="K3339" i="2"/>
  <c r="K3313" i="5" s="1"/>
  <c r="L3339" i="2"/>
  <c r="L3313" i="5" s="1"/>
  <c r="L3902" i="2"/>
  <c r="L3876" i="5" s="1"/>
  <c r="J3902" i="2"/>
  <c r="J3876" i="5" s="1"/>
  <c r="N3876" i="5" s="1"/>
  <c r="K3902" i="2"/>
  <c r="K3876" i="5" s="1"/>
  <c r="M3902" i="2"/>
  <c r="M3876" i="5" s="1"/>
  <c r="P3876" i="5" s="1"/>
  <c r="I3902" i="2"/>
  <c r="I3876" i="5" s="1"/>
  <c r="M2404" i="2"/>
  <c r="M2378" i="5" s="1"/>
  <c r="P2378" i="5" s="1"/>
  <c r="I2404" i="2"/>
  <c r="I2378" i="5" s="1"/>
  <c r="K2404" i="2"/>
  <c r="K2378" i="5" s="1"/>
  <c r="J2404" i="2"/>
  <c r="J2378" i="5" s="1"/>
  <c r="N2378" i="5" s="1"/>
  <c r="L2404" i="2"/>
  <c r="L2378" i="5" s="1"/>
  <c r="M6768" i="2"/>
  <c r="M6742" i="5" s="1"/>
  <c r="P6742" i="5" s="1"/>
  <c r="I6768" i="2"/>
  <c r="I6742" i="5" s="1"/>
  <c r="K6768" i="2"/>
  <c r="K6742" i="5" s="1"/>
  <c r="J2729" i="2"/>
  <c r="J2703" i="5" s="1"/>
  <c r="N2703" i="5" s="1"/>
  <c r="M2729" i="2"/>
  <c r="M2703" i="5" s="1"/>
  <c r="P2703" i="5" s="1"/>
  <c r="L2729" i="2"/>
  <c r="L2703" i="5" s="1"/>
  <c r="I6763" i="2"/>
  <c r="I6737" i="5" s="1"/>
  <c r="M6763" i="2"/>
  <c r="M6737" i="5" s="1"/>
  <c r="P6737" i="5" s="1"/>
  <c r="K6763" i="2"/>
  <c r="K6737" i="5" s="1"/>
  <c r="J6763" i="2"/>
  <c r="J6737" i="5" s="1"/>
  <c r="N6737" i="5" s="1"/>
  <c r="L6763" i="2"/>
  <c r="L6737" i="5" s="1"/>
  <c r="I3329" i="2"/>
  <c r="I3303" i="5" s="1"/>
  <c r="L3329" i="2"/>
  <c r="L3303" i="5" s="1"/>
  <c r="M3329" i="2"/>
  <c r="M3303" i="5" s="1"/>
  <c r="P3303" i="5" s="1"/>
  <c r="M4332" i="2"/>
  <c r="M4306" i="5" s="1"/>
  <c r="P4306" i="5" s="1"/>
  <c r="K4332" i="2"/>
  <c r="K4306" i="5" s="1"/>
  <c r="L4332" i="2"/>
  <c r="L4306" i="5" s="1"/>
  <c r="I4332" i="2"/>
  <c r="I4306" i="5" s="1"/>
  <c r="M1480" i="2"/>
  <c r="M1454" i="5" s="1"/>
  <c r="P1454" i="5" s="1"/>
  <c r="I1480" i="2"/>
  <c r="I1454" i="5" s="1"/>
  <c r="K1480" i="2"/>
  <c r="K1454" i="5" s="1"/>
  <c r="L1799" i="2"/>
  <c r="L1773" i="5" s="1"/>
  <c r="M1799" i="2"/>
  <c r="M1773" i="5" s="1"/>
  <c r="P1773" i="5" s="1"/>
  <c r="K1799" i="2"/>
  <c r="K1773" i="5" s="1"/>
  <c r="I1799" i="2"/>
  <c r="I1773" i="5" s="1"/>
  <c r="M6282" i="2"/>
  <c r="M6256" i="5" s="1"/>
  <c r="P6256" i="5" s="1"/>
  <c r="L6282" i="2"/>
  <c r="L6256" i="5" s="1"/>
  <c r="J6282" i="2"/>
  <c r="J6256" i="5" s="1"/>
  <c r="K6282" i="2"/>
  <c r="K6256" i="5" s="1"/>
  <c r="M4007" i="2"/>
  <c r="M3981" i="5" s="1"/>
  <c r="P3981" i="5" s="1"/>
  <c r="I4007" i="2"/>
  <c r="I3981" i="5" s="1"/>
  <c r="K4007" i="2"/>
  <c r="K3981" i="5" s="1"/>
  <c r="J743" i="2"/>
  <c r="J717" i="5" s="1"/>
  <c r="N717" i="5" s="1"/>
  <c r="M743" i="2"/>
  <c r="M717" i="5" s="1"/>
  <c r="P717" i="5" s="1"/>
  <c r="I743" i="2"/>
  <c r="I717" i="5" s="1"/>
  <c r="L6285" i="2"/>
  <c r="L6259" i="5" s="1"/>
  <c r="M6285" i="2"/>
  <c r="M6259" i="5" s="1"/>
  <c r="P6259" i="5" s="1"/>
  <c r="J6285" i="2"/>
  <c r="J6259" i="5" s="1"/>
  <c r="N6259" i="5" s="1"/>
  <c r="AR319" i="1"/>
  <c r="C325" i="5"/>
  <c r="L2242" i="2"/>
  <c r="L2216" i="5" s="1"/>
  <c r="I2242" i="2"/>
  <c r="I2216" i="5" s="1"/>
  <c r="J2242" i="2"/>
  <c r="J2216" i="5" s="1"/>
  <c r="N2216" i="5" s="1"/>
  <c r="K370" i="2"/>
  <c r="K344" i="5" s="1"/>
  <c r="J370" i="2"/>
  <c r="J344" i="5" s="1"/>
  <c r="N344" i="5" s="1"/>
  <c r="I370" i="2"/>
  <c r="I344" i="5" s="1"/>
  <c r="L4284" i="2"/>
  <c r="L4258" i="5" s="1"/>
  <c r="K4284" i="2"/>
  <c r="K4258" i="5" s="1"/>
  <c r="I4284" i="2"/>
  <c r="I4258" i="5" s="1"/>
  <c r="M4786" i="2"/>
  <c r="M4760" i="5" s="1"/>
  <c r="P4760" i="5" s="1"/>
  <c r="K4786" i="2"/>
  <c r="K4760" i="5" s="1"/>
  <c r="K8107" i="2"/>
  <c r="K8081" i="5" s="1"/>
  <c r="L8107" i="2"/>
  <c r="L8081" i="5" s="1"/>
  <c r="M8107" i="2"/>
  <c r="M8081" i="5" s="1"/>
  <c r="P8081" i="5" s="1"/>
  <c r="I8107" i="2"/>
  <c r="I8081" i="5" s="1"/>
  <c r="K2448" i="2"/>
  <c r="K2422" i="5" s="1"/>
  <c r="L2448" i="2"/>
  <c r="L2422" i="5" s="1"/>
  <c r="M2448" i="2"/>
  <c r="M2422" i="5" s="1"/>
  <c r="P2422" i="5" s="1"/>
  <c r="J7979" i="2"/>
  <c r="J7953" i="5" s="1"/>
  <c r="N7953" i="5" s="1"/>
  <c r="L7979" i="2"/>
  <c r="L7953" i="5" s="1"/>
  <c r="I7979" i="2"/>
  <c r="I7953" i="5" s="1"/>
  <c r="K7979" i="2"/>
  <c r="K7953" i="5" s="1"/>
  <c r="M7979" i="2"/>
  <c r="M7953" i="5" s="1"/>
  <c r="P7953" i="5" s="1"/>
  <c r="M2748" i="2"/>
  <c r="M2722" i="5" s="1"/>
  <c r="P2722" i="5" s="1"/>
  <c r="I2748" i="2"/>
  <c r="I2722" i="5" s="1"/>
  <c r="J2748" i="2"/>
  <c r="J2722" i="5" s="1"/>
  <c r="N2722" i="5" s="1"/>
  <c r="L2748" i="2"/>
  <c r="L2722" i="5" s="1"/>
  <c r="I5008" i="2"/>
  <c r="I4982" i="5" s="1"/>
  <c r="K5008" i="2"/>
  <c r="K4982" i="5" s="1"/>
  <c r="L573" i="2"/>
  <c r="L547" i="5" s="1"/>
  <c r="J573" i="2"/>
  <c r="J547" i="5" s="1"/>
  <c r="N547" i="5" s="1"/>
  <c r="K573" i="2"/>
  <c r="K547" i="5" s="1"/>
  <c r="M1082" i="2"/>
  <c r="M1056" i="5" s="1"/>
  <c r="P1056" i="5" s="1"/>
  <c r="J1082" i="2"/>
  <c r="J1056" i="5" s="1"/>
  <c r="N1056" i="5" s="1"/>
  <c r="L1082" i="2"/>
  <c r="L1056" i="5" s="1"/>
  <c r="K1082" i="2"/>
  <c r="K1056" i="5" s="1"/>
  <c r="K545" i="2"/>
  <c r="K519" i="5" s="1"/>
  <c r="I545" i="2"/>
  <c r="I519" i="5" s="1"/>
  <c r="L545" i="2"/>
  <c r="L519" i="5" s="1"/>
  <c r="M545" i="2"/>
  <c r="M519" i="5" s="1"/>
  <c r="P519" i="5" s="1"/>
  <c r="K2959" i="2"/>
  <c r="K2933" i="5" s="1"/>
  <c r="J2959" i="2"/>
  <c r="J2933" i="5" s="1"/>
  <c r="N2933" i="5" s="1"/>
  <c r="M2959" i="2"/>
  <c r="M2933" i="5" s="1"/>
  <c r="P2933" i="5" s="1"/>
  <c r="L2959" i="2"/>
  <c r="L2933" i="5" s="1"/>
  <c r="I2959" i="2"/>
  <c r="I2933" i="5" s="1"/>
  <c r="J975" i="2"/>
  <c r="J949" i="5" s="1"/>
  <c r="N949" i="5" s="1"/>
  <c r="I975" i="2"/>
  <c r="I949" i="5" s="1"/>
  <c r="L975" i="2"/>
  <c r="L949" i="5" s="1"/>
  <c r="M975" i="2"/>
  <c r="M949" i="5" s="1"/>
  <c r="P949" i="5" s="1"/>
  <c r="K975" i="2"/>
  <c r="K949" i="5" s="1"/>
  <c r="AR240" i="1"/>
  <c r="C246" i="5"/>
  <c r="L238" i="2"/>
  <c r="L212" i="5" s="1"/>
  <c r="M238" i="2"/>
  <c r="M212" i="5" s="1"/>
  <c r="P212" i="5" s="1"/>
  <c r="J238" i="2"/>
  <c r="J212" i="5" s="1"/>
  <c r="N212" i="5" s="1"/>
  <c r="I238" i="2"/>
  <c r="I212" i="5" s="1"/>
  <c r="K238" i="2"/>
  <c r="K212" i="5" s="1"/>
  <c r="K8669" i="2"/>
  <c r="K8643" i="5" s="1"/>
  <c r="I8669" i="2"/>
  <c r="I8643" i="5" s="1"/>
  <c r="J8669" i="2"/>
  <c r="J8643" i="5" s="1"/>
  <c r="N8643" i="5" s="1"/>
  <c r="I654" i="2"/>
  <c r="I628" i="5" s="1"/>
  <c r="K654" i="2"/>
  <c r="K628" i="5" s="1"/>
  <c r="L654" i="2"/>
  <c r="L628" i="5" s="1"/>
  <c r="M654" i="2"/>
  <c r="M628" i="5" s="1"/>
  <c r="P628" i="5" s="1"/>
  <c r="J4446" i="2"/>
  <c r="J4420" i="5" s="1"/>
  <c r="N4420" i="5" s="1"/>
  <c r="L4446" i="2"/>
  <c r="L4420" i="5" s="1"/>
  <c r="K4446" i="2"/>
  <c r="K4420" i="5" s="1"/>
  <c r="J5929" i="2"/>
  <c r="J5903" i="5" s="1"/>
  <c r="N5903" i="5" s="1"/>
  <c r="K5929" i="2"/>
  <c r="K5903" i="5" s="1"/>
  <c r="I5929" i="2"/>
  <c r="I5903" i="5" s="1"/>
  <c r="L5929" i="2"/>
  <c r="L5903" i="5" s="1"/>
  <c r="J2277" i="2"/>
  <c r="J2251" i="5" s="1"/>
  <c r="N2251" i="5" s="1"/>
  <c r="L2277" i="2"/>
  <c r="L2251" i="5" s="1"/>
  <c r="M2277" i="2"/>
  <c r="M2251" i="5" s="1"/>
  <c r="P2251" i="5" s="1"/>
  <c r="K8023" i="2"/>
  <c r="K7997" i="5" s="1"/>
  <c r="L8023" i="2"/>
  <c r="L7997" i="5" s="1"/>
  <c r="J8023" i="2"/>
  <c r="J7997" i="5" s="1"/>
  <c r="N7997" i="5" s="1"/>
  <c r="I5763" i="2"/>
  <c r="I5737" i="5" s="1"/>
  <c r="K5763" i="2"/>
  <c r="K5737" i="5" s="1"/>
  <c r="M5763" i="2"/>
  <c r="M5737" i="5" s="1"/>
  <c r="P5737" i="5" s="1"/>
  <c r="J5763" i="2"/>
  <c r="J5737" i="5" s="1"/>
  <c r="N5737" i="5" s="1"/>
  <c r="L7498" i="2"/>
  <c r="L7472" i="5" s="1"/>
  <c r="M7498" i="2"/>
  <c r="M7472" i="5" s="1"/>
  <c r="P7472" i="5" s="1"/>
  <c r="I7498" i="2"/>
  <c r="I7472" i="5" s="1"/>
  <c r="J7152" i="2"/>
  <c r="J7126" i="5" s="1"/>
  <c r="N7126" i="5" s="1"/>
  <c r="M7152" i="2"/>
  <c r="M7126" i="5" s="1"/>
  <c r="P7126" i="5" s="1"/>
  <c r="L7152" i="2"/>
  <c r="L7126" i="5" s="1"/>
  <c r="I7152" i="2"/>
  <c r="I7126" i="5" s="1"/>
  <c r="K7152" i="2"/>
  <c r="K7126" i="5" s="1"/>
  <c r="L2830" i="2"/>
  <c r="L2804" i="5" s="1"/>
  <c r="J2830" i="2"/>
  <c r="J2804" i="5" s="1"/>
  <c r="N2804" i="5" s="1"/>
  <c r="I2830" i="2"/>
  <c r="I2804" i="5" s="1"/>
  <c r="L3738" i="2"/>
  <c r="L3712" i="5" s="1"/>
  <c r="K3738" i="2"/>
  <c r="K3712" i="5" s="1"/>
  <c r="I3738" i="2"/>
  <c r="I3712" i="5" s="1"/>
  <c r="J3738" i="2"/>
  <c r="J3712" i="5" s="1"/>
  <c r="N3712" i="5" s="1"/>
  <c r="J8314" i="2"/>
  <c r="J8288" i="5" s="1"/>
  <c r="N8288" i="5" s="1"/>
  <c r="I8314" i="2"/>
  <c r="I8288" i="5" s="1"/>
  <c r="K8314" i="2"/>
  <c r="K8288" i="5" s="1"/>
  <c r="K8653" i="2"/>
  <c r="K8627" i="5" s="1"/>
  <c r="L8653" i="2"/>
  <c r="L8627" i="5" s="1"/>
  <c r="J1449" i="2"/>
  <c r="J1423" i="5" s="1"/>
  <c r="N1423" i="5" s="1"/>
  <c r="M1449" i="2"/>
  <c r="M1423" i="5" s="1"/>
  <c r="P1423" i="5" s="1"/>
  <c r="K1449" i="2"/>
  <c r="K1423" i="5" s="1"/>
  <c r="L1449" i="2"/>
  <c r="L1423" i="5" s="1"/>
  <c r="I1449" i="2"/>
  <c r="I1423" i="5" s="1"/>
  <c r="J8005" i="2"/>
  <c r="J7979" i="5" s="1"/>
  <c r="N7979" i="5" s="1"/>
  <c r="I8005" i="2"/>
  <c r="I7979" i="5" s="1"/>
  <c r="K8005" i="2"/>
  <c r="K7979" i="5" s="1"/>
  <c r="D289" i="5"/>
  <c r="AR283" i="1"/>
  <c r="D247" i="5"/>
  <c r="AR241" i="1"/>
  <c r="M3497" i="2"/>
  <c r="M3471" i="5" s="1"/>
  <c r="P3471" i="5" s="1"/>
  <c r="I3497" i="2"/>
  <c r="I3471" i="5" s="1"/>
  <c r="L3497" i="2"/>
  <c r="L3471" i="5" s="1"/>
  <c r="J3497" i="2"/>
  <c r="J3471" i="5" s="1"/>
  <c r="N3471" i="5" s="1"/>
  <c r="I2802" i="2"/>
  <c r="I2776" i="5" s="1"/>
  <c r="M2802" i="2"/>
  <c r="M2776" i="5" s="1"/>
  <c r="P2776" i="5" s="1"/>
  <c r="J2802" i="2"/>
  <c r="J2776" i="5" s="1"/>
  <c r="N2776" i="5" s="1"/>
  <c r="L2802" i="2"/>
  <c r="L2776" i="5" s="1"/>
  <c r="L3950" i="2"/>
  <c r="L3924" i="5" s="1"/>
  <c r="M3950" i="2"/>
  <c r="M3924" i="5" s="1"/>
  <c r="P3924" i="5" s="1"/>
  <c r="J3950" i="2"/>
  <c r="J3924" i="5" s="1"/>
  <c r="N3924" i="5" s="1"/>
  <c r="I8019" i="2"/>
  <c r="I7993" i="5" s="1"/>
  <c r="K8019" i="2"/>
  <c r="K7993" i="5" s="1"/>
  <c r="L8019" i="2"/>
  <c r="L7993" i="5" s="1"/>
  <c r="M8019" i="2"/>
  <c r="M7993" i="5" s="1"/>
  <c r="P7993" i="5" s="1"/>
  <c r="J8019" i="2"/>
  <c r="J7993" i="5" s="1"/>
  <c r="N7993" i="5" s="1"/>
  <c r="I6513" i="2"/>
  <c r="I6487" i="5" s="1"/>
  <c r="K6513" i="2"/>
  <c r="K6487" i="5" s="1"/>
  <c r="J6513" i="2"/>
  <c r="J6487" i="5" s="1"/>
  <c r="N6487" i="5" s="1"/>
  <c r="L6513" i="2"/>
  <c r="L6487" i="5" s="1"/>
  <c r="J1782" i="2"/>
  <c r="J1756" i="5" s="1"/>
  <c r="N1756" i="5" s="1"/>
  <c r="M1782" i="2"/>
  <c r="M1756" i="5" s="1"/>
  <c r="P1756" i="5" s="1"/>
  <c r="I1782" i="2"/>
  <c r="I1756" i="5" s="1"/>
  <c r="K1782" i="2"/>
  <c r="K1756" i="5" s="1"/>
  <c r="O1756" i="5" s="1"/>
  <c r="M5346" i="2"/>
  <c r="M5320" i="5" s="1"/>
  <c r="P5320" i="5" s="1"/>
  <c r="L5346" i="2"/>
  <c r="L5320" i="5" s="1"/>
  <c r="I5346" i="2"/>
  <c r="I5320" i="5" s="1"/>
  <c r="J5346" i="2"/>
  <c r="J5320" i="5" s="1"/>
  <c r="N5320" i="5" s="1"/>
  <c r="K5346" i="2"/>
  <c r="K5320" i="5" s="1"/>
  <c r="J1139" i="2"/>
  <c r="J1113" i="5" s="1"/>
  <c r="N1113" i="5" s="1"/>
  <c r="M1139" i="2"/>
  <c r="M1113" i="5" s="1"/>
  <c r="P1113" i="5" s="1"/>
  <c r="K1139" i="2"/>
  <c r="K1113" i="5" s="1"/>
  <c r="O1113" i="5" s="1"/>
  <c r="M7264" i="2"/>
  <c r="M7238" i="5" s="1"/>
  <c r="P7238" i="5" s="1"/>
  <c r="L7264" i="2"/>
  <c r="L7238" i="5" s="1"/>
  <c r="I7264" i="2"/>
  <c r="I7238" i="5" s="1"/>
  <c r="K7264" i="2"/>
  <c r="K7238" i="5" s="1"/>
  <c r="J5797" i="2"/>
  <c r="J5771" i="5" s="1"/>
  <c r="N5771" i="5" s="1"/>
  <c r="L5797" i="2"/>
  <c r="L5771" i="5" s="1"/>
  <c r="K5797" i="2"/>
  <c r="K5771" i="5" s="1"/>
  <c r="L3759" i="2"/>
  <c r="L3733" i="5" s="1"/>
  <c r="I3759" i="2"/>
  <c r="I3733" i="5" s="1"/>
  <c r="K3759" i="2"/>
  <c r="K3733" i="5" s="1"/>
  <c r="J3759" i="2"/>
  <c r="J3733" i="5" s="1"/>
  <c r="N3733" i="5" s="1"/>
  <c r="L960" i="2"/>
  <c r="L934" i="5" s="1"/>
  <c r="K960" i="2"/>
  <c r="K934" i="5" s="1"/>
  <c r="C219" i="5"/>
  <c r="AR213" i="1"/>
  <c r="K1121" i="2"/>
  <c r="K1095" i="5" s="1"/>
  <c r="J1121" i="2"/>
  <c r="J1095" i="5" s="1"/>
  <c r="N1095" i="5" s="1"/>
  <c r="J1267" i="2"/>
  <c r="J1241" i="5" s="1"/>
  <c r="N1241" i="5" s="1"/>
  <c r="M1267" i="2"/>
  <c r="M1241" i="5" s="1"/>
  <c r="P1241" i="5" s="1"/>
  <c r="I1267" i="2"/>
  <c r="I1241" i="5" s="1"/>
  <c r="K1267" i="2"/>
  <c r="K1241" i="5" s="1"/>
  <c r="L1267" i="2"/>
  <c r="L1241" i="5" s="1"/>
  <c r="J7678" i="2"/>
  <c r="J7652" i="5" s="1"/>
  <c r="N7652" i="5" s="1"/>
  <c r="L7678" i="2"/>
  <c r="L7652" i="5" s="1"/>
  <c r="I7678" i="2"/>
  <c r="I7652" i="5" s="1"/>
  <c r="K6693" i="2"/>
  <c r="K6667" i="5" s="1"/>
  <c r="M6693" i="2"/>
  <c r="M6667" i="5" s="1"/>
  <c r="P6667" i="5" s="1"/>
  <c r="J6693" i="2"/>
  <c r="J6667" i="5" s="1"/>
  <c r="I4781" i="2"/>
  <c r="I4755" i="5" s="1"/>
  <c r="J4781" i="2"/>
  <c r="J4755" i="5" s="1"/>
  <c r="N4755" i="5" s="1"/>
  <c r="L4781" i="2"/>
  <c r="L4755" i="5" s="1"/>
  <c r="L567" i="2"/>
  <c r="L541" i="5" s="1"/>
  <c r="I567" i="2"/>
  <c r="I541" i="5" s="1"/>
  <c r="K567" i="2"/>
  <c r="K541" i="5" s="1"/>
  <c r="M567" i="2"/>
  <c r="M541" i="5" s="1"/>
  <c r="P541" i="5" s="1"/>
  <c r="J567" i="2"/>
  <c r="J541" i="5" s="1"/>
  <c r="N541" i="5" s="1"/>
  <c r="J6192" i="2"/>
  <c r="J6166" i="5" s="1"/>
  <c r="N6166" i="5" s="1"/>
  <c r="K6192" i="2"/>
  <c r="K6166" i="5" s="1"/>
  <c r="O6166" i="5" s="1"/>
  <c r="M6192" i="2"/>
  <c r="M6166" i="5" s="1"/>
  <c r="P6166" i="5" s="1"/>
  <c r="K2954" i="2"/>
  <c r="K2928" i="5" s="1"/>
  <c r="J2954" i="2"/>
  <c r="J2928" i="5" s="1"/>
  <c r="N2928" i="5" s="1"/>
  <c r="L2954" i="2"/>
  <c r="L2928" i="5" s="1"/>
  <c r="J4101" i="2"/>
  <c r="J4075" i="5" s="1"/>
  <c r="N4075" i="5" s="1"/>
  <c r="L4101" i="2"/>
  <c r="L4075" i="5" s="1"/>
  <c r="I4101" i="2"/>
  <c r="I4075" i="5" s="1"/>
  <c r="M4101" i="2"/>
  <c r="M4075" i="5" s="1"/>
  <c r="P4075" i="5" s="1"/>
  <c r="K4101" i="2"/>
  <c r="K4075" i="5" s="1"/>
  <c r="L8537" i="2"/>
  <c r="L8511" i="5" s="1"/>
  <c r="K8536" i="2"/>
  <c r="K8510" i="5" s="1"/>
  <c r="J8536" i="2"/>
  <c r="J8510" i="5" s="1"/>
  <c r="L8536" i="2"/>
  <c r="L8510" i="5" s="1"/>
  <c r="K3169" i="2"/>
  <c r="K3143" i="5" s="1"/>
  <c r="J3169" i="2"/>
  <c r="J3143" i="5" s="1"/>
  <c r="N3143" i="5" s="1"/>
  <c r="L3169" i="2"/>
  <c r="L3143" i="5" s="1"/>
  <c r="I1623" i="2"/>
  <c r="I1597" i="5" s="1"/>
  <c r="J1623" i="2"/>
  <c r="J1597" i="5" s="1"/>
  <c r="N1597" i="5" s="1"/>
  <c r="K3818" i="2"/>
  <c r="K3792" i="5" s="1"/>
  <c r="I3818" i="2"/>
  <c r="I3792" i="5" s="1"/>
  <c r="M3818" i="2"/>
  <c r="M3792" i="5" s="1"/>
  <c r="P3792" i="5" s="1"/>
  <c r="L3818" i="2"/>
  <c r="L3792" i="5" s="1"/>
  <c r="J3818" i="2"/>
  <c r="J3792" i="5" s="1"/>
  <c r="N3792" i="5" s="1"/>
  <c r="J3653" i="2"/>
  <c r="J3627" i="5" s="1"/>
  <c r="K3653" i="2"/>
  <c r="K3627" i="5" s="1"/>
  <c r="O3627" i="5" s="1"/>
  <c r="M3653" i="2"/>
  <c r="M3627" i="5" s="1"/>
  <c r="P3627" i="5" s="1"/>
  <c r="I4261" i="2"/>
  <c r="I4235" i="5" s="1"/>
  <c r="L4261" i="2"/>
  <c r="L4235" i="5" s="1"/>
  <c r="J4261" i="2"/>
  <c r="J4235" i="5" s="1"/>
  <c r="N4235" i="5" s="1"/>
  <c r="M4445" i="2"/>
  <c r="M4419" i="5" s="1"/>
  <c r="P4419" i="5" s="1"/>
  <c r="I4445" i="2"/>
  <c r="I4419" i="5" s="1"/>
  <c r="K3157" i="2"/>
  <c r="K3131" i="5" s="1"/>
  <c r="J3157" i="2"/>
  <c r="J3131" i="5" s="1"/>
  <c r="N3131" i="5" s="1"/>
  <c r="L3157" i="2"/>
  <c r="L3131" i="5" s="1"/>
  <c r="L8657" i="2"/>
  <c r="L8631" i="5" s="1"/>
  <c r="I8657" i="2"/>
  <c r="I8631" i="5" s="1"/>
  <c r="K6162" i="2"/>
  <c r="K6136" i="5" s="1"/>
  <c r="J6162" i="2"/>
  <c r="J6136" i="5" s="1"/>
  <c r="N6136" i="5" s="1"/>
  <c r="L6162" i="2"/>
  <c r="L6136" i="5" s="1"/>
  <c r="L8330" i="2"/>
  <c r="L8304" i="5" s="1"/>
  <c r="M8330" i="2"/>
  <c r="M8304" i="5" s="1"/>
  <c r="P8304" i="5" s="1"/>
  <c r="I8330" i="2"/>
  <c r="I8304" i="5" s="1"/>
  <c r="J8330" i="2"/>
  <c r="J8304" i="5" s="1"/>
  <c r="N8304" i="5" s="1"/>
  <c r="K8330" i="2"/>
  <c r="K8304" i="5" s="1"/>
  <c r="L2460" i="2"/>
  <c r="L2434" i="5" s="1"/>
  <c r="I2460" i="2"/>
  <c r="I2434" i="5" s="1"/>
  <c r="K3086" i="2"/>
  <c r="K3060" i="5" s="1"/>
  <c r="J3086" i="2"/>
  <c r="J3060" i="5" s="1"/>
  <c r="M3086" i="2"/>
  <c r="M3060" i="5" s="1"/>
  <c r="P3060" i="5" s="1"/>
  <c r="L3086" i="2"/>
  <c r="L3060" i="5" s="1"/>
  <c r="M1648" i="2"/>
  <c r="M1622" i="5" s="1"/>
  <c r="P1622" i="5" s="1"/>
  <c r="I1648" i="2"/>
  <c r="I1622" i="5" s="1"/>
  <c r="K1648" i="2"/>
  <c r="K1622" i="5" s="1"/>
  <c r="L1648" i="2"/>
  <c r="L1622" i="5" s="1"/>
  <c r="J1648" i="2"/>
  <c r="J1622" i="5" s="1"/>
  <c r="N1622" i="5" s="1"/>
  <c r="M3243" i="2"/>
  <c r="M3217" i="5" s="1"/>
  <c r="P3217" i="5" s="1"/>
  <c r="L3243" i="2"/>
  <c r="L3217" i="5" s="1"/>
  <c r="J3243" i="2"/>
  <c r="J3217" i="5" s="1"/>
  <c r="N3217" i="5" s="1"/>
  <c r="I3243" i="2"/>
  <c r="I3217" i="5" s="1"/>
  <c r="K3243" i="2"/>
  <c r="K3217" i="5" s="1"/>
  <c r="I2963" i="2"/>
  <c r="I2937" i="5" s="1"/>
  <c r="L2963" i="2"/>
  <c r="L2937" i="5" s="1"/>
  <c r="K2963" i="2"/>
  <c r="K2937" i="5" s="1"/>
  <c r="J2963" i="2"/>
  <c r="J2937" i="5" s="1"/>
  <c r="N2937" i="5" s="1"/>
  <c r="J1778" i="2"/>
  <c r="J1752" i="5" s="1"/>
  <c r="N1752" i="5" s="1"/>
  <c r="M1778" i="2"/>
  <c r="M1752" i="5" s="1"/>
  <c r="P1752" i="5" s="1"/>
  <c r="L1778" i="2"/>
  <c r="L1752" i="5" s="1"/>
  <c r="K1778" i="2"/>
  <c r="K1752" i="5" s="1"/>
  <c r="I1778" i="2"/>
  <c r="I1752" i="5" s="1"/>
  <c r="I1805" i="2"/>
  <c r="I1779" i="5" s="1"/>
  <c r="K1805" i="2"/>
  <c r="K1779" i="5" s="1"/>
  <c r="L1805" i="2"/>
  <c r="L1779" i="5" s="1"/>
  <c r="D201" i="5"/>
  <c r="AR195" i="1"/>
  <c r="M4753" i="2"/>
  <c r="M4727" i="5" s="1"/>
  <c r="P4727" i="5" s="1"/>
  <c r="J4753" i="2"/>
  <c r="J4727" i="5" s="1"/>
  <c r="N4727" i="5" s="1"/>
  <c r="K4753" i="2"/>
  <c r="K4727" i="5" s="1"/>
  <c r="L4753" i="2"/>
  <c r="L4727" i="5" s="1"/>
  <c r="I4753" i="2"/>
  <c r="I4727" i="5" s="1"/>
  <c r="J1652" i="2"/>
  <c r="J1626" i="5" s="1"/>
  <c r="N1626" i="5" s="1"/>
  <c r="M1652" i="2"/>
  <c r="M1626" i="5" s="1"/>
  <c r="P1626" i="5" s="1"/>
  <c r="K1652" i="2"/>
  <c r="K1626" i="5" s="1"/>
  <c r="L1652" i="2"/>
  <c r="L1626" i="5" s="1"/>
  <c r="J1637" i="2"/>
  <c r="J1611" i="5" s="1"/>
  <c r="N1611" i="5" s="1"/>
  <c r="I1637" i="2"/>
  <c r="I1611" i="5" s="1"/>
  <c r="M1637" i="2"/>
  <c r="M1611" i="5" s="1"/>
  <c r="P1611" i="5" s="1"/>
  <c r="I2293" i="2"/>
  <c r="I2267" i="5" s="1"/>
  <c r="J2293" i="2"/>
  <c r="J2267" i="5" s="1"/>
  <c r="N2267" i="5" s="1"/>
  <c r="I2300" i="2"/>
  <c r="I2274" i="5" s="1"/>
  <c r="K2300" i="2"/>
  <c r="K2274" i="5" s="1"/>
  <c r="L2300" i="2"/>
  <c r="L2274" i="5" s="1"/>
  <c r="M2300" i="2"/>
  <c r="M2274" i="5" s="1"/>
  <c r="P2274" i="5" s="1"/>
  <c r="J2300" i="2"/>
  <c r="J2274" i="5" s="1"/>
  <c r="N2274" i="5" s="1"/>
  <c r="M4080" i="2"/>
  <c r="M4054" i="5" s="1"/>
  <c r="P4054" i="5" s="1"/>
  <c r="J4080" i="2"/>
  <c r="J4054" i="5" s="1"/>
  <c r="N4054" i="5" s="1"/>
  <c r="M8346" i="2"/>
  <c r="M8320" i="5" s="1"/>
  <c r="P8320" i="5" s="1"/>
  <c r="I8346" i="2"/>
  <c r="I8320" i="5" s="1"/>
  <c r="L8346" i="2"/>
  <c r="L8320" i="5" s="1"/>
  <c r="J1393" i="2"/>
  <c r="J1367" i="5" s="1"/>
  <c r="N1367" i="5" s="1"/>
  <c r="I1393" i="2"/>
  <c r="I1367" i="5" s="1"/>
  <c r="K1393" i="2"/>
  <c r="K1367" i="5" s="1"/>
  <c r="M1393" i="2"/>
  <c r="M1367" i="5" s="1"/>
  <c r="P1367" i="5" s="1"/>
  <c r="L1393" i="2"/>
  <c r="L1367" i="5" s="1"/>
  <c r="L5490" i="2"/>
  <c r="L5464" i="5" s="1"/>
  <c r="I5490" i="2"/>
  <c r="I5464" i="5" s="1"/>
  <c r="M5490" i="2"/>
  <c r="M5464" i="5" s="1"/>
  <c r="P5464" i="5" s="1"/>
  <c r="K5490" i="2"/>
  <c r="K5464" i="5" s="1"/>
  <c r="J5490" i="2"/>
  <c r="J5464" i="5" s="1"/>
  <c r="N5464" i="5" s="1"/>
  <c r="L1128" i="2"/>
  <c r="L1102" i="5" s="1"/>
  <c r="J1128" i="2"/>
  <c r="J1102" i="5" s="1"/>
  <c r="N1102" i="5" s="1"/>
  <c r="M236" i="2"/>
  <c r="M210" i="5" s="1"/>
  <c r="P210" i="5" s="1"/>
  <c r="L236" i="2"/>
  <c r="L210" i="5" s="1"/>
  <c r="K236" i="2"/>
  <c r="K210" i="5" s="1"/>
  <c r="J236" i="2"/>
  <c r="J210" i="5" s="1"/>
  <c r="N210" i="5" s="1"/>
  <c r="I6626" i="2"/>
  <c r="I6600" i="5" s="1"/>
  <c r="M6626" i="2"/>
  <c r="M6600" i="5" s="1"/>
  <c r="P6600" i="5" s="1"/>
  <c r="J6626" i="2"/>
  <c r="J6600" i="5" s="1"/>
  <c r="N6600" i="5" s="1"/>
  <c r="L6626" i="2"/>
  <c r="L6600" i="5" s="1"/>
  <c r="K6626" i="2"/>
  <c r="K6600" i="5" s="1"/>
  <c r="L7015" i="2"/>
  <c r="L6989" i="5" s="1"/>
  <c r="M7015" i="2"/>
  <c r="M6989" i="5" s="1"/>
  <c r="P6989" i="5" s="1"/>
  <c r="I4009" i="2"/>
  <c r="I3983" i="5" s="1"/>
  <c r="K4009" i="2"/>
  <c r="K3983" i="5" s="1"/>
  <c r="L4009" i="2"/>
  <c r="L3983" i="5" s="1"/>
  <c r="M3340" i="2"/>
  <c r="M3314" i="5" s="1"/>
  <c r="P3314" i="5" s="1"/>
  <c r="K3340" i="2"/>
  <c r="K3314" i="5" s="1"/>
  <c r="I3340" i="2"/>
  <c r="I3314" i="5" s="1"/>
  <c r="L810" i="2"/>
  <c r="L784" i="5" s="1"/>
  <c r="I810" i="2"/>
  <c r="I784" i="5" s="1"/>
  <c r="K810" i="2"/>
  <c r="K784" i="5" s="1"/>
  <c r="L3296" i="2"/>
  <c r="L3270" i="5" s="1"/>
  <c r="M3296" i="2"/>
  <c r="M3270" i="5" s="1"/>
  <c r="P3270" i="5" s="1"/>
  <c r="K3296" i="2"/>
  <c r="K3270" i="5" s="1"/>
  <c r="J3296" i="2"/>
  <c r="J3270" i="5" s="1"/>
  <c r="N3270" i="5" s="1"/>
  <c r="I3296" i="2"/>
  <c r="I3270" i="5" s="1"/>
  <c r="L6259" i="2"/>
  <c r="L6233" i="5" s="1"/>
  <c r="I6259" i="2"/>
  <c r="I6233" i="5" s="1"/>
  <c r="M6259" i="2"/>
  <c r="M6233" i="5" s="1"/>
  <c r="P6233" i="5" s="1"/>
  <c r="K6259" i="2"/>
  <c r="K6233" i="5" s="1"/>
  <c r="J4406" i="2"/>
  <c r="J4380" i="5" s="1"/>
  <c r="N4380" i="5" s="1"/>
  <c r="M4406" i="2"/>
  <c r="M4380" i="5" s="1"/>
  <c r="P4380" i="5" s="1"/>
  <c r="I3786" i="2"/>
  <c r="I3760" i="5" s="1"/>
  <c r="K3786" i="2"/>
  <c r="K3760" i="5" s="1"/>
  <c r="L3786" i="2"/>
  <c r="L3760" i="5" s="1"/>
  <c r="M4353" i="2"/>
  <c r="M4327" i="5" s="1"/>
  <c r="P4327" i="5" s="1"/>
  <c r="I4353" i="2"/>
  <c r="I4327" i="5" s="1"/>
  <c r="J1420" i="2"/>
  <c r="J1394" i="5" s="1"/>
  <c r="N1394" i="5" s="1"/>
  <c r="M1420" i="2"/>
  <c r="M1394" i="5" s="1"/>
  <c r="P1394" i="5" s="1"/>
  <c r="I1420" i="2"/>
  <c r="I1394" i="5" s="1"/>
  <c r="L939" i="2"/>
  <c r="L913" i="5" s="1"/>
  <c r="K939" i="2"/>
  <c r="K913" i="5" s="1"/>
  <c r="M6598" i="2"/>
  <c r="M6572" i="5" s="1"/>
  <c r="P6572" i="5" s="1"/>
  <c r="I6598" i="2"/>
  <c r="I6572" i="5" s="1"/>
  <c r="J6598" i="2"/>
  <c r="J6572" i="5" s="1"/>
  <c r="N6572" i="5" s="1"/>
  <c r="L6598" i="2"/>
  <c r="L6572" i="5" s="1"/>
  <c r="K6598" i="2"/>
  <c r="K6572" i="5" s="1"/>
  <c r="M4849" i="2"/>
  <c r="M4823" i="5" s="1"/>
  <c r="P4823" i="5" s="1"/>
  <c r="I4849" i="2"/>
  <c r="I4823" i="5" s="1"/>
  <c r="K4849" i="2"/>
  <c r="K4823" i="5" s="1"/>
  <c r="O4823" i="5" s="1"/>
  <c r="I50" i="2"/>
  <c r="I24" i="5" s="1"/>
  <c r="L50" i="2"/>
  <c r="L24" i="5" s="1"/>
  <c r="J50" i="2"/>
  <c r="J24" i="5" s="1"/>
  <c r="N24" i="5" s="1"/>
  <c r="I2615" i="2"/>
  <c r="I2589" i="5" s="1"/>
  <c r="K2615" i="2"/>
  <c r="K2589" i="5" s="1"/>
  <c r="L2615" i="2"/>
  <c r="L2589" i="5" s="1"/>
  <c r="L8119" i="2"/>
  <c r="L8093" i="5" s="1"/>
  <c r="I8119" i="2"/>
  <c r="I8093" i="5" s="1"/>
  <c r="K8119" i="2"/>
  <c r="K8093" i="5" s="1"/>
  <c r="I5009" i="2"/>
  <c r="I4983" i="5" s="1"/>
  <c r="K5009" i="2"/>
  <c r="K4983" i="5" s="1"/>
  <c r="M5009" i="2"/>
  <c r="M4983" i="5" s="1"/>
  <c r="P4983" i="5" s="1"/>
  <c r="L5009" i="2"/>
  <c r="L4983" i="5" s="1"/>
  <c r="J5009" i="2"/>
  <c r="J4983" i="5" s="1"/>
  <c r="N4983" i="5" s="1"/>
  <c r="K1073" i="2"/>
  <c r="K1047" i="5" s="1"/>
  <c r="M1073" i="2"/>
  <c r="M1047" i="5" s="1"/>
  <c r="P1047" i="5" s="1"/>
  <c r="I1073" i="2"/>
  <c r="I1047" i="5" s="1"/>
  <c r="J1073" i="2"/>
  <c r="J1047" i="5" s="1"/>
  <c r="N1047" i="5" s="1"/>
  <c r="L1073" i="2"/>
  <c r="L1047" i="5" s="1"/>
  <c r="I2660" i="2"/>
  <c r="I2634" i="5" s="1"/>
  <c r="J2660" i="2"/>
  <c r="J2634" i="5" s="1"/>
  <c r="N2634" i="5" s="1"/>
  <c r="M8144" i="2"/>
  <c r="M8118" i="5" s="1"/>
  <c r="P8118" i="5" s="1"/>
  <c r="J8144" i="2"/>
  <c r="J8118" i="5" s="1"/>
  <c r="N8118" i="5" s="1"/>
  <c r="I8144" i="2"/>
  <c r="I8118" i="5" s="1"/>
  <c r="K8144" i="2"/>
  <c r="K8118" i="5" s="1"/>
  <c r="J988" i="2"/>
  <c r="J962" i="5" s="1"/>
  <c r="N962" i="5" s="1"/>
  <c r="M988" i="2"/>
  <c r="M962" i="5" s="1"/>
  <c r="P962" i="5" s="1"/>
  <c r="K5829" i="2"/>
  <c r="K5803" i="5" s="1"/>
  <c r="I5829" i="2"/>
  <c r="I5803" i="5" s="1"/>
  <c r="L5829" i="2"/>
  <c r="L5803" i="5" s="1"/>
  <c r="J5829" i="2"/>
  <c r="J5803" i="5" s="1"/>
  <c r="N5803" i="5" s="1"/>
  <c r="M234" i="2"/>
  <c r="M208" i="5" s="1"/>
  <c r="P208" i="5" s="1"/>
  <c r="L234" i="2"/>
  <c r="L208" i="5" s="1"/>
  <c r="K234" i="2"/>
  <c r="K208" i="5" s="1"/>
  <c r="J234" i="2"/>
  <c r="J208" i="5" s="1"/>
  <c r="N208" i="5" s="1"/>
  <c r="I234" i="2"/>
  <c r="I208" i="5" s="1"/>
  <c r="L4244" i="2"/>
  <c r="L4218" i="5" s="1"/>
  <c r="J4244" i="2"/>
  <c r="J4218" i="5" s="1"/>
  <c r="N4218" i="5" s="1"/>
  <c r="I4244" i="2"/>
  <c r="I4218" i="5" s="1"/>
  <c r="K4244" i="2"/>
  <c r="K4218" i="5" s="1"/>
  <c r="M4244" i="2"/>
  <c r="M4218" i="5" s="1"/>
  <c r="P4218" i="5" s="1"/>
  <c r="L5930" i="2"/>
  <c r="L5904" i="5" s="1"/>
  <c r="M5930" i="2"/>
  <c r="M5904" i="5" s="1"/>
  <c r="P5904" i="5" s="1"/>
  <c r="I5930" i="2"/>
  <c r="I5904" i="5" s="1"/>
  <c r="J5930" i="2"/>
  <c r="J5904" i="5" s="1"/>
  <c r="N5904" i="5" s="1"/>
  <c r="L6784" i="2"/>
  <c r="L6758" i="5" s="1"/>
  <c r="J6784" i="2"/>
  <c r="J6758" i="5" s="1"/>
  <c r="N6758" i="5" s="1"/>
  <c r="K6784" i="2"/>
  <c r="K6758" i="5" s="1"/>
  <c r="I6784" i="2"/>
  <c r="I6758" i="5" s="1"/>
  <c r="K6936" i="2"/>
  <c r="K6910" i="5" s="1"/>
  <c r="L6936" i="2"/>
  <c r="L6910" i="5" s="1"/>
  <c r="K5607" i="2"/>
  <c r="K5581" i="5" s="1"/>
  <c r="L5607" i="2"/>
  <c r="L5581" i="5" s="1"/>
  <c r="I1830" i="2"/>
  <c r="I1804" i="5" s="1"/>
  <c r="J1830" i="2"/>
  <c r="J1804" i="5" s="1"/>
  <c r="N1804" i="5" s="1"/>
  <c r="L1830" i="2"/>
  <c r="L1804" i="5" s="1"/>
  <c r="J6815" i="2"/>
  <c r="J6789" i="5" s="1"/>
  <c r="N6789" i="5" s="1"/>
  <c r="I6815" i="2"/>
  <c r="I6789" i="5" s="1"/>
  <c r="L6815" i="2"/>
  <c r="L6789" i="5" s="1"/>
  <c r="M6815" i="2"/>
  <c r="M6789" i="5" s="1"/>
  <c r="P6789" i="5" s="1"/>
  <c r="L7515" i="2"/>
  <c r="L7489" i="5" s="1"/>
  <c r="M7515" i="2"/>
  <c r="M7489" i="5" s="1"/>
  <c r="P7489" i="5" s="1"/>
  <c r="J7515" i="2"/>
  <c r="J7489" i="5" s="1"/>
  <c r="N7489" i="5" s="1"/>
  <c r="I7515" i="2"/>
  <c r="I7489" i="5" s="1"/>
  <c r="K7515" i="2"/>
  <c r="K7489" i="5" s="1"/>
  <c r="K1487" i="2"/>
  <c r="K1461" i="5" s="1"/>
  <c r="L1487" i="2"/>
  <c r="L1461" i="5" s="1"/>
  <c r="J1487" i="2"/>
  <c r="J1461" i="5" s="1"/>
  <c r="N1461" i="5" s="1"/>
  <c r="M1487" i="2"/>
  <c r="M1461" i="5" s="1"/>
  <c r="P1461" i="5" s="1"/>
  <c r="I1487" i="2"/>
  <c r="I1461" i="5" s="1"/>
  <c r="J5653" i="2"/>
  <c r="J5627" i="5" s="1"/>
  <c r="N5627" i="5" s="1"/>
  <c r="I5653" i="2"/>
  <c r="I5627" i="5" s="1"/>
  <c r="M5748" i="2"/>
  <c r="M5722" i="5" s="1"/>
  <c r="P5722" i="5" s="1"/>
  <c r="K5748" i="2"/>
  <c r="K5722" i="5" s="1"/>
  <c r="J5748" i="2"/>
  <c r="J5722" i="5" s="1"/>
  <c r="N5722" i="5" s="1"/>
  <c r="L5748" i="2"/>
  <c r="L5722" i="5" s="1"/>
  <c r="I5748" i="2"/>
  <c r="I5722" i="5" s="1"/>
  <c r="L5330" i="2"/>
  <c r="L5304" i="5" s="1"/>
  <c r="J5330" i="2"/>
  <c r="J5304" i="5" s="1"/>
  <c r="N5304" i="5" s="1"/>
  <c r="K5330" i="2"/>
  <c r="K5304" i="5" s="1"/>
  <c r="L800" i="2"/>
  <c r="L774" i="5" s="1"/>
  <c r="J800" i="2"/>
  <c r="J774" i="5" s="1"/>
  <c r="N774" i="5" s="1"/>
  <c r="M800" i="2"/>
  <c r="M774" i="5" s="1"/>
  <c r="P774" i="5" s="1"/>
  <c r="I7825" i="2"/>
  <c r="I7799" i="5" s="1"/>
  <c r="J7825" i="2"/>
  <c r="J7799" i="5" s="1"/>
  <c r="N7799" i="5" s="1"/>
  <c r="L7825" i="2"/>
  <c r="L7799" i="5" s="1"/>
  <c r="M7825" i="2"/>
  <c r="M7799" i="5" s="1"/>
  <c r="P7799" i="5" s="1"/>
  <c r="J5157" i="2"/>
  <c r="J5131" i="5" s="1"/>
  <c r="N5131" i="5" s="1"/>
  <c r="M5157" i="2"/>
  <c r="M5131" i="5" s="1"/>
  <c r="P5131" i="5" s="1"/>
  <c r="I5157" i="2"/>
  <c r="I5131" i="5" s="1"/>
  <c r="K5157" i="2"/>
  <c r="K5131" i="5" s="1"/>
  <c r="J7681" i="2"/>
  <c r="J7655" i="5" s="1"/>
  <c r="N7655" i="5" s="1"/>
  <c r="L7681" i="2"/>
  <c r="L7655" i="5" s="1"/>
  <c r="M7681" i="2"/>
  <c r="M7655" i="5" s="1"/>
  <c r="P7655" i="5" s="1"/>
  <c r="I7681" i="2"/>
  <c r="I7655" i="5" s="1"/>
  <c r="K1442" i="2"/>
  <c r="K1416" i="5" s="1"/>
  <c r="J1442" i="2"/>
  <c r="J1416" i="5" s="1"/>
  <c r="N1416" i="5" s="1"/>
  <c r="M1442" i="2"/>
  <c r="M1416" i="5" s="1"/>
  <c r="P1416" i="5" s="1"/>
  <c r="L1442" i="2"/>
  <c r="L1416" i="5" s="1"/>
  <c r="I1442" i="2"/>
  <c r="I1416" i="5" s="1"/>
  <c r="K4514" i="2"/>
  <c r="K4488" i="5" s="1"/>
  <c r="J4514" i="2"/>
  <c r="J4488" i="5" s="1"/>
  <c r="N4488" i="5" s="1"/>
  <c r="I4514" i="2"/>
  <c r="I4488" i="5" s="1"/>
  <c r="M4514" i="2"/>
  <c r="M4488" i="5" s="1"/>
  <c r="P4488" i="5" s="1"/>
  <c r="L4514" i="2"/>
  <c r="L4488" i="5" s="1"/>
  <c r="M6954" i="2"/>
  <c r="M6928" i="5" s="1"/>
  <c r="P6928" i="5" s="1"/>
  <c r="L6954" i="2"/>
  <c r="L6928" i="5" s="1"/>
  <c r="L4501" i="2"/>
  <c r="L4475" i="5" s="1"/>
  <c r="I4501" i="2"/>
  <c r="I4475" i="5" s="1"/>
  <c r="J4501" i="2"/>
  <c r="J4475" i="5" s="1"/>
  <c r="N4475" i="5" s="1"/>
  <c r="M4501" i="2"/>
  <c r="M4475" i="5" s="1"/>
  <c r="P4475" i="5" s="1"/>
  <c r="M2318" i="2"/>
  <c r="M2292" i="5" s="1"/>
  <c r="P2292" i="5" s="1"/>
  <c r="I2318" i="2"/>
  <c r="I2292" i="5" s="1"/>
  <c r="K2798" i="2"/>
  <c r="K2772" i="5" s="1"/>
  <c r="M2798" i="2"/>
  <c r="M2772" i="5" s="1"/>
  <c r="P2772" i="5" s="1"/>
  <c r="J2798" i="2"/>
  <c r="J2772" i="5" s="1"/>
  <c r="N2772" i="5" s="1"/>
  <c r="I8008" i="2"/>
  <c r="I7982" i="5" s="1"/>
  <c r="K8008" i="2"/>
  <c r="K7982" i="5" s="1"/>
  <c r="J8008" i="2"/>
  <c r="J7982" i="5" s="1"/>
  <c r="N7982" i="5" s="1"/>
  <c r="D127" i="5"/>
  <c r="AR121" i="1"/>
  <c r="L3958" i="2"/>
  <c r="L3932" i="5" s="1"/>
  <c r="K3958" i="2"/>
  <c r="K3932" i="5" s="1"/>
  <c r="J3958" i="2"/>
  <c r="J3932" i="5" s="1"/>
  <c r="N3932" i="5" s="1"/>
  <c r="M3958" i="2"/>
  <c r="M3932" i="5" s="1"/>
  <c r="P3932" i="5" s="1"/>
  <c r="I3958" i="2"/>
  <c r="I3932" i="5" s="1"/>
  <c r="M7434" i="2"/>
  <c r="M7408" i="5" s="1"/>
  <c r="P7408" i="5" s="1"/>
  <c r="I7434" i="2"/>
  <c r="I7408" i="5" s="1"/>
  <c r="K7434" i="2"/>
  <c r="K7408" i="5" s="1"/>
  <c r="I4449" i="2"/>
  <c r="I4423" i="5" s="1"/>
  <c r="K4449" i="2"/>
  <c r="K4423" i="5" s="1"/>
  <c r="M4449" i="2"/>
  <c r="M4423" i="5" s="1"/>
  <c r="P4423" i="5" s="1"/>
  <c r="L4449" i="2"/>
  <c r="L4423" i="5" s="1"/>
  <c r="J4449" i="2"/>
  <c r="J4423" i="5" s="1"/>
  <c r="N4423" i="5" s="1"/>
  <c r="J3761" i="2"/>
  <c r="J3735" i="5" s="1"/>
  <c r="N3735" i="5" s="1"/>
  <c r="L3761" i="2"/>
  <c r="L3735" i="5" s="1"/>
  <c r="K3761" i="2"/>
  <c r="K3735" i="5" s="1"/>
  <c r="M3761" i="2"/>
  <c r="M3735" i="5" s="1"/>
  <c r="P3735" i="5" s="1"/>
  <c r="I3761" i="2"/>
  <c r="I3735" i="5" s="1"/>
  <c r="J7981" i="2"/>
  <c r="J7955" i="5" s="1"/>
  <c r="N7955" i="5" s="1"/>
  <c r="L7981" i="2"/>
  <c r="L7955" i="5" s="1"/>
  <c r="I7933" i="2"/>
  <c r="I7907" i="5" s="1"/>
  <c r="K7933" i="2"/>
  <c r="K7907" i="5" s="1"/>
  <c r="J7933" i="2"/>
  <c r="J7907" i="5" s="1"/>
  <c r="N7907" i="5" s="1"/>
  <c r="AR321" i="1"/>
  <c r="M551" i="2"/>
  <c r="M525" i="5" s="1"/>
  <c r="P525" i="5" s="1"/>
  <c r="J551" i="2"/>
  <c r="J525" i="5" s="1"/>
  <c r="N525" i="5" s="1"/>
  <c r="L551" i="2"/>
  <c r="L525" i="5" s="1"/>
  <c r="I551" i="2"/>
  <c r="I525" i="5" s="1"/>
  <c r="K551" i="2"/>
  <c r="K525" i="5" s="1"/>
  <c r="J954" i="2"/>
  <c r="J928" i="5" s="1"/>
  <c r="N928" i="5" s="1"/>
  <c r="L954" i="2"/>
  <c r="L928" i="5" s="1"/>
  <c r="M954" i="2"/>
  <c r="M928" i="5" s="1"/>
  <c r="P928" i="5" s="1"/>
  <c r="I954" i="2"/>
  <c r="I928" i="5" s="1"/>
  <c r="K954" i="2"/>
  <c r="K928" i="5" s="1"/>
  <c r="C228" i="5"/>
  <c r="AR222" i="1"/>
  <c r="M4506" i="2"/>
  <c r="M4480" i="5" s="1"/>
  <c r="P4480" i="5" s="1"/>
  <c r="K1155" i="2"/>
  <c r="K1129" i="5" s="1"/>
  <c r="J1155" i="2"/>
  <c r="J1129" i="5" s="1"/>
  <c r="N1129" i="5" s="1"/>
  <c r="L1155" i="2"/>
  <c r="L1129" i="5" s="1"/>
  <c r="I1155" i="2"/>
  <c r="I1129" i="5" s="1"/>
  <c r="M4661" i="2"/>
  <c r="M4635" i="5" s="1"/>
  <c r="P4635" i="5" s="1"/>
  <c r="K4661" i="2"/>
  <c r="K4635" i="5" s="1"/>
  <c r="M1739" i="2"/>
  <c r="M1713" i="5" s="1"/>
  <c r="P1713" i="5" s="1"/>
  <c r="K1739" i="2"/>
  <c r="K1713" i="5" s="1"/>
  <c r="I1756" i="2"/>
  <c r="I1730" i="5" s="1"/>
  <c r="J1756" i="2"/>
  <c r="J1730" i="5" s="1"/>
  <c r="N1730" i="5" s="1"/>
  <c r="K1756" i="2"/>
  <c r="K1730" i="5" s="1"/>
  <c r="M1756" i="2"/>
  <c r="M1730" i="5" s="1"/>
  <c r="P1730" i="5" s="1"/>
  <c r="M7544" i="2"/>
  <c r="M7518" i="5" s="1"/>
  <c r="P7518" i="5" s="1"/>
  <c r="L7544" i="2"/>
  <c r="L7518" i="5" s="1"/>
  <c r="I7544" i="2"/>
  <c r="I7518" i="5" s="1"/>
  <c r="K7544" i="2"/>
  <c r="K7518" i="5" s="1"/>
  <c r="K2952" i="2"/>
  <c r="K2926" i="5" s="1"/>
  <c r="J2952" i="2"/>
  <c r="J2926" i="5" s="1"/>
  <c r="N2926" i="5" s="1"/>
  <c r="M2952" i="2"/>
  <c r="M2926" i="5" s="1"/>
  <c r="P2926" i="5" s="1"/>
  <c r="J4655" i="2"/>
  <c r="J4629" i="5" s="1"/>
  <c r="N4629" i="5" s="1"/>
  <c r="K4655" i="2"/>
  <c r="K4629" i="5" s="1"/>
  <c r="I4655" i="2"/>
  <c r="I4629" i="5" s="1"/>
  <c r="J5417" i="2"/>
  <c r="J5391" i="5" s="1"/>
  <c r="N5391" i="5" s="1"/>
  <c r="M5417" i="2"/>
  <c r="M5391" i="5" s="1"/>
  <c r="P5391" i="5" s="1"/>
  <c r="K1744" i="2"/>
  <c r="K1718" i="5" s="1"/>
  <c r="M1744" i="2"/>
  <c r="M1718" i="5" s="1"/>
  <c r="P1718" i="5" s="1"/>
  <c r="L1744" i="2"/>
  <c r="L1718" i="5" s="1"/>
  <c r="I1744" i="2"/>
  <c r="I1718" i="5" s="1"/>
  <c r="J1744" i="2"/>
  <c r="J1718" i="5" s="1"/>
  <c r="N1718" i="5" s="1"/>
  <c r="M2068" i="2"/>
  <c r="M2042" i="5" s="1"/>
  <c r="P2042" i="5" s="1"/>
  <c r="I2068" i="2"/>
  <c r="I2042" i="5" s="1"/>
  <c r="J2068" i="2"/>
  <c r="J2042" i="5" s="1"/>
  <c r="N2042" i="5" s="1"/>
  <c r="J8553" i="2"/>
  <c r="J8527" i="5" s="1"/>
  <c r="N8527" i="5" s="1"/>
  <c r="L8553" i="2"/>
  <c r="L8527" i="5" s="1"/>
  <c r="I8553" i="2"/>
  <c r="I8527" i="5" s="1"/>
  <c r="M8553" i="2"/>
  <c r="M8527" i="5" s="1"/>
  <c r="P8527" i="5" s="1"/>
  <c r="J8306" i="2"/>
  <c r="J8280" i="5" s="1"/>
  <c r="N8280" i="5" s="1"/>
  <c r="L8306" i="2"/>
  <c r="L8280" i="5" s="1"/>
  <c r="K8306" i="2"/>
  <c r="K8280" i="5" s="1"/>
  <c r="M8306" i="2"/>
  <c r="M8280" i="5" s="1"/>
  <c r="P8280" i="5" s="1"/>
  <c r="K1430" i="2"/>
  <c r="K1404" i="5" s="1"/>
  <c r="J1430" i="2"/>
  <c r="J1404" i="5" s="1"/>
  <c r="N1404" i="5" s="1"/>
  <c r="L1430" i="2"/>
  <c r="L1404" i="5" s="1"/>
  <c r="M1430" i="2"/>
  <c r="M1404" i="5" s="1"/>
  <c r="P1404" i="5" s="1"/>
  <c r="J1757" i="2"/>
  <c r="J1731" i="5" s="1"/>
  <c r="N1731" i="5" s="1"/>
  <c r="L1757" i="2"/>
  <c r="L1731" i="5" s="1"/>
  <c r="I2155" i="2"/>
  <c r="I2129" i="5" s="1"/>
  <c r="J2155" i="2"/>
  <c r="J2129" i="5" s="1"/>
  <c r="N2129" i="5" s="1"/>
  <c r="K2155" i="2"/>
  <c r="K2129" i="5" s="1"/>
  <c r="J6175" i="2"/>
  <c r="J6149" i="5" s="1"/>
  <c r="N6149" i="5" s="1"/>
  <c r="K6175" i="2"/>
  <c r="K6149" i="5" s="1"/>
  <c r="I6175" i="2"/>
  <c r="I6149" i="5" s="1"/>
  <c r="L6175" i="2"/>
  <c r="L6149" i="5" s="1"/>
  <c r="M6175" i="2"/>
  <c r="M6149" i="5" s="1"/>
  <c r="P6149" i="5" s="1"/>
  <c r="L7527" i="2"/>
  <c r="L7501" i="5" s="1"/>
  <c r="I7527" i="2"/>
  <c r="I7501" i="5" s="1"/>
  <c r="K7527" i="2"/>
  <c r="K7501" i="5" s="1"/>
  <c r="M7527" i="2"/>
  <c r="M7501" i="5" s="1"/>
  <c r="P7501" i="5" s="1"/>
  <c r="J7527" i="2"/>
  <c r="J7501" i="5" s="1"/>
  <c r="N7501" i="5" s="1"/>
  <c r="L3841" i="2"/>
  <c r="L3815" i="5" s="1"/>
  <c r="I3841" i="2"/>
  <c r="I3815" i="5" s="1"/>
  <c r="K450" i="2"/>
  <c r="K424" i="5" s="1"/>
  <c r="M450" i="2"/>
  <c r="M424" i="5" s="1"/>
  <c r="P424" i="5" s="1"/>
  <c r="I450" i="2"/>
  <c r="I424" i="5" s="1"/>
  <c r="L450" i="2"/>
  <c r="L424" i="5" s="1"/>
  <c r="J450" i="2"/>
  <c r="J424" i="5" s="1"/>
  <c r="N424" i="5" s="1"/>
  <c r="J1235" i="2"/>
  <c r="J1209" i="5" s="1"/>
  <c r="N1209" i="5" s="1"/>
  <c r="M1235" i="2"/>
  <c r="M1209" i="5" s="1"/>
  <c r="P1209" i="5" s="1"/>
  <c r="I1488" i="2"/>
  <c r="I1462" i="5" s="1"/>
  <c r="M1488" i="2"/>
  <c r="M1462" i="5" s="1"/>
  <c r="P1462" i="5" s="1"/>
  <c r="K1488" i="2"/>
  <c r="K1462" i="5" s="1"/>
  <c r="O1462" i="5" s="1"/>
  <c r="L1659" i="2"/>
  <c r="L1633" i="5" s="1"/>
  <c r="M1659" i="2"/>
  <c r="M1633" i="5" s="1"/>
  <c r="P1633" i="5" s="1"/>
  <c r="L8368" i="2"/>
  <c r="L8342" i="5" s="1"/>
  <c r="I8368" i="2"/>
  <c r="I8342" i="5" s="1"/>
  <c r="J8368" i="2"/>
  <c r="J8342" i="5" s="1"/>
  <c r="N8342" i="5" s="1"/>
  <c r="M8368" i="2"/>
  <c r="M8342" i="5" s="1"/>
  <c r="P8342" i="5" s="1"/>
  <c r="L8170" i="2"/>
  <c r="L8144" i="5" s="1"/>
  <c r="K8170" i="2"/>
  <c r="K8144" i="5" s="1"/>
  <c r="I5361" i="2"/>
  <c r="I5335" i="5" s="1"/>
  <c r="M5361" i="2"/>
  <c r="M5335" i="5" s="1"/>
  <c r="P5335" i="5" s="1"/>
  <c r="K5361" i="2"/>
  <c r="K5335" i="5" s="1"/>
  <c r="L5361" i="2"/>
  <c r="L5335" i="5" s="1"/>
  <c r="J5361" i="2"/>
  <c r="J5335" i="5" s="1"/>
  <c r="N5335" i="5" s="1"/>
  <c r="M1801" i="2"/>
  <c r="M1775" i="5" s="1"/>
  <c r="P1775" i="5" s="1"/>
  <c r="I1801" i="2"/>
  <c r="I1775" i="5" s="1"/>
  <c r="J1801" i="2"/>
  <c r="J1775" i="5" s="1"/>
  <c r="N1775" i="5" s="1"/>
  <c r="L5075" i="2"/>
  <c r="L5049" i="5" s="1"/>
  <c r="M6591" i="2"/>
  <c r="M6565" i="5" s="1"/>
  <c r="P6565" i="5" s="1"/>
  <c r="I6591" i="2"/>
  <c r="I6565" i="5" s="1"/>
  <c r="J4502" i="2"/>
  <c r="J4476" i="5" s="1"/>
  <c r="N4476" i="5" s="1"/>
  <c r="M4502" i="2"/>
  <c r="M4476" i="5" s="1"/>
  <c r="P4476" i="5" s="1"/>
  <c r="K4502" i="2"/>
  <c r="K4476" i="5" s="1"/>
  <c r="I4502" i="2"/>
  <c r="I4476" i="5" s="1"/>
  <c r="L4502" i="2"/>
  <c r="L4476" i="5" s="1"/>
  <c r="K7493" i="2"/>
  <c r="K7467" i="5" s="1"/>
  <c r="L8550" i="2"/>
  <c r="L8524" i="5" s="1"/>
  <c r="I140" i="2"/>
  <c r="I114" i="5" s="1"/>
  <c r="J5449" i="2"/>
  <c r="J5423" i="5" s="1"/>
  <c r="N5423" i="5" s="1"/>
  <c r="I4420" i="2"/>
  <c r="I4394" i="5" s="1"/>
  <c r="L2294" i="2"/>
  <c r="L2268" i="5" s="1"/>
  <c r="M1830" i="2"/>
  <c r="M1804" i="5" s="1"/>
  <c r="P1804" i="5" s="1"/>
  <c r="J7171" i="2"/>
  <c r="J7145" i="5" s="1"/>
  <c r="N7145" i="5" s="1"/>
  <c r="L4353" i="2"/>
  <c r="L4327" i="5" s="1"/>
  <c r="I1598" i="2"/>
  <c r="I1572" i="5" s="1"/>
  <c r="M7952" i="2"/>
  <c r="M7926" i="5" s="1"/>
  <c r="P7926" i="5" s="1"/>
  <c r="M584" i="2"/>
  <c r="M558" i="5" s="1"/>
  <c r="P558" i="5" s="1"/>
  <c r="K1420" i="2"/>
  <c r="K1394" i="5" s="1"/>
  <c r="I2825" i="2"/>
  <c r="I2799" i="5" s="1"/>
  <c r="J41" i="2"/>
  <c r="J15" i="5" s="1"/>
  <c r="N15" i="5" s="1"/>
  <c r="I5295" i="2"/>
  <c r="I5269" i="5" s="1"/>
  <c r="K5295" i="2"/>
  <c r="K5269" i="5" s="1"/>
  <c r="J5295" i="2"/>
  <c r="J5269" i="5" s="1"/>
  <c r="N5269" i="5" s="1"/>
  <c r="M5295" i="2"/>
  <c r="M5269" i="5" s="1"/>
  <c r="P5269" i="5" s="1"/>
  <c r="K1662" i="2"/>
  <c r="K1636" i="5" s="1"/>
  <c r="O1636" i="5" s="1"/>
  <c r="J1662" i="2"/>
  <c r="J1636" i="5" s="1"/>
  <c r="N1636" i="5" s="1"/>
  <c r="J1644" i="2"/>
  <c r="J1618" i="5" s="1"/>
  <c r="N1618" i="5" s="1"/>
  <c r="K1644" i="2"/>
  <c r="K1618" i="5" s="1"/>
  <c r="O1618" i="5" s="1"/>
  <c r="J560" i="2"/>
  <c r="J534" i="5" s="1"/>
  <c r="N534" i="5" s="1"/>
  <c r="M560" i="2"/>
  <c r="M534" i="5" s="1"/>
  <c r="P534" i="5" s="1"/>
  <c r="I560" i="2"/>
  <c r="I534" i="5" s="1"/>
  <c r="K560" i="2"/>
  <c r="K534" i="5" s="1"/>
  <c r="I8130" i="2"/>
  <c r="I8104" i="5" s="1"/>
  <c r="K8130" i="2"/>
  <c r="K8104" i="5" s="1"/>
  <c r="M8130" i="2"/>
  <c r="M8104" i="5" s="1"/>
  <c r="P8104" i="5" s="1"/>
  <c r="J8130" i="2"/>
  <c r="J8104" i="5" s="1"/>
  <c r="N8104" i="5" s="1"/>
  <c r="M2301" i="2"/>
  <c r="M2275" i="5" s="1"/>
  <c r="P2275" i="5" s="1"/>
  <c r="L2301" i="2"/>
  <c r="L2275" i="5" s="1"/>
  <c r="K2301" i="2"/>
  <c r="K2275" i="5" s="1"/>
  <c r="I2301" i="2"/>
  <c r="I2275" i="5" s="1"/>
  <c r="M85" i="2"/>
  <c r="M59" i="5" s="1"/>
  <c r="P59" i="5" s="1"/>
  <c r="J85" i="2"/>
  <c r="J59" i="5" s="1"/>
  <c r="N59" i="5" s="1"/>
  <c r="I85" i="2"/>
  <c r="I59" i="5" s="1"/>
  <c r="K85" i="2"/>
  <c r="K59" i="5" s="1"/>
  <c r="O59" i="5" s="1"/>
  <c r="I6940" i="2"/>
  <c r="I6914" i="5" s="1"/>
  <c r="L6940" i="2"/>
  <c r="L6914" i="5" s="1"/>
  <c r="M6940" i="2"/>
  <c r="M6914" i="5" s="1"/>
  <c r="P6914" i="5" s="1"/>
  <c r="M2940" i="2"/>
  <c r="M2914" i="5" s="1"/>
  <c r="P2914" i="5" s="1"/>
  <c r="J2940" i="2"/>
  <c r="J2914" i="5" s="1"/>
  <c r="N2914" i="5" s="1"/>
  <c r="M3994" i="2"/>
  <c r="M3968" i="5" s="1"/>
  <c r="P3968" i="5" s="1"/>
  <c r="J3994" i="2"/>
  <c r="J3968" i="5" s="1"/>
  <c r="N3968" i="5" s="1"/>
  <c r="K3994" i="2"/>
  <c r="K3968" i="5" s="1"/>
  <c r="I6423" i="2"/>
  <c r="I6397" i="5" s="1"/>
  <c r="K6423" i="2"/>
  <c r="K6397" i="5" s="1"/>
  <c r="O6397" i="5" s="1"/>
  <c r="J6423" i="2"/>
  <c r="J6397" i="5" s="1"/>
  <c r="N6397" i="5" s="1"/>
  <c r="M6423" i="2"/>
  <c r="M6397" i="5" s="1"/>
  <c r="P6397" i="5" s="1"/>
  <c r="K1989" i="2"/>
  <c r="K1963" i="5" s="1"/>
  <c r="I1989" i="2"/>
  <c r="I1963" i="5" s="1"/>
  <c r="J1989" i="2"/>
  <c r="J1963" i="5" s="1"/>
  <c r="N1963" i="5" s="1"/>
  <c r="M1989" i="2"/>
  <c r="M1963" i="5" s="1"/>
  <c r="P1963" i="5" s="1"/>
  <c r="L1989" i="2"/>
  <c r="L1963" i="5" s="1"/>
  <c r="I5852" i="2"/>
  <c r="I5826" i="5" s="1"/>
  <c r="M5852" i="2"/>
  <c r="M5826" i="5" s="1"/>
  <c r="P5826" i="5" s="1"/>
  <c r="L6998" i="2"/>
  <c r="L6972" i="5" s="1"/>
  <c r="I6998" i="2"/>
  <c r="I6972" i="5" s="1"/>
  <c r="J6998" i="2"/>
  <c r="J6972" i="5" s="1"/>
  <c r="N6972" i="5" s="1"/>
  <c r="M6618" i="2"/>
  <c r="M6592" i="5" s="1"/>
  <c r="P6592" i="5" s="1"/>
  <c r="J6618" i="2"/>
  <c r="J6592" i="5" s="1"/>
  <c r="N6592" i="5" s="1"/>
  <c r="L6618" i="2"/>
  <c r="L6592" i="5" s="1"/>
  <c r="I6618" i="2"/>
  <c r="I6592" i="5" s="1"/>
  <c r="K74" i="2"/>
  <c r="K48" i="5" s="1"/>
  <c r="M74" i="2"/>
  <c r="M48" i="5" s="1"/>
  <c r="P48" i="5" s="1"/>
  <c r="I74" i="2"/>
  <c r="I48" i="5" s="1"/>
  <c r="J52" i="2"/>
  <c r="J26" i="5" s="1"/>
  <c r="N26" i="5" s="1"/>
  <c r="K52" i="2"/>
  <c r="K26" i="5" s="1"/>
  <c r="I52" i="2"/>
  <c r="I26" i="5" s="1"/>
  <c r="J3336" i="2"/>
  <c r="J3310" i="5" s="1"/>
  <c r="N3310" i="5" s="1"/>
  <c r="M3336" i="2"/>
  <c r="M3310" i="5" s="1"/>
  <c r="P3310" i="5" s="1"/>
  <c r="J1417" i="2"/>
  <c r="J1391" i="5" s="1"/>
  <c r="N1391" i="5" s="1"/>
  <c r="M1417" i="2"/>
  <c r="M1391" i="5" s="1"/>
  <c r="P1391" i="5" s="1"/>
  <c r="K1417" i="2"/>
  <c r="K1391" i="5" s="1"/>
  <c r="I1417" i="2"/>
  <c r="I1391" i="5" s="1"/>
  <c r="L1417" i="2"/>
  <c r="L1391" i="5" s="1"/>
  <c r="M373" i="2"/>
  <c r="M347" i="5" s="1"/>
  <c r="P347" i="5" s="1"/>
  <c r="L373" i="2"/>
  <c r="L347" i="5" s="1"/>
  <c r="J373" i="2"/>
  <c r="J347" i="5" s="1"/>
  <c r="N347" i="5" s="1"/>
  <c r="K373" i="2"/>
  <c r="K347" i="5" s="1"/>
  <c r="I373" i="2"/>
  <c r="I347" i="5" s="1"/>
  <c r="L4852" i="2"/>
  <c r="L4826" i="5" s="1"/>
  <c r="K4852" i="2"/>
  <c r="K4826" i="5" s="1"/>
  <c r="J4852" i="2"/>
  <c r="J4826" i="5" s="1"/>
  <c r="N4826" i="5" s="1"/>
  <c r="I4852" i="2"/>
  <c r="I4826" i="5" s="1"/>
  <c r="M4852" i="2"/>
  <c r="M4826" i="5" s="1"/>
  <c r="P4826" i="5" s="1"/>
  <c r="M987" i="2"/>
  <c r="M961" i="5" s="1"/>
  <c r="P961" i="5" s="1"/>
  <c r="K8460" i="2"/>
  <c r="K8434" i="5" s="1"/>
  <c r="L3463" i="2"/>
  <c r="L3437" i="5" s="1"/>
  <c r="I3463" i="2"/>
  <c r="I3437" i="5" s="1"/>
  <c r="J3463" i="2"/>
  <c r="J3437" i="5" s="1"/>
  <c r="N3437" i="5" s="1"/>
  <c r="I1657" i="2"/>
  <c r="I1631" i="5" s="1"/>
  <c r="L1657" i="2"/>
  <c r="L1631" i="5" s="1"/>
  <c r="J1657" i="2"/>
  <c r="J1631" i="5" s="1"/>
  <c r="N1631" i="5" s="1"/>
  <c r="M2302" i="2"/>
  <c r="M2276" i="5" s="1"/>
  <c r="P2276" i="5" s="1"/>
  <c r="J2302" i="2"/>
  <c r="J2276" i="5" s="1"/>
  <c r="N2276" i="5" s="1"/>
  <c r="K2302" i="2"/>
  <c r="K2276" i="5" s="1"/>
  <c r="O2276" i="5" s="1"/>
  <c r="L6844" i="2"/>
  <c r="L6818" i="5" s="1"/>
  <c r="J6844" i="2"/>
  <c r="J6818" i="5" s="1"/>
  <c r="N6818" i="5" s="1"/>
  <c r="M6844" i="2"/>
  <c r="M6818" i="5" s="1"/>
  <c r="P6818" i="5" s="1"/>
  <c r="M6655" i="2"/>
  <c r="M6629" i="5" s="1"/>
  <c r="P6629" i="5" s="1"/>
  <c r="L6655" i="2"/>
  <c r="L6629" i="5" s="1"/>
  <c r="J2304" i="2"/>
  <c r="J2278" i="5" s="1"/>
  <c r="N2278" i="5" s="1"/>
  <c r="K2304" i="2"/>
  <c r="K2278" i="5" s="1"/>
  <c r="L2304" i="2"/>
  <c r="L2278" i="5" s="1"/>
  <c r="I2754" i="2"/>
  <c r="I2728" i="5" s="1"/>
  <c r="M2754" i="2"/>
  <c r="M2728" i="5" s="1"/>
  <c r="P2728" i="5" s="1"/>
  <c r="K2754" i="2"/>
  <c r="K2728" i="5" s="1"/>
  <c r="K1595" i="2"/>
  <c r="K1569" i="5" s="1"/>
  <c r="L1595" i="2"/>
  <c r="L1569" i="5" s="1"/>
  <c r="M1595" i="2"/>
  <c r="M1569" i="5" s="1"/>
  <c r="P1569" i="5" s="1"/>
  <c r="I1595" i="2"/>
  <c r="I1569" i="5" s="1"/>
  <c r="J1595" i="2"/>
  <c r="J1569" i="5" s="1"/>
  <c r="N1569" i="5" s="1"/>
  <c r="K141" i="2"/>
  <c r="K115" i="5" s="1"/>
  <c r="J141" i="2"/>
  <c r="J115" i="5" s="1"/>
  <c r="N115" i="5" s="1"/>
  <c r="M141" i="2"/>
  <c r="M115" i="5" s="1"/>
  <c r="P115" i="5" s="1"/>
  <c r="I141" i="2"/>
  <c r="I115" i="5" s="1"/>
  <c r="J4010" i="2"/>
  <c r="J3984" i="5" s="1"/>
  <c r="N3984" i="5" s="1"/>
  <c r="L4010" i="2"/>
  <c r="L3984" i="5" s="1"/>
  <c r="M4010" i="2"/>
  <c r="M3984" i="5" s="1"/>
  <c r="P3984" i="5" s="1"/>
  <c r="K4010" i="2"/>
  <c r="K3984" i="5" s="1"/>
  <c r="J7000" i="2"/>
  <c r="J6974" i="5" s="1"/>
  <c r="N6974" i="5" s="1"/>
  <c r="M7000" i="2"/>
  <c r="M6974" i="5" s="1"/>
  <c r="P6974" i="5" s="1"/>
  <c r="L7000" i="2"/>
  <c r="L6974" i="5" s="1"/>
  <c r="K7000" i="2"/>
  <c r="K6974" i="5" s="1"/>
  <c r="M3335" i="2"/>
  <c r="M3309" i="5" s="1"/>
  <c r="P3309" i="5" s="1"/>
  <c r="L3335" i="2"/>
  <c r="L3309" i="5" s="1"/>
  <c r="K3335" i="2"/>
  <c r="K3309" i="5" s="1"/>
  <c r="I3335" i="2"/>
  <c r="I3309" i="5" s="1"/>
  <c r="J3335" i="2"/>
  <c r="J3309" i="5" s="1"/>
  <c r="N3309" i="5" s="1"/>
  <c r="K3649" i="2"/>
  <c r="K3623" i="5" s="1"/>
  <c r="L3649" i="2"/>
  <c r="L3623" i="5" s="1"/>
  <c r="J3649" i="2"/>
  <c r="J3623" i="5" s="1"/>
  <c r="N3623" i="5" s="1"/>
  <c r="I3649" i="2"/>
  <c r="I3623" i="5" s="1"/>
  <c r="M6103" i="2"/>
  <c r="M6077" i="5" s="1"/>
  <c r="P6077" i="5" s="1"/>
  <c r="K6103" i="2"/>
  <c r="K6077" i="5" s="1"/>
  <c r="L6103" i="2"/>
  <c r="L6077" i="5" s="1"/>
  <c r="J6103" i="2"/>
  <c r="J6077" i="5" s="1"/>
  <c r="N6077" i="5" s="1"/>
  <c r="I6103" i="2"/>
  <c r="I6077" i="5" s="1"/>
  <c r="C95" i="5"/>
  <c r="AR89" i="1"/>
  <c r="I5006" i="2"/>
  <c r="I4980" i="5" s="1"/>
  <c r="L5006" i="2"/>
  <c r="L4980" i="5" s="1"/>
  <c r="K5006" i="2"/>
  <c r="K4980" i="5" s="1"/>
  <c r="J5006" i="2"/>
  <c r="J4980" i="5" s="1"/>
  <c r="N4980" i="5" s="1"/>
  <c r="M5006" i="2"/>
  <c r="M4980" i="5" s="1"/>
  <c r="P4980" i="5" s="1"/>
  <c r="I44" i="2"/>
  <c r="I18" i="5" s="1"/>
  <c r="J44" i="2"/>
  <c r="J18" i="5" s="1"/>
  <c r="N18" i="5" s="1"/>
  <c r="K44" i="2"/>
  <c r="K18" i="5" s="1"/>
  <c r="L44" i="2"/>
  <c r="L18" i="5" s="1"/>
  <c r="M44" i="2"/>
  <c r="M18" i="5" s="1"/>
  <c r="P18" i="5" s="1"/>
  <c r="M2735" i="2"/>
  <c r="M2709" i="5" s="1"/>
  <c r="P2709" i="5" s="1"/>
  <c r="I2735" i="2"/>
  <c r="I2709" i="5" s="1"/>
  <c r="K2735" i="2"/>
  <c r="K2709" i="5" s="1"/>
  <c r="O2709" i="5" s="1"/>
  <c r="M2288" i="2"/>
  <c r="M2262" i="5" s="1"/>
  <c r="P2262" i="5" s="1"/>
  <c r="L2288" i="2"/>
  <c r="L2262" i="5" s="1"/>
  <c r="K2288" i="2"/>
  <c r="K2262" i="5" s="1"/>
  <c r="J2288" i="2"/>
  <c r="J2262" i="5" s="1"/>
  <c r="N2262" i="5" s="1"/>
  <c r="L2275" i="2"/>
  <c r="L2249" i="5" s="1"/>
  <c r="M2275" i="2"/>
  <c r="M2249" i="5" s="1"/>
  <c r="P2249" i="5" s="1"/>
  <c r="I2275" i="2"/>
  <c r="I2249" i="5" s="1"/>
  <c r="K2275" i="2"/>
  <c r="K2249" i="5" s="1"/>
  <c r="J2275" i="2"/>
  <c r="J2249" i="5" s="1"/>
  <c r="N2249" i="5" s="1"/>
  <c r="I1994" i="2"/>
  <c r="I1968" i="5" s="1"/>
  <c r="K1994" i="2"/>
  <c r="K1968" i="5" s="1"/>
  <c r="L1994" i="2"/>
  <c r="L1968" i="5" s="1"/>
  <c r="J1994" i="2"/>
  <c r="J1968" i="5" s="1"/>
  <c r="N1968" i="5" s="1"/>
  <c r="M1994" i="2"/>
  <c r="M1968" i="5" s="1"/>
  <c r="P1968" i="5" s="1"/>
  <c r="K6006" i="2"/>
  <c r="K5980" i="5" s="1"/>
  <c r="J6006" i="2"/>
  <c r="J5980" i="5" s="1"/>
  <c r="M6006" i="2"/>
  <c r="M5980" i="5" s="1"/>
  <c r="P5980" i="5" s="1"/>
  <c r="L6006" i="2"/>
  <c r="L5980" i="5" s="1"/>
  <c r="J1116" i="2"/>
  <c r="J1090" i="5" s="1"/>
  <c r="N1090" i="5" s="1"/>
  <c r="I1116" i="2"/>
  <c r="I1090" i="5" s="1"/>
  <c r="K1116" i="2"/>
  <c r="K1090" i="5" s="1"/>
  <c r="L1116" i="2"/>
  <c r="L1090" i="5" s="1"/>
  <c r="K2504" i="2"/>
  <c r="K2478" i="5" s="1"/>
  <c r="M2504" i="2"/>
  <c r="M2478" i="5" s="1"/>
  <c r="P2478" i="5" s="1"/>
  <c r="J2504" i="2"/>
  <c r="J2478" i="5" s="1"/>
  <c r="N2478" i="5" s="1"/>
  <c r="K6278" i="2"/>
  <c r="K6252" i="5" s="1"/>
  <c r="O6252" i="5" s="1"/>
  <c r="M6278" i="2"/>
  <c r="M6252" i="5" s="1"/>
  <c r="P6252" i="5" s="1"/>
  <c r="I6278" i="2"/>
  <c r="I6252" i="5" s="1"/>
  <c r="J2603" i="2"/>
  <c r="J2577" i="5" s="1"/>
  <c r="N2577" i="5" s="1"/>
  <c r="L2603" i="2"/>
  <c r="L2577" i="5" s="1"/>
  <c r="L2456" i="2"/>
  <c r="L2430" i="5" s="1"/>
  <c r="J2456" i="2"/>
  <c r="J2430" i="5" s="1"/>
  <c r="N2430" i="5" s="1"/>
  <c r="J8692" i="2"/>
  <c r="J8666" i="5" s="1"/>
  <c r="N8666" i="5" s="1"/>
  <c r="L8692" i="2"/>
  <c r="L8666" i="5" s="1"/>
  <c r="M8692" i="2"/>
  <c r="M8666" i="5" s="1"/>
  <c r="P8666" i="5" s="1"/>
  <c r="K8692" i="2"/>
  <c r="K8666" i="5" s="1"/>
  <c r="I8692" i="2"/>
  <c r="I8666" i="5" s="1"/>
  <c r="L568" i="2"/>
  <c r="L542" i="5" s="1"/>
  <c r="I568" i="2"/>
  <c r="I542" i="5" s="1"/>
  <c r="J568" i="2"/>
  <c r="J542" i="5" s="1"/>
  <c r="N542" i="5" s="1"/>
  <c r="L7464" i="2"/>
  <c r="L7438" i="5" s="1"/>
  <c r="I7464" i="2"/>
  <c r="I7438" i="5" s="1"/>
  <c r="M7464" i="2"/>
  <c r="M7438" i="5" s="1"/>
  <c r="P7438" i="5" s="1"/>
  <c r="K7464" i="2"/>
  <c r="K7438" i="5" s="1"/>
  <c r="M4496" i="2"/>
  <c r="M4470" i="5" s="1"/>
  <c r="P4470" i="5" s="1"/>
  <c r="K4496" i="2"/>
  <c r="K4470" i="5" s="1"/>
  <c r="O4470" i="5" s="1"/>
  <c r="L8379" i="2"/>
  <c r="L8353" i="5" s="1"/>
  <c r="I8379" i="2"/>
  <c r="I8353" i="5" s="1"/>
  <c r="K8379" i="2"/>
  <c r="K8353" i="5" s="1"/>
  <c r="I984" i="2"/>
  <c r="I958" i="5" s="1"/>
  <c r="M984" i="2"/>
  <c r="M958" i="5" s="1"/>
  <c r="P958" i="5" s="1"/>
  <c r="L984" i="2"/>
  <c r="L958" i="5" s="1"/>
  <c r="K984" i="2"/>
  <c r="K958" i="5" s="1"/>
  <c r="J2838" i="2"/>
  <c r="J2812" i="5" s="1"/>
  <c r="N2812" i="5" s="1"/>
  <c r="K2838" i="2"/>
  <c r="K2812" i="5" s="1"/>
  <c r="O2812" i="5" s="1"/>
  <c r="I2821" i="2"/>
  <c r="I2795" i="5" s="1"/>
  <c r="K2821" i="2"/>
  <c r="K2795" i="5" s="1"/>
  <c r="J2821" i="2"/>
  <c r="J2795" i="5" s="1"/>
  <c r="N2795" i="5" s="1"/>
  <c r="L2821" i="2"/>
  <c r="L2795" i="5" s="1"/>
  <c r="M2821" i="2"/>
  <c r="M2795" i="5" s="1"/>
  <c r="P2795" i="5" s="1"/>
  <c r="K4663" i="2"/>
  <c r="K4637" i="5" s="1"/>
  <c r="J4663" i="2"/>
  <c r="J4637" i="5" s="1"/>
  <c r="N4637" i="5" s="1"/>
  <c r="L4663" i="2"/>
  <c r="L4637" i="5" s="1"/>
  <c r="M4663" i="2"/>
  <c r="M4637" i="5" s="1"/>
  <c r="P4637" i="5" s="1"/>
  <c r="K4929" i="2"/>
  <c r="K4903" i="5" s="1"/>
  <c r="L4929" i="2"/>
  <c r="L4903" i="5" s="1"/>
  <c r="J4929" i="2"/>
  <c r="J4903" i="5" s="1"/>
  <c r="N4903" i="5" s="1"/>
  <c r="M4929" i="2"/>
  <c r="M4903" i="5" s="1"/>
  <c r="P4903" i="5" s="1"/>
  <c r="J645" i="2"/>
  <c r="J619" i="5" s="1"/>
  <c r="N619" i="5" s="1"/>
  <c r="M645" i="2"/>
  <c r="M619" i="5" s="1"/>
  <c r="P619" i="5" s="1"/>
  <c r="I4436" i="2"/>
  <c r="I4410" i="5" s="1"/>
  <c r="K4436" i="2"/>
  <c r="K4410" i="5" s="1"/>
  <c r="J4436" i="2"/>
  <c r="J4410" i="5" s="1"/>
  <c r="N4410" i="5" s="1"/>
  <c r="K6792" i="2"/>
  <c r="K6766" i="5" s="1"/>
  <c r="J6792" i="2"/>
  <c r="J6766" i="5" s="1"/>
  <c r="N6766" i="5" s="1"/>
  <c r="M6792" i="2"/>
  <c r="M6766" i="5" s="1"/>
  <c r="P6766" i="5" s="1"/>
  <c r="I6792" i="2"/>
  <c r="I6766" i="5" s="1"/>
  <c r="I6776" i="2"/>
  <c r="I6750" i="5" s="1"/>
  <c r="K6776" i="2"/>
  <c r="K6750" i="5" s="1"/>
  <c r="L6776" i="2"/>
  <c r="L6750" i="5" s="1"/>
  <c r="L231" i="2"/>
  <c r="L205" i="5" s="1"/>
  <c r="J231" i="2"/>
  <c r="J205" i="5" s="1"/>
  <c r="N205" i="5" s="1"/>
  <c r="I231" i="2"/>
  <c r="I205" i="5" s="1"/>
  <c r="I1484" i="2"/>
  <c r="I1458" i="5" s="1"/>
  <c r="K1484" i="2"/>
  <c r="K1458" i="5" s="1"/>
  <c r="O1458" i="5" s="1"/>
  <c r="L5766" i="2"/>
  <c r="L5740" i="5" s="1"/>
  <c r="M5766" i="2"/>
  <c r="M5740" i="5" s="1"/>
  <c r="P5740" i="5" s="1"/>
  <c r="J5766" i="2"/>
  <c r="J5740" i="5" s="1"/>
  <c r="N5740" i="5" s="1"/>
  <c r="K5766" i="2"/>
  <c r="K5740" i="5" s="1"/>
  <c r="J2245" i="2"/>
  <c r="J2219" i="5" s="1"/>
  <c r="N2219" i="5" s="1"/>
  <c r="L2245" i="2"/>
  <c r="L2219" i="5" s="1"/>
  <c r="M2245" i="2"/>
  <c r="M2219" i="5" s="1"/>
  <c r="P2219" i="5" s="1"/>
  <c r="K2245" i="2"/>
  <c r="K2219" i="5" s="1"/>
  <c r="M2236" i="2"/>
  <c r="M2210" i="5" s="1"/>
  <c r="P2210" i="5" s="1"/>
  <c r="I2236" i="2"/>
  <c r="I2210" i="5" s="1"/>
  <c r="L2236" i="2"/>
  <c r="L2210" i="5" s="1"/>
  <c r="K2236" i="2"/>
  <c r="K2210" i="5" s="1"/>
  <c r="J2236" i="2"/>
  <c r="J2210" i="5" s="1"/>
  <c r="N2210" i="5" s="1"/>
  <c r="J2811" i="2"/>
  <c r="J2785" i="5" s="1"/>
  <c r="N2785" i="5" s="1"/>
  <c r="L2811" i="2"/>
  <c r="L2785" i="5" s="1"/>
  <c r="K2811" i="2"/>
  <c r="K2785" i="5" s="1"/>
  <c r="L400" i="2"/>
  <c r="L374" i="5" s="1"/>
  <c r="J400" i="2"/>
  <c r="J374" i="5" s="1"/>
  <c r="N374" i="5" s="1"/>
  <c r="I400" i="2"/>
  <c r="I374" i="5" s="1"/>
  <c r="J7624" i="2"/>
  <c r="J7598" i="5" s="1"/>
  <c r="N7598" i="5" s="1"/>
  <c r="I7624" i="2"/>
  <c r="I7598" i="5" s="1"/>
  <c r="L7624" i="2"/>
  <c r="L7598" i="5" s="1"/>
  <c r="K7624" i="2"/>
  <c r="K7598" i="5" s="1"/>
  <c r="J7444" i="2"/>
  <c r="J7418" i="5" s="1"/>
  <c r="N7418" i="5" s="1"/>
  <c r="K7444" i="2"/>
  <c r="K7418" i="5" s="1"/>
  <c r="L7444" i="2"/>
  <c r="L7418" i="5" s="1"/>
  <c r="M7444" i="2"/>
  <c r="M7418" i="5" s="1"/>
  <c r="P7418" i="5" s="1"/>
  <c r="I7444" i="2"/>
  <c r="I7418" i="5" s="1"/>
  <c r="M7342" i="2"/>
  <c r="M7316" i="5" s="1"/>
  <c r="P7316" i="5" s="1"/>
  <c r="K7342" i="2"/>
  <c r="K7316" i="5" s="1"/>
  <c r="L7342" i="2"/>
  <c r="L7316" i="5" s="1"/>
  <c r="J7342" i="2"/>
  <c r="J7316" i="5" s="1"/>
  <c r="N7316" i="5" s="1"/>
  <c r="I7342" i="2"/>
  <c r="I7316" i="5" s="1"/>
  <c r="L5657" i="2"/>
  <c r="L5631" i="5" s="1"/>
  <c r="K5657" i="2"/>
  <c r="K5631" i="5" s="1"/>
  <c r="J5657" i="2"/>
  <c r="J5631" i="5" s="1"/>
  <c r="N5631" i="5" s="1"/>
  <c r="J2151" i="2"/>
  <c r="J2125" i="5" s="1"/>
  <c r="N2125" i="5" s="1"/>
  <c r="K2151" i="2"/>
  <c r="K2125" i="5" s="1"/>
  <c r="L2151" i="2"/>
  <c r="L2125" i="5" s="1"/>
  <c r="M2151" i="2"/>
  <c r="M2125" i="5" s="1"/>
  <c r="P2125" i="5" s="1"/>
  <c r="I2151" i="2"/>
  <c r="I2125" i="5" s="1"/>
  <c r="L6497" i="2"/>
  <c r="L6471" i="5" s="1"/>
  <c r="J6497" i="2"/>
  <c r="J6471" i="5" s="1"/>
  <c r="N6471" i="5" s="1"/>
  <c r="M6497" i="2"/>
  <c r="M6471" i="5" s="1"/>
  <c r="P6471" i="5" s="1"/>
  <c r="K6497" i="2"/>
  <c r="K6471" i="5" s="1"/>
  <c r="I6497" i="2"/>
  <c r="I6471" i="5" s="1"/>
  <c r="J1766" i="2"/>
  <c r="J1740" i="5" s="1"/>
  <c r="N1740" i="5" s="1"/>
  <c r="M1766" i="2"/>
  <c r="M1740" i="5" s="1"/>
  <c r="P1740" i="5" s="1"/>
  <c r="I1766" i="2"/>
  <c r="I1740" i="5" s="1"/>
  <c r="M1156" i="2"/>
  <c r="M1130" i="5" s="1"/>
  <c r="P1130" i="5" s="1"/>
  <c r="L1156" i="2"/>
  <c r="L1130" i="5" s="1"/>
  <c r="K1156" i="2"/>
  <c r="K1130" i="5" s="1"/>
  <c r="M1563" i="2"/>
  <c r="M1537" i="5" s="1"/>
  <c r="P1537" i="5" s="1"/>
  <c r="I1563" i="2"/>
  <c r="I1537" i="5" s="1"/>
  <c r="K1563" i="2"/>
  <c r="K1537" i="5" s="1"/>
  <c r="I4234" i="2"/>
  <c r="I4208" i="5" s="1"/>
  <c r="K4234" i="2"/>
  <c r="K4208" i="5" s="1"/>
  <c r="L4234" i="2"/>
  <c r="L4208" i="5" s="1"/>
  <c r="M4234" i="2"/>
  <c r="M4208" i="5" s="1"/>
  <c r="P4208" i="5" s="1"/>
  <c r="J4234" i="2"/>
  <c r="J4208" i="5" s="1"/>
  <c r="N4208" i="5" s="1"/>
  <c r="J5809" i="2"/>
  <c r="J5783" i="5" s="1"/>
  <c r="N5783" i="5" s="1"/>
  <c r="M5809" i="2"/>
  <c r="M5783" i="5" s="1"/>
  <c r="P5783" i="5" s="1"/>
  <c r="K5809" i="2"/>
  <c r="K5783" i="5" s="1"/>
  <c r="L613" i="2"/>
  <c r="L587" i="5" s="1"/>
  <c r="I613" i="2"/>
  <c r="I587" i="5" s="1"/>
  <c r="K613" i="2"/>
  <c r="K587" i="5" s="1"/>
  <c r="M613" i="2"/>
  <c r="M587" i="5" s="1"/>
  <c r="P587" i="5" s="1"/>
  <c r="K3626" i="2"/>
  <c r="K3600" i="5" s="1"/>
  <c r="L3626" i="2"/>
  <c r="L3600" i="5" s="1"/>
  <c r="J3626" i="2"/>
  <c r="J3600" i="5" s="1"/>
  <c r="N3600" i="5" s="1"/>
  <c r="I3626" i="2"/>
  <c r="I3600" i="5" s="1"/>
  <c r="J3166" i="2"/>
  <c r="J3140" i="5" s="1"/>
  <c r="N3140" i="5" s="1"/>
  <c r="K3166" i="2"/>
  <c r="K3140" i="5" s="1"/>
  <c r="I3166" i="2"/>
  <c r="I3140" i="5" s="1"/>
  <c r="L3166" i="2"/>
  <c r="L3140" i="5" s="1"/>
  <c r="M3247" i="2"/>
  <c r="M3221" i="5" s="1"/>
  <c r="P3221" i="5" s="1"/>
  <c r="L3247" i="2"/>
  <c r="L3221" i="5" s="1"/>
  <c r="I3247" i="2"/>
  <c r="I3221" i="5" s="1"/>
  <c r="K3247" i="2"/>
  <c r="K3221" i="5" s="1"/>
  <c r="J3247" i="2"/>
  <c r="J3221" i="5" s="1"/>
  <c r="N3221" i="5" s="1"/>
  <c r="L5113" i="2"/>
  <c r="L5087" i="5" s="1"/>
  <c r="J5113" i="2"/>
  <c r="J5087" i="5" s="1"/>
  <c r="N5087" i="5" s="1"/>
  <c r="M5113" i="2"/>
  <c r="M5087" i="5" s="1"/>
  <c r="P5087" i="5" s="1"/>
  <c r="J4498" i="2"/>
  <c r="J4472" i="5" s="1"/>
  <c r="N4472" i="5" s="1"/>
  <c r="M4498" i="2"/>
  <c r="M4472" i="5" s="1"/>
  <c r="P4472" i="5" s="1"/>
  <c r="K4498" i="2"/>
  <c r="K4472" i="5" s="1"/>
  <c r="O4472" i="5" s="1"/>
  <c r="J3736" i="2"/>
  <c r="J3710" i="5" s="1"/>
  <c r="N3710" i="5" s="1"/>
  <c r="L3736" i="2"/>
  <c r="L3710" i="5" s="1"/>
  <c r="M3736" i="2"/>
  <c r="M3710" i="5" s="1"/>
  <c r="P3710" i="5" s="1"/>
  <c r="I6343" i="2"/>
  <c r="I6317" i="5" s="1"/>
  <c r="L6343" i="2"/>
  <c r="L6317" i="5" s="1"/>
  <c r="J6343" i="2"/>
  <c r="J6317" i="5" s="1"/>
  <c r="N6317" i="5" s="1"/>
  <c r="M6343" i="2"/>
  <c r="M6317" i="5" s="1"/>
  <c r="P6317" i="5" s="1"/>
  <c r="K6343" i="2"/>
  <c r="K6317" i="5" s="1"/>
  <c r="M1143" i="2"/>
  <c r="M1117" i="5" s="1"/>
  <c r="P1117" i="5" s="1"/>
  <c r="K1143" i="2"/>
  <c r="K1117" i="5" s="1"/>
  <c r="L1143" i="2"/>
  <c r="L1117" i="5" s="1"/>
  <c r="I1143" i="2"/>
  <c r="I1117" i="5" s="1"/>
  <c r="J4664" i="2"/>
  <c r="J4638" i="5" s="1"/>
  <c r="N4638" i="5" s="1"/>
  <c r="K4664" i="2"/>
  <c r="K4638" i="5" s="1"/>
  <c r="O4638" i="5" s="1"/>
  <c r="M4664" i="2"/>
  <c r="M4638" i="5" s="1"/>
  <c r="P4638" i="5" s="1"/>
  <c r="I4664" i="2"/>
  <c r="I4638" i="5" s="1"/>
  <c r="AR314" i="1"/>
  <c r="C320" i="5"/>
  <c r="L2943" i="2"/>
  <c r="L2917" i="5" s="1"/>
  <c r="K2943" i="2"/>
  <c r="K2917" i="5" s="1"/>
  <c r="M2943" i="2"/>
  <c r="M2917" i="5" s="1"/>
  <c r="P2917" i="5" s="1"/>
  <c r="I3307" i="2"/>
  <c r="I3281" i="5" s="1"/>
  <c r="K3307" i="2"/>
  <c r="K3281" i="5" s="1"/>
  <c r="O3281" i="5" s="1"/>
  <c r="M3307" i="2"/>
  <c r="M3281" i="5" s="1"/>
  <c r="P3281" i="5" s="1"/>
  <c r="I8468" i="2"/>
  <c r="I8442" i="5" s="1"/>
  <c r="K8468" i="2"/>
  <c r="K8442" i="5" s="1"/>
  <c r="J8468" i="2"/>
  <c r="J8442" i="5" s="1"/>
  <c r="N8442" i="5" s="1"/>
  <c r="M8468" i="2"/>
  <c r="M8442" i="5" s="1"/>
  <c r="P8442" i="5" s="1"/>
  <c r="L8468" i="2"/>
  <c r="L8442" i="5" s="1"/>
  <c r="J4083" i="2"/>
  <c r="J4057" i="5" s="1"/>
  <c r="N4057" i="5" s="1"/>
  <c r="M4083" i="2"/>
  <c r="M4057" i="5" s="1"/>
  <c r="P4057" i="5" s="1"/>
  <c r="I4083" i="2"/>
  <c r="I4057" i="5" s="1"/>
  <c r="K4083" i="2"/>
  <c r="K4057" i="5" s="1"/>
  <c r="K2089" i="2"/>
  <c r="K2063" i="5" s="1"/>
  <c r="I2089" i="2"/>
  <c r="I2063" i="5" s="1"/>
  <c r="L2089" i="2"/>
  <c r="L2063" i="5" s="1"/>
  <c r="M2583" i="2"/>
  <c r="M2557" i="5" s="1"/>
  <c r="P2557" i="5" s="1"/>
  <c r="I2583" i="2"/>
  <c r="I2557" i="5" s="1"/>
  <c r="K2583" i="2"/>
  <c r="K2557" i="5" s="1"/>
  <c r="J4433" i="2"/>
  <c r="J4407" i="5" s="1"/>
  <c r="N4407" i="5" s="1"/>
  <c r="I4433" i="2"/>
  <c r="I4407" i="5" s="1"/>
  <c r="L4433" i="2"/>
  <c r="L4407" i="5" s="1"/>
  <c r="K4433" i="2"/>
  <c r="K4407" i="5" s="1"/>
  <c r="M4433" i="2"/>
  <c r="M4407" i="5" s="1"/>
  <c r="P4407" i="5" s="1"/>
  <c r="L77" i="2"/>
  <c r="L51" i="5" s="1"/>
  <c r="K77" i="2"/>
  <c r="K51" i="5" s="1"/>
  <c r="I77" i="2"/>
  <c r="I51" i="5" s="1"/>
  <c r="J77" i="2"/>
  <c r="J51" i="5" s="1"/>
  <c r="N51" i="5" s="1"/>
  <c r="M6166" i="2"/>
  <c r="M6140" i="5" s="1"/>
  <c r="P6140" i="5" s="1"/>
  <c r="I6166" i="2"/>
  <c r="I6140" i="5" s="1"/>
  <c r="K6166" i="2"/>
  <c r="K6140" i="5" s="1"/>
  <c r="L6166" i="2"/>
  <c r="L6140" i="5" s="1"/>
  <c r="J6166" i="2"/>
  <c r="J6140" i="5" s="1"/>
  <c r="N6140" i="5" s="1"/>
  <c r="K3427" i="2"/>
  <c r="K3401" i="5" s="1"/>
  <c r="J3427" i="2"/>
  <c r="J3401" i="5" s="1"/>
  <c r="N3401" i="5" s="1"/>
  <c r="L3427" i="2"/>
  <c r="L3401" i="5" s="1"/>
  <c r="I3427" i="2"/>
  <c r="I3401" i="5" s="1"/>
  <c r="M3427" i="2"/>
  <c r="M3401" i="5" s="1"/>
  <c r="P3401" i="5" s="1"/>
  <c r="K446" i="2"/>
  <c r="K420" i="5" s="1"/>
  <c r="J446" i="2"/>
  <c r="J420" i="5" s="1"/>
  <c r="N420" i="5" s="1"/>
  <c r="I446" i="2"/>
  <c r="I420" i="5" s="1"/>
  <c r="L446" i="2"/>
  <c r="L420" i="5" s="1"/>
  <c r="M446" i="2"/>
  <c r="M420" i="5" s="1"/>
  <c r="P420" i="5" s="1"/>
  <c r="I1249" i="2"/>
  <c r="I1223" i="5" s="1"/>
  <c r="K1249" i="2"/>
  <c r="K1223" i="5" s="1"/>
  <c r="O1223" i="5" s="1"/>
  <c r="J472" i="2"/>
  <c r="J446" i="5" s="1"/>
  <c r="N446" i="5" s="1"/>
  <c r="I472" i="2"/>
  <c r="I446" i="5" s="1"/>
  <c r="M472" i="2"/>
  <c r="M446" i="5" s="1"/>
  <c r="P446" i="5" s="1"/>
  <c r="L472" i="2"/>
  <c r="L446" i="5" s="1"/>
  <c r="K472" i="2"/>
  <c r="K446" i="5" s="1"/>
  <c r="J938" i="2"/>
  <c r="J912" i="5" s="1"/>
  <c r="N912" i="5" s="1"/>
  <c r="M938" i="2"/>
  <c r="M912" i="5" s="1"/>
  <c r="P912" i="5" s="1"/>
  <c r="I938" i="2"/>
  <c r="I912" i="5" s="1"/>
  <c r="M8375" i="2"/>
  <c r="M8349" i="5" s="1"/>
  <c r="P8349" i="5" s="1"/>
  <c r="I8375" i="2"/>
  <c r="I8349" i="5" s="1"/>
  <c r="L5614" i="2"/>
  <c r="L5588" i="5" s="1"/>
  <c r="M5614" i="2"/>
  <c r="M5588" i="5" s="1"/>
  <c r="P5588" i="5" s="1"/>
  <c r="I5614" i="2"/>
  <c r="I5588" i="5" s="1"/>
  <c r="J5614" i="2"/>
  <c r="J5588" i="5" s="1"/>
  <c r="N5588" i="5" s="1"/>
  <c r="K1796" i="2"/>
  <c r="K1770" i="5" s="1"/>
  <c r="O1770" i="5" s="1"/>
  <c r="I1796" i="2"/>
  <c r="I1770" i="5" s="1"/>
  <c r="J1796" i="2"/>
  <c r="J1770" i="5" s="1"/>
  <c r="N1770" i="5" s="1"/>
  <c r="K4087" i="2"/>
  <c r="K4061" i="5" s="1"/>
  <c r="J4087" i="2"/>
  <c r="J4061" i="5" s="1"/>
  <c r="N4061" i="5" s="1"/>
  <c r="I321" i="2"/>
  <c r="I295" i="5" s="1"/>
  <c r="K5689" i="2"/>
  <c r="K5663" i="5" s="1"/>
  <c r="J5689" i="2"/>
  <c r="J5663" i="5" s="1"/>
  <c r="N5663" i="5" s="1"/>
  <c r="K5174" i="2"/>
  <c r="K5148" i="5" s="1"/>
  <c r="L5174" i="2"/>
  <c r="L5148" i="5" s="1"/>
  <c r="J5174" i="2"/>
  <c r="J5148" i="5" s="1"/>
  <c r="N5148" i="5" s="1"/>
  <c r="M5174" i="2"/>
  <c r="M5148" i="5" s="1"/>
  <c r="P5148" i="5" s="1"/>
  <c r="I5174" i="2"/>
  <c r="I5148" i="5" s="1"/>
  <c r="I5782" i="2"/>
  <c r="I5756" i="5" s="1"/>
  <c r="J5782" i="2"/>
  <c r="J5756" i="5" s="1"/>
  <c r="N5756" i="5" s="1"/>
  <c r="L6000" i="2"/>
  <c r="L5974" i="5" s="1"/>
  <c r="I6000" i="2"/>
  <c r="I5974" i="5" s="1"/>
  <c r="J6000" i="2"/>
  <c r="J5974" i="5" s="1"/>
  <c r="N5974" i="5" s="1"/>
  <c r="I5770" i="2"/>
  <c r="I5744" i="5" s="1"/>
  <c r="K5770" i="2"/>
  <c r="K5744" i="5" s="1"/>
  <c r="L5770" i="2"/>
  <c r="L5744" i="5" s="1"/>
  <c r="M5770" i="2"/>
  <c r="M5744" i="5" s="1"/>
  <c r="P5744" i="5" s="1"/>
  <c r="J5770" i="2"/>
  <c r="J5744" i="5" s="1"/>
  <c r="N5744" i="5" s="1"/>
  <c r="K2640" i="2"/>
  <c r="K2614" i="5" s="1"/>
  <c r="J2640" i="2"/>
  <c r="J2614" i="5" s="1"/>
  <c r="N2614" i="5" s="1"/>
  <c r="M2640" i="2"/>
  <c r="M2614" i="5" s="1"/>
  <c r="P2614" i="5" s="1"/>
  <c r="M2743" i="2"/>
  <c r="M2717" i="5" s="1"/>
  <c r="P2717" i="5" s="1"/>
  <c r="I2743" i="2"/>
  <c r="I2717" i="5" s="1"/>
  <c r="L2743" i="2"/>
  <c r="L2717" i="5" s="1"/>
  <c r="K2743" i="2"/>
  <c r="K2717" i="5" s="1"/>
  <c r="I3666" i="2"/>
  <c r="I3640" i="5" s="1"/>
  <c r="L3666" i="2"/>
  <c r="L3640" i="5" s="1"/>
  <c r="K3666" i="2"/>
  <c r="K3640" i="5" s="1"/>
  <c r="J3666" i="2"/>
  <c r="J3640" i="5" s="1"/>
  <c r="N3640" i="5" s="1"/>
  <c r="M3666" i="2"/>
  <c r="M3640" i="5" s="1"/>
  <c r="P3640" i="5" s="1"/>
  <c r="J7123" i="2"/>
  <c r="J7097" i="5" s="1"/>
  <c r="N7097" i="5" s="1"/>
  <c r="I7123" i="2"/>
  <c r="I7097" i="5" s="1"/>
  <c r="K7123" i="2"/>
  <c r="K7097" i="5" s="1"/>
  <c r="I6655" i="2"/>
  <c r="I6629" i="5" s="1"/>
  <c r="L3734" i="2"/>
  <c r="L3708" i="5" s="1"/>
  <c r="I5475" i="2"/>
  <c r="I5449" i="5" s="1"/>
  <c r="J3443" i="2"/>
  <c r="J3417" i="5" s="1"/>
  <c r="N3417" i="5" s="1"/>
  <c r="L3299" i="2"/>
  <c r="L3273" i="5" s="1"/>
  <c r="M3299" i="2"/>
  <c r="M3273" i="5" s="1"/>
  <c r="P3273" i="5" s="1"/>
  <c r="K3299" i="2"/>
  <c r="K3273" i="5" s="1"/>
  <c r="M3339" i="2"/>
  <c r="M3313" i="5" s="1"/>
  <c r="P3313" i="5" s="1"/>
  <c r="I3306" i="2"/>
  <c r="I3280" i="5" s="1"/>
  <c r="J3306" i="2"/>
  <c r="J3280" i="5" s="1"/>
  <c r="N3280" i="5" s="1"/>
  <c r="L3306" i="2"/>
  <c r="L3280" i="5" s="1"/>
  <c r="J4081" i="2"/>
  <c r="J4055" i="5" s="1"/>
  <c r="M4081" i="2"/>
  <c r="M4055" i="5" s="1"/>
  <c r="P4055" i="5" s="1"/>
  <c r="K4081" i="2"/>
  <c r="K4055" i="5" s="1"/>
  <c r="O4055" i="5" s="1"/>
  <c r="I712" i="2"/>
  <c r="I686" i="5" s="1"/>
  <c r="L712" i="2"/>
  <c r="L686" i="5" s="1"/>
  <c r="J712" i="2"/>
  <c r="J686" i="5" s="1"/>
  <c r="N686" i="5" s="1"/>
  <c r="K720" i="2"/>
  <c r="K694" i="5" s="1"/>
  <c r="I720" i="2"/>
  <c r="I694" i="5" s="1"/>
  <c r="L720" i="2"/>
  <c r="L694" i="5" s="1"/>
  <c r="J720" i="2"/>
  <c r="J694" i="5" s="1"/>
  <c r="N694" i="5" s="1"/>
  <c r="M720" i="2"/>
  <c r="M694" i="5" s="1"/>
  <c r="P694" i="5" s="1"/>
  <c r="J8646" i="2"/>
  <c r="J8620" i="5" s="1"/>
  <c r="N8620" i="5" s="1"/>
  <c r="L8646" i="2"/>
  <c r="L8620" i="5" s="1"/>
  <c r="K8646" i="2"/>
  <c r="K8620" i="5" s="1"/>
  <c r="I8646" i="2"/>
  <c r="I8620" i="5" s="1"/>
  <c r="M8646" i="2"/>
  <c r="M8620" i="5" s="1"/>
  <c r="P8620" i="5" s="1"/>
  <c r="M1221" i="2"/>
  <c r="M1195" i="5" s="1"/>
  <c r="P1195" i="5" s="1"/>
  <c r="K1221" i="2"/>
  <c r="K1195" i="5" s="1"/>
  <c r="J1221" i="2"/>
  <c r="J1195" i="5" s="1"/>
  <c r="N1195" i="5" s="1"/>
  <c r="I1221" i="2"/>
  <c r="I1195" i="5" s="1"/>
  <c r="I4440" i="2"/>
  <c r="I4414" i="5" s="1"/>
  <c r="L4440" i="2"/>
  <c r="L4414" i="5" s="1"/>
  <c r="J4440" i="2"/>
  <c r="J4414" i="5" s="1"/>
  <c r="N4414" i="5" s="1"/>
  <c r="L2391" i="2"/>
  <c r="L2365" i="5" s="1"/>
  <c r="M2391" i="2"/>
  <c r="M2365" i="5" s="1"/>
  <c r="P2365" i="5" s="1"/>
  <c r="L60" i="2"/>
  <c r="L34" i="5" s="1"/>
  <c r="K60" i="2"/>
  <c r="K34" i="5" s="1"/>
  <c r="J60" i="2"/>
  <c r="J34" i="5" s="1"/>
  <c r="N34" i="5" s="1"/>
  <c r="M6769" i="2"/>
  <c r="M6743" i="5" s="1"/>
  <c r="P6743" i="5" s="1"/>
  <c r="L6769" i="2"/>
  <c r="L6743" i="5" s="1"/>
  <c r="L6418" i="2"/>
  <c r="L6392" i="5" s="1"/>
  <c r="I6418" i="2"/>
  <c r="I6392" i="5" s="1"/>
  <c r="M6418" i="2"/>
  <c r="M6392" i="5" s="1"/>
  <c r="P6392" i="5" s="1"/>
  <c r="K6418" i="2"/>
  <c r="K6392" i="5" s="1"/>
  <c r="J6418" i="2"/>
  <c r="J6392" i="5" s="1"/>
  <c r="N6392" i="5" s="1"/>
  <c r="J6099" i="2"/>
  <c r="J6073" i="5" s="1"/>
  <c r="N6073" i="5" s="1"/>
  <c r="L6099" i="2"/>
  <c r="L6073" i="5" s="1"/>
  <c r="K6099" i="2"/>
  <c r="K6073" i="5" s="1"/>
  <c r="I6099" i="2"/>
  <c r="I6073" i="5" s="1"/>
  <c r="M6099" i="2"/>
  <c r="M6073" i="5" s="1"/>
  <c r="P6073" i="5" s="1"/>
  <c r="I2138" i="2"/>
  <c r="I2112" i="5" s="1"/>
  <c r="J2138" i="2"/>
  <c r="J2112" i="5" s="1"/>
  <c r="N2112" i="5" s="1"/>
  <c r="L2138" i="2"/>
  <c r="L2112" i="5" s="1"/>
  <c r="K6623" i="2"/>
  <c r="K6597" i="5" s="1"/>
  <c r="L6623" i="2"/>
  <c r="L6597" i="5" s="1"/>
  <c r="J6623" i="2"/>
  <c r="J6597" i="5" s="1"/>
  <c r="N6597" i="5" s="1"/>
  <c r="I6623" i="2"/>
  <c r="I6597" i="5" s="1"/>
  <c r="M6623" i="2"/>
  <c r="M6597" i="5" s="1"/>
  <c r="P6597" i="5" s="1"/>
  <c r="I61" i="2"/>
  <c r="I35" i="5" s="1"/>
  <c r="M61" i="2"/>
  <c r="M35" i="5" s="1"/>
  <c r="P35" i="5" s="1"/>
  <c r="L61" i="2"/>
  <c r="L35" i="5" s="1"/>
  <c r="J61" i="2"/>
  <c r="J35" i="5" s="1"/>
  <c r="N35" i="5" s="1"/>
  <c r="K61" i="2"/>
  <c r="K35" i="5" s="1"/>
  <c r="I2399" i="2"/>
  <c r="I2373" i="5" s="1"/>
  <c r="K2399" i="2"/>
  <c r="K2373" i="5" s="1"/>
  <c r="J2399" i="2"/>
  <c r="J2373" i="5" s="1"/>
  <c r="N2373" i="5" s="1"/>
  <c r="L2399" i="2"/>
  <c r="L2373" i="5" s="1"/>
  <c r="J7709" i="2"/>
  <c r="J7683" i="5" s="1"/>
  <c r="N7683" i="5" s="1"/>
  <c r="I7709" i="2"/>
  <c r="I7683" i="5" s="1"/>
  <c r="L7709" i="2"/>
  <c r="L7683" i="5" s="1"/>
  <c r="J3268" i="2"/>
  <c r="J3242" i="5" s="1"/>
  <c r="N3242" i="5" s="1"/>
  <c r="M3268" i="2"/>
  <c r="M3242" i="5" s="1"/>
  <c r="P3242" i="5" s="1"/>
  <c r="M3323" i="2"/>
  <c r="M3297" i="5" s="1"/>
  <c r="P3297" i="5" s="1"/>
  <c r="I3323" i="2"/>
  <c r="I3297" i="5" s="1"/>
  <c r="K3323" i="2"/>
  <c r="K3297" i="5" s="1"/>
  <c r="I2965" i="2"/>
  <c r="I2939" i="5" s="1"/>
  <c r="M2965" i="2"/>
  <c r="M2939" i="5" s="1"/>
  <c r="P2939" i="5" s="1"/>
  <c r="K2965" i="2"/>
  <c r="K2939" i="5" s="1"/>
  <c r="J2965" i="2"/>
  <c r="J2939" i="5" s="1"/>
  <c r="N2939" i="5" s="1"/>
  <c r="L2965" i="2"/>
  <c r="L2939" i="5" s="1"/>
  <c r="K5996" i="2"/>
  <c r="K5970" i="5" s="1"/>
  <c r="I5996" i="2"/>
  <c r="I5970" i="5" s="1"/>
  <c r="L5996" i="2"/>
  <c r="L5970" i="5" s="1"/>
  <c r="M5996" i="2"/>
  <c r="M5970" i="5" s="1"/>
  <c r="P5970" i="5" s="1"/>
  <c r="I2395" i="2"/>
  <c r="I2369" i="5" s="1"/>
  <c r="K1117" i="2"/>
  <c r="K1091" i="5" s="1"/>
  <c r="M1117" i="2"/>
  <c r="M1091" i="5" s="1"/>
  <c r="P1091" i="5" s="1"/>
  <c r="I1117" i="2"/>
  <c r="I1091" i="5" s="1"/>
  <c r="M2257" i="2"/>
  <c r="M2231" i="5" s="1"/>
  <c r="P2231" i="5" s="1"/>
  <c r="K2257" i="2"/>
  <c r="K2231" i="5" s="1"/>
  <c r="L2257" i="2"/>
  <c r="L2231" i="5" s="1"/>
  <c r="J2257" i="2"/>
  <c r="J2231" i="5" s="1"/>
  <c r="N2231" i="5" s="1"/>
  <c r="I2257" i="2"/>
  <c r="I2231" i="5" s="1"/>
  <c r="J4305" i="2"/>
  <c r="J4279" i="5" s="1"/>
  <c r="N4279" i="5" s="1"/>
  <c r="I4305" i="2"/>
  <c r="I4279" i="5" s="1"/>
  <c r="K4305" i="2"/>
  <c r="K4279" i="5" s="1"/>
  <c r="O4279" i="5" s="1"/>
  <c r="K2604" i="2"/>
  <c r="K2578" i="5" s="1"/>
  <c r="M8115" i="2"/>
  <c r="M8089" i="5" s="1"/>
  <c r="P8089" i="5" s="1"/>
  <c r="J8115" i="2"/>
  <c r="J8089" i="5" s="1"/>
  <c r="N8089" i="5" s="1"/>
  <c r="K8115" i="2"/>
  <c r="K8089" i="5" s="1"/>
  <c r="L8115" i="2"/>
  <c r="L8089" i="5" s="1"/>
  <c r="M7988" i="2"/>
  <c r="M7962" i="5" s="1"/>
  <c r="P7962" i="5" s="1"/>
  <c r="J7988" i="2"/>
  <c r="J7962" i="5" s="1"/>
  <c r="N7962" i="5" s="1"/>
  <c r="J577" i="2"/>
  <c r="J551" i="5" s="1"/>
  <c r="N551" i="5" s="1"/>
  <c r="M577" i="2"/>
  <c r="M551" i="5" s="1"/>
  <c r="P551" i="5" s="1"/>
  <c r="M6602" i="2"/>
  <c r="M6576" i="5" s="1"/>
  <c r="P6576" i="5" s="1"/>
  <c r="L6602" i="2"/>
  <c r="L6576" i="5" s="1"/>
  <c r="I6602" i="2"/>
  <c r="I6576" i="5" s="1"/>
  <c r="M6532" i="2"/>
  <c r="M6506" i="5" s="1"/>
  <c r="P6506" i="5" s="1"/>
  <c r="K6532" i="2"/>
  <c r="K6506" i="5" s="1"/>
  <c r="M2794" i="2"/>
  <c r="M2768" i="5" s="1"/>
  <c r="P2768" i="5" s="1"/>
  <c r="L2794" i="2"/>
  <c r="L2768" i="5" s="1"/>
  <c r="J8126" i="2"/>
  <c r="J8100" i="5" s="1"/>
  <c r="N8100" i="5" s="1"/>
  <c r="M8126" i="2"/>
  <c r="M8100" i="5" s="1"/>
  <c r="P8100" i="5" s="1"/>
  <c r="I8126" i="2"/>
  <c r="I8100" i="5" s="1"/>
  <c r="L8126" i="2"/>
  <c r="L8100" i="5" s="1"/>
  <c r="J2664" i="2"/>
  <c r="J2638" i="5" s="1"/>
  <c r="N2638" i="5" s="1"/>
  <c r="M2664" i="2"/>
  <c r="M2638" i="5" s="1"/>
  <c r="P2638" i="5" s="1"/>
  <c r="I2664" i="2"/>
  <c r="I2638" i="5" s="1"/>
  <c r="L2664" i="2"/>
  <c r="L2638" i="5" s="1"/>
  <c r="K296" i="2"/>
  <c r="K270" i="5" s="1"/>
  <c r="I296" i="2"/>
  <c r="I270" i="5" s="1"/>
  <c r="M296" i="2"/>
  <c r="M270" i="5" s="1"/>
  <c r="P270" i="5" s="1"/>
  <c r="L296" i="2"/>
  <c r="L270" i="5" s="1"/>
  <c r="J296" i="2"/>
  <c r="J270" i="5" s="1"/>
  <c r="N270" i="5" s="1"/>
  <c r="K7690" i="2"/>
  <c r="K7664" i="5" s="1"/>
  <c r="I7690" i="2"/>
  <c r="I7664" i="5" s="1"/>
  <c r="L7690" i="2"/>
  <c r="L7664" i="5" s="1"/>
  <c r="M7690" i="2"/>
  <c r="M7664" i="5" s="1"/>
  <c r="P7664" i="5" s="1"/>
  <c r="M4117" i="2"/>
  <c r="M4091" i="5" s="1"/>
  <c r="P4091" i="5" s="1"/>
  <c r="K4117" i="2"/>
  <c r="K4091" i="5" s="1"/>
  <c r="O4091" i="5" s="1"/>
  <c r="I2566" i="2"/>
  <c r="I2540" i="5" s="1"/>
  <c r="K2566" i="2"/>
  <c r="K2540" i="5" s="1"/>
  <c r="L2566" i="2"/>
  <c r="L2540" i="5" s="1"/>
  <c r="M2566" i="2"/>
  <c r="M2540" i="5" s="1"/>
  <c r="P2540" i="5" s="1"/>
  <c r="J2566" i="2"/>
  <c r="J2540" i="5" s="1"/>
  <c r="N2540" i="5" s="1"/>
  <c r="M6779" i="2"/>
  <c r="M6753" i="5" s="1"/>
  <c r="P6753" i="5" s="1"/>
  <c r="I6779" i="2"/>
  <c r="I6753" i="5" s="1"/>
  <c r="J6779" i="2"/>
  <c r="J6753" i="5" s="1"/>
  <c r="N6753" i="5" s="1"/>
  <c r="L6779" i="2"/>
  <c r="L6753" i="5" s="1"/>
  <c r="I4951" i="2"/>
  <c r="I4925" i="5" s="1"/>
  <c r="K4951" i="2"/>
  <c r="K4925" i="5" s="1"/>
  <c r="M1828" i="2"/>
  <c r="M1802" i="5" s="1"/>
  <c r="P1802" i="5" s="1"/>
  <c r="J1828" i="2"/>
  <c r="J1802" i="5" s="1"/>
  <c r="N1802" i="5" s="1"/>
  <c r="L1828" i="2"/>
  <c r="L1802" i="5" s="1"/>
  <c r="I1828" i="2"/>
  <c r="I1802" i="5" s="1"/>
  <c r="K1828" i="2"/>
  <c r="K1802" i="5" s="1"/>
  <c r="L7520" i="2"/>
  <c r="L7494" i="5" s="1"/>
  <c r="I7520" i="2"/>
  <c r="I7494" i="5" s="1"/>
  <c r="J7520" i="2"/>
  <c r="J7494" i="5" s="1"/>
  <c r="N7494" i="5" s="1"/>
  <c r="M7520" i="2"/>
  <c r="M7494" i="5" s="1"/>
  <c r="P7494" i="5" s="1"/>
  <c r="M1237" i="2"/>
  <c r="M1211" i="5" s="1"/>
  <c r="P1211" i="5" s="1"/>
  <c r="K1237" i="2"/>
  <c r="K1211" i="5" s="1"/>
  <c r="J1237" i="2"/>
  <c r="J1211" i="5" s="1"/>
  <c r="N1211" i="5" s="1"/>
  <c r="I1237" i="2"/>
  <c r="I1211" i="5" s="1"/>
  <c r="L1237" i="2"/>
  <c r="L1211" i="5" s="1"/>
  <c r="L1795" i="2"/>
  <c r="L1769" i="5" s="1"/>
  <c r="J1795" i="2"/>
  <c r="J1769" i="5" s="1"/>
  <c r="N1769" i="5" s="1"/>
  <c r="M1795" i="2"/>
  <c r="M1769" i="5" s="1"/>
  <c r="P1769" i="5" s="1"/>
  <c r="I1795" i="2"/>
  <c r="I1769" i="5" s="1"/>
  <c r="I7263" i="2"/>
  <c r="I7237" i="5" s="1"/>
  <c r="K7263" i="2"/>
  <c r="K7237" i="5" s="1"/>
  <c r="M7263" i="2"/>
  <c r="M7237" i="5" s="1"/>
  <c r="P7237" i="5" s="1"/>
  <c r="L7263" i="2"/>
  <c r="L7237" i="5" s="1"/>
  <c r="J7263" i="2"/>
  <c r="J7237" i="5" s="1"/>
  <c r="N7237" i="5" s="1"/>
  <c r="M4673" i="2"/>
  <c r="M4647" i="5" s="1"/>
  <c r="P4647" i="5" s="1"/>
  <c r="K4673" i="2"/>
  <c r="K4647" i="5" s="1"/>
  <c r="I4673" i="2"/>
  <c r="I4647" i="5" s="1"/>
  <c r="J4673" i="2"/>
  <c r="J4647" i="5" s="1"/>
  <c r="N4647" i="5" s="1"/>
  <c r="L4673" i="2"/>
  <c r="L4647" i="5" s="1"/>
  <c r="J5830" i="2"/>
  <c r="J5804" i="5" s="1"/>
  <c r="N5804" i="5" s="1"/>
  <c r="L5830" i="2"/>
  <c r="L5804" i="5" s="1"/>
  <c r="I5830" i="2"/>
  <c r="I5804" i="5" s="1"/>
  <c r="K5830" i="2"/>
  <c r="K5804" i="5" s="1"/>
  <c r="M5830" i="2"/>
  <c r="M5804" i="5" s="1"/>
  <c r="P5804" i="5" s="1"/>
  <c r="I398" i="2"/>
  <c r="I372" i="5" s="1"/>
  <c r="L398" i="2"/>
  <c r="L372" i="5" s="1"/>
  <c r="M398" i="2"/>
  <c r="M372" i="5" s="1"/>
  <c r="P372" i="5" s="1"/>
  <c r="K398" i="2"/>
  <c r="K372" i="5" s="1"/>
  <c r="J398" i="2"/>
  <c r="J372" i="5" s="1"/>
  <c r="N372" i="5" s="1"/>
  <c r="L2388" i="2"/>
  <c r="L2362" i="5" s="1"/>
  <c r="K2388" i="2"/>
  <c r="K2362" i="5" s="1"/>
  <c r="J2388" i="2"/>
  <c r="J2362" i="5" s="1"/>
  <c r="N2362" i="5" s="1"/>
  <c r="I2388" i="2"/>
  <c r="I2362" i="5" s="1"/>
  <c r="I8015" i="2"/>
  <c r="I7989" i="5" s="1"/>
  <c r="L8015" i="2"/>
  <c r="L7989" i="5" s="1"/>
  <c r="M8015" i="2"/>
  <c r="M7989" i="5" s="1"/>
  <c r="P7989" i="5" s="1"/>
  <c r="K8015" i="2"/>
  <c r="K7989" i="5" s="1"/>
  <c r="I3959" i="2"/>
  <c r="I3933" i="5" s="1"/>
  <c r="M3959" i="2"/>
  <c r="M3933" i="5" s="1"/>
  <c r="P3933" i="5" s="1"/>
  <c r="K3959" i="2"/>
  <c r="K3933" i="5" s="1"/>
  <c r="O3933" i="5" s="1"/>
  <c r="C172" i="5"/>
  <c r="AR166" i="1"/>
  <c r="K7442" i="2"/>
  <c r="K7416" i="5" s="1"/>
  <c r="O7416" i="5" s="1"/>
  <c r="J7442" i="2"/>
  <c r="J7416" i="5" s="1"/>
  <c r="N7416" i="5" s="1"/>
  <c r="M7442" i="2"/>
  <c r="M7416" i="5" s="1"/>
  <c r="P7416" i="5" s="1"/>
  <c r="I7442" i="2"/>
  <c r="I7416" i="5" s="1"/>
  <c r="J6355" i="2"/>
  <c r="J6329" i="5" s="1"/>
  <c r="N6329" i="5" s="1"/>
  <c r="K6355" i="2"/>
  <c r="K6329" i="5" s="1"/>
  <c r="M6355" i="2"/>
  <c r="M6329" i="5" s="1"/>
  <c r="P6329" i="5" s="1"/>
  <c r="L6355" i="2"/>
  <c r="L6329" i="5" s="1"/>
  <c r="M5437" i="2"/>
  <c r="M5411" i="5" s="1"/>
  <c r="P5411" i="5" s="1"/>
  <c r="J5437" i="2"/>
  <c r="J5411" i="5" s="1"/>
  <c r="N5411" i="5" s="1"/>
  <c r="I5437" i="2"/>
  <c r="I5411" i="5" s="1"/>
  <c r="J5413" i="2"/>
  <c r="J5387" i="5" s="1"/>
  <c r="N5387" i="5" s="1"/>
  <c r="K5413" i="2"/>
  <c r="K5387" i="5" s="1"/>
  <c r="O5387" i="5" s="1"/>
  <c r="M5413" i="2"/>
  <c r="M5387" i="5" s="1"/>
  <c r="P5387" i="5" s="1"/>
  <c r="I5413" i="2"/>
  <c r="I5387" i="5" s="1"/>
  <c r="AR310" i="1"/>
  <c r="C316" i="5"/>
  <c r="K7270" i="2"/>
  <c r="K7244" i="5" s="1"/>
  <c r="J7270" i="2"/>
  <c r="J7244" i="5" s="1"/>
  <c r="N7244" i="5" s="1"/>
  <c r="M7270" i="2"/>
  <c r="M7244" i="5" s="1"/>
  <c r="P7244" i="5" s="1"/>
  <c r="L7270" i="2"/>
  <c r="L7244" i="5" s="1"/>
  <c r="J80" i="2"/>
  <c r="J54" i="5" s="1"/>
  <c r="N54" i="5" s="1"/>
  <c r="K80" i="2"/>
  <c r="K54" i="5" s="1"/>
  <c r="L4503" i="2"/>
  <c r="L4477" i="5" s="1"/>
  <c r="K4503" i="2"/>
  <c r="K4477" i="5" s="1"/>
  <c r="L7934" i="2"/>
  <c r="L7908" i="5" s="1"/>
  <c r="K7934" i="2"/>
  <c r="K7908" i="5" s="1"/>
  <c r="M779" i="2"/>
  <c r="M753" i="5" s="1"/>
  <c r="P753" i="5" s="1"/>
  <c r="L779" i="2"/>
  <c r="L753" i="5" s="1"/>
  <c r="I779" i="2"/>
  <c r="I753" i="5" s="1"/>
  <c r="J779" i="2"/>
  <c r="J753" i="5" s="1"/>
  <c r="N753" i="5" s="1"/>
  <c r="K779" i="2"/>
  <c r="K753" i="5" s="1"/>
  <c r="I4238" i="2"/>
  <c r="I4212" i="5" s="1"/>
  <c r="K4238" i="2"/>
  <c r="K4212" i="5" s="1"/>
  <c r="M4238" i="2"/>
  <c r="M4212" i="5" s="1"/>
  <c r="P4212" i="5" s="1"/>
  <c r="J4238" i="2"/>
  <c r="J4212" i="5" s="1"/>
  <c r="N4212" i="5" s="1"/>
  <c r="L4238" i="2"/>
  <c r="L4212" i="5" s="1"/>
  <c r="J5813" i="2"/>
  <c r="J5787" i="5" s="1"/>
  <c r="N5787" i="5" s="1"/>
  <c r="L5813" i="2"/>
  <c r="L5787" i="5" s="1"/>
  <c r="M5813" i="2"/>
  <c r="M5787" i="5" s="1"/>
  <c r="P5787" i="5" s="1"/>
  <c r="K5813" i="2"/>
  <c r="K5787" i="5" s="1"/>
  <c r="J611" i="2"/>
  <c r="J585" i="5" s="1"/>
  <c r="N585" i="5" s="1"/>
  <c r="M611" i="2"/>
  <c r="M585" i="5" s="1"/>
  <c r="P585" i="5" s="1"/>
  <c r="L611" i="2"/>
  <c r="L585" i="5" s="1"/>
  <c r="K611" i="2"/>
  <c r="K585" i="5" s="1"/>
  <c r="L5934" i="2"/>
  <c r="L5908" i="5" s="1"/>
  <c r="I5934" i="2"/>
  <c r="I5908" i="5" s="1"/>
  <c r="K5934" i="2"/>
  <c r="K5908" i="5" s="1"/>
  <c r="J3177" i="2"/>
  <c r="J3151" i="5" s="1"/>
  <c r="N3151" i="5" s="1"/>
  <c r="M3177" i="2"/>
  <c r="M3151" i="5" s="1"/>
  <c r="P3151" i="5" s="1"/>
  <c r="L3177" i="2"/>
  <c r="L3151" i="5" s="1"/>
  <c r="I3177" i="2"/>
  <c r="I3151" i="5" s="1"/>
  <c r="L546" i="2"/>
  <c r="L520" i="5" s="1"/>
  <c r="K546" i="2"/>
  <c r="K520" i="5" s="1"/>
  <c r="M546" i="2"/>
  <c r="M520" i="5" s="1"/>
  <c r="P520" i="5" s="1"/>
  <c r="M3945" i="2"/>
  <c r="M3919" i="5" s="1"/>
  <c r="P3919" i="5" s="1"/>
  <c r="L3945" i="2"/>
  <c r="L3919" i="5" s="1"/>
  <c r="I3945" i="2"/>
  <c r="I3919" i="5" s="1"/>
  <c r="J3945" i="2"/>
  <c r="J3919" i="5" s="1"/>
  <c r="N3919" i="5" s="1"/>
  <c r="K3945" i="2"/>
  <c r="K3919" i="5" s="1"/>
  <c r="M7310" i="2"/>
  <c r="M7284" i="5" s="1"/>
  <c r="P7284" i="5" s="1"/>
  <c r="I7310" i="2"/>
  <c r="I7284" i="5" s="1"/>
  <c r="J7310" i="2"/>
  <c r="J7284" i="5" s="1"/>
  <c r="N7284" i="5" s="1"/>
  <c r="K7310" i="2"/>
  <c r="K7284" i="5" s="1"/>
  <c r="J1305" i="2"/>
  <c r="J1279" i="5" s="1"/>
  <c r="N1279" i="5" s="1"/>
  <c r="K1305" i="2"/>
  <c r="K1279" i="5" s="1"/>
  <c r="I1305" i="2"/>
  <c r="I1279" i="5" s="1"/>
  <c r="L1305" i="2"/>
  <c r="L1279" i="5" s="1"/>
  <c r="M1305" i="2"/>
  <c r="M1279" i="5" s="1"/>
  <c r="P1279" i="5" s="1"/>
  <c r="K6511" i="2"/>
  <c r="K6485" i="5" s="1"/>
  <c r="L6511" i="2"/>
  <c r="L6485" i="5" s="1"/>
  <c r="I6511" i="2"/>
  <c r="I6485" i="5" s="1"/>
  <c r="M3617" i="2"/>
  <c r="M3591" i="5" s="1"/>
  <c r="P3591" i="5" s="1"/>
  <c r="K3617" i="2"/>
  <c r="K3591" i="5" s="1"/>
  <c r="O3591" i="5" s="1"/>
  <c r="J3617" i="2"/>
  <c r="J3591" i="5" s="1"/>
  <c r="N3591" i="5" s="1"/>
  <c r="L4643" i="2"/>
  <c r="L4617" i="5" s="1"/>
  <c r="J4643" i="2"/>
  <c r="J4617" i="5" s="1"/>
  <c r="N4617" i="5" s="1"/>
  <c r="I4643" i="2"/>
  <c r="I4617" i="5" s="1"/>
  <c r="I2826" i="2"/>
  <c r="I2800" i="5" s="1"/>
  <c r="K2826" i="2"/>
  <c r="K2800" i="5" s="1"/>
  <c r="O2800" i="5" s="1"/>
  <c r="M2961" i="2"/>
  <c r="M2935" i="5" s="1"/>
  <c r="P2935" i="5" s="1"/>
  <c r="J2961" i="2"/>
  <c r="J2935" i="5" s="1"/>
  <c r="N2935" i="5" s="1"/>
  <c r="J4963" i="2"/>
  <c r="J4937" i="5" s="1"/>
  <c r="N4937" i="5" s="1"/>
  <c r="M4963" i="2"/>
  <c r="M4937" i="5" s="1"/>
  <c r="P4937" i="5" s="1"/>
  <c r="I4963" i="2"/>
  <c r="I4937" i="5" s="1"/>
  <c r="K7362" i="2"/>
  <c r="K7336" i="5" s="1"/>
  <c r="L7362" i="2"/>
  <c r="L7336" i="5" s="1"/>
  <c r="J7362" i="2"/>
  <c r="J7336" i="5" s="1"/>
  <c r="N7336" i="5" s="1"/>
  <c r="M7362" i="2"/>
  <c r="M7336" i="5" s="1"/>
  <c r="P7336" i="5" s="1"/>
  <c r="K2061" i="2"/>
  <c r="K2035" i="5" s="1"/>
  <c r="L2061" i="2"/>
  <c r="L2035" i="5" s="1"/>
  <c r="M2061" i="2"/>
  <c r="M2035" i="5" s="1"/>
  <c r="P2035" i="5" s="1"/>
  <c r="I4098" i="2"/>
  <c r="I4072" i="5" s="1"/>
  <c r="K4098" i="2"/>
  <c r="K4072" i="5" s="1"/>
  <c r="L4098" i="2"/>
  <c r="L4072" i="5" s="1"/>
  <c r="J4098" i="2"/>
  <c r="J4072" i="5" s="1"/>
  <c r="N4072" i="5" s="1"/>
  <c r="J8311" i="2"/>
  <c r="J8285" i="5" s="1"/>
  <c r="N8285" i="5" s="1"/>
  <c r="L8311" i="2"/>
  <c r="L8285" i="5" s="1"/>
  <c r="M8311" i="2"/>
  <c r="M8285" i="5" s="1"/>
  <c r="P8285" i="5" s="1"/>
  <c r="I8311" i="2"/>
  <c r="I8285" i="5" s="1"/>
  <c r="K8311" i="2"/>
  <c r="K8285" i="5" s="1"/>
  <c r="L2480" i="2"/>
  <c r="L2454" i="5" s="1"/>
  <c r="M2480" i="2"/>
  <c r="M2454" i="5" s="1"/>
  <c r="P2454" i="5" s="1"/>
  <c r="K4428" i="2"/>
  <c r="K4402" i="5" s="1"/>
  <c r="J4428" i="2"/>
  <c r="J4402" i="5" s="1"/>
  <c r="N4402" i="5" s="1"/>
  <c r="M4428" i="2"/>
  <c r="M4402" i="5" s="1"/>
  <c r="P4402" i="5" s="1"/>
  <c r="K6176" i="2"/>
  <c r="K6150" i="5" s="1"/>
  <c r="J6176" i="2"/>
  <c r="J6150" i="5" s="1"/>
  <c r="N6150" i="5" s="1"/>
  <c r="L6176" i="2"/>
  <c r="L6150" i="5" s="1"/>
  <c r="K1761" i="2"/>
  <c r="K1735" i="5" s="1"/>
  <c r="L1761" i="2"/>
  <c r="L1735" i="5" s="1"/>
  <c r="J1761" i="2"/>
  <c r="J1735" i="5" s="1"/>
  <c r="N1735" i="5" s="1"/>
  <c r="L8322" i="2"/>
  <c r="L8296" i="5" s="1"/>
  <c r="M8322" i="2"/>
  <c r="M8296" i="5" s="1"/>
  <c r="P8296" i="5" s="1"/>
  <c r="J8322" i="2"/>
  <c r="J8296" i="5" s="1"/>
  <c r="N8296" i="5" s="1"/>
  <c r="K8322" i="2"/>
  <c r="K8296" i="5" s="1"/>
  <c r="I8322" i="2"/>
  <c r="I8296" i="5" s="1"/>
  <c r="L7539" i="2"/>
  <c r="L7513" i="5" s="1"/>
  <c r="M7539" i="2"/>
  <c r="M7513" i="5" s="1"/>
  <c r="P7513" i="5" s="1"/>
  <c r="I7539" i="2"/>
  <c r="I7513" i="5" s="1"/>
  <c r="K7539" i="2"/>
  <c r="K7513" i="5" s="1"/>
  <c r="J7539" i="2"/>
  <c r="J7513" i="5" s="1"/>
  <c r="N7513" i="5" s="1"/>
  <c r="M8291" i="2"/>
  <c r="M8265" i="5" s="1"/>
  <c r="P8265" i="5" s="1"/>
  <c r="L8291" i="2"/>
  <c r="L8265" i="5" s="1"/>
  <c r="I8291" i="2"/>
  <c r="I8265" i="5" s="1"/>
  <c r="K8291" i="2"/>
  <c r="K8265" i="5" s="1"/>
  <c r="J8291" i="2"/>
  <c r="J8265" i="5" s="1"/>
  <c r="N8265" i="5" s="1"/>
  <c r="J3847" i="2"/>
  <c r="J3821" i="5" s="1"/>
  <c r="N3821" i="5" s="1"/>
  <c r="K3847" i="2"/>
  <c r="K3821" i="5" s="1"/>
  <c r="L3847" i="2"/>
  <c r="L3821" i="5" s="1"/>
  <c r="M3847" i="2"/>
  <c r="M3821" i="5" s="1"/>
  <c r="P3821" i="5" s="1"/>
  <c r="J3100" i="2"/>
  <c r="J3074" i="5" s="1"/>
  <c r="N3074" i="5" s="1"/>
  <c r="L3100" i="2"/>
  <c r="L3074" i="5" s="1"/>
  <c r="M3100" i="2"/>
  <c r="M3074" i="5" s="1"/>
  <c r="P3074" i="5" s="1"/>
  <c r="I8367" i="2"/>
  <c r="I8341" i="5" s="1"/>
  <c r="K8367" i="2"/>
  <c r="K8341" i="5" s="1"/>
  <c r="O8341" i="5" s="1"/>
  <c r="L5965" i="2"/>
  <c r="L5939" i="5" s="1"/>
  <c r="K774" i="2"/>
  <c r="K748" i="5" s="1"/>
  <c r="O748" i="5" s="1"/>
  <c r="I8550" i="2"/>
  <c r="I8524" i="5" s="1"/>
  <c r="K2753" i="2"/>
  <c r="K2727" i="5" s="1"/>
  <c r="O2727" i="5" s="1"/>
  <c r="K6261" i="2"/>
  <c r="K6235" i="5" s="1"/>
  <c r="O6235" i="5" s="1"/>
  <c r="I3920" i="2"/>
  <c r="I3894" i="5" s="1"/>
  <c r="K8630" i="2"/>
  <c r="K8604" i="5" s="1"/>
  <c r="O8604" i="5" s="1"/>
  <c r="L5969" i="2"/>
  <c r="L5943" i="5" s="1"/>
  <c r="M5449" i="2"/>
  <c r="M5423" i="5" s="1"/>
  <c r="P5423" i="5" s="1"/>
  <c r="M3079" i="2"/>
  <c r="M3053" i="5" s="1"/>
  <c r="P3053" i="5" s="1"/>
  <c r="M8119" i="2"/>
  <c r="M8093" i="5" s="1"/>
  <c r="P8093" i="5" s="1"/>
  <c r="L3407" i="2"/>
  <c r="L3381" i="5" s="1"/>
  <c r="L4420" i="2"/>
  <c r="L4394" i="5" s="1"/>
  <c r="M4951" i="2"/>
  <c r="M4925" i="5" s="1"/>
  <c r="P4925" i="5" s="1"/>
  <c r="K8469" i="2"/>
  <c r="K8443" i="5" s="1"/>
  <c r="O8443" i="5" s="1"/>
  <c r="K4080" i="2"/>
  <c r="K4054" i="5" s="1"/>
  <c r="K2318" i="2"/>
  <c r="K2292" i="5" s="1"/>
  <c r="O2292" i="5" s="1"/>
  <c r="L5417" i="2"/>
  <c r="L5391" i="5" s="1"/>
  <c r="K2484" i="2"/>
  <c r="K2458" i="5" s="1"/>
  <c r="J1482" i="2"/>
  <c r="J1456" i="5" s="1"/>
  <c r="N1456" i="5" s="1"/>
  <c r="I7777" i="2"/>
  <c r="I7751" i="5" s="1"/>
  <c r="I4117" i="2"/>
  <c r="I4091" i="5" s="1"/>
  <c r="J6834" i="2"/>
  <c r="J6808" i="5" s="1"/>
  <c r="N6808" i="5" s="1"/>
  <c r="J6526" i="2"/>
  <c r="J6500" i="5" s="1"/>
  <c r="N6500" i="5" s="1"/>
  <c r="M1663" i="2"/>
  <c r="M1637" i="5" s="1"/>
  <c r="P1637" i="5" s="1"/>
  <c r="I2456" i="2"/>
  <c r="I2430" i="5" s="1"/>
  <c r="C327" i="5"/>
  <c r="K4805" i="2"/>
  <c r="K4779" i="5" s="1"/>
  <c r="I7426" i="2"/>
  <c r="I7400" i="5" s="1"/>
  <c r="K6944" i="2"/>
  <c r="K6918" i="5" s="1"/>
  <c r="J8632" i="2"/>
  <c r="J8606" i="5" s="1"/>
  <c r="K645" i="2"/>
  <c r="K619" i="5" s="1"/>
  <c r="M5475" i="2"/>
  <c r="M5449" i="5" s="1"/>
  <c r="P5449" i="5" s="1"/>
  <c r="AR157" i="1"/>
  <c r="J2822" i="2"/>
  <c r="J2796" i="5" s="1"/>
  <c r="N2796" i="5" s="1"/>
  <c r="J1156" i="2"/>
  <c r="J1130" i="5" s="1"/>
  <c r="N1130" i="5" s="1"/>
  <c r="M5689" i="2"/>
  <c r="M5663" i="5" s="1"/>
  <c r="P5663" i="5" s="1"/>
  <c r="I6326" i="2"/>
  <c r="I6300" i="5" s="1"/>
  <c r="J8620" i="2"/>
  <c r="J8594" i="5" s="1"/>
  <c r="N8594" i="5" s="1"/>
  <c r="K2153" i="2"/>
  <c r="K2127" i="5" s="1"/>
  <c r="O2127" i="5" s="1"/>
  <c r="I46" i="2"/>
  <c r="I20" i="5" s="1"/>
  <c r="L3956" i="2"/>
  <c r="L3930" i="5" s="1"/>
  <c r="K657" i="2"/>
  <c r="K631" i="5" s="1"/>
  <c r="O631" i="5" s="1"/>
  <c r="J5996" i="2"/>
  <c r="J5970" i="5" s="1"/>
  <c r="N5970" i="5" s="1"/>
  <c r="I611" i="2"/>
  <c r="I585" i="5" s="1"/>
  <c r="M2155" i="2"/>
  <c r="M2129" i="5" s="1"/>
  <c r="P2129" i="5" s="1"/>
  <c r="L2952" i="2"/>
  <c r="L2926" i="5" s="1"/>
  <c r="L2825" i="2"/>
  <c r="L2799" i="5" s="1"/>
  <c r="J7690" i="2"/>
  <c r="J7664" i="5" s="1"/>
  <c r="N7664" i="5" s="1"/>
  <c r="M1128" i="2"/>
  <c r="M1102" i="5" s="1"/>
  <c r="P1102" i="5" s="1"/>
  <c r="I2504" i="2"/>
  <c r="I2478" i="5" s="1"/>
  <c r="M774" i="2"/>
  <c r="M748" i="5" s="1"/>
  <c r="P748" i="5" s="1"/>
  <c r="J5477" i="2"/>
  <c r="J5451" i="5" s="1"/>
  <c r="N5451" i="5" s="1"/>
  <c r="I6261" i="2"/>
  <c r="I6235" i="5" s="1"/>
  <c r="J5969" i="2"/>
  <c r="J5943" i="5" s="1"/>
  <c r="N5943" i="5" s="1"/>
  <c r="J8119" i="2"/>
  <c r="J8093" i="5" s="1"/>
  <c r="N8093" i="5" s="1"/>
  <c r="J3407" i="2"/>
  <c r="J3381" i="5" s="1"/>
  <c r="N3381" i="5" s="1"/>
  <c r="I8469" i="2"/>
  <c r="I8443" i="5" s="1"/>
  <c r="I4080" i="2"/>
  <c r="I4054" i="5" s="1"/>
  <c r="L1379" i="2"/>
  <c r="L1353" i="5" s="1"/>
  <c r="I2484" i="2"/>
  <c r="I2458" i="5" s="1"/>
  <c r="I4446" i="2"/>
  <c r="I4420" i="5" s="1"/>
  <c r="J4117" i="2"/>
  <c r="J4091" i="5" s="1"/>
  <c r="N4091" i="5" s="1"/>
  <c r="I6834" i="2"/>
  <c r="I6808" i="5" s="1"/>
  <c r="K1663" i="2"/>
  <c r="K1637" i="5" s="1"/>
  <c r="O1637" i="5" s="1"/>
  <c r="L5763" i="2"/>
  <c r="L5737" i="5" s="1"/>
  <c r="I972" i="2"/>
  <c r="I946" i="5" s="1"/>
  <c r="J3451" i="2"/>
  <c r="J3425" i="5" s="1"/>
  <c r="N3425" i="5" s="1"/>
  <c r="J6944" i="2"/>
  <c r="J6918" i="5" s="1"/>
  <c r="N6918" i="5" s="1"/>
  <c r="I645" i="2"/>
  <c r="I619" i="5" s="1"/>
  <c r="K2664" i="2"/>
  <c r="K2638" i="5" s="1"/>
  <c r="L370" i="2"/>
  <c r="L344" i="5" s="1"/>
  <c r="K7825" i="2"/>
  <c r="K7799" i="5" s="1"/>
  <c r="I1156" i="2"/>
  <c r="I1130" i="5" s="1"/>
  <c r="I2153" i="2"/>
  <c r="I2127" i="5" s="1"/>
  <c r="J46" i="2"/>
  <c r="J20" i="5" s="1"/>
  <c r="N20" i="5" s="1"/>
  <c r="I657" i="2"/>
  <c r="I631" i="5" s="1"/>
  <c r="J4009" i="2"/>
  <c r="J3983" i="5" s="1"/>
  <c r="N3983" i="5" s="1"/>
  <c r="I7988" i="2"/>
  <c r="I7962" i="5" s="1"/>
  <c r="I7000" i="2"/>
  <c r="I6974" i="5" s="1"/>
  <c r="K3950" i="2"/>
  <c r="K3924" i="5" s="1"/>
  <c r="I2952" i="2"/>
  <c r="I2926" i="5" s="1"/>
  <c r="I6464" i="2"/>
  <c r="I6438" i="5" s="1"/>
  <c r="I573" i="2"/>
  <c r="I547" i="5" s="1"/>
  <c r="L2504" i="2"/>
  <c r="L2478" i="5" s="1"/>
  <c r="K3798" i="2"/>
  <c r="K3772" i="5" s="1"/>
  <c r="M4909" i="2"/>
  <c r="M4883" i="5" s="1"/>
  <c r="P4883" i="5" s="1"/>
  <c r="L4909" i="2"/>
  <c r="L4883" i="5" s="1"/>
  <c r="L8037" i="2"/>
  <c r="L8011" i="5" s="1"/>
  <c r="I8037" i="2"/>
  <c r="I8011" i="5" s="1"/>
  <c r="I5458" i="2"/>
  <c r="I5432" i="5" s="1"/>
  <c r="J5458" i="2"/>
  <c r="J5432" i="5" s="1"/>
  <c r="N5432" i="5" s="1"/>
  <c r="L5458" i="2"/>
  <c r="L5432" i="5" s="1"/>
  <c r="J6828" i="2"/>
  <c r="J6802" i="5" s="1"/>
  <c r="N6802" i="5" s="1"/>
  <c r="M6828" i="2"/>
  <c r="M6802" i="5" s="1"/>
  <c r="P6802" i="5" s="1"/>
  <c r="I5149" i="2"/>
  <c r="I5123" i="5" s="1"/>
  <c r="L5149" i="2"/>
  <c r="L5123" i="5" s="1"/>
  <c r="J5149" i="2"/>
  <c r="J5123" i="5" s="1"/>
  <c r="N5123" i="5" s="1"/>
  <c r="K8033" i="2"/>
  <c r="K8007" i="5" s="1"/>
  <c r="O8007" i="5" s="1"/>
  <c r="M8033" i="2"/>
  <c r="M8007" i="5" s="1"/>
  <c r="P8007" i="5" s="1"/>
  <c r="J8033" i="2"/>
  <c r="J8007" i="5" s="1"/>
  <c r="N8007" i="5" s="1"/>
  <c r="J7184" i="2"/>
  <c r="J7158" i="5" s="1"/>
  <c r="N7158" i="5" s="1"/>
  <c r="I7184" i="2"/>
  <c r="I7158" i="5" s="1"/>
  <c r="L6429" i="2"/>
  <c r="L6403" i="5" s="1"/>
  <c r="M6429" i="2"/>
  <c r="M6403" i="5" s="1"/>
  <c r="P6403" i="5" s="1"/>
  <c r="K6429" i="2"/>
  <c r="K6403" i="5" s="1"/>
  <c r="J6429" i="2"/>
  <c r="J6403" i="5" s="1"/>
  <c r="N6403" i="5" s="1"/>
  <c r="I6429" i="2"/>
  <c r="I6403" i="5" s="1"/>
  <c r="K7141" i="2"/>
  <c r="K7115" i="5" s="1"/>
  <c r="J7141" i="2"/>
  <c r="J7115" i="5" s="1"/>
  <c r="N7115" i="5" s="1"/>
  <c r="J4921" i="2"/>
  <c r="J4895" i="5" s="1"/>
  <c r="N4895" i="5" s="1"/>
  <c r="M4921" i="2"/>
  <c r="M4895" i="5" s="1"/>
  <c r="P4895" i="5" s="1"/>
  <c r="L4921" i="2"/>
  <c r="L4895" i="5" s="1"/>
  <c r="I4921" i="2"/>
  <c r="I4895" i="5" s="1"/>
  <c r="M3320" i="2"/>
  <c r="M3294" i="5" s="1"/>
  <c r="P3294" i="5" s="1"/>
  <c r="J3320" i="2"/>
  <c r="J3294" i="5" s="1"/>
  <c r="N3294" i="5" s="1"/>
  <c r="I3320" i="2"/>
  <c r="I3294" i="5" s="1"/>
  <c r="M1728" i="2"/>
  <c r="M1702" i="5" s="1"/>
  <c r="P1702" i="5" s="1"/>
  <c r="J1728" i="2"/>
  <c r="J1702" i="5" s="1"/>
  <c r="N1702" i="5" s="1"/>
  <c r="L1728" i="2"/>
  <c r="L1702" i="5" s="1"/>
  <c r="L7168" i="2"/>
  <c r="L7142" i="5" s="1"/>
  <c r="K7168" i="2"/>
  <c r="K7142" i="5" s="1"/>
  <c r="M7168" i="2"/>
  <c r="M7142" i="5" s="1"/>
  <c r="P7142" i="5" s="1"/>
  <c r="I1222" i="2"/>
  <c r="I1196" i="5" s="1"/>
  <c r="L1222" i="2"/>
  <c r="L1196" i="5" s="1"/>
  <c r="M1222" i="2"/>
  <c r="M1196" i="5" s="1"/>
  <c r="P1196" i="5" s="1"/>
  <c r="K1222" i="2"/>
  <c r="K1196" i="5" s="1"/>
  <c r="J1222" i="2"/>
  <c r="J1196" i="5" s="1"/>
  <c r="N1196" i="5" s="1"/>
  <c r="I8341" i="2"/>
  <c r="I8315" i="5" s="1"/>
  <c r="K8341" i="2"/>
  <c r="K8315" i="5" s="1"/>
  <c r="J8341" i="2"/>
  <c r="J8315" i="5" s="1"/>
  <c r="N8315" i="5" s="1"/>
  <c r="M8341" i="2"/>
  <c r="M8315" i="5" s="1"/>
  <c r="P8315" i="5" s="1"/>
  <c r="L8341" i="2"/>
  <c r="L8315" i="5" s="1"/>
  <c r="K1615" i="2"/>
  <c r="K1589" i="5" s="1"/>
  <c r="J1615" i="2"/>
  <c r="J1589" i="5" s="1"/>
  <c r="N1589" i="5" s="1"/>
  <c r="L1615" i="2"/>
  <c r="L1589" i="5" s="1"/>
  <c r="M1615" i="2"/>
  <c r="M1589" i="5" s="1"/>
  <c r="P1589" i="5" s="1"/>
  <c r="I1615" i="2"/>
  <c r="I1589" i="5" s="1"/>
  <c r="J6441" i="2"/>
  <c r="J6415" i="5" s="1"/>
  <c r="N6415" i="5" s="1"/>
  <c r="M6441" i="2"/>
  <c r="M6415" i="5" s="1"/>
  <c r="P6415" i="5" s="1"/>
  <c r="L6441" i="2"/>
  <c r="L6415" i="5" s="1"/>
  <c r="I6441" i="2"/>
  <c r="I6415" i="5" s="1"/>
  <c r="K6441" i="2"/>
  <c r="K6415" i="5" s="1"/>
  <c r="M4809" i="2"/>
  <c r="M4783" i="5" s="1"/>
  <c r="P4783" i="5" s="1"/>
  <c r="J4809" i="2"/>
  <c r="J4783" i="5" s="1"/>
  <c r="N4783" i="5" s="1"/>
  <c r="K4809" i="2"/>
  <c r="K4783" i="5" s="1"/>
  <c r="O4783" i="5" s="1"/>
  <c r="K5592" i="2"/>
  <c r="K5566" i="5" s="1"/>
  <c r="I5592" i="2"/>
  <c r="I5566" i="5" s="1"/>
  <c r="M5592" i="2"/>
  <c r="M5566" i="5" s="1"/>
  <c r="P5566" i="5" s="1"/>
  <c r="M4017" i="2"/>
  <c r="M3991" i="5" s="1"/>
  <c r="P3991" i="5" s="1"/>
  <c r="J4017" i="2"/>
  <c r="J3991" i="5" s="1"/>
  <c r="N3991" i="5" s="1"/>
  <c r="I4017" i="2"/>
  <c r="I3991" i="5" s="1"/>
  <c r="J1570" i="2"/>
  <c r="J1544" i="5" s="1"/>
  <c r="N1544" i="5" s="1"/>
  <c r="L1570" i="2"/>
  <c r="L1544" i="5" s="1"/>
  <c r="I1570" i="2"/>
  <c r="I1544" i="5" s="1"/>
  <c r="M1570" i="2"/>
  <c r="M1544" i="5" s="1"/>
  <c r="P1544" i="5" s="1"/>
  <c r="K1570" i="2"/>
  <c r="K1544" i="5" s="1"/>
  <c r="J4340" i="2"/>
  <c r="J4314" i="5" s="1"/>
  <c r="N4314" i="5" s="1"/>
  <c r="K4340" i="2"/>
  <c r="K4314" i="5" s="1"/>
  <c r="L7002" i="2"/>
  <c r="L6976" i="5" s="1"/>
  <c r="M7002" i="2"/>
  <c r="M6976" i="5" s="1"/>
  <c r="P6976" i="5" s="1"/>
  <c r="I7002" i="2"/>
  <c r="I6976" i="5" s="1"/>
  <c r="K7002" i="2"/>
  <c r="K6976" i="5" s="1"/>
  <c r="J8541" i="2"/>
  <c r="J8515" i="5" s="1"/>
  <c r="N8515" i="5" s="1"/>
  <c r="K8541" i="2"/>
  <c r="K8515" i="5" s="1"/>
  <c r="O8515" i="5" s="1"/>
  <c r="M3300" i="2"/>
  <c r="M3274" i="5" s="1"/>
  <c r="P3274" i="5" s="1"/>
  <c r="L3300" i="2"/>
  <c r="L3274" i="5" s="1"/>
  <c r="I3300" i="2"/>
  <c r="I3274" i="5" s="1"/>
  <c r="K3300" i="2"/>
  <c r="K3274" i="5" s="1"/>
  <c r="M8642" i="2"/>
  <c r="M8616" i="5" s="1"/>
  <c r="P8616" i="5" s="1"/>
  <c r="L8642" i="2"/>
  <c r="L8616" i="5" s="1"/>
  <c r="J5522" i="2"/>
  <c r="J5496" i="5" s="1"/>
  <c r="N5496" i="5" s="1"/>
  <c r="M5522" i="2"/>
  <c r="M5496" i="5" s="1"/>
  <c r="P5496" i="5" s="1"/>
  <c r="I5522" i="2"/>
  <c r="I5496" i="5" s="1"/>
  <c r="I437" i="2"/>
  <c r="I411" i="5" s="1"/>
  <c r="J437" i="2"/>
  <c r="J411" i="5" s="1"/>
  <c r="N411" i="5" s="1"/>
  <c r="L437" i="2"/>
  <c r="L411" i="5" s="1"/>
  <c r="M437" i="2"/>
  <c r="M411" i="5" s="1"/>
  <c r="P411" i="5" s="1"/>
  <c r="L438" i="2"/>
  <c r="L412" i="5" s="1"/>
  <c r="I438" i="2"/>
  <c r="I412" i="5" s="1"/>
  <c r="J971" i="2"/>
  <c r="J945" i="5" s="1"/>
  <c r="N945" i="5" s="1"/>
  <c r="K971" i="2"/>
  <c r="K945" i="5" s="1"/>
  <c r="L971" i="2"/>
  <c r="L945" i="5" s="1"/>
  <c r="M971" i="2"/>
  <c r="M945" i="5" s="1"/>
  <c r="P945" i="5" s="1"/>
  <c r="L2261" i="2"/>
  <c r="L2235" i="5" s="1"/>
  <c r="K2261" i="2"/>
  <c r="K2235" i="5" s="1"/>
  <c r="J2261" i="2"/>
  <c r="J2235" i="5" s="1"/>
  <c r="N2235" i="5" s="1"/>
  <c r="M2261" i="2"/>
  <c r="M2235" i="5" s="1"/>
  <c r="P2235" i="5" s="1"/>
  <c r="K740" i="2"/>
  <c r="K714" i="5" s="1"/>
  <c r="J740" i="2"/>
  <c r="J714" i="5" s="1"/>
  <c r="N714" i="5" s="1"/>
  <c r="M740" i="2"/>
  <c r="M714" i="5" s="1"/>
  <c r="P714" i="5" s="1"/>
  <c r="L740" i="2"/>
  <c r="L714" i="5" s="1"/>
  <c r="I2762" i="2"/>
  <c r="I2736" i="5" s="1"/>
  <c r="J2762" i="2"/>
  <c r="J2736" i="5" s="1"/>
  <c r="N2736" i="5" s="1"/>
  <c r="K2762" i="2"/>
  <c r="K2736" i="5" s="1"/>
  <c r="L5010" i="2"/>
  <c r="L4984" i="5" s="1"/>
  <c r="J5010" i="2"/>
  <c r="J4984" i="5" s="1"/>
  <c r="N4984" i="5" s="1"/>
  <c r="I5010" i="2"/>
  <c r="I4984" i="5" s="1"/>
  <c r="K5010" i="2"/>
  <c r="K4984" i="5" s="1"/>
  <c r="M5010" i="2"/>
  <c r="M4984" i="5" s="1"/>
  <c r="P4984" i="5" s="1"/>
  <c r="J7460" i="2"/>
  <c r="J7434" i="5" s="1"/>
  <c r="N7434" i="5" s="1"/>
  <c r="L7460" i="2"/>
  <c r="L7434" i="5" s="1"/>
  <c r="K7460" i="2"/>
  <c r="K7434" i="5" s="1"/>
  <c r="J221" i="2"/>
  <c r="J195" i="5" s="1"/>
  <c r="N195" i="5" s="1"/>
  <c r="M221" i="2"/>
  <c r="M195" i="5" s="1"/>
  <c r="P195" i="5" s="1"/>
  <c r="I221" i="2"/>
  <c r="I195" i="5" s="1"/>
  <c r="M4129" i="2"/>
  <c r="M4103" i="5" s="1"/>
  <c r="P4103" i="5" s="1"/>
  <c r="L4129" i="2"/>
  <c r="L4103" i="5" s="1"/>
  <c r="J3623" i="2"/>
  <c r="J3597" i="5" s="1"/>
  <c r="N3597" i="5" s="1"/>
  <c r="K3623" i="2"/>
  <c r="K3597" i="5" s="1"/>
  <c r="L3623" i="2"/>
  <c r="L3597" i="5" s="1"/>
  <c r="M3623" i="2"/>
  <c r="M3597" i="5" s="1"/>
  <c r="P3597" i="5" s="1"/>
  <c r="I3623" i="2"/>
  <c r="I3597" i="5" s="1"/>
  <c r="L8008" i="2"/>
  <c r="L7982" i="5" s="1"/>
  <c r="L8620" i="2"/>
  <c r="L8594" i="5" s="1"/>
  <c r="M8620" i="2"/>
  <c r="M8594" i="5" s="1"/>
  <c r="P8594" i="5" s="1"/>
  <c r="I8620" i="2"/>
  <c r="I8594" i="5" s="1"/>
  <c r="M5749" i="2"/>
  <c r="M5723" i="5" s="1"/>
  <c r="P5723" i="5" s="1"/>
  <c r="J5749" i="2"/>
  <c r="J5723" i="5" s="1"/>
  <c r="N5723" i="5" s="1"/>
  <c r="K5749" i="2"/>
  <c r="K5723" i="5" s="1"/>
  <c r="L5749" i="2"/>
  <c r="L5723" i="5" s="1"/>
  <c r="I5749" i="2"/>
  <c r="I5723" i="5" s="1"/>
  <c r="L4960" i="2"/>
  <c r="L4934" i="5" s="1"/>
  <c r="I4960" i="2"/>
  <c r="I4934" i="5" s="1"/>
  <c r="K4960" i="2"/>
  <c r="K4934" i="5" s="1"/>
  <c r="L4976" i="2"/>
  <c r="L4950" i="5" s="1"/>
  <c r="I4976" i="2"/>
  <c r="I4950" i="5" s="1"/>
  <c r="J4976" i="2"/>
  <c r="J4950" i="5" s="1"/>
  <c r="N4950" i="5" s="1"/>
  <c r="M4976" i="2"/>
  <c r="M4950" i="5" s="1"/>
  <c r="P4950" i="5" s="1"/>
  <c r="K4976" i="2"/>
  <c r="K4950" i="5" s="1"/>
  <c r="I6814" i="2"/>
  <c r="I6788" i="5" s="1"/>
  <c r="M6814" i="2"/>
  <c r="M6788" i="5" s="1"/>
  <c r="P6788" i="5" s="1"/>
  <c r="J5753" i="2"/>
  <c r="J5727" i="5" s="1"/>
  <c r="N5727" i="5" s="1"/>
  <c r="L5753" i="2"/>
  <c r="L5727" i="5" s="1"/>
  <c r="M5753" i="2"/>
  <c r="M5727" i="5" s="1"/>
  <c r="P5727" i="5" s="1"/>
  <c r="K5753" i="2"/>
  <c r="K5727" i="5" s="1"/>
  <c r="I5753" i="2"/>
  <c r="I5727" i="5" s="1"/>
  <c r="I947" i="2"/>
  <c r="I921" i="5" s="1"/>
  <c r="M947" i="2"/>
  <c r="M921" i="5" s="1"/>
  <c r="P921" i="5" s="1"/>
  <c r="J947" i="2"/>
  <c r="J921" i="5" s="1"/>
  <c r="N921" i="5" s="1"/>
  <c r="M7161" i="2"/>
  <c r="M7135" i="5" s="1"/>
  <c r="P7135" i="5" s="1"/>
  <c r="I7161" i="2"/>
  <c r="I7135" i="5" s="1"/>
  <c r="L7161" i="2"/>
  <c r="L7135" i="5" s="1"/>
  <c r="I2102" i="2"/>
  <c r="I2076" i="5" s="1"/>
  <c r="J2102" i="2"/>
  <c r="J2076" i="5" s="1"/>
  <c r="N2076" i="5" s="1"/>
  <c r="M2102" i="2"/>
  <c r="M2076" i="5" s="1"/>
  <c r="P2076" i="5" s="1"/>
  <c r="K2102" i="2"/>
  <c r="K2076" i="5" s="1"/>
  <c r="L780" i="2"/>
  <c r="L754" i="5" s="1"/>
  <c r="K780" i="2"/>
  <c r="K754" i="5" s="1"/>
  <c r="J780" i="2"/>
  <c r="J754" i="5" s="1"/>
  <c r="N754" i="5" s="1"/>
  <c r="M780" i="2"/>
  <c r="M754" i="5" s="1"/>
  <c r="P754" i="5" s="1"/>
  <c r="J1915" i="2"/>
  <c r="J1889" i="5" s="1"/>
  <c r="N1889" i="5" s="1"/>
  <c r="M1915" i="2"/>
  <c r="M1889" i="5" s="1"/>
  <c r="P1889" i="5" s="1"/>
  <c r="K1915" i="2"/>
  <c r="K1889" i="5" s="1"/>
  <c r="I656" i="2"/>
  <c r="I630" i="5" s="1"/>
  <c r="K656" i="2"/>
  <c r="K630" i="5" s="1"/>
  <c r="M656" i="2"/>
  <c r="M630" i="5" s="1"/>
  <c r="P630" i="5" s="1"/>
  <c r="L656" i="2"/>
  <c r="L630" i="5" s="1"/>
  <c r="J656" i="2"/>
  <c r="J630" i="5" s="1"/>
  <c r="N630" i="5" s="1"/>
  <c r="K759" i="2"/>
  <c r="K733" i="5" s="1"/>
  <c r="O733" i="5" s="1"/>
  <c r="M759" i="2"/>
  <c r="M733" i="5" s="1"/>
  <c r="P733" i="5" s="1"/>
  <c r="J759" i="2"/>
  <c r="J733" i="5" s="1"/>
  <c r="N733" i="5" s="1"/>
  <c r="I759" i="2"/>
  <c r="I733" i="5" s="1"/>
  <c r="M1431" i="2"/>
  <c r="M1405" i="5" s="1"/>
  <c r="P1405" i="5" s="1"/>
  <c r="L1431" i="2"/>
  <c r="L1405" i="5" s="1"/>
  <c r="M4826" i="2"/>
  <c r="M4800" i="5" s="1"/>
  <c r="P4800" i="5" s="1"/>
  <c r="K4826" i="2"/>
  <c r="K4800" i="5" s="1"/>
  <c r="O4800" i="5" s="1"/>
  <c r="J4826" i="2"/>
  <c r="J4800" i="5" s="1"/>
  <c r="N4800" i="5" s="1"/>
  <c r="I1293" i="2"/>
  <c r="I1267" i="5" s="1"/>
  <c r="K1293" i="2"/>
  <c r="K1267" i="5" s="1"/>
  <c r="O1267" i="5" s="1"/>
  <c r="M7993" i="2"/>
  <c r="M7967" i="5" s="1"/>
  <c r="P7967" i="5" s="1"/>
  <c r="I7993" i="2"/>
  <c r="I7967" i="5" s="1"/>
  <c r="L3498" i="2"/>
  <c r="L3472" i="5" s="1"/>
  <c r="K3498" i="2"/>
  <c r="K3472" i="5" s="1"/>
  <c r="J7989" i="2"/>
  <c r="J7963" i="5" s="1"/>
  <c r="N7963" i="5" s="1"/>
  <c r="L7989" i="2"/>
  <c r="L7963" i="5" s="1"/>
  <c r="K7989" i="2"/>
  <c r="K7963" i="5" s="1"/>
  <c r="I3956" i="2"/>
  <c r="I3930" i="5" s="1"/>
  <c r="J3956" i="2"/>
  <c r="J3930" i="5" s="1"/>
  <c r="N3930" i="5" s="1"/>
  <c r="M3956" i="2"/>
  <c r="M3930" i="5" s="1"/>
  <c r="P3930" i="5" s="1"/>
  <c r="M6698" i="2"/>
  <c r="M6672" i="5" s="1"/>
  <c r="P6672" i="5" s="1"/>
  <c r="J6698" i="2"/>
  <c r="J6672" i="5" s="1"/>
  <c r="N6672" i="5" s="1"/>
  <c r="K6698" i="2"/>
  <c r="K6672" i="5" s="1"/>
  <c r="I4137" i="2"/>
  <c r="I4111" i="5" s="1"/>
  <c r="J4137" i="2"/>
  <c r="J4111" i="5" s="1"/>
  <c r="N4111" i="5" s="1"/>
  <c r="L4137" i="2"/>
  <c r="L4111" i="5" s="1"/>
  <c r="M4137" i="2"/>
  <c r="M4111" i="5" s="1"/>
  <c r="P4111" i="5" s="1"/>
  <c r="K4137" i="2"/>
  <c r="K4111" i="5" s="1"/>
  <c r="I4624" i="2"/>
  <c r="I4598" i="5" s="1"/>
  <c r="J4624" i="2"/>
  <c r="J4598" i="5" s="1"/>
  <c r="N4598" i="5" s="1"/>
  <c r="L4624" i="2"/>
  <c r="L4598" i="5" s="1"/>
  <c r="M4624" i="2"/>
  <c r="M4598" i="5" s="1"/>
  <c r="P4598" i="5" s="1"/>
  <c r="I54" i="2"/>
  <c r="I28" i="5" s="1"/>
  <c r="K54" i="2"/>
  <c r="K28" i="5" s="1"/>
  <c r="M54" i="2"/>
  <c r="M28" i="5" s="1"/>
  <c r="P28" i="5" s="1"/>
  <c r="L54" i="2"/>
  <c r="L28" i="5" s="1"/>
  <c r="J54" i="2"/>
  <c r="J28" i="5" s="1"/>
  <c r="N28" i="5" s="1"/>
  <c r="J5342" i="2"/>
  <c r="J5316" i="5" s="1"/>
  <c r="N5316" i="5" s="1"/>
  <c r="K5342" i="2"/>
  <c r="K5316" i="5" s="1"/>
  <c r="L5342" i="2"/>
  <c r="L5316" i="5" s="1"/>
  <c r="M5342" i="2"/>
  <c r="M5316" i="5" s="1"/>
  <c r="P5316" i="5" s="1"/>
  <c r="I5342" i="2"/>
  <c r="I5316" i="5" s="1"/>
  <c r="J64" i="2"/>
  <c r="J38" i="5" s="1"/>
  <c r="N38" i="5" s="1"/>
  <c r="K64" i="2"/>
  <c r="K38" i="5" s="1"/>
  <c r="I64" i="2"/>
  <c r="I38" i="5" s="1"/>
  <c r="M64" i="2"/>
  <c r="M38" i="5" s="1"/>
  <c r="P38" i="5" s="1"/>
  <c r="L64" i="2"/>
  <c r="L38" i="5" s="1"/>
  <c r="I5810" i="2"/>
  <c r="I5784" i="5" s="1"/>
  <c r="K5810" i="2"/>
  <c r="K5784" i="5" s="1"/>
  <c r="J5810" i="2"/>
  <c r="J5784" i="5" s="1"/>
  <c r="N5784" i="5" s="1"/>
  <c r="L5810" i="2"/>
  <c r="L5784" i="5" s="1"/>
  <c r="M5810" i="2"/>
  <c r="M5784" i="5" s="1"/>
  <c r="P5784" i="5" s="1"/>
  <c r="J3916" i="2"/>
  <c r="J3890" i="5" s="1"/>
  <c r="N3890" i="5" s="1"/>
  <c r="M3916" i="2"/>
  <c r="M3890" i="5" s="1"/>
  <c r="P3890" i="5" s="1"/>
  <c r="I3916" i="2"/>
  <c r="I3890" i="5" s="1"/>
  <c r="L3916" i="2"/>
  <c r="L3890" i="5" s="1"/>
  <c r="J3762" i="2"/>
  <c r="J3736" i="5" s="1"/>
  <c r="N3736" i="5" s="1"/>
  <c r="L3762" i="2"/>
  <c r="L3736" i="5" s="1"/>
  <c r="I3762" i="2"/>
  <c r="I3736" i="5" s="1"/>
  <c r="K3762" i="2"/>
  <c r="K3736" i="5" s="1"/>
  <c r="E337" i="5"/>
  <c r="AR331" i="1"/>
  <c r="I789" i="2"/>
  <c r="I763" i="5" s="1"/>
  <c r="K789" i="2"/>
  <c r="K763" i="5" s="1"/>
  <c r="O763" i="5" s="1"/>
  <c r="I2824" i="2"/>
  <c r="I2798" i="5" s="1"/>
  <c r="J2824" i="2"/>
  <c r="J2798" i="5" s="1"/>
  <c r="N2798" i="5" s="1"/>
  <c r="M2824" i="2"/>
  <c r="M2798" i="5" s="1"/>
  <c r="P2798" i="5" s="1"/>
  <c r="K2824" i="2"/>
  <c r="K2798" i="5" s="1"/>
  <c r="O2798" i="5" s="1"/>
  <c r="K3987" i="2"/>
  <c r="K3961" i="5" s="1"/>
  <c r="L2311" i="2"/>
  <c r="L2285" i="5" s="1"/>
  <c r="I2311" i="2"/>
  <c r="I2285" i="5" s="1"/>
  <c r="M2311" i="2"/>
  <c r="M2285" i="5" s="1"/>
  <c r="P2285" i="5" s="1"/>
  <c r="J318" i="2"/>
  <c r="J292" i="5" s="1"/>
  <c r="N292" i="5" s="1"/>
  <c r="K318" i="2"/>
  <c r="K292" i="5" s="1"/>
  <c r="L6530" i="2"/>
  <c r="L6504" i="5" s="1"/>
  <c r="I6530" i="2"/>
  <c r="I6504" i="5" s="1"/>
  <c r="J6530" i="2"/>
  <c r="J6504" i="5" s="1"/>
  <c r="N6504" i="5" s="1"/>
  <c r="M6530" i="2"/>
  <c r="M6504" i="5" s="1"/>
  <c r="P6504" i="5" s="1"/>
  <c r="K475" i="2"/>
  <c r="K449" i="5" s="1"/>
  <c r="L475" i="2"/>
  <c r="L449" i="5" s="1"/>
  <c r="M475" i="2"/>
  <c r="M449" i="5" s="1"/>
  <c r="P449" i="5" s="1"/>
  <c r="J475" i="2"/>
  <c r="J449" i="5" s="1"/>
  <c r="N449" i="5" s="1"/>
  <c r="L7321" i="2"/>
  <c r="L7295" i="5" s="1"/>
  <c r="J7321" i="2"/>
  <c r="J7295" i="5" s="1"/>
  <c r="N7295" i="5" s="1"/>
  <c r="K7321" i="2"/>
  <c r="K7295" i="5" s="1"/>
  <c r="J1297" i="2"/>
  <c r="J1271" i="5" s="1"/>
  <c r="N1271" i="5" s="1"/>
  <c r="I1297" i="2"/>
  <c r="I1271" i="5" s="1"/>
  <c r="K1297" i="2"/>
  <c r="K1271" i="5" s="1"/>
  <c r="L1297" i="2"/>
  <c r="L1271" i="5" s="1"/>
  <c r="M1297" i="2"/>
  <c r="M1271" i="5" s="1"/>
  <c r="P1271" i="5" s="1"/>
  <c r="L3764" i="2"/>
  <c r="L3738" i="5" s="1"/>
  <c r="I3764" i="2"/>
  <c r="I3738" i="5" s="1"/>
  <c r="M3764" i="2"/>
  <c r="M3738" i="5" s="1"/>
  <c r="P3738" i="5" s="1"/>
  <c r="M1148" i="2"/>
  <c r="M1122" i="5" s="1"/>
  <c r="P1122" i="5" s="1"/>
  <c r="J1148" i="2"/>
  <c r="J1122" i="5" s="1"/>
  <c r="N1122" i="5" s="1"/>
  <c r="I1148" i="2"/>
  <c r="I1122" i="5" s="1"/>
  <c r="K1148" i="2"/>
  <c r="K1122" i="5" s="1"/>
  <c r="O1122" i="5" s="1"/>
  <c r="J3627" i="2"/>
  <c r="J3601" i="5" s="1"/>
  <c r="N3601" i="5" s="1"/>
  <c r="I3627" i="2"/>
  <c r="I3601" i="5" s="1"/>
  <c r="M3627" i="2"/>
  <c r="M3601" i="5" s="1"/>
  <c r="P3601" i="5" s="1"/>
  <c r="K3627" i="2"/>
  <c r="K3601" i="5" s="1"/>
  <c r="I3678" i="2"/>
  <c r="I3652" i="5" s="1"/>
  <c r="K3678" i="2"/>
  <c r="K3652" i="5" s="1"/>
  <c r="L3678" i="2"/>
  <c r="L3652" i="5" s="1"/>
  <c r="K3668" i="2"/>
  <c r="K3642" i="5" s="1"/>
  <c r="L3668" i="2"/>
  <c r="L3642" i="5" s="1"/>
  <c r="J3668" i="2"/>
  <c r="J3642" i="5" s="1"/>
  <c r="N3642" i="5" s="1"/>
  <c r="I7528" i="2"/>
  <c r="I7502" i="5" s="1"/>
  <c r="J7528" i="2"/>
  <c r="J7502" i="5" s="1"/>
  <c r="N7502" i="5" s="1"/>
  <c r="M7528" i="2"/>
  <c r="M7502" i="5" s="1"/>
  <c r="P7502" i="5" s="1"/>
  <c r="K7528" i="2"/>
  <c r="K7502" i="5" s="1"/>
  <c r="L7528" i="2"/>
  <c r="L7502" i="5" s="1"/>
  <c r="J4955" i="2"/>
  <c r="J4929" i="5" s="1"/>
  <c r="N4929" i="5" s="1"/>
  <c r="L4955" i="2"/>
  <c r="L4929" i="5" s="1"/>
  <c r="I4955" i="2"/>
  <c r="I4929" i="5" s="1"/>
  <c r="K4955" i="2"/>
  <c r="K4929" i="5" s="1"/>
  <c r="M4955" i="2"/>
  <c r="M4929" i="5" s="1"/>
  <c r="P4929" i="5" s="1"/>
  <c r="L3311" i="2"/>
  <c r="L3285" i="5" s="1"/>
  <c r="K3311" i="2"/>
  <c r="K3285" i="5" s="1"/>
  <c r="K7695" i="2"/>
  <c r="K7669" i="5" s="1"/>
  <c r="L7695" i="2"/>
  <c r="L7669" i="5" s="1"/>
  <c r="M7695" i="2"/>
  <c r="M7669" i="5" s="1"/>
  <c r="P7669" i="5" s="1"/>
  <c r="J7695" i="2"/>
  <c r="J7669" i="5" s="1"/>
  <c r="N7669" i="5" s="1"/>
  <c r="L7356" i="2"/>
  <c r="L7330" i="5" s="1"/>
  <c r="I7356" i="2"/>
  <c r="I7330" i="5" s="1"/>
  <c r="K7374" i="2"/>
  <c r="K7348" i="5" s="1"/>
  <c r="J7374" i="2"/>
  <c r="J7348" i="5" s="1"/>
  <c r="N7348" i="5" s="1"/>
  <c r="L7374" i="2"/>
  <c r="L7348" i="5" s="1"/>
  <c r="M7374" i="2"/>
  <c r="M7348" i="5" s="1"/>
  <c r="P7348" i="5" s="1"/>
  <c r="I7374" i="2"/>
  <c r="I7348" i="5" s="1"/>
  <c r="L1820" i="2"/>
  <c r="L1794" i="5" s="1"/>
  <c r="M1820" i="2"/>
  <c r="M1794" i="5" s="1"/>
  <c r="P1794" i="5" s="1"/>
  <c r="I1820" i="2"/>
  <c r="I1794" i="5" s="1"/>
  <c r="K1820" i="2"/>
  <c r="K1794" i="5" s="1"/>
  <c r="J1820" i="2"/>
  <c r="J1794" i="5" s="1"/>
  <c r="N1794" i="5" s="1"/>
  <c r="K8545" i="2"/>
  <c r="K8519" i="5" s="1"/>
  <c r="J8545" i="2"/>
  <c r="J8519" i="5" s="1"/>
  <c r="N8519" i="5" s="1"/>
  <c r="L8545" i="2"/>
  <c r="L8519" i="5" s="1"/>
  <c r="L3824" i="2"/>
  <c r="L3798" i="5" s="1"/>
  <c r="J3824" i="2"/>
  <c r="J3798" i="5" s="1"/>
  <c r="N3798" i="5" s="1"/>
  <c r="K3824" i="2"/>
  <c r="K3798" i="5" s="1"/>
  <c r="I3824" i="2"/>
  <c r="I3798" i="5" s="1"/>
  <c r="M3824" i="2"/>
  <c r="M3798" i="5" s="1"/>
  <c r="P3798" i="5" s="1"/>
  <c r="K1747" i="2"/>
  <c r="K1721" i="5" s="1"/>
  <c r="M1747" i="2"/>
  <c r="M1721" i="5" s="1"/>
  <c r="P1721" i="5" s="1"/>
  <c r="L1747" i="2"/>
  <c r="L1721" i="5" s="1"/>
  <c r="M4444" i="2"/>
  <c r="M4418" i="5" s="1"/>
  <c r="P4418" i="5" s="1"/>
  <c r="L2162" i="2"/>
  <c r="L2136" i="5" s="1"/>
  <c r="M2162" i="2"/>
  <c r="M2136" i="5" s="1"/>
  <c r="P2136" i="5" s="1"/>
  <c r="I2162" i="2"/>
  <c r="I2136" i="5" s="1"/>
  <c r="K4178" i="2"/>
  <c r="K4152" i="5" s="1"/>
  <c r="O4152" i="5" s="1"/>
  <c r="J4178" i="2"/>
  <c r="J4152" i="5" s="1"/>
  <c r="N4152" i="5" s="1"/>
  <c r="M4178" i="2"/>
  <c r="M4152" i="5" s="1"/>
  <c r="P4152" i="5" s="1"/>
  <c r="I3826" i="2"/>
  <c r="I3800" i="5" s="1"/>
  <c r="M3826" i="2"/>
  <c r="M3800" i="5" s="1"/>
  <c r="P3800" i="5" s="1"/>
  <c r="I456" i="2"/>
  <c r="I430" i="5" s="1"/>
  <c r="K456" i="2"/>
  <c r="K430" i="5" s="1"/>
  <c r="O430" i="5" s="1"/>
  <c r="M456" i="2"/>
  <c r="M430" i="5" s="1"/>
  <c r="P430" i="5" s="1"/>
  <c r="I1256" i="2"/>
  <c r="I1230" i="5" s="1"/>
  <c r="L1256" i="2"/>
  <c r="L1230" i="5" s="1"/>
  <c r="J1256" i="2"/>
  <c r="J1230" i="5" s="1"/>
  <c r="N1230" i="5" s="1"/>
  <c r="K1256" i="2"/>
  <c r="K1230" i="5" s="1"/>
  <c r="M1256" i="2"/>
  <c r="M1230" i="5" s="1"/>
  <c r="P1230" i="5" s="1"/>
  <c r="I487" i="2"/>
  <c r="I461" i="5" s="1"/>
  <c r="K487" i="2"/>
  <c r="K461" i="5" s="1"/>
  <c r="K7633" i="2"/>
  <c r="K7607" i="5" s="1"/>
  <c r="J7633" i="2"/>
  <c r="J7607" i="5" s="1"/>
  <c r="N7607" i="5" s="1"/>
  <c r="L7633" i="2"/>
  <c r="L7607" i="5" s="1"/>
  <c r="I4076" i="2"/>
  <c r="I4050" i="5" s="1"/>
  <c r="I3909" i="2"/>
  <c r="I3883" i="5" s="1"/>
  <c r="K8116" i="2"/>
  <c r="K8090" i="5" s="1"/>
  <c r="O8090" i="5" s="1"/>
  <c r="I3407" i="2"/>
  <c r="I3381" i="5" s="1"/>
  <c r="J6655" i="2"/>
  <c r="J6629" i="5" s="1"/>
  <c r="N6629" i="5" s="1"/>
  <c r="M8469" i="2"/>
  <c r="M8443" i="5" s="1"/>
  <c r="P8443" i="5" s="1"/>
  <c r="M2234" i="2"/>
  <c r="M2208" i="5" s="1"/>
  <c r="P2208" i="5" s="1"/>
  <c r="M8124" i="2"/>
  <c r="M8098" i="5" s="1"/>
  <c r="P8098" i="5" s="1"/>
  <c r="M2615" i="2"/>
  <c r="M2589" i="5" s="1"/>
  <c r="P2589" i="5" s="1"/>
  <c r="K142" i="2"/>
  <c r="K116" i="5" s="1"/>
  <c r="J4849" i="2"/>
  <c r="J4823" i="5" s="1"/>
  <c r="N4823" i="5" s="1"/>
  <c r="I4444" i="2"/>
  <c r="I4418" i="5" s="1"/>
  <c r="I4010" i="2"/>
  <c r="I3984" i="5" s="1"/>
  <c r="M2660" i="2"/>
  <c r="M2634" i="5" s="1"/>
  <c r="P2634" i="5" s="1"/>
  <c r="I3451" i="2"/>
  <c r="I3425" i="5" s="1"/>
  <c r="L8018" i="2"/>
  <c r="L7992" i="5" s="1"/>
  <c r="L46" i="2"/>
  <c r="L20" i="5" s="1"/>
  <c r="J657" i="2"/>
  <c r="J631" i="5" s="1"/>
  <c r="N631" i="5" s="1"/>
  <c r="K8209" i="2"/>
  <c r="K8183" i="5" s="1"/>
  <c r="J981" i="2"/>
  <c r="J955" i="5" s="1"/>
  <c r="N955" i="5" s="1"/>
  <c r="J8379" i="2"/>
  <c r="J8353" i="5" s="1"/>
  <c r="N8353" i="5" s="1"/>
  <c r="K4844" i="2"/>
  <c r="K4818" i="5" s="1"/>
  <c r="M810" i="2"/>
  <c r="M784" i="5" s="1"/>
  <c r="P784" i="5" s="1"/>
  <c r="J613" i="2"/>
  <c r="J587" i="5" s="1"/>
  <c r="N587" i="5" s="1"/>
  <c r="I6273" i="2"/>
  <c r="I6247" i="5" s="1"/>
  <c r="L6698" i="2"/>
  <c r="L6672" i="5" s="1"/>
  <c r="J7015" i="2"/>
  <c r="J6989" i="5" s="1"/>
  <c r="N6989" i="5" s="1"/>
  <c r="I3264" i="2"/>
  <c r="I3238" i="5" s="1"/>
  <c r="I7155" i="2"/>
  <c r="I7129" i="5" s="1"/>
  <c r="L7155" i="2"/>
  <c r="L7129" i="5" s="1"/>
  <c r="K7947" i="2"/>
  <c r="K7921" i="5" s="1"/>
  <c r="O7921" i="5" s="1"/>
  <c r="J7947" i="2"/>
  <c r="J7921" i="5" s="1"/>
  <c r="N7921" i="5" s="1"/>
  <c r="J2416" i="2"/>
  <c r="J2390" i="5" s="1"/>
  <c r="N2390" i="5" s="1"/>
  <c r="M2416" i="2"/>
  <c r="M2390" i="5" s="1"/>
  <c r="P2390" i="5" s="1"/>
  <c r="K2416" i="2"/>
  <c r="K2390" i="5" s="1"/>
  <c r="O2390" i="5" s="1"/>
  <c r="M7111" i="2"/>
  <c r="M7085" i="5" s="1"/>
  <c r="P7085" i="5" s="1"/>
  <c r="I7111" i="2"/>
  <c r="I7085" i="5" s="1"/>
  <c r="M3316" i="2"/>
  <c r="M3290" i="5" s="1"/>
  <c r="P3290" i="5" s="1"/>
  <c r="J3316" i="2"/>
  <c r="J3290" i="5" s="1"/>
  <c r="N3290" i="5" s="1"/>
  <c r="K3316" i="2"/>
  <c r="K3290" i="5" s="1"/>
  <c r="O3290" i="5" s="1"/>
  <c r="M757" i="2"/>
  <c r="M731" i="5" s="1"/>
  <c r="P731" i="5" s="1"/>
  <c r="I7107" i="2"/>
  <c r="I7081" i="5" s="1"/>
  <c r="J7107" i="2"/>
  <c r="J7081" i="5" s="1"/>
  <c r="N7081" i="5" s="1"/>
  <c r="D128" i="5"/>
  <c r="AR122" i="1"/>
  <c r="J3332" i="2"/>
  <c r="J3306" i="5" s="1"/>
  <c r="N3306" i="5" s="1"/>
  <c r="M3332" i="2"/>
  <c r="M3306" i="5" s="1"/>
  <c r="P3306" i="5" s="1"/>
  <c r="I3332" i="2"/>
  <c r="I3306" i="5" s="1"/>
  <c r="K3332" i="2"/>
  <c r="K3306" i="5" s="1"/>
  <c r="O3306" i="5" s="1"/>
  <c r="I707" i="2"/>
  <c r="I681" i="5" s="1"/>
  <c r="L707" i="2"/>
  <c r="L681" i="5" s="1"/>
  <c r="K707" i="2"/>
  <c r="K681" i="5" s="1"/>
  <c r="M707" i="2"/>
  <c r="M681" i="5" s="1"/>
  <c r="P681" i="5" s="1"/>
  <c r="K5579" i="2"/>
  <c r="K5553" i="5" s="1"/>
  <c r="J5579" i="2"/>
  <c r="J5553" i="5" s="1"/>
  <c r="N5553" i="5" s="1"/>
  <c r="L5579" i="2"/>
  <c r="L5553" i="5" s="1"/>
  <c r="M5579" i="2"/>
  <c r="M5553" i="5" s="1"/>
  <c r="P5553" i="5" s="1"/>
  <c r="I5579" i="2"/>
  <c r="I5553" i="5" s="1"/>
  <c r="K8339" i="2"/>
  <c r="K8313" i="5" s="1"/>
  <c r="L8339" i="2"/>
  <c r="L8313" i="5" s="1"/>
  <c r="J8339" i="2"/>
  <c r="J8313" i="5" s="1"/>
  <c r="N8313" i="5" s="1"/>
  <c r="I1611" i="2"/>
  <c r="I1585" i="5" s="1"/>
  <c r="M1611" i="2"/>
  <c r="M1585" i="5" s="1"/>
  <c r="P1585" i="5" s="1"/>
  <c r="J1611" i="2"/>
  <c r="J1585" i="5" s="1"/>
  <c r="N1585" i="5" s="1"/>
  <c r="I1387" i="2"/>
  <c r="I1361" i="5" s="1"/>
  <c r="J1125" i="2"/>
  <c r="J1099" i="5" s="1"/>
  <c r="N1099" i="5" s="1"/>
  <c r="M1125" i="2"/>
  <c r="M1099" i="5" s="1"/>
  <c r="P1099" i="5" s="1"/>
  <c r="I1125" i="2"/>
  <c r="I1099" i="5" s="1"/>
  <c r="AR233" i="1"/>
  <c r="M3394" i="2"/>
  <c r="M3368" i="5" s="1"/>
  <c r="P3368" i="5" s="1"/>
  <c r="M4076" i="2"/>
  <c r="M4050" i="5" s="1"/>
  <c r="P4050" i="5" s="1"/>
  <c r="I8116" i="2"/>
  <c r="I8090" i="5" s="1"/>
  <c r="L6830" i="2"/>
  <c r="L6804" i="5" s="1"/>
  <c r="J8124" i="2"/>
  <c r="J8098" i="5" s="1"/>
  <c r="N8098" i="5" s="1"/>
  <c r="J2615" i="2"/>
  <c r="J2589" i="5" s="1"/>
  <c r="N2589" i="5" s="1"/>
  <c r="L142" i="2"/>
  <c r="L116" i="5" s="1"/>
  <c r="L4444" i="2"/>
  <c r="L4418" i="5" s="1"/>
  <c r="L8697" i="2"/>
  <c r="L8671" i="5" s="1"/>
  <c r="K2660" i="2"/>
  <c r="K2634" i="5" s="1"/>
  <c r="O2634" i="5" s="1"/>
  <c r="M3451" i="2"/>
  <c r="M3425" i="5" s="1"/>
  <c r="P3425" i="5" s="1"/>
  <c r="L6631" i="2"/>
  <c r="L6605" i="5" s="1"/>
  <c r="K6639" i="2"/>
  <c r="K6613" i="5" s="1"/>
  <c r="I2261" i="2"/>
  <c r="I2235" i="5" s="1"/>
  <c r="K6769" i="2"/>
  <c r="K6743" i="5" s="1"/>
  <c r="J1563" i="2"/>
  <c r="J1537" i="5" s="1"/>
  <c r="N1537" i="5" s="1"/>
  <c r="L2754" i="2"/>
  <c r="L2728" i="5" s="1"/>
  <c r="M3786" i="2"/>
  <c r="M3760" i="5" s="1"/>
  <c r="P3760" i="5" s="1"/>
  <c r="J1117" i="2"/>
  <c r="J1091" i="5" s="1"/>
  <c r="N1091" i="5" s="1"/>
  <c r="K981" i="2"/>
  <c r="K955" i="5" s="1"/>
  <c r="L6768" i="2"/>
  <c r="L6742" i="5" s="1"/>
  <c r="K8126" i="2"/>
  <c r="K8100" i="5" s="1"/>
  <c r="M2603" i="2"/>
  <c r="M2577" i="5" s="1"/>
  <c r="P2577" i="5" s="1"/>
  <c r="L1756" i="2"/>
  <c r="L1730" i="5" s="1"/>
  <c r="M2138" i="2"/>
  <c r="M2112" i="5" s="1"/>
  <c r="P2112" i="5" s="1"/>
  <c r="K136" i="2"/>
  <c r="K110" i="5" s="1"/>
  <c r="I4663" i="2"/>
  <c r="I4637" i="5" s="1"/>
  <c r="I6698" i="2"/>
  <c r="I6672" i="5" s="1"/>
  <c r="M5462" i="2"/>
  <c r="M5436" i="5" s="1"/>
  <c r="P5436" i="5" s="1"/>
  <c r="L5462" i="2"/>
  <c r="L5436" i="5" s="1"/>
  <c r="I5462" i="2"/>
  <c r="I5436" i="5" s="1"/>
  <c r="J5462" i="2"/>
  <c r="J5436" i="5" s="1"/>
  <c r="N5436" i="5" s="1"/>
  <c r="K5462" i="2"/>
  <c r="K5436" i="5" s="1"/>
  <c r="M6653" i="2"/>
  <c r="M6627" i="5" s="1"/>
  <c r="P6627" i="5" s="1"/>
  <c r="L6653" i="2"/>
  <c r="L6627" i="5" s="1"/>
  <c r="K6641" i="2"/>
  <c r="K6615" i="5" s="1"/>
  <c r="O6615" i="5" s="1"/>
  <c r="M6641" i="2"/>
  <c r="M6615" i="5" s="1"/>
  <c r="P6615" i="5" s="1"/>
  <c r="I6641" i="2"/>
  <c r="I6615" i="5" s="1"/>
  <c r="K8542" i="2"/>
  <c r="K8516" i="5" s="1"/>
  <c r="L1397" i="2"/>
  <c r="L1371" i="5" s="1"/>
  <c r="J1397" i="2"/>
  <c r="J1371" i="5" s="1"/>
  <c r="N1371" i="5" s="1"/>
  <c r="M1397" i="2"/>
  <c r="M1371" i="5" s="1"/>
  <c r="P1371" i="5" s="1"/>
  <c r="K1397" i="2"/>
  <c r="K1371" i="5" s="1"/>
  <c r="L3406" i="2"/>
  <c r="L3380" i="5" s="1"/>
  <c r="I3406" i="2"/>
  <c r="I3380" i="5" s="1"/>
  <c r="K3406" i="2"/>
  <c r="K3380" i="5" s="1"/>
  <c r="J5598" i="2"/>
  <c r="J5572" i="5" s="1"/>
  <c r="N5572" i="5" s="1"/>
  <c r="L5598" i="2"/>
  <c r="L5572" i="5" s="1"/>
  <c r="I5598" i="2"/>
  <c r="I5572" i="5" s="1"/>
  <c r="K5598" i="2"/>
  <c r="K5572" i="5" s="1"/>
  <c r="K6010" i="2"/>
  <c r="K5984" i="5" s="1"/>
  <c r="M6010" i="2"/>
  <c r="M5984" i="5" s="1"/>
  <c r="P5984" i="5" s="1"/>
  <c r="I6010" i="2"/>
  <c r="I5984" i="5" s="1"/>
  <c r="L5453" i="2"/>
  <c r="L5427" i="5" s="1"/>
  <c r="J5453" i="2"/>
  <c r="J5427" i="5" s="1"/>
  <c r="N5427" i="5" s="1"/>
  <c r="K5453" i="2"/>
  <c r="K5427" i="5" s="1"/>
  <c r="K2985" i="2"/>
  <c r="K2959" i="5" s="1"/>
  <c r="O2959" i="5" s="1"/>
  <c r="L7109" i="2"/>
  <c r="L7083" i="5" s="1"/>
  <c r="L3460" i="2"/>
  <c r="L3434" i="5" s="1"/>
  <c r="J2297" i="2"/>
  <c r="J2271" i="5" s="1"/>
  <c r="N2271" i="5" s="1"/>
  <c r="J4076" i="2"/>
  <c r="J4050" i="5" s="1"/>
  <c r="N4050" i="5" s="1"/>
  <c r="K50" i="2"/>
  <c r="K24" i="5" s="1"/>
  <c r="M1986" i="2"/>
  <c r="M1960" i="5" s="1"/>
  <c r="P1960" i="5" s="1"/>
  <c r="J6830" i="2"/>
  <c r="J6804" i="5" s="1"/>
  <c r="N6804" i="5" s="1"/>
  <c r="I2304" i="2"/>
  <c r="I2278" i="5" s="1"/>
  <c r="J982" i="2"/>
  <c r="J956" i="5" s="1"/>
  <c r="N956" i="5" s="1"/>
  <c r="I105" i="2"/>
  <c r="I79" i="5" s="1"/>
  <c r="L2444" i="2"/>
  <c r="L2418" i="5" s="1"/>
  <c r="K8000" i="2"/>
  <c r="K7974" i="5" s="1"/>
  <c r="O7974" i="5" s="1"/>
  <c r="J8697" i="2"/>
  <c r="J8671" i="5" s="1"/>
  <c r="N8671" i="5" s="1"/>
  <c r="K2240" i="2"/>
  <c r="K2214" i="5" s="1"/>
  <c r="O2214" i="5" s="1"/>
  <c r="L6452" i="2"/>
  <c r="L6426" i="5" s="1"/>
  <c r="L8128" i="2"/>
  <c r="L8102" i="5" s="1"/>
  <c r="I4806" i="2"/>
  <c r="I4780" i="5" s="1"/>
  <c r="J3498" i="2"/>
  <c r="J3472" i="5" s="1"/>
  <c r="N3472" i="5" s="1"/>
  <c r="J3292" i="2"/>
  <c r="J3266" i="5" s="1"/>
  <c r="N3266" i="5" s="1"/>
  <c r="K8641" i="2"/>
  <c r="K8615" i="5" s="1"/>
  <c r="M1484" i="2"/>
  <c r="M1458" i="5" s="1"/>
  <c r="P1458" i="5" s="1"/>
  <c r="K6631" i="2"/>
  <c r="K6605" i="5" s="1"/>
  <c r="I6639" i="2"/>
  <c r="I6613" i="5" s="1"/>
  <c r="J6769" i="2"/>
  <c r="J6743" i="5" s="1"/>
  <c r="N6743" i="5" s="1"/>
  <c r="L1563" i="2"/>
  <c r="L1537" i="5" s="1"/>
  <c r="J5106" i="2"/>
  <c r="J5080" i="5" s="1"/>
  <c r="N5080" i="5" s="1"/>
  <c r="J2754" i="2"/>
  <c r="J2728" i="5" s="1"/>
  <c r="N2728" i="5" s="1"/>
  <c r="J3786" i="2"/>
  <c r="J3760" i="5" s="1"/>
  <c r="N3760" i="5" s="1"/>
  <c r="J3300" i="2"/>
  <c r="J3274" i="5" s="1"/>
  <c r="N3274" i="5" s="1"/>
  <c r="L1117" i="2"/>
  <c r="L1091" i="5" s="1"/>
  <c r="J6954" i="2"/>
  <c r="J6928" i="5" s="1"/>
  <c r="N6928" i="5" s="1"/>
  <c r="M2293" i="2"/>
  <c r="M2267" i="5" s="1"/>
  <c r="P2267" i="5" s="1"/>
  <c r="M8209" i="2"/>
  <c r="M8183" i="5" s="1"/>
  <c r="P8183" i="5" s="1"/>
  <c r="K2603" i="2"/>
  <c r="K2577" i="5" s="1"/>
  <c r="K7323" i="2"/>
  <c r="K7297" i="5" s="1"/>
  <c r="O7297" i="5" s="1"/>
  <c r="M6000" i="2"/>
  <c r="M5974" i="5" s="1"/>
  <c r="P5974" i="5" s="1"/>
  <c r="L4655" i="2"/>
  <c r="L4629" i="5" s="1"/>
  <c r="K2138" i="2"/>
  <c r="K2112" i="5" s="1"/>
  <c r="K4261" i="2"/>
  <c r="K4235" i="5" s="1"/>
  <c r="I1787" i="2"/>
  <c r="I1761" i="5" s="1"/>
  <c r="L4963" i="2"/>
  <c r="L4937" i="5" s="1"/>
  <c r="I6162" i="2"/>
  <c r="I6136" i="5" s="1"/>
  <c r="L8641" i="2"/>
  <c r="L8615" i="5" s="1"/>
  <c r="J6639" i="2"/>
  <c r="J6613" i="5" s="1"/>
  <c r="N6613" i="5" s="1"/>
  <c r="L2293" i="2"/>
  <c r="L2267" i="5" s="1"/>
  <c r="J6259" i="2"/>
  <c r="J6233" i="5" s="1"/>
  <c r="N6233" i="5" s="1"/>
  <c r="M1116" i="2"/>
  <c r="M1090" i="5" s="1"/>
  <c r="P1090" i="5" s="1"/>
  <c r="D22" i="5"/>
  <c r="AR16" i="1"/>
  <c r="L6923" i="2"/>
  <c r="L6897" i="5" s="1"/>
  <c r="K6923" i="2"/>
  <c r="K6897" i="5" s="1"/>
  <c r="J8354" i="2"/>
  <c r="J8328" i="5" s="1"/>
  <c r="N8328" i="5" s="1"/>
  <c r="I8354" i="2"/>
  <c r="I8328" i="5" s="1"/>
  <c r="L972" i="2"/>
  <c r="L946" i="5" s="1"/>
  <c r="K972" i="2"/>
  <c r="K946" i="5" s="1"/>
  <c r="I3783" i="2"/>
  <c r="I3757" i="5" s="1"/>
  <c r="M3783" i="2"/>
  <c r="M3757" i="5" s="1"/>
  <c r="P3757" i="5" s="1"/>
  <c r="J3783" i="2"/>
  <c r="J3757" i="5" s="1"/>
  <c r="N3757" i="5" s="1"/>
  <c r="L3783" i="2"/>
  <c r="L3757" i="5" s="1"/>
  <c r="L3337" i="2"/>
  <c r="L3311" i="5" s="1"/>
  <c r="I3337" i="2"/>
  <c r="I3311" i="5" s="1"/>
  <c r="J3337" i="2"/>
  <c r="J3311" i="5" s="1"/>
  <c r="N3311" i="5" s="1"/>
  <c r="L7007" i="2"/>
  <c r="L6981" i="5" s="1"/>
  <c r="I7007" i="2"/>
  <c r="I6981" i="5" s="1"/>
  <c r="K7007" i="2"/>
  <c r="K6981" i="5" s="1"/>
  <c r="J7007" i="2"/>
  <c r="J6981" i="5" s="1"/>
  <c r="N6981" i="5" s="1"/>
  <c r="M7007" i="2"/>
  <c r="M6981" i="5" s="1"/>
  <c r="P6981" i="5" s="1"/>
  <c r="I3654" i="2"/>
  <c r="I3628" i="5" s="1"/>
  <c r="K3654" i="2"/>
  <c r="K3628" i="5" s="1"/>
  <c r="M3654" i="2"/>
  <c r="M3628" i="5" s="1"/>
  <c r="P3628" i="5" s="1"/>
  <c r="J3654" i="2"/>
  <c r="J3628" i="5" s="1"/>
  <c r="N3628" i="5" s="1"/>
  <c r="AR261" i="1"/>
  <c r="C267" i="5"/>
  <c r="I2127" i="2"/>
  <c r="I2101" i="5" s="1"/>
  <c r="M2127" i="2"/>
  <c r="M2101" i="5" s="1"/>
  <c r="P2101" i="5" s="1"/>
  <c r="L2127" i="2"/>
  <c r="L2101" i="5" s="1"/>
  <c r="K6611" i="2"/>
  <c r="K6585" i="5" s="1"/>
  <c r="J6611" i="2"/>
  <c r="J6585" i="5" s="1"/>
  <c r="N6585" i="5" s="1"/>
  <c r="I6611" i="2"/>
  <c r="I6585" i="5" s="1"/>
  <c r="M6611" i="2"/>
  <c r="M6585" i="5" s="1"/>
  <c r="P6585" i="5" s="1"/>
  <c r="L6611" i="2"/>
  <c r="L6585" i="5" s="1"/>
  <c r="K2274" i="2"/>
  <c r="K2248" i="5" s="1"/>
  <c r="O2248" i="5" s="1"/>
  <c r="M2274" i="2"/>
  <c r="M2248" i="5" s="1"/>
  <c r="P2248" i="5" s="1"/>
  <c r="I3260" i="2"/>
  <c r="I3234" i="5" s="1"/>
  <c r="J3260" i="2"/>
  <c r="J3234" i="5" s="1"/>
  <c r="N3234" i="5" s="1"/>
  <c r="L2500" i="2"/>
  <c r="L2474" i="5" s="1"/>
  <c r="M2500" i="2"/>
  <c r="M2474" i="5" s="1"/>
  <c r="P2474" i="5" s="1"/>
  <c r="I2500" i="2"/>
  <c r="I2474" i="5" s="1"/>
  <c r="L250" i="2"/>
  <c r="L224" i="5" s="1"/>
  <c r="J250" i="2"/>
  <c r="J224" i="5" s="1"/>
  <c r="N224" i="5" s="1"/>
  <c r="K250" i="2"/>
  <c r="K224" i="5" s="1"/>
  <c r="M250" i="2"/>
  <c r="M224" i="5" s="1"/>
  <c r="P224" i="5" s="1"/>
  <c r="M5025" i="2"/>
  <c r="M4999" i="5" s="1"/>
  <c r="P4999" i="5" s="1"/>
  <c r="L5025" i="2"/>
  <c r="L4999" i="5" s="1"/>
  <c r="I5025" i="2"/>
  <c r="I4999" i="5" s="1"/>
  <c r="M7656" i="2"/>
  <c r="M7630" i="5" s="1"/>
  <c r="P7630" i="5" s="1"/>
  <c r="I7656" i="2"/>
  <c r="I7630" i="5" s="1"/>
  <c r="J2001" i="2"/>
  <c r="J1975" i="5" s="1"/>
  <c r="N1975" i="5" s="1"/>
  <c r="I2001" i="2"/>
  <c r="I1975" i="5" s="1"/>
  <c r="K2001" i="2"/>
  <c r="K1975" i="5" s="1"/>
  <c r="L2001" i="2"/>
  <c r="L1975" i="5" s="1"/>
  <c r="I8197" i="2"/>
  <c r="I8171" i="5" s="1"/>
  <c r="K8197" i="2"/>
  <c r="K8171" i="5" s="1"/>
  <c r="O8171" i="5" s="1"/>
  <c r="J8197" i="2"/>
  <c r="J8171" i="5" s="1"/>
  <c r="N8171" i="5" s="1"/>
  <c r="J1582" i="2"/>
  <c r="J1556" i="5" s="1"/>
  <c r="N1556" i="5" s="1"/>
  <c r="L1582" i="2"/>
  <c r="L1556" i="5" s="1"/>
  <c r="M1582" i="2"/>
  <c r="M1556" i="5" s="1"/>
  <c r="P1556" i="5" s="1"/>
  <c r="I1582" i="2"/>
  <c r="I1556" i="5" s="1"/>
  <c r="K1582" i="2"/>
  <c r="K1556" i="5" s="1"/>
  <c r="M1086" i="2"/>
  <c r="M1060" i="5" s="1"/>
  <c r="P1060" i="5" s="1"/>
  <c r="K1086" i="2"/>
  <c r="K1060" i="5" s="1"/>
  <c r="J1086" i="2"/>
  <c r="J1060" i="5" s="1"/>
  <c r="N1060" i="5" s="1"/>
  <c r="L1086" i="2"/>
  <c r="L1060" i="5" s="1"/>
  <c r="I1086" i="2"/>
  <c r="I1060" i="5" s="1"/>
  <c r="J1274" i="2"/>
  <c r="J1248" i="5" s="1"/>
  <c r="N1248" i="5" s="1"/>
  <c r="L1274" i="2"/>
  <c r="L1248" i="5" s="1"/>
  <c r="I2559" i="2"/>
  <c r="I2533" i="5" s="1"/>
  <c r="L2559" i="2"/>
  <c r="L2533" i="5" s="1"/>
  <c r="K1625" i="2"/>
  <c r="K1599" i="5" s="1"/>
  <c r="L1625" i="2"/>
  <c r="L1599" i="5" s="1"/>
  <c r="M1625" i="2"/>
  <c r="M1599" i="5" s="1"/>
  <c r="P1599" i="5" s="1"/>
  <c r="J1625" i="2"/>
  <c r="J1599" i="5" s="1"/>
  <c r="N1599" i="5" s="1"/>
  <c r="I1625" i="2"/>
  <c r="I1599" i="5" s="1"/>
  <c r="M1812" i="2"/>
  <c r="M1786" i="5" s="1"/>
  <c r="P1786" i="5" s="1"/>
  <c r="J1812" i="2"/>
  <c r="J1786" i="5" s="1"/>
  <c r="N1786" i="5" s="1"/>
  <c r="I1812" i="2"/>
  <c r="I1786" i="5" s="1"/>
  <c r="K1812" i="2"/>
  <c r="K1786" i="5" s="1"/>
  <c r="O1786" i="5" s="1"/>
  <c r="M6464" i="2"/>
  <c r="M6438" i="5" s="1"/>
  <c r="P6438" i="5" s="1"/>
  <c r="K5618" i="2"/>
  <c r="K5592" i="5" s="1"/>
  <c r="J5618" i="2"/>
  <c r="J5592" i="5" s="1"/>
  <c r="N5592" i="5" s="1"/>
  <c r="M5618" i="2"/>
  <c r="M5592" i="5" s="1"/>
  <c r="P5592" i="5" s="1"/>
  <c r="I5618" i="2"/>
  <c r="I5592" i="5" s="1"/>
  <c r="L5618" i="2"/>
  <c r="L5592" i="5" s="1"/>
  <c r="I99" i="2"/>
  <c r="I73" i="5" s="1"/>
  <c r="K99" i="2"/>
  <c r="K73" i="5" s="1"/>
  <c r="M99" i="2"/>
  <c r="M73" i="5" s="1"/>
  <c r="P73" i="5" s="1"/>
  <c r="L99" i="2"/>
  <c r="L73" i="5" s="1"/>
  <c r="J99" i="2"/>
  <c r="J73" i="5" s="1"/>
  <c r="N73" i="5" s="1"/>
  <c r="J5765" i="2"/>
  <c r="J5739" i="5" s="1"/>
  <c r="N5739" i="5" s="1"/>
  <c r="I5765" i="2"/>
  <c r="I5739" i="5" s="1"/>
  <c r="J7845" i="2"/>
  <c r="J7819" i="5" s="1"/>
  <c r="N7819" i="5" s="1"/>
  <c r="I7845" i="2"/>
  <c r="I7819" i="5" s="1"/>
  <c r="M7845" i="2"/>
  <c r="M7819" i="5" s="1"/>
  <c r="P7819" i="5" s="1"/>
  <c r="I3060" i="2"/>
  <c r="I3034" i="5" s="1"/>
  <c r="J3060" i="2"/>
  <c r="J3034" i="5" s="1"/>
  <c r="N3034" i="5" s="1"/>
  <c r="K3060" i="2"/>
  <c r="K3034" i="5" s="1"/>
  <c r="L3060" i="2"/>
  <c r="L3034" i="5" s="1"/>
  <c r="J308" i="2"/>
  <c r="J282" i="5" s="1"/>
  <c r="N282" i="5" s="1"/>
  <c r="I308" i="2"/>
  <c r="I282" i="5" s="1"/>
  <c r="M308" i="2"/>
  <c r="M282" i="5" s="1"/>
  <c r="P282" i="5" s="1"/>
  <c r="L2671" i="2"/>
  <c r="L2645" i="5" s="1"/>
  <c r="M2671" i="2"/>
  <c r="M2645" i="5" s="1"/>
  <c r="P2645" i="5" s="1"/>
  <c r="I2671" i="2"/>
  <c r="I2645" i="5" s="1"/>
  <c r="K2671" i="2"/>
  <c r="K2645" i="5" s="1"/>
  <c r="J2671" i="2"/>
  <c r="J2645" i="5" s="1"/>
  <c r="N2645" i="5" s="1"/>
  <c r="I2408" i="2"/>
  <c r="I2382" i="5" s="1"/>
  <c r="K2408" i="2"/>
  <c r="K2382" i="5" s="1"/>
  <c r="L2408" i="2"/>
  <c r="L2382" i="5" s="1"/>
  <c r="J2408" i="2"/>
  <c r="J2382" i="5" s="1"/>
  <c r="N2382" i="5" s="1"/>
  <c r="M3937" i="2"/>
  <c r="M3911" i="5" s="1"/>
  <c r="P3911" i="5" s="1"/>
  <c r="J3937" i="2"/>
  <c r="J3911" i="5" s="1"/>
  <c r="N3911" i="5" s="1"/>
  <c r="K3937" i="2"/>
  <c r="K3911" i="5" s="1"/>
  <c r="L3937" i="2"/>
  <c r="L3911" i="5" s="1"/>
  <c r="I3937" i="2"/>
  <c r="I3911" i="5" s="1"/>
  <c r="K36" i="2"/>
  <c r="K10" i="5" s="1"/>
  <c r="I36" i="2"/>
  <c r="I10" i="5" s="1"/>
  <c r="M36" i="2"/>
  <c r="M10" i="5" s="1"/>
  <c r="P10" i="5" s="1"/>
  <c r="L36" i="2"/>
  <c r="L10" i="5" s="1"/>
  <c r="I4345" i="2"/>
  <c r="I4319" i="5" s="1"/>
  <c r="K4345" i="2"/>
  <c r="K4319" i="5" s="1"/>
  <c r="O4319" i="5" s="1"/>
  <c r="J5454" i="2"/>
  <c r="J5428" i="5" s="1"/>
  <c r="N5428" i="5" s="1"/>
  <c r="K5454" i="2"/>
  <c r="K5428" i="5" s="1"/>
  <c r="M5454" i="2"/>
  <c r="M5428" i="5" s="1"/>
  <c r="P5428" i="5" s="1"/>
  <c r="L5454" i="2"/>
  <c r="L5428" i="5" s="1"/>
  <c r="I5454" i="2"/>
  <c r="I5428" i="5" s="1"/>
  <c r="L6930" i="2"/>
  <c r="L6904" i="5" s="1"/>
  <c r="K6930" i="2"/>
  <c r="K6904" i="5" s="1"/>
  <c r="J6930" i="2"/>
  <c r="J6904" i="5" s="1"/>
  <c r="N6904" i="5" s="1"/>
  <c r="I6930" i="2"/>
  <c r="I6904" i="5" s="1"/>
  <c r="M6930" i="2"/>
  <c r="M6904" i="5" s="1"/>
  <c r="P6904" i="5" s="1"/>
  <c r="M3976" i="2"/>
  <c r="M3950" i="5" s="1"/>
  <c r="P3950" i="5" s="1"/>
  <c r="K3976" i="2"/>
  <c r="K3950" i="5" s="1"/>
  <c r="D277" i="5"/>
  <c r="AR271" i="1"/>
  <c r="M40" i="2"/>
  <c r="M14" i="5" s="1"/>
  <c r="P14" i="5" s="1"/>
  <c r="L40" i="2"/>
  <c r="L14" i="5" s="1"/>
  <c r="K40" i="2"/>
  <c r="K14" i="5" s="1"/>
  <c r="I40" i="2"/>
  <c r="I14" i="5" s="1"/>
  <c r="I2822" i="2"/>
  <c r="I2796" i="5" s="1"/>
  <c r="J8654" i="2"/>
  <c r="J8628" i="5" s="1"/>
  <c r="N8628" i="5" s="1"/>
  <c r="K2297" i="2"/>
  <c r="K2271" i="5" s="1"/>
  <c r="M3443" i="2"/>
  <c r="M3417" i="5" s="1"/>
  <c r="P3417" i="5" s="1"/>
  <c r="K7704" i="2"/>
  <c r="K7678" i="5" s="1"/>
  <c r="M6021" i="2"/>
  <c r="M5995" i="5" s="1"/>
  <c r="P5995" i="5" s="1"/>
  <c r="M6830" i="2"/>
  <c r="M6804" i="5" s="1"/>
  <c r="P6804" i="5" s="1"/>
  <c r="I2312" i="2"/>
  <c r="I2286" i="5" s="1"/>
  <c r="L982" i="2"/>
  <c r="L956" i="5" s="1"/>
  <c r="I6772" i="2"/>
  <c r="I6746" i="5" s="1"/>
  <c r="J105" i="2"/>
  <c r="J79" i="5" s="1"/>
  <c r="N79" i="5" s="1"/>
  <c r="M7488" i="2"/>
  <c r="M7462" i="5" s="1"/>
  <c r="P7462" i="5" s="1"/>
  <c r="K2444" i="2"/>
  <c r="K2418" i="5" s="1"/>
  <c r="M8439" i="2"/>
  <c r="M8413" i="5" s="1"/>
  <c r="P8413" i="5" s="1"/>
  <c r="M8000" i="2"/>
  <c r="M7974" i="5" s="1"/>
  <c r="P7974" i="5" s="1"/>
  <c r="K2961" i="2"/>
  <c r="K2935" i="5" s="1"/>
  <c r="O2935" i="5" s="1"/>
  <c r="K1766" i="2"/>
  <c r="K1740" i="5" s="1"/>
  <c r="O1740" i="5" s="1"/>
  <c r="I2729" i="2"/>
  <c r="I2703" i="5" s="1"/>
  <c r="J5304" i="2"/>
  <c r="J5278" i="5" s="1"/>
  <c r="N5278" i="5" s="1"/>
  <c r="I3292" i="2"/>
  <c r="I3266" i="5" s="1"/>
  <c r="I8641" i="2"/>
  <c r="I8615" i="5" s="1"/>
  <c r="J1484" i="2"/>
  <c r="J1458" i="5" s="1"/>
  <c r="N1458" i="5" s="1"/>
  <c r="M6631" i="2"/>
  <c r="M6605" i="5" s="1"/>
  <c r="P6605" i="5" s="1"/>
  <c r="J1720" i="2"/>
  <c r="J1694" i="5" s="1"/>
  <c r="N1694" i="5" s="1"/>
  <c r="M6639" i="2"/>
  <c r="M6613" i="5" s="1"/>
  <c r="P6613" i="5" s="1"/>
  <c r="L8144" i="2"/>
  <c r="L8118" i="5" s="1"/>
  <c r="I5607" i="2"/>
  <c r="I5581" i="5" s="1"/>
  <c r="K7981" i="2"/>
  <c r="K7955" i="5" s="1"/>
  <c r="K5025" i="2"/>
  <c r="K4999" i="5" s="1"/>
  <c r="I6954" i="2"/>
  <c r="I6928" i="5" s="1"/>
  <c r="K2293" i="2"/>
  <c r="K2267" i="5" s="1"/>
  <c r="K4964" i="2"/>
  <c r="K4938" i="5" s="1"/>
  <c r="I2448" i="2"/>
  <c r="I2422" i="5" s="1"/>
  <c r="J4284" i="2"/>
  <c r="J4258" i="5" s="1"/>
  <c r="N4258" i="5" s="1"/>
  <c r="M3678" i="2"/>
  <c r="M3652" i="5" s="1"/>
  <c r="P3652" i="5" s="1"/>
  <c r="L52" i="2"/>
  <c r="L26" i="5" s="1"/>
  <c r="K7498" i="2"/>
  <c r="K7472" i="5" s="1"/>
  <c r="K6779" i="2"/>
  <c r="K6753" i="5" s="1"/>
  <c r="I6192" i="2"/>
  <c r="I6166" i="5" s="1"/>
  <c r="K5765" i="2"/>
  <c r="K5739" i="5" s="1"/>
  <c r="O5739" i="5" s="1"/>
  <c r="J6532" i="2"/>
  <c r="J6506" i="5" s="1"/>
  <c r="N6506" i="5" s="1"/>
  <c r="J5937" i="2"/>
  <c r="J5911" i="5" s="1"/>
  <c r="N5911" i="5" s="1"/>
  <c r="I7704" i="2"/>
  <c r="I7678" i="5" s="1"/>
  <c r="I982" i="2"/>
  <c r="I956" i="5" s="1"/>
  <c r="L6772" i="2"/>
  <c r="L6746" i="5" s="1"/>
  <c r="L105" i="2"/>
  <c r="L79" i="5" s="1"/>
  <c r="I7488" i="2"/>
  <c r="I7462" i="5" s="1"/>
  <c r="J8439" i="2"/>
  <c r="J8413" i="5" s="1"/>
  <c r="N8413" i="5" s="1"/>
  <c r="K7095" i="2"/>
  <c r="K7069" i="5" s="1"/>
  <c r="J6776" i="2"/>
  <c r="J6750" i="5" s="1"/>
  <c r="N6750" i="5" s="1"/>
  <c r="I740" i="2"/>
  <c r="I714" i="5" s="1"/>
  <c r="L5304" i="2"/>
  <c r="L5278" i="5" s="1"/>
  <c r="L3340" i="2"/>
  <c r="L3314" i="5" s="1"/>
  <c r="M3292" i="2"/>
  <c r="M3266" i="5" s="1"/>
  <c r="P3266" i="5" s="1"/>
  <c r="M8641" i="2"/>
  <c r="M8615" i="5" s="1"/>
  <c r="P8615" i="5" s="1"/>
  <c r="M7624" i="2"/>
  <c r="M7598" i="5" s="1"/>
  <c r="P7598" i="5" s="1"/>
  <c r="M6484" i="2"/>
  <c r="M6458" i="5" s="1"/>
  <c r="P6458" i="5" s="1"/>
  <c r="K4121" i="2"/>
  <c r="K4095" i="5" s="1"/>
  <c r="M5607" i="2"/>
  <c r="M5581" i="5" s="1"/>
  <c r="P5581" i="5" s="1"/>
  <c r="J7168" i="2"/>
  <c r="J7142" i="5" s="1"/>
  <c r="N7142" i="5" s="1"/>
  <c r="I7981" i="2"/>
  <c r="I7955" i="5" s="1"/>
  <c r="L4436" i="2"/>
  <c r="L4410" i="5" s="1"/>
  <c r="I3736" i="2"/>
  <c r="I3710" i="5" s="1"/>
  <c r="M4284" i="2"/>
  <c r="M4258" i="5" s="1"/>
  <c r="P4258" i="5" s="1"/>
  <c r="L6814" i="2"/>
  <c r="L6788" i="5" s="1"/>
  <c r="J7498" i="2"/>
  <c r="J7472" i="5" s="1"/>
  <c r="N7472" i="5" s="1"/>
  <c r="L723" i="2"/>
  <c r="L697" i="5" s="1"/>
  <c r="K3497" i="2"/>
  <c r="K3471" i="5" s="1"/>
  <c r="K4017" i="2"/>
  <c r="K3991" i="5" s="1"/>
  <c r="M5929" i="2"/>
  <c r="M5903" i="5" s="1"/>
  <c r="P5903" i="5" s="1"/>
  <c r="L5295" i="2"/>
  <c r="L5269" i="5" s="1"/>
  <c r="I6532" i="2"/>
  <c r="I6506" i="5" s="1"/>
  <c r="K2802" i="2"/>
  <c r="K2776" i="5" s="1"/>
  <c r="J5291" i="2"/>
  <c r="J5265" i="5" s="1"/>
  <c r="N5265" i="5" s="1"/>
  <c r="M5291" i="2"/>
  <c r="M5265" i="5" s="1"/>
  <c r="P5265" i="5" s="1"/>
  <c r="I5291" i="2"/>
  <c r="I5265" i="5" s="1"/>
  <c r="M5481" i="2"/>
  <c r="M5455" i="5" s="1"/>
  <c r="P5455" i="5" s="1"/>
  <c r="M556" i="2"/>
  <c r="M530" i="5" s="1"/>
  <c r="P530" i="5" s="1"/>
  <c r="K556" i="2"/>
  <c r="K530" i="5" s="1"/>
  <c r="J5153" i="2"/>
  <c r="J5127" i="5" s="1"/>
  <c r="N5127" i="5" s="1"/>
  <c r="I5153" i="2"/>
  <c r="I5127" i="5" s="1"/>
  <c r="K5153" i="2"/>
  <c r="K5127" i="5" s="1"/>
  <c r="M5153" i="2"/>
  <c r="M5127" i="5" s="1"/>
  <c r="P5127" i="5" s="1"/>
  <c r="L5153" i="2"/>
  <c r="L5127" i="5" s="1"/>
  <c r="L8359" i="2"/>
  <c r="L8333" i="5" s="1"/>
  <c r="J8359" i="2"/>
  <c r="J8333" i="5" s="1"/>
  <c r="N8333" i="5" s="1"/>
  <c r="M8359" i="2"/>
  <c r="M8333" i="5" s="1"/>
  <c r="P8333" i="5" s="1"/>
  <c r="K8359" i="2"/>
  <c r="K8333" i="5" s="1"/>
  <c r="M5594" i="2"/>
  <c r="M5568" i="5" s="1"/>
  <c r="P5568" i="5" s="1"/>
  <c r="J5594" i="2"/>
  <c r="J5568" i="5" s="1"/>
  <c r="N5568" i="5" s="1"/>
  <c r="K5594" i="2"/>
  <c r="K5568" i="5" s="1"/>
  <c r="L5594" i="2"/>
  <c r="L5568" i="5" s="1"/>
  <c r="I5594" i="2"/>
  <c r="I5568" i="5" s="1"/>
  <c r="K151" i="2"/>
  <c r="K125" i="5" s="1"/>
  <c r="O125" i="5" s="1"/>
  <c r="M151" i="2"/>
  <c r="M125" i="5" s="1"/>
  <c r="P125" i="5" s="1"/>
  <c r="I8345" i="2"/>
  <c r="I8319" i="5" s="1"/>
  <c r="L8345" i="2"/>
  <c r="L8319" i="5" s="1"/>
  <c r="K1606" i="2"/>
  <c r="K1580" i="5" s="1"/>
  <c r="I1606" i="2"/>
  <c r="I1580" i="5" s="1"/>
  <c r="L1606" i="2"/>
  <c r="L1580" i="5" s="1"/>
  <c r="K5505" i="2"/>
  <c r="K5479" i="5" s="1"/>
  <c r="L5505" i="2"/>
  <c r="L5479" i="5" s="1"/>
  <c r="I5505" i="2"/>
  <c r="I5479" i="5" s="1"/>
  <c r="J5505" i="2"/>
  <c r="J5479" i="5" s="1"/>
  <c r="N5479" i="5" s="1"/>
  <c r="M1119" i="2"/>
  <c r="M1093" i="5" s="1"/>
  <c r="P1093" i="5" s="1"/>
  <c r="L1119" i="2"/>
  <c r="L1093" i="5" s="1"/>
  <c r="I1119" i="2"/>
  <c r="I1093" i="5" s="1"/>
  <c r="J1119" i="2"/>
  <c r="J1093" i="5" s="1"/>
  <c r="N1093" i="5" s="1"/>
  <c r="L8460" i="2"/>
  <c r="L8434" i="5" s="1"/>
  <c r="J8460" i="2"/>
  <c r="J8434" i="5" s="1"/>
  <c r="N8434" i="5" s="1"/>
  <c r="J6999" i="2"/>
  <c r="J6973" i="5" s="1"/>
  <c r="N6973" i="5" s="1"/>
  <c r="L6999" i="2"/>
  <c r="L6973" i="5" s="1"/>
  <c r="M6999" i="2"/>
  <c r="M6973" i="5" s="1"/>
  <c r="P6973" i="5" s="1"/>
  <c r="I6999" i="2"/>
  <c r="I6973" i="5" s="1"/>
  <c r="K6999" i="2"/>
  <c r="K6973" i="5" s="1"/>
  <c r="M6627" i="2"/>
  <c r="M6601" i="5" s="1"/>
  <c r="P6601" i="5" s="1"/>
  <c r="J6627" i="2"/>
  <c r="J6601" i="5" s="1"/>
  <c r="N6601" i="5" s="1"/>
  <c r="L6627" i="2"/>
  <c r="L6601" i="5" s="1"/>
  <c r="I6627" i="2"/>
  <c r="I6601" i="5" s="1"/>
  <c r="K6627" i="2"/>
  <c r="K6601" i="5" s="1"/>
  <c r="K6996" i="2"/>
  <c r="K6970" i="5" s="1"/>
  <c r="L6996" i="2"/>
  <c r="L6970" i="5" s="1"/>
  <c r="I6996" i="2"/>
  <c r="I6970" i="5" s="1"/>
  <c r="J6996" i="2"/>
  <c r="J6970" i="5" s="1"/>
  <c r="N6970" i="5" s="1"/>
  <c r="I3901" i="2"/>
  <c r="I3875" i="5" s="1"/>
  <c r="L814" i="2"/>
  <c r="L788" i="5" s="1"/>
  <c r="M814" i="2"/>
  <c r="M788" i="5" s="1"/>
  <c r="P788" i="5" s="1"/>
  <c r="I814" i="2"/>
  <c r="I788" i="5" s="1"/>
  <c r="K814" i="2"/>
  <c r="K788" i="5" s="1"/>
  <c r="K3638" i="2"/>
  <c r="K3612" i="5" s="1"/>
  <c r="L3638" i="2"/>
  <c r="L3612" i="5" s="1"/>
  <c r="M3638" i="2"/>
  <c r="M3612" i="5" s="1"/>
  <c r="P3612" i="5" s="1"/>
  <c r="K5299" i="2"/>
  <c r="K5273" i="5" s="1"/>
  <c r="O5273" i="5" s="1"/>
  <c r="J439" i="2"/>
  <c r="J413" i="5" s="1"/>
  <c r="N413" i="5" s="1"/>
  <c r="M6436" i="2"/>
  <c r="M6410" i="5" s="1"/>
  <c r="P6410" i="5" s="1"/>
  <c r="J4854" i="2"/>
  <c r="J4828" i="5" s="1"/>
  <c r="N4828" i="5" s="1"/>
  <c r="I3345" i="2"/>
  <c r="I3319" i="5" s="1"/>
  <c r="L6362" i="2"/>
  <c r="L6336" i="5" s="1"/>
  <c r="K3784" i="2"/>
  <c r="K3758" i="5" s="1"/>
  <c r="O3758" i="5" s="1"/>
  <c r="M2497" i="2"/>
  <c r="M2471" i="5" s="1"/>
  <c r="P2471" i="5" s="1"/>
  <c r="K4437" i="2"/>
  <c r="K4411" i="5" s="1"/>
  <c r="O4411" i="5" s="1"/>
  <c r="L4015" i="2"/>
  <c r="L3989" i="5" s="1"/>
  <c r="J2975" i="2"/>
  <c r="J2949" i="5" s="1"/>
  <c r="N2949" i="5" s="1"/>
  <c r="K4952" i="2"/>
  <c r="K4926" i="5" s="1"/>
  <c r="O4926" i="5" s="1"/>
  <c r="I794" i="2"/>
  <c r="I768" i="5" s="1"/>
  <c r="M8376" i="2"/>
  <c r="M8350" i="5" s="1"/>
  <c r="P8350" i="5" s="1"/>
  <c r="I8654" i="2"/>
  <c r="I8628" i="5" s="1"/>
  <c r="K6466" i="2"/>
  <c r="K6440" i="5" s="1"/>
  <c r="O6440" i="5" s="1"/>
  <c r="K7774" i="2"/>
  <c r="K7748" i="5" s="1"/>
  <c r="O7748" i="5" s="1"/>
  <c r="J6633" i="2"/>
  <c r="J6607" i="5" s="1"/>
  <c r="N6607" i="5" s="1"/>
  <c r="M6650" i="2"/>
  <c r="M6624" i="5" s="1"/>
  <c r="P6624" i="5" s="1"/>
  <c r="K2237" i="2"/>
  <c r="K2211" i="5" s="1"/>
  <c r="O2211" i="5" s="1"/>
  <c r="I1559" i="2"/>
  <c r="I1533" i="5" s="1"/>
  <c r="L1783" i="2"/>
  <c r="L1757" i="5" s="1"/>
  <c r="I435" i="2"/>
  <c r="I409" i="5" s="1"/>
  <c r="K3443" i="2"/>
  <c r="K3417" i="5" s="1"/>
  <c r="L7704" i="2"/>
  <c r="L7678" i="5" s="1"/>
  <c r="J8658" i="2"/>
  <c r="J8632" i="5" s="1"/>
  <c r="N8632" i="5" s="1"/>
  <c r="K7993" i="2"/>
  <c r="K7967" i="5" s="1"/>
  <c r="J3338" i="2"/>
  <c r="J3312" i="5" s="1"/>
  <c r="N3312" i="5" s="1"/>
  <c r="M3494" i="2"/>
  <c r="M3468" i="5" s="1"/>
  <c r="P3468" i="5" s="1"/>
  <c r="J6936" i="2"/>
  <c r="J6910" i="5" s="1"/>
  <c r="N6910" i="5" s="1"/>
  <c r="K6021" i="2"/>
  <c r="K5995" i="5" s="1"/>
  <c r="M1474" i="2"/>
  <c r="M1448" i="5" s="1"/>
  <c r="P1448" i="5" s="1"/>
  <c r="L4007" i="2"/>
  <c r="L3981" i="5" s="1"/>
  <c r="J7944" i="2"/>
  <c r="J7918" i="5" s="1"/>
  <c r="N7918" i="5" s="1"/>
  <c r="M2312" i="2"/>
  <c r="M2286" i="5" s="1"/>
  <c r="P2286" i="5" s="1"/>
  <c r="L5162" i="2"/>
  <c r="L5136" i="5" s="1"/>
  <c r="L386" i="2"/>
  <c r="L360" i="5" s="1"/>
  <c r="K202" i="2"/>
  <c r="K176" i="5" s="1"/>
  <c r="J6772" i="2"/>
  <c r="J6746" i="5" s="1"/>
  <c r="N6746" i="5" s="1"/>
  <c r="K7162" i="2"/>
  <c r="K7136" i="5" s="1"/>
  <c r="O7136" i="5" s="1"/>
  <c r="L7488" i="2"/>
  <c r="L7462" i="5" s="1"/>
  <c r="I1915" i="2"/>
  <c r="I1889" i="5" s="1"/>
  <c r="L8439" i="2"/>
  <c r="L8413" i="5" s="1"/>
  <c r="L2757" i="2"/>
  <c r="L2731" i="5" s="1"/>
  <c r="J7264" i="2"/>
  <c r="J7238" i="5" s="1"/>
  <c r="N7238" i="5" s="1"/>
  <c r="M4774" i="2"/>
  <c r="M4748" i="5" s="1"/>
  <c r="P4748" i="5" s="1"/>
  <c r="K5498" i="2"/>
  <c r="K5472" i="5" s="1"/>
  <c r="O5472" i="5" s="1"/>
  <c r="M5797" i="2"/>
  <c r="M5771" i="5" s="1"/>
  <c r="P5771" i="5" s="1"/>
  <c r="L7148" i="2"/>
  <c r="L7122" i="5" s="1"/>
  <c r="J3841" i="2"/>
  <c r="J3815" i="5" s="1"/>
  <c r="N3815" i="5" s="1"/>
  <c r="K8346" i="2"/>
  <c r="K8320" i="5" s="1"/>
  <c r="I7095" i="2"/>
  <c r="I7069" i="5" s="1"/>
  <c r="J3775" i="2"/>
  <c r="J3749" i="5" s="1"/>
  <c r="N3749" i="5" s="1"/>
  <c r="I2961" i="2"/>
  <c r="I2935" i="5" s="1"/>
  <c r="M6776" i="2"/>
  <c r="M6750" i="5" s="1"/>
  <c r="P6750" i="5" s="1"/>
  <c r="L934" i="2"/>
  <c r="L908" i="5" s="1"/>
  <c r="K8530" i="2"/>
  <c r="K8504" i="5" s="1"/>
  <c r="I3617" i="2"/>
  <c r="I3591" i="5" s="1"/>
  <c r="L8005" i="2"/>
  <c r="L7979" i="5" s="1"/>
  <c r="K5304" i="2"/>
  <c r="K5278" i="5" s="1"/>
  <c r="J3340" i="2"/>
  <c r="J3314" i="5" s="1"/>
  <c r="N3314" i="5" s="1"/>
  <c r="J6484" i="2"/>
  <c r="J6458" i="5" s="1"/>
  <c r="N6458" i="5" s="1"/>
  <c r="L1226" i="2"/>
  <c r="L1200" i="5" s="1"/>
  <c r="J1488" i="2"/>
  <c r="J1462" i="5" s="1"/>
  <c r="N1462" i="5" s="1"/>
  <c r="I4121" i="2"/>
  <c r="I4095" i="5" s="1"/>
  <c r="L2102" i="2"/>
  <c r="L2076" i="5" s="1"/>
  <c r="I1720" i="2"/>
  <c r="I1694" i="5" s="1"/>
  <c r="K2815" i="2"/>
  <c r="K2789" i="5" s="1"/>
  <c r="K3730" i="2"/>
  <c r="K3704" i="5" s="1"/>
  <c r="I1774" i="2"/>
  <c r="I1748" i="5" s="1"/>
  <c r="J5607" i="2"/>
  <c r="J5581" i="5" s="1"/>
  <c r="N5581" i="5" s="1"/>
  <c r="K8375" i="2"/>
  <c r="K8349" i="5" s="1"/>
  <c r="L2906" i="2"/>
  <c r="L2880" i="5" s="1"/>
  <c r="L5308" i="2"/>
  <c r="L5282" i="5" s="1"/>
  <c r="AR188" i="1"/>
  <c r="L6792" i="2"/>
  <c r="L6766" i="5" s="1"/>
  <c r="K5982" i="2"/>
  <c r="K5956" i="5" s="1"/>
  <c r="L1221" i="2"/>
  <c r="L1195" i="5" s="1"/>
  <c r="M4436" i="2"/>
  <c r="M4410" i="5" s="1"/>
  <c r="P4410" i="5" s="1"/>
  <c r="J5820" i="2"/>
  <c r="J5794" i="5" s="1"/>
  <c r="N5794" i="5" s="1"/>
  <c r="I8098" i="2"/>
  <c r="I8072" i="5" s="1"/>
  <c r="M4964" i="2"/>
  <c r="M4938" i="5" s="1"/>
  <c r="P4938" i="5" s="1"/>
  <c r="K947" i="2"/>
  <c r="K921" i="5" s="1"/>
  <c r="J7544" i="2"/>
  <c r="J7518" i="5" s="1"/>
  <c r="N7518" i="5" s="1"/>
  <c r="M8653" i="2"/>
  <c r="M8627" i="5" s="1"/>
  <c r="P8627" i="5" s="1"/>
  <c r="J6814" i="2"/>
  <c r="J6788" i="5" s="1"/>
  <c r="N6788" i="5" s="1"/>
  <c r="M77" i="2"/>
  <c r="M51" i="5" s="1"/>
  <c r="P51" i="5" s="1"/>
  <c r="M3759" i="2"/>
  <c r="M3733" i="5" s="1"/>
  <c r="P3733" i="5" s="1"/>
  <c r="J723" i="2"/>
  <c r="J697" i="5" s="1"/>
  <c r="N697" i="5" s="1"/>
  <c r="K7681" i="2"/>
  <c r="K7655" i="5" s="1"/>
  <c r="I5813" i="2"/>
  <c r="I5787" i="5" s="1"/>
  <c r="M2001" i="2"/>
  <c r="M1975" i="5" s="1"/>
  <c r="P1975" i="5" s="1"/>
  <c r="M5765" i="2"/>
  <c r="M5739" i="5" s="1"/>
  <c r="P5739" i="5" s="1"/>
  <c r="L7933" i="2"/>
  <c r="L7907" i="5" s="1"/>
  <c r="L6532" i="2"/>
  <c r="L6506" i="5" s="1"/>
  <c r="J6436" i="2"/>
  <c r="J6410" i="5" s="1"/>
  <c r="N6410" i="5" s="1"/>
  <c r="J6362" i="2"/>
  <c r="J6336" i="5" s="1"/>
  <c r="N6336" i="5" s="1"/>
  <c r="L2497" i="2"/>
  <c r="L2471" i="5" s="1"/>
  <c r="I4437" i="2"/>
  <c r="I4411" i="5" s="1"/>
  <c r="K5667" i="2"/>
  <c r="K5641" i="5" s="1"/>
  <c r="O5641" i="5" s="1"/>
  <c r="L3309" i="2"/>
  <c r="L3283" i="5" s="1"/>
  <c r="K2975" i="2"/>
  <c r="K2949" i="5" s="1"/>
  <c r="O2949" i="5" s="1"/>
  <c r="I4952" i="2"/>
  <c r="I4926" i="5" s="1"/>
  <c r="K8376" i="2"/>
  <c r="K8350" i="5" s="1"/>
  <c r="O8350" i="5" s="1"/>
  <c r="K8654" i="2"/>
  <c r="K8628" i="5" s="1"/>
  <c r="O8628" i="5" s="1"/>
  <c r="M6466" i="2"/>
  <c r="M6440" i="5" s="1"/>
  <c r="P6440" i="5" s="1"/>
  <c r="J7774" i="2"/>
  <c r="J7748" i="5" s="1"/>
  <c r="N7748" i="5" s="1"/>
  <c r="J3928" i="2"/>
  <c r="J3902" i="5" s="1"/>
  <c r="N3902" i="5" s="1"/>
  <c r="J6276" i="2"/>
  <c r="J6250" i="5" s="1"/>
  <c r="N6250" i="5" s="1"/>
  <c r="J2305" i="2"/>
  <c r="J2279" i="5" s="1"/>
  <c r="N2279" i="5" s="1"/>
  <c r="J6650" i="2"/>
  <c r="J6624" i="5" s="1"/>
  <c r="N6624" i="5" s="1"/>
  <c r="I2237" i="2"/>
  <c r="I2211" i="5" s="1"/>
  <c r="J1559" i="2"/>
  <c r="J1533" i="5" s="1"/>
  <c r="N1533" i="5" s="1"/>
  <c r="K1783" i="2"/>
  <c r="K1757" i="5" s="1"/>
  <c r="I91" i="2"/>
  <c r="I65" i="5" s="1"/>
  <c r="J435" i="2"/>
  <c r="J409" i="5" s="1"/>
  <c r="N409" i="5" s="1"/>
  <c r="I3443" i="2"/>
  <c r="I3417" i="5" s="1"/>
  <c r="M8658" i="2"/>
  <c r="M8632" i="5" s="1"/>
  <c r="P8632" i="5" s="1"/>
  <c r="L7993" i="2"/>
  <c r="L7967" i="5" s="1"/>
  <c r="L3338" i="2"/>
  <c r="L3312" i="5" s="1"/>
  <c r="J3494" i="2"/>
  <c r="J3468" i="5" s="1"/>
  <c r="N3468" i="5" s="1"/>
  <c r="I5429" i="2"/>
  <c r="I5403" i="5" s="1"/>
  <c r="M6936" i="2"/>
  <c r="M6910" i="5" s="1"/>
  <c r="P6910" i="5" s="1"/>
  <c r="L6021" i="2"/>
  <c r="L5995" i="5" s="1"/>
  <c r="J1474" i="2"/>
  <c r="J1448" i="5" s="1"/>
  <c r="N1448" i="5" s="1"/>
  <c r="J4007" i="2"/>
  <c r="J3981" i="5" s="1"/>
  <c r="N3981" i="5" s="1"/>
  <c r="K5998" i="2"/>
  <c r="K5972" i="5" s="1"/>
  <c r="L7944" i="2"/>
  <c r="L7918" i="5" s="1"/>
  <c r="L2312" i="2"/>
  <c r="L2286" i="5" s="1"/>
  <c r="J5162" i="2"/>
  <c r="J5136" i="5" s="1"/>
  <c r="N5136" i="5" s="1"/>
  <c r="K386" i="2"/>
  <c r="K360" i="5" s="1"/>
  <c r="M202" i="2"/>
  <c r="M176" i="5" s="1"/>
  <c r="P176" i="5" s="1"/>
  <c r="J7815" i="2"/>
  <c r="J7789" i="5" s="1"/>
  <c r="N7789" i="5" s="1"/>
  <c r="I7162" i="2"/>
  <c r="I7136" i="5" s="1"/>
  <c r="I86" i="2"/>
  <c r="I60" i="5" s="1"/>
  <c r="J7488" i="2"/>
  <c r="J7462" i="5" s="1"/>
  <c r="N7462" i="5" s="1"/>
  <c r="L1915" i="2"/>
  <c r="L1889" i="5" s="1"/>
  <c r="K8439" i="2"/>
  <c r="K8413" i="5" s="1"/>
  <c r="K2757" i="2"/>
  <c r="K2731" i="5" s="1"/>
  <c r="L3971" i="2"/>
  <c r="L3945" i="5" s="1"/>
  <c r="I5300" i="2"/>
  <c r="I5274" i="5" s="1"/>
  <c r="J3899" i="2"/>
  <c r="J3873" i="5" s="1"/>
  <c r="N3873" i="5" s="1"/>
  <c r="K4774" i="2"/>
  <c r="K4748" i="5" s="1"/>
  <c r="O4748" i="5" s="1"/>
  <c r="M7148" i="2"/>
  <c r="M7122" i="5" s="1"/>
  <c r="P7122" i="5" s="1"/>
  <c r="K3841" i="2"/>
  <c r="K3815" i="5" s="1"/>
  <c r="J8346" i="2"/>
  <c r="J8320" i="5" s="1"/>
  <c r="N8320" i="5" s="1"/>
  <c r="I1733" i="2"/>
  <c r="I1707" i="5" s="1"/>
  <c r="L7095" i="2"/>
  <c r="L7069" i="5" s="1"/>
  <c r="K3775" i="2"/>
  <c r="K3749" i="5" s="1"/>
  <c r="O3749" i="5" s="1"/>
  <c r="K821" i="2"/>
  <c r="K795" i="5" s="1"/>
  <c r="K5930" i="2"/>
  <c r="K5904" i="5" s="1"/>
  <c r="M2081" i="2"/>
  <c r="M2055" i="5" s="1"/>
  <c r="P2055" i="5" s="1"/>
  <c r="M934" i="2"/>
  <c r="M908" i="5" s="1"/>
  <c r="P908" i="5" s="1"/>
  <c r="L8530" i="2"/>
  <c r="L8504" i="5" s="1"/>
  <c r="I1739" i="2"/>
  <c r="I1713" i="5" s="1"/>
  <c r="L141" i="2"/>
  <c r="L115" i="5" s="1"/>
  <c r="M8005" i="2"/>
  <c r="M7979" i="5" s="1"/>
  <c r="P7979" i="5" s="1"/>
  <c r="J3329" i="2"/>
  <c r="J3303" i="5" s="1"/>
  <c r="N3303" i="5" s="1"/>
  <c r="K5427" i="2"/>
  <c r="K5401" i="5" s="1"/>
  <c r="K8642" i="2"/>
  <c r="K8616" i="5" s="1"/>
  <c r="L6484" i="2"/>
  <c r="L6458" i="5" s="1"/>
  <c r="K1226" i="2"/>
  <c r="K1200" i="5" s="1"/>
  <c r="I80" i="2"/>
  <c r="I54" i="5" s="1"/>
  <c r="M5457" i="2"/>
  <c r="M5431" i="5" s="1"/>
  <c r="P5431" i="5" s="1"/>
  <c r="J4121" i="2"/>
  <c r="J4095" i="5" s="1"/>
  <c r="N4095" i="5" s="1"/>
  <c r="K3268" i="2"/>
  <c r="K3242" i="5" s="1"/>
  <c r="M7155" i="2"/>
  <c r="M7129" i="5" s="1"/>
  <c r="P7129" i="5" s="1"/>
  <c r="M1720" i="2"/>
  <c r="M1694" i="5" s="1"/>
  <c r="P1694" i="5" s="1"/>
  <c r="K221" i="2"/>
  <c r="K195" i="5" s="1"/>
  <c r="I8464" i="2"/>
  <c r="I8438" i="5" s="1"/>
  <c r="L4661" i="2"/>
  <c r="L4635" i="5" s="1"/>
  <c r="J2815" i="2"/>
  <c r="J2789" i="5" s="1"/>
  <c r="N2789" i="5" s="1"/>
  <c r="J3730" i="2"/>
  <c r="J3704" i="5" s="1"/>
  <c r="N3704" i="5" s="1"/>
  <c r="L1774" i="2"/>
  <c r="L1748" i="5" s="1"/>
  <c r="L8375" i="2"/>
  <c r="L8349" i="5" s="1"/>
  <c r="J2906" i="2"/>
  <c r="J2880" i="5" s="1"/>
  <c r="N2880" i="5" s="1"/>
  <c r="J5308" i="2"/>
  <c r="J5282" i="5" s="1"/>
  <c r="N5282" i="5" s="1"/>
  <c r="J5982" i="2"/>
  <c r="J5956" i="5" s="1"/>
  <c r="N5956" i="5" s="1"/>
  <c r="I60" i="2"/>
  <c r="I34" i="5" s="1"/>
  <c r="L4964" i="2"/>
  <c r="L4938" i="5" s="1"/>
  <c r="K2329" i="2"/>
  <c r="K2303" i="5" s="1"/>
  <c r="L947" i="2"/>
  <c r="L921" i="5" s="1"/>
  <c r="M7493" i="2"/>
  <c r="M7467" i="5" s="1"/>
  <c r="P7467" i="5" s="1"/>
  <c r="J8653" i="2"/>
  <c r="J8627" i="5" s="1"/>
  <c r="N8627" i="5" s="1"/>
  <c r="AR334" i="1"/>
  <c r="J7434" i="2"/>
  <c r="J7408" i="5" s="1"/>
  <c r="N7408" i="5" s="1"/>
  <c r="K6814" i="2"/>
  <c r="K6788" i="5" s="1"/>
  <c r="I5809" i="2"/>
  <c r="I5783" i="5" s="1"/>
  <c r="L560" i="2"/>
  <c r="L534" i="5" s="1"/>
  <c r="K7183" i="2"/>
  <c r="K7157" i="5" s="1"/>
  <c r="M7946" i="2"/>
  <c r="M7920" i="5" s="1"/>
  <c r="P7920" i="5" s="1"/>
  <c r="L5157" i="2"/>
  <c r="L5131" i="5" s="1"/>
  <c r="L6436" i="2"/>
  <c r="L6410" i="5" s="1"/>
  <c r="K2426" i="2"/>
  <c r="K2400" i="5" s="1"/>
  <c r="O2400" i="5" s="1"/>
  <c r="J3309" i="2"/>
  <c r="J3283" i="5" s="1"/>
  <c r="N3283" i="5" s="1"/>
  <c r="M2975" i="2"/>
  <c r="M2949" i="5" s="1"/>
  <c r="P2949" i="5" s="1"/>
  <c r="I6466" i="2"/>
  <c r="I6440" i="5" s="1"/>
  <c r="I7774" i="2"/>
  <c r="I7748" i="5" s="1"/>
  <c r="K3928" i="2"/>
  <c r="K3902" i="5" s="1"/>
  <c r="O3902" i="5" s="1"/>
  <c r="K6276" i="2"/>
  <c r="K6250" i="5" s="1"/>
  <c r="O6250" i="5" s="1"/>
  <c r="K2305" i="2"/>
  <c r="K2279" i="5" s="1"/>
  <c r="O2279" i="5" s="1"/>
  <c r="L6650" i="2"/>
  <c r="L6624" i="5" s="1"/>
  <c r="M2237" i="2"/>
  <c r="M2211" i="5" s="1"/>
  <c r="P2211" i="5" s="1"/>
  <c r="K577" i="2"/>
  <c r="K551" i="5" s="1"/>
  <c r="O551" i="5" s="1"/>
  <c r="M3338" i="2"/>
  <c r="M3312" i="5" s="1"/>
  <c r="P3312" i="5" s="1"/>
  <c r="K3494" i="2"/>
  <c r="K3468" i="5" s="1"/>
  <c r="O3468" i="5" s="1"/>
  <c r="I6936" i="2"/>
  <c r="I6910" i="5" s="1"/>
  <c r="L5998" i="2"/>
  <c r="L5972" i="5" s="1"/>
  <c r="I7944" i="2"/>
  <c r="I7918" i="5" s="1"/>
  <c r="K5162" i="2"/>
  <c r="K5136" i="5" s="1"/>
  <c r="J386" i="2"/>
  <c r="J360" i="5" s="1"/>
  <c r="N360" i="5" s="1"/>
  <c r="K7815" i="2"/>
  <c r="K7789" i="5" s="1"/>
  <c r="O7789" i="5" s="1"/>
  <c r="K5608" i="2"/>
  <c r="K5582" i="5" s="1"/>
  <c r="O5582" i="5" s="1"/>
  <c r="M7162" i="2"/>
  <c r="M7136" i="5" s="1"/>
  <c r="P7136" i="5" s="1"/>
  <c r="K8537" i="2"/>
  <c r="K8511" i="5" s="1"/>
  <c r="K86" i="2"/>
  <c r="K60" i="5" s="1"/>
  <c r="I2757" i="2"/>
  <c r="I2731" i="5" s="1"/>
  <c r="M8023" i="2"/>
  <c r="M7997" i="5" s="1"/>
  <c r="P7997" i="5" s="1"/>
  <c r="M3971" i="2"/>
  <c r="M3945" i="5" s="1"/>
  <c r="P3945" i="5" s="1"/>
  <c r="J6994" i="2"/>
  <c r="J6968" i="5" s="1"/>
  <c r="N6968" i="5" s="1"/>
  <c r="L1733" i="2"/>
  <c r="L1707" i="5" s="1"/>
  <c r="M7095" i="2"/>
  <c r="M7069" i="5" s="1"/>
  <c r="P7069" i="5" s="1"/>
  <c r="M3775" i="2"/>
  <c r="M3749" i="5" s="1"/>
  <c r="P3749" i="5" s="1"/>
  <c r="L821" i="2"/>
  <c r="L795" i="5" s="1"/>
  <c r="I2811" i="2"/>
  <c r="I2785" i="5" s="1"/>
  <c r="J2081" i="2"/>
  <c r="J2055" i="5" s="1"/>
  <c r="N2055" i="5" s="1"/>
  <c r="J934" i="2"/>
  <c r="J908" i="5" s="1"/>
  <c r="N908" i="5" s="1"/>
  <c r="I8530" i="2"/>
  <c r="I8504" i="5" s="1"/>
  <c r="J1739" i="2"/>
  <c r="J1713" i="5" s="1"/>
  <c r="N1713" i="5" s="1"/>
  <c r="I7270" i="2"/>
  <c r="I7244" i="5" s="1"/>
  <c r="K6091" i="2"/>
  <c r="K6065" i="5" s="1"/>
  <c r="O6065" i="5" s="1"/>
  <c r="K3329" i="2"/>
  <c r="K3303" i="5" s="1"/>
  <c r="I8642" i="2"/>
  <c r="I8616" i="5" s="1"/>
  <c r="M1285" i="2"/>
  <c r="M1259" i="5" s="1"/>
  <c r="P1259" i="5" s="1"/>
  <c r="K6484" i="2"/>
  <c r="K6458" i="5" s="1"/>
  <c r="M80" i="2"/>
  <c r="M54" i="5" s="1"/>
  <c r="P54" i="5" s="1"/>
  <c r="M4121" i="2"/>
  <c r="M4095" i="5" s="1"/>
  <c r="P4095" i="5" s="1"/>
  <c r="L3268" i="2"/>
  <c r="L3242" i="5" s="1"/>
  <c r="AR342" i="1"/>
  <c r="L221" i="2"/>
  <c r="L195" i="5" s="1"/>
  <c r="M8464" i="2"/>
  <c r="M8438" i="5" s="1"/>
  <c r="P8438" i="5" s="1"/>
  <c r="J4661" i="2"/>
  <c r="J4635" i="5" s="1"/>
  <c r="N4635" i="5" s="1"/>
  <c r="I2815" i="2"/>
  <c r="I2789" i="5" s="1"/>
  <c r="J8375" i="2"/>
  <c r="J8349" i="5" s="1"/>
  <c r="N8349" i="5" s="1"/>
  <c r="I2906" i="2"/>
  <c r="I2880" i="5" s="1"/>
  <c r="L3987" i="2"/>
  <c r="L3961" i="5" s="1"/>
  <c r="M5308" i="2"/>
  <c r="M5282" i="5" s="1"/>
  <c r="P5282" i="5" s="1"/>
  <c r="I4503" i="2"/>
  <c r="I4477" i="5" s="1"/>
  <c r="L2583" i="2"/>
  <c r="L2557" i="5" s="1"/>
  <c r="L5522" i="2"/>
  <c r="L5496" i="5" s="1"/>
  <c r="I5982" i="2"/>
  <c r="I5956" i="5" s="1"/>
  <c r="M60" i="2"/>
  <c r="M34" i="5" s="1"/>
  <c r="P34" i="5" s="1"/>
  <c r="AR181" i="1"/>
  <c r="J7493" i="2"/>
  <c r="J7467" i="5" s="1"/>
  <c r="N7467" i="5" s="1"/>
  <c r="I8653" i="2"/>
  <c r="I8627" i="5" s="1"/>
  <c r="L7434" i="2"/>
  <c r="L7408" i="5" s="1"/>
  <c r="L5809" i="2"/>
  <c r="L5783" i="5" s="1"/>
  <c r="M6784" i="2"/>
  <c r="M6758" i="5" s="1"/>
  <c r="P6758" i="5" s="1"/>
  <c r="J939" i="2"/>
  <c r="J913" i="5" s="1"/>
  <c r="N913" i="5" s="1"/>
  <c r="L7183" i="2"/>
  <c r="L7157" i="5" s="1"/>
  <c r="AR179" i="1"/>
  <c r="M3762" i="2"/>
  <c r="M3736" i="5" s="1"/>
  <c r="P3736" i="5" s="1"/>
  <c r="L6442" i="2"/>
  <c r="L6416" i="5" s="1"/>
  <c r="J7946" i="2"/>
  <c r="J7920" i="5" s="1"/>
  <c r="N7920" i="5" s="1"/>
  <c r="I3742" i="2"/>
  <c r="I3716" i="5" s="1"/>
  <c r="I5671" i="2"/>
  <c r="I5645" i="5" s="1"/>
  <c r="J6200" i="2"/>
  <c r="J6174" i="5" s="1"/>
  <c r="N6174" i="5" s="1"/>
  <c r="I2305" i="2"/>
  <c r="I2279" i="5" s="1"/>
  <c r="M1662" i="2"/>
  <c r="M1636" i="5" s="1"/>
  <c r="P1636" i="5" s="1"/>
  <c r="I577" i="2"/>
  <c r="I551" i="5" s="1"/>
  <c r="K8338" i="2"/>
  <c r="K8312" i="5" s="1"/>
  <c r="O8312" i="5" s="1"/>
  <c r="I3299" i="2"/>
  <c r="I3273" i="5" s="1"/>
  <c r="J5008" i="2"/>
  <c r="J4982" i="5" s="1"/>
  <c r="N4982" i="5" s="1"/>
  <c r="I5162" i="2"/>
  <c r="I5136" i="5" s="1"/>
  <c r="I7815" i="2"/>
  <c r="I7789" i="5" s="1"/>
  <c r="M86" i="2"/>
  <c r="M60" i="5" s="1"/>
  <c r="P60" i="5" s="1"/>
  <c r="I8023" i="2"/>
  <c r="I7997" i="5" s="1"/>
  <c r="K6940" i="2"/>
  <c r="K6914" i="5" s="1"/>
  <c r="M1233" i="2"/>
  <c r="M1207" i="5" s="1"/>
  <c r="P1207" i="5" s="1"/>
  <c r="J3959" i="2"/>
  <c r="J3933" i="5" s="1"/>
  <c r="N3933" i="5" s="1"/>
  <c r="K1274" i="2"/>
  <c r="K1248" i="5" s="1"/>
  <c r="I3775" i="2"/>
  <c r="I3749" i="5" s="1"/>
  <c r="J821" i="2"/>
  <c r="J795" i="5" s="1"/>
  <c r="N795" i="5" s="1"/>
  <c r="M2811" i="2"/>
  <c r="M2785" i="5" s="1"/>
  <c r="P2785" i="5" s="1"/>
  <c r="L2081" i="2"/>
  <c r="L2055" i="5" s="1"/>
  <c r="L1739" i="2"/>
  <c r="L1713" i="5" s="1"/>
  <c r="M5330" i="2"/>
  <c r="M5304" i="5" s="1"/>
  <c r="P5304" i="5" s="1"/>
  <c r="J2139" i="2"/>
  <c r="J2113" i="5" s="1"/>
  <c r="N2113" i="5" s="1"/>
  <c r="I2488" i="2"/>
  <c r="I2462" i="5" s="1"/>
  <c r="M2388" i="2"/>
  <c r="M2362" i="5" s="1"/>
  <c r="P2362" i="5" s="1"/>
  <c r="J1285" i="2"/>
  <c r="J1259" i="5" s="1"/>
  <c r="N1259" i="5" s="1"/>
  <c r="J2274" i="2"/>
  <c r="J2248" i="5" s="1"/>
  <c r="N2248" i="5" s="1"/>
  <c r="I8306" i="2"/>
  <c r="I8280" i="5" s="1"/>
  <c r="I3268" i="2"/>
  <c r="I3242" i="5" s="1"/>
  <c r="I8115" i="2"/>
  <c r="I8089" i="5" s="1"/>
  <c r="K7155" i="2"/>
  <c r="K7129" i="5" s="1"/>
  <c r="L5852" i="2"/>
  <c r="L5826" i="5" s="1"/>
  <c r="L2815" i="2"/>
  <c r="L2789" i="5" s="1"/>
  <c r="K2906" i="2"/>
  <c r="K2880" i="5" s="1"/>
  <c r="M3987" i="2"/>
  <c r="M3961" i="5" s="1"/>
  <c r="P3961" i="5" s="1"/>
  <c r="K5308" i="2"/>
  <c r="K5282" i="5" s="1"/>
  <c r="M4503" i="2"/>
  <c r="M4477" i="5" s="1"/>
  <c r="P4477" i="5" s="1"/>
  <c r="L3915" i="2"/>
  <c r="L3889" i="5" s="1"/>
  <c r="J2583" i="2"/>
  <c r="J2557" i="5" s="1"/>
  <c r="N2557" i="5" s="1"/>
  <c r="L5982" i="2"/>
  <c r="L5956" i="5" s="1"/>
  <c r="K2830" i="2"/>
  <c r="K2804" i="5" s="1"/>
  <c r="M2329" i="2"/>
  <c r="M2303" i="5" s="1"/>
  <c r="P2303" i="5" s="1"/>
  <c r="K145" i="2"/>
  <c r="K119" i="5" s="1"/>
  <c r="L2129" i="2"/>
  <c r="L2103" i="5" s="1"/>
  <c r="I939" i="2"/>
  <c r="I913" i="5" s="1"/>
  <c r="I7989" i="2"/>
  <c r="I7963" i="5" s="1"/>
  <c r="I6442" i="2"/>
  <c r="I6416" i="5" s="1"/>
  <c r="K2277" i="2"/>
  <c r="K2251" i="5" s="1"/>
  <c r="K3306" i="2"/>
  <c r="K3280" i="5" s="1"/>
  <c r="J8107" i="2"/>
  <c r="J8081" i="5" s="1"/>
  <c r="N8081" i="5" s="1"/>
  <c r="M1155" i="2"/>
  <c r="M1129" i="5" s="1"/>
  <c r="P1129" i="5" s="1"/>
  <c r="M6605" i="2"/>
  <c r="M6579" i="5" s="1"/>
  <c r="P6579" i="5" s="1"/>
  <c r="K6605" i="2"/>
  <c r="K6579" i="5" s="1"/>
  <c r="L6605" i="2"/>
  <c r="L6579" i="5" s="1"/>
  <c r="I6605" i="2"/>
  <c r="I6579" i="5" s="1"/>
  <c r="I977" i="2"/>
  <c r="I951" i="5" s="1"/>
  <c r="K977" i="2"/>
  <c r="K951" i="5" s="1"/>
  <c r="O951" i="5" s="1"/>
  <c r="M977" i="2"/>
  <c r="M951" i="5" s="1"/>
  <c r="P951" i="5" s="1"/>
  <c r="J977" i="2"/>
  <c r="J951" i="5" s="1"/>
  <c r="N951" i="5" s="1"/>
  <c r="I6520" i="2"/>
  <c r="I6494" i="5" s="1"/>
  <c r="K6520" i="2"/>
  <c r="K6494" i="5" s="1"/>
  <c r="L6520" i="2"/>
  <c r="L6494" i="5" s="1"/>
  <c r="J6520" i="2"/>
  <c r="J6494" i="5" s="1"/>
  <c r="N6494" i="5" s="1"/>
  <c r="M6520" i="2"/>
  <c r="M6494" i="5" s="1"/>
  <c r="P6494" i="5" s="1"/>
  <c r="M770" i="2"/>
  <c r="M744" i="5" s="1"/>
  <c r="P744" i="5" s="1"/>
  <c r="M4256" i="2"/>
  <c r="M4230" i="5" s="1"/>
  <c r="P4230" i="5" s="1"/>
  <c r="I4256" i="2"/>
  <c r="I4230" i="5" s="1"/>
  <c r="M4087" i="2"/>
  <c r="M4061" i="5" s="1"/>
  <c r="P4061" i="5" s="1"/>
  <c r="J6780" i="2"/>
  <c r="J6754" i="5" s="1"/>
  <c r="N6754" i="5" s="1"/>
  <c r="I6780" i="2"/>
  <c r="I6754" i="5" s="1"/>
  <c r="L4331" i="2"/>
  <c r="L4305" i="5" s="1"/>
  <c r="K4331" i="2"/>
  <c r="K4305" i="5" s="1"/>
  <c r="M4331" i="2"/>
  <c r="M4305" i="5" s="1"/>
  <c r="P4305" i="5" s="1"/>
  <c r="J6615" i="2"/>
  <c r="J6589" i="5" s="1"/>
  <c r="N6589" i="5" s="1"/>
  <c r="M6615" i="2"/>
  <c r="M6589" i="5" s="1"/>
  <c r="P6589" i="5" s="1"/>
  <c r="I6615" i="2"/>
  <c r="I6589" i="5" s="1"/>
  <c r="L6615" i="2"/>
  <c r="L6589" i="5" s="1"/>
  <c r="K6615" i="2"/>
  <c r="K6589" i="5" s="1"/>
  <c r="J7779" i="2"/>
  <c r="J7753" i="5" s="1"/>
  <c r="N7753" i="5" s="1"/>
  <c r="K7779" i="2"/>
  <c r="K7753" i="5" s="1"/>
  <c r="I7779" i="2"/>
  <c r="I7753" i="5" s="1"/>
  <c r="M7779" i="2"/>
  <c r="M7753" i="5" s="1"/>
  <c r="P7753" i="5" s="1"/>
  <c r="J8695" i="2"/>
  <c r="J8669" i="5" s="1"/>
  <c r="N8669" i="5" s="1"/>
  <c r="M8695" i="2"/>
  <c r="M8669" i="5" s="1"/>
  <c r="P8669" i="5" s="1"/>
  <c r="I8695" i="2"/>
  <c r="I8669" i="5" s="1"/>
  <c r="L8695" i="2"/>
  <c r="L8669" i="5" s="1"/>
  <c r="AR94" i="1"/>
  <c r="M8110" i="2"/>
  <c r="M8084" i="5" s="1"/>
  <c r="P8084" i="5" s="1"/>
  <c r="J8110" i="2"/>
  <c r="J8084" i="5" s="1"/>
  <c r="N8084" i="5" s="1"/>
  <c r="L8110" i="2"/>
  <c r="L8084" i="5" s="1"/>
  <c r="L565" i="2"/>
  <c r="L539" i="5" s="1"/>
  <c r="K565" i="2"/>
  <c r="K539" i="5" s="1"/>
  <c r="J565" i="2"/>
  <c r="J539" i="5" s="1"/>
  <c r="N539" i="5" s="1"/>
  <c r="M7294" i="2"/>
  <c r="M7268" i="5" s="1"/>
  <c r="P7268" i="5" s="1"/>
  <c r="I7294" i="2"/>
  <c r="I7268" i="5" s="1"/>
  <c r="K7294" i="2"/>
  <c r="K7268" i="5" s="1"/>
  <c r="O7268" i="5" s="1"/>
  <c r="M8181" i="2"/>
  <c r="M8155" i="5" s="1"/>
  <c r="P8155" i="5" s="1"/>
  <c r="L8181" i="2"/>
  <c r="L8155" i="5" s="1"/>
  <c r="I8181" i="2"/>
  <c r="I8155" i="5" s="1"/>
  <c r="K8181" i="2"/>
  <c r="K8155" i="5" s="1"/>
  <c r="L5674" i="2"/>
  <c r="L5648" i="5" s="1"/>
  <c r="I5674" i="2"/>
  <c r="I5648" i="5" s="1"/>
  <c r="K5674" i="2"/>
  <c r="K5648" i="5" s="1"/>
  <c r="J5674" i="2"/>
  <c r="J5648" i="5" s="1"/>
  <c r="N5648" i="5" s="1"/>
  <c r="M5674" i="2"/>
  <c r="M5648" i="5" s="1"/>
  <c r="P5648" i="5" s="1"/>
  <c r="M8496" i="2"/>
  <c r="M8470" i="5" s="1"/>
  <c r="P8470" i="5" s="1"/>
  <c r="L8496" i="2"/>
  <c r="L8470" i="5" s="1"/>
  <c r="K8496" i="2"/>
  <c r="K8470" i="5" s="1"/>
  <c r="K5790" i="2"/>
  <c r="K5764" i="5" s="1"/>
  <c r="O5764" i="5" s="1"/>
  <c r="J5790" i="2"/>
  <c r="J5764" i="5" s="1"/>
  <c r="N5764" i="5" s="1"/>
  <c r="I7298" i="2"/>
  <c r="I7272" i="5" s="1"/>
  <c r="J7298" i="2"/>
  <c r="J7272" i="5" s="1"/>
  <c r="N7272" i="5" s="1"/>
  <c r="K7298" i="2"/>
  <c r="K7272" i="5" s="1"/>
  <c r="L7298" i="2"/>
  <c r="L7272" i="5" s="1"/>
  <c r="M7298" i="2"/>
  <c r="M7272" i="5" s="1"/>
  <c r="P7272" i="5" s="1"/>
  <c r="K5786" i="2"/>
  <c r="K5760" i="5" s="1"/>
  <c r="L5786" i="2"/>
  <c r="L5760" i="5" s="1"/>
  <c r="L5634" i="2"/>
  <c r="L5608" i="5" s="1"/>
  <c r="K5634" i="2"/>
  <c r="K5608" i="5" s="1"/>
  <c r="J5634" i="2"/>
  <c r="J5608" i="5" s="1"/>
  <c r="N5608" i="5" s="1"/>
  <c r="M5634" i="2"/>
  <c r="M5608" i="5" s="1"/>
  <c r="P5608" i="5" s="1"/>
  <c r="L7595" i="2"/>
  <c r="L7569" i="5" s="1"/>
  <c r="J7595" i="2"/>
  <c r="J7569" i="5" s="1"/>
  <c r="N7569" i="5" s="1"/>
  <c r="K5630" i="2"/>
  <c r="K5604" i="5" s="1"/>
  <c r="O5604" i="5" s="1"/>
  <c r="M5630" i="2"/>
  <c r="M5604" i="5" s="1"/>
  <c r="P5604" i="5" s="1"/>
  <c r="C351" i="5"/>
  <c r="AR345" i="1"/>
  <c r="J8154" i="2"/>
  <c r="J8128" i="5" s="1"/>
  <c r="N8128" i="5" s="1"/>
  <c r="K8154" i="2"/>
  <c r="K8128" i="5" s="1"/>
  <c r="L8154" i="2"/>
  <c r="L8128" i="5" s="1"/>
  <c r="M8148" i="2"/>
  <c r="M8122" i="5" s="1"/>
  <c r="P8122" i="5" s="1"/>
  <c r="I8148" i="2"/>
  <c r="I8122" i="5" s="1"/>
  <c r="K8148" i="2"/>
  <c r="K8122" i="5" s="1"/>
  <c r="O8122" i="5" s="1"/>
  <c r="M2100" i="2"/>
  <c r="M2074" i="5" s="1"/>
  <c r="P2074" i="5" s="1"/>
  <c r="K2100" i="2"/>
  <c r="K2074" i="5" s="1"/>
  <c r="L4634" i="2"/>
  <c r="L4608" i="5" s="1"/>
  <c r="M4634" i="2"/>
  <c r="M4608" i="5" s="1"/>
  <c r="P4608" i="5" s="1"/>
  <c r="I4634" i="2"/>
  <c r="I4608" i="5" s="1"/>
  <c r="K4634" i="2"/>
  <c r="K4608" i="5" s="1"/>
  <c r="J4634" i="2"/>
  <c r="J4608" i="5" s="1"/>
  <c r="N4608" i="5" s="1"/>
  <c r="M889" i="2"/>
  <c r="M863" i="5" s="1"/>
  <c r="P863" i="5" s="1"/>
  <c r="K5843" i="2"/>
  <c r="K5817" i="5" s="1"/>
  <c r="J6260" i="2"/>
  <c r="J6234" i="5" s="1"/>
  <c r="N6234" i="5" s="1"/>
  <c r="I6260" i="2"/>
  <c r="I6234" i="5" s="1"/>
  <c r="M6260" i="2"/>
  <c r="M6234" i="5" s="1"/>
  <c r="P6234" i="5" s="1"/>
  <c r="L3257" i="2"/>
  <c r="L3231" i="5" s="1"/>
  <c r="J3257" i="2"/>
  <c r="J3231" i="5" s="1"/>
  <c r="N3231" i="5" s="1"/>
  <c r="I3257" i="2"/>
  <c r="I3231" i="5" s="1"/>
  <c r="K3257" i="2"/>
  <c r="K3231" i="5" s="1"/>
  <c r="K8174" i="2"/>
  <c r="K8148" i="5" s="1"/>
  <c r="O8148" i="5" s="1"/>
  <c r="J8174" i="2"/>
  <c r="J8148" i="5" s="1"/>
  <c r="N8148" i="5" s="1"/>
  <c r="L715" i="2"/>
  <c r="L689" i="5" s="1"/>
  <c r="I715" i="2"/>
  <c r="I689" i="5" s="1"/>
  <c r="K715" i="2"/>
  <c r="K689" i="5" s="1"/>
  <c r="M715" i="2"/>
  <c r="M689" i="5" s="1"/>
  <c r="P689" i="5" s="1"/>
  <c r="M6787" i="2"/>
  <c r="M6761" i="5" s="1"/>
  <c r="P6761" i="5" s="1"/>
  <c r="L6787" i="2"/>
  <c r="L6761" i="5" s="1"/>
  <c r="K6787" i="2"/>
  <c r="K6761" i="5" s="1"/>
  <c r="I6787" i="2"/>
  <c r="I6761" i="5" s="1"/>
  <c r="M2757" i="2"/>
  <c r="M2731" i="5" s="1"/>
  <c r="P2731" i="5" s="1"/>
  <c r="M2632" i="2"/>
  <c r="M2606" i="5" s="1"/>
  <c r="P2606" i="5" s="1"/>
  <c r="L2632" i="2"/>
  <c r="L2606" i="5" s="1"/>
  <c r="K8165" i="2"/>
  <c r="K8139" i="5" s="1"/>
  <c r="J8165" i="2"/>
  <c r="J8139" i="5" s="1"/>
  <c r="N8139" i="5" s="1"/>
  <c r="L8165" i="2"/>
  <c r="L8139" i="5" s="1"/>
  <c r="K2113" i="2"/>
  <c r="K2087" i="5" s="1"/>
  <c r="L2113" i="2"/>
  <c r="L2087" i="5" s="1"/>
  <c r="K7133" i="2"/>
  <c r="K7107" i="5" s="1"/>
  <c r="M7133" i="2"/>
  <c r="M7107" i="5" s="1"/>
  <c r="P7107" i="5" s="1"/>
  <c r="I7133" i="2"/>
  <c r="I7107" i="5" s="1"/>
  <c r="L7133" i="2"/>
  <c r="L7107" i="5" s="1"/>
  <c r="L8278" i="2"/>
  <c r="L8252" i="5" s="1"/>
  <c r="J8278" i="2"/>
  <c r="J8252" i="5" s="1"/>
  <c r="N8252" i="5" s="1"/>
  <c r="L5781" i="2"/>
  <c r="L5755" i="5" s="1"/>
  <c r="I5781" i="2"/>
  <c r="I5755" i="5" s="1"/>
  <c r="K5781" i="2"/>
  <c r="K5755" i="5" s="1"/>
  <c r="J5781" i="2"/>
  <c r="J5755" i="5" s="1"/>
  <c r="N5755" i="5" s="1"/>
  <c r="M5781" i="2"/>
  <c r="M5755" i="5" s="1"/>
  <c r="P5755" i="5" s="1"/>
  <c r="J2326" i="2"/>
  <c r="J2300" i="5" s="1"/>
  <c r="N2300" i="5" s="1"/>
  <c r="M2326" i="2"/>
  <c r="M2300" i="5" s="1"/>
  <c r="P2300" i="5" s="1"/>
  <c r="K2326" i="2"/>
  <c r="K2300" i="5" s="1"/>
  <c r="O2300" i="5" s="1"/>
  <c r="L2428" i="2"/>
  <c r="L2402" i="5" s="1"/>
  <c r="K2428" i="2"/>
  <c r="K2402" i="5" s="1"/>
  <c r="M2428" i="2"/>
  <c r="M2402" i="5" s="1"/>
  <c r="P2402" i="5" s="1"/>
  <c r="M6283" i="2"/>
  <c r="M6257" i="5" s="1"/>
  <c r="P6257" i="5" s="1"/>
  <c r="J6283" i="2"/>
  <c r="J6257" i="5" s="1"/>
  <c r="N6257" i="5" s="1"/>
  <c r="I6283" i="2"/>
  <c r="I6257" i="5" s="1"/>
  <c r="L6146" i="2"/>
  <c r="L6120" i="5" s="1"/>
  <c r="K6146" i="2"/>
  <c r="K6120" i="5" s="1"/>
  <c r="I6290" i="2"/>
  <c r="I6264" i="5" s="1"/>
  <c r="J6290" i="2"/>
  <c r="J6264" i="5" s="1"/>
  <c r="N6264" i="5" s="1"/>
  <c r="L6290" i="2"/>
  <c r="L6264" i="5" s="1"/>
  <c r="M6290" i="2"/>
  <c r="M6264" i="5" s="1"/>
  <c r="P6264" i="5" s="1"/>
  <c r="K6290" i="2"/>
  <c r="K6264" i="5" s="1"/>
  <c r="M2263" i="2"/>
  <c r="M2237" i="5" s="1"/>
  <c r="P2237" i="5" s="1"/>
  <c r="L2263" i="2"/>
  <c r="L2237" i="5" s="1"/>
  <c r="I2263" i="2"/>
  <c r="I2237" i="5" s="1"/>
  <c r="K2263" i="2"/>
  <c r="K2237" i="5" s="1"/>
  <c r="J4290" i="2"/>
  <c r="J4264" i="5" s="1"/>
  <c r="N4264" i="5" s="1"/>
  <c r="K4290" i="2"/>
  <c r="K4264" i="5" s="1"/>
  <c r="O4264" i="5" s="1"/>
  <c r="I4290" i="2"/>
  <c r="I4264" i="5" s="1"/>
  <c r="L2756" i="2"/>
  <c r="L2730" i="5" s="1"/>
  <c r="K2756" i="2"/>
  <c r="K2730" i="5" s="1"/>
  <c r="I2756" i="2"/>
  <c r="I2730" i="5" s="1"/>
  <c r="J2756" i="2"/>
  <c r="J2730" i="5" s="1"/>
  <c r="N2730" i="5" s="1"/>
  <c r="M2756" i="2"/>
  <c r="M2730" i="5" s="1"/>
  <c r="P2730" i="5" s="1"/>
  <c r="J7654" i="2"/>
  <c r="J7628" i="5" s="1"/>
  <c r="N7628" i="5" s="1"/>
  <c r="I7654" i="2"/>
  <c r="I7628" i="5" s="1"/>
  <c r="K7654" i="2"/>
  <c r="K7628" i="5" s="1"/>
  <c r="L7654" i="2"/>
  <c r="L7628" i="5" s="1"/>
  <c r="M7654" i="2"/>
  <c r="M7628" i="5" s="1"/>
  <c r="P7628" i="5" s="1"/>
  <c r="M7775" i="2"/>
  <c r="M7749" i="5" s="1"/>
  <c r="P7749" i="5" s="1"/>
  <c r="L7775" i="2"/>
  <c r="L7749" i="5" s="1"/>
  <c r="K7775" i="2"/>
  <c r="K7749" i="5" s="1"/>
  <c r="J7775" i="2"/>
  <c r="J7749" i="5" s="1"/>
  <c r="N7749" i="5" s="1"/>
  <c r="AR6" i="1"/>
  <c r="M576" i="2"/>
  <c r="M550" i="5" s="1"/>
  <c r="P550" i="5" s="1"/>
  <c r="J576" i="2"/>
  <c r="J550" i="5" s="1"/>
  <c r="N550" i="5" s="1"/>
  <c r="L5584" i="2"/>
  <c r="L5558" i="5" s="1"/>
  <c r="I5584" i="2"/>
  <c r="I5558" i="5" s="1"/>
  <c r="K5584" i="2"/>
  <c r="K5558" i="5" s="1"/>
  <c r="I1094" i="2"/>
  <c r="I1068" i="5" s="1"/>
  <c r="L1094" i="2"/>
  <c r="L1068" i="5" s="1"/>
  <c r="K1094" i="2"/>
  <c r="K1068" i="5" s="1"/>
  <c r="M1094" i="2"/>
  <c r="M1068" i="5" s="1"/>
  <c r="P1068" i="5" s="1"/>
  <c r="M282" i="2"/>
  <c r="M256" i="5" s="1"/>
  <c r="P256" i="5" s="1"/>
  <c r="J282" i="2"/>
  <c r="J256" i="5" s="1"/>
  <c r="N256" i="5" s="1"/>
  <c r="K987" i="2"/>
  <c r="K961" i="5" s="1"/>
  <c r="M2833" i="2"/>
  <c r="M2807" i="5" s="1"/>
  <c r="P2807" i="5" s="1"/>
  <c r="J2833" i="2"/>
  <c r="J2807" i="5" s="1"/>
  <c r="N2807" i="5" s="1"/>
  <c r="L2833" i="2"/>
  <c r="L2807" i="5" s="1"/>
  <c r="I237" i="2"/>
  <c r="I211" i="5" s="1"/>
  <c r="K237" i="2"/>
  <c r="K211" i="5" s="1"/>
  <c r="O211" i="5" s="1"/>
  <c r="M237" i="2"/>
  <c r="M211" i="5" s="1"/>
  <c r="P211" i="5" s="1"/>
  <c r="K1824" i="2"/>
  <c r="K1798" i="5" s="1"/>
  <c r="L1824" i="2"/>
  <c r="L1798" i="5" s="1"/>
  <c r="M1824" i="2"/>
  <c r="M1798" i="5" s="1"/>
  <c r="P1798" i="5" s="1"/>
  <c r="I1824" i="2"/>
  <c r="I1798" i="5" s="1"/>
  <c r="M5757" i="2"/>
  <c r="M5731" i="5" s="1"/>
  <c r="P5731" i="5" s="1"/>
  <c r="L5757" i="2"/>
  <c r="L5731" i="5" s="1"/>
  <c r="K5757" i="2"/>
  <c r="K5731" i="5" s="1"/>
  <c r="L3078" i="2"/>
  <c r="L3052" i="5" s="1"/>
  <c r="I3078" i="2"/>
  <c r="I3052" i="5" s="1"/>
  <c r="M5317" i="2"/>
  <c r="M5291" i="5" s="1"/>
  <c r="P5291" i="5" s="1"/>
  <c r="J5317" i="2"/>
  <c r="J5291" i="5" s="1"/>
  <c r="N5291" i="5" s="1"/>
  <c r="K5317" i="2"/>
  <c r="K5291" i="5" s="1"/>
  <c r="O5291" i="5" s="1"/>
  <c r="L3757" i="2"/>
  <c r="L3731" i="5" s="1"/>
  <c r="J3757" i="2"/>
  <c r="J3731" i="5" s="1"/>
  <c r="N3731" i="5" s="1"/>
  <c r="L6269" i="2"/>
  <c r="L6243" i="5" s="1"/>
  <c r="M6269" i="2"/>
  <c r="M6243" i="5" s="1"/>
  <c r="P6243" i="5" s="1"/>
  <c r="K6131" i="2"/>
  <c r="K6105" i="5" s="1"/>
  <c r="M6131" i="2"/>
  <c r="M6105" i="5" s="1"/>
  <c r="P6105" i="5" s="1"/>
  <c r="I6131" i="2"/>
  <c r="I6105" i="5" s="1"/>
  <c r="J6131" i="2"/>
  <c r="J6105" i="5" s="1"/>
  <c r="N6105" i="5" s="1"/>
  <c r="L6131" i="2"/>
  <c r="L6105" i="5" s="1"/>
  <c r="L3255" i="2"/>
  <c r="L3229" i="5" s="1"/>
  <c r="I3255" i="2"/>
  <c r="I3229" i="5" s="1"/>
  <c r="K3255" i="2"/>
  <c r="K3229" i="5" s="1"/>
  <c r="L4084" i="2"/>
  <c r="L4058" i="5" s="1"/>
  <c r="I4084" i="2"/>
  <c r="I4058" i="5" s="1"/>
  <c r="J4084" i="2"/>
  <c r="J4058" i="5" s="1"/>
  <c r="N4058" i="5" s="1"/>
  <c r="I5777" i="2"/>
  <c r="I5751" i="5" s="1"/>
  <c r="K5777" i="2"/>
  <c r="K5751" i="5" s="1"/>
  <c r="J5777" i="2"/>
  <c r="J5751" i="5" s="1"/>
  <c r="N5751" i="5" s="1"/>
  <c r="M5777" i="2"/>
  <c r="M5751" i="5" s="1"/>
  <c r="P5751" i="5" s="1"/>
  <c r="L5777" i="2"/>
  <c r="L5751" i="5" s="1"/>
  <c r="J769" i="2"/>
  <c r="J743" i="5" s="1"/>
  <c r="N743" i="5" s="1"/>
  <c r="M769" i="2"/>
  <c r="M743" i="5" s="1"/>
  <c r="P743" i="5" s="1"/>
  <c r="K769" i="2"/>
  <c r="K743" i="5" s="1"/>
  <c r="O743" i="5" s="1"/>
  <c r="L3235" i="2"/>
  <c r="L3209" i="5" s="1"/>
  <c r="K3235" i="2"/>
  <c r="K3209" i="5" s="1"/>
  <c r="L3230" i="2"/>
  <c r="L3204" i="5" s="1"/>
  <c r="I3230" i="2"/>
  <c r="I3204" i="5" s="1"/>
  <c r="K3230" i="2"/>
  <c r="K3204" i="5" s="1"/>
  <c r="L8513" i="2"/>
  <c r="L8487" i="5" s="1"/>
  <c r="I8513" i="2"/>
  <c r="I8487" i="5" s="1"/>
  <c r="L1890" i="2"/>
  <c r="L1864" i="5" s="1"/>
  <c r="M1890" i="2"/>
  <c r="M1864" i="5" s="1"/>
  <c r="P1864" i="5" s="1"/>
  <c r="I1890" i="2"/>
  <c r="I1864" i="5" s="1"/>
  <c r="K1890" i="2"/>
  <c r="K1864" i="5" s="1"/>
  <c r="J1890" i="2"/>
  <c r="J1864" i="5" s="1"/>
  <c r="N1864" i="5" s="1"/>
  <c r="K7202" i="2"/>
  <c r="K7176" i="5" s="1"/>
  <c r="I7202" i="2"/>
  <c r="I7176" i="5" s="1"/>
  <c r="I3101" i="2"/>
  <c r="I3075" i="5" s="1"/>
  <c r="K3101" i="2"/>
  <c r="K3075" i="5" s="1"/>
  <c r="L3101" i="2"/>
  <c r="L3075" i="5" s="1"/>
  <c r="M3101" i="2"/>
  <c r="M3075" i="5" s="1"/>
  <c r="P3075" i="5" s="1"/>
  <c r="L6421" i="2"/>
  <c r="L6395" i="5" s="1"/>
  <c r="K6421" i="2"/>
  <c r="K6395" i="5" s="1"/>
  <c r="I6421" i="2"/>
  <c r="I6395" i="5" s="1"/>
  <c r="L4271" i="2"/>
  <c r="L4245" i="5" s="1"/>
  <c r="K4271" i="2"/>
  <c r="K4245" i="5" s="1"/>
  <c r="M4271" i="2"/>
  <c r="M4245" i="5" s="1"/>
  <c r="P4245" i="5" s="1"/>
  <c r="I4271" i="2"/>
  <c r="I4245" i="5" s="1"/>
  <c r="J4271" i="2"/>
  <c r="J4245" i="5" s="1"/>
  <c r="N4245" i="5" s="1"/>
  <c r="L145" i="2"/>
  <c r="L119" i="5" s="1"/>
  <c r="L4829" i="2"/>
  <c r="L4803" i="5" s="1"/>
  <c r="I4829" i="2"/>
  <c r="I4803" i="5" s="1"/>
  <c r="K4829" i="2"/>
  <c r="K4803" i="5" s="1"/>
  <c r="M4829" i="2"/>
  <c r="M4803" i="5" s="1"/>
  <c r="P4803" i="5" s="1"/>
  <c r="M8326" i="2"/>
  <c r="M8300" i="5" s="1"/>
  <c r="P8300" i="5" s="1"/>
  <c r="L8326" i="2"/>
  <c r="L8300" i="5" s="1"/>
  <c r="I8326" i="2"/>
  <c r="I8300" i="5" s="1"/>
  <c r="J8326" i="2"/>
  <c r="J8300" i="5" s="1"/>
  <c r="N8300" i="5" s="1"/>
  <c r="K8326" i="2"/>
  <c r="K8300" i="5" s="1"/>
  <c r="M1107" i="2"/>
  <c r="M1081" i="5" s="1"/>
  <c r="P1081" i="5" s="1"/>
  <c r="J1107" i="2"/>
  <c r="J1081" i="5" s="1"/>
  <c r="N1081" i="5" s="1"/>
  <c r="I1107" i="2"/>
  <c r="I1081" i="5" s="1"/>
  <c r="J7130" i="2"/>
  <c r="J7104" i="5" s="1"/>
  <c r="N7104" i="5" s="1"/>
  <c r="M7130" i="2"/>
  <c r="M7104" i="5" s="1"/>
  <c r="P7104" i="5" s="1"/>
  <c r="L4590" i="2"/>
  <c r="L4564" i="5" s="1"/>
  <c r="J4590" i="2"/>
  <c r="J4564" i="5" s="1"/>
  <c r="N4564" i="5" s="1"/>
  <c r="M4590" i="2"/>
  <c r="M4564" i="5" s="1"/>
  <c r="P4564" i="5" s="1"/>
  <c r="L1630" i="2"/>
  <c r="L1604" i="5" s="1"/>
  <c r="I7022" i="2"/>
  <c r="I6996" i="5" s="1"/>
  <c r="K7022" i="2"/>
  <c r="K6996" i="5" s="1"/>
  <c r="M7022" i="2"/>
  <c r="M6996" i="5" s="1"/>
  <c r="P6996" i="5" s="1"/>
  <c r="J8156" i="2"/>
  <c r="J8130" i="5" s="1"/>
  <c r="N8130" i="5" s="1"/>
  <c r="L8156" i="2"/>
  <c r="L8130" i="5" s="1"/>
  <c r="M8156" i="2"/>
  <c r="M8130" i="5" s="1"/>
  <c r="P8130" i="5" s="1"/>
  <c r="I4066" i="2"/>
  <c r="I4040" i="5" s="1"/>
  <c r="J4066" i="2"/>
  <c r="J4040" i="5" s="1"/>
  <c r="N4040" i="5" s="1"/>
  <c r="M4066" i="2"/>
  <c r="M4040" i="5" s="1"/>
  <c r="P4040" i="5" s="1"/>
  <c r="I5094" i="2"/>
  <c r="I5068" i="5" s="1"/>
  <c r="L7293" i="2"/>
  <c r="L7267" i="5" s="1"/>
  <c r="J7293" i="2"/>
  <c r="J7267" i="5" s="1"/>
  <c r="N7267" i="5" s="1"/>
  <c r="K7293" i="2"/>
  <c r="K7267" i="5" s="1"/>
  <c r="M7293" i="2"/>
  <c r="M7267" i="5" s="1"/>
  <c r="P7267" i="5" s="1"/>
  <c r="K7180" i="2"/>
  <c r="K7154" i="5" s="1"/>
  <c r="I7180" i="2"/>
  <c r="I7154" i="5" s="1"/>
  <c r="M7180" i="2"/>
  <c r="M7154" i="5" s="1"/>
  <c r="P7154" i="5" s="1"/>
  <c r="L7180" i="2"/>
  <c r="L7154" i="5" s="1"/>
  <c r="K5681" i="2"/>
  <c r="K5655" i="5" s="1"/>
  <c r="O5655" i="5" s="1"/>
  <c r="J5681" i="2"/>
  <c r="J5655" i="5" s="1"/>
  <c r="N5655" i="5" s="1"/>
  <c r="L7703" i="2"/>
  <c r="L7677" i="5" s="1"/>
  <c r="I7703" i="2"/>
  <c r="I7677" i="5" s="1"/>
  <c r="J5192" i="2"/>
  <c r="J5166" i="5" s="1"/>
  <c r="N5166" i="5" s="1"/>
  <c r="L5192" i="2"/>
  <c r="L5166" i="5" s="1"/>
  <c r="I5192" i="2"/>
  <c r="I5166" i="5" s="1"/>
  <c r="L2284" i="2"/>
  <c r="L2258" i="5" s="1"/>
  <c r="I2284" i="2"/>
  <c r="I2258" i="5" s="1"/>
  <c r="K2284" i="2"/>
  <c r="K2258" i="5" s="1"/>
  <c r="J2284" i="2"/>
  <c r="J2258" i="5" s="1"/>
  <c r="N2258" i="5" s="1"/>
  <c r="J4844" i="2"/>
  <c r="J4818" i="5" s="1"/>
  <c r="N4818" i="5" s="1"/>
  <c r="M4844" i="2"/>
  <c r="M4818" i="5" s="1"/>
  <c r="P4818" i="5" s="1"/>
  <c r="L4844" i="2"/>
  <c r="L4818" i="5" s="1"/>
  <c r="I3659" i="2"/>
  <c r="I3633" i="5" s="1"/>
  <c r="K3659" i="2"/>
  <c r="K3633" i="5" s="1"/>
  <c r="M3659" i="2"/>
  <c r="M3633" i="5" s="1"/>
  <c r="P3633" i="5" s="1"/>
  <c r="M3456" i="2"/>
  <c r="M3430" i="5" s="1"/>
  <c r="P3430" i="5" s="1"/>
  <c r="K3456" i="2"/>
  <c r="K3430" i="5" s="1"/>
  <c r="J3456" i="2"/>
  <c r="J3430" i="5" s="1"/>
  <c r="N3430" i="5" s="1"/>
  <c r="L3456" i="2"/>
  <c r="L3430" i="5" s="1"/>
  <c r="I3456" i="2"/>
  <c r="I3430" i="5" s="1"/>
  <c r="L7640" i="2"/>
  <c r="L7614" i="5" s="1"/>
  <c r="J7640" i="2"/>
  <c r="J7614" i="5" s="1"/>
  <c r="N7614" i="5" s="1"/>
  <c r="J7115" i="2"/>
  <c r="J7089" i="5" s="1"/>
  <c r="N7089" i="5" s="1"/>
  <c r="M7115" i="2"/>
  <c r="M7089" i="5" s="1"/>
  <c r="P7089" i="5" s="1"/>
  <c r="M2418" i="2"/>
  <c r="M2392" i="5" s="1"/>
  <c r="P2392" i="5" s="1"/>
  <c r="J6832" i="2"/>
  <c r="J6806" i="5" s="1"/>
  <c r="N6806" i="5" s="1"/>
  <c r="M6832" i="2"/>
  <c r="M6806" i="5" s="1"/>
  <c r="P6806" i="5" s="1"/>
  <c r="L5585" i="2"/>
  <c r="L5559" i="5" s="1"/>
  <c r="K5585" i="2"/>
  <c r="K5559" i="5" s="1"/>
  <c r="J5585" i="2"/>
  <c r="J5559" i="5" s="1"/>
  <c r="N5559" i="5" s="1"/>
  <c r="I5585" i="2"/>
  <c r="I5559" i="5" s="1"/>
  <c r="J8350" i="2"/>
  <c r="J8324" i="5" s="1"/>
  <c r="N8324" i="5" s="1"/>
  <c r="L8350" i="2"/>
  <c r="L8324" i="5" s="1"/>
  <c r="I8350" i="2"/>
  <c r="I8324" i="5" s="1"/>
  <c r="K8350" i="2"/>
  <c r="K8324" i="5" s="1"/>
  <c r="K8474" i="2"/>
  <c r="K8448" i="5" s="1"/>
  <c r="O8448" i="5" s="1"/>
  <c r="L80" i="2"/>
  <c r="L54" i="5" s="1"/>
  <c r="M2140" i="2"/>
  <c r="M2114" i="5" s="1"/>
  <c r="P2114" i="5" s="1"/>
  <c r="I3446" i="2"/>
  <c r="I3420" i="5" s="1"/>
  <c r="L6257" i="2"/>
  <c r="L6231" i="5" s="1"/>
  <c r="L806" i="2"/>
  <c r="L780" i="5" s="1"/>
  <c r="I806" i="2"/>
  <c r="I780" i="5" s="1"/>
  <c r="K806" i="2"/>
  <c r="K780" i="5" s="1"/>
  <c r="J806" i="2"/>
  <c r="J780" i="5" s="1"/>
  <c r="N780" i="5" s="1"/>
  <c r="M806" i="2"/>
  <c r="M780" i="5" s="1"/>
  <c r="P780" i="5" s="1"/>
  <c r="L75" i="2"/>
  <c r="L49" i="5" s="1"/>
  <c r="M75" i="2"/>
  <c r="M49" i="5" s="1"/>
  <c r="P49" i="5" s="1"/>
  <c r="J75" i="2"/>
  <c r="J49" i="5" s="1"/>
  <c r="N49" i="5" s="1"/>
  <c r="I1121" i="2"/>
  <c r="I1095" i="5" s="1"/>
  <c r="K1592" i="2"/>
  <c r="K1566" i="5" s="1"/>
  <c r="O1566" i="5" s="1"/>
  <c r="M1592" i="2"/>
  <c r="M1566" i="5" s="1"/>
  <c r="P1566" i="5" s="1"/>
  <c r="I1592" i="2"/>
  <c r="I1566" i="5" s="1"/>
  <c r="J1244" i="2"/>
  <c r="J1218" i="5" s="1"/>
  <c r="N1218" i="5" s="1"/>
  <c r="K1244" i="2"/>
  <c r="K1218" i="5" s="1"/>
  <c r="O1218" i="5" s="1"/>
  <c r="K3908" i="2"/>
  <c r="K3882" i="5" s="1"/>
  <c r="O3882" i="5" s="1"/>
  <c r="M3908" i="2"/>
  <c r="M3882" i="5" s="1"/>
  <c r="P3882" i="5" s="1"/>
  <c r="I3908" i="2"/>
  <c r="I3882" i="5" s="1"/>
  <c r="M3312" i="2"/>
  <c r="M3286" i="5" s="1"/>
  <c r="P3286" i="5" s="1"/>
  <c r="J3312" i="2"/>
  <c r="J3286" i="5" s="1"/>
  <c r="N3286" i="5" s="1"/>
  <c r="L3312" i="2"/>
  <c r="L3286" i="5" s="1"/>
  <c r="I3312" i="2"/>
  <c r="I3286" i="5" s="1"/>
  <c r="K3312" i="2"/>
  <c r="K3286" i="5" s="1"/>
  <c r="J3291" i="2"/>
  <c r="J3265" i="5" s="1"/>
  <c r="N3265" i="5" s="1"/>
  <c r="K3291" i="2"/>
  <c r="K3265" i="5" s="1"/>
  <c r="L3291" i="2"/>
  <c r="L3265" i="5" s="1"/>
  <c r="I1407" i="2"/>
  <c r="I1381" i="5" s="1"/>
  <c r="M1407" i="2"/>
  <c r="M1381" i="5" s="1"/>
  <c r="P1381" i="5" s="1"/>
  <c r="K1407" i="2"/>
  <c r="K1381" i="5" s="1"/>
  <c r="O1381" i="5" s="1"/>
  <c r="L5860" i="2"/>
  <c r="L5834" i="5" s="1"/>
  <c r="M5860" i="2"/>
  <c r="M5834" i="5" s="1"/>
  <c r="P5834" i="5" s="1"/>
  <c r="I5860" i="2"/>
  <c r="I5834" i="5" s="1"/>
  <c r="J7708" i="2"/>
  <c r="J7682" i="5" s="1"/>
  <c r="N7682" i="5" s="1"/>
  <c r="K7708" i="2"/>
  <c r="K7682" i="5" s="1"/>
  <c r="M7708" i="2"/>
  <c r="M7682" i="5" s="1"/>
  <c r="P7682" i="5" s="1"/>
  <c r="I7708" i="2"/>
  <c r="I7682" i="5" s="1"/>
  <c r="K7696" i="2"/>
  <c r="K7670" i="5" s="1"/>
  <c r="J7696" i="2"/>
  <c r="J7670" i="5" s="1"/>
  <c r="N7670" i="5" s="1"/>
  <c r="L2253" i="2"/>
  <c r="L2227" i="5" s="1"/>
  <c r="M2253" i="2"/>
  <c r="M2227" i="5" s="1"/>
  <c r="P2227" i="5" s="1"/>
  <c r="I2253" i="2"/>
  <c r="I2227" i="5" s="1"/>
  <c r="J2253" i="2"/>
  <c r="J2227" i="5" s="1"/>
  <c r="N2227" i="5" s="1"/>
  <c r="L378" i="2"/>
  <c r="L352" i="5" s="1"/>
  <c r="I378" i="2"/>
  <c r="I352" i="5" s="1"/>
  <c r="J378" i="2"/>
  <c r="J352" i="5" s="1"/>
  <c r="N352" i="5" s="1"/>
  <c r="M378" i="2"/>
  <c r="M352" i="5" s="1"/>
  <c r="P352" i="5" s="1"/>
  <c r="K378" i="2"/>
  <c r="K352" i="5" s="1"/>
  <c r="I8106" i="2"/>
  <c r="I8080" i="5" s="1"/>
  <c r="K8106" i="2"/>
  <c r="K8080" i="5" s="1"/>
  <c r="J8106" i="2"/>
  <c r="J8080" i="5" s="1"/>
  <c r="N8080" i="5" s="1"/>
  <c r="L8106" i="2"/>
  <c r="L8080" i="5" s="1"/>
  <c r="M8106" i="2"/>
  <c r="M8080" i="5" s="1"/>
  <c r="P8080" i="5" s="1"/>
  <c r="M7989" i="2"/>
  <c r="M7963" i="5" s="1"/>
  <c r="P7963" i="5" s="1"/>
  <c r="L1765" i="2"/>
  <c r="L1739" i="5" s="1"/>
  <c r="M1765" i="2"/>
  <c r="M1739" i="5" s="1"/>
  <c r="P1739" i="5" s="1"/>
  <c r="J1765" i="2"/>
  <c r="J1739" i="5" s="1"/>
  <c r="N1739" i="5" s="1"/>
  <c r="I1765" i="2"/>
  <c r="I1739" i="5" s="1"/>
  <c r="K1765" i="2"/>
  <c r="K1739" i="5" s="1"/>
  <c r="M4079" i="2"/>
  <c r="M4053" i="5" s="1"/>
  <c r="P4053" i="5" s="1"/>
  <c r="L4079" i="2"/>
  <c r="L4053" i="5" s="1"/>
  <c r="I4079" i="2"/>
  <c r="I4053" i="5" s="1"/>
  <c r="K4079" i="2"/>
  <c r="K4053" i="5" s="1"/>
  <c r="M7376" i="2"/>
  <c r="M7350" i="5" s="1"/>
  <c r="P7350" i="5" s="1"/>
  <c r="K7376" i="2"/>
  <c r="K7350" i="5" s="1"/>
  <c r="K2616" i="2"/>
  <c r="K2590" i="5" s="1"/>
  <c r="J2616" i="2"/>
  <c r="J2590" i="5" s="1"/>
  <c r="N2590" i="5" s="1"/>
  <c r="L2616" i="2"/>
  <c r="L2590" i="5" s="1"/>
  <c r="L6595" i="2"/>
  <c r="L6569" i="5" s="1"/>
  <c r="I6595" i="2"/>
  <c r="I6569" i="5" s="1"/>
  <c r="I7183" i="2"/>
  <c r="I7157" i="5" s="1"/>
  <c r="J7183" i="2"/>
  <c r="J7157" i="5" s="1"/>
  <c r="N7157" i="5" s="1"/>
  <c r="K309" i="2"/>
  <c r="K283" i="5" s="1"/>
  <c r="L309" i="2"/>
  <c r="L283" i="5" s="1"/>
  <c r="J309" i="2"/>
  <c r="J283" i="5" s="1"/>
  <c r="N283" i="5" s="1"/>
  <c r="I309" i="2"/>
  <c r="I283" i="5" s="1"/>
  <c r="M6829" i="2"/>
  <c r="M6803" i="5" s="1"/>
  <c r="P6803" i="5" s="1"/>
  <c r="K6829" i="2"/>
  <c r="K6803" i="5" s="1"/>
  <c r="O6803" i="5" s="1"/>
  <c r="J6829" i="2"/>
  <c r="J6803" i="5" s="1"/>
  <c r="N6803" i="5" s="1"/>
  <c r="I6829" i="2"/>
  <c r="I6803" i="5" s="1"/>
  <c r="J8212" i="2"/>
  <c r="J8186" i="5" s="1"/>
  <c r="N8186" i="5" s="1"/>
  <c r="I8212" i="2"/>
  <c r="I8186" i="5" s="1"/>
  <c r="M8212" i="2"/>
  <c r="M8186" i="5" s="1"/>
  <c r="P8186" i="5" s="1"/>
  <c r="L8212" i="2"/>
  <c r="L8186" i="5" s="1"/>
  <c r="J8157" i="2"/>
  <c r="J8131" i="5" s="1"/>
  <c r="N8131" i="5" s="1"/>
  <c r="M8157" i="2"/>
  <c r="M8131" i="5" s="1"/>
  <c r="P8131" i="5" s="1"/>
  <c r="I8157" i="2"/>
  <c r="I8131" i="5" s="1"/>
  <c r="L8157" i="2"/>
  <c r="L8131" i="5" s="1"/>
  <c r="J3122" i="2"/>
  <c r="J3096" i="5" s="1"/>
  <c r="N3096" i="5" s="1"/>
  <c r="M3122" i="2"/>
  <c r="M3096" i="5" s="1"/>
  <c r="P3096" i="5" s="1"/>
  <c r="J4786" i="2"/>
  <c r="J4760" i="5" s="1"/>
  <c r="N4760" i="5" s="1"/>
  <c r="I4786" i="2"/>
  <c r="I4760" i="5" s="1"/>
  <c r="I3972" i="2"/>
  <c r="I3946" i="5" s="1"/>
  <c r="M3972" i="2"/>
  <c r="M3946" i="5" s="1"/>
  <c r="P3946" i="5" s="1"/>
  <c r="L3972" i="2"/>
  <c r="L3946" i="5" s="1"/>
  <c r="K3972" i="2"/>
  <c r="K3946" i="5" s="1"/>
  <c r="J8160" i="2"/>
  <c r="J8134" i="5" s="1"/>
  <c r="N8134" i="5" s="1"/>
  <c r="M8160" i="2"/>
  <c r="M8134" i="5" s="1"/>
  <c r="P8134" i="5" s="1"/>
  <c r="I8160" i="2"/>
  <c r="I8134" i="5" s="1"/>
  <c r="L8160" i="2"/>
  <c r="L8134" i="5" s="1"/>
  <c r="K8160" i="2"/>
  <c r="K8134" i="5" s="1"/>
  <c r="K6609" i="2"/>
  <c r="K6583" i="5" s="1"/>
  <c r="M6609" i="2"/>
  <c r="M6583" i="5" s="1"/>
  <c r="P6583" i="5" s="1"/>
  <c r="J6609" i="2"/>
  <c r="J6583" i="5" s="1"/>
  <c r="N6583" i="5" s="1"/>
  <c r="L6609" i="2"/>
  <c r="L6583" i="5" s="1"/>
  <c r="I6609" i="2"/>
  <c r="I6583" i="5" s="1"/>
  <c r="K5126" i="2"/>
  <c r="K5100" i="5" s="1"/>
  <c r="J5126" i="2"/>
  <c r="J5100" i="5" s="1"/>
  <c r="N5100" i="5" s="1"/>
  <c r="M5126" i="2"/>
  <c r="M5100" i="5" s="1"/>
  <c r="P5100" i="5" s="1"/>
  <c r="L5126" i="2"/>
  <c r="L5100" i="5" s="1"/>
  <c r="I8152" i="2"/>
  <c r="I8126" i="5" s="1"/>
  <c r="K8152" i="2"/>
  <c r="K8126" i="5" s="1"/>
  <c r="O8126" i="5" s="1"/>
  <c r="I601" i="2"/>
  <c r="I575" i="5" s="1"/>
  <c r="M601" i="2"/>
  <c r="M575" i="5" s="1"/>
  <c r="P575" i="5" s="1"/>
  <c r="K4745" i="2"/>
  <c r="K4719" i="5" s="1"/>
  <c r="O4719" i="5" s="1"/>
  <c r="J4745" i="2"/>
  <c r="J4719" i="5" s="1"/>
  <c r="N4719" i="5" s="1"/>
  <c r="K7484" i="2"/>
  <c r="K7458" i="5" s="1"/>
  <c r="O7458" i="5" s="1"/>
  <c r="I7484" i="2"/>
  <c r="I7458" i="5" s="1"/>
  <c r="M7484" i="2"/>
  <c r="M7458" i="5" s="1"/>
  <c r="P7458" i="5" s="1"/>
  <c r="J7484" i="2"/>
  <c r="J7458" i="5" s="1"/>
  <c r="N7458" i="5" s="1"/>
  <c r="M5657" i="2"/>
  <c r="M5631" i="5" s="1"/>
  <c r="P5631" i="5" s="1"/>
  <c r="L6467" i="2"/>
  <c r="L6441" i="5" s="1"/>
  <c r="J6467" i="2"/>
  <c r="J6441" i="5" s="1"/>
  <c r="N6441" i="5" s="1"/>
  <c r="J5658" i="2"/>
  <c r="J5632" i="5" s="1"/>
  <c r="N5632" i="5" s="1"/>
  <c r="M5658" i="2"/>
  <c r="M5632" i="5" s="1"/>
  <c r="P5632" i="5" s="1"/>
  <c r="I5658" i="2"/>
  <c r="I5632" i="5" s="1"/>
  <c r="M55" i="2"/>
  <c r="M29" i="5" s="1"/>
  <c r="P29" i="5" s="1"/>
  <c r="J55" i="2"/>
  <c r="J29" i="5" s="1"/>
  <c r="N29" i="5" s="1"/>
  <c r="K55" i="2"/>
  <c r="K29" i="5" s="1"/>
  <c r="K5864" i="2"/>
  <c r="K5838" i="5" s="1"/>
  <c r="J5864" i="2"/>
  <c r="J5838" i="5" s="1"/>
  <c r="N5838" i="5" s="1"/>
  <c r="L5864" i="2"/>
  <c r="L5838" i="5" s="1"/>
  <c r="I5864" i="2"/>
  <c r="I5838" i="5" s="1"/>
  <c r="M5864" i="2"/>
  <c r="M5838" i="5" s="1"/>
  <c r="P5838" i="5" s="1"/>
  <c r="K6612" i="2"/>
  <c r="K6586" i="5" s="1"/>
  <c r="J6612" i="2"/>
  <c r="J6586" i="5" s="1"/>
  <c r="N6586" i="5" s="1"/>
  <c r="L6612" i="2"/>
  <c r="L6586" i="5" s="1"/>
  <c r="I3284" i="2"/>
  <c r="I3258" i="5" s="1"/>
  <c r="J3284" i="2"/>
  <c r="J3258" i="5" s="1"/>
  <c r="N3258" i="5" s="1"/>
  <c r="J6084" i="2"/>
  <c r="J6058" i="5" s="1"/>
  <c r="N6058" i="5" s="1"/>
  <c r="I6084" i="2"/>
  <c r="I6058" i="5" s="1"/>
  <c r="M6084" i="2"/>
  <c r="M6058" i="5" s="1"/>
  <c r="P6058" i="5" s="1"/>
  <c r="K2727" i="2"/>
  <c r="K2701" i="5" s="1"/>
  <c r="L2727" i="2"/>
  <c r="L2701" i="5" s="1"/>
  <c r="I2727" i="2"/>
  <c r="I2701" i="5" s="1"/>
  <c r="J2727" i="2"/>
  <c r="J2701" i="5" s="1"/>
  <c r="N2701" i="5" s="1"/>
  <c r="M2727" i="2"/>
  <c r="M2701" i="5" s="1"/>
  <c r="P2701" i="5" s="1"/>
  <c r="K3652" i="2"/>
  <c r="K3626" i="5" s="1"/>
  <c r="J1494" i="2"/>
  <c r="J1468" i="5" s="1"/>
  <c r="N1468" i="5" s="1"/>
  <c r="M1494" i="2"/>
  <c r="M1468" i="5" s="1"/>
  <c r="P1468" i="5" s="1"/>
  <c r="L1494" i="2"/>
  <c r="L1468" i="5" s="1"/>
  <c r="I1494" i="2"/>
  <c r="I1468" i="5" s="1"/>
  <c r="K1494" i="2"/>
  <c r="K1468" i="5" s="1"/>
  <c r="L937" i="2"/>
  <c r="L911" i="5" s="1"/>
  <c r="J937" i="2"/>
  <c r="J911" i="5" s="1"/>
  <c r="N911" i="5" s="1"/>
  <c r="I937" i="2"/>
  <c r="I911" i="5" s="1"/>
  <c r="M822" i="2"/>
  <c r="M796" i="5" s="1"/>
  <c r="P796" i="5" s="1"/>
  <c r="J822" i="2"/>
  <c r="J796" i="5" s="1"/>
  <c r="N796" i="5" s="1"/>
  <c r="K822" i="2"/>
  <c r="K796" i="5" s="1"/>
  <c r="O796" i="5" s="1"/>
  <c r="L2264" i="2"/>
  <c r="L2238" i="5" s="1"/>
  <c r="M2264" i="2"/>
  <c r="M2238" i="5" s="1"/>
  <c r="P2238" i="5" s="1"/>
  <c r="J2264" i="2"/>
  <c r="J2238" i="5" s="1"/>
  <c r="N2238" i="5" s="1"/>
  <c r="M4788" i="2"/>
  <c r="M4762" i="5" s="1"/>
  <c r="P4762" i="5" s="1"/>
  <c r="K4788" i="2"/>
  <c r="K4762" i="5" s="1"/>
  <c r="L4788" i="2"/>
  <c r="L4762" i="5" s="1"/>
  <c r="I4788" i="2"/>
  <c r="I4762" i="5" s="1"/>
  <c r="M5021" i="2"/>
  <c r="M4995" i="5" s="1"/>
  <c r="P4995" i="5" s="1"/>
  <c r="K5021" i="2"/>
  <c r="K4995" i="5" s="1"/>
  <c r="O4995" i="5" s="1"/>
  <c r="M7659" i="2"/>
  <c r="M7633" i="5" s="1"/>
  <c r="P7633" i="5" s="1"/>
  <c r="J7659" i="2"/>
  <c r="J7633" i="5" s="1"/>
  <c r="N7633" i="5" s="1"/>
  <c r="I7659" i="2"/>
  <c r="I7633" i="5" s="1"/>
  <c r="M8202" i="2"/>
  <c r="M8176" i="5" s="1"/>
  <c r="P8176" i="5" s="1"/>
  <c r="J8202" i="2"/>
  <c r="J8176" i="5" s="1"/>
  <c r="N8176" i="5" s="1"/>
  <c r="M1069" i="2"/>
  <c r="M1043" i="5" s="1"/>
  <c r="P1043" i="5" s="1"/>
  <c r="L1069" i="2"/>
  <c r="L1043" i="5" s="1"/>
  <c r="K1069" i="2"/>
  <c r="K1043" i="5" s="1"/>
  <c r="J1069" i="2"/>
  <c r="J1043" i="5" s="1"/>
  <c r="N1043" i="5" s="1"/>
  <c r="I1069" i="2"/>
  <c r="I1043" i="5" s="1"/>
  <c r="I215" i="2"/>
  <c r="I189" i="5" s="1"/>
  <c r="J5475" i="2"/>
  <c r="J5449" i="5" s="1"/>
  <c r="N5449" i="5" s="1"/>
  <c r="L6351" i="2"/>
  <c r="L6325" i="5" s="1"/>
  <c r="I6351" i="2"/>
  <c r="I6325" i="5" s="1"/>
  <c r="K3455" i="2"/>
  <c r="K3429" i="5" s="1"/>
  <c r="J3455" i="2"/>
  <c r="J3429" i="5" s="1"/>
  <c r="N3429" i="5" s="1"/>
  <c r="I6474" i="2"/>
  <c r="I6448" i="5" s="1"/>
  <c r="K6474" i="2"/>
  <c r="K6448" i="5" s="1"/>
  <c r="L6474" i="2"/>
  <c r="L6448" i="5" s="1"/>
  <c r="M6474" i="2"/>
  <c r="M6448" i="5" s="1"/>
  <c r="P6448" i="5" s="1"/>
  <c r="L8628" i="2"/>
  <c r="L8602" i="5" s="1"/>
  <c r="K8628" i="2"/>
  <c r="K8602" i="5" s="1"/>
  <c r="M8628" i="2"/>
  <c r="M8602" i="5" s="1"/>
  <c r="P8602" i="5" s="1"/>
  <c r="K2488" i="2"/>
  <c r="K2462" i="5" s="1"/>
  <c r="J2488" i="2"/>
  <c r="J2462" i="5" s="1"/>
  <c r="N2462" i="5" s="1"/>
  <c r="I2501" i="2"/>
  <c r="I2475" i="5" s="1"/>
  <c r="K2501" i="2"/>
  <c r="K2475" i="5" s="1"/>
  <c r="L2501" i="2"/>
  <c r="L2475" i="5" s="1"/>
  <c r="J2501" i="2"/>
  <c r="J2475" i="5" s="1"/>
  <c r="N2475" i="5" s="1"/>
  <c r="L4797" i="2"/>
  <c r="L4771" i="5" s="1"/>
  <c r="K4797" i="2"/>
  <c r="K4771" i="5" s="1"/>
  <c r="I4797" i="2"/>
  <c r="I4771" i="5" s="1"/>
  <c r="K2623" i="2"/>
  <c r="K2597" i="5" s="1"/>
  <c r="L2623" i="2"/>
  <c r="L2597" i="5" s="1"/>
  <c r="J2623" i="2"/>
  <c r="J2597" i="5" s="1"/>
  <c r="N2597" i="5" s="1"/>
  <c r="M2623" i="2"/>
  <c r="M2597" i="5" s="1"/>
  <c r="P2597" i="5" s="1"/>
  <c r="I2623" i="2"/>
  <c r="I2597" i="5" s="1"/>
  <c r="J7653" i="2"/>
  <c r="J7627" i="5" s="1"/>
  <c r="N7627" i="5" s="1"/>
  <c r="I7653" i="2"/>
  <c r="I7627" i="5" s="1"/>
  <c r="L7653" i="2"/>
  <c r="L7627" i="5" s="1"/>
  <c r="M7653" i="2"/>
  <c r="M7627" i="5" s="1"/>
  <c r="P7627" i="5" s="1"/>
  <c r="J7771" i="2"/>
  <c r="J7745" i="5" s="1"/>
  <c r="N7745" i="5" s="1"/>
  <c r="M7771" i="2"/>
  <c r="M7745" i="5" s="1"/>
  <c r="P7745" i="5" s="1"/>
  <c r="K7771" i="2"/>
  <c r="K7745" i="5" s="1"/>
  <c r="I7771" i="2"/>
  <c r="I7745" i="5" s="1"/>
  <c r="L7771" i="2"/>
  <c r="L7745" i="5" s="1"/>
  <c r="L153" i="2"/>
  <c r="L127" i="5" s="1"/>
  <c r="M153" i="2"/>
  <c r="M127" i="5" s="1"/>
  <c r="P127" i="5" s="1"/>
  <c r="I153" i="2"/>
  <c r="I127" i="5" s="1"/>
  <c r="J153" i="2"/>
  <c r="J127" i="5" s="1"/>
  <c r="N127" i="5" s="1"/>
  <c r="K153" i="2"/>
  <c r="K127" i="5" s="1"/>
  <c r="J7953" i="2"/>
  <c r="J7927" i="5" s="1"/>
  <c r="N7927" i="5" s="1"/>
  <c r="M7953" i="2"/>
  <c r="M7927" i="5" s="1"/>
  <c r="P7927" i="5" s="1"/>
  <c r="K7953" i="2"/>
  <c r="K7927" i="5" s="1"/>
  <c r="L7953" i="2"/>
  <c r="L7927" i="5" s="1"/>
  <c r="I7953" i="2"/>
  <c r="I7927" i="5" s="1"/>
  <c r="L104" i="2"/>
  <c r="L78" i="5" s="1"/>
  <c r="M104" i="2"/>
  <c r="M78" i="5" s="1"/>
  <c r="P78" i="5" s="1"/>
  <c r="K104" i="2"/>
  <c r="K78" i="5" s="1"/>
  <c r="L249" i="2"/>
  <c r="L223" i="5" s="1"/>
  <c r="I249" i="2"/>
  <c r="I223" i="5" s="1"/>
  <c r="K249" i="2"/>
  <c r="K223" i="5" s="1"/>
  <c r="J249" i="2"/>
  <c r="J223" i="5" s="1"/>
  <c r="N223" i="5" s="1"/>
  <c r="J5818" i="2"/>
  <c r="J5792" i="5" s="1"/>
  <c r="N5792" i="5" s="1"/>
  <c r="I5818" i="2"/>
  <c r="I5792" i="5" s="1"/>
  <c r="J1270" i="2"/>
  <c r="J1244" i="5" s="1"/>
  <c r="N1244" i="5" s="1"/>
  <c r="L1270" i="2"/>
  <c r="L1244" i="5" s="1"/>
  <c r="I1270" i="2"/>
  <c r="I1244" i="5" s="1"/>
  <c r="L1732" i="2"/>
  <c r="L1706" i="5" s="1"/>
  <c r="M1732" i="2"/>
  <c r="M1706" i="5" s="1"/>
  <c r="P1706" i="5" s="1"/>
  <c r="J8619" i="2"/>
  <c r="J8593" i="5" s="1"/>
  <c r="N8593" i="5" s="1"/>
  <c r="K8619" i="2"/>
  <c r="K8593" i="5" s="1"/>
  <c r="M8619" i="2"/>
  <c r="M8593" i="5" s="1"/>
  <c r="P8593" i="5" s="1"/>
  <c r="L8619" i="2"/>
  <c r="L8593" i="5" s="1"/>
  <c r="I3455" i="2"/>
  <c r="I3429" i="5" s="1"/>
  <c r="I6467" i="2"/>
  <c r="I6441" i="5" s="1"/>
  <c r="K2795" i="2"/>
  <c r="K2769" i="5" s="1"/>
  <c r="L5094" i="2"/>
  <c r="L5068" i="5" s="1"/>
  <c r="J6269" i="2"/>
  <c r="J6243" i="5" s="1"/>
  <c r="N6243" i="5" s="1"/>
  <c r="L2626" i="2"/>
  <c r="L2600" i="5" s="1"/>
  <c r="J1660" i="2"/>
  <c r="J1634" i="5" s="1"/>
  <c r="N1634" i="5" s="1"/>
  <c r="L1660" i="2"/>
  <c r="L1634" i="5" s="1"/>
  <c r="M1660" i="2"/>
  <c r="M1634" i="5" s="1"/>
  <c r="P1634" i="5" s="1"/>
  <c r="K1660" i="2"/>
  <c r="K1634" i="5" s="1"/>
  <c r="J5805" i="2"/>
  <c r="J5779" i="5" s="1"/>
  <c r="N5779" i="5" s="1"/>
  <c r="L5805" i="2"/>
  <c r="L5779" i="5" s="1"/>
  <c r="I6347" i="2"/>
  <c r="I6321" i="5" s="1"/>
  <c r="M6347" i="2"/>
  <c r="M6321" i="5" s="1"/>
  <c r="P6321" i="5" s="1"/>
  <c r="I5418" i="2"/>
  <c r="I5392" i="5" s="1"/>
  <c r="K5418" i="2"/>
  <c r="K5392" i="5" s="1"/>
  <c r="M5418" i="2"/>
  <c r="M5392" i="5" s="1"/>
  <c r="P5392" i="5" s="1"/>
  <c r="J5418" i="2"/>
  <c r="J5392" i="5" s="1"/>
  <c r="N5392" i="5" s="1"/>
  <c r="L5418" i="2"/>
  <c r="L5392" i="5" s="1"/>
  <c r="K796" i="2"/>
  <c r="K770" i="5" s="1"/>
  <c r="L796" i="2"/>
  <c r="L770" i="5" s="1"/>
  <c r="L3611" i="2"/>
  <c r="L3585" i="5" s="1"/>
  <c r="J3611" i="2"/>
  <c r="J3585" i="5" s="1"/>
  <c r="N3585" i="5" s="1"/>
  <c r="M3611" i="2"/>
  <c r="M3585" i="5" s="1"/>
  <c r="P3585" i="5" s="1"/>
  <c r="I3611" i="2"/>
  <c r="I3585" i="5" s="1"/>
  <c r="L3938" i="2"/>
  <c r="L3912" i="5" s="1"/>
  <c r="M3938" i="2"/>
  <c r="M3912" i="5" s="1"/>
  <c r="P3912" i="5" s="1"/>
  <c r="K3938" i="2"/>
  <c r="K3912" i="5" s="1"/>
  <c r="K3161" i="2"/>
  <c r="K3135" i="5" s="1"/>
  <c r="L3161" i="2"/>
  <c r="L3135" i="5" s="1"/>
  <c r="J1290" i="2"/>
  <c r="J1264" i="5" s="1"/>
  <c r="N1264" i="5" s="1"/>
  <c r="I1290" i="2"/>
  <c r="I1264" i="5" s="1"/>
  <c r="L2786" i="2"/>
  <c r="L2760" i="5" s="1"/>
  <c r="I2786" i="2"/>
  <c r="I2760" i="5" s="1"/>
  <c r="K2786" i="2"/>
  <c r="K2760" i="5" s="1"/>
  <c r="M2786" i="2"/>
  <c r="M2760" i="5" s="1"/>
  <c r="P2760" i="5" s="1"/>
  <c r="J2786" i="2"/>
  <c r="J2760" i="5" s="1"/>
  <c r="N2760" i="5" s="1"/>
  <c r="K7326" i="2"/>
  <c r="K7300" i="5" s="1"/>
  <c r="J7326" i="2"/>
  <c r="J7300" i="5" s="1"/>
  <c r="N7300" i="5" s="1"/>
  <c r="M7326" i="2"/>
  <c r="M7300" i="5" s="1"/>
  <c r="P7300" i="5" s="1"/>
  <c r="L7326" i="2"/>
  <c r="L7300" i="5" s="1"/>
  <c r="I7326" i="2"/>
  <c r="I7300" i="5" s="1"/>
  <c r="L4650" i="2"/>
  <c r="L4624" i="5" s="1"/>
  <c r="K4650" i="2"/>
  <c r="K4624" i="5" s="1"/>
  <c r="M4650" i="2"/>
  <c r="M4624" i="5" s="1"/>
  <c r="P4624" i="5" s="1"/>
  <c r="J4650" i="2"/>
  <c r="J4624" i="5" s="1"/>
  <c r="N4624" i="5" s="1"/>
  <c r="L739" i="2"/>
  <c r="L713" i="5" s="1"/>
  <c r="J739" i="2"/>
  <c r="J713" i="5" s="1"/>
  <c r="N713" i="5" s="1"/>
  <c r="I739" i="2"/>
  <c r="I713" i="5" s="1"/>
  <c r="M739" i="2"/>
  <c r="M713" i="5" s="1"/>
  <c r="P713" i="5" s="1"/>
  <c r="J5584" i="2"/>
  <c r="J5558" i="5" s="1"/>
  <c r="N5558" i="5" s="1"/>
  <c r="L7493" i="2"/>
  <c r="L7467" i="5" s="1"/>
  <c r="K5094" i="2"/>
  <c r="K5068" i="5" s="1"/>
  <c r="I2668" i="2"/>
  <c r="I2642" i="5" s="1"/>
  <c r="I6269" i="2"/>
  <c r="I6243" i="5" s="1"/>
  <c r="L7696" i="2"/>
  <c r="L7670" i="5" s="1"/>
  <c r="I7293" i="2"/>
  <c r="I7267" i="5" s="1"/>
  <c r="J7691" i="2"/>
  <c r="J7665" i="5" s="1"/>
  <c r="N7665" i="5" s="1"/>
  <c r="I7691" i="2"/>
  <c r="I7665" i="5" s="1"/>
  <c r="L5997" i="2"/>
  <c r="L5971" i="5" s="1"/>
  <c r="M5997" i="2"/>
  <c r="M5971" i="5" s="1"/>
  <c r="P5971" i="5" s="1"/>
  <c r="I5997" i="2"/>
  <c r="I5971" i="5" s="1"/>
  <c r="K5997" i="2"/>
  <c r="K5971" i="5" s="1"/>
  <c r="J5997" i="2"/>
  <c r="J5971" i="5" s="1"/>
  <c r="N5971" i="5" s="1"/>
  <c r="M4857" i="2"/>
  <c r="M4831" i="5" s="1"/>
  <c r="P4831" i="5" s="1"/>
  <c r="J4857" i="2"/>
  <c r="J4831" i="5" s="1"/>
  <c r="N4831" i="5" s="1"/>
  <c r="E331" i="5"/>
  <c r="AR325" i="1"/>
  <c r="M8103" i="2"/>
  <c r="M8077" i="5" s="1"/>
  <c r="P8077" i="5" s="1"/>
  <c r="L8103" i="2"/>
  <c r="L8077" i="5" s="1"/>
  <c r="J8103" i="2"/>
  <c r="J8077" i="5" s="1"/>
  <c r="N8077" i="5" s="1"/>
  <c r="I8103" i="2"/>
  <c r="I8077" i="5" s="1"/>
  <c r="K8103" i="2"/>
  <c r="K8077" i="5" s="1"/>
  <c r="K8688" i="2"/>
  <c r="K8662" i="5" s="1"/>
  <c r="M8688" i="2"/>
  <c r="M8662" i="5" s="1"/>
  <c r="P8662" i="5" s="1"/>
  <c r="L8688" i="2"/>
  <c r="L8662" i="5" s="1"/>
  <c r="I8688" i="2"/>
  <c r="I8662" i="5" s="1"/>
  <c r="J8688" i="2"/>
  <c r="J8662" i="5" s="1"/>
  <c r="N8662" i="5" s="1"/>
  <c r="M1984" i="2"/>
  <c r="M1958" i="5" s="1"/>
  <c r="P1958" i="5" s="1"/>
  <c r="I1984" i="2"/>
  <c r="I1958" i="5" s="1"/>
  <c r="K1984" i="2"/>
  <c r="K1958" i="5" s="1"/>
  <c r="J1984" i="2"/>
  <c r="J1958" i="5" s="1"/>
  <c r="N1958" i="5" s="1"/>
  <c r="L1984" i="2"/>
  <c r="L1958" i="5" s="1"/>
  <c r="K1090" i="2"/>
  <c r="K1064" i="5" s="1"/>
  <c r="O1064" i="5" s="1"/>
  <c r="J1090" i="2"/>
  <c r="J1064" i="5" s="1"/>
  <c r="N1064" i="5" s="1"/>
  <c r="I7472" i="2"/>
  <c r="I7446" i="5" s="1"/>
  <c r="J7472" i="2"/>
  <c r="J7446" i="5" s="1"/>
  <c r="N7446" i="5" s="1"/>
  <c r="K7472" i="2"/>
  <c r="K7446" i="5" s="1"/>
  <c r="M7472" i="2"/>
  <c r="M7446" i="5" s="1"/>
  <c r="P7446" i="5" s="1"/>
  <c r="L7472" i="2"/>
  <c r="L7446" i="5" s="1"/>
  <c r="L6944" i="2"/>
  <c r="L6918" i="5" s="1"/>
  <c r="K4486" i="2"/>
  <c r="K4460" i="5" s="1"/>
  <c r="L4486" i="2"/>
  <c r="L4460" i="5" s="1"/>
  <c r="M4486" i="2"/>
  <c r="M4460" i="5" s="1"/>
  <c r="P4460" i="5" s="1"/>
  <c r="I4486" i="2"/>
  <c r="I4460" i="5" s="1"/>
  <c r="J4486" i="2"/>
  <c r="J4460" i="5" s="1"/>
  <c r="N4460" i="5" s="1"/>
  <c r="M410" i="2"/>
  <c r="M384" i="5" s="1"/>
  <c r="P384" i="5" s="1"/>
  <c r="K410" i="2"/>
  <c r="K384" i="5" s="1"/>
  <c r="L410" i="2"/>
  <c r="L384" i="5" s="1"/>
  <c r="M3625" i="2"/>
  <c r="M3599" i="5" s="1"/>
  <c r="P3599" i="5" s="1"/>
  <c r="I5838" i="2"/>
  <c r="I5812" i="5" s="1"/>
  <c r="K5838" i="2"/>
  <c r="K5812" i="5" s="1"/>
  <c r="J5838" i="2"/>
  <c r="J5812" i="5" s="1"/>
  <c r="N5812" i="5" s="1"/>
  <c r="J580" i="2"/>
  <c r="J554" i="5" s="1"/>
  <c r="N554" i="5" s="1"/>
  <c r="L580" i="2"/>
  <c r="L554" i="5" s="1"/>
  <c r="I580" i="2"/>
  <c r="I554" i="5" s="1"/>
  <c r="M6020" i="2"/>
  <c r="M5994" i="5" s="1"/>
  <c r="P5994" i="5" s="1"/>
  <c r="K6020" i="2"/>
  <c r="K5994" i="5" s="1"/>
  <c r="I6020" i="2"/>
  <c r="I5994" i="5" s="1"/>
  <c r="J6020" i="2"/>
  <c r="J5994" i="5" s="1"/>
  <c r="N5994" i="5" s="1"/>
  <c r="L6020" i="2"/>
  <c r="L5994" i="5" s="1"/>
  <c r="K4984" i="2"/>
  <c r="K4958" i="5" s="1"/>
  <c r="L4984" i="2"/>
  <c r="L4958" i="5" s="1"/>
  <c r="J4984" i="2"/>
  <c r="J4958" i="5" s="1"/>
  <c r="N4958" i="5" s="1"/>
  <c r="M4984" i="2"/>
  <c r="M4958" i="5" s="1"/>
  <c r="P4958" i="5" s="1"/>
  <c r="I4984" i="2"/>
  <c r="I4958" i="5" s="1"/>
  <c r="J7492" i="2"/>
  <c r="J7466" i="5" s="1"/>
  <c r="N7466" i="5" s="1"/>
  <c r="I7492" i="2"/>
  <c r="I7466" i="5" s="1"/>
  <c r="J6461" i="2"/>
  <c r="J6435" i="5" s="1"/>
  <c r="N6435" i="5" s="1"/>
  <c r="M3975" i="2"/>
  <c r="M3949" i="5" s="1"/>
  <c r="P3949" i="5" s="1"/>
  <c r="L3746" i="2"/>
  <c r="L3720" i="5" s="1"/>
  <c r="J4591" i="2"/>
  <c r="J4565" i="5" s="1"/>
  <c r="N4565" i="5" s="1"/>
  <c r="L2652" i="2"/>
  <c r="L2626" i="5" s="1"/>
  <c r="K298" i="2"/>
  <c r="K272" i="5" s="1"/>
  <c r="L6780" i="2"/>
  <c r="L6754" i="5" s="1"/>
  <c r="I3394" i="2"/>
  <c r="I3368" i="5" s="1"/>
  <c r="L5848" i="2"/>
  <c r="L5822" i="5" s="1"/>
  <c r="M8460" i="2"/>
  <c r="M8434" i="5" s="1"/>
  <c r="P8434" i="5" s="1"/>
  <c r="I3115" i="2"/>
  <c r="I3089" i="5" s="1"/>
  <c r="J410" i="2"/>
  <c r="J384" i="5" s="1"/>
  <c r="N384" i="5" s="1"/>
  <c r="M7691" i="2"/>
  <c r="M7665" i="5" s="1"/>
  <c r="P7665" i="5" s="1"/>
  <c r="I5786" i="2"/>
  <c r="I5760" i="5" s="1"/>
  <c r="K770" i="2"/>
  <c r="K744" i="5" s="1"/>
  <c r="J3230" i="2"/>
  <c r="J3204" i="5" s="1"/>
  <c r="N3204" i="5" s="1"/>
  <c r="J4079" i="2"/>
  <c r="J4053" i="5" s="1"/>
  <c r="N4053" i="5" s="1"/>
  <c r="M6421" i="2"/>
  <c r="M6395" i="5" s="1"/>
  <c r="P6395" i="5" s="1"/>
  <c r="I5634" i="2"/>
  <c r="I5608" i="5" s="1"/>
  <c r="K8156" i="2"/>
  <c r="K8130" i="5" s="1"/>
  <c r="M2668" i="2"/>
  <c r="M2642" i="5" s="1"/>
  <c r="P2642" i="5" s="1"/>
  <c r="J7133" i="2"/>
  <c r="J7107" i="5" s="1"/>
  <c r="N7107" i="5" s="1"/>
  <c r="K7653" i="2"/>
  <c r="K7627" i="5" s="1"/>
  <c r="L3625" i="2"/>
  <c r="L3599" i="5" s="1"/>
  <c r="K3273" i="2"/>
  <c r="K3247" i="5" s="1"/>
  <c r="I889" i="2"/>
  <c r="I863" i="5" s="1"/>
  <c r="I3734" i="2"/>
  <c r="I3708" i="5" s="1"/>
  <c r="J3394" i="2"/>
  <c r="J3368" i="5" s="1"/>
  <c r="N3368" i="5" s="1"/>
  <c r="J7300" i="2"/>
  <c r="J7274" i="5" s="1"/>
  <c r="N7274" i="5" s="1"/>
  <c r="J3235" i="2"/>
  <c r="J3209" i="5" s="1"/>
  <c r="N3209" i="5" s="1"/>
  <c r="I770" i="2"/>
  <c r="I744" i="5" s="1"/>
  <c r="L7022" i="2"/>
  <c r="L6996" i="5" s="1"/>
  <c r="K6832" i="2"/>
  <c r="K6806" i="5" s="1"/>
  <c r="I8496" i="2"/>
  <c r="I8470" i="5" s="1"/>
  <c r="I8156" i="2"/>
  <c r="I8130" i="5" s="1"/>
  <c r="K7595" i="2"/>
  <c r="K7569" i="5" s="1"/>
  <c r="I3273" i="2"/>
  <c r="I3247" i="5" s="1"/>
  <c r="M3734" i="2"/>
  <c r="M3708" i="5" s="1"/>
  <c r="P3708" i="5" s="1"/>
  <c r="J8181" i="2"/>
  <c r="J8155" i="5" s="1"/>
  <c r="N8155" i="5" s="1"/>
  <c r="M2652" i="2"/>
  <c r="M2626" i="5" s="1"/>
  <c r="P2626" i="5" s="1"/>
  <c r="M298" i="2"/>
  <c r="M272" i="5" s="1"/>
  <c r="P272" i="5" s="1"/>
  <c r="C12" i="5"/>
  <c r="K3394" i="2"/>
  <c r="K3368" i="5" s="1"/>
  <c r="O3368" i="5" s="1"/>
  <c r="K5848" i="2"/>
  <c r="K5822" i="5" s="1"/>
  <c r="J3115" i="2"/>
  <c r="J3089" i="5" s="1"/>
  <c r="N3089" i="5" s="1"/>
  <c r="J1070" i="2"/>
  <c r="J1044" i="5" s="1"/>
  <c r="N1044" i="5" s="1"/>
  <c r="M1998" i="2"/>
  <c r="M1972" i="5" s="1"/>
  <c r="P1972" i="5" s="1"/>
  <c r="K7300" i="2"/>
  <c r="K7274" i="5" s="1"/>
  <c r="O7274" i="5" s="1"/>
  <c r="K805" i="2"/>
  <c r="K779" i="5" s="1"/>
  <c r="O779" i="5" s="1"/>
  <c r="I7376" i="2"/>
  <c r="I7350" i="5" s="1"/>
  <c r="I3235" i="2"/>
  <c r="I3209" i="5" s="1"/>
  <c r="K1634" i="2"/>
  <c r="K1608" i="5" s="1"/>
  <c r="J7703" i="2"/>
  <c r="J7677" i="5" s="1"/>
  <c r="N7677" i="5" s="1"/>
  <c r="L770" i="2"/>
  <c r="L744" i="5" s="1"/>
  <c r="J7022" i="2"/>
  <c r="J6996" i="5" s="1"/>
  <c r="N6996" i="5" s="1"/>
  <c r="I6832" i="2"/>
  <c r="I6806" i="5" s="1"/>
  <c r="J5860" i="2"/>
  <c r="J5834" i="5" s="1"/>
  <c r="N5834" i="5" s="1"/>
  <c r="I987" i="2"/>
  <c r="I961" i="5" s="1"/>
  <c r="J8496" i="2"/>
  <c r="J8470" i="5" s="1"/>
  <c r="N8470" i="5" s="1"/>
  <c r="I8278" i="2"/>
  <c r="I8252" i="5" s="1"/>
  <c r="M8154" i="2"/>
  <c r="M8128" i="5" s="1"/>
  <c r="P8128" i="5" s="1"/>
  <c r="I7595" i="2"/>
  <c r="I7569" i="5" s="1"/>
  <c r="K8549" i="2"/>
  <c r="K8523" i="5" s="1"/>
  <c r="J889" i="2"/>
  <c r="J863" i="5" s="1"/>
  <c r="N863" i="5" s="1"/>
  <c r="K576" i="2"/>
  <c r="K550" i="5" s="1"/>
  <c r="O550" i="5" s="1"/>
  <c r="K6606" i="2"/>
  <c r="K6580" i="5" s="1"/>
  <c r="L5658" i="2"/>
  <c r="L5632" i="5" s="1"/>
  <c r="K1070" i="2"/>
  <c r="K1044" i="5" s="1"/>
  <c r="O1044" i="5" s="1"/>
  <c r="L1998" i="2"/>
  <c r="L1972" i="5" s="1"/>
  <c r="L7376" i="2"/>
  <c r="L7350" i="5" s="1"/>
  <c r="M3235" i="2"/>
  <c r="M3209" i="5" s="1"/>
  <c r="P3209" i="5" s="1"/>
  <c r="K8491" i="2"/>
  <c r="K8465" i="5" s="1"/>
  <c r="O8465" i="5" s="1"/>
  <c r="J4758" i="2"/>
  <c r="J4732" i="5" s="1"/>
  <c r="N4732" i="5" s="1"/>
  <c r="M5806" i="2"/>
  <c r="M5780" i="5" s="1"/>
  <c r="P5780" i="5" s="1"/>
  <c r="J770" i="2"/>
  <c r="J744" i="5" s="1"/>
  <c r="N744" i="5" s="1"/>
  <c r="L6832" i="2"/>
  <c r="L6806" i="5" s="1"/>
  <c r="K5860" i="2"/>
  <c r="K5834" i="5" s="1"/>
  <c r="L987" i="2"/>
  <c r="L961" i="5" s="1"/>
  <c r="M8278" i="2"/>
  <c r="M8252" i="5" s="1"/>
  <c r="P8252" i="5" s="1"/>
  <c r="L7202" i="2"/>
  <c r="L7176" i="5" s="1"/>
  <c r="I8154" i="2"/>
  <c r="I8128" i="5" s="1"/>
  <c r="M7595" i="2"/>
  <c r="M7569" i="5" s="1"/>
  <c r="P7569" i="5" s="1"/>
  <c r="L6187" i="2"/>
  <c r="L6161" i="5" s="1"/>
  <c r="I6187" i="2"/>
  <c r="I6161" i="5" s="1"/>
  <c r="M6514" i="2"/>
  <c r="M6488" i="5" s="1"/>
  <c r="P6488" i="5" s="1"/>
  <c r="I6514" i="2"/>
  <c r="I6488" i="5" s="1"/>
  <c r="K6514" i="2"/>
  <c r="K6488" i="5" s="1"/>
  <c r="J3081" i="2"/>
  <c r="J3055" i="5" s="1"/>
  <c r="N3055" i="5" s="1"/>
  <c r="K3081" i="2"/>
  <c r="K3055" i="5" s="1"/>
  <c r="O3055" i="5" s="1"/>
  <c r="M3081" i="2"/>
  <c r="M3055" i="5" s="1"/>
  <c r="P3055" i="5" s="1"/>
  <c r="M309" i="2"/>
  <c r="M283" i="5" s="1"/>
  <c r="P283" i="5" s="1"/>
  <c r="I213" i="2"/>
  <c r="I187" i="5" s="1"/>
  <c r="J213" i="2"/>
  <c r="J187" i="5" s="1"/>
  <c r="N187" i="5" s="1"/>
  <c r="K213" i="2"/>
  <c r="K187" i="5" s="1"/>
  <c r="M213" i="2"/>
  <c r="M187" i="5" s="1"/>
  <c r="P187" i="5" s="1"/>
  <c r="J8209" i="2"/>
  <c r="J8183" i="5" s="1"/>
  <c r="N8183" i="5" s="1"/>
  <c r="M204" i="2"/>
  <c r="M178" i="5" s="1"/>
  <c r="P178" i="5" s="1"/>
  <c r="L204" i="2"/>
  <c r="L178" i="5" s="1"/>
  <c r="K204" i="2"/>
  <c r="K178" i="5" s="1"/>
  <c r="I5603" i="2"/>
  <c r="I5577" i="5" s="1"/>
  <c r="K5603" i="2"/>
  <c r="K5577" i="5" s="1"/>
  <c r="O5577" i="5" s="1"/>
  <c r="M5603" i="2"/>
  <c r="M5577" i="5" s="1"/>
  <c r="P5577" i="5" s="1"/>
  <c r="L1492" i="2"/>
  <c r="L1466" i="5" s="1"/>
  <c r="J1492" i="2"/>
  <c r="J1466" i="5" s="1"/>
  <c r="N1466" i="5" s="1"/>
  <c r="K1492" i="2"/>
  <c r="K1466" i="5" s="1"/>
  <c r="L6534" i="2"/>
  <c r="L6508" i="5" s="1"/>
  <c r="I6534" i="2"/>
  <c r="I6508" i="5" s="1"/>
  <c r="J6534" i="2"/>
  <c r="J6508" i="5" s="1"/>
  <c r="N6508" i="5" s="1"/>
  <c r="J3734" i="2"/>
  <c r="J3708" i="5" s="1"/>
  <c r="N3708" i="5" s="1"/>
  <c r="L3273" i="2"/>
  <c r="L3247" i="5" s="1"/>
  <c r="M3273" i="2"/>
  <c r="M3247" i="5" s="1"/>
  <c r="P3247" i="5" s="1"/>
  <c r="L5785" i="2"/>
  <c r="L5759" i="5" s="1"/>
  <c r="K5785" i="2"/>
  <c r="K5759" i="5" s="1"/>
  <c r="I5785" i="2"/>
  <c r="I5759" i="5" s="1"/>
  <c r="M3242" i="2"/>
  <c r="M3216" i="5" s="1"/>
  <c r="P3216" i="5" s="1"/>
  <c r="L3242" i="2"/>
  <c r="L3216" i="5" s="1"/>
  <c r="I3242" i="2"/>
  <c r="I3216" i="5" s="1"/>
  <c r="K3242" i="2"/>
  <c r="K3216" i="5" s="1"/>
  <c r="J3242" i="2"/>
  <c r="J3216" i="5" s="1"/>
  <c r="N3216" i="5" s="1"/>
  <c r="L4337" i="2"/>
  <c r="L4311" i="5" s="1"/>
  <c r="I4337" i="2"/>
  <c r="I4311" i="5" s="1"/>
  <c r="K4337" i="2"/>
  <c r="K4311" i="5" s="1"/>
  <c r="L1461" i="2"/>
  <c r="L1435" i="5" s="1"/>
  <c r="K1461" i="2"/>
  <c r="K1435" i="5" s="1"/>
  <c r="J1461" i="2"/>
  <c r="J1435" i="5" s="1"/>
  <c r="N1435" i="5" s="1"/>
  <c r="L7437" i="2"/>
  <c r="L7411" i="5" s="1"/>
  <c r="K7437" i="2"/>
  <c r="K7411" i="5" s="1"/>
  <c r="J7437" i="2"/>
  <c r="J7411" i="5" s="1"/>
  <c r="N7411" i="5" s="1"/>
  <c r="I7437" i="2"/>
  <c r="I7411" i="5" s="1"/>
  <c r="AR226" i="1"/>
  <c r="J8208" i="2"/>
  <c r="J8182" i="5" s="1"/>
  <c r="N8182" i="5" s="1"/>
  <c r="M8208" i="2"/>
  <c r="M8182" i="5" s="1"/>
  <c r="P8182" i="5" s="1"/>
  <c r="L8208" i="2"/>
  <c r="L8182" i="5" s="1"/>
  <c r="I8208" i="2"/>
  <c r="I8182" i="5" s="1"/>
  <c r="K8208" i="2"/>
  <c r="K8182" i="5" s="1"/>
  <c r="K879" i="2"/>
  <c r="K853" i="5" s="1"/>
  <c r="I879" i="2"/>
  <c r="I853" i="5" s="1"/>
  <c r="J879" i="2"/>
  <c r="J853" i="5" s="1"/>
  <c r="N853" i="5" s="1"/>
  <c r="L879" i="2"/>
  <c r="L853" i="5" s="1"/>
  <c r="M879" i="2"/>
  <c r="M853" i="5" s="1"/>
  <c r="P853" i="5" s="1"/>
  <c r="K4611" i="2"/>
  <c r="K4585" i="5" s="1"/>
  <c r="L4611" i="2"/>
  <c r="L4585" i="5" s="1"/>
  <c r="I4611" i="2"/>
  <c r="I4585" i="5" s="1"/>
  <c r="M4611" i="2"/>
  <c r="M4585" i="5" s="1"/>
  <c r="P4585" i="5" s="1"/>
  <c r="J4611" i="2"/>
  <c r="J4585" i="5" s="1"/>
  <c r="N4585" i="5" s="1"/>
  <c r="M1210" i="2"/>
  <c r="M1184" i="5" s="1"/>
  <c r="P1184" i="5" s="1"/>
  <c r="J1210" i="2"/>
  <c r="J1184" i="5" s="1"/>
  <c r="N1184" i="5" s="1"/>
  <c r="K3751" i="2"/>
  <c r="K3725" i="5" s="1"/>
  <c r="M3751" i="2"/>
  <c r="M3725" i="5" s="1"/>
  <c r="P3725" i="5" s="1"/>
  <c r="J3751" i="2"/>
  <c r="J3725" i="5" s="1"/>
  <c r="N3725" i="5" s="1"/>
  <c r="L3751" i="2"/>
  <c r="L3725" i="5" s="1"/>
  <c r="I3751" i="2"/>
  <c r="I3725" i="5" s="1"/>
  <c r="L6295" i="2"/>
  <c r="L6269" i="5" s="1"/>
  <c r="J6295" i="2"/>
  <c r="J6269" i="5" s="1"/>
  <c r="N6269" i="5" s="1"/>
  <c r="K6295" i="2"/>
  <c r="K6269" i="5" s="1"/>
  <c r="K8210" i="2"/>
  <c r="K8184" i="5" s="1"/>
  <c r="J8210" i="2"/>
  <c r="J8184" i="5" s="1"/>
  <c r="N8184" i="5" s="1"/>
  <c r="M8210" i="2"/>
  <c r="M8184" i="5" s="1"/>
  <c r="P8184" i="5" s="1"/>
  <c r="L8210" i="2"/>
  <c r="L8184" i="5" s="1"/>
  <c r="J8705" i="2"/>
  <c r="J8679" i="5" s="1"/>
  <c r="N8679" i="5" s="1"/>
  <c r="L8705" i="2"/>
  <c r="L8679" i="5" s="1"/>
  <c r="M8705" i="2"/>
  <c r="M8679" i="5" s="1"/>
  <c r="P8679" i="5" s="1"/>
  <c r="K4599" i="2"/>
  <c r="K4573" i="5" s="1"/>
  <c r="M4599" i="2"/>
  <c r="M4573" i="5" s="1"/>
  <c r="P4573" i="5" s="1"/>
  <c r="I4599" i="2"/>
  <c r="I4573" i="5" s="1"/>
  <c r="L4599" i="2"/>
  <c r="L4573" i="5" s="1"/>
  <c r="K7685" i="2"/>
  <c r="K7659" i="5" s="1"/>
  <c r="I7685" i="2"/>
  <c r="I7659" i="5" s="1"/>
  <c r="J7685" i="2"/>
  <c r="J7659" i="5" s="1"/>
  <c r="N7659" i="5" s="1"/>
  <c r="M7685" i="2"/>
  <c r="M7659" i="5" s="1"/>
  <c r="P7659" i="5" s="1"/>
  <c r="L7685" i="2"/>
  <c r="L7659" i="5" s="1"/>
  <c r="I7869" i="2"/>
  <c r="I7843" i="5" s="1"/>
  <c r="L7869" i="2"/>
  <c r="L7843" i="5" s="1"/>
  <c r="J7869" i="2"/>
  <c r="J7843" i="5" s="1"/>
  <c r="N7843" i="5" s="1"/>
  <c r="K3831" i="2"/>
  <c r="K3805" i="5" s="1"/>
  <c r="L3831" i="2"/>
  <c r="L3805" i="5" s="1"/>
  <c r="L7812" i="2"/>
  <c r="L7786" i="5" s="1"/>
  <c r="K7812" i="2"/>
  <c r="K7786" i="5" s="1"/>
  <c r="M7812" i="2"/>
  <c r="M7786" i="5" s="1"/>
  <c r="P7786" i="5" s="1"/>
  <c r="I7812" i="2"/>
  <c r="I7786" i="5" s="1"/>
  <c r="K4325" i="2"/>
  <c r="K4299" i="5" s="1"/>
  <c r="M4325" i="2"/>
  <c r="M4299" i="5" s="1"/>
  <c r="P4299" i="5" s="1"/>
  <c r="J4325" i="2"/>
  <c r="J4299" i="5" s="1"/>
  <c r="N4299" i="5" s="1"/>
  <c r="L4325" i="2"/>
  <c r="L4299" i="5" s="1"/>
  <c r="I4325" i="2"/>
  <c r="I4299" i="5" s="1"/>
  <c r="L3776" i="2"/>
  <c r="L3750" i="5" s="1"/>
  <c r="I3776" i="2"/>
  <c r="I3750" i="5" s="1"/>
  <c r="J3776" i="2"/>
  <c r="J3750" i="5" s="1"/>
  <c r="N3750" i="5" s="1"/>
  <c r="J6262" i="2"/>
  <c r="J6236" i="5" s="1"/>
  <c r="N6236" i="5" s="1"/>
  <c r="I6262" i="2"/>
  <c r="I6236" i="5" s="1"/>
  <c r="L6262" i="2"/>
  <c r="L6236" i="5" s="1"/>
  <c r="K6262" i="2"/>
  <c r="K6236" i="5" s="1"/>
  <c r="J6150" i="2"/>
  <c r="J6124" i="5" s="1"/>
  <c r="N6124" i="5" s="1"/>
  <c r="K6150" i="2"/>
  <c r="K6124" i="5" s="1"/>
  <c r="M7519" i="2"/>
  <c r="M7493" i="5" s="1"/>
  <c r="P7493" i="5" s="1"/>
  <c r="J7519" i="2"/>
  <c r="J7493" i="5" s="1"/>
  <c r="N7493" i="5" s="1"/>
  <c r="K7519" i="2"/>
  <c r="K7493" i="5" s="1"/>
  <c r="O7493" i="5" s="1"/>
  <c r="M2336" i="2"/>
  <c r="M2310" i="5" s="1"/>
  <c r="P2310" i="5" s="1"/>
  <c r="I2336" i="2"/>
  <c r="I2310" i="5" s="1"/>
  <c r="K2336" i="2"/>
  <c r="K2310" i="5" s="1"/>
  <c r="O2310" i="5" s="1"/>
  <c r="L4406" i="2"/>
  <c r="L4380" i="5" s="1"/>
  <c r="K4406" i="2"/>
  <c r="K4380" i="5" s="1"/>
  <c r="L123" i="2"/>
  <c r="L97" i="5" s="1"/>
  <c r="M123" i="2"/>
  <c r="M97" i="5" s="1"/>
  <c r="P97" i="5" s="1"/>
  <c r="J123" i="2"/>
  <c r="J97" i="5" s="1"/>
  <c r="N97" i="5" s="1"/>
  <c r="I123" i="2"/>
  <c r="I97" i="5" s="1"/>
  <c r="K123" i="2"/>
  <c r="K97" i="5" s="1"/>
  <c r="K2984" i="2"/>
  <c r="K2958" i="5" s="1"/>
  <c r="L6759" i="2"/>
  <c r="L6733" i="5" s="1"/>
  <c r="M7711" i="2"/>
  <c r="M7685" i="5" s="1"/>
  <c r="P7685" i="5" s="1"/>
  <c r="I7711" i="2"/>
  <c r="I7685" i="5" s="1"/>
  <c r="J7711" i="2"/>
  <c r="J7685" i="5" s="1"/>
  <c r="N7685" i="5" s="1"/>
  <c r="M5861" i="2"/>
  <c r="M5835" i="5" s="1"/>
  <c r="P5835" i="5" s="1"/>
  <c r="L1793" i="2"/>
  <c r="L1767" i="5" s="1"/>
  <c r="J1410" i="2"/>
  <c r="J1384" i="5" s="1"/>
  <c r="N1384" i="5" s="1"/>
  <c r="I1410" i="2"/>
  <c r="I1384" i="5" s="1"/>
  <c r="M1410" i="2"/>
  <c r="M1384" i="5" s="1"/>
  <c r="P1384" i="5" s="1"/>
  <c r="L1410" i="2"/>
  <c r="L1384" i="5" s="1"/>
  <c r="K1410" i="2"/>
  <c r="K1384" i="5" s="1"/>
  <c r="K3736" i="2"/>
  <c r="K3710" i="5" s="1"/>
  <c r="J585" i="2"/>
  <c r="J559" i="5" s="1"/>
  <c r="N559" i="5" s="1"/>
  <c r="I6593" i="2"/>
  <c r="I6567" i="5" s="1"/>
  <c r="J294" i="2"/>
  <c r="J268" i="5" s="1"/>
  <c r="N268" i="5" s="1"/>
  <c r="M294" i="2"/>
  <c r="M268" i="5" s="1"/>
  <c r="P268" i="5" s="1"/>
  <c r="L294" i="2"/>
  <c r="L268" i="5" s="1"/>
  <c r="K294" i="2"/>
  <c r="K268" i="5" s="1"/>
  <c r="I294" i="2"/>
  <c r="I268" i="5" s="1"/>
  <c r="M8549" i="2"/>
  <c r="M8523" i="5" s="1"/>
  <c r="P8523" i="5" s="1"/>
  <c r="L8549" i="2"/>
  <c r="L8523" i="5" s="1"/>
  <c r="I8549" i="2"/>
  <c r="I8523" i="5" s="1"/>
  <c r="K6014" i="2"/>
  <c r="K5988" i="5" s="1"/>
  <c r="O5988" i="5" s="1"/>
  <c r="J6014" i="2"/>
  <c r="J5988" i="5" s="1"/>
  <c r="N5988" i="5" s="1"/>
  <c r="M6014" i="2"/>
  <c r="M5988" i="5" s="1"/>
  <c r="P5988" i="5" s="1"/>
  <c r="I6014" i="2"/>
  <c r="I5988" i="5" s="1"/>
  <c r="J7273" i="2"/>
  <c r="J7247" i="5" s="1"/>
  <c r="N7247" i="5" s="1"/>
  <c r="M7273" i="2"/>
  <c r="M7247" i="5" s="1"/>
  <c r="P7247" i="5" s="1"/>
  <c r="L7273" i="2"/>
  <c r="L7247" i="5" s="1"/>
  <c r="L2259" i="2"/>
  <c r="L2233" i="5" s="1"/>
  <c r="M2259" i="2"/>
  <c r="M2233" i="5" s="1"/>
  <c r="P2233" i="5" s="1"/>
  <c r="I2259" i="2"/>
  <c r="I2233" i="5" s="1"/>
  <c r="L5316" i="2"/>
  <c r="L5290" i="5" s="1"/>
  <c r="I5316" i="2"/>
  <c r="I5290" i="5" s="1"/>
  <c r="J5316" i="2"/>
  <c r="J5290" i="5" s="1"/>
  <c r="N5290" i="5" s="1"/>
  <c r="K5316" i="2"/>
  <c r="K5290" i="5" s="1"/>
  <c r="J2119" i="2"/>
  <c r="J2093" i="5" s="1"/>
  <c r="N2093" i="5" s="1"/>
  <c r="L2119" i="2"/>
  <c r="L2093" i="5" s="1"/>
  <c r="L2219" i="2"/>
  <c r="L2193" i="5" s="1"/>
  <c r="K2219" i="2"/>
  <c r="K2193" i="5" s="1"/>
  <c r="M2219" i="2"/>
  <c r="M2193" i="5" s="1"/>
  <c r="P2193" i="5" s="1"/>
  <c r="I2219" i="2"/>
  <c r="I2193" i="5" s="1"/>
  <c r="J2219" i="2"/>
  <c r="J2193" i="5" s="1"/>
  <c r="N2193" i="5" s="1"/>
  <c r="K3754" i="2"/>
  <c r="K3728" i="5" s="1"/>
  <c r="O3728" i="5" s="1"/>
  <c r="J3754" i="2"/>
  <c r="J3728" i="5" s="1"/>
  <c r="N3728" i="5" s="1"/>
  <c r="I4622" i="2"/>
  <c r="I4596" i="5" s="1"/>
  <c r="K4622" i="2"/>
  <c r="K4596" i="5" s="1"/>
  <c r="O4596" i="5" s="1"/>
  <c r="L3613" i="2"/>
  <c r="L3587" i="5" s="1"/>
  <c r="L3676" i="2"/>
  <c r="L3650" i="5" s="1"/>
  <c r="M3676" i="2"/>
  <c r="M3650" i="5" s="1"/>
  <c r="P3650" i="5" s="1"/>
  <c r="I3676" i="2"/>
  <c r="I3650" i="5" s="1"/>
  <c r="K2567" i="2"/>
  <c r="K2541" i="5" s="1"/>
  <c r="M2567" i="2"/>
  <c r="M2541" i="5" s="1"/>
  <c r="P2541" i="5" s="1"/>
  <c r="L2567" i="2"/>
  <c r="L2541" i="5" s="1"/>
  <c r="J2567" i="2"/>
  <c r="J2541" i="5" s="1"/>
  <c r="N2541" i="5" s="1"/>
  <c r="J2890" i="2"/>
  <c r="J2864" i="5" s="1"/>
  <c r="N2864" i="5" s="1"/>
  <c r="K2890" i="2"/>
  <c r="K2864" i="5" s="1"/>
  <c r="M4969" i="2"/>
  <c r="M4943" i="5" s="1"/>
  <c r="P4943" i="5" s="1"/>
  <c r="K4969" i="2"/>
  <c r="K4943" i="5" s="1"/>
  <c r="L4969" i="2"/>
  <c r="L4943" i="5" s="1"/>
  <c r="I4969" i="2"/>
  <c r="I4943" i="5" s="1"/>
  <c r="J4969" i="2"/>
  <c r="J4943" i="5" s="1"/>
  <c r="N4943" i="5" s="1"/>
  <c r="L8476" i="2"/>
  <c r="L8450" i="5" s="1"/>
  <c r="I8476" i="2"/>
  <c r="I8450" i="5" s="1"/>
  <c r="K8476" i="2"/>
  <c r="K8450" i="5" s="1"/>
  <c r="J8476" i="2"/>
  <c r="J8450" i="5" s="1"/>
  <c r="N8450" i="5" s="1"/>
  <c r="J6805" i="2"/>
  <c r="J6779" i="5" s="1"/>
  <c r="N6779" i="5" s="1"/>
  <c r="L6805" i="2"/>
  <c r="L6779" i="5" s="1"/>
  <c r="M6805" i="2"/>
  <c r="M6779" i="5" s="1"/>
  <c r="P6779" i="5" s="1"/>
  <c r="I6805" i="2"/>
  <c r="I6779" i="5" s="1"/>
  <c r="K6805" i="2"/>
  <c r="K6779" i="5" s="1"/>
  <c r="J5754" i="2"/>
  <c r="J5728" i="5" s="1"/>
  <c r="N5728" i="5" s="1"/>
  <c r="L5754" i="2"/>
  <c r="L5728" i="5" s="1"/>
  <c r="I5754" i="2"/>
  <c r="I5728" i="5" s="1"/>
  <c r="K5754" i="2"/>
  <c r="K5728" i="5" s="1"/>
  <c r="M5754" i="2"/>
  <c r="M5728" i="5" s="1"/>
  <c r="P5728" i="5" s="1"/>
  <c r="L306" i="2"/>
  <c r="L280" i="5" s="1"/>
  <c r="I289" i="2"/>
  <c r="I263" i="5" s="1"/>
  <c r="K289" i="2"/>
  <c r="K263" i="5" s="1"/>
  <c r="O263" i="5" s="1"/>
  <c r="L2463" i="2"/>
  <c r="L2437" i="5" s="1"/>
  <c r="J2463" i="2"/>
  <c r="J2437" i="5" s="1"/>
  <c r="N2437" i="5" s="1"/>
  <c r="M2463" i="2"/>
  <c r="M2437" i="5" s="1"/>
  <c r="P2437" i="5" s="1"/>
  <c r="K2463" i="2"/>
  <c r="K2437" i="5" s="1"/>
  <c r="J6442" i="2"/>
  <c r="J6416" i="5" s="1"/>
  <c r="N6416" i="5" s="1"/>
  <c r="M8607" i="2"/>
  <c r="M8581" i="5" s="1"/>
  <c r="P8581" i="5" s="1"/>
  <c r="I8607" i="2"/>
  <c r="I8581" i="5" s="1"/>
  <c r="K8607" i="2"/>
  <c r="K8581" i="5" s="1"/>
  <c r="L8607" i="2"/>
  <c r="L8581" i="5" s="1"/>
  <c r="J8607" i="2"/>
  <c r="J8581" i="5" s="1"/>
  <c r="N8581" i="5" s="1"/>
  <c r="J2467" i="2"/>
  <c r="J2441" i="5" s="1"/>
  <c r="N2441" i="5" s="1"/>
  <c r="M2467" i="2"/>
  <c r="M2441" i="5" s="1"/>
  <c r="P2441" i="5" s="1"/>
  <c r="L2467" i="2"/>
  <c r="L2441" i="5" s="1"/>
  <c r="M7951" i="2"/>
  <c r="M7925" i="5" s="1"/>
  <c r="P7925" i="5" s="1"/>
  <c r="L7951" i="2"/>
  <c r="L7925" i="5" s="1"/>
  <c r="K7951" i="2"/>
  <c r="K7925" i="5" s="1"/>
  <c r="J3746" i="2"/>
  <c r="J3720" i="5" s="1"/>
  <c r="N3720" i="5" s="1"/>
  <c r="J245" i="2"/>
  <c r="J219" i="5" s="1"/>
  <c r="N219" i="5" s="1"/>
  <c r="J5159" i="2"/>
  <c r="J5133" i="5" s="1"/>
  <c r="N5133" i="5" s="1"/>
  <c r="K5968" i="2"/>
  <c r="K5942" i="5" s="1"/>
  <c r="O5942" i="5" s="1"/>
  <c r="I1492" i="2"/>
  <c r="I1466" i="5" s="1"/>
  <c r="K3234" i="2"/>
  <c r="K3208" i="5" s="1"/>
  <c r="K4667" i="2"/>
  <c r="K4641" i="5" s="1"/>
  <c r="O4641" i="5" s="1"/>
  <c r="M3613" i="2"/>
  <c r="M3587" i="5" s="1"/>
  <c r="P3587" i="5" s="1"/>
  <c r="J289" i="2"/>
  <c r="J263" i="5" s="1"/>
  <c r="N263" i="5" s="1"/>
  <c r="K7869" i="2"/>
  <c r="K7843" i="5" s="1"/>
  <c r="K8372" i="2"/>
  <c r="K8346" i="5" s="1"/>
  <c r="J8372" i="2"/>
  <c r="J8346" i="5" s="1"/>
  <c r="N8346" i="5" s="1"/>
  <c r="L8372" i="2"/>
  <c r="L8346" i="5" s="1"/>
  <c r="M8372" i="2"/>
  <c r="M8346" i="5" s="1"/>
  <c r="P8346" i="5" s="1"/>
  <c r="I8372" i="2"/>
  <c r="I8346" i="5" s="1"/>
  <c r="I1240" i="2"/>
  <c r="I1214" i="5" s="1"/>
  <c r="M1240" i="2"/>
  <c r="M1214" i="5" s="1"/>
  <c r="P1214" i="5" s="1"/>
  <c r="L1240" i="2"/>
  <c r="L1214" i="5" s="1"/>
  <c r="K467" i="2"/>
  <c r="K441" i="5" s="1"/>
  <c r="L467" i="2"/>
  <c r="L441" i="5" s="1"/>
  <c r="M467" i="2"/>
  <c r="M441" i="5" s="1"/>
  <c r="P441" i="5" s="1"/>
  <c r="I467" i="2"/>
  <c r="I441" i="5" s="1"/>
  <c r="K3481" i="2"/>
  <c r="K3455" i="5" s="1"/>
  <c r="L3481" i="2"/>
  <c r="L3455" i="5" s="1"/>
  <c r="I3996" i="2"/>
  <c r="I3970" i="5" s="1"/>
  <c r="K3996" i="2"/>
  <c r="K3970" i="5" s="1"/>
  <c r="J3996" i="2"/>
  <c r="J3970" i="5" s="1"/>
  <c r="N3970" i="5" s="1"/>
  <c r="L3996" i="2"/>
  <c r="L3970" i="5" s="1"/>
  <c r="K6822" i="2"/>
  <c r="K6796" i="5" s="1"/>
  <c r="L6822" i="2"/>
  <c r="L6796" i="5" s="1"/>
  <c r="J1898" i="2"/>
  <c r="J1872" i="5" s="1"/>
  <c r="N1872" i="5" s="1"/>
  <c r="L1898" i="2"/>
  <c r="L1872" i="5" s="1"/>
  <c r="I1898" i="2"/>
  <c r="I1872" i="5" s="1"/>
  <c r="M1898" i="2"/>
  <c r="M1872" i="5" s="1"/>
  <c r="P1872" i="5" s="1"/>
  <c r="K1898" i="2"/>
  <c r="K1872" i="5" s="1"/>
  <c r="M5255" i="2"/>
  <c r="M5229" i="5" s="1"/>
  <c r="P5229" i="5" s="1"/>
  <c r="J5255" i="2"/>
  <c r="J5229" i="5" s="1"/>
  <c r="N5229" i="5" s="1"/>
  <c r="L5255" i="2"/>
  <c r="L5229" i="5" s="1"/>
  <c r="I5255" i="2"/>
  <c r="I5229" i="5" s="1"/>
  <c r="K5255" i="2"/>
  <c r="K5229" i="5" s="1"/>
  <c r="J8173" i="2"/>
  <c r="J8147" i="5" s="1"/>
  <c r="N8147" i="5" s="1"/>
  <c r="K8173" i="2"/>
  <c r="K8147" i="5" s="1"/>
  <c r="O8147" i="5" s="1"/>
  <c r="M8173" i="2"/>
  <c r="M8147" i="5" s="1"/>
  <c r="P8147" i="5" s="1"/>
  <c r="I8173" i="2"/>
  <c r="I8147" i="5" s="1"/>
  <c r="I4508" i="2"/>
  <c r="I4482" i="5" s="1"/>
  <c r="K4508" i="2"/>
  <c r="K4482" i="5" s="1"/>
  <c r="J4508" i="2"/>
  <c r="J4482" i="5" s="1"/>
  <c r="N4482" i="5" s="1"/>
  <c r="M4508" i="2"/>
  <c r="M4482" i="5" s="1"/>
  <c r="P4482" i="5" s="1"/>
  <c r="K7709" i="2"/>
  <c r="K7683" i="5" s="1"/>
  <c r="M7709" i="2"/>
  <c r="M7683" i="5" s="1"/>
  <c r="P7683" i="5" s="1"/>
  <c r="L7821" i="2"/>
  <c r="L7795" i="5" s="1"/>
  <c r="I3062" i="2"/>
  <c r="I3036" i="5" s="1"/>
  <c r="M5158" i="2"/>
  <c r="M5132" i="5" s="1"/>
  <c r="P5132" i="5" s="1"/>
  <c r="J2739" i="2"/>
  <c r="J2713" i="5" s="1"/>
  <c r="N2713" i="5" s="1"/>
  <c r="M2908" i="2"/>
  <c r="M2882" i="5" s="1"/>
  <c r="P2882" i="5" s="1"/>
  <c r="J2064" i="2"/>
  <c r="J2038" i="5" s="1"/>
  <c r="N2038" i="5" s="1"/>
  <c r="I3234" i="2"/>
  <c r="I3208" i="5" s="1"/>
  <c r="I4667" i="2"/>
  <c r="I4641" i="5" s="1"/>
  <c r="M289" i="2"/>
  <c r="M263" i="5" s="1"/>
  <c r="P263" i="5" s="1"/>
  <c r="J3676" i="2"/>
  <c r="J3650" i="5" s="1"/>
  <c r="N3650" i="5" s="1"/>
  <c r="K7461" i="2"/>
  <c r="K7435" i="5" s="1"/>
  <c r="L7461" i="2"/>
  <c r="L7435" i="5" s="1"/>
  <c r="I7461" i="2"/>
  <c r="I7435" i="5" s="1"/>
  <c r="M4972" i="2"/>
  <c r="M4946" i="5" s="1"/>
  <c r="P4946" i="5" s="1"/>
  <c r="I4972" i="2"/>
  <c r="I4946" i="5" s="1"/>
  <c r="K4972" i="2"/>
  <c r="K4946" i="5" s="1"/>
  <c r="L4972" i="2"/>
  <c r="L4946" i="5" s="1"/>
  <c r="J4972" i="2"/>
  <c r="J4946" i="5" s="1"/>
  <c r="N4946" i="5" s="1"/>
  <c r="K5325" i="2"/>
  <c r="K5299" i="5" s="1"/>
  <c r="J5325" i="2"/>
  <c r="J5299" i="5" s="1"/>
  <c r="N5299" i="5" s="1"/>
  <c r="M5325" i="2"/>
  <c r="M5299" i="5" s="1"/>
  <c r="P5299" i="5" s="1"/>
  <c r="L5325" i="2"/>
  <c r="L5299" i="5" s="1"/>
  <c r="M777" i="2"/>
  <c r="M751" i="5" s="1"/>
  <c r="P751" i="5" s="1"/>
  <c r="I777" i="2"/>
  <c r="I751" i="5" s="1"/>
  <c r="K777" i="2"/>
  <c r="K751" i="5" s="1"/>
  <c r="O751" i="5" s="1"/>
  <c r="M2931" i="2"/>
  <c r="M2905" i="5" s="1"/>
  <c r="P2905" i="5" s="1"/>
  <c r="L2931" i="2"/>
  <c r="L2905" i="5" s="1"/>
  <c r="I2931" i="2"/>
  <c r="I2905" i="5" s="1"/>
  <c r="K2931" i="2"/>
  <c r="K2905" i="5" s="1"/>
  <c r="J2931" i="2"/>
  <c r="J2905" i="5" s="1"/>
  <c r="N2905" i="5" s="1"/>
  <c r="J7632" i="2"/>
  <c r="J7606" i="5" s="1"/>
  <c r="N7606" i="5" s="1"/>
  <c r="K7632" i="2"/>
  <c r="K7606" i="5" s="1"/>
  <c r="O7606" i="5" s="1"/>
  <c r="M7632" i="2"/>
  <c r="M7606" i="5" s="1"/>
  <c r="P7606" i="5" s="1"/>
  <c r="I7632" i="2"/>
  <c r="I7606" i="5" s="1"/>
  <c r="I2391" i="2"/>
  <c r="I2365" i="5" s="1"/>
  <c r="K2391" i="2"/>
  <c r="K2365" i="5" s="1"/>
  <c r="J2391" i="2"/>
  <c r="J2365" i="5" s="1"/>
  <c r="N2365" i="5" s="1"/>
  <c r="I2739" i="2"/>
  <c r="I2713" i="5" s="1"/>
  <c r="J2908" i="2"/>
  <c r="J2882" i="5" s="1"/>
  <c r="N2882" i="5" s="1"/>
  <c r="L2064" i="2"/>
  <c r="L2038" i="5" s="1"/>
  <c r="I1210" i="2"/>
  <c r="I1184" i="5" s="1"/>
  <c r="I6271" i="2"/>
  <c r="I6245" i="5" s="1"/>
  <c r="K3975" i="2"/>
  <c r="K3949" i="5" s="1"/>
  <c r="O3949" i="5" s="1"/>
  <c r="J3062" i="2"/>
  <c r="J3036" i="5" s="1"/>
  <c r="N3036" i="5" s="1"/>
  <c r="M7538" i="2"/>
  <c r="M7512" i="5" s="1"/>
  <c r="P7512" i="5" s="1"/>
  <c r="L2739" i="2"/>
  <c r="L2713" i="5" s="1"/>
  <c r="L2908" i="2"/>
  <c r="L2882" i="5" s="1"/>
  <c r="L1210" i="2"/>
  <c r="L1184" i="5" s="1"/>
  <c r="L213" i="2"/>
  <c r="L187" i="5" s="1"/>
  <c r="I1630" i="2"/>
  <c r="I1604" i="5" s="1"/>
  <c r="L6271" i="2"/>
  <c r="L6245" i="5" s="1"/>
  <c r="I3975" i="2"/>
  <c r="I3949" i="5" s="1"/>
  <c r="J2554" i="2"/>
  <c r="J2528" i="5" s="1"/>
  <c r="N2528" i="5" s="1"/>
  <c r="L7538" i="2"/>
  <c r="L7512" i="5" s="1"/>
  <c r="L6514" i="2"/>
  <c r="L6488" i="5" s="1"/>
  <c r="I2984" i="2"/>
  <c r="I2958" i="5" s="1"/>
  <c r="J6187" i="2"/>
  <c r="J6161" i="5" s="1"/>
  <c r="N6161" i="5" s="1"/>
  <c r="M3831" i="2"/>
  <c r="M3805" i="5" s="1"/>
  <c r="P3805" i="5" s="1"/>
  <c r="M3996" i="2"/>
  <c r="M3970" i="5" s="1"/>
  <c r="P3970" i="5" s="1"/>
  <c r="J6514" i="2"/>
  <c r="J6488" i="5" s="1"/>
  <c r="N6488" i="5" s="1"/>
  <c r="M2984" i="2"/>
  <c r="M2958" i="5" s="1"/>
  <c r="P2958" i="5" s="1"/>
  <c r="L2890" i="2"/>
  <c r="L2864" i="5" s="1"/>
  <c r="K7499" i="2"/>
  <c r="K7473" i="5" s="1"/>
  <c r="M7461" i="2"/>
  <c r="M7435" i="5" s="1"/>
  <c r="P7435" i="5" s="1"/>
  <c r="K6187" i="2"/>
  <c r="K6161" i="5" s="1"/>
  <c r="I4623" i="2"/>
  <c r="I4597" i="5" s="1"/>
  <c r="K4623" i="2"/>
  <c r="K4597" i="5" s="1"/>
  <c r="M4623" i="2"/>
  <c r="M4597" i="5" s="1"/>
  <c r="P4597" i="5" s="1"/>
  <c r="L4623" i="2"/>
  <c r="L4597" i="5" s="1"/>
  <c r="I6705" i="2"/>
  <c r="I6679" i="5" s="1"/>
  <c r="K6705" i="2"/>
  <c r="K6679" i="5" s="1"/>
  <c r="M6852" i="2"/>
  <c r="M6826" i="5" s="1"/>
  <c r="P6826" i="5" s="1"/>
  <c r="J6852" i="2"/>
  <c r="J6826" i="5" s="1"/>
  <c r="N6826" i="5" s="1"/>
  <c r="K6852" i="2"/>
  <c r="K6826" i="5" s="1"/>
  <c r="L6852" i="2"/>
  <c r="L6826" i="5" s="1"/>
  <c r="I8286" i="2"/>
  <c r="I8260" i="5" s="1"/>
  <c r="L8286" i="2"/>
  <c r="L8260" i="5" s="1"/>
  <c r="K8286" i="2"/>
  <c r="K8260" i="5" s="1"/>
  <c r="J8286" i="2"/>
  <c r="J8260" i="5" s="1"/>
  <c r="N8260" i="5" s="1"/>
  <c r="L8288" i="2"/>
  <c r="L8262" i="5" s="1"/>
  <c r="J8288" i="2"/>
  <c r="J8262" i="5" s="1"/>
  <c r="N8262" i="5" s="1"/>
  <c r="J6860" i="2"/>
  <c r="J6834" i="5" s="1"/>
  <c r="N6834" i="5" s="1"/>
  <c r="I6860" i="2"/>
  <c r="I6834" i="5" s="1"/>
  <c r="M6860" i="2"/>
  <c r="M6834" i="5" s="1"/>
  <c r="P6834" i="5" s="1"/>
  <c r="K6860" i="2"/>
  <c r="K6834" i="5" s="1"/>
  <c r="O6834" i="5" s="1"/>
  <c r="M7881" i="2"/>
  <c r="M7855" i="5" s="1"/>
  <c r="P7855" i="5" s="1"/>
  <c r="I7881" i="2"/>
  <c r="I7855" i="5" s="1"/>
  <c r="J7881" i="2"/>
  <c r="J7855" i="5" s="1"/>
  <c r="N7855" i="5" s="1"/>
  <c r="K7881" i="2"/>
  <c r="K7855" i="5" s="1"/>
  <c r="L7881" i="2"/>
  <c r="L7855" i="5" s="1"/>
  <c r="J8267" i="2"/>
  <c r="J8241" i="5" s="1"/>
  <c r="N8241" i="5" s="1"/>
  <c r="L8267" i="2"/>
  <c r="L8241" i="5" s="1"/>
  <c r="I8267" i="2"/>
  <c r="I8241" i="5" s="1"/>
  <c r="K8267" i="2"/>
  <c r="K8241" i="5" s="1"/>
  <c r="J3248" i="2"/>
  <c r="J3222" i="5" s="1"/>
  <c r="N3222" i="5" s="1"/>
  <c r="M3248" i="2"/>
  <c r="M3222" i="5" s="1"/>
  <c r="P3222" i="5" s="1"/>
  <c r="J3793" i="2"/>
  <c r="J3767" i="5" s="1"/>
  <c r="N3767" i="5" s="1"/>
  <c r="M5170" i="2"/>
  <c r="M5144" i="5" s="1"/>
  <c r="P5144" i="5" s="1"/>
  <c r="L5170" i="2"/>
  <c r="L5144" i="5" s="1"/>
  <c r="I5170" i="2"/>
  <c r="I5144" i="5" s="1"/>
  <c r="J5170" i="2"/>
  <c r="J5144" i="5" s="1"/>
  <c r="N5144" i="5" s="1"/>
  <c r="K5170" i="2"/>
  <c r="K5144" i="5" s="1"/>
  <c r="J1960" i="2"/>
  <c r="J1934" i="5" s="1"/>
  <c r="N1934" i="5" s="1"/>
  <c r="L1960" i="2"/>
  <c r="L1934" i="5" s="1"/>
  <c r="J2672" i="2"/>
  <c r="J2646" i="5" s="1"/>
  <c r="N2646" i="5" s="1"/>
  <c r="I4427" i="2"/>
  <c r="I4401" i="5" s="1"/>
  <c r="L4427" i="2"/>
  <c r="L4401" i="5" s="1"/>
  <c r="K2079" i="2"/>
  <c r="K2053" i="5" s="1"/>
  <c r="O2053" i="5" s="1"/>
  <c r="M2079" i="2"/>
  <c r="M2053" i="5" s="1"/>
  <c r="P2053" i="5" s="1"/>
  <c r="I773" i="2"/>
  <c r="I747" i="5" s="1"/>
  <c r="K773" i="2"/>
  <c r="K747" i="5" s="1"/>
  <c r="O747" i="5" s="1"/>
  <c r="J773" i="2"/>
  <c r="J747" i="5" s="1"/>
  <c r="N747" i="5" s="1"/>
  <c r="L7092" i="2"/>
  <c r="L7066" i="5" s="1"/>
  <c r="M7092" i="2"/>
  <c r="M7066" i="5" s="1"/>
  <c r="P7066" i="5" s="1"/>
  <c r="I7092" i="2"/>
  <c r="I7066" i="5" s="1"/>
  <c r="K7092" i="2"/>
  <c r="K7066" i="5" s="1"/>
  <c r="L7851" i="2"/>
  <c r="L7825" i="5" s="1"/>
  <c r="I7851" i="2"/>
  <c r="I7825" i="5" s="1"/>
  <c r="J7851" i="2"/>
  <c r="J7825" i="5" s="1"/>
  <c r="N7825" i="5" s="1"/>
  <c r="L3403" i="2"/>
  <c r="L3377" i="5" s="1"/>
  <c r="M3403" i="2"/>
  <c r="M3377" i="5" s="1"/>
  <c r="P3377" i="5" s="1"/>
  <c r="J3403" i="2"/>
  <c r="J3377" i="5" s="1"/>
  <c r="N3377" i="5" s="1"/>
  <c r="J125" i="2"/>
  <c r="J99" i="5" s="1"/>
  <c r="N99" i="5" s="1"/>
  <c r="M125" i="2"/>
  <c r="M99" i="5" s="1"/>
  <c r="P99" i="5" s="1"/>
  <c r="L125" i="2"/>
  <c r="L99" i="5" s="1"/>
  <c r="I125" i="2"/>
  <c r="I99" i="5" s="1"/>
  <c r="K125" i="2"/>
  <c r="K99" i="5" s="1"/>
  <c r="I8443" i="2"/>
  <c r="I8417" i="5" s="1"/>
  <c r="L8443" i="2"/>
  <c r="L8417" i="5" s="1"/>
  <c r="M4296" i="2"/>
  <c r="M4270" i="5" s="1"/>
  <c r="P4270" i="5" s="1"/>
  <c r="L4296" i="2"/>
  <c r="L4270" i="5" s="1"/>
  <c r="I4296" i="2"/>
  <c r="I4270" i="5" s="1"/>
  <c r="K4296" i="2"/>
  <c r="K4270" i="5" s="1"/>
  <c r="G171" i="5"/>
  <c r="AR165" i="1"/>
  <c r="K3592" i="2"/>
  <c r="K3566" i="5" s="1"/>
  <c r="L3592" i="2"/>
  <c r="L3566" i="5" s="1"/>
  <c r="I3592" i="2"/>
  <c r="I3566" i="5" s="1"/>
  <c r="J3592" i="2"/>
  <c r="J3566" i="5" s="1"/>
  <c r="N3566" i="5" s="1"/>
  <c r="I7447" i="2"/>
  <c r="I7421" i="5" s="1"/>
  <c r="K7447" i="2"/>
  <c r="K7421" i="5" s="1"/>
  <c r="L7447" i="2"/>
  <c r="L7421" i="5" s="1"/>
  <c r="M7447" i="2"/>
  <c r="M7421" i="5" s="1"/>
  <c r="P7421" i="5" s="1"/>
  <c r="L8123" i="2"/>
  <c r="L8097" i="5" s="1"/>
  <c r="J8123" i="2"/>
  <c r="J8097" i="5" s="1"/>
  <c r="N8097" i="5" s="1"/>
  <c r="M8123" i="2"/>
  <c r="M8097" i="5" s="1"/>
  <c r="P8097" i="5" s="1"/>
  <c r="K384" i="2"/>
  <c r="K358" i="5" s="1"/>
  <c r="M384" i="2"/>
  <c r="M358" i="5" s="1"/>
  <c r="P358" i="5" s="1"/>
  <c r="M2935" i="2"/>
  <c r="M2909" i="5" s="1"/>
  <c r="P2909" i="5" s="1"/>
  <c r="I2935" i="2"/>
  <c r="I2909" i="5" s="1"/>
  <c r="M6349" i="2"/>
  <c r="M6323" i="5" s="1"/>
  <c r="P6323" i="5" s="1"/>
  <c r="K6349" i="2"/>
  <c r="K6323" i="5" s="1"/>
  <c r="I6349" i="2"/>
  <c r="I6323" i="5" s="1"/>
  <c r="F101" i="5"/>
  <c r="AR95" i="1"/>
  <c r="J2626" i="2"/>
  <c r="J2600" i="5" s="1"/>
  <c r="N2600" i="5" s="1"/>
  <c r="I2626" i="2"/>
  <c r="I2600" i="5" s="1"/>
  <c r="K2626" i="2"/>
  <c r="K2600" i="5" s="1"/>
  <c r="M7164" i="2"/>
  <c r="M7138" i="5" s="1"/>
  <c r="P7138" i="5" s="1"/>
  <c r="I7164" i="2"/>
  <c r="I7138" i="5" s="1"/>
  <c r="K7164" i="2"/>
  <c r="K7138" i="5" s="1"/>
  <c r="J7164" i="2"/>
  <c r="J7138" i="5" s="1"/>
  <c r="N7138" i="5" s="1"/>
  <c r="L7164" i="2"/>
  <c r="L7138" i="5" s="1"/>
  <c r="J1415" i="2"/>
  <c r="J1389" i="5" s="1"/>
  <c r="N1389" i="5" s="1"/>
  <c r="I1415" i="2"/>
  <c r="I1389" i="5" s="1"/>
  <c r="K1415" i="2"/>
  <c r="K1389" i="5" s="1"/>
  <c r="M1415" i="2"/>
  <c r="M1389" i="5" s="1"/>
  <c r="P1389" i="5" s="1"/>
  <c r="J421" i="2"/>
  <c r="J395" i="5" s="1"/>
  <c r="N395" i="5" s="1"/>
  <c r="L421" i="2"/>
  <c r="L395" i="5" s="1"/>
  <c r="I7338" i="2"/>
  <c r="I7312" i="5" s="1"/>
  <c r="L7338" i="2"/>
  <c r="L7312" i="5" s="1"/>
  <c r="M7338" i="2"/>
  <c r="M7312" i="5" s="1"/>
  <c r="P7312" i="5" s="1"/>
  <c r="J7338" i="2"/>
  <c r="J7312" i="5" s="1"/>
  <c r="N7312" i="5" s="1"/>
  <c r="K7338" i="2"/>
  <c r="K7312" i="5" s="1"/>
  <c r="L7506" i="2"/>
  <c r="L7480" i="5" s="1"/>
  <c r="M7506" i="2"/>
  <c r="M7480" i="5" s="1"/>
  <c r="P7480" i="5" s="1"/>
  <c r="I7506" i="2"/>
  <c r="I7480" i="5" s="1"/>
  <c r="K7506" i="2"/>
  <c r="K7480" i="5" s="1"/>
  <c r="J7499" i="2"/>
  <c r="J7473" i="5" s="1"/>
  <c r="N7473" i="5" s="1"/>
  <c r="L7499" i="2"/>
  <c r="L7473" i="5" s="1"/>
  <c r="M7499" i="2"/>
  <c r="M7473" i="5" s="1"/>
  <c r="P7473" i="5" s="1"/>
  <c r="J2079" i="2"/>
  <c r="J2053" i="5" s="1"/>
  <c r="N2053" i="5" s="1"/>
  <c r="L2935" i="2"/>
  <c r="L2909" i="5" s="1"/>
  <c r="M2672" i="2"/>
  <c r="M2646" i="5" s="1"/>
  <c r="P2646" i="5" s="1"/>
  <c r="J3510" i="2"/>
  <c r="J3484" i="5" s="1"/>
  <c r="N3484" i="5" s="1"/>
  <c r="I6852" i="2"/>
  <c r="I6826" i="5" s="1"/>
  <c r="K8123" i="2"/>
  <c r="K8097" i="5" s="1"/>
  <c r="M7851" i="2"/>
  <c r="M7825" i="5" s="1"/>
  <c r="P7825" i="5" s="1"/>
  <c r="K5078" i="2"/>
  <c r="K5052" i="5" s="1"/>
  <c r="K2672" i="2"/>
  <c r="K2646" i="5" s="1"/>
  <c r="O2646" i="5" s="1"/>
  <c r="L3510" i="2"/>
  <c r="L3484" i="5" s="1"/>
  <c r="K7851" i="2"/>
  <c r="K7825" i="5" s="1"/>
  <c r="L5078" i="2"/>
  <c r="L5052" i="5" s="1"/>
  <c r="I2672" i="2"/>
  <c r="I2646" i="5" s="1"/>
  <c r="K3403" i="2"/>
  <c r="K3377" i="5" s="1"/>
  <c r="L6950" i="2"/>
  <c r="L6924" i="5" s="1"/>
  <c r="M6950" i="2"/>
  <c r="M6924" i="5" s="1"/>
  <c r="P6924" i="5" s="1"/>
  <c r="K6950" i="2"/>
  <c r="K6924" i="5" s="1"/>
  <c r="I6950" i="2"/>
  <c r="I6924" i="5" s="1"/>
  <c r="J6950" i="2"/>
  <c r="J6924" i="5" s="1"/>
  <c r="N6924" i="5" s="1"/>
  <c r="K5148" i="2"/>
  <c r="K5122" i="5" s="1"/>
  <c r="M5148" i="2"/>
  <c r="M5122" i="5" s="1"/>
  <c r="P5122" i="5" s="1"/>
  <c r="J5148" i="2"/>
  <c r="J5122" i="5" s="1"/>
  <c r="N5122" i="5" s="1"/>
  <c r="L1427" i="2"/>
  <c r="L1401" i="5" s="1"/>
  <c r="J1427" i="2"/>
  <c r="J1401" i="5" s="1"/>
  <c r="N1401" i="5" s="1"/>
  <c r="M1427" i="2"/>
  <c r="M1401" i="5" s="1"/>
  <c r="P1401" i="5" s="1"/>
  <c r="J7199" i="2"/>
  <c r="J7173" i="5" s="1"/>
  <c r="N7173" i="5" s="1"/>
  <c r="M7199" i="2"/>
  <c r="M7173" i="5" s="1"/>
  <c r="P7173" i="5" s="1"/>
  <c r="J4619" i="2"/>
  <c r="J4593" i="5" s="1"/>
  <c r="N4593" i="5" s="1"/>
  <c r="M4619" i="2"/>
  <c r="M4593" i="5" s="1"/>
  <c r="P4593" i="5" s="1"/>
  <c r="I7192" i="2"/>
  <c r="I7166" i="5" s="1"/>
  <c r="K7192" i="2"/>
  <c r="K7166" i="5" s="1"/>
  <c r="J7192" i="2"/>
  <c r="J7166" i="5" s="1"/>
  <c r="N7166" i="5" s="1"/>
  <c r="L483" i="2"/>
  <c r="L457" i="5" s="1"/>
  <c r="J929" i="2"/>
  <c r="J903" i="5" s="1"/>
  <c r="N903" i="5" s="1"/>
  <c r="K308" i="2"/>
  <c r="K282" i="5" s="1"/>
  <c r="O282" i="5" s="1"/>
  <c r="J3650" i="2"/>
  <c r="J3624" i="5" s="1"/>
  <c r="N3624" i="5" s="1"/>
  <c r="L3650" i="2"/>
  <c r="L3624" i="5" s="1"/>
  <c r="K7208" i="2"/>
  <c r="K7182" i="5" s="1"/>
  <c r="O7182" i="5" s="1"/>
  <c r="K3936" i="2"/>
  <c r="K3910" i="5" s="1"/>
  <c r="J3936" i="2"/>
  <c r="J3910" i="5" s="1"/>
  <c r="N3910" i="5" s="1"/>
  <c r="M3936" i="2"/>
  <c r="M3910" i="5" s="1"/>
  <c r="P3910" i="5" s="1"/>
  <c r="L3936" i="2"/>
  <c r="L3910" i="5" s="1"/>
  <c r="I3936" i="2"/>
  <c r="I3910" i="5" s="1"/>
  <c r="I7633" i="2"/>
  <c r="I7607" i="5" s="1"/>
  <c r="M7633" i="2"/>
  <c r="M7607" i="5" s="1"/>
  <c r="P7607" i="5" s="1"/>
  <c r="I7982" i="2"/>
  <c r="I7956" i="5" s="1"/>
  <c r="K4946" i="2"/>
  <c r="K4920" i="5" s="1"/>
  <c r="J4946" i="2"/>
  <c r="J4920" i="5" s="1"/>
  <c r="N4920" i="5" s="1"/>
  <c r="L4946" i="2"/>
  <c r="L4920" i="5" s="1"/>
  <c r="J3631" i="2"/>
  <c r="J3605" i="5" s="1"/>
  <c r="N3605" i="5" s="1"/>
  <c r="K3631" i="2"/>
  <c r="K3605" i="5" s="1"/>
  <c r="M3631" i="2"/>
  <c r="M3605" i="5" s="1"/>
  <c r="P3605" i="5" s="1"/>
  <c r="L3631" i="2"/>
  <c r="L3605" i="5" s="1"/>
  <c r="L1575" i="2"/>
  <c r="L1549" i="5" s="1"/>
  <c r="J1575" i="2"/>
  <c r="J1549" i="5" s="1"/>
  <c r="N1549" i="5" s="1"/>
  <c r="K1575" i="2"/>
  <c r="K1549" i="5" s="1"/>
  <c r="M1575" i="2"/>
  <c r="M1549" i="5" s="1"/>
  <c r="P1549" i="5" s="1"/>
  <c r="I1575" i="2"/>
  <c r="I1549" i="5" s="1"/>
  <c r="L6435" i="2"/>
  <c r="L6409" i="5" s="1"/>
  <c r="F142" i="5"/>
  <c r="AR136" i="1"/>
  <c r="L5937" i="2"/>
  <c r="L5911" i="5" s="1"/>
  <c r="I5937" i="2"/>
  <c r="I5911" i="5" s="1"/>
  <c r="M5937" i="2"/>
  <c r="M5911" i="5" s="1"/>
  <c r="P5911" i="5" s="1"/>
  <c r="I6927" i="2"/>
  <c r="I6901" i="5" s="1"/>
  <c r="K6927" i="2"/>
  <c r="K6901" i="5" s="1"/>
  <c r="J6927" i="2"/>
  <c r="J6901" i="5" s="1"/>
  <c r="N6901" i="5" s="1"/>
  <c r="L6927" i="2"/>
  <c r="L6901" i="5" s="1"/>
  <c r="M6927" i="2"/>
  <c r="M6901" i="5" s="1"/>
  <c r="P6901" i="5" s="1"/>
  <c r="L5148" i="2"/>
  <c r="L5122" i="5" s="1"/>
  <c r="M6686" i="2"/>
  <c r="M6660" i="5" s="1"/>
  <c r="P6660" i="5" s="1"/>
  <c r="K7199" i="2"/>
  <c r="K7173" i="5" s="1"/>
  <c r="L6686" i="2"/>
  <c r="L6660" i="5" s="1"/>
  <c r="I7199" i="2"/>
  <c r="I7173" i="5" s="1"/>
  <c r="L7199" i="2"/>
  <c r="L7173" i="5" s="1"/>
  <c r="I3795" i="2"/>
  <c r="I3769" i="5" s="1"/>
  <c r="M2916" i="2"/>
  <c r="M2890" i="5" s="1"/>
  <c r="P2890" i="5" s="1"/>
  <c r="I2916" i="2"/>
  <c r="I2890" i="5" s="1"/>
  <c r="K2916" i="2"/>
  <c r="K2890" i="5" s="1"/>
  <c r="K5422" i="2"/>
  <c r="K5396" i="5" s="1"/>
  <c r="J5422" i="2"/>
  <c r="J5396" i="5" s="1"/>
  <c r="N5396" i="5" s="1"/>
  <c r="AR251" i="1"/>
  <c r="J457" i="2"/>
  <c r="J431" i="5" s="1"/>
  <c r="N431" i="5" s="1"/>
  <c r="L1049" i="2"/>
  <c r="L1023" i="5" s="1"/>
  <c r="I1049" i="2"/>
  <c r="I1023" i="5" s="1"/>
  <c r="K2429" i="2"/>
  <c r="K2403" i="5" s="1"/>
  <c r="L2429" i="2"/>
  <c r="L2403" i="5" s="1"/>
  <c r="M619" i="2"/>
  <c r="M593" i="5" s="1"/>
  <c r="P593" i="5" s="1"/>
  <c r="L619" i="2"/>
  <c r="L593" i="5" s="1"/>
  <c r="I619" i="2"/>
  <c r="I593" i="5" s="1"/>
  <c r="J619" i="2"/>
  <c r="J593" i="5" s="1"/>
  <c r="N593" i="5" s="1"/>
  <c r="K619" i="2"/>
  <c r="K593" i="5" s="1"/>
  <c r="I3144" i="2"/>
  <c r="I3118" i="5" s="1"/>
  <c r="K3144" i="2"/>
  <c r="K3118" i="5" s="1"/>
  <c r="O3118" i="5" s="1"/>
  <c r="M5285" i="2"/>
  <c r="M5259" i="5" s="1"/>
  <c r="P5259" i="5" s="1"/>
  <c r="I5285" i="2"/>
  <c r="I5259" i="5" s="1"/>
  <c r="L5497" i="2"/>
  <c r="L5471" i="5" s="1"/>
  <c r="I5497" i="2"/>
  <c r="I5471" i="5" s="1"/>
  <c r="K5497" i="2"/>
  <c r="K5471" i="5" s="1"/>
  <c r="J5497" i="2"/>
  <c r="J5471" i="5" s="1"/>
  <c r="N5471" i="5" s="1"/>
  <c r="M6975" i="2"/>
  <c r="M6949" i="5" s="1"/>
  <c r="P6949" i="5" s="1"/>
  <c r="L6975" i="2"/>
  <c r="L6949" i="5" s="1"/>
  <c r="L3435" i="2"/>
  <c r="L3409" i="5" s="1"/>
  <c r="M3435" i="2"/>
  <c r="M3409" i="5" s="1"/>
  <c r="P3409" i="5" s="1"/>
  <c r="K5456" i="2"/>
  <c r="K5430" i="5" s="1"/>
  <c r="M5456" i="2"/>
  <c r="M5430" i="5" s="1"/>
  <c r="P5430" i="5" s="1"/>
  <c r="I5456" i="2"/>
  <c r="I5430" i="5" s="1"/>
  <c r="L5456" i="2"/>
  <c r="L5430" i="5" s="1"/>
  <c r="L2916" i="2"/>
  <c r="L2890" i="5" s="1"/>
  <c r="J5456" i="2"/>
  <c r="J5430" i="5" s="1"/>
  <c r="N5430" i="5" s="1"/>
  <c r="K1049" i="2"/>
  <c r="K1023" i="5" s="1"/>
  <c r="J2916" i="2"/>
  <c r="J2890" i="5" s="1"/>
  <c r="N2890" i="5" s="1"/>
  <c r="M2399" i="2"/>
  <c r="M2373" i="5" s="1"/>
  <c r="P2373" i="5" s="1"/>
  <c r="I7438" i="2"/>
  <c r="I7412" i="5" s="1"/>
  <c r="K7438" i="2"/>
  <c r="K7412" i="5" s="1"/>
  <c r="O7412" i="5" s="1"/>
  <c r="L6366" i="2"/>
  <c r="L6340" i="5" s="1"/>
  <c r="I6366" i="2"/>
  <c r="I6340" i="5" s="1"/>
  <c r="M38" i="2"/>
  <c r="M12" i="5" s="1"/>
  <c r="P12" i="5" s="1"/>
  <c r="J38" i="2"/>
  <c r="J12" i="5" s="1"/>
  <c r="N12" i="5" s="1"/>
  <c r="I38" i="2"/>
  <c r="I12" i="5" s="1"/>
  <c r="M1275" i="2"/>
  <c r="M1249" i="5" s="1"/>
  <c r="P1249" i="5" s="1"/>
  <c r="L1275" i="2"/>
  <c r="L1249" i="5" s="1"/>
  <c r="I3134" i="2"/>
  <c r="I3108" i="5" s="1"/>
  <c r="K3134" i="2"/>
  <c r="K3108" i="5" s="1"/>
  <c r="J3134" i="2"/>
  <c r="J3108" i="5" s="1"/>
  <c r="N3108" i="5" s="1"/>
  <c r="K905" i="2"/>
  <c r="K879" i="5" s="1"/>
  <c r="J905" i="2"/>
  <c r="J879" i="5" s="1"/>
  <c r="N879" i="5" s="1"/>
  <c r="L905" i="2"/>
  <c r="L879" i="5" s="1"/>
  <c r="M905" i="2"/>
  <c r="M879" i="5" s="1"/>
  <c r="P879" i="5" s="1"/>
  <c r="M5423" i="2"/>
  <c r="M5397" i="5" s="1"/>
  <c r="P5397" i="5" s="1"/>
  <c r="L5423" i="2"/>
  <c r="L5397" i="5" s="1"/>
  <c r="J3106" i="2"/>
  <c r="J3080" i="5" s="1"/>
  <c r="N3080" i="5" s="1"/>
  <c r="M3106" i="2"/>
  <c r="M3080" i="5" s="1"/>
  <c r="P3080" i="5" s="1"/>
  <c r="I3106" i="2"/>
  <c r="I3080" i="5" s="1"/>
  <c r="K3106" i="2"/>
  <c r="K3080" i="5" s="1"/>
  <c r="O3080" i="5" s="1"/>
  <c r="M4833" i="2"/>
  <c r="M4807" i="5" s="1"/>
  <c r="P4807" i="5" s="1"/>
  <c r="L4833" i="2"/>
  <c r="L4807" i="5" s="1"/>
  <c r="I4833" i="2"/>
  <c r="I4807" i="5" s="1"/>
  <c r="K4833" i="2"/>
  <c r="K4807" i="5" s="1"/>
  <c r="K638" i="2"/>
  <c r="K612" i="5" s="1"/>
  <c r="O612" i="5" s="1"/>
  <c r="I5090" i="2"/>
  <c r="I5064" i="5" s="1"/>
  <c r="M7707" i="2"/>
  <c r="M7681" i="5" s="1"/>
  <c r="P7681" i="5" s="1"/>
  <c r="K5466" i="2"/>
  <c r="K5440" i="5" s="1"/>
  <c r="K5474" i="2"/>
  <c r="K5448" i="5" s="1"/>
  <c r="K3337" i="2"/>
  <c r="K3311" i="5" s="1"/>
  <c r="I7677" i="2"/>
  <c r="I7651" i="5" s="1"/>
  <c r="J2744" i="2"/>
  <c r="J2718" i="5" s="1"/>
  <c r="N2718" i="5" s="1"/>
  <c r="I2962" i="2"/>
  <c r="I2936" i="5" s="1"/>
  <c r="I2606" i="2"/>
  <c r="I2580" i="5" s="1"/>
  <c r="L6104" i="2"/>
  <c r="L6078" i="5" s="1"/>
  <c r="I7016" i="2"/>
  <c r="I6990" i="5" s="1"/>
  <c r="J5975" i="2"/>
  <c r="J5949" i="5" s="1"/>
  <c r="N5949" i="5" s="1"/>
  <c r="I816" i="2"/>
  <c r="I790" i="5" s="1"/>
  <c r="J5655" i="2"/>
  <c r="J5629" i="5" s="1"/>
  <c r="N5629" i="5" s="1"/>
  <c r="M992" i="2"/>
  <c r="M966" i="5" s="1"/>
  <c r="P966" i="5" s="1"/>
  <c r="M6150" i="2"/>
  <c r="M6124" i="5" s="1"/>
  <c r="P6124" i="5" s="1"/>
  <c r="I2308" i="2"/>
  <c r="I2282" i="5" s="1"/>
  <c r="I2247" i="2"/>
  <c r="I2221" i="5" s="1"/>
  <c r="L2244" i="2"/>
  <c r="L2218" i="5" s="1"/>
  <c r="L1792" i="2"/>
  <c r="L1766" i="5" s="1"/>
  <c r="L6591" i="2"/>
  <c r="L6565" i="5" s="1"/>
  <c r="L2798" i="2"/>
  <c r="L2772" i="5" s="1"/>
  <c r="K7941" i="2"/>
  <c r="K7915" i="5" s="1"/>
  <c r="O7915" i="5" s="1"/>
  <c r="J4114" i="2"/>
  <c r="J4088" i="5" s="1"/>
  <c r="N4088" i="5" s="1"/>
  <c r="J962" i="2"/>
  <c r="J936" i="5" s="1"/>
  <c r="N936" i="5" s="1"/>
  <c r="L3627" i="2"/>
  <c r="L3601" i="5" s="1"/>
  <c r="I4661" i="2"/>
  <c r="I4635" i="5" s="1"/>
  <c r="L938" i="2"/>
  <c r="L912" i="5" s="1"/>
  <c r="M2839" i="2"/>
  <c r="M2813" i="5" s="1"/>
  <c r="P2813" i="5" s="1"/>
  <c r="I3976" i="2"/>
  <c r="I3950" i="5" s="1"/>
  <c r="M950" i="2"/>
  <c r="M924" i="5" s="1"/>
  <c r="P924" i="5" s="1"/>
  <c r="M588" i="2"/>
  <c r="M562" i="5" s="1"/>
  <c r="P562" i="5" s="1"/>
  <c r="M1564" i="2"/>
  <c r="M1538" i="5" s="1"/>
  <c r="P1538" i="5" s="1"/>
  <c r="I3226" i="2"/>
  <c r="I3200" i="5" s="1"/>
  <c r="K3154" i="2"/>
  <c r="K3128" i="5" s="1"/>
  <c r="O3128" i="5" s="1"/>
  <c r="L5357" i="2"/>
  <c r="L5331" i="5" s="1"/>
  <c r="L3769" i="2"/>
  <c r="L3743" i="5" s="1"/>
  <c r="K6340" i="2"/>
  <c r="K6314" i="5" s="1"/>
  <c r="O6314" i="5" s="1"/>
  <c r="M2078" i="2"/>
  <c r="M2052" i="5" s="1"/>
  <c r="P2052" i="5" s="1"/>
  <c r="K8368" i="2"/>
  <c r="K8342" i="5" s="1"/>
  <c r="O8342" i="5" s="1"/>
  <c r="K8315" i="2"/>
  <c r="K8289" i="5" s="1"/>
  <c r="O8289" i="5" s="1"/>
  <c r="I7532" i="2"/>
  <c r="I7506" i="5" s="1"/>
  <c r="L3836" i="2"/>
  <c r="L3810" i="5" s="1"/>
  <c r="I5791" i="2"/>
  <c r="I5765" i="5" s="1"/>
  <c r="M5773" i="2"/>
  <c r="M5747" i="5" s="1"/>
  <c r="P5747" i="5" s="1"/>
  <c r="I8288" i="2"/>
  <c r="I8262" i="5" s="1"/>
  <c r="M5289" i="2"/>
  <c r="M5263" i="5" s="1"/>
  <c r="P5263" i="5" s="1"/>
  <c r="L6657" i="2"/>
  <c r="L6631" i="5" s="1"/>
  <c r="M2928" i="2"/>
  <c r="M2902" i="5" s="1"/>
  <c r="P2902" i="5" s="1"/>
  <c r="M724" i="2"/>
  <c r="M698" i="5" s="1"/>
  <c r="P698" i="5" s="1"/>
  <c r="J3399" i="2"/>
  <c r="J3373" i="5" s="1"/>
  <c r="N3373" i="5" s="1"/>
  <c r="K6435" i="2"/>
  <c r="K6409" i="5" s="1"/>
  <c r="I5919" i="2"/>
  <c r="I5893" i="5" s="1"/>
  <c r="L1415" i="2"/>
  <c r="L1389" i="5" s="1"/>
  <c r="I3656" i="2"/>
  <c r="I3630" i="5" s="1"/>
  <c r="J6271" i="2"/>
  <c r="J6245" i="5" s="1"/>
  <c r="N6245" i="5" s="1"/>
  <c r="I4423" i="2"/>
  <c r="I4397" i="5" s="1"/>
  <c r="M580" i="2"/>
  <c r="M554" i="5" s="1"/>
  <c r="P554" i="5" s="1"/>
  <c r="K6675" i="2"/>
  <c r="K6649" i="5" s="1"/>
  <c r="O6649" i="5" s="1"/>
  <c r="M7981" i="2"/>
  <c r="M7955" i="5" s="1"/>
  <c r="P7955" i="5" s="1"/>
  <c r="J5757" i="2"/>
  <c r="J5731" i="5" s="1"/>
  <c r="N5731" i="5" s="1"/>
  <c r="I6507" i="2"/>
  <c r="I6481" i="5" s="1"/>
  <c r="M1270" i="2"/>
  <c r="M1244" i="5" s="1"/>
  <c r="P1244" i="5" s="1"/>
  <c r="M805" i="2"/>
  <c r="M779" i="5" s="1"/>
  <c r="P779" i="5" s="1"/>
  <c r="K2723" i="2"/>
  <c r="K2697" i="5" s="1"/>
  <c r="L813" i="2"/>
  <c r="L787" i="5" s="1"/>
  <c r="I3650" i="2"/>
  <c r="I3624" i="5" s="1"/>
  <c r="M273" i="2"/>
  <c r="M247" i="5" s="1"/>
  <c r="P247" i="5" s="1"/>
  <c r="M7933" i="2"/>
  <c r="M7907" i="5" s="1"/>
  <c r="P7907" i="5" s="1"/>
  <c r="K5614" i="2"/>
  <c r="K5588" i="5" s="1"/>
  <c r="J6507" i="2"/>
  <c r="J6481" i="5" s="1"/>
  <c r="N6481" i="5" s="1"/>
  <c r="M3455" i="2"/>
  <c r="M3429" i="5" s="1"/>
  <c r="P3429" i="5" s="1"/>
  <c r="J2967" i="2"/>
  <c r="J2941" i="5" s="1"/>
  <c r="N2941" i="5" s="1"/>
  <c r="K1732" i="2"/>
  <c r="K1706" i="5" s="1"/>
  <c r="L5158" i="2"/>
  <c r="L5132" i="5" s="1"/>
  <c r="M3781" i="2"/>
  <c r="M3755" i="5" s="1"/>
  <c r="P3755" i="5" s="1"/>
  <c r="I6440" i="2"/>
  <c r="I6414" i="5" s="1"/>
  <c r="M4009" i="2"/>
  <c r="M3983" i="5" s="1"/>
  <c r="P3983" i="5" s="1"/>
  <c r="M2396" i="2"/>
  <c r="M2370" i="5" s="1"/>
  <c r="P2370" i="5" s="1"/>
  <c r="I8123" i="2"/>
  <c r="I8097" i="5" s="1"/>
  <c r="L4333" i="2"/>
  <c r="L4307" i="5" s="1"/>
  <c r="K264" i="2"/>
  <c r="K238" i="5" s="1"/>
  <c r="O238" i="5" s="1"/>
  <c r="M2260" i="2"/>
  <c r="M2234" i="5" s="1"/>
  <c r="P2234" i="5" s="1"/>
  <c r="M8111" i="2"/>
  <c r="M8085" i="5" s="1"/>
  <c r="P8085" i="5" s="1"/>
  <c r="L1988" i="2"/>
  <c r="L1962" i="5" s="1"/>
  <c r="J919" i="2"/>
  <c r="J893" i="5" s="1"/>
  <c r="N893" i="5" s="1"/>
  <c r="K7640" i="2"/>
  <c r="K7614" i="5" s="1"/>
  <c r="M6507" i="2"/>
  <c r="M6481" i="5" s="1"/>
  <c r="P6481" i="5" s="1"/>
  <c r="M2425" i="2"/>
  <c r="M2399" i="5" s="1"/>
  <c r="P2399" i="5" s="1"/>
  <c r="M5653" i="2"/>
  <c r="M5627" i="5" s="1"/>
  <c r="P5627" i="5" s="1"/>
  <c r="I1274" i="2"/>
  <c r="I1248" i="5" s="1"/>
  <c r="J5078" i="2"/>
  <c r="J5052" i="5" s="1"/>
  <c r="N5052" i="5" s="1"/>
  <c r="L391" i="2"/>
  <c r="L365" i="5" s="1"/>
  <c r="J5014" i="2"/>
  <c r="J4988" i="5" s="1"/>
  <c r="N4988" i="5" s="1"/>
  <c r="L2726" i="2"/>
  <c r="L2700" i="5" s="1"/>
  <c r="M2271" i="2"/>
  <c r="M2245" i="5" s="1"/>
  <c r="P2245" i="5" s="1"/>
  <c r="I253" i="2"/>
  <c r="I227" i="5" s="1"/>
  <c r="J2743" i="2"/>
  <c r="J2717" i="5" s="1"/>
  <c r="N2717" i="5" s="1"/>
  <c r="I2245" i="2"/>
  <c r="I2219" i="5" s="1"/>
  <c r="K7783" i="2"/>
  <c r="K7757" i="5" s="1"/>
  <c r="O7757" i="5" s="1"/>
  <c r="M3257" i="2"/>
  <c r="M3231" i="5" s="1"/>
  <c r="P3231" i="5" s="1"/>
  <c r="J384" i="2"/>
  <c r="J358" i="5" s="1"/>
  <c r="N358" i="5" s="1"/>
  <c r="K4066" i="2"/>
  <c r="K4040" i="5" s="1"/>
  <c r="K5475" i="2"/>
  <c r="K5449" i="5" s="1"/>
  <c r="K1724" i="2"/>
  <c r="K1698" i="5" s="1"/>
  <c r="O1698" i="5" s="1"/>
  <c r="J5094" i="2"/>
  <c r="J5068" i="5" s="1"/>
  <c r="N5068" i="5" s="1"/>
  <c r="L5159" i="2"/>
  <c r="L5133" i="5" s="1"/>
  <c r="K4014" i="2"/>
  <c r="K3988" i="5" s="1"/>
  <c r="O3988" i="5" s="1"/>
  <c r="K729" i="2"/>
  <c r="K703" i="5" s="1"/>
  <c r="O703" i="5" s="1"/>
  <c r="M6760" i="2"/>
  <c r="M6734" i="5" s="1"/>
  <c r="P6734" i="5" s="1"/>
  <c r="I2429" i="2"/>
  <c r="I2403" i="5" s="1"/>
  <c r="L3287" i="2"/>
  <c r="L3261" i="5" s="1"/>
  <c r="I4402" i="2"/>
  <c r="I4376" i="5" s="1"/>
  <c r="L7767" i="2"/>
  <c r="L7741" i="5" s="1"/>
  <c r="M8657" i="2"/>
  <c r="M8631" i="5" s="1"/>
  <c r="P8631" i="5" s="1"/>
  <c r="J6787" i="2"/>
  <c r="J6761" i="5" s="1"/>
  <c r="N6761" i="5" s="1"/>
  <c r="J8642" i="2"/>
  <c r="J8616" i="5" s="1"/>
  <c r="N8616" i="5" s="1"/>
  <c r="J3907" i="2"/>
  <c r="J3881" i="5" s="1"/>
  <c r="N3881" i="5" s="1"/>
  <c r="M3999" i="2"/>
  <c r="M3973" i="5" s="1"/>
  <c r="P3973" i="5" s="1"/>
  <c r="I8645" i="2"/>
  <c r="I8619" i="5" s="1"/>
  <c r="I6033" i="2"/>
  <c r="I6007" i="5" s="1"/>
  <c r="J819" i="2"/>
  <c r="J793" i="5" s="1"/>
  <c r="N793" i="5" s="1"/>
  <c r="K6016" i="2"/>
  <c r="K5990" i="5" s="1"/>
  <c r="O5990" i="5" s="1"/>
  <c r="L2762" i="2"/>
  <c r="L2736" i="5" s="1"/>
  <c r="L812" i="2"/>
  <c r="L786" i="5" s="1"/>
  <c r="I4118" i="2"/>
  <c r="I4092" i="5" s="1"/>
  <c r="K6537" i="2"/>
  <c r="K6511" i="5" s="1"/>
  <c r="O6511" i="5" s="1"/>
  <c r="AR74" i="1"/>
  <c r="M573" i="2"/>
  <c r="M547" i="5" s="1"/>
  <c r="P547" i="5" s="1"/>
  <c r="I800" i="2"/>
  <c r="I774" i="5" s="1"/>
  <c r="K8695" i="2"/>
  <c r="K8669" i="5" s="1"/>
  <c r="J3939" i="2"/>
  <c r="J3913" i="5" s="1"/>
  <c r="N3913" i="5" s="1"/>
  <c r="K2794" i="2"/>
  <c r="K2768" i="5" s="1"/>
  <c r="L307" i="2"/>
  <c r="L281" i="5" s="1"/>
  <c r="J2260" i="2"/>
  <c r="J2234" i="5" s="1"/>
  <c r="N2234" i="5" s="1"/>
  <c r="K489" i="2"/>
  <c r="K463" i="5" s="1"/>
  <c r="O463" i="5" s="1"/>
  <c r="M1286" i="2"/>
  <c r="M1260" i="5" s="1"/>
  <c r="P1260" i="5" s="1"/>
  <c r="K3611" i="2"/>
  <c r="K3585" i="5" s="1"/>
  <c r="I4961" i="2"/>
  <c r="I4935" i="5" s="1"/>
  <c r="K2836" i="2"/>
  <c r="K2810" i="5" s="1"/>
  <c r="O2810" i="5" s="1"/>
  <c r="J8213" i="2"/>
  <c r="J8187" i="5" s="1"/>
  <c r="N8187" i="5" s="1"/>
  <c r="I1660" i="2"/>
  <c r="I1634" i="5" s="1"/>
  <c r="L2897" i="2"/>
  <c r="L2871" i="5" s="1"/>
  <c r="M5761" i="2"/>
  <c r="M5735" i="5" s="1"/>
  <c r="P5735" i="5" s="1"/>
  <c r="L5291" i="2"/>
  <c r="L5265" i="5" s="1"/>
  <c r="I1769" i="2"/>
  <c r="I1743" i="5" s="1"/>
  <c r="K4084" i="2"/>
  <c r="K4058" i="5" s="1"/>
  <c r="J5090" i="2"/>
  <c r="J5064" i="5" s="1"/>
  <c r="N5064" i="5" s="1"/>
  <c r="L1602" i="2"/>
  <c r="L1576" i="5" s="1"/>
  <c r="I319" i="2"/>
  <c r="I293" i="5" s="1"/>
  <c r="L2930" i="2"/>
  <c r="L2904" i="5" s="1"/>
  <c r="L5183" i="2"/>
  <c r="L5157" i="5" s="1"/>
  <c r="M7666" i="2"/>
  <c r="M7640" i="5" s="1"/>
  <c r="P7640" i="5" s="1"/>
  <c r="M4757" i="2"/>
  <c r="M4731" i="5" s="1"/>
  <c r="P4731" i="5" s="1"/>
  <c r="L3658" i="2"/>
  <c r="L3632" i="5" s="1"/>
  <c r="J7180" i="2"/>
  <c r="J7154" i="5" s="1"/>
  <c r="N7154" i="5" s="1"/>
  <c r="M1249" i="2"/>
  <c r="M1223" i="5" s="1"/>
  <c r="P1223" i="5" s="1"/>
  <c r="L4758" i="2"/>
  <c r="L4732" i="5" s="1"/>
  <c r="I5148" i="2"/>
  <c r="I5122" i="5" s="1"/>
  <c r="M6326" i="2"/>
  <c r="M6300" i="5" s="1"/>
  <c r="P6300" i="5" s="1"/>
  <c r="M3337" i="2"/>
  <c r="M3311" i="5" s="1"/>
  <c r="P3311" i="5" s="1"/>
  <c r="I565" i="2"/>
  <c r="I539" i="5" s="1"/>
  <c r="K7703" i="2"/>
  <c r="K7677" i="5" s="1"/>
  <c r="I971" i="2"/>
  <c r="I945" i="5" s="1"/>
  <c r="K6432" i="2"/>
  <c r="K6406" i="5" s="1"/>
  <c r="O6406" i="5" s="1"/>
  <c r="J4013" i="2"/>
  <c r="J3987" i="5" s="1"/>
  <c r="N3987" i="5" s="1"/>
  <c r="L7698" i="2"/>
  <c r="L7672" i="5" s="1"/>
  <c r="L1789" i="2"/>
  <c r="L1763" i="5" s="1"/>
  <c r="AR75" i="1"/>
  <c r="I8127" i="2"/>
  <c r="I8101" i="5" s="1"/>
  <c r="M3909" i="2"/>
  <c r="M3883" i="5" s="1"/>
  <c r="P3883" i="5" s="1"/>
  <c r="I3338" i="2"/>
  <c r="I3312" i="5" s="1"/>
  <c r="L2967" i="2"/>
  <c r="L2941" i="5" s="1"/>
  <c r="I5011" i="2"/>
  <c r="I4985" i="5" s="1"/>
  <c r="K6011" i="2"/>
  <c r="K5985" i="5" s="1"/>
  <c r="O5985" i="5" s="1"/>
  <c r="I232" i="2"/>
  <c r="I206" i="5" s="1"/>
  <c r="K2500" i="2"/>
  <c r="K2474" i="5" s="1"/>
  <c r="K5655" i="2"/>
  <c r="K5629" i="5" s="1"/>
  <c r="L7988" i="2"/>
  <c r="L7962" i="5" s="1"/>
  <c r="M3969" i="2"/>
  <c r="M3943" i="5" s="1"/>
  <c r="P3943" i="5" s="1"/>
  <c r="M8038" i="2"/>
  <c r="M8012" i="5" s="1"/>
  <c r="P8012" i="5" s="1"/>
  <c r="M2967" i="2"/>
  <c r="M2941" i="5" s="1"/>
  <c r="P2941" i="5" s="1"/>
  <c r="I211" i="2"/>
  <c r="I185" i="5" s="1"/>
  <c r="I2768" i="2"/>
  <c r="I2742" i="5" s="1"/>
  <c r="L2768" i="2"/>
  <c r="L2742" i="5" s="1"/>
  <c r="I4414" i="2"/>
  <c r="I4388" i="5" s="1"/>
  <c r="M5458" i="2"/>
  <c r="M5432" i="5" s="1"/>
  <c r="P5432" i="5" s="1"/>
  <c r="L7100" i="2"/>
  <c r="L7074" i="5" s="1"/>
  <c r="J7100" i="2"/>
  <c r="J7074" i="5" s="1"/>
  <c r="N7074" i="5" s="1"/>
  <c r="M1736" i="2"/>
  <c r="M1710" i="5" s="1"/>
  <c r="P1710" i="5" s="1"/>
  <c r="M7184" i="2"/>
  <c r="M7158" i="5" s="1"/>
  <c r="P7158" i="5" s="1"/>
  <c r="L1121" i="2"/>
  <c r="L1095" i="5" s="1"/>
  <c r="L3446" i="2"/>
  <c r="L3420" i="5" s="1"/>
  <c r="L7708" i="2"/>
  <c r="L7682" i="5" s="1"/>
  <c r="J4414" i="2"/>
  <c r="J4388" i="5" s="1"/>
  <c r="N4388" i="5" s="1"/>
  <c r="I4925" i="2"/>
  <c r="I4899" i="5" s="1"/>
  <c r="M5474" i="2"/>
  <c r="M5448" i="5" s="1"/>
  <c r="P5448" i="5" s="1"/>
  <c r="I2798" i="2"/>
  <c r="I2772" i="5" s="1"/>
  <c r="L7107" i="2"/>
  <c r="L7081" i="5" s="1"/>
  <c r="K7107" i="2"/>
  <c r="K7081" i="5" s="1"/>
  <c r="L1611" i="2"/>
  <c r="L1585" i="5" s="1"/>
  <c r="K1611" i="2"/>
  <c r="K1585" i="5" s="1"/>
  <c r="L6084" i="2"/>
  <c r="L6058" i="5" s="1"/>
  <c r="K6084" i="2"/>
  <c r="K6058" i="5" s="1"/>
  <c r="I101" i="2"/>
  <c r="I75" i="5" s="1"/>
  <c r="J8628" i="2"/>
  <c r="J8602" i="5" s="1"/>
  <c r="N8602" i="5" s="1"/>
  <c r="J546" i="2"/>
  <c r="J520" i="5" s="1"/>
  <c r="N520" i="5" s="1"/>
  <c r="I546" i="2"/>
  <c r="I520" i="5" s="1"/>
  <c r="I2106" i="2"/>
  <c r="I2080" i="5" s="1"/>
  <c r="L2106" i="2"/>
  <c r="L2080" i="5" s="1"/>
  <c r="J3798" i="2"/>
  <c r="J3772" i="5" s="1"/>
  <c r="N3772" i="5" s="1"/>
  <c r="M3798" i="2"/>
  <c r="M3772" i="5" s="1"/>
  <c r="P3772" i="5" s="1"/>
  <c r="M2954" i="2"/>
  <c r="M2928" i="5" s="1"/>
  <c r="P2928" i="5" s="1"/>
  <c r="J2111" i="2"/>
  <c r="J2085" i="5" s="1"/>
  <c r="N2085" i="5" s="1"/>
  <c r="K3795" i="2"/>
  <c r="K3769" i="5" s="1"/>
  <c r="M3795" i="2"/>
  <c r="M3769" i="5" s="1"/>
  <c r="P3769" i="5" s="1"/>
  <c r="J2500" i="2"/>
  <c r="J2474" i="5" s="1"/>
  <c r="N2474" i="5" s="1"/>
  <c r="J2606" i="2"/>
  <c r="J2580" i="5" s="1"/>
  <c r="N2580" i="5" s="1"/>
  <c r="J7707" i="2"/>
  <c r="J7681" i="5" s="1"/>
  <c r="N7681" i="5" s="1"/>
  <c r="J588" i="2"/>
  <c r="J562" i="5" s="1"/>
  <c r="N562" i="5" s="1"/>
  <c r="I1399" i="2"/>
  <c r="I1373" i="5" s="1"/>
  <c r="K1399" i="2"/>
  <c r="K1373" i="5" s="1"/>
  <c r="O1373" i="5" s="1"/>
  <c r="J2273" i="2"/>
  <c r="J2247" i="5" s="1"/>
  <c r="N2247" i="5" s="1"/>
  <c r="K2273" i="2"/>
  <c r="K2247" i="5" s="1"/>
  <c r="M268" i="2"/>
  <c r="M242" i="5" s="1"/>
  <c r="P242" i="5" s="1"/>
  <c r="K268" i="2"/>
  <c r="K242" i="5" s="1"/>
  <c r="O242" i="5" s="1"/>
  <c r="K3410" i="2"/>
  <c r="K3384" i="5" s="1"/>
  <c r="O3384" i="5" s="1"/>
  <c r="K2930" i="2"/>
  <c r="K2904" i="5" s="1"/>
  <c r="I5466" i="2"/>
  <c r="I5440" i="5" s="1"/>
  <c r="L7707" i="2"/>
  <c r="L7681" i="5" s="1"/>
  <c r="I6150" i="2"/>
  <c r="I6124" i="5" s="1"/>
  <c r="K2111" i="2"/>
  <c r="K2085" i="5" s="1"/>
  <c r="O2085" i="5" s="1"/>
  <c r="M139" i="2"/>
  <c r="M113" i="5" s="1"/>
  <c r="P113" i="5" s="1"/>
  <c r="K3769" i="2"/>
  <c r="K3743" i="5" s="1"/>
  <c r="K992" i="2"/>
  <c r="K966" i="5" s="1"/>
  <c r="K588" i="2"/>
  <c r="K562" i="5" s="1"/>
  <c r="L7691" i="2"/>
  <c r="L7665" i="5" s="1"/>
  <c r="M2616" i="2"/>
  <c r="M2590" i="5" s="1"/>
  <c r="P2590" i="5" s="1"/>
  <c r="I3625" i="2"/>
  <c r="I3599" i="5" s="1"/>
  <c r="J3625" i="2"/>
  <c r="J3599" i="5" s="1"/>
  <c r="N3599" i="5" s="1"/>
  <c r="L5466" i="2"/>
  <c r="L5440" i="5" s="1"/>
  <c r="K7707" i="2"/>
  <c r="K7681" i="5" s="1"/>
  <c r="L6150" i="2"/>
  <c r="L6124" i="5" s="1"/>
  <c r="K139" i="2"/>
  <c r="K113" i="5" s="1"/>
  <c r="I384" i="2"/>
  <c r="I358" i="5" s="1"/>
  <c r="M3769" i="2"/>
  <c r="M3743" i="5" s="1"/>
  <c r="P3743" i="5" s="1"/>
  <c r="J992" i="2"/>
  <c r="J966" i="5" s="1"/>
  <c r="N966" i="5" s="1"/>
  <c r="I588" i="2"/>
  <c r="I562" i="5" s="1"/>
  <c r="L6616" i="2"/>
  <c r="L6590" i="5" s="1"/>
  <c r="M5466" i="2"/>
  <c r="M5440" i="5" s="1"/>
  <c r="P5440" i="5" s="1"/>
  <c r="M7941" i="2"/>
  <c r="M7915" i="5" s="1"/>
  <c r="P7915" i="5" s="1"/>
  <c r="L139" i="2"/>
  <c r="L113" i="5" s="1"/>
  <c r="I3769" i="2"/>
  <c r="I3743" i="5" s="1"/>
  <c r="I992" i="2"/>
  <c r="I966" i="5" s="1"/>
  <c r="L588" i="2"/>
  <c r="L562" i="5" s="1"/>
  <c r="M1796" i="2"/>
  <c r="M1770" i="5" s="1"/>
  <c r="P1770" i="5" s="1"/>
  <c r="L2606" i="2"/>
  <c r="L2580" i="5" s="1"/>
  <c r="I139" i="2"/>
  <c r="I113" i="5" s="1"/>
  <c r="J6273" i="2"/>
  <c r="J6247" i="5" s="1"/>
  <c r="N6247" i="5" s="1"/>
  <c r="L6273" i="2"/>
  <c r="L6247" i="5" s="1"/>
  <c r="K6012" i="2"/>
  <c r="K5986" i="5" s="1"/>
  <c r="O5986" i="5" s="1"/>
  <c r="J7677" i="2"/>
  <c r="J7651" i="5" s="1"/>
  <c r="N7651" i="5" s="1"/>
  <c r="I7941" i="2"/>
  <c r="I7915" i="5" s="1"/>
  <c r="K2606" i="2"/>
  <c r="K2580" i="5" s="1"/>
  <c r="I6257" i="2"/>
  <c r="I6231" i="5" s="1"/>
  <c r="K2260" i="2"/>
  <c r="K2234" i="5" s="1"/>
  <c r="I7707" i="2"/>
  <c r="I7681" i="5" s="1"/>
  <c r="J6010" i="2"/>
  <c r="J5984" i="5" s="1"/>
  <c r="N5984" i="5" s="1"/>
  <c r="M5769" i="2"/>
  <c r="M5743" i="5" s="1"/>
  <c r="P5743" i="5" s="1"/>
  <c r="J3446" i="2"/>
  <c r="J3420" i="5" s="1"/>
  <c r="N3420" i="5" s="1"/>
  <c r="J6257" i="2"/>
  <c r="J6231" i="5" s="1"/>
  <c r="N6231" i="5" s="1"/>
  <c r="I2260" i="2"/>
  <c r="I2234" i="5" s="1"/>
  <c r="M1791" i="2"/>
  <c r="M1765" i="5" s="1"/>
  <c r="P1765" i="5" s="1"/>
  <c r="AR146" i="1"/>
  <c r="K938" i="2"/>
  <c r="K912" i="5" s="1"/>
  <c r="L7174" i="2"/>
  <c r="L7148" i="5" s="1"/>
  <c r="L8542" i="2"/>
  <c r="L8516" i="5" s="1"/>
  <c r="J101" i="2"/>
  <c r="J75" i="5" s="1"/>
  <c r="N75" i="5" s="1"/>
  <c r="M2723" i="2"/>
  <c r="M2697" i="5" s="1"/>
  <c r="P2697" i="5" s="1"/>
  <c r="L3455" i="2"/>
  <c r="L3429" i="5" s="1"/>
  <c r="K5522" i="2"/>
  <c r="K5496" i="5" s="1"/>
  <c r="M6996" i="2"/>
  <c r="M6970" i="5" s="1"/>
  <c r="P6970" i="5" s="1"/>
  <c r="I2288" i="2"/>
  <c r="I2262" i="5" s="1"/>
  <c r="L6010" i="2"/>
  <c r="L5984" i="5" s="1"/>
  <c r="I1644" i="2"/>
  <c r="I1618" i="5" s="1"/>
  <c r="J6768" i="2"/>
  <c r="J6742" i="5" s="1"/>
  <c r="N6742" i="5" s="1"/>
  <c r="K937" i="2"/>
  <c r="K911" i="5" s="1"/>
  <c r="L7184" i="2"/>
  <c r="L7158" i="5" s="1"/>
  <c r="M8545" i="2"/>
  <c r="M8519" i="5" s="1"/>
  <c r="P8519" i="5" s="1"/>
  <c r="L3654" i="2"/>
  <c r="L3628" i="5" s="1"/>
  <c r="M7677" i="2"/>
  <c r="M7651" i="5" s="1"/>
  <c r="P7651" i="5" s="1"/>
  <c r="M6468" i="2"/>
  <c r="M6442" i="5" s="1"/>
  <c r="P6442" i="5" s="1"/>
  <c r="J7656" i="2"/>
  <c r="J7630" i="5" s="1"/>
  <c r="N7630" i="5" s="1"/>
  <c r="I8213" i="2"/>
  <c r="I8187" i="5" s="1"/>
  <c r="K800" i="2"/>
  <c r="K774" i="5" s="1"/>
  <c r="K4336" i="2"/>
  <c r="K4310" i="5" s="1"/>
  <c r="J3976" i="2"/>
  <c r="J3950" i="5" s="1"/>
  <c r="N3950" i="5" s="1"/>
  <c r="J6474" i="2"/>
  <c r="J6448" i="5" s="1"/>
  <c r="N6448" i="5" s="1"/>
  <c r="L1480" i="2"/>
  <c r="L1454" i="5" s="1"/>
  <c r="I7141" i="2"/>
  <c r="I7115" i="5" s="1"/>
  <c r="M5818" i="2"/>
  <c r="M5792" i="5" s="1"/>
  <c r="P5792" i="5" s="1"/>
  <c r="I136" i="2"/>
  <c r="I110" i="5" s="1"/>
  <c r="M6657" i="2"/>
  <c r="M6631" i="5" s="1"/>
  <c r="P6631" i="5" s="1"/>
  <c r="I1652" i="2"/>
  <c r="I1626" i="5" s="1"/>
  <c r="J5843" i="2"/>
  <c r="J5817" i="5" s="1"/>
  <c r="N5817" i="5" s="1"/>
  <c r="K6759" i="2"/>
  <c r="K6733" i="5" s="1"/>
  <c r="M929" i="2"/>
  <c r="M903" i="5" s="1"/>
  <c r="P903" i="5" s="1"/>
  <c r="L4087" i="2"/>
  <c r="L4061" i="5" s="1"/>
  <c r="K3446" i="2"/>
  <c r="K3420" i="5" s="1"/>
  <c r="M2606" i="2"/>
  <c r="M2580" i="5" s="1"/>
  <c r="P2580" i="5" s="1"/>
  <c r="K6257" i="2"/>
  <c r="K6231" i="5" s="1"/>
  <c r="J3278" i="2"/>
  <c r="J3252" i="5" s="1"/>
  <c r="N3252" i="5" s="1"/>
  <c r="I757" i="2"/>
  <c r="I731" i="5" s="1"/>
  <c r="K8047" i="2"/>
  <c r="K8021" i="5" s="1"/>
  <c r="O8021" i="5" s="1"/>
  <c r="K7453" i="2"/>
  <c r="K7427" i="5" s="1"/>
  <c r="O7427" i="5" s="1"/>
  <c r="I3994" i="2"/>
  <c r="I3968" i="5" s="1"/>
  <c r="L556" i="2"/>
  <c r="L530" i="5" s="1"/>
  <c r="J2311" i="2"/>
  <c r="J2285" i="5" s="1"/>
  <c r="N2285" i="5" s="1"/>
  <c r="M7107" i="2"/>
  <c r="M7081" i="5" s="1"/>
  <c r="P7081" i="5" s="1"/>
  <c r="L3798" i="2"/>
  <c r="L3772" i="5" s="1"/>
  <c r="K2287" i="2"/>
  <c r="K2261" i="5" s="1"/>
  <c r="L7141" i="2"/>
  <c r="L7115" i="5" s="1"/>
  <c r="I6759" i="2"/>
  <c r="I6733" i="5" s="1"/>
  <c r="L929" i="2"/>
  <c r="L903" i="5" s="1"/>
  <c r="L3278" i="2"/>
  <c r="L3252" i="5" s="1"/>
  <c r="L4118" i="2"/>
  <c r="L4092" i="5" s="1"/>
  <c r="L2260" i="2"/>
  <c r="L2234" i="5" s="1"/>
  <c r="I2303" i="2"/>
  <c r="I2277" i="5" s="1"/>
  <c r="L2303" i="2"/>
  <c r="L2277" i="5" s="1"/>
  <c r="M2303" i="2"/>
  <c r="M2277" i="5" s="1"/>
  <c r="P2277" i="5" s="1"/>
  <c r="I3339" i="2"/>
  <c r="I3313" i="5" s="1"/>
  <c r="K743" i="2"/>
  <c r="K717" i="5" s="1"/>
  <c r="L5474" i="2"/>
  <c r="L5448" i="5" s="1"/>
  <c r="J5474" i="2"/>
  <c r="J5448" i="5" s="1"/>
  <c r="N5448" i="5" s="1"/>
  <c r="L8669" i="2"/>
  <c r="L8643" i="5" s="1"/>
  <c r="M8669" i="2"/>
  <c r="M8643" i="5" s="1"/>
  <c r="P8643" i="5" s="1"/>
  <c r="AR262" i="1"/>
  <c r="J6468" i="2"/>
  <c r="J6442" i="5" s="1"/>
  <c r="N6442" i="5" s="1"/>
  <c r="M5655" i="2"/>
  <c r="M5629" i="5" s="1"/>
  <c r="P5629" i="5" s="1"/>
  <c r="L3976" i="2"/>
  <c r="L3950" i="5" s="1"/>
  <c r="M2287" i="2"/>
  <c r="M2261" i="5" s="1"/>
  <c r="P2261" i="5" s="1"/>
  <c r="M7141" i="2"/>
  <c r="M7115" i="5" s="1"/>
  <c r="P7115" i="5" s="1"/>
  <c r="K5653" i="2"/>
  <c r="K5627" i="5" s="1"/>
  <c r="M3298" i="2"/>
  <c r="M3272" i="5" s="1"/>
  <c r="P3272" i="5" s="1"/>
  <c r="L4017" i="2"/>
  <c r="L3991" i="5" s="1"/>
  <c r="M6759" i="2"/>
  <c r="M6733" i="5" s="1"/>
  <c r="P6733" i="5" s="1"/>
  <c r="I929" i="2"/>
  <c r="I903" i="5" s="1"/>
  <c r="K3278" i="2"/>
  <c r="K3252" i="5" s="1"/>
  <c r="L2587" i="2"/>
  <c r="L2561" i="5" s="1"/>
  <c r="K483" i="2"/>
  <c r="K457" i="5" s="1"/>
  <c r="M4427" i="2"/>
  <c r="M4401" i="5" s="1"/>
  <c r="P4401" i="5" s="1"/>
  <c r="M4118" i="2"/>
  <c r="M4092" i="5" s="1"/>
  <c r="P4092" i="5" s="1"/>
  <c r="L2940" i="2"/>
  <c r="L2914" i="5" s="1"/>
  <c r="M2930" i="2"/>
  <c r="M2904" i="5" s="1"/>
  <c r="P2904" i="5" s="1"/>
  <c r="L8127" i="2"/>
  <c r="L8101" i="5" s="1"/>
  <c r="K2768" i="2"/>
  <c r="K2742" i="5" s="1"/>
  <c r="K1637" i="2"/>
  <c r="K1611" i="5" s="1"/>
  <c r="L1637" i="2"/>
  <c r="L1611" i="5" s="1"/>
  <c r="I1128" i="2"/>
  <c r="I1102" i="5" s="1"/>
  <c r="K7015" i="2"/>
  <c r="K6989" i="5" s="1"/>
  <c r="I7015" i="2"/>
  <c r="I6989" i="5" s="1"/>
  <c r="L5655" i="2"/>
  <c r="L5629" i="5" s="1"/>
  <c r="L2287" i="2"/>
  <c r="L2261" i="5" s="1"/>
  <c r="L3298" i="2"/>
  <c r="L3272" i="5" s="1"/>
  <c r="I3278" i="2"/>
  <c r="I3252" i="5" s="1"/>
  <c r="J2587" i="2"/>
  <c r="J2561" i="5" s="1"/>
  <c r="N2561" i="5" s="1"/>
  <c r="M483" i="2"/>
  <c r="M457" i="5" s="1"/>
  <c r="P457" i="5" s="1"/>
  <c r="J4427" i="2"/>
  <c r="J4401" i="5" s="1"/>
  <c r="N4401" i="5" s="1"/>
  <c r="J4118" i="2"/>
  <c r="J4092" i="5" s="1"/>
  <c r="N4092" i="5" s="1"/>
  <c r="M2768" i="2"/>
  <c r="M2742" i="5" s="1"/>
  <c r="P2742" i="5" s="1"/>
  <c r="L6283" i="2"/>
  <c r="L6257" i="5" s="1"/>
  <c r="K6283" i="2"/>
  <c r="K6257" i="5" s="1"/>
  <c r="K2833" i="2"/>
  <c r="K2807" i="5" s="1"/>
  <c r="I2833" i="2"/>
  <c r="I2807" i="5" s="1"/>
  <c r="J2287" i="2"/>
  <c r="J2261" i="5" s="1"/>
  <c r="N2261" i="5" s="1"/>
  <c r="I3298" i="2"/>
  <c r="I3272" i="5" s="1"/>
  <c r="J2984" i="2"/>
  <c r="J2958" i="5" s="1"/>
  <c r="N2958" i="5" s="1"/>
  <c r="K2587" i="2"/>
  <c r="K2561" i="5" s="1"/>
  <c r="I483" i="2"/>
  <c r="I457" i="5" s="1"/>
  <c r="K4427" i="2"/>
  <c r="K4401" i="5" s="1"/>
  <c r="M5078" i="2"/>
  <c r="M5052" i="5" s="1"/>
  <c r="P5052" i="5" s="1"/>
  <c r="K4118" i="2"/>
  <c r="K4092" i="5" s="1"/>
  <c r="J2768" i="2"/>
  <c r="J2742" i="5" s="1"/>
  <c r="N2742" i="5" s="1"/>
  <c r="J5075" i="2"/>
  <c r="J5049" i="5" s="1"/>
  <c r="N5049" i="5" s="1"/>
  <c r="M5075" i="2"/>
  <c r="M5049" i="5" s="1"/>
  <c r="P5049" i="5" s="1"/>
  <c r="I6844" i="2"/>
  <c r="I6818" i="5" s="1"/>
  <c r="K6844" i="2"/>
  <c r="K6818" i="5" s="1"/>
  <c r="I2603" i="2"/>
  <c r="I2577" i="5" s="1"/>
  <c r="L757" i="2"/>
  <c r="L731" i="5" s="1"/>
  <c r="M1606" i="2"/>
  <c r="M1580" i="5" s="1"/>
  <c r="P1580" i="5" s="1"/>
  <c r="L5653" i="2"/>
  <c r="L5627" i="5" s="1"/>
  <c r="K8049" i="2"/>
  <c r="K8023" i="5" s="1"/>
  <c r="O8023" i="5" s="1"/>
  <c r="I8359" i="2"/>
  <c r="I8333" i="5" s="1"/>
  <c r="J3298" i="2"/>
  <c r="J3272" i="5" s="1"/>
  <c r="N3272" i="5" s="1"/>
  <c r="I1732" i="2"/>
  <c r="I1706" i="5" s="1"/>
  <c r="I7696" i="2"/>
  <c r="I7670" i="5" s="1"/>
  <c r="K8649" i="2"/>
  <c r="K8623" i="5" s="1"/>
  <c r="O8623" i="5" s="1"/>
  <c r="J483" i="2"/>
  <c r="J457" i="5" s="1"/>
  <c r="N457" i="5" s="1"/>
  <c r="L2273" i="2"/>
  <c r="L2247" i="5" s="1"/>
  <c r="I55" i="2"/>
  <c r="I29" i="5" s="1"/>
  <c r="I2940" i="2"/>
  <c r="I2914" i="5" s="1"/>
  <c r="J927" i="2"/>
  <c r="J901" i="5" s="1"/>
  <c r="N901" i="5" s="1"/>
  <c r="L2433" i="2"/>
  <c r="L2407" i="5" s="1"/>
  <c r="K2433" i="2"/>
  <c r="K2407" i="5" s="1"/>
  <c r="L5492" i="2"/>
  <c r="L5466" i="5" s="1"/>
  <c r="K5492" i="2"/>
  <c r="K5466" i="5" s="1"/>
  <c r="M41" i="2"/>
  <c r="M15" i="5" s="1"/>
  <c r="P15" i="5" s="1"/>
  <c r="I41" i="2"/>
  <c r="I15" i="5" s="1"/>
  <c r="L3323" i="2"/>
  <c r="L3297" i="5" s="1"/>
  <c r="J2395" i="2"/>
  <c r="J2369" i="5" s="1"/>
  <c r="N2369" i="5" s="1"/>
  <c r="K2395" i="2"/>
  <c r="K2369" i="5" s="1"/>
  <c r="I2794" i="2"/>
  <c r="I2768" i="5" s="1"/>
  <c r="L981" i="2"/>
  <c r="L955" i="5" s="1"/>
  <c r="K1795" i="2"/>
  <c r="K1769" i="5" s="1"/>
  <c r="K6442" i="2"/>
  <c r="K6416" i="5" s="1"/>
  <c r="I960" i="2"/>
  <c r="I934" i="5" s="1"/>
  <c r="K8553" i="2"/>
  <c r="K8527" i="5" s="1"/>
  <c r="J7792" i="2"/>
  <c r="J7766" i="5" s="1"/>
  <c r="N7766" i="5" s="1"/>
  <c r="I5325" i="2"/>
  <c r="I5299" i="5" s="1"/>
  <c r="M3738" i="2"/>
  <c r="M3712" i="5" s="1"/>
  <c r="P3712" i="5" s="1"/>
  <c r="I5766" i="2"/>
  <c r="I5740" i="5" s="1"/>
  <c r="J757" i="2"/>
  <c r="J731" i="5" s="1"/>
  <c r="N731" i="5" s="1"/>
  <c r="I5657" i="2"/>
  <c r="I5631" i="5" s="1"/>
  <c r="M565" i="2"/>
  <c r="M539" i="5" s="1"/>
  <c r="P539" i="5" s="1"/>
  <c r="M3446" i="2"/>
  <c r="M3420" i="5" s="1"/>
  <c r="P3420" i="5" s="1"/>
  <c r="J8127" i="2"/>
  <c r="J8101" i="5" s="1"/>
  <c r="N8101" i="5" s="1"/>
  <c r="K5851" i="2"/>
  <c r="K5825" i="5" s="1"/>
  <c r="I5851" i="2"/>
  <c r="I5825" i="5" s="1"/>
  <c r="M5851" i="2"/>
  <c r="M5825" i="5" s="1"/>
  <c r="P5825" i="5" s="1"/>
  <c r="L5851" i="2"/>
  <c r="L5825" i="5" s="1"/>
  <c r="I556" i="2"/>
  <c r="I530" i="5" s="1"/>
  <c r="K6634" i="2"/>
  <c r="K6608" i="5" s="1"/>
  <c r="J1799" i="2"/>
  <c r="J1773" i="5" s="1"/>
  <c r="N1773" i="5" s="1"/>
  <c r="J556" i="2"/>
  <c r="J530" i="5" s="1"/>
  <c r="N530" i="5" s="1"/>
  <c r="L6634" i="2"/>
  <c r="L6608" i="5" s="1"/>
  <c r="K7711" i="2"/>
  <c r="K7685" i="5" s="1"/>
  <c r="J6421" i="2"/>
  <c r="J6395" i="5" s="1"/>
  <c r="N6395" i="5" s="1"/>
  <c r="M2395" i="2"/>
  <c r="M2369" i="5" s="1"/>
  <c r="P2369" i="5" s="1"/>
  <c r="K2967" i="2"/>
  <c r="K2941" i="5" s="1"/>
  <c r="L384" i="2"/>
  <c r="L358" i="5" s="1"/>
  <c r="K3647" i="2"/>
  <c r="K3621" i="5" s="1"/>
  <c r="I8047" i="2"/>
  <c r="I8021" i="5" s="1"/>
  <c r="M6435" i="2"/>
  <c r="M6409" i="5" s="1"/>
  <c r="P6409" i="5" s="1"/>
  <c r="L8637" i="2"/>
  <c r="L8611" i="5" s="1"/>
  <c r="M8649" i="2"/>
  <c r="M8623" i="5" s="1"/>
  <c r="P8623" i="5" s="1"/>
  <c r="M391" i="2"/>
  <c r="M365" i="5" s="1"/>
  <c r="P365" i="5" s="1"/>
  <c r="L992" i="2"/>
  <c r="L966" i="5" s="1"/>
  <c r="L988" i="2"/>
  <c r="L962" i="5" s="1"/>
  <c r="J3908" i="2"/>
  <c r="J3882" i="5" s="1"/>
  <c r="N3882" i="5" s="1"/>
  <c r="K724" i="2"/>
  <c r="K698" i="5" s="1"/>
  <c r="I724" i="2"/>
  <c r="I698" i="5" s="1"/>
  <c r="L724" i="2"/>
  <c r="L698" i="5" s="1"/>
  <c r="AR215" i="1"/>
  <c r="M3306" i="2"/>
  <c r="M3280" i="5" s="1"/>
  <c r="P3280" i="5" s="1"/>
  <c r="J724" i="2"/>
  <c r="J698" i="5" s="1"/>
  <c r="N698" i="5" s="1"/>
  <c r="I1607" i="2"/>
  <c r="I1581" i="5" s="1"/>
  <c r="L1736" i="2"/>
  <c r="L1710" i="5" s="1"/>
  <c r="M5843" i="2"/>
  <c r="M5817" i="5" s="1"/>
  <c r="P5817" i="5" s="1"/>
  <c r="I5478" i="2"/>
  <c r="I5452" i="5" s="1"/>
  <c r="J2303" i="2"/>
  <c r="J2277" i="5" s="1"/>
  <c r="N2277" i="5" s="1"/>
  <c r="L5843" i="2"/>
  <c r="L5817" i="5" s="1"/>
  <c r="AR34" i="1"/>
  <c r="L1217" i="2"/>
  <c r="L1191" i="5" s="1"/>
  <c r="J1217" i="2"/>
  <c r="J1191" i="5" s="1"/>
  <c r="N1191" i="5" s="1"/>
  <c r="K1217" i="2"/>
  <c r="K1191" i="5" s="1"/>
  <c r="I6435" i="2"/>
  <c r="I6409" i="5" s="1"/>
  <c r="I1217" i="2"/>
  <c r="I1191" i="5" s="1"/>
  <c r="I4340" i="2"/>
  <c r="I4314" i="5" s="1"/>
  <c r="L5592" i="2"/>
  <c r="L5566" i="5" s="1"/>
  <c r="K1728" i="2"/>
  <c r="K1702" i="5" s="1"/>
  <c r="K391" i="2"/>
  <c r="K365" i="5" s="1"/>
  <c r="J2433" i="2"/>
  <c r="J2407" i="5" s="1"/>
  <c r="N2407" i="5" s="1"/>
  <c r="I3291" i="2"/>
  <c r="I3265" i="5" s="1"/>
  <c r="K3793" i="2"/>
  <c r="K3767" i="5" s="1"/>
  <c r="L2395" i="2"/>
  <c r="L2369" i="5" s="1"/>
  <c r="K5075" i="2"/>
  <c r="K5049" i="5" s="1"/>
  <c r="K1128" i="2"/>
  <c r="K1102" i="5" s="1"/>
  <c r="M4340" i="2"/>
  <c r="M4314" i="5" s="1"/>
  <c r="P4314" i="5" s="1"/>
  <c r="M1399" i="2"/>
  <c r="M1373" i="5" s="1"/>
  <c r="P1373" i="5" s="1"/>
  <c r="L4786" i="2"/>
  <c r="L4760" i="5" s="1"/>
  <c r="J6435" i="2"/>
  <c r="J6409" i="5" s="1"/>
  <c r="N6409" i="5" s="1"/>
  <c r="K6285" i="2"/>
  <c r="K6259" i="5" s="1"/>
  <c r="O6259" i="5" s="1"/>
  <c r="I236" i="2"/>
  <c r="I210" i="5" s="1"/>
  <c r="L55" i="2"/>
  <c r="L29" i="5" s="1"/>
  <c r="I2100" i="2"/>
  <c r="I2074" i="5" s="1"/>
  <c r="L3994" i="2"/>
  <c r="L3968" i="5" s="1"/>
  <c r="K2242" i="2"/>
  <c r="K2216" i="5" s="1"/>
  <c r="O2216" i="5" s="1"/>
  <c r="L3320" i="2"/>
  <c r="L3294" i="5" s="1"/>
  <c r="M1121" i="2"/>
  <c r="M1095" i="5" s="1"/>
  <c r="P1095" i="5" s="1"/>
  <c r="I6828" i="2"/>
  <c r="I6802" i="5" s="1"/>
  <c r="M7100" i="2"/>
  <c r="M7074" i="5" s="1"/>
  <c r="P7074" i="5" s="1"/>
  <c r="I7168" i="2"/>
  <c r="I7142" i="5" s="1"/>
  <c r="J7002" i="2"/>
  <c r="J6976" i="5" s="1"/>
  <c r="N6976" i="5" s="1"/>
  <c r="K1270" i="2"/>
  <c r="K1244" i="5" s="1"/>
  <c r="M1644" i="2"/>
  <c r="M1618" i="5" s="1"/>
  <c r="P1618" i="5" s="1"/>
  <c r="J5592" i="2"/>
  <c r="J5566" i="5" s="1"/>
  <c r="N5566" i="5" s="1"/>
  <c r="J4332" i="2"/>
  <c r="J4306" i="5" s="1"/>
  <c r="N4306" i="5" s="1"/>
  <c r="L7711" i="2"/>
  <c r="L7685" i="5" s="1"/>
  <c r="M3901" i="2"/>
  <c r="M3875" i="5" s="1"/>
  <c r="P3875" i="5" s="1"/>
  <c r="M3410" i="2"/>
  <c r="M3384" i="5" s="1"/>
  <c r="P3384" i="5" s="1"/>
  <c r="I1728" i="2"/>
  <c r="I1702" i="5" s="1"/>
  <c r="J391" i="2"/>
  <c r="J365" i="5" s="1"/>
  <c r="N365" i="5" s="1"/>
  <c r="L8130" i="2"/>
  <c r="L8104" i="5" s="1"/>
  <c r="M723" i="2"/>
  <c r="M697" i="5" s="1"/>
  <c r="P697" i="5" s="1"/>
  <c r="L743" i="2"/>
  <c r="L717" i="5" s="1"/>
  <c r="J104" i="2"/>
  <c r="J78" i="5" s="1"/>
  <c r="N78" i="5" s="1"/>
  <c r="M438" i="2"/>
  <c r="M412" i="5" s="1"/>
  <c r="P412" i="5" s="1"/>
  <c r="M2433" i="2"/>
  <c r="M2407" i="5" s="1"/>
  <c r="P2407" i="5" s="1"/>
  <c r="M3291" i="2"/>
  <c r="M3265" i="5" s="1"/>
  <c r="P3265" i="5" s="1"/>
  <c r="L3793" i="2"/>
  <c r="L3767" i="5" s="1"/>
  <c r="M5492" i="2"/>
  <c r="M5466" i="5" s="1"/>
  <c r="P5466" i="5" s="1"/>
  <c r="I5075" i="2"/>
  <c r="I5049" i="5" s="1"/>
  <c r="J1606" i="2"/>
  <c r="J1580" i="5" s="1"/>
  <c r="N1580" i="5" s="1"/>
  <c r="I4406" i="2"/>
  <c r="I4380" i="5" s="1"/>
  <c r="I204" i="2"/>
  <c r="I178" i="5" s="1"/>
  <c r="I988" i="2"/>
  <c r="I962" i="5" s="1"/>
  <c r="L4340" i="2"/>
  <c r="L4314" i="5" s="1"/>
  <c r="I6285" i="2"/>
  <c r="I6259" i="5" s="1"/>
  <c r="L2100" i="2"/>
  <c r="L2074" i="5" s="1"/>
  <c r="L7779" i="2"/>
  <c r="L7753" i="5" s="1"/>
  <c r="M2242" i="2"/>
  <c r="M2216" i="5" s="1"/>
  <c r="P2216" i="5" s="1"/>
  <c r="AR103" i="1"/>
  <c r="J3324" i="2"/>
  <c r="J3298" i="5" s="1"/>
  <c r="N3298" i="5" s="1"/>
  <c r="K8038" i="2"/>
  <c r="K8012" i="5" s="1"/>
  <c r="O8012" i="5" s="1"/>
  <c r="J6634" i="2"/>
  <c r="J6608" i="5" s="1"/>
  <c r="N6608" i="5" s="1"/>
  <c r="I6634" i="2"/>
  <c r="I6608" i="5" s="1"/>
  <c r="M1607" i="2"/>
  <c r="M1581" i="5" s="1"/>
  <c r="P1581" i="5" s="1"/>
  <c r="J3795" i="2"/>
  <c r="J3769" i="5" s="1"/>
  <c r="N3769" i="5" s="1"/>
  <c r="L1607" i="2"/>
  <c r="L1581" i="5" s="1"/>
  <c r="L3795" i="2"/>
  <c r="L3769" i="5" s="1"/>
  <c r="J1607" i="2"/>
  <c r="J1581" i="5" s="1"/>
  <c r="N1581" i="5" s="1"/>
  <c r="K1607" i="2"/>
  <c r="K1581" i="5" s="1"/>
  <c r="J8480" i="2"/>
  <c r="J8454" i="5" s="1"/>
  <c r="N8454" i="5" s="1"/>
  <c r="AR282" i="1"/>
  <c r="L8480" i="2"/>
  <c r="L8454" i="5" s="1"/>
  <c r="M8480" i="2"/>
  <c r="M8454" i="5" s="1"/>
  <c r="P8454" i="5" s="1"/>
  <c r="K8480" i="2"/>
  <c r="K8454" i="5" s="1"/>
  <c r="M5478" i="2"/>
  <c r="M5452" i="5" s="1"/>
  <c r="P5452" i="5" s="1"/>
  <c r="I3324" i="2"/>
  <c r="I3298" i="5" s="1"/>
  <c r="J5478" i="2"/>
  <c r="J5452" i="5" s="1"/>
  <c r="N5452" i="5" s="1"/>
  <c r="K3324" i="2"/>
  <c r="K3298" i="5" s="1"/>
  <c r="O3298" i="5" s="1"/>
  <c r="I8038" i="2"/>
  <c r="I8012" i="5" s="1"/>
  <c r="K4414" i="2"/>
  <c r="K4388" i="5" s="1"/>
  <c r="L5478" i="2"/>
  <c r="L5452" i="5" s="1"/>
  <c r="M3324" i="2"/>
  <c r="M3298" i="5" s="1"/>
  <c r="P3298" i="5" s="1"/>
  <c r="J8038" i="2"/>
  <c r="J8012" i="5" s="1"/>
  <c r="N8012" i="5" s="1"/>
  <c r="L4414" i="2"/>
  <c r="L4388" i="5" s="1"/>
  <c r="K5478" i="2"/>
  <c r="K5452" i="5" s="1"/>
  <c r="K8343" i="2"/>
  <c r="K8317" i="5" s="1"/>
  <c r="I8343" i="2"/>
  <c r="I8317" i="5" s="1"/>
  <c r="AR272" i="1"/>
  <c r="AX15" i="1"/>
  <c r="AY16" i="1"/>
  <c r="AY17" i="1" s="1"/>
  <c r="L8343" i="2"/>
  <c r="L8317" i="5" s="1"/>
  <c r="M8343" i="2"/>
  <c r="M8317" i="5" s="1"/>
  <c r="P8317" i="5" s="1"/>
  <c r="I3919" i="2"/>
  <c r="I3893" i="5" s="1"/>
  <c r="M3919" i="2"/>
  <c r="M3893" i="5" s="1"/>
  <c r="P3893" i="5" s="1"/>
  <c r="L6451" i="2"/>
  <c r="L6425" i="5" s="1"/>
  <c r="L3919" i="2"/>
  <c r="L3893" i="5" s="1"/>
  <c r="J1736" i="2"/>
  <c r="J1710" i="5" s="1"/>
  <c r="N1710" i="5" s="1"/>
  <c r="J6451" i="2"/>
  <c r="J6425" i="5" s="1"/>
  <c r="N6425" i="5" s="1"/>
  <c r="J3919" i="2"/>
  <c r="J3893" i="5" s="1"/>
  <c r="N3893" i="5" s="1"/>
  <c r="K1736" i="2"/>
  <c r="K1710" i="5" s="1"/>
  <c r="K6451" i="2"/>
  <c r="K6425" i="5" s="1"/>
  <c r="I1736" i="2"/>
  <c r="I1710" i="5" s="1"/>
  <c r="M6451" i="2"/>
  <c r="M6425" i="5" s="1"/>
  <c r="P6425" i="5" s="1"/>
  <c r="AC46" i="2"/>
  <c r="L4040" i="5"/>
  <c r="AZ14" i="1"/>
  <c r="AU32" i="1" s="1"/>
  <c r="AX31" i="1"/>
  <c r="AY31" i="1"/>
  <c r="AW31" i="1"/>
  <c r="AV31" i="1"/>
  <c r="O2271" i="5" l="1"/>
  <c r="O1807" i="5"/>
  <c r="O3208" i="5"/>
  <c r="O609" i="5"/>
  <c r="O1554" i="5"/>
  <c r="O6989" i="5"/>
  <c r="O6086" i="5"/>
  <c r="O4820" i="5"/>
  <c r="O277" i="5"/>
  <c r="O1948" i="5"/>
  <c r="O860" i="5"/>
  <c r="O5152" i="5"/>
  <c r="O4048" i="5"/>
  <c r="O3621" i="5"/>
  <c r="O1608" i="5"/>
  <c r="O1039" i="5"/>
  <c r="O4953" i="5"/>
  <c r="O611" i="5"/>
  <c r="O6226" i="5"/>
  <c r="O3610" i="5"/>
  <c r="O5423" i="5"/>
  <c r="O5663" i="5"/>
  <c r="O359" i="5"/>
  <c r="O7817" i="5"/>
  <c r="O5082" i="5"/>
  <c r="O3448" i="5"/>
  <c r="O2131" i="5"/>
  <c r="O8479" i="5"/>
  <c r="O1592" i="5"/>
  <c r="O102" i="5"/>
  <c r="O5447" i="5"/>
  <c r="O3952" i="5"/>
  <c r="O2306" i="5"/>
  <c r="O4925" i="5"/>
  <c r="O898" i="5"/>
  <c r="O7969" i="5"/>
  <c r="O1102" i="5"/>
  <c r="O2779" i="5"/>
  <c r="O3626" i="5"/>
  <c r="O364" i="5"/>
  <c r="O5816" i="5"/>
  <c r="O6818" i="5"/>
  <c r="O385" i="5"/>
  <c r="O5593" i="5"/>
  <c r="O5409" i="5"/>
  <c r="O8445" i="5"/>
  <c r="O418" i="5"/>
  <c r="O4772" i="5"/>
  <c r="O7118" i="5"/>
  <c r="O700" i="5"/>
  <c r="O4294" i="5"/>
  <c r="O2614" i="5"/>
  <c r="O7166" i="5"/>
  <c r="O1775" i="5"/>
  <c r="O48" i="5"/>
  <c r="O4951" i="5"/>
  <c r="O2781" i="5"/>
  <c r="O7801" i="5"/>
  <c r="O3134" i="5"/>
  <c r="O6732" i="5"/>
  <c r="O5278" i="5"/>
  <c r="O7097" i="5"/>
  <c r="O6240" i="5"/>
  <c r="O5449" i="5"/>
  <c r="O7153" i="5"/>
  <c r="O8476" i="5"/>
  <c r="O5830" i="5"/>
  <c r="O7574" i="5"/>
  <c r="O4614" i="5"/>
  <c r="O1747" i="5"/>
  <c r="O7442" i="5"/>
  <c r="O6679" i="5"/>
  <c r="O5812" i="5"/>
  <c r="O1070" i="5"/>
  <c r="O8763" i="5"/>
  <c r="O4453" i="5"/>
  <c r="O4424" i="5"/>
  <c r="O2263" i="5"/>
  <c r="O5788" i="5"/>
  <c r="O2931" i="5"/>
  <c r="O5778" i="5"/>
  <c r="O3249" i="5"/>
  <c r="O2462" i="5"/>
  <c r="O3746" i="5"/>
  <c r="O5401" i="5"/>
  <c r="O7843" i="5"/>
  <c r="O1215" i="5"/>
  <c r="O3549" i="5"/>
  <c r="O3303" i="5"/>
  <c r="O6280" i="5"/>
  <c r="O750" i="5"/>
  <c r="O2780" i="5"/>
  <c r="O6580" i="5"/>
  <c r="O5726" i="5"/>
  <c r="O5406" i="5"/>
  <c r="O1463" i="5"/>
  <c r="O4054" i="5"/>
  <c r="O2980" i="5"/>
  <c r="O3444" i="5"/>
  <c r="O785" i="5"/>
  <c r="O96" i="5"/>
  <c r="O3108" i="5"/>
  <c r="O1629" i="5"/>
  <c r="O5603" i="5"/>
  <c r="O3047" i="5"/>
  <c r="O862" i="5"/>
  <c r="O8167" i="5"/>
  <c r="O1859" i="5"/>
  <c r="O8651" i="5"/>
  <c r="O6056" i="5"/>
  <c r="O190" i="5"/>
  <c r="O3422" i="5"/>
  <c r="O625" i="5"/>
  <c r="O346" i="5"/>
  <c r="O23" i="5"/>
  <c r="O5455" i="5"/>
  <c r="O7410" i="5"/>
  <c r="O8513" i="5"/>
  <c r="O5555" i="5"/>
  <c r="O5888" i="5"/>
  <c r="O4571" i="5"/>
  <c r="O3786" i="5"/>
  <c r="O6960" i="5"/>
  <c r="O775" i="5"/>
  <c r="O461" i="5"/>
  <c r="O5067" i="5"/>
  <c r="O959" i="5"/>
  <c r="O4095" i="5"/>
  <c r="O408" i="5"/>
  <c r="O3622" i="5"/>
  <c r="O60" i="5"/>
  <c r="O6237" i="5"/>
  <c r="O4910" i="5"/>
  <c r="O4402" i="5"/>
  <c r="O3633" i="5"/>
  <c r="O8599" i="5"/>
  <c r="O22" i="5"/>
  <c r="O1420" i="5"/>
  <c r="O7916" i="5"/>
  <c r="O5222" i="5"/>
  <c r="O2958" i="5"/>
  <c r="O442" i="5"/>
  <c r="O272" i="5"/>
  <c r="O6839" i="5"/>
  <c r="O6323" i="5"/>
  <c r="O2769" i="5"/>
  <c r="O1586" i="5"/>
  <c r="O1923" i="5"/>
  <c r="O7492" i="5"/>
  <c r="O6929" i="5"/>
  <c r="O2215" i="5"/>
  <c r="O5597" i="5"/>
  <c r="O5475" i="5"/>
  <c r="O2299" i="5"/>
  <c r="O2474" i="5"/>
  <c r="O5635" i="5"/>
  <c r="O1098" i="5"/>
  <c r="O4718" i="5"/>
  <c r="O295" i="5"/>
  <c r="O7088" i="5"/>
  <c r="O592" i="5"/>
  <c r="O3947" i="5"/>
  <c r="O1126" i="5"/>
  <c r="O4750" i="5"/>
  <c r="O4268" i="5"/>
  <c r="O4788" i="5"/>
  <c r="O8500" i="5"/>
  <c r="O8527" i="5"/>
  <c r="O8472" i="5"/>
  <c r="O1046" i="5"/>
  <c r="O1777" i="5"/>
  <c r="O2813" i="5"/>
  <c r="O4235" i="5"/>
  <c r="O6617" i="5"/>
  <c r="O1111" i="5"/>
  <c r="O7309" i="5"/>
  <c r="O4775" i="5"/>
  <c r="O7828" i="5"/>
  <c r="O1035" i="5"/>
  <c r="O1019" i="5"/>
  <c r="O8490" i="5"/>
  <c r="O6173" i="5"/>
  <c r="O8138" i="5"/>
  <c r="O3447" i="5"/>
  <c r="O5484" i="5"/>
  <c r="O4557" i="5"/>
  <c r="O7905" i="5"/>
  <c r="O3417" i="5"/>
  <c r="O7409" i="5"/>
  <c r="O6417" i="5"/>
  <c r="O3969" i="5"/>
  <c r="O6817" i="5"/>
  <c r="O5143" i="5"/>
  <c r="O1936" i="5"/>
  <c r="O2751" i="5"/>
  <c r="O6007" i="5"/>
  <c r="O2791" i="5"/>
  <c r="O3609" i="5"/>
  <c r="O7103" i="5"/>
  <c r="O214" i="5"/>
  <c r="O5248" i="5"/>
  <c r="O5396" i="5"/>
  <c r="O8320" i="5"/>
  <c r="O3148" i="5"/>
  <c r="O3894" i="5"/>
  <c r="O4827" i="5"/>
  <c r="O286" i="5"/>
  <c r="O4073" i="5"/>
  <c r="O8283" i="5"/>
  <c r="O6925" i="5"/>
  <c r="O5936" i="5"/>
  <c r="O2906" i="5"/>
  <c r="O886" i="5"/>
  <c r="O4232" i="5"/>
  <c r="O8003" i="5"/>
  <c r="O2583" i="5"/>
  <c r="O2049" i="5"/>
  <c r="O1114" i="5"/>
  <c r="O7580" i="5"/>
  <c r="O4146" i="5"/>
  <c r="O3415" i="5"/>
  <c r="O2768" i="5"/>
  <c r="O4931" i="5"/>
  <c r="O4804" i="5"/>
  <c r="O6747" i="5"/>
  <c r="O4639" i="5"/>
  <c r="O7131" i="5"/>
  <c r="O8506" i="5"/>
  <c r="O1232" i="5"/>
  <c r="O3639" i="5"/>
  <c r="O5967" i="5"/>
  <c r="O6733" i="5"/>
  <c r="O3239" i="5"/>
  <c r="O3302" i="5"/>
  <c r="O6620" i="5"/>
  <c r="O1547" i="5"/>
  <c r="O2407" i="5"/>
  <c r="O6058" i="5"/>
  <c r="O8511" i="5"/>
  <c r="O940" i="5"/>
  <c r="O8183" i="5"/>
  <c r="O4606" i="5"/>
  <c r="O3716" i="5"/>
  <c r="O7295" i="5"/>
  <c r="O4934" i="5"/>
  <c r="O5827" i="5"/>
  <c r="O5769" i="5"/>
  <c r="O3068" i="5"/>
  <c r="O6825" i="5"/>
  <c r="O552" i="5"/>
  <c r="O8259" i="5"/>
  <c r="O4979" i="5"/>
  <c r="O6446" i="5"/>
  <c r="O4047" i="5"/>
  <c r="O5429" i="5"/>
  <c r="O2111" i="5"/>
  <c r="O4623" i="5"/>
  <c r="O4570" i="5"/>
  <c r="O6781" i="5"/>
  <c r="O5565" i="5"/>
  <c r="O7824" i="5"/>
  <c r="O7461" i="5"/>
  <c r="O8351" i="5"/>
  <c r="O3279" i="5"/>
  <c r="O916" i="5"/>
  <c r="O2887" i="5"/>
  <c r="O4829" i="5"/>
  <c r="O3921" i="5"/>
  <c r="O2960" i="5"/>
  <c r="O5937" i="5"/>
  <c r="O3582" i="5"/>
  <c r="O2638" i="5"/>
  <c r="O3280" i="5"/>
  <c r="O7271" i="5"/>
  <c r="O600" i="5"/>
  <c r="O6670" i="5"/>
  <c r="O7067" i="5"/>
  <c r="O7683" i="5"/>
  <c r="O3704" i="5"/>
  <c r="O1613" i="5"/>
  <c r="O3213" i="5"/>
  <c r="O7430" i="5"/>
  <c r="O6667" i="5"/>
  <c r="O5910" i="5"/>
  <c r="O2365" i="5"/>
  <c r="O2804" i="5"/>
  <c r="O5090" i="5"/>
  <c r="O7945" i="5"/>
  <c r="O8079" i="5"/>
  <c r="O3709" i="5"/>
  <c r="O7776" i="5"/>
  <c r="O4058" i="5"/>
  <c r="O7636" i="5"/>
  <c r="O8593" i="5"/>
  <c r="O6150" i="5"/>
  <c r="O256" i="5"/>
  <c r="O7766" i="5"/>
  <c r="O578" i="5"/>
  <c r="O5308" i="5"/>
  <c r="O1365" i="5"/>
  <c r="O3901" i="5"/>
  <c r="O7455" i="5"/>
  <c r="O3456" i="5"/>
  <c r="O259" i="5"/>
  <c r="O1105" i="5"/>
  <c r="O5561" i="5"/>
  <c r="O3066" i="5"/>
  <c r="O3814" i="5"/>
  <c r="O7072" i="5"/>
  <c r="O276" i="5"/>
  <c r="O1445" i="5"/>
  <c r="O741" i="5"/>
  <c r="O5989" i="5"/>
  <c r="O416" i="5"/>
  <c r="O1276" i="5"/>
  <c r="O610" i="5"/>
  <c r="O6676" i="5"/>
  <c r="O3069" i="5"/>
  <c r="O2548" i="5"/>
  <c r="O103" i="5"/>
  <c r="O80" i="5"/>
  <c r="O2941" i="5"/>
  <c r="O7655" i="5"/>
  <c r="O396" i="5"/>
  <c r="O6614" i="5"/>
  <c r="O3909" i="5"/>
  <c r="O4241" i="5"/>
  <c r="O2379" i="5"/>
  <c r="O3924" i="5"/>
  <c r="O6101" i="5"/>
  <c r="O4982" i="5"/>
  <c r="O1624" i="5"/>
  <c r="O7472" i="5"/>
  <c r="O4924" i="5"/>
  <c r="O6251" i="5"/>
  <c r="O6231" i="5"/>
  <c r="O8669" i="5"/>
  <c r="O1466" i="5"/>
  <c r="O5971" i="5"/>
  <c r="O780" i="5"/>
  <c r="O753" i="5"/>
  <c r="O2394" i="5"/>
  <c r="O7283" i="5"/>
  <c r="O5083" i="5"/>
  <c r="O518" i="5"/>
  <c r="O1118" i="5"/>
  <c r="O2084" i="5"/>
  <c r="O1020" i="5"/>
  <c r="O6594" i="5"/>
  <c r="O3761" i="5"/>
  <c r="O5583" i="5"/>
  <c r="O8458" i="5"/>
  <c r="O4129" i="5"/>
  <c r="O5453" i="5"/>
  <c r="O8174" i="5"/>
  <c r="O7687" i="5"/>
  <c r="O4483" i="5"/>
  <c r="O7239" i="5"/>
  <c r="O5725" i="5"/>
  <c r="O5991" i="5"/>
  <c r="O2699" i="5"/>
  <c r="O8014" i="5"/>
  <c r="O5255" i="5"/>
  <c r="O8088" i="5"/>
  <c r="O4409" i="5"/>
  <c r="O3147" i="5"/>
  <c r="O2301" i="5"/>
  <c r="O8076" i="5"/>
  <c r="O5155" i="5"/>
  <c r="O7457" i="5"/>
  <c r="O3376" i="5"/>
  <c r="O2112" i="5"/>
  <c r="O6808" i="5"/>
  <c r="O6003" i="5"/>
  <c r="O7145" i="5"/>
  <c r="O1080" i="5"/>
  <c r="O5488" i="5"/>
  <c r="O4434" i="5"/>
  <c r="O1061" i="5"/>
  <c r="O8592" i="5"/>
  <c r="O4234" i="5"/>
  <c r="O6829" i="5"/>
  <c r="O1872" i="5"/>
  <c r="O5105" i="5"/>
  <c r="O1954" i="5"/>
  <c r="O3483" i="5"/>
  <c r="O7679" i="5"/>
  <c r="O944" i="5"/>
  <c r="O8475" i="5"/>
  <c r="O2100" i="5"/>
  <c r="O7180" i="5"/>
  <c r="O6930" i="5"/>
  <c r="O1434" i="5"/>
  <c r="O1585" i="5"/>
  <c r="O1043" i="5"/>
  <c r="O3946" i="5"/>
  <c r="O2251" i="5"/>
  <c r="O2296" i="5"/>
  <c r="O7990" i="5"/>
  <c r="O6802" i="5"/>
  <c r="O8408" i="5"/>
  <c r="O8667" i="5"/>
  <c r="O2635" i="5"/>
  <c r="O4439" i="5"/>
  <c r="O3802" i="5"/>
  <c r="O5151" i="5"/>
  <c r="O4292" i="5"/>
  <c r="O868" i="5"/>
  <c r="O1243" i="5"/>
  <c r="O5289" i="5"/>
  <c r="O2749" i="5"/>
  <c r="O3538" i="5"/>
  <c r="O6139" i="5"/>
  <c r="O8674" i="5"/>
  <c r="O6994" i="5"/>
  <c r="O3774" i="5"/>
  <c r="O4378" i="5"/>
  <c r="O3769" i="5"/>
  <c r="O2796" i="5"/>
  <c r="O8591" i="5"/>
  <c r="O353" i="5"/>
  <c r="O682" i="5"/>
  <c r="O361" i="5"/>
  <c r="O4631" i="5"/>
  <c r="O2965" i="5"/>
  <c r="O538" i="5"/>
  <c r="O3590" i="5"/>
  <c r="O6070" i="5"/>
  <c r="O3404" i="5"/>
  <c r="O4125" i="5"/>
  <c r="O4270" i="5"/>
  <c r="O3229" i="5"/>
  <c r="O2237" i="5"/>
  <c r="O3273" i="5"/>
  <c r="O4590" i="5"/>
  <c r="O613" i="5"/>
  <c r="O6673" i="5"/>
  <c r="O6265" i="5"/>
  <c r="O1237" i="5"/>
  <c r="O6452" i="5"/>
  <c r="O2392" i="5"/>
  <c r="O7631" i="5"/>
  <c r="O2413" i="5"/>
  <c r="O6953" i="5"/>
  <c r="O1928" i="5"/>
  <c r="O3797" i="5"/>
  <c r="O5579" i="5"/>
  <c r="O1062" i="5"/>
  <c r="O2140" i="5"/>
  <c r="O8632" i="5"/>
  <c r="O2086" i="5"/>
  <c r="O179" i="5"/>
  <c r="O8484" i="5"/>
  <c r="O4653" i="5"/>
  <c r="O2895" i="5"/>
  <c r="O4407" i="5"/>
  <c r="O3309" i="5"/>
  <c r="O3932" i="5"/>
  <c r="O1868" i="5"/>
  <c r="O570" i="5"/>
  <c r="O5411" i="5"/>
  <c r="O4397" i="5"/>
  <c r="O204" i="5"/>
  <c r="O7096" i="5"/>
  <c r="O7640" i="5"/>
  <c r="O8275" i="5"/>
  <c r="O2612" i="5"/>
  <c r="O6992" i="5"/>
  <c r="O5747" i="5"/>
  <c r="O2406" i="5"/>
  <c r="O8189" i="5"/>
  <c r="O3275" i="5"/>
  <c r="O6666" i="5"/>
  <c r="O7246" i="5"/>
  <c r="O789" i="5"/>
  <c r="O2424" i="5"/>
  <c r="O581" i="5"/>
  <c r="O1959" i="5"/>
  <c r="O8344" i="5"/>
  <c r="O3982" i="5"/>
  <c r="O5313" i="5"/>
  <c r="O5457" i="5"/>
  <c r="O3546" i="5"/>
  <c r="O7838" i="5"/>
  <c r="O1735" i="5"/>
  <c r="O2035" i="5"/>
  <c r="O6485" i="5"/>
  <c r="O4229" i="5"/>
  <c r="O8120" i="5"/>
  <c r="O3620" i="5"/>
  <c r="O4914" i="5"/>
  <c r="O1250" i="5"/>
  <c r="O3449" i="5"/>
  <c r="O4735" i="5"/>
  <c r="O6468" i="5"/>
  <c r="O4948" i="5"/>
  <c r="O5142" i="5"/>
  <c r="O619" i="5"/>
  <c r="O4263" i="5"/>
  <c r="O7601" i="5"/>
  <c r="O3710" i="5"/>
  <c r="O2697" i="5"/>
  <c r="O3311" i="5"/>
  <c r="O3471" i="5"/>
  <c r="O7955" i="5"/>
  <c r="O6613" i="5"/>
  <c r="O8315" i="5"/>
  <c r="O3619" i="5"/>
  <c r="O3480" i="5"/>
  <c r="O7935" i="5"/>
  <c r="O6638" i="5"/>
  <c r="O4911" i="5"/>
  <c r="O1798" i="5"/>
  <c r="O6799" i="5"/>
  <c r="O6458" i="5"/>
  <c r="O4779" i="5"/>
  <c r="O2578" i="5"/>
  <c r="O212" i="5"/>
  <c r="O3755" i="5"/>
  <c r="O1439" i="5"/>
  <c r="O3255" i="5"/>
  <c r="O887" i="5"/>
  <c r="O1975" i="5"/>
  <c r="O3773" i="5"/>
  <c r="O722" i="5"/>
  <c r="O5267" i="5"/>
  <c r="O4802" i="5"/>
  <c r="O4147" i="5"/>
  <c r="O5589" i="5"/>
  <c r="O3748" i="5"/>
  <c r="O1188" i="5"/>
  <c r="O4766" i="5"/>
  <c r="O6163" i="5"/>
  <c r="O6148" i="5"/>
  <c r="O2899" i="5"/>
  <c r="O5576" i="5"/>
  <c r="O6099" i="5"/>
  <c r="O2128" i="5"/>
  <c r="O1075" i="5"/>
  <c r="O8682" i="5"/>
  <c r="O2114" i="5"/>
  <c r="O8521" i="5"/>
  <c r="O1201" i="5"/>
  <c r="O4433" i="5"/>
  <c r="O6731" i="5"/>
  <c r="O7802" i="5"/>
  <c r="O5904" i="5"/>
  <c r="O3642" i="5"/>
  <c r="O5787" i="5"/>
  <c r="O5804" i="5"/>
  <c r="O4042" i="5"/>
  <c r="O2426" i="5"/>
  <c r="O1028" i="5"/>
  <c r="O2244" i="5"/>
  <c r="O4913" i="5"/>
  <c r="O935" i="5"/>
  <c r="O2050" i="5"/>
  <c r="O3206" i="5"/>
  <c r="O7510" i="5"/>
  <c r="O219" i="5"/>
  <c r="O7008" i="5"/>
  <c r="O6332" i="5"/>
  <c r="O950" i="5"/>
  <c r="O4419" i="5"/>
  <c r="O4747" i="5"/>
  <c r="O4105" i="5"/>
  <c r="O458" i="5"/>
  <c r="O745" i="5"/>
  <c r="O7650" i="5"/>
  <c r="O5935" i="5"/>
  <c r="O7179" i="5"/>
  <c r="O119" i="5"/>
  <c r="O432" i="5"/>
  <c r="O4633" i="5"/>
  <c r="O357" i="5"/>
  <c r="O1392" i="5"/>
  <c r="O1762" i="5"/>
  <c r="O6596" i="5"/>
  <c r="O7763" i="5"/>
  <c r="O7591" i="5"/>
  <c r="O4544" i="5"/>
  <c r="O1536" i="5"/>
  <c r="O5729" i="5"/>
  <c r="O1123" i="5"/>
  <c r="O1281" i="5"/>
  <c r="O2270" i="5"/>
  <c r="O8518" i="5"/>
  <c r="O8146" i="5"/>
  <c r="O4310" i="5"/>
  <c r="O2129" i="5"/>
  <c r="O2808" i="5"/>
  <c r="O459" i="5"/>
  <c r="O5638" i="5"/>
  <c r="O6674" i="5"/>
  <c r="O7121" i="5"/>
  <c r="O3269" i="5"/>
  <c r="O7943" i="5"/>
  <c r="O8495" i="5"/>
  <c r="O899" i="5"/>
  <c r="O4137" i="5"/>
  <c r="O723" i="5"/>
  <c r="O7098" i="5"/>
  <c r="O4441" i="5"/>
  <c r="O5119" i="5"/>
  <c r="O1874" i="5"/>
  <c r="O7934" i="5"/>
  <c r="O1888" i="5"/>
  <c r="O6476" i="5"/>
  <c r="O3913" i="5"/>
  <c r="O5111" i="5"/>
  <c r="O7491" i="5"/>
  <c r="O4805" i="5"/>
  <c r="O5611" i="5"/>
  <c r="O6085" i="5"/>
  <c r="O2701" i="5"/>
  <c r="O774" i="5"/>
  <c r="O24" i="5"/>
  <c r="O7972" i="5"/>
  <c r="O4545" i="5"/>
  <c r="O6805" i="5"/>
  <c r="O4281" i="5"/>
  <c r="O6095" i="5"/>
  <c r="O3605" i="5"/>
  <c r="O1023" i="5"/>
  <c r="O365" i="5"/>
  <c r="O1191" i="5"/>
  <c r="O7786" i="5"/>
  <c r="O6124" i="5"/>
  <c r="O6494" i="5"/>
  <c r="O7238" i="5"/>
  <c r="O7126" i="5"/>
  <c r="O6256" i="5"/>
  <c r="O3313" i="5"/>
  <c r="O1275" i="5"/>
  <c r="O4593" i="5"/>
  <c r="O4712" i="5"/>
  <c r="O58" i="5"/>
  <c r="O6112" i="5"/>
  <c r="O3905" i="5"/>
  <c r="O2894" i="5"/>
  <c r="O5060" i="5"/>
  <c r="O6146" i="5"/>
  <c r="O5640" i="5"/>
  <c r="O8598" i="5"/>
  <c r="O2245" i="5"/>
  <c r="O2801" i="5"/>
  <c r="O1233" i="5"/>
  <c r="O3044" i="5"/>
  <c r="O2786" i="5"/>
  <c r="O1074" i="5"/>
  <c r="O8457" i="5"/>
  <c r="O8112" i="5"/>
  <c r="O3573" i="5"/>
  <c r="O6128" i="5"/>
  <c r="O6284" i="5"/>
  <c r="O1871" i="5"/>
  <c r="O243" i="5"/>
  <c r="O6643" i="5"/>
  <c r="O3986" i="5"/>
  <c r="O1085" i="5"/>
  <c r="O6940" i="5"/>
  <c r="O5666" i="5"/>
  <c r="O4482" i="5"/>
  <c r="O3034" i="5"/>
  <c r="O7669" i="5"/>
  <c r="O5723" i="5"/>
  <c r="O1244" i="5"/>
  <c r="O3767" i="5"/>
  <c r="O1769" i="5"/>
  <c r="O1706" i="5"/>
  <c r="O352" i="5"/>
  <c r="O8100" i="5"/>
  <c r="O5316" i="5"/>
  <c r="O2458" i="5"/>
  <c r="O2795" i="5"/>
  <c r="O1394" i="5"/>
  <c r="O1207" i="5"/>
  <c r="O7956" i="5"/>
  <c r="O7478" i="5"/>
  <c r="O64" i="5"/>
  <c r="O920" i="5"/>
  <c r="O8010" i="5"/>
  <c r="O1918" i="5"/>
  <c r="O7119" i="5"/>
  <c r="O4733" i="5"/>
  <c r="O2704" i="5"/>
  <c r="O3770" i="5"/>
  <c r="O1293" i="5"/>
  <c r="O7582" i="5"/>
  <c r="O7249" i="5"/>
  <c r="O3102" i="5"/>
  <c r="O1950" i="5"/>
  <c r="O2204" i="5"/>
  <c r="O1189" i="5"/>
  <c r="O7405" i="5"/>
  <c r="O4973" i="5"/>
  <c r="O21" i="5"/>
  <c r="O8609" i="5"/>
  <c r="O4422" i="5"/>
  <c r="O6501" i="5"/>
  <c r="O1571" i="5"/>
  <c r="O6975" i="5"/>
  <c r="O6326" i="5"/>
  <c r="O6117" i="5"/>
  <c r="O3586" i="5"/>
  <c r="O2787" i="5"/>
  <c r="O5626" i="5"/>
  <c r="O8107" i="5"/>
  <c r="O544" i="5"/>
  <c r="O6671" i="5"/>
  <c r="O2555" i="5"/>
  <c r="O1893" i="5"/>
  <c r="O6915" i="5"/>
  <c r="O524" i="5"/>
  <c r="O938" i="5"/>
  <c r="O5953" i="5"/>
  <c r="O3931" i="5"/>
  <c r="O5405" i="5"/>
  <c r="O5796" i="5"/>
  <c r="O2923" i="5"/>
  <c r="O1446" i="5"/>
  <c r="O2596" i="5"/>
  <c r="O4930" i="5"/>
  <c r="O2200" i="5"/>
  <c r="O5569" i="5"/>
  <c r="O4977" i="5"/>
  <c r="O7609" i="5"/>
  <c r="O7680" i="5"/>
  <c r="O7325" i="5"/>
  <c r="O7577" i="5"/>
  <c r="O6505" i="5"/>
  <c r="O7765" i="5"/>
  <c r="O1895" i="5"/>
  <c r="O2040" i="5"/>
  <c r="O2229" i="5"/>
  <c r="O3965" i="5"/>
  <c r="O3555" i="5"/>
  <c r="O2105" i="5"/>
  <c r="O5730" i="5"/>
  <c r="O2445" i="5"/>
  <c r="O4428" i="5"/>
  <c r="O6110" i="5"/>
  <c r="O2966" i="5"/>
  <c r="O1024" i="5"/>
  <c r="O3105" i="5"/>
  <c r="O4567" i="5"/>
  <c r="O4559" i="5"/>
  <c r="O1581" i="5"/>
  <c r="O6257" i="5"/>
  <c r="O717" i="5"/>
  <c r="O6409" i="5"/>
  <c r="O593" i="5"/>
  <c r="O7173" i="5"/>
  <c r="O3455" i="5"/>
  <c r="O268" i="5"/>
  <c r="O4624" i="5"/>
  <c r="O6448" i="5"/>
  <c r="O3265" i="5"/>
  <c r="O6761" i="5"/>
  <c r="O6589" i="5"/>
  <c r="O921" i="5"/>
  <c r="O6973" i="5"/>
  <c r="O955" i="5"/>
  <c r="O7963" i="5"/>
  <c r="O1544" i="5"/>
  <c r="O1091" i="5"/>
  <c r="O7316" i="5"/>
  <c r="O5980" i="5"/>
  <c r="O18" i="5"/>
  <c r="O1569" i="5"/>
  <c r="O3760" i="5"/>
  <c r="O3983" i="5"/>
  <c r="O2937" i="5"/>
  <c r="O1241" i="5"/>
  <c r="O7993" i="5"/>
  <c r="O8748" i="5"/>
  <c r="O9" i="5"/>
  <c r="O6598" i="5"/>
  <c r="O2371" i="5"/>
  <c r="O7449" i="5"/>
  <c r="O7827" i="5"/>
  <c r="O4901" i="5"/>
  <c r="O5274" i="5"/>
  <c r="O1568" i="5"/>
  <c r="O4317" i="5"/>
  <c r="O2132" i="5"/>
  <c r="O1727" i="5"/>
  <c r="O6835" i="5"/>
  <c r="O1695" i="5"/>
  <c r="O2598" i="5"/>
  <c r="O2908" i="5"/>
  <c r="O6938" i="5"/>
  <c r="O8647" i="5"/>
  <c r="O5483" i="5"/>
  <c r="O5667" i="5"/>
  <c r="O5931" i="5"/>
  <c r="O6995" i="5"/>
  <c r="O1219" i="5"/>
  <c r="O6244" i="5"/>
  <c r="O1736" i="5"/>
  <c r="O715" i="5"/>
  <c r="O4892" i="5"/>
  <c r="O5823" i="5"/>
  <c r="O6919" i="5"/>
  <c r="O8111" i="5"/>
  <c r="O7658" i="5"/>
  <c r="O729" i="5"/>
  <c r="O7123" i="5"/>
  <c r="O5385" i="5"/>
  <c r="O7174" i="5"/>
  <c r="O414" i="5"/>
  <c r="O232" i="5"/>
  <c r="O7319" i="5"/>
  <c r="O2907" i="5"/>
  <c r="O6764" i="5"/>
  <c r="O2741" i="5"/>
  <c r="O5249" i="5"/>
  <c r="O8689" i="5"/>
  <c r="O2207" i="5"/>
  <c r="O1455" i="5"/>
  <c r="O1904" i="5"/>
  <c r="O3247" i="5"/>
  <c r="O7350" i="5"/>
  <c r="O8519" i="5"/>
  <c r="O630" i="5"/>
  <c r="O2373" i="5"/>
  <c r="O26" i="5"/>
  <c r="O1718" i="5"/>
  <c r="O7907" i="5"/>
  <c r="O2928" i="5"/>
  <c r="O8431" i="5"/>
  <c r="O5813" i="5"/>
  <c r="O1726" i="5"/>
  <c r="O6263" i="5"/>
  <c r="O2024" i="5"/>
  <c r="O4960" i="5"/>
  <c r="O3926" i="5"/>
  <c r="O4723" i="5"/>
  <c r="O7310" i="5"/>
  <c r="O1408" i="5"/>
  <c r="O1262" i="5"/>
  <c r="O4239" i="5"/>
  <c r="O1025" i="5"/>
  <c r="O517" i="5"/>
  <c r="O220" i="5"/>
  <c r="O1124" i="5"/>
  <c r="O5236" i="5"/>
  <c r="O6413" i="5"/>
  <c r="O2242" i="5"/>
  <c r="O2222" i="5"/>
  <c r="O5564" i="5"/>
  <c r="O6116" i="5"/>
  <c r="O2096" i="5"/>
  <c r="O1296" i="5"/>
  <c r="O2435" i="5"/>
  <c r="O5139" i="5"/>
  <c r="O7078" i="5"/>
  <c r="O8175" i="5"/>
  <c r="O7825" i="5"/>
  <c r="O2864" i="5"/>
  <c r="O3950" i="5"/>
  <c r="O6605" i="5"/>
  <c r="O1702" i="5"/>
  <c r="O5588" i="5"/>
  <c r="O2303" i="5"/>
  <c r="O5819" i="5"/>
  <c r="O62" i="5"/>
  <c r="O3382" i="5"/>
  <c r="O6983" i="5"/>
  <c r="O2460" i="5"/>
  <c r="O3818" i="5"/>
  <c r="O6786" i="5"/>
  <c r="O4461" i="5"/>
  <c r="O2415" i="5"/>
  <c r="O3823" i="5"/>
  <c r="O854" i="5"/>
  <c r="O6274" i="5"/>
  <c r="O1038" i="5"/>
  <c r="O2206" i="5"/>
  <c r="O292" i="5"/>
  <c r="O7422" i="5"/>
  <c r="O4556" i="5"/>
  <c r="O5724" i="5"/>
  <c r="O7948" i="5"/>
  <c r="O8452" i="5"/>
  <c r="O4430" i="5"/>
  <c r="O3617" i="5"/>
  <c r="O371" i="5"/>
  <c r="O4321" i="5"/>
  <c r="O8170" i="5"/>
  <c r="O363" i="5"/>
  <c r="O8279" i="5"/>
  <c r="O8663" i="5"/>
  <c r="O4778" i="5"/>
  <c r="O2805" i="5"/>
  <c r="O2708" i="5"/>
  <c r="O1029" i="5"/>
  <c r="O1902" i="5"/>
  <c r="O7779" i="5"/>
  <c r="O7991" i="5"/>
  <c r="O1417" i="5"/>
  <c r="O6936" i="5"/>
  <c r="O6819" i="5"/>
  <c r="O765" i="5"/>
  <c r="O2109" i="5"/>
  <c r="O2081" i="5"/>
  <c r="O2288" i="5"/>
  <c r="O778" i="5"/>
  <c r="O4274" i="5"/>
  <c r="O5946" i="5"/>
  <c r="O5766" i="5"/>
  <c r="O6246" i="5"/>
  <c r="O7919" i="5"/>
  <c r="O6920" i="5"/>
  <c r="O3113" i="5"/>
  <c r="O4128" i="5"/>
  <c r="O2731" i="5"/>
  <c r="O6616" i="5"/>
  <c r="O4622" i="5"/>
  <c r="O6288" i="5"/>
  <c r="O5669" i="5"/>
  <c r="O7125" i="5"/>
  <c r="O392" i="5"/>
  <c r="O6091" i="5"/>
  <c r="O7285" i="5"/>
  <c r="O1437" i="5"/>
  <c r="O1955" i="5"/>
  <c r="O6787" i="5"/>
  <c r="O8323" i="5"/>
  <c r="O608" i="5"/>
  <c r="O2102" i="5"/>
  <c r="O4224" i="5"/>
  <c r="O8097" i="5"/>
  <c r="O99" i="5"/>
  <c r="O8130" i="5"/>
  <c r="O8504" i="5"/>
  <c r="O788" i="5"/>
  <c r="O4999" i="5"/>
  <c r="O2382" i="5"/>
  <c r="O7502" i="5"/>
  <c r="O8089" i="5"/>
  <c r="O5740" i="5"/>
  <c r="O8353" i="5"/>
  <c r="O4727" i="5"/>
  <c r="O8627" i="5"/>
  <c r="O8635" i="5"/>
  <c r="O1072" i="5"/>
  <c r="O2878" i="5"/>
  <c r="O2097" i="5"/>
  <c r="O7349" i="5"/>
  <c r="O222" i="5"/>
  <c r="O1538" i="5"/>
  <c r="O602" i="5"/>
  <c r="O2752" i="5"/>
  <c r="O2257" i="5"/>
  <c r="O7952" i="5"/>
  <c r="O521" i="5"/>
  <c r="O2072" i="5"/>
  <c r="O6334" i="5"/>
  <c r="O5247" i="5"/>
  <c r="O3721" i="5"/>
  <c r="O5153" i="5"/>
  <c r="O4578" i="5"/>
  <c r="O6659" i="5"/>
  <c r="O1783" i="5"/>
  <c r="O2419" i="5"/>
  <c r="O349" i="5"/>
  <c r="O1362" i="5"/>
  <c r="O3300" i="5"/>
  <c r="O8274" i="5"/>
  <c r="O2070" i="5"/>
  <c r="O6588" i="5"/>
  <c r="O8321" i="5"/>
  <c r="O6510" i="5"/>
  <c r="O3293" i="5"/>
  <c r="O6172" i="5"/>
  <c r="O5314" i="5"/>
  <c r="O4644" i="5"/>
  <c r="O6815" i="5"/>
  <c r="O5164" i="5"/>
  <c r="O1384" i="5"/>
  <c r="O178" i="5"/>
  <c r="O127" i="5"/>
  <c r="O4771" i="5"/>
  <c r="O1739" i="5"/>
  <c r="O3209" i="5"/>
  <c r="O7129" i="5"/>
  <c r="O4950" i="5"/>
  <c r="O8265" i="5"/>
  <c r="O372" i="5"/>
  <c r="O7598" i="5"/>
  <c r="O8144" i="5"/>
  <c r="O8280" i="5"/>
  <c r="O3735" i="5"/>
  <c r="O6572" i="5"/>
  <c r="O541" i="5"/>
  <c r="O8288" i="5"/>
  <c r="O1891" i="5"/>
  <c r="O5295" i="5"/>
  <c r="O4933" i="5"/>
  <c r="O7978" i="5"/>
  <c r="O6678" i="5"/>
  <c r="O5795" i="5"/>
  <c r="O1359" i="5"/>
  <c r="O4720" i="5"/>
  <c r="O4080" i="5"/>
  <c r="O1355" i="5"/>
  <c r="O1973" i="5"/>
  <c r="O4309" i="5"/>
  <c r="O690" i="5"/>
  <c r="O8600" i="5"/>
  <c r="O711" i="5"/>
  <c r="O1236" i="5"/>
  <c r="O7346" i="5"/>
  <c r="O4467" i="5"/>
  <c r="O904" i="5"/>
  <c r="O2767" i="5"/>
  <c r="O7251" i="5"/>
  <c r="O5478" i="5"/>
  <c r="O4976" i="5"/>
  <c r="O386" i="5"/>
  <c r="O4656" i="5"/>
  <c r="O4151" i="5"/>
  <c r="O764" i="5"/>
  <c r="O8127" i="5"/>
  <c r="O957" i="5"/>
  <c r="O3124" i="5"/>
  <c r="O8359" i="5"/>
  <c r="O4790" i="5"/>
  <c r="O1079" i="5"/>
  <c r="O6633" i="5"/>
  <c r="O1559" i="5"/>
  <c r="O3138" i="5"/>
  <c r="O3794" i="5"/>
  <c r="O7265" i="5"/>
  <c r="O7662" i="5"/>
  <c r="O5050" i="5"/>
  <c r="O2361" i="5"/>
  <c r="O3259" i="5"/>
  <c r="O2733" i="5"/>
  <c r="O2287" i="5"/>
  <c r="O8437" i="5"/>
  <c r="O5434" i="5"/>
  <c r="O6399" i="5"/>
  <c r="O5104" i="5"/>
  <c r="O3647" i="5"/>
  <c r="O5103" i="5"/>
  <c r="O2544" i="5"/>
  <c r="O8489" i="5"/>
  <c r="O6662" i="5"/>
  <c r="O8123" i="5"/>
  <c r="O4942" i="5"/>
  <c r="O5422" i="5"/>
  <c r="O8757" i="5"/>
  <c r="O7587" i="5"/>
  <c r="O5934" i="5"/>
  <c r="O1860" i="5"/>
  <c r="O7571" i="5"/>
  <c r="O425" i="5"/>
  <c r="O885" i="5"/>
  <c r="O3543" i="5"/>
  <c r="O3410" i="5"/>
  <c r="O2532" i="5"/>
  <c r="O5298" i="5"/>
  <c r="O8470" i="5"/>
  <c r="O208" i="5"/>
  <c r="O210" i="5"/>
  <c r="O1056" i="5"/>
  <c r="O7602" i="5"/>
  <c r="O6921" i="5"/>
  <c r="O5552" i="5"/>
  <c r="O2118" i="5"/>
  <c r="O2370" i="5"/>
  <c r="O8263" i="5"/>
  <c r="O8462" i="5"/>
  <c r="O4580" i="5"/>
  <c r="O8673" i="5"/>
  <c r="O3880" i="5"/>
  <c r="O5470" i="5"/>
  <c r="O2865" i="5"/>
  <c r="O6927" i="5"/>
  <c r="O2280" i="5"/>
  <c r="O8761" i="5"/>
  <c r="O1691" i="5"/>
  <c r="O5637" i="5"/>
  <c r="O6951" i="5"/>
  <c r="O7928" i="5"/>
  <c r="O1298" i="5"/>
  <c r="O350" i="5"/>
  <c r="O6793" i="5"/>
  <c r="O2643" i="5"/>
  <c r="O3432" i="5"/>
  <c r="O6238" i="5"/>
  <c r="O2205" i="5"/>
  <c r="O423" i="5"/>
  <c r="O8424" i="5"/>
  <c r="O5595" i="5"/>
  <c r="O7813" i="5"/>
  <c r="O5158" i="5"/>
  <c r="O851" i="5"/>
  <c r="O4886" i="5"/>
  <c r="O2735" i="5"/>
  <c r="O6093" i="5"/>
  <c r="O2609" i="5"/>
  <c r="O5276" i="5"/>
  <c r="O3383" i="5"/>
  <c r="O8295" i="5"/>
  <c r="O8166" i="5"/>
  <c r="O4555" i="5"/>
  <c r="O397" i="5"/>
  <c r="O8091" i="5"/>
  <c r="O7447" i="5"/>
  <c r="O4471" i="5"/>
  <c r="O8109" i="5"/>
  <c r="O3245" i="5"/>
  <c r="O8577" i="5"/>
  <c r="O7109" i="5"/>
  <c r="O2197" i="5"/>
  <c r="O5995" i="5"/>
  <c r="O3640" i="5"/>
  <c r="O2262" i="5"/>
  <c r="O913" i="5"/>
  <c r="O3712" i="5"/>
  <c r="O4751" i="5"/>
  <c r="O1469" i="5"/>
  <c r="O8491" i="5"/>
  <c r="O3875" i="5"/>
  <c r="O6607" i="5"/>
  <c r="O7633" i="5"/>
  <c r="O6641" i="5"/>
  <c r="O2582" i="5"/>
  <c r="O3263" i="5"/>
  <c r="O4819" i="5"/>
  <c r="O7926" i="5"/>
  <c r="O3734" i="5"/>
  <c r="O1400" i="5"/>
  <c r="O2962" i="5"/>
  <c r="O8423" i="5"/>
  <c r="O7079" i="5"/>
  <c r="O112" i="5"/>
  <c r="O388" i="5"/>
  <c r="O2644" i="5"/>
  <c r="O5952" i="5"/>
  <c r="O2932" i="5"/>
  <c r="O7236" i="5"/>
  <c r="O3304" i="5"/>
  <c r="O7160" i="5"/>
  <c r="O3466" i="5"/>
  <c r="O4797" i="5"/>
  <c r="O3978" i="5"/>
  <c r="O1867" i="5"/>
  <c r="O1634" i="5"/>
  <c r="O6970" i="5"/>
  <c r="O5479" i="5"/>
  <c r="O3652" i="5"/>
  <c r="O1117" i="5"/>
  <c r="O1090" i="5"/>
  <c r="O6910" i="5"/>
  <c r="O8081" i="5"/>
  <c r="O1952" i="5"/>
  <c r="O736" i="5"/>
  <c r="O2289" i="5"/>
  <c r="O6434" i="5"/>
  <c r="O5951" i="5"/>
  <c r="O1022" i="5"/>
  <c r="O746" i="5"/>
  <c r="O7441" i="5"/>
  <c r="O7068" i="5"/>
  <c r="O1942" i="5"/>
  <c r="O6924" i="5"/>
  <c r="O8260" i="5"/>
  <c r="O3135" i="5"/>
  <c r="O5559" i="5"/>
  <c r="O5751" i="5"/>
  <c r="O2730" i="5"/>
  <c r="O2402" i="5"/>
  <c r="O8139" i="5"/>
  <c r="O5648" i="5"/>
  <c r="O6601" i="5"/>
  <c r="O5553" i="5"/>
  <c r="O1230" i="5"/>
  <c r="O945" i="5"/>
  <c r="O7142" i="5"/>
  <c r="O7244" i="5"/>
  <c r="O2717" i="5"/>
  <c r="O5631" i="5"/>
  <c r="O1391" i="5"/>
  <c r="O6149" i="5"/>
  <c r="O1730" i="5"/>
  <c r="O8093" i="5"/>
  <c r="O1752" i="5"/>
  <c r="O6487" i="5"/>
  <c r="O3763" i="5"/>
  <c r="O5101" i="5"/>
  <c r="O6963" i="5"/>
  <c r="O5805" i="5"/>
  <c r="O4787" i="5"/>
  <c r="O5237" i="5"/>
  <c r="O3459" i="5"/>
  <c r="O2463" i="5"/>
  <c r="O4405" i="5"/>
  <c r="O3562" i="5"/>
  <c r="O514" i="5"/>
  <c r="O1543" i="5"/>
  <c r="O4084" i="5"/>
  <c r="O3638" i="5"/>
  <c r="O7241" i="5"/>
  <c r="O2442" i="5"/>
  <c r="O253" i="5"/>
  <c r="O2902" i="5"/>
  <c r="O5628" i="5"/>
  <c r="O7485" i="5"/>
  <c r="O2253" i="5"/>
  <c r="O3726" i="5"/>
  <c r="O4636" i="5"/>
  <c r="O3938" i="5"/>
  <c r="O376" i="5"/>
  <c r="O4650" i="5"/>
  <c r="O7987" i="5"/>
  <c r="O2622" i="5"/>
  <c r="O5954" i="5"/>
  <c r="O7317" i="5"/>
  <c r="O6492" i="5"/>
  <c r="O6134" i="5"/>
  <c r="O2282" i="5"/>
  <c r="O3202" i="5"/>
  <c r="O3718" i="5"/>
  <c r="O8648" i="5"/>
  <c r="O4988" i="5"/>
  <c r="O6911" i="5"/>
  <c r="O447" i="5"/>
  <c r="O6958" i="5"/>
  <c r="O2744" i="5"/>
  <c r="O7821" i="5"/>
  <c r="O443" i="5"/>
  <c r="O6669" i="5"/>
  <c r="O1409" i="5"/>
  <c r="O7959" i="5"/>
  <c r="O8633" i="5"/>
  <c r="O5444" i="5"/>
  <c r="O108" i="5"/>
  <c r="O6934" i="5"/>
  <c r="O2696" i="5"/>
  <c r="O6922" i="5"/>
  <c r="O5059" i="5"/>
  <c r="O1560" i="5"/>
  <c r="O4132" i="5"/>
  <c r="O2052" i="5"/>
  <c r="O7635" i="5"/>
  <c r="O5112" i="5"/>
  <c r="O3613" i="5"/>
  <c r="O8638" i="5"/>
  <c r="O4742" i="5"/>
  <c r="O5162" i="5"/>
  <c r="O3121" i="5"/>
  <c r="O3388" i="5"/>
  <c r="O8759" i="5"/>
  <c r="O2381" i="5"/>
  <c r="O3082" i="5"/>
  <c r="O8356" i="5"/>
  <c r="O8257" i="5"/>
  <c r="O5731" i="5"/>
  <c r="O681" i="5"/>
  <c r="O2275" i="5"/>
  <c r="O3314" i="5"/>
  <c r="O4600" i="5"/>
  <c r="O721" i="5"/>
  <c r="O2044" i="5"/>
  <c r="O6906" i="5"/>
  <c r="O3891" i="5"/>
  <c r="O2807" i="5"/>
  <c r="O7312" i="5"/>
  <c r="O6826" i="5"/>
  <c r="O4943" i="5"/>
  <c r="O97" i="5"/>
  <c r="O4608" i="5"/>
  <c r="O4072" i="5"/>
  <c r="O4212" i="5"/>
  <c r="O4647" i="5"/>
  <c r="O8304" i="5"/>
  <c r="O3789" i="5"/>
  <c r="O3975" i="5"/>
  <c r="O4566" i="5"/>
  <c r="O382" i="5"/>
  <c r="O3453" i="5"/>
  <c r="O2459" i="5"/>
  <c r="O6435" i="5"/>
  <c r="O6564" i="5"/>
  <c r="O4899" i="5"/>
  <c r="O2590" i="5"/>
  <c r="O7664" i="5"/>
  <c r="O4635" i="5"/>
  <c r="O769" i="5"/>
  <c r="O3205" i="5"/>
  <c r="O4916" i="5"/>
  <c r="O3079" i="5"/>
  <c r="O4716" i="5"/>
  <c r="O543" i="5"/>
  <c r="O4929" i="5"/>
  <c r="O5727" i="5"/>
  <c r="O6766" i="5"/>
  <c r="O2728" i="5"/>
  <c r="O7240" i="5"/>
  <c r="O4456" i="5"/>
  <c r="O221" i="5"/>
  <c r="O8410" i="5"/>
  <c r="O6174" i="5"/>
  <c r="O3036" i="5"/>
  <c r="O4108" i="5"/>
  <c r="O2228" i="5"/>
  <c r="O8294" i="5"/>
  <c r="O3980" i="5"/>
  <c r="O2391" i="5"/>
  <c r="O3219" i="5"/>
  <c r="O2369" i="5"/>
  <c r="O8317" i="5"/>
  <c r="O5452" i="5"/>
  <c r="O7855" i="5"/>
  <c r="O2905" i="5"/>
  <c r="O441" i="5"/>
  <c r="O770" i="5"/>
  <c r="O2880" i="5"/>
  <c r="O5568" i="5"/>
  <c r="O2267" i="5"/>
  <c r="O1599" i="5"/>
  <c r="O7799" i="5"/>
  <c r="O3821" i="5"/>
  <c r="O7237" i="5"/>
  <c r="O1968" i="5"/>
  <c r="O628" i="5"/>
  <c r="O7076" i="5"/>
  <c r="O5092" i="5"/>
  <c r="O5294" i="5"/>
  <c r="O749" i="5"/>
  <c r="O762" i="5"/>
  <c r="O7627" i="5"/>
  <c r="O3252" i="5"/>
  <c r="O7927" i="5"/>
  <c r="O5825" i="5"/>
  <c r="O911" i="5"/>
  <c r="O7614" i="5"/>
  <c r="O4920" i="5"/>
  <c r="O4299" i="5"/>
  <c r="O4585" i="5"/>
  <c r="O2597" i="5"/>
  <c r="O8134" i="5"/>
  <c r="O7272" i="5"/>
  <c r="O6579" i="5"/>
  <c r="O6914" i="5"/>
  <c r="O176" i="5"/>
  <c r="O3612" i="5"/>
  <c r="O5908" i="5"/>
  <c r="O270" i="5"/>
  <c r="O5970" i="5"/>
  <c r="O5744" i="5"/>
  <c r="O420" i="5"/>
  <c r="O6471" i="5"/>
  <c r="O7418" i="5"/>
  <c r="O2278" i="5"/>
  <c r="O1404" i="5"/>
  <c r="O1129" i="5"/>
  <c r="O2933" i="5"/>
  <c r="O3141" i="5"/>
  <c r="O5770" i="5"/>
  <c r="O890" i="5"/>
  <c r="O3953" i="5"/>
  <c r="O7175" i="5"/>
  <c r="O7344" i="5"/>
  <c r="O5323" i="5"/>
  <c r="O5775" i="5"/>
  <c r="O2884" i="5"/>
  <c r="O4492" i="5"/>
  <c r="O1886" i="5"/>
  <c r="O2814" i="5"/>
  <c r="O7619" i="5"/>
  <c r="O455" i="5"/>
  <c r="O2553" i="5"/>
  <c r="O3936" i="5"/>
  <c r="O5403" i="5"/>
  <c r="O5466" i="5"/>
  <c r="O2541" i="5"/>
  <c r="O7300" i="5"/>
  <c r="O4245" i="5"/>
  <c r="O539" i="5"/>
  <c r="O4305" i="5"/>
  <c r="O5956" i="5"/>
  <c r="O3991" i="5"/>
  <c r="O7069" i="5"/>
  <c r="O6904" i="5"/>
  <c r="O6585" i="5"/>
  <c r="O7908" i="5"/>
  <c r="O4826" i="5"/>
  <c r="O7982" i="5"/>
  <c r="O6136" i="5"/>
  <c r="O1452" i="5"/>
  <c r="O5417" i="5"/>
  <c r="O1881" i="5"/>
  <c r="O1051" i="5"/>
  <c r="O3572" i="5"/>
  <c r="O5743" i="5"/>
  <c r="O6653" i="5"/>
  <c r="O415" i="5"/>
  <c r="O4921" i="5"/>
  <c r="O6309" i="5"/>
  <c r="O5165" i="5"/>
  <c r="O6779" i="5"/>
  <c r="O6105" i="5"/>
  <c r="O8333" i="5"/>
  <c r="O5436" i="5"/>
  <c r="O2249" i="5"/>
  <c r="O5737" i="5"/>
  <c r="O3308" i="5"/>
  <c r="O5646" i="5"/>
  <c r="O6611" i="5"/>
  <c r="O1389" i="5"/>
  <c r="O6161" i="5"/>
  <c r="O3274" i="5"/>
  <c r="O3984" i="5"/>
  <c r="O3246" i="5"/>
  <c r="O2566" i="5"/>
  <c r="O4789" i="5"/>
  <c r="O2293" i="5"/>
  <c r="O453" i="5"/>
  <c r="O7498" i="5"/>
  <c r="O3216" i="5"/>
  <c r="O7677" i="5"/>
  <c r="O5440" i="5"/>
  <c r="O2760" i="5"/>
  <c r="O8324" i="5"/>
  <c r="O6395" i="5"/>
  <c r="O7628" i="5"/>
  <c r="O6120" i="5"/>
  <c r="O8128" i="5"/>
  <c r="O1271" i="5"/>
  <c r="O4111" i="5"/>
  <c r="O7284" i="5"/>
  <c r="O34" i="5"/>
  <c r="O347" i="5"/>
  <c r="O7501" i="5"/>
  <c r="O2926" i="5"/>
  <c r="O1287" i="5"/>
  <c r="O771" i="5"/>
  <c r="O4619" i="5"/>
  <c r="O2034" i="5"/>
  <c r="O1541" i="5"/>
  <c r="O7089" i="5"/>
  <c r="O368" i="5"/>
  <c r="O1526" i="5"/>
  <c r="O6057" i="5"/>
  <c r="O1227" i="5"/>
  <c r="O1049" i="5"/>
  <c r="O798" i="5"/>
  <c r="O6790" i="5"/>
  <c r="O1259" i="5"/>
  <c r="O8657" i="5"/>
  <c r="O3805" i="5"/>
  <c r="O2217" i="5"/>
  <c r="O6608" i="5"/>
  <c r="O7421" i="5"/>
  <c r="O8346" i="5"/>
  <c r="O4958" i="5"/>
  <c r="O4460" i="5"/>
  <c r="O2087" i="5"/>
  <c r="O1060" i="5"/>
  <c r="O6597" i="5"/>
  <c r="O2125" i="5"/>
  <c r="O5581" i="5"/>
  <c r="O1779" i="5"/>
  <c r="O8510" i="5"/>
  <c r="O6814" i="5"/>
  <c r="O6784" i="5"/>
  <c r="O2910" i="5"/>
  <c r="O7505" i="5"/>
  <c r="O7755" i="5"/>
  <c r="O2739" i="5"/>
  <c r="O4401" i="5"/>
  <c r="O5122" i="5"/>
  <c r="O7138" i="5"/>
  <c r="O2890" i="5"/>
  <c r="O3910" i="5"/>
  <c r="O5759" i="5"/>
  <c r="O6806" i="5"/>
  <c r="O283" i="5"/>
  <c r="O8300" i="5"/>
  <c r="O3075" i="5"/>
  <c r="O795" i="5"/>
  <c r="O5127" i="5"/>
  <c r="O1721" i="5"/>
  <c r="O38" i="5"/>
  <c r="O3919" i="5"/>
  <c r="O1211" i="5"/>
  <c r="O4476" i="5"/>
  <c r="O4423" i="5"/>
  <c r="O4983" i="5"/>
  <c r="O6444" i="5"/>
  <c r="O2536" i="5"/>
  <c r="O7304" i="5"/>
  <c r="O3084" i="5"/>
  <c r="O4905" i="5"/>
  <c r="O2309" i="5"/>
  <c r="O6729" i="5"/>
  <c r="O7254" i="5"/>
  <c r="O1771" i="5"/>
  <c r="O2561" i="5"/>
  <c r="O5629" i="5"/>
  <c r="O3585" i="5"/>
  <c r="O5299" i="5"/>
  <c r="O5592" i="5"/>
  <c r="O1556" i="5"/>
  <c r="O3380" i="5"/>
  <c r="O110" i="5"/>
  <c r="O6976" i="5"/>
  <c r="O6415" i="5"/>
  <c r="O4637" i="5"/>
  <c r="O525" i="5"/>
  <c r="O547" i="5"/>
  <c r="O1553" i="5"/>
  <c r="O4565" i="5"/>
  <c r="O2607" i="5"/>
  <c r="O6840" i="5"/>
  <c r="O4376" i="5"/>
  <c r="O2437" i="5"/>
  <c r="O1537" i="5"/>
  <c r="O3929" i="5"/>
  <c r="O1361" i="5"/>
  <c r="O1572" i="5"/>
  <c r="O8454" i="5"/>
  <c r="O7480" i="5"/>
  <c r="O2600" i="5"/>
  <c r="O5049" i="5"/>
  <c r="O2742" i="5"/>
  <c r="O3912" i="5"/>
  <c r="O223" i="5"/>
  <c r="O8602" i="5"/>
  <c r="O2258" i="5"/>
  <c r="O5817" i="5"/>
  <c r="O6788" i="5"/>
  <c r="O8473" i="5"/>
  <c r="O4403" i="5"/>
  <c r="O52" i="5"/>
  <c r="O3372" i="5"/>
  <c r="O3972" i="5"/>
  <c r="O8173" i="5"/>
  <c r="O3990" i="5"/>
  <c r="O2416" i="5"/>
  <c r="O290" i="5"/>
  <c r="O409" i="5"/>
  <c r="O4628" i="5"/>
  <c r="O7778" i="5"/>
  <c r="O7616" i="5"/>
  <c r="O7426" i="5"/>
  <c r="O5618" i="5"/>
  <c r="O433" i="5"/>
  <c r="O7146" i="5"/>
  <c r="O4812" i="5"/>
  <c r="O7429" i="5"/>
  <c r="O5147" i="5"/>
  <c r="O2809" i="5"/>
  <c r="O7168" i="5"/>
  <c r="O902" i="5"/>
  <c r="O4575" i="5"/>
  <c r="O6094" i="5"/>
  <c r="O7001" i="5"/>
  <c r="O6602" i="5"/>
  <c r="O6460" i="5"/>
  <c r="O1738" i="5"/>
  <c r="O3653" i="5"/>
  <c r="O3787" i="5"/>
  <c r="O6757" i="5"/>
  <c r="O7980" i="5"/>
  <c r="O4096" i="5"/>
  <c r="O3442" i="5"/>
  <c r="O6619" i="5"/>
  <c r="O1734" i="5"/>
  <c r="O5125" i="5"/>
  <c r="O5433" i="5"/>
  <c r="O6658" i="5"/>
  <c r="O8492" i="5"/>
  <c r="O226" i="5"/>
  <c r="O1356" i="5"/>
  <c r="O4464" i="5"/>
  <c r="O5918" i="5"/>
  <c r="O1260" i="5"/>
  <c r="O2395" i="5"/>
  <c r="O687" i="5"/>
  <c r="O1704" i="5"/>
  <c r="O4811" i="5"/>
  <c r="O3594" i="5"/>
  <c r="O7132" i="5"/>
  <c r="O6990" i="5"/>
  <c r="O6158" i="5"/>
  <c r="O5243" i="5"/>
  <c r="O3589" i="5"/>
  <c r="O2711" i="5"/>
  <c r="O3941" i="5"/>
  <c r="O5570" i="5"/>
  <c r="O7794" i="5"/>
  <c r="O7432" i="5"/>
  <c r="O5947" i="5"/>
  <c r="O3260" i="5"/>
  <c r="O730" i="5"/>
  <c r="O4076" i="5"/>
  <c r="O8440" i="5"/>
  <c r="O4064" i="5"/>
  <c r="O6945" i="5"/>
  <c r="O8162" i="5"/>
  <c r="O7167" i="5"/>
  <c r="O4114" i="5"/>
  <c r="O401" i="5"/>
  <c r="O5503" i="5"/>
  <c r="O2761" i="5"/>
  <c r="O8168" i="5"/>
  <c r="O1743" i="5"/>
  <c r="O7648" i="5"/>
  <c r="O4947" i="5"/>
  <c r="O1901" i="5"/>
  <c r="O6939" i="5"/>
  <c r="O421" i="5"/>
  <c r="O5281" i="5"/>
  <c r="O3762" i="5"/>
  <c r="O1390" i="5"/>
  <c r="O4588" i="5"/>
  <c r="O7781" i="5"/>
  <c r="O4782" i="5"/>
  <c r="O6253" i="5"/>
  <c r="O6333" i="5"/>
  <c r="O356" i="5"/>
  <c r="O3473" i="5"/>
  <c r="O5394" i="5"/>
  <c r="O1134" i="5"/>
  <c r="O8135" i="5"/>
  <c r="O3595" i="5"/>
  <c r="O3775" i="5"/>
  <c r="O4083" i="5"/>
  <c r="O4240" i="5"/>
  <c r="O3927" i="5"/>
  <c r="O4582" i="5"/>
  <c r="O1441" i="5"/>
  <c r="O4120" i="5"/>
  <c r="O2077" i="5"/>
  <c r="O1876" i="5"/>
  <c r="O5275" i="5"/>
  <c r="O5223" i="5"/>
  <c r="O3287" i="5"/>
  <c r="O8502" i="5"/>
  <c r="O7308" i="5"/>
  <c r="O1407" i="5"/>
  <c r="O4280" i="5"/>
  <c r="O3284" i="5"/>
  <c r="O3071" i="5"/>
  <c r="O5093" i="5"/>
  <c r="O7242" i="5"/>
  <c r="O4726" i="5"/>
  <c r="O5167" i="5"/>
  <c r="O7075" i="5"/>
  <c r="O5071" i="5"/>
  <c r="O2477" i="5"/>
  <c r="O1692" i="5"/>
  <c r="O3817" i="5"/>
  <c r="O2969" i="5"/>
  <c r="O4301" i="5"/>
  <c r="O2264" i="5"/>
  <c r="O1531" i="5"/>
  <c r="O4079" i="5"/>
  <c r="O1883" i="5"/>
  <c r="O7484" i="5"/>
  <c r="O5117" i="5"/>
  <c r="O6145" i="5"/>
  <c r="O2706" i="5"/>
  <c r="O8474" i="5"/>
  <c r="O3576" i="5"/>
  <c r="O445" i="5"/>
  <c r="O7291" i="5"/>
  <c r="O2797" i="5"/>
  <c r="O3568" i="5"/>
  <c r="O1926" i="5"/>
  <c r="O6169" i="5"/>
  <c r="O3400" i="5"/>
  <c r="O4115" i="5"/>
  <c r="O4286" i="5"/>
  <c r="O2239" i="5"/>
  <c r="O7092" i="5"/>
  <c r="O4392" i="5"/>
  <c r="O3717" i="5"/>
  <c r="O752" i="5"/>
  <c r="O5086" i="5"/>
  <c r="O3054" i="5"/>
  <c r="O1943" i="5"/>
  <c r="O1966" i="5"/>
  <c r="O369" i="5"/>
  <c r="O4949" i="5"/>
  <c r="O8471" i="5"/>
  <c r="O7326" i="5"/>
  <c r="O4661" i="5"/>
  <c r="O2961" i="5"/>
  <c r="O5615" i="5"/>
  <c r="O8096" i="5"/>
  <c r="O266" i="5"/>
  <c r="O1037" i="5"/>
  <c r="O7854" i="5"/>
  <c r="O6129" i="5"/>
  <c r="O2563" i="5"/>
  <c r="O7003" i="5"/>
  <c r="O947" i="5"/>
  <c r="O2224" i="5"/>
  <c r="O5487" i="5"/>
  <c r="O5833" i="5"/>
  <c r="O7618" i="5"/>
  <c r="O2452" i="5"/>
  <c r="O1284" i="5"/>
  <c r="O3977" i="5"/>
  <c r="O5821" i="5"/>
  <c r="O3974" i="5"/>
  <c r="O7433" i="5"/>
  <c r="O3644" i="5"/>
  <c r="O3987" i="5"/>
  <c r="O7641" i="5"/>
  <c r="O3276" i="5"/>
  <c r="O618" i="5"/>
  <c r="O2756" i="5"/>
  <c r="O207" i="5"/>
  <c r="O206" i="5"/>
  <c r="O529" i="5"/>
  <c r="O8078" i="5"/>
  <c r="O2036" i="5"/>
  <c r="O3469" i="5"/>
  <c r="O7851" i="5"/>
  <c r="O439" i="5"/>
  <c r="O4154" i="5"/>
  <c r="O2106" i="5"/>
  <c r="O4618" i="5"/>
  <c r="O2122" i="5"/>
  <c r="O1957" i="5"/>
  <c r="O7488" i="5"/>
  <c r="O5916" i="5"/>
  <c r="O6075" i="5"/>
  <c r="O1782" i="5"/>
  <c r="O6450" i="5"/>
  <c r="O3386" i="5"/>
  <c r="O6066" i="5"/>
  <c r="O2054" i="5"/>
  <c r="O4059" i="5"/>
  <c r="O3393" i="5"/>
  <c r="O6171" i="5"/>
  <c r="O8136" i="5"/>
  <c r="O1224" i="5"/>
  <c r="O2757" i="5"/>
  <c r="O6268" i="5"/>
  <c r="O8335" i="5"/>
  <c r="O5901" i="5"/>
  <c r="O3307" i="5"/>
  <c r="O2530" i="5"/>
  <c r="O3316" i="5"/>
  <c r="O4452" i="5"/>
  <c r="O3035" i="5"/>
  <c r="O2374" i="5"/>
  <c r="O36" i="5"/>
  <c r="O2967" i="5"/>
  <c r="O6162" i="5"/>
  <c r="O5271" i="5"/>
  <c r="O5315" i="5"/>
  <c r="O516" i="5"/>
  <c r="O557" i="5"/>
  <c r="O6126" i="5"/>
  <c r="O932" i="5"/>
  <c r="O7144" i="5"/>
  <c r="O3460" i="5"/>
  <c r="O4739" i="5"/>
  <c r="O7471" i="5"/>
  <c r="O2936" i="5"/>
  <c r="O2702" i="5"/>
  <c r="O5806" i="5"/>
  <c r="O7281" i="5"/>
  <c r="O2082" i="5"/>
  <c r="O3288" i="5"/>
  <c r="O2236" i="5"/>
  <c r="O1892" i="5"/>
  <c r="O1050" i="5"/>
  <c r="O5777" i="5"/>
  <c r="O7479" i="5"/>
  <c r="O7448" i="5"/>
  <c r="O366" i="5"/>
  <c r="O1084" i="5"/>
  <c r="O4261" i="5"/>
  <c r="O8691" i="5"/>
  <c r="O6801" i="5"/>
  <c r="O5958" i="5"/>
  <c r="O1630" i="5"/>
  <c r="O6160" i="5"/>
  <c r="O4882" i="5"/>
  <c r="O1865" i="5"/>
  <c r="O7570" i="5"/>
  <c r="O5607" i="5"/>
  <c r="O2420" i="5"/>
  <c r="O1234" i="5"/>
  <c r="O8672" i="5"/>
  <c r="O6771" i="5"/>
  <c r="O3655" i="5"/>
  <c r="O1203" i="5"/>
  <c r="O5580" i="5"/>
  <c r="O5089" i="5"/>
  <c r="O8176" i="5"/>
  <c r="O5327" i="5"/>
  <c r="O8272" i="5"/>
  <c r="O7402" i="5"/>
  <c r="O6978" i="5"/>
  <c r="O2467" i="5"/>
  <c r="O2732" i="5"/>
  <c r="O5940" i="5"/>
  <c r="O3431" i="5"/>
  <c r="O3753" i="5"/>
  <c r="O3144" i="5"/>
  <c r="O2094" i="5"/>
  <c r="O1364" i="5"/>
  <c r="O5962" i="5"/>
  <c r="O3948" i="5"/>
  <c r="O1800" i="5"/>
  <c r="O2724" i="5"/>
  <c r="O4252" i="5"/>
  <c r="O8520" i="5"/>
  <c r="O4824" i="5"/>
  <c r="O1104" i="5"/>
  <c r="O2384" i="5"/>
  <c r="O8455" i="5"/>
  <c r="O11" i="5"/>
  <c r="O3476" i="5"/>
  <c r="O5058" i="5"/>
  <c r="O7100" i="5"/>
  <c r="O6225" i="5"/>
  <c r="O7603" i="5"/>
  <c r="O6646" i="5"/>
  <c r="O6923" i="5"/>
  <c r="O5319" i="5"/>
  <c r="O3317" i="5"/>
  <c r="O8755" i="5"/>
  <c r="O6455" i="5"/>
  <c r="O606" i="5"/>
  <c r="O1036" i="5"/>
  <c r="O4443" i="5"/>
  <c r="O7976" i="5"/>
  <c r="O2372" i="5"/>
  <c r="O1911" i="5"/>
  <c r="O7156" i="5"/>
  <c r="O693" i="5"/>
  <c r="O1732" i="5"/>
  <c r="O6838" i="5"/>
  <c r="O1372" i="5"/>
  <c r="O2911" i="5"/>
  <c r="O2973" i="5"/>
  <c r="O1796" i="5"/>
  <c r="O6642" i="5"/>
  <c r="O2273" i="5"/>
  <c r="O8336" i="5"/>
  <c r="O6739" i="5"/>
  <c r="O1199" i="5"/>
  <c r="O8597" i="5"/>
  <c r="O6767" i="5"/>
  <c r="O5280" i="5"/>
  <c r="O8436" i="5"/>
  <c r="O4923" i="5"/>
  <c r="O7112" i="5"/>
  <c r="O2457" i="5"/>
  <c r="O6932" i="5"/>
  <c r="O4417" i="5"/>
  <c r="O394" i="5"/>
  <c r="O5114" i="5"/>
  <c r="O2605" i="5"/>
  <c r="O1974" i="5"/>
  <c r="O440" i="5"/>
  <c r="O4794" i="5"/>
  <c r="O5957" i="5"/>
  <c r="O4298" i="5"/>
  <c r="O6239" i="5"/>
  <c r="O5135" i="5"/>
  <c r="O965" i="5"/>
  <c r="O5721" i="5"/>
  <c r="O181" i="5"/>
  <c r="O3776" i="5"/>
  <c r="O565" i="5"/>
  <c r="O2232" i="5"/>
  <c r="O7127" i="5"/>
  <c r="O4587" i="5"/>
  <c r="O8752" i="5"/>
  <c r="O2627" i="5"/>
  <c r="O8505" i="5"/>
  <c r="O8409" i="5"/>
  <c r="O2723" i="5"/>
  <c r="O5772" i="5"/>
  <c r="O3976" i="5"/>
  <c r="O3266" i="5"/>
  <c r="O1953" i="5"/>
  <c r="O7624" i="5"/>
  <c r="O1932" i="5"/>
  <c r="O2956" i="5"/>
  <c r="O4399" i="5"/>
  <c r="O2714" i="5"/>
  <c r="O6463" i="5"/>
  <c r="O4303" i="5"/>
  <c r="O6782" i="5"/>
  <c r="O1128" i="5"/>
  <c r="O2903" i="5"/>
  <c r="O7162" i="5"/>
  <c r="O5416" i="5"/>
  <c r="O1693" i="5"/>
  <c r="O2718" i="5"/>
  <c r="O7303" i="5"/>
  <c r="O5925" i="5"/>
  <c r="O1125" i="5"/>
  <c r="O6262" i="5"/>
  <c r="O8291" i="5"/>
  <c r="O5944" i="5"/>
  <c r="O4291" i="5"/>
  <c r="O1688" i="5"/>
  <c r="O5938" i="5"/>
  <c r="O3799" i="5"/>
  <c r="O2925" i="5"/>
  <c r="O7761" i="5"/>
  <c r="O8019" i="5"/>
  <c r="O4435" i="5"/>
  <c r="O8746" i="5"/>
  <c r="O4295" i="5"/>
  <c r="O6290" i="5"/>
  <c r="O1591" i="5"/>
  <c r="O773" i="5"/>
  <c r="O5481" i="5"/>
  <c r="O2068" i="5"/>
  <c r="O5334" i="5"/>
  <c r="O7259" i="5"/>
  <c r="O4098" i="5"/>
  <c r="O7101" i="5"/>
  <c r="O4793" i="5"/>
  <c r="O3402" i="5"/>
  <c r="O7667" i="5"/>
  <c r="O7994" i="5"/>
  <c r="O4902" i="5"/>
  <c r="O7172" i="5"/>
  <c r="O1424" i="5"/>
  <c r="O7439" i="5"/>
  <c r="O4546" i="5"/>
  <c r="O3226" i="5"/>
  <c r="O1600" i="5"/>
  <c r="O1382" i="5"/>
  <c r="O5128" i="5"/>
  <c r="O555" i="5"/>
  <c r="O4250" i="5"/>
  <c r="O4781" i="5"/>
  <c r="O1402" i="5"/>
  <c r="O3461" i="5"/>
  <c r="O7575" i="5"/>
  <c r="O6639" i="5"/>
  <c r="O254" i="5"/>
  <c r="O5075" i="5"/>
  <c r="O4259" i="5"/>
  <c r="O293" i="5"/>
  <c r="O2058" i="5"/>
  <c r="O5987" i="5"/>
  <c r="O4906" i="5"/>
  <c r="O8331" i="5"/>
  <c r="O1790" i="5"/>
  <c r="O568" i="5"/>
  <c r="O7338" i="5"/>
  <c r="O7314" i="5"/>
  <c r="O3207" i="5"/>
  <c r="O8271" i="5"/>
  <c r="O5955" i="5"/>
  <c r="O2195" i="5"/>
  <c r="O3896" i="5"/>
  <c r="O5653" i="5"/>
  <c r="O7443" i="5"/>
  <c r="O2613" i="5"/>
  <c r="O4426" i="5"/>
  <c r="O7852" i="5"/>
  <c r="O6809" i="5"/>
  <c r="O1582" i="5"/>
  <c r="O532" i="5"/>
  <c r="O6573" i="5"/>
  <c r="O3588" i="5"/>
  <c r="O1919" i="5"/>
  <c r="O3390" i="5"/>
  <c r="O7507" i="5"/>
  <c r="O6652" i="5"/>
  <c r="O31" i="5"/>
  <c r="O8284" i="5"/>
  <c r="O1052" i="5"/>
  <c r="O2380" i="5"/>
  <c r="O8607" i="5"/>
  <c r="O6167" i="5"/>
  <c r="O7909" i="5"/>
  <c r="O4814" i="5"/>
  <c r="O8140" i="5"/>
  <c r="O2957" i="5"/>
  <c r="O3292" i="5"/>
  <c r="O3225" i="5"/>
  <c r="O5446" i="5"/>
  <c r="O1627" i="5"/>
  <c r="O5095" i="5"/>
  <c r="O528" i="5"/>
  <c r="O7750" i="5"/>
  <c r="O4791" i="5"/>
  <c r="O7440" i="5"/>
  <c r="O7170" i="5"/>
  <c r="O6310" i="5"/>
  <c r="O6971" i="5"/>
  <c r="O4655" i="5"/>
  <c r="O5458" i="5"/>
  <c r="O553" i="5"/>
  <c r="O2746" i="5"/>
  <c r="O3878" i="5"/>
  <c r="O1225" i="5"/>
  <c r="O708" i="5"/>
  <c r="O1768" i="5"/>
  <c r="O4074" i="5"/>
  <c r="O7161" i="5"/>
  <c r="O2968" i="5"/>
  <c r="O2573" i="5"/>
  <c r="O5750" i="5"/>
  <c r="O5665" i="5"/>
  <c r="O8297" i="5"/>
  <c r="O8478" i="5"/>
  <c r="O7232" i="5"/>
  <c r="O6926" i="5"/>
  <c r="O5311" i="5"/>
  <c r="O427" i="5"/>
  <c r="O6242" i="5"/>
  <c r="O1751" i="5"/>
  <c r="O1063" i="5"/>
  <c r="O2750" i="5"/>
  <c r="O5930" i="5"/>
  <c r="O5650" i="5"/>
  <c r="O2073" i="5"/>
  <c r="O5983" i="5"/>
  <c r="O6432" i="5"/>
  <c r="O4728" i="5"/>
  <c r="O5761" i="5"/>
  <c r="O589" i="5"/>
  <c r="O8103" i="5"/>
  <c r="O8269" i="5"/>
  <c r="O2636" i="5"/>
  <c r="O1387" i="5"/>
  <c r="O8649" i="5"/>
  <c r="O7848" i="5"/>
  <c r="O5623" i="5"/>
  <c r="O1447" i="5"/>
  <c r="O4436" i="5"/>
  <c r="O7128" i="5"/>
  <c r="O7595" i="5"/>
  <c r="O8652" i="5"/>
  <c r="O1115" i="5"/>
  <c r="O4387" i="5"/>
  <c r="O1801" i="5"/>
  <c r="O6402" i="5"/>
  <c r="O1399" i="5"/>
  <c r="O604" i="5"/>
  <c r="O7087" i="5"/>
  <c r="O2057" i="5"/>
  <c r="O4494" i="5"/>
  <c r="O3629" i="5"/>
  <c r="O354" i="5"/>
  <c r="O3558" i="5"/>
  <c r="O5609" i="5"/>
  <c r="O6837" i="5"/>
  <c r="O2592" i="5"/>
  <c r="O1722" i="5"/>
  <c r="O5554" i="5"/>
  <c r="O7320" i="5"/>
  <c r="O3551" i="5"/>
  <c r="O4579" i="5"/>
  <c r="O6061" i="5"/>
  <c r="O1099" i="5"/>
  <c r="O2067" i="5"/>
  <c r="O4148" i="5"/>
  <c r="O1723" i="5"/>
  <c r="O3764" i="5"/>
  <c r="O4385" i="5"/>
  <c r="O1628" i="5"/>
  <c r="O5266" i="5"/>
  <c r="O3729" i="5"/>
  <c r="O1045" i="5"/>
  <c r="O1567" i="5"/>
  <c r="O3116" i="5"/>
  <c r="O227" i="5"/>
  <c r="O2721" i="5"/>
  <c r="O8264" i="5"/>
  <c r="O4230" i="5"/>
  <c r="O7245" i="5"/>
  <c r="O6081" i="5"/>
  <c r="O7428" i="5"/>
  <c r="O6900" i="5"/>
  <c r="O1101" i="5"/>
  <c r="O8585" i="5"/>
  <c r="O3145" i="5"/>
  <c r="O4078" i="5"/>
  <c r="O4927" i="5"/>
  <c r="O1583" i="5"/>
  <c r="O1071" i="5"/>
  <c r="O7431" i="5"/>
  <c r="O7958" i="5"/>
  <c r="O1464" i="5"/>
  <c r="O5332" i="5"/>
  <c r="O781" i="5"/>
  <c r="O4993" i="5"/>
  <c r="O6324" i="5"/>
  <c r="O526" i="5"/>
  <c r="O1587" i="5"/>
  <c r="O1252" i="5"/>
  <c r="O5486" i="5"/>
  <c r="O616" i="5"/>
  <c r="O6121" i="5"/>
  <c r="O8022" i="5"/>
  <c r="O5999" i="5"/>
  <c r="O8641" i="5"/>
  <c r="O948" i="5"/>
  <c r="O3606" i="5"/>
  <c r="O6459" i="5"/>
  <c r="O5633" i="5"/>
  <c r="O6575" i="5"/>
  <c r="O3955" i="5"/>
  <c r="O7329" i="5"/>
  <c r="O4616" i="5"/>
  <c r="O6807" i="5"/>
  <c r="O8322" i="5"/>
  <c r="O5927" i="5"/>
  <c r="O1863" i="5"/>
  <c r="O5959" i="5"/>
  <c r="O3433" i="5"/>
  <c r="O3537" i="5"/>
  <c r="O8152" i="5"/>
  <c r="O5272" i="5"/>
  <c r="O4919" i="5"/>
  <c r="O6437" i="5"/>
  <c r="O1539" i="5"/>
  <c r="O7331" i="5"/>
  <c r="O1861" i="5"/>
  <c r="O3756" i="5"/>
  <c r="O6318" i="5"/>
  <c r="O3232" i="5"/>
  <c r="O6997" i="5"/>
  <c r="O6422" i="5"/>
  <c r="O4722" i="5"/>
  <c r="O7806" i="5"/>
  <c r="O4269" i="5"/>
  <c r="O6648" i="5"/>
  <c r="O6164" i="5"/>
  <c r="O4589" i="5"/>
  <c r="O2543" i="5"/>
  <c r="O5807" i="5"/>
  <c r="O6832" i="5"/>
  <c r="O4548" i="5"/>
  <c r="O1940" i="5"/>
  <c r="O5302" i="5"/>
  <c r="O8242" i="5"/>
  <c r="O1076" i="5"/>
  <c r="O1450" i="5"/>
  <c r="O7809" i="5"/>
  <c r="O6396" i="5"/>
  <c r="O3098" i="5"/>
  <c r="O2305" i="5"/>
  <c r="O5814" i="5"/>
  <c r="O7339" i="5"/>
  <c r="O4975" i="5"/>
  <c r="O4071" i="5"/>
  <c r="O6087" i="5"/>
  <c r="O5625" i="5"/>
  <c r="O4226" i="5"/>
  <c r="O5126" i="5"/>
  <c r="O8494" i="5"/>
  <c r="O7262" i="5"/>
  <c r="O1565" i="5"/>
  <c r="O4289" i="5"/>
  <c r="O1611" i="5"/>
  <c r="O6416" i="5"/>
  <c r="O912" i="5"/>
  <c r="O966" i="5"/>
  <c r="O3566" i="5"/>
  <c r="O7066" i="5"/>
  <c r="O4946" i="5"/>
  <c r="O3970" i="5"/>
  <c r="O29" i="5"/>
  <c r="O5558" i="5"/>
  <c r="O3242" i="5"/>
  <c r="O1580" i="5"/>
  <c r="O6753" i="5"/>
  <c r="O1371" i="5"/>
  <c r="O3736" i="5"/>
  <c r="O8296" i="5"/>
  <c r="O3140" i="5"/>
  <c r="O7979" i="5"/>
  <c r="O5903" i="5"/>
  <c r="O6737" i="5"/>
  <c r="O1707" i="5"/>
  <c r="O731" i="5"/>
  <c r="O2277" i="5"/>
  <c r="O8481" i="5"/>
  <c r="O395" i="5"/>
  <c r="O3565" i="5"/>
  <c r="O6340" i="5"/>
  <c r="O5671" i="5"/>
  <c r="O2713" i="5"/>
  <c r="O4615" i="5"/>
  <c r="O5265" i="5"/>
  <c r="O4884" i="5"/>
  <c r="O1577" i="5"/>
  <c r="O572" i="5"/>
  <c r="O2101" i="5"/>
  <c r="O1612" i="5"/>
  <c r="O75" i="5"/>
  <c r="O1184" i="5"/>
  <c r="O3421" i="5"/>
  <c r="O7815" i="5"/>
  <c r="O5826" i="5"/>
  <c r="O6748" i="5"/>
  <c r="O683" i="5"/>
  <c r="O6410" i="5"/>
  <c r="O2141" i="5"/>
  <c r="O5997" i="5"/>
  <c r="O8186" i="5"/>
  <c r="O786" i="5"/>
  <c r="O6635" i="5"/>
  <c r="O4773" i="5"/>
  <c r="O2914" i="5"/>
  <c r="O5473" i="5"/>
  <c r="O7163" i="5"/>
  <c r="O6943" i="5"/>
  <c r="O8636" i="5"/>
  <c r="O533" i="5"/>
  <c r="O1055" i="5"/>
  <c r="O4777" i="5"/>
  <c r="O65" i="5"/>
  <c r="O8451" i="5"/>
  <c r="O6067" i="5"/>
  <c r="O5300" i="5"/>
  <c r="O5909" i="5"/>
  <c r="O3743" i="5"/>
  <c r="O3377" i="5"/>
  <c r="O2193" i="5"/>
  <c r="O3725" i="5"/>
  <c r="O1864" i="5"/>
  <c r="O8155" i="5"/>
  <c r="O7753" i="5"/>
  <c r="O3815" i="5"/>
  <c r="O10" i="5"/>
  <c r="O6981" i="5"/>
  <c r="O3285" i="5"/>
  <c r="O449" i="5"/>
  <c r="O4984" i="5"/>
  <c r="O4314" i="5"/>
  <c r="O7989" i="5"/>
  <c r="O6073" i="5"/>
  <c r="O1195" i="5"/>
  <c r="O51" i="5"/>
  <c r="O8442" i="5"/>
  <c r="O1130" i="5"/>
  <c r="O2210" i="5"/>
  <c r="O3623" i="5"/>
  <c r="O1713" i="5"/>
  <c r="O1461" i="5"/>
  <c r="O4258" i="5"/>
  <c r="O3893" i="5"/>
  <c r="O5132" i="5"/>
  <c r="O5982" i="5"/>
  <c r="O4438" i="5"/>
  <c r="O877" i="5"/>
  <c r="O79" i="5"/>
  <c r="O5616" i="5"/>
  <c r="O93" i="5"/>
  <c r="O8426" i="5"/>
  <c r="O6590" i="5"/>
  <c r="O3261" i="5"/>
  <c r="O4103" i="5"/>
  <c r="O45" i="5"/>
  <c r="O5070" i="5"/>
  <c r="O705" i="5"/>
  <c r="O3212" i="5"/>
  <c r="O2103" i="5"/>
  <c r="O8278" i="5"/>
  <c r="O732" i="5"/>
  <c r="O6746" i="5"/>
  <c r="O4883" i="5"/>
  <c r="O3475" i="5"/>
  <c r="O558" i="5"/>
  <c r="O3886" i="5"/>
  <c r="O4315" i="5"/>
  <c r="O6069" i="5"/>
  <c r="O5069" i="5"/>
  <c r="O3611" i="5"/>
  <c r="O1467" i="5"/>
  <c r="O1419" i="5"/>
  <c r="O205" i="5"/>
  <c r="O3437" i="5"/>
  <c r="O8256" i="5"/>
  <c r="O2265" i="5"/>
  <c r="O2284" i="5"/>
  <c r="O5231" i="5"/>
  <c r="O12" i="5"/>
  <c r="O591" i="5"/>
  <c r="O2896" i="5"/>
  <c r="O4209" i="5"/>
  <c r="O4620" i="5"/>
  <c r="O937" i="5"/>
  <c r="O4142" i="5"/>
  <c r="O3375" i="5"/>
  <c r="O1470" i="5"/>
  <c r="O55" i="5"/>
  <c r="O3236" i="5"/>
  <c r="O7759" i="5"/>
  <c r="O5556" i="5"/>
  <c r="O3379" i="5"/>
  <c r="O4937" i="5"/>
  <c r="O2396" i="5"/>
  <c r="O3397" i="5"/>
  <c r="O2221" i="5"/>
  <c r="O1395" i="5"/>
  <c r="O7930" i="5"/>
  <c r="O3641" i="5"/>
  <c r="O8241" i="5"/>
  <c r="O7659" i="5"/>
  <c r="O7411" i="5"/>
  <c r="O6488" i="5"/>
  <c r="O78" i="5"/>
  <c r="O5100" i="5"/>
  <c r="O4803" i="5"/>
  <c r="O5608" i="5"/>
  <c r="O116" i="5"/>
  <c r="O520" i="5"/>
  <c r="O1802" i="5"/>
  <c r="O8666" i="5"/>
  <c r="O1963" i="5"/>
  <c r="O7489" i="5"/>
  <c r="O8118" i="5"/>
  <c r="O2589" i="5"/>
  <c r="O4420" i="5"/>
  <c r="O5431" i="5"/>
  <c r="O4780" i="5"/>
  <c r="O7620" i="5"/>
  <c r="O5078" i="5"/>
  <c r="O4107" i="5"/>
  <c r="O1405" i="5"/>
  <c r="O5397" i="5"/>
  <c r="O2259" i="5"/>
  <c r="O2538" i="5"/>
  <c r="O567" i="5"/>
  <c r="O6629" i="5"/>
  <c r="O4267" i="5"/>
  <c r="O5064" i="5"/>
  <c r="O8357" i="5"/>
  <c r="O8603" i="5"/>
  <c r="O2792" i="5"/>
  <c r="O7334" i="5"/>
  <c r="O4394" i="5"/>
  <c r="O6325" i="5"/>
  <c r="O5124" i="5"/>
  <c r="O1767" i="5"/>
  <c r="O5939" i="5"/>
  <c r="O686" i="5"/>
  <c r="O8653" i="5"/>
  <c r="O4831" i="5"/>
  <c r="O2042" i="5"/>
  <c r="O5897" i="5"/>
  <c r="O8017" i="5"/>
  <c r="O929" i="5"/>
  <c r="O6302" i="5"/>
  <c r="O4457" i="5"/>
  <c r="O5979" i="5"/>
  <c r="O4909" i="5"/>
  <c r="O3267" i="5"/>
  <c r="O5735" i="5"/>
  <c r="O5791" i="5"/>
  <c r="O2104" i="5"/>
  <c r="O908" i="5"/>
  <c r="O6789" i="5"/>
  <c r="O2740" i="5"/>
  <c r="O7152" i="5"/>
  <c r="O4767" i="5"/>
  <c r="O7623" i="5"/>
  <c r="O5498" i="5"/>
  <c r="O6631" i="5"/>
  <c r="O2093" i="5"/>
  <c r="O787" i="5"/>
  <c r="O411" i="5"/>
  <c r="O7512" i="5"/>
  <c r="O2134" i="5"/>
  <c r="O4156" i="5"/>
  <c r="O189" i="5"/>
  <c r="O2238" i="5"/>
  <c r="O5140" i="5"/>
  <c r="O8086" i="5"/>
  <c r="O6984" i="5"/>
  <c r="O783" i="5"/>
  <c r="O3481" i="5"/>
  <c r="O15" i="5"/>
  <c r="O542" i="5"/>
  <c r="O3283" i="5"/>
  <c r="O5451" i="5"/>
  <c r="O6504" i="5"/>
  <c r="O8020" i="5"/>
  <c r="O3315" i="5"/>
  <c r="O6982" i="5"/>
  <c r="O2619" i="5"/>
  <c r="O3744" i="5"/>
  <c r="O3282" i="5"/>
  <c r="O8354" i="5"/>
  <c r="O3890" i="5"/>
  <c r="O2559" i="5"/>
  <c r="O2703" i="5"/>
  <c r="O3409" i="5"/>
  <c r="O197" i="5"/>
  <c r="O6477" i="5"/>
  <c r="O4442" i="5"/>
  <c r="O87" i="5"/>
  <c r="O4307" i="5"/>
  <c r="O1969" i="5"/>
  <c r="O4061" i="5"/>
  <c r="O8434" i="5"/>
  <c r="O1626" i="5"/>
  <c r="O5133" i="5"/>
  <c r="O3708" i="5"/>
  <c r="O8747" i="5"/>
  <c r="O8421" i="5"/>
  <c r="O7795" i="5"/>
  <c r="O1222" i="5"/>
  <c r="O8286" i="5"/>
  <c r="O49" i="5"/>
  <c r="O6336" i="5"/>
  <c r="O2882" i="5"/>
  <c r="O1533" i="5"/>
  <c r="O7665" i="5"/>
  <c r="O8586" i="5"/>
  <c r="O4996" i="5"/>
  <c r="O3381" i="5"/>
  <c r="O5756" i="5"/>
  <c r="O6154" i="5"/>
  <c r="O7083" i="5"/>
  <c r="O7747" i="5"/>
  <c r="O6931" i="5"/>
  <c r="O8630" i="5"/>
  <c r="O4896" i="5"/>
  <c r="O8131" i="5"/>
  <c r="O1299" i="5"/>
  <c r="O759" i="5"/>
  <c r="O3464" i="5"/>
  <c r="O4550" i="5"/>
  <c r="O3571" i="5"/>
  <c r="O6141" i="5"/>
  <c r="O857" i="5"/>
  <c r="O8516" i="5"/>
  <c r="O698" i="5"/>
  <c r="O457" i="5"/>
  <c r="O7435" i="5"/>
  <c r="O5290" i="5"/>
  <c r="O1435" i="5"/>
  <c r="O5822" i="5"/>
  <c r="O4762" i="5"/>
  <c r="O3286" i="5"/>
  <c r="O6996" i="5"/>
  <c r="O5755" i="5"/>
  <c r="O5760" i="5"/>
  <c r="O5282" i="5"/>
  <c r="O1248" i="5"/>
  <c r="O2776" i="5"/>
  <c r="O2418" i="5"/>
  <c r="O2736" i="5"/>
  <c r="O6392" i="5"/>
  <c r="O8620" i="5"/>
  <c r="O3600" i="5"/>
  <c r="O2219" i="5"/>
  <c r="O958" i="5"/>
  <c r="O8104" i="5"/>
  <c r="O1367" i="5"/>
  <c r="O1423" i="5"/>
  <c r="O344" i="5"/>
  <c r="O1773" i="5"/>
  <c r="O43" i="5"/>
  <c r="O7803" i="5"/>
  <c r="O5331" i="5"/>
  <c r="O4437" i="5"/>
  <c r="O3731" i="5"/>
  <c r="O4133" i="5"/>
  <c r="O1017" i="5"/>
  <c r="O3235" i="5"/>
  <c r="O6467" i="5"/>
  <c r="O863" i="5"/>
  <c r="O3908" i="5"/>
  <c r="O5057" i="5"/>
  <c r="O2743" i="5"/>
  <c r="O7466" i="5"/>
  <c r="O2630" i="5"/>
  <c r="O7306" i="5"/>
  <c r="O1972" i="5"/>
  <c r="O7140" i="5"/>
  <c r="O1884" i="5"/>
  <c r="O8332" i="5"/>
  <c r="O5779" i="5"/>
  <c r="O5285" i="5"/>
  <c r="O5062" i="5"/>
  <c r="O513" i="5"/>
  <c r="O6249" i="5"/>
  <c r="O7085" i="5"/>
  <c r="O8447" i="5"/>
  <c r="O7305" i="5"/>
  <c r="O710" i="5"/>
  <c r="O3624" i="5"/>
  <c r="O3058" i="5"/>
  <c r="O1426" i="5"/>
  <c r="O4121" i="5"/>
  <c r="O5752" i="5"/>
  <c r="O4908" i="5"/>
  <c r="O7629" i="5"/>
  <c r="O8439" i="5"/>
  <c r="O2119" i="5"/>
  <c r="O5557" i="5"/>
  <c r="O888" i="5"/>
  <c r="O2302" i="5"/>
  <c r="O2729" i="5"/>
  <c r="O6109" i="5"/>
  <c r="O2886" i="5"/>
  <c r="O2108" i="5"/>
  <c r="O3911" i="5"/>
  <c r="O3420" i="5"/>
  <c r="O5229" i="5"/>
  <c r="O7925" i="5"/>
  <c r="O5728" i="5"/>
  <c r="O4573" i="5"/>
  <c r="O8523" i="5"/>
  <c r="O1958" i="5"/>
  <c r="O3429" i="5"/>
  <c r="O4053" i="5"/>
  <c r="O2074" i="5"/>
  <c r="O8616" i="5"/>
  <c r="O4938" i="5"/>
  <c r="O8615" i="5"/>
  <c r="O1794" i="5"/>
  <c r="O28" i="5"/>
  <c r="O3472" i="5"/>
  <c r="O1889" i="5"/>
  <c r="O1589" i="5"/>
  <c r="O35" i="5"/>
  <c r="O4410" i="5"/>
  <c r="O4488" i="5"/>
  <c r="O3217" i="5"/>
  <c r="O6742" i="5"/>
  <c r="O4266" i="5"/>
  <c r="O3238" i="5"/>
  <c r="O2038" i="5"/>
  <c r="O2107" i="5"/>
  <c r="O3441" i="5"/>
  <c r="O4418" i="5"/>
  <c r="O7151" i="5"/>
  <c r="O249" i="5"/>
  <c r="O8240" i="5"/>
  <c r="O8190" i="5"/>
  <c r="O2208" i="5"/>
  <c r="O6797" i="5"/>
  <c r="O4143" i="5"/>
  <c r="O5948" i="5"/>
  <c r="O6496" i="5"/>
  <c r="O3812" i="5"/>
  <c r="O620" i="5"/>
  <c r="O3804" i="5"/>
  <c r="O2799" i="5"/>
  <c r="O3738" i="5"/>
  <c r="O362" i="5"/>
  <c r="O7064" i="5"/>
  <c r="O5421" i="5"/>
  <c r="O3973" i="5"/>
  <c r="O4658" i="5"/>
  <c r="O4386" i="5"/>
  <c r="O6630" i="5"/>
  <c r="O2471" i="5"/>
  <c r="O3550" i="5"/>
  <c r="O3874" i="5"/>
  <c r="O2233" i="5"/>
  <c r="O5450" i="5"/>
  <c r="O6843" i="5"/>
  <c r="O4551" i="5"/>
  <c r="O7436" i="5"/>
  <c r="O7666" i="5"/>
  <c r="O1357" i="5"/>
  <c r="O6774" i="5"/>
  <c r="O6986" i="5"/>
  <c r="O3289" i="5"/>
  <c r="O5757" i="5"/>
  <c r="O7298" i="5"/>
  <c r="O7918" i="5"/>
  <c r="O3757" i="5"/>
  <c r="O5578" i="5"/>
  <c r="O5792" i="5"/>
  <c r="O7321" i="5"/>
  <c r="O8482" i="5"/>
  <c r="O4081" i="5"/>
  <c r="O6469" i="5"/>
  <c r="O2904" i="5"/>
  <c r="O5052" i="5"/>
  <c r="O4380" i="5"/>
  <c r="O4311" i="5"/>
  <c r="O6583" i="5"/>
  <c r="O3204" i="5"/>
  <c r="O7749" i="5"/>
  <c r="O6264" i="5"/>
  <c r="O689" i="5"/>
  <c r="O5427" i="5"/>
  <c r="O2362" i="5"/>
  <c r="O2917" i="5"/>
  <c r="O587" i="5"/>
  <c r="O6974" i="5"/>
  <c r="O3968" i="5"/>
  <c r="O534" i="5"/>
  <c r="O5335" i="5"/>
  <c r="O424" i="5"/>
  <c r="O5304" i="5"/>
  <c r="O4218" i="5"/>
  <c r="O6233" i="5"/>
  <c r="O6600" i="5"/>
  <c r="O3792" i="5"/>
  <c r="O5320" i="5"/>
  <c r="O7953" i="5"/>
  <c r="O3883" i="5"/>
  <c r="O2241" i="5"/>
  <c r="O20" i="5"/>
  <c r="O1694" i="5"/>
  <c r="O6414" i="5"/>
  <c r="O6844" i="5"/>
  <c r="O3945" i="5"/>
  <c r="O8178" i="5"/>
  <c r="O185" i="5"/>
  <c r="O8187" i="5"/>
  <c r="O5166" i="5"/>
  <c r="O3720" i="5"/>
  <c r="O8612" i="5"/>
  <c r="O4414" i="5"/>
  <c r="O4795" i="5"/>
  <c r="O5896" i="5"/>
  <c r="O7796" i="5"/>
  <c r="O5614" i="5"/>
  <c r="O7400" i="5"/>
  <c r="O8668" i="5"/>
  <c r="O3630" i="5"/>
  <c r="O5895" i="5"/>
  <c r="O7234" i="5"/>
  <c r="O3897" i="5"/>
  <c r="O6470" i="5"/>
  <c r="O4963" i="5"/>
  <c r="O3089" i="5"/>
  <c r="O4389" i="5"/>
  <c r="O1748" i="5"/>
  <c r="O7149" i="5"/>
  <c r="O4731" i="5"/>
  <c r="O7264" i="5"/>
  <c r="O6568" i="5"/>
  <c r="O6828" i="5"/>
  <c r="O5624" i="5"/>
  <c r="O6224" i="5"/>
  <c r="O183" i="5"/>
  <c r="O5785" i="5"/>
  <c r="O3575" i="5"/>
  <c r="O6106" i="5"/>
  <c r="O8413" i="5"/>
  <c r="O6743" i="5"/>
  <c r="O2557" i="5"/>
  <c r="O4980" i="5"/>
  <c r="O4629" i="5"/>
  <c r="O1095" i="5"/>
  <c r="O1454" i="5"/>
  <c r="O3085" i="5"/>
  <c r="O4564" i="5"/>
  <c r="O5287" i="5"/>
  <c r="O872" i="5"/>
  <c r="O5459" i="5"/>
  <c r="O772" i="5"/>
  <c r="O8671" i="5"/>
  <c r="O2272" i="5"/>
  <c r="O559" i="5"/>
  <c r="O2268" i="5"/>
  <c r="O7672" i="5"/>
  <c r="O4214" i="5"/>
  <c r="O6449" i="5"/>
  <c r="O2441" i="5"/>
  <c r="O3052" i="5"/>
  <c r="O5442" i="5"/>
  <c r="O6234" i="5"/>
  <c r="O8084" i="5"/>
  <c r="O1615" i="5"/>
  <c r="O5149" i="5"/>
  <c r="O8303" i="5"/>
  <c r="O5399" i="5"/>
  <c r="O1609" i="5"/>
  <c r="O925" i="5"/>
  <c r="O2892" i="5"/>
  <c r="O4104" i="5"/>
  <c r="O4210" i="5"/>
  <c r="O850" i="5"/>
  <c r="O1370" i="5"/>
  <c r="O3312" i="5"/>
  <c r="O1093" i="5"/>
  <c r="O3074" i="5"/>
  <c r="O6804" i="5"/>
  <c r="O7148" i="5"/>
  <c r="O3272" i="5"/>
  <c r="O4825" i="5"/>
  <c r="O8446" i="5"/>
  <c r="O7247" i="5"/>
  <c r="O6777" i="5"/>
  <c r="O7122" i="5"/>
  <c r="O7462" i="5"/>
  <c r="O6423" i="5"/>
  <c r="O7741" i="5"/>
  <c r="O6665" i="5"/>
  <c r="O1962" i="5"/>
  <c r="O5489" i="5"/>
  <c r="O2403" i="5"/>
  <c r="O4818" i="5"/>
  <c r="O3597" i="5"/>
  <c r="O6918" i="5"/>
  <c r="O7336" i="5"/>
  <c r="O1279" i="5"/>
  <c r="O6329" i="5"/>
  <c r="O5783" i="5"/>
  <c r="O3615" i="5"/>
  <c r="O1604" i="5"/>
  <c r="O84" i="5"/>
  <c r="O7135" i="5"/>
  <c r="O4732" i="5"/>
  <c r="O2286" i="5"/>
  <c r="O8273" i="5"/>
  <c r="O3750" i="5"/>
  <c r="O3294" i="5"/>
  <c r="O2915" i="5"/>
  <c r="O3258" i="5"/>
  <c r="O2872" i="5"/>
  <c r="O2430" i="5"/>
  <c r="O2603" i="5"/>
  <c r="O3100" i="5"/>
  <c r="O6115" i="5"/>
  <c r="O5598" i="5"/>
  <c r="O456" i="5"/>
  <c r="O4067" i="5"/>
  <c r="O2640" i="5"/>
  <c r="O6227" i="5"/>
  <c r="O1956" i="5"/>
  <c r="O5491" i="5"/>
  <c r="O5818" i="5"/>
  <c r="O7139" i="5"/>
  <c r="O8611" i="5"/>
  <c r="O7660" i="5"/>
  <c r="O5419" i="5"/>
  <c r="O599" i="5"/>
  <c r="O2803" i="5"/>
  <c r="O5395" i="5"/>
  <c r="O6644" i="5"/>
  <c r="O3879" i="5"/>
  <c r="O1200" i="5"/>
  <c r="O879" i="5"/>
  <c r="O358" i="5"/>
  <c r="O4597" i="5"/>
  <c r="O384" i="5"/>
  <c r="O3430" i="5"/>
  <c r="O113" i="5"/>
  <c r="O5392" i="5"/>
  <c r="O7670" i="5"/>
  <c r="O73" i="5"/>
  <c r="O946" i="5"/>
  <c r="O3961" i="5"/>
  <c r="O5784" i="5"/>
  <c r="O754" i="5"/>
  <c r="O714" i="5"/>
  <c r="O7115" i="5"/>
  <c r="O585" i="5"/>
  <c r="O4477" i="5"/>
  <c r="O2939" i="5"/>
  <c r="O1416" i="5"/>
  <c r="O934" i="5"/>
  <c r="O8643" i="5"/>
  <c r="O2378" i="5"/>
  <c r="O3599" i="5"/>
  <c r="O5612" i="5"/>
  <c r="O2434" i="5"/>
  <c r="O5899" i="5"/>
  <c r="O6567" i="5"/>
  <c r="O6311" i="5"/>
  <c r="O8659" i="5"/>
  <c r="O7084" i="5"/>
  <c r="O5900" i="5"/>
  <c r="O240" i="5"/>
  <c r="O3809" i="5"/>
  <c r="O3900" i="5"/>
  <c r="O7322" i="5"/>
  <c r="O3925" i="5"/>
  <c r="O588" i="5"/>
  <c r="O5123" i="5"/>
  <c r="O1205" i="5"/>
  <c r="O6419" i="5"/>
  <c r="O4764" i="5"/>
  <c r="O8619" i="5"/>
  <c r="O3094" i="5"/>
  <c r="O4776" i="5"/>
  <c r="O6114" i="5"/>
  <c r="O3378" i="5"/>
  <c r="O605" i="5"/>
  <c r="O8578" i="5"/>
  <c r="O3319" i="5"/>
  <c r="O4954" i="5"/>
  <c r="O5259" i="5"/>
  <c r="O2794" i="5"/>
  <c r="O6578" i="5"/>
  <c r="O8631" i="5"/>
  <c r="O3214" i="5"/>
  <c r="O1894" i="5"/>
  <c r="O8188" i="5"/>
  <c r="O1377" i="5"/>
  <c r="O3146" i="5"/>
  <c r="O6647" i="5"/>
  <c r="O5649" i="5"/>
  <c r="O903" i="5"/>
  <c r="O5414" i="5"/>
  <c r="O1805" i="5"/>
  <c r="O114" i="5"/>
  <c r="O450" i="5"/>
  <c r="O6901" i="5"/>
  <c r="O6425" i="5"/>
  <c r="O2247" i="5"/>
  <c r="O4388" i="5"/>
  <c r="O5834" i="5"/>
  <c r="O1757" i="5"/>
  <c r="O2645" i="5"/>
  <c r="O2577" i="5"/>
  <c r="O5984" i="5"/>
  <c r="O694" i="5"/>
  <c r="O928" i="5"/>
  <c r="O1047" i="5"/>
  <c r="O3143" i="5"/>
  <c r="O519" i="5"/>
  <c r="O5389" i="5"/>
  <c r="O5943" i="5"/>
  <c r="O5066" i="5"/>
  <c r="O6660" i="5"/>
  <c r="O6675" i="5"/>
  <c r="O5230" i="5"/>
  <c r="O6627" i="5"/>
  <c r="O2387" i="5"/>
  <c r="O6738" i="5"/>
  <c r="O6902" i="5"/>
  <c r="O5831" i="5"/>
  <c r="O2479" i="5"/>
  <c r="O2136" i="5"/>
  <c r="O1597" i="5"/>
  <c r="O6800" i="5"/>
  <c r="O2414" i="5"/>
  <c r="O1249" i="5"/>
  <c r="O4063" i="5"/>
  <c r="O1131" i="5"/>
  <c r="O6412" i="5"/>
  <c r="O6064" i="5"/>
  <c r="O2888" i="5"/>
  <c r="O2470" i="5"/>
  <c r="O3370" i="5"/>
  <c r="O367" i="5"/>
  <c r="O7490" i="5"/>
  <c r="O4051" i="5"/>
  <c r="O2433" i="5"/>
  <c r="O8695" i="5"/>
  <c r="O4092" i="5"/>
  <c r="O7681" i="5"/>
  <c r="O7473" i="5"/>
  <c r="O8184" i="5"/>
  <c r="O853" i="5"/>
  <c r="O7569" i="5"/>
  <c r="O8662" i="5"/>
  <c r="O961" i="5"/>
  <c r="O7107" i="5"/>
  <c r="O7678" i="5"/>
  <c r="O5572" i="5"/>
  <c r="O8313" i="5"/>
  <c r="O2076" i="5"/>
  <c r="O5566" i="5"/>
  <c r="O1196" i="5"/>
  <c r="O54" i="5"/>
  <c r="O3401" i="5"/>
  <c r="O2063" i="5"/>
  <c r="O4903" i="5"/>
  <c r="O7467" i="5"/>
  <c r="O7518" i="5"/>
  <c r="O2772" i="5"/>
  <c r="O5722" i="5"/>
  <c r="O3270" i="5"/>
  <c r="O1622" i="5"/>
  <c r="O2422" i="5"/>
  <c r="O4306" i="5"/>
  <c r="O5911" i="5"/>
  <c r="O7949" i="5"/>
  <c r="O7760" i="5"/>
  <c r="O8751" i="5"/>
  <c r="O8149" i="5"/>
  <c r="O8687" i="5"/>
  <c r="O1303" i="5"/>
  <c r="O378" i="5"/>
  <c r="O1573" i="5"/>
  <c r="O2203" i="5"/>
  <c r="O6593" i="5"/>
  <c r="O3218" i="5"/>
  <c r="O7508" i="5"/>
  <c r="O4248" i="5"/>
  <c r="O3120" i="5"/>
  <c r="O8508" i="5"/>
  <c r="O740" i="5"/>
  <c r="O3234" i="5"/>
  <c r="O216" i="5"/>
  <c r="O5096" i="5"/>
  <c r="O1745" i="5"/>
  <c r="O4144" i="5"/>
  <c r="O3916" i="5"/>
  <c r="O2528" i="5"/>
  <c r="O3434" i="5"/>
  <c r="O3587" i="5"/>
  <c r="O5217" i="5"/>
  <c r="O44" i="5"/>
  <c r="O614" i="5"/>
  <c r="O7674" i="5"/>
  <c r="O8191" i="5"/>
  <c r="O2448" i="5"/>
  <c r="O1274" i="5"/>
  <c r="O3278" i="5"/>
  <c r="O2227" i="5"/>
  <c r="O5794" i="5"/>
  <c r="O8072" i="5"/>
  <c r="O5835" i="5"/>
  <c r="O7906" i="5"/>
  <c r="O1703" i="5"/>
  <c r="O3396" i="5"/>
  <c r="O4320" i="5"/>
  <c r="O3607" i="5"/>
  <c r="O8114" i="5"/>
  <c r="O3487" i="5"/>
  <c r="O6794" i="5"/>
  <c r="O188" i="5"/>
  <c r="O1041" i="5"/>
  <c r="O893" i="5"/>
  <c r="O4602" i="5"/>
  <c r="O7404" i="5"/>
  <c r="O4625" i="5"/>
  <c r="O4939" i="5"/>
  <c r="O6278" i="5"/>
  <c r="O7301" i="5"/>
  <c r="O3547" i="5"/>
  <c r="O66" i="5"/>
  <c r="O8417" i="5"/>
  <c r="O2234" i="5"/>
  <c r="O5430" i="5"/>
  <c r="O2580" i="5"/>
  <c r="O5448" i="5"/>
  <c r="O1710" i="5"/>
  <c r="O5627" i="5"/>
  <c r="O4040" i="5"/>
  <c r="O7154" i="5"/>
  <c r="O3231" i="5"/>
  <c r="O2261" i="5"/>
  <c r="O5496" i="5"/>
  <c r="O5144" i="5"/>
  <c r="O8581" i="5"/>
  <c r="O6269" i="5"/>
  <c r="O8182" i="5"/>
  <c r="O744" i="5"/>
  <c r="O8077" i="5"/>
  <c r="O5068" i="5"/>
  <c r="O2475" i="5"/>
  <c r="O6586" i="5"/>
  <c r="O7682" i="5"/>
  <c r="O7267" i="5"/>
  <c r="O8349" i="5"/>
  <c r="O5428" i="5"/>
  <c r="O7607" i="5"/>
  <c r="O7348" i="5"/>
  <c r="O2235" i="5"/>
  <c r="O6403" i="5"/>
  <c r="O3772" i="5"/>
  <c r="O3297" i="5"/>
  <c r="O4057" i="5"/>
  <c r="O3221" i="5"/>
  <c r="O7438" i="5"/>
  <c r="O3131" i="5"/>
  <c r="O3733" i="5"/>
  <c r="O7997" i="5"/>
  <c r="O697" i="5"/>
  <c r="O1765" i="5"/>
  <c r="O280" i="5"/>
  <c r="O1761" i="5"/>
  <c r="O5225" i="5"/>
  <c r="O8469" i="5"/>
  <c r="O435" i="5"/>
  <c r="O1027" i="5"/>
  <c r="O5562" i="5"/>
  <c r="O6776" i="5"/>
  <c r="O4323" i="5"/>
  <c r="O5594" i="5"/>
  <c r="O7651" i="5"/>
  <c r="O3785" i="5"/>
  <c r="O4473" i="5"/>
  <c r="O2060" i="5"/>
  <c r="O7911" i="5"/>
  <c r="O1964" i="5"/>
  <c r="O3411" i="5"/>
  <c r="O2570" i="5"/>
  <c r="O1778" i="5"/>
  <c r="O6300" i="5"/>
  <c r="O6232" i="5"/>
  <c r="O2388" i="5"/>
  <c r="O4652" i="5"/>
  <c r="O5801" i="5"/>
  <c r="O865" i="5"/>
  <c r="O3928" i="5"/>
  <c r="O2285" i="5"/>
  <c r="O870" i="5"/>
  <c r="O1109" i="5"/>
  <c r="O956" i="5"/>
  <c r="O8507" i="5"/>
  <c r="O6404" i="5"/>
  <c r="O4382" i="5"/>
  <c r="O1413" i="5"/>
  <c r="O8430" i="5"/>
  <c r="O1921" i="5"/>
  <c r="O7676" i="5"/>
  <c r="O8655" i="5"/>
  <c r="O2871" i="5"/>
  <c r="O1459" i="5"/>
  <c r="O6654" i="5"/>
  <c r="O3477" i="5"/>
  <c r="O5277" i="5"/>
  <c r="O6988" i="5"/>
  <c r="O7767" i="5"/>
  <c r="O7081" i="5"/>
  <c r="O187" i="5"/>
  <c r="O360" i="5"/>
  <c r="O224" i="5"/>
  <c r="O6897" i="5"/>
  <c r="O7513" i="5"/>
  <c r="O8285" i="5"/>
  <c r="O2478" i="5"/>
  <c r="O2218" i="5"/>
  <c r="O7158" i="5"/>
  <c r="O6508" i="5"/>
  <c r="O7074" i="5"/>
  <c r="O8422" i="5"/>
  <c r="O8319" i="5"/>
  <c r="O4398" i="5"/>
  <c r="O8102" i="5"/>
  <c r="O3151" i="5"/>
  <c r="O279" i="5"/>
  <c r="O7998" i="5"/>
  <c r="O4475" i="5"/>
  <c r="O3985" i="5"/>
  <c r="O5120" i="5"/>
  <c r="O2601" i="5"/>
  <c r="O1016" i="5"/>
  <c r="O7819" i="5"/>
  <c r="O2700" i="5"/>
  <c r="O3243" i="5"/>
  <c r="O6603" i="5"/>
  <c r="O4756" i="5"/>
  <c r="O8098" i="5"/>
  <c r="O8101" i="5"/>
  <c r="O8169" i="5"/>
  <c r="O8418" i="5"/>
  <c r="O1292" i="5"/>
  <c r="O3801" i="5"/>
  <c r="O4446" i="5"/>
  <c r="O3632" i="5"/>
  <c r="O3951" i="5"/>
  <c r="O1272" i="5"/>
  <c r="O4153" i="5"/>
  <c r="O4807" i="5"/>
  <c r="O5471" i="5"/>
  <c r="O8450" i="5"/>
  <c r="O1468" i="5"/>
  <c r="O5136" i="5"/>
  <c r="O7157" i="5"/>
  <c r="O2540" i="5"/>
  <c r="O6140" i="5"/>
  <c r="O4208" i="5"/>
  <c r="O6077" i="5"/>
  <c r="O5131" i="5"/>
  <c r="O784" i="5"/>
  <c r="O2274" i="5"/>
  <c r="O3876" i="5"/>
  <c r="O7920" i="5"/>
  <c r="O6283" i="5"/>
  <c r="O4598" i="5"/>
  <c r="O1032" i="5"/>
  <c r="O8438" i="5"/>
  <c r="O1379" i="5"/>
  <c r="O6261" i="5"/>
  <c r="O5161" i="5"/>
  <c r="O5233" i="5"/>
  <c r="O4917" i="5"/>
  <c r="O2409" i="5"/>
  <c r="O2080" i="5"/>
  <c r="O3096" i="5"/>
  <c r="O3445" i="5"/>
  <c r="O6846" i="5"/>
  <c r="O7992" i="5"/>
  <c r="O1456" i="5"/>
  <c r="O7450" i="5"/>
  <c r="O8110" i="5"/>
  <c r="O6343" i="5"/>
  <c r="O7468" i="5"/>
  <c r="O6398" i="5"/>
  <c r="O2581" i="5"/>
  <c r="O4897" i="5"/>
  <c r="O2710" i="5"/>
  <c r="O4768" i="5"/>
  <c r="O6561" i="5"/>
  <c r="O5425" i="5"/>
  <c r="O4935" i="5"/>
  <c r="O7093" i="5"/>
  <c r="O4221" i="5"/>
  <c r="O4755" i="5"/>
  <c r="O2135" i="5"/>
  <c r="O699" i="5"/>
  <c r="O3808" i="5"/>
  <c r="O67" i="5"/>
  <c r="O695" i="5"/>
  <c r="O4288" i="5"/>
  <c r="O1960" i="5"/>
  <c r="O8580" i="5"/>
  <c r="O1363" i="5"/>
  <c r="O1563" i="5"/>
  <c r="O8329" i="5"/>
  <c r="O381" i="5"/>
  <c r="O2773" i="5"/>
  <c r="O6254" i="5"/>
  <c r="O5893" i="5"/>
  <c r="O380" i="5"/>
  <c r="O6796" i="5"/>
  <c r="O6236" i="5"/>
  <c r="O7745" i="5"/>
  <c r="O1068" i="5"/>
  <c r="O195" i="5"/>
  <c r="O3628" i="5"/>
  <c r="O6672" i="5"/>
  <c r="O7434" i="5"/>
  <c r="O446" i="5"/>
  <c r="O2785" i="5"/>
  <c r="O5269" i="5"/>
  <c r="O4075" i="5"/>
  <c r="O5771" i="5"/>
  <c r="O3981" i="5"/>
  <c r="O2947" i="5"/>
  <c r="O3800" i="5"/>
  <c r="O3930" i="5"/>
  <c r="O6291" i="5"/>
  <c r="O5632" i="5"/>
  <c r="O2046" i="5"/>
  <c r="O4967" i="5"/>
  <c r="O412" i="5"/>
  <c r="O3067" i="5"/>
  <c r="O1253" i="5"/>
  <c r="O7686" i="5"/>
  <c r="O8487" i="5"/>
  <c r="O5905" i="5"/>
  <c r="O3898" i="5"/>
  <c r="O1121" i="5"/>
  <c r="O1401" i="5"/>
  <c r="O8524" i="5"/>
  <c r="O7133" i="5"/>
  <c r="O6500" i="5"/>
  <c r="O5221" i="5"/>
  <c r="O8094" i="5"/>
  <c r="O5432" i="5"/>
  <c r="O3711" i="5"/>
  <c r="O942" i="5"/>
  <c r="O1192" i="5"/>
  <c r="O900" i="5"/>
  <c r="O7155" i="5"/>
  <c r="O1763" i="5"/>
  <c r="O2900" i="5"/>
  <c r="O6441" i="5"/>
  <c r="O404" i="5"/>
  <c r="O258" i="5"/>
  <c r="O6569" i="5"/>
  <c r="O1766" i="5"/>
  <c r="O7820" i="5"/>
  <c r="O2446" i="5"/>
  <c r="O685" i="5"/>
  <c r="O1100" i="5"/>
  <c r="O1376" i="5"/>
  <c r="O3752" i="5"/>
  <c r="O8180" i="5"/>
  <c r="O7634" i="5"/>
  <c r="O2451" i="5"/>
  <c r="O2720" i="5"/>
  <c r="O7080" i="5"/>
  <c r="O1804" i="5"/>
  <c r="O6245" i="5"/>
  <c r="O6400" i="5"/>
  <c r="O2722" i="5"/>
  <c r="O1601" i="5"/>
  <c r="O6908" i="5"/>
  <c r="O5485" i="5"/>
  <c r="O2789" i="5"/>
  <c r="O115" i="5"/>
  <c r="O7408" i="5"/>
  <c r="O4760" i="5"/>
  <c r="O3889" i="5"/>
  <c r="O6243" i="5"/>
  <c r="O6972" i="5"/>
  <c r="O962" i="5"/>
  <c r="O1631" i="5"/>
  <c r="O6438" i="5"/>
  <c r="O74" i="5"/>
  <c r="O924" i="5"/>
  <c r="O8665" i="5"/>
  <c r="O4044" i="5"/>
  <c r="O1096" i="5"/>
  <c r="O2533" i="5"/>
  <c r="O4828" i="5"/>
  <c r="O5415" i="5"/>
  <c r="O6342" i="5"/>
  <c r="O6576" i="5"/>
  <c r="O4821" i="5"/>
  <c r="O7685" i="5"/>
  <c r="O562" i="5"/>
  <c r="O1549" i="5"/>
  <c r="O5994" i="5"/>
  <c r="O7446" i="5"/>
  <c r="O5838" i="5"/>
  <c r="O8080" i="5"/>
  <c r="O7176" i="5"/>
  <c r="O5972" i="5"/>
  <c r="O7967" i="5"/>
  <c r="O530" i="5"/>
  <c r="O14" i="5"/>
  <c r="O3798" i="5"/>
  <c r="O3601" i="5"/>
  <c r="O6506" i="5"/>
  <c r="O2231" i="5"/>
  <c r="O5148" i="5"/>
  <c r="O6317" i="5"/>
  <c r="O6750" i="5"/>
  <c r="O6758" i="5"/>
  <c r="O5803" i="5"/>
  <c r="O5464" i="5"/>
  <c r="O3060" i="5"/>
  <c r="O949" i="5"/>
  <c r="O5413" i="5"/>
  <c r="O5501" i="5"/>
  <c r="O2113" i="5"/>
  <c r="O6474" i="5"/>
  <c r="O3822" i="5"/>
  <c r="O8582" i="5"/>
  <c r="O2194" i="5"/>
  <c r="O3419" i="5"/>
  <c r="O1067" i="5"/>
  <c r="O1397" i="5"/>
  <c r="O3257" i="5"/>
  <c r="O1214" i="5"/>
  <c r="O5065" i="5"/>
  <c r="O374" i="5"/>
  <c r="O2909" i="5"/>
  <c r="O7517" i="5"/>
  <c r="O8011" i="5"/>
  <c r="O2454" i="5"/>
  <c r="O4617" i="5"/>
  <c r="O7811" i="5"/>
  <c r="O3881" i="5"/>
  <c r="O6640" i="5"/>
  <c r="O3373" i="5"/>
  <c r="O4900" i="5"/>
  <c r="O6980" i="5"/>
  <c r="O4887" i="5"/>
  <c r="O123" i="5"/>
  <c r="O7751" i="5"/>
  <c r="O3425" i="5"/>
  <c r="O7962" i="5"/>
  <c r="O5974" i="5"/>
  <c r="O7419" i="5"/>
  <c r="O6426" i="5"/>
  <c r="O3371" i="5"/>
  <c r="O1264" i="5"/>
  <c r="O8119" i="5"/>
  <c r="O3966" i="5"/>
  <c r="O1742" i="5"/>
  <c r="O1380" i="5"/>
  <c r="O4458" i="5"/>
  <c r="O4223" i="5"/>
  <c r="O7596" i="5"/>
  <c r="O3707" i="5"/>
  <c r="O6632" i="5"/>
  <c r="O77" i="5"/>
  <c r="O7986" i="5"/>
  <c r="O246" i="5"/>
  <c r="O2897" i="5"/>
  <c r="O2602" i="5"/>
  <c r="O6321" i="5"/>
  <c r="O3403" i="5"/>
  <c r="O6118" i="5"/>
  <c r="O7105" i="5"/>
  <c r="O1451" i="5"/>
  <c r="O8596" i="5"/>
  <c r="O7330" i="5"/>
  <c r="O4922" i="5"/>
  <c r="O4592" i="5"/>
  <c r="O522" i="5"/>
  <c r="O4591" i="5"/>
  <c r="O927" i="5"/>
  <c r="O1216" i="5"/>
  <c r="O218" i="5"/>
  <c r="O5584" i="5"/>
  <c r="O387" i="5"/>
  <c r="O2631" i="5"/>
  <c r="O4480" i="5"/>
  <c r="O6005" i="5"/>
  <c r="O4785" i="5"/>
  <c r="O5288" i="5"/>
  <c r="O3224" i="5"/>
  <c r="O419" i="5"/>
  <c r="O3819" i="5"/>
  <c r="O6577" i="5"/>
  <c r="O4135" i="5"/>
  <c r="O8685" i="5"/>
  <c r="O2375" i="5"/>
  <c r="O4970" i="5"/>
  <c r="O2567" i="5"/>
  <c r="O2927" i="5"/>
  <c r="O7592" i="5"/>
  <c r="O3133" i="5"/>
  <c r="O1524" i="5"/>
  <c r="O2529" i="5"/>
  <c r="O3561" i="5"/>
  <c r="O4813" i="5"/>
  <c r="O398" i="5"/>
  <c r="O3268" i="5"/>
  <c r="O3598" i="5"/>
  <c r="O909" i="5"/>
  <c r="O5424" i="5"/>
  <c r="O8656" i="5"/>
  <c r="O6618" i="5"/>
  <c r="O7452" i="5"/>
  <c r="O2745" i="5"/>
  <c r="O1358" i="5"/>
  <c r="O389" i="5"/>
  <c r="O7975" i="5"/>
  <c r="O8411" i="5"/>
  <c r="O7774" i="5"/>
  <c r="O6097" i="5"/>
  <c r="O3559" i="5"/>
  <c r="O1534" i="5"/>
  <c r="O7323" i="5"/>
  <c r="O8159" i="5"/>
  <c r="O3040" i="5"/>
  <c r="O8754" i="5"/>
  <c r="O37" i="5"/>
  <c r="O5836" i="5"/>
  <c r="O2782" i="5"/>
  <c r="O726" i="5"/>
  <c r="O914" i="5"/>
  <c r="O7668" i="5"/>
  <c r="O3934" i="5"/>
  <c r="O4594" i="5"/>
  <c r="O8327" i="5"/>
  <c r="O1719" i="5"/>
  <c r="O5321" i="5"/>
  <c r="O8306" i="5"/>
  <c r="O6405" i="5"/>
  <c r="O5828" i="5"/>
  <c r="O1030" i="5"/>
  <c r="O8008" i="5"/>
  <c r="O615" i="5"/>
  <c r="O549" i="5"/>
  <c r="O4490" i="5"/>
  <c r="O230" i="5"/>
  <c r="O5894" i="5"/>
  <c r="O688" i="5"/>
  <c r="O4640" i="5"/>
  <c r="O5426" i="5"/>
  <c r="O2120" i="5"/>
  <c r="O512" i="5"/>
  <c r="O6498" i="5"/>
  <c r="O5659" i="5"/>
  <c r="O8328" i="5"/>
  <c r="O2126" i="5"/>
  <c r="O2089" i="5"/>
  <c r="O5634" i="5"/>
  <c r="O2423" i="5"/>
  <c r="O1116" i="5"/>
  <c r="O2139" i="5"/>
  <c r="O373" i="5"/>
  <c r="O5087" i="5"/>
  <c r="O3103" i="5"/>
  <c r="O6229" i="5"/>
  <c r="O426" i="5"/>
  <c r="O7130" i="5"/>
  <c r="O1558" i="5"/>
  <c r="O4316" i="5"/>
  <c r="O5240" i="5"/>
  <c r="O3063" i="5"/>
  <c r="O5977" i="5"/>
  <c r="O8248" i="5"/>
  <c r="O8466" i="5"/>
  <c r="O2716" i="5"/>
  <c r="O1789" i="5"/>
  <c r="O4237" i="5"/>
  <c r="O5106" i="5"/>
  <c r="O5441" i="5"/>
  <c r="O6000" i="5"/>
  <c r="O1914" i="5"/>
  <c r="O4383" i="5"/>
  <c r="O1606" i="5"/>
  <c r="O202" i="5"/>
  <c r="O5773" i="5"/>
  <c r="O57" i="5"/>
  <c r="O6076" i="5"/>
  <c r="O2806" i="5"/>
  <c r="O2811" i="5"/>
  <c r="O6813" i="5"/>
  <c r="O8267" i="5"/>
  <c r="O1724" i="5"/>
  <c r="O3740" i="5"/>
  <c r="O906" i="5"/>
  <c r="O6078" i="5"/>
  <c r="O3636" i="5"/>
  <c r="O5767" i="5"/>
  <c r="O7451" i="5"/>
  <c r="O8083" i="5"/>
  <c r="O3254" i="5"/>
  <c r="O6330" i="5"/>
  <c r="O5418" i="5"/>
  <c r="O6072" i="5"/>
  <c r="O5412" i="5"/>
  <c r="O933" i="5"/>
  <c r="O8522" i="5"/>
  <c r="O6571" i="5"/>
  <c r="O6486" i="5"/>
  <c r="O7798" i="5"/>
  <c r="O8181" i="5"/>
  <c r="O964" i="5"/>
  <c r="O5606" i="5"/>
  <c r="O6898" i="5"/>
  <c r="O1066" i="5"/>
  <c r="O182" i="5"/>
  <c r="O3223" i="5"/>
  <c r="O7940" i="5"/>
  <c r="O4940" i="5"/>
  <c r="O3262" i="5"/>
  <c r="O755" i="5"/>
  <c r="O4043" i="5"/>
  <c r="O7652" i="5"/>
  <c r="O2777" i="5"/>
  <c r="O4101" i="5"/>
  <c r="O269" i="5"/>
  <c r="O1285" i="5"/>
  <c r="O1917" i="5"/>
  <c r="O4721" i="5"/>
  <c r="O3577" i="5"/>
  <c r="O953" i="5"/>
  <c r="O6436" i="5"/>
  <c r="O3423" i="5"/>
  <c r="O7171" i="5"/>
  <c r="O4584" i="5"/>
  <c r="O7632" i="5"/>
  <c r="O6407" i="5"/>
  <c r="O718" i="5"/>
  <c r="O4486" i="5"/>
  <c r="O579" i="5"/>
  <c r="O727" i="5"/>
  <c r="O235" i="5"/>
  <c r="O8074" i="5"/>
  <c r="O5789" i="5"/>
  <c r="O7273" i="5"/>
  <c r="O8309" i="5"/>
  <c r="O5786" i="5"/>
  <c r="O8177" i="5"/>
  <c r="O5293" i="5"/>
  <c r="O4889" i="5"/>
  <c r="O5465" i="5"/>
  <c r="O6634" i="5"/>
  <c r="O6285" i="5"/>
  <c r="O6062" i="5"/>
  <c r="O6912" i="5"/>
  <c r="O7415" i="5"/>
  <c r="O5246" i="5"/>
  <c r="O7661" i="5"/>
  <c r="O7576" i="5"/>
  <c r="O1548" i="5"/>
  <c r="O6734" i="5"/>
  <c r="O2737" i="5"/>
  <c r="O2198" i="5"/>
  <c r="O7812" i="5"/>
  <c r="O7253" i="5"/>
  <c r="O1092" i="5"/>
  <c r="O2919" i="5"/>
  <c r="O7797" i="5"/>
  <c r="O76" i="5"/>
  <c r="O8621" i="5"/>
  <c r="O8334" i="5"/>
  <c r="O7917" i="5"/>
  <c r="O6071" i="5"/>
  <c r="O1081" i="5"/>
  <c r="O3885" i="5"/>
  <c r="O943" i="5"/>
  <c r="O4662" i="5"/>
  <c r="O6108" i="5"/>
  <c r="O4621" i="5"/>
  <c r="O6429" i="5"/>
  <c r="O3614" i="5"/>
  <c r="O4247" i="5"/>
  <c r="O907" i="5"/>
  <c r="O1220" i="5"/>
  <c r="O5461" i="5"/>
  <c r="O5906" i="5"/>
  <c r="O3625" i="5"/>
  <c r="O4822" i="5"/>
  <c r="O4431" i="5"/>
  <c r="O1453" i="5"/>
  <c r="O3389" i="5"/>
  <c r="O8311" i="5"/>
  <c r="O2869" i="5"/>
  <c r="O7785" i="5"/>
  <c r="O6966" i="5"/>
  <c r="O5260" i="5"/>
  <c r="O3451" i="5"/>
  <c r="O5736" i="5"/>
  <c r="O2954" i="5"/>
  <c r="O7116" i="5"/>
  <c r="O3394" i="5"/>
  <c r="O391" i="5"/>
  <c r="O5388" i="5"/>
  <c r="O5656" i="5"/>
  <c r="O8461" i="5"/>
  <c r="O4586" i="5"/>
  <c r="O1632" i="5"/>
  <c r="O2594" i="5"/>
  <c r="O4462" i="5"/>
  <c r="O910" i="5"/>
  <c r="O6393" i="5"/>
  <c r="O6299" i="5"/>
  <c r="O1784" i="5"/>
  <c r="O2898" i="5"/>
  <c r="O6754" i="5"/>
  <c r="O6744" i="5"/>
  <c r="O5072" i="5"/>
  <c r="O3942" i="5"/>
  <c r="O5079" i="5"/>
  <c r="O624" i="5"/>
  <c r="O7808" i="5"/>
  <c r="O1610" i="5"/>
  <c r="O7936" i="5"/>
  <c r="O6759" i="5"/>
  <c r="O2775" i="5"/>
  <c r="O6493" i="5"/>
  <c r="O8658" i="5"/>
  <c r="O6623" i="5"/>
  <c r="O8644" i="5"/>
  <c r="O8013" i="5"/>
  <c r="O2584" i="5"/>
  <c r="O6319" i="5"/>
  <c r="O6565" i="5"/>
  <c r="O7939" i="5"/>
  <c r="O8252" i="5"/>
  <c r="O8161" i="5"/>
  <c r="O3741" i="5"/>
  <c r="O4215" i="5"/>
  <c r="O4119" i="5"/>
  <c r="O4213" i="5"/>
  <c r="O5610" i="5"/>
  <c r="O6587" i="5"/>
  <c r="O1575" i="5"/>
  <c r="O8680" i="5"/>
  <c r="O2641" i="5"/>
  <c r="O6431" i="5"/>
  <c r="O7612" i="5"/>
  <c r="O1614" i="5"/>
  <c r="O3765" i="5"/>
  <c r="O4660" i="5"/>
  <c r="O1094" i="5"/>
  <c r="O696" i="5"/>
  <c r="O3271" i="5"/>
  <c r="O5400" i="5"/>
  <c r="O1406" i="5"/>
  <c r="O7981" i="5"/>
  <c r="O2393" i="5"/>
  <c r="O4944" i="5"/>
  <c r="O8650" i="5"/>
  <c r="O5239" i="5"/>
  <c r="O1720" i="5"/>
  <c r="O4495" i="5"/>
  <c r="O756" i="5"/>
  <c r="O7752" i="5"/>
  <c r="O8151" i="5"/>
  <c r="O294" i="5"/>
  <c r="O4077" i="5"/>
  <c r="O7289" i="5"/>
  <c r="O760" i="5"/>
  <c r="O1621" i="5"/>
  <c r="O6821" i="5"/>
  <c r="O3650" i="5"/>
  <c r="O4485" i="5"/>
  <c r="O4568" i="5"/>
  <c r="O7630" i="5"/>
  <c r="O3215" i="5"/>
  <c r="O16" i="5"/>
  <c r="O4798" i="5"/>
  <c r="O864" i="5"/>
  <c r="O8261" i="5"/>
  <c r="O1059" i="5"/>
  <c r="O13" i="5"/>
  <c r="O2604" i="5"/>
  <c r="O2545" i="5"/>
  <c r="O5492" i="5"/>
  <c r="O4415" i="5"/>
  <c r="O2770" i="5"/>
  <c r="O273" i="5"/>
  <c r="O4085" i="5"/>
  <c r="O7497" i="5"/>
  <c r="O2562" i="5"/>
  <c r="O3291" i="5"/>
  <c r="O2256" i="5"/>
  <c r="O7292" i="5"/>
  <c r="O3706" i="5"/>
  <c r="O6462" i="5"/>
  <c r="O7117" i="5"/>
  <c r="O7589" i="5"/>
  <c r="O7094" i="5"/>
  <c r="O1870" i="5"/>
  <c r="O6004" i="5"/>
  <c r="O6142" i="5"/>
  <c r="O5146" i="5"/>
  <c r="O6998" i="5"/>
  <c r="O8675" i="5"/>
  <c r="O122" i="5"/>
  <c r="O3914" i="5"/>
  <c r="O6456" i="5"/>
  <c r="O2802" i="5"/>
  <c r="O7597" i="5"/>
  <c r="O1728" i="5"/>
  <c r="O8137" i="5"/>
  <c r="O7758" i="5"/>
  <c r="O901" i="5"/>
  <c r="O4393" i="5"/>
  <c r="O3090" i="5"/>
  <c r="O5303" i="5"/>
  <c r="O4066" i="5"/>
  <c r="O897" i="5"/>
  <c r="O1731" i="5"/>
  <c r="O1639" i="5"/>
  <c r="O1190" i="5"/>
  <c r="O7764" i="5"/>
  <c r="O5720" i="5"/>
  <c r="O7269" i="5"/>
  <c r="O431" i="5"/>
  <c r="O5156" i="5"/>
  <c r="O7644" i="5"/>
  <c r="O2137" i="5"/>
  <c r="O5159" i="5"/>
  <c r="O6664" i="5"/>
  <c r="O8456" i="5"/>
  <c r="O855" i="5"/>
  <c r="O4468" i="5"/>
  <c r="O6581" i="5"/>
  <c r="O8618" i="5"/>
  <c r="O5463" i="5"/>
  <c r="O4225" i="5"/>
  <c r="O4881" i="5"/>
  <c r="O1245" i="5"/>
  <c r="O8427" i="5"/>
  <c r="O8640" i="5"/>
  <c r="O3754" i="5"/>
  <c r="O4406" i="5"/>
  <c r="O2367" i="5"/>
  <c r="O8299" i="5"/>
  <c r="O6645" i="5"/>
  <c r="O4283" i="5"/>
  <c r="O5218" i="5"/>
  <c r="O4547" i="5"/>
  <c r="O7604" i="5"/>
  <c r="O2404" i="5"/>
  <c r="O3406" i="5"/>
  <c r="O3583" i="5"/>
  <c r="O1021" i="5"/>
  <c r="O7777" i="5"/>
  <c r="O5605" i="5"/>
  <c r="O2297" i="5"/>
  <c r="O5154" i="5"/>
  <c r="O2579" i="5"/>
  <c r="O4379" i="5"/>
  <c r="O595" i="5"/>
  <c r="O1286" i="5"/>
  <c r="O5749" i="5"/>
  <c r="O2599" i="5"/>
  <c r="O883" i="5"/>
  <c r="O5228" i="5"/>
  <c r="O5264" i="5"/>
  <c r="O4090" i="5"/>
  <c r="O3903" i="5"/>
  <c r="O351" i="5"/>
  <c r="O7818" i="5"/>
  <c r="O1961" i="5"/>
  <c r="O3759" i="5"/>
  <c r="O5734" i="5"/>
  <c r="O3959" i="5"/>
  <c r="O1133" i="5"/>
  <c r="O3923" i="5"/>
  <c r="O7351" i="5"/>
  <c r="O7012" i="5"/>
  <c r="O3793" i="5"/>
  <c r="O429" i="5"/>
  <c r="O6502" i="5"/>
  <c r="O4377" i="5"/>
  <c r="O5782" i="5"/>
  <c r="O2565" i="5"/>
  <c r="O5476" i="5"/>
  <c r="O8435" i="5"/>
  <c r="O792" i="5"/>
  <c r="O6612" i="5"/>
  <c r="O7178" i="5"/>
  <c r="O7143" i="5"/>
  <c r="O2983" i="5"/>
  <c r="O1540" i="5"/>
  <c r="O6298" i="5"/>
  <c r="O3877" i="5"/>
  <c r="O5753" i="5"/>
  <c r="O1289" i="5"/>
  <c r="O856" i="5"/>
  <c r="O3548" i="5"/>
  <c r="O7626" i="5"/>
  <c r="O5438" i="5"/>
  <c r="O7279" i="5"/>
  <c r="O7333" i="5"/>
  <c r="O2360" i="5"/>
  <c r="O6433" i="5"/>
  <c r="O6337" i="5"/>
  <c r="O2133" i="5"/>
  <c r="O4412" i="5"/>
  <c r="O2117" i="5"/>
  <c r="O5048" i="5"/>
  <c r="O8610" i="5"/>
  <c r="O4089" i="5"/>
  <c r="O4657" i="5"/>
  <c r="O2116" i="5"/>
  <c r="O239" i="5"/>
  <c r="O2473" i="5"/>
  <c r="O1523" i="5"/>
  <c r="O1887" i="5"/>
  <c r="O1791" i="5"/>
  <c r="O5137" i="5"/>
  <c r="O6313" i="5"/>
  <c r="O1208" i="5"/>
  <c r="O7260" i="5"/>
  <c r="O8765" i="5"/>
  <c r="O7181" i="5"/>
  <c r="O5815" i="5"/>
  <c r="O8483" i="5"/>
  <c r="O1077" i="5"/>
  <c r="O6650" i="5"/>
  <c r="O225" i="5"/>
  <c r="O2090" i="5"/>
  <c r="O8517" i="5"/>
  <c r="O1057" i="5"/>
  <c r="O7082" i="5"/>
  <c r="O6489" i="5"/>
  <c r="O6248" i="5"/>
  <c r="O2588" i="5"/>
  <c r="O3484" i="5"/>
  <c r="O6305" i="5"/>
  <c r="O3369" i="5"/>
  <c r="O287" i="5"/>
  <c r="O1696" i="5"/>
  <c r="O8449" i="5"/>
  <c r="O3078" i="5"/>
  <c r="O3739" i="5"/>
  <c r="O345" i="5"/>
  <c r="O5329" i="5"/>
  <c r="O1699" i="5"/>
  <c r="O6820" i="5"/>
  <c r="O2574" i="5"/>
  <c r="O3584" i="5"/>
  <c r="O5108" i="5"/>
  <c r="O7971" i="5"/>
  <c r="O4157" i="5"/>
  <c r="O8108" i="5"/>
  <c r="O2715" i="5"/>
  <c r="O6152" i="5"/>
  <c r="O7957" i="5"/>
  <c r="O1598" i="5"/>
  <c r="O3073" i="5"/>
  <c r="O7514" i="5"/>
  <c r="O4455" i="5"/>
  <c r="O5630" i="5"/>
  <c r="O3918" i="5"/>
  <c r="O4049" i="5"/>
  <c r="O8486" i="5"/>
  <c r="O3200" i="5"/>
  <c r="O586" i="5"/>
  <c r="O2401" i="5"/>
  <c r="O4447" i="5"/>
  <c r="O7663" i="5"/>
  <c r="O2461" i="5"/>
  <c r="O8318" i="5"/>
  <c r="O6137" i="5"/>
  <c r="O6941" i="5"/>
  <c r="O407" i="5"/>
  <c r="O8255" i="5"/>
  <c r="O413" i="5"/>
  <c r="O621" i="5"/>
  <c r="O4062" i="5"/>
  <c r="O6464" i="5"/>
  <c r="O2412" i="5"/>
  <c r="O7318" i="5"/>
  <c r="O7287" i="5"/>
  <c r="O1749" i="5"/>
  <c r="O4408" i="5"/>
  <c r="O7288" i="5"/>
  <c r="O267" i="5"/>
  <c r="O1193" i="5"/>
  <c r="O607" i="5"/>
  <c r="O2875" i="5"/>
  <c r="O7973" i="5"/>
  <c r="O393" i="5"/>
  <c r="O7834" i="5"/>
  <c r="O2867" i="5"/>
  <c r="O4126" i="5"/>
  <c r="O2069" i="5"/>
  <c r="O7091" i="5"/>
  <c r="O2558" i="5"/>
  <c r="O4972" i="5"/>
  <c r="O4763" i="5"/>
  <c r="O6606" i="5"/>
  <c r="O3705" i="5"/>
  <c r="O930" i="5"/>
  <c r="O881" i="5"/>
  <c r="O6306" i="5"/>
  <c r="O6478" i="5"/>
  <c r="O3463" i="5"/>
  <c r="O109" i="5"/>
  <c r="O5797" i="5"/>
  <c r="O8075" i="5"/>
  <c r="O7642" i="5"/>
  <c r="O6341" i="5"/>
  <c r="O2243" i="5"/>
  <c r="O4065" i="5"/>
  <c r="O6909" i="5"/>
  <c r="O2266" i="5"/>
  <c r="O4272" i="5"/>
  <c r="O6622" i="5"/>
  <c r="O2576" i="5"/>
  <c r="O6778" i="5"/>
  <c r="O6656" i="5"/>
  <c r="O4928" i="5"/>
  <c r="O7912" i="5"/>
  <c r="O5445" i="5"/>
  <c r="O8185" i="5"/>
  <c r="O3971" i="5"/>
  <c r="O1776" i="5"/>
  <c r="O8337" i="5"/>
  <c r="O7414" i="5"/>
  <c r="O3790" i="5"/>
  <c r="O3593" i="5"/>
  <c r="O3109" i="5"/>
  <c r="O5746" i="5"/>
  <c r="O4969" i="5"/>
  <c r="O1787" i="5"/>
  <c r="O7481" i="5"/>
  <c r="O3136" i="5"/>
  <c r="O5480" i="5"/>
  <c r="O5109" i="5"/>
  <c r="O8000" i="5"/>
  <c r="O2443" i="5"/>
  <c r="O72" i="5"/>
  <c r="O5309" i="5"/>
  <c r="O8429" i="5"/>
  <c r="O3884" i="5"/>
  <c r="O575" i="5"/>
  <c r="O5102" i="5"/>
  <c r="O5333" i="5"/>
  <c r="O4808" i="5"/>
  <c r="O2975" i="5"/>
  <c r="O5391" i="5"/>
  <c r="O1291" i="5"/>
  <c r="O4562" i="5"/>
  <c r="O2411" i="5"/>
  <c r="O915" i="5"/>
  <c r="O1210" i="5"/>
  <c r="O3635" i="5"/>
  <c r="O2549" i="5"/>
  <c r="O4110" i="5"/>
  <c r="O3129" i="5"/>
  <c r="O1385" i="5"/>
  <c r="O1206" i="5"/>
  <c r="O4219" i="5"/>
  <c r="O6480" i="5"/>
  <c r="O1857" i="5"/>
  <c r="O7248" i="5"/>
  <c r="O8753" i="5"/>
  <c r="O6258" i="5"/>
  <c r="O701" i="5"/>
  <c r="O6735" i="5"/>
  <c r="O1562" i="5"/>
  <c r="O4381" i="5"/>
  <c r="O2269" i="5"/>
  <c r="O8116" i="5"/>
  <c r="O1360" i="5"/>
  <c r="O5636" i="5"/>
  <c r="O794" i="5"/>
  <c r="O6475" i="5"/>
  <c r="O2250" i="5"/>
  <c r="O4155" i="5"/>
  <c r="O3742" i="5"/>
  <c r="O5560" i="5"/>
  <c r="O2784" i="5"/>
  <c r="O2595" i="5"/>
  <c r="O4577" i="5"/>
  <c r="O3467" i="5"/>
  <c r="O1369" i="5"/>
  <c r="O1440" i="5"/>
  <c r="O7739" i="5"/>
  <c r="O3408" i="5"/>
  <c r="O6104" i="5"/>
  <c r="O917" i="5"/>
  <c r="O960" i="5"/>
  <c r="O5776" i="5"/>
  <c r="O4253" i="5"/>
  <c r="O7095" i="5"/>
  <c r="O1788" i="5"/>
  <c r="O1913" i="5"/>
  <c r="O7503" i="5"/>
  <c r="O4765" i="5"/>
  <c r="O5802" i="5"/>
  <c r="O53" i="5"/>
  <c r="O6574" i="5"/>
  <c r="O6068" i="5"/>
  <c r="O2893" i="5"/>
  <c r="O4060" i="5"/>
  <c r="O3038" i="5"/>
  <c r="O3554" i="5"/>
  <c r="O17" i="5"/>
  <c r="O6272" i="5"/>
  <c r="O4968" i="5"/>
  <c r="O7594" i="5"/>
  <c r="O8764" i="5"/>
  <c r="O4569" i="5"/>
  <c r="O8766" i="5"/>
  <c r="O3412" i="5"/>
  <c r="O8246" i="5"/>
  <c r="O3465" i="5"/>
  <c r="O6411" i="5"/>
  <c r="O6271" i="5"/>
  <c r="O1708" i="5"/>
  <c r="O2283" i="5"/>
  <c r="O2948" i="5"/>
  <c r="O1689" i="5"/>
  <c r="O81" i="5"/>
  <c r="O1460" i="5"/>
  <c r="O4774" i="5"/>
  <c r="O6833" i="5"/>
  <c r="O6604" i="5"/>
  <c r="O452" i="5"/>
  <c r="O939" i="5"/>
  <c r="O3228" i="5"/>
  <c r="O2815" i="5"/>
  <c r="O7823" i="5"/>
  <c r="O3045" i="5"/>
  <c r="O768" i="5"/>
  <c r="O6287" i="5"/>
  <c r="O6947" i="5"/>
  <c r="O4493" i="5"/>
  <c r="O91" i="5"/>
  <c r="O7104" i="5"/>
  <c r="O379" i="5"/>
  <c r="O7460" i="5"/>
  <c r="O5494" i="5"/>
  <c r="O5251" i="5"/>
  <c r="O8617" i="5"/>
  <c r="O3943" i="5"/>
  <c r="O3062" i="5"/>
  <c r="O2377" i="5"/>
  <c r="O3399" i="5"/>
  <c r="O1266" i="5"/>
  <c r="O2455" i="5"/>
  <c r="O1774" i="5"/>
  <c r="O7970" i="5"/>
  <c r="O1576" i="5"/>
  <c r="O2537" i="5"/>
  <c r="O4429" i="5"/>
  <c r="O6769" i="5"/>
  <c r="O2298" i="5"/>
  <c r="O5077" i="5"/>
  <c r="O3540" i="5"/>
  <c r="O8129" i="5"/>
  <c r="O1945" i="5"/>
  <c r="O355" i="5"/>
  <c r="O4717" i="5"/>
  <c r="O86" i="5"/>
  <c r="O3296" i="5"/>
  <c r="O8419" i="5"/>
  <c r="O563" i="5"/>
  <c r="O1521" i="5"/>
  <c r="O3450" i="5"/>
  <c r="O2626" i="5"/>
  <c r="O1929" i="5"/>
  <c r="O95" i="5"/>
  <c r="O6584" i="5"/>
  <c r="O1089" i="5"/>
  <c r="O622" i="5"/>
  <c r="O193" i="5"/>
  <c r="O39" i="5"/>
  <c r="O104" i="5"/>
  <c r="O5996" i="5"/>
  <c r="O1772" i="5"/>
  <c r="O5902" i="5"/>
  <c r="O8441" i="5"/>
  <c r="O702" i="5"/>
  <c r="O6728" i="5"/>
  <c r="O8622" i="5"/>
  <c r="O2572" i="5"/>
  <c r="O5651" i="5"/>
  <c r="O3092" i="5"/>
  <c r="O1967" i="5"/>
  <c r="O4088" i="5"/>
  <c r="O566" i="5"/>
  <c r="O6810" i="5"/>
  <c r="O7086" i="5"/>
  <c r="O5590" i="5"/>
  <c r="O1780" i="5"/>
  <c r="O1970" i="5"/>
  <c r="O3922" i="5"/>
  <c r="O6491" i="5"/>
  <c r="O8414" i="5"/>
  <c r="O7401" i="5"/>
  <c r="O797" i="5"/>
  <c r="O1792" i="5"/>
  <c r="O5745" i="5"/>
  <c r="O5138" i="5"/>
  <c r="O5733" i="5"/>
  <c r="O281" i="5"/>
  <c r="O4395" i="5"/>
  <c r="O3616" i="5"/>
  <c r="O952" i="5"/>
  <c r="O5571" i="5"/>
  <c r="O7302" i="5"/>
  <c r="O791" i="5"/>
  <c r="O2223" i="5"/>
  <c r="O4251" i="5"/>
  <c r="O2586" i="5"/>
  <c r="O7831" i="5"/>
  <c r="O5781" i="5"/>
  <c r="O6165" i="5"/>
  <c r="O7807" i="5"/>
  <c r="O1209" i="5"/>
  <c r="O4130" i="5"/>
  <c r="O8679" i="5"/>
  <c r="O1301" i="5"/>
  <c r="O735" i="5"/>
  <c r="O1633" i="5"/>
  <c r="O3299" i="5"/>
  <c r="O40" i="5"/>
  <c r="O1278" i="5"/>
  <c r="O6315" i="5"/>
  <c r="O5499" i="5"/>
  <c r="O3048" i="5"/>
  <c r="O265" i="5"/>
  <c r="O1941" i="5"/>
  <c r="O560" i="5"/>
  <c r="O1856" i="5"/>
  <c r="O2977" i="5"/>
  <c r="O6420" i="5"/>
  <c r="O6668" i="5"/>
  <c r="O5741" i="5"/>
  <c r="O5404" i="5"/>
  <c r="O3602" i="5"/>
  <c r="O1527" i="5"/>
  <c r="O8595" i="5"/>
  <c r="O1899" i="5"/>
  <c r="O7417" i="5"/>
  <c r="O5234" i="5"/>
  <c r="O1433" i="5"/>
  <c r="O6946" i="5"/>
  <c r="O3963" i="5"/>
  <c r="O2421" i="5"/>
  <c r="O3648" i="5"/>
  <c r="O2765" i="5"/>
  <c r="O556" i="5"/>
  <c r="O5163" i="5"/>
  <c r="O2698" i="5"/>
  <c r="O6626" i="5"/>
  <c r="O111" i="5"/>
  <c r="O2639" i="5"/>
  <c r="O1799" i="5"/>
  <c r="O6408" i="5"/>
  <c r="O3277" i="5"/>
  <c r="O4326" i="5"/>
  <c r="O757" i="5"/>
  <c r="O4102" i="5"/>
  <c r="O1619" i="5"/>
  <c r="O3751" i="5"/>
  <c r="O6842" i="5"/>
  <c r="O6454" i="5"/>
  <c r="O720" i="5"/>
  <c r="O2468" i="5"/>
  <c r="O3439" i="5"/>
  <c r="O6913" i="5"/>
  <c r="O3788" i="5"/>
  <c r="O1584" i="5"/>
  <c r="O284" i="5"/>
  <c r="O7985" i="5"/>
  <c r="O737" i="5"/>
  <c r="O5644" i="5"/>
  <c r="O4574" i="5"/>
  <c r="O5235" i="5"/>
  <c r="O47" i="5"/>
  <c r="O742" i="5"/>
  <c r="O2389" i="5"/>
  <c r="O5325" i="5"/>
  <c r="O2055" i="5"/>
  <c r="O4880" i="5"/>
  <c r="O7456" i="5"/>
  <c r="O8092" i="5"/>
  <c r="O1529" i="5"/>
  <c r="O1885" i="5"/>
  <c r="O261" i="5"/>
  <c r="O1912" i="5"/>
  <c r="O5482" i="5"/>
  <c r="O8512" i="5"/>
  <c r="O5774" i="5"/>
  <c r="O1934" i="5"/>
  <c r="O1290" i="5"/>
  <c r="O4481" i="5"/>
  <c r="O8444" i="5"/>
  <c r="O2196" i="5"/>
  <c r="O1550" i="5"/>
  <c r="O891" i="5"/>
  <c r="O4649" i="5"/>
  <c r="O6127" i="5"/>
  <c r="O2439" i="5"/>
  <c r="O7654" i="5"/>
  <c r="O4254" i="5"/>
  <c r="O6472" i="5"/>
  <c r="O3958" i="5"/>
  <c r="O6917" i="5"/>
  <c r="O4932" i="5"/>
  <c r="O5965" i="5"/>
  <c r="O6430" i="5"/>
  <c r="O8247" i="5"/>
  <c r="O7413" i="5"/>
  <c r="O3899" i="5"/>
  <c r="O1185" i="5"/>
  <c r="O4260" i="5"/>
  <c r="O5091" i="5"/>
  <c r="O7077" i="5"/>
  <c r="O3405" i="5"/>
  <c r="O574" i="5"/>
  <c r="O291" i="5"/>
  <c r="O4463" i="5"/>
  <c r="O6443" i="5"/>
  <c r="O3989" i="5"/>
  <c r="O1935" i="5"/>
  <c r="O7342" i="5"/>
  <c r="O1760" i="5"/>
  <c r="O884" i="5"/>
  <c r="O8125" i="5"/>
  <c r="O861" i="5"/>
  <c r="O2048" i="5"/>
  <c r="O4713" i="5"/>
  <c r="O4998" i="5"/>
  <c r="O4262" i="5"/>
  <c r="O3427" i="5"/>
  <c r="O8634" i="5"/>
  <c r="O1204" i="5"/>
  <c r="O537" i="5"/>
  <c r="O3086" i="5"/>
  <c r="O4318" i="5"/>
  <c r="O3895" i="5"/>
  <c r="O1383" i="5"/>
  <c r="O2591" i="5"/>
  <c r="O6394" i="5"/>
  <c r="O2637" i="5"/>
  <c r="O3979" i="5"/>
  <c r="O120" i="5"/>
  <c r="O5969" i="5"/>
  <c r="O6661" i="5"/>
  <c r="O1700" i="5"/>
  <c r="O3424" i="5"/>
  <c r="O7590" i="5"/>
  <c r="O7605" i="5"/>
  <c r="O876" i="5"/>
  <c r="O3939" i="5"/>
  <c r="O7516" i="5"/>
  <c r="O8514" i="5"/>
  <c r="O7738" i="5"/>
  <c r="O4997" i="5"/>
  <c r="O3438" i="5"/>
  <c r="O527" i="5"/>
  <c r="O5748" i="5"/>
  <c r="O5227" i="5"/>
  <c r="O8244" i="5"/>
  <c r="O2707" i="5"/>
  <c r="O918" i="5"/>
  <c r="O3407" i="5"/>
  <c r="O2472" i="5"/>
  <c r="O7832" i="5"/>
  <c r="O4725" i="5"/>
  <c r="O5832" i="5"/>
  <c r="O1873" i="5"/>
  <c r="O19" i="5"/>
  <c r="O6304" i="5"/>
  <c r="O5099" i="5"/>
  <c r="O2971" i="5"/>
  <c r="O1378" i="5"/>
  <c r="O4384" i="5"/>
  <c r="O1711" i="5"/>
  <c r="O1625" i="5"/>
  <c r="O6621" i="5"/>
  <c r="O6783" i="5"/>
  <c r="O274" i="5"/>
  <c r="O706" i="5"/>
  <c r="O2121" i="5"/>
  <c r="O7258" i="5"/>
  <c r="O7649" i="5"/>
  <c r="O3227" i="5"/>
  <c r="O4769" i="5"/>
  <c r="O3106" i="5"/>
  <c r="O790" i="5"/>
  <c r="O2059" i="5"/>
  <c r="O1785" i="5"/>
  <c r="O3428" i="5"/>
  <c r="O5118" i="5"/>
  <c r="O83" i="5"/>
  <c r="O1737" i="5"/>
  <c r="O8133" i="5"/>
  <c r="O4740" i="5"/>
  <c r="O6113" i="5"/>
  <c r="O4427" i="5"/>
  <c r="O3101" i="5"/>
  <c r="O5297" i="5"/>
  <c r="O4912" i="5"/>
  <c r="O2628" i="5"/>
  <c r="O5420" i="5"/>
  <c r="O4990" i="5"/>
  <c r="O2254" i="5"/>
  <c r="O6899" i="5"/>
  <c r="O8509" i="5"/>
  <c r="O460" i="5"/>
  <c r="O4246" i="5"/>
  <c r="O7965" i="5"/>
  <c r="O2364" i="5"/>
  <c r="O2550" i="5"/>
  <c r="O3301" i="5"/>
  <c r="O1247" i="5"/>
  <c r="O32" i="5"/>
  <c r="O213" i="5"/>
  <c r="O1212" i="5"/>
  <c r="O8308" i="5"/>
  <c r="O3149" i="5"/>
  <c r="O6657" i="5"/>
  <c r="O6260" i="5"/>
  <c r="O7500" i="5"/>
  <c r="O5134" i="5"/>
  <c r="O1438" i="5"/>
  <c r="O4757" i="5"/>
  <c r="O6133" i="5"/>
  <c r="O1246" i="5"/>
  <c r="O7826" i="5"/>
  <c r="O5808" i="5"/>
  <c r="O5460" i="5"/>
  <c r="O7593" i="5"/>
  <c r="O3722" i="5"/>
  <c r="O4466" i="5"/>
  <c r="O7487" i="5"/>
  <c r="O2051" i="5"/>
  <c r="O4595" i="5"/>
  <c r="O2398" i="5"/>
  <c r="O554" i="5"/>
  <c r="O3374" i="5"/>
  <c r="O3563" i="5"/>
  <c r="O7988" i="5"/>
  <c r="O4390" i="5"/>
  <c r="O8249" i="5"/>
  <c r="O7586" i="5"/>
  <c r="O2033" i="5"/>
  <c r="O3253" i="5"/>
  <c r="O5924" i="5"/>
  <c r="O5258" i="5"/>
  <c r="O782" i="5"/>
  <c r="O2075" i="5"/>
  <c r="O3132" i="5"/>
  <c r="O5443" i="5"/>
  <c r="O6159" i="5"/>
  <c r="O2438" i="5"/>
  <c r="O4052" i="5"/>
  <c r="O2754" i="5"/>
  <c r="O2092" i="5"/>
  <c r="O8095" i="5"/>
  <c r="O4282" i="5"/>
  <c r="O1034" i="5"/>
  <c r="O3806" i="5"/>
  <c r="O5073" i="5"/>
  <c r="O5252" i="5"/>
  <c r="O4145" i="5"/>
  <c r="O2611" i="5"/>
  <c r="O56" i="5"/>
  <c r="O8467" i="5"/>
  <c r="O2976" i="5"/>
  <c r="O8594" i="5"/>
  <c r="O25" i="5"/>
  <c r="O7770" i="5"/>
  <c r="O8245" i="5"/>
  <c r="O6060" i="5"/>
  <c r="O4273" i="5"/>
  <c r="O2142" i="5"/>
  <c r="O1578" i="5"/>
  <c r="O4956" i="5"/>
  <c r="O2940" i="5"/>
  <c r="O577" i="5"/>
  <c r="O2629" i="5"/>
  <c r="O4487" i="5"/>
  <c r="O3957" i="5"/>
  <c r="O5587" i="5"/>
  <c r="O5318" i="5"/>
  <c r="O7294" i="5"/>
  <c r="O5216" i="5"/>
  <c r="O582" i="5"/>
  <c r="O1078" i="5"/>
  <c r="O289" i="5"/>
  <c r="O2041" i="5"/>
  <c r="O7425" i="5"/>
  <c r="O3813" i="5"/>
  <c r="O1635" i="5"/>
  <c r="O1602" i="5"/>
  <c r="O3917" i="5"/>
  <c r="O3474" i="5"/>
  <c r="O7453" i="5"/>
  <c r="O1939" i="5"/>
  <c r="O2450" i="5"/>
  <c r="O7110" i="5"/>
  <c r="O2240" i="5"/>
  <c r="O4907" i="5"/>
  <c r="O2918" i="5"/>
  <c r="O4734" i="5"/>
  <c r="O2130" i="5"/>
  <c r="O1471" i="5"/>
  <c r="O5765" i="5"/>
  <c r="O594" i="5"/>
  <c r="O1352" i="5"/>
  <c r="O6955" i="5"/>
  <c r="O8145" i="5"/>
  <c r="O1712" i="5"/>
  <c r="O7255" i="5"/>
  <c r="O4915" i="5"/>
  <c r="O3579" i="5"/>
  <c r="O3567" i="5"/>
  <c r="O941" i="5"/>
  <c r="O6063" i="5"/>
  <c r="O7150" i="5"/>
  <c r="O6907" i="5"/>
  <c r="O4432" i="5"/>
  <c r="O6582" i="5"/>
  <c r="O4786" i="5"/>
  <c r="O2031" i="5"/>
  <c r="O8498" i="5"/>
  <c r="O3042" i="5"/>
  <c r="O7837" i="5"/>
  <c r="O4745" i="5"/>
  <c r="O8499" i="5"/>
  <c r="O1217" i="5"/>
  <c r="O761" i="5"/>
  <c r="O2399" i="5"/>
  <c r="O8326" i="5"/>
  <c r="O1280" i="5"/>
  <c r="O4599" i="5"/>
  <c r="O7754" i="5"/>
  <c r="O126" i="5"/>
  <c r="O5762" i="5"/>
  <c r="O4131" i="5"/>
  <c r="O4425" i="5"/>
  <c r="O4729" i="5"/>
  <c r="O967" i="5"/>
  <c r="O6279" i="5"/>
  <c r="O3039" i="5"/>
  <c r="O8158" i="5"/>
  <c r="O1040" i="5"/>
  <c r="O7844" i="5"/>
  <c r="O4549" i="5"/>
  <c r="O4302" i="5"/>
  <c r="O776" i="5"/>
  <c r="O7243" i="5"/>
  <c r="O194" i="5"/>
  <c r="O462" i="5"/>
  <c r="O7256" i="5"/>
  <c r="O1898" i="5"/>
  <c r="O6979" i="5"/>
  <c r="O584" i="5"/>
  <c r="O3436" i="5"/>
  <c r="O793" i="5"/>
  <c r="O1741" i="5"/>
  <c r="O428" i="5"/>
  <c r="O4576" i="5"/>
  <c r="O1103" i="5"/>
  <c r="O4296" i="5"/>
  <c r="O5296" i="5"/>
  <c r="O1269" i="5"/>
  <c r="O5664" i="5"/>
  <c r="O5800" i="5"/>
  <c r="O7621" i="5"/>
  <c r="O4308" i="5"/>
  <c r="O8004" i="5"/>
  <c r="O8002" i="5"/>
  <c r="O6294" i="5"/>
  <c r="O6497" i="5"/>
  <c r="O2759" i="5"/>
  <c r="O3413" i="5"/>
  <c r="O2547" i="5"/>
  <c r="O7941" i="5"/>
  <c r="O5811" i="5"/>
  <c r="O8493" i="5"/>
  <c r="O4450" i="5"/>
  <c r="O5619" i="5"/>
  <c r="O7643" i="5"/>
  <c r="O4991" i="5"/>
  <c r="O8266" i="5"/>
  <c r="O6303" i="5"/>
  <c r="O2363" i="5"/>
  <c r="O5107" i="5"/>
  <c r="O422" i="5"/>
  <c r="O8646" i="5"/>
  <c r="O2610" i="5"/>
  <c r="O5439" i="5"/>
  <c r="O623" i="5"/>
  <c r="O3099" i="5"/>
  <c r="O4454" i="5"/>
  <c r="O5467" i="5"/>
  <c r="O3385" i="5"/>
  <c r="O1031" i="5"/>
  <c r="O3211" i="5"/>
  <c r="O895" i="5"/>
  <c r="O5312" i="5"/>
  <c r="O3557" i="5"/>
  <c r="O2726" i="5"/>
  <c r="O1257" i="5"/>
  <c r="O3050" i="5"/>
  <c r="O6247" i="5"/>
  <c r="O5620" i="5"/>
  <c r="O1412" i="5"/>
  <c r="O8681" i="5"/>
  <c r="O4159" i="5"/>
  <c r="O30" i="5"/>
  <c r="O8496" i="5"/>
  <c r="O6903" i="5"/>
  <c r="O848" i="5"/>
  <c r="O1073" i="5"/>
  <c r="O4123" i="5"/>
  <c r="O5941" i="5"/>
  <c r="O7307" i="5"/>
  <c r="O4784" i="5"/>
  <c r="O4563" i="5"/>
  <c r="O5933" i="5"/>
  <c r="O1910" i="5"/>
  <c r="O4139" i="5"/>
  <c r="O3440" i="5"/>
  <c r="O7579" i="5"/>
  <c r="O1026" i="5"/>
  <c r="O8760" i="5"/>
  <c r="O7585" i="5"/>
  <c r="O3778" i="5"/>
  <c r="O8433" i="5"/>
  <c r="O6482" i="5"/>
  <c r="O6772" i="5"/>
  <c r="O1793" i="5"/>
  <c r="O2091" i="5"/>
  <c r="O859" i="5"/>
  <c r="O6651" i="5"/>
  <c r="O2294" i="5"/>
  <c r="O4809" i="5"/>
  <c r="O7938" i="5"/>
  <c r="O4761" i="5"/>
  <c r="O7515" i="5"/>
  <c r="O7233" i="5"/>
  <c r="O4469" i="5"/>
  <c r="O3745" i="5"/>
  <c r="O2885" i="5"/>
  <c r="O6107" i="5"/>
  <c r="O6119" i="5"/>
  <c r="O8352" i="5"/>
  <c r="O5130" i="5"/>
  <c r="O5824" i="5"/>
  <c r="O4558" i="5"/>
  <c r="O7124" i="5"/>
  <c r="O1428" i="5"/>
  <c r="O1803" i="5"/>
  <c r="O5468" i="5"/>
  <c r="O8683" i="5"/>
  <c r="O5268" i="5"/>
  <c r="O5799" i="5"/>
  <c r="O370" i="5"/>
  <c r="O8" i="5"/>
  <c r="O8613" i="5"/>
  <c r="O8678" i="5"/>
  <c r="O7639" i="5"/>
  <c r="O1374" i="5"/>
  <c r="O536" i="5"/>
  <c r="O2291" i="5"/>
  <c r="O523" i="5"/>
  <c r="O2260" i="5"/>
  <c r="O4738" i="5"/>
  <c r="O2616" i="5"/>
  <c r="O7996" i="5"/>
  <c r="O3452" i="5"/>
  <c r="O515" i="5"/>
  <c r="O4451" i="5"/>
  <c r="O7494" i="5"/>
  <c r="O6592" i="5"/>
  <c r="O8661" i="5"/>
  <c r="O7625" i="5"/>
  <c r="O8676" i="5"/>
  <c r="O7278" i="5"/>
  <c r="O4465" i="5"/>
  <c r="O7932" i="5"/>
  <c r="O6082" i="5"/>
  <c r="O7788" i="5"/>
  <c r="O3446" i="5"/>
  <c r="O1906" i="5"/>
  <c r="O6836" i="5"/>
  <c r="O3944" i="5"/>
  <c r="O8009" i="5"/>
  <c r="O3784" i="5"/>
  <c r="O1353" i="5"/>
  <c r="O1302" i="5"/>
  <c r="O5493" i="5"/>
  <c r="O7114" i="5"/>
  <c r="O2974" i="5"/>
  <c r="O5975" i="5"/>
  <c r="O548" i="5"/>
  <c r="O8677" i="5"/>
  <c r="O8690" i="5"/>
  <c r="O531" i="5"/>
  <c r="O7617" i="5"/>
  <c r="O6624" i="5"/>
  <c r="O1882" i="5"/>
  <c r="O3049" i="5"/>
  <c r="O4736" i="5"/>
  <c r="O4220" i="5"/>
  <c r="O580" i="5"/>
  <c r="O7454" i="5"/>
  <c r="O583" i="5"/>
  <c r="O6957" i="5"/>
  <c r="O1261" i="5"/>
  <c r="O7324" i="5"/>
  <c r="O8132" i="5"/>
  <c r="O7583" i="5"/>
  <c r="O4445" i="5"/>
  <c r="O288" i="5"/>
  <c r="O4955" i="5"/>
  <c r="O4754" i="5"/>
  <c r="O4659" i="5"/>
  <c r="O7483" i="5"/>
  <c r="O7744" i="5"/>
  <c r="O4284" i="5"/>
  <c r="O7835" i="5"/>
  <c r="O6293" i="5"/>
  <c r="O7293" i="5"/>
  <c r="O564" i="5"/>
  <c r="O573" i="5"/>
  <c r="O2868" i="5"/>
  <c r="O1132" i="5"/>
  <c r="O8298" i="5"/>
  <c r="O2425" i="5"/>
  <c r="O3940" i="5"/>
  <c r="O3237" i="5"/>
  <c r="O709" i="5"/>
  <c r="O2410" i="5"/>
  <c r="O7810" i="5"/>
  <c r="O4654" i="5"/>
  <c r="O5652" i="5"/>
  <c r="O8756" i="5"/>
  <c r="O5322" i="5"/>
  <c r="O4572" i="5"/>
  <c r="O436" i="5"/>
  <c r="O2922" i="5"/>
  <c r="O569" i="5"/>
  <c r="O2901" i="5"/>
  <c r="O3651" i="5"/>
  <c r="O7800" i="5"/>
  <c r="O1186" i="5"/>
  <c r="O89" i="5"/>
  <c r="O4233" i="5"/>
  <c r="O7002" i="5"/>
  <c r="O5437" i="5"/>
  <c r="O6599" i="5"/>
  <c r="O2290" i="5"/>
  <c r="O2039" i="5"/>
  <c r="O7946" i="5"/>
  <c r="O4150" i="5"/>
  <c r="O2453" i="5"/>
  <c r="O5386" i="5"/>
  <c r="O5758" i="5"/>
  <c r="O6954" i="5"/>
  <c r="O6965" i="5"/>
  <c r="O8750" i="5"/>
  <c r="O4714" i="5"/>
  <c r="O3056" i="5"/>
  <c r="O5497" i="5"/>
  <c r="O1930" i="5"/>
  <c r="O1522" i="5"/>
  <c r="O4297" i="5"/>
  <c r="O7762" i="5"/>
  <c r="O8744" i="5"/>
  <c r="O7345" i="5"/>
  <c r="O6335" i="5"/>
  <c r="O7833" i="5"/>
  <c r="O6092" i="5"/>
  <c r="O7736" i="5"/>
  <c r="O3892" i="5"/>
  <c r="O1393" i="5"/>
  <c r="O1866" i="5"/>
  <c r="O1238" i="5"/>
  <c r="O1256" i="5"/>
  <c r="O8626" i="5"/>
  <c r="O734" i="5"/>
  <c r="O278" i="5"/>
  <c r="O2432" i="5"/>
  <c r="O1135" i="5"/>
  <c r="O5661" i="5"/>
  <c r="O7482" i="5"/>
  <c r="O1557" i="5"/>
  <c r="O6792" i="5"/>
  <c r="O2199" i="5"/>
  <c r="O8614" i="5"/>
  <c r="O2551" i="5"/>
  <c r="O7782" i="5"/>
  <c r="O5407" i="5"/>
  <c r="O6566" i="5"/>
  <c r="O8686" i="5"/>
  <c r="O6089" i="5"/>
  <c r="O1300" i="5"/>
  <c r="O931" i="5"/>
  <c r="O4100" i="5"/>
  <c r="O7769" i="5"/>
  <c r="O5256" i="5"/>
  <c r="O6964" i="5"/>
  <c r="O1946" i="5"/>
  <c r="O1905" i="5"/>
  <c r="O3479" i="5"/>
  <c r="O7847" i="5"/>
  <c r="O6267" i="5"/>
  <c r="O191" i="5"/>
  <c r="O3552" i="5"/>
  <c r="O8583" i="5"/>
  <c r="O6961" i="5"/>
  <c r="O1564" i="5"/>
  <c r="O6628" i="5"/>
  <c r="O4743" i="5"/>
  <c r="O7578" i="5"/>
  <c r="O8468" i="5"/>
  <c r="O7009" i="5"/>
  <c r="O598" i="5"/>
  <c r="O6001" i="5"/>
  <c r="O5310" i="5"/>
  <c r="O1421" i="5"/>
  <c r="O2230" i="5"/>
  <c r="O1542" i="5"/>
  <c r="O6122" i="5"/>
  <c r="O2246" i="5"/>
  <c r="O5585" i="5"/>
  <c r="O6663" i="5"/>
  <c r="O2560" i="5"/>
  <c r="O8664" i="5"/>
  <c r="O4478" i="5"/>
  <c r="O1235" i="5"/>
  <c r="O1697" i="5"/>
  <c r="O5121" i="5"/>
  <c r="O6791" i="5"/>
  <c r="O434" i="5"/>
  <c r="O7261" i="5"/>
  <c r="O8160" i="5"/>
  <c r="O4613" i="5"/>
  <c r="O106" i="5"/>
  <c r="O7276" i="5"/>
  <c r="O4082" i="5"/>
  <c r="O6296" i="5"/>
  <c r="O4046" i="5"/>
  <c r="O5051" i="5"/>
  <c r="O2748" i="5"/>
  <c r="O8605" i="5"/>
  <c r="O5993" i="5"/>
  <c r="O4971" i="5"/>
  <c r="O1746" i="5"/>
  <c r="O5474" i="5"/>
  <c r="O2417" i="5"/>
  <c r="O33" i="5"/>
  <c r="O1701" i="5"/>
  <c r="O7673" i="5"/>
  <c r="O1403" i="5"/>
  <c r="O5242" i="5"/>
  <c r="O4651" i="5"/>
  <c r="O5253" i="5"/>
  <c r="O5063" i="5"/>
  <c r="O601" i="5"/>
  <c r="O4313" i="5"/>
  <c r="O7486" i="5"/>
  <c r="O8749" i="5"/>
  <c r="O4806" i="5"/>
  <c r="O82" i="5"/>
  <c r="O627" i="5"/>
  <c r="O2071" i="5"/>
  <c r="O4643" i="5"/>
  <c r="O6999" i="5"/>
  <c r="O8503" i="5"/>
  <c r="O3072" i="5"/>
  <c r="O3578" i="5"/>
  <c r="O2879" i="5"/>
  <c r="O8016" i="5"/>
  <c r="O2881" i="5"/>
  <c r="O3122" i="5"/>
  <c r="O177" i="5"/>
  <c r="O6230" i="5"/>
  <c r="O8589" i="5"/>
  <c r="O5160" i="5"/>
  <c r="O1744" i="5"/>
  <c r="O963" i="5"/>
  <c r="O2944" i="5"/>
  <c r="O766" i="5"/>
  <c r="O3458" i="5"/>
  <c r="O3233" i="5"/>
  <c r="O3810" i="5"/>
  <c r="O7102" i="5"/>
  <c r="O1414" i="5"/>
  <c r="O3937" i="5"/>
  <c r="O4981" i="5"/>
  <c r="O8250" i="5"/>
  <c r="O4560" i="5"/>
  <c r="O7169" i="5"/>
  <c r="O2405" i="5"/>
  <c r="O92" i="5"/>
  <c r="O5081" i="5"/>
  <c r="O8121" i="5"/>
  <c r="O1764" i="5"/>
  <c r="O4715" i="5"/>
  <c r="O1607" i="5"/>
  <c r="O1427" i="5"/>
  <c r="O4830" i="5"/>
  <c r="O3076" i="5"/>
  <c r="O5305" i="5"/>
  <c r="O7470" i="5"/>
  <c r="O4895" i="5"/>
  <c r="O8330" i="5"/>
  <c r="O1900" i="5"/>
  <c r="O5244" i="5"/>
  <c r="O2705" i="5"/>
  <c r="O5262" i="5"/>
  <c r="O6959" i="5"/>
  <c r="O6756" i="5"/>
  <c r="O545" i="5"/>
  <c r="O7771" i="5"/>
  <c r="O1877" i="5"/>
  <c r="O7845" i="5"/>
  <c r="O707" i="5"/>
  <c r="O6080" i="5"/>
  <c r="O1112" i="5"/>
  <c r="O6088" i="5"/>
  <c r="O1277" i="5"/>
  <c r="O1410" i="5"/>
  <c r="O936" i="5"/>
  <c r="O6424" i="5"/>
  <c r="O2226" i="5"/>
  <c r="O6677" i="5"/>
  <c r="O4244" i="5"/>
  <c r="O3570" i="5"/>
  <c r="O6730" i="5"/>
  <c r="O3065" i="5"/>
  <c r="O1282" i="5"/>
  <c r="O1924" i="5"/>
  <c r="O7740" i="5"/>
  <c r="O3095" i="5"/>
  <c r="O6156" i="5"/>
  <c r="O6006" i="5"/>
  <c r="O4217" i="5"/>
  <c r="O6473" i="5"/>
  <c r="O6770" i="5"/>
  <c r="O2029" i="5"/>
  <c r="O2099" i="5"/>
  <c r="O3139" i="5"/>
  <c r="O1069" i="5"/>
  <c r="O4459" i="5"/>
  <c r="O3766" i="5"/>
  <c r="O4404" i="5"/>
  <c r="O1088" i="5"/>
  <c r="O4396" i="5"/>
  <c r="O241" i="5"/>
  <c r="O6916" i="5"/>
  <c r="O7519" i="5"/>
  <c r="O4211" i="5"/>
  <c r="O2608" i="5"/>
  <c r="O3569" i="5"/>
  <c r="O858" i="5"/>
  <c r="O799" i="5"/>
  <c r="O4986" i="5"/>
  <c r="O6132" i="5"/>
  <c r="O3117" i="5"/>
  <c r="O7573" i="5"/>
  <c r="O2427" i="5"/>
  <c r="O2083" i="5"/>
  <c r="O905" i="5"/>
  <c r="O2625" i="5"/>
  <c r="O2624" i="5"/>
  <c r="O1878" i="5"/>
  <c r="O4228" i="5"/>
  <c r="O758" i="5"/>
  <c r="O1555" i="5"/>
  <c r="O1525" i="5"/>
  <c r="O2633" i="5"/>
  <c r="O2964" i="5"/>
  <c r="O4116" i="5"/>
  <c r="O1931" i="5"/>
  <c r="O5116" i="5"/>
  <c r="O1937" i="5"/>
  <c r="O4134" i="5"/>
  <c r="O201" i="5"/>
  <c r="O5328" i="5"/>
  <c r="O875" i="5"/>
  <c r="O8163" i="5"/>
  <c r="O2647" i="5"/>
  <c r="O8115" i="5"/>
  <c r="O4609" i="5"/>
  <c r="O8343" i="5"/>
  <c r="O2554" i="5"/>
  <c r="O8670" i="5"/>
  <c r="O4249" i="5"/>
  <c r="O1398" i="5"/>
  <c r="O2281" i="5"/>
  <c r="O5622" i="5"/>
  <c r="O2531" i="5"/>
  <c r="O5157" i="5"/>
  <c r="O70" i="5"/>
  <c r="O2945" i="5"/>
  <c r="O7850" i="5"/>
  <c r="O1425" i="5"/>
  <c r="O6275" i="5"/>
  <c r="O6155" i="5"/>
  <c r="O4642" i="5"/>
  <c r="O1574" i="5"/>
  <c r="O257" i="5"/>
  <c r="O1375" i="5"/>
  <c r="O1033" i="5"/>
  <c r="O3536" i="5"/>
  <c r="O3560" i="5"/>
  <c r="O6277" i="5"/>
  <c r="O7014" i="5"/>
  <c r="O4645" i="5"/>
  <c r="O1431" i="5"/>
  <c r="O716" i="5"/>
  <c r="O7775" i="5"/>
  <c r="O6847" i="5"/>
  <c r="O8258" i="5"/>
  <c r="O2979" i="5"/>
  <c r="O7947" i="5"/>
  <c r="O5088" i="5"/>
  <c r="O8073" i="5"/>
  <c r="O8347" i="5"/>
  <c r="O629" i="5"/>
  <c r="O8325" i="5"/>
  <c r="O6451" i="5"/>
  <c r="O2617" i="5"/>
  <c r="O2943" i="5"/>
  <c r="O8281" i="5"/>
  <c r="O6466" i="5"/>
  <c r="O892" i="5"/>
  <c r="O3203" i="5"/>
  <c r="O3964" i="5"/>
  <c r="O3244" i="5"/>
  <c r="O7459" i="5"/>
  <c r="O7836" i="5"/>
  <c r="O1690" i="5"/>
  <c r="O704" i="5"/>
  <c r="O6338" i="5"/>
  <c r="O8660" i="5"/>
  <c r="O2571" i="5"/>
  <c r="O2951" i="5"/>
  <c r="O3820" i="5"/>
  <c r="O4952" i="5"/>
  <c r="O245" i="5"/>
  <c r="O1595" i="5"/>
  <c r="O3387" i="5"/>
  <c r="O5279" i="5"/>
  <c r="O98" i="5"/>
  <c r="O8179" i="5"/>
  <c r="O7010" i="5"/>
  <c r="O4941" i="5"/>
  <c r="O2436" i="5"/>
  <c r="O5435" i="5"/>
  <c r="O1251" i="5"/>
  <c r="O5978" i="5"/>
  <c r="O3125" i="5"/>
  <c r="O5601" i="5"/>
  <c r="O5292" i="5"/>
  <c r="O3104" i="5"/>
  <c r="O7141" i="5"/>
  <c r="O7613" i="5"/>
  <c r="O1925" i="5"/>
  <c r="O7805" i="5"/>
  <c r="O7647" i="5"/>
  <c r="O6143" i="5"/>
  <c r="O4287" i="5"/>
  <c r="O7572" i="5"/>
  <c r="O7407" i="5"/>
  <c r="O7335" i="5"/>
  <c r="O7290" i="5"/>
  <c r="O5145" i="5"/>
  <c r="O7423" i="5"/>
  <c r="O7841" i="5"/>
  <c r="O1265" i="5"/>
  <c r="O5326" i="5"/>
  <c r="O1415" i="5"/>
  <c r="O390" i="5"/>
  <c r="O69" i="5"/>
  <c r="O4094" i="5"/>
  <c r="O1354" i="5"/>
  <c r="O5643" i="5"/>
  <c r="O4612" i="5"/>
  <c r="O1903" i="5"/>
  <c r="O6740" i="5"/>
  <c r="O7600" i="5"/>
  <c r="O1605" i="5"/>
  <c r="O3592" i="5"/>
  <c r="O2788" i="5"/>
  <c r="O8276" i="5"/>
  <c r="O3643" i="5"/>
  <c r="O4256" i="5"/>
  <c r="O5660" i="5"/>
  <c r="O7445" i="5"/>
  <c r="O5469" i="5"/>
  <c r="O1617" i="5"/>
  <c r="O8339" i="5"/>
  <c r="O3724" i="5"/>
  <c r="O1229" i="5"/>
  <c r="O8460" i="5"/>
  <c r="O454" i="5"/>
  <c r="O540" i="5"/>
  <c r="O7111" i="5"/>
  <c r="O8526" i="5"/>
  <c r="O1198" i="5"/>
  <c r="O7791" i="5"/>
  <c r="O1288" i="5"/>
  <c r="O5245" i="5"/>
  <c r="O3256" i="5"/>
  <c r="O3737" i="5"/>
  <c r="O8262" i="5"/>
  <c r="O6421" i="5"/>
  <c r="O1386" i="5"/>
  <c r="O2866" i="5"/>
  <c r="O7842" i="5"/>
  <c r="O7165" i="5"/>
  <c r="O1593" i="5"/>
  <c r="O7816" i="5"/>
  <c r="O4605" i="5"/>
  <c r="O7999" i="5"/>
  <c r="O7347" i="5"/>
  <c r="O3077" i="5"/>
  <c r="O4117" i="5"/>
  <c r="O1273" i="5"/>
  <c r="O6811" i="5"/>
  <c r="O2955" i="5"/>
  <c r="O6942" i="5"/>
  <c r="O5912" i="5"/>
  <c r="O4581" i="5"/>
  <c r="O7006" i="5"/>
  <c r="O4327" i="5"/>
  <c r="O8254" i="5"/>
  <c r="O2201" i="5"/>
  <c r="O6795" i="5"/>
  <c r="O5670" i="5"/>
  <c r="O1097" i="5"/>
  <c r="O6103" i="5"/>
  <c r="O7475" i="5"/>
  <c r="O1552" i="5"/>
  <c r="O7007" i="5"/>
  <c r="O1221" i="5"/>
  <c r="O7134" i="5"/>
  <c r="O5301" i="5"/>
  <c r="O3732" i="5"/>
  <c r="O1082" i="5"/>
  <c r="O2465" i="5"/>
  <c r="O8579" i="5"/>
  <c r="O2877" i="5"/>
  <c r="O94" i="5"/>
  <c r="O6570" i="5"/>
  <c r="O6457" i="5"/>
  <c r="O7013" i="5"/>
  <c r="O1715" i="5"/>
  <c r="O7509" i="5"/>
  <c r="O4069" i="5"/>
  <c r="O1048" i="5"/>
  <c r="O4634" i="5"/>
  <c r="O2921" i="5"/>
  <c r="O6255" i="5"/>
  <c r="O4626" i="5"/>
  <c r="O7311" i="5"/>
  <c r="O6950" i="5"/>
  <c r="O5742" i="5"/>
  <c r="O8301" i="5"/>
  <c r="O2552" i="5"/>
  <c r="O1053" i="5"/>
  <c r="O5094" i="5"/>
  <c r="O4112" i="5"/>
  <c r="O7780" i="5"/>
  <c r="O2606" i="5"/>
  <c r="O3037" i="5"/>
  <c r="O5926" i="5"/>
  <c r="O6157" i="5"/>
  <c r="O2972" i="5"/>
  <c r="O5920" i="5"/>
  <c r="O3051" i="5"/>
  <c r="O6289" i="5"/>
  <c r="O7923" i="5"/>
  <c r="O7937" i="5"/>
  <c r="O6507" i="5"/>
  <c r="O2213" i="5"/>
  <c r="O923" i="5"/>
  <c r="O2064" i="5"/>
  <c r="O849" i="5"/>
  <c r="O7942" i="5"/>
  <c r="O3781" i="5"/>
  <c r="O2593" i="5"/>
  <c r="O8488" i="5"/>
  <c r="O7463" i="5"/>
  <c r="O5573" i="5"/>
  <c r="O561" i="5"/>
  <c r="O5913" i="5"/>
  <c r="O5502" i="5"/>
  <c r="O2088" i="5"/>
  <c r="O680" i="5"/>
  <c r="O8302" i="5"/>
  <c r="O3783" i="5"/>
  <c r="O6295" i="5"/>
  <c r="O3580" i="5"/>
  <c r="O7499" i="5"/>
  <c r="O7995" i="5"/>
  <c r="O1947" i="5"/>
  <c r="O5923" i="5"/>
  <c r="O3545" i="5"/>
  <c r="O1545" i="5"/>
  <c r="O7474" i="5"/>
  <c r="O3046" i="5"/>
  <c r="O6090" i="5"/>
  <c r="O3768" i="5"/>
  <c r="O6563" i="5"/>
  <c r="O5238" i="5"/>
  <c r="O2192" i="5"/>
  <c r="O3581" i="5"/>
  <c r="O8767" i="5"/>
  <c r="O6985" i="5"/>
  <c r="O1239" i="5"/>
  <c r="O4243" i="5"/>
  <c r="O6773" i="5"/>
  <c r="O2930" i="5"/>
  <c r="O3915" i="5"/>
  <c r="O217" i="5"/>
  <c r="O7746" i="5"/>
  <c r="O4936" i="5"/>
  <c r="O8099" i="5"/>
  <c r="O375" i="5"/>
  <c r="O3064" i="5"/>
  <c r="O3907" i="5"/>
  <c r="O8654" i="5"/>
  <c r="O7147" i="5"/>
  <c r="O8762" i="5"/>
  <c r="O7065" i="5"/>
  <c r="O236" i="5"/>
  <c r="O3645" i="5"/>
  <c r="O6074" i="5"/>
  <c r="O713" i="5"/>
  <c r="O873" i="5"/>
  <c r="O4758" i="5"/>
  <c r="O4238" i="5"/>
  <c r="O2078" i="5"/>
  <c r="O1187" i="5"/>
  <c r="O8305" i="5"/>
  <c r="O7299" i="5"/>
  <c r="O2308" i="5"/>
  <c r="O262" i="5"/>
  <c r="O7787" i="5"/>
  <c r="O3123" i="5"/>
  <c r="O5284" i="5"/>
  <c r="O5981" i="5"/>
  <c r="O8415" i="5"/>
  <c r="O4553" i="5"/>
  <c r="O7790" i="5"/>
  <c r="O7263" i="5"/>
  <c r="O5241" i="5"/>
  <c r="O7840" i="5"/>
  <c r="O6928" i="5"/>
  <c r="O7005" i="5"/>
  <c r="O7853" i="5"/>
  <c r="O1429" i="5"/>
  <c r="O2061" i="5"/>
  <c r="O2618" i="5"/>
  <c r="O7684" i="5"/>
  <c r="O6760" i="5"/>
  <c r="O7657" i="5"/>
  <c r="O2774" i="5"/>
  <c r="O7910" i="5"/>
  <c r="O4964" i="5"/>
  <c r="O2449" i="5"/>
  <c r="O1944" i="5"/>
  <c r="O4893" i="5"/>
  <c r="O1879" i="5"/>
  <c r="O271" i="5"/>
  <c r="O105" i="5"/>
  <c r="O4099" i="5"/>
  <c r="O8501" i="5"/>
  <c r="O1579" i="5"/>
  <c r="O6276" i="5"/>
  <c r="O6286" i="5"/>
  <c r="O3454" i="5"/>
  <c r="O4601" i="5"/>
  <c r="O4413" i="5"/>
  <c r="O1127" i="5"/>
  <c r="O8124" i="5"/>
  <c r="O4278" i="5"/>
  <c r="O5798" i="5"/>
  <c r="O5820" i="5"/>
  <c r="O596" i="5"/>
  <c r="O6745" i="5"/>
  <c r="O7961" i="5"/>
  <c r="O5254" i="5"/>
  <c r="O7011" i="5"/>
  <c r="O6948" i="5"/>
  <c r="O7341" i="5"/>
  <c r="O7496" i="5"/>
  <c r="O2891" i="5"/>
  <c r="O2065" i="5"/>
  <c r="O4140" i="5"/>
  <c r="O6956" i="5"/>
  <c r="O4290" i="5"/>
  <c r="O7846" i="5"/>
  <c r="O7506" i="5"/>
  <c r="O6428" i="5"/>
  <c r="O7914" i="5"/>
  <c r="O2569" i="5"/>
  <c r="O2615" i="5"/>
  <c r="O1588" i="5"/>
  <c r="O7783" i="5"/>
  <c r="O2929" i="5"/>
  <c r="O1283" i="5"/>
  <c r="O7615" i="5"/>
  <c r="O4663" i="5"/>
  <c r="O4730" i="5"/>
  <c r="O7337" i="5"/>
  <c r="O6282" i="5"/>
  <c r="O1213" i="5"/>
  <c r="O1087" i="5"/>
  <c r="O6562" i="5"/>
  <c r="O6301" i="5"/>
  <c r="O4474" i="5"/>
  <c r="O5602" i="5"/>
  <c r="O8143" i="5"/>
  <c r="O7511" i="5"/>
  <c r="O6111" i="5"/>
  <c r="O535" i="5"/>
  <c r="O5810" i="5"/>
  <c r="O8459" i="5"/>
  <c r="O3083" i="5"/>
  <c r="O1294" i="5"/>
  <c r="O4894" i="5"/>
  <c r="O8292" i="5"/>
  <c r="O2220" i="5"/>
  <c r="O3795" i="5"/>
  <c r="O2883" i="5"/>
  <c r="O3115" i="5"/>
  <c r="O738" i="5"/>
  <c r="O2564" i="5"/>
  <c r="O6655" i="5"/>
  <c r="O8270" i="5"/>
  <c r="O3091" i="5"/>
  <c r="O7671" i="5"/>
  <c r="O2045" i="5"/>
  <c r="O8688" i="5"/>
  <c r="O6153" i="5"/>
  <c r="O6270" i="5"/>
  <c r="O1432" i="5"/>
  <c r="O866" i="5"/>
  <c r="O5250" i="5"/>
  <c r="O5922" i="5"/>
  <c r="O6100" i="5"/>
  <c r="O8157" i="5"/>
  <c r="O4122" i="5"/>
  <c r="O5921" i="5"/>
  <c r="O5219" i="5"/>
  <c r="O894" i="5"/>
  <c r="O8164" i="5"/>
  <c r="O4815" i="5"/>
  <c r="O2138" i="5"/>
  <c r="O437" i="5"/>
  <c r="O1086" i="5"/>
  <c r="O6830" i="5"/>
  <c r="O6297" i="5"/>
  <c r="O5907" i="5"/>
  <c r="O3087" i="5"/>
  <c r="O8113" i="5"/>
  <c r="O4041" i="5"/>
  <c r="O1725" i="5"/>
  <c r="O7465" i="5"/>
  <c r="O1755" i="5"/>
  <c r="O5790" i="5"/>
  <c r="O3220" i="5"/>
  <c r="O4106" i="5"/>
  <c r="O4491" i="5"/>
  <c r="O5097" i="5"/>
  <c r="O3920" i="5"/>
  <c r="O5056" i="5"/>
  <c r="O4583" i="5"/>
  <c r="O2534" i="5"/>
  <c r="O2790" i="5"/>
  <c r="O3542" i="5"/>
  <c r="O2758" i="5"/>
  <c r="O4741" i="5"/>
  <c r="O3201" i="5"/>
  <c r="O2098" i="5"/>
  <c r="O7656" i="5"/>
  <c r="O4561" i="5"/>
  <c r="O6993" i="5"/>
  <c r="O4449" i="5"/>
  <c r="O2734" i="5"/>
  <c r="O1951" i="5"/>
  <c r="O3041" i="5"/>
  <c r="O5932" i="5"/>
  <c r="O5076" i="5"/>
  <c r="O3398" i="5"/>
  <c r="O8463" i="5"/>
  <c r="O6987" i="5"/>
  <c r="O4158" i="5"/>
  <c r="O4070" i="5"/>
  <c r="O4448" i="5"/>
  <c r="O2762" i="5"/>
  <c r="O6827" i="5"/>
  <c r="O3553" i="5"/>
  <c r="O6949" i="5"/>
  <c r="O4444" i="5"/>
  <c r="O6096" i="5"/>
  <c r="O3392" i="5"/>
  <c r="O6962" i="5"/>
  <c r="O7951" i="5"/>
  <c r="N6170" i="5"/>
  <c r="N7626" i="5"/>
  <c r="N7181" i="5"/>
  <c r="N1088" i="5"/>
  <c r="N4473" i="5"/>
  <c r="N5054" i="5"/>
  <c r="N2559" i="5"/>
  <c r="N3922" i="5"/>
  <c r="N862" i="5"/>
  <c r="N3536" i="5"/>
  <c r="N1942" i="5"/>
  <c r="N5158" i="5"/>
  <c r="N6827" i="5"/>
  <c r="N3603" i="5"/>
  <c r="N7090" i="5"/>
  <c r="N6100" i="5"/>
  <c r="N6949" i="5"/>
  <c r="N1879" i="5"/>
  <c r="N5091" i="5"/>
  <c r="N872" i="5"/>
  <c r="N7818" i="5"/>
  <c r="N5220" i="5"/>
  <c r="N4545" i="5"/>
  <c r="N4970" i="5"/>
  <c r="N543" i="5"/>
  <c r="N3941" i="5"/>
  <c r="N1222" i="5"/>
  <c r="N1750" i="5"/>
  <c r="N2783" i="5"/>
  <c r="N3921" i="5"/>
  <c r="N4052" i="5"/>
  <c r="N1018" i="5"/>
  <c r="N2596" i="5"/>
  <c r="N1277" i="5"/>
  <c r="N390" i="5"/>
  <c r="N8522" i="5"/>
  <c r="N6822" i="5"/>
  <c r="N2579" i="5"/>
  <c r="N6610" i="5"/>
  <c r="N2305" i="5"/>
  <c r="N6165" i="5"/>
  <c r="N6251" i="5"/>
  <c r="N6505" i="5"/>
  <c r="N6454" i="5"/>
  <c r="N8518" i="5"/>
  <c r="N535" i="5"/>
  <c r="N4417" i="5"/>
  <c r="N8445" i="5"/>
  <c r="N568" i="5"/>
  <c r="N1111" i="5"/>
  <c r="N3575" i="5"/>
  <c r="N6744" i="5"/>
  <c r="N8478" i="5"/>
  <c r="N7153" i="5"/>
  <c r="N3438" i="5"/>
  <c r="N4281" i="5"/>
  <c r="N3717" i="5"/>
  <c r="N3105" i="5"/>
  <c r="N7098" i="5"/>
  <c r="N6940" i="5"/>
  <c r="N1441" i="5"/>
  <c r="N5980" i="5"/>
  <c r="N527" i="5"/>
  <c r="N2944" i="5"/>
  <c r="N3935" i="5"/>
  <c r="N7835" i="5"/>
  <c r="N4130" i="5"/>
  <c r="N406" i="5"/>
  <c r="N2966" i="5"/>
  <c r="N6929" i="5"/>
  <c r="N4384" i="5"/>
  <c r="N5275" i="5"/>
  <c r="N1890" i="5"/>
  <c r="N6307" i="5"/>
  <c r="N6394" i="5"/>
  <c r="N2363" i="5"/>
  <c r="N7680" i="5"/>
  <c r="N5758" i="5"/>
  <c r="N5816" i="5"/>
  <c r="N4830" i="5"/>
  <c r="N2749" i="5"/>
  <c r="N4967" i="5"/>
  <c r="N8517" i="5"/>
  <c r="N7332" i="5"/>
  <c r="N25" i="5"/>
  <c r="N6596" i="5"/>
  <c r="N4567" i="5"/>
  <c r="N3556" i="5"/>
  <c r="N6963" i="5"/>
  <c r="N6747" i="5"/>
  <c r="N5947" i="5"/>
  <c r="N4822" i="5"/>
  <c r="N2061" i="5"/>
  <c r="N2229" i="5"/>
  <c r="N3392" i="5"/>
  <c r="N1615" i="5"/>
  <c r="N8466" i="5"/>
  <c r="N4963" i="5"/>
  <c r="N369" i="5"/>
  <c r="N899" i="5"/>
  <c r="N1080" i="5"/>
  <c r="N3130" i="5"/>
  <c r="N4640" i="5"/>
  <c r="N5637" i="5"/>
  <c r="N6999" i="5"/>
  <c r="N8334" i="5"/>
  <c r="N5613" i="5"/>
  <c r="N5575" i="5"/>
  <c r="N2368" i="5"/>
  <c r="N84" i="5"/>
  <c r="N1551" i="5"/>
  <c r="N8108" i="5"/>
  <c r="N929" i="5"/>
  <c r="N954" i="5"/>
  <c r="N3225" i="5"/>
  <c r="N3115" i="5"/>
  <c r="N6658" i="5"/>
  <c r="N7754" i="5"/>
  <c r="N7941" i="5"/>
  <c r="N2903" i="5"/>
  <c r="N1571" i="5"/>
  <c r="N789" i="5"/>
  <c r="N4151" i="5"/>
  <c r="N3561" i="5"/>
  <c r="N3457" i="5"/>
  <c r="N1250" i="5"/>
  <c r="N7947" i="5"/>
  <c r="N2376" i="5"/>
  <c r="N4124" i="5"/>
  <c r="N2213" i="5"/>
  <c r="N1112" i="5"/>
  <c r="N6074" i="5"/>
  <c r="N8617" i="5"/>
  <c r="N6736" i="5"/>
  <c r="N8344" i="5"/>
  <c r="N5573" i="5"/>
  <c r="N8249" i="5"/>
  <c r="N1082" i="5"/>
  <c r="N278" i="5"/>
  <c r="N3215" i="5"/>
  <c r="N4216" i="5"/>
  <c r="N5059" i="5"/>
  <c r="N4891" i="5"/>
  <c r="N2360" i="5"/>
  <c r="N5074" i="5"/>
  <c r="N7657" i="5"/>
  <c r="N5328" i="5"/>
  <c r="N1940" i="5"/>
  <c r="N7405" i="5"/>
  <c r="N3044" i="5"/>
  <c r="N1632" i="5"/>
  <c r="N1914" i="5"/>
  <c r="N1917" i="5"/>
  <c r="N5965" i="5"/>
  <c r="N7613" i="5"/>
  <c r="N7519" i="5"/>
  <c r="N4986" i="5"/>
  <c r="N117" i="5"/>
  <c r="N857" i="5"/>
  <c r="N3126" i="5"/>
  <c r="N3604" i="5"/>
  <c r="N2059" i="5"/>
  <c r="N7742" i="5"/>
  <c r="N1446" i="5"/>
  <c r="N229" i="5"/>
  <c r="N95" i="5"/>
  <c r="N5245" i="5"/>
  <c r="N7961" i="5"/>
  <c r="N6501" i="5"/>
  <c r="N3424" i="5"/>
  <c r="N8000" i="5"/>
  <c r="N6002" i="5"/>
  <c r="N7747" i="5"/>
  <c r="N5483" i="5"/>
  <c r="N3442" i="5"/>
  <c r="N4604" i="5"/>
  <c r="N3741" i="5"/>
  <c r="N7854" i="5"/>
  <c r="N6987" i="5"/>
  <c r="N7239" i="5"/>
  <c r="N6229" i="5"/>
  <c r="N8355" i="5"/>
  <c r="N6965" i="5"/>
  <c r="N1887" i="5"/>
  <c r="N5932" i="5"/>
  <c r="N2435" i="5"/>
  <c r="N4489" i="5"/>
  <c r="N1554" i="5"/>
  <c r="N447" i="5"/>
  <c r="N7465" i="5"/>
  <c r="N4554" i="5"/>
  <c r="N2938" i="5"/>
  <c r="N8477" i="5"/>
  <c r="N5478" i="5"/>
  <c r="N7976" i="5"/>
  <c r="N7304" i="5"/>
  <c r="N5417" i="5"/>
  <c r="N4307" i="5"/>
  <c r="N2770" i="5"/>
  <c r="N3799" i="5"/>
  <c r="N5785" i="5"/>
  <c r="N856" i="5"/>
  <c r="N710" i="5"/>
  <c r="N2035" i="5"/>
  <c r="N3588" i="5"/>
  <c r="N2241" i="5"/>
  <c r="N4827" i="5"/>
  <c r="N8488" i="5"/>
  <c r="N7109" i="5"/>
  <c r="N7750" i="5"/>
  <c r="N7939" i="5"/>
  <c r="N3758" i="5"/>
  <c r="N6064" i="5"/>
  <c r="N4250" i="5"/>
  <c r="N939" i="5"/>
  <c r="N2625" i="5"/>
  <c r="N6670" i="5"/>
  <c r="N8001" i="5"/>
  <c r="N2710" i="5"/>
  <c r="N2578" i="5"/>
  <c r="N7341" i="5"/>
  <c r="N8512" i="5"/>
  <c r="N5486" i="5"/>
  <c r="N2298" i="5"/>
  <c r="N8655" i="5"/>
  <c r="N7773" i="5"/>
  <c r="N8153" i="5"/>
  <c r="N8673" i="5"/>
  <c r="N1073" i="5"/>
  <c r="N7589" i="5"/>
  <c r="N1856" i="5"/>
  <c r="N7070" i="5"/>
  <c r="N4976" i="5"/>
  <c r="N3117" i="5"/>
  <c r="N2586" i="5"/>
  <c r="N4574" i="5"/>
  <c r="N3563" i="5"/>
  <c r="N5088" i="5"/>
  <c r="N1409" i="5"/>
  <c r="N462" i="5"/>
  <c r="N4487" i="5"/>
  <c r="N5750" i="5"/>
  <c r="N7998" i="5"/>
  <c r="N922" i="5"/>
  <c r="N3786" i="5"/>
  <c r="N2052" i="5"/>
  <c r="N5263" i="5"/>
  <c r="N6948" i="5"/>
  <c r="N5283" i="5"/>
  <c r="N180" i="5"/>
  <c r="N5741" i="5"/>
  <c r="N7151" i="5"/>
  <c r="N1231" i="5"/>
  <c r="N6328" i="5"/>
  <c r="N2925" i="5"/>
  <c r="N8693" i="5"/>
  <c r="N5552" i="5"/>
  <c r="N705" i="5"/>
  <c r="N6768" i="5"/>
  <c r="N107" i="5"/>
  <c r="N6568" i="5"/>
  <c r="N6947" i="5"/>
  <c r="N6667" i="5"/>
  <c r="N1807" i="5"/>
  <c r="N3796" i="5"/>
  <c r="N3116" i="5"/>
  <c r="N3257" i="5"/>
  <c r="N532" i="5"/>
  <c r="N5819" i="5"/>
  <c r="N4932" i="5"/>
  <c r="N3709" i="5"/>
  <c r="N1521" i="5"/>
  <c r="N4387" i="5"/>
  <c r="N4262" i="5"/>
  <c r="N5902" i="5"/>
  <c r="N6661" i="5"/>
  <c r="N8633" i="5"/>
  <c r="N7504" i="5"/>
  <c r="N5992" i="5"/>
  <c r="N7945" i="5"/>
  <c r="N2895" i="5"/>
  <c r="N5839" i="5"/>
  <c r="N2865" i="5"/>
  <c r="N3790" i="5"/>
  <c r="N2073" i="5"/>
  <c r="N2118" i="5"/>
  <c r="N6817" i="5"/>
  <c r="N7777" i="5"/>
  <c r="N2253" i="5"/>
  <c r="N1118" i="5"/>
  <c r="N7793" i="5"/>
  <c r="N5141" i="5"/>
  <c r="N8247" i="5"/>
  <c r="N2421" i="5"/>
  <c r="N1524" i="5"/>
  <c r="N7236" i="5"/>
  <c r="N2591" i="5"/>
  <c r="N2057" i="5"/>
  <c r="N8648" i="5"/>
  <c r="N3042" i="5"/>
  <c r="N708" i="5"/>
  <c r="N7339" i="5"/>
  <c r="N4100" i="5"/>
  <c r="N4211" i="5"/>
  <c r="N5892" i="5"/>
  <c r="N5763" i="5"/>
  <c r="N6660" i="5"/>
  <c r="N2737" i="5"/>
  <c r="N7936" i="5"/>
  <c r="N1370" i="5"/>
  <c r="N6306" i="5"/>
  <c r="N4639" i="5"/>
  <c r="N5802" i="5"/>
  <c r="N2243" i="5"/>
  <c r="N4248" i="5"/>
  <c r="N8600" i="5"/>
  <c r="N3062" i="5"/>
  <c r="N5831" i="5"/>
  <c r="N2952" i="5"/>
  <c r="N2794" i="5"/>
  <c r="N1193" i="5"/>
  <c r="N5815" i="5"/>
  <c r="N792" i="5"/>
  <c r="N4436" i="5"/>
  <c r="N4729" i="5"/>
  <c r="N8120" i="5"/>
  <c r="N5300" i="5"/>
  <c r="N5780" i="5"/>
  <c r="N4108" i="5"/>
  <c r="N7243" i="5"/>
  <c r="N5938" i="5"/>
  <c r="N3129" i="5"/>
  <c r="N6480" i="5"/>
  <c r="N3292" i="5"/>
  <c r="N5791" i="5"/>
  <c r="N6057" i="5"/>
  <c r="N6654" i="5"/>
  <c r="N7595" i="5"/>
  <c r="N3963" i="5"/>
  <c r="N2562" i="5"/>
  <c r="N8761" i="5"/>
  <c r="N2115" i="5"/>
  <c r="N2379" i="5"/>
  <c r="N6796" i="5"/>
  <c r="N4454" i="5"/>
  <c r="N2774" i="5"/>
  <c r="N1638" i="5"/>
  <c r="N1760" i="5"/>
  <c r="N2385" i="5"/>
  <c r="N1415" i="5"/>
  <c r="N3383" i="5"/>
  <c r="N8295" i="5"/>
  <c r="N3237" i="5"/>
  <c r="N7149" i="5"/>
  <c r="N3926" i="5"/>
  <c r="N1242" i="5"/>
  <c r="N1708" i="5"/>
  <c r="N3898" i="5"/>
  <c r="N7179" i="5"/>
  <c r="N7417" i="5"/>
  <c r="N867" i="5"/>
  <c r="N1540" i="5"/>
  <c r="N8125" i="5"/>
  <c r="N39" i="5"/>
  <c r="N2381" i="5"/>
  <c r="N443" i="5"/>
  <c r="N7114" i="5"/>
  <c r="N5662" i="5"/>
  <c r="N2226" i="5"/>
  <c r="N6934" i="5"/>
  <c r="N3956" i="5"/>
  <c r="N1560" i="5"/>
  <c r="N2088" i="5"/>
  <c r="N8510" i="5"/>
  <c r="N5905" i="5"/>
  <c r="N5555" i="5"/>
  <c r="N1411" i="5"/>
  <c r="N2427" i="5"/>
  <c r="N5456" i="5"/>
  <c r="N7143" i="5"/>
  <c r="N286" i="5"/>
  <c r="N4239" i="5"/>
  <c r="N5101" i="5"/>
  <c r="N7498" i="5"/>
  <c r="N7848" i="5"/>
  <c r="N6731" i="5"/>
  <c r="N2400" i="5"/>
  <c r="N450" i="5"/>
  <c r="N6122" i="5"/>
  <c r="N861" i="5"/>
  <c r="N720" i="5"/>
  <c r="N7415" i="5"/>
  <c r="N735" i="5"/>
  <c r="N6847" i="5"/>
  <c r="N1733" i="5"/>
  <c r="N2539" i="5"/>
  <c r="N1768" i="5"/>
  <c r="N8289" i="5"/>
  <c r="N6327" i="5"/>
  <c r="N7743" i="5"/>
  <c r="N8087" i="5"/>
  <c r="N6954" i="5"/>
  <c r="N5272" i="5"/>
  <c r="N7654" i="5"/>
  <c r="N8766" i="5"/>
  <c r="N6935" i="5"/>
  <c r="N2598" i="5"/>
  <c r="N7287" i="5"/>
  <c r="N7767" i="5"/>
  <c r="N748" i="5"/>
  <c r="N4386" i="5"/>
  <c r="N3744" i="5"/>
  <c r="N6059" i="5"/>
  <c r="N3632" i="5"/>
  <c r="N1949" i="5"/>
  <c r="N4453" i="5"/>
  <c r="N1383" i="5"/>
  <c r="N3918" i="5"/>
  <c r="N3900" i="5"/>
  <c r="N576" i="5"/>
  <c r="N1128" i="5"/>
  <c r="N5152" i="5"/>
  <c r="N3248" i="5"/>
  <c r="N367" i="5"/>
  <c r="N8244" i="5"/>
  <c r="N8451" i="5"/>
  <c r="N7485" i="5"/>
  <c r="N5459" i="5"/>
  <c r="N2931" i="5"/>
  <c r="N5416" i="5"/>
  <c r="N5814" i="5"/>
  <c r="N6451" i="5"/>
  <c r="N8412" i="5"/>
  <c r="N2036" i="5"/>
  <c r="N2756" i="5"/>
  <c r="N5116" i="5"/>
  <c r="N4646" i="5"/>
  <c r="N1891" i="5"/>
  <c r="N690" i="5"/>
  <c r="N5960" i="5"/>
  <c r="N6418" i="5"/>
  <c r="N6609" i="5"/>
  <c r="N3465" i="5"/>
  <c r="N1635" i="5"/>
  <c r="N1453" i="5"/>
  <c r="N5590" i="5"/>
  <c r="N7254" i="5"/>
  <c r="N4584" i="5"/>
  <c r="N7012" i="5"/>
  <c r="N4607" i="5"/>
  <c r="N6342" i="5"/>
  <c r="N933" i="5"/>
  <c r="N4390" i="5"/>
  <c r="N3284" i="5"/>
  <c r="N2048" i="5"/>
  <c r="N8652" i="5"/>
  <c r="N8287" i="5"/>
  <c r="N6749" i="5"/>
  <c r="N7495" i="5"/>
  <c r="N7516" i="5"/>
  <c r="N440" i="5"/>
  <c r="N3771" i="5"/>
  <c r="N5061" i="5"/>
  <c r="N2128" i="5"/>
  <c r="N3269" i="5"/>
  <c r="N5310" i="5"/>
  <c r="N7276" i="5"/>
  <c r="N7427" i="5"/>
  <c r="N1227" i="5"/>
  <c r="N1272" i="5"/>
  <c r="N5128" i="5"/>
  <c r="N7487" i="5"/>
  <c r="N5951" i="5"/>
  <c r="N6577" i="5"/>
  <c r="N4399" i="5"/>
  <c r="N1792" i="5"/>
  <c r="N6147" i="5"/>
  <c r="N5105" i="5"/>
  <c r="N1541" i="5"/>
  <c r="N4433" i="5"/>
  <c r="N1297" i="5"/>
  <c r="N7180" i="5"/>
  <c r="N8103" i="5"/>
  <c r="N3540" i="5"/>
  <c r="N4493" i="5"/>
  <c r="N3467" i="5"/>
  <c r="N388" i="5"/>
  <c r="N7298" i="5"/>
  <c r="N8321" i="5"/>
  <c r="N4463" i="5"/>
  <c r="N4601" i="5"/>
  <c r="N799" i="5"/>
  <c r="N98" i="5"/>
  <c r="N6962" i="5"/>
  <c r="N4055" i="5"/>
  <c r="N3908" i="5"/>
  <c r="N4748" i="5"/>
  <c r="N5998" i="5"/>
  <c r="N926" i="5"/>
  <c r="N1878" i="5"/>
  <c r="N8257" i="5"/>
  <c r="N4765" i="5"/>
  <c r="N2982" i="5"/>
  <c r="N6964" i="5"/>
  <c r="N3443" i="5"/>
  <c r="N2604" i="5"/>
  <c r="N7827" i="5"/>
  <c r="N7829" i="5"/>
  <c r="N2132" i="5"/>
  <c r="N4940" i="5"/>
  <c r="N2194" i="5"/>
  <c r="N4249" i="5"/>
  <c r="N4142" i="5"/>
  <c r="N8074" i="5"/>
  <c r="N5556" i="5"/>
  <c r="N6833" i="5"/>
  <c r="N1937" i="5"/>
  <c r="N723" i="5"/>
  <c r="N7831" i="5"/>
  <c r="N1903" i="5"/>
  <c r="N5314" i="5"/>
  <c r="N8002" i="5"/>
  <c r="N3041" i="5"/>
  <c r="N8017" i="5"/>
  <c r="N8079" i="5"/>
  <c r="N6449" i="5"/>
  <c r="N1915" i="5"/>
  <c r="N5462" i="5"/>
  <c r="N1270" i="5"/>
  <c r="N4991" i="5"/>
  <c r="N1071" i="5"/>
  <c r="N6304" i="5"/>
  <c r="N2916" i="5"/>
  <c r="N8331" i="5"/>
  <c r="N7079" i="5"/>
  <c r="N622" i="5"/>
  <c r="N3369" i="5"/>
  <c r="N5773" i="5"/>
  <c r="N727" i="5"/>
  <c r="N6310" i="5"/>
  <c r="N7290" i="5"/>
  <c r="N1548" i="5"/>
  <c r="N765" i="5"/>
  <c r="N7447" i="5"/>
  <c r="N194" i="5"/>
  <c r="N2758" i="5"/>
  <c r="N1522" i="5"/>
  <c r="N5497" i="5"/>
  <c r="N359" i="5"/>
  <c r="N2544" i="5"/>
  <c r="N2375" i="5"/>
  <c r="N236" i="5"/>
  <c r="N3482" i="5"/>
  <c r="N1862" i="5"/>
  <c r="N4957" i="5"/>
  <c r="N2881" i="5"/>
  <c r="N8670" i="5"/>
  <c r="N7426" i="5"/>
  <c r="N204" i="5"/>
  <c r="N2927" i="5"/>
  <c r="N3559" i="5"/>
  <c r="N6424" i="5"/>
  <c r="N917" i="5"/>
  <c r="N684" i="5"/>
  <c r="N8115" i="5"/>
  <c r="N7285" i="5"/>
  <c r="N5474" i="5"/>
  <c r="N432" i="5"/>
  <c r="N6793" i="5"/>
  <c r="N2259" i="5"/>
  <c r="N8591" i="5"/>
  <c r="N6339" i="5"/>
  <c r="N1114" i="5"/>
  <c r="N7940" i="5"/>
  <c r="N288" i="5"/>
  <c r="N5469" i="5"/>
  <c r="N4441" i="5"/>
  <c r="N3454" i="5"/>
  <c r="N3576" i="5"/>
  <c r="N8686" i="5"/>
  <c r="N2766" i="5"/>
  <c r="N5503" i="5"/>
  <c r="N4659" i="5"/>
  <c r="N1464" i="5"/>
  <c r="N4466" i="5"/>
  <c r="N4562" i="5"/>
  <c r="N4070" i="5"/>
  <c r="N3578" i="5"/>
  <c r="N1624" i="5"/>
  <c r="N4087" i="5"/>
  <c r="N7242" i="5"/>
  <c r="N7500" i="5"/>
  <c r="N5441" i="5"/>
  <c r="N1025" i="5"/>
  <c r="N2086" i="5"/>
  <c r="N1412" i="5"/>
  <c r="N3636" i="5"/>
  <c r="N8308" i="5"/>
  <c r="N2953" i="5"/>
  <c r="N2092" i="5"/>
  <c r="N2445" i="5"/>
  <c r="N6123" i="5"/>
  <c r="N3415" i="5"/>
  <c r="N7429" i="5"/>
  <c r="N8457" i="5"/>
  <c r="N5418" i="5"/>
  <c r="N100" i="5"/>
  <c r="N8464" i="5"/>
  <c r="N7593" i="5"/>
  <c r="N6811" i="5"/>
  <c r="N7345" i="5"/>
  <c r="N3782" i="5"/>
  <c r="N5111" i="5"/>
  <c r="N2762" i="5"/>
  <c r="N8158" i="5"/>
  <c r="N3602" i="5"/>
  <c r="N5638" i="5"/>
  <c r="N7645" i="5"/>
  <c r="N7266" i="5"/>
  <c r="N6006" i="5"/>
  <c r="N8460" i="5"/>
  <c r="N6063" i="5"/>
  <c r="N4146" i="5"/>
  <c r="N8681" i="5"/>
  <c r="N2397" i="5"/>
  <c r="N8156" i="5"/>
  <c r="N5060" i="5"/>
  <c r="N6798" i="5"/>
  <c r="N3102" i="5"/>
  <c r="N8644" i="5"/>
  <c r="N7686" i="5"/>
  <c r="N5137" i="5"/>
  <c r="N3622" i="5"/>
  <c r="N1125" i="5"/>
  <c r="N6674" i="5"/>
  <c r="N1444" i="5"/>
  <c r="N4713" i="5"/>
  <c r="N5420" i="5"/>
  <c r="N5332" i="5"/>
  <c r="N7840" i="5"/>
  <c r="N4825" i="5"/>
  <c r="N6404" i="5"/>
  <c r="N2050" i="5"/>
  <c r="N8630" i="5"/>
  <c r="N5832" i="5"/>
  <c r="N4114" i="5"/>
  <c r="N7797" i="5"/>
  <c r="N6939" i="5"/>
  <c r="N4645" i="5"/>
  <c r="N4896" i="5"/>
  <c r="N5078" i="5"/>
  <c r="N4275" i="5"/>
  <c r="N4119" i="5"/>
  <c r="N4486" i="5"/>
  <c r="N7974" i="5"/>
  <c r="N1103" i="5"/>
  <c r="N1950" i="5"/>
  <c r="N7258" i="5"/>
  <c r="N5280" i="5"/>
  <c r="N5326" i="5"/>
  <c r="N5284" i="5"/>
  <c r="N4622" i="5"/>
  <c r="N4951" i="5"/>
  <c r="N225" i="5"/>
  <c r="N101" i="5"/>
  <c r="N353" i="5"/>
  <c r="N4725" i="5"/>
  <c r="N8458" i="5"/>
  <c r="N8606" i="5"/>
  <c r="N3094" i="5"/>
  <c r="N2956" i="5"/>
  <c r="N4990" i="5"/>
  <c r="N4955" i="5"/>
  <c r="N6561" i="5"/>
  <c r="N1240" i="5"/>
  <c r="N3594" i="5"/>
  <c r="N5227" i="5"/>
  <c r="N5288" i="5"/>
  <c r="N3060" i="5"/>
  <c r="N5409" i="5"/>
  <c r="N11" i="5"/>
  <c r="N7661" i="5"/>
  <c r="N3078" i="5"/>
  <c r="N2716" i="5"/>
  <c r="N5660" i="5"/>
  <c r="N3724" i="5"/>
  <c r="N533" i="5"/>
  <c r="N6256" i="5"/>
  <c r="N3975" i="5"/>
  <c r="N3100" i="5"/>
  <c r="N4064" i="5"/>
  <c r="N8015" i="5"/>
  <c r="N262" i="5"/>
  <c r="N387" i="5"/>
  <c r="N2771" i="5"/>
  <c r="N8140" i="5"/>
  <c r="N2705" i="5"/>
  <c r="N4120" i="5"/>
  <c r="N8473" i="5"/>
  <c r="N2423" i="5"/>
  <c r="N8312" i="5"/>
  <c r="N3627" i="5"/>
  <c r="N5113" i="5"/>
  <c r="N40" i="5"/>
  <c r="N950" i="5"/>
  <c r="N3315" i="5"/>
  <c r="N5557" i="5"/>
  <c r="N8335" i="5"/>
  <c r="N2367" i="5"/>
  <c r="N6995" i="5"/>
  <c r="N3781" i="5"/>
  <c r="N2727" i="5"/>
  <c r="N4904" i="5"/>
  <c r="N6777" i="5"/>
  <c r="N783" i="5"/>
  <c r="N1742" i="5"/>
  <c r="N3079" i="5"/>
  <c r="N5323" i="5"/>
  <c r="N3057" i="5"/>
  <c r="N362" i="5"/>
  <c r="N2467" i="5"/>
  <c r="N5656" i="5"/>
  <c r="N1782" i="5"/>
  <c r="N3263" i="5"/>
  <c r="N3386" i="5"/>
  <c r="N2757" i="5"/>
  <c r="N6169" i="5"/>
  <c r="N3267" i="5"/>
  <c r="N3945" i="5"/>
  <c r="N1109" i="5"/>
  <c r="N7802" i="5"/>
  <c r="N3456" i="5"/>
  <c r="N6309" i="5"/>
  <c r="N6056" i="5"/>
  <c r="N5995" i="5"/>
  <c r="N1402" i="5"/>
  <c r="N5222" i="5"/>
  <c r="N2104" i="5"/>
  <c r="N6828" i="5"/>
  <c r="N1397" i="5"/>
  <c r="N5646" i="5"/>
  <c r="N1285" i="5"/>
  <c r="N3990" i="5"/>
  <c r="N1377" i="5"/>
  <c r="N77" i="5"/>
  <c r="N36" i="5"/>
  <c r="N4804" i="5"/>
  <c r="N5488" i="5"/>
  <c r="N8596" i="5"/>
  <c r="N386" i="5"/>
  <c r="N4225" i="5"/>
  <c r="N5306" i="5"/>
  <c r="N2942" i="5"/>
  <c r="N4916" i="5"/>
  <c r="N5997" i="5"/>
  <c r="N6171" i="5"/>
  <c r="N7952" i="5"/>
  <c r="N5818" i="5"/>
  <c r="N1470" i="5"/>
  <c r="N2871" i="5"/>
  <c r="N7950" i="5"/>
  <c r="N1215" i="5"/>
  <c r="N5408" i="5"/>
  <c r="N6665" i="5"/>
  <c r="N5578" i="5"/>
  <c r="N8082" i="5"/>
  <c r="N8507" i="5"/>
  <c r="N618" i="5"/>
  <c r="N242" i="5"/>
  <c r="N5942" i="5"/>
  <c r="N7302" i="5"/>
  <c r="N30" i="5"/>
  <c r="N7419" i="5"/>
  <c r="N5743" i="5"/>
  <c r="N1931" i="5"/>
  <c r="N3764" i="5"/>
  <c r="N209" i="5"/>
  <c r="N914" i="5"/>
  <c r="N8268" i="5"/>
  <c r="N271" i="5"/>
  <c r="N3261" i="5"/>
  <c r="N6673" i="5"/>
  <c r="N2808" i="5"/>
  <c r="N8446" i="5"/>
  <c r="N3942" i="5"/>
  <c r="N3761" i="5"/>
  <c r="N5292" i="5"/>
  <c r="N739" i="5"/>
  <c r="N1302" i="5"/>
  <c r="N5058" i="5"/>
  <c r="N8472" i="5"/>
  <c r="N3295" i="5"/>
  <c r="N5797" i="5"/>
  <c r="N252" i="5"/>
  <c r="N8261" i="5"/>
  <c r="N4490" i="5"/>
  <c r="AY18" i="1"/>
  <c r="AX16" i="1"/>
  <c r="AW15" i="1"/>
  <c r="AZ31" i="1"/>
  <c r="AC47" i="2"/>
  <c r="AE46" i="2"/>
  <c r="AG46" i="2"/>
  <c r="AF46" i="2"/>
  <c r="AX32" i="1"/>
  <c r="AF47" i="2" s="1"/>
  <c r="AY32" i="1"/>
  <c r="AG47" i="2" s="1"/>
  <c r="AW32" i="1"/>
  <c r="AE47" i="2" s="1"/>
  <c r="AV32" i="1"/>
  <c r="AD47" i="2" s="1"/>
  <c r="AD46" i="2"/>
  <c r="AV15" i="1" l="1"/>
  <c r="AU15" i="1" s="1"/>
  <c r="AZ15" i="1" s="1"/>
  <c r="AX17" i="1"/>
  <c r="AX18" i="1" s="1"/>
  <c r="AW16" i="1"/>
  <c r="AZ32" i="1"/>
  <c r="AY33" i="1" l="1"/>
  <c r="AG48" i="2" s="1"/>
  <c r="AU33" i="1"/>
  <c r="AV33" i="1"/>
  <c r="AD48" i="2" s="1"/>
  <c r="AW33" i="1"/>
  <c r="AE48" i="2" s="1"/>
  <c r="AX33" i="1"/>
  <c r="AF48" i="2" s="1"/>
  <c r="AW17" i="1"/>
  <c r="AW18" i="1" s="1"/>
  <c r="AV16" i="1"/>
  <c r="AZ33" i="1" l="1"/>
  <c r="AC48" i="2"/>
  <c r="AV17" i="1"/>
  <c r="AV18" i="1" s="1"/>
  <c r="AU16" i="1"/>
  <c r="AZ16" i="1" s="1"/>
  <c r="AU17" i="1" l="1"/>
  <c r="AU18" i="1" s="1"/>
  <c r="AU34" i="1"/>
  <c r="AY34" i="1"/>
  <c r="AG49" i="2" s="1"/>
  <c r="AX34" i="1"/>
  <c r="AF49" i="2" s="1"/>
  <c r="AW34" i="1"/>
  <c r="AE49" i="2" s="1"/>
  <c r="AV34" i="1"/>
  <c r="AD49" i="2" s="1"/>
  <c r="AZ17" i="1" l="1"/>
  <c r="BH4" i="1" s="1" a="1"/>
  <c r="BH4" i="1" s="1"/>
  <c r="AC49" i="2"/>
  <c r="AZ34" i="1"/>
  <c r="AW35" i="1" l="1"/>
  <c r="AO56" i="1" s="1"/>
  <c r="E62" i="5" s="1"/>
  <c r="AX35" i="1"/>
  <c r="AP155" i="1" s="1"/>
  <c r="F161" i="5" s="1"/>
  <c r="AV35" i="1"/>
  <c r="AN92" i="1" s="1"/>
  <c r="D98" i="5" s="1"/>
  <c r="AY35" i="1"/>
  <c r="AQ21" i="1" s="1"/>
  <c r="G27" i="5" s="1"/>
  <c r="AU35" i="1"/>
  <c r="AM357" i="1" s="1"/>
  <c r="C363" i="5" s="1"/>
  <c r="AO70" i="1" l="1"/>
  <c r="E76" i="5" s="1"/>
  <c r="AO217" i="1"/>
  <c r="E223" i="5" s="1"/>
  <c r="AO253" i="1"/>
  <c r="E259" i="5" s="1"/>
  <c r="AO57" i="1"/>
  <c r="E63" i="5" s="1"/>
  <c r="AO252" i="1"/>
  <c r="E258" i="5" s="1"/>
  <c r="AP78" i="1"/>
  <c r="F84" i="5" s="1"/>
  <c r="AO273" i="1"/>
  <c r="E279" i="5" s="1"/>
  <c r="AO308" i="1"/>
  <c r="E314" i="5" s="1"/>
  <c r="AO350" i="1"/>
  <c r="E356" i="5" s="1"/>
  <c r="AO141" i="1"/>
  <c r="E147" i="5" s="1"/>
  <c r="AO210" i="1"/>
  <c r="E216" i="5" s="1"/>
  <c r="AO35" i="1"/>
  <c r="E41" i="5" s="1"/>
  <c r="AO357" i="1"/>
  <c r="E363" i="5" s="1"/>
  <c r="AO232" i="1"/>
  <c r="E238" i="5" s="1"/>
  <c r="AO155" i="1"/>
  <c r="E161" i="5" s="1"/>
  <c r="AO168" i="1"/>
  <c r="E174" i="5" s="1"/>
  <c r="AO183" i="1"/>
  <c r="E189" i="5" s="1"/>
  <c r="AO203" i="1"/>
  <c r="E209" i="5" s="1"/>
  <c r="AO337" i="1"/>
  <c r="E343" i="5" s="1"/>
  <c r="AP28" i="1"/>
  <c r="F34" i="5" s="1"/>
  <c r="AN260" i="1"/>
  <c r="D266" i="5" s="1"/>
  <c r="AP182" i="1"/>
  <c r="F188" i="5" s="1"/>
  <c r="AN203" i="1"/>
  <c r="D209" i="5" s="1"/>
  <c r="AN63" i="1"/>
  <c r="D69" i="5" s="1"/>
  <c r="AO85" i="1"/>
  <c r="E91" i="5" s="1"/>
  <c r="AO238" i="1"/>
  <c r="E244" i="5" s="1"/>
  <c r="AP169" i="1"/>
  <c r="F175" i="5" s="1"/>
  <c r="AO161" i="1"/>
  <c r="E167" i="5" s="1"/>
  <c r="AP120" i="1"/>
  <c r="F126" i="5" s="1"/>
  <c r="AX36" i="1"/>
  <c r="AP21" i="1"/>
  <c r="F27" i="5" s="1"/>
  <c r="AO365" i="1"/>
  <c r="E371" i="5" s="1"/>
  <c r="AP245" i="1"/>
  <c r="F251" i="5" s="1"/>
  <c r="AO154" i="1"/>
  <c r="E160" i="5" s="1"/>
  <c r="AP197" i="1"/>
  <c r="F203" i="5" s="1"/>
  <c r="AO267" i="1"/>
  <c r="E273" i="5" s="1"/>
  <c r="AO182" i="1"/>
  <c r="E188" i="5" s="1"/>
  <c r="AO287" i="1"/>
  <c r="E293" i="5" s="1"/>
  <c r="AO315" i="1"/>
  <c r="E321" i="5" s="1"/>
  <c r="AO50" i="1"/>
  <c r="E56" i="5" s="1"/>
  <c r="AO245" i="1"/>
  <c r="E251" i="5" s="1"/>
  <c r="AO21" i="1"/>
  <c r="E27" i="5" s="1"/>
  <c r="AP309" i="1"/>
  <c r="F315" i="5" s="1"/>
  <c r="AO260" i="1"/>
  <c r="E266" i="5" s="1"/>
  <c r="AP98" i="1"/>
  <c r="F104" i="5" s="1"/>
  <c r="AO176" i="1"/>
  <c r="E182" i="5" s="1"/>
  <c r="AO288" i="1"/>
  <c r="E294" i="5" s="1"/>
  <c r="AP141" i="1"/>
  <c r="F147" i="5" s="1"/>
  <c r="AO43" i="1"/>
  <c r="E49" i="5" s="1"/>
  <c r="AP183" i="1"/>
  <c r="F189" i="5" s="1"/>
  <c r="AO77" i="1"/>
  <c r="E83" i="5" s="1"/>
  <c r="AE50" i="2"/>
  <c r="K2188" i="2" s="1"/>
  <c r="K2162" i="5" s="1"/>
  <c r="AO147" i="1"/>
  <c r="E153" i="5" s="1"/>
  <c r="AO15" i="1"/>
  <c r="E21" i="5" s="1"/>
  <c r="AP50" i="1"/>
  <c r="F56" i="5" s="1"/>
  <c r="AO294" i="1"/>
  <c r="E300" i="5" s="1"/>
  <c r="AO204" i="1"/>
  <c r="E210" i="5" s="1"/>
  <c r="AO7" i="1"/>
  <c r="E13" i="5" s="1"/>
  <c r="AO120" i="1"/>
  <c r="E126" i="5" s="1"/>
  <c r="AO281" i="1"/>
  <c r="E287" i="5" s="1"/>
  <c r="AP364" i="1"/>
  <c r="F370" i="5" s="1"/>
  <c r="AO211" i="1"/>
  <c r="E217" i="5" s="1"/>
  <c r="AO106" i="1"/>
  <c r="E112" i="5" s="1"/>
  <c r="AP70" i="1"/>
  <c r="F76" i="5" s="1"/>
  <c r="AO329" i="1"/>
  <c r="E335" i="5" s="1"/>
  <c r="AO323" i="1"/>
  <c r="E329" i="5" s="1"/>
  <c r="AO22" i="1"/>
  <c r="E28" i="5" s="1"/>
  <c r="AO133" i="1"/>
  <c r="E139" i="5" s="1"/>
  <c r="AO29" i="1"/>
  <c r="E35" i="5" s="1"/>
  <c r="AP316" i="1"/>
  <c r="F322" i="5" s="1"/>
  <c r="AO134" i="1"/>
  <c r="E140" i="5" s="1"/>
  <c r="AO78" i="1"/>
  <c r="E84" i="5" s="1"/>
  <c r="AO322" i="1"/>
  <c r="E328" i="5" s="1"/>
  <c r="AO105" i="1"/>
  <c r="E111" i="5" s="1"/>
  <c r="AP119" i="1"/>
  <c r="F125" i="5" s="1"/>
  <c r="AO196" i="1"/>
  <c r="E202" i="5" s="1"/>
  <c r="AO364" i="1"/>
  <c r="E370" i="5" s="1"/>
  <c r="AO119" i="1"/>
  <c r="E125" i="5" s="1"/>
  <c r="AP273" i="1"/>
  <c r="F279" i="5" s="1"/>
  <c r="AO358" i="1"/>
  <c r="E364" i="5" s="1"/>
  <c r="AO343" i="1"/>
  <c r="E349" i="5" s="1"/>
  <c r="AP112" i="1"/>
  <c r="F118" i="5" s="1"/>
  <c r="AO28" i="1"/>
  <c r="E34" i="5" s="1"/>
  <c r="AP36" i="1"/>
  <c r="F42" i="5" s="1"/>
  <c r="AO336" i="1"/>
  <c r="E342" i="5" s="1"/>
  <c r="AO148" i="1"/>
  <c r="E154" i="5" s="1"/>
  <c r="AO42" i="1"/>
  <c r="E48" i="5" s="1"/>
  <c r="AO92" i="1"/>
  <c r="E98" i="5" s="1"/>
  <c r="AO71" i="1"/>
  <c r="E77" i="5" s="1"/>
  <c r="AW36" i="1"/>
  <c r="AO224" i="1"/>
  <c r="E230" i="5" s="1"/>
  <c r="AP294" i="1"/>
  <c r="F300" i="5" s="1"/>
  <c r="AO127" i="1"/>
  <c r="E133" i="5" s="1"/>
  <c r="AO231" i="1"/>
  <c r="E237" i="5" s="1"/>
  <c r="AO91" i="1"/>
  <c r="E97" i="5" s="1"/>
  <c r="AP140" i="1"/>
  <c r="F146" i="5" s="1"/>
  <c r="AO266" i="1"/>
  <c r="E272" i="5" s="1"/>
  <c r="AO309" i="1"/>
  <c r="E315" i="5" s="1"/>
  <c r="AO197" i="1"/>
  <c r="E203" i="5" s="1"/>
  <c r="AO63" i="1"/>
  <c r="E69" i="5" s="1"/>
  <c r="AP126" i="1"/>
  <c r="F132" i="5" s="1"/>
  <c r="AP91" i="1"/>
  <c r="F97" i="5" s="1"/>
  <c r="AP162" i="1"/>
  <c r="F168" i="5" s="1"/>
  <c r="AP77" i="1"/>
  <c r="F83" i="5" s="1"/>
  <c r="AP246" i="1"/>
  <c r="F252" i="5" s="1"/>
  <c r="AO274" i="1"/>
  <c r="E280" i="5" s="1"/>
  <c r="AO246" i="1"/>
  <c r="E252" i="5" s="1"/>
  <c r="AO14" i="1"/>
  <c r="E20" i="5" s="1"/>
  <c r="AO169" i="1"/>
  <c r="E175" i="5" s="1"/>
  <c r="AP343" i="1"/>
  <c r="F349" i="5" s="1"/>
  <c r="AP260" i="1"/>
  <c r="F266" i="5" s="1"/>
  <c r="AP71" i="1"/>
  <c r="F77" i="5" s="1"/>
  <c r="AP281" i="1"/>
  <c r="F287" i="5" s="1"/>
  <c r="AO175" i="1"/>
  <c r="E181" i="5" s="1"/>
  <c r="AO98" i="1"/>
  <c r="E104" i="5" s="1"/>
  <c r="AO140" i="1"/>
  <c r="E146" i="5" s="1"/>
  <c r="AO36" i="1"/>
  <c r="E42" i="5" s="1"/>
  <c r="AP175" i="1"/>
  <c r="F181" i="5" s="1"/>
  <c r="AP92" i="1"/>
  <c r="F98" i="5" s="1"/>
  <c r="AP14" i="1"/>
  <c r="F20" i="5" s="1"/>
  <c r="AP147" i="1"/>
  <c r="F153" i="5" s="1"/>
  <c r="AO301" i="1"/>
  <c r="E307" i="5" s="1"/>
  <c r="AO189" i="1"/>
  <c r="E195" i="5" s="1"/>
  <c r="AO113" i="1"/>
  <c r="E119" i="5" s="1"/>
  <c r="AO344" i="1"/>
  <c r="E350" i="5" s="1"/>
  <c r="AP358" i="1"/>
  <c r="F364" i="5" s="1"/>
  <c r="AP29" i="1"/>
  <c r="F35" i="5" s="1"/>
  <c r="AP238" i="1"/>
  <c r="F244" i="5" s="1"/>
  <c r="AP267" i="1"/>
  <c r="F273" i="5" s="1"/>
  <c r="AO190" i="1"/>
  <c r="E196" i="5" s="1"/>
  <c r="AO49" i="1"/>
  <c r="E55" i="5" s="1"/>
  <c r="AO112" i="1"/>
  <c r="E118" i="5" s="1"/>
  <c r="AO295" i="1"/>
  <c r="E301" i="5" s="1"/>
  <c r="AO64" i="1"/>
  <c r="E70" i="5" s="1"/>
  <c r="AP56" i="1"/>
  <c r="F62" i="5" s="1"/>
  <c r="AP336" i="1"/>
  <c r="F342" i="5" s="1"/>
  <c r="AM84" i="1"/>
  <c r="C90" i="5" s="1"/>
  <c r="AD50" i="2"/>
  <c r="J3706" i="2" s="1"/>
  <c r="J3680" i="5" s="1"/>
  <c r="N3680" i="5" s="1"/>
  <c r="AQ78" i="1"/>
  <c r="G84" i="5" s="1"/>
  <c r="AP105" i="1"/>
  <c r="F111" i="5" s="1"/>
  <c r="AP189" i="1"/>
  <c r="F195" i="5" s="1"/>
  <c r="AP357" i="1"/>
  <c r="F363" i="5" s="1"/>
  <c r="AQ189" i="1"/>
  <c r="G195" i="5" s="1"/>
  <c r="AP259" i="1"/>
  <c r="F265" i="5" s="1"/>
  <c r="AP218" i="1"/>
  <c r="F224" i="5" s="1"/>
  <c r="AP329" i="1"/>
  <c r="F335" i="5" s="1"/>
  <c r="AP295" i="1"/>
  <c r="F301" i="5" s="1"/>
  <c r="AP49" i="1"/>
  <c r="F55" i="5" s="1"/>
  <c r="AP84" i="1"/>
  <c r="F90" i="5" s="1"/>
  <c r="AM147" i="1"/>
  <c r="C153" i="5" s="1"/>
  <c r="AQ287" i="1"/>
  <c r="G293" i="5" s="1"/>
  <c r="AP308" i="1"/>
  <c r="F314" i="5" s="1"/>
  <c r="AP211" i="1"/>
  <c r="F217" i="5" s="1"/>
  <c r="AP85" i="1"/>
  <c r="F91" i="5" s="1"/>
  <c r="AN259" i="1"/>
  <c r="D265" i="5" s="1"/>
  <c r="AN351" i="1"/>
  <c r="D357" i="5" s="1"/>
  <c r="AN168" i="1"/>
  <c r="D174" i="5" s="1"/>
  <c r="AN357" i="1"/>
  <c r="D363" i="5" s="1"/>
  <c r="AN280" i="1"/>
  <c r="D286" i="5" s="1"/>
  <c r="AQ85" i="1"/>
  <c r="G91" i="5" s="1"/>
  <c r="AQ309" i="1"/>
  <c r="G315" i="5" s="1"/>
  <c r="AQ8" i="1"/>
  <c r="G14" i="5" s="1"/>
  <c r="AP337" i="1"/>
  <c r="F343" i="5" s="1"/>
  <c r="AP301" i="1"/>
  <c r="F307" i="5" s="1"/>
  <c r="AQ161" i="1"/>
  <c r="G167" i="5" s="1"/>
  <c r="AN301" i="1"/>
  <c r="D307" i="5" s="1"/>
  <c r="AQ302" i="1"/>
  <c r="G308" i="5" s="1"/>
  <c r="AN364" i="1"/>
  <c r="D370" i="5" s="1"/>
  <c r="AN85" i="1"/>
  <c r="D91" i="5" s="1"/>
  <c r="AQ260" i="1"/>
  <c r="G266" i="5" s="1"/>
  <c r="AQ295" i="1"/>
  <c r="G301" i="5" s="1"/>
  <c r="AN344" i="1"/>
  <c r="D350" i="5" s="1"/>
  <c r="AQ175" i="1"/>
  <c r="G181" i="5" s="1"/>
  <c r="AN308" i="1"/>
  <c r="D314" i="5" s="1"/>
  <c r="AQ344" i="1"/>
  <c r="G350" i="5" s="1"/>
  <c r="AN36" i="1"/>
  <c r="D42" i="5" s="1"/>
  <c r="AQ336" i="1"/>
  <c r="G342" i="5" s="1"/>
  <c r="AN28" i="1"/>
  <c r="D34" i="5" s="1"/>
  <c r="AQ358" i="1"/>
  <c r="G364" i="5" s="1"/>
  <c r="AP203" i="1"/>
  <c r="F209" i="5" s="1"/>
  <c r="AP280" i="1"/>
  <c r="F286" i="5" s="1"/>
  <c r="AP196" i="1"/>
  <c r="F202" i="5" s="1"/>
  <c r="AN190" i="1"/>
  <c r="D196" i="5" s="1"/>
  <c r="AM161" i="1"/>
  <c r="C167" i="5" s="1"/>
  <c r="AQ308" i="1"/>
  <c r="G314" i="5" s="1"/>
  <c r="AN22" i="1"/>
  <c r="D28" i="5" s="1"/>
  <c r="AQ232" i="1"/>
  <c r="G238" i="5" s="1"/>
  <c r="AN113" i="1"/>
  <c r="D119" i="5" s="1"/>
  <c r="AQ330" i="1"/>
  <c r="G336" i="5" s="1"/>
  <c r="AN112" i="1"/>
  <c r="D118" i="5" s="1"/>
  <c r="AQ252" i="1"/>
  <c r="G258" i="5" s="1"/>
  <c r="AN323" i="1"/>
  <c r="D329" i="5" s="1"/>
  <c r="AM78" i="1"/>
  <c r="AQ112" i="1"/>
  <c r="G118" i="5" s="1"/>
  <c r="AQ155" i="1"/>
  <c r="G161" i="5" s="1"/>
  <c r="AN274" i="1"/>
  <c r="D280" i="5" s="1"/>
  <c r="AM92" i="1"/>
  <c r="C98" i="5" s="1"/>
  <c r="AQ35" i="1"/>
  <c r="G41" i="5" s="1"/>
  <c r="AP176" i="1"/>
  <c r="F182" i="5" s="1"/>
  <c r="AP57" i="1"/>
  <c r="F63" i="5" s="1"/>
  <c r="AP127" i="1"/>
  <c r="F133" i="5" s="1"/>
  <c r="AN141" i="1"/>
  <c r="D147" i="5" s="1"/>
  <c r="AQ57" i="1"/>
  <c r="G63" i="5" s="1"/>
  <c r="AQ92" i="1"/>
  <c r="G98" i="5" s="1"/>
  <c r="AN7" i="1"/>
  <c r="D13" i="5" s="1"/>
  <c r="AN140" i="1"/>
  <c r="D146" i="5" s="1"/>
  <c r="AM343" i="1"/>
  <c r="C349" i="5" s="1"/>
  <c r="AN245" i="1"/>
  <c r="D251" i="5" s="1"/>
  <c r="AQ91" i="1"/>
  <c r="G97" i="5" s="1"/>
  <c r="AM225" i="1"/>
  <c r="C231" i="5" s="1"/>
  <c r="AN91" i="1"/>
  <c r="D97" i="5" s="1"/>
  <c r="AQ183" i="1"/>
  <c r="G189" i="5" s="1"/>
  <c r="AN295" i="1"/>
  <c r="D301" i="5" s="1"/>
  <c r="AN211" i="1"/>
  <c r="D217" i="5" s="1"/>
  <c r="AM197" i="1"/>
  <c r="C203" i="5" s="1"/>
  <c r="AQ126" i="1"/>
  <c r="G132" i="5" s="1"/>
  <c r="AN56" i="1"/>
  <c r="D62" i="5" s="1"/>
  <c r="AM98" i="1"/>
  <c r="C104" i="5" s="1"/>
  <c r="AN294" i="1"/>
  <c r="D300" i="5" s="1"/>
  <c r="AM29" i="1"/>
  <c r="C35" i="5" s="1"/>
  <c r="AM245" i="1"/>
  <c r="C251" i="5" s="1"/>
  <c r="AQ71" i="1"/>
  <c r="G77" i="5" s="1"/>
  <c r="AQ288" i="1"/>
  <c r="G294" i="5" s="1"/>
  <c r="AP161" i="1"/>
  <c r="F167" i="5" s="1"/>
  <c r="AP15" i="1"/>
  <c r="F21" i="5" s="1"/>
  <c r="AP64" i="1"/>
  <c r="F70" i="5" s="1"/>
  <c r="AM280" i="1"/>
  <c r="C286" i="5" s="1"/>
  <c r="AN120" i="1"/>
  <c r="AN147" i="1"/>
  <c r="D153" i="5" s="1"/>
  <c r="AM336" i="1"/>
  <c r="C342" i="5" s="1"/>
  <c r="AM119" i="1"/>
  <c r="C125" i="5" s="1"/>
  <c r="AQ253" i="1"/>
  <c r="G259" i="5" s="1"/>
  <c r="AN176" i="1"/>
  <c r="D182" i="5" s="1"/>
  <c r="AN154" i="1"/>
  <c r="D160" i="5" s="1"/>
  <c r="AM246" i="1"/>
  <c r="C252" i="5" s="1"/>
  <c r="AQ239" i="1"/>
  <c r="G245" i="5" s="1"/>
  <c r="AP190" i="1"/>
  <c r="F196" i="5" s="1"/>
  <c r="AP134" i="1"/>
  <c r="F140" i="5" s="1"/>
  <c r="AP148" i="1"/>
  <c r="F154" i="5" s="1"/>
  <c r="AP113" i="1"/>
  <c r="F119" i="5" s="1"/>
  <c r="AN127" i="1"/>
  <c r="D133" i="5" s="1"/>
  <c r="AN252" i="1"/>
  <c r="D258" i="5" s="1"/>
  <c r="AM301" i="1"/>
  <c r="C307" i="5" s="1"/>
  <c r="AM252" i="1"/>
  <c r="C258" i="5" s="1"/>
  <c r="AM274" i="1"/>
  <c r="C280" i="5" s="1"/>
  <c r="AQ225" i="1"/>
  <c r="G231" i="5" s="1"/>
  <c r="AQ274" i="1"/>
  <c r="G280" i="5" s="1"/>
  <c r="AM168" i="1"/>
  <c r="C174" i="5" s="1"/>
  <c r="AM203" i="1"/>
  <c r="C209" i="5" s="1"/>
  <c r="AM316" i="1"/>
  <c r="C322" i="5" s="1"/>
  <c r="AQ154" i="1"/>
  <c r="G160" i="5" s="1"/>
  <c r="AQ364" i="1"/>
  <c r="AQ168" i="1"/>
  <c r="G174" i="5" s="1"/>
  <c r="AN133" i="1"/>
  <c r="D139" i="5" s="1"/>
  <c r="AN267" i="1"/>
  <c r="D273" i="5" s="1"/>
  <c r="AN316" i="1"/>
  <c r="D322" i="5" s="1"/>
  <c r="AN238" i="1"/>
  <c r="D244" i="5" s="1"/>
  <c r="AM238" i="1"/>
  <c r="AM176" i="1"/>
  <c r="AQ148" i="1"/>
  <c r="G154" i="5" s="1"/>
  <c r="AQ77" i="1"/>
  <c r="G83" i="5" s="1"/>
  <c r="AQ147" i="1"/>
  <c r="AP204" i="1"/>
  <c r="F210" i="5" s="1"/>
  <c r="AP43" i="1"/>
  <c r="F49" i="5" s="1"/>
  <c r="AP266" i="1"/>
  <c r="F272" i="5" s="1"/>
  <c r="AP239" i="1"/>
  <c r="F245" i="5" s="1"/>
  <c r="AP253" i="1"/>
  <c r="F259" i="5" s="1"/>
  <c r="AN162" i="1"/>
  <c r="D168" i="5" s="1"/>
  <c r="AN77" i="1"/>
  <c r="D83" i="5" s="1"/>
  <c r="AN204" i="1"/>
  <c r="AN358" i="1"/>
  <c r="D364" i="5" s="1"/>
  <c r="AM15" i="1"/>
  <c r="C21" i="5" s="1"/>
  <c r="AM260" i="1"/>
  <c r="AQ329" i="1"/>
  <c r="G335" i="5" s="1"/>
  <c r="AQ140" i="1"/>
  <c r="G146" i="5" s="1"/>
  <c r="AQ127" i="1"/>
  <c r="G133" i="5" s="1"/>
  <c r="AP217" i="1"/>
  <c r="F223" i="5" s="1"/>
  <c r="AP350" i="1"/>
  <c r="F356" i="5" s="1"/>
  <c r="AP133" i="1"/>
  <c r="AP42" i="1"/>
  <c r="F48" i="5" s="1"/>
  <c r="AP322" i="1"/>
  <c r="F328" i="5" s="1"/>
  <c r="AO330" i="1"/>
  <c r="E336" i="5" s="1"/>
  <c r="AO302" i="1"/>
  <c r="E308" i="5" s="1"/>
  <c r="AO280" i="1"/>
  <c r="E286" i="5" s="1"/>
  <c r="AO259" i="1"/>
  <c r="E265" i="5" s="1"/>
  <c r="AO316" i="1"/>
  <c r="E322" i="5" s="1"/>
  <c r="AN42" i="1"/>
  <c r="AN78" i="1"/>
  <c r="D84" i="5" s="1"/>
  <c r="AN8" i="1"/>
  <c r="D14" i="5" s="1"/>
  <c r="AN322" i="1"/>
  <c r="D328" i="5" s="1"/>
  <c r="AM309" i="1"/>
  <c r="C315" i="5" s="1"/>
  <c r="AQ63" i="1"/>
  <c r="G69" i="5" s="1"/>
  <c r="AM344" i="1"/>
  <c r="C350" i="5" s="1"/>
  <c r="AM56" i="1"/>
  <c r="C62" i="5" s="1"/>
  <c r="AQ36" i="1"/>
  <c r="AQ98" i="1"/>
  <c r="G104" i="5" s="1"/>
  <c r="AQ133" i="1"/>
  <c r="G139" i="5" s="1"/>
  <c r="AM204" i="1"/>
  <c r="C210" i="5" s="1"/>
  <c r="AZ35" i="1"/>
  <c r="AQ29" i="1"/>
  <c r="G35" i="5" s="1"/>
  <c r="AQ316" i="1"/>
  <c r="G322" i="5" s="1"/>
  <c r="AQ99" i="1"/>
  <c r="G105" i="5" s="1"/>
  <c r="AU36" i="1"/>
  <c r="AQ49" i="1"/>
  <c r="G55" i="5" s="1"/>
  <c r="AQ266" i="1"/>
  <c r="G272" i="5" s="1"/>
  <c r="AQ190" i="1"/>
  <c r="G196" i="5" s="1"/>
  <c r="AQ70" i="1"/>
  <c r="G76" i="5" s="1"/>
  <c r="AN343" i="1"/>
  <c r="D349" i="5" s="1"/>
  <c r="AN49" i="1"/>
  <c r="D55" i="5" s="1"/>
  <c r="AN169" i="1"/>
  <c r="D175" i="5" s="1"/>
  <c r="AN71" i="1"/>
  <c r="D77" i="5" s="1"/>
  <c r="AM218" i="1"/>
  <c r="AM365" i="1"/>
  <c r="C371" i="5" s="1"/>
  <c r="AQ141" i="1"/>
  <c r="AQ273" i="1"/>
  <c r="G279" i="5" s="1"/>
  <c r="AQ323" i="1"/>
  <c r="G329" i="5" s="1"/>
  <c r="AQ224" i="1"/>
  <c r="G230" i="5" s="1"/>
  <c r="AP225" i="1"/>
  <c r="F231" i="5" s="1"/>
  <c r="AP344" i="1"/>
  <c r="F350" i="5" s="1"/>
  <c r="AP154" i="1"/>
  <c r="F160" i="5" s="1"/>
  <c r="AP287" i="1"/>
  <c r="F293" i="5" s="1"/>
  <c r="AP168" i="1"/>
  <c r="F174" i="5" s="1"/>
  <c r="AN119" i="1"/>
  <c r="D125" i="5" s="1"/>
  <c r="AN183" i="1"/>
  <c r="D189" i="5" s="1"/>
  <c r="AN253" i="1"/>
  <c r="D259" i="5" s="1"/>
  <c r="AN266" i="1"/>
  <c r="AM77" i="1"/>
  <c r="C83" i="5" s="1"/>
  <c r="AM217" i="1"/>
  <c r="C223" i="5" s="1"/>
  <c r="AQ105" i="1"/>
  <c r="G111" i="5" s="1"/>
  <c r="AQ119" i="1"/>
  <c r="G125" i="5" s="1"/>
  <c r="AQ120" i="1"/>
  <c r="G126" i="5" s="1"/>
  <c r="AQ134" i="1"/>
  <c r="G140" i="5" s="1"/>
  <c r="AP99" i="1"/>
  <c r="F105" i="5" s="1"/>
  <c r="AP35" i="1"/>
  <c r="F41" i="5" s="1"/>
  <c r="AF50" i="2"/>
  <c r="L8079" i="2" s="1"/>
  <c r="L8053" i="5" s="1"/>
  <c r="AP302" i="1"/>
  <c r="F308" i="5" s="1"/>
  <c r="AP323" i="1"/>
  <c r="F329" i="5" s="1"/>
  <c r="AO8" i="1"/>
  <c r="E14" i="5" s="1"/>
  <c r="AO84" i="1"/>
  <c r="E90" i="5" s="1"/>
  <c r="AO239" i="1"/>
  <c r="E245" i="5" s="1"/>
  <c r="AO225" i="1"/>
  <c r="E231" i="5" s="1"/>
  <c r="AO218" i="1"/>
  <c r="E224" i="5" s="1"/>
  <c r="AN337" i="1"/>
  <c r="D343" i="5" s="1"/>
  <c r="AN70" i="1"/>
  <c r="D76" i="5" s="1"/>
  <c r="AN161" i="1"/>
  <c r="D167" i="5" s="1"/>
  <c r="AN196" i="1"/>
  <c r="D202" i="5" s="1"/>
  <c r="AM106" i="1"/>
  <c r="C112" i="5" s="1"/>
  <c r="AM323" i="1"/>
  <c r="C329" i="5" s="1"/>
  <c r="AM231" i="1"/>
  <c r="AM329" i="1"/>
  <c r="AM140" i="1"/>
  <c r="C146" i="5" s="1"/>
  <c r="AM22" i="1"/>
  <c r="C28" i="5" s="1"/>
  <c r="AM141" i="1"/>
  <c r="C147" i="5" s="1"/>
  <c r="AM133" i="1"/>
  <c r="C139" i="5" s="1"/>
  <c r="AM350" i="1"/>
  <c r="C356" i="5" s="1"/>
  <c r="AQ365" i="1"/>
  <c r="G371" i="5" s="1"/>
  <c r="AQ281" i="1"/>
  <c r="G287" i="5" s="1"/>
  <c r="AQ7" i="1"/>
  <c r="G13" i="5" s="1"/>
  <c r="AM330" i="1"/>
  <c r="C336" i="5" s="1"/>
  <c r="AN14" i="1"/>
  <c r="D20" i="5" s="1"/>
  <c r="AN182" i="1"/>
  <c r="D188" i="5" s="1"/>
  <c r="AN35" i="1"/>
  <c r="D41" i="5" s="1"/>
  <c r="AM148" i="1"/>
  <c r="C154" i="5" s="1"/>
  <c r="AM113" i="1"/>
  <c r="C119" i="5" s="1"/>
  <c r="AM232" i="1"/>
  <c r="C238" i="5" s="1"/>
  <c r="AQ15" i="1"/>
  <c r="G21" i="5" s="1"/>
  <c r="AQ43" i="1"/>
  <c r="G49" i="5" s="1"/>
  <c r="AQ343" i="1"/>
  <c r="G349" i="5" s="1"/>
  <c r="AN126" i="1"/>
  <c r="D132" i="5" s="1"/>
  <c r="AN64" i="1"/>
  <c r="D70" i="5" s="1"/>
  <c r="AN29" i="1"/>
  <c r="D35" i="5" s="1"/>
  <c r="AM302" i="1"/>
  <c r="C308" i="5" s="1"/>
  <c r="AM36" i="1"/>
  <c r="C42" i="5" s="1"/>
  <c r="AM267" i="1"/>
  <c r="AY36" i="1"/>
  <c r="AQ231" i="1"/>
  <c r="G237" i="5" s="1"/>
  <c r="AQ22" i="1"/>
  <c r="G28" i="5" s="1"/>
  <c r="AP232" i="1"/>
  <c r="F238" i="5" s="1"/>
  <c r="AP288" i="1"/>
  <c r="F294" i="5" s="1"/>
  <c r="AP252" i="1"/>
  <c r="F258" i="5" s="1"/>
  <c r="AP274" i="1"/>
  <c r="F280" i="5" s="1"/>
  <c r="AP231" i="1"/>
  <c r="F237" i="5" s="1"/>
  <c r="AO351" i="1"/>
  <c r="E357" i="5" s="1"/>
  <c r="AO99" i="1"/>
  <c r="E105" i="5" s="1"/>
  <c r="AO162" i="1"/>
  <c r="E168" i="5" s="1"/>
  <c r="AO126" i="1"/>
  <c r="E132" i="5" s="1"/>
  <c r="AM315" i="1"/>
  <c r="AN329" i="1"/>
  <c r="D335" i="5" s="1"/>
  <c r="AN175" i="1"/>
  <c r="D181" i="5" s="1"/>
  <c r="AN105" i="1"/>
  <c r="D111" i="5" s="1"/>
  <c r="AM295" i="1"/>
  <c r="C301" i="5" s="1"/>
  <c r="AM239" i="1"/>
  <c r="C245" i="5" s="1"/>
  <c r="AM196" i="1"/>
  <c r="C202" i="5" s="1"/>
  <c r="AM50" i="1"/>
  <c r="C56" i="5" s="1"/>
  <c r="AM8" i="1"/>
  <c r="C14" i="5" s="1"/>
  <c r="AM49" i="1"/>
  <c r="AM70" i="1"/>
  <c r="C76" i="5" s="1"/>
  <c r="AQ176" i="1"/>
  <c r="G182" i="5" s="1"/>
  <c r="AQ84" i="1"/>
  <c r="G90" i="5" s="1"/>
  <c r="AQ50" i="1"/>
  <c r="G56" i="5" s="1"/>
  <c r="AM105" i="1"/>
  <c r="C111" i="5" s="1"/>
  <c r="AM294" i="1"/>
  <c r="AM210" i="1"/>
  <c r="C216" i="5" s="1"/>
  <c r="AQ211" i="1"/>
  <c r="G217" i="5" s="1"/>
  <c r="AQ217" i="1"/>
  <c r="G223" i="5" s="1"/>
  <c r="AG50" i="2"/>
  <c r="M7903" i="2" s="1"/>
  <c r="M7877" i="5" s="1"/>
  <c r="P7877" i="5" s="1"/>
  <c r="AQ182" i="1"/>
  <c r="G188" i="5" s="1"/>
  <c r="AQ106" i="1"/>
  <c r="G112" i="5" s="1"/>
  <c r="AQ56" i="1"/>
  <c r="G62" i="5" s="1"/>
  <c r="AN315" i="1"/>
  <c r="D321" i="5" s="1"/>
  <c r="AN21" i="1"/>
  <c r="D27" i="5" s="1"/>
  <c r="AN15" i="1"/>
  <c r="D21" i="5" s="1"/>
  <c r="AN134" i="1"/>
  <c r="D140" i="5" s="1"/>
  <c r="AN189" i="1"/>
  <c r="D195" i="5" s="1"/>
  <c r="AM308" i="1"/>
  <c r="C314" i="5" s="1"/>
  <c r="AM175" i="1"/>
  <c r="AM266" i="1"/>
  <c r="C272" i="5" s="1"/>
  <c r="AM43" i="1"/>
  <c r="C49" i="5" s="1"/>
  <c r="AM57" i="1"/>
  <c r="AM42" i="1"/>
  <c r="C48" i="5" s="1"/>
  <c r="AN350" i="1"/>
  <c r="D356" i="5" s="1"/>
  <c r="AM155" i="1"/>
  <c r="C161" i="5" s="1"/>
  <c r="AM91" i="1"/>
  <c r="C97" i="5" s="1"/>
  <c r="AQ322" i="1"/>
  <c r="G328" i="5" s="1"/>
  <c r="AQ203" i="1"/>
  <c r="AM63" i="1"/>
  <c r="C69" i="5" s="1"/>
  <c r="AN155" i="1"/>
  <c r="D161" i="5" s="1"/>
  <c r="AN281" i="1"/>
  <c r="D287" i="5" s="1"/>
  <c r="AN84" i="1"/>
  <c r="AN50" i="1"/>
  <c r="D56" i="5" s="1"/>
  <c r="AN365" i="1"/>
  <c r="D371" i="5" s="1"/>
  <c r="AM183" i="1"/>
  <c r="C189" i="5" s="1"/>
  <c r="AM288" i="1"/>
  <c r="C294" i="5" s="1"/>
  <c r="AM169" i="1"/>
  <c r="AM190" i="1"/>
  <c r="AQ301" i="1"/>
  <c r="G307" i="5" s="1"/>
  <c r="AQ350" i="1"/>
  <c r="G356" i="5" s="1"/>
  <c r="AQ204" i="1"/>
  <c r="G210" i="5" s="1"/>
  <c r="AQ169" i="1"/>
  <c r="G175" i="5" s="1"/>
  <c r="AQ197" i="1"/>
  <c r="G203" i="5" s="1"/>
  <c r="AM35" i="1"/>
  <c r="AP365" i="1"/>
  <c r="F371" i="5" s="1"/>
  <c r="AP351" i="1"/>
  <c r="F357" i="5" s="1"/>
  <c r="AP7" i="1"/>
  <c r="F13" i="5" s="1"/>
  <c r="AP315" i="1"/>
  <c r="F321" i="5" s="1"/>
  <c r="AM287" i="1"/>
  <c r="C293" i="5" s="1"/>
  <c r="AN106" i="1"/>
  <c r="D112" i="5" s="1"/>
  <c r="AN330" i="1"/>
  <c r="D336" i="5" s="1"/>
  <c r="AN288" i="1"/>
  <c r="D294" i="5" s="1"/>
  <c r="AN336" i="1"/>
  <c r="D342" i="5" s="1"/>
  <c r="AN273" i="1"/>
  <c r="D279" i="5" s="1"/>
  <c r="AM253" i="1"/>
  <c r="C259" i="5" s="1"/>
  <c r="AQ196" i="1"/>
  <c r="G202" i="5" s="1"/>
  <c r="AM224" i="1"/>
  <c r="C230" i="5" s="1"/>
  <c r="AQ210" i="1"/>
  <c r="G216" i="5" s="1"/>
  <c r="AQ113" i="1"/>
  <c r="G119" i="5" s="1"/>
  <c r="AQ294" i="1"/>
  <c r="G300" i="5" s="1"/>
  <c r="AM99" i="1"/>
  <c r="C105" i="5" s="1"/>
  <c r="AM358" i="1"/>
  <c r="C364" i="5" s="1"/>
  <c r="AM126" i="1"/>
  <c r="AM162" i="1"/>
  <c r="C168" i="5" s="1"/>
  <c r="AQ259" i="1"/>
  <c r="G265" i="5" s="1"/>
  <c r="AQ14" i="1"/>
  <c r="G20" i="5" s="1"/>
  <c r="AQ238" i="1"/>
  <c r="G244" i="5" s="1"/>
  <c r="AQ64" i="1"/>
  <c r="G70" i="5" s="1"/>
  <c r="AQ315" i="1"/>
  <c r="G321" i="5" s="1"/>
  <c r="AM28" i="1"/>
  <c r="AM322" i="1"/>
  <c r="C328" i="5" s="1"/>
  <c r="AN218" i="1"/>
  <c r="D224" i="5" s="1"/>
  <c r="AN239" i="1"/>
  <c r="D245" i="5" s="1"/>
  <c r="AN287" i="1"/>
  <c r="D293" i="5" s="1"/>
  <c r="AN231" i="1"/>
  <c r="D237" i="5" s="1"/>
  <c r="AN210" i="1"/>
  <c r="D216" i="5" s="1"/>
  <c r="AM127" i="1"/>
  <c r="C133" i="5" s="1"/>
  <c r="AM14" i="1"/>
  <c r="C20" i="5" s="1"/>
  <c r="AM21" i="1"/>
  <c r="C27" i="5" s="1"/>
  <c r="AM364" i="1"/>
  <c r="C370" i="5" s="1"/>
  <c r="AM351" i="1"/>
  <c r="C357" i="5" s="1"/>
  <c r="AM154" i="1"/>
  <c r="C160" i="5" s="1"/>
  <c r="AM337" i="1"/>
  <c r="C343" i="5" s="1"/>
  <c r="AQ246" i="1"/>
  <c r="G252" i="5" s="1"/>
  <c r="AQ28" i="1"/>
  <c r="G34" i="5" s="1"/>
  <c r="AQ337" i="1"/>
  <c r="G343" i="5" s="1"/>
  <c r="AQ162" i="1"/>
  <c r="G168" i="5" s="1"/>
  <c r="AQ267" i="1"/>
  <c r="G273" i="5" s="1"/>
  <c r="AM7" i="1"/>
  <c r="C13" i="5" s="1"/>
  <c r="AN246" i="1"/>
  <c r="D252" i="5" s="1"/>
  <c r="AN99" i="1"/>
  <c r="AV36" i="1"/>
  <c r="AN43" i="1"/>
  <c r="D49" i="5" s="1"/>
  <c r="AN302" i="1"/>
  <c r="D308" i="5" s="1"/>
  <c r="AM259" i="1"/>
  <c r="C265" i="5" s="1"/>
  <c r="AM120" i="1"/>
  <c r="C126" i="5" s="1"/>
  <c r="AM189" i="1"/>
  <c r="AM182" i="1"/>
  <c r="C188" i="5" s="1"/>
  <c r="AC50" i="2"/>
  <c r="I8233" i="2" s="1"/>
  <c r="I8207" i="5" s="1"/>
  <c r="AM134" i="1"/>
  <c r="C140" i="5" s="1"/>
  <c r="AM71" i="1"/>
  <c r="AQ351" i="1"/>
  <c r="G357" i="5" s="1"/>
  <c r="AQ245" i="1"/>
  <c r="G251" i="5" s="1"/>
  <c r="AN225" i="1"/>
  <c r="D231" i="5" s="1"/>
  <c r="AN309" i="1"/>
  <c r="D315" i="5" s="1"/>
  <c r="AN224" i="1"/>
  <c r="D230" i="5" s="1"/>
  <c r="AN217" i="1"/>
  <c r="D223" i="5" s="1"/>
  <c r="AN197" i="1"/>
  <c r="D203" i="5" s="1"/>
  <c r="AM85" i="1"/>
  <c r="AP224" i="1"/>
  <c r="F230" i="5" s="1"/>
  <c r="AP8" i="1"/>
  <c r="F14" i="5" s="1"/>
  <c r="AM112" i="1"/>
  <c r="AM211" i="1"/>
  <c r="C217" i="5" s="1"/>
  <c r="AM64" i="1"/>
  <c r="C70" i="5" s="1"/>
  <c r="AM281" i="1"/>
  <c r="AQ218" i="1"/>
  <c r="G224" i="5" s="1"/>
  <c r="AQ280" i="1"/>
  <c r="G286" i="5" s="1"/>
  <c r="AQ357" i="1"/>
  <c r="G363" i="5" s="1"/>
  <c r="AQ42" i="1"/>
  <c r="G48" i="5" s="1"/>
  <c r="AP22" i="1"/>
  <c r="F28" i="5" s="1"/>
  <c r="AP63" i="1"/>
  <c r="F69" i="5" s="1"/>
  <c r="AP106" i="1"/>
  <c r="F112" i="5" s="1"/>
  <c r="AP210" i="1"/>
  <c r="F216" i="5" s="1"/>
  <c r="AP330" i="1"/>
  <c r="F336" i="5" s="1"/>
  <c r="AN232" i="1"/>
  <c r="D238" i="5" s="1"/>
  <c r="AN148" i="1"/>
  <c r="D154" i="5" s="1"/>
  <c r="AN57" i="1"/>
  <c r="D63" i="5" s="1"/>
  <c r="AN98" i="1"/>
  <c r="D104" i="5" s="1"/>
  <c r="AM273" i="1"/>
  <c r="K8418" i="2" l="1"/>
  <c r="K8392" i="5" s="1"/>
  <c r="K4724" i="2"/>
  <c r="K4698" i="5" s="1"/>
  <c r="K3180" i="2"/>
  <c r="K3154" i="5" s="1"/>
  <c r="K4388" i="2"/>
  <c r="K4362" i="5" s="1"/>
  <c r="K4064" i="2"/>
  <c r="K4038" i="5" s="1"/>
  <c r="K848" i="2"/>
  <c r="K822" i="5" s="1"/>
  <c r="J5046" i="2"/>
  <c r="J5020" i="5" s="1"/>
  <c r="N5020" i="5" s="1"/>
  <c r="J4700" i="2"/>
  <c r="J4674" i="5" s="1"/>
  <c r="N4674" i="5" s="1"/>
  <c r="J3351" i="2"/>
  <c r="J3325" i="5" s="1"/>
  <c r="N3325" i="5" s="1"/>
  <c r="J4895" i="2"/>
  <c r="J4869" i="5" s="1"/>
  <c r="N4869" i="5" s="1"/>
  <c r="J5739" i="2"/>
  <c r="J5713" i="5" s="1"/>
  <c r="N5713" i="5" s="1"/>
  <c r="J7226" i="2"/>
  <c r="J7200" i="5" s="1"/>
  <c r="N7200" i="5" s="1"/>
  <c r="J7388" i="2"/>
  <c r="J7362" i="5" s="1"/>
  <c r="N7362" i="5" s="1"/>
  <c r="J1860" i="2"/>
  <c r="J1834" i="5" s="1"/>
  <c r="N1834" i="5" s="1"/>
  <c r="J2695" i="2"/>
  <c r="J2669" i="5" s="1"/>
  <c r="N2669" i="5" s="1"/>
  <c r="J2721" i="2"/>
  <c r="J2695" i="5" s="1"/>
  <c r="N2695" i="5" s="1"/>
  <c r="M4043" i="2"/>
  <c r="M4017" i="5" s="1"/>
  <c r="P4017" i="5" s="1"/>
  <c r="J358" i="2"/>
  <c r="J332" i="5" s="1"/>
  <c r="N332" i="5" s="1"/>
  <c r="J6370" i="2"/>
  <c r="J6344" i="5" s="1"/>
  <c r="N6344" i="5" s="1"/>
  <c r="J5890" i="2"/>
  <c r="J5864" i="5" s="1"/>
  <c r="N5864" i="5" s="1"/>
  <c r="J3871" i="2"/>
  <c r="J3845" i="5" s="1"/>
  <c r="N3845" i="5" s="1"/>
  <c r="K6074" i="2"/>
  <c r="K6048" i="5" s="1"/>
  <c r="K8228" i="2"/>
  <c r="K8202" i="5" s="1"/>
  <c r="M3371" i="2"/>
  <c r="M3345" i="5" s="1"/>
  <c r="P3345" i="5" s="1"/>
  <c r="J4394" i="2"/>
  <c r="J4368" i="5" s="1"/>
  <c r="N4368" i="5" s="1"/>
  <c r="K2381" i="2"/>
  <c r="K2355" i="5" s="1"/>
  <c r="M1348" i="2"/>
  <c r="M1322" i="5" s="1"/>
  <c r="P1322" i="5" s="1"/>
  <c r="K3687" i="2"/>
  <c r="K3661" i="5" s="1"/>
  <c r="M154" i="2"/>
  <c r="M128" i="5" s="1"/>
  <c r="P128" i="5" s="1"/>
  <c r="K2024" i="2"/>
  <c r="K1998" i="5" s="1"/>
  <c r="M8730" i="2"/>
  <c r="M8704" i="5" s="1"/>
  <c r="P8704" i="5" s="1"/>
  <c r="K4212" i="2"/>
  <c r="K4186" i="5" s="1"/>
  <c r="K2674" i="2"/>
  <c r="K2648" i="5" s="1"/>
  <c r="M6916" i="2"/>
  <c r="M6890" i="5" s="1"/>
  <c r="P6890" i="5" s="1"/>
  <c r="K181" i="2"/>
  <c r="K155" i="5" s="1"/>
  <c r="K7071" i="2"/>
  <c r="K7045" i="5" s="1"/>
  <c r="K536" i="2"/>
  <c r="K510" i="5" s="1"/>
  <c r="K4888" i="2"/>
  <c r="K4862" i="5" s="1"/>
  <c r="M2348" i="2"/>
  <c r="M2322" i="5" s="1"/>
  <c r="P2322" i="5" s="1"/>
  <c r="M5232" i="2"/>
  <c r="M5206" i="5" s="1"/>
  <c r="P5206" i="5" s="1"/>
  <c r="M7046" i="2"/>
  <c r="M7020" i="5" s="1"/>
  <c r="P7020" i="5" s="1"/>
  <c r="M3872" i="2"/>
  <c r="M3846" i="5" s="1"/>
  <c r="P3846" i="5" s="1"/>
  <c r="M6573" i="2"/>
  <c r="M6547" i="5" s="1"/>
  <c r="P6547" i="5" s="1"/>
  <c r="K7740" i="2"/>
  <c r="K7714" i="5" s="1"/>
  <c r="K1702" i="2"/>
  <c r="K1676" i="5" s="1"/>
  <c r="K6380" i="2"/>
  <c r="K6354" i="5" s="1"/>
  <c r="M8749" i="2"/>
  <c r="M8723" i="5" s="1"/>
  <c r="P8723" i="5" s="1"/>
  <c r="K861" i="2"/>
  <c r="K835" i="5" s="1"/>
  <c r="K836" i="2"/>
  <c r="K810" i="5" s="1"/>
  <c r="K5566" i="2"/>
  <c r="K5540" i="5" s="1"/>
  <c r="M6236" i="2"/>
  <c r="M6210" i="5" s="1"/>
  <c r="P6210" i="5" s="1"/>
  <c r="K7419" i="2"/>
  <c r="K7393" i="5" s="1"/>
  <c r="K2888" i="2"/>
  <c r="K2862" i="5" s="1"/>
  <c r="K4230" i="2"/>
  <c r="K4204" i="5" s="1"/>
  <c r="K5577" i="2"/>
  <c r="K5551" i="5" s="1"/>
  <c r="K3533" i="2"/>
  <c r="K3507" i="5" s="1"/>
  <c r="K4714" i="2"/>
  <c r="K4688" i="5" s="1"/>
  <c r="K4022" i="2"/>
  <c r="K3996" i="5" s="1"/>
  <c r="K2515" i="2"/>
  <c r="K2489" i="5" s="1"/>
  <c r="K5037" i="2"/>
  <c r="K5011" i="5" s="1"/>
  <c r="K336" i="2"/>
  <c r="K310" i="5" s="1"/>
  <c r="K2849" i="2"/>
  <c r="K2823" i="5" s="1"/>
  <c r="K690" i="2"/>
  <c r="K664" i="5" s="1"/>
  <c r="K1353" i="2"/>
  <c r="K1327" i="5" s="1"/>
  <c r="K2344" i="2"/>
  <c r="K2318" i="5" s="1"/>
  <c r="K7379" i="2"/>
  <c r="K7353" i="5" s="1"/>
  <c r="K3691" i="2"/>
  <c r="K3665" i="5" s="1"/>
  <c r="K7423" i="2"/>
  <c r="K7397" i="5" s="1"/>
  <c r="K7576" i="2"/>
  <c r="K7550" i="5" s="1"/>
  <c r="M2712" i="2"/>
  <c r="M2686" i="5" s="1"/>
  <c r="P2686" i="5" s="1"/>
  <c r="K6555" i="2"/>
  <c r="K6529" i="5" s="1"/>
  <c r="K3218" i="2"/>
  <c r="K3192" i="5" s="1"/>
  <c r="K7383" i="2"/>
  <c r="K7357" i="5" s="1"/>
  <c r="K8583" i="2"/>
  <c r="K8557" i="5" s="1"/>
  <c r="K7732" i="2"/>
  <c r="K7706" i="5" s="1"/>
  <c r="K8050" i="2"/>
  <c r="K8024" i="5" s="1"/>
  <c r="K7901" i="2"/>
  <c r="K7875" i="5" s="1"/>
  <c r="K3053" i="2"/>
  <c r="K3027" i="5" s="1"/>
  <c r="K5377" i="2"/>
  <c r="K5351" i="5" s="1"/>
  <c r="K4554" i="2"/>
  <c r="K4528" i="5" s="1"/>
  <c r="K5045" i="2"/>
  <c r="K5019" i="5" s="1"/>
  <c r="K4018" i="2"/>
  <c r="K3992" i="5" s="1"/>
  <c r="K6896" i="2"/>
  <c r="K6870" i="5" s="1"/>
  <c r="M167" i="2"/>
  <c r="M141" i="5" s="1"/>
  <c r="P141" i="5" s="1"/>
  <c r="K8257" i="2"/>
  <c r="K8231" i="5" s="1"/>
  <c r="K665" i="2"/>
  <c r="K639" i="5" s="1"/>
  <c r="M512" i="2"/>
  <c r="M486" i="5" s="1"/>
  <c r="P486" i="5" s="1"/>
  <c r="K4029" i="2"/>
  <c r="K4003" i="5" s="1"/>
  <c r="K871" i="2"/>
  <c r="K845" i="5" s="1"/>
  <c r="K6583" i="2"/>
  <c r="K6557" i="5" s="1"/>
  <c r="M3216" i="2"/>
  <c r="M3190" i="5" s="1"/>
  <c r="P3190" i="5" s="1"/>
  <c r="M8589" i="2"/>
  <c r="M8563" i="5" s="1"/>
  <c r="P8563" i="5" s="1"/>
  <c r="K6573" i="2"/>
  <c r="K6547" i="5" s="1"/>
  <c r="K8579" i="2"/>
  <c r="K8553" i="5" s="1"/>
  <c r="K5383" i="2"/>
  <c r="K5357" i="5" s="1"/>
  <c r="K4877" i="2"/>
  <c r="K4851" i="5" s="1"/>
  <c r="K6373" i="2"/>
  <c r="K6347" i="5" s="1"/>
  <c r="K1371" i="2"/>
  <c r="K1345" i="5" s="1"/>
  <c r="M2377" i="2"/>
  <c r="M2351" i="5" s="1"/>
  <c r="P2351" i="5" s="1"/>
  <c r="M6059" i="2"/>
  <c r="M6033" i="5" s="1"/>
  <c r="P6033" i="5" s="1"/>
  <c r="K8566" i="2"/>
  <c r="K8540" i="5" s="1"/>
  <c r="K5724" i="2"/>
  <c r="K5698" i="5" s="1"/>
  <c r="K4719" i="2"/>
  <c r="K4693" i="5" s="1"/>
  <c r="K3019" i="2"/>
  <c r="K2993" i="5" s="1"/>
  <c r="M2180" i="2"/>
  <c r="M2154" i="5" s="1"/>
  <c r="P2154" i="5" s="1"/>
  <c r="K8561" i="2"/>
  <c r="K8535" i="5" s="1"/>
  <c r="K2195" i="2"/>
  <c r="K2169" i="5" s="1"/>
  <c r="K1004" i="2"/>
  <c r="K978" i="5" s="1"/>
  <c r="K3391" i="2"/>
  <c r="K3365" i="5" s="1"/>
  <c r="M7746" i="2"/>
  <c r="M7720" i="5" s="1"/>
  <c r="P7720" i="5" s="1"/>
  <c r="K4202" i="2"/>
  <c r="K4176" i="5" s="1"/>
  <c r="K6050" i="2"/>
  <c r="K6024" i="5" s="1"/>
  <c r="K4531" i="2"/>
  <c r="K4505" i="5" s="1"/>
  <c r="K7903" i="2"/>
  <c r="K7877" i="5" s="1"/>
  <c r="M7043" i="2"/>
  <c r="M7017" i="5" s="1"/>
  <c r="P7017" i="5" s="1"/>
  <c r="M4532" i="2"/>
  <c r="M4506" i="5" s="1"/>
  <c r="P4506" i="5" s="1"/>
  <c r="K7050" i="2"/>
  <c r="K7024" i="5" s="1"/>
  <c r="K8395" i="2"/>
  <c r="K8369" i="5" s="1"/>
  <c r="K828" i="2"/>
  <c r="K802" i="5" s="1"/>
  <c r="K7883" i="2"/>
  <c r="K7857" i="5" s="1"/>
  <c r="M3017" i="2"/>
  <c r="M2991" i="5" s="1"/>
  <c r="P2991" i="5" s="1"/>
  <c r="M522" i="2"/>
  <c r="M496" i="5" s="1"/>
  <c r="P496" i="5" s="1"/>
  <c r="J5238" i="2"/>
  <c r="J5212" i="5" s="1"/>
  <c r="N5212" i="5" s="1"/>
  <c r="J8085" i="2"/>
  <c r="J8059" i="5" s="1"/>
  <c r="N8059" i="5" s="1"/>
  <c r="K7928" i="2"/>
  <c r="K7902" i="5" s="1"/>
  <c r="K7748" i="2"/>
  <c r="K7722" i="5" s="1"/>
  <c r="K7218" i="2"/>
  <c r="K7192" i="5" s="1"/>
  <c r="J1680" i="2"/>
  <c r="J1654" i="5" s="1"/>
  <c r="N1654" i="5" s="1"/>
  <c r="J4055" i="2"/>
  <c r="J4029" i="5" s="1"/>
  <c r="N4029" i="5" s="1"/>
  <c r="K4023" i="2"/>
  <c r="K3997" i="5" s="1"/>
  <c r="K2028" i="2"/>
  <c r="K2002" i="5" s="1"/>
  <c r="K1507" i="2"/>
  <c r="K1481" i="5" s="1"/>
  <c r="K6915" i="2"/>
  <c r="K6889" i="5" s="1"/>
  <c r="J7714" i="2"/>
  <c r="J7688" i="5" s="1"/>
  <c r="N7688" i="5" s="1"/>
  <c r="K2181" i="2"/>
  <c r="K2155" i="5" s="1"/>
  <c r="K4225" i="2"/>
  <c r="K4199" i="5" s="1"/>
  <c r="K200" i="2"/>
  <c r="K174" i="5" s="1"/>
  <c r="K2860" i="2"/>
  <c r="K2834" i="5" s="1"/>
  <c r="J856" i="2"/>
  <c r="J830" i="5" s="1"/>
  <c r="N830" i="5" s="1"/>
  <c r="J6036" i="2"/>
  <c r="J6010" i="5" s="1"/>
  <c r="N6010" i="5" s="1"/>
  <c r="K2378" i="2"/>
  <c r="K2352" i="5" s="1"/>
  <c r="K8761" i="2"/>
  <c r="K8735" i="5" s="1"/>
  <c r="K5047" i="2"/>
  <c r="K5021" i="5" s="1"/>
  <c r="K3355" i="2"/>
  <c r="K3329" i="5" s="1"/>
  <c r="K2843" i="2"/>
  <c r="K2817" i="5" s="1"/>
  <c r="J7898" i="2"/>
  <c r="J7872" i="5" s="1"/>
  <c r="N7872" i="5" s="1"/>
  <c r="K4206" i="2"/>
  <c r="K4180" i="5" s="1"/>
  <c r="K1513" i="2"/>
  <c r="K1487" i="5" s="1"/>
  <c r="K3349" i="2"/>
  <c r="K3323" i="5" s="1"/>
  <c r="K5873" i="2"/>
  <c r="K5847" i="5" s="1"/>
  <c r="K5735" i="2"/>
  <c r="K5709" i="5" s="1"/>
  <c r="K2211" i="2"/>
  <c r="K2185" i="5" s="1"/>
  <c r="J4552" i="2"/>
  <c r="J4526" i="5" s="1"/>
  <c r="N4526" i="5" s="1"/>
  <c r="K7086" i="2"/>
  <c r="K7060" i="5" s="1"/>
  <c r="K7926" i="2"/>
  <c r="K7900" i="5" s="1"/>
  <c r="K7551" i="2"/>
  <c r="K7525" i="5" s="1"/>
  <c r="K1529" i="2"/>
  <c r="K1503" i="5" s="1"/>
  <c r="K3874" i="2"/>
  <c r="K3848" i="5" s="1"/>
  <c r="K6392" i="2"/>
  <c r="K6366" i="5" s="1"/>
  <c r="J4732" i="2"/>
  <c r="J4706" i="5" s="1"/>
  <c r="N4706" i="5" s="1"/>
  <c r="K2871" i="2"/>
  <c r="K2845" i="5" s="1"/>
  <c r="K2191" i="2"/>
  <c r="K2165" i="5" s="1"/>
  <c r="K694" i="2"/>
  <c r="K668" i="5" s="1"/>
  <c r="K4552" i="2"/>
  <c r="K4526" i="5" s="1"/>
  <c r="K8755" i="2"/>
  <c r="K8729" i="5" s="1"/>
  <c r="J5202" i="2"/>
  <c r="J5176" i="5" s="1"/>
  <c r="N5176" i="5" s="1"/>
  <c r="K2704" i="2"/>
  <c r="K2678" i="5" s="1"/>
  <c r="K6081" i="2"/>
  <c r="K6055" i="5" s="1"/>
  <c r="K8227" i="2"/>
  <c r="K8201" i="5" s="1"/>
  <c r="K6411" i="2"/>
  <c r="K6385" i="5" s="1"/>
  <c r="K8585" i="2"/>
  <c r="K8559" i="5" s="1"/>
  <c r="K6223" i="2"/>
  <c r="K6197" i="5" s="1"/>
  <c r="K7088" i="2"/>
  <c r="K7062" i="5" s="1"/>
  <c r="J2869" i="2"/>
  <c r="J2843" i="5" s="1"/>
  <c r="N2843" i="5" s="1"/>
  <c r="J4546" i="2"/>
  <c r="J4520" i="5" s="1"/>
  <c r="N4520" i="5" s="1"/>
  <c r="J4026" i="2"/>
  <c r="J4000" i="5" s="1"/>
  <c r="N4000" i="5" s="1"/>
  <c r="K3347" i="2"/>
  <c r="K3321" i="5" s="1"/>
  <c r="K3552" i="2"/>
  <c r="K3526" i="5" s="1"/>
  <c r="K5370" i="2"/>
  <c r="K5344" i="5" s="1"/>
  <c r="K1841" i="2"/>
  <c r="K1815" i="5" s="1"/>
  <c r="K8573" i="2"/>
  <c r="K8547" i="5" s="1"/>
  <c r="K4398" i="2"/>
  <c r="K4372" i="5" s="1"/>
  <c r="K6721" i="2"/>
  <c r="K6695" i="5" s="1"/>
  <c r="J3036" i="2"/>
  <c r="J3010" i="5" s="1"/>
  <c r="N3010" i="5" s="1"/>
  <c r="J2850" i="2"/>
  <c r="J2824" i="5" s="1"/>
  <c r="N2824" i="5" s="1"/>
  <c r="K7393" i="2"/>
  <c r="K7367" i="5" s="1"/>
  <c r="K5228" i="2"/>
  <c r="K5202" i="5" s="1"/>
  <c r="K8753" i="2"/>
  <c r="K8727" i="5" s="1"/>
  <c r="K6218" i="2"/>
  <c r="K6192" i="5" s="1"/>
  <c r="K4054" i="2"/>
  <c r="K4028" i="5" s="1"/>
  <c r="K688" i="2"/>
  <c r="K662" i="5" s="1"/>
  <c r="K8568" i="2"/>
  <c r="K8542" i="5" s="1"/>
  <c r="J3037" i="2"/>
  <c r="J3011" i="5" s="1"/>
  <c r="N3011" i="5" s="1"/>
  <c r="K2542" i="2"/>
  <c r="K2516" i="5" s="1"/>
  <c r="K1854" i="2"/>
  <c r="K1828" i="5" s="1"/>
  <c r="K6206" i="2"/>
  <c r="K6180" i="5" s="1"/>
  <c r="K2716" i="2"/>
  <c r="K2690" i="5" s="1"/>
  <c r="K3190" i="2"/>
  <c r="K3164" i="5" s="1"/>
  <c r="K2529" i="2"/>
  <c r="K2503" i="5" s="1"/>
  <c r="K7226" i="2"/>
  <c r="K7200" i="5" s="1"/>
  <c r="M7074" i="2"/>
  <c r="M7048" i="5" s="1"/>
  <c r="P7048" i="5" s="1"/>
  <c r="I5394" i="2"/>
  <c r="I5368" i="5" s="1"/>
  <c r="I8242" i="2"/>
  <c r="I8216" i="5" s="1"/>
  <c r="I1368" i="2"/>
  <c r="I1342" i="5" s="1"/>
  <c r="M2885" i="2"/>
  <c r="M2859" i="5" s="1"/>
  <c r="P2859" i="5" s="1"/>
  <c r="I1025" i="2"/>
  <c r="I999" i="5" s="1"/>
  <c r="I3377" i="2"/>
  <c r="I3351" i="5" s="1"/>
  <c r="M1035" i="2"/>
  <c r="M1009" i="5" s="1"/>
  <c r="P1009" i="5" s="1"/>
  <c r="I4542" i="2"/>
  <c r="I4516" i="5" s="1"/>
  <c r="M5908" i="2"/>
  <c r="M5882" i="5" s="1"/>
  <c r="P5882" i="5" s="1"/>
  <c r="I4872" i="2"/>
  <c r="I4846" i="5" s="1"/>
  <c r="M3370" i="2"/>
  <c r="M3344" i="5" s="1"/>
  <c r="P3344" i="5" s="1"/>
  <c r="M3547" i="2"/>
  <c r="M3521" i="5" s="1"/>
  <c r="P3521" i="5" s="1"/>
  <c r="M2852" i="2"/>
  <c r="M2826" i="5" s="1"/>
  <c r="P2826" i="5" s="1"/>
  <c r="M4724" i="2"/>
  <c r="M4698" i="5" s="1"/>
  <c r="P4698" i="5" s="1"/>
  <c r="I2715" i="2"/>
  <c r="I2689" i="5" s="1"/>
  <c r="K4219" i="2"/>
  <c r="K4193" i="5" s="1"/>
  <c r="K1370" i="2"/>
  <c r="K1344" i="5" s="1"/>
  <c r="K8599" i="2"/>
  <c r="K8573" i="5" s="1"/>
  <c r="K5899" i="2"/>
  <c r="K5873" i="5" s="1"/>
  <c r="K5196" i="2"/>
  <c r="K5170" i="5" s="1"/>
  <c r="K5544" i="2"/>
  <c r="K5518" i="5" s="1"/>
  <c r="K5738" i="2"/>
  <c r="K5712" i="5" s="1"/>
  <c r="K5395" i="2"/>
  <c r="K5369" i="5" s="1"/>
  <c r="I4393" i="2"/>
  <c r="I4367" i="5" s="1"/>
  <c r="I3552" i="2"/>
  <c r="I3526" i="5" s="1"/>
  <c r="K535" i="2"/>
  <c r="K509" i="5" s="1"/>
  <c r="K8072" i="2"/>
  <c r="K8046" i="5" s="1"/>
  <c r="K503" i="2"/>
  <c r="K477" i="5" s="1"/>
  <c r="K4041" i="2"/>
  <c r="K4015" i="5" s="1"/>
  <c r="K7416" i="2"/>
  <c r="K7390" i="5" s="1"/>
  <c r="K8403" i="2"/>
  <c r="K8377" i="5" s="1"/>
  <c r="K529" i="2"/>
  <c r="K503" i="5" s="1"/>
  <c r="K1534" i="2"/>
  <c r="K1508" i="5" s="1"/>
  <c r="AR295" i="1"/>
  <c r="I3348" i="2"/>
  <c r="I3322" i="5" s="1"/>
  <c r="M6067" i="2"/>
  <c r="M6041" i="5" s="1"/>
  <c r="P6041" i="5" s="1"/>
  <c r="M2858" i="2"/>
  <c r="M2832" i="5" s="1"/>
  <c r="P2832" i="5" s="1"/>
  <c r="M1506" i="2"/>
  <c r="M1480" i="5" s="1"/>
  <c r="P1480" i="5" s="1"/>
  <c r="J2527" i="2"/>
  <c r="J2501" i="5" s="1"/>
  <c r="N2501" i="5" s="1"/>
  <c r="J4711" i="2"/>
  <c r="J4685" i="5" s="1"/>
  <c r="N4685" i="5" s="1"/>
  <c r="K8394" i="2"/>
  <c r="K8368" i="5" s="1"/>
  <c r="K3719" i="2"/>
  <c r="K3693" i="5" s="1"/>
  <c r="K502" i="2"/>
  <c r="K476" i="5" s="1"/>
  <c r="K7421" i="2"/>
  <c r="K7395" i="5" s="1"/>
  <c r="K3871" i="2"/>
  <c r="K3845" i="5" s="1"/>
  <c r="K8396" i="2"/>
  <c r="K8370" i="5" s="1"/>
  <c r="I7056" i="2"/>
  <c r="I7030" i="5" s="1"/>
  <c r="I4365" i="2"/>
  <c r="I4339" i="5" s="1"/>
  <c r="I4898" i="2"/>
  <c r="I4872" i="5" s="1"/>
  <c r="I7387" i="2"/>
  <c r="I7361" i="5" s="1"/>
  <c r="I1536" i="2"/>
  <c r="I1510" i="5" s="1"/>
  <c r="M1864" i="2"/>
  <c r="M1838" i="5" s="1"/>
  <c r="P1838" i="5" s="1"/>
  <c r="I7418" i="2"/>
  <c r="I7392" i="5" s="1"/>
  <c r="M4569" i="2"/>
  <c r="M4543" i="5" s="1"/>
  <c r="P4543" i="5" s="1"/>
  <c r="M6718" i="2"/>
  <c r="M6692" i="5" s="1"/>
  <c r="P6692" i="5" s="1"/>
  <c r="M7210" i="2"/>
  <c r="M7184" i="5" s="1"/>
  <c r="P7184" i="5" s="1"/>
  <c r="AR21" i="1"/>
  <c r="I5909" i="2"/>
  <c r="I5883" i="5" s="1"/>
  <c r="I2713" i="2"/>
  <c r="I2687" i="5" s="1"/>
  <c r="M7722" i="2"/>
  <c r="M7696" i="5" s="1"/>
  <c r="P7696" i="5" s="1"/>
  <c r="M3708" i="2"/>
  <c r="M3682" i="5" s="1"/>
  <c r="P3682" i="5" s="1"/>
  <c r="I3368" i="2"/>
  <c r="I3342" i="5" s="1"/>
  <c r="J6390" i="2"/>
  <c r="J6364" i="5" s="1"/>
  <c r="N6364" i="5" s="1"/>
  <c r="J3054" i="2"/>
  <c r="J3028" i="5" s="1"/>
  <c r="N3028" i="5" s="1"/>
  <c r="I4557" i="2"/>
  <c r="I4531" i="5" s="1"/>
  <c r="M5027" i="2"/>
  <c r="M5001" i="5" s="1"/>
  <c r="P5001" i="5" s="1"/>
  <c r="M8736" i="2"/>
  <c r="M8710" i="5" s="1"/>
  <c r="P8710" i="5" s="1"/>
  <c r="I8585" i="2"/>
  <c r="I8559" i="5" s="1"/>
  <c r="J2174" i="2"/>
  <c r="J2148" i="5" s="1"/>
  <c r="N2148" i="5" s="1"/>
  <c r="J2216" i="2"/>
  <c r="J2190" i="5" s="1"/>
  <c r="N2190" i="5" s="1"/>
  <c r="K2706" i="2"/>
  <c r="K2680" i="5" s="1"/>
  <c r="K2003" i="2"/>
  <c r="K1977" i="5" s="1"/>
  <c r="K4540" i="2"/>
  <c r="K4514" i="5" s="1"/>
  <c r="K1352" i="2"/>
  <c r="K1326" i="5" s="1"/>
  <c r="K7728" i="2"/>
  <c r="K7702" i="5" s="1"/>
  <c r="K1028" i="2"/>
  <c r="K1002" i="5" s="1"/>
  <c r="K8413" i="2"/>
  <c r="K8387" i="5" s="1"/>
  <c r="K7909" i="2"/>
  <c r="K7883" i="5" s="1"/>
  <c r="K1543" i="2"/>
  <c r="K1517" i="5" s="1"/>
  <c r="I995" i="2"/>
  <c r="I969" i="5" s="1"/>
  <c r="I3054" i="2"/>
  <c r="I3028" i="5" s="1"/>
  <c r="I5375" i="2"/>
  <c r="I5349" i="5" s="1"/>
  <c r="I6734" i="2"/>
  <c r="I6708" i="5" s="1"/>
  <c r="I8581" i="2"/>
  <c r="I8555" i="5" s="1"/>
  <c r="M6547" i="2"/>
  <c r="M6521" i="5" s="1"/>
  <c r="P6521" i="5" s="1"/>
  <c r="M8723" i="2"/>
  <c r="M8697" i="5" s="1"/>
  <c r="P8697" i="5" s="1"/>
  <c r="M1527" i="2"/>
  <c r="M1501" i="5" s="1"/>
  <c r="P1501" i="5" s="1"/>
  <c r="I7050" i="2"/>
  <c r="I7024" i="5" s="1"/>
  <c r="M4554" i="2"/>
  <c r="M4528" i="5" s="1"/>
  <c r="P4528" i="5" s="1"/>
  <c r="M163" i="2"/>
  <c r="M137" i="5" s="1"/>
  <c r="P137" i="5" s="1"/>
  <c r="M5720" i="2"/>
  <c r="M5694" i="5" s="1"/>
  <c r="P5694" i="5" s="1"/>
  <c r="J4722" i="2"/>
  <c r="J4696" i="5" s="1"/>
  <c r="N4696" i="5" s="1"/>
  <c r="J5724" i="2"/>
  <c r="J5698" i="5" s="1"/>
  <c r="N5698" i="5" s="1"/>
  <c r="K2216" i="2"/>
  <c r="K2190" i="5" s="1"/>
  <c r="K7228" i="2"/>
  <c r="K7202" i="5" s="1"/>
  <c r="K6390" i="2"/>
  <c r="K6364" i="5" s="1"/>
  <c r="K6907" i="2"/>
  <c r="K6881" i="5" s="1"/>
  <c r="K1862" i="2"/>
  <c r="K1836" i="5" s="1"/>
  <c r="K6042" i="2"/>
  <c r="K6016" i="5" s="1"/>
  <c r="K2349" i="2"/>
  <c r="K2323" i="5" s="1"/>
  <c r="K6874" i="2"/>
  <c r="K6848" i="5" s="1"/>
  <c r="K5731" i="2"/>
  <c r="K5705" i="5" s="1"/>
  <c r="K1349" i="2"/>
  <c r="K1323" i="5" s="1"/>
  <c r="M1875" i="2"/>
  <c r="M1849" i="5" s="1"/>
  <c r="P1849" i="5" s="1"/>
  <c r="M5389" i="2"/>
  <c r="M5363" i="5" s="1"/>
  <c r="P5363" i="5" s="1"/>
  <c r="M3222" i="2"/>
  <c r="M3196" i="5" s="1"/>
  <c r="P3196" i="5" s="1"/>
  <c r="M1868" i="2"/>
  <c r="M1842" i="5" s="1"/>
  <c r="P1842" i="5" s="1"/>
  <c r="M4894" i="2"/>
  <c r="M4868" i="5" s="1"/>
  <c r="P4868" i="5" s="1"/>
  <c r="M5221" i="2"/>
  <c r="M5195" i="5" s="1"/>
  <c r="P5195" i="5" s="1"/>
  <c r="M3692" i="2"/>
  <c r="M3666" i="5" s="1"/>
  <c r="P3666" i="5" s="1"/>
  <c r="M184" i="2"/>
  <c r="M158" i="5" s="1"/>
  <c r="P158" i="5" s="1"/>
  <c r="M2191" i="2"/>
  <c r="M2165" i="5" s="1"/>
  <c r="P2165" i="5" s="1"/>
  <c r="M1041" i="2"/>
  <c r="M1015" i="5" s="1"/>
  <c r="P1015" i="5" s="1"/>
  <c r="I1188" i="2"/>
  <c r="I1162" i="5" s="1"/>
  <c r="M8085" i="2"/>
  <c r="M8059" i="5" s="1"/>
  <c r="P8059" i="5" s="1"/>
  <c r="M7911" i="2"/>
  <c r="M7885" i="5" s="1"/>
  <c r="P7885" i="5" s="1"/>
  <c r="M7913" i="2"/>
  <c r="M7887" i="5" s="1"/>
  <c r="P7887" i="5" s="1"/>
  <c r="M663" i="2"/>
  <c r="M637" i="5" s="1"/>
  <c r="P637" i="5" s="1"/>
  <c r="M526" i="2"/>
  <c r="M500" i="5" s="1"/>
  <c r="P500" i="5" s="1"/>
  <c r="M6739" i="2"/>
  <c r="M6713" i="5" s="1"/>
  <c r="P6713" i="5" s="1"/>
  <c r="M8557" i="2"/>
  <c r="M8531" i="5" s="1"/>
  <c r="P8531" i="5" s="1"/>
  <c r="M2533" i="2"/>
  <c r="M2507" i="5" s="1"/>
  <c r="P2507" i="5" s="1"/>
  <c r="M7562" i="2"/>
  <c r="M7536" i="5" s="1"/>
  <c r="P7536" i="5" s="1"/>
  <c r="M3219" i="2"/>
  <c r="M3193" i="5" s="1"/>
  <c r="P3193" i="5" s="1"/>
  <c r="M4709" i="2"/>
  <c r="M4683" i="5" s="1"/>
  <c r="P4683" i="5" s="1"/>
  <c r="M4547" i="2"/>
  <c r="M4521" i="5" s="1"/>
  <c r="P4521" i="5" s="1"/>
  <c r="M7757" i="2"/>
  <c r="M7731" i="5" s="1"/>
  <c r="P7731" i="5" s="1"/>
  <c r="M4372" i="2"/>
  <c r="M4346" i="5" s="1"/>
  <c r="P4346" i="5" s="1"/>
  <c r="M5047" i="2"/>
  <c r="M5021" i="5" s="1"/>
  <c r="P5021" i="5" s="1"/>
  <c r="I1351" i="2"/>
  <c r="I1325" i="5" s="1"/>
  <c r="M7414" i="2"/>
  <c r="M7388" i="5" s="1"/>
  <c r="P7388" i="5" s="1"/>
  <c r="M6071" i="2"/>
  <c r="M6045" i="5" s="1"/>
  <c r="P6045" i="5" s="1"/>
  <c r="M3011" i="2"/>
  <c r="M2985" i="5" s="1"/>
  <c r="P2985" i="5" s="1"/>
  <c r="M2033" i="2"/>
  <c r="M2007" i="5" s="1"/>
  <c r="P2007" i="5" s="1"/>
  <c r="M2035" i="2"/>
  <c r="M2009" i="5" s="1"/>
  <c r="P2009" i="5" s="1"/>
  <c r="M8063" i="2"/>
  <c r="M8037" i="5" s="1"/>
  <c r="P8037" i="5" s="1"/>
  <c r="M8580" i="2"/>
  <c r="M8554" i="5" s="1"/>
  <c r="P8554" i="5" s="1"/>
  <c r="M6753" i="2"/>
  <c r="M6727" i="5" s="1"/>
  <c r="P6727" i="5" s="1"/>
  <c r="J7255" i="2"/>
  <c r="J7229" i="5" s="1"/>
  <c r="N7229" i="5" s="1"/>
  <c r="J6236" i="2"/>
  <c r="J6210" i="5" s="1"/>
  <c r="N6210" i="5" s="1"/>
  <c r="J7248" i="2"/>
  <c r="J7222" i="5" s="1"/>
  <c r="N7222" i="5" s="1"/>
  <c r="K6709" i="2"/>
  <c r="K6683" i="5" s="1"/>
  <c r="K7254" i="2"/>
  <c r="K7228" i="5" s="1"/>
  <c r="K3209" i="2"/>
  <c r="K3183" i="5" s="1"/>
  <c r="K7400" i="2"/>
  <c r="K7374" i="5" s="1"/>
  <c r="K6904" i="2"/>
  <c r="K6878" i="5" s="1"/>
  <c r="K7049" i="2"/>
  <c r="K7023" i="5" s="1"/>
  <c r="K2688" i="2"/>
  <c r="K2662" i="5" s="1"/>
  <c r="K2193" i="2"/>
  <c r="K2167" i="5" s="1"/>
  <c r="K1852" i="2"/>
  <c r="K1826" i="5" s="1"/>
  <c r="K6736" i="2"/>
  <c r="K6710" i="5" s="1"/>
  <c r="M659" i="2"/>
  <c r="M633" i="5" s="1"/>
  <c r="P633" i="5" s="1"/>
  <c r="M1862" i="2"/>
  <c r="M1836" i="5" s="1"/>
  <c r="P1836" i="5" s="1"/>
  <c r="M157" i="2"/>
  <c r="M131" i="5" s="1"/>
  <c r="P131" i="5" s="1"/>
  <c r="M1543" i="2"/>
  <c r="M1517" i="5" s="1"/>
  <c r="P1517" i="5" s="1"/>
  <c r="M327" i="2"/>
  <c r="M301" i="5" s="1"/>
  <c r="P301" i="5" s="1"/>
  <c r="M8238" i="2"/>
  <c r="M8212" i="5" s="1"/>
  <c r="P8212" i="5" s="1"/>
  <c r="M2856" i="2"/>
  <c r="M2830" i="5" s="1"/>
  <c r="P2830" i="5" s="1"/>
  <c r="M2528" i="2"/>
  <c r="M2502" i="5" s="1"/>
  <c r="P2502" i="5" s="1"/>
  <c r="M8586" i="2"/>
  <c r="M8560" i="5" s="1"/>
  <c r="P8560" i="5" s="1"/>
  <c r="M3719" i="2"/>
  <c r="M3693" i="5" s="1"/>
  <c r="P3693" i="5" s="1"/>
  <c r="M2003" i="2"/>
  <c r="M1977" i="5" s="1"/>
  <c r="P1977" i="5" s="1"/>
  <c r="M8740" i="2"/>
  <c r="M8714" i="5" s="1"/>
  <c r="P8714" i="5" s="1"/>
  <c r="M5032" i="2"/>
  <c r="M5006" i="5" s="1"/>
  <c r="P5006" i="5" s="1"/>
  <c r="M1874" i="2"/>
  <c r="M1848" i="5" s="1"/>
  <c r="P1848" i="5" s="1"/>
  <c r="M6717" i="2"/>
  <c r="M6691" i="5" s="1"/>
  <c r="P6691" i="5" s="1"/>
  <c r="M4568" i="2"/>
  <c r="M4542" i="5" s="1"/>
  <c r="P4542" i="5" s="1"/>
  <c r="I683" i="2"/>
  <c r="I657" i="5" s="1"/>
  <c r="I3548" i="2"/>
  <c r="I3522" i="5" s="1"/>
  <c r="M6728" i="2"/>
  <c r="M6702" i="5" s="1"/>
  <c r="P6702" i="5" s="1"/>
  <c r="M7085" i="2"/>
  <c r="M7059" i="5" s="1"/>
  <c r="P7059" i="5" s="1"/>
  <c r="M3049" i="2"/>
  <c r="M3023" i="5" s="1"/>
  <c r="P3023" i="5" s="1"/>
  <c r="M2869" i="2"/>
  <c r="M2843" i="5" s="1"/>
  <c r="P2843" i="5" s="1"/>
  <c r="M4024" i="2"/>
  <c r="M3998" i="5" s="1"/>
  <c r="P3998" i="5" s="1"/>
  <c r="M6915" i="2"/>
  <c r="M6889" i="5" s="1"/>
  <c r="P6889" i="5" s="1"/>
  <c r="M2693" i="2"/>
  <c r="M2667" i="5" s="1"/>
  <c r="P2667" i="5" s="1"/>
  <c r="I5038" i="2"/>
  <c r="I5012" i="5" s="1"/>
  <c r="K8387" i="2"/>
  <c r="K8361" i="5" s="1"/>
  <c r="K3384" i="2"/>
  <c r="K3358" i="5" s="1"/>
  <c r="K2210" i="2"/>
  <c r="K2184" i="5" s="1"/>
  <c r="K996" i="2"/>
  <c r="K970" i="5" s="1"/>
  <c r="K4393" i="2"/>
  <c r="K4367" i="5" s="1"/>
  <c r="M4893" i="2"/>
  <c r="M4867" i="5" s="1"/>
  <c r="P4867" i="5" s="1"/>
  <c r="M832" i="2"/>
  <c r="M806" i="5" s="1"/>
  <c r="P806" i="5" s="1"/>
  <c r="M3517" i="2"/>
  <c r="M3491" i="5" s="1"/>
  <c r="P3491" i="5" s="1"/>
  <c r="M2378" i="2"/>
  <c r="M2352" i="5" s="1"/>
  <c r="P2352" i="5" s="1"/>
  <c r="M5376" i="2"/>
  <c r="M5350" i="5" s="1"/>
  <c r="P5350" i="5" s="1"/>
  <c r="M1835" i="2"/>
  <c r="M1809" i="5" s="1"/>
  <c r="P1809" i="5" s="1"/>
  <c r="M6569" i="2"/>
  <c r="M6543" i="5" s="1"/>
  <c r="P6543" i="5" s="1"/>
  <c r="M1033" i="2"/>
  <c r="M1007" i="5" s="1"/>
  <c r="P1007" i="5" s="1"/>
  <c r="M2364" i="2"/>
  <c r="M2338" i="5" s="1"/>
  <c r="P2338" i="5" s="1"/>
  <c r="M1837" i="2"/>
  <c r="M1811" i="5" s="1"/>
  <c r="P1811" i="5" s="1"/>
  <c r="M339" i="2"/>
  <c r="M313" i="5" s="1"/>
  <c r="P313" i="5" s="1"/>
  <c r="M2049" i="2"/>
  <c r="M2023" i="5" s="1"/>
  <c r="P2023" i="5" s="1"/>
  <c r="M6209" i="2"/>
  <c r="M6183" i="5" s="1"/>
  <c r="P6183" i="5" s="1"/>
  <c r="M1169" i="2"/>
  <c r="M1143" i="5" s="1"/>
  <c r="P1143" i="5" s="1"/>
  <c r="M8400" i="2"/>
  <c r="M8374" i="5" s="1"/>
  <c r="P8374" i="5" s="1"/>
  <c r="M1671" i="2"/>
  <c r="M1645" i="5" s="1"/>
  <c r="P1645" i="5" s="1"/>
  <c r="M2718" i="2"/>
  <c r="M2692" i="5" s="1"/>
  <c r="P2692" i="5" s="1"/>
  <c r="M1365" i="2"/>
  <c r="M1339" i="5" s="1"/>
  <c r="P1339" i="5" s="1"/>
  <c r="M165" i="2"/>
  <c r="M139" i="5" s="1"/>
  <c r="P139" i="5" s="1"/>
  <c r="M7884" i="2"/>
  <c r="M7858" i="5" s="1"/>
  <c r="P7858" i="5" s="1"/>
  <c r="M3387" i="2"/>
  <c r="M3361" i="5" s="1"/>
  <c r="P3361" i="5" s="1"/>
  <c r="M1529" i="2"/>
  <c r="M1503" i="5" s="1"/>
  <c r="P1503" i="5" s="1"/>
  <c r="M8220" i="2"/>
  <c r="M8194" i="5" s="1"/>
  <c r="P8194" i="5" s="1"/>
  <c r="M7593" i="2"/>
  <c r="M7567" i="5" s="1"/>
  <c r="P7567" i="5" s="1"/>
  <c r="M3014" i="2"/>
  <c r="M2988" i="5" s="1"/>
  <c r="P2988" i="5" s="1"/>
  <c r="M6041" i="2"/>
  <c r="M6015" i="5" s="1"/>
  <c r="P6015" i="5" s="1"/>
  <c r="M2338" i="2"/>
  <c r="M2312" i="5" s="1"/>
  <c r="P2312" i="5" s="1"/>
  <c r="M4541" i="2"/>
  <c r="M4515" i="5" s="1"/>
  <c r="P4515" i="5" s="1"/>
  <c r="M6748" i="2"/>
  <c r="M6722" i="5" s="1"/>
  <c r="P6722" i="5" s="1"/>
  <c r="M2510" i="2"/>
  <c r="M2484" i="5" s="1"/>
  <c r="P2484" i="5" s="1"/>
  <c r="I6549" i="2"/>
  <c r="I6523" i="5" s="1"/>
  <c r="I2044" i="2"/>
  <c r="I2018" i="5" s="1"/>
  <c r="M5238" i="2"/>
  <c r="M5212" i="5" s="1"/>
  <c r="P5212" i="5" s="1"/>
  <c r="M6566" i="2"/>
  <c r="M6540" i="5" s="1"/>
  <c r="P6540" i="5" s="1"/>
  <c r="M5400" i="2"/>
  <c r="M5374" i="5" s="1"/>
  <c r="P5374" i="5" s="1"/>
  <c r="M2848" i="2"/>
  <c r="M2822" i="5" s="1"/>
  <c r="P2822" i="5" s="1"/>
  <c r="M677" i="2"/>
  <c r="M651" i="5" s="1"/>
  <c r="P651" i="5" s="1"/>
  <c r="M3720" i="2"/>
  <c r="M3694" i="5" s="1"/>
  <c r="P3694" i="5" s="1"/>
  <c r="M3717" i="2"/>
  <c r="M3691" i="5" s="1"/>
  <c r="P3691" i="5" s="1"/>
  <c r="I2041" i="2"/>
  <c r="I2015" i="5" s="1"/>
  <c r="I864" i="2"/>
  <c r="I838" i="5" s="1"/>
  <c r="M5886" i="2"/>
  <c r="M5860" i="5" s="1"/>
  <c r="P5860" i="5" s="1"/>
  <c r="M2855" i="2"/>
  <c r="M2829" i="5" s="1"/>
  <c r="P2829" i="5" s="1"/>
  <c r="M2870" i="2"/>
  <c r="M2844" i="5" s="1"/>
  <c r="P2844" i="5" s="1"/>
  <c r="M5213" i="2"/>
  <c r="M5187" i="5" s="1"/>
  <c r="P5187" i="5" s="1"/>
  <c r="M8219" i="2"/>
  <c r="M8193" i="5" s="1"/>
  <c r="P8193" i="5" s="1"/>
  <c r="M7061" i="2"/>
  <c r="M7035" i="5" s="1"/>
  <c r="P7035" i="5" s="1"/>
  <c r="M4048" i="2"/>
  <c r="M4022" i="5" s="1"/>
  <c r="P4022" i="5" s="1"/>
  <c r="M6035" i="2"/>
  <c r="M6009" i="5" s="1"/>
  <c r="P6009" i="5" s="1"/>
  <c r="I3041" i="2"/>
  <c r="I3015" i="5" s="1"/>
  <c r="J4892" i="2"/>
  <c r="J4866" i="5" s="1"/>
  <c r="N4866" i="5" s="1"/>
  <c r="J4038" i="2"/>
  <c r="J4012" i="5" s="1"/>
  <c r="N4012" i="5" s="1"/>
  <c r="K681" i="2"/>
  <c r="K655" i="5" s="1"/>
  <c r="K6409" i="2"/>
  <c r="K6383" i="5" s="1"/>
  <c r="K6717" i="2"/>
  <c r="K6691" i="5" s="1"/>
  <c r="K6058" i="2"/>
  <c r="K6032" i="5" s="1"/>
  <c r="K8236" i="2"/>
  <c r="K8210" i="5" s="1"/>
  <c r="K1027" i="2"/>
  <c r="K1001" i="5" s="1"/>
  <c r="K5071" i="2"/>
  <c r="K5045" i="5" s="1"/>
  <c r="K8749" i="2"/>
  <c r="K8723" i="5" s="1"/>
  <c r="K8057" i="2"/>
  <c r="K8031" i="5" s="1"/>
  <c r="K2522" i="2"/>
  <c r="K2496" i="5" s="1"/>
  <c r="K1503" i="2"/>
  <c r="K1477" i="5" s="1"/>
  <c r="M3859" i="2"/>
  <c r="M3833" i="5" s="1"/>
  <c r="P3833" i="5" s="1"/>
  <c r="M1533" i="2"/>
  <c r="M1507" i="5" s="1"/>
  <c r="P1507" i="5" s="1"/>
  <c r="M4190" i="2"/>
  <c r="M4164" i="5" s="1"/>
  <c r="P4164" i="5" s="1"/>
  <c r="M5552" i="2"/>
  <c r="M5526" i="5" s="1"/>
  <c r="P5526" i="5" s="1"/>
  <c r="M4028" i="2"/>
  <c r="M4002" i="5" s="1"/>
  <c r="P4002" i="5" s="1"/>
  <c r="M859" i="2"/>
  <c r="M833" i="5" s="1"/>
  <c r="P833" i="5" s="1"/>
  <c r="M7057" i="2"/>
  <c r="M7031" i="5" s="1"/>
  <c r="P7031" i="5" s="1"/>
  <c r="M1200" i="2"/>
  <c r="M1174" i="5" s="1"/>
  <c r="P1174" i="5" s="1"/>
  <c r="M7732" i="2"/>
  <c r="M7706" i="5" s="1"/>
  <c r="P7706" i="5" s="1"/>
  <c r="M5889" i="2"/>
  <c r="M5863" i="5" s="1"/>
  <c r="P5863" i="5" s="1"/>
  <c r="M2553" i="2"/>
  <c r="M2527" i="5" s="1"/>
  <c r="P2527" i="5" s="1"/>
  <c r="M7249" i="2"/>
  <c r="M7223" i="5" s="1"/>
  <c r="P7223" i="5" s="1"/>
  <c r="M5052" i="2"/>
  <c r="M5026" i="5" s="1"/>
  <c r="P5026" i="5" s="1"/>
  <c r="M7761" i="2"/>
  <c r="M7735" i="5" s="1"/>
  <c r="P7735" i="5" s="1"/>
  <c r="M855" i="2"/>
  <c r="M829" i="5" s="1"/>
  <c r="P829" i="5" s="1"/>
  <c r="M6560" i="2"/>
  <c r="M6534" i="5" s="1"/>
  <c r="P6534" i="5" s="1"/>
  <c r="M1532" i="2"/>
  <c r="M1506" i="5" s="1"/>
  <c r="P1506" i="5" s="1"/>
  <c r="M8089" i="2"/>
  <c r="M8063" i="5" s="1"/>
  <c r="P8063" i="5" s="1"/>
  <c r="M3550" i="2"/>
  <c r="M3524" i="5" s="1"/>
  <c r="P3524" i="5" s="1"/>
  <c r="M3725" i="2"/>
  <c r="M3699" i="5" s="1"/>
  <c r="P3699" i="5" s="1"/>
  <c r="M2341" i="2"/>
  <c r="M2315" i="5" s="1"/>
  <c r="P2315" i="5" s="1"/>
  <c r="M7395" i="2"/>
  <c r="M7369" i="5" s="1"/>
  <c r="P7369" i="5" s="1"/>
  <c r="M2173" i="2"/>
  <c r="M2147" i="5" s="1"/>
  <c r="P2147" i="5" s="1"/>
  <c r="M1208" i="2"/>
  <c r="M1182" i="5" s="1"/>
  <c r="P1182" i="5" s="1"/>
  <c r="M5041" i="2"/>
  <c r="M5015" i="5" s="1"/>
  <c r="P5015" i="5" s="1"/>
  <c r="M7240" i="2"/>
  <c r="M7214" i="5" s="1"/>
  <c r="P7214" i="5" s="1"/>
  <c r="M7073" i="2"/>
  <c r="M7047" i="5" s="1"/>
  <c r="P7047" i="5" s="1"/>
  <c r="M2544" i="2"/>
  <c r="M2518" i="5" s="1"/>
  <c r="P2518" i="5" s="1"/>
  <c r="M8242" i="2"/>
  <c r="M8216" i="5" s="1"/>
  <c r="P8216" i="5" s="1"/>
  <c r="M363" i="2"/>
  <c r="M337" i="5" s="1"/>
  <c r="P337" i="5" s="1"/>
  <c r="M1195" i="2"/>
  <c r="M1169" i="5" s="1"/>
  <c r="P1169" i="5" s="1"/>
  <c r="M8423" i="2"/>
  <c r="M8397" i="5" s="1"/>
  <c r="P8397" i="5" s="1"/>
  <c r="M341" i="2"/>
  <c r="M315" i="5" s="1"/>
  <c r="P315" i="5" s="1"/>
  <c r="M999" i="2"/>
  <c r="M973" i="5" s="1"/>
  <c r="P973" i="5" s="1"/>
  <c r="M510" i="2"/>
  <c r="M484" i="5" s="1"/>
  <c r="P484" i="5" s="1"/>
  <c r="M173" i="2"/>
  <c r="M147" i="5" s="1"/>
  <c r="P147" i="5" s="1"/>
  <c r="M3369" i="2"/>
  <c r="M3343" i="5" s="1"/>
  <c r="P3343" i="5" s="1"/>
  <c r="M7899" i="2"/>
  <c r="M7873" i="5" s="1"/>
  <c r="P7873" i="5" s="1"/>
  <c r="M5194" i="2"/>
  <c r="M5168" i="5" s="1"/>
  <c r="P5168" i="5" s="1"/>
  <c r="M8072" i="2"/>
  <c r="M8046" i="5" s="1"/>
  <c r="P8046" i="5" s="1"/>
  <c r="M4535" i="2"/>
  <c r="M4509" i="5" s="1"/>
  <c r="P4509" i="5" s="1"/>
  <c r="M6222" i="2"/>
  <c r="M6196" i="5" s="1"/>
  <c r="P6196" i="5" s="1"/>
  <c r="M170" i="2"/>
  <c r="M144" i="5" s="1"/>
  <c r="P144" i="5" s="1"/>
  <c r="M2847" i="2"/>
  <c r="M2821" i="5" s="1"/>
  <c r="P2821" i="5" s="1"/>
  <c r="M5039" i="2"/>
  <c r="M5013" i="5" s="1"/>
  <c r="P5013" i="5" s="1"/>
  <c r="M7231" i="2"/>
  <c r="M7205" i="5" s="1"/>
  <c r="P7205" i="5" s="1"/>
  <c r="M5544" i="2"/>
  <c r="M5518" i="5" s="1"/>
  <c r="P5518" i="5" s="1"/>
  <c r="M4887" i="2"/>
  <c r="M4861" i="5" s="1"/>
  <c r="P4861" i="5" s="1"/>
  <c r="M3887" i="2"/>
  <c r="M3861" i="5" s="1"/>
  <c r="P3861" i="5" s="1"/>
  <c r="M7255" i="2"/>
  <c r="M7229" i="5" s="1"/>
  <c r="P7229" i="5" s="1"/>
  <c r="I2871" i="2"/>
  <c r="I2845" i="5" s="1"/>
  <c r="M2540" i="2"/>
  <c r="M2514" i="5" s="1"/>
  <c r="P2514" i="5" s="1"/>
  <c r="M7042" i="2"/>
  <c r="M7016" i="5" s="1"/>
  <c r="P7016" i="5" s="1"/>
  <c r="M6402" i="2"/>
  <c r="M6376" i="5" s="1"/>
  <c r="P6376" i="5" s="1"/>
  <c r="M7573" i="2"/>
  <c r="M7547" i="5" s="1"/>
  <c r="P7547" i="5" s="1"/>
  <c r="M7580" i="2"/>
  <c r="M7554" i="5" s="1"/>
  <c r="P7554" i="5" s="1"/>
  <c r="M1366" i="2"/>
  <c r="M1340" i="5" s="1"/>
  <c r="P1340" i="5" s="1"/>
  <c r="M2695" i="2"/>
  <c r="M2669" i="5" s="1"/>
  <c r="P2669" i="5" s="1"/>
  <c r="M2376" i="2"/>
  <c r="M2350" i="5" s="1"/>
  <c r="P2350" i="5" s="1"/>
  <c r="M7912" i="2"/>
  <c r="M7886" i="5" s="1"/>
  <c r="P7886" i="5" s="1"/>
  <c r="M2385" i="2"/>
  <c r="M2359" i="5" s="1"/>
  <c r="P2359" i="5" s="1"/>
  <c r="M3353" i="2"/>
  <c r="M3327" i="5" s="1"/>
  <c r="P3327" i="5" s="1"/>
  <c r="M827" i="2"/>
  <c r="M801" i="5" s="1"/>
  <c r="P801" i="5" s="1"/>
  <c r="M1682" i="2"/>
  <c r="M1656" i="5" s="1"/>
  <c r="P1656" i="5" s="1"/>
  <c r="I6544" i="2"/>
  <c r="I6518" i="5" s="1"/>
  <c r="I3209" i="2"/>
  <c r="I3183" i="5" s="1"/>
  <c r="M6079" i="2"/>
  <c r="M6053" i="5" s="1"/>
  <c r="P6053" i="5" s="1"/>
  <c r="M4064" i="2"/>
  <c r="M4038" i="5" s="1"/>
  <c r="P4038" i="5" s="1"/>
  <c r="M354" i="2"/>
  <c r="M328" i="5" s="1"/>
  <c r="P328" i="5" s="1"/>
  <c r="M357" i="2"/>
  <c r="M331" i="5" s="1"/>
  <c r="P331" i="5" s="1"/>
  <c r="M2701" i="2"/>
  <c r="M2675" i="5" s="1"/>
  <c r="P2675" i="5" s="1"/>
  <c r="M4383" i="2"/>
  <c r="M4357" i="5" s="1"/>
  <c r="P4357" i="5" s="1"/>
  <c r="M835" i="2"/>
  <c r="M809" i="5" s="1"/>
  <c r="P809" i="5" s="1"/>
  <c r="M7053" i="2"/>
  <c r="M7027" i="5" s="1"/>
  <c r="P7027" i="5" s="1"/>
  <c r="M2198" i="2"/>
  <c r="M2172" i="5" s="1"/>
  <c r="P2172" i="5" s="1"/>
  <c r="M1003" i="2"/>
  <c r="M977" i="5" s="1"/>
  <c r="P977" i="5" s="1"/>
  <c r="M2705" i="2"/>
  <c r="M2679" i="5" s="1"/>
  <c r="P2679" i="5" s="1"/>
  <c r="M4385" i="2"/>
  <c r="M4359" i="5" s="1"/>
  <c r="P4359" i="5" s="1"/>
  <c r="M5726" i="2"/>
  <c r="M5700" i="5" s="1"/>
  <c r="P5700" i="5" s="1"/>
  <c r="M4858" i="2"/>
  <c r="M4832" i="5" s="1"/>
  <c r="P4832" i="5" s="1"/>
  <c r="I1021" i="2"/>
  <c r="I995" i="5" s="1"/>
  <c r="I3366" i="2"/>
  <c r="I3340" i="5" s="1"/>
  <c r="I7407" i="2"/>
  <c r="I7381" i="5" s="1"/>
  <c r="M7754" i="2"/>
  <c r="M7728" i="5" s="1"/>
  <c r="P7728" i="5" s="1"/>
  <c r="M8571" i="2"/>
  <c r="M8545" i="5" s="1"/>
  <c r="P8545" i="5" s="1"/>
  <c r="M7557" i="2"/>
  <c r="M7531" i="5" s="1"/>
  <c r="P7531" i="5" s="1"/>
  <c r="M8056" i="2"/>
  <c r="M8030" i="5" s="1"/>
  <c r="P8030" i="5" s="1"/>
  <c r="M4561" i="2"/>
  <c r="M4535" i="5" s="1"/>
  <c r="P4535" i="5" s="1"/>
  <c r="M5202" i="2"/>
  <c r="M5176" i="5" s="1"/>
  <c r="P5176" i="5" s="1"/>
  <c r="M831" i="2"/>
  <c r="M805" i="5" s="1"/>
  <c r="P805" i="5" s="1"/>
  <c r="M7079" i="2"/>
  <c r="M7053" i="5" s="1"/>
  <c r="P7053" i="5" s="1"/>
  <c r="M8756" i="2"/>
  <c r="M8730" i="5" s="1"/>
  <c r="P8730" i="5" s="1"/>
  <c r="M8073" i="2"/>
  <c r="M8047" i="5" s="1"/>
  <c r="P8047" i="5" s="1"/>
  <c r="M6389" i="2"/>
  <c r="M6363" i="5" s="1"/>
  <c r="P6363" i="5" s="1"/>
  <c r="AR210" i="1"/>
  <c r="I682" i="2"/>
  <c r="I656" i="5" s="1"/>
  <c r="I2514" i="2"/>
  <c r="I2488" i="5" s="1"/>
  <c r="M4565" i="2"/>
  <c r="M4539" i="5" s="1"/>
  <c r="P4539" i="5" s="1"/>
  <c r="M7556" i="2"/>
  <c r="M7530" i="5" s="1"/>
  <c r="P7530" i="5" s="1"/>
  <c r="M189" i="2"/>
  <c r="M163" i="5" s="1"/>
  <c r="P163" i="5" s="1"/>
  <c r="M497" i="2"/>
  <c r="M471" i="5" s="1"/>
  <c r="P471" i="5" s="1"/>
  <c r="M996" i="2"/>
  <c r="M970" i="5" s="1"/>
  <c r="P970" i="5" s="1"/>
  <c r="M7719" i="2"/>
  <c r="M7693" i="5" s="1"/>
  <c r="P7693" i="5" s="1"/>
  <c r="M2515" i="2"/>
  <c r="M2489" i="5" s="1"/>
  <c r="P2489" i="5" s="1"/>
  <c r="M5365" i="2"/>
  <c r="M5339" i="5" s="1"/>
  <c r="P5339" i="5" s="1"/>
  <c r="M7216" i="2"/>
  <c r="M7190" i="5" s="1"/>
  <c r="P7190" i="5" s="1"/>
  <c r="M8077" i="2"/>
  <c r="M8051" i="5" s="1"/>
  <c r="P8051" i="5" s="1"/>
  <c r="M3702" i="2"/>
  <c r="M3676" i="5" s="1"/>
  <c r="P3676" i="5" s="1"/>
  <c r="M343" i="2"/>
  <c r="M317" i="5" s="1"/>
  <c r="P317" i="5" s="1"/>
  <c r="I1673" i="2"/>
  <c r="I1647" i="5" s="1"/>
  <c r="I695" i="2"/>
  <c r="I669" i="5" s="1"/>
  <c r="I2376" i="2"/>
  <c r="I2350" i="5" s="1"/>
  <c r="I525" i="2"/>
  <c r="I499" i="5" s="1"/>
  <c r="I2374" i="2"/>
  <c r="I2348" i="5" s="1"/>
  <c r="I3182" i="2"/>
  <c r="I3156" i="5" s="1"/>
  <c r="I505" i="2"/>
  <c r="I479" i="5" s="1"/>
  <c r="M2172" i="2"/>
  <c r="M2146" i="5" s="1"/>
  <c r="P2146" i="5" s="1"/>
  <c r="M4196" i="2"/>
  <c r="M4170" i="5" s="1"/>
  <c r="P4170" i="5" s="1"/>
  <c r="M518" i="2"/>
  <c r="M492" i="5" s="1"/>
  <c r="P492" i="5" s="1"/>
  <c r="M5373" i="2"/>
  <c r="M5347" i="5" s="1"/>
  <c r="P5347" i="5" s="1"/>
  <c r="M4529" i="2"/>
  <c r="M4503" i="5" s="1"/>
  <c r="P4503" i="5" s="1"/>
  <c r="M6576" i="2"/>
  <c r="M6550" i="5" s="1"/>
  <c r="P6550" i="5" s="1"/>
  <c r="M332" i="2"/>
  <c r="M306" i="5" s="1"/>
  <c r="P306" i="5" s="1"/>
  <c r="M4884" i="2"/>
  <c r="M4858" i="5" s="1"/>
  <c r="P4858" i="5" s="1"/>
  <c r="M7744" i="2"/>
  <c r="M7718" i="5" s="1"/>
  <c r="P7718" i="5" s="1"/>
  <c r="M994" i="2"/>
  <c r="M968" i="5" s="1"/>
  <c r="P968" i="5" s="1"/>
  <c r="M5208" i="2"/>
  <c r="M5182" i="5" s="1"/>
  <c r="P5182" i="5" s="1"/>
  <c r="M4542" i="2"/>
  <c r="M4516" i="5" s="1"/>
  <c r="P4516" i="5" s="1"/>
  <c r="M2875" i="2"/>
  <c r="M2849" i="5" s="1"/>
  <c r="P2849" i="5" s="1"/>
  <c r="I3222" i="2"/>
  <c r="I3196" i="5" s="1"/>
  <c r="J5199" i="2"/>
  <c r="J5173" i="5" s="1"/>
  <c r="N5173" i="5" s="1"/>
  <c r="J5068" i="2"/>
  <c r="J5042" i="5" s="1"/>
  <c r="N5042" i="5" s="1"/>
  <c r="I191" i="2"/>
  <c r="I165" i="5" s="1"/>
  <c r="K5200" i="2"/>
  <c r="K5174" i="5" s="1"/>
  <c r="K1185" i="2"/>
  <c r="K1159" i="5" s="1"/>
  <c r="K5550" i="2"/>
  <c r="K5524" i="5" s="1"/>
  <c r="K8571" i="2"/>
  <c r="K8545" i="5" s="1"/>
  <c r="K191" i="2"/>
  <c r="K165" i="5" s="1"/>
  <c r="K841" i="2"/>
  <c r="K815" i="5" s="1"/>
  <c r="K7399" i="2"/>
  <c r="K7373" i="5" s="1"/>
  <c r="K865" i="2"/>
  <c r="K839" i="5" s="1"/>
  <c r="K2358" i="2"/>
  <c r="K2332" i="5" s="1"/>
  <c r="K4543" i="2"/>
  <c r="K4517" i="5" s="1"/>
  <c r="K4203" i="2"/>
  <c r="K4177" i="5" s="1"/>
  <c r="I3531" i="2"/>
  <c r="I3505" i="5" s="1"/>
  <c r="I6215" i="2"/>
  <c r="I6189" i="5" s="1"/>
  <c r="I7573" i="2"/>
  <c r="I7547" i="5" s="1"/>
  <c r="M6897" i="2"/>
  <c r="M6871" i="5" s="1"/>
  <c r="P6871" i="5" s="1"/>
  <c r="M3682" i="2"/>
  <c r="M3656" i="5" s="1"/>
  <c r="P3656" i="5" s="1"/>
  <c r="M682" i="2"/>
  <c r="M656" i="5" s="1"/>
  <c r="P656" i="5" s="1"/>
  <c r="M6554" i="2"/>
  <c r="M6528" i="5" s="1"/>
  <c r="P6528" i="5" s="1"/>
  <c r="M5737" i="2"/>
  <c r="M5711" i="5" s="1"/>
  <c r="P5711" i="5" s="1"/>
  <c r="M4722" i="2"/>
  <c r="M4696" i="5" s="1"/>
  <c r="P4696" i="5" s="1"/>
  <c r="M872" i="2"/>
  <c r="M846" i="5" s="1"/>
  <c r="P846" i="5" s="1"/>
  <c r="M7049" i="2"/>
  <c r="M7023" i="5" s="1"/>
  <c r="P7023" i="5" s="1"/>
  <c r="M5866" i="2"/>
  <c r="M5840" i="5" s="1"/>
  <c r="P5840" i="5" s="1"/>
  <c r="M3553" i="2"/>
  <c r="M3527" i="5" s="1"/>
  <c r="P3527" i="5" s="1"/>
  <c r="M6239" i="2"/>
  <c r="M6213" i="5" s="1"/>
  <c r="P6213" i="5" s="1"/>
  <c r="M7078" i="2"/>
  <c r="M7052" i="5" s="1"/>
  <c r="P7052" i="5" s="1"/>
  <c r="M1202" i="2"/>
  <c r="M1176" i="5" s="1"/>
  <c r="P1176" i="5" s="1"/>
  <c r="M4899" i="2"/>
  <c r="M4873" i="5" s="1"/>
  <c r="P4873" i="5" s="1"/>
  <c r="M5069" i="2"/>
  <c r="M5043" i="5" s="1"/>
  <c r="P5043" i="5" s="1"/>
  <c r="M864" i="2"/>
  <c r="M838" i="5" s="1"/>
  <c r="P838" i="5" s="1"/>
  <c r="M4228" i="2"/>
  <c r="M4202" i="5" s="1"/>
  <c r="P4202" i="5" s="1"/>
  <c r="I4373" i="2"/>
  <c r="I4347" i="5" s="1"/>
  <c r="I2384" i="2"/>
  <c r="I2358" i="5" s="1"/>
  <c r="J8732" i="2"/>
  <c r="J8706" i="5" s="1"/>
  <c r="N8706" i="5" s="1"/>
  <c r="J5712" i="2"/>
  <c r="J5686" i="5" s="1"/>
  <c r="N5686" i="5" s="1"/>
  <c r="J5546" i="2"/>
  <c r="J5520" i="5" s="1"/>
  <c r="N5520" i="5" s="1"/>
  <c r="AR343" i="1"/>
  <c r="K8240" i="2"/>
  <c r="K8214" i="5" s="1"/>
  <c r="K5558" i="2"/>
  <c r="K5532" i="5" s="1"/>
  <c r="K6402" i="2"/>
  <c r="K6376" i="5" s="1"/>
  <c r="K1860" i="2"/>
  <c r="K1834" i="5" s="1"/>
  <c r="K3359" i="2"/>
  <c r="K3333" i="5" s="1"/>
  <c r="K6582" i="2"/>
  <c r="K6556" i="5" s="1"/>
  <c r="K5237" i="2"/>
  <c r="K5211" i="5" s="1"/>
  <c r="K7737" i="2"/>
  <c r="K7711" i="5" s="1"/>
  <c r="K4717" i="2"/>
  <c r="K4691" i="5" s="1"/>
  <c r="K6580" i="2"/>
  <c r="K6554" i="5" s="1"/>
  <c r="K7739" i="2"/>
  <c r="K7713" i="5" s="1"/>
  <c r="K1360" i="2"/>
  <c r="K1334" i="5" s="1"/>
  <c r="K164" i="2"/>
  <c r="K138" i="5" s="1"/>
  <c r="K5386" i="2"/>
  <c r="K5360" i="5" s="1"/>
  <c r="I3187" i="2"/>
  <c r="I3161" i="5" s="1"/>
  <c r="I994" i="2"/>
  <c r="I968" i="5" s="1"/>
  <c r="I2193" i="2"/>
  <c r="I2167" i="5" s="1"/>
  <c r="I6720" i="2"/>
  <c r="I6694" i="5" s="1"/>
  <c r="M5898" i="2"/>
  <c r="M5872" i="5" s="1"/>
  <c r="P5872" i="5" s="1"/>
  <c r="M1856" i="2"/>
  <c r="M1830" i="5" s="1"/>
  <c r="P1830" i="5" s="1"/>
  <c r="AR302" i="1"/>
  <c r="J3208" i="2"/>
  <c r="J3182" i="5" s="1"/>
  <c r="N3182" i="5" s="1"/>
  <c r="J346" i="2"/>
  <c r="J320" i="5" s="1"/>
  <c r="N320" i="5" s="1"/>
  <c r="I3878" i="2"/>
  <c r="I3852" i="5" s="1"/>
  <c r="I7574" i="2"/>
  <c r="I7548" i="5" s="1"/>
  <c r="I8056" i="2"/>
  <c r="I8030" i="5" s="1"/>
  <c r="I7572" i="2"/>
  <c r="I7546" i="5" s="1"/>
  <c r="I8428" i="2"/>
  <c r="I8402" i="5" s="1"/>
  <c r="AR148" i="1"/>
  <c r="M2021" i="2"/>
  <c r="M1995" i="5" s="1"/>
  <c r="P1995" i="5" s="1"/>
  <c r="M7892" i="2"/>
  <c r="M7866" i="5" s="1"/>
  <c r="P7866" i="5" s="1"/>
  <c r="M499" i="2"/>
  <c r="M473" i="5" s="1"/>
  <c r="P473" i="5" s="1"/>
  <c r="M3045" i="2"/>
  <c r="M3019" i="5" s="1"/>
  <c r="P3019" i="5" s="1"/>
  <c r="M8596" i="2"/>
  <c r="M8570" i="5" s="1"/>
  <c r="P8570" i="5" s="1"/>
  <c r="M4221" i="2"/>
  <c r="M4195" i="5" s="1"/>
  <c r="P4195" i="5" s="1"/>
  <c r="M346" i="2"/>
  <c r="M320" i="5" s="1"/>
  <c r="P320" i="5" s="1"/>
  <c r="M7747" i="2"/>
  <c r="M7721" i="5" s="1"/>
  <c r="P7721" i="5" s="1"/>
  <c r="M6392" i="2"/>
  <c r="M6366" i="5" s="1"/>
  <c r="P6366" i="5" s="1"/>
  <c r="M8418" i="2"/>
  <c r="M8392" i="5" s="1"/>
  <c r="P8392" i="5" s="1"/>
  <c r="M1712" i="2"/>
  <c r="M1686" i="5" s="1"/>
  <c r="P1686" i="5" s="1"/>
  <c r="M7227" i="2"/>
  <c r="M7201" i="5" s="1"/>
  <c r="P7201" i="5" s="1"/>
  <c r="M5217" i="2"/>
  <c r="M5191" i="5" s="1"/>
  <c r="P5191" i="5" s="1"/>
  <c r="M6579" i="2"/>
  <c r="M6553" i="5" s="1"/>
  <c r="P6553" i="5" s="1"/>
  <c r="M3728" i="2"/>
  <c r="M3702" i="5" s="1"/>
  <c r="P3702" i="5" s="1"/>
  <c r="M6731" i="2"/>
  <c r="M6705" i="5" s="1"/>
  <c r="P6705" i="5" s="1"/>
  <c r="M5899" i="2"/>
  <c r="M5873" i="5" s="1"/>
  <c r="P5873" i="5" s="1"/>
  <c r="I6380" i="2"/>
  <c r="I6354" i="5" s="1"/>
  <c r="AR308" i="1"/>
  <c r="J5061" i="2"/>
  <c r="J5035" i="5" s="1"/>
  <c r="N5035" i="5" s="1"/>
  <c r="J3055" i="2"/>
  <c r="J3029" i="5" s="1"/>
  <c r="N3029" i="5" s="1"/>
  <c r="J8227" i="2"/>
  <c r="J8201" i="5" s="1"/>
  <c r="N8201" i="5" s="1"/>
  <c r="K6412" i="2"/>
  <c r="K6386" i="5" s="1"/>
  <c r="K6900" i="2"/>
  <c r="K6874" i="5" s="1"/>
  <c r="K342" i="2"/>
  <c r="K316" i="5" s="1"/>
  <c r="K1669" i="2"/>
  <c r="K1643" i="5" s="1"/>
  <c r="K8767" i="2"/>
  <c r="K8741" i="5" s="1"/>
  <c r="K361" i="2"/>
  <c r="K335" i="5" s="1"/>
  <c r="K8591" i="2"/>
  <c r="K8565" i="5" s="1"/>
  <c r="K2851" i="2"/>
  <c r="K2825" i="5" s="1"/>
  <c r="K3560" i="2"/>
  <c r="K3534" i="5" s="1"/>
  <c r="K7556" i="2"/>
  <c r="K7530" i="5" s="1"/>
  <c r="K4693" i="2"/>
  <c r="K4667" i="5" s="1"/>
  <c r="K1878" i="2"/>
  <c r="K1852" i="5" s="1"/>
  <c r="K4541" i="2"/>
  <c r="K4515" i="5" s="1"/>
  <c r="I6914" i="2"/>
  <c r="I6888" i="5" s="1"/>
  <c r="I8070" i="2"/>
  <c r="I8044" i="5" s="1"/>
  <c r="I1019" i="2"/>
  <c r="I993" i="5" s="1"/>
  <c r="M8235" i="2"/>
  <c r="M8209" i="5" s="1"/>
  <c r="P8209" i="5" s="1"/>
  <c r="M6050" i="2"/>
  <c r="M6024" i="5" s="1"/>
  <c r="P6024" i="5" s="1"/>
  <c r="M6559" i="2"/>
  <c r="M6533" i="5" s="1"/>
  <c r="P6533" i="5" s="1"/>
  <c r="M5394" i="2"/>
  <c r="M5368" i="5" s="1"/>
  <c r="P5368" i="5" s="1"/>
  <c r="M2365" i="2"/>
  <c r="M2339" i="5" s="1"/>
  <c r="P2339" i="5" s="1"/>
  <c r="M4566" i="2"/>
  <c r="M4540" i="5" s="1"/>
  <c r="P4540" i="5" s="1"/>
  <c r="M7238" i="2"/>
  <c r="M7212" i="5" s="1"/>
  <c r="P7212" i="5" s="1"/>
  <c r="M355" i="2"/>
  <c r="M329" i="5" s="1"/>
  <c r="P329" i="5" s="1"/>
  <c r="M7235" i="2"/>
  <c r="M7209" i="5" s="1"/>
  <c r="P7209" i="5" s="1"/>
  <c r="M8058" i="2"/>
  <c r="M8032" i="5" s="1"/>
  <c r="P8032" i="5" s="1"/>
  <c r="M5207" i="2"/>
  <c r="M5181" i="5" s="1"/>
  <c r="P5181" i="5" s="1"/>
  <c r="M8578" i="2"/>
  <c r="M8552" i="5" s="1"/>
  <c r="P8552" i="5" s="1"/>
  <c r="M4197" i="2"/>
  <c r="M4171" i="5" s="1"/>
  <c r="P4171" i="5" s="1"/>
  <c r="M1512" i="2"/>
  <c r="M1486" i="5" s="1"/>
  <c r="P1486" i="5" s="1"/>
  <c r="M3536" i="2"/>
  <c r="M3510" i="5" s="1"/>
  <c r="P3510" i="5" s="1"/>
  <c r="I2529" i="2"/>
  <c r="I2503" i="5" s="1"/>
  <c r="J1529" i="2"/>
  <c r="J1503" i="5" s="1"/>
  <c r="N1503" i="5" s="1"/>
  <c r="I674" i="2"/>
  <c r="I648" i="5" s="1"/>
  <c r="I7394" i="2"/>
  <c r="I7368" i="5" s="1"/>
  <c r="I3695" i="2"/>
  <c r="I3669" i="5" s="1"/>
  <c r="M6045" i="2"/>
  <c r="M6019" i="5" s="1"/>
  <c r="P6019" i="5" s="1"/>
  <c r="M1205" i="2"/>
  <c r="M1179" i="5" s="1"/>
  <c r="P1179" i="5" s="1"/>
  <c r="M2877" i="2"/>
  <c r="M2851" i="5" s="1"/>
  <c r="P2851" i="5" s="1"/>
  <c r="M1699" i="2"/>
  <c r="M1673" i="5" s="1"/>
  <c r="P1673" i="5" s="1"/>
  <c r="M2186" i="2"/>
  <c r="M2160" i="5" s="1"/>
  <c r="P2160" i="5" s="1"/>
  <c r="M5408" i="2"/>
  <c r="M5382" i="5" s="1"/>
  <c r="P5382" i="5" s="1"/>
  <c r="M7051" i="2"/>
  <c r="M7025" i="5" s="1"/>
  <c r="P7025" i="5" s="1"/>
  <c r="M7588" i="2"/>
  <c r="M7562" i="5" s="1"/>
  <c r="P7562" i="5" s="1"/>
  <c r="M2192" i="2"/>
  <c r="M2166" i="5" s="1"/>
  <c r="P2166" i="5" s="1"/>
  <c r="M4031" i="2"/>
  <c r="M4005" i="5" s="1"/>
  <c r="P4005" i="5" s="1"/>
  <c r="M2201" i="2"/>
  <c r="M2175" i="5" s="1"/>
  <c r="P2175" i="5" s="1"/>
  <c r="M4375" i="2"/>
  <c r="M4349" i="5" s="1"/>
  <c r="P4349" i="5" s="1"/>
  <c r="M7592" i="2"/>
  <c r="M7566" i="5" s="1"/>
  <c r="P7566" i="5" s="1"/>
  <c r="M1032" i="2"/>
  <c r="M1006" i="5" s="1"/>
  <c r="P1006" i="5" s="1"/>
  <c r="M2012" i="2"/>
  <c r="M1986" i="5" s="1"/>
  <c r="P1986" i="5" s="1"/>
  <c r="M8263" i="2"/>
  <c r="M8237" i="5" s="1"/>
  <c r="P8237" i="5" s="1"/>
  <c r="M3877" i="2"/>
  <c r="M3851" i="5" s="1"/>
  <c r="P3851" i="5" s="1"/>
  <c r="I5381" i="2"/>
  <c r="I5355" i="5" s="1"/>
  <c r="J4039" i="2"/>
  <c r="J4013" i="5" s="1"/>
  <c r="N4013" i="5" s="1"/>
  <c r="J7060" i="2"/>
  <c r="J7034" i="5" s="1"/>
  <c r="N7034" i="5" s="1"/>
  <c r="J6563" i="2"/>
  <c r="J6537" i="5" s="1"/>
  <c r="N6537" i="5" s="1"/>
  <c r="K6921" i="2"/>
  <c r="K6895" i="5" s="1"/>
  <c r="K7233" i="2"/>
  <c r="K7207" i="5" s="1"/>
  <c r="K6061" i="2"/>
  <c r="K6035" i="5" s="1"/>
  <c r="K7917" i="2"/>
  <c r="K7891" i="5" s="1"/>
  <c r="K344" i="2"/>
  <c r="K318" i="5" s="1"/>
  <c r="K1170" i="2"/>
  <c r="K1144" i="5" s="1"/>
  <c r="K5885" i="2"/>
  <c r="K5859" i="5" s="1"/>
  <c r="K3010" i="2"/>
  <c r="K2984" i="5" s="1"/>
  <c r="K2033" i="2"/>
  <c r="K2007" i="5" s="1"/>
  <c r="K678" i="2"/>
  <c r="K652" i="5" s="1"/>
  <c r="K2677" i="2"/>
  <c r="K2651" i="5" s="1"/>
  <c r="K5201" i="2"/>
  <c r="K5175" i="5" s="1"/>
  <c r="K189" i="2"/>
  <c r="K163" i="5" s="1"/>
  <c r="K6749" i="2"/>
  <c r="K6723" i="5" s="1"/>
  <c r="I6741" i="2"/>
  <c r="I6715" i="5" s="1"/>
  <c r="I1689" i="2"/>
  <c r="I1663" i="5" s="1"/>
  <c r="I2552" i="2"/>
  <c r="I2526" i="5" s="1"/>
  <c r="M2680" i="2"/>
  <c r="M2654" i="5" s="1"/>
  <c r="P2654" i="5" s="1"/>
  <c r="M506" i="2"/>
  <c r="M480" i="5" s="1"/>
  <c r="P480" i="5" s="1"/>
  <c r="M3561" i="2"/>
  <c r="M3535" i="5" s="1"/>
  <c r="P3535" i="5" s="1"/>
  <c r="M4883" i="2"/>
  <c r="M4857" i="5" s="1"/>
  <c r="P4857" i="5" s="1"/>
  <c r="M4050" i="2"/>
  <c r="M4024" i="5" s="1"/>
  <c r="P4024" i="5" s="1"/>
  <c r="M3363" i="2"/>
  <c r="M3337" i="5" s="1"/>
  <c r="P3337" i="5" s="1"/>
  <c r="M2210" i="2"/>
  <c r="M2184" i="5" s="1"/>
  <c r="P2184" i="5" s="1"/>
  <c r="M2844" i="2"/>
  <c r="M2818" i="5" s="1"/>
  <c r="P2818" i="5" s="1"/>
  <c r="M4553" i="2"/>
  <c r="M4527" i="5" s="1"/>
  <c r="P4527" i="5" s="1"/>
  <c r="M3867" i="2"/>
  <c r="M3841" i="5" s="1"/>
  <c r="P3841" i="5" s="1"/>
  <c r="M4217" i="2"/>
  <c r="M4191" i="5" s="1"/>
  <c r="P4191" i="5" s="1"/>
  <c r="M8236" i="2"/>
  <c r="M8210" i="5" s="1"/>
  <c r="P8210" i="5" s="1"/>
  <c r="M4719" i="2"/>
  <c r="M4693" i="5" s="1"/>
  <c r="P4693" i="5" s="1"/>
  <c r="M2373" i="2"/>
  <c r="M2347" i="5" s="1"/>
  <c r="P2347" i="5" s="1"/>
  <c r="M4195" i="2"/>
  <c r="M4169" i="5" s="1"/>
  <c r="P4169" i="5" s="1"/>
  <c r="M7587" i="2"/>
  <c r="M7561" i="5" s="1"/>
  <c r="P7561" i="5" s="1"/>
  <c r="M7415" i="2"/>
  <c r="M7389" i="5" s="1"/>
  <c r="P7389" i="5" s="1"/>
  <c r="M1694" i="2"/>
  <c r="M1668" i="5" s="1"/>
  <c r="P1668" i="5" s="1"/>
  <c r="I2002" i="2"/>
  <c r="I1976" i="5" s="1"/>
  <c r="J8571" i="2"/>
  <c r="J8545" i="5" s="1"/>
  <c r="N8545" i="5" s="1"/>
  <c r="J4230" i="2"/>
  <c r="J4204" i="5" s="1"/>
  <c r="N4204" i="5" s="1"/>
  <c r="J6716" i="2"/>
  <c r="J6690" i="5" s="1"/>
  <c r="N6690" i="5" s="1"/>
  <c r="K662" i="2"/>
  <c r="K636" i="5" s="1"/>
  <c r="K6387" i="2"/>
  <c r="K6361" i="5" s="1"/>
  <c r="K3701" i="2"/>
  <c r="K3675" i="5" s="1"/>
  <c r="K6382" i="2"/>
  <c r="K6356" i="5" s="1"/>
  <c r="K6410" i="2"/>
  <c r="K6384" i="5" s="1"/>
  <c r="K492" i="2"/>
  <c r="K466" i="5" s="1"/>
  <c r="K8430" i="2"/>
  <c r="K8404" i="5" s="1"/>
  <c r="K7054" i="2"/>
  <c r="K7028" i="5" s="1"/>
  <c r="K8069" i="2"/>
  <c r="K8043" i="5" s="1"/>
  <c r="K1036" i="2"/>
  <c r="K1010" i="5" s="1"/>
  <c r="K1687" i="2"/>
  <c r="K1661" i="5" s="1"/>
  <c r="K188" i="2"/>
  <c r="K162" i="5" s="1"/>
  <c r="K2172" i="2"/>
  <c r="K2146" i="5" s="1"/>
  <c r="K845" i="2"/>
  <c r="K819" i="5" s="1"/>
  <c r="J3684" i="2"/>
  <c r="J3658" i="5" s="1"/>
  <c r="N3658" i="5" s="1"/>
  <c r="J4539" i="2"/>
  <c r="J4513" i="5" s="1"/>
  <c r="N4513" i="5" s="1"/>
  <c r="J8094" i="2"/>
  <c r="J8068" i="5" s="1"/>
  <c r="N8068" i="5" s="1"/>
  <c r="J1178" i="2"/>
  <c r="J1152" i="5" s="1"/>
  <c r="N1152" i="5" s="1"/>
  <c r="J157" i="2"/>
  <c r="J131" i="5" s="1"/>
  <c r="N131" i="5" s="1"/>
  <c r="J8592" i="2"/>
  <c r="J8566" i="5" s="1"/>
  <c r="N8566" i="5" s="1"/>
  <c r="M6408" i="2"/>
  <c r="M6382" i="5" s="1"/>
  <c r="P6382" i="5" s="1"/>
  <c r="M5556" i="2"/>
  <c r="M5530" i="5" s="1"/>
  <c r="P5530" i="5" s="1"/>
  <c r="M8397" i="2"/>
  <c r="M8371" i="5" s="1"/>
  <c r="P8371" i="5" s="1"/>
  <c r="M179" i="2"/>
  <c r="M153" i="5" s="1"/>
  <c r="P153" i="5" s="1"/>
  <c r="M4552" i="2"/>
  <c r="M4526" i="5" s="1"/>
  <c r="P4526" i="5" s="1"/>
  <c r="M5897" i="2"/>
  <c r="M5871" i="5" s="1"/>
  <c r="P5871" i="5" s="1"/>
  <c r="M2371" i="2"/>
  <c r="M2345" i="5" s="1"/>
  <c r="P2345" i="5" s="1"/>
  <c r="M8415" i="2"/>
  <c r="M8389" i="5" s="1"/>
  <c r="P8389" i="5" s="1"/>
  <c r="M658" i="2"/>
  <c r="M632" i="5" s="1"/>
  <c r="P632" i="5" s="1"/>
  <c r="M5895" i="2"/>
  <c r="M5869" i="5" s="1"/>
  <c r="P5869" i="5" s="1"/>
  <c r="M7224" i="2"/>
  <c r="M7198" i="5" s="1"/>
  <c r="P7198" i="5" s="1"/>
  <c r="M8582" i="2"/>
  <c r="M8556" i="5" s="1"/>
  <c r="P8556" i="5" s="1"/>
  <c r="M1530" i="2"/>
  <c r="M1504" i="5" s="1"/>
  <c r="P1504" i="5" s="1"/>
  <c r="M7072" i="2"/>
  <c r="M7046" i="5" s="1"/>
  <c r="P7046" i="5" s="1"/>
  <c r="M3348" i="2"/>
  <c r="M3322" i="5" s="1"/>
  <c r="P3322" i="5" s="1"/>
  <c r="M8411" i="2"/>
  <c r="M8385" i="5" s="1"/>
  <c r="P8385" i="5" s="1"/>
  <c r="M867" i="2"/>
  <c r="M841" i="5" s="1"/>
  <c r="P841" i="5" s="1"/>
  <c r="M3043" i="2"/>
  <c r="M3017" i="5" s="1"/>
  <c r="P3017" i="5" s="1"/>
  <c r="M349" i="2"/>
  <c r="M323" i="5" s="1"/>
  <c r="P323" i="5" s="1"/>
  <c r="M8760" i="2"/>
  <c r="M8734" i="5" s="1"/>
  <c r="P8734" i="5" s="1"/>
  <c r="M6215" i="2"/>
  <c r="M6189" i="5" s="1"/>
  <c r="P6189" i="5" s="1"/>
  <c r="M3718" i="2"/>
  <c r="M3692" i="5" s="1"/>
  <c r="P3692" i="5" s="1"/>
  <c r="M8556" i="2"/>
  <c r="M8530" i="5" s="1"/>
  <c r="P8530" i="5" s="1"/>
  <c r="M863" i="2"/>
  <c r="M837" i="5" s="1"/>
  <c r="P837" i="5" s="1"/>
  <c r="M1517" i="2"/>
  <c r="M1491" i="5" s="1"/>
  <c r="P1491" i="5" s="1"/>
  <c r="M1022" i="2"/>
  <c r="M996" i="5" s="1"/>
  <c r="P996" i="5" s="1"/>
  <c r="M4391" i="2"/>
  <c r="M4365" i="5" s="1"/>
  <c r="P4365" i="5" s="1"/>
  <c r="M6900" i="2"/>
  <c r="M6874" i="5" s="1"/>
  <c r="P6874" i="5" s="1"/>
  <c r="M6064" i="2"/>
  <c r="M6038" i="5" s="1"/>
  <c r="P6038" i="5" s="1"/>
  <c r="M4209" i="2"/>
  <c r="M4183" i="5" s="1"/>
  <c r="P4183" i="5" s="1"/>
  <c r="M6744" i="2"/>
  <c r="M6718" i="5" s="1"/>
  <c r="P6718" i="5" s="1"/>
  <c r="M2507" i="2"/>
  <c r="M2481" i="5" s="1"/>
  <c r="P2481" i="5" s="1"/>
  <c r="M6399" i="2"/>
  <c r="M6373" i="5" s="1"/>
  <c r="P6373" i="5" s="1"/>
  <c r="M8231" i="2"/>
  <c r="M8205" i="5" s="1"/>
  <c r="P8205" i="5" s="1"/>
  <c r="M164" i="2"/>
  <c r="M138" i="5" s="1"/>
  <c r="P138" i="5" s="1"/>
  <c r="M1498" i="2"/>
  <c r="M1472" i="5" s="1"/>
  <c r="P1472" i="5" s="1"/>
  <c r="M504" i="2"/>
  <c r="M478" i="5" s="1"/>
  <c r="P478" i="5" s="1"/>
  <c r="M8564" i="2"/>
  <c r="M8538" i="5" s="1"/>
  <c r="P8538" i="5" s="1"/>
  <c r="M6075" i="2"/>
  <c r="M6049" i="5" s="1"/>
  <c r="P6049" i="5" s="1"/>
  <c r="M4536" i="2"/>
  <c r="M4510" i="5" s="1"/>
  <c r="P4510" i="5" s="1"/>
  <c r="M6225" i="2"/>
  <c r="M6199" i="5" s="1"/>
  <c r="P6199" i="5" s="1"/>
  <c r="M2044" i="2"/>
  <c r="M2018" i="5" s="1"/>
  <c r="P2018" i="5" s="1"/>
  <c r="M6062" i="2"/>
  <c r="M6036" i="5" s="1"/>
  <c r="P6036" i="5" s="1"/>
  <c r="M5043" i="2"/>
  <c r="M5017" i="5" s="1"/>
  <c r="P5017" i="5" s="1"/>
  <c r="M8598" i="2"/>
  <c r="M8572" i="5" s="1"/>
  <c r="P8572" i="5" s="1"/>
  <c r="M4523" i="2"/>
  <c r="M4497" i="5" s="1"/>
  <c r="P4497" i="5" s="1"/>
  <c r="M2209" i="2"/>
  <c r="M2183" i="5" s="1"/>
  <c r="P2183" i="5" s="1"/>
  <c r="M3873" i="2"/>
  <c r="M3847" i="5" s="1"/>
  <c r="P3847" i="5" s="1"/>
  <c r="M7211" i="2"/>
  <c r="M7185" i="5" s="1"/>
  <c r="P7185" i="5" s="1"/>
  <c r="M8055" i="2"/>
  <c r="M8029" i="5" s="1"/>
  <c r="P8029" i="5" s="1"/>
  <c r="M2879" i="2"/>
  <c r="M2853" i="5" s="1"/>
  <c r="P2853" i="5" s="1"/>
  <c r="J3711" i="2"/>
  <c r="J3685" i="5" s="1"/>
  <c r="N3685" i="5" s="1"/>
  <c r="J2022" i="2"/>
  <c r="J1996" i="5" s="1"/>
  <c r="N1996" i="5" s="1"/>
  <c r="J6049" i="2"/>
  <c r="J6023" i="5" s="1"/>
  <c r="N6023" i="5" s="1"/>
  <c r="J699" i="2"/>
  <c r="J673" i="5" s="1"/>
  <c r="N673" i="5" s="1"/>
  <c r="J2373" i="2"/>
  <c r="J2347" i="5" s="1"/>
  <c r="N2347" i="5" s="1"/>
  <c r="J2545" i="2"/>
  <c r="J2519" i="5" s="1"/>
  <c r="N2519" i="5" s="1"/>
  <c r="J2008" i="2"/>
  <c r="J1982" i="5" s="1"/>
  <c r="N1982" i="5" s="1"/>
  <c r="J8566" i="2"/>
  <c r="J8540" i="5" s="1"/>
  <c r="N8540" i="5" s="1"/>
  <c r="J3363" i="2"/>
  <c r="J3337" i="5" s="1"/>
  <c r="N3337" i="5" s="1"/>
  <c r="J6068" i="2"/>
  <c r="J6042" i="5" s="1"/>
  <c r="N6042" i="5" s="1"/>
  <c r="M2527" i="2"/>
  <c r="M2501" i="5" s="1"/>
  <c r="P2501" i="5" s="1"/>
  <c r="M6921" i="2"/>
  <c r="M6895" i="5" s="1"/>
  <c r="P6895" i="5" s="1"/>
  <c r="M7239" i="2"/>
  <c r="M7213" i="5" s="1"/>
  <c r="P7213" i="5" s="1"/>
  <c r="M533" i="2"/>
  <c r="M507" i="5" s="1"/>
  <c r="P507" i="5" s="1"/>
  <c r="M1349" i="2"/>
  <c r="M1323" i="5" s="1"/>
  <c r="P1323" i="5" s="1"/>
  <c r="M1710" i="2"/>
  <c r="M1684" i="5" s="1"/>
  <c r="P1684" i="5" s="1"/>
  <c r="M3015" i="2"/>
  <c r="M2989" i="5" s="1"/>
  <c r="P2989" i="5" s="1"/>
  <c r="M1848" i="2"/>
  <c r="M1822" i="5" s="1"/>
  <c r="P1822" i="5" s="1"/>
  <c r="M7550" i="2"/>
  <c r="M7524" i="5" s="1"/>
  <c r="P7524" i="5" s="1"/>
  <c r="M7929" i="2"/>
  <c r="M7903" i="5" s="1"/>
  <c r="P7903" i="5" s="1"/>
  <c r="M5901" i="2"/>
  <c r="M5875" i="5" s="1"/>
  <c r="P5875" i="5" s="1"/>
  <c r="M1197" i="2"/>
  <c r="M1171" i="5" s="1"/>
  <c r="P1171" i="5" s="1"/>
  <c r="M3038" i="2"/>
  <c r="M3012" i="5" s="1"/>
  <c r="P3012" i="5" s="1"/>
  <c r="M8393" i="2"/>
  <c r="M8367" i="5" s="1"/>
  <c r="P8367" i="5" s="1"/>
  <c r="M5704" i="2"/>
  <c r="M5678" i="5" s="1"/>
  <c r="P5678" i="5" s="1"/>
  <c r="M6714" i="2"/>
  <c r="M6688" i="5" s="1"/>
  <c r="P6688" i="5" s="1"/>
  <c r="M7424" i="2"/>
  <c r="M7398" i="5" s="1"/>
  <c r="P7398" i="5" s="1"/>
  <c r="M1170" i="2"/>
  <c r="M1144" i="5" s="1"/>
  <c r="P1144" i="5" s="1"/>
  <c r="M5034" i="2"/>
  <c r="M5008" i="5" s="1"/>
  <c r="P5008" i="5" s="1"/>
  <c r="M7241" i="2"/>
  <c r="M7215" i="5" s="1"/>
  <c r="P7215" i="5" s="1"/>
  <c r="M6733" i="2"/>
  <c r="M6707" i="5" s="1"/>
  <c r="P6707" i="5" s="1"/>
  <c r="M4370" i="2"/>
  <c r="M4344" i="5" s="1"/>
  <c r="P4344" i="5" s="1"/>
  <c r="M1536" i="2"/>
  <c r="M1510" i="5" s="1"/>
  <c r="P1510" i="5" s="1"/>
  <c r="M3016" i="2"/>
  <c r="M2990" i="5" s="1"/>
  <c r="P2990" i="5" s="1"/>
  <c r="M3208" i="2"/>
  <c r="M3182" i="5" s="1"/>
  <c r="P3182" i="5" s="1"/>
  <c r="M4042" i="2"/>
  <c r="M4016" i="5" s="1"/>
  <c r="P4016" i="5" s="1"/>
  <c r="M7066" i="2"/>
  <c r="M7040" i="5" s="1"/>
  <c r="P7040" i="5" s="1"/>
  <c r="M3526" i="2"/>
  <c r="M3500" i="5" s="1"/>
  <c r="P3500" i="5" s="1"/>
  <c r="M2006" i="2"/>
  <c r="M1980" i="5" s="1"/>
  <c r="P1980" i="5" s="1"/>
  <c r="M8402" i="2"/>
  <c r="M8376" i="5" s="1"/>
  <c r="P8376" i="5" s="1"/>
  <c r="M2520" i="2"/>
  <c r="M2494" i="5" s="1"/>
  <c r="P2494" i="5" s="1"/>
  <c r="M2037" i="2"/>
  <c r="M2011" i="5" s="1"/>
  <c r="P2011" i="5" s="1"/>
  <c r="M2351" i="2"/>
  <c r="M2325" i="5" s="1"/>
  <c r="P2325" i="5" s="1"/>
  <c r="M3549" i="2"/>
  <c r="M3523" i="5" s="1"/>
  <c r="P3523" i="5" s="1"/>
  <c r="M1688" i="2"/>
  <c r="M1662" i="5" s="1"/>
  <c r="P1662" i="5" s="1"/>
  <c r="M4730" i="2"/>
  <c r="M4704" i="5" s="1"/>
  <c r="P4704" i="5" s="1"/>
  <c r="M4537" i="2"/>
  <c r="M4511" i="5" s="1"/>
  <c r="P4511" i="5" s="1"/>
  <c r="M1692" i="2"/>
  <c r="M1666" i="5" s="1"/>
  <c r="P1666" i="5" s="1"/>
  <c r="M8595" i="2"/>
  <c r="M8569" i="5" s="1"/>
  <c r="P8569" i="5" s="1"/>
  <c r="M3180" i="2"/>
  <c r="M3154" i="5" s="1"/>
  <c r="P3154" i="5" s="1"/>
  <c r="M1172" i="2"/>
  <c r="M1146" i="5" s="1"/>
  <c r="P1146" i="5" s="1"/>
  <c r="M3529" i="2"/>
  <c r="M3503" i="5" s="1"/>
  <c r="P3503" i="5" s="1"/>
  <c r="M2519" i="2"/>
  <c r="M2493" i="5" s="1"/>
  <c r="P2493" i="5" s="1"/>
  <c r="M7922" i="2"/>
  <c r="M7896" i="5" s="1"/>
  <c r="P7896" i="5" s="1"/>
  <c r="M2190" i="2"/>
  <c r="M2164" i="5" s="1"/>
  <c r="P2164" i="5" s="1"/>
  <c r="M6409" i="2"/>
  <c r="M6383" i="5" s="1"/>
  <c r="P6383" i="5" s="1"/>
  <c r="M3013" i="2"/>
  <c r="M2987" i="5" s="1"/>
  <c r="P2987" i="5" s="1"/>
  <c r="M161" i="2"/>
  <c r="M135" i="5" s="1"/>
  <c r="P135" i="5" s="1"/>
  <c r="M1377" i="2"/>
  <c r="M1351" i="5" s="1"/>
  <c r="P1351" i="5" s="1"/>
  <c r="M5037" i="2"/>
  <c r="M5011" i="5" s="1"/>
  <c r="P5011" i="5" s="1"/>
  <c r="J361" i="2"/>
  <c r="J335" i="5" s="1"/>
  <c r="N335" i="5" s="1"/>
  <c r="J5060" i="2"/>
  <c r="J5034" i="5" s="1"/>
  <c r="N5034" i="5" s="1"/>
  <c r="J3877" i="2"/>
  <c r="J3851" i="5" s="1"/>
  <c r="N3851" i="5" s="1"/>
  <c r="J2707" i="2"/>
  <c r="J2681" i="5" s="1"/>
  <c r="N2681" i="5" s="1"/>
  <c r="J5558" i="2"/>
  <c r="J5532" i="5" s="1"/>
  <c r="N5532" i="5" s="1"/>
  <c r="J2378" i="2"/>
  <c r="J2352" i="5" s="1"/>
  <c r="N2352" i="5" s="1"/>
  <c r="J3695" i="2"/>
  <c r="J3669" i="5" s="1"/>
  <c r="N3669" i="5" s="1"/>
  <c r="J2359" i="2"/>
  <c r="J2333" i="5" s="1"/>
  <c r="N2333" i="5" s="1"/>
  <c r="J6887" i="2"/>
  <c r="J6861" i="5" s="1"/>
  <c r="N6861" i="5" s="1"/>
  <c r="J4859" i="2"/>
  <c r="J4833" i="5" s="1"/>
  <c r="N4833" i="5" s="1"/>
  <c r="M5211" i="2"/>
  <c r="M5185" i="5" s="1"/>
  <c r="P5185" i="5" s="1"/>
  <c r="M7215" i="2"/>
  <c r="M7189" i="5" s="1"/>
  <c r="P7189" i="5" s="1"/>
  <c r="M3035" i="2"/>
  <c r="M3009" i="5" s="1"/>
  <c r="P3009" i="5" s="1"/>
  <c r="M2193" i="2"/>
  <c r="M2167" i="5" s="1"/>
  <c r="P2167" i="5" s="1"/>
  <c r="M2019" i="2"/>
  <c r="M1993" i="5" s="1"/>
  <c r="P1993" i="5" s="1"/>
  <c r="M4705" i="2"/>
  <c r="M4679" i="5" s="1"/>
  <c r="P4679" i="5" s="1"/>
  <c r="M2026" i="2"/>
  <c r="M2000" i="5" s="1"/>
  <c r="P2000" i="5" s="1"/>
  <c r="M8255" i="2"/>
  <c r="M8229" i="5" s="1"/>
  <c r="P8229" i="5" s="1"/>
  <c r="M4400" i="2"/>
  <c r="M4374" i="5" s="1"/>
  <c r="P4374" i="5" s="1"/>
  <c r="M6383" i="2"/>
  <c r="M6357" i="5" s="1"/>
  <c r="P6357" i="5" s="1"/>
  <c r="M3046" i="2"/>
  <c r="M3020" i="5" s="1"/>
  <c r="P3020" i="5" s="1"/>
  <c r="M7399" i="2"/>
  <c r="M7373" i="5" s="1"/>
  <c r="P7373" i="5" s="1"/>
  <c r="M7402" i="2"/>
  <c r="M7376" i="5" s="1"/>
  <c r="P7376" i="5" s="1"/>
  <c r="M3200" i="2"/>
  <c r="M3174" i="5" s="1"/>
  <c r="P3174" i="5" s="1"/>
  <c r="M5225" i="2"/>
  <c r="M5199" i="5" s="1"/>
  <c r="P5199" i="5" s="1"/>
  <c r="M5392" i="2"/>
  <c r="M5366" i="5" s="1"/>
  <c r="P5366" i="5" s="1"/>
  <c r="M2536" i="2"/>
  <c r="M2510" i="5" s="1"/>
  <c r="P2510" i="5" s="1"/>
  <c r="M1840" i="2"/>
  <c r="M1814" i="5" s="1"/>
  <c r="P1814" i="5" s="1"/>
  <c r="M1192" i="2"/>
  <c r="M1166" i="5" s="1"/>
  <c r="P1166" i="5" s="1"/>
  <c r="M2517" i="2"/>
  <c r="M2491" i="5" s="1"/>
  <c r="P2491" i="5" s="1"/>
  <c r="M1198" i="2"/>
  <c r="M1172" i="5" s="1"/>
  <c r="P1172" i="5" s="1"/>
  <c r="M7582" i="2"/>
  <c r="M7556" i="5" s="1"/>
  <c r="P7556" i="5" s="1"/>
  <c r="M7720" i="2"/>
  <c r="M7694" i="5" s="1"/>
  <c r="P7694" i="5" s="1"/>
  <c r="M680" i="2"/>
  <c r="M654" i="5" s="1"/>
  <c r="P654" i="5" s="1"/>
  <c r="M365" i="2"/>
  <c r="M339" i="5" s="1"/>
  <c r="P339" i="5" s="1"/>
  <c r="M7890" i="2"/>
  <c r="M7864" i="5" s="1"/>
  <c r="P7864" i="5" s="1"/>
  <c r="M6218" i="2"/>
  <c r="M6192" i="5" s="1"/>
  <c r="P6192" i="5" s="1"/>
  <c r="M7895" i="2"/>
  <c r="M7869" i="5" s="1"/>
  <c r="P7869" i="5" s="1"/>
  <c r="M1704" i="2"/>
  <c r="M1678" i="5" s="1"/>
  <c r="P1678" i="5" s="1"/>
  <c r="M681" i="2"/>
  <c r="M655" i="5" s="1"/>
  <c r="P655" i="5" s="1"/>
  <c r="M2205" i="2"/>
  <c r="M2179" i="5" s="1"/>
  <c r="P2179" i="5" s="1"/>
  <c r="M6411" i="2"/>
  <c r="M6385" i="5" s="1"/>
  <c r="P6385" i="5" s="1"/>
  <c r="M8724" i="2"/>
  <c r="M8698" i="5" s="1"/>
  <c r="P8698" i="5" s="1"/>
  <c r="M6370" i="2"/>
  <c r="M6344" i="5" s="1"/>
  <c r="P6344" i="5" s="1"/>
  <c r="M2511" i="2"/>
  <c r="M2485" i="5" s="1"/>
  <c r="P2485" i="5" s="1"/>
  <c r="M1510" i="2"/>
  <c r="M1484" i="5" s="1"/>
  <c r="P1484" i="5" s="1"/>
  <c r="M7214" i="2"/>
  <c r="M7188" i="5" s="1"/>
  <c r="P7188" i="5" s="1"/>
  <c r="M5046" i="2"/>
  <c r="M5020" i="5" s="1"/>
  <c r="P5020" i="5" s="1"/>
  <c r="M8769" i="2"/>
  <c r="M8743" i="5" s="1"/>
  <c r="P8743" i="5" s="1"/>
  <c r="M8587" i="2"/>
  <c r="M8561" i="5" s="1"/>
  <c r="P8561" i="5" s="1"/>
  <c r="M1863" i="2"/>
  <c r="M1837" i="5" s="1"/>
  <c r="P1837" i="5" s="1"/>
  <c r="M7237" i="2"/>
  <c r="M7211" i="5" s="1"/>
  <c r="P7211" i="5" s="1"/>
  <c r="M4037" i="2"/>
  <c r="M4011" i="5" s="1"/>
  <c r="P4011" i="5" s="1"/>
  <c r="M1181" i="2"/>
  <c r="M1155" i="5" s="1"/>
  <c r="P1155" i="5" s="1"/>
  <c r="M669" i="2"/>
  <c r="M643" i="5" s="1"/>
  <c r="P643" i="5" s="1"/>
  <c r="M3520" i="2"/>
  <c r="M3494" i="5" s="1"/>
  <c r="P3494" i="5" s="1"/>
  <c r="M2881" i="2"/>
  <c r="M2855" i="5" s="1"/>
  <c r="P2855" i="5" s="1"/>
  <c r="M2711" i="2"/>
  <c r="M2685" i="5" s="1"/>
  <c r="P2685" i="5" s="1"/>
  <c r="M846" i="2"/>
  <c r="M820" i="5" s="1"/>
  <c r="P820" i="5" s="1"/>
  <c r="M6911" i="2"/>
  <c r="M6885" i="5" s="1"/>
  <c r="P6885" i="5" s="1"/>
  <c r="M2888" i="2"/>
  <c r="M2862" i="5" s="1"/>
  <c r="P2862" i="5" s="1"/>
  <c r="M8738" i="2"/>
  <c r="M8712" i="5" s="1"/>
  <c r="P8712" i="5" s="1"/>
  <c r="M1375" i="2"/>
  <c r="M1349" i="5" s="1"/>
  <c r="P1349" i="5" s="1"/>
  <c r="M5732" i="2"/>
  <c r="M5706" i="5" s="1"/>
  <c r="P5706" i="5" s="1"/>
  <c r="M2183" i="2"/>
  <c r="M2157" i="5" s="1"/>
  <c r="P2157" i="5" s="1"/>
  <c r="M1184" i="2"/>
  <c r="M1158" i="5" s="1"/>
  <c r="P1158" i="5" s="1"/>
  <c r="M1834" i="2"/>
  <c r="M1808" i="5" s="1"/>
  <c r="P1808" i="5" s="1"/>
  <c r="M6228" i="2"/>
  <c r="M6202" i="5" s="1"/>
  <c r="P6202" i="5" s="1"/>
  <c r="M7904" i="2"/>
  <c r="M7878" i="5" s="1"/>
  <c r="P7878" i="5" s="1"/>
  <c r="M5227" i="2"/>
  <c r="M5201" i="5" s="1"/>
  <c r="P5201" i="5" s="1"/>
  <c r="M8725" i="2"/>
  <c r="M8699" i="5" s="1"/>
  <c r="P8699" i="5" s="1"/>
  <c r="M8250" i="2"/>
  <c r="M8224" i="5" s="1"/>
  <c r="P8224" i="5" s="1"/>
  <c r="M6890" i="2"/>
  <c r="M6864" i="5" s="1"/>
  <c r="P6864" i="5" s="1"/>
  <c r="M2871" i="2"/>
  <c r="M2845" i="5" s="1"/>
  <c r="P2845" i="5" s="1"/>
  <c r="M4716" i="2"/>
  <c r="M4690" i="5" s="1"/>
  <c r="P4690" i="5" s="1"/>
  <c r="M197" i="2"/>
  <c r="M171" i="5" s="1"/>
  <c r="P171" i="5" s="1"/>
  <c r="M828" i="2"/>
  <c r="M802" i="5" s="1"/>
  <c r="P802" i="5" s="1"/>
  <c r="M1020" i="2"/>
  <c r="M994" i="5" s="1"/>
  <c r="P994" i="5" s="1"/>
  <c r="M6204" i="2"/>
  <c r="M6178" i="5" s="1"/>
  <c r="P6178" i="5" s="1"/>
  <c r="M5913" i="2"/>
  <c r="M5887" i="5" s="1"/>
  <c r="P5887" i="5" s="1"/>
  <c r="M830" i="2"/>
  <c r="M804" i="5" s="1"/>
  <c r="P804" i="5" s="1"/>
  <c r="M2530" i="2"/>
  <c r="M2504" i="5" s="1"/>
  <c r="P2504" i="5" s="1"/>
  <c r="M8585" i="2"/>
  <c r="M8559" i="5" s="1"/>
  <c r="P8559" i="5" s="1"/>
  <c r="M323" i="2"/>
  <c r="M297" i="5" s="1"/>
  <c r="P297" i="5" s="1"/>
  <c r="M2851" i="2"/>
  <c r="M2825" i="5" s="1"/>
  <c r="P2825" i="5" s="1"/>
  <c r="M7737" i="2"/>
  <c r="M7711" i="5" s="1"/>
  <c r="P7711" i="5" s="1"/>
  <c r="M8579" i="2"/>
  <c r="M8553" i="5" s="1"/>
  <c r="P8553" i="5" s="1"/>
  <c r="M6885" i="2"/>
  <c r="M6859" i="5" s="1"/>
  <c r="P6859" i="5" s="1"/>
  <c r="M6377" i="2"/>
  <c r="M6351" i="5" s="1"/>
  <c r="P6351" i="5" s="1"/>
  <c r="M6374" i="2"/>
  <c r="M6348" i="5" s="1"/>
  <c r="P6348" i="5" s="1"/>
  <c r="M8230" i="2"/>
  <c r="M8204" i="5" s="1"/>
  <c r="P8204" i="5" s="1"/>
  <c r="M5744" i="2"/>
  <c r="M5718" i="5" s="1"/>
  <c r="P5718" i="5" s="1"/>
  <c r="M5033" i="2"/>
  <c r="M5007" i="5" s="1"/>
  <c r="P5007" i="5" s="1"/>
  <c r="M3850" i="2"/>
  <c r="M3824" i="5" s="1"/>
  <c r="P3824" i="5" s="1"/>
  <c r="M7398" i="2"/>
  <c r="M7372" i="5" s="1"/>
  <c r="P7372" i="5" s="1"/>
  <c r="M348" i="2"/>
  <c r="M322" i="5" s="1"/>
  <c r="P322" i="5" s="1"/>
  <c r="M3029" i="2"/>
  <c r="M3003" i="5" s="1"/>
  <c r="P3003" i="5" s="1"/>
  <c r="M5553" i="2"/>
  <c r="M5527" i="5" s="1"/>
  <c r="P5527" i="5" s="1"/>
  <c r="M1024" i="2"/>
  <c r="M998" i="5" s="1"/>
  <c r="P998" i="5" s="1"/>
  <c r="M6380" i="2"/>
  <c r="M6354" i="5" s="1"/>
  <c r="P6354" i="5" s="1"/>
  <c r="M6413" i="2"/>
  <c r="M6387" i="5" s="1"/>
  <c r="P6387" i="5" s="1"/>
  <c r="M1007" i="2"/>
  <c r="M981" i="5" s="1"/>
  <c r="P981" i="5" s="1"/>
  <c r="M2522" i="2"/>
  <c r="M2496" i="5" s="1"/>
  <c r="P2496" i="5" s="1"/>
  <c r="M2023" i="2"/>
  <c r="M1997" i="5" s="1"/>
  <c r="P1997" i="5" s="1"/>
  <c r="M3189" i="2"/>
  <c r="M3163" i="5" s="1"/>
  <c r="P3163" i="5" s="1"/>
  <c r="M8406" i="2"/>
  <c r="M8380" i="5" s="1"/>
  <c r="P8380" i="5" s="1"/>
  <c r="M4905" i="2"/>
  <c r="M4879" i="5" s="1"/>
  <c r="P4879" i="5" s="1"/>
  <c r="M8070" i="2"/>
  <c r="M8044" i="5" s="1"/>
  <c r="P8044" i="5" s="1"/>
  <c r="M6880" i="2"/>
  <c r="M6854" i="5" s="1"/>
  <c r="P6854" i="5" s="1"/>
  <c r="M8227" i="2"/>
  <c r="M8201" i="5" s="1"/>
  <c r="P8201" i="5" s="1"/>
  <c r="M853" i="2"/>
  <c r="M827" i="5" s="1"/>
  <c r="P827" i="5" s="1"/>
  <c r="M1876" i="2"/>
  <c r="M1850" i="5" s="1"/>
  <c r="P1850" i="5" s="1"/>
  <c r="M201" i="2"/>
  <c r="M175" i="5" s="1"/>
  <c r="P175" i="5" s="1"/>
  <c r="M7257" i="2"/>
  <c r="M7231" i="5" s="1"/>
  <c r="P7231" i="5" s="1"/>
  <c r="M8388" i="2"/>
  <c r="M8362" i="5" s="1"/>
  <c r="P8362" i="5" s="1"/>
  <c r="M7581" i="2"/>
  <c r="M7555" i="5" s="1"/>
  <c r="P7555" i="5" s="1"/>
  <c r="M4056" i="2"/>
  <c r="M4030" i="5" s="1"/>
  <c r="P4030" i="5" s="1"/>
  <c r="M4712" i="2"/>
  <c r="M4686" i="5" s="1"/>
  <c r="P4686" i="5" s="1"/>
  <c r="M5566" i="2"/>
  <c r="M5540" i="5" s="1"/>
  <c r="P5540" i="5" s="1"/>
  <c r="M1177" i="2"/>
  <c r="M1151" i="5" s="1"/>
  <c r="P1151" i="5" s="1"/>
  <c r="M7422" i="2"/>
  <c r="M7396" i="5" s="1"/>
  <c r="P7396" i="5" s="1"/>
  <c r="M4223" i="2"/>
  <c r="M4197" i="5" s="1"/>
  <c r="P4197" i="5" s="1"/>
  <c r="M7897" i="2"/>
  <c r="M7871" i="5" s="1"/>
  <c r="P7871" i="5" s="1"/>
  <c r="M4706" i="2"/>
  <c r="M4680" i="5" s="1"/>
  <c r="P4680" i="5" s="1"/>
  <c r="M7753" i="2"/>
  <c r="M7727" i="5" s="1"/>
  <c r="P7727" i="5" s="1"/>
  <c r="M5072" i="2"/>
  <c r="M5046" i="5" s="1"/>
  <c r="P5046" i="5" s="1"/>
  <c r="M865" i="2"/>
  <c r="M839" i="5" s="1"/>
  <c r="P839" i="5" s="1"/>
  <c r="M2175" i="2"/>
  <c r="M2149" i="5" s="1"/>
  <c r="P2149" i="5" s="1"/>
  <c r="M6406" i="2"/>
  <c r="M6380" i="5" s="1"/>
  <c r="P6380" i="5" s="1"/>
  <c r="M1673" i="2"/>
  <c r="M1647" i="5" s="1"/>
  <c r="P1647" i="5" s="1"/>
  <c r="M194" i="2"/>
  <c r="M168" i="5" s="1"/>
  <c r="P168" i="5" s="1"/>
  <c r="M7087" i="2"/>
  <c r="M7061" i="5" s="1"/>
  <c r="P7061" i="5" s="1"/>
  <c r="M3044" i="2"/>
  <c r="M3018" i="5" s="1"/>
  <c r="P3018" i="5" s="1"/>
  <c r="M7236" i="2"/>
  <c r="M7210" i="5" s="1"/>
  <c r="P7210" i="5" s="1"/>
  <c r="M1515" i="2"/>
  <c r="M1489" i="5" s="1"/>
  <c r="P1489" i="5" s="1"/>
  <c r="M8225" i="2"/>
  <c r="M8199" i="5" s="1"/>
  <c r="P8199" i="5" s="1"/>
  <c r="M7756" i="2"/>
  <c r="M7730" i="5" s="1"/>
  <c r="P7730" i="5" s="1"/>
  <c r="M3211" i="2"/>
  <c r="M3185" i="5" s="1"/>
  <c r="P3185" i="5" s="1"/>
  <c r="M6051" i="2"/>
  <c r="M6025" i="5" s="1"/>
  <c r="P6025" i="5" s="1"/>
  <c r="M1711" i="2"/>
  <c r="M1685" i="5" s="1"/>
  <c r="P1685" i="5" s="1"/>
  <c r="M3051" i="2"/>
  <c r="M3025" i="5" s="1"/>
  <c r="P3025" i="5" s="1"/>
  <c r="M168" i="2"/>
  <c r="M142" i="5" s="1"/>
  <c r="P142" i="5" s="1"/>
  <c r="M8572" i="2"/>
  <c r="M8546" i="5" s="1"/>
  <c r="P8546" i="5" s="1"/>
  <c r="M4539" i="2"/>
  <c r="M4513" i="5" s="1"/>
  <c r="P4513" i="5" s="1"/>
  <c r="M5197" i="2"/>
  <c r="M5171" i="5" s="1"/>
  <c r="P5171" i="5" s="1"/>
  <c r="M8221" i="2"/>
  <c r="M8195" i="5" s="1"/>
  <c r="P8195" i="5" s="1"/>
  <c r="M4023" i="2"/>
  <c r="M3997" i="5" s="1"/>
  <c r="P3997" i="5" s="1"/>
  <c r="M2714" i="2"/>
  <c r="M2688" i="5" s="1"/>
  <c r="P2688" i="5" s="1"/>
  <c r="M534" i="2"/>
  <c r="M508" i="5" s="1"/>
  <c r="P508" i="5" s="1"/>
  <c r="M6726" i="2"/>
  <c r="M6700" i="5" s="1"/>
  <c r="P6700" i="5" s="1"/>
  <c r="M5049" i="2"/>
  <c r="M5023" i="5" s="1"/>
  <c r="P5023" i="5" s="1"/>
  <c r="M1038" i="2"/>
  <c r="M1012" i="5" s="1"/>
  <c r="P1012" i="5" s="1"/>
  <c r="M7726" i="2"/>
  <c r="M7700" i="5" s="1"/>
  <c r="P7700" i="5" s="1"/>
  <c r="M8084" i="2"/>
  <c r="M8058" i="5" s="1"/>
  <c r="P8058" i="5" s="1"/>
  <c r="M6724" i="2"/>
  <c r="M6698" i="5" s="1"/>
  <c r="P6698" i="5" s="1"/>
  <c r="M2384" i="2"/>
  <c r="M2358" i="5" s="1"/>
  <c r="P2358" i="5" s="1"/>
  <c r="M5727" i="2"/>
  <c r="M5701" i="5" s="1"/>
  <c r="P5701" i="5" s="1"/>
  <c r="M3883" i="2"/>
  <c r="M3857" i="5" s="1"/>
  <c r="P3857" i="5" s="1"/>
  <c r="M2034" i="2"/>
  <c r="M2008" i="5" s="1"/>
  <c r="P2008" i="5" s="1"/>
  <c r="M6238" i="2"/>
  <c r="M6212" i="5" s="1"/>
  <c r="P6212" i="5" s="1"/>
  <c r="M7218" i="2"/>
  <c r="M7192" i="5" s="1"/>
  <c r="P7192" i="5" s="1"/>
  <c r="M4187" i="2"/>
  <c r="M4161" i="5" s="1"/>
  <c r="P4161" i="5" s="1"/>
  <c r="M8059" i="2"/>
  <c r="M8033" i="5" s="1"/>
  <c r="P8033" i="5" s="1"/>
  <c r="M1879" i="2"/>
  <c r="M1853" i="5" s="1"/>
  <c r="P1853" i="5" s="1"/>
  <c r="M8764" i="2"/>
  <c r="M8738" i="5" s="1"/>
  <c r="P8738" i="5" s="1"/>
  <c r="M2523" i="2"/>
  <c r="M2497" i="5" s="1"/>
  <c r="P2497" i="5" s="1"/>
  <c r="M7086" i="2"/>
  <c r="M7060" i="5" s="1"/>
  <c r="P7060" i="5" s="1"/>
  <c r="M7555" i="2"/>
  <c r="M7529" i="5" s="1"/>
  <c r="P7529" i="5" s="1"/>
  <c r="M3687" i="2"/>
  <c r="M3661" i="5" s="1"/>
  <c r="P3661" i="5" s="1"/>
  <c r="M7254" i="2"/>
  <c r="M7228" i="5" s="1"/>
  <c r="P7228" i="5" s="1"/>
  <c r="M1175" i="2"/>
  <c r="M1149" i="5" s="1"/>
  <c r="P1149" i="5" s="1"/>
  <c r="M7251" i="2"/>
  <c r="M7225" i="5" s="1"/>
  <c r="P7225" i="5" s="1"/>
  <c r="M2876" i="2"/>
  <c r="M2850" i="5" s="1"/>
  <c r="P2850" i="5" s="1"/>
  <c r="M2719" i="2"/>
  <c r="M2693" i="5" s="1"/>
  <c r="P2693" i="5" s="1"/>
  <c r="M3366" i="2"/>
  <c r="M3340" i="5" s="1"/>
  <c r="P3340" i="5" s="1"/>
  <c r="M496" i="2"/>
  <c r="M470" i="5" s="1"/>
  <c r="P470" i="5" s="1"/>
  <c r="M6881" i="2"/>
  <c r="M6855" i="5" s="1"/>
  <c r="P6855" i="5" s="1"/>
  <c r="M1690" i="2"/>
  <c r="M1664" i="5" s="1"/>
  <c r="P1664" i="5" s="1"/>
  <c r="M200" i="2"/>
  <c r="M174" i="5" s="1"/>
  <c r="P174" i="5" s="1"/>
  <c r="M6065" i="2"/>
  <c r="M6039" i="5" s="1"/>
  <c r="P6039" i="5" s="1"/>
  <c r="M2360" i="2"/>
  <c r="M2334" i="5" s="1"/>
  <c r="P2334" i="5" s="1"/>
  <c r="M8092" i="2"/>
  <c r="M8066" i="5" s="1"/>
  <c r="P8066" i="5" s="1"/>
  <c r="M7425" i="2"/>
  <c r="M7399" i="5" s="1"/>
  <c r="P7399" i="5" s="1"/>
  <c r="M3372" i="2"/>
  <c r="M3346" i="5" s="1"/>
  <c r="P3346" i="5" s="1"/>
  <c r="M5230" i="2"/>
  <c r="M5204" i="5" s="1"/>
  <c r="P5204" i="5" s="1"/>
  <c r="M860" i="2"/>
  <c r="M834" i="5" s="1"/>
  <c r="P834" i="5" s="1"/>
  <c r="M8728" i="2"/>
  <c r="M8702" i="5" s="1"/>
  <c r="P8702" i="5" s="1"/>
  <c r="M2009" i="2"/>
  <c r="M1983" i="5" s="1"/>
  <c r="P1983" i="5" s="1"/>
  <c r="M3560" i="2"/>
  <c r="M3534" i="5" s="1"/>
  <c r="P3534" i="5" s="1"/>
  <c r="M2880" i="2"/>
  <c r="M2854" i="5" s="1"/>
  <c r="P2854" i="5" s="1"/>
  <c r="M8094" i="2"/>
  <c r="M8068" i="5" s="1"/>
  <c r="P8068" i="5" s="1"/>
  <c r="M4020" i="2"/>
  <c r="M3994" i="5" s="1"/>
  <c r="P3994" i="5" s="1"/>
  <c r="M2863" i="2"/>
  <c r="M2837" i="5" s="1"/>
  <c r="P2837" i="5" s="1"/>
  <c r="M4367" i="2"/>
  <c r="M4341" i="5" s="1"/>
  <c r="P4341" i="5" s="1"/>
  <c r="M5384" i="2"/>
  <c r="M5358" i="5" s="1"/>
  <c r="P5358" i="5" s="1"/>
  <c r="M5370" i="2"/>
  <c r="M5344" i="5" s="1"/>
  <c r="P5344" i="5" s="1"/>
  <c r="M6720" i="2"/>
  <c r="M6694" i="5" s="1"/>
  <c r="P6694" i="5" s="1"/>
  <c r="M836" i="2"/>
  <c r="M810" i="5" s="1"/>
  <c r="P810" i="5" s="1"/>
  <c r="M696" i="2"/>
  <c r="M670" i="5" s="1"/>
  <c r="P670" i="5" s="1"/>
  <c r="M4231" i="2"/>
  <c r="M4205" i="5" s="1"/>
  <c r="P4205" i="5" s="1"/>
  <c r="M3179" i="2"/>
  <c r="M3153" i="5" s="1"/>
  <c r="P3153" i="5" s="1"/>
  <c r="M3347" i="2"/>
  <c r="M3321" i="5" s="1"/>
  <c r="P3321" i="5" s="1"/>
  <c r="M4550" i="2"/>
  <c r="M4524" i="5" s="1"/>
  <c r="P4524" i="5" s="1"/>
  <c r="M7213" i="2"/>
  <c r="M7187" i="5" s="1"/>
  <c r="P7187" i="5" s="1"/>
  <c r="M511" i="2"/>
  <c r="M485" i="5" s="1"/>
  <c r="P485" i="5" s="1"/>
  <c r="M4202" i="2"/>
  <c r="M4176" i="5" s="1"/>
  <c r="P4176" i="5" s="1"/>
  <c r="M1188" i="2"/>
  <c r="M1162" i="5" s="1"/>
  <c r="P1162" i="5" s="1"/>
  <c r="M3703" i="2"/>
  <c r="M3677" i="5" s="1"/>
  <c r="P3677" i="5" s="1"/>
  <c r="M8395" i="2"/>
  <c r="M8369" i="5" s="1"/>
  <c r="P8369" i="5" s="1"/>
  <c r="M5912" i="2"/>
  <c r="M5886" i="5" s="1"/>
  <c r="P5886" i="5" s="1"/>
  <c r="M3197" i="2"/>
  <c r="M3171" i="5" s="1"/>
  <c r="P3171" i="5" s="1"/>
  <c r="M8419" i="2"/>
  <c r="M8393" i="5" s="1"/>
  <c r="P8393" i="5" s="1"/>
  <c r="M672" i="2"/>
  <c r="M646" i="5" s="1"/>
  <c r="P646" i="5" s="1"/>
  <c r="M1853" i="2"/>
  <c r="M1827" i="5" s="1"/>
  <c r="P1827" i="5" s="1"/>
  <c r="M8259" i="2"/>
  <c r="M8233" i="5" s="1"/>
  <c r="P8233" i="5" s="1"/>
  <c r="M8090" i="2"/>
  <c r="M8064" i="5" s="1"/>
  <c r="P8064" i="5" s="1"/>
  <c r="M1183" i="2"/>
  <c r="M1157" i="5" s="1"/>
  <c r="P1157" i="5" s="1"/>
  <c r="M1354" i="2"/>
  <c r="M1328" i="5" s="1"/>
  <c r="P1328" i="5" s="1"/>
  <c r="M2182" i="2"/>
  <c r="M2156" i="5" s="1"/>
  <c r="P2156" i="5" s="1"/>
  <c r="M5198" i="2"/>
  <c r="M5172" i="5" s="1"/>
  <c r="P5172" i="5" s="1"/>
  <c r="M5396" i="2"/>
  <c r="M5370" i="5" s="1"/>
  <c r="P5370" i="5" s="1"/>
  <c r="M8575" i="2"/>
  <c r="M8549" i="5" s="1"/>
  <c r="P8549" i="5" s="1"/>
  <c r="M6544" i="2"/>
  <c r="M6518" i="5" s="1"/>
  <c r="P6518" i="5" s="1"/>
  <c r="M347" i="2"/>
  <c r="M321" i="5" s="1"/>
  <c r="P321" i="5" s="1"/>
  <c r="M2676" i="2"/>
  <c r="M2650" i="5" s="1"/>
  <c r="P2650" i="5" s="1"/>
  <c r="M350" i="2"/>
  <c r="M324" i="5" s="1"/>
  <c r="P324" i="5" s="1"/>
  <c r="M7584" i="2"/>
  <c r="M7558" i="5" s="1"/>
  <c r="P7558" i="5" s="1"/>
  <c r="M492" i="2"/>
  <c r="M466" i="5" s="1"/>
  <c r="P466" i="5" s="1"/>
  <c r="M1845" i="2"/>
  <c r="M1819" i="5" s="1"/>
  <c r="P1819" i="5" s="1"/>
  <c r="M3203" i="2"/>
  <c r="M3177" i="5" s="1"/>
  <c r="P3177" i="5" s="1"/>
  <c r="M8053" i="2"/>
  <c r="M8027" i="5" s="1"/>
  <c r="P8027" i="5" s="1"/>
  <c r="M7714" i="2"/>
  <c r="M7688" i="5" s="1"/>
  <c r="P7688" i="5" s="1"/>
  <c r="M3870" i="2"/>
  <c r="M3844" i="5" s="1"/>
  <c r="P3844" i="5" s="1"/>
  <c r="M3030" i="2"/>
  <c r="M3004" i="5" s="1"/>
  <c r="P3004" i="5" s="1"/>
  <c r="M5548" i="2"/>
  <c r="M5522" i="5" s="1"/>
  <c r="P5522" i="5" s="1"/>
  <c r="M7751" i="2"/>
  <c r="M7725" i="5" s="1"/>
  <c r="P7725" i="5" s="1"/>
  <c r="M3053" i="2"/>
  <c r="M3027" i="5" s="1"/>
  <c r="P3027" i="5" s="1"/>
  <c r="M1675" i="2"/>
  <c r="M1649" i="5" s="1"/>
  <c r="P1649" i="5" s="1"/>
  <c r="M1016" i="2"/>
  <c r="M990" i="5" s="1"/>
  <c r="P990" i="5" s="1"/>
  <c r="M4701" i="2"/>
  <c r="M4675" i="5" s="1"/>
  <c r="P4675" i="5" s="1"/>
  <c r="M4711" i="2"/>
  <c r="M4685" i="5" s="1"/>
  <c r="P4685" i="5" s="1"/>
  <c r="M1006" i="2"/>
  <c r="M980" i="5" s="1"/>
  <c r="P980" i="5" s="1"/>
  <c r="M4378" i="2"/>
  <c r="M4352" i="5" s="1"/>
  <c r="P4352" i="5" s="1"/>
  <c r="M5366" i="2"/>
  <c r="M5340" i="5" s="1"/>
  <c r="P5340" i="5" s="1"/>
  <c r="M6555" i="2"/>
  <c r="M6529" i="5" s="1"/>
  <c r="P6529" i="5" s="1"/>
  <c r="M4025" i="2"/>
  <c r="M3999" i="5" s="1"/>
  <c r="P3999" i="5" s="1"/>
  <c r="M158" i="2"/>
  <c r="M132" i="5" s="1"/>
  <c r="P132" i="5" s="1"/>
  <c r="M6047" i="2"/>
  <c r="M6021" i="5" s="1"/>
  <c r="P6021" i="5" s="1"/>
  <c r="M2883" i="2"/>
  <c r="M2857" i="5" s="1"/>
  <c r="P2857" i="5" s="1"/>
  <c r="M3891" i="2"/>
  <c r="M3865" i="5" s="1"/>
  <c r="P3865" i="5" s="1"/>
  <c r="M8241" i="2"/>
  <c r="M8215" i="5" s="1"/>
  <c r="P8215" i="5" s="1"/>
  <c r="M8431" i="2"/>
  <c r="M8405" i="5" s="1"/>
  <c r="P8405" i="5" s="1"/>
  <c r="M6712" i="2"/>
  <c r="M6686" i="5" s="1"/>
  <c r="P6686" i="5" s="1"/>
  <c r="M1842" i="2"/>
  <c r="M1816" i="5" s="1"/>
  <c r="P1816" i="5" s="1"/>
  <c r="M2529" i="2"/>
  <c r="M2503" i="5" s="1"/>
  <c r="P2503" i="5" s="1"/>
  <c r="M7217" i="2"/>
  <c r="M7191" i="5" s="1"/>
  <c r="P7191" i="5" s="1"/>
  <c r="M5536" i="2"/>
  <c r="M5510" i="5" s="1"/>
  <c r="P5510" i="5" s="1"/>
  <c r="M3875" i="2"/>
  <c r="M3849" i="5" s="1"/>
  <c r="P3849" i="5" s="1"/>
  <c r="M4382" i="2"/>
  <c r="M4356" i="5" s="1"/>
  <c r="P4356" i="5" s="1"/>
  <c r="M7728" i="2"/>
  <c r="M7702" i="5" s="1"/>
  <c r="P7702" i="5" s="1"/>
  <c r="M344" i="2"/>
  <c r="M318" i="5" s="1"/>
  <c r="P318" i="5" s="1"/>
  <c r="M7574" i="2"/>
  <c r="M7548" i="5" s="1"/>
  <c r="P7548" i="5" s="1"/>
  <c r="M5214" i="2"/>
  <c r="M5188" i="5" s="1"/>
  <c r="P5188" i="5" s="1"/>
  <c r="M4549" i="2"/>
  <c r="M4523" i="5" s="1"/>
  <c r="P4523" i="5" s="1"/>
  <c r="M5372" i="2"/>
  <c r="M5346" i="5" s="1"/>
  <c r="P5346" i="5" s="1"/>
  <c r="M4393" i="2"/>
  <c r="M4367" i="5" s="1"/>
  <c r="P4367" i="5" s="1"/>
  <c r="M6909" i="2"/>
  <c r="M6883" i="5" s="1"/>
  <c r="P6883" i="5" s="1"/>
  <c r="M7902" i="2"/>
  <c r="M7876" i="5" s="1"/>
  <c r="P7876" i="5" s="1"/>
  <c r="M1501" i="2"/>
  <c r="M1475" i="5" s="1"/>
  <c r="P1475" i="5" s="1"/>
  <c r="M8392" i="2"/>
  <c r="M8366" i="5" s="1"/>
  <c r="P8366" i="5" s="1"/>
  <c r="M705" i="2"/>
  <c r="M679" i="5" s="1"/>
  <c r="P679" i="5" s="1"/>
  <c r="M6211" i="2"/>
  <c r="M6185" i="5" s="1"/>
  <c r="P6185" i="5" s="1"/>
  <c r="M2208" i="2"/>
  <c r="M2182" i="5" s="1"/>
  <c r="P2182" i="5" s="1"/>
  <c r="M1001" i="2"/>
  <c r="M975" i="5" s="1"/>
  <c r="P975" i="5" s="1"/>
  <c r="M5562" i="2"/>
  <c r="M5536" i="5" s="1"/>
  <c r="P5536" i="5" s="1"/>
  <c r="M1878" i="2"/>
  <c r="M1852" i="5" s="1"/>
  <c r="P1852" i="5" s="1"/>
  <c r="M4224" i="2"/>
  <c r="M4198" i="5" s="1"/>
  <c r="P4198" i="5" s="1"/>
  <c r="M5904" i="2"/>
  <c r="M5878" i="5" s="1"/>
  <c r="P5878" i="5" s="1"/>
  <c r="M7578" i="2"/>
  <c r="M7552" i="5" s="1"/>
  <c r="P7552" i="5" s="1"/>
  <c r="M6226" i="2"/>
  <c r="M6200" i="5" s="1"/>
  <c r="P6200" i="5" s="1"/>
  <c r="M6539" i="2"/>
  <c r="M6513" i="5" s="1"/>
  <c r="P6513" i="5" s="1"/>
  <c r="M7383" i="2"/>
  <c r="M7357" i="5" s="1"/>
  <c r="P7357" i="5" s="1"/>
  <c r="M7044" i="2"/>
  <c r="M7018" i="5" s="1"/>
  <c r="P7018" i="5" s="1"/>
  <c r="M4871" i="2"/>
  <c r="M4845" i="5" s="1"/>
  <c r="P4845" i="5" s="1"/>
  <c r="M3855" i="2"/>
  <c r="M3829" i="5" s="1"/>
  <c r="P3829" i="5" s="1"/>
  <c r="M1857" i="2"/>
  <c r="M1831" i="5" s="1"/>
  <c r="P1831" i="5" s="1"/>
  <c r="M1360" i="2"/>
  <c r="M1334" i="5" s="1"/>
  <c r="P1334" i="5" s="1"/>
  <c r="M6387" i="2"/>
  <c r="M6361" i="5" s="1"/>
  <c r="P6361" i="5" s="1"/>
  <c r="M3034" i="2"/>
  <c r="M3008" i="5" s="1"/>
  <c r="P3008" i="5" s="1"/>
  <c r="M3688" i="2"/>
  <c r="M3662" i="5" s="1"/>
  <c r="P3662" i="5" s="1"/>
  <c r="M5907" i="2"/>
  <c r="M5881" i="5" s="1"/>
  <c r="P5881" i="5" s="1"/>
  <c r="M6750" i="2"/>
  <c r="M6724" i="5" s="1"/>
  <c r="P6724" i="5" s="1"/>
  <c r="M5044" i="2"/>
  <c r="M5018" i="5" s="1"/>
  <c r="P5018" i="5" s="1"/>
  <c r="M1163" i="2"/>
  <c r="M1137" i="5" s="1"/>
  <c r="P1137" i="5" s="1"/>
  <c r="M2539" i="2"/>
  <c r="M2513" i="5" s="1"/>
  <c r="P2513" i="5" s="1"/>
  <c r="M844" i="2"/>
  <c r="M818" i="5" s="1"/>
  <c r="P818" i="5" s="1"/>
  <c r="M7759" i="2"/>
  <c r="M7733" i="5" s="1"/>
  <c r="P7733" i="5" s="1"/>
  <c r="M4395" i="2"/>
  <c r="M4369" i="5" s="1"/>
  <c r="P4369" i="5" s="1"/>
  <c r="M2866" i="2"/>
  <c r="M2840" i="5" s="1"/>
  <c r="P2840" i="5" s="1"/>
  <c r="M704" i="2"/>
  <c r="M678" i="5" s="1"/>
  <c r="P678" i="5" s="1"/>
  <c r="M6397" i="2"/>
  <c r="M6371" i="5" s="1"/>
  <c r="P6371" i="5" s="1"/>
  <c r="M529" i="2"/>
  <c r="M503" i="5" s="1"/>
  <c r="P503" i="5" s="1"/>
  <c r="M6042" i="2"/>
  <c r="M6016" i="5" s="1"/>
  <c r="P6016" i="5" s="1"/>
  <c r="M5378" i="2"/>
  <c r="M5352" i="5" s="1"/>
  <c r="P5352" i="5" s="1"/>
  <c r="M1190" i="2"/>
  <c r="M1164" i="5" s="1"/>
  <c r="P1164" i="5" s="1"/>
  <c r="M2886" i="2"/>
  <c r="M2860" i="5" s="1"/>
  <c r="P2860" i="5" s="1"/>
  <c r="M4698" i="2"/>
  <c r="M4672" i="5" s="1"/>
  <c r="P4672" i="5" s="1"/>
  <c r="M7909" i="2"/>
  <c r="M7883" i="5" s="1"/>
  <c r="P7883" i="5" s="1"/>
  <c r="M7089" i="2"/>
  <c r="M7063" i="5" s="1"/>
  <c r="P7063" i="5" s="1"/>
  <c r="M6738" i="2"/>
  <c r="M6712" i="5" s="1"/>
  <c r="P6712" i="5" s="1"/>
  <c r="M3391" i="2"/>
  <c r="M3365" i="5" s="1"/>
  <c r="P3365" i="5" s="1"/>
  <c r="M2873" i="2"/>
  <c r="M2847" i="5" s="1"/>
  <c r="P2847" i="5" s="1"/>
  <c r="M334" i="2"/>
  <c r="M308" i="5" s="1"/>
  <c r="P308" i="5" s="1"/>
  <c r="M366" i="2"/>
  <c r="M340" i="5" s="1"/>
  <c r="P340" i="5" s="1"/>
  <c r="M4557" i="2"/>
  <c r="M4531" i="5" s="1"/>
  <c r="P4531" i="5" s="1"/>
  <c r="M7745" i="2"/>
  <c r="M7719" i="5" s="1"/>
  <c r="P7719" i="5" s="1"/>
  <c r="M671" i="2"/>
  <c r="M645" i="5" s="1"/>
  <c r="P645" i="5" s="1"/>
  <c r="M3541" i="2"/>
  <c r="M3515" i="5" s="1"/>
  <c r="P3515" i="5" s="1"/>
  <c r="M4201" i="2"/>
  <c r="M4175" i="5" s="1"/>
  <c r="P4175" i="5" s="1"/>
  <c r="M361" i="2"/>
  <c r="M335" i="5" s="1"/>
  <c r="P335" i="5" s="1"/>
  <c r="M1005" i="2"/>
  <c r="M979" i="5" s="1"/>
  <c r="P979" i="5" s="1"/>
  <c r="M701" i="2"/>
  <c r="M675" i="5" s="1"/>
  <c r="P675" i="5" s="1"/>
  <c r="M862" i="2"/>
  <c r="M836" i="5" s="1"/>
  <c r="P836" i="5" s="1"/>
  <c r="M6072" i="2"/>
  <c r="M6046" i="5" s="1"/>
  <c r="P6046" i="5" s="1"/>
  <c r="M3518" i="2"/>
  <c r="M3492" i="5" s="1"/>
  <c r="P3492" i="5" s="1"/>
  <c r="M5706" i="2"/>
  <c r="M5680" i="5" s="1"/>
  <c r="P5680" i="5" s="1"/>
  <c r="M6889" i="2"/>
  <c r="M6863" i="5" s="1"/>
  <c r="P6863" i="5" s="1"/>
  <c r="M1027" i="2"/>
  <c r="M1001" i="5" s="1"/>
  <c r="P1001" i="5" s="1"/>
  <c r="M3048" i="2"/>
  <c r="M3022" i="5" s="1"/>
  <c r="P3022" i="5" s="1"/>
  <c r="M1700" i="2"/>
  <c r="M1674" i="5" s="1"/>
  <c r="P1674" i="5" s="1"/>
  <c r="M2013" i="2"/>
  <c r="M1987" i="5" s="1"/>
  <c r="P1987" i="5" s="1"/>
  <c r="M1499" i="2"/>
  <c r="M1473" i="5" s="1"/>
  <c r="P1473" i="5" s="1"/>
  <c r="M6057" i="2"/>
  <c r="M6031" i="5" s="1"/>
  <c r="P6031" i="5" s="1"/>
  <c r="M2867" i="2"/>
  <c r="M2841" i="5" s="1"/>
  <c r="P2841" i="5" s="1"/>
  <c r="M852" i="2"/>
  <c r="M826" i="5" s="1"/>
  <c r="P826" i="5" s="1"/>
  <c r="M1708" i="2"/>
  <c r="M1682" i="5" s="1"/>
  <c r="P1682" i="5" s="1"/>
  <c r="M3367" i="2"/>
  <c r="M3341" i="5" s="1"/>
  <c r="P3341" i="5" s="1"/>
  <c r="M2696" i="2"/>
  <c r="M2670" i="5" s="1"/>
  <c r="P2670" i="5" s="1"/>
  <c r="M5743" i="2"/>
  <c r="M5717" i="5" s="1"/>
  <c r="P5717" i="5" s="1"/>
  <c r="M8086" i="2"/>
  <c r="M8060" i="5" s="1"/>
  <c r="P8060" i="5" s="1"/>
  <c r="M7420" i="2"/>
  <c r="M7394" i="5" s="1"/>
  <c r="P7394" i="5" s="1"/>
  <c r="M6538" i="2"/>
  <c r="M6512" i="5" s="1"/>
  <c r="P6512" i="5" s="1"/>
  <c r="M3711" i="2"/>
  <c r="M3685" i="5" s="1"/>
  <c r="P3685" i="5" s="1"/>
  <c r="M3191" i="2"/>
  <c r="M3165" i="5" s="1"/>
  <c r="P3165" i="5" s="1"/>
  <c r="M5725" i="2"/>
  <c r="M5699" i="5" s="1"/>
  <c r="P5699" i="5" s="1"/>
  <c r="M3709" i="2"/>
  <c r="M3683" i="5" s="1"/>
  <c r="P3683" i="5" s="1"/>
  <c r="M1330" i="2"/>
  <c r="M1304" i="5" s="1"/>
  <c r="P1304" i="5" s="1"/>
  <c r="M5900" i="2"/>
  <c r="M5874" i="5" s="1"/>
  <c r="P5874" i="5" s="1"/>
  <c r="M5206" i="2"/>
  <c r="M5180" i="5" s="1"/>
  <c r="P5180" i="5" s="1"/>
  <c r="M4695" i="2"/>
  <c r="M4669" i="5" s="1"/>
  <c r="P4669" i="5" s="1"/>
  <c r="M2889" i="2"/>
  <c r="M2863" i="5" s="1"/>
  <c r="P2863" i="5" s="1"/>
  <c r="M3361" i="2"/>
  <c r="M3335" i="5" s="1"/>
  <c r="P3335" i="5" s="1"/>
  <c r="M4065" i="2"/>
  <c r="M4039" i="5" s="1"/>
  <c r="P4039" i="5" s="1"/>
  <c r="M7567" i="2"/>
  <c r="M7541" i="5" s="1"/>
  <c r="P7541" i="5" s="1"/>
  <c r="M501" i="2"/>
  <c r="M475" i="5" s="1"/>
  <c r="P475" i="5" s="1"/>
  <c r="M2041" i="2"/>
  <c r="M2015" i="5" s="1"/>
  <c r="P2015" i="5" s="1"/>
  <c r="M1371" i="2"/>
  <c r="M1345" i="5" s="1"/>
  <c r="P1345" i="5" s="1"/>
  <c r="M8093" i="2"/>
  <c r="M8067" i="5" s="1"/>
  <c r="P8067" i="5" s="1"/>
  <c r="M3892" i="2"/>
  <c r="M3866" i="5" s="1"/>
  <c r="P3866" i="5" s="1"/>
  <c r="M2857" i="2"/>
  <c r="M2831" i="5" s="1"/>
  <c r="P2831" i="5" s="1"/>
  <c r="M3552" i="2"/>
  <c r="M3526" i="5" s="1"/>
  <c r="P3526" i="5" s="1"/>
  <c r="M3714" i="2"/>
  <c r="M3688" i="5" s="1"/>
  <c r="P3688" i="5" s="1"/>
  <c r="M851" i="2"/>
  <c r="M825" i="5" s="1"/>
  <c r="P825" i="5" s="1"/>
  <c r="M4902" i="2"/>
  <c r="M4876" i="5" s="1"/>
  <c r="P4876" i="5" s="1"/>
  <c r="M498" i="2"/>
  <c r="M472" i="5" s="1"/>
  <c r="P472" i="5" s="1"/>
  <c r="M8071" i="2"/>
  <c r="M8045" i="5" s="1"/>
  <c r="P8045" i="5" s="1"/>
  <c r="M3886" i="2"/>
  <c r="M3860" i="5" s="1"/>
  <c r="P3860" i="5" s="1"/>
  <c r="M7222" i="2"/>
  <c r="M7196" i="5" s="1"/>
  <c r="P7196" i="5" s="1"/>
  <c r="M4727" i="2"/>
  <c r="M4701" i="5" s="1"/>
  <c r="P4701" i="5" s="1"/>
  <c r="M1194" i="2"/>
  <c r="M1168" i="5" s="1"/>
  <c r="P1168" i="5" s="1"/>
  <c r="M1166" i="2"/>
  <c r="M1140" i="5" s="1"/>
  <c r="P1140" i="5" s="1"/>
  <c r="M849" i="2"/>
  <c r="M823" i="5" s="1"/>
  <c r="P823" i="5" s="1"/>
  <c r="M495" i="2"/>
  <c r="M469" i="5" s="1"/>
  <c r="P469" i="5" s="1"/>
  <c r="M1522" i="2"/>
  <c r="M1496" i="5" s="1"/>
  <c r="P1496" i="5" s="1"/>
  <c r="M364" i="2"/>
  <c r="M338" i="5" s="1"/>
  <c r="P338" i="5" s="1"/>
  <c r="M3032" i="2"/>
  <c r="M3006" i="5" s="1"/>
  <c r="P3006" i="5" s="1"/>
  <c r="M3026" i="2"/>
  <c r="M3000" i="5" s="1"/>
  <c r="P3000" i="5" s="1"/>
  <c r="M5882" i="2"/>
  <c r="M5856" i="5" s="1"/>
  <c r="P5856" i="5" s="1"/>
  <c r="M1343" i="2"/>
  <c r="M1317" i="5" s="1"/>
  <c r="P1317" i="5" s="1"/>
  <c r="M8407" i="2"/>
  <c r="M8381" i="5" s="1"/>
  <c r="P8381" i="5" s="1"/>
  <c r="M694" i="2"/>
  <c r="M668" i="5" s="1"/>
  <c r="P668" i="5" s="1"/>
  <c r="M2710" i="2"/>
  <c r="M2684" i="5" s="1"/>
  <c r="P2684" i="5" s="1"/>
  <c r="M2850" i="2"/>
  <c r="M2824" i="5" s="1"/>
  <c r="P2824" i="5" s="1"/>
  <c r="M1691" i="2"/>
  <c r="M1665" i="5" s="1"/>
  <c r="P1665" i="5" s="1"/>
  <c r="M6241" i="2"/>
  <c r="M6215" i="5" s="1"/>
  <c r="P6215" i="5" s="1"/>
  <c r="M3380" i="2"/>
  <c r="M3354" i="5" s="1"/>
  <c r="P3354" i="5" s="1"/>
  <c r="M2344" i="2"/>
  <c r="M2318" i="5" s="1"/>
  <c r="P2318" i="5" s="1"/>
  <c r="M2716" i="2"/>
  <c r="M2690" i="5" s="1"/>
  <c r="P2690" i="5" s="1"/>
  <c r="M7570" i="2"/>
  <c r="M7544" i="5" s="1"/>
  <c r="P7544" i="5" s="1"/>
  <c r="M4728" i="2"/>
  <c r="M4702" i="5" s="1"/>
  <c r="P4702" i="5" s="1"/>
  <c r="M7917" i="2"/>
  <c r="M7891" i="5" s="1"/>
  <c r="P7891" i="5" s="1"/>
  <c r="M6069" i="2"/>
  <c r="M6043" i="5" s="1"/>
  <c r="P6043" i="5" s="1"/>
  <c r="M7221" i="2"/>
  <c r="M7195" i="5" s="1"/>
  <c r="P7195" i="5" s="1"/>
  <c r="M5537" i="2"/>
  <c r="M5511" i="5" s="1"/>
  <c r="P5511" i="5" s="1"/>
  <c r="M3880" i="2"/>
  <c r="M3854" i="5" s="1"/>
  <c r="P3854" i="5" s="1"/>
  <c r="M4548" i="2"/>
  <c r="M4522" i="5" s="1"/>
  <c r="P4522" i="5" s="1"/>
  <c r="M1207" i="2"/>
  <c r="M1181" i="5" s="1"/>
  <c r="P1181" i="5" s="1"/>
  <c r="M5406" i="2"/>
  <c r="M5380" i="5" s="1"/>
  <c r="P5380" i="5" s="1"/>
  <c r="M8592" i="2"/>
  <c r="M8566" i="5" s="1"/>
  <c r="P8566" i="5" s="1"/>
  <c r="M4861" i="2"/>
  <c r="M4835" i="5" s="1"/>
  <c r="P4835" i="5" s="1"/>
  <c r="M2382" i="2"/>
  <c r="M2356" i="5" s="1"/>
  <c r="P2356" i="5" s="1"/>
  <c r="M4216" i="2"/>
  <c r="M4190" i="5" s="1"/>
  <c r="P4190" i="5" s="1"/>
  <c r="M1204" i="2"/>
  <c r="M1178" i="5" s="1"/>
  <c r="P1178" i="5" s="1"/>
  <c r="M4869" i="2"/>
  <c r="M4843" i="5" s="1"/>
  <c r="P4843" i="5" s="1"/>
  <c r="M5367" i="2"/>
  <c r="M5341" i="5" s="1"/>
  <c r="P5341" i="5" s="1"/>
  <c r="M2197" i="2"/>
  <c r="M2171" i="5" s="1"/>
  <c r="P2171" i="5" s="1"/>
  <c r="M3182" i="2"/>
  <c r="M3156" i="5" s="1"/>
  <c r="P3156" i="5" s="1"/>
  <c r="M1178" i="2"/>
  <c r="M1152" i="5" s="1"/>
  <c r="P1152" i="5" s="1"/>
  <c r="M1680" i="2"/>
  <c r="M1654" i="5" s="1"/>
  <c r="P1654" i="5" s="1"/>
  <c r="M5065" i="2"/>
  <c r="M5039" i="5" s="1"/>
  <c r="P5039" i="5" s="1"/>
  <c r="M5040" i="2"/>
  <c r="M5014" i="5" s="1"/>
  <c r="P5014" i="5" s="1"/>
  <c r="M5867" i="2"/>
  <c r="M5841" i="5" s="1"/>
  <c r="P5841" i="5" s="1"/>
  <c r="M6898" i="2"/>
  <c r="M6872" i="5" s="1"/>
  <c r="P6872" i="5" s="1"/>
  <c r="M3878" i="2"/>
  <c r="M3852" i="5" s="1"/>
  <c r="P3852" i="5" s="1"/>
  <c r="M4694" i="2"/>
  <c r="M4668" i="5" s="1"/>
  <c r="P4668" i="5" s="1"/>
  <c r="M8232" i="2"/>
  <c r="M8206" i="5" s="1"/>
  <c r="P8206" i="5" s="1"/>
  <c r="M527" i="2"/>
  <c r="M501" i="5" s="1"/>
  <c r="P501" i="5" s="1"/>
  <c r="M854" i="2"/>
  <c r="M828" i="5" s="1"/>
  <c r="P828" i="5" s="1"/>
  <c r="M4713" i="2"/>
  <c r="M4687" i="5" s="1"/>
  <c r="P4687" i="5" s="1"/>
  <c r="M5742" i="2"/>
  <c r="M5716" i="5" s="1"/>
  <c r="P5716" i="5" s="1"/>
  <c r="M7579" i="2"/>
  <c r="M7553" i="5" s="1"/>
  <c r="P7553" i="5" s="1"/>
  <c r="M8258" i="2"/>
  <c r="M8232" i="5" s="1"/>
  <c r="P8232" i="5" s="1"/>
  <c r="M7552" i="2"/>
  <c r="M7526" i="5" s="1"/>
  <c r="P7526" i="5" s="1"/>
  <c r="M8390" i="2"/>
  <c r="M8364" i="5" s="1"/>
  <c r="P8364" i="5" s="1"/>
  <c r="M2715" i="2"/>
  <c r="M2689" i="5" s="1"/>
  <c r="P2689" i="5" s="1"/>
  <c r="M6727" i="2"/>
  <c r="M6701" i="5" s="1"/>
  <c r="P6701" i="5" s="1"/>
  <c r="M8593" i="2"/>
  <c r="M8567" i="5" s="1"/>
  <c r="P8567" i="5" s="1"/>
  <c r="M3351" i="2"/>
  <c r="M3325" i="5" s="1"/>
  <c r="P3325" i="5" s="1"/>
  <c r="M7760" i="2"/>
  <c r="M7734" i="5" s="1"/>
  <c r="P7734" i="5" s="1"/>
  <c r="M2199" i="2"/>
  <c r="M2173" i="5" s="1"/>
  <c r="P2173" i="5" s="1"/>
  <c r="M8061" i="2"/>
  <c r="M8035" i="5" s="1"/>
  <c r="P8035" i="5" s="1"/>
  <c r="M7412" i="2"/>
  <c r="M7386" i="5" s="1"/>
  <c r="P7386" i="5" s="1"/>
  <c r="M6896" i="2"/>
  <c r="M6870" i="5" s="1"/>
  <c r="P6870" i="5" s="1"/>
  <c r="M2860" i="2"/>
  <c r="M2834" i="5" s="1"/>
  <c r="P2834" i="5" s="1"/>
  <c r="M4218" i="2"/>
  <c r="M4192" i="5" s="1"/>
  <c r="P4192" i="5" s="1"/>
  <c r="M1357" i="2"/>
  <c r="M1331" i="5" s="1"/>
  <c r="P1331" i="5" s="1"/>
  <c r="M5734" i="2"/>
  <c r="M5708" i="5" s="1"/>
  <c r="P5708" i="5" s="1"/>
  <c r="M6908" i="2"/>
  <c r="M6882" i="5" s="1"/>
  <c r="P6882" i="5" s="1"/>
  <c r="M5909" i="2"/>
  <c r="M5883" i="5" s="1"/>
  <c r="P5883" i="5" s="1"/>
  <c r="M4530" i="2"/>
  <c r="M4504" i="5" s="1"/>
  <c r="P4504" i="5" s="1"/>
  <c r="M3186" i="2"/>
  <c r="M3160" i="5" s="1"/>
  <c r="P3160" i="5" s="1"/>
  <c r="M6884" i="2"/>
  <c r="M6858" i="5" s="1"/>
  <c r="P6858" i="5" s="1"/>
  <c r="M1861" i="2"/>
  <c r="M1835" i="5" s="1"/>
  <c r="P1835" i="5" s="1"/>
  <c r="M7748" i="2"/>
  <c r="M7722" i="5" s="1"/>
  <c r="P7722" i="5" s="1"/>
  <c r="M1703" i="2"/>
  <c r="M1677" i="5" s="1"/>
  <c r="P1677" i="5" s="1"/>
  <c r="M8573" i="2"/>
  <c r="M8547" i="5" s="1"/>
  <c r="P8547" i="5" s="1"/>
  <c r="M3551" i="2"/>
  <c r="M3525" i="5" s="1"/>
  <c r="P3525" i="5" s="1"/>
  <c r="M3192" i="2"/>
  <c r="M3166" i="5" s="1"/>
  <c r="P3166" i="5" s="1"/>
  <c r="M7891" i="2"/>
  <c r="M7865" i="5" s="1"/>
  <c r="P7865" i="5" s="1"/>
  <c r="M1851" i="2"/>
  <c r="M1825" i="5" s="1"/>
  <c r="P1825" i="5" s="1"/>
  <c r="M2188" i="2"/>
  <c r="M2162" i="5" s="1"/>
  <c r="P2162" i="5" s="1"/>
  <c r="M2363" i="2"/>
  <c r="M2337" i="5" s="1"/>
  <c r="P2337" i="5" s="1"/>
  <c r="M4545" i="2"/>
  <c r="M4519" i="5" s="1"/>
  <c r="P4519" i="5" s="1"/>
  <c r="M4867" i="2"/>
  <c r="M4841" i="5" s="1"/>
  <c r="P4841" i="5" s="1"/>
  <c r="M6385" i="2"/>
  <c r="M6359" i="5" s="1"/>
  <c r="P6359" i="5" s="1"/>
  <c r="M856" i="2"/>
  <c r="M830" i="5" s="1"/>
  <c r="P830" i="5" s="1"/>
  <c r="M2038" i="2"/>
  <c r="M2012" i="5" s="1"/>
  <c r="P2012" i="5" s="1"/>
  <c r="M6894" i="2"/>
  <c r="M6868" i="5" s="1"/>
  <c r="P6868" i="5" s="1"/>
  <c r="M8590" i="2"/>
  <c r="M8564" i="5" s="1"/>
  <c r="P8564" i="5" s="1"/>
  <c r="M5876" i="2"/>
  <c r="M5850" i="5" s="1"/>
  <c r="P5850" i="5" s="1"/>
  <c r="M7900" i="2"/>
  <c r="M7874" i="5" s="1"/>
  <c r="P7874" i="5" s="1"/>
  <c r="M2005" i="2"/>
  <c r="M1979" i="5" s="1"/>
  <c r="P1979" i="5" s="1"/>
  <c r="M3057" i="2"/>
  <c r="M3031" i="5" s="1"/>
  <c r="P3031" i="5" s="1"/>
  <c r="M7069" i="2"/>
  <c r="M7043" i="5" s="1"/>
  <c r="P7043" i="5" s="1"/>
  <c r="M5700" i="2"/>
  <c r="M5674" i="5" s="1"/>
  <c r="P5674" i="5" s="1"/>
  <c r="M4373" i="2"/>
  <c r="M4347" i="5" s="1"/>
  <c r="P4347" i="5" s="1"/>
  <c r="M5051" i="2"/>
  <c r="M5025" i="5" s="1"/>
  <c r="P5025" i="5" s="1"/>
  <c r="M866" i="2"/>
  <c r="M840" i="5" s="1"/>
  <c r="P840" i="5" s="1"/>
  <c r="M3023" i="2"/>
  <c r="M2997" i="5" s="1"/>
  <c r="P2997" i="5" s="1"/>
  <c r="M525" i="2"/>
  <c r="M499" i="5" s="1"/>
  <c r="P499" i="5" s="1"/>
  <c r="M1009" i="2"/>
  <c r="M983" i="5" s="1"/>
  <c r="P983" i="5" s="1"/>
  <c r="M6877" i="2"/>
  <c r="M6851" i="5" s="1"/>
  <c r="P6851" i="5" s="1"/>
  <c r="M857" i="2"/>
  <c r="M831" i="5" s="1"/>
  <c r="P831" i="5" s="1"/>
  <c r="M6395" i="2"/>
  <c r="M6369" i="5" s="1"/>
  <c r="P6369" i="5" s="1"/>
  <c r="M7060" i="2"/>
  <c r="M7034" i="5" s="1"/>
  <c r="P7034" i="5" s="1"/>
  <c r="M3532" i="2"/>
  <c r="M3506" i="5" s="1"/>
  <c r="P3506" i="5" s="1"/>
  <c r="M5042" i="2"/>
  <c r="M5016" i="5" s="1"/>
  <c r="P5016" i="5" s="1"/>
  <c r="M4864" i="2"/>
  <c r="M4838" i="5" s="1"/>
  <c r="P4838" i="5" s="1"/>
  <c r="M2040" i="2"/>
  <c r="M2014" i="5" s="1"/>
  <c r="P2014" i="5" s="1"/>
  <c r="M8745" i="2"/>
  <c r="M8719" i="5" s="1"/>
  <c r="P8719" i="5" s="1"/>
  <c r="M4034" i="2"/>
  <c r="M4008" i="5" s="1"/>
  <c r="P4008" i="5" s="1"/>
  <c r="M175" i="2"/>
  <c r="M149" i="5" s="1"/>
  <c r="P149" i="5" s="1"/>
  <c r="M7730" i="2"/>
  <c r="M7704" i="5" s="1"/>
  <c r="P7704" i="5" s="1"/>
  <c r="M4876" i="2"/>
  <c r="M4850" i="5" s="1"/>
  <c r="P4850" i="5" s="1"/>
  <c r="M6412" i="2"/>
  <c r="M6386" i="5" s="1"/>
  <c r="P6386" i="5" s="1"/>
  <c r="M5712" i="2"/>
  <c r="M5686" i="5" s="1"/>
  <c r="P5686" i="5" s="1"/>
  <c r="M166" i="2"/>
  <c r="M140" i="5" s="1"/>
  <c r="P140" i="5" s="1"/>
  <c r="M7915" i="2"/>
  <c r="M7889" i="5" s="1"/>
  <c r="P7889" i="5" s="1"/>
  <c r="M4046" i="2"/>
  <c r="M4020" i="5" s="1"/>
  <c r="P4020" i="5" s="1"/>
  <c r="M7067" i="2"/>
  <c r="M7041" i="5" s="1"/>
  <c r="P7041" i="5" s="1"/>
  <c r="M2526" i="2"/>
  <c r="M2500" i="5" s="1"/>
  <c r="P2500" i="5" s="1"/>
  <c r="M1866" i="2"/>
  <c r="M1840" i="5" s="1"/>
  <c r="P1840" i="5" s="1"/>
  <c r="M3213" i="2"/>
  <c r="M3187" i="5" s="1"/>
  <c r="P3187" i="5" s="1"/>
  <c r="M8246" i="2"/>
  <c r="M8220" i="5" s="1"/>
  <c r="P8220" i="5" s="1"/>
  <c r="M5715" i="2"/>
  <c r="M5689" i="5" s="1"/>
  <c r="P5689" i="5" s="1"/>
  <c r="M3214" i="2"/>
  <c r="M3188" i="5" s="1"/>
  <c r="P3188" i="5" s="1"/>
  <c r="M8746" i="2"/>
  <c r="M8720" i="5" s="1"/>
  <c r="P8720" i="5" s="1"/>
  <c r="M2721" i="2"/>
  <c r="M2695" i="5" s="1"/>
  <c r="P2695" i="5" s="1"/>
  <c r="M1526" i="2"/>
  <c r="M1500" i="5" s="1"/>
  <c r="P1500" i="5" s="1"/>
  <c r="M5058" i="2"/>
  <c r="M5032" i="5" s="1"/>
  <c r="P5032" i="5" s="1"/>
  <c r="M7925" i="2"/>
  <c r="M7899" i="5" s="1"/>
  <c r="P7899" i="5" s="1"/>
  <c r="M8741" i="2"/>
  <c r="M8715" i="5" s="1"/>
  <c r="P8715" i="5" s="1"/>
  <c r="M7752" i="2"/>
  <c r="M7726" i="5" s="1"/>
  <c r="P7726" i="5" s="1"/>
  <c r="M6577" i="2"/>
  <c r="M6551" i="5" s="1"/>
  <c r="P6551" i="5" s="1"/>
  <c r="M4193" i="2"/>
  <c r="M4167" i="5" s="1"/>
  <c r="P4167" i="5" s="1"/>
  <c r="M1672" i="2"/>
  <c r="M1646" i="5" s="1"/>
  <c r="P1646" i="5" s="1"/>
  <c r="M3362" i="2"/>
  <c r="M3336" i="5" s="1"/>
  <c r="P3336" i="5" s="1"/>
  <c r="M5369" i="2"/>
  <c r="M5343" i="5" s="1"/>
  <c r="P5343" i="5" s="1"/>
  <c r="M2690" i="2"/>
  <c r="M2664" i="5" s="1"/>
  <c r="P2664" i="5" s="1"/>
  <c r="M4376" i="2"/>
  <c r="M4350" i="5" s="1"/>
  <c r="P4350" i="5" s="1"/>
  <c r="M3050" i="2"/>
  <c r="M3024" i="5" s="1"/>
  <c r="P3024" i="5" s="1"/>
  <c r="M6210" i="2"/>
  <c r="M6184" i="5" s="1"/>
  <c r="P6184" i="5" s="1"/>
  <c r="M692" i="2"/>
  <c r="M666" i="5" s="1"/>
  <c r="P666" i="5" s="1"/>
  <c r="M362" i="2"/>
  <c r="M336" i="5" s="1"/>
  <c r="P336" i="5" s="1"/>
  <c r="M7088" i="2"/>
  <c r="M7062" i="5" s="1"/>
  <c r="P7062" i="5" s="1"/>
  <c r="M4359" i="2"/>
  <c r="M4333" i="5" s="1"/>
  <c r="P4333" i="5" s="1"/>
  <c r="M8424" i="2"/>
  <c r="M8398" i="5" s="1"/>
  <c r="P8398" i="5" s="1"/>
  <c r="M5038" i="2"/>
  <c r="M5012" i="5" s="1"/>
  <c r="P5012" i="5" s="1"/>
  <c r="M689" i="2"/>
  <c r="M663" i="5" s="1"/>
  <c r="P663" i="5" s="1"/>
  <c r="M3535" i="2"/>
  <c r="M3509" i="5" s="1"/>
  <c r="P3509" i="5" s="1"/>
  <c r="M8243" i="2"/>
  <c r="M8217" i="5" s="1"/>
  <c r="P8217" i="5" s="1"/>
  <c r="M699" i="2"/>
  <c r="M673" i="5" s="1"/>
  <c r="P673" i="5" s="1"/>
  <c r="M353" i="2"/>
  <c r="M327" i="5" s="1"/>
  <c r="P327" i="5" s="1"/>
  <c r="M3375" i="2"/>
  <c r="M3349" i="5" s="1"/>
  <c r="P3349" i="5" s="1"/>
  <c r="M1173" i="2"/>
  <c r="M1147" i="5" s="1"/>
  <c r="P1147" i="5" s="1"/>
  <c r="M7559" i="2"/>
  <c r="M7533" i="5" s="1"/>
  <c r="P7533" i="5" s="1"/>
  <c r="M4865" i="2"/>
  <c r="M4839" i="5" s="1"/>
  <c r="P4839" i="5" s="1"/>
  <c r="M7575" i="2"/>
  <c r="M7549" i="5" s="1"/>
  <c r="P7549" i="5" s="1"/>
  <c r="M8581" i="2"/>
  <c r="M8555" i="5" s="1"/>
  <c r="P8555" i="5" s="1"/>
  <c r="M3889" i="2"/>
  <c r="M3863" i="5" s="1"/>
  <c r="P3863" i="5" s="1"/>
  <c r="M3894" i="2"/>
  <c r="M3868" i="5" s="1"/>
  <c r="P3868" i="5" s="1"/>
  <c r="M5404" i="2"/>
  <c r="M5378" i="5" s="1"/>
  <c r="P5378" i="5" s="1"/>
  <c r="M2171" i="2"/>
  <c r="M2145" i="5" s="1"/>
  <c r="P2145" i="5" s="1"/>
  <c r="M6063" i="2"/>
  <c r="M6037" i="5" s="1"/>
  <c r="P6037" i="5" s="1"/>
  <c r="M2688" i="2"/>
  <c r="M2662" i="5" s="1"/>
  <c r="P2662" i="5" s="1"/>
  <c r="M4371" i="2"/>
  <c r="M4345" i="5" s="1"/>
  <c r="P4345" i="5" s="1"/>
  <c r="M6066" i="2"/>
  <c r="M6040" i="5" s="1"/>
  <c r="P6040" i="5" s="1"/>
  <c r="M6711" i="2"/>
  <c r="M6685" i="5" s="1"/>
  <c r="P6685" i="5" s="1"/>
  <c r="M5733" i="2"/>
  <c r="M5707" i="5" s="1"/>
  <c r="P5707" i="5" s="1"/>
  <c r="M7736" i="2"/>
  <c r="M7710" i="5" s="1"/>
  <c r="P7710" i="5" s="1"/>
  <c r="M3190" i="2"/>
  <c r="M3164" i="5" s="1"/>
  <c r="P3164" i="5" s="1"/>
  <c r="M8744" i="2"/>
  <c r="M8718" i="5" s="1"/>
  <c r="P8718" i="5" s="1"/>
  <c r="M8748" i="2"/>
  <c r="M8722" i="5" s="1"/>
  <c r="P8722" i="5" s="1"/>
  <c r="M6205" i="2"/>
  <c r="M6179" i="5" s="1"/>
  <c r="P6179" i="5" s="1"/>
  <c r="M1040" i="2"/>
  <c r="M1014" i="5" s="1"/>
  <c r="P1014" i="5" s="1"/>
  <c r="M528" i="2"/>
  <c r="M502" i="5" s="1"/>
  <c r="P502" i="5" s="1"/>
  <c r="M5233" i="2"/>
  <c r="M5207" i="5" s="1"/>
  <c r="P5207" i="5" s="1"/>
  <c r="M2541" i="2"/>
  <c r="M2515" i="5" s="1"/>
  <c r="P2515" i="5" s="1"/>
  <c r="M6575" i="2"/>
  <c r="M6549" i="5" s="1"/>
  <c r="P6549" i="5" s="1"/>
  <c r="M5395" i="2"/>
  <c r="M5369" i="5" s="1"/>
  <c r="P5369" i="5" s="1"/>
  <c r="M4731" i="2"/>
  <c r="M4705" i="5" s="1"/>
  <c r="P4705" i="5" s="1"/>
  <c r="M8252" i="2"/>
  <c r="M8226" i="5" s="1"/>
  <c r="P8226" i="5" s="1"/>
  <c r="M2004" i="2"/>
  <c r="M1978" i="5" s="1"/>
  <c r="P1978" i="5" s="1"/>
  <c r="M2843" i="2"/>
  <c r="M2817" i="5" s="1"/>
  <c r="P2817" i="5" s="1"/>
  <c r="M5234" i="2"/>
  <c r="M5208" i="5" s="1"/>
  <c r="P5208" i="5" s="1"/>
  <c r="M7055" i="2"/>
  <c r="M7029" i="5" s="1"/>
  <c r="P7029" i="5" s="1"/>
  <c r="M493" i="2"/>
  <c r="M467" i="5" s="1"/>
  <c r="P467" i="5" s="1"/>
  <c r="M6888" i="2"/>
  <c r="M6862" i="5" s="1"/>
  <c r="P6862" i="5" s="1"/>
  <c r="M1854" i="2"/>
  <c r="M1828" i="5" s="1"/>
  <c r="P1828" i="5" s="1"/>
  <c r="M5391" i="2"/>
  <c r="M5365" i="5" s="1"/>
  <c r="P5365" i="5" s="1"/>
  <c r="M5215" i="2"/>
  <c r="M5189" i="5" s="1"/>
  <c r="P5189" i="5" s="1"/>
  <c r="M191" i="2"/>
  <c r="M165" i="5" s="1"/>
  <c r="P165" i="5" s="1"/>
  <c r="M3685" i="2"/>
  <c r="M3659" i="5" s="1"/>
  <c r="P3659" i="5" s="1"/>
  <c r="M8078" i="2"/>
  <c r="M8052" i="5" s="1"/>
  <c r="P8052" i="5" s="1"/>
  <c r="M7740" i="2"/>
  <c r="M7714" i="5" s="1"/>
  <c r="P7714" i="5" s="1"/>
  <c r="M7885" i="2"/>
  <c r="M7859" i="5" s="1"/>
  <c r="P7859" i="5" s="1"/>
  <c r="M4870" i="2"/>
  <c r="M4844" i="5" s="1"/>
  <c r="P4844" i="5" s="1"/>
  <c r="M4039" i="2"/>
  <c r="M4013" i="5" s="1"/>
  <c r="P4013" i="5" s="1"/>
  <c r="M3683" i="2"/>
  <c r="M3657" i="5" s="1"/>
  <c r="P3657" i="5" s="1"/>
  <c r="M7572" i="2"/>
  <c r="M7546" i="5" s="1"/>
  <c r="P7546" i="5" s="1"/>
  <c r="M4543" i="2"/>
  <c r="M4517" i="5" s="1"/>
  <c r="P4517" i="5" s="1"/>
  <c r="M4525" i="2"/>
  <c r="M4499" i="5" s="1"/>
  <c r="P4499" i="5" s="1"/>
  <c r="M1334" i="2"/>
  <c r="M1308" i="5" s="1"/>
  <c r="P1308" i="5" s="1"/>
  <c r="M8600" i="2"/>
  <c r="M8574" i="5" s="1"/>
  <c r="P8574" i="5" s="1"/>
  <c r="M5035" i="2"/>
  <c r="M5009" i="5" s="1"/>
  <c r="P5009" i="5" s="1"/>
  <c r="M1545" i="2"/>
  <c r="M1519" i="5" s="1"/>
  <c r="P1519" i="5" s="1"/>
  <c r="M1176" i="2"/>
  <c r="M1150" i="5" s="1"/>
  <c r="P1150" i="5" s="1"/>
  <c r="M2720" i="2"/>
  <c r="M2694" i="5" s="1"/>
  <c r="P2694" i="5" s="1"/>
  <c r="M5067" i="2"/>
  <c r="M5041" i="5" s="1"/>
  <c r="P5041" i="5" s="1"/>
  <c r="M509" i="2"/>
  <c r="M483" i="5" s="1"/>
  <c r="P483" i="5" s="1"/>
  <c r="M1677" i="2"/>
  <c r="M1651" i="5" s="1"/>
  <c r="P1651" i="5" s="1"/>
  <c r="M666" i="2"/>
  <c r="M640" i="5" s="1"/>
  <c r="P640" i="5" s="1"/>
  <c r="M3542" i="2"/>
  <c r="M3516" i="5" s="1"/>
  <c r="P3516" i="5" s="1"/>
  <c r="M3357" i="2"/>
  <c r="M3331" i="5" s="1"/>
  <c r="P3331" i="5" s="1"/>
  <c r="M6207" i="2"/>
  <c r="M6181" i="5" s="1"/>
  <c r="P6181" i="5" s="1"/>
  <c r="M491" i="2"/>
  <c r="M465" i="5" s="1"/>
  <c r="P465" i="5" s="1"/>
  <c r="M182" i="2"/>
  <c r="M156" i="5" s="1"/>
  <c r="P156" i="5" s="1"/>
  <c r="M5385" i="2"/>
  <c r="M5359" i="5" s="1"/>
  <c r="P5359" i="5" s="1"/>
  <c r="M3514" i="2"/>
  <c r="M3488" i="5" s="1"/>
  <c r="P3488" i="5" s="1"/>
  <c r="M843" i="2"/>
  <c r="M817" i="5" s="1"/>
  <c r="P817" i="5" s="1"/>
  <c r="M1012" i="2"/>
  <c r="M986" i="5" s="1"/>
  <c r="P986" i="5" s="1"/>
  <c r="M2849" i="2"/>
  <c r="M2823" i="5" s="1"/>
  <c r="P2823" i="5" s="1"/>
  <c r="M530" i="2"/>
  <c r="M504" i="5" s="1"/>
  <c r="P504" i="5" s="1"/>
  <c r="M676" i="2"/>
  <c r="M650" i="5" s="1"/>
  <c r="P650" i="5" s="1"/>
  <c r="M531" i="2"/>
  <c r="M505" i="5" s="1"/>
  <c r="P505" i="5" s="1"/>
  <c r="M5222" i="2"/>
  <c r="M5196" i="5" s="1"/>
  <c r="P5196" i="5" s="1"/>
  <c r="M7738" i="2"/>
  <c r="M7712" i="5" s="1"/>
  <c r="P7712" i="5" s="1"/>
  <c r="M5710" i="2"/>
  <c r="M5684" i="5" s="1"/>
  <c r="P5684" i="5" s="1"/>
  <c r="M5891" i="2"/>
  <c r="M5865" i="5" s="1"/>
  <c r="P5865" i="5" s="1"/>
  <c r="M4708" i="2"/>
  <c r="M4682" i="5" s="1"/>
  <c r="P4682" i="5" s="1"/>
  <c r="M7382" i="2"/>
  <c r="M7356" i="5" s="1"/>
  <c r="P7356" i="5" s="1"/>
  <c r="M8050" i="2"/>
  <c r="M8024" i="5" s="1"/>
  <c r="P8024" i="5" s="1"/>
  <c r="M1000" i="2"/>
  <c r="M974" i="5" s="1"/>
  <c r="P974" i="5" s="1"/>
  <c r="M2178" i="2"/>
  <c r="M2152" i="5" s="1"/>
  <c r="P2152" i="5" s="1"/>
  <c r="M7742" i="2"/>
  <c r="M7716" i="5" s="1"/>
  <c r="P7716" i="5" s="1"/>
  <c r="M3376" i="2"/>
  <c r="M3350" i="5" s="1"/>
  <c r="P3350" i="5" s="1"/>
  <c r="M4873" i="2"/>
  <c r="M4847" i="5" s="1"/>
  <c r="P4847" i="5" s="1"/>
  <c r="M5224" i="2"/>
  <c r="M5198" i="5" s="1"/>
  <c r="P5198" i="5" s="1"/>
  <c r="M517" i="2"/>
  <c r="M491" i="5" s="1"/>
  <c r="P491" i="5" s="1"/>
  <c r="M505" i="2"/>
  <c r="M479" i="5" s="1"/>
  <c r="P479" i="5" s="1"/>
  <c r="M6707" i="2"/>
  <c r="M6681" i="5" s="1"/>
  <c r="P6681" i="5" s="1"/>
  <c r="M3879" i="2"/>
  <c r="M3853" i="5" s="1"/>
  <c r="P3853" i="5" s="1"/>
  <c r="M1174" i="2"/>
  <c r="M1148" i="5" s="1"/>
  <c r="P1148" i="5" s="1"/>
  <c r="M1026" i="2"/>
  <c r="M1000" i="5" s="1"/>
  <c r="P1000" i="5" s="1"/>
  <c r="M3695" i="2"/>
  <c r="M3669" i="5" s="1"/>
  <c r="P3669" i="5" s="1"/>
  <c r="M5714" i="2"/>
  <c r="M5688" i="5" s="1"/>
  <c r="P5688" i="5" s="1"/>
  <c r="M7547" i="2"/>
  <c r="M7521" i="5" s="1"/>
  <c r="P7521" i="5" s="1"/>
  <c r="M5073" i="2"/>
  <c r="M5047" i="5" s="1"/>
  <c r="P5047" i="5" s="1"/>
  <c r="M2514" i="2"/>
  <c r="M2488" i="5" s="1"/>
  <c r="P2488" i="5" s="1"/>
  <c r="M3696" i="2"/>
  <c r="M3670" i="5" s="1"/>
  <c r="P3670" i="5" s="1"/>
  <c r="M4904" i="2"/>
  <c r="M4878" i="5" s="1"/>
  <c r="P4878" i="5" s="1"/>
  <c r="M2521" i="2"/>
  <c r="M2495" i="5" s="1"/>
  <c r="P2495" i="5" s="1"/>
  <c r="M2699" i="2"/>
  <c r="M2673" i="5" s="1"/>
  <c r="P2673" i="5" s="1"/>
  <c r="M1013" i="2"/>
  <c r="M987" i="5" s="1"/>
  <c r="P987" i="5" s="1"/>
  <c r="M4892" i="2"/>
  <c r="M4866" i="5" s="1"/>
  <c r="P4866" i="5" s="1"/>
  <c r="M2179" i="2"/>
  <c r="M2153" i="5" s="1"/>
  <c r="P2153" i="5" s="1"/>
  <c r="M5879" i="2"/>
  <c r="M5853" i="5" s="1"/>
  <c r="P5853" i="5" s="1"/>
  <c r="M4354" i="2"/>
  <c r="M4328" i="5" s="1"/>
  <c r="P4328" i="5" s="1"/>
  <c r="M6876" i="2"/>
  <c r="M6850" i="5" s="1"/>
  <c r="P6850" i="5" s="1"/>
  <c r="M2525" i="2"/>
  <c r="M2499" i="5" s="1"/>
  <c r="P2499" i="5" s="1"/>
  <c r="M6895" i="2"/>
  <c r="M6869" i="5" s="1"/>
  <c r="P6869" i="5" s="1"/>
  <c r="M8563" i="2"/>
  <c r="M8537" i="5" s="1"/>
  <c r="P8537" i="5" s="1"/>
  <c r="M8739" i="2"/>
  <c r="M8713" i="5" s="1"/>
  <c r="P8713" i="5" s="1"/>
  <c r="M6721" i="2"/>
  <c r="M6695" i="5" s="1"/>
  <c r="P6695" i="5" s="1"/>
  <c r="M6879" i="2"/>
  <c r="M6853" i="5" s="1"/>
  <c r="P6853" i="5" s="1"/>
  <c r="M3201" i="2"/>
  <c r="M3175" i="5" s="1"/>
  <c r="P3175" i="5" s="1"/>
  <c r="M1018" i="2"/>
  <c r="M992" i="5" s="1"/>
  <c r="P992" i="5" s="1"/>
  <c r="M5868" i="2"/>
  <c r="M5842" i="5" s="1"/>
  <c r="P5842" i="5" s="1"/>
  <c r="M6737" i="2"/>
  <c r="M6711" i="5" s="1"/>
  <c r="P6711" i="5" s="1"/>
  <c r="M4737" i="2"/>
  <c r="M4711" i="5" s="1"/>
  <c r="P4711" i="5" s="1"/>
  <c r="M7070" i="2"/>
  <c r="M7044" i="5" s="1"/>
  <c r="P7044" i="5" s="1"/>
  <c r="M4387" i="2"/>
  <c r="M4361" i="5" s="1"/>
  <c r="P4361" i="5" s="1"/>
  <c r="M5071" i="2"/>
  <c r="M5045" i="5" s="1"/>
  <c r="P5045" i="5" s="1"/>
  <c r="M4896" i="2"/>
  <c r="M4870" i="5" s="1"/>
  <c r="P4870" i="5" s="1"/>
  <c r="M4710" i="2"/>
  <c r="M4684" i="5" s="1"/>
  <c r="P4684" i="5" s="1"/>
  <c r="M3528" i="2"/>
  <c r="M3502" i="5" s="1"/>
  <c r="P3502" i="5" s="1"/>
  <c r="M1346" i="2"/>
  <c r="M1320" i="5" s="1"/>
  <c r="P1320" i="5" s="1"/>
  <c r="M5713" i="2"/>
  <c r="M5687" i="5" s="1"/>
  <c r="P5687" i="5" s="1"/>
  <c r="M1872" i="2"/>
  <c r="M1846" i="5" s="1"/>
  <c r="P1846" i="5" s="1"/>
  <c r="M2675" i="2"/>
  <c r="M2649" i="5" s="1"/>
  <c r="P2649" i="5" s="1"/>
  <c r="M7577" i="2"/>
  <c r="M7551" i="5" s="1"/>
  <c r="P7551" i="5" s="1"/>
  <c r="M2368" i="2"/>
  <c r="M2342" i="5" s="1"/>
  <c r="P2342" i="5" s="1"/>
  <c r="M5066" i="2"/>
  <c r="M5040" i="5" s="1"/>
  <c r="P5040" i="5" s="1"/>
  <c r="M837" i="2"/>
  <c r="M811" i="5" s="1"/>
  <c r="P811" i="5" s="1"/>
  <c r="M700" i="2"/>
  <c r="M674" i="5" s="1"/>
  <c r="P674" i="5" s="1"/>
  <c r="M198" i="2"/>
  <c r="M172" i="5" s="1"/>
  <c r="P172" i="5" s="1"/>
  <c r="M5906" i="2"/>
  <c r="M5880" i="5" s="1"/>
  <c r="P5880" i="5" s="1"/>
  <c r="M8755" i="2"/>
  <c r="M8729" i="5" s="1"/>
  <c r="P8729" i="5" s="1"/>
  <c r="M7252" i="2"/>
  <c r="M7226" i="5" s="1"/>
  <c r="P7226" i="5" s="1"/>
  <c r="M8091" i="2"/>
  <c r="M8065" i="5" s="1"/>
  <c r="P8065" i="5" s="1"/>
  <c r="M3525" i="2"/>
  <c r="M3499" i="5" s="1"/>
  <c r="P3499" i="5" s="1"/>
  <c r="M8087" i="2"/>
  <c r="M8061" i="5" s="1"/>
  <c r="P8061" i="5" s="1"/>
  <c r="M4704" i="2"/>
  <c r="M4678" i="5" s="1"/>
  <c r="P4678" i="5" s="1"/>
  <c r="M7894" i="2"/>
  <c r="M7868" i="5" s="1"/>
  <c r="P7868" i="5" s="1"/>
  <c r="M670" i="2"/>
  <c r="M644" i="5" s="1"/>
  <c r="P644" i="5" s="1"/>
  <c r="M3710" i="2"/>
  <c r="M3684" i="5" s="1"/>
  <c r="P3684" i="5" s="1"/>
  <c r="M1544" i="2"/>
  <c r="M1518" i="5" s="1"/>
  <c r="P1518" i="5" s="1"/>
  <c r="M1021" i="2"/>
  <c r="M995" i="5" s="1"/>
  <c r="P995" i="5" s="1"/>
  <c r="M8765" i="2"/>
  <c r="M8739" i="5" s="1"/>
  <c r="P8739" i="5" s="1"/>
  <c r="M2028" i="2"/>
  <c r="M2002" i="5" s="1"/>
  <c r="P2002" i="5" s="1"/>
  <c r="M7393" i="2"/>
  <c r="M7367" i="5" s="1"/>
  <c r="P7367" i="5" s="1"/>
  <c r="M4203" i="2"/>
  <c r="M4177" i="5" s="1"/>
  <c r="P4177" i="5" s="1"/>
  <c r="M4394" i="2"/>
  <c r="M4368" i="5" s="1"/>
  <c r="P4368" i="5" s="1"/>
  <c r="M6219" i="2"/>
  <c r="M6193" i="5" s="1"/>
  <c r="P6193" i="5" s="1"/>
  <c r="M7739" i="2"/>
  <c r="M7713" i="5" s="1"/>
  <c r="P7713" i="5" s="1"/>
  <c r="M4697" i="2"/>
  <c r="M4671" i="5" s="1"/>
  <c r="P4671" i="5" s="1"/>
  <c r="M8416" i="2"/>
  <c r="M8390" i="5" s="1"/>
  <c r="P8390" i="5" s="1"/>
  <c r="M7242" i="2"/>
  <c r="M7216" i="5" s="1"/>
  <c r="P7216" i="5" s="1"/>
  <c r="M6913" i="2"/>
  <c r="M6887" i="5" s="1"/>
  <c r="P6887" i="5" s="1"/>
  <c r="M8733" i="2"/>
  <c r="M8707" i="5" s="1"/>
  <c r="P8707" i="5" s="1"/>
  <c r="M7908" i="2"/>
  <c r="M7882" i="5" s="1"/>
  <c r="P7882" i="5" s="1"/>
  <c r="M1193" i="2"/>
  <c r="M1167" i="5" s="1"/>
  <c r="P1167" i="5" s="1"/>
  <c r="M8766" i="2"/>
  <c r="M8740" i="5" s="1"/>
  <c r="P8740" i="5" s="1"/>
  <c r="M5533" i="2"/>
  <c r="M5507" i="5" s="1"/>
  <c r="P5507" i="5" s="1"/>
  <c r="M3726" i="2"/>
  <c r="M3700" i="5" s="1"/>
  <c r="P3700" i="5" s="1"/>
  <c r="M2043" i="2"/>
  <c r="M2017" i="5" s="1"/>
  <c r="P2017" i="5" s="1"/>
  <c r="M2887" i="2"/>
  <c r="M2861" i="5" s="1"/>
  <c r="P2861" i="5" s="1"/>
  <c r="M4714" i="2"/>
  <c r="M4688" i="5" s="1"/>
  <c r="P4688" i="5" s="1"/>
  <c r="M523" i="2"/>
  <c r="M497" i="5" s="1"/>
  <c r="P497" i="5" s="1"/>
  <c r="M1542" i="2"/>
  <c r="M1516" i="5" s="1"/>
  <c r="P1516" i="5" s="1"/>
  <c r="M7731" i="2"/>
  <c r="M7705" i="5" s="1"/>
  <c r="P7705" i="5" s="1"/>
  <c r="M5542" i="2"/>
  <c r="M5516" i="5" s="1"/>
  <c r="P5516" i="5" s="1"/>
  <c r="M8555" i="2"/>
  <c r="M8529" i="5" s="1"/>
  <c r="P8529" i="5" s="1"/>
  <c r="M8404" i="2"/>
  <c r="M8378" i="5" s="1"/>
  <c r="P8378" i="5" s="1"/>
  <c r="M6563" i="2"/>
  <c r="M6537" i="5" s="1"/>
  <c r="P6537" i="5" s="1"/>
  <c r="M5362" i="2"/>
  <c r="M5336" i="5" s="1"/>
  <c r="P5336" i="5" s="1"/>
  <c r="M6229" i="2"/>
  <c r="M6203" i="5" s="1"/>
  <c r="P6203" i="5" s="1"/>
  <c r="M6414" i="2"/>
  <c r="M6388" i="5" s="1"/>
  <c r="P6388" i="5" s="1"/>
  <c r="M3543" i="2"/>
  <c r="M3517" i="5" s="1"/>
  <c r="P3517" i="5" s="1"/>
  <c r="M5869" i="2"/>
  <c r="M5843" i="5" s="1"/>
  <c r="P5843" i="5" s="1"/>
  <c r="M4534" i="2"/>
  <c r="M4508" i="5" s="1"/>
  <c r="P4508" i="5" s="1"/>
  <c r="M160" i="2"/>
  <c r="M134" i="5" s="1"/>
  <c r="P134" i="5" s="1"/>
  <c r="M6706" i="2"/>
  <c r="M6680" i="5" s="1"/>
  <c r="P6680" i="5" s="1"/>
  <c r="M5539" i="2"/>
  <c r="M5513" i="5" s="1"/>
  <c r="P5513" i="5" s="1"/>
  <c r="M6905" i="2"/>
  <c r="M6879" i="5" s="1"/>
  <c r="P6879" i="5" s="1"/>
  <c r="M8257" i="2"/>
  <c r="M8231" i="5" s="1"/>
  <c r="P8231" i="5" s="1"/>
  <c r="M6078" i="2"/>
  <c r="M6052" i="5" s="1"/>
  <c r="P6052" i="5" s="1"/>
  <c r="M6056" i="2"/>
  <c r="M6030" i="5" s="1"/>
  <c r="P6030" i="5" s="1"/>
  <c r="M5057" i="2"/>
  <c r="M5031" i="5" s="1"/>
  <c r="P5031" i="5" s="1"/>
  <c r="M1362" i="2"/>
  <c r="M1336" i="5" s="1"/>
  <c r="P1336" i="5" s="1"/>
  <c r="M8054" i="2"/>
  <c r="M8028" i="5" s="1"/>
  <c r="P8028" i="5" s="1"/>
  <c r="M7050" i="2"/>
  <c r="M7024" i="5" s="1"/>
  <c r="P7024" i="5" s="1"/>
  <c r="M7080" i="2"/>
  <c r="M7054" i="5" s="1"/>
  <c r="P7054" i="5" s="1"/>
  <c r="M8399" i="2"/>
  <c r="M8373" i="5" s="1"/>
  <c r="P8373" i="5" s="1"/>
  <c r="M5892" i="2"/>
  <c r="M5866" i="5" s="1"/>
  <c r="P5866" i="5" s="1"/>
  <c r="M3516" i="2"/>
  <c r="M3490" i="5" s="1"/>
  <c r="P3490" i="5" s="1"/>
  <c r="M4527" i="2"/>
  <c r="M4501" i="5" s="1"/>
  <c r="P4501" i="5" s="1"/>
  <c r="M8768" i="2"/>
  <c r="M8742" i="5" s="1"/>
  <c r="P8742" i="5" s="1"/>
  <c r="M5056" i="2"/>
  <c r="M5030" i="5" s="1"/>
  <c r="P5030" i="5" s="1"/>
  <c r="M7560" i="2"/>
  <c r="M7534" i="5" s="1"/>
  <c r="P7534" i="5" s="1"/>
  <c r="M5383" i="2"/>
  <c r="M5357" i="5" s="1"/>
  <c r="P5357" i="5" s="1"/>
  <c r="M3054" i="2"/>
  <c r="M3028" i="5" s="1"/>
  <c r="P3028" i="5" s="1"/>
  <c r="M6742" i="2"/>
  <c r="M6716" i="5" s="1"/>
  <c r="P6716" i="5" s="1"/>
  <c r="M7381" i="2"/>
  <c r="M7355" i="5" s="1"/>
  <c r="P7355" i="5" s="1"/>
  <c r="M532" i="2"/>
  <c r="M506" i="5" s="1"/>
  <c r="P506" i="5" s="1"/>
  <c r="M8558" i="2"/>
  <c r="M8532" i="5" s="1"/>
  <c r="P8532" i="5" s="1"/>
  <c r="M6036" i="2"/>
  <c r="M6010" i="5" s="1"/>
  <c r="P6010" i="5" s="1"/>
  <c r="M6549" i="2"/>
  <c r="M6523" i="5" s="1"/>
  <c r="P6523" i="5" s="1"/>
  <c r="M6716" i="2"/>
  <c r="M6690" i="5" s="1"/>
  <c r="P6690" i="5" s="1"/>
  <c r="M2346" i="2"/>
  <c r="M2320" i="5" s="1"/>
  <c r="P2320" i="5" s="1"/>
  <c r="M4360" i="2"/>
  <c r="M4334" i="5" s="1"/>
  <c r="P4334" i="5" s="1"/>
  <c r="M6388" i="2"/>
  <c r="M6362" i="5" s="1"/>
  <c r="P6362" i="5" s="1"/>
  <c r="M8734" i="2"/>
  <c r="M8708" i="5" s="1"/>
  <c r="P8708" i="5" s="1"/>
  <c r="M4363" i="2"/>
  <c r="M4337" i="5" s="1"/>
  <c r="P4337" i="5" s="1"/>
  <c r="M5551" i="2"/>
  <c r="M5525" i="5" s="1"/>
  <c r="P5525" i="5" s="1"/>
  <c r="M4696" i="2"/>
  <c r="M4670" i="5" s="1"/>
  <c r="P4670" i="5" s="1"/>
  <c r="M8567" i="2"/>
  <c r="M8541" i="5" s="1"/>
  <c r="P8541" i="5" s="1"/>
  <c r="M1686" i="2"/>
  <c r="M1660" i="5" s="1"/>
  <c r="P1660" i="5" s="1"/>
  <c r="M3854" i="2"/>
  <c r="M3828" i="5" s="1"/>
  <c r="P3828" i="5" s="1"/>
  <c r="M6887" i="2"/>
  <c r="M6861" i="5" s="1"/>
  <c r="P6861" i="5" s="1"/>
  <c r="M2358" i="2"/>
  <c r="M2332" i="5" s="1"/>
  <c r="P2332" i="5" s="1"/>
  <c r="M7083" i="2"/>
  <c r="M7057" i="5" s="1"/>
  <c r="P7057" i="5" s="1"/>
  <c r="M4033" i="2"/>
  <c r="M4007" i="5" s="1"/>
  <c r="P4007" i="5" s="1"/>
  <c r="M1696" i="2"/>
  <c r="M1670" i="5" s="1"/>
  <c r="P1670" i="5" s="1"/>
  <c r="M8759" i="2"/>
  <c r="M8733" i="5" s="1"/>
  <c r="P8733" i="5" s="1"/>
  <c r="M7887" i="2"/>
  <c r="M7861" i="5" s="1"/>
  <c r="P7861" i="5" s="1"/>
  <c r="M322" i="2"/>
  <c r="M296" i="5" s="1"/>
  <c r="P296" i="5" s="1"/>
  <c r="M7569" i="2"/>
  <c r="M7543" i="5" s="1"/>
  <c r="P7543" i="5" s="1"/>
  <c r="M3860" i="2"/>
  <c r="M3834" i="5" s="1"/>
  <c r="P3834" i="5" s="1"/>
  <c r="M4019" i="2"/>
  <c r="M3993" i="5" s="1"/>
  <c r="P3993" i="5" s="1"/>
  <c r="M3704" i="2"/>
  <c r="M3678" i="5" s="1"/>
  <c r="P3678" i="5" s="1"/>
  <c r="M8743" i="2"/>
  <c r="M8717" i="5" s="1"/>
  <c r="P8717" i="5" s="1"/>
  <c r="M6249" i="2"/>
  <c r="M6223" i="5" s="1"/>
  <c r="P6223" i="5" s="1"/>
  <c r="M2702" i="2"/>
  <c r="M2676" i="5" s="1"/>
  <c r="P2676" i="5" s="1"/>
  <c r="M4191" i="2"/>
  <c r="M4165" i="5" s="1"/>
  <c r="P4165" i="5" s="1"/>
  <c r="M2355" i="2"/>
  <c r="M2329" i="5" s="1"/>
  <c r="P2329" i="5" s="1"/>
  <c r="M4365" i="2"/>
  <c r="M4339" i="5" s="1"/>
  <c r="P4339" i="5" s="1"/>
  <c r="M5878" i="2"/>
  <c r="M5852" i="5" s="1"/>
  <c r="P5852" i="5" s="1"/>
  <c r="M190" i="2"/>
  <c r="M164" i="5" s="1"/>
  <c r="P164" i="5" s="1"/>
  <c r="M3515" i="2"/>
  <c r="M3489" i="5" s="1"/>
  <c r="P3489" i="5" s="1"/>
  <c r="M2704" i="2"/>
  <c r="M2678" i="5" s="1"/>
  <c r="P2678" i="5" s="1"/>
  <c r="M2366" i="2"/>
  <c r="M2340" i="5" s="1"/>
  <c r="P2340" i="5" s="1"/>
  <c r="M4061" i="2"/>
  <c r="M4035" i="5" s="1"/>
  <c r="P4035" i="5" s="1"/>
  <c r="M6068" i="2"/>
  <c r="M6042" i="5" s="1"/>
  <c r="P6042" i="5" s="1"/>
  <c r="M1189" i="2"/>
  <c r="M1163" i="5" s="1"/>
  <c r="P1163" i="5" s="1"/>
  <c r="M2864" i="2"/>
  <c r="M2838" i="5" s="1"/>
  <c r="P2838" i="5" s="1"/>
  <c r="M1182" i="2"/>
  <c r="M1156" i="5" s="1"/>
  <c r="P1156" i="5" s="1"/>
  <c r="M2518" i="2"/>
  <c r="M2492" i="5" s="1"/>
  <c r="P2492" i="5" s="1"/>
  <c r="M4208" i="2"/>
  <c r="M4182" i="5" s="1"/>
  <c r="P4182" i="5" s="1"/>
  <c r="M2682" i="2"/>
  <c r="M2656" i="5" s="1"/>
  <c r="P2656" i="5" s="1"/>
  <c r="M3524" i="2"/>
  <c r="M3498" i="5" s="1"/>
  <c r="P3498" i="5" s="1"/>
  <c r="M6568" i="2"/>
  <c r="M6542" i="5" s="1"/>
  <c r="P6542" i="5" s="1"/>
  <c r="M6570" i="2"/>
  <c r="M6544" i="5" s="1"/>
  <c r="P6544" i="5" s="1"/>
  <c r="M5538" i="2"/>
  <c r="M5512" i="5" s="1"/>
  <c r="P5512" i="5" s="1"/>
  <c r="M5709" i="2"/>
  <c r="M5683" i="5" s="1"/>
  <c r="P5683" i="5" s="1"/>
  <c r="M3548" i="2"/>
  <c r="M3522" i="5" s="1"/>
  <c r="P3522" i="5" s="1"/>
  <c r="M8591" i="2"/>
  <c r="M8565" i="5" s="1"/>
  <c r="P8565" i="5" s="1"/>
  <c r="M2002" i="2"/>
  <c r="M1976" i="5" s="1"/>
  <c r="P1976" i="5" s="1"/>
  <c r="M4734" i="2"/>
  <c r="M4708" i="5" s="1"/>
  <c r="P4708" i="5" s="1"/>
  <c r="M524" i="2"/>
  <c r="M498" i="5" s="1"/>
  <c r="P498" i="5" s="1"/>
  <c r="M6214" i="2"/>
  <c r="M6188" i="5" s="1"/>
  <c r="P6188" i="5" s="1"/>
  <c r="M7230" i="2"/>
  <c r="M7204" i="5" s="1"/>
  <c r="P7204" i="5" s="1"/>
  <c r="M3220" i="2"/>
  <c r="M3194" i="5" s="1"/>
  <c r="P3194" i="5" s="1"/>
  <c r="M5241" i="2"/>
  <c r="M5215" i="5" s="1"/>
  <c r="P5215" i="5" s="1"/>
  <c r="M1518" i="2"/>
  <c r="M1492" i="5" s="1"/>
  <c r="P1492" i="5" s="1"/>
  <c r="M4213" i="2"/>
  <c r="M4187" i="5" s="1"/>
  <c r="P4187" i="5" s="1"/>
  <c r="M345" i="2"/>
  <c r="M319" i="5" s="1"/>
  <c r="P319" i="5" s="1"/>
  <c r="M6052" i="2"/>
  <c r="M6026" i="5" s="1"/>
  <c r="P6026" i="5" s="1"/>
  <c r="M4232" i="2"/>
  <c r="M4206" i="5" s="1"/>
  <c r="P4206" i="5" s="1"/>
  <c r="M3881" i="2"/>
  <c r="M3855" i="5" s="1"/>
  <c r="P3855" i="5" s="1"/>
  <c r="M690" i="2"/>
  <c r="M664" i="5" s="1"/>
  <c r="P664" i="5" s="1"/>
  <c r="M4018" i="2"/>
  <c r="M3992" i="5" s="1"/>
  <c r="P3992" i="5" s="1"/>
  <c r="M7750" i="2"/>
  <c r="M7724" i="5" s="1"/>
  <c r="P7724" i="5" s="1"/>
  <c r="M7590" i="2"/>
  <c r="M7564" i="5" s="1"/>
  <c r="P7564" i="5" s="1"/>
  <c r="M2203" i="2"/>
  <c r="M2177" i="5" s="1"/>
  <c r="P2177" i="5" s="1"/>
  <c r="M3874" i="2"/>
  <c r="M3848" i="5" s="1"/>
  <c r="P3848" i="5" s="1"/>
  <c r="M678" i="2"/>
  <c r="M652" i="5" s="1"/>
  <c r="P652" i="5" s="1"/>
  <c r="M1841" i="2"/>
  <c r="M1815" i="5" s="1"/>
  <c r="P1815" i="5" s="1"/>
  <c r="M5565" i="2"/>
  <c r="M5539" i="5" s="1"/>
  <c r="P5539" i="5" s="1"/>
  <c r="M2700" i="2"/>
  <c r="M2674" i="5" s="1"/>
  <c r="P2674" i="5" s="1"/>
  <c r="M2689" i="2"/>
  <c r="M2663" i="5" s="1"/>
  <c r="P2663" i="5" s="1"/>
  <c r="M4030" i="2"/>
  <c r="M4004" i="5" s="1"/>
  <c r="P4004" i="5" s="1"/>
  <c r="M1669" i="2"/>
  <c r="M1643" i="5" s="1"/>
  <c r="P1643" i="5" s="1"/>
  <c r="M7406" i="2"/>
  <c r="M7380" i="5" s="1"/>
  <c r="P7380" i="5" s="1"/>
  <c r="M845" i="2"/>
  <c r="M819" i="5" s="1"/>
  <c r="P819" i="5" s="1"/>
  <c r="M6734" i="2"/>
  <c r="M6708" i="5" s="1"/>
  <c r="P6708" i="5" s="1"/>
  <c r="M5738" i="2"/>
  <c r="M5712" i="5" s="1"/>
  <c r="P5712" i="5" s="1"/>
  <c r="M4357" i="2"/>
  <c r="M4331" i="5" s="1"/>
  <c r="P4331" i="5" s="1"/>
  <c r="M3540" i="2"/>
  <c r="M3514" i="5" s="1"/>
  <c r="P3514" i="5" s="1"/>
  <c r="M4900" i="2"/>
  <c r="M4874" i="5" s="1"/>
  <c r="P4874" i="5" s="1"/>
  <c r="M519" i="2"/>
  <c r="M493" i="5" s="1"/>
  <c r="P493" i="5" s="1"/>
  <c r="M7901" i="2"/>
  <c r="M7875" i="5" s="1"/>
  <c r="P7875" i="5" s="1"/>
  <c r="M3346" i="2"/>
  <c r="M3320" i="5" s="1"/>
  <c r="P3320" i="5" s="1"/>
  <c r="M7212" i="2"/>
  <c r="M7186" i="5" s="1"/>
  <c r="P7186" i="5" s="1"/>
  <c r="M2356" i="2"/>
  <c r="M2330" i="5" s="1"/>
  <c r="P2330" i="5" s="1"/>
  <c r="M1164" i="2"/>
  <c r="M1138" i="5" s="1"/>
  <c r="P1138" i="5" s="1"/>
  <c r="M3530" i="2"/>
  <c r="M3504" i="5" s="1"/>
  <c r="P3504" i="5" s="1"/>
  <c r="M2846" i="2"/>
  <c r="M2820" i="5" s="1"/>
  <c r="P2820" i="5" s="1"/>
  <c r="M7565" i="2"/>
  <c r="M7539" i="5" s="1"/>
  <c r="P7539" i="5" s="1"/>
  <c r="M2036" i="2"/>
  <c r="M2010" i="5" s="1"/>
  <c r="P2010" i="5" s="1"/>
  <c r="M6373" i="2"/>
  <c r="M6347" i="5" s="1"/>
  <c r="P6347" i="5" s="1"/>
  <c r="M7721" i="2"/>
  <c r="M7695" i="5" s="1"/>
  <c r="P7695" i="5" s="1"/>
  <c r="M6398" i="2"/>
  <c r="M6372" i="5" s="1"/>
  <c r="P6372" i="5" s="1"/>
  <c r="M199" i="2"/>
  <c r="M173" i="5" s="1"/>
  <c r="P173" i="5" s="1"/>
  <c r="M2215" i="2"/>
  <c r="M2189" i="5" s="1"/>
  <c r="P2189" i="5" s="1"/>
  <c r="M5200" i="2"/>
  <c r="M5174" i="5" s="1"/>
  <c r="P5174" i="5" s="1"/>
  <c r="M7065" i="2"/>
  <c r="M7039" i="5" s="1"/>
  <c r="P7039" i="5" s="1"/>
  <c r="M1871" i="2"/>
  <c r="M1845" i="5" s="1"/>
  <c r="P1845" i="5" s="1"/>
  <c r="M1540" i="2"/>
  <c r="M1514" i="5" s="1"/>
  <c r="P1514" i="5" s="1"/>
  <c r="M4022" i="2"/>
  <c r="M3996" i="5" s="1"/>
  <c r="P3996" i="5" s="1"/>
  <c r="M7418" i="2"/>
  <c r="M7392" i="5" s="1"/>
  <c r="P7392" i="5" s="1"/>
  <c r="M662" i="2"/>
  <c r="M636" i="5" s="1"/>
  <c r="P636" i="5" s="1"/>
  <c r="M1531" i="2"/>
  <c r="M1505" i="5" s="1"/>
  <c r="P1505" i="5" s="1"/>
  <c r="M5570" i="2"/>
  <c r="M5544" i="5" s="1"/>
  <c r="P5544" i="5" s="1"/>
  <c r="M5549" i="2"/>
  <c r="M5523" i="5" s="1"/>
  <c r="P5523" i="5" s="1"/>
  <c r="M6227" i="2"/>
  <c r="M6201" i="5" s="1"/>
  <c r="P6201" i="5" s="1"/>
  <c r="M4718" i="2"/>
  <c r="M4692" i="5" s="1"/>
  <c r="P4692" i="5" s="1"/>
  <c r="M3852" i="2"/>
  <c r="M3826" i="5" s="1"/>
  <c r="P3826" i="5" s="1"/>
  <c r="M4362" i="2"/>
  <c r="M4336" i="5" s="1"/>
  <c r="P4336" i="5" s="1"/>
  <c r="M3350" i="2"/>
  <c r="M3324" i="5" s="1"/>
  <c r="P3324" i="5" s="1"/>
  <c r="M6891" i="2"/>
  <c r="M6865" i="5" s="1"/>
  <c r="P6865" i="5" s="1"/>
  <c r="M3185" i="2"/>
  <c r="M3159" i="5" s="1"/>
  <c r="P3159" i="5" s="1"/>
  <c r="M4703" i="2"/>
  <c r="M4677" i="5" s="1"/>
  <c r="P4677" i="5" s="1"/>
  <c r="M3383" i="2"/>
  <c r="M3357" i="5" s="1"/>
  <c r="P3357" i="5" s="1"/>
  <c r="M8096" i="2"/>
  <c r="M8070" i="5" s="1"/>
  <c r="P8070" i="5" s="1"/>
  <c r="M6382" i="2"/>
  <c r="M6356" i="5" s="1"/>
  <c r="P6356" i="5" s="1"/>
  <c r="M7413" i="2"/>
  <c r="M7387" i="5" s="1"/>
  <c r="P7387" i="5" s="1"/>
  <c r="M4220" i="2"/>
  <c r="M4194" i="5" s="1"/>
  <c r="P4194" i="5" s="1"/>
  <c r="M6715" i="2"/>
  <c r="M6689" i="5" s="1"/>
  <c r="P6689" i="5" s="1"/>
  <c r="M7056" i="2"/>
  <c r="M7030" i="5" s="1"/>
  <c r="P7030" i="5" s="1"/>
  <c r="M1843" i="2"/>
  <c r="M1817" i="5" s="1"/>
  <c r="P1817" i="5" s="1"/>
  <c r="M2383" i="2"/>
  <c r="M2357" i="5" s="1"/>
  <c r="P2357" i="5" s="1"/>
  <c r="M2042" i="2"/>
  <c r="M2016" i="5" s="1"/>
  <c r="P2016" i="5" s="1"/>
  <c r="M514" i="2"/>
  <c r="M488" i="5" s="1"/>
  <c r="P488" i="5" s="1"/>
  <c r="M5050" i="2"/>
  <c r="M5024" i="5" s="1"/>
  <c r="P5024" i="5" s="1"/>
  <c r="M7735" i="2"/>
  <c r="M7709" i="5" s="1"/>
  <c r="P7709" i="5" s="1"/>
  <c r="M3684" i="2"/>
  <c r="M3658" i="5" s="1"/>
  <c r="P3658" i="5" s="1"/>
  <c r="M8260" i="2"/>
  <c r="M8234" i="5" s="1"/>
  <c r="P8234" i="5" s="1"/>
  <c r="M6892" i="2"/>
  <c r="M6866" i="5" s="1"/>
  <c r="P6866" i="5" s="1"/>
  <c r="M6893" i="2"/>
  <c r="M6867" i="5" s="1"/>
  <c r="P6867" i="5" s="1"/>
  <c r="M8408" i="2"/>
  <c r="M8382" i="5" s="1"/>
  <c r="P8382" i="5" s="1"/>
  <c r="M1162" i="2"/>
  <c r="M1136" i="5" s="1"/>
  <c r="P1136" i="5" s="1"/>
  <c r="M8386" i="2"/>
  <c r="M4368" i="2"/>
  <c r="M4342" i="5" s="1"/>
  <c r="P4342" i="5" s="1"/>
  <c r="M6912" i="2"/>
  <c r="M6886" i="5" s="1"/>
  <c r="P6886" i="5" s="1"/>
  <c r="M2532" i="2"/>
  <c r="M2506" i="5" s="1"/>
  <c r="P2506" i="5" s="1"/>
  <c r="M1534" i="2"/>
  <c r="M1508" i="5" s="1"/>
  <c r="P1508" i="5" s="1"/>
  <c r="M4558" i="2"/>
  <c r="M4532" i="5" s="1"/>
  <c r="P4532" i="5" s="1"/>
  <c r="M6548" i="2"/>
  <c r="M6522" i="5" s="1"/>
  <c r="P6522" i="5" s="1"/>
  <c r="M3729" i="2"/>
  <c r="M3703" i="5" s="1"/>
  <c r="P3703" i="5" s="1"/>
  <c r="M508" i="2"/>
  <c r="M482" i="5" s="1"/>
  <c r="P482" i="5" s="1"/>
  <c r="M5563" i="2"/>
  <c r="M5537" i="5" s="1"/>
  <c r="P5537" i="5" s="1"/>
  <c r="M6235" i="2"/>
  <c r="M6209" i="5" s="1"/>
  <c r="P6209" i="5" s="1"/>
  <c r="M1017" i="2"/>
  <c r="M991" i="5" s="1"/>
  <c r="P991" i="5" s="1"/>
  <c r="M6212" i="2"/>
  <c r="M6186" i="5" s="1"/>
  <c r="P6186" i="5" s="1"/>
  <c r="M6725" i="2"/>
  <c r="M6699" i="5" s="1"/>
  <c r="P6699" i="5" s="1"/>
  <c r="M7585" i="2"/>
  <c r="M7559" i="5" s="1"/>
  <c r="P7559" i="5" s="1"/>
  <c r="M6582" i="2"/>
  <c r="M6556" i="5" s="1"/>
  <c r="P6556" i="5" s="1"/>
  <c r="M2537" i="2"/>
  <c r="M2511" i="5" s="1"/>
  <c r="P2511" i="5" s="1"/>
  <c r="M6044" i="2"/>
  <c r="M6018" i="5" s="1"/>
  <c r="P6018" i="5" s="1"/>
  <c r="M5708" i="2"/>
  <c r="M5682" i="5" s="1"/>
  <c r="P5682" i="5" s="1"/>
  <c r="M340" i="2"/>
  <c r="M314" i="5" s="1"/>
  <c r="P314" i="5" s="1"/>
  <c r="M1342" i="2"/>
  <c r="M1316" i="5" s="1"/>
  <c r="P1316" i="5" s="1"/>
  <c r="M1513" i="2"/>
  <c r="M1487" i="5" s="1"/>
  <c r="P1487" i="5" s="1"/>
  <c r="M1537" i="2"/>
  <c r="M1511" i="5" s="1"/>
  <c r="P1511" i="5" s="1"/>
  <c r="M5547" i="2"/>
  <c r="M5521" i="5" s="1"/>
  <c r="P5521" i="5" s="1"/>
  <c r="M4059" i="2"/>
  <c r="M4033" i="5" s="1"/>
  <c r="P4033" i="5" s="1"/>
  <c r="M8082" i="2"/>
  <c r="M8056" i="5" s="1"/>
  <c r="P8056" i="5" s="1"/>
  <c r="M6247" i="2"/>
  <c r="M6221" i="5" s="1"/>
  <c r="P6221" i="5" s="1"/>
  <c r="M6037" i="2"/>
  <c r="M6011" i="5" s="1"/>
  <c r="P6011" i="5" s="1"/>
  <c r="M2017" i="2"/>
  <c r="M1991" i="5" s="1"/>
  <c r="P1991" i="5" s="1"/>
  <c r="M1345" i="2"/>
  <c r="M1319" i="5" s="1"/>
  <c r="P1319" i="5" s="1"/>
  <c r="M8426" i="2"/>
  <c r="M8400" i="5" s="1"/>
  <c r="P8400" i="5" s="1"/>
  <c r="M4564" i="2"/>
  <c r="M4538" i="5" s="1"/>
  <c r="P4538" i="5" s="1"/>
  <c r="M685" i="2"/>
  <c r="M659" i="5" s="1"/>
  <c r="P659" i="5" s="1"/>
  <c r="M8076" i="2"/>
  <c r="M8050" i="5" s="1"/>
  <c r="P8050" i="5" s="1"/>
  <c r="M7918" i="2"/>
  <c r="M7892" i="5" s="1"/>
  <c r="P7892" i="5" s="1"/>
  <c r="M3221" i="2"/>
  <c r="M3195" i="5" s="1"/>
  <c r="P3195" i="5" s="1"/>
  <c r="M2352" i="2"/>
  <c r="M2326" i="5" s="1"/>
  <c r="P2326" i="5" s="1"/>
  <c r="M4725" i="2"/>
  <c r="M4699" i="5" s="1"/>
  <c r="P4699" i="5" s="1"/>
  <c r="M8088" i="2"/>
  <c r="M8062" i="5" s="1"/>
  <c r="P8062" i="5" s="1"/>
  <c r="M2047" i="2"/>
  <c r="M2021" i="5" s="1"/>
  <c r="P2021" i="5" s="1"/>
  <c r="M4222" i="2"/>
  <c r="M4196" i="5" s="1"/>
  <c r="P4196" i="5" s="1"/>
  <c r="M6070" i="2"/>
  <c r="M6044" i="5" s="1"/>
  <c r="P6044" i="5" s="1"/>
  <c r="M4868" i="2"/>
  <c r="M4842" i="5" s="1"/>
  <c r="P4842" i="5" s="1"/>
  <c r="M7394" i="2"/>
  <c r="M7368" i="5" s="1"/>
  <c r="P7368" i="5" s="1"/>
  <c r="M697" i="2"/>
  <c r="M671" i="5" s="1"/>
  <c r="P671" i="5" s="1"/>
  <c r="M2513" i="2"/>
  <c r="M2487" i="5" s="1"/>
  <c r="P2487" i="5" s="1"/>
  <c r="M2683" i="2"/>
  <c r="M2657" i="5" s="1"/>
  <c r="P2657" i="5" s="1"/>
  <c r="M3539" i="2"/>
  <c r="M3513" i="5" s="1"/>
  <c r="P3513" i="5" s="1"/>
  <c r="M3392" i="2"/>
  <c r="M3366" i="5" s="1"/>
  <c r="P3366" i="5" s="1"/>
  <c r="M7245" i="2"/>
  <c r="M7219" i="5" s="1"/>
  <c r="P7219" i="5" s="1"/>
  <c r="M5722" i="2"/>
  <c r="M5696" i="5" s="1"/>
  <c r="P5696" i="5" s="1"/>
  <c r="M2845" i="2"/>
  <c r="M2819" i="5" s="1"/>
  <c r="P2819" i="5" s="1"/>
  <c r="M2865" i="2"/>
  <c r="M2839" i="5" s="1"/>
  <c r="P2839" i="5" s="1"/>
  <c r="M2202" i="2"/>
  <c r="M2176" i="5" s="1"/>
  <c r="P2176" i="5" s="1"/>
  <c r="M7724" i="2"/>
  <c r="M7698" i="5" s="1"/>
  <c r="P7698" i="5" s="1"/>
  <c r="M3225" i="2"/>
  <c r="M3199" i="5" s="1"/>
  <c r="P3199" i="5" s="1"/>
  <c r="M3047" i="2"/>
  <c r="M3021" i="5" s="1"/>
  <c r="P3021" i="5" s="1"/>
  <c r="M536" i="2"/>
  <c r="M510" i="5" s="1"/>
  <c r="P510" i="5" s="1"/>
  <c r="M6233" i="2"/>
  <c r="M6207" i="5" s="1"/>
  <c r="P6207" i="5" s="1"/>
  <c r="M1849" i="2"/>
  <c r="M1823" i="5" s="1"/>
  <c r="P1823" i="5" s="1"/>
  <c r="M3188" i="2"/>
  <c r="M3162" i="5" s="1"/>
  <c r="P3162" i="5" s="1"/>
  <c r="M8751" i="2"/>
  <c r="M8725" i="5" s="1"/>
  <c r="P8725" i="5" s="1"/>
  <c r="M3210" i="2"/>
  <c r="M3184" i="5" s="1"/>
  <c r="P3184" i="5" s="1"/>
  <c r="M5541" i="2"/>
  <c r="M5515" i="5" s="1"/>
  <c r="P5515" i="5" s="1"/>
  <c r="M5724" i="2"/>
  <c r="M5698" i="5" s="1"/>
  <c r="P5698" i="5" s="1"/>
  <c r="M3041" i="2"/>
  <c r="M3015" i="5" s="1"/>
  <c r="P3015" i="5" s="1"/>
  <c r="M1709" i="2"/>
  <c r="M1683" i="5" s="1"/>
  <c r="P1683" i="5" s="1"/>
  <c r="M1516" i="2"/>
  <c r="M1490" i="5" s="1"/>
  <c r="P1490" i="5" s="1"/>
  <c r="M5236" i="2"/>
  <c r="M5210" i="5" s="1"/>
  <c r="P5210" i="5" s="1"/>
  <c r="M4721" i="2"/>
  <c r="M4695" i="5" s="1"/>
  <c r="P4695" i="5" s="1"/>
  <c r="M6246" i="2"/>
  <c r="M6220" i="5" s="1"/>
  <c r="P6220" i="5" s="1"/>
  <c r="M8265" i="2"/>
  <c r="M8239" i="5" s="1"/>
  <c r="P8239" i="5" s="1"/>
  <c r="M839" i="2"/>
  <c r="M813" i="5" s="1"/>
  <c r="P813" i="5" s="1"/>
  <c r="M3039" i="2"/>
  <c r="M3013" i="5" s="1"/>
  <c r="P3013" i="5" s="1"/>
  <c r="M5721" i="2"/>
  <c r="M5695" i="5" s="1"/>
  <c r="P5695" i="5" s="1"/>
  <c r="M4214" i="2"/>
  <c r="M4188" i="5" s="1"/>
  <c r="P4188" i="5" s="1"/>
  <c r="M5880" i="2"/>
  <c r="M5854" i="5" s="1"/>
  <c r="P5854" i="5" s="1"/>
  <c r="M3882" i="2"/>
  <c r="M3856" i="5" s="1"/>
  <c r="P3856" i="5" s="1"/>
  <c r="M8095" i="2"/>
  <c r="M8069" i="5" s="1"/>
  <c r="P8069" i="5" s="1"/>
  <c r="M7400" i="2"/>
  <c r="M7374" i="5" s="1"/>
  <c r="P7374" i="5" s="1"/>
  <c r="M7749" i="2"/>
  <c r="M7723" i="5" s="1"/>
  <c r="P7723" i="5" s="1"/>
  <c r="M6722" i="2"/>
  <c r="M6696" i="5" s="1"/>
  <c r="P6696" i="5" s="1"/>
  <c r="M8722" i="2"/>
  <c r="M8696" i="5" s="1"/>
  <c r="P8696" i="5" s="1"/>
  <c r="M5204" i="2"/>
  <c r="M5178" i="5" s="1"/>
  <c r="P5178" i="5" s="1"/>
  <c r="M2025" i="2"/>
  <c r="M1999" i="5" s="1"/>
  <c r="P1999" i="5" s="1"/>
  <c r="M7589" i="2"/>
  <c r="M7563" i="5" s="1"/>
  <c r="P7563" i="5" s="1"/>
  <c r="M329" i="2"/>
  <c r="M303" i="5" s="1"/>
  <c r="P303" i="5" s="1"/>
  <c r="M7385" i="2"/>
  <c r="M7359" i="5" s="1"/>
  <c r="P7359" i="5" s="1"/>
  <c r="M3033" i="2"/>
  <c r="M3007" i="5" s="1"/>
  <c r="P3007" i="5" s="1"/>
  <c r="M8584" i="2"/>
  <c r="M8558" i="5" s="1"/>
  <c r="P8558" i="5" s="1"/>
  <c r="M3715" i="2"/>
  <c r="M3689" i="5" s="1"/>
  <c r="P3689" i="5" s="1"/>
  <c r="M8569" i="2"/>
  <c r="M8543" i="5" s="1"/>
  <c r="P8543" i="5" s="1"/>
  <c r="M8391" i="2"/>
  <c r="M8365" i="5" s="1"/>
  <c r="P8365" i="5" s="1"/>
  <c r="M5558" i="2"/>
  <c r="M5532" i="5" s="1"/>
  <c r="P5532" i="5" s="1"/>
  <c r="M7063" i="2"/>
  <c r="M7037" i="5" s="1"/>
  <c r="P7037" i="5" s="1"/>
  <c r="M331" i="2"/>
  <c r="M305" i="5" s="1"/>
  <c r="P305" i="5" s="1"/>
  <c r="M7220" i="2"/>
  <c r="M7194" i="5" s="1"/>
  <c r="P7194" i="5" s="1"/>
  <c r="M2524" i="2"/>
  <c r="M2498" i="5" s="1"/>
  <c r="P2498" i="5" s="1"/>
  <c r="M3888" i="2"/>
  <c r="M3862" i="5" s="1"/>
  <c r="P3862" i="5" s="1"/>
  <c r="M8729" i="2"/>
  <c r="M8703" i="5" s="1"/>
  <c r="P8703" i="5" s="1"/>
  <c r="M7389" i="2"/>
  <c r="M7363" i="5" s="1"/>
  <c r="P7363" i="5" s="1"/>
  <c r="M3178" i="2"/>
  <c r="M3152" i="5" s="1"/>
  <c r="P3152" i="5" s="1"/>
  <c r="M661" i="2"/>
  <c r="M635" i="5" s="1"/>
  <c r="P635" i="5" s="1"/>
  <c r="M3559" i="2"/>
  <c r="M3533" i="5" s="1"/>
  <c r="P3533" i="5" s="1"/>
  <c r="M1374" i="2"/>
  <c r="M1348" i="5" s="1"/>
  <c r="P1348" i="5" s="1"/>
  <c r="M177" i="2"/>
  <c r="M151" i="5" s="1"/>
  <c r="P151" i="5" s="1"/>
  <c r="M4560" i="2"/>
  <c r="M4534" i="5" s="1"/>
  <c r="P4534" i="5" s="1"/>
  <c r="M1500" i="2"/>
  <c r="M1474" i="5" s="1"/>
  <c r="P1474" i="5" s="1"/>
  <c r="M1363" i="2"/>
  <c r="M1337" i="5" s="1"/>
  <c r="P1337" i="5" s="1"/>
  <c r="M1846" i="2"/>
  <c r="M1820" i="5" s="1"/>
  <c r="P1820" i="5" s="1"/>
  <c r="M5403" i="2"/>
  <c r="M5377" i="5" s="1"/>
  <c r="P5377" i="5" s="1"/>
  <c r="M5375" i="2"/>
  <c r="M5349" i="5" s="1"/>
  <c r="P5349" i="5" s="1"/>
  <c r="M6581" i="2"/>
  <c r="M6555" i="5" s="1"/>
  <c r="P6555" i="5" s="1"/>
  <c r="M3537" i="2"/>
  <c r="M3511" i="5" s="1"/>
  <c r="P3511" i="5" s="1"/>
  <c r="M2549" i="2"/>
  <c r="M2523" i="5" s="1"/>
  <c r="P2523" i="5" s="1"/>
  <c r="M4379" i="2"/>
  <c r="M4353" i="5" s="1"/>
  <c r="P4353" i="5" s="1"/>
  <c r="M6546" i="2"/>
  <c r="M6520" i="5" s="1"/>
  <c r="P6520" i="5" s="1"/>
  <c r="M1337" i="2"/>
  <c r="M1311" i="5" s="1"/>
  <c r="P1311" i="5" s="1"/>
  <c r="M6904" i="2"/>
  <c r="M6878" i="5" s="1"/>
  <c r="P6878" i="5" s="1"/>
  <c r="M8767" i="2"/>
  <c r="M8741" i="5" s="1"/>
  <c r="P8741" i="5" s="1"/>
  <c r="M7755" i="2"/>
  <c r="M7729" i="5" s="1"/>
  <c r="P7729" i="5" s="1"/>
  <c r="M4735" i="2"/>
  <c r="M4709" i="5" s="1"/>
  <c r="P4709" i="5" s="1"/>
  <c r="M6708" i="2"/>
  <c r="M6682" i="5" s="1"/>
  <c r="P6682" i="5" s="1"/>
  <c r="M6882" i="2"/>
  <c r="M6856" i="5" s="1"/>
  <c r="P6856" i="5" s="1"/>
  <c r="M3037" i="2"/>
  <c r="M3011" i="5" s="1"/>
  <c r="P3011" i="5" s="1"/>
  <c r="M8742" i="2"/>
  <c r="M8716" i="5" s="1"/>
  <c r="P8716" i="5" s="1"/>
  <c r="M6046" i="2"/>
  <c r="M6020" i="5" s="1"/>
  <c r="P6020" i="5" s="1"/>
  <c r="M684" i="2"/>
  <c r="M658" i="5" s="1"/>
  <c r="P658" i="5" s="1"/>
  <c r="M8732" i="2"/>
  <c r="M8706" i="5" s="1"/>
  <c r="P8706" i="5" s="1"/>
  <c r="M4860" i="2"/>
  <c r="M4834" i="5" s="1"/>
  <c r="P4834" i="5" s="1"/>
  <c r="M2032" i="2"/>
  <c r="M2006" i="5" s="1"/>
  <c r="P2006" i="5" s="1"/>
  <c r="M4388" i="2"/>
  <c r="M4362" i="5" s="1"/>
  <c r="P4362" i="5" s="1"/>
  <c r="M5530" i="2"/>
  <c r="M5504" i="5" s="1"/>
  <c r="P5504" i="5" s="1"/>
  <c r="M2687" i="2"/>
  <c r="M2661" i="5" s="1"/>
  <c r="P2661" i="5" s="1"/>
  <c r="M7256" i="2"/>
  <c r="M7230" i="5" s="1"/>
  <c r="P7230" i="5" s="1"/>
  <c r="M3356" i="2"/>
  <c r="M3330" i="5" s="1"/>
  <c r="P3330" i="5" s="1"/>
  <c r="M490" i="2"/>
  <c r="M464" i="5" s="1"/>
  <c r="P464" i="5" s="1"/>
  <c r="M4055" i="2"/>
  <c r="M4029" i="5" s="1"/>
  <c r="P4029" i="5" s="1"/>
  <c r="M7882" i="2"/>
  <c r="M7856" i="5" s="1"/>
  <c r="P7856" i="5" s="1"/>
  <c r="M1008" i="2"/>
  <c r="M982" i="5" s="1"/>
  <c r="P982" i="5" s="1"/>
  <c r="M2343" i="2"/>
  <c r="M2317" i="5" s="1"/>
  <c r="P2317" i="5" s="1"/>
  <c r="M5711" i="2"/>
  <c r="M5685" i="5" s="1"/>
  <c r="P5685" i="5" s="1"/>
  <c r="M195" i="2"/>
  <c r="M169" i="5" s="1"/>
  <c r="P169" i="5" s="1"/>
  <c r="M1681" i="2"/>
  <c r="M1655" i="5" s="1"/>
  <c r="P1655" i="5" s="1"/>
  <c r="M7717" i="2"/>
  <c r="M7691" i="5" s="1"/>
  <c r="P7691" i="5" s="1"/>
  <c r="M7923" i="2"/>
  <c r="M7897" i="5" s="1"/>
  <c r="P7897" i="5" s="1"/>
  <c r="M3036" i="2"/>
  <c r="M3010" i="5" s="1"/>
  <c r="P3010" i="5" s="1"/>
  <c r="M5532" i="2"/>
  <c r="M5506" i="5" s="1"/>
  <c r="P5506" i="5" s="1"/>
  <c r="M8559" i="2"/>
  <c r="M8533" i="5" s="1"/>
  <c r="P8533" i="5" s="1"/>
  <c r="M2170" i="2"/>
  <c r="M2144" i="5" s="1"/>
  <c r="P2144" i="5" s="1"/>
  <c r="M6245" i="2"/>
  <c r="M6219" i="5" s="1"/>
  <c r="P6219" i="5" s="1"/>
  <c r="M4398" i="2"/>
  <c r="M4372" i="5" s="1"/>
  <c r="P4372" i="5" s="1"/>
  <c r="M873" i="2"/>
  <c r="M847" i="5" s="1"/>
  <c r="P847" i="5" s="1"/>
  <c r="M5702" i="2"/>
  <c r="M5676" i="5" s="1"/>
  <c r="P5676" i="5" s="1"/>
  <c r="M5875" i="2"/>
  <c r="M5849" i="5" s="1"/>
  <c r="P5849" i="5" s="1"/>
  <c r="M7082" i="2"/>
  <c r="M7056" i="5" s="1"/>
  <c r="P7056" i="5" s="1"/>
  <c r="M4872" i="2"/>
  <c r="M4846" i="5" s="1"/>
  <c r="P4846" i="5" s="1"/>
  <c r="M5564" i="2"/>
  <c r="M5538" i="5" s="1"/>
  <c r="P5538" i="5" s="1"/>
  <c r="M7921" i="2"/>
  <c r="M7895" i="5" s="1"/>
  <c r="P7895" i="5" s="1"/>
  <c r="M5220" i="2"/>
  <c r="M5194" i="5" s="1"/>
  <c r="P5194" i="5" s="1"/>
  <c r="M7401" i="2"/>
  <c r="M7375" i="5" s="1"/>
  <c r="P7375" i="5" s="1"/>
  <c r="M6048" i="2"/>
  <c r="M6022" i="5" s="1"/>
  <c r="P6022" i="5" s="1"/>
  <c r="M6220" i="2"/>
  <c r="M6194" i="5" s="1"/>
  <c r="P6194" i="5" s="1"/>
  <c r="M2020" i="2"/>
  <c r="M1994" i="5" s="1"/>
  <c r="P1994" i="5" s="1"/>
  <c r="M4538" i="2"/>
  <c r="M4512" i="5" s="1"/>
  <c r="P4512" i="5" s="1"/>
  <c r="M7723" i="2"/>
  <c r="M7697" i="5" s="1"/>
  <c r="P7697" i="5" s="1"/>
  <c r="M5399" i="2"/>
  <c r="M5373" i="5" s="1"/>
  <c r="P5373" i="5" s="1"/>
  <c r="M7715" i="2"/>
  <c r="M7689" i="5" s="1"/>
  <c r="P7689" i="5" s="1"/>
  <c r="M7391" i="2"/>
  <c r="M7365" i="5" s="1"/>
  <c r="P7365" i="5" s="1"/>
  <c r="M8064" i="2"/>
  <c r="M8038" i="5" s="1"/>
  <c r="P8038" i="5" s="1"/>
  <c r="M5388" i="2"/>
  <c r="M5362" i="5" s="1"/>
  <c r="P5362" i="5" s="1"/>
  <c r="M3209" i="2"/>
  <c r="M3183" i="5" s="1"/>
  <c r="P3183" i="5" s="1"/>
  <c r="M2542" i="2"/>
  <c r="M2516" i="5" s="1"/>
  <c r="P2516" i="5" s="1"/>
  <c r="M7893" i="2"/>
  <c r="M7867" i="5" s="1"/>
  <c r="P7867" i="5" s="1"/>
  <c r="M8251" i="2"/>
  <c r="M8225" i="5" s="1"/>
  <c r="P8225" i="5" s="1"/>
  <c r="M668" i="2"/>
  <c r="M642" i="5" s="1"/>
  <c r="P642" i="5" s="1"/>
  <c r="M2354" i="2"/>
  <c r="M2328" i="5" s="1"/>
  <c r="P2328" i="5" s="1"/>
  <c r="M3699" i="2"/>
  <c r="M3673" i="5" s="1"/>
  <c r="P3673" i="5" s="1"/>
  <c r="M8588" i="2"/>
  <c r="M8562" i="5" s="1"/>
  <c r="P8562" i="5" s="1"/>
  <c r="M1168" i="2"/>
  <c r="M1142" i="5" s="1"/>
  <c r="P1142" i="5" s="1"/>
  <c r="M3896" i="2"/>
  <c r="M3870" i="5" s="1"/>
  <c r="P3870" i="5" s="1"/>
  <c r="J6576" i="2"/>
  <c r="J6550" i="5" s="1"/>
  <c r="N6550" i="5" s="1"/>
  <c r="J8431" i="2"/>
  <c r="J8405" i="5" s="1"/>
  <c r="N8405" i="5" s="1"/>
  <c r="J3694" i="2"/>
  <c r="J3668" i="5" s="1"/>
  <c r="N3668" i="5" s="1"/>
  <c r="J7246" i="2"/>
  <c r="J7220" i="5" s="1"/>
  <c r="N7220" i="5" s="1"/>
  <c r="J162" i="2"/>
  <c r="J136" i="5" s="1"/>
  <c r="N136" i="5" s="1"/>
  <c r="J4228" i="2"/>
  <c r="J4202" i="5" s="1"/>
  <c r="N4202" i="5" s="1"/>
  <c r="J5221" i="2"/>
  <c r="J5195" i="5" s="1"/>
  <c r="N5195" i="5" s="1"/>
  <c r="J3035" i="2"/>
  <c r="J3009" i="5" s="1"/>
  <c r="N3009" i="5" s="1"/>
  <c r="J509" i="2"/>
  <c r="J483" i="5" s="1"/>
  <c r="N483" i="5" s="1"/>
  <c r="J8768" i="2"/>
  <c r="J8742" i="5" s="1"/>
  <c r="N8742" i="5" s="1"/>
  <c r="M6386" i="2"/>
  <c r="M6360" i="5" s="1"/>
  <c r="P6360" i="5" s="1"/>
  <c r="M7733" i="2"/>
  <c r="M7707" i="5" s="1"/>
  <c r="P7707" i="5" s="1"/>
  <c r="M5028" i="2"/>
  <c r="M5002" i="5" s="1"/>
  <c r="P5002" i="5" s="1"/>
  <c r="M2369" i="2"/>
  <c r="M2343" i="5" s="1"/>
  <c r="P2343" i="5" s="1"/>
  <c r="M3199" i="2"/>
  <c r="M3173" i="5" s="1"/>
  <c r="P3173" i="5" s="1"/>
  <c r="M5387" i="2"/>
  <c r="M5361" i="5" s="1"/>
  <c r="P5361" i="5" s="1"/>
  <c r="M3557" i="2"/>
  <c r="M3531" i="5" s="1"/>
  <c r="P3531" i="5" s="1"/>
  <c r="M2882" i="2"/>
  <c r="M2856" i="5" s="1"/>
  <c r="P2856" i="5" s="1"/>
  <c r="M2347" i="2"/>
  <c r="M2321" i="5" s="1"/>
  <c r="P2321" i="5" s="1"/>
  <c r="M1336" i="2"/>
  <c r="M1310" i="5" s="1"/>
  <c r="P1310" i="5" s="1"/>
  <c r="M1676" i="2"/>
  <c r="M1650" i="5" s="1"/>
  <c r="P1650" i="5" s="1"/>
  <c r="M1525" i="2"/>
  <c r="M1499" i="5" s="1"/>
  <c r="P1499" i="5" s="1"/>
  <c r="M1707" i="2"/>
  <c r="M1681" i="5" s="1"/>
  <c r="P1681" i="5" s="1"/>
  <c r="M4377" i="2"/>
  <c r="M4351" i="5" s="1"/>
  <c r="P4351" i="5" s="1"/>
  <c r="M1002" i="2"/>
  <c r="M976" i="5" s="1"/>
  <c r="P976" i="5" s="1"/>
  <c r="M6375" i="2"/>
  <c r="M6349" i="5" s="1"/>
  <c r="P6349" i="5" s="1"/>
  <c r="M7419" i="2"/>
  <c r="M7393" i="5" s="1"/>
  <c r="P7393" i="5" s="1"/>
  <c r="M2679" i="2"/>
  <c r="M2653" i="5" s="1"/>
  <c r="P2653" i="5" s="1"/>
  <c r="M330" i="2"/>
  <c r="M304" i="5" s="1"/>
  <c r="P304" i="5" s="1"/>
  <c r="M5719" i="2"/>
  <c r="M5693" i="5" s="1"/>
  <c r="P5693" i="5" s="1"/>
  <c r="M3010" i="2"/>
  <c r="M2984" i="5" s="1"/>
  <c r="P2984" i="5" s="1"/>
  <c r="M4401" i="2"/>
  <c r="M4375" i="5" s="1"/>
  <c r="P4375" i="5" s="1"/>
  <c r="M8576" i="2"/>
  <c r="M8550" i="5" s="1"/>
  <c r="P8550" i="5" s="1"/>
  <c r="M1695" i="2"/>
  <c r="M1669" i="5" s="1"/>
  <c r="P1669" i="5" s="1"/>
  <c r="M3712" i="2"/>
  <c r="M3686" i="5" s="1"/>
  <c r="P3686" i="5" s="1"/>
  <c r="M871" i="2"/>
  <c r="M845" i="5" s="1"/>
  <c r="P845" i="5" s="1"/>
  <c r="M4693" i="2"/>
  <c r="M4667" i="5" s="1"/>
  <c r="P4667" i="5" s="1"/>
  <c r="M5031" i="2"/>
  <c r="M5005" i="5" s="1"/>
  <c r="P5005" i="5" s="1"/>
  <c r="M7421" i="2"/>
  <c r="M7395" i="5" s="1"/>
  <c r="P7395" i="5" s="1"/>
  <c r="M869" i="2"/>
  <c r="M843" i="5" s="1"/>
  <c r="P843" i="5" s="1"/>
  <c r="M7410" i="2"/>
  <c r="M7384" i="5" s="1"/>
  <c r="P7384" i="5" s="1"/>
  <c r="M6234" i="2"/>
  <c r="M6208" i="5" s="1"/>
  <c r="P6208" i="5" s="1"/>
  <c r="M679" i="2"/>
  <c r="M653" i="5" s="1"/>
  <c r="P653" i="5" s="1"/>
  <c r="M1015" i="2"/>
  <c r="M989" i="5" s="1"/>
  <c r="P989" i="5" s="1"/>
  <c r="M5569" i="2"/>
  <c r="M5543" i="5" s="1"/>
  <c r="P5543" i="5" s="1"/>
  <c r="M2868" i="2"/>
  <c r="M2842" i="5" s="1"/>
  <c r="P2842" i="5" s="1"/>
  <c r="M6713" i="2"/>
  <c r="M6687" i="5" s="1"/>
  <c r="P6687" i="5" s="1"/>
  <c r="M847" i="2"/>
  <c r="M821" i="5" s="1"/>
  <c r="P821" i="5" s="1"/>
  <c r="M2027" i="2"/>
  <c r="M2001" i="5" s="1"/>
  <c r="P2001" i="5" s="1"/>
  <c r="M6745" i="2"/>
  <c r="M6719" i="5" s="1"/>
  <c r="P6719" i="5" s="1"/>
  <c r="M4556" i="2"/>
  <c r="M4530" i="5" s="1"/>
  <c r="P4530" i="5" s="1"/>
  <c r="M7423" i="2"/>
  <c r="M7397" i="5" s="1"/>
  <c r="P7397" i="5" s="1"/>
  <c r="M1508" i="2"/>
  <c r="M1482" i="5" s="1"/>
  <c r="P1482" i="5" s="1"/>
  <c r="M3025" i="2"/>
  <c r="M2999" i="5" s="1"/>
  <c r="P2999" i="5" s="1"/>
  <c r="M6723" i="2"/>
  <c r="M6697" i="5" s="1"/>
  <c r="P6697" i="5" s="1"/>
  <c r="M6221" i="2"/>
  <c r="M6195" i="5" s="1"/>
  <c r="P6195" i="5" s="1"/>
  <c r="M3691" i="2"/>
  <c r="M3665" i="5" s="1"/>
  <c r="P3665" i="5" s="1"/>
  <c r="J5042" i="2"/>
  <c r="J5016" i="5" s="1"/>
  <c r="N5016" i="5" s="1"/>
  <c r="J2343" i="2"/>
  <c r="J2317" i="5" s="1"/>
  <c r="N2317" i="5" s="1"/>
  <c r="J3887" i="2"/>
  <c r="J3861" i="5" s="1"/>
  <c r="N3861" i="5" s="1"/>
  <c r="J6877" i="2"/>
  <c r="J6851" i="5" s="1"/>
  <c r="N6851" i="5" s="1"/>
  <c r="J6216" i="2"/>
  <c r="J6190" i="5" s="1"/>
  <c r="N6190" i="5" s="1"/>
  <c r="J6903" i="2"/>
  <c r="J6877" i="5" s="1"/>
  <c r="N6877" i="5" s="1"/>
  <c r="J7391" i="2"/>
  <c r="J7365" i="5" s="1"/>
  <c r="N7365" i="5" s="1"/>
  <c r="J3194" i="2"/>
  <c r="J3168" i="5" s="1"/>
  <c r="N3168" i="5" s="1"/>
  <c r="J1667" i="2"/>
  <c r="J1641" i="5" s="1"/>
  <c r="N1641" i="5" s="1"/>
  <c r="J7058" i="2"/>
  <c r="J7032" i="5" s="1"/>
  <c r="N7032" i="5" s="1"/>
  <c r="M4204" i="2"/>
  <c r="M4178" i="5" s="1"/>
  <c r="P4178" i="5" s="1"/>
  <c r="M360" i="2"/>
  <c r="M334" i="5" s="1"/>
  <c r="P334" i="5" s="1"/>
  <c r="M5535" i="2"/>
  <c r="M5509" i="5" s="1"/>
  <c r="P5509" i="5" s="1"/>
  <c r="M7247" i="2"/>
  <c r="M7221" i="5" s="1"/>
  <c r="P7221" i="5" s="1"/>
  <c r="M3554" i="2"/>
  <c r="M3528" i="5" s="1"/>
  <c r="P3528" i="5" s="1"/>
  <c r="M7234" i="2"/>
  <c r="M7208" i="5" s="1"/>
  <c r="P7208" i="5" s="1"/>
  <c r="M3042" i="2"/>
  <c r="M3016" i="5" s="1"/>
  <c r="P3016" i="5" s="1"/>
  <c r="M169" i="2"/>
  <c r="M143" i="5" s="1"/>
  <c r="P143" i="5" s="1"/>
  <c r="M1855" i="2"/>
  <c r="M1829" i="5" s="1"/>
  <c r="P1829" i="5" s="1"/>
  <c r="M3385" i="2"/>
  <c r="M3359" i="5" s="1"/>
  <c r="P3359" i="5" s="1"/>
  <c r="M6206" i="2"/>
  <c r="M6180" i="5" s="1"/>
  <c r="P6180" i="5" s="1"/>
  <c r="M6740" i="2"/>
  <c r="M6714" i="5" s="1"/>
  <c r="P6714" i="5" s="1"/>
  <c r="M1361" i="2"/>
  <c r="M1335" i="5" s="1"/>
  <c r="P1335" i="5" s="1"/>
  <c r="M2694" i="2"/>
  <c r="M2668" i="5" s="1"/>
  <c r="P2668" i="5" s="1"/>
  <c r="M6730" i="2"/>
  <c r="M6704" i="5" s="1"/>
  <c r="P6704" i="5" s="1"/>
  <c r="M3193" i="2"/>
  <c r="M3167" i="5" s="1"/>
  <c r="P3167" i="5" s="1"/>
  <c r="M3202" i="2"/>
  <c r="M3176" i="5" s="1"/>
  <c r="P3176" i="5" s="1"/>
  <c r="M7380" i="2"/>
  <c r="M7354" i="5" s="1"/>
  <c r="P7354" i="5" s="1"/>
  <c r="M7226" i="2"/>
  <c r="M7200" i="5" s="1"/>
  <c r="P7200" i="5" s="1"/>
  <c r="M4057" i="2"/>
  <c r="M4031" i="5" s="1"/>
  <c r="P4031" i="5" s="1"/>
  <c r="M537" i="2"/>
  <c r="M511" i="5" s="1"/>
  <c r="P511" i="5" s="1"/>
  <c r="M5874" i="2"/>
  <c r="M5848" i="5" s="1"/>
  <c r="P5848" i="5" s="1"/>
  <c r="M2538" i="2"/>
  <c r="M2512" i="5" s="1"/>
  <c r="P2512" i="5" s="1"/>
  <c r="M4526" i="2"/>
  <c r="M4500" i="5" s="1"/>
  <c r="P4500" i="5" s="1"/>
  <c r="M6053" i="2"/>
  <c r="M6027" i="5" s="1"/>
  <c r="P6027" i="5" s="1"/>
  <c r="M848" i="2"/>
  <c r="M822" i="5" s="1"/>
  <c r="P822" i="5" s="1"/>
  <c r="M7059" i="2"/>
  <c r="M7033" i="5" s="1"/>
  <c r="P7033" i="5" s="1"/>
  <c r="M4559" i="2"/>
  <c r="M4533" i="5" s="1"/>
  <c r="P4533" i="5" s="1"/>
  <c r="M3693" i="2"/>
  <c r="M3667" i="5" s="1"/>
  <c r="P3667" i="5" s="1"/>
  <c r="M8245" i="2"/>
  <c r="M8219" i="5" s="1"/>
  <c r="P8219" i="5" s="1"/>
  <c r="M4364" i="2"/>
  <c r="M4338" i="5" s="1"/>
  <c r="P4338" i="5" s="1"/>
  <c r="M1838" i="2"/>
  <c r="M1812" i="5" s="1"/>
  <c r="P1812" i="5" s="1"/>
  <c r="M500" i="2"/>
  <c r="M474" i="5" s="1"/>
  <c r="P474" i="5" s="1"/>
  <c r="M507" i="2"/>
  <c r="M481" i="5" s="1"/>
  <c r="P481" i="5" s="1"/>
  <c r="M4021" i="2"/>
  <c r="M3995" i="5" s="1"/>
  <c r="P3995" i="5" s="1"/>
  <c r="M6878" i="2"/>
  <c r="M6852" i="5" s="1"/>
  <c r="P6852" i="5" s="1"/>
  <c r="M3352" i="2"/>
  <c r="M3326" i="5" s="1"/>
  <c r="P3326" i="5" s="1"/>
  <c r="M4384" i="2"/>
  <c r="M4358" i="5" s="1"/>
  <c r="P4358" i="5" s="1"/>
  <c r="M5745" i="2"/>
  <c r="M5719" i="5" s="1"/>
  <c r="P5719" i="5" s="1"/>
  <c r="M4903" i="2"/>
  <c r="M4877" i="5" s="1"/>
  <c r="P4877" i="5" s="1"/>
  <c r="M4210" i="2"/>
  <c r="M4184" i="5" s="1"/>
  <c r="P4184" i="5" s="1"/>
  <c r="M4058" i="2"/>
  <c r="M4032" i="5" s="1"/>
  <c r="P4032" i="5" s="1"/>
  <c r="M4397" i="2"/>
  <c r="M4371" i="5" s="1"/>
  <c r="P4371" i="5" s="1"/>
  <c r="M2872" i="2"/>
  <c r="M2846" i="5" s="1"/>
  <c r="P2846" i="5" s="1"/>
  <c r="M5545" i="2"/>
  <c r="M5519" i="5" s="1"/>
  <c r="P5519" i="5" s="1"/>
  <c r="M5576" i="2"/>
  <c r="M5550" i="5" s="1"/>
  <c r="P5550" i="5" s="1"/>
  <c r="M5698" i="2"/>
  <c r="M5672" i="5" s="1"/>
  <c r="P5672" i="5" s="1"/>
  <c r="J5216" i="2"/>
  <c r="J5190" i="5" s="1"/>
  <c r="N5190" i="5" s="1"/>
  <c r="J3206" i="2"/>
  <c r="J3180" i="5" s="1"/>
  <c r="N3180" i="5" s="1"/>
  <c r="J508" i="2"/>
  <c r="J482" i="5" s="1"/>
  <c r="N482" i="5" s="1"/>
  <c r="J6078" i="2"/>
  <c r="J6052" i="5" s="1"/>
  <c r="N6052" i="5" s="1"/>
  <c r="J5237" i="2"/>
  <c r="J5211" i="5" s="1"/>
  <c r="N5211" i="5" s="1"/>
  <c r="J6395" i="2"/>
  <c r="J6369" i="5" s="1"/>
  <c r="N6369" i="5" s="1"/>
  <c r="J6208" i="2"/>
  <c r="J6182" i="5" s="1"/>
  <c r="N6182" i="5" s="1"/>
  <c r="J7557" i="2"/>
  <c r="J7531" i="5" s="1"/>
  <c r="N7531" i="5" s="1"/>
  <c r="J6054" i="2"/>
  <c r="J6028" i="5" s="1"/>
  <c r="N6028" i="5" s="1"/>
  <c r="J6210" i="2"/>
  <c r="J6184" i="5" s="1"/>
  <c r="N6184" i="5" s="1"/>
  <c r="M3018" i="2"/>
  <c r="M2992" i="5" s="1"/>
  <c r="P2992" i="5" s="1"/>
  <c r="M8398" i="2"/>
  <c r="M8372" i="5" s="1"/>
  <c r="P8372" i="5" s="1"/>
  <c r="AR232" i="1"/>
  <c r="M4205" i="2"/>
  <c r="M4179" i="5" s="1"/>
  <c r="P4179" i="5" s="1"/>
  <c r="M2007" i="2"/>
  <c r="M1981" i="5" s="1"/>
  <c r="P1981" i="5" s="1"/>
  <c r="M5240" i="2"/>
  <c r="M5214" i="5" s="1"/>
  <c r="P5214" i="5" s="1"/>
  <c r="M4700" i="2"/>
  <c r="M4674" i="5" s="1"/>
  <c r="P4674" i="5" s="1"/>
  <c r="M3024" i="2"/>
  <c r="M2998" i="5" s="1"/>
  <c r="P2998" i="5" s="1"/>
  <c r="M6217" i="2"/>
  <c r="M6191" i="5" s="1"/>
  <c r="P6191" i="5" s="1"/>
  <c r="M3390" i="2"/>
  <c r="M3364" i="5" s="1"/>
  <c r="P3364" i="5" s="1"/>
  <c r="M6074" i="2"/>
  <c r="M6048" i="5" s="1"/>
  <c r="P6048" i="5" s="1"/>
  <c r="M6906" i="2"/>
  <c r="M6880" i="5" s="1"/>
  <c r="P6880" i="5" s="1"/>
  <c r="M2189" i="2"/>
  <c r="M2163" i="5" s="1"/>
  <c r="P2163" i="5" s="1"/>
  <c r="M6543" i="2"/>
  <c r="M6517" i="5" s="1"/>
  <c r="P6517" i="5" s="1"/>
  <c r="M2184" i="2"/>
  <c r="M2158" i="5" s="1"/>
  <c r="P2158" i="5" s="1"/>
  <c r="M3527" i="2"/>
  <c r="M3501" i="5" s="1"/>
  <c r="P3501" i="5" s="1"/>
  <c r="M5209" i="2"/>
  <c r="M5183" i="5" s="1"/>
  <c r="P5183" i="5" s="1"/>
  <c r="M3206" i="2"/>
  <c r="M3180" i="5" s="1"/>
  <c r="P3180" i="5" s="1"/>
  <c r="M6561" i="2"/>
  <c r="M6535" i="5" s="1"/>
  <c r="P6535" i="5" s="1"/>
  <c r="M683" i="2"/>
  <c r="M657" i="5" s="1"/>
  <c r="P657" i="5" s="1"/>
  <c r="M7411" i="2"/>
  <c r="M7385" i="5" s="1"/>
  <c r="P7385" i="5" s="1"/>
  <c r="M187" i="2"/>
  <c r="M161" i="5" s="1"/>
  <c r="P161" i="5" s="1"/>
  <c r="M1870" i="2"/>
  <c r="M1844" i="5" s="1"/>
  <c r="P1844" i="5" s="1"/>
  <c r="M3689" i="2"/>
  <c r="M3663" i="5" s="1"/>
  <c r="P3663" i="5" s="1"/>
  <c r="M8427" i="2"/>
  <c r="M8401" i="5" s="1"/>
  <c r="P8401" i="5" s="1"/>
  <c r="M3028" i="2"/>
  <c r="M3002" i="5" s="1"/>
  <c r="P3002" i="5" s="1"/>
  <c r="M1503" i="2"/>
  <c r="M1477" i="5" s="1"/>
  <c r="P1477" i="5" s="1"/>
  <c r="M3868" i="2"/>
  <c r="M3842" i="5" s="1"/>
  <c r="P3842" i="5" s="1"/>
  <c r="M2361" i="2"/>
  <c r="M2335" i="5" s="1"/>
  <c r="P2335" i="5" s="1"/>
  <c r="M5402" i="2"/>
  <c r="M5376" i="5" s="1"/>
  <c r="P5376" i="5" s="1"/>
  <c r="M2207" i="2"/>
  <c r="M2181" i="5" s="1"/>
  <c r="P2181" i="5" s="1"/>
  <c r="M5559" i="2"/>
  <c r="M5533" i="5" s="1"/>
  <c r="P5533" i="5" s="1"/>
  <c r="M3212" i="2"/>
  <c r="M3186" i="5" s="1"/>
  <c r="P3186" i="5" s="1"/>
  <c r="M6735" i="2"/>
  <c r="M6709" i="5" s="1"/>
  <c r="P6709" i="5" s="1"/>
  <c r="M5048" i="2"/>
  <c r="M5022" i="5" s="1"/>
  <c r="P5022" i="5" s="1"/>
  <c r="M2039" i="2"/>
  <c r="M2013" i="5" s="1"/>
  <c r="P2013" i="5" s="1"/>
  <c r="M8570" i="2"/>
  <c r="M8544" i="5" s="1"/>
  <c r="P8544" i="5" s="1"/>
  <c r="M6381" i="2"/>
  <c r="M6355" i="5" s="1"/>
  <c r="P6355" i="5" s="1"/>
  <c r="M8081" i="2"/>
  <c r="M8055" i="5" s="1"/>
  <c r="P8055" i="5" s="1"/>
  <c r="M6076" i="2"/>
  <c r="M6050" i="5" s="1"/>
  <c r="P6050" i="5" s="1"/>
  <c r="M8425" i="2"/>
  <c r="M8399" i="5" s="1"/>
  <c r="P8399" i="5" s="1"/>
  <c r="M4878" i="2"/>
  <c r="M4852" i="5" s="1"/>
  <c r="P4852" i="5" s="1"/>
  <c r="M1030" i="2"/>
  <c r="M1004" i="5" s="1"/>
  <c r="P1004" i="5" s="1"/>
  <c r="M7219" i="2"/>
  <c r="M7193" i="5" s="1"/>
  <c r="P7193" i="5" s="1"/>
  <c r="M5377" i="2"/>
  <c r="M5351" i="5" s="1"/>
  <c r="P5351" i="5" s="1"/>
  <c r="M8224" i="2"/>
  <c r="M8198" i="5" s="1"/>
  <c r="P8198" i="5" s="1"/>
  <c r="M4882" i="2"/>
  <c r="M4856" i="5" s="1"/>
  <c r="P4856" i="5" s="1"/>
  <c r="M5055" i="2"/>
  <c r="M5029" i="5" s="1"/>
  <c r="P5029" i="5" s="1"/>
  <c r="M3706" i="2"/>
  <c r="M3680" i="5" s="1"/>
  <c r="P3680" i="5" s="1"/>
  <c r="M858" i="2"/>
  <c r="M832" i="5" s="1"/>
  <c r="P832" i="5" s="1"/>
  <c r="M1683" i="2"/>
  <c r="M1657" i="5" s="1"/>
  <c r="P1657" i="5" s="1"/>
  <c r="M4702" i="2"/>
  <c r="M4676" i="5" s="1"/>
  <c r="P4676" i="5" s="1"/>
  <c r="M2353" i="2"/>
  <c r="M2327" i="5" s="1"/>
  <c r="P2327" i="5" s="1"/>
  <c r="M6736" i="2"/>
  <c r="M6710" i="5" s="1"/>
  <c r="P6710" i="5" s="1"/>
  <c r="M8763" i="2"/>
  <c r="M8737" i="5" s="1"/>
  <c r="P8737" i="5" s="1"/>
  <c r="M3869" i="2"/>
  <c r="M3843" i="5" s="1"/>
  <c r="P3843" i="5" s="1"/>
  <c r="M1355" i="2"/>
  <c r="M1329" i="5" s="1"/>
  <c r="P1329" i="5" s="1"/>
  <c r="J6585" i="2"/>
  <c r="J6559" i="5" s="1"/>
  <c r="N6559" i="5" s="1"/>
  <c r="J1835" i="2"/>
  <c r="J1809" i="5" s="1"/>
  <c r="N1809" i="5" s="1"/>
  <c r="J6743" i="2"/>
  <c r="J6717" i="5" s="1"/>
  <c r="N6717" i="5" s="1"/>
  <c r="J3369" i="2"/>
  <c r="J3343" i="5" s="1"/>
  <c r="N3343" i="5" s="1"/>
  <c r="J2541" i="2"/>
  <c r="J2515" i="5" s="1"/>
  <c r="N2515" i="5" s="1"/>
  <c r="J3203" i="2"/>
  <c r="J3177" i="5" s="1"/>
  <c r="N3177" i="5" s="1"/>
  <c r="J8579" i="2"/>
  <c r="J8553" i="5" s="1"/>
  <c r="N8553" i="5" s="1"/>
  <c r="J3560" i="2"/>
  <c r="J3534" i="5" s="1"/>
  <c r="N3534" i="5" s="1"/>
  <c r="J4733" i="2"/>
  <c r="J4707" i="5" s="1"/>
  <c r="N4707" i="5" s="1"/>
  <c r="J8591" i="2"/>
  <c r="J8565" i="5" s="1"/>
  <c r="N8565" i="5" s="1"/>
  <c r="M6405" i="2"/>
  <c r="M6379" i="5" s="1"/>
  <c r="P6379" i="5" s="1"/>
  <c r="M3531" i="2"/>
  <c r="M3505" i="5" s="1"/>
  <c r="P3505" i="5" s="1"/>
  <c r="M1869" i="2"/>
  <c r="M1843" i="5" s="1"/>
  <c r="P1843" i="5" s="1"/>
  <c r="M2022" i="2"/>
  <c r="M1996" i="5" s="1"/>
  <c r="P1996" i="5" s="1"/>
  <c r="M6901" i="2"/>
  <c r="M6875" i="5" s="1"/>
  <c r="P6875" i="5" s="1"/>
  <c r="M7906" i="2"/>
  <c r="M7880" i="5" s="1"/>
  <c r="P7880" i="5" s="1"/>
  <c r="M3217" i="2"/>
  <c r="M3191" i="5" s="1"/>
  <c r="P3191" i="5" s="1"/>
  <c r="M1347" i="2"/>
  <c r="M1321" i="5" s="1"/>
  <c r="P1321" i="5" s="1"/>
  <c r="M6391" i="2"/>
  <c r="M6365" i="5" s="1"/>
  <c r="P6365" i="5" s="1"/>
  <c r="M1685" i="2"/>
  <c r="M1659" i="5" s="1"/>
  <c r="P1659" i="5" s="1"/>
  <c r="M1338" i="2"/>
  <c r="M1312" i="5" s="1"/>
  <c r="P1312" i="5" s="1"/>
  <c r="M5893" i="2"/>
  <c r="M5867" i="5" s="1"/>
  <c r="P5867" i="5" s="1"/>
  <c r="M7553" i="2"/>
  <c r="M7527" i="5" s="1"/>
  <c r="P7527" i="5" s="1"/>
  <c r="M1351" i="2"/>
  <c r="M1325" i="5" s="1"/>
  <c r="P1325" i="5" s="1"/>
  <c r="M6580" i="2"/>
  <c r="M6554" i="5" s="1"/>
  <c r="P6554" i="5" s="1"/>
  <c r="M2177" i="2"/>
  <c r="M2151" i="5" s="1"/>
  <c r="P2151" i="5" s="1"/>
  <c r="M1509" i="2"/>
  <c r="M1483" i="5" s="1"/>
  <c r="P1483" i="5" s="1"/>
  <c r="M4194" i="2"/>
  <c r="M4168" i="5" s="1"/>
  <c r="P4168" i="5" s="1"/>
  <c r="M1521" i="2"/>
  <c r="M1495" i="5" s="1"/>
  <c r="P1495" i="5" s="1"/>
  <c r="M3365" i="2"/>
  <c r="M3339" i="5" s="1"/>
  <c r="P3339" i="5" s="1"/>
  <c r="M2200" i="2"/>
  <c r="M2174" i="5" s="1"/>
  <c r="P2174" i="5" s="1"/>
  <c r="M8737" i="2"/>
  <c r="M8711" i="5" s="1"/>
  <c r="P8711" i="5" s="1"/>
  <c r="M2692" i="2"/>
  <c r="M2666" i="5" s="1"/>
  <c r="P2666" i="5" s="1"/>
  <c r="M5735" i="2"/>
  <c r="M5709" i="5" s="1"/>
  <c r="P5709" i="5" s="1"/>
  <c r="M8403" i="2"/>
  <c r="M8377" i="5" s="1"/>
  <c r="P8377" i="5" s="1"/>
  <c r="M7566" i="2"/>
  <c r="M7540" i="5" s="1"/>
  <c r="P7540" i="5" s="1"/>
  <c r="M2046" i="2"/>
  <c r="M2020" i="5" s="1"/>
  <c r="P2020" i="5" s="1"/>
  <c r="M3354" i="2"/>
  <c r="M3328" i="5" s="1"/>
  <c r="P3328" i="5" s="1"/>
  <c r="M6393" i="2"/>
  <c r="M6367" i="5" s="1"/>
  <c r="P6367" i="5" s="1"/>
  <c r="M4381" i="2"/>
  <c r="M4355" i="5" s="1"/>
  <c r="P4355" i="5" s="1"/>
  <c r="M4399" i="2"/>
  <c r="M4373" i="5" s="1"/>
  <c r="P4373" i="5" s="1"/>
  <c r="M2884" i="2"/>
  <c r="M2858" i="5" s="1"/>
  <c r="P2858" i="5" s="1"/>
  <c r="M5881" i="2"/>
  <c r="M5855" i="5" s="1"/>
  <c r="P5855" i="5" s="1"/>
  <c r="M1185" i="2"/>
  <c r="M1159" i="5" s="1"/>
  <c r="P1159" i="5" s="1"/>
  <c r="M4707" i="2"/>
  <c r="M4681" i="5" s="1"/>
  <c r="P4681" i="5" s="1"/>
  <c r="M4889" i="2"/>
  <c r="M4863" i="5" s="1"/>
  <c r="P4863" i="5" s="1"/>
  <c r="M3374" i="2"/>
  <c r="M3348" i="5" s="1"/>
  <c r="P3348" i="5" s="1"/>
  <c r="M5894" i="2"/>
  <c r="M5868" i="5" s="1"/>
  <c r="P5868" i="5" s="1"/>
  <c r="M8233" i="2"/>
  <c r="M8207" i="5" s="1"/>
  <c r="P8207" i="5" s="1"/>
  <c r="M1523" i="2"/>
  <c r="M1497" i="5" s="1"/>
  <c r="P1497" i="5" s="1"/>
  <c r="M4729" i="2"/>
  <c r="M4703" i="5" s="1"/>
  <c r="P4703" i="5" s="1"/>
  <c r="M5062" i="2"/>
  <c r="M5036" i="5" s="1"/>
  <c r="P5036" i="5" s="1"/>
  <c r="M3384" i="2"/>
  <c r="M3358" i="5" s="1"/>
  <c r="P3358" i="5" s="1"/>
  <c r="M1014" i="2"/>
  <c r="M988" i="5" s="1"/>
  <c r="P988" i="5" s="1"/>
  <c r="M2508" i="2"/>
  <c r="M2482" i="5" s="1"/>
  <c r="P2482" i="5" s="1"/>
  <c r="M2374" i="2"/>
  <c r="M2348" i="5" s="1"/>
  <c r="P2348" i="5" s="1"/>
  <c r="M5543" i="2"/>
  <c r="M5517" i="5" s="1"/>
  <c r="P5517" i="5" s="1"/>
  <c r="M7563" i="2"/>
  <c r="M7537" i="5" s="1"/>
  <c r="P7537" i="5" s="1"/>
  <c r="M7232" i="2"/>
  <c r="M7206" i="5" s="1"/>
  <c r="P7206" i="5" s="1"/>
  <c r="M4396" i="2"/>
  <c r="M4370" i="5" s="1"/>
  <c r="P4370" i="5" s="1"/>
  <c r="J3038" i="2"/>
  <c r="J3012" i="5" s="1"/>
  <c r="N3012" i="5" s="1"/>
  <c r="J2350" i="2"/>
  <c r="J2324" i="5" s="1"/>
  <c r="N2324" i="5" s="1"/>
  <c r="J3869" i="2"/>
  <c r="J3843" i="5" s="1"/>
  <c r="N3843" i="5" s="1"/>
  <c r="J6583" i="2"/>
  <c r="J6557" i="5" s="1"/>
  <c r="N6557" i="5" s="1"/>
  <c r="J8555" i="2"/>
  <c r="J8529" i="5" s="1"/>
  <c r="N8529" i="5" s="1"/>
  <c r="J6229" i="2"/>
  <c r="J6203" i="5" s="1"/>
  <c r="N6203" i="5" s="1"/>
  <c r="J8062" i="2"/>
  <c r="J8036" i="5" s="1"/>
  <c r="N8036" i="5" s="1"/>
  <c r="J4720" i="2"/>
  <c r="J4694" i="5" s="1"/>
  <c r="N4694" i="5" s="1"/>
  <c r="C77" i="5"/>
  <c r="AR71" i="1"/>
  <c r="J2196" i="2"/>
  <c r="J2170" i="5" s="1"/>
  <c r="N2170" i="5" s="1"/>
  <c r="J194" i="2"/>
  <c r="J168" i="5" s="1"/>
  <c r="N168" i="5" s="1"/>
  <c r="J5390" i="2"/>
  <c r="J5364" i="5" s="1"/>
  <c r="N5364" i="5" s="1"/>
  <c r="J1009" i="2"/>
  <c r="J983" i="5" s="1"/>
  <c r="N983" i="5" s="1"/>
  <c r="J8225" i="2"/>
  <c r="J8199" i="5" s="1"/>
  <c r="N8199" i="5" s="1"/>
  <c r="J1015" i="2"/>
  <c r="J989" i="5" s="1"/>
  <c r="N989" i="5" s="1"/>
  <c r="J3686" i="2"/>
  <c r="J3660" i="5" s="1"/>
  <c r="N3660" i="5" s="1"/>
  <c r="J531" i="2"/>
  <c r="J505" i="5" s="1"/>
  <c r="N505" i="5" s="1"/>
  <c r="J4201" i="2"/>
  <c r="J4175" i="5" s="1"/>
  <c r="N4175" i="5" s="1"/>
  <c r="J6734" i="2"/>
  <c r="J6708" i="5" s="1"/>
  <c r="N6708" i="5" s="1"/>
  <c r="J8557" i="2"/>
  <c r="J8531" i="5" s="1"/>
  <c r="N8531" i="5" s="1"/>
  <c r="J1871" i="2"/>
  <c r="J1845" i="5" s="1"/>
  <c r="N1845" i="5" s="1"/>
  <c r="J5380" i="2"/>
  <c r="J5354" i="5" s="1"/>
  <c r="N5354" i="5" s="1"/>
  <c r="J3051" i="2"/>
  <c r="J3025" i="5" s="1"/>
  <c r="N3025" i="5" s="1"/>
  <c r="J857" i="2"/>
  <c r="J831" i="5" s="1"/>
  <c r="N831" i="5" s="1"/>
  <c r="J5552" i="2"/>
  <c r="J5526" i="5" s="1"/>
  <c r="N5526" i="5" s="1"/>
  <c r="J2506" i="2"/>
  <c r="J2480" i="5" s="1"/>
  <c r="N2480" i="5" s="1"/>
  <c r="J7384" i="2"/>
  <c r="J7358" i="5" s="1"/>
  <c r="N7358" i="5" s="1"/>
  <c r="J156" i="2"/>
  <c r="J130" i="5" s="1"/>
  <c r="N130" i="5" s="1"/>
  <c r="J2887" i="2"/>
  <c r="J2861" i="5" s="1"/>
  <c r="N2861" i="5" s="1"/>
  <c r="J6751" i="2"/>
  <c r="J6725" i="5" s="1"/>
  <c r="N6725" i="5" s="1"/>
  <c r="J4051" i="2"/>
  <c r="J4025" i="5" s="1"/>
  <c r="N4025" i="5" s="1"/>
  <c r="J3891" i="2"/>
  <c r="J3865" i="5" s="1"/>
  <c r="N3865" i="5" s="1"/>
  <c r="J4726" i="2"/>
  <c r="J4700" i="5" s="1"/>
  <c r="N4700" i="5" s="1"/>
  <c r="J1356" i="2"/>
  <c r="J1330" i="5" s="1"/>
  <c r="N1330" i="5" s="1"/>
  <c r="J499" i="2"/>
  <c r="J473" i="5" s="1"/>
  <c r="N473" i="5" s="1"/>
  <c r="J6746" i="2"/>
  <c r="J6720" i="5" s="1"/>
  <c r="N6720" i="5" s="1"/>
  <c r="J5391" i="2"/>
  <c r="J5365" i="5" s="1"/>
  <c r="N5365" i="5" s="1"/>
  <c r="J7567" i="2"/>
  <c r="J7541" i="5" s="1"/>
  <c r="N7541" i="5" s="1"/>
  <c r="J1163" i="2"/>
  <c r="J1137" i="5" s="1"/>
  <c r="N1137" i="5" s="1"/>
  <c r="J1840" i="2"/>
  <c r="J1814" i="5" s="1"/>
  <c r="N1814" i="5" s="1"/>
  <c r="J6046" i="2"/>
  <c r="J6020" i="5" s="1"/>
  <c r="N6020" i="5" s="1"/>
  <c r="J8084" i="2"/>
  <c r="J8058" i="5" s="1"/>
  <c r="N8058" i="5" s="1"/>
  <c r="J4877" i="2"/>
  <c r="J4851" i="5" s="1"/>
  <c r="N4851" i="5" s="1"/>
  <c r="J5548" i="2"/>
  <c r="J5522" i="5" s="1"/>
  <c r="N5522" i="5" s="1"/>
  <c r="J4525" i="2"/>
  <c r="J4499" i="5" s="1"/>
  <c r="N4499" i="5" s="1"/>
  <c r="J6895" i="2"/>
  <c r="J6869" i="5" s="1"/>
  <c r="N6869" i="5" s="1"/>
  <c r="J2191" i="2"/>
  <c r="J2165" i="5" s="1"/>
  <c r="N2165" i="5" s="1"/>
  <c r="J6883" i="2"/>
  <c r="J6857" i="5" s="1"/>
  <c r="N6857" i="5" s="1"/>
  <c r="J195" i="2"/>
  <c r="J169" i="5" s="1"/>
  <c r="N169" i="5" s="1"/>
  <c r="J5551" i="2"/>
  <c r="J5525" i="5" s="1"/>
  <c r="N5525" i="5" s="1"/>
  <c r="J8071" i="2"/>
  <c r="J8045" i="5" s="1"/>
  <c r="N8045" i="5" s="1"/>
  <c r="J7081" i="2"/>
  <c r="J7055" i="5" s="1"/>
  <c r="N7055" i="5" s="1"/>
  <c r="J4529" i="2"/>
  <c r="J4503" i="5" s="1"/>
  <c r="N4503" i="5" s="1"/>
  <c r="J493" i="2"/>
  <c r="J467" i="5" s="1"/>
  <c r="N467" i="5" s="1"/>
  <c r="J6056" i="2"/>
  <c r="J6030" i="5" s="1"/>
  <c r="N6030" i="5" s="1"/>
  <c r="J691" i="2"/>
  <c r="J665" i="5" s="1"/>
  <c r="N665" i="5" s="1"/>
  <c r="J4890" i="2"/>
  <c r="J4864" i="5" s="1"/>
  <c r="N4864" i="5" s="1"/>
  <c r="J1343" i="2"/>
  <c r="J1317" i="5" s="1"/>
  <c r="N1317" i="5" s="1"/>
  <c r="J5745" i="2"/>
  <c r="J5719" i="5" s="1"/>
  <c r="N5719" i="5" s="1"/>
  <c r="J2687" i="2"/>
  <c r="J2661" i="5" s="1"/>
  <c r="N2661" i="5" s="1"/>
  <c r="J1340" i="2"/>
  <c r="J1314" i="5" s="1"/>
  <c r="N1314" i="5" s="1"/>
  <c r="J8093" i="2"/>
  <c r="J8067" i="5" s="1"/>
  <c r="N8067" i="5" s="1"/>
  <c r="J3537" i="2"/>
  <c r="J3511" i="5" s="1"/>
  <c r="N3511" i="5" s="1"/>
  <c r="J834" i="2"/>
  <c r="J808" i="5" s="1"/>
  <c r="N808" i="5" s="1"/>
  <c r="J2009" i="2"/>
  <c r="J1983" i="5" s="1"/>
  <c r="N1983" i="5" s="1"/>
  <c r="J185" i="2"/>
  <c r="J159" i="5" s="1"/>
  <c r="N159" i="5" s="1"/>
  <c r="J8600" i="2"/>
  <c r="J8574" i="5" s="1"/>
  <c r="N8574" i="5" s="1"/>
  <c r="J4220" i="2"/>
  <c r="J4194" i="5" s="1"/>
  <c r="N4194" i="5" s="1"/>
  <c r="J7750" i="2"/>
  <c r="J7724" i="5" s="1"/>
  <c r="N7724" i="5" s="1"/>
  <c r="J3693" i="2"/>
  <c r="J3667" i="5" s="1"/>
  <c r="N3667" i="5" s="1"/>
  <c r="J6408" i="2"/>
  <c r="J6382" i="5" s="1"/>
  <c r="N6382" i="5" s="1"/>
  <c r="J8415" i="2"/>
  <c r="J8389" i="5" s="1"/>
  <c r="N8389" i="5" s="1"/>
  <c r="J5374" i="2"/>
  <c r="J5348" i="5" s="1"/>
  <c r="N5348" i="5" s="1"/>
  <c r="J7906" i="2"/>
  <c r="J7880" i="5" s="1"/>
  <c r="N7880" i="5" s="1"/>
  <c r="J6904" i="2"/>
  <c r="J6878" i="5" s="1"/>
  <c r="N6878" i="5" s="1"/>
  <c r="J8259" i="2"/>
  <c r="J8233" i="5" s="1"/>
  <c r="N8233" i="5" s="1"/>
  <c r="J8752" i="2"/>
  <c r="J8726" i="5" s="1"/>
  <c r="N8726" i="5" s="1"/>
  <c r="J2194" i="2"/>
  <c r="J2168" i="5" s="1"/>
  <c r="N2168" i="5" s="1"/>
  <c r="J839" i="2"/>
  <c r="J813" i="5" s="1"/>
  <c r="N813" i="5" s="1"/>
  <c r="J1682" i="2"/>
  <c r="J1656" i="5" s="1"/>
  <c r="N1656" i="5" s="1"/>
  <c r="J4698" i="2"/>
  <c r="J4672" i="5" s="1"/>
  <c r="N4672" i="5" s="1"/>
  <c r="J6726" i="2"/>
  <c r="J6700" i="5" s="1"/>
  <c r="N6700" i="5" s="1"/>
  <c r="J2521" i="2"/>
  <c r="J2495" i="5" s="1"/>
  <c r="N2495" i="5" s="1"/>
  <c r="J8252" i="2"/>
  <c r="J8226" i="5" s="1"/>
  <c r="N8226" i="5" s="1"/>
  <c r="J7577" i="2"/>
  <c r="J7551" i="5" s="1"/>
  <c r="N7551" i="5" s="1"/>
  <c r="J1684" i="2"/>
  <c r="J1658" i="5" s="1"/>
  <c r="N1658" i="5" s="1"/>
  <c r="J6211" i="2"/>
  <c r="J6185" i="5" s="1"/>
  <c r="N6185" i="5" s="1"/>
  <c r="J6050" i="2"/>
  <c r="J6024" i="5" s="1"/>
  <c r="N6024" i="5" s="1"/>
  <c r="J3223" i="2"/>
  <c r="J3197" i="5" s="1"/>
  <c r="N3197" i="5" s="1"/>
  <c r="J5871" i="2"/>
  <c r="J5845" i="5" s="1"/>
  <c r="N5845" i="5" s="1"/>
  <c r="J6736" i="2"/>
  <c r="J6710" i="5" s="1"/>
  <c r="N6710" i="5" s="1"/>
  <c r="J1709" i="2"/>
  <c r="J1683" i="5" s="1"/>
  <c r="N1683" i="5" s="1"/>
  <c r="J828" i="2"/>
  <c r="J802" i="5" s="1"/>
  <c r="N802" i="5" s="1"/>
  <c r="J5884" i="2"/>
  <c r="J5858" i="5" s="1"/>
  <c r="N5858" i="5" s="1"/>
  <c r="J3705" i="2"/>
  <c r="J3679" i="5" s="1"/>
  <c r="N3679" i="5" s="1"/>
  <c r="J6717" i="2"/>
  <c r="J6691" i="5" s="1"/>
  <c r="N6691" i="5" s="1"/>
  <c r="J4699" i="2"/>
  <c r="J4673" i="5" s="1"/>
  <c r="N4673" i="5" s="1"/>
  <c r="J5876" i="2"/>
  <c r="J5850" i="5" s="1"/>
  <c r="N5850" i="5" s="1"/>
  <c r="J502" i="2"/>
  <c r="J476" i="5" s="1"/>
  <c r="N476" i="5" s="1"/>
  <c r="J8586" i="2"/>
  <c r="J8560" i="5" s="1"/>
  <c r="N8560" i="5" s="1"/>
  <c r="J7909" i="2"/>
  <c r="J7883" i="5" s="1"/>
  <c r="N7883" i="5" s="1"/>
  <c r="J8743" i="2"/>
  <c r="J8717" i="5" s="1"/>
  <c r="N8717" i="5" s="1"/>
  <c r="J1339" i="2"/>
  <c r="J1313" i="5" s="1"/>
  <c r="N1313" i="5" s="1"/>
  <c r="J5728" i="2"/>
  <c r="J5702" i="5" s="1"/>
  <c r="N5702" i="5" s="1"/>
  <c r="J4863" i="2"/>
  <c r="J4837" i="5" s="1"/>
  <c r="N4837" i="5" s="1"/>
  <c r="J1506" i="2"/>
  <c r="J1480" i="5" s="1"/>
  <c r="N1480" i="5" s="1"/>
  <c r="J2040" i="2"/>
  <c r="J2014" i="5" s="1"/>
  <c r="N2014" i="5" s="1"/>
  <c r="J7066" i="2"/>
  <c r="J7040" i="5" s="1"/>
  <c r="N7040" i="5" s="1"/>
  <c r="J7087" i="2"/>
  <c r="J7061" i="5" s="1"/>
  <c r="N7061" i="5" s="1"/>
  <c r="J4229" i="2"/>
  <c r="J4203" i="5" s="1"/>
  <c r="N4203" i="5" s="1"/>
  <c r="J6406" i="2"/>
  <c r="J6380" i="5" s="1"/>
  <c r="N6380" i="5" s="1"/>
  <c r="J697" i="2"/>
  <c r="J671" i="5" s="1"/>
  <c r="N671" i="5" s="1"/>
  <c r="J4041" i="2"/>
  <c r="J4015" i="5" s="1"/>
  <c r="N4015" i="5" s="1"/>
  <c r="J158" i="2"/>
  <c r="J132" i="5" s="1"/>
  <c r="N132" i="5" s="1"/>
  <c r="J1018" i="2"/>
  <c r="J992" i="5" s="1"/>
  <c r="N992" i="5" s="1"/>
  <c r="J8396" i="2"/>
  <c r="J8370" i="5" s="1"/>
  <c r="N8370" i="5" s="1"/>
  <c r="J2173" i="2"/>
  <c r="J2147" i="5" s="1"/>
  <c r="N2147" i="5" s="1"/>
  <c r="J5725" i="2"/>
  <c r="J5699" i="5" s="1"/>
  <c r="N5699" i="5" s="1"/>
  <c r="J6405" i="2"/>
  <c r="J6379" i="5" s="1"/>
  <c r="N6379" i="5" s="1"/>
  <c r="J1867" i="2"/>
  <c r="J1841" i="5" s="1"/>
  <c r="N1841" i="5" s="1"/>
  <c r="J6555" i="2"/>
  <c r="J6529" i="5" s="1"/>
  <c r="N6529" i="5" s="1"/>
  <c r="J364" i="2"/>
  <c r="J338" i="5" s="1"/>
  <c r="N338" i="5" s="1"/>
  <c r="J8387" i="2"/>
  <c r="J8361" i="5" s="1"/>
  <c r="N8361" i="5" s="1"/>
  <c r="J8239" i="2"/>
  <c r="J8213" i="5" s="1"/>
  <c r="N8213" i="5" s="1"/>
  <c r="J5405" i="2"/>
  <c r="J5379" i="5" s="1"/>
  <c r="N5379" i="5" s="1"/>
  <c r="J2553" i="2"/>
  <c r="J2527" i="5" s="1"/>
  <c r="N2527" i="5" s="1"/>
  <c r="J1877" i="2"/>
  <c r="J1851" i="5" s="1"/>
  <c r="N1851" i="5" s="1"/>
  <c r="J1511" i="2"/>
  <c r="J1485" i="5" s="1"/>
  <c r="N1485" i="5" s="1"/>
  <c r="J6217" i="2"/>
  <c r="J6191" i="5" s="1"/>
  <c r="N6191" i="5" s="1"/>
  <c r="J8753" i="2"/>
  <c r="J8727" i="5" s="1"/>
  <c r="N8727" i="5" s="1"/>
  <c r="J342" i="2"/>
  <c r="J316" i="5" s="1"/>
  <c r="N316" i="5" s="1"/>
  <c r="J1698" i="2"/>
  <c r="J1672" i="5" s="1"/>
  <c r="N1672" i="5" s="1"/>
  <c r="J1866" i="2"/>
  <c r="J1840" i="5" s="1"/>
  <c r="N1840" i="5" s="1"/>
  <c r="J3876" i="2"/>
  <c r="J3850" i="5" s="1"/>
  <c r="N3850" i="5" s="1"/>
  <c r="J2033" i="2"/>
  <c r="J2007" i="5" s="1"/>
  <c r="N2007" i="5" s="1"/>
  <c r="J8727" i="2"/>
  <c r="J8701" i="5" s="1"/>
  <c r="N8701" i="5" s="1"/>
  <c r="J8737" i="2"/>
  <c r="J8711" i="5" s="1"/>
  <c r="N8711" i="5" s="1"/>
  <c r="J8067" i="2"/>
  <c r="J8041" i="5" s="1"/>
  <c r="N8041" i="5" s="1"/>
  <c r="J669" i="2"/>
  <c r="J643" i="5" s="1"/>
  <c r="N643" i="5" s="1"/>
  <c r="J174" i="2"/>
  <c r="J148" i="5" s="1"/>
  <c r="N148" i="5" s="1"/>
  <c r="J6388" i="2"/>
  <c r="J6362" i="5" s="1"/>
  <c r="N6362" i="5" s="1"/>
  <c r="J3549" i="2"/>
  <c r="J3523" i="5" s="1"/>
  <c r="N3523" i="5" s="1"/>
  <c r="J864" i="2"/>
  <c r="J838" i="5" s="1"/>
  <c r="N838" i="5" s="1"/>
  <c r="J2044" i="2"/>
  <c r="J2018" i="5" s="1"/>
  <c r="N2018" i="5" s="1"/>
  <c r="J8398" i="2"/>
  <c r="J8372" i="5" s="1"/>
  <c r="N8372" i="5" s="1"/>
  <c r="J5026" i="2"/>
  <c r="J5000" i="5" s="1"/>
  <c r="N5000" i="5" s="1"/>
  <c r="J7739" i="2"/>
  <c r="J7713" i="5" s="1"/>
  <c r="N7713" i="5" s="1"/>
  <c r="J2510" i="2"/>
  <c r="J2484" i="5" s="1"/>
  <c r="N2484" i="5" s="1"/>
  <c r="J3715" i="2"/>
  <c r="J3689" i="5" s="1"/>
  <c r="N3689" i="5" s="1"/>
  <c r="J5888" i="2"/>
  <c r="J5862" i="5" s="1"/>
  <c r="N5862" i="5" s="1"/>
  <c r="J5399" i="2"/>
  <c r="J5373" i="5" s="1"/>
  <c r="N5373" i="5" s="1"/>
  <c r="J3559" i="2"/>
  <c r="J3533" i="5" s="1"/>
  <c r="N3533" i="5" s="1"/>
  <c r="J4540" i="2"/>
  <c r="J4514" i="5" s="1"/>
  <c r="N4514" i="5" s="1"/>
  <c r="J1693" i="2"/>
  <c r="J1667" i="5" s="1"/>
  <c r="N1667" i="5" s="1"/>
  <c r="J3196" i="2"/>
  <c r="J3170" i="5" s="1"/>
  <c r="N3170" i="5" s="1"/>
  <c r="J7396" i="2"/>
  <c r="J7370" i="5" s="1"/>
  <c r="N7370" i="5" s="1"/>
  <c r="J833" i="2"/>
  <c r="J807" i="5" s="1"/>
  <c r="N807" i="5" s="1"/>
  <c r="J4034" i="2"/>
  <c r="J4008" i="5" s="1"/>
  <c r="N4008" i="5" s="1"/>
  <c r="J345" i="2"/>
  <c r="J319" i="5" s="1"/>
  <c r="N319" i="5" s="1"/>
  <c r="J6371" i="2"/>
  <c r="J6345" i="5" s="1"/>
  <c r="N6345" i="5" s="1"/>
  <c r="J7587" i="2"/>
  <c r="J7561" i="5" s="1"/>
  <c r="N7561" i="5" s="1"/>
  <c r="J7215" i="2"/>
  <c r="J7189" i="5" s="1"/>
  <c r="N7189" i="5" s="1"/>
  <c r="J1685" i="2"/>
  <c r="J1659" i="5" s="1"/>
  <c r="N1659" i="5" s="1"/>
  <c r="J5071" i="2"/>
  <c r="J5045" i="5" s="1"/>
  <c r="N5045" i="5" s="1"/>
  <c r="J1673" i="2"/>
  <c r="J1647" i="5" s="1"/>
  <c r="N1647" i="5" s="1"/>
  <c r="J4870" i="2"/>
  <c r="J4844" i="5" s="1"/>
  <c r="N4844" i="5" s="1"/>
  <c r="J4388" i="2"/>
  <c r="J4362" i="5" s="1"/>
  <c r="N4362" i="5" s="1"/>
  <c r="J6411" i="2"/>
  <c r="J6385" i="5" s="1"/>
  <c r="N6385" i="5" s="1"/>
  <c r="J4876" i="2"/>
  <c r="J4850" i="5" s="1"/>
  <c r="N4850" i="5" s="1"/>
  <c r="J5707" i="2"/>
  <c r="J5681" i="5" s="1"/>
  <c r="N5681" i="5" s="1"/>
  <c r="J3524" i="2"/>
  <c r="J3498" i="5" s="1"/>
  <c r="N3498" i="5" s="1"/>
  <c r="J3533" i="2"/>
  <c r="J3507" i="5" s="1"/>
  <c r="N3507" i="5" s="1"/>
  <c r="J2213" i="2"/>
  <c r="J2187" i="5" s="1"/>
  <c r="N2187" i="5" s="1"/>
  <c r="J4705" i="2"/>
  <c r="J4679" i="5" s="1"/>
  <c r="N4679" i="5" s="1"/>
  <c r="J6045" i="2"/>
  <c r="J6019" i="5" s="1"/>
  <c r="N6019" i="5" s="1"/>
  <c r="J5907" i="2"/>
  <c r="J5881" i="5" s="1"/>
  <c r="N5881" i="5" s="1"/>
  <c r="J3896" i="2"/>
  <c r="J3870" i="5" s="1"/>
  <c r="N3870" i="5" s="1"/>
  <c r="J7903" i="2"/>
  <c r="J7877" i="5" s="1"/>
  <c r="N7877" i="5" s="1"/>
  <c r="J2371" i="2"/>
  <c r="J2345" i="5" s="1"/>
  <c r="N2345" i="5" s="1"/>
  <c r="J5379" i="2"/>
  <c r="J5353" i="5" s="1"/>
  <c r="N5353" i="5" s="1"/>
  <c r="J3046" i="2"/>
  <c r="J3020" i="5" s="1"/>
  <c r="N3020" i="5" s="1"/>
  <c r="J6383" i="2"/>
  <c r="J6357" i="5" s="1"/>
  <c r="N6357" i="5" s="1"/>
  <c r="J3040" i="2"/>
  <c r="J3014" i="5" s="1"/>
  <c r="N3014" i="5" s="1"/>
  <c r="J8416" i="2"/>
  <c r="J8390" i="5" s="1"/>
  <c r="N8390" i="5" s="1"/>
  <c r="J7082" i="2"/>
  <c r="J7056" i="5" s="1"/>
  <c r="N7056" i="5" s="1"/>
  <c r="J843" i="2"/>
  <c r="J817" i="5" s="1"/>
  <c r="N817" i="5" s="1"/>
  <c r="J1369" i="2"/>
  <c r="J1343" i="5" s="1"/>
  <c r="N1343" i="5" s="1"/>
  <c r="J8219" i="2"/>
  <c r="J8193" i="5" s="1"/>
  <c r="N8193" i="5" s="1"/>
  <c r="J8738" i="2"/>
  <c r="J8712" i="5" s="1"/>
  <c r="N8712" i="5" s="1"/>
  <c r="J4860" i="2"/>
  <c r="J4834" i="5" s="1"/>
  <c r="N4834" i="5" s="1"/>
  <c r="J3029" i="2"/>
  <c r="J3003" i="5" s="1"/>
  <c r="N3003" i="5" s="1"/>
  <c r="J1000" i="2"/>
  <c r="J974" i="5" s="1"/>
  <c r="N974" i="5" s="1"/>
  <c r="J170" i="2"/>
  <c r="J144" i="5" s="1"/>
  <c r="N144" i="5" s="1"/>
  <c r="J8092" i="2"/>
  <c r="J8066" i="5" s="1"/>
  <c r="N8066" i="5" s="1"/>
  <c r="J7407" i="2"/>
  <c r="J7381" i="5" s="1"/>
  <c r="N7381" i="5" s="1"/>
  <c r="J6566" i="2"/>
  <c r="J6540" i="5" s="1"/>
  <c r="N6540" i="5" s="1"/>
  <c r="J8073" i="2"/>
  <c r="J8047" i="5" s="1"/>
  <c r="N8047" i="5" s="1"/>
  <c r="J8725" i="2"/>
  <c r="J8699" i="5" s="1"/>
  <c r="N8699" i="5" s="1"/>
  <c r="J4215" i="2"/>
  <c r="J4189" i="5" s="1"/>
  <c r="N4189" i="5" s="1"/>
  <c r="J2175" i="2"/>
  <c r="J2149" i="5" s="1"/>
  <c r="N2149" i="5" s="1"/>
  <c r="J4556" i="2"/>
  <c r="J4530" i="5" s="1"/>
  <c r="N4530" i="5" s="1"/>
  <c r="J6065" i="2"/>
  <c r="J6039" i="5" s="1"/>
  <c r="N6039" i="5" s="1"/>
  <c r="J2860" i="2"/>
  <c r="J2834" i="5" s="1"/>
  <c r="N2834" i="5" s="1"/>
  <c r="J4397" i="2"/>
  <c r="J4371" i="5" s="1"/>
  <c r="N4371" i="5" s="1"/>
  <c r="J1702" i="2"/>
  <c r="J1676" i="5" s="1"/>
  <c r="N1676" i="5" s="1"/>
  <c r="J4867" i="2"/>
  <c r="J4841" i="5" s="1"/>
  <c r="N4841" i="5" s="1"/>
  <c r="J7079" i="2"/>
  <c r="J7053" i="5" s="1"/>
  <c r="N7053" i="5" s="1"/>
  <c r="J7084" i="2"/>
  <c r="J7058" i="5" s="1"/>
  <c r="N7058" i="5" s="1"/>
  <c r="J2552" i="2"/>
  <c r="J2526" i="5" s="1"/>
  <c r="N2526" i="5" s="1"/>
  <c r="J701" i="2"/>
  <c r="J675" i="5" s="1"/>
  <c r="N675" i="5" s="1"/>
  <c r="J186" i="2"/>
  <c r="J160" i="5" s="1"/>
  <c r="N160" i="5" s="1"/>
  <c r="J4364" i="2"/>
  <c r="J4338" i="5" s="1"/>
  <c r="N4338" i="5" s="1"/>
  <c r="J2365" i="2"/>
  <c r="J2339" i="5" s="1"/>
  <c r="N2339" i="5" s="1"/>
  <c r="J1513" i="2"/>
  <c r="J1487" i="5" s="1"/>
  <c r="N1487" i="5" s="1"/>
  <c r="J168" i="2"/>
  <c r="J142" i="5" s="1"/>
  <c r="N142" i="5" s="1"/>
  <c r="J4731" i="2"/>
  <c r="J4705" i="5" s="1"/>
  <c r="N4705" i="5" s="1"/>
  <c r="J5895" i="2"/>
  <c r="J5869" i="5" s="1"/>
  <c r="N5869" i="5" s="1"/>
  <c r="J1359" i="2"/>
  <c r="J1333" i="5" s="1"/>
  <c r="N1333" i="5" s="1"/>
  <c r="J1337" i="2"/>
  <c r="J1311" i="5" s="1"/>
  <c r="N1311" i="5" s="1"/>
  <c r="J5738" i="2"/>
  <c r="J5712" i="5" s="1"/>
  <c r="N5712" i="5" s="1"/>
  <c r="J4193" i="2"/>
  <c r="J4167" i="5" s="1"/>
  <c r="N4167" i="5" s="1"/>
  <c r="J2713" i="2"/>
  <c r="J2687" i="5" s="1"/>
  <c r="N2687" i="5" s="1"/>
  <c r="J2190" i="2"/>
  <c r="J2164" i="5" s="1"/>
  <c r="N2164" i="5" s="1"/>
  <c r="J2530" i="2"/>
  <c r="J2504" i="5" s="1"/>
  <c r="N2504" i="5" s="1"/>
  <c r="J5567" i="2"/>
  <c r="J5541" i="5" s="1"/>
  <c r="N5541" i="5" s="1"/>
  <c r="J8558" i="2"/>
  <c r="J8532" i="5" s="1"/>
  <c r="N8532" i="5" s="1"/>
  <c r="J5210" i="2"/>
  <c r="J5184" i="5" s="1"/>
  <c r="N5184" i="5" s="1"/>
  <c r="J5241" i="2"/>
  <c r="J5215" i="5" s="1"/>
  <c r="N5215" i="5" s="1"/>
  <c r="J6874" i="2"/>
  <c r="J6848" i="5" s="1"/>
  <c r="N6848" i="5" s="1"/>
  <c r="J8423" i="2"/>
  <c r="J8397" i="5" s="1"/>
  <c r="N8397" i="5" s="1"/>
  <c r="J852" i="2"/>
  <c r="J826" i="5" s="1"/>
  <c r="N826" i="5" s="1"/>
  <c r="J5881" i="2"/>
  <c r="J5855" i="5" s="1"/>
  <c r="N5855" i="5" s="1"/>
  <c r="J3014" i="2"/>
  <c r="J2988" i="5" s="1"/>
  <c r="N2988" i="5" s="1"/>
  <c r="J1338" i="2"/>
  <c r="J1312" i="5" s="1"/>
  <c r="N1312" i="5" s="1"/>
  <c r="J7914" i="2"/>
  <c r="J7888" i="5" s="1"/>
  <c r="N7888" i="5" s="1"/>
  <c r="J1694" i="2"/>
  <c r="J1668" i="5" s="1"/>
  <c r="N1668" i="5" s="1"/>
  <c r="J5534" i="2"/>
  <c r="J5508" i="5" s="1"/>
  <c r="N5508" i="5" s="1"/>
  <c r="J4373" i="2"/>
  <c r="J4347" i="5" s="1"/>
  <c r="N4347" i="5" s="1"/>
  <c r="J1354" i="2"/>
  <c r="J1328" i="5" s="1"/>
  <c r="N1328" i="5" s="1"/>
  <c r="J4548" i="2"/>
  <c r="J4522" i="5" s="1"/>
  <c r="N4522" i="5" s="1"/>
  <c r="J1507" i="2"/>
  <c r="J1481" i="5" s="1"/>
  <c r="N1481" i="5" s="1"/>
  <c r="J6416" i="2"/>
  <c r="J6390" i="5" s="1"/>
  <c r="N6390" i="5" s="1"/>
  <c r="J8724" i="2"/>
  <c r="J8698" i="5" s="1"/>
  <c r="N8698" i="5" s="1"/>
  <c r="J1174" i="2"/>
  <c r="J1148" i="5" s="1"/>
  <c r="N1148" i="5" s="1"/>
  <c r="J3854" i="2"/>
  <c r="J3828" i="5" s="1"/>
  <c r="N3828" i="5" s="1"/>
  <c r="J4703" i="2"/>
  <c r="J4677" i="5" s="1"/>
  <c r="N4677" i="5" s="1"/>
  <c r="J6222" i="2"/>
  <c r="J6196" i="5" s="1"/>
  <c r="N6196" i="5" s="1"/>
  <c r="J3031" i="2"/>
  <c r="J3005" i="5" s="1"/>
  <c r="N3005" i="5" s="1"/>
  <c r="J3856" i="2"/>
  <c r="J3830" i="5" s="1"/>
  <c r="N3830" i="5" s="1"/>
  <c r="J4897" i="2"/>
  <c r="J4871" i="5" s="1"/>
  <c r="N4871" i="5" s="1"/>
  <c r="J4209" i="2"/>
  <c r="J4183" i="5" s="1"/>
  <c r="N4183" i="5" s="1"/>
  <c r="J2198" i="2"/>
  <c r="J2172" i="5" s="1"/>
  <c r="N2172" i="5" s="1"/>
  <c r="J6061" i="2"/>
  <c r="J6035" i="5" s="1"/>
  <c r="N6035" i="5" s="1"/>
  <c r="J2357" i="2"/>
  <c r="J2331" i="5" s="1"/>
  <c r="N2331" i="5" s="1"/>
  <c r="J3704" i="2"/>
  <c r="J3678" i="5" s="1"/>
  <c r="N3678" i="5" s="1"/>
  <c r="J7405" i="2"/>
  <c r="J7379" i="5" s="1"/>
  <c r="N7379" i="5" s="1"/>
  <c r="J5369" i="2"/>
  <c r="J5343" i="5" s="1"/>
  <c r="N5343" i="5" s="1"/>
  <c r="J8052" i="2"/>
  <c r="J8026" i="5" s="1"/>
  <c r="N8026" i="5" s="1"/>
  <c r="J3712" i="2"/>
  <c r="J3686" i="5" s="1"/>
  <c r="N3686" i="5" s="1"/>
  <c r="J6720" i="2"/>
  <c r="J6694" i="5" s="1"/>
  <c r="N6694" i="5" s="1"/>
  <c r="J2023" i="2"/>
  <c r="J1997" i="5" s="1"/>
  <c r="N1997" i="5" s="1"/>
  <c r="J2697" i="2"/>
  <c r="J2671" i="5" s="1"/>
  <c r="N2671" i="5" s="1"/>
  <c r="J5553" i="2"/>
  <c r="J5527" i="5" s="1"/>
  <c r="N5527" i="5" s="1"/>
  <c r="J3544" i="2"/>
  <c r="J3518" i="5" s="1"/>
  <c r="N3518" i="5" s="1"/>
  <c r="J4048" i="2"/>
  <c r="J4022" i="5" s="1"/>
  <c r="N4022" i="5" s="1"/>
  <c r="J666" i="2"/>
  <c r="J640" i="5" s="1"/>
  <c r="N640" i="5" s="1"/>
  <c r="J5037" i="2"/>
  <c r="J5011" i="5" s="1"/>
  <c r="N5011" i="5" s="1"/>
  <c r="J7061" i="2"/>
  <c r="J7035" i="5" s="1"/>
  <c r="N7035" i="5" s="1"/>
  <c r="J7571" i="2"/>
  <c r="J7545" i="5" s="1"/>
  <c r="N7545" i="5" s="1"/>
  <c r="J7249" i="2"/>
  <c r="J7223" i="5" s="1"/>
  <c r="N7223" i="5" s="1"/>
  <c r="J7253" i="2"/>
  <c r="J7227" i="5" s="1"/>
  <c r="N7227" i="5" s="1"/>
  <c r="J658" i="2"/>
  <c r="J632" i="5" s="1"/>
  <c r="N632" i="5" s="1"/>
  <c r="J6711" i="2"/>
  <c r="J6685" i="5" s="1"/>
  <c r="N6685" i="5" s="1"/>
  <c r="J7586" i="2"/>
  <c r="J7560" i="5" s="1"/>
  <c r="N7560" i="5" s="1"/>
  <c r="J3542" i="2"/>
  <c r="J3516" i="5" s="1"/>
  <c r="N3516" i="5" s="1"/>
  <c r="J1377" i="2"/>
  <c r="J1351" i="5" s="1"/>
  <c r="N1351" i="5" s="1"/>
  <c r="J7555" i="2"/>
  <c r="J7529" i="5" s="1"/>
  <c r="N7529" i="5" s="1"/>
  <c r="J3012" i="2"/>
  <c r="J2986" i="5" s="1"/>
  <c r="N2986" i="5" s="1"/>
  <c r="J4535" i="2"/>
  <c r="J4509" i="5" s="1"/>
  <c r="N4509" i="5" s="1"/>
  <c r="J8425" i="2"/>
  <c r="J8399" i="5" s="1"/>
  <c r="N8399" i="5" s="1"/>
  <c r="J5539" i="2"/>
  <c r="J5513" i="5" s="1"/>
  <c r="N5513" i="5" s="1"/>
  <c r="J2848" i="2"/>
  <c r="J2822" i="5" s="1"/>
  <c r="N2822" i="5" s="1"/>
  <c r="J4356" i="2"/>
  <c r="J4330" i="5" s="1"/>
  <c r="N4330" i="5" s="1"/>
  <c r="J5533" i="2"/>
  <c r="J5507" i="5" s="1"/>
  <c r="N5507" i="5" s="1"/>
  <c r="J8572" i="2"/>
  <c r="J8546" i="5" s="1"/>
  <c r="N8546" i="5" s="1"/>
  <c r="J5029" i="2"/>
  <c r="J5003" i="5" s="1"/>
  <c r="N5003" i="5" s="1"/>
  <c r="J6582" i="2"/>
  <c r="J6556" i="5" s="1"/>
  <c r="N6556" i="5" s="1"/>
  <c r="J1690" i="2"/>
  <c r="J1664" i="5" s="1"/>
  <c r="N1664" i="5" s="1"/>
  <c r="J4047" i="2"/>
  <c r="J4021" i="5" s="1"/>
  <c r="N4021" i="5" s="1"/>
  <c r="J5220" i="2"/>
  <c r="J5194" i="5" s="1"/>
  <c r="N5194" i="5" s="1"/>
  <c r="J7726" i="2"/>
  <c r="J7700" i="5" s="1"/>
  <c r="N7700" i="5" s="1"/>
  <c r="J5376" i="2"/>
  <c r="J5350" i="5" s="1"/>
  <c r="N5350" i="5" s="1"/>
  <c r="J5744" i="2"/>
  <c r="J5718" i="5" s="1"/>
  <c r="N5718" i="5" s="1"/>
  <c r="J1353" i="2"/>
  <c r="J1327" i="5" s="1"/>
  <c r="N1327" i="5" s="1"/>
  <c r="J4559" i="2"/>
  <c r="J4533" i="5" s="1"/>
  <c r="N4533" i="5" s="1"/>
  <c r="J8570" i="2"/>
  <c r="J8544" i="5" s="1"/>
  <c r="N8544" i="5" s="1"/>
  <c r="J3372" i="2"/>
  <c r="J3346" i="5" s="1"/>
  <c r="N3346" i="5" s="1"/>
  <c r="J2524" i="2"/>
  <c r="J2498" i="5" s="1"/>
  <c r="N2498" i="5" s="1"/>
  <c r="J5072" i="2"/>
  <c r="J5046" i="5" s="1"/>
  <c r="N5046" i="5" s="1"/>
  <c r="J2034" i="2"/>
  <c r="J2008" i="5" s="1"/>
  <c r="N2008" i="5" s="1"/>
  <c r="J8058" i="2"/>
  <c r="J8032" i="5" s="1"/>
  <c r="N8032" i="5" s="1"/>
  <c r="J1006" i="2"/>
  <c r="J980" i="5" s="1"/>
  <c r="N980" i="5" s="1"/>
  <c r="J6737" i="2"/>
  <c r="J6711" i="5" s="1"/>
  <c r="N6711" i="5" s="1"/>
  <c r="J2197" i="2"/>
  <c r="J2171" i="5" s="1"/>
  <c r="N2171" i="5" s="1"/>
  <c r="J2208" i="2"/>
  <c r="J2182" i="5" s="1"/>
  <c r="N2182" i="5" s="1"/>
  <c r="J3011" i="2"/>
  <c r="J2985" i="5" s="1"/>
  <c r="N2985" i="5" s="1"/>
  <c r="J996" i="2"/>
  <c r="J970" i="5" s="1"/>
  <c r="N970" i="5" s="1"/>
  <c r="J7746" i="2"/>
  <c r="J7720" i="5" s="1"/>
  <c r="N7720" i="5" s="1"/>
  <c r="J5574" i="2"/>
  <c r="J5548" i="5" s="1"/>
  <c r="N5548" i="5" s="1"/>
  <c r="J1711" i="2"/>
  <c r="J1685" i="5" s="1"/>
  <c r="N1685" i="5" s="1"/>
  <c r="J5699" i="2"/>
  <c r="J5673" i="5" s="1"/>
  <c r="N5673" i="5" s="1"/>
  <c r="J3685" i="2"/>
  <c r="J3659" i="5" s="1"/>
  <c r="N3659" i="5" s="1"/>
  <c r="J6741" i="2"/>
  <c r="J6715" i="5" s="1"/>
  <c r="N6715" i="5" s="1"/>
  <c r="J4191" i="2"/>
  <c r="J4165" i="5" s="1"/>
  <c r="N4165" i="5" s="1"/>
  <c r="J8258" i="2"/>
  <c r="J8232" i="5" s="1"/>
  <c r="N8232" i="5" s="1"/>
  <c r="J4042" i="2"/>
  <c r="J4016" i="5" s="1"/>
  <c r="N4016" i="5" s="1"/>
  <c r="J4544" i="2"/>
  <c r="J4518" i="5" s="1"/>
  <c r="N4518" i="5" s="1"/>
  <c r="J6876" i="2"/>
  <c r="J6850" i="5" s="1"/>
  <c r="N6850" i="5" s="1"/>
  <c r="J3709" i="2"/>
  <c r="J3683" i="5" s="1"/>
  <c r="N3683" i="5" s="1"/>
  <c r="J4730" i="2"/>
  <c r="J4704" i="5" s="1"/>
  <c r="N4704" i="5" s="1"/>
  <c r="J4205" i="2"/>
  <c r="J4179" i="5" s="1"/>
  <c r="N4179" i="5" s="1"/>
  <c r="J5233" i="2"/>
  <c r="J5207" i="5" s="1"/>
  <c r="N5207" i="5" s="1"/>
  <c r="J3375" i="2"/>
  <c r="J3349" i="5" s="1"/>
  <c r="N3349" i="5" s="1"/>
  <c r="J6244" i="2"/>
  <c r="J6218" i="5" s="1"/>
  <c r="N6218" i="5" s="1"/>
  <c r="J1021" i="2"/>
  <c r="J995" i="5" s="1"/>
  <c r="N995" i="5" s="1"/>
  <c r="J2377" i="2"/>
  <c r="J2351" i="5" s="1"/>
  <c r="N2351" i="5" s="1"/>
  <c r="J7221" i="2"/>
  <c r="J7195" i="5" s="1"/>
  <c r="N7195" i="5" s="1"/>
  <c r="J7068" i="2"/>
  <c r="J7042" i="5" s="1"/>
  <c r="N7042" i="5" s="1"/>
  <c r="J1845" i="2"/>
  <c r="J1819" i="5" s="1"/>
  <c r="N1819" i="5" s="1"/>
  <c r="J2525" i="2"/>
  <c r="J2499" i="5" s="1"/>
  <c r="N2499" i="5" s="1"/>
  <c r="J2338" i="2"/>
  <c r="J2312" i="5" s="1"/>
  <c r="N2312" i="5" s="1"/>
  <c r="J6034" i="2"/>
  <c r="J6008" i="5" s="1"/>
  <c r="N6008" i="5" s="1"/>
  <c r="J350" i="2"/>
  <c r="J324" i="5" s="1"/>
  <c r="N324" i="5" s="1"/>
  <c r="J326" i="2"/>
  <c r="J300" i="5" s="1"/>
  <c r="N300" i="5" s="1"/>
  <c r="J7583" i="2"/>
  <c r="J7557" i="5" s="1"/>
  <c r="N7557" i="5" s="1"/>
  <c r="J2384" i="2"/>
  <c r="J2358" i="5" s="1"/>
  <c r="N2358" i="5" s="1"/>
  <c r="J1858" i="2"/>
  <c r="J1832" i="5" s="1"/>
  <c r="N1832" i="5" s="1"/>
  <c r="J6907" i="2"/>
  <c r="J6881" i="5" s="1"/>
  <c r="N6881" i="5" s="1"/>
  <c r="J1850" i="2"/>
  <c r="J1824" i="5" s="1"/>
  <c r="N1824" i="5" s="1"/>
  <c r="J8565" i="2"/>
  <c r="J8539" i="5" s="1"/>
  <c r="N8539" i="5" s="1"/>
  <c r="J2692" i="2"/>
  <c r="J2666" i="5" s="1"/>
  <c r="N2666" i="5" s="1"/>
  <c r="J7728" i="2"/>
  <c r="J7702" i="5" s="1"/>
  <c r="N7702" i="5" s="1"/>
  <c r="J3044" i="2"/>
  <c r="J3018" i="5" s="1"/>
  <c r="N3018" i="5" s="1"/>
  <c r="J7212" i="2"/>
  <c r="J7186" i="5" s="1"/>
  <c r="N7186" i="5" s="1"/>
  <c r="J4355" i="2"/>
  <c r="J4329" i="5" s="1"/>
  <c r="N4329" i="5" s="1"/>
  <c r="J7754" i="2"/>
  <c r="J7728" i="5" s="1"/>
  <c r="N7728" i="5" s="1"/>
  <c r="J1842" i="2"/>
  <c r="J1816" i="5" s="1"/>
  <c r="N1816" i="5" s="1"/>
  <c r="J1357" i="2"/>
  <c r="J1331" i="5" s="1"/>
  <c r="N1331" i="5" s="1"/>
  <c r="J1520" i="2"/>
  <c r="J1494" i="5" s="1"/>
  <c r="N1494" i="5" s="1"/>
  <c r="J5222" i="2"/>
  <c r="J5196" i="5" s="1"/>
  <c r="N5196" i="5" s="1"/>
  <c r="J7729" i="2"/>
  <c r="J7703" i="5" s="1"/>
  <c r="N7703" i="5" s="1"/>
  <c r="J2375" i="2"/>
  <c r="J2349" i="5" s="1"/>
  <c r="N2349" i="5" s="1"/>
  <c r="J2346" i="2"/>
  <c r="J2320" i="5" s="1"/>
  <c r="N2320" i="5" s="1"/>
  <c r="J2013" i="2"/>
  <c r="J1987" i="5" s="1"/>
  <c r="N1987" i="5" s="1"/>
  <c r="J7723" i="2"/>
  <c r="J7697" i="5" s="1"/>
  <c r="N7697" i="5" s="1"/>
  <c r="J5550" i="2"/>
  <c r="J5524" i="5" s="1"/>
  <c r="N5524" i="5" s="1"/>
  <c r="J8739" i="2"/>
  <c r="J8713" i="5" s="1"/>
  <c r="N8713" i="5" s="1"/>
  <c r="J3892" i="2"/>
  <c r="J3866" i="5" s="1"/>
  <c r="N3866" i="5" s="1"/>
  <c r="J3195" i="2"/>
  <c r="J3169" i="5" s="1"/>
  <c r="N3169" i="5" s="1"/>
  <c r="J1708" i="2"/>
  <c r="J1682" i="5" s="1"/>
  <c r="N1682" i="5" s="1"/>
  <c r="J7923" i="2"/>
  <c r="J7897" i="5" s="1"/>
  <c r="N7897" i="5" s="1"/>
  <c r="J6732" i="2"/>
  <c r="J6706" i="5" s="1"/>
  <c r="N6706" i="5" s="1"/>
  <c r="J2677" i="2"/>
  <c r="J2651" i="5" s="1"/>
  <c r="N2651" i="5" s="1"/>
  <c r="J188" i="2"/>
  <c r="J162" i="5" s="1"/>
  <c r="N162" i="5" s="1"/>
  <c r="J3548" i="2"/>
  <c r="J3522" i="5" s="1"/>
  <c r="N3522" i="5" s="1"/>
  <c r="J8560" i="2"/>
  <c r="J8534" i="5" s="1"/>
  <c r="N8534" i="5" s="1"/>
  <c r="J197" i="2"/>
  <c r="J171" i="5" s="1"/>
  <c r="N171" i="5" s="1"/>
  <c r="J354" i="2"/>
  <c r="J328" i="5" s="1"/>
  <c r="N328" i="5" s="1"/>
  <c r="J4398" i="2"/>
  <c r="J4372" i="5" s="1"/>
  <c r="N4372" i="5" s="1"/>
  <c r="J3352" i="2"/>
  <c r="J3326" i="5" s="1"/>
  <c r="N3326" i="5" s="1"/>
  <c r="J3347" i="2"/>
  <c r="J3321" i="5" s="1"/>
  <c r="N3321" i="5" s="1"/>
  <c r="J5219" i="2"/>
  <c r="J5193" i="5" s="1"/>
  <c r="N5193" i="5" s="1"/>
  <c r="J8722" i="2"/>
  <c r="J8696" i="5" s="1"/>
  <c r="N8696" i="5" s="1"/>
  <c r="J510" i="2"/>
  <c r="J484" i="5" s="1"/>
  <c r="N484" i="5" s="1"/>
  <c r="J3353" i="2"/>
  <c r="J3327" i="5" s="1"/>
  <c r="N3327" i="5" s="1"/>
  <c r="J1504" i="2"/>
  <c r="J1478" i="5" s="1"/>
  <c r="N1478" i="5" s="1"/>
  <c r="J492" i="2"/>
  <c r="J466" i="5" s="1"/>
  <c r="N466" i="5" s="1"/>
  <c r="J6077" i="2"/>
  <c r="J6051" i="5" s="1"/>
  <c r="N6051" i="5" s="1"/>
  <c r="J7071" i="2"/>
  <c r="J7045" i="5" s="1"/>
  <c r="N7045" i="5" s="1"/>
  <c r="J7077" i="2"/>
  <c r="J7051" i="5" s="1"/>
  <c r="N7051" i="5" s="1"/>
  <c r="J2689" i="2"/>
  <c r="J2663" i="5" s="1"/>
  <c r="N2663" i="5" s="1"/>
  <c r="J3225" i="2"/>
  <c r="J3199" i="5" s="1"/>
  <c r="N3199" i="5" s="1"/>
  <c r="J4904" i="2"/>
  <c r="J4878" i="5" s="1"/>
  <c r="N4878" i="5" s="1"/>
  <c r="J1166" i="2"/>
  <c r="J1140" i="5" s="1"/>
  <c r="N1140" i="5" s="1"/>
  <c r="J3701" i="2"/>
  <c r="J3675" i="5" s="1"/>
  <c r="N3675" i="5" s="1"/>
  <c r="J1687" i="2"/>
  <c r="J1661" i="5" s="1"/>
  <c r="N1661" i="5" s="1"/>
  <c r="J4377" i="2"/>
  <c r="J4351" i="5" s="1"/>
  <c r="N4351" i="5" s="1"/>
  <c r="J3052" i="2"/>
  <c r="J3026" i="5" s="1"/>
  <c r="N3026" i="5" s="1"/>
  <c r="J2696" i="2"/>
  <c r="J2670" i="5" s="1"/>
  <c r="N2670" i="5" s="1"/>
  <c r="J353" i="2"/>
  <c r="J327" i="5" s="1"/>
  <c r="N327" i="5" s="1"/>
  <c r="J1838" i="2"/>
  <c r="J1812" i="5" s="1"/>
  <c r="N1812" i="5" s="1"/>
  <c r="J1001" i="2"/>
  <c r="J975" i="5" s="1"/>
  <c r="N975" i="5" s="1"/>
  <c r="J3367" i="2"/>
  <c r="J3341" i="5" s="1"/>
  <c r="N3341" i="5" s="1"/>
  <c r="J2370" i="2"/>
  <c r="J2344" i="5" s="1"/>
  <c r="N2344" i="5" s="1"/>
  <c r="J514" i="2"/>
  <c r="J488" i="5" s="1"/>
  <c r="N488" i="5" s="1"/>
  <c r="J1880" i="2"/>
  <c r="J1854" i="5" s="1"/>
  <c r="N1854" i="5" s="1"/>
  <c r="J7913" i="2"/>
  <c r="J7887" i="5" s="1"/>
  <c r="N7887" i="5" s="1"/>
  <c r="J6581" i="2"/>
  <c r="J6555" i="5" s="1"/>
  <c r="N6555" i="5" s="1"/>
  <c r="J8395" i="2"/>
  <c r="J8369" i="5" s="1"/>
  <c r="N8369" i="5" s="1"/>
  <c r="J8401" i="2"/>
  <c r="J8375" i="5" s="1"/>
  <c r="N8375" i="5" s="1"/>
  <c r="J1705" i="2"/>
  <c r="J1679" i="5" s="1"/>
  <c r="N1679" i="5" s="1"/>
  <c r="J3392" i="2"/>
  <c r="J3366" i="5" s="1"/>
  <c r="N3366" i="5" s="1"/>
  <c r="J2846" i="2"/>
  <c r="J2820" i="5" s="1"/>
  <c r="N2820" i="5" s="1"/>
  <c r="J7379" i="2"/>
  <c r="J7353" i="5" s="1"/>
  <c r="N7353" i="5" s="1"/>
  <c r="J4704" i="2"/>
  <c r="J4678" i="5" s="1"/>
  <c r="N4678" i="5" s="1"/>
  <c r="J7580" i="2"/>
  <c r="J7554" i="5" s="1"/>
  <c r="N7554" i="5" s="1"/>
  <c r="J1686" i="2"/>
  <c r="J1660" i="5" s="1"/>
  <c r="N1660" i="5" s="1"/>
  <c r="J4694" i="2"/>
  <c r="J4668" i="5" s="1"/>
  <c r="N4668" i="5" s="1"/>
  <c r="J869" i="2"/>
  <c r="J843" i="5" s="1"/>
  <c r="N843" i="5" s="1"/>
  <c r="J4200" i="2"/>
  <c r="J4174" i="5" s="1"/>
  <c r="N4174" i="5" s="1"/>
  <c r="J3381" i="2"/>
  <c r="J3355" i="5" s="1"/>
  <c r="N3355" i="5" s="1"/>
  <c r="J7239" i="2"/>
  <c r="J7213" i="5" s="1"/>
  <c r="N7213" i="5" s="1"/>
  <c r="J5053" i="2"/>
  <c r="J5027" i="5" s="1"/>
  <c r="N5027" i="5" s="1"/>
  <c r="J3857" i="2"/>
  <c r="J3831" i="5" s="1"/>
  <c r="N3831" i="5" s="1"/>
  <c r="J8222" i="2"/>
  <c r="J8196" i="5" s="1"/>
  <c r="N8196" i="5" s="1"/>
  <c r="J3215" i="2"/>
  <c r="J3189" i="5" s="1"/>
  <c r="N3189" i="5" s="1"/>
  <c r="J5372" i="2"/>
  <c r="J5346" i="5" s="1"/>
  <c r="N5346" i="5" s="1"/>
  <c r="J3210" i="2"/>
  <c r="J3184" i="5" s="1"/>
  <c r="N3184" i="5" s="1"/>
  <c r="J6234" i="2"/>
  <c r="J6208" i="5" s="1"/>
  <c r="N6208" i="5" s="1"/>
  <c r="J5236" i="2"/>
  <c r="J5210" i="5" s="1"/>
  <c r="N5210" i="5" s="1"/>
  <c r="J995" i="2"/>
  <c r="J969" i="5" s="1"/>
  <c r="N969" i="5" s="1"/>
  <c r="J7572" i="2"/>
  <c r="J7546" i="5" s="1"/>
  <c r="N7546" i="5" s="1"/>
  <c r="J873" i="2"/>
  <c r="J847" i="5" s="1"/>
  <c r="N847" i="5" s="1"/>
  <c r="J841" i="2"/>
  <c r="J815" i="5" s="1"/>
  <c r="N815" i="5" s="1"/>
  <c r="J6885" i="2"/>
  <c r="J6859" i="5" s="1"/>
  <c r="N6859" i="5" s="1"/>
  <c r="J7890" i="2"/>
  <c r="J7864" i="5" s="1"/>
  <c r="N7864" i="5" s="1"/>
  <c r="J3852" i="2"/>
  <c r="J3826" i="5" s="1"/>
  <c r="N3826" i="5" s="1"/>
  <c r="J7089" i="2"/>
  <c r="J7063" i="5" s="1"/>
  <c r="N7063" i="5" s="1"/>
  <c r="J8228" i="2"/>
  <c r="J8202" i="5" s="1"/>
  <c r="N8202" i="5" s="1"/>
  <c r="J3526" i="2"/>
  <c r="J3500" i="5" s="1"/>
  <c r="N3500" i="5" s="1"/>
  <c r="J8589" i="2"/>
  <c r="J8563" i="5" s="1"/>
  <c r="N8563" i="5" s="1"/>
  <c r="J1012" i="2"/>
  <c r="J986" i="5" s="1"/>
  <c r="N986" i="5" s="1"/>
  <c r="J355" i="2"/>
  <c r="J329" i="5" s="1"/>
  <c r="N329" i="5" s="1"/>
  <c r="J4032" i="2"/>
  <c r="J4006" i="5" s="1"/>
  <c r="N4006" i="5" s="1"/>
  <c r="J5401" i="2"/>
  <c r="J5375" i="5" s="1"/>
  <c r="N5375" i="5" s="1"/>
  <c r="J5383" i="2"/>
  <c r="J5357" i="5" s="1"/>
  <c r="N5357" i="5" s="1"/>
  <c r="J2003" i="2"/>
  <c r="J1977" i="5" s="1"/>
  <c r="N1977" i="5" s="1"/>
  <c r="J4023" i="2"/>
  <c r="J3997" i="5" s="1"/>
  <c r="N3997" i="5" s="1"/>
  <c r="J5365" i="2"/>
  <c r="J5339" i="5" s="1"/>
  <c r="N5339" i="5" s="1"/>
  <c r="J4566" i="2"/>
  <c r="J4540" i="5" s="1"/>
  <c r="N4540" i="5" s="1"/>
  <c r="J863" i="2"/>
  <c r="J837" i="5" s="1"/>
  <c r="N837" i="5" s="1"/>
  <c r="J1538" i="2"/>
  <c r="J1512" i="5" s="1"/>
  <c r="N1512" i="5" s="1"/>
  <c r="J8392" i="2"/>
  <c r="J8366" i="5" s="1"/>
  <c r="N8366" i="5" s="1"/>
  <c r="J5902" i="2"/>
  <c r="J5876" i="5" s="1"/>
  <c r="N5876" i="5" s="1"/>
  <c r="J4370" i="2"/>
  <c r="J4344" i="5" s="1"/>
  <c r="N4344" i="5" s="1"/>
  <c r="J4382" i="2"/>
  <c r="J4356" i="5" s="1"/>
  <c r="N4356" i="5" s="1"/>
  <c r="J3023" i="2"/>
  <c r="J2997" i="5" s="1"/>
  <c r="N2997" i="5" s="1"/>
  <c r="J8567" i="2"/>
  <c r="J8541" i="5" s="1"/>
  <c r="N8541" i="5" s="1"/>
  <c r="J6215" i="2"/>
  <c r="J6189" i="5" s="1"/>
  <c r="N6189" i="5" s="1"/>
  <c r="J2362" i="2"/>
  <c r="J2336" i="5" s="1"/>
  <c r="N2336" i="5" s="1"/>
  <c r="J6060" i="2"/>
  <c r="J6034" i="5" s="1"/>
  <c r="N6034" i="5" s="1"/>
  <c r="J7243" i="2"/>
  <c r="J7217" i="5" s="1"/>
  <c r="N7217" i="5" s="1"/>
  <c r="J6378" i="2"/>
  <c r="J6352" i="5" s="1"/>
  <c r="N6352" i="5" s="1"/>
  <c r="J3389" i="2"/>
  <c r="J3363" i="5" s="1"/>
  <c r="N3363" i="5" s="1"/>
  <c r="J4196" i="2"/>
  <c r="J4170" i="5" s="1"/>
  <c r="N4170" i="5" s="1"/>
  <c r="J3897" i="2"/>
  <c r="J3871" i="5" s="1"/>
  <c r="N3871" i="5" s="1"/>
  <c r="J4542" i="2"/>
  <c r="J4516" i="5" s="1"/>
  <c r="N4516" i="5" s="1"/>
  <c r="J6882" i="2"/>
  <c r="J6856" i="5" s="1"/>
  <c r="N6856" i="5" s="1"/>
  <c r="J4056" i="2"/>
  <c r="J4030" i="5" s="1"/>
  <c r="N4030" i="5" s="1"/>
  <c r="J4866" i="2"/>
  <c r="J4840" i="5" s="1"/>
  <c r="N4840" i="5" s="1"/>
  <c r="J3188" i="2"/>
  <c r="J3162" i="5" s="1"/>
  <c r="N3162" i="5" s="1"/>
  <c r="J3185" i="2"/>
  <c r="J3159" i="5" s="1"/>
  <c r="N3159" i="5" s="1"/>
  <c r="J5556" i="2"/>
  <c r="J5530" i="5" s="1"/>
  <c r="N5530" i="5" s="1"/>
  <c r="J3552" i="2"/>
  <c r="J3526" i="5" s="1"/>
  <c r="N3526" i="5" s="1"/>
  <c r="J7237" i="2"/>
  <c r="J7211" i="5" s="1"/>
  <c r="N7211" i="5" s="1"/>
  <c r="J5540" i="2"/>
  <c r="J5514" i="5" s="1"/>
  <c r="N5514" i="5" s="1"/>
  <c r="J6213" i="2"/>
  <c r="J6187" i="5" s="1"/>
  <c r="N6187" i="5" s="1"/>
  <c r="J1196" i="2"/>
  <c r="J1170" i="5" s="1"/>
  <c r="N1170" i="5" s="1"/>
  <c r="J2358" i="2"/>
  <c r="J2332" i="5" s="1"/>
  <c r="N2332" i="5" s="1"/>
  <c r="J7885" i="2"/>
  <c r="J7859" i="5" s="1"/>
  <c r="N7859" i="5" s="1"/>
  <c r="J5900" i="2"/>
  <c r="J5874" i="5" s="1"/>
  <c r="N5874" i="5" s="1"/>
  <c r="J1534" i="2"/>
  <c r="J1508" i="5" s="1"/>
  <c r="N1508" i="5" s="1"/>
  <c r="J4213" i="2"/>
  <c r="J4187" i="5" s="1"/>
  <c r="N4187" i="5" s="1"/>
  <c r="J1519" i="2"/>
  <c r="J1493" i="5" s="1"/>
  <c r="N1493" i="5" s="1"/>
  <c r="J6709" i="2"/>
  <c r="J6683" i="5" s="1"/>
  <c r="N6683" i="5" s="1"/>
  <c r="J5044" i="2"/>
  <c r="J5018" i="5" s="1"/>
  <c r="N5018" i="5" s="1"/>
  <c r="J359" i="2"/>
  <c r="J333" i="5" s="1"/>
  <c r="N333" i="5" s="1"/>
  <c r="J179" i="2"/>
  <c r="J153" i="5" s="1"/>
  <c r="N153" i="5" s="1"/>
  <c r="J3697" i="2"/>
  <c r="J3671" i="5" s="1"/>
  <c r="N3671" i="5" s="1"/>
  <c r="J512" i="2"/>
  <c r="J486" i="5" s="1"/>
  <c r="N486" i="5" s="1"/>
  <c r="J2874" i="2"/>
  <c r="J2848" i="5" s="1"/>
  <c r="N2848" i="5" s="1"/>
  <c r="J4905" i="2"/>
  <c r="J4879" i="5" s="1"/>
  <c r="N4879" i="5" s="1"/>
  <c r="J5560" i="2"/>
  <c r="J5534" i="5" s="1"/>
  <c r="N5534" i="5" s="1"/>
  <c r="J3191" i="2"/>
  <c r="J3165" i="5" s="1"/>
  <c r="N3165" i="5" s="1"/>
  <c r="J2020" i="2"/>
  <c r="J1994" i="5" s="1"/>
  <c r="N1994" i="5" s="1"/>
  <c r="J704" i="2"/>
  <c r="J678" i="5" s="1"/>
  <c r="N678" i="5" s="1"/>
  <c r="J5711" i="2"/>
  <c r="J5685" i="5" s="1"/>
  <c r="N5685" i="5" s="1"/>
  <c r="J2172" i="2"/>
  <c r="J2146" i="5" s="1"/>
  <c r="N2146" i="5" s="1"/>
  <c r="J7759" i="2"/>
  <c r="J7733" i="5" s="1"/>
  <c r="N7733" i="5" s="1"/>
  <c r="J3027" i="2"/>
  <c r="J3001" i="5" s="1"/>
  <c r="N3001" i="5" s="1"/>
  <c r="J7235" i="2"/>
  <c r="J7209" i="5" s="1"/>
  <c r="N7209" i="5" s="1"/>
  <c r="J5045" i="2"/>
  <c r="J5019" i="5" s="1"/>
  <c r="N5019" i="5" s="1"/>
  <c r="J3199" i="2"/>
  <c r="J3173" i="5" s="1"/>
  <c r="N3173" i="5" s="1"/>
  <c r="J4393" i="2"/>
  <c r="J4367" i="5" s="1"/>
  <c r="N4367" i="5" s="1"/>
  <c r="J6076" i="2"/>
  <c r="J6050" i="5" s="1"/>
  <c r="N6050" i="5" s="1"/>
  <c r="J2693" i="2"/>
  <c r="J2667" i="5" s="1"/>
  <c r="N2667" i="5" s="1"/>
  <c r="J7738" i="2"/>
  <c r="J7712" i="5" s="1"/>
  <c r="N7712" i="5" s="1"/>
  <c r="J3870" i="2"/>
  <c r="J3844" i="5" s="1"/>
  <c r="N3844" i="5" s="1"/>
  <c r="J5375" i="2"/>
  <c r="J5349" i="5" s="1"/>
  <c r="N5349" i="5" s="1"/>
  <c r="J6562" i="2"/>
  <c r="J6536" i="5" s="1"/>
  <c r="N6536" i="5" s="1"/>
  <c r="J3516" i="2"/>
  <c r="J3490" i="5" s="1"/>
  <c r="N3490" i="5" s="1"/>
  <c r="J161" i="2"/>
  <c r="J135" i="5" s="1"/>
  <c r="N135" i="5" s="1"/>
  <c r="J2700" i="2"/>
  <c r="J2674" i="5" s="1"/>
  <c r="N2674" i="5" s="1"/>
  <c r="J524" i="2"/>
  <c r="J498" i="5" s="1"/>
  <c r="N498" i="5" s="1"/>
  <c r="J3698" i="2"/>
  <c r="J3672" i="5" s="1"/>
  <c r="N3672" i="5" s="1"/>
  <c r="J8728" i="2"/>
  <c r="J8702" i="5" s="1"/>
  <c r="N8702" i="5" s="1"/>
  <c r="J2026" i="2"/>
  <c r="J2000" i="5" s="1"/>
  <c r="N2000" i="5" s="1"/>
  <c r="J847" i="2"/>
  <c r="J821" i="5" s="1"/>
  <c r="N821" i="5" s="1"/>
  <c r="J8414" i="2"/>
  <c r="J8388" i="5" s="1"/>
  <c r="N8388" i="5" s="1"/>
  <c r="J3050" i="2"/>
  <c r="J3024" i="5" s="1"/>
  <c r="N3024" i="5" s="1"/>
  <c r="J3382" i="2"/>
  <c r="J3356" i="5" s="1"/>
  <c r="N3356" i="5" s="1"/>
  <c r="J4025" i="2"/>
  <c r="J3999" i="5" s="1"/>
  <c r="N3999" i="5" s="1"/>
  <c r="J6917" i="2"/>
  <c r="J6891" i="5" s="1"/>
  <c r="N6891" i="5" s="1"/>
  <c r="J8597" i="2"/>
  <c r="J8571" i="5" s="1"/>
  <c r="N8571" i="5" s="1"/>
  <c r="J668" i="2"/>
  <c r="J642" i="5" s="1"/>
  <c r="N642" i="5" s="1"/>
  <c r="J831" i="2"/>
  <c r="J805" i="5" s="1"/>
  <c r="N805" i="5" s="1"/>
  <c r="J7882" i="2"/>
  <c r="J7856" i="5" s="1"/>
  <c r="N7856" i="5" s="1"/>
  <c r="J1027" i="2"/>
  <c r="J1001" i="5" s="1"/>
  <c r="N1001" i="5" s="1"/>
  <c r="J2847" i="2"/>
  <c r="J2821" i="5" s="1"/>
  <c r="N2821" i="5" s="1"/>
  <c r="J3866" i="2"/>
  <c r="J3840" i="5" s="1"/>
  <c r="N3840" i="5" s="1"/>
  <c r="J2861" i="2"/>
  <c r="J2835" i="5" s="1"/>
  <c r="N2835" i="5" s="1"/>
  <c r="J1374" i="2"/>
  <c r="J1348" i="5" s="1"/>
  <c r="N1348" i="5" s="1"/>
  <c r="J6227" i="2"/>
  <c r="J6201" i="5" s="1"/>
  <c r="N6201" i="5" s="1"/>
  <c r="J6550" i="2"/>
  <c r="J6524" i="5" s="1"/>
  <c r="N6524" i="5" s="1"/>
  <c r="J6880" i="2"/>
  <c r="J6854" i="5" s="1"/>
  <c r="N6854" i="5" s="1"/>
  <c r="J5718" i="2"/>
  <c r="J5692" i="5" s="1"/>
  <c r="N5692" i="5" s="1"/>
  <c r="J3205" i="2"/>
  <c r="J3179" i="5" s="1"/>
  <c r="N3179" i="5" s="1"/>
  <c r="J2881" i="2"/>
  <c r="J2855" i="5" s="1"/>
  <c r="N2855" i="5" s="1"/>
  <c r="J4729" i="2"/>
  <c r="J4703" i="5" s="1"/>
  <c r="N4703" i="5" s="1"/>
  <c r="J4024" i="2"/>
  <c r="J3998" i="5" s="1"/>
  <c r="N3998" i="5" s="1"/>
  <c r="J1697" i="2"/>
  <c r="J1671" i="5" s="1"/>
  <c r="N1671" i="5" s="1"/>
  <c r="J5904" i="2"/>
  <c r="J5878" i="5" s="1"/>
  <c r="N5878" i="5" s="1"/>
  <c r="J1500" i="2"/>
  <c r="J1474" i="5" s="1"/>
  <c r="N1474" i="5" s="1"/>
  <c r="J2011" i="2"/>
  <c r="J1985" i="5" s="1"/>
  <c r="N1985" i="5" s="1"/>
  <c r="J845" i="2"/>
  <c r="J819" i="5" s="1"/>
  <c r="N819" i="5" s="1"/>
  <c r="J685" i="2"/>
  <c r="J659" i="5" s="1"/>
  <c r="N659" i="5" s="1"/>
  <c r="J8573" i="2"/>
  <c r="J8547" i="5" s="1"/>
  <c r="N8547" i="5" s="1"/>
  <c r="J4526" i="2"/>
  <c r="J4500" i="5" s="1"/>
  <c r="N4500" i="5" s="1"/>
  <c r="J1856" i="2"/>
  <c r="J1830" i="5" s="1"/>
  <c r="N1830" i="5" s="1"/>
  <c r="J6753" i="2"/>
  <c r="J6727" i="5" s="1"/>
  <c r="N6727" i="5" s="1"/>
  <c r="J6714" i="2"/>
  <c r="J6688" i="5" s="1"/>
  <c r="N6688" i="5" s="1"/>
  <c r="J7899" i="2"/>
  <c r="J7873" i="5" s="1"/>
  <c r="N7873" i="5" s="1"/>
  <c r="J3189" i="2"/>
  <c r="J3163" i="5" s="1"/>
  <c r="N3163" i="5" s="1"/>
  <c r="J7761" i="2"/>
  <c r="J7735" i="5" s="1"/>
  <c r="N7735" i="5" s="1"/>
  <c r="J5894" i="2"/>
  <c r="J5868" i="5" s="1"/>
  <c r="N5868" i="5" s="1"/>
  <c r="J6232" i="2"/>
  <c r="J6206" i="5" s="1"/>
  <c r="N6206" i="5" s="1"/>
  <c r="J8054" i="2"/>
  <c r="J8028" i="5" s="1"/>
  <c r="N8028" i="5" s="1"/>
  <c r="J1672" i="2"/>
  <c r="J1646" i="5" s="1"/>
  <c r="N1646" i="5" s="1"/>
  <c r="J6879" i="2"/>
  <c r="J6853" i="5" s="1"/>
  <c r="N6853" i="5" s="1"/>
  <c r="J1508" i="2"/>
  <c r="J1482" i="5" s="1"/>
  <c r="N1482" i="5" s="1"/>
  <c r="J3216" i="2"/>
  <c r="J3190" i="5" s="1"/>
  <c r="N3190" i="5" s="1"/>
  <c r="J7380" i="2"/>
  <c r="J7354" i="5" s="1"/>
  <c r="N7354" i="5" s="1"/>
  <c r="J7924" i="2"/>
  <c r="J7898" i="5" s="1"/>
  <c r="N7898" i="5" s="1"/>
  <c r="J164" i="2"/>
  <c r="J138" i="5" s="1"/>
  <c r="N138" i="5" s="1"/>
  <c r="J7397" i="2"/>
  <c r="J7371" i="5" s="1"/>
  <c r="N7371" i="5" s="1"/>
  <c r="J4569" i="2"/>
  <c r="J4543" i="5" s="1"/>
  <c r="N4543" i="5" s="1"/>
  <c r="J6559" i="2"/>
  <c r="J6533" i="5" s="1"/>
  <c r="N6533" i="5" s="1"/>
  <c r="J3360" i="2"/>
  <c r="J3334" i="5" s="1"/>
  <c r="N3334" i="5" s="1"/>
  <c r="J1695" i="2"/>
  <c r="J1669" i="5" s="1"/>
  <c r="N1669" i="5" s="1"/>
  <c r="J3689" i="2"/>
  <c r="J3663" i="5" s="1"/>
  <c r="N3663" i="5" s="1"/>
  <c r="J515" i="2"/>
  <c r="J489" i="5" s="1"/>
  <c r="N489" i="5" s="1"/>
  <c r="J3855" i="2"/>
  <c r="J3829" i="5" s="1"/>
  <c r="N3829" i="5" s="1"/>
  <c r="J6380" i="2"/>
  <c r="J6354" i="5" s="1"/>
  <c r="N6354" i="5" s="1"/>
  <c r="J1358" i="2"/>
  <c r="J1332" i="5" s="1"/>
  <c r="N1332" i="5" s="1"/>
  <c r="J8223" i="2"/>
  <c r="J8197" i="5" s="1"/>
  <c r="N8197" i="5" s="1"/>
  <c r="J3881" i="2"/>
  <c r="J3855" i="5" s="1"/>
  <c r="N3855" i="5" s="1"/>
  <c r="J6069" i="2"/>
  <c r="J6043" i="5" s="1"/>
  <c r="N6043" i="5" s="1"/>
  <c r="J5035" i="2"/>
  <c r="J5009" i="5" s="1"/>
  <c r="N5009" i="5" s="1"/>
  <c r="J7925" i="2"/>
  <c r="J7899" i="5" s="1"/>
  <c r="N7899" i="5" s="1"/>
  <c r="J4901" i="2"/>
  <c r="J4875" i="5" s="1"/>
  <c r="N4875" i="5" s="1"/>
  <c r="J6225" i="2"/>
  <c r="J6199" i="5" s="1"/>
  <c r="N6199" i="5" s="1"/>
  <c r="J2866" i="2"/>
  <c r="J2840" i="5" s="1"/>
  <c r="N2840" i="5" s="1"/>
  <c r="J3198" i="2"/>
  <c r="J3172" i="5" s="1"/>
  <c r="N3172" i="5" s="1"/>
  <c r="J6708" i="2"/>
  <c r="J6682" i="5" s="1"/>
  <c r="N6682" i="5" s="1"/>
  <c r="J6752" i="2"/>
  <c r="J6726" i="5" s="1"/>
  <c r="N6726" i="5" s="1"/>
  <c r="J6035" i="2"/>
  <c r="J6009" i="5" s="1"/>
  <c r="N6009" i="5" s="1"/>
  <c r="J5891" i="2"/>
  <c r="J5865" i="5" s="1"/>
  <c r="N5865" i="5" s="1"/>
  <c r="J1208" i="2"/>
  <c r="J1182" i="5" s="1"/>
  <c r="N1182" i="5" s="1"/>
  <c r="J7072" i="2"/>
  <c r="J7046" i="5" s="1"/>
  <c r="N7046" i="5" s="1"/>
  <c r="J6417" i="2"/>
  <c r="J6391" i="5" s="1"/>
  <c r="N6391" i="5" s="1"/>
  <c r="J2348" i="2"/>
  <c r="J2322" i="5" s="1"/>
  <c r="N2322" i="5" s="1"/>
  <c r="J7716" i="2"/>
  <c r="J7690" i="5" s="1"/>
  <c r="N7690" i="5" s="1"/>
  <c r="J3893" i="2"/>
  <c r="J3867" i="5" s="1"/>
  <c r="N3867" i="5" s="1"/>
  <c r="J6230" i="2"/>
  <c r="J6204" i="5" s="1"/>
  <c r="N6204" i="5" s="1"/>
  <c r="J4864" i="2"/>
  <c r="J4838" i="5" s="1"/>
  <c r="N4838" i="5" s="1"/>
  <c r="J6899" i="2"/>
  <c r="J6873" i="5" s="1"/>
  <c r="N6873" i="5" s="1"/>
  <c r="J6545" i="2"/>
  <c r="J6519" i="5" s="1"/>
  <c r="N6519" i="5" s="1"/>
  <c r="J6042" i="2"/>
  <c r="J6016" i="5" s="1"/>
  <c r="N6016" i="5" s="1"/>
  <c r="J7578" i="2"/>
  <c r="J7552" i="5" s="1"/>
  <c r="N7552" i="5" s="1"/>
  <c r="J5883" i="2"/>
  <c r="J5857" i="5" s="1"/>
  <c r="N5857" i="5" s="1"/>
  <c r="J3364" i="2"/>
  <c r="J3338" i="5" s="1"/>
  <c r="N3338" i="5" s="1"/>
  <c r="J6739" i="2"/>
  <c r="J6713" i="5" s="1"/>
  <c r="N6713" i="5" s="1"/>
  <c r="J6394" i="2"/>
  <c r="J6368" i="5" s="1"/>
  <c r="N6368" i="5" s="1"/>
  <c r="J994" i="2"/>
  <c r="J968" i="5" s="1"/>
  <c r="N968" i="5" s="1"/>
  <c r="J349" i="2"/>
  <c r="J323" i="5" s="1"/>
  <c r="N323" i="5" s="1"/>
  <c r="J4232" i="2"/>
  <c r="J4206" i="5" s="1"/>
  <c r="N4206" i="5" s="1"/>
  <c r="J703" i="2"/>
  <c r="J677" i="5" s="1"/>
  <c r="N677" i="5" s="1"/>
  <c r="J4696" i="2"/>
  <c r="J4670" i="5" s="1"/>
  <c r="N4670" i="5" s="1"/>
  <c r="J8061" i="2"/>
  <c r="J8035" i="5" s="1"/>
  <c r="N8035" i="5" s="1"/>
  <c r="J2717" i="2"/>
  <c r="J2691" i="5" s="1"/>
  <c r="N2691" i="5" s="1"/>
  <c r="J1528" i="2"/>
  <c r="J1502" i="5" s="1"/>
  <c r="N1502" i="5" s="1"/>
  <c r="J2859" i="2"/>
  <c r="J2833" i="5" s="1"/>
  <c r="N2833" i="5" s="1"/>
  <c r="J5067" i="2"/>
  <c r="J5041" i="5" s="1"/>
  <c r="N5041" i="5" s="1"/>
  <c r="J3545" i="2"/>
  <c r="J3519" i="5" s="1"/>
  <c r="N3519" i="5" s="1"/>
  <c r="J6733" i="2"/>
  <c r="J6707" i="5" s="1"/>
  <c r="N6707" i="5" s="1"/>
  <c r="J183" i="2"/>
  <c r="J157" i="5" s="1"/>
  <c r="N157" i="5" s="1"/>
  <c r="J8733" i="2"/>
  <c r="J8707" i="5" s="1"/>
  <c r="N8707" i="5" s="1"/>
  <c r="J506" i="2"/>
  <c r="J480" i="5" s="1"/>
  <c r="N480" i="5" s="1"/>
  <c r="J835" i="2"/>
  <c r="J809" i="5" s="1"/>
  <c r="N809" i="5" s="1"/>
  <c r="J4887" i="2"/>
  <c r="J4861" i="5" s="1"/>
  <c r="N4861" i="5" s="1"/>
  <c r="J2209" i="2"/>
  <c r="J2183" i="5" s="1"/>
  <c r="N2183" i="5" s="1"/>
  <c r="J4359" i="2"/>
  <c r="J4333" i="5" s="1"/>
  <c r="N4333" i="5" s="1"/>
  <c r="J7402" i="2"/>
  <c r="J7376" i="5" s="1"/>
  <c r="N7376" i="5" s="1"/>
  <c r="J3370" i="2"/>
  <c r="J3344" i="5" s="1"/>
  <c r="N3344" i="5" s="1"/>
  <c r="J8759" i="2"/>
  <c r="J8733" i="5" s="1"/>
  <c r="N8733" i="5" s="1"/>
  <c r="J6712" i="2"/>
  <c r="J6686" i="5" s="1"/>
  <c r="N6686" i="5" s="1"/>
  <c r="J3013" i="2"/>
  <c r="J2987" i="5" s="1"/>
  <c r="N2987" i="5" s="1"/>
  <c r="J3718" i="2"/>
  <c r="J3692" i="5" s="1"/>
  <c r="N3692" i="5" s="1"/>
  <c r="J4190" i="2"/>
  <c r="J4164" i="5" s="1"/>
  <c r="N4164" i="5" s="1"/>
  <c r="J5226" i="2"/>
  <c r="J5200" i="5" s="1"/>
  <c r="N5200" i="5" s="1"/>
  <c r="J2203" i="2"/>
  <c r="J2177" i="5" s="1"/>
  <c r="N2177" i="5" s="1"/>
  <c r="J6723" i="2"/>
  <c r="J6697" i="5" s="1"/>
  <c r="N6697" i="5" s="1"/>
  <c r="J4207" i="2"/>
  <c r="J4181" i="5" s="1"/>
  <c r="N4181" i="5" s="1"/>
  <c r="J2885" i="2"/>
  <c r="J2859" i="5" s="1"/>
  <c r="N2859" i="5" s="1"/>
  <c r="J2382" i="2"/>
  <c r="J2356" i="5" s="1"/>
  <c r="N2356" i="5" s="1"/>
  <c r="J4188" i="2"/>
  <c r="J4162" i="5" s="1"/>
  <c r="N4162" i="5" s="1"/>
  <c r="J7236" i="2"/>
  <c r="J7210" i="5" s="1"/>
  <c r="N7210" i="5" s="1"/>
  <c r="J1349" i="2"/>
  <c r="J1323" i="5" s="1"/>
  <c r="N1323" i="5" s="1"/>
  <c r="J1336" i="2"/>
  <c r="J1310" i="5" s="1"/>
  <c r="N1310" i="5" s="1"/>
  <c r="J5370" i="2"/>
  <c r="J5344" i="5" s="1"/>
  <c r="N5344" i="5" s="1"/>
  <c r="J1498" i="2"/>
  <c r="J1472" i="5" s="1"/>
  <c r="N1472" i="5" s="1"/>
  <c r="J2519" i="2"/>
  <c r="J2493" i="5" s="1"/>
  <c r="N2493" i="5" s="1"/>
  <c r="J4872" i="2"/>
  <c r="J4846" i="5" s="1"/>
  <c r="N4846" i="5" s="1"/>
  <c r="J6731" i="2"/>
  <c r="J6705" i="5" s="1"/>
  <c r="N6705" i="5" s="1"/>
  <c r="J2184" i="2"/>
  <c r="J2158" i="5" s="1"/>
  <c r="N2158" i="5" s="1"/>
  <c r="J330" i="2"/>
  <c r="J304" i="5" s="1"/>
  <c r="N304" i="5" s="1"/>
  <c r="J1847" i="2"/>
  <c r="J1821" i="5" s="1"/>
  <c r="N1821" i="5" s="1"/>
  <c r="J682" i="2"/>
  <c r="J656" i="5" s="1"/>
  <c r="N656" i="5" s="1"/>
  <c r="J3384" i="2"/>
  <c r="J3358" i="5" s="1"/>
  <c r="N3358" i="5" s="1"/>
  <c r="J4532" i="2"/>
  <c r="J4506" i="5" s="1"/>
  <c r="N4506" i="5" s="1"/>
  <c r="J4018" i="2"/>
  <c r="J3992" i="5" s="1"/>
  <c r="N3992" i="5" s="1"/>
  <c r="J4206" i="2"/>
  <c r="J4180" i="5" s="1"/>
  <c r="N4180" i="5" s="1"/>
  <c r="J2210" i="2"/>
  <c r="J2184" i="5" s="1"/>
  <c r="N2184" i="5" s="1"/>
  <c r="J5909" i="2"/>
  <c r="J5883" i="5" s="1"/>
  <c r="N5883" i="5" s="1"/>
  <c r="J8757" i="2"/>
  <c r="J8731" i="5" s="1"/>
  <c r="N8731" i="5" s="1"/>
  <c r="J5905" i="2"/>
  <c r="J5879" i="5" s="1"/>
  <c r="N5879" i="5" s="1"/>
  <c r="J6546" i="2"/>
  <c r="J6520" i="5" s="1"/>
  <c r="N6520" i="5" s="1"/>
  <c r="J5875" i="2"/>
  <c r="J5849" i="5" s="1"/>
  <c r="N5849" i="5" s="1"/>
  <c r="J3378" i="2"/>
  <c r="J3352" i="5" s="1"/>
  <c r="N3352" i="5" s="1"/>
  <c r="J1041" i="2"/>
  <c r="J1015" i="5" s="1"/>
  <c r="N1015" i="5" s="1"/>
  <c r="J6569" i="2"/>
  <c r="J6543" i="5" s="1"/>
  <c r="N6543" i="5" s="1"/>
  <c r="J2211" i="2"/>
  <c r="J2185" i="5" s="1"/>
  <c r="N2185" i="5" s="1"/>
  <c r="J8412" i="2"/>
  <c r="J8386" i="5" s="1"/>
  <c r="N8386" i="5" s="1"/>
  <c r="J5549" i="2"/>
  <c r="J5523" i="5" s="1"/>
  <c r="N5523" i="5" s="1"/>
  <c r="J2546" i="2"/>
  <c r="J2520" i="5" s="1"/>
  <c r="N2520" i="5" s="1"/>
  <c r="J5889" i="2"/>
  <c r="J5863" i="5" s="1"/>
  <c r="N5863" i="5" s="1"/>
  <c r="J5392" i="2"/>
  <c r="J5366" i="5" s="1"/>
  <c r="N5366" i="5" s="1"/>
  <c r="J7056" i="2"/>
  <c r="J7030" i="5" s="1"/>
  <c r="N7030" i="5" s="1"/>
  <c r="J7549" i="2"/>
  <c r="J7523" i="5" s="1"/>
  <c r="N7523" i="5" s="1"/>
  <c r="J1351" i="2"/>
  <c r="J1325" i="5" s="1"/>
  <c r="N1325" i="5" s="1"/>
  <c r="J4233" i="2"/>
  <c r="J4207" i="5" s="1"/>
  <c r="N4207" i="5" s="1"/>
  <c r="J1180" i="2"/>
  <c r="J1154" i="5" s="1"/>
  <c r="N1154" i="5" s="1"/>
  <c r="J4717" i="2"/>
  <c r="J4691" i="5" s="1"/>
  <c r="N4691" i="5" s="1"/>
  <c r="J3707" i="2"/>
  <c r="J3681" i="5" s="1"/>
  <c r="N3681" i="5" s="1"/>
  <c r="J4386" i="2"/>
  <c r="J4360" i="5" s="1"/>
  <c r="N4360" i="5" s="1"/>
  <c r="J3045" i="2"/>
  <c r="J3019" i="5" s="1"/>
  <c r="N3019" i="5" s="1"/>
  <c r="J5041" i="2"/>
  <c r="J5015" i="5" s="1"/>
  <c r="N5015" i="5" s="1"/>
  <c r="J7425" i="2"/>
  <c r="J7399" i="5" s="1"/>
  <c r="N7399" i="5" s="1"/>
  <c r="J4037" i="2"/>
  <c r="J4011" i="5" s="1"/>
  <c r="N4011" i="5" s="1"/>
  <c r="J1854" i="2"/>
  <c r="J1828" i="5" s="1"/>
  <c r="N1828" i="5" s="1"/>
  <c r="J5886" i="2"/>
  <c r="J5860" i="5" s="1"/>
  <c r="N5860" i="5" s="1"/>
  <c r="J5872" i="2"/>
  <c r="J5846" i="5" s="1"/>
  <c r="N5846" i="5" s="1"/>
  <c r="J7894" i="2"/>
  <c r="J7868" i="5" s="1"/>
  <c r="N7868" i="5" s="1"/>
  <c r="J5715" i="2"/>
  <c r="J5689" i="5" s="1"/>
  <c r="N5689" i="5" s="1"/>
  <c r="J6243" i="2"/>
  <c r="J6217" i="5" s="1"/>
  <c r="N6217" i="5" s="1"/>
  <c r="J4537" i="2"/>
  <c r="J4511" i="5" s="1"/>
  <c r="N4511" i="5" s="1"/>
  <c r="J5048" i="2"/>
  <c r="J5022" i="5" s="1"/>
  <c r="N5022" i="5" s="1"/>
  <c r="J5569" i="2"/>
  <c r="J5543" i="5" s="1"/>
  <c r="N5543" i="5" s="1"/>
  <c r="J4372" i="2"/>
  <c r="J4346" i="5" s="1"/>
  <c r="N4346" i="5" s="1"/>
  <c r="J4557" i="2"/>
  <c r="J4531" i="5" s="1"/>
  <c r="N4531" i="5" s="1"/>
  <c r="J5393" i="2"/>
  <c r="J5367" i="5" s="1"/>
  <c r="N5367" i="5" s="1"/>
  <c r="J2678" i="2"/>
  <c r="J2652" i="5" s="1"/>
  <c r="N2652" i="5" s="1"/>
  <c r="J1679" i="2"/>
  <c r="J1653" i="5" s="1"/>
  <c r="N1653" i="5" s="1"/>
  <c r="J8065" i="2"/>
  <c r="J8039" i="5" s="1"/>
  <c r="N8039" i="5" s="1"/>
  <c r="J7227" i="2"/>
  <c r="J7201" i="5" s="1"/>
  <c r="N7201" i="5" s="1"/>
  <c r="J4896" i="2"/>
  <c r="J4870" i="5" s="1"/>
  <c r="N4870" i="5" s="1"/>
  <c r="J8407" i="2"/>
  <c r="J8381" i="5" s="1"/>
  <c r="N8381" i="5" s="1"/>
  <c r="J6547" i="2"/>
  <c r="J6521" i="5" s="1"/>
  <c r="N6521" i="5" s="1"/>
  <c r="J1363" i="2"/>
  <c r="J1337" i="5" s="1"/>
  <c r="N1337" i="5" s="1"/>
  <c r="J8220" i="2"/>
  <c r="J8194" i="5" s="1"/>
  <c r="N8194" i="5" s="1"/>
  <c r="J5387" i="2"/>
  <c r="J5361" i="5" s="1"/>
  <c r="N5361" i="5" s="1"/>
  <c r="J7579" i="2"/>
  <c r="J7553" i="5" s="1"/>
  <c r="N7553" i="5" s="1"/>
  <c r="J8554" i="2"/>
  <c r="J8528" i="5" s="1"/>
  <c r="N8528" i="5" s="1"/>
  <c r="J8748" i="2"/>
  <c r="J8722" i="5" s="1"/>
  <c r="N8722" i="5" s="1"/>
  <c r="J1873" i="2"/>
  <c r="J1847" i="5" s="1"/>
  <c r="N1847" i="5" s="1"/>
  <c r="J1502" i="2"/>
  <c r="J1476" i="5" s="1"/>
  <c r="N1476" i="5" s="1"/>
  <c r="J8731" i="2"/>
  <c r="J8705" i="5" s="1"/>
  <c r="N8705" i="5" s="1"/>
  <c r="J7078" i="2"/>
  <c r="J7052" i="5" s="1"/>
  <c r="N7052" i="5" s="1"/>
  <c r="J7421" i="2"/>
  <c r="J7395" i="5" s="1"/>
  <c r="N7395" i="5" s="1"/>
  <c r="J1169" i="2"/>
  <c r="J1143" i="5" s="1"/>
  <c r="N1143" i="5" s="1"/>
  <c r="J6064" i="2"/>
  <c r="J6038" i="5" s="1"/>
  <c r="N6038" i="5" s="1"/>
  <c r="J5205" i="2"/>
  <c r="J5179" i="5" s="1"/>
  <c r="N5179" i="5" s="1"/>
  <c r="J667" i="2"/>
  <c r="J641" i="5" s="1"/>
  <c r="N641" i="5" s="1"/>
  <c r="J4555" i="2"/>
  <c r="J4529" i="5" s="1"/>
  <c r="N4529" i="5" s="1"/>
  <c r="J2047" i="2"/>
  <c r="J2021" i="5" s="1"/>
  <c r="N2021" i="5" s="1"/>
  <c r="J1674" i="2"/>
  <c r="J1648" i="5" s="1"/>
  <c r="N1648" i="5" s="1"/>
  <c r="J5701" i="2"/>
  <c r="J5675" i="5" s="1"/>
  <c r="N5675" i="5" s="1"/>
  <c r="J1366" i="2"/>
  <c r="J1340" i="5" s="1"/>
  <c r="N1340" i="5" s="1"/>
  <c r="J6375" i="2"/>
  <c r="J6349" i="5" s="1"/>
  <c r="N6349" i="5" s="1"/>
  <c r="J675" i="2"/>
  <c r="J649" i="5" s="1"/>
  <c r="N649" i="5" s="1"/>
  <c r="J3716" i="2"/>
  <c r="J3690" i="5" s="1"/>
  <c r="N3690" i="5" s="1"/>
  <c r="J4031" i="2"/>
  <c r="J4005" i="5" s="1"/>
  <c r="N4005" i="5" s="1"/>
  <c r="J4036" i="2"/>
  <c r="J4010" i="5" s="1"/>
  <c r="N4010" i="5" s="1"/>
  <c r="J4889" i="2"/>
  <c r="J4863" i="5" s="1"/>
  <c r="N4863" i="5" s="1"/>
  <c r="J2684" i="2"/>
  <c r="J2658" i="5" s="1"/>
  <c r="N2658" i="5" s="1"/>
  <c r="J5052" i="2"/>
  <c r="J5026" i="5" s="1"/>
  <c r="N5026" i="5" s="1"/>
  <c r="J6556" i="2"/>
  <c r="J6530" i="5" s="1"/>
  <c r="N6530" i="5" s="1"/>
  <c r="J7085" i="2"/>
  <c r="J7059" i="5" s="1"/>
  <c r="N7059" i="5" s="1"/>
  <c r="J2715" i="2"/>
  <c r="J2689" i="5" s="1"/>
  <c r="N2689" i="5" s="1"/>
  <c r="J1863" i="2"/>
  <c r="J1837" i="5" s="1"/>
  <c r="N1837" i="5" s="1"/>
  <c r="J7052" i="2"/>
  <c r="J7026" i="5" s="1"/>
  <c r="N7026" i="5" s="1"/>
  <c r="J4030" i="2"/>
  <c r="J4004" i="5" s="1"/>
  <c r="N4004" i="5" s="1"/>
  <c r="J6543" i="2"/>
  <c r="J6517" i="5" s="1"/>
  <c r="N6517" i="5" s="1"/>
  <c r="J366" i="2"/>
  <c r="J340" i="5" s="1"/>
  <c r="N340" i="5" s="1"/>
  <c r="J3354" i="2"/>
  <c r="J3328" i="5" s="1"/>
  <c r="N3328" i="5" s="1"/>
  <c r="J7752" i="2"/>
  <c r="J7726" i="5" s="1"/>
  <c r="N7726" i="5" s="1"/>
  <c r="J3558" i="2"/>
  <c r="J3532" i="5" s="1"/>
  <c r="N3532" i="5" s="1"/>
  <c r="J7563" i="2"/>
  <c r="J7537" i="5" s="1"/>
  <c r="N7537" i="5" s="1"/>
  <c r="J7411" i="2"/>
  <c r="J7385" i="5" s="1"/>
  <c r="N7385" i="5" s="1"/>
  <c r="J4899" i="2"/>
  <c r="J4873" i="5" s="1"/>
  <c r="N4873" i="5" s="1"/>
  <c r="J4724" i="2"/>
  <c r="J4698" i="5" s="1"/>
  <c r="N4698" i="5" s="1"/>
  <c r="J4381" i="2"/>
  <c r="J4355" i="5" s="1"/>
  <c r="N4355" i="5" s="1"/>
  <c r="J4871" i="2"/>
  <c r="J4845" i="5" s="1"/>
  <c r="N4845" i="5" s="1"/>
  <c r="J8574" i="2"/>
  <c r="J8548" i="5" s="1"/>
  <c r="N8548" i="5" s="1"/>
  <c r="J5223" i="2"/>
  <c r="J5197" i="5" s="1"/>
  <c r="N5197" i="5" s="1"/>
  <c r="J8742" i="2"/>
  <c r="J8716" i="5" s="1"/>
  <c r="N8716" i="5" s="1"/>
  <c r="J4399" i="2"/>
  <c r="J4373" i="5" s="1"/>
  <c r="N4373" i="5" s="1"/>
  <c r="J5736" i="2"/>
  <c r="J5710" i="5" s="1"/>
  <c r="N5710" i="5" s="1"/>
  <c r="J4211" i="2"/>
  <c r="J4185" i="5" s="1"/>
  <c r="N4185" i="5" s="1"/>
  <c r="J3020" i="2"/>
  <c r="J2994" i="5" s="1"/>
  <c r="N2994" i="5" s="1"/>
  <c r="J7419" i="2"/>
  <c r="J7393" i="5" s="1"/>
  <c r="N7393" i="5" s="1"/>
  <c r="J6058" i="2"/>
  <c r="J6032" i="5" s="1"/>
  <c r="N6032" i="5" s="1"/>
  <c r="J2682" i="2"/>
  <c r="J2656" i="5" s="1"/>
  <c r="N2656" i="5" s="1"/>
  <c r="J4878" i="2"/>
  <c r="J4852" i="5" s="1"/>
  <c r="N4852" i="5" s="1"/>
  <c r="J5377" i="2"/>
  <c r="J5351" i="5" s="1"/>
  <c r="N5351" i="5" s="1"/>
  <c r="J5867" i="2"/>
  <c r="J5841" i="5" s="1"/>
  <c r="N5841" i="5" s="1"/>
  <c r="J6386" i="2"/>
  <c r="J6360" i="5" s="1"/>
  <c r="N6360" i="5" s="1"/>
  <c r="J3515" i="2"/>
  <c r="J3489" i="5" s="1"/>
  <c r="N3489" i="5" s="1"/>
  <c r="J1501" i="2"/>
  <c r="J1475" i="5" s="1"/>
  <c r="N1475" i="5" s="1"/>
  <c r="J171" i="2"/>
  <c r="J145" i="5" s="1"/>
  <c r="N145" i="5" s="1"/>
  <c r="J7232" i="2"/>
  <c r="J7206" i="5" s="1"/>
  <c r="N7206" i="5" s="1"/>
  <c r="J503" i="2"/>
  <c r="J477" i="5" s="1"/>
  <c r="N477" i="5" s="1"/>
  <c r="J7912" i="2"/>
  <c r="J7886" i="5" s="1"/>
  <c r="N7886" i="5" s="1"/>
  <c r="J2180" i="2"/>
  <c r="J2154" i="5" s="1"/>
  <c r="N2154" i="5" s="1"/>
  <c r="J1881" i="2"/>
  <c r="J1855" i="5" s="1"/>
  <c r="N1855" i="5" s="1"/>
  <c r="J2528" i="2"/>
  <c r="J2502" i="5" s="1"/>
  <c r="N2502" i="5" s="1"/>
  <c r="J5698" i="2"/>
  <c r="J5672" i="5" s="1"/>
  <c r="N5672" i="5" s="1"/>
  <c r="J6544" i="2"/>
  <c r="J6518" i="5" s="1"/>
  <c r="N6518" i="5" s="1"/>
  <c r="J7896" i="2"/>
  <c r="J7870" i="5" s="1"/>
  <c r="N7870" i="5" s="1"/>
  <c r="J6414" i="2"/>
  <c r="J6388" i="5" s="1"/>
  <c r="N6388" i="5" s="1"/>
  <c r="J191" i="2"/>
  <c r="J165" i="5" s="1"/>
  <c r="N165" i="5" s="1"/>
  <c r="J7589" i="2"/>
  <c r="J7563" i="5" s="1"/>
  <c r="N7563" i="5" s="1"/>
  <c r="J3192" i="2"/>
  <c r="J3166" i="5" s="1"/>
  <c r="N3166" i="5" s="1"/>
  <c r="J1499" i="2"/>
  <c r="J1473" i="5" s="1"/>
  <c r="N1473" i="5" s="1"/>
  <c r="J1675" i="2"/>
  <c r="J1649" i="5" s="1"/>
  <c r="N1649" i="5" s="1"/>
  <c r="J8262" i="2"/>
  <c r="J8236" i="5" s="1"/>
  <c r="N8236" i="5" s="1"/>
  <c r="J4059" i="2"/>
  <c r="J4033" i="5" s="1"/>
  <c r="N4033" i="5" s="1"/>
  <c r="J3021" i="2"/>
  <c r="J2995" i="5" s="1"/>
  <c r="N2995" i="5" s="1"/>
  <c r="J8740" i="2"/>
  <c r="J8714" i="5" s="1"/>
  <c r="N8714" i="5" s="1"/>
  <c r="J8257" i="2"/>
  <c r="J8231" i="5" s="1"/>
  <c r="N8231" i="5" s="1"/>
  <c r="J1669" i="2"/>
  <c r="J1643" i="5" s="1"/>
  <c r="N1643" i="5" s="1"/>
  <c r="J2551" i="2"/>
  <c r="J2525" i="5" s="1"/>
  <c r="N2525" i="5" s="1"/>
  <c r="J5735" i="2"/>
  <c r="J5709" i="5" s="1"/>
  <c r="N5709" i="5" s="1"/>
  <c r="J6707" i="2"/>
  <c r="J6681" i="5" s="1"/>
  <c r="N6681" i="5" s="1"/>
  <c r="J1002" i="2"/>
  <c r="J976" i="5" s="1"/>
  <c r="N976" i="5" s="1"/>
  <c r="J670" i="2"/>
  <c r="J644" i="5" s="1"/>
  <c r="N644" i="5" s="1"/>
  <c r="J169" i="2"/>
  <c r="J143" i="5" s="1"/>
  <c r="N143" i="5" s="1"/>
  <c r="J8580" i="2"/>
  <c r="J8554" i="5" s="1"/>
  <c r="N8554" i="5" s="1"/>
  <c r="J1185" i="2"/>
  <c r="J1159" i="5" s="1"/>
  <c r="N1159" i="5" s="1"/>
  <c r="J3056" i="2"/>
  <c r="J3030" i="5" s="1"/>
  <c r="N3030" i="5" s="1"/>
  <c r="J8399" i="2"/>
  <c r="J8373" i="5" s="1"/>
  <c r="N8373" i="5" s="1"/>
  <c r="J4052" i="2"/>
  <c r="J4026" i="5" s="1"/>
  <c r="N4026" i="5" s="1"/>
  <c r="J680" i="2"/>
  <c r="J654" i="5" s="1"/>
  <c r="N654" i="5" s="1"/>
  <c r="J4551" i="2"/>
  <c r="J4525" i="5" s="1"/>
  <c r="N4525" i="5" s="1"/>
  <c r="J8587" i="2"/>
  <c r="J8561" i="5" s="1"/>
  <c r="N8561" i="5" s="1"/>
  <c r="J5561" i="2"/>
  <c r="J5535" i="5" s="1"/>
  <c r="N5535" i="5" s="1"/>
  <c r="J369" i="2"/>
  <c r="J343" i="5" s="1"/>
  <c r="N343" i="5" s="1"/>
  <c r="J5209" i="2"/>
  <c r="J5183" i="5" s="1"/>
  <c r="N5183" i="5" s="1"/>
  <c r="J7570" i="2"/>
  <c r="J7544" i="5" s="1"/>
  <c r="N7544" i="5" s="1"/>
  <c r="J6047" i="2"/>
  <c r="J6021" i="5" s="1"/>
  <c r="N6021" i="5" s="1"/>
  <c r="J516" i="2"/>
  <c r="J490" i="5" s="1"/>
  <c r="N490" i="5" s="1"/>
  <c r="J8251" i="2"/>
  <c r="J8225" i="5" s="1"/>
  <c r="N8225" i="5" s="1"/>
  <c r="J1194" i="2"/>
  <c r="J1168" i="5" s="1"/>
  <c r="N1168" i="5" s="1"/>
  <c r="J1360" i="2"/>
  <c r="J1334" i="5" s="1"/>
  <c r="N1334" i="5" s="1"/>
  <c r="J2360" i="2"/>
  <c r="J2334" i="5" s="1"/>
  <c r="N2334" i="5" s="1"/>
  <c r="J2339" i="2"/>
  <c r="J2313" i="5" s="1"/>
  <c r="N2313" i="5" s="1"/>
  <c r="J3209" i="2"/>
  <c r="J3183" i="5" s="1"/>
  <c r="N3183" i="5" s="1"/>
  <c r="J7378" i="2"/>
  <c r="J7352" i="5" s="1"/>
  <c r="N7352" i="5" s="1"/>
  <c r="J8745" i="2"/>
  <c r="J8719" i="5" s="1"/>
  <c r="N8719" i="5" s="1"/>
  <c r="J3865" i="2"/>
  <c r="J3839" i="5" s="1"/>
  <c r="N3839" i="5" s="1"/>
  <c r="J5240" i="2"/>
  <c r="J5214" i="5" s="1"/>
  <c r="N5214" i="5" s="1"/>
  <c r="J665" i="2"/>
  <c r="J639" i="5" s="1"/>
  <c r="N639" i="5" s="1"/>
  <c r="J8256" i="2"/>
  <c r="J8230" i="5" s="1"/>
  <c r="N8230" i="5" s="1"/>
  <c r="J7251" i="2"/>
  <c r="J7225" i="5" s="1"/>
  <c r="N7225" i="5" s="1"/>
  <c r="J6875" i="2"/>
  <c r="J6849" i="5" s="1"/>
  <c r="N6849" i="5" s="1"/>
  <c r="J8559" i="2"/>
  <c r="J8533" i="5" s="1"/>
  <c r="N8533" i="5" s="1"/>
  <c r="J6039" i="2"/>
  <c r="J6013" i="5" s="1"/>
  <c r="N6013" i="5" s="1"/>
  <c r="J6074" i="2"/>
  <c r="J6048" i="5" s="1"/>
  <c r="N6048" i="5" s="1"/>
  <c r="J853" i="2"/>
  <c r="J827" i="5" s="1"/>
  <c r="N827" i="5" s="1"/>
  <c r="J6738" i="2"/>
  <c r="J6712" i="5" s="1"/>
  <c r="N6712" i="5" s="1"/>
  <c r="J8063" i="2"/>
  <c r="J8037" i="5" s="1"/>
  <c r="N8037" i="5" s="1"/>
  <c r="J3386" i="2"/>
  <c r="J3360" i="5" s="1"/>
  <c r="N3360" i="5" s="1"/>
  <c r="J8260" i="2"/>
  <c r="J8234" i="5" s="1"/>
  <c r="N8234" i="5" s="1"/>
  <c r="J6878" i="2"/>
  <c r="J6852" i="5" s="1"/>
  <c r="N6852" i="5" s="1"/>
  <c r="J2038" i="2"/>
  <c r="J2012" i="5" s="1"/>
  <c r="N2012" i="5" s="1"/>
  <c r="J1193" i="2"/>
  <c r="J1167" i="5" s="1"/>
  <c r="N1167" i="5" s="1"/>
  <c r="J3872" i="2"/>
  <c r="J3846" i="5" s="1"/>
  <c r="N3846" i="5" s="1"/>
  <c r="J5716" i="2"/>
  <c r="J5690" i="5" s="1"/>
  <c r="N5690" i="5" s="1"/>
  <c r="J5733" i="2"/>
  <c r="J5707" i="5" s="1"/>
  <c r="N5707" i="5" s="1"/>
  <c r="J3550" i="2"/>
  <c r="J3524" i="5" s="1"/>
  <c r="N3524" i="5" s="1"/>
  <c r="J7911" i="2"/>
  <c r="J7885" i="5" s="1"/>
  <c r="N7885" i="5" s="1"/>
  <c r="J5913" i="2"/>
  <c r="J5887" i="5" s="1"/>
  <c r="N5887" i="5" s="1"/>
  <c r="J3724" i="2"/>
  <c r="J3698" i="5" s="1"/>
  <c r="N3698" i="5" s="1"/>
  <c r="J6233" i="2"/>
  <c r="J6207" i="5" s="1"/>
  <c r="N6207" i="5" s="1"/>
  <c r="J1683" i="2"/>
  <c r="J1657" i="5" s="1"/>
  <c r="N1657" i="5" s="1"/>
  <c r="J8763" i="2"/>
  <c r="J8737" i="5" s="1"/>
  <c r="N8737" i="5" s="1"/>
  <c r="J529" i="2"/>
  <c r="J503" i="5" s="1"/>
  <c r="N503" i="5" s="1"/>
  <c r="J3879" i="2"/>
  <c r="J3853" i="5" s="1"/>
  <c r="N3853" i="5" s="1"/>
  <c r="J5038" i="2"/>
  <c r="J5012" i="5" s="1"/>
  <c r="N5012" i="5" s="1"/>
  <c r="J4543" i="2"/>
  <c r="J4517" i="5" s="1"/>
  <c r="N4517" i="5" s="1"/>
  <c r="J6881" i="2"/>
  <c r="J6855" i="5" s="1"/>
  <c r="N6855" i="5" s="1"/>
  <c r="J7927" i="2"/>
  <c r="J7901" i="5" s="1"/>
  <c r="N7901" i="5" s="1"/>
  <c r="J5559" i="2"/>
  <c r="J5533" i="5" s="1"/>
  <c r="N5533" i="5" s="1"/>
  <c r="J5371" i="2"/>
  <c r="J5345" i="5" s="1"/>
  <c r="N5345" i="5" s="1"/>
  <c r="J1846" i="2"/>
  <c r="J1820" i="5" s="1"/>
  <c r="N1820" i="5" s="1"/>
  <c r="J7883" i="2"/>
  <c r="J7857" i="5" s="1"/>
  <c r="N7857" i="5" s="1"/>
  <c r="J4218" i="2"/>
  <c r="J4192" i="5" s="1"/>
  <c r="N4192" i="5" s="1"/>
  <c r="J3039" i="2"/>
  <c r="J3013" i="5" s="1"/>
  <c r="N3013" i="5" s="1"/>
  <c r="J166" i="2"/>
  <c r="J140" i="5" s="1"/>
  <c r="N140" i="5" s="1"/>
  <c r="J7076" i="2"/>
  <c r="J7050" i="5" s="1"/>
  <c r="N7050" i="5" s="1"/>
  <c r="J858" i="2"/>
  <c r="J832" i="5" s="1"/>
  <c r="N832" i="5" s="1"/>
  <c r="J6896" i="2"/>
  <c r="J6870" i="5" s="1"/>
  <c r="N6870" i="5" s="1"/>
  <c r="J8735" i="2"/>
  <c r="J8709" i="5" s="1"/>
  <c r="N8709" i="5" s="1"/>
  <c r="J2851" i="2"/>
  <c r="J2825" i="5" s="1"/>
  <c r="N2825" i="5" s="1"/>
  <c r="J4554" i="2"/>
  <c r="J4528" i="5" s="1"/>
  <c r="N4528" i="5" s="1"/>
  <c r="J7569" i="2"/>
  <c r="J7543" i="5" s="1"/>
  <c r="N7543" i="5" s="1"/>
  <c r="J7900" i="2"/>
  <c r="J7874" i="5" s="1"/>
  <c r="N7874" i="5" s="1"/>
  <c r="J3868" i="2"/>
  <c r="J3842" i="5" s="1"/>
  <c r="N3842" i="5" s="1"/>
  <c r="J1526" i="2"/>
  <c r="J1500" i="5" s="1"/>
  <c r="N1500" i="5" s="1"/>
  <c r="J7387" i="2"/>
  <c r="J7361" i="5" s="1"/>
  <c r="N7361" i="5" s="1"/>
  <c r="J8432" i="2"/>
  <c r="J8406" i="5" s="1"/>
  <c r="N8406" i="5" s="1"/>
  <c r="J3519" i="2"/>
  <c r="J3493" i="5" s="1"/>
  <c r="N3493" i="5" s="1"/>
  <c r="J6079" i="2"/>
  <c r="J6053" i="5" s="1"/>
  <c r="N6053" i="5" s="1"/>
  <c r="J4734" i="2"/>
  <c r="J4708" i="5" s="1"/>
  <c r="N4708" i="5" s="1"/>
  <c r="J5536" i="2"/>
  <c r="J5510" i="5" s="1"/>
  <c r="N5510" i="5" s="1"/>
  <c r="J6573" i="2"/>
  <c r="J6547" i="5" s="1"/>
  <c r="N6547" i="5" s="1"/>
  <c r="J1527" i="2"/>
  <c r="J1501" i="5" s="1"/>
  <c r="N1501" i="5" s="1"/>
  <c r="J3721" i="2"/>
  <c r="J3695" i="5" s="1"/>
  <c r="N3695" i="5" s="1"/>
  <c r="J1173" i="2"/>
  <c r="J1147" i="5" s="1"/>
  <c r="N1147" i="5" s="1"/>
  <c r="J2028" i="2"/>
  <c r="J2002" i="5" s="1"/>
  <c r="N2002" i="5" s="1"/>
  <c r="J6916" i="2"/>
  <c r="J6890" i="5" s="1"/>
  <c r="N6890" i="5" s="1"/>
  <c r="J7385" i="2"/>
  <c r="J7359" i="5" s="1"/>
  <c r="N7359" i="5" s="1"/>
  <c r="J1676" i="2"/>
  <c r="J1650" i="5" s="1"/>
  <c r="N1650" i="5" s="1"/>
  <c r="J2675" i="2"/>
  <c r="J2649" i="5" s="1"/>
  <c r="N2649" i="5" s="1"/>
  <c r="J6542" i="2"/>
  <c r="J6516" i="5" s="1"/>
  <c r="N6516" i="5" s="1"/>
  <c r="J8078" i="2"/>
  <c r="J8052" i="5" s="1"/>
  <c r="N8052" i="5" s="1"/>
  <c r="J6073" i="2"/>
  <c r="J6047" i="5" s="1"/>
  <c r="N6047" i="5" s="1"/>
  <c r="J2536" i="2"/>
  <c r="J2510" i="5" s="1"/>
  <c r="N2510" i="5" s="1"/>
  <c r="J8764" i="2"/>
  <c r="J8738" i="5" s="1"/>
  <c r="N8738" i="5" s="1"/>
  <c r="J1701" i="2"/>
  <c r="J1675" i="5" s="1"/>
  <c r="N1675" i="5" s="1"/>
  <c r="J2048" i="2"/>
  <c r="J2022" i="5" s="1"/>
  <c r="N2022" i="5" s="1"/>
  <c r="J8059" i="2"/>
  <c r="J8033" i="5" s="1"/>
  <c r="N8033" i="5" s="1"/>
  <c r="J2853" i="2"/>
  <c r="J2827" i="5" s="1"/>
  <c r="N2827" i="5" s="1"/>
  <c r="J6725" i="2"/>
  <c r="J6699" i="5" s="1"/>
  <c r="N6699" i="5" s="1"/>
  <c r="J3535" i="2"/>
  <c r="J3509" i="5" s="1"/>
  <c r="N3509" i="5" s="1"/>
  <c r="J8074" i="2"/>
  <c r="J8048" i="5" s="1"/>
  <c r="N8048" i="5" s="1"/>
  <c r="J2186" i="2"/>
  <c r="J2160" i="5" s="1"/>
  <c r="N2160" i="5" s="1"/>
  <c r="J6727" i="2"/>
  <c r="J6701" i="5" s="1"/>
  <c r="N6701" i="5" s="1"/>
  <c r="J1348" i="2"/>
  <c r="J1322" i="5" s="1"/>
  <c r="N1322" i="5" s="1"/>
  <c r="J1335" i="2"/>
  <c r="J1309" i="5" s="1"/>
  <c r="N1309" i="5" s="1"/>
  <c r="J693" i="2"/>
  <c r="J667" i="5" s="1"/>
  <c r="N667" i="5" s="1"/>
  <c r="J2548" i="2"/>
  <c r="J2522" i="5" s="1"/>
  <c r="N2522" i="5" s="1"/>
  <c r="J4888" i="2"/>
  <c r="J4862" i="5" s="1"/>
  <c r="N4862" i="5" s="1"/>
  <c r="J163" i="2"/>
  <c r="J137" i="5" s="1"/>
  <c r="N137" i="5" s="1"/>
  <c r="J2045" i="2"/>
  <c r="J2019" i="5" s="1"/>
  <c r="N2019" i="5" s="1"/>
  <c r="J1522" i="2"/>
  <c r="J1496" i="5" s="1"/>
  <c r="N1496" i="5" s="1"/>
  <c r="J181" i="2"/>
  <c r="J155" i="5" s="1"/>
  <c r="N155" i="5" s="1"/>
  <c r="J6742" i="2"/>
  <c r="J6716" i="5" s="1"/>
  <c r="N6716" i="5" s="1"/>
  <c r="J5730" i="2"/>
  <c r="J5704" i="5" s="1"/>
  <c r="N5704" i="5" s="1"/>
  <c r="J6730" i="2"/>
  <c r="J6704" i="5" s="1"/>
  <c r="N6704" i="5" s="1"/>
  <c r="J8601" i="2"/>
  <c r="J8575" i="5" s="1"/>
  <c r="N8575" i="5" s="1"/>
  <c r="J3373" i="2"/>
  <c r="J3347" i="5" s="1"/>
  <c r="N3347" i="5" s="1"/>
  <c r="J6242" i="2"/>
  <c r="J6216" i="5" s="1"/>
  <c r="N6216" i="5" s="1"/>
  <c r="J4902" i="2"/>
  <c r="J4876" i="5" s="1"/>
  <c r="N4876" i="5" s="1"/>
  <c r="J1710" i="2"/>
  <c r="J1684" i="5" s="1"/>
  <c r="N1684" i="5" s="1"/>
  <c r="J2845" i="2"/>
  <c r="J2819" i="5" s="1"/>
  <c r="N2819" i="5" s="1"/>
  <c r="J3688" i="2"/>
  <c r="J3662" i="5" s="1"/>
  <c r="N3662" i="5" s="1"/>
  <c r="J334" i="2"/>
  <c r="J308" i="5" s="1"/>
  <c r="N308" i="5" s="1"/>
  <c r="J4202" i="2"/>
  <c r="J4176" i="5" s="1"/>
  <c r="N4176" i="5" s="1"/>
  <c r="J2181" i="2"/>
  <c r="J2155" i="5" s="1"/>
  <c r="N2155" i="5" s="1"/>
  <c r="J4379" i="2"/>
  <c r="J4353" i="5" s="1"/>
  <c r="N4353" i="5" s="1"/>
  <c r="J7730" i="2"/>
  <c r="J7704" i="5" s="1"/>
  <c r="N7704" i="5" s="1"/>
  <c r="J1843" i="2"/>
  <c r="J1817" i="5" s="1"/>
  <c r="N1817" i="5" s="1"/>
  <c r="J2170" i="2"/>
  <c r="J2144" i="5" s="1"/>
  <c r="N2144" i="5" s="1"/>
  <c r="J6221" i="2"/>
  <c r="J6195" i="5" s="1"/>
  <c r="N6195" i="5" s="1"/>
  <c r="J528" i="2"/>
  <c r="J502" i="5" s="1"/>
  <c r="N502" i="5" s="1"/>
  <c r="J6892" i="2"/>
  <c r="J6866" i="5" s="1"/>
  <c r="N6866" i="5" s="1"/>
  <c r="J7047" i="2"/>
  <c r="J7021" i="5" s="1"/>
  <c r="N7021" i="5" s="1"/>
  <c r="J4894" i="2"/>
  <c r="J4868" i="5" s="1"/>
  <c r="N4868" i="5" s="1"/>
  <c r="J5530" i="2"/>
  <c r="J5504" i="5" s="1"/>
  <c r="N5504" i="5" s="1"/>
  <c r="J4231" i="2"/>
  <c r="J4205" i="5" s="1"/>
  <c r="N4205" i="5" s="1"/>
  <c r="J674" i="2"/>
  <c r="J648" i="5" s="1"/>
  <c r="N648" i="5" s="1"/>
  <c r="J1172" i="2"/>
  <c r="J1146" i="5" s="1"/>
  <c r="N1146" i="5" s="1"/>
  <c r="J3376" i="2"/>
  <c r="J3350" i="5" s="1"/>
  <c r="N3350" i="5" s="1"/>
  <c r="J1681" i="2"/>
  <c r="J1655" i="5" s="1"/>
  <c r="N1655" i="5" s="1"/>
  <c r="J2865" i="2"/>
  <c r="J2839" i="5" s="1"/>
  <c r="N2839" i="5" s="1"/>
  <c r="J7404" i="2"/>
  <c r="J7378" i="5" s="1"/>
  <c r="N7378" i="5" s="1"/>
  <c r="J2039" i="2"/>
  <c r="J2013" i="5" s="1"/>
  <c r="N2013" i="5" s="1"/>
  <c r="J673" i="2"/>
  <c r="J647" i="5" s="1"/>
  <c r="N647" i="5" s="1"/>
  <c r="J2380" i="2"/>
  <c r="J2354" i="5" s="1"/>
  <c r="N2354" i="5" s="1"/>
  <c r="J6396" i="2"/>
  <c r="J6370" i="5" s="1"/>
  <c r="N6370" i="5" s="1"/>
  <c r="J1184" i="2"/>
  <c r="J1158" i="5" s="1"/>
  <c r="N1158" i="5" s="1"/>
  <c r="J5198" i="2"/>
  <c r="J5172" i="5" s="1"/>
  <c r="N5172" i="5" s="1"/>
  <c r="J1839" i="2"/>
  <c r="J1813" i="5" s="1"/>
  <c r="N1813" i="5" s="1"/>
  <c r="J6915" i="2"/>
  <c r="J6889" i="5" s="1"/>
  <c r="N6889" i="5" s="1"/>
  <c r="J533" i="2"/>
  <c r="J507" i="5" s="1"/>
  <c r="N507" i="5" s="1"/>
  <c r="J8072" i="2"/>
  <c r="J8046" i="5" s="1"/>
  <c r="N8046" i="5" s="1"/>
  <c r="J838" i="2"/>
  <c r="J812" i="5" s="1"/>
  <c r="N812" i="5" s="1"/>
  <c r="J4690" i="2"/>
  <c r="J4664" i="5" s="1"/>
  <c r="N4664" i="5" s="1"/>
  <c r="J5196" i="2"/>
  <c r="J5170" i="5" s="1"/>
  <c r="N5170" i="5" s="1"/>
  <c r="J4065" i="2"/>
  <c r="J4039" i="5" s="1"/>
  <c r="N4039" i="5" s="1"/>
  <c r="J1535" i="2"/>
  <c r="J1509" i="5" s="1"/>
  <c r="N1509" i="5" s="1"/>
  <c r="J2879" i="2"/>
  <c r="J2853" i="5" s="1"/>
  <c r="N2853" i="5" s="1"/>
  <c r="J1872" i="2"/>
  <c r="J1846" i="5" s="1"/>
  <c r="N1846" i="5" s="1"/>
  <c r="J527" i="2"/>
  <c r="J501" i="5" s="1"/>
  <c r="N501" i="5" s="1"/>
  <c r="J8593" i="2"/>
  <c r="J8567" i="5" s="1"/>
  <c r="N8567" i="5" s="1"/>
  <c r="J3514" i="2"/>
  <c r="J3488" i="5" s="1"/>
  <c r="N3488" i="5" s="1"/>
  <c r="J4862" i="2"/>
  <c r="J4836" i="5" s="1"/>
  <c r="N4836" i="5" s="1"/>
  <c r="J1541" i="2"/>
  <c r="J1515" i="5" s="1"/>
  <c r="N1515" i="5" s="1"/>
  <c r="J7219" i="2"/>
  <c r="J7193" i="5" s="1"/>
  <c r="N7193" i="5" s="1"/>
  <c r="J3207" i="2"/>
  <c r="J3181" i="5" s="1"/>
  <c r="N3181" i="5" s="1"/>
  <c r="J8231" i="2"/>
  <c r="J8205" i="5" s="1"/>
  <c r="N8205" i="5" s="1"/>
  <c r="J2720" i="2"/>
  <c r="J2694" i="5" s="1"/>
  <c r="N2694" i="5" s="1"/>
  <c r="J4197" i="2"/>
  <c r="J4171" i="5" s="1"/>
  <c r="N4171" i="5" s="1"/>
  <c r="J3015" i="2"/>
  <c r="J2989" i="5" s="1"/>
  <c r="N2989" i="5" s="1"/>
  <c r="J520" i="2"/>
  <c r="J494" i="5" s="1"/>
  <c r="N494" i="5" s="1"/>
  <c r="J3213" i="2"/>
  <c r="J3187" i="5" s="1"/>
  <c r="N3187" i="5" s="1"/>
  <c r="J7382" i="2"/>
  <c r="J7356" i="5" s="1"/>
  <c r="N7356" i="5" s="1"/>
  <c r="J663" i="2"/>
  <c r="J637" i="5" s="1"/>
  <c r="N637" i="5" s="1"/>
  <c r="J7721" i="2"/>
  <c r="J7695" i="5" s="1"/>
  <c r="N7695" i="5" s="1"/>
  <c r="J4561" i="2"/>
  <c r="J4535" i="5" s="1"/>
  <c r="N4535" i="5" s="1"/>
  <c r="J5407" i="2"/>
  <c r="J5381" i="5" s="1"/>
  <c r="N5381" i="5" s="1"/>
  <c r="J4027" i="2"/>
  <c r="J4001" i="5" s="1"/>
  <c r="N4001" i="5" s="1"/>
  <c r="J5403" i="2"/>
  <c r="J5377" i="5" s="1"/>
  <c r="N5377" i="5" s="1"/>
  <c r="J3875" i="2"/>
  <c r="J3849" i="5" s="1"/>
  <c r="N3849" i="5" s="1"/>
  <c r="J6053" i="2"/>
  <c r="J6027" i="5" s="1"/>
  <c r="N6027" i="5" s="1"/>
  <c r="J8409" i="2"/>
  <c r="J8383" i="5" s="1"/>
  <c r="N8383" i="5" s="1"/>
  <c r="J8556" i="2"/>
  <c r="J8530" i="5" s="1"/>
  <c r="N8530" i="5" s="1"/>
  <c r="J8596" i="2"/>
  <c r="J8570" i="5" s="1"/>
  <c r="N8570" i="5" s="1"/>
  <c r="J7929" i="2"/>
  <c r="J7903" i="5" s="1"/>
  <c r="N7903" i="5" s="1"/>
  <c r="J1503" i="2"/>
  <c r="J1477" i="5" s="1"/>
  <c r="N1477" i="5" s="1"/>
  <c r="J7054" i="2"/>
  <c r="J7028" i="5" s="1"/>
  <c r="N7028" i="5" s="1"/>
  <c r="J7075" i="2"/>
  <c r="J7049" i="5" s="1"/>
  <c r="N7049" i="5" s="1"/>
  <c r="J6403" i="2"/>
  <c r="J6377" i="5" s="1"/>
  <c r="N6377" i="5" s="1"/>
  <c r="J522" i="2"/>
  <c r="J496" i="5" s="1"/>
  <c r="N496" i="5" s="1"/>
  <c r="J2199" i="2"/>
  <c r="J2173" i="5" s="1"/>
  <c r="N2173" i="5" s="1"/>
  <c r="J5710" i="2"/>
  <c r="J5684" i="5" s="1"/>
  <c r="N5684" i="5" s="1"/>
  <c r="J7737" i="2"/>
  <c r="J7711" i="5" s="1"/>
  <c r="N7711" i="5" s="1"/>
  <c r="J4721" i="2"/>
  <c r="J4695" i="5" s="1"/>
  <c r="N4695" i="5" s="1"/>
  <c r="J4723" i="2"/>
  <c r="J4697" i="5" s="1"/>
  <c r="N4697" i="5" s="1"/>
  <c r="J698" i="2"/>
  <c r="J672" i="5" s="1"/>
  <c r="N672" i="5" s="1"/>
  <c r="J4549" i="2"/>
  <c r="J4523" i="5" s="1"/>
  <c r="N4523" i="5" s="1"/>
  <c r="J5880" i="2"/>
  <c r="J5854" i="5" s="1"/>
  <c r="N5854" i="5" s="1"/>
  <c r="J6540" i="2"/>
  <c r="J6514" i="5" s="1"/>
  <c r="N6514" i="5" s="1"/>
  <c r="J2018" i="2"/>
  <c r="J1992" i="5" s="1"/>
  <c r="N1992" i="5" s="1"/>
  <c r="J8418" i="2"/>
  <c r="J8392" i="5" s="1"/>
  <c r="N8392" i="5" s="1"/>
  <c r="M5730" i="2"/>
  <c r="M5704" i="5" s="1"/>
  <c r="P5704" i="5" s="1"/>
  <c r="M3534" i="2"/>
  <c r="M3508" i="5" s="1"/>
  <c r="P3508" i="5" s="1"/>
  <c r="M5571" i="2"/>
  <c r="M5545" i="5" s="1"/>
  <c r="P5545" i="5" s="1"/>
  <c r="M1358" i="2"/>
  <c r="M1332" i="5" s="1"/>
  <c r="P1332" i="5" s="1"/>
  <c r="M1039" i="2"/>
  <c r="M1013" i="5" s="1"/>
  <c r="P1013" i="5" s="1"/>
  <c r="M8401" i="2"/>
  <c r="M8375" i="5" s="1"/>
  <c r="P8375" i="5" s="1"/>
  <c r="M5903" i="2"/>
  <c r="M5877" i="5" s="1"/>
  <c r="P5877" i="5" s="1"/>
  <c r="M2367" i="2"/>
  <c r="M2341" i="5" s="1"/>
  <c r="P2341" i="5" s="1"/>
  <c r="M7388" i="2"/>
  <c r="M7362" i="5" s="1"/>
  <c r="P7362" i="5" s="1"/>
  <c r="M6919" i="2"/>
  <c r="M6893" i="5" s="1"/>
  <c r="P6893" i="5" s="1"/>
  <c r="M5397" i="2"/>
  <c r="M5371" i="5" s="1"/>
  <c r="P5371" i="5" s="1"/>
  <c r="M660" i="2"/>
  <c r="M634" i="5" s="1"/>
  <c r="P634" i="5" s="1"/>
  <c r="M8583" i="2"/>
  <c r="M8557" i="5" s="1"/>
  <c r="P8557" i="5" s="1"/>
  <c r="M5026" i="2"/>
  <c r="M5000" i="5" s="1"/>
  <c r="P5000" i="5" s="1"/>
  <c r="M6751" i="2"/>
  <c r="M6725" i="5" s="1"/>
  <c r="P6725" i="5" s="1"/>
  <c r="M7907" i="2"/>
  <c r="M7881" i="5" s="1"/>
  <c r="P7881" i="5" s="1"/>
  <c r="M7927" i="2"/>
  <c r="M7901" i="5" s="1"/>
  <c r="P7901" i="5" s="1"/>
  <c r="M840" i="2"/>
  <c r="M814" i="5" s="1"/>
  <c r="P814" i="5" s="1"/>
  <c r="M6244" i="2"/>
  <c r="M6218" i="5" s="1"/>
  <c r="P6218" i="5" s="1"/>
  <c r="M1684" i="2"/>
  <c r="M1658" i="5" s="1"/>
  <c r="P1658" i="5" s="1"/>
  <c r="M2531" i="2"/>
  <c r="M2505" i="5" s="1"/>
  <c r="P2505" i="5" s="1"/>
  <c r="M6394" i="2"/>
  <c r="M6368" i="5" s="1"/>
  <c r="P6368" i="5" s="1"/>
  <c r="M6379" i="2"/>
  <c r="M6353" i="5" s="1"/>
  <c r="P6353" i="5" s="1"/>
  <c r="M1507" i="2"/>
  <c r="M1481" i="5" s="1"/>
  <c r="P1481" i="5" s="1"/>
  <c r="M1028" i="2"/>
  <c r="M1002" i="5" s="1"/>
  <c r="P1002" i="5" s="1"/>
  <c r="M6203" i="2"/>
  <c r="M6177" i="5" s="1"/>
  <c r="P6177" i="5" s="1"/>
  <c r="M1524" i="2"/>
  <c r="M1498" i="5" s="1"/>
  <c r="P1498" i="5" s="1"/>
  <c r="M1356" i="2"/>
  <c r="M1330" i="5" s="1"/>
  <c r="P1330" i="5" s="1"/>
  <c r="M8561" i="2"/>
  <c r="M8535" i="5" s="1"/>
  <c r="P8535" i="5" s="1"/>
  <c r="M367" i="2"/>
  <c r="M341" i="5" s="1"/>
  <c r="P341" i="5" s="1"/>
  <c r="M1036" i="2"/>
  <c r="M1010" i="5" s="1"/>
  <c r="P1010" i="5" s="1"/>
  <c r="M2196" i="2"/>
  <c r="M2170" i="5" s="1"/>
  <c r="P2170" i="5" s="1"/>
  <c r="M833" i="2"/>
  <c r="M807" i="5" s="1"/>
  <c r="P807" i="5" s="1"/>
  <c r="M181" i="2"/>
  <c r="M155" i="5" s="1"/>
  <c r="P155" i="5" s="1"/>
  <c r="M1339" i="2"/>
  <c r="M1313" i="5" s="1"/>
  <c r="P1313" i="5" s="1"/>
  <c r="M5577" i="2"/>
  <c r="M5551" i="5" s="1"/>
  <c r="P5551" i="5" s="1"/>
  <c r="M5218" i="2"/>
  <c r="M5192" i="5" s="1"/>
  <c r="P5192" i="5" s="1"/>
  <c r="M870" i="2"/>
  <c r="M844" i="5" s="1"/>
  <c r="P844" i="5" s="1"/>
  <c r="M2874" i="2"/>
  <c r="M2848" i="5" s="1"/>
  <c r="P2848" i="5" s="1"/>
  <c r="M7390" i="2"/>
  <c r="M7364" i="5" s="1"/>
  <c r="P7364" i="5" s="1"/>
  <c r="M3856" i="2"/>
  <c r="M3830" i="5" s="1"/>
  <c r="P3830" i="5" s="1"/>
  <c r="M6401" i="2"/>
  <c r="M6375" i="5" s="1"/>
  <c r="P6375" i="5" s="1"/>
  <c r="M6552" i="2"/>
  <c r="M6526" i="5" s="1"/>
  <c r="P6526" i="5" s="1"/>
  <c r="M6752" i="2"/>
  <c r="M6726" i="5" s="1"/>
  <c r="P6726" i="5" s="1"/>
  <c r="M5888" i="2"/>
  <c r="M5862" i="5" s="1"/>
  <c r="P5862" i="5" s="1"/>
  <c r="M7571" i="2"/>
  <c r="M7545" i="5" s="1"/>
  <c r="P7545" i="5" s="1"/>
  <c r="M5573" i="2"/>
  <c r="M5547" i="5" s="1"/>
  <c r="P5547" i="5" s="1"/>
  <c r="M6902" i="2"/>
  <c r="M6876" i="5" s="1"/>
  <c r="P6876" i="5" s="1"/>
  <c r="M4691" i="2"/>
  <c r="M4665" i="5" s="1"/>
  <c r="P4665" i="5" s="1"/>
  <c r="M8577" i="2"/>
  <c r="M8551" i="5" s="1"/>
  <c r="P8551" i="5" s="1"/>
  <c r="J1870" i="2"/>
  <c r="J1844" i="5" s="1"/>
  <c r="N1844" i="5" s="1"/>
  <c r="J5215" i="2"/>
  <c r="J5189" i="5" s="1"/>
  <c r="N5189" i="5" s="1"/>
  <c r="J2886" i="2"/>
  <c r="J2860" i="5" s="1"/>
  <c r="N2860" i="5" s="1"/>
  <c r="J5235" i="2"/>
  <c r="J5209" i="5" s="1"/>
  <c r="N5209" i="5" s="1"/>
  <c r="J1197" i="2"/>
  <c r="J1171" i="5" s="1"/>
  <c r="N1171" i="5" s="1"/>
  <c r="J6247" i="2"/>
  <c r="J6221" i="5" s="1"/>
  <c r="N6221" i="5" s="1"/>
  <c r="J7727" i="2"/>
  <c r="J7701" i="5" s="1"/>
  <c r="N7701" i="5" s="1"/>
  <c r="J2383" i="2"/>
  <c r="J2357" i="5" s="1"/>
  <c r="N2357" i="5" s="1"/>
  <c r="J5877" i="2"/>
  <c r="J5851" i="5" s="1"/>
  <c r="N5851" i="5" s="1"/>
  <c r="M7071" i="2"/>
  <c r="M7045" i="5" s="1"/>
  <c r="P7045" i="5" s="1"/>
  <c r="M3224" i="2"/>
  <c r="M3198" i="5" s="1"/>
  <c r="P3198" i="5" s="1"/>
  <c r="M5409" i="2"/>
  <c r="M5383" i="5" s="1"/>
  <c r="P5383" i="5" s="1"/>
  <c r="M703" i="2"/>
  <c r="M677" i="5" s="1"/>
  <c r="P677" i="5" s="1"/>
  <c r="M7591" i="2"/>
  <c r="M7565" i="5" s="1"/>
  <c r="P7565" i="5" s="1"/>
  <c r="M1535" i="2"/>
  <c r="M1509" i="5" s="1"/>
  <c r="P1509" i="5" s="1"/>
  <c r="M2016" i="2"/>
  <c r="M1990" i="5" s="1"/>
  <c r="P1990" i="5" s="1"/>
  <c r="M1353" i="2"/>
  <c r="M1327" i="5" s="1"/>
  <c r="P1327" i="5" s="1"/>
  <c r="M1344" i="2"/>
  <c r="M1318" i="5" s="1"/>
  <c r="P1318" i="5" s="1"/>
  <c r="M3019" i="2"/>
  <c r="M2993" i="5" s="1"/>
  <c r="P2993" i="5" s="1"/>
  <c r="M7725" i="2"/>
  <c r="M7699" i="5" s="1"/>
  <c r="P7699" i="5" s="1"/>
  <c r="M156" i="2"/>
  <c r="M130" i="5" s="1"/>
  <c r="P130" i="5" s="1"/>
  <c r="M5736" i="2"/>
  <c r="M5710" i="5" s="1"/>
  <c r="P5710" i="5" s="1"/>
  <c r="M3187" i="2"/>
  <c r="M3161" i="5" s="1"/>
  <c r="P3161" i="5" s="1"/>
  <c r="M8750" i="2"/>
  <c r="M8724" i="5" s="1"/>
  <c r="P8724" i="5" s="1"/>
  <c r="M1538" i="2"/>
  <c r="M1512" i="5" s="1"/>
  <c r="P1512" i="5" s="1"/>
  <c r="M8239" i="2"/>
  <c r="M8213" i="5" s="1"/>
  <c r="P8213" i="5" s="1"/>
  <c r="M6202" i="2"/>
  <c r="M6176" i="5" s="1"/>
  <c r="P6176" i="5" s="1"/>
  <c r="M6578" i="2"/>
  <c r="M6552" i="5" s="1"/>
  <c r="P6552" i="5" s="1"/>
  <c r="M4036" i="2"/>
  <c r="M4010" i="5" s="1"/>
  <c r="P4010" i="5" s="1"/>
  <c r="M358" i="2"/>
  <c r="M332" i="5" s="1"/>
  <c r="P332" i="5" s="1"/>
  <c r="M2534" i="2"/>
  <c r="M2508" i="5" s="1"/>
  <c r="P2508" i="5" s="1"/>
  <c r="M997" i="2"/>
  <c r="M971" i="5" s="1"/>
  <c r="P971" i="5" s="1"/>
  <c r="M6040" i="2"/>
  <c r="M6014" i="5" s="1"/>
  <c r="P6014" i="5" s="1"/>
  <c r="M6410" i="2"/>
  <c r="M6384" i="5" s="1"/>
  <c r="P6384" i="5" s="1"/>
  <c r="M2031" i="2"/>
  <c r="M2005" i="5" s="1"/>
  <c r="P2005" i="5" s="1"/>
  <c r="M3184" i="2"/>
  <c r="M3158" i="5" s="1"/>
  <c r="P3158" i="5" s="1"/>
  <c r="M3012" i="2"/>
  <c r="M2986" i="5" s="1"/>
  <c r="P2986" i="5" s="1"/>
  <c r="M8731" i="2"/>
  <c r="M8705" i="5" s="1"/>
  <c r="P8705" i="5" s="1"/>
  <c r="M7045" i="2"/>
  <c r="M7019" i="5" s="1"/>
  <c r="P7019" i="5" s="1"/>
  <c r="M3359" i="2"/>
  <c r="M3333" i="5" s="1"/>
  <c r="P3333" i="5" s="1"/>
  <c r="M2174" i="2"/>
  <c r="M2148" i="5" s="1"/>
  <c r="P2148" i="5" s="1"/>
  <c r="M1004" i="2"/>
  <c r="M978" i="5" s="1"/>
  <c r="P978" i="5" s="1"/>
  <c r="M4192" i="2"/>
  <c r="M4166" i="5" s="1"/>
  <c r="P4166" i="5" s="1"/>
  <c r="M6372" i="2"/>
  <c r="M6346" i="5" s="1"/>
  <c r="P6346" i="5" s="1"/>
  <c r="M7408" i="2"/>
  <c r="M7382" i="5" s="1"/>
  <c r="P7382" i="5" s="1"/>
  <c r="M6224" i="2"/>
  <c r="M6198" i="5" s="1"/>
  <c r="P6198" i="5" s="1"/>
  <c r="M8566" i="2"/>
  <c r="M8540" i="5" s="1"/>
  <c r="P8540" i="5" s="1"/>
  <c r="M8412" i="2"/>
  <c r="M8386" i="5" s="1"/>
  <c r="P8386" i="5" s="1"/>
  <c r="M5705" i="2"/>
  <c r="M5679" i="5" s="1"/>
  <c r="P5679" i="5" s="1"/>
  <c r="M1203" i="2"/>
  <c r="M1177" i="5" s="1"/>
  <c r="P1177" i="5" s="1"/>
  <c r="M3218" i="2"/>
  <c r="M3192" i="5" s="1"/>
  <c r="P3192" i="5" s="1"/>
  <c r="M4389" i="2"/>
  <c r="M4363" i="5" s="1"/>
  <c r="P4363" i="5" s="1"/>
  <c r="M1373" i="2"/>
  <c r="M1347" i="5" s="1"/>
  <c r="P1347" i="5" s="1"/>
  <c r="M192" i="2"/>
  <c r="M166" i="5" s="1"/>
  <c r="P166" i="5" s="1"/>
  <c r="M3522" i="2"/>
  <c r="M3496" i="5" s="1"/>
  <c r="P3496" i="5" s="1"/>
  <c r="M2546" i="2"/>
  <c r="M2520" i="5" s="1"/>
  <c r="P2520" i="5" s="1"/>
  <c r="M1880" i="2"/>
  <c r="M1854" i="5" s="1"/>
  <c r="P1854" i="5" s="1"/>
  <c r="M3724" i="2"/>
  <c r="M3698" i="5" s="1"/>
  <c r="P3698" i="5" s="1"/>
  <c r="M1881" i="2"/>
  <c r="M1855" i="5" s="1"/>
  <c r="P1855" i="5" s="1"/>
  <c r="J5731" i="2"/>
  <c r="J5705" i="5" s="1"/>
  <c r="N5705" i="5" s="1"/>
  <c r="J3860" i="2"/>
  <c r="J3834" i="5" s="1"/>
  <c r="N3834" i="5" s="1"/>
  <c r="J5218" i="2"/>
  <c r="J5192" i="5" s="1"/>
  <c r="N5192" i="5" s="1"/>
  <c r="J8249" i="2"/>
  <c r="J8223" i="5" s="1"/>
  <c r="N8223" i="5" s="1"/>
  <c r="J7919" i="2"/>
  <c r="J7893" i="5" s="1"/>
  <c r="N7893" i="5" s="1"/>
  <c r="J1537" i="2"/>
  <c r="J1511" i="5" s="1"/>
  <c r="N1511" i="5" s="1"/>
  <c r="J348" i="2"/>
  <c r="J322" i="5" s="1"/>
  <c r="N322" i="5" s="1"/>
  <c r="J5059" i="2"/>
  <c r="J5033" i="5" s="1"/>
  <c r="N5033" i="5" s="1"/>
  <c r="J5563" i="2"/>
  <c r="J5537" i="5" s="1"/>
  <c r="N5537" i="5" s="1"/>
  <c r="J7562" i="2"/>
  <c r="J7536" i="5" s="1"/>
  <c r="N7536" i="5" s="1"/>
  <c r="J7064" i="2"/>
  <c r="J7038" i="5" s="1"/>
  <c r="N7038" i="5" s="1"/>
  <c r="J7088" i="2"/>
  <c r="J7062" i="5" s="1"/>
  <c r="N7062" i="5" s="1"/>
  <c r="M351" i="2"/>
  <c r="M325" i="5" s="1"/>
  <c r="P325" i="5" s="1"/>
  <c r="M5380" i="2"/>
  <c r="M5354" i="5" s="1"/>
  <c r="P5354" i="5" s="1"/>
  <c r="M1674" i="2"/>
  <c r="M1648" i="5" s="1"/>
  <c r="P1648" i="5" s="1"/>
  <c r="M162" i="2"/>
  <c r="M136" i="5" s="1"/>
  <c r="P136" i="5" s="1"/>
  <c r="M1034" i="2"/>
  <c r="M1008" i="5" s="1"/>
  <c r="P1008" i="5" s="1"/>
  <c r="M1519" i="2"/>
  <c r="M1493" i="5" s="1"/>
  <c r="P1493" i="5" s="1"/>
  <c r="M3851" i="2"/>
  <c r="M3825" i="5" s="1"/>
  <c r="P3825" i="5" s="1"/>
  <c r="M5554" i="2"/>
  <c r="M5528" i="5" s="1"/>
  <c r="P5528" i="5" s="1"/>
  <c r="M7404" i="2"/>
  <c r="M7378" i="5" s="1"/>
  <c r="P7378" i="5" s="1"/>
  <c r="M4720" i="2"/>
  <c r="M4694" i="5" s="1"/>
  <c r="P4694" i="5" s="1"/>
  <c r="M5550" i="2"/>
  <c r="M5524" i="5" s="1"/>
  <c r="P5524" i="5" s="1"/>
  <c r="M516" i="2"/>
  <c r="M490" i="5" s="1"/>
  <c r="P490" i="5" s="1"/>
  <c r="M328" i="2"/>
  <c r="M302" i="5" s="1"/>
  <c r="P302" i="5" s="1"/>
  <c r="M3373" i="2"/>
  <c r="M3347" i="5" s="1"/>
  <c r="P3347" i="5" s="1"/>
  <c r="M3727" i="2"/>
  <c r="M3701" i="5" s="1"/>
  <c r="P3701" i="5" s="1"/>
  <c r="M2862" i="2"/>
  <c r="M2836" i="5" s="1"/>
  <c r="P2836" i="5" s="1"/>
  <c r="M3885" i="2"/>
  <c r="M3859" i="5" s="1"/>
  <c r="P3859" i="5" s="1"/>
  <c r="M502" i="2"/>
  <c r="M476" i="5" s="1"/>
  <c r="P476" i="5" s="1"/>
  <c r="M6749" i="2"/>
  <c r="M6723" i="5" s="1"/>
  <c r="P6723" i="5" s="1"/>
  <c r="M5381" i="2"/>
  <c r="M5355" i="5" s="1"/>
  <c r="P5355" i="5" s="1"/>
  <c r="M5401" i="2"/>
  <c r="M5375" i="5" s="1"/>
  <c r="P5375" i="5" s="1"/>
  <c r="M8422" i="2"/>
  <c r="M8396" i="5" s="1"/>
  <c r="P8396" i="5" s="1"/>
  <c r="M1502" i="2"/>
  <c r="M1476" i="5" s="1"/>
  <c r="P1476" i="5" s="1"/>
  <c r="M7417" i="2"/>
  <c r="M7391" i="5" s="1"/>
  <c r="P7391" i="5" s="1"/>
  <c r="M6080" i="2"/>
  <c r="M6054" i="5" s="1"/>
  <c r="P6054" i="5" s="1"/>
  <c r="M8568" i="2"/>
  <c r="M8542" i="5" s="1"/>
  <c r="P8542" i="5" s="1"/>
  <c r="M3686" i="2"/>
  <c r="M3660" i="5" s="1"/>
  <c r="P3660" i="5" s="1"/>
  <c r="M7716" i="2"/>
  <c r="M7690" i="5" s="1"/>
  <c r="P7690" i="5" s="1"/>
  <c r="M7586" i="2"/>
  <c r="M7560" i="5" s="1"/>
  <c r="P7560" i="5" s="1"/>
  <c r="M1350" i="2"/>
  <c r="M1324" i="5" s="1"/>
  <c r="P1324" i="5" s="1"/>
  <c r="M6243" i="2"/>
  <c r="M6217" i="5" s="1"/>
  <c r="P6217" i="5" s="1"/>
  <c r="M2681" i="2"/>
  <c r="M2655" i="5" s="1"/>
  <c r="P2655" i="5" s="1"/>
  <c r="M6557" i="2"/>
  <c r="M6531" i="5" s="1"/>
  <c r="P6531" i="5" s="1"/>
  <c r="M5201" i="2"/>
  <c r="M5175" i="5" s="1"/>
  <c r="P5175" i="5" s="1"/>
  <c r="M172" i="2"/>
  <c r="M146" i="5" s="1"/>
  <c r="P146" i="5" s="1"/>
  <c r="M4233" i="2"/>
  <c r="M4207" i="5" s="1"/>
  <c r="P4207" i="5" s="1"/>
  <c r="M6400" i="2"/>
  <c r="M6374" i="5" s="1"/>
  <c r="P6374" i="5" s="1"/>
  <c r="M1867" i="2"/>
  <c r="M1841" i="5" s="1"/>
  <c r="P1841" i="5" s="1"/>
  <c r="M4047" i="2"/>
  <c r="M4021" i="5" s="1"/>
  <c r="P4021" i="5" s="1"/>
  <c r="M1698" i="2"/>
  <c r="M1672" i="5" s="1"/>
  <c r="P1672" i="5" s="1"/>
  <c r="M2509" i="2"/>
  <c r="M2483" i="5" s="1"/>
  <c r="P2483" i="5" s="1"/>
  <c r="M6550" i="2"/>
  <c r="M6524" i="5" s="1"/>
  <c r="P6524" i="5" s="1"/>
  <c r="M5717" i="2"/>
  <c r="M5691" i="5" s="1"/>
  <c r="P5691" i="5" s="1"/>
  <c r="M7561" i="2"/>
  <c r="M7535" i="5" s="1"/>
  <c r="P7535" i="5" s="1"/>
  <c r="M829" i="2"/>
  <c r="M803" i="5" s="1"/>
  <c r="P803" i="5" s="1"/>
  <c r="M5870" i="2"/>
  <c r="M5844" i="5" s="1"/>
  <c r="P5844" i="5" s="1"/>
  <c r="M4212" i="2"/>
  <c r="M4186" i="5" s="1"/>
  <c r="P4186" i="5" s="1"/>
  <c r="M359" i="2"/>
  <c r="M333" i="5" s="1"/>
  <c r="P333" i="5" s="1"/>
  <c r="M5407" i="2"/>
  <c r="M5381" i="5" s="1"/>
  <c r="P5381" i="5" s="1"/>
  <c r="M5053" i="2"/>
  <c r="M5027" i="5" s="1"/>
  <c r="P5027" i="5" s="1"/>
  <c r="J2716" i="2"/>
  <c r="J2690" i="5" s="1"/>
  <c r="N2690" i="5" s="1"/>
  <c r="J7552" i="2"/>
  <c r="J7526" i="5" s="1"/>
  <c r="N7526" i="5" s="1"/>
  <c r="J2862" i="2"/>
  <c r="J2836" i="5" s="1"/>
  <c r="N2836" i="5" s="1"/>
  <c r="J5363" i="2"/>
  <c r="J5337" i="5" s="1"/>
  <c r="N5337" i="5" s="1"/>
  <c r="J6568" i="2"/>
  <c r="J6542" i="5" s="1"/>
  <c r="N6542" i="5" s="1"/>
  <c r="J189" i="2"/>
  <c r="J163" i="5" s="1"/>
  <c r="N163" i="5" s="1"/>
  <c r="J1189" i="2"/>
  <c r="J1163" i="5" s="1"/>
  <c r="N1163" i="5" s="1"/>
  <c r="J1352" i="2"/>
  <c r="J1326" i="5" s="1"/>
  <c r="N1326" i="5" s="1"/>
  <c r="J490" i="2"/>
  <c r="J464" i="5" s="1"/>
  <c r="N464" i="5" s="1"/>
  <c r="J6379" i="2"/>
  <c r="J6353" i="5" s="1"/>
  <c r="N6353" i="5" s="1"/>
  <c r="AR357" i="1"/>
  <c r="M2187" i="2"/>
  <c r="M2161" i="5" s="1"/>
  <c r="P2161" i="5" s="1"/>
  <c r="M1332" i="2"/>
  <c r="M1306" i="5" s="1"/>
  <c r="P1306" i="5" s="1"/>
  <c r="M4733" i="2"/>
  <c r="M4707" i="5" s="1"/>
  <c r="P4707" i="5" s="1"/>
  <c r="M2176" i="2"/>
  <c r="M2150" i="5" s="1"/>
  <c r="P2150" i="5" s="1"/>
  <c r="M3897" i="2"/>
  <c r="M3871" i="5" s="1"/>
  <c r="P3871" i="5" s="1"/>
  <c r="M995" i="2"/>
  <c r="M969" i="5" s="1"/>
  <c r="P969" i="5" s="1"/>
  <c r="M5063" i="2"/>
  <c r="M5037" i="5" s="1"/>
  <c r="P5037" i="5" s="1"/>
  <c r="M3055" i="2"/>
  <c r="M3029" i="5" s="1"/>
  <c r="P3029" i="5" s="1"/>
  <c r="M4533" i="2"/>
  <c r="M4507" i="5" s="1"/>
  <c r="P4507" i="5" s="1"/>
  <c r="M342" i="2"/>
  <c r="M316" i="5" s="1"/>
  <c r="P316" i="5" s="1"/>
  <c r="M2543" i="2"/>
  <c r="M2517" i="5" s="1"/>
  <c r="P2517" i="5" s="1"/>
  <c r="M5718" i="2"/>
  <c r="M5692" i="5" s="1"/>
  <c r="P5692" i="5" s="1"/>
  <c r="M3223" i="2"/>
  <c r="M3197" i="5" s="1"/>
  <c r="P3197" i="5" s="1"/>
  <c r="M4386" i="2"/>
  <c r="M4360" i="5" s="1"/>
  <c r="P4360" i="5" s="1"/>
  <c r="M6903" i="2"/>
  <c r="M6877" i="5" s="1"/>
  <c r="P6877" i="5" s="1"/>
  <c r="M3558" i="2"/>
  <c r="M3532" i="5" s="1"/>
  <c r="P3532" i="5" s="1"/>
  <c r="M8753" i="2"/>
  <c r="M8727" i="5" s="1"/>
  <c r="P8727" i="5" s="1"/>
  <c r="M4053" i="2"/>
  <c r="M4027" i="5" s="1"/>
  <c r="P4027" i="5" s="1"/>
  <c r="M3521" i="2"/>
  <c r="M3495" i="5" s="1"/>
  <c r="P3495" i="5" s="1"/>
  <c r="M7233" i="2"/>
  <c r="M7207" i="5" s="1"/>
  <c r="P7207" i="5" s="1"/>
  <c r="M7729" i="2"/>
  <c r="M7703" i="5" s="1"/>
  <c r="P7703" i="5" s="1"/>
  <c r="M5885" i="2"/>
  <c r="M5859" i="5" s="1"/>
  <c r="P5859" i="5" s="1"/>
  <c r="M1706" i="2"/>
  <c r="M1680" i="5" s="1"/>
  <c r="P1680" i="5" s="1"/>
  <c r="M5368" i="2"/>
  <c r="M5342" i="5" s="1"/>
  <c r="P5342" i="5" s="1"/>
  <c r="M2213" i="2"/>
  <c r="M2187" i="5" s="1"/>
  <c r="P2187" i="5" s="1"/>
  <c r="M7914" i="2"/>
  <c r="M7888" i="5" s="1"/>
  <c r="P7888" i="5" s="1"/>
  <c r="M3349" i="2"/>
  <c r="M3323" i="5" s="1"/>
  <c r="P3323" i="5" s="1"/>
  <c r="M4049" i="2"/>
  <c r="M4023" i="5" s="1"/>
  <c r="P4023" i="5" s="1"/>
  <c r="M7052" i="2"/>
  <c r="M7026" i="5" s="1"/>
  <c r="P7026" i="5" s="1"/>
  <c r="M3196" i="2"/>
  <c r="M3170" i="5" s="1"/>
  <c r="P3170" i="5" s="1"/>
  <c r="M8067" i="2"/>
  <c r="M8041" i="5" s="1"/>
  <c r="P8041" i="5" s="1"/>
  <c r="M1701" i="2"/>
  <c r="M1675" i="5" s="1"/>
  <c r="P1675" i="5" s="1"/>
  <c r="M5199" i="2"/>
  <c r="M5173" i="5" s="1"/>
  <c r="P5173" i="5" s="1"/>
  <c r="M4188" i="2"/>
  <c r="M4162" i="5" s="1"/>
  <c r="P4162" i="5" s="1"/>
  <c r="M3853" i="2"/>
  <c r="M3827" i="5" s="1"/>
  <c r="P3827" i="5" s="1"/>
  <c r="M2340" i="2"/>
  <c r="M2314" i="5" s="1"/>
  <c r="P2314" i="5" s="1"/>
  <c r="M6732" i="2"/>
  <c r="M6706" i="5" s="1"/>
  <c r="P6706" i="5" s="1"/>
  <c r="M2211" i="2"/>
  <c r="M2185" i="5" s="1"/>
  <c r="P2185" i="5" s="1"/>
  <c r="M7387" i="2"/>
  <c r="M7361" i="5" s="1"/>
  <c r="P7361" i="5" s="1"/>
  <c r="M5902" i="2"/>
  <c r="M5876" i="5" s="1"/>
  <c r="P5876" i="5" s="1"/>
  <c r="M1670" i="2"/>
  <c r="M1644" i="5" s="1"/>
  <c r="P1644" i="5" s="1"/>
  <c r="M3022" i="2"/>
  <c r="M2996" i="5" s="1"/>
  <c r="P2996" i="5" s="1"/>
  <c r="M6039" i="2"/>
  <c r="M6013" i="5" s="1"/>
  <c r="P6013" i="5" s="1"/>
  <c r="M1179" i="2"/>
  <c r="M1153" i="5" s="1"/>
  <c r="P1153" i="5" s="1"/>
  <c r="M5374" i="2"/>
  <c r="M5348" i="5" s="1"/>
  <c r="P5348" i="5" s="1"/>
  <c r="M3027" i="2"/>
  <c r="M3001" i="5" s="1"/>
  <c r="P3001" i="5" s="1"/>
  <c r="M7718" i="2"/>
  <c r="M7692" i="5" s="1"/>
  <c r="P7692" i="5" s="1"/>
  <c r="M1029" i="2"/>
  <c r="M1003" i="5" s="1"/>
  <c r="P1003" i="5" s="1"/>
  <c r="M2552" i="2"/>
  <c r="M2526" i="5" s="1"/>
  <c r="P2526" i="5" s="1"/>
  <c r="M1511" i="2"/>
  <c r="M1485" i="5" s="1"/>
  <c r="P1485" i="5" s="1"/>
  <c r="J6900" i="2"/>
  <c r="J6874" i="5" s="1"/>
  <c r="N6874" i="5" s="1"/>
  <c r="J1521" i="2"/>
  <c r="J1495" i="5" s="1"/>
  <c r="N1495" i="5" s="1"/>
  <c r="J6745" i="2"/>
  <c r="J6719" i="5" s="1"/>
  <c r="N6719" i="5" s="1"/>
  <c r="J7083" i="2"/>
  <c r="J7057" i="5" s="1"/>
  <c r="N7057" i="5" s="1"/>
  <c r="J5577" i="2"/>
  <c r="J5551" i="5" s="1"/>
  <c r="N5551" i="5" s="1"/>
  <c r="J182" i="2"/>
  <c r="J156" i="5" s="1"/>
  <c r="N156" i="5" s="1"/>
  <c r="J3539" i="2"/>
  <c r="J3513" i="5" s="1"/>
  <c r="N3513" i="5" s="1"/>
  <c r="J4893" i="2"/>
  <c r="J4867" i="5" s="1"/>
  <c r="N4867" i="5" s="1"/>
  <c r="J8561" i="2"/>
  <c r="J8535" i="5" s="1"/>
  <c r="N8535" i="5" s="1"/>
  <c r="J7756" i="2"/>
  <c r="J7730" i="5" s="1"/>
  <c r="N7730" i="5" s="1"/>
  <c r="M7568" i="2"/>
  <c r="M7542" i="5" s="1"/>
  <c r="P7542" i="5" s="1"/>
  <c r="M4699" i="2"/>
  <c r="M4673" i="5" s="1"/>
  <c r="P4673" i="5" s="1"/>
  <c r="M5728" i="2"/>
  <c r="M5702" i="5" s="1"/>
  <c r="P5702" i="5" s="1"/>
  <c r="M5205" i="2"/>
  <c r="M5179" i="5" s="1"/>
  <c r="P5179" i="5" s="1"/>
  <c r="M1196" i="2"/>
  <c r="M1170" i="5" s="1"/>
  <c r="P1170" i="5" s="1"/>
  <c r="M1206" i="2"/>
  <c r="M1180" i="5" s="1"/>
  <c r="P1180" i="5" s="1"/>
  <c r="M1679" i="2"/>
  <c r="M1653" i="5" s="1"/>
  <c r="P1653" i="5" s="1"/>
  <c r="M5059" i="2"/>
  <c r="M5033" i="5" s="1"/>
  <c r="P5033" i="5" s="1"/>
  <c r="M4874" i="2"/>
  <c r="M4848" i="5" s="1"/>
  <c r="P4848" i="5" s="1"/>
  <c r="M5546" i="2"/>
  <c r="M5520" i="5" s="1"/>
  <c r="P5520" i="5" s="1"/>
  <c r="M5555" i="2"/>
  <c r="M5529" i="5" s="1"/>
  <c r="P5529" i="5" s="1"/>
  <c r="M1667" i="2"/>
  <c r="M1641" i="5" s="1"/>
  <c r="P1641" i="5" s="1"/>
  <c r="M352" i="2"/>
  <c r="M326" i="5" s="1"/>
  <c r="P326" i="5" s="1"/>
  <c r="M6371" i="2"/>
  <c r="M6345" i="5" s="1"/>
  <c r="P6345" i="5" s="1"/>
  <c r="M2512" i="2"/>
  <c r="M2486" i="5" s="1"/>
  <c r="P2486" i="5" s="1"/>
  <c r="M7551" i="2"/>
  <c r="M7525" i="5" s="1"/>
  <c r="P7525" i="5" s="1"/>
  <c r="M3056" i="2"/>
  <c r="M3030" i="5" s="1"/>
  <c r="P3030" i="5" s="1"/>
  <c r="M8432" i="2"/>
  <c r="M8406" i="5" s="1"/>
  <c r="P8406" i="5" s="1"/>
  <c r="M185" i="2"/>
  <c r="M159" i="5" s="1"/>
  <c r="P159" i="5" s="1"/>
  <c r="M1171" i="2"/>
  <c r="M1145" i="5" s="1"/>
  <c r="P1145" i="5" s="1"/>
  <c r="M338" i="2"/>
  <c r="M312" i="5" s="1"/>
  <c r="P312" i="5" s="1"/>
  <c r="M6551" i="2"/>
  <c r="M6525" i="5" s="1"/>
  <c r="P6525" i="5" s="1"/>
  <c r="M2217" i="2"/>
  <c r="M2191" i="5" s="1"/>
  <c r="P2191" i="5" s="1"/>
  <c r="M8394" i="2"/>
  <c r="M8368" i="5" s="1"/>
  <c r="P8368" i="5" s="1"/>
  <c r="M3722" i="2"/>
  <c r="M3696" i="5" s="1"/>
  <c r="P3696" i="5" s="1"/>
  <c r="M693" i="2"/>
  <c r="M667" i="5" s="1"/>
  <c r="P667" i="5" s="1"/>
  <c r="M3890" i="2"/>
  <c r="M3864" i="5" s="1"/>
  <c r="P3864" i="5" s="1"/>
  <c r="M5910" i="2"/>
  <c r="M5884" i="5" s="1"/>
  <c r="P5884" i="5" s="1"/>
  <c r="M5699" i="2"/>
  <c r="M5673" i="5" s="1"/>
  <c r="P5673" i="5" s="1"/>
  <c r="M8237" i="2"/>
  <c r="M8211" i="5" s="1"/>
  <c r="P8211" i="5" s="1"/>
  <c r="M8052" i="2"/>
  <c r="M8026" i="5" s="1"/>
  <c r="P8026" i="5" s="1"/>
  <c r="M8387" i="2"/>
  <c r="M8361" i="5" s="1"/>
  <c r="P8361" i="5" s="1"/>
  <c r="M8228" i="2"/>
  <c r="M8202" i="5" s="1"/>
  <c r="P8202" i="5" s="1"/>
  <c r="M176" i="2"/>
  <c r="M150" i="5" s="1"/>
  <c r="P150" i="5" s="1"/>
  <c r="M2014" i="2"/>
  <c r="M1988" i="5" s="1"/>
  <c r="P1988" i="5" s="1"/>
  <c r="M5237" i="2"/>
  <c r="M5211" i="5" s="1"/>
  <c r="P5211" i="5" s="1"/>
  <c r="M2698" i="2"/>
  <c r="M2672" i="5" s="1"/>
  <c r="P2672" i="5" s="1"/>
  <c r="M4531" i="2"/>
  <c r="M4505" i="5" s="1"/>
  <c r="P4505" i="5" s="1"/>
  <c r="M2381" i="2"/>
  <c r="M2355" i="5" s="1"/>
  <c r="P2355" i="5" s="1"/>
  <c r="M4898" i="2"/>
  <c r="M4872" i="5" s="1"/>
  <c r="P4872" i="5" s="1"/>
  <c r="M6376" i="2"/>
  <c r="M6350" i="5" s="1"/>
  <c r="P6350" i="5" s="1"/>
  <c r="J837" i="2"/>
  <c r="J811" i="5" s="1"/>
  <c r="N811" i="5" s="1"/>
  <c r="J2694" i="2"/>
  <c r="J2668" i="5" s="1"/>
  <c r="N2668" i="5" s="1"/>
  <c r="J5726" i="2"/>
  <c r="J5700" i="5" s="1"/>
  <c r="N5700" i="5" s="1"/>
  <c r="J2182" i="2"/>
  <c r="J2156" i="5" s="1"/>
  <c r="N2156" i="5" s="1"/>
  <c r="J7048" i="2"/>
  <c r="J7022" i="5" s="1"/>
  <c r="N7022" i="5" s="1"/>
  <c r="J4389" i="2"/>
  <c r="J4363" i="5" s="1"/>
  <c r="N4363" i="5" s="1"/>
  <c r="J1688" i="2"/>
  <c r="J1662" i="5" s="1"/>
  <c r="N1662" i="5" s="1"/>
  <c r="J2032" i="2"/>
  <c r="J2006" i="5" s="1"/>
  <c r="N2006" i="5" s="1"/>
  <c r="J4219" i="2"/>
  <c r="J4193" i="5" s="1"/>
  <c r="N4193" i="5" s="1"/>
  <c r="J3349" i="2"/>
  <c r="J3323" i="5" s="1"/>
  <c r="N3323" i="5" s="1"/>
  <c r="M665" i="2"/>
  <c r="M639" i="5" s="1"/>
  <c r="P639" i="5" s="1"/>
  <c r="M5741" i="2"/>
  <c r="M5715" i="5" s="1"/>
  <c r="P5715" i="5" s="1"/>
  <c r="M1011" i="2"/>
  <c r="M985" i="5" s="1"/>
  <c r="P985" i="5" s="1"/>
  <c r="M838" i="2"/>
  <c r="M812" i="5" s="1"/>
  <c r="P812" i="5" s="1"/>
  <c r="M4027" i="2"/>
  <c r="M4001" i="5" s="1"/>
  <c r="P4001" i="5" s="1"/>
  <c r="M6415" i="2"/>
  <c r="M6389" i="5" s="1"/>
  <c r="P6389" i="5" s="1"/>
  <c r="M3545" i="2"/>
  <c r="M3519" i="5" s="1"/>
  <c r="P3519" i="5" s="1"/>
  <c r="M1187" i="2"/>
  <c r="M1161" i="5" s="1"/>
  <c r="P1161" i="5" s="1"/>
  <c r="M2380" i="2"/>
  <c r="M2354" i="5" s="1"/>
  <c r="P2354" i="5" s="1"/>
  <c r="M2349" i="2"/>
  <c r="M2323" i="5" s="1"/>
  <c r="P2323" i="5" s="1"/>
  <c r="M4732" i="2"/>
  <c r="M4706" i="5" s="1"/>
  <c r="P4706" i="5" s="1"/>
  <c r="M8253" i="2"/>
  <c r="M8227" i="5" s="1"/>
  <c r="P8227" i="5" s="1"/>
  <c r="M2045" i="2"/>
  <c r="M2019" i="5" s="1"/>
  <c r="P2019" i="5" s="1"/>
  <c r="M4901" i="2"/>
  <c r="M4875" i="5" s="1"/>
  <c r="P4875" i="5" s="1"/>
  <c r="M8097" i="2"/>
  <c r="M8071" i="5" s="1"/>
  <c r="P8071" i="5" s="1"/>
  <c r="M8240" i="2"/>
  <c r="M8214" i="5" s="1"/>
  <c r="P8214" i="5" s="1"/>
  <c r="M4891" i="2"/>
  <c r="M4865" i="5" s="1"/>
  <c r="P4865" i="5" s="1"/>
  <c r="M2195" i="2"/>
  <c r="M2169" i="5" s="1"/>
  <c r="P2169" i="5" s="1"/>
  <c r="M8752" i="2"/>
  <c r="M8726" i="5" s="1"/>
  <c r="P8726" i="5" s="1"/>
  <c r="M8264" i="2"/>
  <c r="M8238" i="5" s="1"/>
  <c r="P8238" i="5" s="1"/>
  <c r="M8421" i="2"/>
  <c r="M8395" i="5" s="1"/>
  <c r="P8395" i="5" s="1"/>
  <c r="M2861" i="2"/>
  <c r="M2835" i="5" s="1"/>
  <c r="P2835" i="5" s="1"/>
  <c r="M8735" i="2"/>
  <c r="M8709" i="5" s="1"/>
  <c r="P8709" i="5" s="1"/>
  <c r="M5871" i="2"/>
  <c r="M5845" i="5" s="1"/>
  <c r="P5845" i="5" s="1"/>
  <c r="M8420" i="2"/>
  <c r="M8394" i="5" s="1"/>
  <c r="P8394" i="5" s="1"/>
  <c r="M2516" i="2"/>
  <c r="M2490" i="5" s="1"/>
  <c r="P2490" i="5" s="1"/>
  <c r="M2342" i="2"/>
  <c r="M2316" i="5" s="1"/>
  <c r="P2316" i="5" s="1"/>
  <c r="M7248" i="2"/>
  <c r="M7222" i="5" s="1"/>
  <c r="P7222" i="5" s="1"/>
  <c r="M6077" i="2"/>
  <c r="M6051" i="5" s="1"/>
  <c r="P6051" i="5" s="1"/>
  <c r="M4215" i="2"/>
  <c r="M4189" i="5" s="1"/>
  <c r="P4189" i="5" s="1"/>
  <c r="M4540" i="2"/>
  <c r="M4514" i="5" s="1"/>
  <c r="P4514" i="5" s="1"/>
  <c r="M7405" i="2"/>
  <c r="M7379" i="5" s="1"/>
  <c r="P7379" i="5" s="1"/>
  <c r="M336" i="2"/>
  <c r="M310" i="5" s="1"/>
  <c r="P310" i="5" s="1"/>
  <c r="M3355" i="2"/>
  <c r="M3329" i="5" s="1"/>
  <c r="P3329" i="5" s="1"/>
  <c r="M2359" i="2"/>
  <c r="M2333" i="5" s="1"/>
  <c r="P2333" i="5" s="1"/>
  <c r="M6541" i="2"/>
  <c r="M6515" i="5" s="1"/>
  <c r="P6515" i="5" s="1"/>
  <c r="M1505" i="2"/>
  <c r="M1479" i="5" s="1"/>
  <c r="P1479" i="5" s="1"/>
  <c r="M7758" i="2"/>
  <c r="M7732" i="5" s="1"/>
  <c r="P7732" i="5" s="1"/>
  <c r="M2878" i="2"/>
  <c r="M2852" i="5" s="1"/>
  <c r="P2852" i="5" s="1"/>
  <c r="M8074" i="2"/>
  <c r="M8048" i="5" s="1"/>
  <c r="P8048" i="5" s="1"/>
  <c r="M2018" i="2"/>
  <c r="M1992" i="5" s="1"/>
  <c r="P1992" i="5" s="1"/>
  <c r="M3198" i="2"/>
  <c r="M3172" i="5" s="1"/>
  <c r="P3172" i="5" s="1"/>
  <c r="M4186" i="2"/>
  <c r="M4160" i="5" s="1"/>
  <c r="P4160" i="5" s="1"/>
  <c r="M675" i="2"/>
  <c r="M649" i="5" s="1"/>
  <c r="P649" i="5" s="1"/>
  <c r="M4041" i="2"/>
  <c r="M4015" i="5" s="1"/>
  <c r="P4015" i="5" s="1"/>
  <c r="M3556" i="2"/>
  <c r="M3530" i="5" s="1"/>
  <c r="P3530" i="5" s="1"/>
  <c r="M2181" i="2"/>
  <c r="M2155" i="5" s="1"/>
  <c r="P2155" i="5" s="1"/>
  <c r="M4717" i="2"/>
  <c r="M4691" i="5" s="1"/>
  <c r="P4691" i="5" s="1"/>
  <c r="M4052" i="2"/>
  <c r="M4026" i="5" s="1"/>
  <c r="P4026" i="5" s="1"/>
  <c r="M7564" i="2"/>
  <c r="M7538" i="5" s="1"/>
  <c r="P7538" i="5" s="1"/>
  <c r="M8597" i="2"/>
  <c r="M8571" i="5" s="1"/>
  <c r="P8571" i="5" s="1"/>
  <c r="M4038" i="2"/>
  <c r="M4012" i="5" s="1"/>
  <c r="P4012" i="5" s="1"/>
  <c r="M8223" i="2"/>
  <c r="M8197" i="5" s="1"/>
  <c r="P8197" i="5" s="1"/>
  <c r="M2024" i="2"/>
  <c r="M1998" i="5" s="1"/>
  <c r="P1998" i="5" s="1"/>
  <c r="M7397" i="2"/>
  <c r="M7371" i="5" s="1"/>
  <c r="P7371" i="5" s="1"/>
  <c r="M4366" i="2"/>
  <c r="M4340" i="5" s="1"/>
  <c r="P4340" i="5" s="1"/>
  <c r="M8727" i="2"/>
  <c r="M8701" i="5" s="1"/>
  <c r="P8701" i="5" s="1"/>
  <c r="M3705" i="2"/>
  <c r="M3679" i="5" s="1"/>
  <c r="P3679" i="5" s="1"/>
  <c r="M8262" i="2"/>
  <c r="M8236" i="5" s="1"/>
  <c r="P8236" i="5" s="1"/>
  <c r="J500" i="2"/>
  <c r="J474" i="5" s="1"/>
  <c r="N474" i="5" s="1"/>
  <c r="J196" i="2"/>
  <c r="J170" i="5" s="1"/>
  <c r="N170" i="5" s="1"/>
  <c r="J177" i="2"/>
  <c r="J151" i="5" s="1"/>
  <c r="N151" i="5" s="1"/>
  <c r="J3028" i="2"/>
  <c r="J3002" i="5" s="1"/>
  <c r="N3002" i="5" s="1"/>
  <c r="J518" i="2"/>
  <c r="J492" i="5" s="1"/>
  <c r="N492" i="5" s="1"/>
  <c r="J8076" i="2"/>
  <c r="J8050" i="5" s="1"/>
  <c r="N8050" i="5" s="1"/>
  <c r="J7046" i="2"/>
  <c r="J7020" i="5" s="1"/>
  <c r="N7020" i="5" s="1"/>
  <c r="J8427" i="2"/>
  <c r="J8401" i="5" s="1"/>
  <c r="N8401" i="5" s="1"/>
  <c r="J1543" i="2"/>
  <c r="J1517" i="5" s="1"/>
  <c r="N1517" i="5" s="1"/>
  <c r="J5036" i="2"/>
  <c r="J5010" i="5" s="1"/>
  <c r="N5010" i="5" s="1"/>
  <c r="I6707" i="2"/>
  <c r="I6681" i="5" s="1"/>
  <c r="I2882" i="2"/>
  <c r="I2856" i="5" s="1"/>
  <c r="I8244" i="2"/>
  <c r="I8218" i="5" s="1"/>
  <c r="I7245" i="2"/>
  <c r="I7219" i="5" s="1"/>
  <c r="I1851" i="2"/>
  <c r="I1825" i="5" s="1"/>
  <c r="I2716" i="2"/>
  <c r="I2690" i="5" s="1"/>
  <c r="I3542" i="2"/>
  <c r="I3516" i="5" s="1"/>
  <c r="I2522" i="2"/>
  <c r="I2496" i="5" s="1"/>
  <c r="I1869" i="2"/>
  <c r="I1843" i="5" s="1"/>
  <c r="I2194" i="2"/>
  <c r="I2168" i="5" s="1"/>
  <c r="I1863" i="2"/>
  <c r="I1837" i="5" s="1"/>
  <c r="I8246" i="2"/>
  <c r="I8220" i="5" s="1"/>
  <c r="I6080" i="2"/>
  <c r="I6054" i="5" s="1"/>
  <c r="I4370" i="2"/>
  <c r="I4344" i="5" s="1"/>
  <c r="I173" i="2"/>
  <c r="I147" i="5" s="1"/>
  <c r="I4187" i="2"/>
  <c r="I4161" i="5" s="1"/>
  <c r="I3193" i="2"/>
  <c r="I3167" i="5" s="1"/>
  <c r="I1844" i="2"/>
  <c r="I1818" i="5" s="1"/>
  <c r="I6370" i="2"/>
  <c r="I6344" i="5" s="1"/>
  <c r="I3558" i="2"/>
  <c r="I3532" i="5" s="1"/>
  <c r="I4064" i="2"/>
  <c r="I4038" i="5" s="1"/>
  <c r="I6073" i="2"/>
  <c r="I6047" i="5" s="1"/>
  <c r="I854" i="2"/>
  <c r="I828" i="5" s="1"/>
  <c r="I5888" i="2"/>
  <c r="I5862" i="5" s="1"/>
  <c r="I1499" i="2"/>
  <c r="I1473" i="5" s="1"/>
  <c r="I7578" i="2"/>
  <c r="I7552" i="5" s="1"/>
  <c r="I6072" i="2"/>
  <c r="I6046" i="5" s="1"/>
  <c r="I7212" i="2"/>
  <c r="I7186" i="5" s="1"/>
  <c r="I2174" i="2"/>
  <c r="I2148" i="5" s="1"/>
  <c r="I1524" i="2"/>
  <c r="I1498" i="5" s="1"/>
  <c r="I3201" i="2"/>
  <c r="I3175" i="5" s="1"/>
  <c r="I5731" i="2"/>
  <c r="I5705" i="5" s="1"/>
  <c r="I4735" i="2"/>
  <c r="I4709" i="5" s="1"/>
  <c r="I6053" i="2"/>
  <c r="I6027" i="5" s="1"/>
  <c r="I6915" i="2"/>
  <c r="I6889" i="5" s="1"/>
  <c r="I1181" i="2"/>
  <c r="I1155" i="5" s="1"/>
  <c r="I7719" i="2"/>
  <c r="I7693" i="5" s="1"/>
  <c r="I507" i="2"/>
  <c r="I481" i="5" s="1"/>
  <c r="AR70" i="1"/>
  <c r="AR64" i="1"/>
  <c r="K4384" i="2"/>
  <c r="K4358" i="5" s="1"/>
  <c r="K1359" i="2"/>
  <c r="K1333" i="5" s="1"/>
  <c r="K4893" i="2"/>
  <c r="K4867" i="5" s="1"/>
  <c r="K7735" i="2"/>
  <c r="K7709" i="5" s="1"/>
  <c r="K1712" i="2"/>
  <c r="K1686" i="5" s="1"/>
  <c r="K5706" i="2"/>
  <c r="K5680" i="5" s="1"/>
  <c r="K5048" i="2"/>
  <c r="K5022" i="5" s="1"/>
  <c r="K7227" i="2"/>
  <c r="K7201" i="5" s="1"/>
  <c r="K2343" i="2"/>
  <c r="K2317" i="5" s="1"/>
  <c r="K5382" i="2"/>
  <c r="K5356" i="5" s="1"/>
  <c r="K1710" i="2"/>
  <c r="K1684" i="5" s="1"/>
  <c r="K6733" i="2"/>
  <c r="K6707" i="5" s="1"/>
  <c r="K3032" i="2"/>
  <c r="K3006" i="5" s="1"/>
  <c r="K6576" i="2"/>
  <c r="K6550" i="5" s="1"/>
  <c r="K5070" i="2"/>
  <c r="K5044" i="5" s="1"/>
  <c r="K6236" i="2"/>
  <c r="K6210" i="5" s="1"/>
  <c r="K2355" i="2"/>
  <c r="K2329" i="5" s="1"/>
  <c r="K6059" i="2"/>
  <c r="K6033" i="5" s="1"/>
  <c r="K5026" i="2"/>
  <c r="K5000" i="5" s="1"/>
  <c r="K6577" i="2"/>
  <c r="K6551" i="5" s="1"/>
  <c r="K6891" i="2"/>
  <c r="K6865" i="5" s="1"/>
  <c r="K7733" i="2"/>
  <c r="K7707" i="5" s="1"/>
  <c r="K5906" i="2"/>
  <c r="K5880" i="5" s="1"/>
  <c r="K853" i="2"/>
  <c r="K827" i="5" s="1"/>
  <c r="K1029" i="2"/>
  <c r="K1003" i="5" s="1"/>
  <c r="K4020" i="2"/>
  <c r="K3994" i="5" s="1"/>
  <c r="K6566" i="2"/>
  <c r="K6540" i="5" s="1"/>
  <c r="K1038" i="2"/>
  <c r="K1012" i="5" s="1"/>
  <c r="K8409" i="2"/>
  <c r="K8383" i="5" s="1"/>
  <c r="K2842" i="2"/>
  <c r="K2816" i="5" s="1"/>
  <c r="K6056" i="2"/>
  <c r="K6030" i="5" s="1"/>
  <c r="K1706" i="2"/>
  <c r="K1680" i="5" s="1"/>
  <c r="K1532" i="2"/>
  <c r="K1506" i="5" s="1"/>
  <c r="K6888" i="2"/>
  <c r="K6862" i="5" s="1"/>
  <c r="K2370" i="2"/>
  <c r="K2344" i="5" s="1"/>
  <c r="K523" i="2"/>
  <c r="K497" i="5" s="1"/>
  <c r="K2179" i="2"/>
  <c r="K2153" i="5" s="1"/>
  <c r="K1881" i="2"/>
  <c r="K1855" i="5" s="1"/>
  <c r="K2539" i="2"/>
  <c r="K2513" i="5" s="1"/>
  <c r="K7575" i="2"/>
  <c r="K7549" i="5" s="1"/>
  <c r="K8580" i="2"/>
  <c r="K8554" i="5" s="1"/>
  <c r="K7060" i="2"/>
  <c r="K7034" i="5" s="1"/>
  <c r="K7929" i="2"/>
  <c r="K7903" i="5" s="1"/>
  <c r="K7385" i="2"/>
  <c r="K7359" i="5" s="1"/>
  <c r="K855" i="2"/>
  <c r="K829" i="5" s="1"/>
  <c r="K703" i="2"/>
  <c r="K677" i="5" s="1"/>
  <c r="K3211" i="2"/>
  <c r="K3185" i="5" s="1"/>
  <c r="K5240" i="2"/>
  <c r="K5214" i="5" s="1"/>
  <c r="K7078" i="2"/>
  <c r="K7052" i="5" s="1"/>
  <c r="K3558" i="2"/>
  <c r="K3532" i="5" s="1"/>
  <c r="K7070" i="2"/>
  <c r="K7044" i="5" s="1"/>
  <c r="K160" i="2"/>
  <c r="K134" i="5" s="1"/>
  <c r="K4881" i="2"/>
  <c r="K4855" i="5" s="1"/>
  <c r="K3392" i="2"/>
  <c r="K3366" i="5" s="1"/>
  <c r="K4890" i="2"/>
  <c r="K4864" i="5" s="1"/>
  <c r="K2880" i="2"/>
  <c r="K2854" i="5" s="1"/>
  <c r="K524" i="2"/>
  <c r="K498" i="5" s="1"/>
  <c r="K5897" i="2"/>
  <c r="K5871" i="5" s="1"/>
  <c r="K1851" i="2"/>
  <c r="K1825" i="5" s="1"/>
  <c r="K6066" i="2"/>
  <c r="K6040" i="5" s="1"/>
  <c r="K6248" i="2"/>
  <c r="K6222" i="5" s="1"/>
  <c r="K7574" i="2"/>
  <c r="K7548" i="5" s="1"/>
  <c r="K3554" i="2"/>
  <c r="K3528" i="5" s="1"/>
  <c r="K8397" i="2"/>
  <c r="K8371" i="5" s="1"/>
  <c r="K7075" i="2"/>
  <c r="K7049" i="5" s="1"/>
  <c r="K7747" i="2"/>
  <c r="K7721" i="5" s="1"/>
  <c r="K5033" i="2"/>
  <c r="K5007" i="5" s="1"/>
  <c r="K359" i="2"/>
  <c r="K333" i="5" s="1"/>
  <c r="K4736" i="2"/>
  <c r="K4710" i="5" s="1"/>
  <c r="K4037" i="2"/>
  <c r="K4011" i="5" s="1"/>
  <c r="K3861" i="2"/>
  <c r="K3835" i="5" s="1"/>
  <c r="K7900" i="2"/>
  <c r="K7874" i="5" s="1"/>
  <c r="K4707" i="2"/>
  <c r="K4681" i="5" s="1"/>
  <c r="K4564" i="2"/>
  <c r="K4538" i="5" s="1"/>
  <c r="K5367" i="2"/>
  <c r="K5341" i="5" s="1"/>
  <c r="K5058" i="2"/>
  <c r="K5032" i="5" s="1"/>
  <c r="K8096" i="2"/>
  <c r="K8070" i="5" s="1"/>
  <c r="K5890" i="2"/>
  <c r="K5864" i="5" s="1"/>
  <c r="K6043" i="2"/>
  <c r="K6017" i="5" s="1"/>
  <c r="K995" i="2"/>
  <c r="K969" i="5" s="1"/>
  <c r="K2340" i="2"/>
  <c r="K2314" i="5" s="1"/>
  <c r="K8244" i="2"/>
  <c r="K8218" i="5" s="1"/>
  <c r="K1190" i="2"/>
  <c r="K1164" i="5" s="1"/>
  <c r="K2550" i="2"/>
  <c r="K2524" i="5" s="1"/>
  <c r="K8736" i="2"/>
  <c r="K8710" i="5" s="1"/>
  <c r="K5374" i="2"/>
  <c r="K5348" i="5" s="1"/>
  <c r="K8235" i="2"/>
  <c r="K8209" i="5" s="1"/>
  <c r="K6386" i="2"/>
  <c r="K6360" i="5" s="1"/>
  <c r="K2007" i="2"/>
  <c r="K1981" i="5" s="1"/>
  <c r="K692" i="2"/>
  <c r="K666" i="5" s="1"/>
  <c r="K7386" i="2"/>
  <c r="K7360" i="5" s="1"/>
  <c r="K190" i="2"/>
  <c r="K164" i="5" s="1"/>
  <c r="K3224" i="2"/>
  <c r="K3198" i="5" s="1"/>
  <c r="K7057" i="2"/>
  <c r="K7031" i="5" s="1"/>
  <c r="K663" i="2"/>
  <c r="K637" i="5" s="1"/>
  <c r="K8242" i="2"/>
  <c r="K8216" i="5" s="1"/>
  <c r="K3206" i="2"/>
  <c r="K3180" i="5" s="1"/>
  <c r="K6558" i="2"/>
  <c r="K6532" i="5" s="1"/>
  <c r="K4901" i="2"/>
  <c r="K4875" i="5" s="1"/>
  <c r="K3526" i="2"/>
  <c r="K3500" i="5" s="1"/>
  <c r="K701" i="2"/>
  <c r="K675" i="5" s="1"/>
  <c r="K4198" i="2"/>
  <c r="K4172" i="5" s="1"/>
  <c r="K345" i="2"/>
  <c r="K319" i="5" s="1"/>
  <c r="K3550" i="2"/>
  <c r="K3524" i="5" s="1"/>
  <c r="K7221" i="2"/>
  <c r="K7195" i="5" s="1"/>
  <c r="K367" i="2"/>
  <c r="K341" i="5" s="1"/>
  <c r="K3711" i="2"/>
  <c r="K3685" i="5" s="1"/>
  <c r="K4211" i="2"/>
  <c r="K4185" i="5" s="1"/>
  <c r="K157" i="2"/>
  <c r="K131" i="5" s="1"/>
  <c r="K8730" i="2"/>
  <c r="K8704" i="5" s="1"/>
  <c r="I7928" i="2"/>
  <c r="I7902" i="5" s="1"/>
  <c r="M494" i="2"/>
  <c r="M468" i="5" s="1"/>
  <c r="P468" i="5" s="1"/>
  <c r="M6719" i="2"/>
  <c r="M6693" i="5" s="1"/>
  <c r="P6693" i="5" s="1"/>
  <c r="M4563" i="2"/>
  <c r="M4537" i="5" s="1"/>
  <c r="P4537" i="5" s="1"/>
  <c r="M1199" i="2"/>
  <c r="M1173" i="5" s="1"/>
  <c r="P1173" i="5" s="1"/>
  <c r="M4206" i="2"/>
  <c r="M4180" i="5" s="1"/>
  <c r="P4180" i="5" s="1"/>
  <c r="M3690" i="2"/>
  <c r="M3664" i="5" s="1"/>
  <c r="P3664" i="5" s="1"/>
  <c r="M6054" i="2"/>
  <c r="M6028" i="5" s="1"/>
  <c r="P6028" i="5" s="1"/>
  <c r="M3716" i="2"/>
  <c r="M3690" i="5" s="1"/>
  <c r="P3690" i="5" s="1"/>
  <c r="M8565" i="2"/>
  <c r="M8539" i="5" s="1"/>
  <c r="P8539" i="5" s="1"/>
  <c r="M2550" i="2"/>
  <c r="M2524" i="5" s="1"/>
  <c r="P2524" i="5" s="1"/>
  <c r="M8083" i="2"/>
  <c r="M8057" i="5" s="1"/>
  <c r="P8057" i="5" s="1"/>
  <c r="M6043" i="2"/>
  <c r="M6017" i="5" s="1"/>
  <c r="P6017" i="5" s="1"/>
  <c r="M8051" i="2"/>
  <c r="M8025" i="5" s="1"/>
  <c r="P8025" i="5" s="1"/>
  <c r="M4355" i="2"/>
  <c r="M4329" i="5" s="1"/>
  <c r="P4329" i="5" s="1"/>
  <c r="M2370" i="2"/>
  <c r="M2344" i="5" s="1"/>
  <c r="P2344" i="5" s="1"/>
  <c r="M1666" i="2"/>
  <c r="M1640" i="5" s="1"/>
  <c r="P1640" i="5" s="1"/>
  <c r="M4044" i="2"/>
  <c r="M4018" i="5" s="1"/>
  <c r="P4018" i="5" s="1"/>
  <c r="M1839" i="2"/>
  <c r="M1813" i="5" s="1"/>
  <c r="P1813" i="5" s="1"/>
  <c r="M2008" i="2"/>
  <c r="M1982" i="5" s="1"/>
  <c r="P1982" i="5" s="1"/>
  <c r="M4567" i="2"/>
  <c r="M4541" i="5" s="1"/>
  <c r="P4541" i="5" s="1"/>
  <c r="M3020" i="2"/>
  <c r="M2994" i="5" s="1"/>
  <c r="P2994" i="5" s="1"/>
  <c r="M1191" i="2"/>
  <c r="M1165" i="5" s="1"/>
  <c r="P1165" i="5" s="1"/>
  <c r="M6248" i="2"/>
  <c r="M6222" i="5" s="1"/>
  <c r="P6222" i="5" s="1"/>
  <c r="M1201" i="2"/>
  <c r="M1175" i="5" s="1"/>
  <c r="P1175" i="5" s="1"/>
  <c r="M4026" i="2"/>
  <c r="M4000" i="5" s="1"/>
  <c r="P4000" i="5" s="1"/>
  <c r="M6874" i="2"/>
  <c r="M6848" i="5" s="1"/>
  <c r="P6848" i="5" s="1"/>
  <c r="M2030" i="2"/>
  <c r="M2004" i="5" s="1"/>
  <c r="P2004" i="5" s="1"/>
  <c r="M1031" i="2"/>
  <c r="M1005" i="5" s="1"/>
  <c r="P1005" i="5" s="1"/>
  <c r="M5567" i="2"/>
  <c r="M5541" i="5" s="1"/>
  <c r="P5541" i="5" s="1"/>
  <c r="M6584" i="2"/>
  <c r="M6558" i="5" s="1"/>
  <c r="P6558" i="5" s="1"/>
  <c r="M3021" i="2"/>
  <c r="M2995" i="5" s="1"/>
  <c r="P2995" i="5" s="1"/>
  <c r="M5379" i="2"/>
  <c r="M5353" i="5" s="1"/>
  <c r="P5353" i="5" s="1"/>
  <c r="M8254" i="2"/>
  <c r="M8228" i="5" s="1"/>
  <c r="P8228" i="5" s="1"/>
  <c r="M3379" i="2"/>
  <c r="M3353" i="5" s="1"/>
  <c r="P3353" i="5" s="1"/>
  <c r="M6585" i="2"/>
  <c r="M6559" i="5" s="1"/>
  <c r="P6559" i="5" s="1"/>
  <c r="M4524" i="2"/>
  <c r="M4498" i="5" s="1"/>
  <c r="P4498" i="5" s="1"/>
  <c r="M6875" i="2"/>
  <c r="M6849" i="5" s="1"/>
  <c r="P6849" i="5" s="1"/>
  <c r="M3393" i="2"/>
  <c r="M3367" i="5" s="1"/>
  <c r="P3367" i="5" s="1"/>
  <c r="M8594" i="2"/>
  <c r="M8568" i="5" s="1"/>
  <c r="P8568" i="5" s="1"/>
  <c r="M1678" i="2"/>
  <c r="M1652" i="5" s="1"/>
  <c r="P1652" i="5" s="1"/>
  <c r="M7386" i="2"/>
  <c r="M7360" i="5" s="1"/>
  <c r="P7360" i="5" s="1"/>
  <c r="M5196" i="2"/>
  <c r="M5170" i="5" s="1"/>
  <c r="P5170" i="5" s="1"/>
  <c r="M4230" i="2"/>
  <c r="M4204" i="5" s="1"/>
  <c r="P4204" i="5" s="1"/>
  <c r="M6237" i="2"/>
  <c r="M6211" i="5" s="1"/>
  <c r="P6211" i="5" s="1"/>
  <c r="M6907" i="2"/>
  <c r="M6881" i="5" s="1"/>
  <c r="P6881" i="5" s="1"/>
  <c r="M503" i="2"/>
  <c r="M477" i="5" s="1"/>
  <c r="P477" i="5" s="1"/>
  <c r="M6556" i="2"/>
  <c r="M6530" i="5" s="1"/>
  <c r="P6530" i="5" s="1"/>
  <c r="M5231" i="2"/>
  <c r="M5205" i="5" s="1"/>
  <c r="P5205" i="5" s="1"/>
  <c r="M337" i="2"/>
  <c r="M311" i="5" s="1"/>
  <c r="P311" i="5" s="1"/>
  <c r="M2677" i="2"/>
  <c r="M2651" i="5" s="1"/>
  <c r="P2651" i="5" s="1"/>
  <c r="M4229" i="2"/>
  <c r="M4203" i="5" s="1"/>
  <c r="P4203" i="5" s="1"/>
  <c r="M5534" i="2"/>
  <c r="M5508" i="5" s="1"/>
  <c r="P5508" i="5" s="1"/>
  <c r="M7246" i="2"/>
  <c r="M7220" i="5" s="1"/>
  <c r="P7220" i="5" s="1"/>
  <c r="M3378" i="2"/>
  <c r="M3352" i="5" s="1"/>
  <c r="P3352" i="5" s="1"/>
  <c r="M520" i="2"/>
  <c r="M494" i="5" s="1"/>
  <c r="P494" i="5" s="1"/>
  <c r="M8079" i="2"/>
  <c r="M8053" i="5" s="1"/>
  <c r="P8053" i="5" s="1"/>
  <c r="M7379" i="2"/>
  <c r="M7353" i="5" s="1"/>
  <c r="P7353" i="5" s="1"/>
  <c r="M8429" i="2"/>
  <c r="M8403" i="5" s="1"/>
  <c r="P8403" i="5" s="1"/>
  <c r="M7250" i="2"/>
  <c r="M7224" i="5" s="1"/>
  <c r="P7224" i="5" s="1"/>
  <c r="M4528" i="2"/>
  <c r="M4502" i="5" s="1"/>
  <c r="P4502" i="5" s="1"/>
  <c r="M5060" i="2"/>
  <c r="M5034" i="5" s="1"/>
  <c r="P5034" i="5" s="1"/>
  <c r="M4390" i="2"/>
  <c r="M4364" i="5" s="1"/>
  <c r="P4364" i="5" s="1"/>
  <c r="M6571" i="2"/>
  <c r="M6545" i="5" s="1"/>
  <c r="P6545" i="5" s="1"/>
  <c r="M2686" i="2"/>
  <c r="M2660" i="5" s="1"/>
  <c r="P2660" i="5" s="1"/>
  <c r="M6545" i="2"/>
  <c r="M6519" i="5" s="1"/>
  <c r="P6519" i="5" s="1"/>
  <c r="M8560" i="2"/>
  <c r="M8534" i="5" s="1"/>
  <c r="P8534" i="5" s="1"/>
  <c r="M2339" i="2"/>
  <c r="M2313" i="5" s="1"/>
  <c r="P2313" i="5" s="1"/>
  <c r="M7924" i="2"/>
  <c r="M7898" i="5" s="1"/>
  <c r="P7898" i="5" s="1"/>
  <c r="M3181" i="2"/>
  <c r="M3155" i="5" s="1"/>
  <c r="P3155" i="5" s="1"/>
  <c r="M8057" i="2"/>
  <c r="M8031" i="5" s="1"/>
  <c r="P8031" i="5" s="1"/>
  <c r="M3876" i="2"/>
  <c r="M3850" i="5" s="1"/>
  <c r="P3850" i="5" s="1"/>
  <c r="M8413" i="2"/>
  <c r="M8387" i="5" s="1"/>
  <c r="P8387" i="5" s="1"/>
  <c r="M3533" i="2"/>
  <c r="M3507" i="5" s="1"/>
  <c r="P3507" i="5" s="1"/>
  <c r="M8747" i="2"/>
  <c r="M8721" i="5" s="1"/>
  <c r="P8721" i="5" s="1"/>
  <c r="M2015" i="2"/>
  <c r="M1989" i="5" s="1"/>
  <c r="P1989" i="5" s="1"/>
  <c r="M3871" i="2"/>
  <c r="M3845" i="5" s="1"/>
  <c r="P3845" i="5" s="1"/>
  <c r="M6232" i="2"/>
  <c r="M6206" i="5" s="1"/>
  <c r="P6206" i="5" s="1"/>
  <c r="M7243" i="2"/>
  <c r="M7217" i="5" s="1"/>
  <c r="P7217" i="5" s="1"/>
  <c r="M1368" i="2"/>
  <c r="M1342" i="5" s="1"/>
  <c r="P1342" i="5" s="1"/>
  <c r="M4875" i="2"/>
  <c r="M4849" i="5" s="1"/>
  <c r="P4849" i="5" s="1"/>
  <c r="M2551" i="2"/>
  <c r="M2525" i="5" s="1"/>
  <c r="P2525" i="5" s="1"/>
  <c r="M5731" i="2"/>
  <c r="M5705" i="5" s="1"/>
  <c r="P5705" i="5" s="1"/>
  <c r="M3697" i="2"/>
  <c r="M3671" i="5" s="1"/>
  <c r="P3671" i="5" s="1"/>
  <c r="M1705" i="2"/>
  <c r="M1679" i="5" s="1"/>
  <c r="P1679" i="5" s="1"/>
  <c r="M687" i="2"/>
  <c r="M661" i="5" s="1"/>
  <c r="P661" i="5" s="1"/>
  <c r="M4692" i="2"/>
  <c r="M4666" i="5" s="1"/>
  <c r="P4666" i="5" s="1"/>
  <c r="M5212" i="2"/>
  <c r="M5186" i="5" s="1"/>
  <c r="P5186" i="5" s="1"/>
  <c r="M1836" i="2"/>
  <c r="M1810" i="5" s="1"/>
  <c r="P1810" i="5" s="1"/>
  <c r="M4555" i="2"/>
  <c r="M4529" i="5" s="1"/>
  <c r="P4529" i="5" s="1"/>
  <c r="M6899" i="2"/>
  <c r="M6873" i="5" s="1"/>
  <c r="P6873" i="5" s="1"/>
  <c r="M7416" i="2"/>
  <c r="M7390" i="5" s="1"/>
  <c r="P7390" i="5" s="1"/>
  <c r="M2194" i="2"/>
  <c r="M2168" i="5" s="1"/>
  <c r="P2168" i="5" s="1"/>
  <c r="M3864" i="2"/>
  <c r="M3838" i="5" s="1"/>
  <c r="P3838" i="5" s="1"/>
  <c r="M1186" i="2"/>
  <c r="M1160" i="5" s="1"/>
  <c r="P1160" i="5" s="1"/>
  <c r="M1019" i="2"/>
  <c r="M993" i="5" s="1"/>
  <c r="P993" i="5" s="1"/>
  <c r="M4863" i="2"/>
  <c r="M4837" i="5" s="1"/>
  <c r="P4837" i="5" s="1"/>
  <c r="M695" i="2"/>
  <c r="M669" i="5" s="1"/>
  <c r="P669" i="5" s="1"/>
  <c r="M8599" i="2"/>
  <c r="M8573" i="5" s="1"/>
  <c r="P8573" i="5" s="1"/>
  <c r="M2011" i="2"/>
  <c r="M1985" i="5" s="1"/>
  <c r="P1985" i="5" s="1"/>
  <c r="M2859" i="2"/>
  <c r="M2833" i="5" s="1"/>
  <c r="P2833" i="5" s="1"/>
  <c r="M7916" i="2"/>
  <c r="M7890" i="5" s="1"/>
  <c r="P7890" i="5" s="1"/>
  <c r="M5531" i="2"/>
  <c r="M5505" i="5" s="1"/>
  <c r="P5505" i="5" s="1"/>
  <c r="M6396" i="2"/>
  <c r="M6370" i="5" s="1"/>
  <c r="P6370" i="5" s="1"/>
  <c r="M3388" i="2"/>
  <c r="M3362" i="5" s="1"/>
  <c r="P3362" i="5" s="1"/>
  <c r="M174" i="2"/>
  <c r="M148" i="5" s="1"/>
  <c r="P148" i="5" s="1"/>
  <c r="M7886" i="2"/>
  <c r="M7860" i="5" s="1"/>
  <c r="P7860" i="5" s="1"/>
  <c r="M7549" i="2"/>
  <c r="M7523" i="5" s="1"/>
  <c r="P7523" i="5" s="1"/>
  <c r="M8068" i="2"/>
  <c r="M8042" i="5" s="1"/>
  <c r="P8042" i="5" s="1"/>
  <c r="M1352" i="2"/>
  <c r="M1326" i="5" s="1"/>
  <c r="P1326" i="5" s="1"/>
  <c r="M1370" i="2"/>
  <c r="M1344" i="5" s="1"/>
  <c r="P1344" i="5" s="1"/>
  <c r="M5364" i="2"/>
  <c r="M5338" i="5" s="1"/>
  <c r="P5338" i="5" s="1"/>
  <c r="M4207" i="2"/>
  <c r="M4181" i="5" s="1"/>
  <c r="P4181" i="5" s="1"/>
  <c r="M3358" i="2"/>
  <c r="M3332" i="5" s="1"/>
  <c r="P3332" i="5" s="1"/>
  <c r="M3382" i="2"/>
  <c r="M3356" i="5" s="1"/>
  <c r="P3356" i="5" s="1"/>
  <c r="M5054" i="2"/>
  <c r="M5028" i="5" s="1"/>
  <c r="P5028" i="5" s="1"/>
  <c r="M5195" i="2"/>
  <c r="M5169" i="5" s="1"/>
  <c r="P5169" i="5" s="1"/>
  <c r="M4051" i="2"/>
  <c r="M4025" i="5" s="1"/>
  <c r="P4025" i="5" s="1"/>
  <c r="M3205" i="2"/>
  <c r="M3179" i="5" s="1"/>
  <c r="P3179" i="5" s="1"/>
  <c r="M688" i="2"/>
  <c r="M662" i="5" s="1"/>
  <c r="P662" i="5" s="1"/>
  <c r="M5363" i="2"/>
  <c r="M5337" i="5" s="1"/>
  <c r="P5337" i="5" s="1"/>
  <c r="M3866" i="2"/>
  <c r="M3840" i="5" s="1"/>
  <c r="P3840" i="5" s="1"/>
  <c r="M188" i="2"/>
  <c r="M162" i="5" s="1"/>
  <c r="P162" i="5" s="1"/>
  <c r="M2708" i="2"/>
  <c r="M2682" i="5" s="1"/>
  <c r="P2682" i="5" s="1"/>
  <c r="M2357" i="2"/>
  <c r="M2331" i="5" s="1"/>
  <c r="P2331" i="5" s="1"/>
  <c r="M4881" i="2"/>
  <c r="M4855" i="5" s="1"/>
  <c r="P4855" i="5" s="1"/>
  <c r="M7741" i="2"/>
  <c r="M7715" i="5" s="1"/>
  <c r="P7715" i="5" s="1"/>
  <c r="M5703" i="2"/>
  <c r="M5677" i="5" s="1"/>
  <c r="P5677" i="5" s="1"/>
  <c r="M834" i="2"/>
  <c r="M808" i="5" s="1"/>
  <c r="P808" i="5" s="1"/>
  <c r="M7068" i="2"/>
  <c r="M7042" i="5" s="1"/>
  <c r="P7042" i="5" s="1"/>
  <c r="M6918" i="2"/>
  <c r="M6892" i="5" s="1"/>
  <c r="P6892" i="5" s="1"/>
  <c r="M4880" i="2"/>
  <c r="M4854" i="5" s="1"/>
  <c r="P4854" i="5" s="1"/>
  <c r="M183" i="2"/>
  <c r="M157" i="5" s="1"/>
  <c r="P157" i="5" s="1"/>
  <c r="M2697" i="2"/>
  <c r="M2671" i="5" s="1"/>
  <c r="P2671" i="5" s="1"/>
  <c r="M698" i="2"/>
  <c r="M672" i="5" s="1"/>
  <c r="P672" i="5" s="1"/>
  <c r="M5239" i="2"/>
  <c r="M5213" i="5" s="1"/>
  <c r="P5213" i="5" s="1"/>
  <c r="M8066" i="2"/>
  <c r="M8040" i="5" s="1"/>
  <c r="P8040" i="5" s="1"/>
  <c r="M3544" i="2"/>
  <c r="M3518" i="5" s="1"/>
  <c r="P3518" i="5" s="1"/>
  <c r="M686" i="2"/>
  <c r="M660" i="5" s="1"/>
  <c r="P660" i="5" s="1"/>
  <c r="M7576" i="2"/>
  <c r="M7550" i="5" s="1"/>
  <c r="P7550" i="5" s="1"/>
  <c r="M5386" i="2"/>
  <c r="M5360" i="5" s="1"/>
  <c r="P5360" i="5" s="1"/>
  <c r="M8430" i="2"/>
  <c r="M8404" i="5" s="1"/>
  <c r="P8404" i="5" s="1"/>
  <c r="M8562" i="2"/>
  <c r="M8536" i="5" s="1"/>
  <c r="P8536" i="5" s="1"/>
  <c r="M4063" i="2"/>
  <c r="M4037" i="5" s="1"/>
  <c r="P4037" i="5" s="1"/>
  <c r="M4551" i="2"/>
  <c r="M4525" i="5" s="1"/>
  <c r="P4525" i="5" s="1"/>
  <c r="M5203" i="2"/>
  <c r="M5177" i="5" s="1"/>
  <c r="P5177" i="5" s="1"/>
  <c r="M5560" i="2"/>
  <c r="M5534" i="5" s="1"/>
  <c r="P5534" i="5" s="1"/>
  <c r="M4374" i="2"/>
  <c r="M4348" i="5" s="1"/>
  <c r="P4348" i="5" s="1"/>
  <c r="M3360" i="2"/>
  <c r="M3334" i="5" s="1"/>
  <c r="P3334" i="5" s="1"/>
  <c r="M7727" i="2"/>
  <c r="M7701" i="5" s="1"/>
  <c r="P7701" i="5" s="1"/>
  <c r="M4546" i="2"/>
  <c r="M4520" i="5" s="1"/>
  <c r="P4520" i="5" s="1"/>
  <c r="M4199" i="2"/>
  <c r="M4173" i="5" s="1"/>
  <c r="P4173" i="5" s="1"/>
  <c r="M8065" i="2"/>
  <c r="M8039" i="5" s="1"/>
  <c r="P8039" i="5" s="1"/>
  <c r="M8414" i="2"/>
  <c r="M8388" i="5" s="1"/>
  <c r="P8388" i="5" s="1"/>
  <c r="M324" i="2"/>
  <c r="M298" i="5" s="1"/>
  <c r="P298" i="5" s="1"/>
  <c r="M5210" i="2"/>
  <c r="M5184" i="5" s="1"/>
  <c r="P5184" i="5" s="1"/>
  <c r="M7546" i="2"/>
  <c r="M7520" i="5" s="1"/>
  <c r="P7520" i="5" s="1"/>
  <c r="M2678" i="2"/>
  <c r="M2652" i="5" s="1"/>
  <c r="P2652" i="5" s="1"/>
  <c r="M6384" i="2"/>
  <c r="M6358" i="5" s="1"/>
  <c r="P6358" i="5" s="1"/>
  <c r="M1167" i="2"/>
  <c r="M1141" i="5" s="1"/>
  <c r="P1141" i="5" s="1"/>
  <c r="M664" i="2"/>
  <c r="M638" i="5" s="1"/>
  <c r="P638" i="5" s="1"/>
  <c r="M4715" i="2"/>
  <c r="M4689" i="5" s="1"/>
  <c r="P4689" i="5" s="1"/>
  <c r="M5905" i="2"/>
  <c r="M5879" i="5" s="1"/>
  <c r="P5879" i="5" s="1"/>
  <c r="M3555" i="2"/>
  <c r="M3529" i="5" s="1"/>
  <c r="P3529" i="5" s="1"/>
  <c r="M7407" i="2"/>
  <c r="M7381" i="5" s="1"/>
  <c r="P7381" i="5" s="1"/>
  <c r="M1367" i="2"/>
  <c r="M1341" i="5" s="1"/>
  <c r="P1341" i="5" s="1"/>
  <c r="M8062" i="2"/>
  <c r="M8036" i="5" s="1"/>
  <c r="P8036" i="5" s="1"/>
  <c r="M3052" i="2"/>
  <c r="M3026" i="5" s="1"/>
  <c r="P3026" i="5" s="1"/>
  <c r="M4888" i="2"/>
  <c r="M4862" i="5" s="1"/>
  <c r="P4862" i="5" s="1"/>
  <c r="M1539" i="2"/>
  <c r="M1513" i="5" s="1"/>
  <c r="P1513" i="5" s="1"/>
  <c r="M1341" i="2"/>
  <c r="M1315" i="5" s="1"/>
  <c r="P1315" i="5" s="1"/>
  <c r="M4544" i="2"/>
  <c r="M4518" i="5" s="1"/>
  <c r="P4518" i="5" s="1"/>
  <c r="M4866" i="2"/>
  <c r="M4840" i="5" s="1"/>
  <c r="P4840" i="5" s="1"/>
  <c r="M6886" i="2"/>
  <c r="M6860" i="5" s="1"/>
  <c r="P6860" i="5" s="1"/>
  <c r="M674" i="2"/>
  <c r="M648" i="5" s="1"/>
  <c r="P648" i="5" s="1"/>
  <c r="M4200" i="2"/>
  <c r="M4174" i="5" s="1"/>
  <c r="P4174" i="5" s="1"/>
  <c r="M7403" i="2"/>
  <c r="M7377" i="5" s="1"/>
  <c r="P7377" i="5" s="1"/>
  <c r="M1369" i="2"/>
  <c r="M1343" i="5" s="1"/>
  <c r="P1343" i="5" s="1"/>
  <c r="M5884" i="2"/>
  <c r="M5858" i="5" s="1"/>
  <c r="P5858" i="5" s="1"/>
  <c r="M2212" i="2"/>
  <c r="M2186" i="5" s="1"/>
  <c r="P2186" i="5" s="1"/>
  <c r="M6417" i="2"/>
  <c r="M6391" i="5" s="1"/>
  <c r="P6391" i="5" s="1"/>
  <c r="M6404" i="2"/>
  <c r="M6378" i="5" s="1"/>
  <c r="P6378" i="5" s="1"/>
  <c r="M186" i="2"/>
  <c r="M160" i="5" s="1"/>
  <c r="P160" i="5" s="1"/>
  <c r="M8762" i="2"/>
  <c r="M8736" i="5" s="1"/>
  <c r="P8736" i="5" s="1"/>
  <c r="M850" i="2"/>
  <c r="M824" i="5" s="1"/>
  <c r="P824" i="5" s="1"/>
  <c r="M326" i="2"/>
  <c r="M300" i="5" s="1"/>
  <c r="P300" i="5" s="1"/>
  <c r="M2029" i="2"/>
  <c r="M2003" i="5" s="1"/>
  <c r="P2003" i="5" s="1"/>
  <c r="M6216" i="2"/>
  <c r="M6190" i="5" s="1"/>
  <c r="P6190" i="5" s="1"/>
  <c r="M513" i="2"/>
  <c r="M487" i="5" s="1"/>
  <c r="P487" i="5" s="1"/>
  <c r="M6407" i="2"/>
  <c r="M6381" i="5" s="1"/>
  <c r="P6381" i="5" s="1"/>
  <c r="M1376" i="2"/>
  <c r="M1350" i="5" s="1"/>
  <c r="P1350" i="5" s="1"/>
  <c r="M868" i="2"/>
  <c r="M842" i="5" s="1"/>
  <c r="P842" i="5" s="1"/>
  <c r="M8554" i="2"/>
  <c r="M8528" i="5" s="1"/>
  <c r="P8528" i="5" s="1"/>
  <c r="M4890" i="2"/>
  <c r="M4864" i="5" s="1"/>
  <c r="P4864" i="5" s="1"/>
  <c r="M3183" i="2"/>
  <c r="M3157" i="5" s="1"/>
  <c r="P3157" i="5" s="1"/>
  <c r="M1372" i="2"/>
  <c r="M1346" i="5" s="1"/>
  <c r="P1346" i="5" s="1"/>
  <c r="M1541" i="2"/>
  <c r="M1515" i="5" s="1"/>
  <c r="P1515" i="5" s="1"/>
  <c r="M5036" i="2"/>
  <c r="M5010" i="5" s="1"/>
  <c r="P5010" i="5" s="1"/>
  <c r="M6540" i="2"/>
  <c r="M6514" i="5" s="1"/>
  <c r="P6514" i="5" s="1"/>
  <c r="M4361" i="2"/>
  <c r="M4335" i="5" s="1"/>
  <c r="P4335" i="5" s="1"/>
  <c r="M8218" i="2"/>
  <c r="M8192" i="5" s="1"/>
  <c r="P8192" i="5" s="1"/>
  <c r="M3364" i="2"/>
  <c r="M3338" i="5" s="1"/>
  <c r="P3338" i="5" s="1"/>
  <c r="M6709" i="2"/>
  <c r="M6683" i="5" s="1"/>
  <c r="P6683" i="5" s="1"/>
  <c r="M4356" i="2"/>
  <c r="M4330" i="5" s="1"/>
  <c r="P4330" i="5" s="1"/>
  <c r="M5877" i="2"/>
  <c r="M5851" i="5" s="1"/>
  <c r="P5851" i="5" s="1"/>
  <c r="M369" i="2"/>
  <c r="M343" i="5" s="1"/>
  <c r="P343" i="5" s="1"/>
  <c r="M4369" i="2"/>
  <c r="M4343" i="5" s="1"/>
  <c r="P4343" i="5" s="1"/>
  <c r="M521" i="2"/>
  <c r="M495" i="5" s="1"/>
  <c r="P495" i="5" s="1"/>
  <c r="M2685" i="2"/>
  <c r="M2659" i="5" s="1"/>
  <c r="P2659" i="5" s="1"/>
  <c r="M3723" i="2"/>
  <c r="M3697" i="5" s="1"/>
  <c r="P3697" i="5" s="1"/>
  <c r="M841" i="2"/>
  <c r="M815" i="5" s="1"/>
  <c r="P815" i="5" s="1"/>
  <c r="M7889" i="2"/>
  <c r="M7863" i="5" s="1"/>
  <c r="P7863" i="5" s="1"/>
  <c r="M3523" i="2"/>
  <c r="M3497" i="5" s="1"/>
  <c r="P3497" i="5" s="1"/>
  <c r="M1025" i="2"/>
  <c r="M999" i="5" s="1"/>
  <c r="P999" i="5" s="1"/>
  <c r="M6565" i="2"/>
  <c r="M6539" i="5" s="1"/>
  <c r="P6539" i="5" s="1"/>
  <c r="M6049" i="2"/>
  <c r="M6023" i="5" s="1"/>
  <c r="P6023" i="5" s="1"/>
  <c r="M1514" i="2"/>
  <c r="M1488" i="5" s="1"/>
  <c r="P1488" i="5" s="1"/>
  <c r="M4897" i="2"/>
  <c r="M4871" i="5" s="1"/>
  <c r="P4871" i="5" s="1"/>
  <c r="M3040" i="2"/>
  <c r="M3014" i="5" s="1"/>
  <c r="P3014" i="5" s="1"/>
  <c r="M6920" i="2"/>
  <c r="M6894" i="5" s="1"/>
  <c r="P6894" i="5" s="1"/>
  <c r="M2691" i="2"/>
  <c r="M2665" i="5" s="1"/>
  <c r="P2665" i="5" s="1"/>
  <c r="M667" i="2"/>
  <c r="M641" i="5" s="1"/>
  <c r="P641" i="5" s="1"/>
  <c r="M4726" i="2"/>
  <c r="M4700" i="5" s="1"/>
  <c r="P4700" i="5" s="1"/>
  <c r="M6073" i="2"/>
  <c r="M6047" i="5" s="1"/>
  <c r="P6047" i="5" s="1"/>
  <c r="M1364" i="2"/>
  <c r="M1338" i="5" s="1"/>
  <c r="P1338" i="5" s="1"/>
  <c r="M5739" i="2"/>
  <c r="M5713" i="5" s="1"/>
  <c r="P5713" i="5" s="1"/>
  <c r="M2206" i="2"/>
  <c r="M2180" i="5" s="1"/>
  <c r="P2180" i="5" s="1"/>
  <c r="M8409" i="2"/>
  <c r="M8383" i="5" s="1"/>
  <c r="P8383" i="5" s="1"/>
  <c r="M5235" i="2"/>
  <c r="M5209" i="5" s="1"/>
  <c r="P5209" i="5" s="1"/>
  <c r="M3694" i="2"/>
  <c r="M3668" i="5" s="1"/>
  <c r="P3668" i="5" s="1"/>
  <c r="M842" i="2"/>
  <c r="M816" i="5" s="1"/>
  <c r="P816" i="5" s="1"/>
  <c r="M2362" i="2"/>
  <c r="M2336" i="5" s="1"/>
  <c r="P2336" i="5" s="1"/>
  <c r="M6883" i="2"/>
  <c r="M6857" i="5" s="1"/>
  <c r="P6857" i="5" s="1"/>
  <c r="M3215" i="2"/>
  <c r="M3189" i="5" s="1"/>
  <c r="P3189" i="5" s="1"/>
  <c r="M5226" i="2"/>
  <c r="M5200" i="5" s="1"/>
  <c r="P5200" i="5" s="1"/>
  <c r="M5068" i="2"/>
  <c r="M5042" i="5" s="1"/>
  <c r="P5042" i="5" s="1"/>
  <c r="M5216" i="2"/>
  <c r="M5190" i="5" s="1"/>
  <c r="P5190" i="5" s="1"/>
  <c r="M7896" i="2"/>
  <c r="M7870" i="5" s="1"/>
  <c r="P7870" i="5" s="1"/>
  <c r="M7076" i="2"/>
  <c r="M7050" i="5" s="1"/>
  <c r="P7050" i="5" s="1"/>
  <c r="M7228" i="2"/>
  <c r="M7202" i="5" s="1"/>
  <c r="P7202" i="5" s="1"/>
  <c r="M6223" i="2"/>
  <c r="M6197" i="5" s="1"/>
  <c r="P6197" i="5" s="1"/>
  <c r="M6710" i="2"/>
  <c r="M6684" i="5" s="1"/>
  <c r="P6684" i="5" s="1"/>
  <c r="M2375" i="2"/>
  <c r="M2349" i="5" s="1"/>
  <c r="P2349" i="5" s="1"/>
  <c r="M7223" i="2"/>
  <c r="M7197" i="5" s="1"/>
  <c r="P7197" i="5" s="1"/>
  <c r="M8757" i="2"/>
  <c r="M8731" i="5" s="1"/>
  <c r="P8731" i="5" s="1"/>
  <c r="M6583" i="2"/>
  <c r="M6557" i="5" s="1"/>
  <c r="P6557" i="5" s="1"/>
  <c r="M1850" i="2"/>
  <c r="M1824" i="5" s="1"/>
  <c r="P1824" i="5" s="1"/>
  <c r="M1859" i="2"/>
  <c r="M1833" i="5" s="1"/>
  <c r="P1833" i="5" s="1"/>
  <c r="M4062" i="2"/>
  <c r="M4036" i="5" s="1"/>
  <c r="P4036" i="5" s="1"/>
  <c r="M2548" i="2"/>
  <c r="M2522" i="5" s="1"/>
  <c r="P2522" i="5" s="1"/>
  <c r="M7062" i="2"/>
  <c r="M7036" i="5" s="1"/>
  <c r="P7036" i="5" s="1"/>
  <c r="M4219" i="2"/>
  <c r="M4193" i="5" s="1"/>
  <c r="P4193" i="5" s="1"/>
  <c r="M5061" i="2"/>
  <c r="M5035" i="5" s="1"/>
  <c r="P5035" i="5" s="1"/>
  <c r="M1528" i="2"/>
  <c r="M1502" i="5" s="1"/>
  <c r="P1502" i="5" s="1"/>
  <c r="M6567" i="2"/>
  <c r="M6541" i="5" s="1"/>
  <c r="P6541" i="5" s="1"/>
  <c r="M5701" i="2"/>
  <c r="M5675" i="5" s="1"/>
  <c r="P5675" i="5" s="1"/>
  <c r="M4885" i="2"/>
  <c r="M4859" i="5" s="1"/>
  <c r="P4859" i="5" s="1"/>
  <c r="M3701" i="2"/>
  <c r="M3675" i="5" s="1"/>
  <c r="P3675" i="5" s="1"/>
  <c r="M3546" i="2"/>
  <c r="M3520" i="5" s="1"/>
  <c r="P3520" i="5" s="1"/>
  <c r="M8075" i="2"/>
  <c r="M8049" i="5" s="1"/>
  <c r="P8049" i="5" s="1"/>
  <c r="M196" i="2"/>
  <c r="M170" i="5" s="1"/>
  <c r="P170" i="5" s="1"/>
  <c r="M6231" i="2"/>
  <c r="M6205" i="5" s="1"/>
  <c r="P6205" i="5" s="1"/>
  <c r="M6038" i="2"/>
  <c r="M6012" i="5" s="1"/>
  <c r="P6012" i="5" s="1"/>
  <c r="M3204" i="2"/>
  <c r="M3178" i="5" s="1"/>
  <c r="P3178" i="5" s="1"/>
  <c r="M7919" i="2"/>
  <c r="M7893" i="5" s="1"/>
  <c r="P7893" i="5" s="1"/>
  <c r="M4723" i="2"/>
  <c r="M4697" i="5" s="1"/>
  <c r="P4697" i="5" s="1"/>
  <c r="M5064" i="2"/>
  <c r="M5038" i="5" s="1"/>
  <c r="P5038" i="5" s="1"/>
  <c r="M826" i="2"/>
  <c r="M800" i="5" s="1"/>
  <c r="P800" i="5" s="1"/>
  <c r="M3698" i="2"/>
  <c r="M3672" i="5" s="1"/>
  <c r="P3672" i="5" s="1"/>
  <c r="M702" i="2"/>
  <c r="M676" i="5" s="1"/>
  <c r="P676" i="5" s="1"/>
  <c r="M691" i="2"/>
  <c r="M665" i="5" s="1"/>
  <c r="P665" i="5" s="1"/>
  <c r="M7084" i="2"/>
  <c r="M7058" i="5" s="1"/>
  <c r="P7058" i="5" s="1"/>
  <c r="M2717" i="2"/>
  <c r="M2691" i="5" s="1"/>
  <c r="P2691" i="5" s="1"/>
  <c r="M7743" i="2"/>
  <c r="M7717" i="5" s="1"/>
  <c r="P7717" i="5" s="1"/>
  <c r="M7920" i="2"/>
  <c r="M7894" i="5" s="1"/>
  <c r="P7894" i="5" s="1"/>
  <c r="M5574" i="2"/>
  <c r="M5548" i="5" s="1"/>
  <c r="P5548" i="5" s="1"/>
  <c r="M5568" i="2"/>
  <c r="M5542" i="5" s="1"/>
  <c r="P5542" i="5" s="1"/>
  <c r="M7392" i="2"/>
  <c r="M7366" i="5" s="1"/>
  <c r="P7366" i="5" s="1"/>
  <c r="M3195" i="2"/>
  <c r="M3169" i="5" s="1"/>
  <c r="P3169" i="5" s="1"/>
  <c r="M535" i="2"/>
  <c r="M509" i="5" s="1"/>
  <c r="P509" i="5" s="1"/>
  <c r="M4198" i="2"/>
  <c r="M4172" i="5" s="1"/>
  <c r="P4172" i="5" s="1"/>
  <c r="M1697" i="2"/>
  <c r="M1671" i="5" s="1"/>
  <c r="P1671" i="5" s="1"/>
  <c r="M2545" i="2"/>
  <c r="M2519" i="5" s="1"/>
  <c r="P2519" i="5" s="1"/>
  <c r="M4032" i="2"/>
  <c r="M4006" i="5" s="1"/>
  <c r="P4006" i="5" s="1"/>
  <c r="M6081" i="2"/>
  <c r="M6055" i="5" s="1"/>
  <c r="P6055" i="5" s="1"/>
  <c r="M1010" i="2"/>
  <c r="M984" i="5" s="1"/>
  <c r="P984" i="5" s="1"/>
  <c r="M7898" i="2"/>
  <c r="M7872" i="5" s="1"/>
  <c r="P7872" i="5" s="1"/>
  <c r="M2204" i="2"/>
  <c r="M2178" i="5" s="1"/>
  <c r="P2178" i="5" s="1"/>
  <c r="M4035" i="2"/>
  <c r="M4009" i="5" s="1"/>
  <c r="P4009" i="5" s="1"/>
  <c r="M8247" i="2"/>
  <c r="M8221" i="5" s="1"/>
  <c r="P8221" i="5" s="1"/>
  <c r="M7905" i="2"/>
  <c r="M7879" i="5" s="1"/>
  <c r="P7879" i="5" s="1"/>
  <c r="M5723" i="2"/>
  <c r="M5697" i="5" s="1"/>
  <c r="P5697" i="5" s="1"/>
  <c r="M7054" i="2"/>
  <c r="M7028" i="5" s="1"/>
  <c r="P7028" i="5" s="1"/>
  <c r="M5371" i="2"/>
  <c r="M5345" i="5" s="1"/>
  <c r="P5345" i="5" s="1"/>
  <c r="M6917" i="2"/>
  <c r="M6891" i="5" s="1"/>
  <c r="P6891" i="5" s="1"/>
  <c r="M8574" i="2"/>
  <c r="M8548" i="5" s="1"/>
  <c r="P8548" i="5" s="1"/>
  <c r="M159" i="2"/>
  <c r="M133" i="5" s="1"/>
  <c r="P133" i="5" s="1"/>
  <c r="M2684" i="2"/>
  <c r="M2658" i="5" s="1"/>
  <c r="P2658" i="5" s="1"/>
  <c r="M7396" i="2"/>
  <c r="M7370" i="5" s="1"/>
  <c r="P7370" i="5" s="1"/>
  <c r="M1359" i="2"/>
  <c r="M1333" i="5" s="1"/>
  <c r="P1333" i="5" s="1"/>
  <c r="M6564" i="2"/>
  <c r="M6538" i="5" s="1"/>
  <c r="P6538" i="5" s="1"/>
  <c r="M515" i="2"/>
  <c r="M489" i="5" s="1"/>
  <c r="P489" i="5" s="1"/>
  <c r="M3381" i="2"/>
  <c r="M3355" i="5" s="1"/>
  <c r="P3355" i="5" s="1"/>
  <c r="M2216" i="2"/>
  <c r="M2190" i="5" s="1"/>
  <c r="P2190" i="5" s="1"/>
  <c r="M7047" i="2"/>
  <c r="M7021" i="5" s="1"/>
  <c r="P7021" i="5" s="1"/>
  <c r="M2703" i="2"/>
  <c r="M2677" i="5" s="1"/>
  <c r="P2677" i="5" s="1"/>
  <c r="M1668" i="2"/>
  <c r="M1642" i="5" s="1"/>
  <c r="P1642" i="5" s="1"/>
  <c r="M4392" i="2"/>
  <c r="M4366" i="5" s="1"/>
  <c r="P4366" i="5" s="1"/>
  <c r="M861" i="2"/>
  <c r="M835" i="5" s="1"/>
  <c r="P835" i="5" s="1"/>
  <c r="M7048" i="2"/>
  <c r="M7022" i="5" s="1"/>
  <c r="P7022" i="5" s="1"/>
  <c r="M8069" i="2"/>
  <c r="M8043" i="5" s="1"/>
  <c r="P8043" i="5" s="1"/>
  <c r="M7384" i="2"/>
  <c r="M7358" i="5" s="1"/>
  <c r="P7358" i="5" s="1"/>
  <c r="M6055" i="2"/>
  <c r="M6029" i="5" s="1"/>
  <c r="P6029" i="5" s="1"/>
  <c r="M8428" i="2"/>
  <c r="M8402" i="5" s="1"/>
  <c r="P8402" i="5" s="1"/>
  <c r="M5883" i="2"/>
  <c r="M5857" i="5" s="1"/>
  <c r="P5857" i="5" s="1"/>
  <c r="M7558" i="2"/>
  <c r="M7532" i="5" s="1"/>
  <c r="P7532" i="5" s="1"/>
  <c r="M1860" i="2"/>
  <c r="M1834" i="5" s="1"/>
  <c r="P1834" i="5" s="1"/>
  <c r="M1340" i="2"/>
  <c r="M1314" i="5" s="1"/>
  <c r="P1314" i="5" s="1"/>
  <c r="M4040" i="2"/>
  <c r="M4014" i="5" s="1"/>
  <c r="P4014" i="5" s="1"/>
  <c r="M1209" i="2"/>
  <c r="M1183" i="5" s="1"/>
  <c r="P1183" i="5" s="1"/>
  <c r="M5393" i="2"/>
  <c r="M5367" i="5" s="1"/>
  <c r="P5367" i="5" s="1"/>
  <c r="M1702" i="2"/>
  <c r="M1676" i="5" s="1"/>
  <c r="P1676" i="5" s="1"/>
  <c r="M2379" i="2"/>
  <c r="M2353" i="5" s="1"/>
  <c r="P2353" i="5" s="1"/>
  <c r="M5575" i="2"/>
  <c r="M5549" i="5" s="1"/>
  <c r="P5549" i="5" s="1"/>
  <c r="M8601" i="2"/>
  <c r="M8575" i="5" s="1"/>
  <c r="P8575" i="5" s="1"/>
  <c r="M6910" i="2"/>
  <c r="M6884" i="5" s="1"/>
  <c r="P6884" i="5" s="1"/>
  <c r="M1023" i="2"/>
  <c r="M997" i="5" s="1"/>
  <c r="P997" i="5" s="1"/>
  <c r="M6242" i="2"/>
  <c r="M6216" i="5" s="1"/>
  <c r="P6216" i="5" s="1"/>
  <c r="M3884" i="2"/>
  <c r="M3858" i="5" s="1"/>
  <c r="P3858" i="5" s="1"/>
  <c r="M8389" i="2"/>
  <c r="M8363" i="5" s="1"/>
  <c r="P8363" i="5" s="1"/>
  <c r="M178" i="2"/>
  <c r="M152" i="5" s="1"/>
  <c r="P152" i="5" s="1"/>
  <c r="M2707" i="2"/>
  <c r="M2681" i="5" s="1"/>
  <c r="P2681" i="5" s="1"/>
  <c r="M3538" i="2"/>
  <c r="M3512" i="5" s="1"/>
  <c r="P3512" i="5" s="1"/>
  <c r="M5561" i="2"/>
  <c r="M5535" i="5" s="1"/>
  <c r="P5535" i="5" s="1"/>
  <c r="M4060" i="2"/>
  <c r="M4034" i="5" s="1"/>
  <c r="P4034" i="5" s="1"/>
  <c r="M2706" i="2"/>
  <c r="M2680" i="5" s="1"/>
  <c r="P2680" i="5" s="1"/>
  <c r="M3861" i="2"/>
  <c r="M3835" i="5" s="1"/>
  <c r="P3835" i="5" s="1"/>
  <c r="M5887" i="2"/>
  <c r="M5861" i="5" s="1"/>
  <c r="P5861" i="5" s="1"/>
  <c r="M1713" i="2"/>
  <c r="M1687" i="5" s="1"/>
  <c r="P1687" i="5" s="1"/>
  <c r="M4862" i="2"/>
  <c r="M4836" i="5" s="1"/>
  <c r="P4836" i="5" s="1"/>
  <c r="M5405" i="2"/>
  <c r="M5379" i="5" s="1"/>
  <c r="P5379" i="5" s="1"/>
  <c r="M7928" i="2"/>
  <c r="M7902" i="5" s="1"/>
  <c r="P7902" i="5" s="1"/>
  <c r="M325" i="2"/>
  <c r="M299" i="5" s="1"/>
  <c r="P299" i="5" s="1"/>
  <c r="M6416" i="2"/>
  <c r="M6390" i="5" s="1"/>
  <c r="P6390" i="5" s="1"/>
  <c r="M4358" i="2"/>
  <c r="M4332" i="5" s="1"/>
  <c r="P4332" i="5" s="1"/>
  <c r="M1520" i="2"/>
  <c r="M1494" i="5" s="1"/>
  <c r="P1494" i="5" s="1"/>
  <c r="M4227" i="2"/>
  <c r="M4201" i="5" s="1"/>
  <c r="P4201" i="5" s="1"/>
  <c r="M1858" i="2"/>
  <c r="M1832" i="5" s="1"/>
  <c r="P1832" i="5" s="1"/>
  <c r="M6558" i="2"/>
  <c r="M6532" i="5" s="1"/>
  <c r="P6532" i="5" s="1"/>
  <c r="M6562" i="2"/>
  <c r="M6536" i="5" s="1"/>
  <c r="P6536" i="5" s="1"/>
  <c r="M673" i="2"/>
  <c r="M647" i="5" s="1"/>
  <c r="P647" i="5" s="1"/>
  <c r="M2214" i="2"/>
  <c r="M2188" i="5" s="1"/>
  <c r="P2188" i="5" s="1"/>
  <c r="M8060" i="2"/>
  <c r="M8034" i="5" s="1"/>
  <c r="P8034" i="5" s="1"/>
  <c r="M7064" i="2"/>
  <c r="M7038" i="5" s="1"/>
  <c r="P7038" i="5" s="1"/>
  <c r="M6061" i="2"/>
  <c r="M6035" i="5" s="1"/>
  <c r="P6035" i="5" s="1"/>
  <c r="M7926" i="2"/>
  <c r="M7900" i="5" s="1"/>
  <c r="P7900" i="5" s="1"/>
  <c r="M7378" i="2"/>
  <c r="M7352" i="5" s="1"/>
  <c r="P7352" i="5" s="1"/>
  <c r="M333" i="2"/>
  <c r="M307" i="5" s="1"/>
  <c r="P307" i="5" s="1"/>
  <c r="M7888" i="2"/>
  <c r="M7862" i="5" s="1"/>
  <c r="P7862" i="5" s="1"/>
  <c r="M3895" i="2"/>
  <c r="M3869" i="5" s="1"/>
  <c r="P3869" i="5" s="1"/>
  <c r="M5228" i="2"/>
  <c r="M5202" i="5" s="1"/>
  <c r="P5202" i="5" s="1"/>
  <c r="M3893" i="2"/>
  <c r="M3867" i="5" s="1"/>
  <c r="P3867" i="5" s="1"/>
  <c r="M2350" i="2"/>
  <c r="M2324" i="5" s="1"/>
  <c r="P2324" i="5" s="1"/>
  <c r="M8754" i="2"/>
  <c r="M8728" i="5" s="1"/>
  <c r="P8728" i="5" s="1"/>
  <c r="M7409" i="2"/>
  <c r="M7383" i="5" s="1"/>
  <c r="P7383" i="5" s="1"/>
  <c r="M1504" i="2"/>
  <c r="M1478" i="5" s="1"/>
  <c r="P1478" i="5" s="1"/>
  <c r="M6230" i="2"/>
  <c r="M6204" i="5" s="1"/>
  <c r="P6204" i="5" s="1"/>
  <c r="M6747" i="2"/>
  <c r="M6721" i="5" s="1"/>
  <c r="P6721" i="5" s="1"/>
  <c r="M1331" i="2"/>
  <c r="M1305" i="5" s="1"/>
  <c r="P1305" i="5" s="1"/>
  <c r="M998" i="2"/>
  <c r="M972" i="5" s="1"/>
  <c r="P972" i="5" s="1"/>
  <c r="M3519" i="2"/>
  <c r="M3493" i="5" s="1"/>
  <c r="P3493" i="5" s="1"/>
  <c r="M8222" i="2"/>
  <c r="M8196" i="5" s="1"/>
  <c r="P8196" i="5" s="1"/>
  <c r="M3368" i="2"/>
  <c r="M3342" i="5" s="1"/>
  <c r="P3342" i="5" s="1"/>
  <c r="M1865" i="2"/>
  <c r="M1839" i="5" s="1"/>
  <c r="P1839" i="5" s="1"/>
  <c r="M8226" i="2"/>
  <c r="M8200" i="5" s="1"/>
  <c r="P8200" i="5" s="1"/>
  <c r="M171" i="2"/>
  <c r="M145" i="5" s="1"/>
  <c r="P145" i="5" s="1"/>
  <c r="M1693" i="2"/>
  <c r="M1667" i="5" s="1"/>
  <c r="P1667" i="5" s="1"/>
  <c r="M8080" i="2"/>
  <c r="M8054" i="5" s="1"/>
  <c r="P8054" i="5" s="1"/>
  <c r="M7077" i="2"/>
  <c r="M7051" i="5" s="1"/>
  <c r="P7051" i="5" s="1"/>
  <c r="M6378" i="2"/>
  <c r="M6352" i="5" s="1"/>
  <c r="P6352" i="5" s="1"/>
  <c r="M5890" i="2"/>
  <c r="M5864" i="5" s="1"/>
  <c r="P5864" i="5" s="1"/>
  <c r="M6542" i="2"/>
  <c r="M6516" i="5" s="1"/>
  <c r="P6516" i="5" s="1"/>
  <c r="M4562" i="2"/>
  <c r="M4536" i="5" s="1"/>
  <c r="P4536" i="5" s="1"/>
  <c r="M3862" i="2"/>
  <c r="M3836" i="5" s="1"/>
  <c r="P3836" i="5" s="1"/>
  <c r="M4189" i="2"/>
  <c r="M4163" i="5" s="1"/>
  <c r="P4163" i="5" s="1"/>
  <c r="M1847" i="2"/>
  <c r="M1821" i="5" s="1"/>
  <c r="P1821" i="5" s="1"/>
  <c r="M2185" i="2"/>
  <c r="M2159" i="5" s="1"/>
  <c r="P2159" i="5" s="1"/>
  <c r="M2853" i="2"/>
  <c r="M2827" i="5" s="1"/>
  <c r="P2827" i="5" s="1"/>
  <c r="M5398" i="2"/>
  <c r="M5372" i="5" s="1"/>
  <c r="P5372" i="5" s="1"/>
  <c r="M2674" i="2"/>
  <c r="M2648" i="5" s="1"/>
  <c r="P2648" i="5" s="1"/>
  <c r="M4879" i="2"/>
  <c r="M4853" i="5" s="1"/>
  <c r="P4853" i="5" s="1"/>
  <c r="M3858" i="2"/>
  <c r="M3832" i="5" s="1"/>
  <c r="P3832" i="5" s="1"/>
  <c r="M5872" i="2"/>
  <c r="M5846" i="5" s="1"/>
  <c r="P5846" i="5" s="1"/>
  <c r="M6574" i="2"/>
  <c r="M6548" i="5" s="1"/>
  <c r="P6548" i="5" s="1"/>
  <c r="M193" i="2"/>
  <c r="M167" i="5" s="1"/>
  <c r="P167" i="5" s="1"/>
  <c r="M8244" i="2"/>
  <c r="M8218" i="5" s="1"/>
  <c r="P8218" i="5" s="1"/>
  <c r="M2854" i="2"/>
  <c r="M2828" i="5" s="1"/>
  <c r="P2828" i="5" s="1"/>
  <c r="M1687" i="2"/>
  <c r="M1661" i="5" s="1"/>
  <c r="P1661" i="5" s="1"/>
  <c r="M8758" i="2"/>
  <c r="M8732" i="5" s="1"/>
  <c r="P8732" i="5" s="1"/>
  <c r="M7081" i="2"/>
  <c r="M7055" i="5" s="1"/>
  <c r="P7055" i="5" s="1"/>
  <c r="M2535" i="2"/>
  <c r="M2509" i="5" s="1"/>
  <c r="P2509" i="5" s="1"/>
  <c r="M7883" i="2"/>
  <c r="M7857" i="5" s="1"/>
  <c r="P7857" i="5" s="1"/>
  <c r="M6208" i="2"/>
  <c r="M6182" i="5" s="1"/>
  <c r="P6182" i="5" s="1"/>
  <c r="M4859" i="2"/>
  <c r="M4833" i="5" s="1"/>
  <c r="P4833" i="5" s="1"/>
  <c r="M5030" i="2"/>
  <c r="M5004" i="5" s="1"/>
  <c r="P5004" i="5" s="1"/>
  <c r="M7548" i="2"/>
  <c r="M7522" i="5" s="1"/>
  <c r="P7522" i="5" s="1"/>
  <c r="M5390" i="2"/>
  <c r="M5364" i="5" s="1"/>
  <c r="P5364" i="5" s="1"/>
  <c r="M6746" i="2"/>
  <c r="M6720" i="5" s="1"/>
  <c r="P6720" i="5" s="1"/>
  <c r="M5229" i="2"/>
  <c r="M5203" i="5" s="1"/>
  <c r="P5203" i="5" s="1"/>
  <c r="M3700" i="2"/>
  <c r="M3674" i="5" s="1"/>
  <c r="P3674" i="5" s="1"/>
  <c r="M155" i="2"/>
  <c r="M129" i="5" s="1"/>
  <c r="P129" i="5" s="1"/>
  <c r="M2709" i="2"/>
  <c r="M2683" i="5" s="1"/>
  <c r="P2683" i="5" s="1"/>
  <c r="M4029" i="2"/>
  <c r="M4003" i="5" s="1"/>
  <c r="P4003" i="5" s="1"/>
  <c r="M7253" i="2"/>
  <c r="M7227" i="5" s="1"/>
  <c r="P7227" i="5" s="1"/>
  <c r="M7554" i="2"/>
  <c r="M7528" i="5" s="1"/>
  <c r="P7528" i="5" s="1"/>
  <c r="M356" i="2"/>
  <c r="M330" i="5" s="1"/>
  <c r="P330" i="5" s="1"/>
  <c r="M5540" i="2"/>
  <c r="M5514" i="5" s="1"/>
  <c r="P5514" i="5" s="1"/>
  <c r="M6553" i="2"/>
  <c r="M6527" i="5" s="1"/>
  <c r="P6527" i="5" s="1"/>
  <c r="M8433" i="2"/>
  <c r="M8407" i="5" s="1"/>
  <c r="P8407" i="5" s="1"/>
  <c r="M1689" i="2"/>
  <c r="M1663" i="5" s="1"/>
  <c r="P1663" i="5" s="1"/>
  <c r="M1335" i="2"/>
  <c r="M1309" i="5" s="1"/>
  <c r="P1309" i="5" s="1"/>
  <c r="M7058" i="2"/>
  <c r="M7032" i="5" s="1"/>
  <c r="P7032" i="5" s="1"/>
  <c r="M7244" i="2"/>
  <c r="M7218" i="5" s="1"/>
  <c r="P7218" i="5" s="1"/>
  <c r="M6741" i="2"/>
  <c r="M6715" i="5" s="1"/>
  <c r="P6715" i="5" s="1"/>
  <c r="M2010" i="2"/>
  <c r="M1984" i="5" s="1"/>
  <c r="P1984" i="5" s="1"/>
  <c r="M8229" i="2"/>
  <c r="M8203" i="5" s="1"/>
  <c r="P8203" i="5" s="1"/>
  <c r="M5707" i="2"/>
  <c r="M5681" i="5" s="1"/>
  <c r="P5681" i="5" s="1"/>
  <c r="M3194" i="2"/>
  <c r="M3168" i="5" s="1"/>
  <c r="P3168" i="5" s="1"/>
  <c r="M4226" i="2"/>
  <c r="M4200" i="5" s="1"/>
  <c r="P4200" i="5" s="1"/>
  <c r="M6914" i="2"/>
  <c r="M6888" i="5" s="1"/>
  <c r="P6888" i="5" s="1"/>
  <c r="M2048" i="2"/>
  <c r="M2022" i="5" s="1"/>
  <c r="P2022" i="5" s="1"/>
  <c r="M6729" i="2"/>
  <c r="M6703" i="5" s="1"/>
  <c r="P6703" i="5" s="1"/>
  <c r="M5873" i="2"/>
  <c r="M5847" i="5" s="1"/>
  <c r="P5847" i="5" s="1"/>
  <c r="M1037" i="2"/>
  <c r="M1011" i="5" s="1"/>
  <c r="P1011" i="5" s="1"/>
  <c r="M5896" i="2"/>
  <c r="M5870" i="5" s="1"/>
  <c r="P5870" i="5" s="1"/>
  <c r="M3863" i="2"/>
  <c r="M3837" i="5" s="1"/>
  <c r="P3837" i="5" s="1"/>
  <c r="M7583" i="2"/>
  <c r="M7557" i="5" s="1"/>
  <c r="P7557" i="5" s="1"/>
  <c r="M3377" i="2"/>
  <c r="M3351" i="5" s="1"/>
  <c r="P3351" i="5" s="1"/>
  <c r="M2713" i="2"/>
  <c r="M2687" i="5" s="1"/>
  <c r="P2687" i="5" s="1"/>
  <c r="M335" i="2"/>
  <c r="M309" i="5" s="1"/>
  <c r="P309" i="5" s="1"/>
  <c r="M5029" i="2"/>
  <c r="M5003" i="5" s="1"/>
  <c r="P5003" i="5" s="1"/>
  <c r="M5219" i="2"/>
  <c r="M5193" i="5" s="1"/>
  <c r="P5193" i="5" s="1"/>
  <c r="M6572" i="2"/>
  <c r="M6546" i="5" s="1"/>
  <c r="P6546" i="5" s="1"/>
  <c r="M5382" i="2"/>
  <c r="M5356" i="5" s="1"/>
  <c r="P5356" i="5" s="1"/>
  <c r="M4886" i="2"/>
  <c r="M4860" i="5" s="1"/>
  <c r="P4860" i="5" s="1"/>
  <c r="M5729" i="2"/>
  <c r="M5703" i="5" s="1"/>
  <c r="P5703" i="5" s="1"/>
  <c r="M1165" i="2"/>
  <c r="M1139" i="5" s="1"/>
  <c r="P1139" i="5" s="1"/>
  <c r="M1877" i="2"/>
  <c r="M1851" i="5" s="1"/>
  <c r="P1851" i="5" s="1"/>
  <c r="M3389" i="2"/>
  <c r="M3363" i="5" s="1"/>
  <c r="P3363" i="5" s="1"/>
  <c r="M4380" i="2"/>
  <c r="M4354" i="5" s="1"/>
  <c r="P4354" i="5" s="1"/>
  <c r="M1873" i="2"/>
  <c r="M1847" i="5" s="1"/>
  <c r="P1847" i="5" s="1"/>
  <c r="M3865" i="2"/>
  <c r="M3839" i="5" s="1"/>
  <c r="P3839" i="5" s="1"/>
  <c r="M3707" i="2"/>
  <c r="M3681" i="5" s="1"/>
  <c r="P3681" i="5" s="1"/>
  <c r="M4054" i="2"/>
  <c r="M4028" i="5" s="1"/>
  <c r="P4028" i="5" s="1"/>
  <c r="M8410" i="2"/>
  <c r="M8384" i="5" s="1"/>
  <c r="P8384" i="5" s="1"/>
  <c r="M1844" i="2"/>
  <c r="M1818" i="5" s="1"/>
  <c r="P1818" i="5" s="1"/>
  <c r="M8248" i="2"/>
  <c r="M8222" i="5" s="1"/>
  <c r="P8222" i="5" s="1"/>
  <c r="M2842" i="2"/>
  <c r="M2816" i="5" s="1"/>
  <c r="P2816" i="5" s="1"/>
  <c r="M7734" i="2"/>
  <c r="M7708" i="5" s="1"/>
  <c r="P7708" i="5" s="1"/>
  <c r="M3713" i="2"/>
  <c r="M3687" i="5" s="1"/>
  <c r="P3687" i="5" s="1"/>
  <c r="M6390" i="2"/>
  <c r="M6364" i="5" s="1"/>
  <c r="P6364" i="5" s="1"/>
  <c r="M1180" i="2"/>
  <c r="M1154" i="5" s="1"/>
  <c r="P1154" i="5" s="1"/>
  <c r="M5716" i="2"/>
  <c r="M5690" i="5" s="1"/>
  <c r="P5690" i="5" s="1"/>
  <c r="M7075" i="2"/>
  <c r="M7049" i="5" s="1"/>
  <c r="P7049" i="5" s="1"/>
  <c r="M4522" i="2"/>
  <c r="M4496" i="5" s="1"/>
  <c r="P4496" i="5" s="1"/>
  <c r="M6240" i="2"/>
  <c r="M6214" i="5" s="1"/>
  <c r="P6214" i="5" s="1"/>
  <c r="M5070" i="2"/>
  <c r="M5044" i="5" s="1"/>
  <c r="P5044" i="5" s="1"/>
  <c r="M368" i="2"/>
  <c r="M342" i="5" s="1"/>
  <c r="P342" i="5" s="1"/>
  <c r="M6058" i="2"/>
  <c r="M6032" i="5" s="1"/>
  <c r="P6032" i="5" s="1"/>
  <c r="M7910" i="2"/>
  <c r="M7884" i="5" s="1"/>
  <c r="P7884" i="5" s="1"/>
  <c r="M7229" i="2"/>
  <c r="M7203" i="5" s="1"/>
  <c r="P7203" i="5" s="1"/>
  <c r="M8261" i="2"/>
  <c r="M8235" i="5" s="1"/>
  <c r="P8235" i="5" s="1"/>
  <c r="M7225" i="2"/>
  <c r="M7199" i="5" s="1"/>
  <c r="P7199" i="5" s="1"/>
  <c r="M3721" i="2"/>
  <c r="M3695" i="5" s="1"/>
  <c r="P3695" i="5" s="1"/>
  <c r="M5911" i="2"/>
  <c r="M5885" i="5" s="1"/>
  <c r="P5885" i="5" s="1"/>
  <c r="M8726" i="2"/>
  <c r="M8700" i="5" s="1"/>
  <c r="P8700" i="5" s="1"/>
  <c r="M5740" i="2"/>
  <c r="M5714" i="5" s="1"/>
  <c r="P5714" i="5" s="1"/>
  <c r="M2506" i="2"/>
  <c r="M2480" i="5" s="1"/>
  <c r="P2480" i="5" s="1"/>
  <c r="M5572" i="2"/>
  <c r="M5546" i="5" s="1"/>
  <c r="P5546" i="5" s="1"/>
  <c r="M1333" i="2"/>
  <c r="M1307" i="5" s="1"/>
  <c r="P1307" i="5" s="1"/>
  <c r="M4045" i="2"/>
  <c r="M4019" i="5" s="1"/>
  <c r="P4019" i="5" s="1"/>
  <c r="M2547" i="2"/>
  <c r="M2521" i="5" s="1"/>
  <c r="P2521" i="5" s="1"/>
  <c r="M6403" i="2"/>
  <c r="M6377" i="5" s="1"/>
  <c r="P6377" i="5" s="1"/>
  <c r="M4895" i="2"/>
  <c r="M4869" i="5" s="1"/>
  <c r="P4869" i="5" s="1"/>
  <c r="M3857" i="2"/>
  <c r="M3831" i="5" s="1"/>
  <c r="P3831" i="5" s="1"/>
  <c r="M3386" i="2"/>
  <c r="M3360" i="5" s="1"/>
  <c r="P3360" i="5" s="1"/>
  <c r="M4690" i="2"/>
  <c r="M4664" i="5" s="1"/>
  <c r="P4664" i="5" s="1"/>
  <c r="M8405" i="2"/>
  <c r="M8379" i="5" s="1"/>
  <c r="P8379" i="5" s="1"/>
  <c r="M4877" i="2"/>
  <c r="M4851" i="5" s="1"/>
  <c r="P4851" i="5" s="1"/>
  <c r="M5557" i="2"/>
  <c r="M5531" i="5" s="1"/>
  <c r="P5531" i="5" s="1"/>
  <c r="M4211" i="2"/>
  <c r="M4185" i="5" s="1"/>
  <c r="P4185" i="5" s="1"/>
  <c r="M6743" i="2"/>
  <c r="M6717" i="5" s="1"/>
  <c r="P6717" i="5" s="1"/>
  <c r="M8256" i="2"/>
  <c r="M8230" i="5" s="1"/>
  <c r="P8230" i="5" s="1"/>
  <c r="M180" i="2"/>
  <c r="M154" i="5" s="1"/>
  <c r="P154" i="5" s="1"/>
  <c r="M4736" i="2"/>
  <c r="M4710" i="5" s="1"/>
  <c r="P4710" i="5" s="1"/>
  <c r="M3207" i="2"/>
  <c r="M3181" i="5" s="1"/>
  <c r="P3181" i="5" s="1"/>
  <c r="M8417" i="2"/>
  <c r="M8391" i="5" s="1"/>
  <c r="P8391" i="5" s="1"/>
  <c r="M8249" i="2"/>
  <c r="M8223" i="5" s="1"/>
  <c r="P8223" i="5" s="1"/>
  <c r="M1852" i="2"/>
  <c r="M1826" i="5" s="1"/>
  <c r="P1826" i="5" s="1"/>
  <c r="M8234" i="2"/>
  <c r="M8208" i="5" s="1"/>
  <c r="P8208" i="5" s="1"/>
  <c r="M3031" i="2"/>
  <c r="M3005" i="5" s="1"/>
  <c r="P3005" i="5" s="1"/>
  <c r="M8396" i="2"/>
  <c r="M8370" i="5" s="1"/>
  <c r="P8370" i="5" s="1"/>
  <c r="M5045" i="2"/>
  <c r="M5019" i="5" s="1"/>
  <c r="P5019" i="5" s="1"/>
  <c r="M2345" i="2"/>
  <c r="M2319" i="5" s="1"/>
  <c r="P2319" i="5" s="1"/>
  <c r="M6034" i="2"/>
  <c r="M6008" i="5" s="1"/>
  <c r="P6008" i="5" s="1"/>
  <c r="M5223" i="2"/>
  <c r="M5197" i="5" s="1"/>
  <c r="P5197" i="5" s="1"/>
  <c r="M2372" i="2"/>
  <c r="M2346" i="5" s="1"/>
  <c r="P2346" i="5" s="1"/>
  <c r="M6060" i="2"/>
  <c r="M6034" i="5" s="1"/>
  <c r="P6034" i="5" s="1"/>
  <c r="M4225" i="2"/>
  <c r="M4199" i="5" s="1"/>
  <c r="P4199" i="5" s="1"/>
  <c r="M8761" i="2"/>
  <c r="M8735" i="5" s="1"/>
  <c r="P8735" i="5" s="1"/>
  <c r="M6213" i="2"/>
  <c r="M6187" i="5" s="1"/>
  <c r="P6187" i="5" s="1"/>
  <c r="J6410" i="2"/>
  <c r="J6384" i="5" s="1"/>
  <c r="N6384" i="5" s="1"/>
  <c r="J4900" i="2"/>
  <c r="J4874" i="5" s="1"/>
  <c r="N4874" i="5" s="1"/>
  <c r="J3723" i="2"/>
  <c r="J3697" i="5" s="1"/>
  <c r="N3697" i="5" s="1"/>
  <c r="J8245" i="2"/>
  <c r="J8219" i="5" s="1"/>
  <c r="N8219" i="5" s="1"/>
  <c r="J3890" i="2"/>
  <c r="J3864" i="5" s="1"/>
  <c r="N3864" i="5" s="1"/>
  <c r="J4064" i="2"/>
  <c r="J4038" i="5" s="1"/>
  <c r="N4038" i="5" s="1"/>
  <c r="J7070" i="2"/>
  <c r="J7044" i="5" s="1"/>
  <c r="N7044" i="5" s="1"/>
  <c r="J6888" i="2"/>
  <c r="J6862" i="5" s="1"/>
  <c r="N6862" i="5" s="1"/>
  <c r="J5547" i="2"/>
  <c r="J5521" i="5" s="1"/>
  <c r="N5521" i="5" s="1"/>
  <c r="J3883" i="2"/>
  <c r="J3857" i="5" s="1"/>
  <c r="N3857" i="5" s="1"/>
  <c r="J4873" i="2"/>
  <c r="J4847" i="5" s="1"/>
  <c r="N4847" i="5" s="1"/>
  <c r="J5208" i="2"/>
  <c r="J5182" i="5" s="1"/>
  <c r="N5182" i="5" s="1"/>
  <c r="J2215" i="2"/>
  <c r="J2189" i="5" s="1"/>
  <c r="N2189" i="5" s="1"/>
  <c r="J8578" i="2"/>
  <c r="J8552" i="5" s="1"/>
  <c r="N8552" i="5" s="1"/>
  <c r="J7074" i="2"/>
  <c r="J7048" i="5" s="1"/>
  <c r="N7048" i="5" s="1"/>
  <c r="I6415" i="2"/>
  <c r="I6389" i="5" s="1"/>
  <c r="I6061" i="2"/>
  <c r="I6035" i="5" s="1"/>
  <c r="J4714" i="2"/>
  <c r="J4688" i="5" s="1"/>
  <c r="N4688" i="5" s="1"/>
  <c r="J4368" i="2"/>
  <c r="J4342" i="5" s="1"/>
  <c r="N4342" i="5" s="1"/>
  <c r="J690" i="2"/>
  <c r="J664" i="5" s="1"/>
  <c r="N664" i="5" s="1"/>
  <c r="J2872" i="2"/>
  <c r="J2846" i="5" s="1"/>
  <c r="N2846" i="5" s="1"/>
  <c r="J6055" i="2"/>
  <c r="J6029" i="5" s="1"/>
  <c r="N6029" i="5" s="1"/>
  <c r="J6218" i="2"/>
  <c r="J6192" i="5" s="1"/>
  <c r="N6192" i="5" s="1"/>
  <c r="J8253" i="2"/>
  <c r="J8227" i="5" s="1"/>
  <c r="N8227" i="5" s="1"/>
  <c r="J2714" i="2"/>
  <c r="J2688" i="5" s="1"/>
  <c r="N2688" i="5" s="1"/>
  <c r="J829" i="2"/>
  <c r="J803" i="5" s="1"/>
  <c r="N803" i="5" s="1"/>
  <c r="J7218" i="2"/>
  <c r="J7192" i="5" s="1"/>
  <c r="N7192" i="5" s="1"/>
  <c r="J1849" i="2"/>
  <c r="J1823" i="5" s="1"/>
  <c r="N1823" i="5" s="1"/>
  <c r="J2356" i="2"/>
  <c r="J2330" i="5" s="1"/>
  <c r="N2330" i="5" s="1"/>
  <c r="J2192" i="2"/>
  <c r="J2166" i="5" s="1"/>
  <c r="N2166" i="5" s="1"/>
  <c r="J3390" i="2"/>
  <c r="J3364" i="5" s="1"/>
  <c r="N3364" i="5" s="1"/>
  <c r="J498" i="2"/>
  <c r="J472" i="5" s="1"/>
  <c r="N472" i="5" s="1"/>
  <c r="J7045" i="2"/>
  <c r="J7019" i="5" s="1"/>
  <c r="N7019" i="5" s="1"/>
  <c r="J848" i="2"/>
  <c r="J822" i="5" s="1"/>
  <c r="N822" i="5" s="1"/>
  <c r="I2718" i="2"/>
  <c r="I2692" i="5" s="1"/>
  <c r="I8738" i="2"/>
  <c r="I8712" i="5" s="1"/>
  <c r="I4874" i="2"/>
  <c r="I4848" i="5" s="1"/>
  <c r="J2880" i="2"/>
  <c r="J2854" i="5" s="1"/>
  <c r="N2854" i="5" s="1"/>
  <c r="J6223" i="2"/>
  <c r="J6197" i="5" s="1"/>
  <c r="N6197" i="5" s="1"/>
  <c r="J6051" i="2"/>
  <c r="J6025" i="5" s="1"/>
  <c r="N6025" i="5" s="1"/>
  <c r="J3356" i="2"/>
  <c r="J3330" i="5" s="1"/>
  <c r="N3330" i="5" s="1"/>
  <c r="J8564" i="2"/>
  <c r="J8538" i="5" s="1"/>
  <c r="N8538" i="5" s="1"/>
  <c r="J8433" i="2"/>
  <c r="J8407" i="5" s="1"/>
  <c r="N8407" i="5" s="1"/>
  <c r="J338" i="2"/>
  <c r="J312" i="5" s="1"/>
  <c r="N312" i="5" s="1"/>
  <c r="J2204" i="2"/>
  <c r="J2178" i="5" s="1"/>
  <c r="N2178" i="5" s="1"/>
  <c r="J2187" i="2"/>
  <c r="J2161" i="5" s="1"/>
  <c r="N2161" i="5" s="1"/>
  <c r="J8405" i="2"/>
  <c r="J8379" i="5" s="1"/>
  <c r="N8379" i="5" s="1"/>
  <c r="J2046" i="2"/>
  <c r="J2020" i="5" s="1"/>
  <c r="N2020" i="5" s="1"/>
  <c r="J5703" i="2"/>
  <c r="J5677" i="5" s="1"/>
  <c r="N5677" i="5" s="1"/>
  <c r="J836" i="2"/>
  <c r="J810" i="5" s="1"/>
  <c r="N810" i="5" s="1"/>
  <c r="J368" i="2"/>
  <c r="J342" i="5" s="1"/>
  <c r="N342" i="5" s="1"/>
  <c r="J8408" i="2"/>
  <c r="J8382" i="5" s="1"/>
  <c r="N8382" i="5" s="1"/>
  <c r="J1176" i="2"/>
  <c r="J1150" i="5" s="1"/>
  <c r="N1150" i="5" s="1"/>
  <c r="J6372" i="2"/>
  <c r="J6346" i="5" s="1"/>
  <c r="N6346" i="5" s="1"/>
  <c r="J5388" i="2"/>
  <c r="J5362" i="5" s="1"/>
  <c r="N5362" i="5" s="1"/>
  <c r="J2704" i="2"/>
  <c r="J2678" i="5" s="1"/>
  <c r="N2678" i="5" s="1"/>
  <c r="J6209" i="2"/>
  <c r="J6183" i="5" s="1"/>
  <c r="N6183" i="5" s="1"/>
  <c r="J2515" i="2"/>
  <c r="J2489" i="5" s="1"/>
  <c r="N2489" i="5" s="1"/>
  <c r="J4565" i="2"/>
  <c r="J4539" i="5" s="1"/>
  <c r="N4539" i="5" s="1"/>
  <c r="J5217" i="2"/>
  <c r="J5191" i="5" s="1"/>
  <c r="N5191" i="5" s="1"/>
  <c r="J1162" i="2"/>
  <c r="J1136" i="5" s="1"/>
  <c r="N1136" i="5" s="1"/>
  <c r="J5564" i="2"/>
  <c r="J5538" i="5" s="1"/>
  <c r="N5538" i="5" s="1"/>
  <c r="J7584" i="2"/>
  <c r="J7558" i="5" s="1"/>
  <c r="N7558" i="5" s="1"/>
  <c r="J1025" i="2"/>
  <c r="J999" i="5" s="1"/>
  <c r="N999" i="5" s="1"/>
  <c r="J1844" i="2"/>
  <c r="J1818" i="5" s="1"/>
  <c r="N1818" i="5" s="1"/>
  <c r="J6391" i="2"/>
  <c r="J6365" i="5" s="1"/>
  <c r="N6365" i="5" s="1"/>
  <c r="J5063" i="2"/>
  <c r="J5037" i="5" s="1"/>
  <c r="N5037" i="5" s="1"/>
  <c r="J5737" i="2"/>
  <c r="J5711" i="5" s="1"/>
  <c r="N5711" i="5" s="1"/>
  <c r="J3220" i="2"/>
  <c r="J3194" i="5" s="1"/>
  <c r="N3194" i="5" s="1"/>
  <c r="J3025" i="2"/>
  <c r="J2999" i="5" s="1"/>
  <c r="N2999" i="5" s="1"/>
  <c r="J3863" i="2"/>
  <c r="J3837" i="5" s="1"/>
  <c r="N3837" i="5" s="1"/>
  <c r="I4049" i="2"/>
  <c r="I4023" i="5" s="1"/>
  <c r="I5537" i="2"/>
  <c r="I5511" i="5" s="1"/>
  <c r="F139" i="5"/>
  <c r="AR133" i="1"/>
  <c r="C182" i="5"/>
  <c r="AR176" i="1"/>
  <c r="J1670" i="2"/>
  <c r="J1644" i="5" s="1"/>
  <c r="N1644" i="5" s="1"/>
  <c r="J2345" i="2"/>
  <c r="J2319" i="5" s="1"/>
  <c r="N2319" i="5" s="1"/>
  <c r="J7548" i="2"/>
  <c r="J7522" i="5" s="1"/>
  <c r="N7522" i="5" s="1"/>
  <c r="J6212" i="2"/>
  <c r="J6186" i="5" s="1"/>
  <c r="N6186" i="5" s="1"/>
  <c r="J4564" i="2"/>
  <c r="J4538" i="5" s="1"/>
  <c r="N4538" i="5" s="1"/>
  <c r="J6884" i="2"/>
  <c r="J6858" i="5" s="1"/>
  <c r="N6858" i="5" s="1"/>
  <c r="J5705" i="2"/>
  <c r="J5679" i="5" s="1"/>
  <c r="N5679" i="5" s="1"/>
  <c r="J851" i="2"/>
  <c r="J825" i="5" s="1"/>
  <c r="N825" i="5" s="1"/>
  <c r="J5874" i="2"/>
  <c r="J5848" i="5" s="1"/>
  <c r="N5848" i="5" s="1"/>
  <c r="J6203" i="2"/>
  <c r="J6177" i="5" s="1"/>
  <c r="N6177" i="5" s="1"/>
  <c r="J363" i="2"/>
  <c r="J337" i="5" s="1"/>
  <c r="N337" i="5" s="1"/>
  <c r="J2543" i="2"/>
  <c r="J2517" i="5" s="1"/>
  <c r="N2517" i="5" s="1"/>
  <c r="J1187" i="2"/>
  <c r="J1161" i="5" s="1"/>
  <c r="N1161" i="5" s="1"/>
  <c r="J2015" i="2"/>
  <c r="J1989" i="5" s="1"/>
  <c r="N1989" i="5" s="1"/>
  <c r="J5575" i="2"/>
  <c r="J5549" i="5" s="1"/>
  <c r="N5549" i="5" s="1"/>
  <c r="J3532" i="2"/>
  <c r="J3506" i="5" s="1"/>
  <c r="N3506" i="5" s="1"/>
  <c r="J3024" i="2"/>
  <c r="J2998" i="5" s="1"/>
  <c r="N2998" i="5" s="1"/>
  <c r="J2538" i="2"/>
  <c r="J2512" i="5" s="1"/>
  <c r="N2512" i="5" s="1"/>
  <c r="J7398" i="2"/>
  <c r="J7372" i="5" s="1"/>
  <c r="N7372" i="5" s="1"/>
  <c r="J5866" i="2"/>
  <c r="J5840" i="5" s="1"/>
  <c r="N5840" i="5" s="1"/>
  <c r="J6249" i="2"/>
  <c r="J6223" i="5" s="1"/>
  <c r="N6223" i="5" s="1"/>
  <c r="J7080" i="2"/>
  <c r="J7054" i="5" s="1"/>
  <c r="N7054" i="5" s="1"/>
  <c r="J849" i="2"/>
  <c r="J823" i="5" s="1"/>
  <c r="N823" i="5" s="1"/>
  <c r="J7233" i="2"/>
  <c r="J7207" i="5" s="1"/>
  <c r="N7207" i="5" s="1"/>
  <c r="J6397" i="2"/>
  <c r="J6371" i="5" s="1"/>
  <c r="N6371" i="5" s="1"/>
  <c r="J2878" i="2"/>
  <c r="J2852" i="5" s="1"/>
  <c r="N2852" i="5" s="1"/>
  <c r="J8236" i="2"/>
  <c r="J8210" i="5" s="1"/>
  <c r="N8210" i="5" s="1"/>
  <c r="J5362" i="2"/>
  <c r="J5336" i="5" s="1"/>
  <c r="N5336" i="5" s="1"/>
  <c r="J4357" i="2"/>
  <c r="J4331" i="5" s="1"/>
  <c r="N4331" i="5" s="1"/>
  <c r="J3202" i="2"/>
  <c r="J3176" i="5" s="1"/>
  <c r="N3176" i="5" s="1"/>
  <c r="J1700" i="2"/>
  <c r="J1674" i="5" s="1"/>
  <c r="N1674" i="5" s="1"/>
  <c r="J6719" i="2"/>
  <c r="J6693" i="5" s="1"/>
  <c r="N6693" i="5" s="1"/>
  <c r="J1514" i="2"/>
  <c r="J1488" i="5" s="1"/>
  <c r="N1488" i="5" s="1"/>
  <c r="J172" i="2"/>
  <c r="J146" i="5" s="1"/>
  <c r="N146" i="5" s="1"/>
  <c r="J5572" i="2"/>
  <c r="J5546" i="5" s="1"/>
  <c r="N5546" i="5" s="1"/>
  <c r="J8575" i="2"/>
  <c r="J8549" i="5" s="1"/>
  <c r="N8549" i="5" s="1"/>
  <c r="J3691" i="2"/>
  <c r="J3665" i="5" s="1"/>
  <c r="N3665" i="5" s="1"/>
  <c r="J4735" i="2"/>
  <c r="J4709" i="5" s="1"/>
  <c r="N4709" i="5" s="1"/>
  <c r="J4885" i="2"/>
  <c r="J4859" i="5" s="1"/>
  <c r="N4859" i="5" s="1"/>
  <c r="J4898" i="2"/>
  <c r="J4872" i="5" s="1"/>
  <c r="N4872" i="5" s="1"/>
  <c r="J6744" i="2"/>
  <c r="J6718" i="5" s="1"/>
  <c r="N6718" i="5" s="1"/>
  <c r="J2031" i="2"/>
  <c r="J2005" i="5" s="1"/>
  <c r="N2005" i="5" s="1"/>
  <c r="J3022" i="2"/>
  <c r="J2996" i="5" s="1"/>
  <c r="N2996" i="5" s="1"/>
  <c r="J5373" i="2"/>
  <c r="J5347" i="5" s="1"/>
  <c r="N5347" i="5" s="1"/>
  <c r="J165" i="2"/>
  <c r="J139" i="5" s="1"/>
  <c r="N139" i="5" s="1"/>
  <c r="J8762" i="2"/>
  <c r="J8736" i="5" s="1"/>
  <c r="N8736" i="5" s="1"/>
  <c r="J2036" i="2"/>
  <c r="J2010" i="5" s="1"/>
  <c r="N2010" i="5" s="1"/>
  <c r="J1179" i="2"/>
  <c r="J1153" i="5" s="1"/>
  <c r="N1153" i="5" s="1"/>
  <c r="J6914" i="2"/>
  <c r="J6888" i="5" s="1"/>
  <c r="N6888" i="5" s="1"/>
  <c r="J8751" i="2"/>
  <c r="J8725" i="5" s="1"/>
  <c r="N8725" i="5" s="1"/>
  <c r="J7735" i="2"/>
  <c r="J7709" i="5" s="1"/>
  <c r="N7709" i="5" s="1"/>
  <c r="J3851" i="2"/>
  <c r="J3825" i="5" s="1"/>
  <c r="N3825" i="5" s="1"/>
  <c r="J6729" i="2"/>
  <c r="J6703" i="5" s="1"/>
  <c r="N6703" i="5" s="1"/>
  <c r="J5402" i="2"/>
  <c r="J5376" i="5" s="1"/>
  <c r="N5376" i="5" s="1"/>
  <c r="J2688" i="2"/>
  <c r="J2662" i="5" s="1"/>
  <c r="N2662" i="5" s="1"/>
  <c r="J5882" i="2"/>
  <c r="J5856" i="5" s="1"/>
  <c r="N5856" i="5" s="1"/>
  <c r="J5389" i="2"/>
  <c r="J5363" i="5" s="1"/>
  <c r="N5363" i="5" s="1"/>
  <c r="J5201" i="2"/>
  <c r="J5175" i="5" s="1"/>
  <c r="N5175" i="5" s="1"/>
  <c r="J525" i="2"/>
  <c r="J499" i="5" s="1"/>
  <c r="N499" i="5" s="1"/>
  <c r="J1332" i="2"/>
  <c r="J1306" i="5" s="1"/>
  <c r="N1306" i="5" s="1"/>
  <c r="J5869" i="2"/>
  <c r="J5843" i="5" s="1"/>
  <c r="N5843" i="5" s="1"/>
  <c r="J5056" i="2"/>
  <c r="J5030" i="5" s="1"/>
  <c r="N5030" i="5" s="1"/>
  <c r="J3541" i="2"/>
  <c r="J3515" i="5" s="1"/>
  <c r="N3515" i="5" s="1"/>
  <c r="J695" i="2"/>
  <c r="J669" i="5" s="1"/>
  <c r="N669" i="5" s="1"/>
  <c r="J1004" i="2"/>
  <c r="J978" i="5" s="1"/>
  <c r="N978" i="5" s="1"/>
  <c r="J1869" i="2"/>
  <c r="J1843" i="5" s="1"/>
  <c r="N1843" i="5" s="1"/>
  <c r="J3850" i="2"/>
  <c r="J3824" i="5" s="1"/>
  <c r="N3824" i="5" s="1"/>
  <c r="J2367" i="2"/>
  <c r="J2341" i="5" s="1"/>
  <c r="N2341" i="5" s="1"/>
  <c r="J5230" i="2"/>
  <c r="J5204" i="5" s="1"/>
  <c r="N5204" i="5" s="1"/>
  <c r="J5381" i="2"/>
  <c r="J5355" i="5" s="1"/>
  <c r="N5355" i="5" s="1"/>
  <c r="J2374" i="2"/>
  <c r="J2348" i="5" s="1"/>
  <c r="N2348" i="5" s="1"/>
  <c r="J661" i="2"/>
  <c r="J635" i="5" s="1"/>
  <c r="N635" i="5" s="1"/>
  <c r="J6404" i="2"/>
  <c r="J6378" i="5" s="1"/>
  <c r="N6378" i="5" s="1"/>
  <c r="J2025" i="2"/>
  <c r="J1999" i="5" s="1"/>
  <c r="N1999" i="5" s="1"/>
  <c r="J1003" i="2"/>
  <c r="J977" i="5" s="1"/>
  <c r="N977" i="5" s="1"/>
  <c r="J2857" i="2"/>
  <c r="J2831" i="5" s="1"/>
  <c r="N2831" i="5" s="1"/>
  <c r="J3528" i="2"/>
  <c r="J3502" i="5" s="1"/>
  <c r="N3502" i="5" s="1"/>
  <c r="J3713" i="2"/>
  <c r="J3687" i="5" s="1"/>
  <c r="N3687" i="5" s="1"/>
  <c r="J6389" i="2"/>
  <c r="J6363" i="5" s="1"/>
  <c r="N6363" i="5" s="1"/>
  <c r="J5565" i="2"/>
  <c r="J5539" i="5" s="1"/>
  <c r="N5539" i="5" s="1"/>
  <c r="J5897" i="2"/>
  <c r="J5871" i="5" s="1"/>
  <c r="N5871" i="5" s="1"/>
  <c r="J2188" i="2"/>
  <c r="J2162" i="5" s="1"/>
  <c r="N2162" i="5" s="1"/>
  <c r="J2703" i="2"/>
  <c r="J2677" i="5" s="1"/>
  <c r="N2677" i="5" s="1"/>
  <c r="J855" i="2"/>
  <c r="J829" i="5" s="1"/>
  <c r="N829" i="5" s="1"/>
  <c r="J4226" i="2"/>
  <c r="J4200" i="5" s="1"/>
  <c r="N4200" i="5" s="1"/>
  <c r="J7422" i="2"/>
  <c r="J7396" i="5" s="1"/>
  <c r="N7396" i="5" s="1"/>
  <c r="J1010" i="2"/>
  <c r="J984" i="5" s="1"/>
  <c r="N984" i="5" s="1"/>
  <c r="J7575" i="2"/>
  <c r="J7549" i="5" s="1"/>
  <c r="N7549" i="5" s="1"/>
  <c r="J6901" i="2"/>
  <c r="J6875" i="5" s="1"/>
  <c r="N6875" i="5" s="1"/>
  <c r="J8765" i="2"/>
  <c r="J8739" i="5" s="1"/>
  <c r="N8739" i="5" s="1"/>
  <c r="J6921" i="2"/>
  <c r="J6895" i="5" s="1"/>
  <c r="N6895" i="5" s="1"/>
  <c r="J7889" i="2"/>
  <c r="J7863" i="5" s="1"/>
  <c r="N7863" i="5" s="1"/>
  <c r="J4528" i="2"/>
  <c r="J4502" i="5" s="1"/>
  <c r="N4502" i="5" s="1"/>
  <c r="J8766" i="2"/>
  <c r="J8740" i="5" s="1"/>
  <c r="N8740" i="5" s="1"/>
  <c r="J3703" i="2"/>
  <c r="J3677" i="5" s="1"/>
  <c r="N3677" i="5" s="1"/>
  <c r="J2680" i="2"/>
  <c r="J2654" i="5" s="1"/>
  <c r="N2654" i="5" s="1"/>
  <c r="J192" i="2"/>
  <c r="J166" i="5" s="1"/>
  <c r="N166" i="5" s="1"/>
  <c r="J7086" i="2"/>
  <c r="J7060" i="5" s="1"/>
  <c r="N7060" i="5" s="1"/>
  <c r="J826" i="2"/>
  <c r="J800" i="5" s="1"/>
  <c r="N800" i="5" s="1"/>
  <c r="J1026" i="2"/>
  <c r="J1000" i="5" s="1"/>
  <c r="N1000" i="5" s="1"/>
  <c r="J3729" i="2"/>
  <c r="J3703" i="5" s="1"/>
  <c r="N3703" i="5" s="1"/>
  <c r="J4044" i="2"/>
  <c r="J4018" i="5" s="1"/>
  <c r="N4018" i="5" s="1"/>
  <c r="J8096" i="2"/>
  <c r="J8070" i="5" s="1"/>
  <c r="N8070" i="5" s="1"/>
  <c r="J3884" i="2"/>
  <c r="J3858" i="5" s="1"/>
  <c r="N3858" i="5" s="1"/>
  <c r="J1199" i="2"/>
  <c r="J1173" i="5" s="1"/>
  <c r="N1173" i="5" s="1"/>
  <c r="J1334" i="2"/>
  <c r="J1308" i="5" s="1"/>
  <c r="N1308" i="5" s="1"/>
  <c r="J1347" i="2"/>
  <c r="J1321" i="5" s="1"/>
  <c r="N1321" i="5" s="1"/>
  <c r="J2690" i="2"/>
  <c r="J2664" i="5" s="1"/>
  <c r="N2664" i="5" s="1"/>
  <c r="J3864" i="2"/>
  <c r="J3838" i="5" s="1"/>
  <c r="N3838" i="5" s="1"/>
  <c r="J7051" i="2"/>
  <c r="J7025" i="5" s="1"/>
  <c r="N7025" i="5" s="1"/>
  <c r="J662" i="2"/>
  <c r="J636" i="5" s="1"/>
  <c r="N636" i="5" s="1"/>
  <c r="J7884" i="2"/>
  <c r="J7858" i="5" s="1"/>
  <c r="N7858" i="5" s="1"/>
  <c r="J4189" i="2"/>
  <c r="J4163" i="5" s="1"/>
  <c r="N4163" i="5" s="1"/>
  <c r="J2027" i="2"/>
  <c r="J2001" i="5" s="1"/>
  <c r="N2001" i="5" s="1"/>
  <c r="J3016" i="2"/>
  <c r="J2990" i="5" s="1"/>
  <c r="N2990" i="5" s="1"/>
  <c r="J3197" i="2"/>
  <c r="J3171" i="5" s="1"/>
  <c r="N3171" i="5" s="1"/>
  <c r="J3186" i="2"/>
  <c r="J3160" i="5" s="1"/>
  <c r="N3160" i="5" s="1"/>
  <c r="J2217" i="2"/>
  <c r="J2191" i="5" s="1"/>
  <c r="N2191" i="5" s="1"/>
  <c r="J7547" i="2"/>
  <c r="J7521" i="5" s="1"/>
  <c r="N7521" i="5" s="1"/>
  <c r="J844" i="2"/>
  <c r="J818" i="5" s="1"/>
  <c r="N818" i="5" s="1"/>
  <c r="J5708" i="2"/>
  <c r="J5682" i="5" s="1"/>
  <c r="N5682" i="5" s="1"/>
  <c r="J1525" i="2"/>
  <c r="J1499" i="5" s="1"/>
  <c r="N1499" i="5" s="1"/>
  <c r="J7415" i="2"/>
  <c r="J7389" i="5" s="1"/>
  <c r="N7389" i="5" s="1"/>
  <c r="J2366" i="2"/>
  <c r="J2340" i="5" s="1"/>
  <c r="N2340" i="5" s="1"/>
  <c r="J3368" i="2"/>
  <c r="J3342" i="5" s="1"/>
  <c r="N3342" i="5" s="1"/>
  <c r="J495" i="2"/>
  <c r="J469" i="5" s="1"/>
  <c r="N469" i="5" s="1"/>
  <c r="J8594" i="2"/>
  <c r="J8568" i="5" s="1"/>
  <c r="N8568" i="5" s="1"/>
  <c r="J3861" i="2"/>
  <c r="J3835" i="5" s="1"/>
  <c r="N3835" i="5" s="1"/>
  <c r="J4538" i="2"/>
  <c r="J4512" i="5" s="1"/>
  <c r="N4512" i="5" s="1"/>
  <c r="J6706" i="2"/>
  <c r="J6680" i="5" s="1"/>
  <c r="N6680" i="5" s="1"/>
  <c r="J356" i="2"/>
  <c r="J330" i="5" s="1"/>
  <c r="N330" i="5" s="1"/>
  <c r="J2369" i="2"/>
  <c r="J2343" i="5" s="1"/>
  <c r="N2343" i="5" s="1"/>
  <c r="J1512" i="2"/>
  <c r="J1486" i="5" s="1"/>
  <c r="N1486" i="5" s="1"/>
  <c r="J3726" i="2"/>
  <c r="J3700" i="5" s="1"/>
  <c r="N3700" i="5" s="1"/>
  <c r="J6565" i="2"/>
  <c r="J6539" i="5" s="1"/>
  <c r="N6539" i="5" s="1"/>
  <c r="J5878" i="2"/>
  <c r="J5852" i="5" s="1"/>
  <c r="N5852" i="5" s="1"/>
  <c r="J328" i="2"/>
  <c r="J302" i="5" s="1"/>
  <c r="N302" i="5" s="1"/>
  <c r="J660" i="2"/>
  <c r="J634" i="5" s="1"/>
  <c r="N634" i="5" s="1"/>
  <c r="J6902" i="2"/>
  <c r="J6876" i="5" s="1"/>
  <c r="N6876" i="5" s="1"/>
  <c r="J6549" i="2"/>
  <c r="J6523" i="5" s="1"/>
  <c r="N6523" i="5" s="1"/>
  <c r="J7554" i="2"/>
  <c r="J7528" i="5" s="1"/>
  <c r="N7528" i="5" s="1"/>
  <c r="J7747" i="2"/>
  <c r="J7721" i="5" s="1"/>
  <c r="N7721" i="5" s="1"/>
  <c r="J7902" i="2"/>
  <c r="J7876" i="5" s="1"/>
  <c r="N7876" i="5" s="1"/>
  <c r="J6206" i="2"/>
  <c r="J6180" i="5" s="1"/>
  <c r="N6180" i="5" s="1"/>
  <c r="J6580" i="2"/>
  <c r="J6554" i="5" s="1"/>
  <c r="N6554" i="5" s="1"/>
  <c r="J7413" i="2"/>
  <c r="J7387" i="5" s="1"/>
  <c r="N7387" i="5" s="1"/>
  <c r="J7743" i="2"/>
  <c r="J7717" i="5" s="1"/>
  <c r="N7717" i="5" s="1"/>
  <c r="J2004" i="2"/>
  <c r="J1978" i="5" s="1"/>
  <c r="N1978" i="5" s="1"/>
  <c r="J2014" i="2"/>
  <c r="J1988" i="5" s="1"/>
  <c r="N1988" i="5" s="1"/>
  <c r="J6905" i="2"/>
  <c r="J6879" i="5" s="1"/>
  <c r="N6879" i="5" s="1"/>
  <c r="J4195" i="2"/>
  <c r="J4169" i="5" s="1"/>
  <c r="N4169" i="5" s="1"/>
  <c r="J323" i="2"/>
  <c r="J297" i="5" s="1"/>
  <c r="N297" i="5" s="1"/>
  <c r="J4524" i="2"/>
  <c r="J4498" i="5" s="1"/>
  <c r="N4498" i="5" s="1"/>
  <c r="J2351" i="2"/>
  <c r="J2325" i="5" s="1"/>
  <c r="N2325" i="5" s="1"/>
  <c r="J861" i="2"/>
  <c r="J835" i="5" s="1"/>
  <c r="N835" i="5" s="1"/>
  <c r="J337" i="2"/>
  <c r="J311" i="5" s="1"/>
  <c r="N311" i="5" s="1"/>
  <c r="J1861" i="2"/>
  <c r="J1835" i="5" s="1"/>
  <c r="N1835" i="5" s="1"/>
  <c r="J5704" i="2"/>
  <c r="J5678" i="5" s="1"/>
  <c r="N5678" i="5" s="1"/>
  <c r="J3221" i="2"/>
  <c r="J3195" i="5" s="1"/>
  <c r="N3195" i="5" s="1"/>
  <c r="J8563" i="2"/>
  <c r="J8537" i="5" s="1"/>
  <c r="N8537" i="5" s="1"/>
  <c r="J6552" i="2"/>
  <c r="J6526" i="5" s="1"/>
  <c r="N6526" i="5" s="1"/>
  <c r="J1677" i="2"/>
  <c r="J1651" i="5" s="1"/>
  <c r="N1651" i="5" s="1"/>
  <c r="J1024" i="2"/>
  <c r="J998" i="5" s="1"/>
  <c r="N998" i="5" s="1"/>
  <c r="J1341" i="2"/>
  <c r="J1315" i="5" s="1"/>
  <c r="N1315" i="5" s="1"/>
  <c r="J7921" i="2"/>
  <c r="J7895" i="5" s="1"/>
  <c r="N7895" i="5" s="1"/>
  <c r="J3720" i="2"/>
  <c r="J3694" i="5" s="1"/>
  <c r="N3694" i="5" s="1"/>
  <c r="J3722" i="2"/>
  <c r="J3696" i="5" s="1"/>
  <c r="N3696" i="5" s="1"/>
  <c r="J4879" i="2"/>
  <c r="J4853" i="5" s="1"/>
  <c r="N4853" i="5" s="1"/>
  <c r="J7581" i="2"/>
  <c r="J7555" i="5" s="1"/>
  <c r="N7555" i="5" s="1"/>
  <c r="J8410" i="2"/>
  <c r="J8384" i="5" s="1"/>
  <c r="N8384" i="5" s="1"/>
  <c r="J517" i="2"/>
  <c r="J491" i="5" s="1"/>
  <c r="N491" i="5" s="1"/>
  <c r="J1038" i="2"/>
  <c r="J1012" i="5" s="1"/>
  <c r="N1012" i="5" s="1"/>
  <c r="J2361" i="2"/>
  <c r="J2335" i="5" s="1"/>
  <c r="N2335" i="5" s="1"/>
  <c r="J7891" i="2"/>
  <c r="J7865" i="5" s="1"/>
  <c r="N7865" i="5" s="1"/>
  <c r="J7910" i="2"/>
  <c r="J7884" i="5" s="1"/>
  <c r="N7884" i="5" s="1"/>
  <c r="J2844" i="2"/>
  <c r="J2818" i="5" s="1"/>
  <c r="N2818" i="5" s="1"/>
  <c r="J4865" i="2"/>
  <c r="J4839" i="5" s="1"/>
  <c r="N4839" i="5" s="1"/>
  <c r="J3201" i="2"/>
  <c r="J3175" i="5" s="1"/>
  <c r="N3175" i="5" s="1"/>
  <c r="J2207" i="2"/>
  <c r="J2181" i="5" s="1"/>
  <c r="N2181" i="5" s="1"/>
  <c r="J3187" i="2"/>
  <c r="J3161" i="5" s="1"/>
  <c r="N3161" i="5" s="1"/>
  <c r="J8242" i="2"/>
  <c r="J8216" i="5" s="1"/>
  <c r="N8216" i="5" s="1"/>
  <c r="J6248" i="2"/>
  <c r="J6222" i="5" s="1"/>
  <c r="N6222" i="5" s="1"/>
  <c r="J1505" i="2"/>
  <c r="J1479" i="5" s="1"/>
  <c r="N1479" i="5" s="1"/>
  <c r="J4560" i="2"/>
  <c r="J4534" i="5" s="1"/>
  <c r="N4534" i="5" s="1"/>
  <c r="J8598" i="2"/>
  <c r="J8572" i="5" s="1"/>
  <c r="N8572" i="5" s="1"/>
  <c r="J4217" i="2"/>
  <c r="J4191" i="5" s="1"/>
  <c r="N4191" i="5" s="1"/>
  <c r="J4204" i="2"/>
  <c r="J4178" i="5" s="1"/>
  <c r="N4178" i="5" s="1"/>
  <c r="J1851" i="2"/>
  <c r="J1825" i="5" s="1"/>
  <c r="N1825" i="5" s="1"/>
  <c r="J496" i="2"/>
  <c r="J470" i="5" s="1"/>
  <c r="N470" i="5" s="1"/>
  <c r="J8749" i="2"/>
  <c r="J8723" i="5" s="1"/>
  <c r="N8723" i="5" s="1"/>
  <c r="J4208" i="2"/>
  <c r="J4182" i="5" s="1"/>
  <c r="N4182" i="5" s="1"/>
  <c r="J190" i="2"/>
  <c r="J164" i="5" s="1"/>
  <c r="N164" i="5" s="1"/>
  <c r="J8422" i="2"/>
  <c r="J8396" i="5" s="1"/>
  <c r="N8396" i="5" s="1"/>
  <c r="J5906" i="2"/>
  <c r="J5880" i="5" s="1"/>
  <c r="N5880" i="5" s="1"/>
  <c r="J6240" i="2"/>
  <c r="J6214" i="5" s="1"/>
  <c r="N6214" i="5" s="1"/>
  <c r="J1517" i="2"/>
  <c r="J1491" i="5" s="1"/>
  <c r="N1491" i="5" s="1"/>
  <c r="J7238" i="2"/>
  <c r="J7212" i="5" s="1"/>
  <c r="N7212" i="5" s="1"/>
  <c r="J4225" i="2"/>
  <c r="J4199" i="5" s="1"/>
  <c r="N4199" i="5" s="1"/>
  <c r="J2529" i="2"/>
  <c r="J2503" i="5" s="1"/>
  <c r="N2503" i="5" s="1"/>
  <c r="J5713" i="2"/>
  <c r="J5687" i="5" s="1"/>
  <c r="N5687" i="5" s="1"/>
  <c r="J4883" i="2"/>
  <c r="J4857" i="5" s="1"/>
  <c r="N4857" i="5" s="1"/>
  <c r="J1370" i="2"/>
  <c r="J1344" i="5" s="1"/>
  <c r="N1344" i="5" s="1"/>
  <c r="J7576" i="2"/>
  <c r="J7550" i="5" s="1"/>
  <c r="N7550" i="5" s="1"/>
  <c r="J1533" i="2"/>
  <c r="J1507" i="5" s="1"/>
  <c r="N1507" i="5" s="1"/>
  <c r="J7722" i="2"/>
  <c r="J7696" i="5" s="1"/>
  <c r="N7696" i="5" s="1"/>
  <c r="J8060" i="2"/>
  <c r="J8034" i="5" s="1"/>
  <c r="N8034" i="5" s="1"/>
  <c r="J4367" i="2"/>
  <c r="J4341" i="5" s="1"/>
  <c r="N4341" i="5" s="1"/>
  <c r="J5566" i="2"/>
  <c r="J5540" i="5" s="1"/>
  <c r="N5540" i="5" s="1"/>
  <c r="J6393" i="2"/>
  <c r="J6367" i="5" s="1"/>
  <c r="N6367" i="5" s="1"/>
  <c r="J2514" i="2"/>
  <c r="J2488" i="5" s="1"/>
  <c r="N2488" i="5" s="1"/>
  <c r="J532" i="2"/>
  <c r="J506" i="5" s="1"/>
  <c r="N506" i="5" s="1"/>
  <c r="J1836" i="2"/>
  <c r="J1810" i="5" s="1"/>
  <c r="N1810" i="5" s="1"/>
  <c r="J2843" i="2"/>
  <c r="J2817" i="5" s="1"/>
  <c r="N2817" i="5" s="1"/>
  <c r="J4534" i="2"/>
  <c r="J4508" i="5" s="1"/>
  <c r="N4508" i="5" s="1"/>
  <c r="J3365" i="2"/>
  <c r="J3339" i="5" s="1"/>
  <c r="N3339" i="5" s="1"/>
  <c r="J2035" i="2"/>
  <c r="J2009" i="5" s="1"/>
  <c r="N2009" i="5" s="1"/>
  <c r="J6245" i="2"/>
  <c r="J6219" i="5" s="1"/>
  <c r="N6219" i="5" s="1"/>
  <c r="J8263" i="2"/>
  <c r="J8237" i="5" s="1"/>
  <c r="N8237" i="5" s="1"/>
  <c r="J7406" i="2"/>
  <c r="J7380" i="5" s="1"/>
  <c r="N7380" i="5" s="1"/>
  <c r="J5027" i="2"/>
  <c r="J5001" i="5" s="1"/>
  <c r="N5001" i="5" s="1"/>
  <c r="J7905" i="2"/>
  <c r="J7879" i="5" s="1"/>
  <c r="N7879" i="5" s="1"/>
  <c r="J3178" i="2"/>
  <c r="J3152" i="5" s="1"/>
  <c r="N3152" i="5" s="1"/>
  <c r="J8767" i="2"/>
  <c r="J8741" i="5" s="1"/>
  <c r="N8741" i="5" s="1"/>
  <c r="J8413" i="2"/>
  <c r="J8387" i="5" s="1"/>
  <c r="N8387" i="5" s="1"/>
  <c r="J1207" i="2"/>
  <c r="J1181" i="5" s="1"/>
  <c r="N1181" i="5" s="1"/>
  <c r="J7573" i="2"/>
  <c r="J7547" i="5" s="1"/>
  <c r="N7547" i="5" s="1"/>
  <c r="J7241" i="2"/>
  <c r="J7215" i="5" s="1"/>
  <c r="N7215" i="5" s="1"/>
  <c r="J7403" i="2"/>
  <c r="J7377" i="5" s="1"/>
  <c r="N7377" i="5" s="1"/>
  <c r="J846" i="2"/>
  <c r="J820" i="5" s="1"/>
  <c r="N820" i="5" s="1"/>
  <c r="J7585" i="2"/>
  <c r="J7559" i="5" s="1"/>
  <c r="N7559" i="5" s="1"/>
  <c r="J507" i="2"/>
  <c r="J481" i="5" s="1"/>
  <c r="N481" i="5" s="1"/>
  <c r="J6564" i="2"/>
  <c r="J6538" i="5" s="1"/>
  <c r="N6538" i="5" s="1"/>
  <c r="J2875" i="2"/>
  <c r="J2849" i="5" s="1"/>
  <c r="N2849" i="5" s="1"/>
  <c r="J1691" i="2"/>
  <c r="J1665" i="5" s="1"/>
  <c r="N1665" i="5" s="1"/>
  <c r="J1013" i="2"/>
  <c r="J987" i="5" s="1"/>
  <c r="N987" i="5" s="1"/>
  <c r="J7210" i="2"/>
  <c r="J7184" i="5" s="1"/>
  <c r="N7184" i="5" s="1"/>
  <c r="J2019" i="2"/>
  <c r="J1993" i="5" s="1"/>
  <c r="N1993" i="5" s="1"/>
  <c r="J5054" i="2"/>
  <c r="J5028" i="5" s="1"/>
  <c r="N5028" i="5" s="1"/>
  <c r="J5066" i="2"/>
  <c r="J5040" i="5" s="1"/>
  <c r="N5040" i="5" s="1"/>
  <c r="J6740" i="2"/>
  <c r="J6714" i="5" s="1"/>
  <c r="N6714" i="5" s="1"/>
  <c r="J6747" i="2"/>
  <c r="J6721" i="5" s="1"/>
  <c r="N6721" i="5" s="1"/>
  <c r="J2676" i="2"/>
  <c r="J2650" i="5" s="1"/>
  <c r="N2650" i="5" s="1"/>
  <c r="J6918" i="2"/>
  <c r="J6892" i="5" s="1"/>
  <c r="N6892" i="5" s="1"/>
  <c r="J3355" i="2"/>
  <c r="J3329" i="5" s="1"/>
  <c r="N3329" i="5" s="1"/>
  <c r="J3682" i="2"/>
  <c r="J3656" i="5" s="1"/>
  <c r="N3656" i="5" s="1"/>
  <c r="J7546" i="2"/>
  <c r="J7520" i="5" s="1"/>
  <c r="N7520" i="5" s="1"/>
  <c r="J4712" i="2"/>
  <c r="J4686" i="5" s="1"/>
  <c r="N4686" i="5" s="1"/>
  <c r="J7892" i="2"/>
  <c r="J7866" i="5" s="1"/>
  <c r="N7866" i="5" s="1"/>
  <c r="J7719" i="2"/>
  <c r="J7693" i="5" s="1"/>
  <c r="N7693" i="5" s="1"/>
  <c r="J6715" i="2"/>
  <c r="J6689" i="5" s="1"/>
  <c r="N6689" i="5" s="1"/>
  <c r="J6913" i="2"/>
  <c r="J6887" i="5" s="1"/>
  <c r="N6887" i="5" s="1"/>
  <c r="J3692" i="2"/>
  <c r="J3666" i="5" s="1"/>
  <c r="N3666" i="5" s="1"/>
  <c r="J5213" i="2"/>
  <c r="J5187" i="5" s="1"/>
  <c r="N5187" i="5" s="1"/>
  <c r="J6728" i="2"/>
  <c r="J6702" i="5" s="1"/>
  <c r="N6702" i="5" s="1"/>
  <c r="J3033" i="2"/>
  <c r="J3007" i="5" s="1"/>
  <c r="N3007" i="5" s="1"/>
  <c r="J2883" i="2"/>
  <c r="J2857" i="5" s="1"/>
  <c r="N2857" i="5" s="1"/>
  <c r="J4227" i="2"/>
  <c r="J4201" i="5" s="1"/>
  <c r="N4201" i="5" s="1"/>
  <c r="J5706" i="2"/>
  <c r="J5680" i="5" s="1"/>
  <c r="N5680" i="5" s="1"/>
  <c r="J7922" i="2"/>
  <c r="J7896" i="5" s="1"/>
  <c r="N7896" i="5" s="1"/>
  <c r="J4057" i="2"/>
  <c r="J4031" i="5" s="1"/>
  <c r="N4031" i="5" s="1"/>
  <c r="J866" i="2"/>
  <c r="J840" i="5" s="1"/>
  <c r="N840" i="5" s="1"/>
  <c r="J6412" i="2"/>
  <c r="J6386" i="5" s="1"/>
  <c r="N6386" i="5" s="1"/>
  <c r="J1864" i="2"/>
  <c r="J1838" i="5" s="1"/>
  <c r="N1838" i="5" s="1"/>
  <c r="J7717" i="2"/>
  <c r="J7691" i="5" s="1"/>
  <c r="N7691" i="5" s="1"/>
  <c r="J340" i="2"/>
  <c r="J314" i="5" s="1"/>
  <c r="N314" i="5" s="1"/>
  <c r="J6575" i="2"/>
  <c r="J6549" i="5" s="1"/>
  <c r="N6549" i="5" s="1"/>
  <c r="J689" i="2"/>
  <c r="J663" i="5" s="1"/>
  <c r="N663" i="5" s="1"/>
  <c r="J5734" i="2"/>
  <c r="J5708" i="5" s="1"/>
  <c r="N5708" i="5" s="1"/>
  <c r="J694" i="2"/>
  <c r="J668" i="5" s="1"/>
  <c r="N668" i="5" s="1"/>
  <c r="J2195" i="2"/>
  <c r="J2169" i="5" s="1"/>
  <c r="N2169" i="5" s="1"/>
  <c r="J7416" i="2"/>
  <c r="J7390" i="5" s="1"/>
  <c r="N7390" i="5" s="1"/>
  <c r="J5398" i="2"/>
  <c r="J5372" i="5" s="1"/>
  <c r="N5372" i="5" s="1"/>
  <c r="J3380" i="2"/>
  <c r="J3354" i="5" s="1"/>
  <c r="N3354" i="5" s="1"/>
  <c r="J3182" i="2"/>
  <c r="J3156" i="5" s="1"/>
  <c r="N3156" i="5" s="1"/>
  <c r="J6072" i="2"/>
  <c r="J6046" i="5" s="1"/>
  <c r="N6046" i="5" s="1"/>
  <c r="J8250" i="2"/>
  <c r="J8224" i="5" s="1"/>
  <c r="N8224" i="5" s="1"/>
  <c r="J6558" i="2"/>
  <c r="J6532" i="5" s="1"/>
  <c r="N6532" i="5" s="1"/>
  <c r="J4558" i="2"/>
  <c r="J4532" i="5" s="1"/>
  <c r="N4532" i="5" s="1"/>
  <c r="J4061" i="2"/>
  <c r="J4035" i="5" s="1"/>
  <c r="N4035" i="5" s="1"/>
  <c r="J1020" i="2"/>
  <c r="J994" i="5" s="1"/>
  <c r="N994" i="5" s="1"/>
  <c r="J325" i="2"/>
  <c r="J299" i="5" s="1"/>
  <c r="N299" i="5" s="1"/>
  <c r="J2547" i="2"/>
  <c r="J2521" i="5" s="1"/>
  <c r="N2521" i="5" s="1"/>
  <c r="J5386" i="2"/>
  <c r="J5360" i="5" s="1"/>
  <c r="N5360" i="5" s="1"/>
  <c r="J5207" i="2"/>
  <c r="J5181" i="5" s="1"/>
  <c r="N5181" i="5" s="1"/>
  <c r="J2372" i="2"/>
  <c r="J2346" i="5" s="1"/>
  <c r="N2346" i="5" s="1"/>
  <c r="J8390" i="2"/>
  <c r="J8364" i="5" s="1"/>
  <c r="N8364" i="5" s="1"/>
  <c r="J2550" i="2"/>
  <c r="J2524" i="5" s="1"/>
  <c r="N2524" i="5" s="1"/>
  <c r="J4396" i="2"/>
  <c r="J4370" i="5" s="1"/>
  <c r="N4370" i="5" s="1"/>
  <c r="J5206" i="2"/>
  <c r="J5180" i="5" s="1"/>
  <c r="N5180" i="5" s="1"/>
  <c r="J8389" i="2"/>
  <c r="J8363" i="5" s="1"/>
  <c r="N8363" i="5" s="1"/>
  <c r="J6246" i="2"/>
  <c r="J6220" i="5" s="1"/>
  <c r="N6220" i="5" s="1"/>
  <c r="J5232" i="2"/>
  <c r="J5206" i="5" s="1"/>
  <c r="N5206" i="5" s="1"/>
  <c r="J5055" i="2"/>
  <c r="J5029" i="5" s="1"/>
  <c r="N5029" i="5" s="1"/>
  <c r="J6373" i="2"/>
  <c r="J6347" i="5" s="1"/>
  <c r="N6347" i="5" s="1"/>
  <c r="J6041" i="2"/>
  <c r="J6015" i="5" s="1"/>
  <c r="N6015" i="5" s="1"/>
  <c r="J3543" i="2"/>
  <c r="J3517" i="5" s="1"/>
  <c r="N3517" i="5" s="1"/>
  <c r="J4702" i="2"/>
  <c r="J4676" i="5" s="1"/>
  <c r="N4676" i="5" s="1"/>
  <c r="J6750" i="2"/>
  <c r="J6724" i="5" s="1"/>
  <c r="N6724" i="5" s="1"/>
  <c r="J5576" i="2"/>
  <c r="J5550" i="5" s="1"/>
  <c r="N5550" i="5" s="1"/>
  <c r="J343" i="2"/>
  <c r="J317" i="5" s="1"/>
  <c r="N317" i="5" s="1"/>
  <c r="J4728" i="2"/>
  <c r="J4702" i="5" s="1"/>
  <c r="N4702" i="5" s="1"/>
  <c r="J6062" i="2"/>
  <c r="J6036" i="5" s="1"/>
  <c r="N6036" i="5" s="1"/>
  <c r="J8406" i="2"/>
  <c r="J8380" i="5" s="1"/>
  <c r="N8380" i="5" s="1"/>
  <c r="J6037" i="2"/>
  <c r="J6011" i="5" s="1"/>
  <c r="N6011" i="5" s="1"/>
  <c r="J4541" i="2"/>
  <c r="J4515" i="5" s="1"/>
  <c r="N4515" i="5" s="1"/>
  <c r="J8095" i="2"/>
  <c r="J8069" i="5" s="1"/>
  <c r="N8069" i="5" s="1"/>
  <c r="J3017" i="2"/>
  <c r="J2991" i="5" s="1"/>
  <c r="N2991" i="5" s="1"/>
  <c r="J2532" i="2"/>
  <c r="J2506" i="5" s="1"/>
  <c r="N2506" i="5" s="1"/>
  <c r="J5873" i="2"/>
  <c r="J5847" i="5" s="1"/>
  <c r="N5847" i="5" s="1"/>
  <c r="J6067" i="2"/>
  <c r="J6041" i="5" s="1"/>
  <c r="N6041" i="5" s="1"/>
  <c r="J4049" i="2"/>
  <c r="J4023" i="5" s="1"/>
  <c r="N4023" i="5" s="1"/>
  <c r="J8424" i="2"/>
  <c r="J8398" i="5" s="1"/>
  <c r="N8398" i="5" s="1"/>
  <c r="J872" i="2"/>
  <c r="J846" i="5" s="1"/>
  <c r="N846" i="5" s="1"/>
  <c r="J2544" i="2"/>
  <c r="J2518" i="5" s="1"/>
  <c r="N2518" i="5" s="1"/>
  <c r="J7755" i="2"/>
  <c r="J7729" i="5" s="1"/>
  <c r="N7729" i="5" s="1"/>
  <c r="J3687" i="2"/>
  <c r="J3661" i="5" s="1"/>
  <c r="N3661" i="5" s="1"/>
  <c r="J4366" i="2"/>
  <c r="J4340" i="5" s="1"/>
  <c r="N4340" i="5" s="1"/>
  <c r="J7059" i="2"/>
  <c r="J7033" i="5" s="1"/>
  <c r="N7033" i="5" s="1"/>
  <c r="J3214" i="2"/>
  <c r="J3188" i="5" s="1"/>
  <c r="N3188" i="5" s="1"/>
  <c r="J6205" i="2"/>
  <c r="J6179" i="5" s="1"/>
  <c r="N6179" i="5" s="1"/>
  <c r="J4199" i="2"/>
  <c r="J4173" i="5" s="1"/>
  <c r="N4173" i="5" s="1"/>
  <c r="J3529" i="2"/>
  <c r="J3503" i="5" s="1"/>
  <c r="N3503" i="5" s="1"/>
  <c r="J7566" i="2"/>
  <c r="J7540" i="5" s="1"/>
  <c r="N7540" i="5" s="1"/>
  <c r="J4874" i="2"/>
  <c r="J4848" i="5" s="1"/>
  <c r="N4848" i="5" s="1"/>
  <c r="J8088" i="2"/>
  <c r="J8062" i="5" s="1"/>
  <c r="N8062" i="5" s="1"/>
  <c r="J6574" i="2"/>
  <c r="J6548" i="5" s="1"/>
  <c r="N6548" i="5" s="1"/>
  <c r="J7383" i="2"/>
  <c r="J7357" i="5" s="1"/>
  <c r="N7357" i="5" s="1"/>
  <c r="J868" i="2"/>
  <c r="J842" i="5" s="1"/>
  <c r="N842" i="5" s="1"/>
  <c r="J5893" i="2"/>
  <c r="J5867" i="5" s="1"/>
  <c r="N5867" i="5" s="1"/>
  <c r="J5057" i="2"/>
  <c r="J5031" i="5" s="1"/>
  <c r="N5031" i="5" s="1"/>
  <c r="J1028" i="2"/>
  <c r="J1002" i="5" s="1"/>
  <c r="N1002" i="5" s="1"/>
  <c r="J4875" i="2"/>
  <c r="J4849" i="5" s="1"/>
  <c r="N4849" i="5" s="1"/>
  <c r="J2002" i="2"/>
  <c r="J1976" i="5" s="1"/>
  <c r="N1976" i="5" s="1"/>
  <c r="J8393" i="2"/>
  <c r="J8367" i="5" s="1"/>
  <c r="N8367" i="5" s="1"/>
  <c r="J6398" i="2"/>
  <c r="J6372" i="5" s="1"/>
  <c r="N6372" i="5" s="1"/>
  <c r="J1852" i="2"/>
  <c r="J1826" i="5" s="1"/>
  <c r="N1826" i="5" s="1"/>
  <c r="J2193" i="2"/>
  <c r="J2167" i="5" s="1"/>
  <c r="N2167" i="5" s="1"/>
  <c r="J2855" i="2"/>
  <c r="J2829" i="5" s="1"/>
  <c r="N2829" i="5" s="1"/>
  <c r="J1376" i="2"/>
  <c r="J1350" i="5" s="1"/>
  <c r="N1350" i="5" s="1"/>
  <c r="J3200" i="2"/>
  <c r="J3174" i="5" s="1"/>
  <c r="N3174" i="5" s="1"/>
  <c r="J8077" i="2"/>
  <c r="J8051" i="5" s="1"/>
  <c r="N8051" i="5" s="1"/>
  <c r="J494" i="2"/>
  <c r="J468" i="5" s="1"/>
  <c r="N468" i="5" s="1"/>
  <c r="J4043" i="2"/>
  <c r="J4017" i="5" s="1"/>
  <c r="N4017" i="5" s="1"/>
  <c r="J3700" i="2"/>
  <c r="J3674" i="5" s="1"/>
  <c r="N3674" i="5" s="1"/>
  <c r="J1011" i="2"/>
  <c r="J985" i="5" s="1"/>
  <c r="N985" i="5" s="1"/>
  <c r="J4378" i="2"/>
  <c r="J4352" i="5" s="1"/>
  <c r="N4352" i="5" s="1"/>
  <c r="J1168" i="2"/>
  <c r="J1142" i="5" s="1"/>
  <c r="N1142" i="5" s="1"/>
  <c r="J8428" i="2"/>
  <c r="J8402" i="5" s="1"/>
  <c r="N8402" i="5" s="1"/>
  <c r="J8729" i="2"/>
  <c r="J8703" i="5" s="1"/>
  <c r="N8703" i="5" s="1"/>
  <c r="J5031" i="2"/>
  <c r="J5005" i="5" s="1"/>
  <c r="N5005" i="5" s="1"/>
  <c r="J672" i="2"/>
  <c r="J646" i="5" s="1"/>
  <c r="N646" i="5" s="1"/>
  <c r="J5743" i="2"/>
  <c r="J5717" i="5" s="1"/>
  <c r="N5717" i="5" s="1"/>
  <c r="J5204" i="2"/>
  <c r="J5178" i="5" s="1"/>
  <c r="N5178" i="5" s="1"/>
  <c r="J1859" i="2"/>
  <c r="J1833" i="5" s="1"/>
  <c r="N1833" i="5" s="1"/>
  <c r="J3889" i="2"/>
  <c r="J3863" i="5" s="1"/>
  <c r="N3863" i="5" s="1"/>
  <c r="J3894" i="2"/>
  <c r="J3868" i="5" s="1"/>
  <c r="N3868" i="5" s="1"/>
  <c r="J3540" i="2"/>
  <c r="J3514" i="5" s="1"/>
  <c r="N3514" i="5" s="1"/>
  <c r="J6908" i="2"/>
  <c r="J6882" i="5" s="1"/>
  <c r="N6882" i="5" s="1"/>
  <c r="J2531" i="2"/>
  <c r="J2505" i="5" s="1"/>
  <c r="N2505" i="5" s="1"/>
  <c r="J200" i="2"/>
  <c r="J174" i="5" s="1"/>
  <c r="N174" i="5" s="1"/>
  <c r="J7229" i="2"/>
  <c r="J7203" i="5" s="1"/>
  <c r="N7203" i="5" s="1"/>
  <c r="J7918" i="2"/>
  <c r="J7892" i="5" s="1"/>
  <c r="N7892" i="5" s="1"/>
  <c r="J2705" i="2"/>
  <c r="J2679" i="5" s="1"/>
  <c r="N2679" i="5" s="1"/>
  <c r="J3699" i="2"/>
  <c r="J3673" i="5" s="1"/>
  <c r="N3673" i="5" s="1"/>
  <c r="J827" i="2"/>
  <c r="J801" i="5" s="1"/>
  <c r="N801" i="5" s="1"/>
  <c r="J2205" i="2"/>
  <c r="J2179" i="5" s="1"/>
  <c r="N2179" i="5" s="1"/>
  <c r="J7065" i="2"/>
  <c r="J7039" i="5" s="1"/>
  <c r="N7039" i="5" s="1"/>
  <c r="J2540" i="2"/>
  <c r="J2514" i="5" s="1"/>
  <c r="N2514" i="5" s="1"/>
  <c r="J344" i="2"/>
  <c r="J318" i="5" s="1"/>
  <c r="N318" i="5" s="1"/>
  <c r="J1029" i="2"/>
  <c r="J1003" i="5" s="1"/>
  <c r="N1003" i="5" s="1"/>
  <c r="J365" i="2"/>
  <c r="J339" i="5" s="1"/>
  <c r="N339" i="5" s="1"/>
  <c r="J1202" i="2"/>
  <c r="J1176" i="5" s="1"/>
  <c r="N1176" i="5" s="1"/>
  <c r="J178" i="2"/>
  <c r="J152" i="5" s="1"/>
  <c r="N152" i="5" s="1"/>
  <c r="J5234" i="2"/>
  <c r="J5208" i="5" s="1"/>
  <c r="N5208" i="5" s="1"/>
  <c r="J4695" i="2"/>
  <c r="J4669" i="5" s="1"/>
  <c r="N4669" i="5" s="1"/>
  <c r="J8089" i="2"/>
  <c r="J8063" i="5" s="1"/>
  <c r="N8063" i="5" s="1"/>
  <c r="J1876" i="2"/>
  <c r="J1850" i="5" s="1"/>
  <c r="N1850" i="5" s="1"/>
  <c r="J8232" i="2"/>
  <c r="J8206" i="5" s="1"/>
  <c r="N8206" i="5" s="1"/>
  <c r="J2349" i="2"/>
  <c r="J2323" i="5" s="1"/>
  <c r="N2323" i="5" s="1"/>
  <c r="J5538" i="2"/>
  <c r="J5512" i="5" s="1"/>
  <c r="N5512" i="5" s="1"/>
  <c r="J1016" i="2"/>
  <c r="J990" i="5" s="1"/>
  <c r="N990" i="5" s="1"/>
  <c r="J2016" i="2"/>
  <c r="J1990" i="5" s="1"/>
  <c r="N1990" i="5" s="1"/>
  <c r="J2364" i="2"/>
  <c r="J2338" i="5" s="1"/>
  <c r="N2338" i="5" s="1"/>
  <c r="J5367" i="2"/>
  <c r="J5341" i="5" s="1"/>
  <c r="N5341" i="5" s="1"/>
  <c r="J859" i="2"/>
  <c r="J833" i="5" s="1"/>
  <c r="N833" i="5" s="1"/>
  <c r="J6557" i="2"/>
  <c r="J6531" i="5" s="1"/>
  <c r="N6531" i="5" s="1"/>
  <c r="J4710" i="2"/>
  <c r="J4684" i="5" s="1"/>
  <c r="N4684" i="5" s="1"/>
  <c r="J1183" i="2"/>
  <c r="J1157" i="5" s="1"/>
  <c r="N1157" i="5" s="1"/>
  <c r="J2699" i="2"/>
  <c r="J2673" i="5" s="1"/>
  <c r="N2673" i="5" s="1"/>
  <c r="J3204" i="2"/>
  <c r="J3178" i="5" s="1"/>
  <c r="N3178" i="5" s="1"/>
  <c r="J7225" i="2"/>
  <c r="J7199" i="5" s="1"/>
  <c r="N7199" i="5" s="1"/>
  <c r="J6710" i="2"/>
  <c r="J6684" i="5" s="1"/>
  <c r="N6684" i="5" s="1"/>
  <c r="J4562" i="2"/>
  <c r="J4536" i="5" s="1"/>
  <c r="N4536" i="5" s="1"/>
  <c r="J3350" i="2"/>
  <c r="J3324" i="5" s="1"/>
  <c r="N3324" i="5" s="1"/>
  <c r="J2200" i="2"/>
  <c r="J2174" i="5" s="1"/>
  <c r="N2174" i="5" s="1"/>
  <c r="J8261" i="2"/>
  <c r="J8235" i="5" s="1"/>
  <c r="N8235" i="5" s="1"/>
  <c r="J3858" i="2"/>
  <c r="J3832" i="5" s="1"/>
  <c r="N3832" i="5" s="1"/>
  <c r="J3727" i="2"/>
  <c r="J3701" i="5" s="1"/>
  <c r="N3701" i="5" s="1"/>
  <c r="J1539" i="2"/>
  <c r="J1513" i="5" s="1"/>
  <c r="N1513" i="5" s="1"/>
  <c r="J8420" i="2"/>
  <c r="J8394" i="5" s="1"/>
  <c r="N8394" i="5" s="1"/>
  <c r="J5397" i="2"/>
  <c r="J5371" i="5" s="1"/>
  <c r="N5371" i="5" s="1"/>
  <c r="J5542" i="2"/>
  <c r="J5516" i="5" s="1"/>
  <c r="N5516" i="5" s="1"/>
  <c r="J535" i="2"/>
  <c r="J509" i="5" s="1"/>
  <c r="N509" i="5" s="1"/>
  <c r="J2537" i="2"/>
  <c r="J2511" i="5" s="1"/>
  <c r="N2511" i="5" s="1"/>
  <c r="J2043" i="2"/>
  <c r="J2017" i="5" s="1"/>
  <c r="N2017" i="5" s="1"/>
  <c r="J2029" i="2"/>
  <c r="J2003" i="5" s="1"/>
  <c r="N2003" i="5" s="1"/>
  <c r="J2376" i="2"/>
  <c r="J2350" i="5" s="1"/>
  <c r="N2350" i="5" s="1"/>
  <c r="J6911" i="2"/>
  <c r="J6885" i="5" s="1"/>
  <c r="N6885" i="5" s="1"/>
  <c r="J1344" i="2"/>
  <c r="J1318" i="5" s="1"/>
  <c r="N1318" i="5" s="1"/>
  <c r="J8218" i="2"/>
  <c r="J8192" i="5" s="1"/>
  <c r="N8192" i="5" s="1"/>
  <c r="J4028" i="2"/>
  <c r="J4002" i="5" s="1"/>
  <c r="N4002" i="5" s="1"/>
  <c r="J2214" i="2"/>
  <c r="J2188" i="5" s="1"/>
  <c r="N2188" i="5" s="1"/>
  <c r="J2508" i="2"/>
  <c r="J2482" i="5" s="1"/>
  <c r="N2482" i="5" s="1"/>
  <c r="J8064" i="2"/>
  <c r="J8038" i="5" s="1"/>
  <c r="N8038" i="5" s="1"/>
  <c r="J7043" i="2"/>
  <c r="J7017" i="5" s="1"/>
  <c r="N7017" i="5" s="1"/>
  <c r="J3358" i="2"/>
  <c r="J3332" i="5" s="1"/>
  <c r="N3332" i="5" s="1"/>
  <c r="J1022" i="2"/>
  <c r="J996" i="5" s="1"/>
  <c r="N996" i="5" s="1"/>
  <c r="J3874" i="2"/>
  <c r="J3848" i="5" s="1"/>
  <c r="N3848" i="5" s="1"/>
  <c r="J5571" i="2"/>
  <c r="J5545" i="5" s="1"/>
  <c r="N5545" i="5" s="1"/>
  <c r="J6237" i="2"/>
  <c r="J6211" i="5" s="1"/>
  <c r="N6211" i="5" s="1"/>
  <c r="J4358" i="2"/>
  <c r="J4332" i="5" s="1"/>
  <c r="N4332" i="5" s="1"/>
  <c r="J1035" i="2"/>
  <c r="J1009" i="5" s="1"/>
  <c r="N1009" i="5" s="1"/>
  <c r="J8050" i="2"/>
  <c r="J8024" i="5" s="1"/>
  <c r="N8024" i="5" s="1"/>
  <c r="J4713" i="2"/>
  <c r="J4687" i="5" s="1"/>
  <c r="N4687" i="5" s="1"/>
  <c r="J1540" i="2"/>
  <c r="J1514" i="5" s="1"/>
  <c r="N1514" i="5" s="1"/>
  <c r="J3725" i="2"/>
  <c r="J3699" i="5" s="1"/>
  <c r="N3699" i="5" s="1"/>
  <c r="J4401" i="2"/>
  <c r="J4375" i="5" s="1"/>
  <c r="N4375" i="5" s="1"/>
  <c r="J1014" i="2"/>
  <c r="J988" i="5" s="1"/>
  <c r="N988" i="5" s="1"/>
  <c r="J6063" i="2"/>
  <c r="J6037" i="5" s="1"/>
  <c r="N6037" i="5" s="1"/>
  <c r="J3211" i="2"/>
  <c r="J3185" i="5" s="1"/>
  <c r="N3185" i="5" s="1"/>
  <c r="J5545" i="2"/>
  <c r="J5519" i="5" s="1"/>
  <c r="N5519" i="5" s="1"/>
  <c r="J8233" i="2"/>
  <c r="J8207" i="5" s="1"/>
  <c r="N8207" i="5" s="1"/>
  <c r="J8736" i="2"/>
  <c r="J8710" i="5" s="1"/>
  <c r="N8710" i="5" s="1"/>
  <c r="J3010" i="2"/>
  <c r="J2984" i="5" s="1"/>
  <c r="N2984" i="5" s="1"/>
  <c r="J6889" i="2"/>
  <c r="J6863" i="5" s="1"/>
  <c r="N6863" i="5" s="1"/>
  <c r="J3554" i="2"/>
  <c r="J3528" i="5" s="1"/>
  <c r="N3528" i="5" s="1"/>
  <c r="J8760" i="2"/>
  <c r="J8734" i="5" s="1"/>
  <c r="N8734" i="5" s="1"/>
  <c r="J4222" i="2"/>
  <c r="J4196" i="5" s="1"/>
  <c r="N4196" i="5" s="1"/>
  <c r="J3557" i="2"/>
  <c r="J3531" i="5" s="1"/>
  <c r="N3531" i="5" s="1"/>
  <c r="J5709" i="2"/>
  <c r="J5683" i="5" s="1"/>
  <c r="N5683" i="5" s="1"/>
  <c r="J4053" i="2"/>
  <c r="J4027" i="5" s="1"/>
  <c r="N4027" i="5" s="1"/>
  <c r="J7228" i="2"/>
  <c r="J7202" i="5" s="1"/>
  <c r="N7202" i="5" s="1"/>
  <c r="J8397" i="2"/>
  <c r="J8371" i="5" s="1"/>
  <c r="N8371" i="5" s="1"/>
  <c r="J7414" i="2"/>
  <c r="J7388" i="5" s="1"/>
  <c r="N7388" i="5" s="1"/>
  <c r="J7069" i="2"/>
  <c r="J7043" i="5" s="1"/>
  <c r="N7043" i="5" s="1"/>
  <c r="J8584" i="2"/>
  <c r="J8558" i="5" s="1"/>
  <c r="N8558" i="5" s="1"/>
  <c r="J1532" i="2"/>
  <c r="J1506" i="5" s="1"/>
  <c r="N1506" i="5" s="1"/>
  <c r="J686" i="2"/>
  <c r="J660" i="5" s="1"/>
  <c r="N660" i="5" s="1"/>
  <c r="J6392" i="2"/>
  <c r="J6366" i="5" s="1"/>
  <c r="N6366" i="5" s="1"/>
  <c r="J2352" i="2"/>
  <c r="J2326" i="5" s="1"/>
  <c r="N2326" i="5" s="1"/>
  <c r="J1186" i="2"/>
  <c r="J1160" i="5" s="1"/>
  <c r="N1160" i="5" s="1"/>
  <c r="J2012" i="2"/>
  <c r="J1986" i="5" s="1"/>
  <c r="N1986" i="5" s="1"/>
  <c r="J6748" i="2"/>
  <c r="J6722" i="5" s="1"/>
  <c r="N6722" i="5" s="1"/>
  <c r="J513" i="2"/>
  <c r="J487" i="5" s="1"/>
  <c r="N487" i="5" s="1"/>
  <c r="J1330" i="2"/>
  <c r="J1304" i="5" s="1"/>
  <c r="N1304" i="5" s="1"/>
  <c r="J8723" i="2"/>
  <c r="J8697" i="5" s="1"/>
  <c r="N8697" i="5" s="1"/>
  <c r="J2876" i="2"/>
  <c r="J2850" i="5" s="1"/>
  <c r="N2850" i="5" s="1"/>
  <c r="J8403" i="2"/>
  <c r="J8377" i="5" s="1"/>
  <c r="N8377" i="5" s="1"/>
  <c r="J8079" i="2"/>
  <c r="J8053" i="5" s="1"/>
  <c r="N8053" i="5" s="1"/>
  <c r="J830" i="2"/>
  <c r="J804" i="5" s="1"/>
  <c r="N804" i="5" s="1"/>
  <c r="J3047" i="2"/>
  <c r="J3021" i="5" s="1"/>
  <c r="N3021" i="5" s="1"/>
  <c r="J1518" i="2"/>
  <c r="J1492" i="5" s="1"/>
  <c r="N1492" i="5" s="1"/>
  <c r="J7245" i="2"/>
  <c r="J7219" i="5" s="1"/>
  <c r="N7219" i="5" s="1"/>
  <c r="J5404" i="2"/>
  <c r="J5378" i="5" s="1"/>
  <c r="N5378" i="5" s="1"/>
  <c r="J3218" i="2"/>
  <c r="J3192" i="5" s="1"/>
  <c r="N3192" i="5" s="1"/>
  <c r="J1188" i="2"/>
  <c r="J1162" i="5" s="1"/>
  <c r="N1162" i="5" s="1"/>
  <c r="J6402" i="2"/>
  <c r="J6376" i="5" s="1"/>
  <c r="N6376" i="5" s="1"/>
  <c r="J6909" i="2"/>
  <c r="J6883" i="5" s="1"/>
  <c r="N6883" i="5" s="1"/>
  <c r="J7582" i="2"/>
  <c r="J7556" i="5" s="1"/>
  <c r="N7556" i="5" s="1"/>
  <c r="J6718" i="2"/>
  <c r="J6692" i="5" s="1"/>
  <c r="N6692" i="5" s="1"/>
  <c r="J1523" i="2"/>
  <c r="J1497" i="5" s="1"/>
  <c r="N1497" i="5" s="1"/>
  <c r="J2849" i="2"/>
  <c r="J2823" i="5" s="1"/>
  <c r="N2823" i="5" s="1"/>
  <c r="J7732" i="2"/>
  <c r="J7706" i="5" s="1"/>
  <c r="N7706" i="5" s="1"/>
  <c r="J6204" i="2"/>
  <c r="J6178" i="5" s="1"/>
  <c r="N6178" i="5" s="1"/>
  <c r="J860" i="2"/>
  <c r="J834" i="5" s="1"/>
  <c r="N834" i="5" s="1"/>
  <c r="J6561" i="2"/>
  <c r="J6535" i="5" s="1"/>
  <c r="N6535" i="5" s="1"/>
  <c r="J2535" i="2"/>
  <c r="J2509" i="5" s="1"/>
  <c r="N2509" i="5" s="1"/>
  <c r="J7751" i="2"/>
  <c r="J7725" i="5" s="1"/>
  <c r="N7725" i="5" s="1"/>
  <c r="J2854" i="2"/>
  <c r="J2828" i="5" s="1"/>
  <c r="N2828" i="5" s="1"/>
  <c r="J8730" i="2"/>
  <c r="J8704" i="5" s="1"/>
  <c r="N8704" i="5" s="1"/>
  <c r="J8230" i="2"/>
  <c r="J8204" i="5" s="1"/>
  <c r="N8204" i="5" s="1"/>
  <c r="J688" i="2"/>
  <c r="J662" i="5" s="1"/>
  <c r="N662" i="5" s="1"/>
  <c r="J6239" i="2"/>
  <c r="J6213" i="5" s="1"/>
  <c r="N6213" i="5" s="1"/>
  <c r="J7734" i="2"/>
  <c r="J7708" i="5" s="1"/>
  <c r="N7708" i="5" s="1"/>
  <c r="J7224" i="2"/>
  <c r="J7198" i="5" s="1"/>
  <c r="N7198" i="5" s="1"/>
  <c r="J3880" i="2"/>
  <c r="J3854" i="5" s="1"/>
  <c r="N3854" i="5" s="1"/>
  <c r="J2873" i="2"/>
  <c r="J2847" i="5" s="1"/>
  <c r="N2847" i="5" s="1"/>
  <c r="J4020" i="2"/>
  <c r="J3994" i="5" s="1"/>
  <c r="N3994" i="5" s="1"/>
  <c r="J5070" i="2"/>
  <c r="J5044" i="5" s="1"/>
  <c r="N5044" i="5" s="1"/>
  <c r="J7916" i="2"/>
  <c r="J7890" i="5" s="1"/>
  <c r="N7890" i="5" s="1"/>
  <c r="J5214" i="2"/>
  <c r="J5188" i="5" s="1"/>
  <c r="N5188" i="5" s="1"/>
  <c r="J3728" i="2"/>
  <c r="J3702" i="5" s="1"/>
  <c r="N3702" i="5" s="1"/>
  <c r="J4384" i="2"/>
  <c r="J4358" i="5" s="1"/>
  <c r="N4358" i="5" s="1"/>
  <c r="J1841" i="2"/>
  <c r="J1815" i="5" s="1"/>
  <c r="N1815" i="5" s="1"/>
  <c r="J4390" i="2"/>
  <c r="J4364" i="5" s="1"/>
  <c r="N4364" i="5" s="1"/>
  <c r="J1862" i="2"/>
  <c r="J1836" i="5" s="1"/>
  <c r="N1836" i="5" s="1"/>
  <c r="J8069" i="2"/>
  <c r="J8043" i="5" s="1"/>
  <c r="N8043" i="5" s="1"/>
  <c r="J5409" i="2"/>
  <c r="J5383" i="5" s="1"/>
  <c r="N5383" i="5" s="1"/>
  <c r="J1365" i="2"/>
  <c r="J1339" i="5" s="1"/>
  <c r="N1339" i="5" s="1"/>
  <c r="J4035" i="2"/>
  <c r="J4009" i="5" s="1"/>
  <c r="N4009" i="5" s="1"/>
  <c r="J4374" i="2"/>
  <c r="J4348" i="5" s="1"/>
  <c r="N4348" i="5" s="1"/>
  <c r="J8746" i="2"/>
  <c r="J8720" i="5" s="1"/>
  <c r="N8720" i="5" s="1"/>
  <c r="J871" i="2"/>
  <c r="J845" i="5" s="1"/>
  <c r="N845" i="5" s="1"/>
  <c r="J2719" i="2"/>
  <c r="J2693" i="5" s="1"/>
  <c r="N2693" i="5" s="1"/>
  <c r="J7217" i="2"/>
  <c r="J7191" i="5" s="1"/>
  <c r="N7191" i="5" s="1"/>
  <c r="J8081" i="2"/>
  <c r="J8055" i="5" s="1"/>
  <c r="N8055" i="5" s="1"/>
  <c r="J6567" i="2"/>
  <c r="J6541" i="5" s="1"/>
  <c r="N6541" i="5" s="1"/>
  <c r="J8585" i="2"/>
  <c r="J8559" i="5" s="1"/>
  <c r="N8559" i="5" s="1"/>
  <c r="J5073" i="2"/>
  <c r="J5047" i="5" s="1"/>
  <c r="N5047" i="5" s="1"/>
  <c r="J8402" i="2"/>
  <c r="J8376" i="5" s="1"/>
  <c r="N8376" i="5" s="1"/>
  <c r="J7211" i="2"/>
  <c r="J7185" i="5" s="1"/>
  <c r="N7185" i="5" s="1"/>
  <c r="J5573" i="2"/>
  <c r="J5547" i="5" s="1"/>
  <c r="N5547" i="5" s="1"/>
  <c r="J3895" i="2"/>
  <c r="J3869" i="5" s="1"/>
  <c r="N3869" i="5" s="1"/>
  <c r="J684" i="2"/>
  <c r="J658" i="5" s="1"/>
  <c r="N658" i="5" s="1"/>
  <c r="J2868" i="2"/>
  <c r="J2842" i="5" s="1"/>
  <c r="N2842" i="5" s="1"/>
  <c r="J1030" i="2"/>
  <c r="J1004" i="5" s="1"/>
  <c r="N1004" i="5" s="1"/>
  <c r="J5717" i="2"/>
  <c r="J5691" i="5" s="1"/>
  <c r="N5691" i="5" s="1"/>
  <c r="J3859" i="2"/>
  <c r="J3833" i="5" s="1"/>
  <c r="N3833" i="5" s="1"/>
  <c r="J2513" i="2"/>
  <c r="J2487" i="5" s="1"/>
  <c r="N2487" i="5" s="1"/>
  <c r="J3032" i="2"/>
  <c r="J3006" i="5" s="1"/>
  <c r="N3006" i="5" s="1"/>
  <c r="J505" i="2"/>
  <c r="J479" i="5" s="1"/>
  <c r="N479" i="5" s="1"/>
  <c r="J4223" i="2"/>
  <c r="J4197" i="5" s="1"/>
  <c r="N4197" i="5" s="1"/>
  <c r="J5544" i="2"/>
  <c r="J5518" i="5" s="1"/>
  <c r="N5518" i="5" s="1"/>
  <c r="J4903" i="2"/>
  <c r="J4877" i="5" s="1"/>
  <c r="N4877" i="5" s="1"/>
  <c r="J2511" i="2"/>
  <c r="J2485" i="5" s="1"/>
  <c r="N2485" i="5" s="1"/>
  <c r="J521" i="2"/>
  <c r="J495" i="5" s="1"/>
  <c r="N495" i="5" s="1"/>
  <c r="J4022" i="2"/>
  <c r="J3996" i="5" s="1"/>
  <c r="N3996" i="5" s="1"/>
  <c r="J5901" i="2"/>
  <c r="J5875" i="5" s="1"/>
  <c r="N5875" i="5" s="1"/>
  <c r="J7062" i="2"/>
  <c r="J7036" i="5" s="1"/>
  <c r="N7036" i="5" s="1"/>
  <c r="J7063" i="2"/>
  <c r="J7037" i="5" s="1"/>
  <c r="N7037" i="5" s="1"/>
  <c r="J7588" i="2"/>
  <c r="J7562" i="5" s="1"/>
  <c r="N7562" i="5" s="1"/>
  <c r="J8234" i="2"/>
  <c r="J8208" i="5" s="1"/>
  <c r="N8208" i="5" s="1"/>
  <c r="J3212" i="2"/>
  <c r="J3186" i="5" s="1"/>
  <c r="N3186" i="5" s="1"/>
  <c r="J2517" i="2"/>
  <c r="J2491" i="5" s="1"/>
  <c r="N2491" i="5" s="1"/>
  <c r="J7401" i="2"/>
  <c r="J7375" i="5" s="1"/>
  <c r="N7375" i="5" s="1"/>
  <c r="J7234" i="2"/>
  <c r="J7208" i="5" s="1"/>
  <c r="N7208" i="5" s="1"/>
  <c r="J8734" i="2"/>
  <c r="J8708" i="5" s="1"/>
  <c r="N8708" i="5" s="1"/>
  <c r="J1209" i="2"/>
  <c r="J1183" i="5" s="1"/>
  <c r="N1183" i="5" s="1"/>
  <c r="J8569" i="2"/>
  <c r="J8543" i="5" s="1"/>
  <c r="N8543" i="5" s="1"/>
  <c r="J7417" i="2"/>
  <c r="J7391" i="5" s="1"/>
  <c r="N7391" i="5" s="1"/>
  <c r="J8237" i="2"/>
  <c r="J8211" i="5" s="1"/>
  <c r="N8211" i="5" s="1"/>
  <c r="J159" i="2"/>
  <c r="J133" i="5" s="1"/>
  <c r="N133" i="5" s="1"/>
  <c r="J2507" i="2"/>
  <c r="J2481" i="5" s="1"/>
  <c r="N2481" i="5" s="1"/>
  <c r="J5896" i="2"/>
  <c r="J5870" i="5" s="1"/>
  <c r="N5870" i="5" s="1"/>
  <c r="J6735" i="2"/>
  <c r="J6709" i="5" s="1"/>
  <c r="N6709" i="5" s="1"/>
  <c r="J2179" i="2"/>
  <c r="J2153" i="5" s="1"/>
  <c r="N2153" i="5" s="1"/>
  <c r="J4719" i="2"/>
  <c r="J4693" i="5" s="1"/>
  <c r="N4693" i="5" s="1"/>
  <c r="J3536" i="2"/>
  <c r="J3510" i="5" s="1"/>
  <c r="N3510" i="5" s="1"/>
  <c r="J2882" i="2"/>
  <c r="J2856" i="5" s="1"/>
  <c r="N2856" i="5" s="1"/>
  <c r="J7213" i="2"/>
  <c r="J7187" i="5" s="1"/>
  <c r="N7187" i="5" s="1"/>
  <c r="J4706" i="2"/>
  <c r="J4680" i="5" s="1"/>
  <c r="N4680" i="5" s="1"/>
  <c r="J3361" i="2"/>
  <c r="J3335" i="5" s="1"/>
  <c r="N3335" i="5" s="1"/>
  <c r="J7553" i="2"/>
  <c r="J7527" i="5" s="1"/>
  <c r="N7527" i="5" s="1"/>
  <c r="J2685" i="2"/>
  <c r="J2659" i="5" s="1"/>
  <c r="N2659" i="5" s="1"/>
  <c r="J5064" i="2"/>
  <c r="J5038" i="5" s="1"/>
  <c r="N5038" i="5" s="1"/>
  <c r="J526" i="2"/>
  <c r="J500" i="5" s="1"/>
  <c r="N500" i="5" s="1"/>
  <c r="J7556" i="2"/>
  <c r="J7530" i="5" s="1"/>
  <c r="N7530" i="5" s="1"/>
  <c r="J1005" i="2"/>
  <c r="J979" i="5" s="1"/>
  <c r="N979" i="5" s="1"/>
  <c r="J1195" i="2"/>
  <c r="J1169" i="5" s="1"/>
  <c r="N1169" i="5" s="1"/>
  <c r="J5062" i="2"/>
  <c r="J5036" i="5" s="1"/>
  <c r="N5036" i="5" s="1"/>
  <c r="J2344" i="2"/>
  <c r="J2318" i="5" s="1"/>
  <c r="N2318" i="5" s="1"/>
  <c r="J2037" i="2"/>
  <c r="J2011" i="5" s="1"/>
  <c r="N2011" i="5" s="1"/>
  <c r="J7050" i="2"/>
  <c r="J7024" i="5" s="1"/>
  <c r="N7024" i="5" s="1"/>
  <c r="J7753" i="2"/>
  <c r="J7727" i="5" s="1"/>
  <c r="N7727" i="5" s="1"/>
  <c r="J2340" i="2"/>
  <c r="J2314" i="5" s="1"/>
  <c r="N2314" i="5" s="1"/>
  <c r="J7760" i="2"/>
  <c r="J7734" i="5" s="1"/>
  <c r="N7734" i="5" s="1"/>
  <c r="J3043" i="2"/>
  <c r="J3017" i="5" s="1"/>
  <c r="N3017" i="5" s="1"/>
  <c r="J7928" i="2"/>
  <c r="J7902" i="5" s="1"/>
  <c r="N7902" i="5" s="1"/>
  <c r="J842" i="2"/>
  <c r="J816" i="5" s="1"/>
  <c r="N816" i="5" s="1"/>
  <c r="J5722" i="2"/>
  <c r="J5696" i="5" s="1"/>
  <c r="N5696" i="5" s="1"/>
  <c r="J4365" i="2"/>
  <c r="J4339" i="5" s="1"/>
  <c r="N4339" i="5" s="1"/>
  <c r="J333" i="2"/>
  <c r="J307" i="5" s="1"/>
  <c r="N307" i="5" s="1"/>
  <c r="J2867" i="2"/>
  <c r="J2841" i="5" s="1"/>
  <c r="N2841" i="5" s="1"/>
  <c r="J6385" i="2"/>
  <c r="J6359" i="5" s="1"/>
  <c r="N6359" i="5" s="1"/>
  <c r="J7559" i="2"/>
  <c r="J7533" i="5" s="1"/>
  <c r="N7533" i="5" s="1"/>
  <c r="J671" i="2"/>
  <c r="J645" i="5" s="1"/>
  <c r="N645" i="5" s="1"/>
  <c r="J5742" i="2"/>
  <c r="J5716" i="5" s="1"/>
  <c r="N5716" i="5" s="1"/>
  <c r="J2189" i="2"/>
  <c r="J2163" i="5" s="1"/>
  <c r="N2163" i="5" s="1"/>
  <c r="J1678" i="2"/>
  <c r="J1652" i="5" s="1"/>
  <c r="N1652" i="5" s="1"/>
  <c r="J3546" i="2"/>
  <c r="J3520" i="5" s="1"/>
  <c r="N3520" i="5" s="1"/>
  <c r="J3690" i="2"/>
  <c r="J3664" i="5" s="1"/>
  <c r="N3664" i="5" s="1"/>
  <c r="J3049" i="2"/>
  <c r="J3023" i="5" s="1"/>
  <c r="N3023" i="5" s="1"/>
  <c r="J3530" i="2"/>
  <c r="J3504" i="5" s="1"/>
  <c r="N3504" i="5" s="1"/>
  <c r="J3527" i="2"/>
  <c r="J3501" i="5" s="1"/>
  <c r="N3501" i="5" s="1"/>
  <c r="J8070" i="2"/>
  <c r="J8044" i="5" s="1"/>
  <c r="N8044" i="5" s="1"/>
  <c r="J1167" i="2"/>
  <c r="J1141" i="5" s="1"/>
  <c r="N1141" i="5" s="1"/>
  <c r="J2509" i="2"/>
  <c r="J2483" i="5" s="1"/>
  <c r="N2483" i="5" s="1"/>
  <c r="J1516" i="2"/>
  <c r="J1490" i="5" s="1"/>
  <c r="N1490" i="5" s="1"/>
  <c r="J8090" i="2"/>
  <c r="J8064" i="5" s="1"/>
  <c r="N8064" i="5" s="1"/>
  <c r="J5211" i="2"/>
  <c r="J5185" i="5" s="1"/>
  <c r="N5185" i="5" s="1"/>
  <c r="J3042" i="2"/>
  <c r="J3016" i="5" s="1"/>
  <c r="N3016" i="5" s="1"/>
  <c r="J2381" i="2"/>
  <c r="J2355" i="5" s="1"/>
  <c r="N2355" i="5" s="1"/>
  <c r="J7551" i="2"/>
  <c r="J7525" i="5" s="1"/>
  <c r="N7525" i="5" s="1"/>
  <c r="J7400" i="2"/>
  <c r="J7374" i="5" s="1"/>
  <c r="N7374" i="5" s="1"/>
  <c r="J6070" i="2"/>
  <c r="J6044" i="5" s="1"/>
  <c r="N6044" i="5" s="1"/>
  <c r="J5700" i="2"/>
  <c r="J5674" i="5" s="1"/>
  <c r="N5674" i="5" s="1"/>
  <c r="J5212" i="2"/>
  <c r="J5186" i="5" s="1"/>
  <c r="N5186" i="5" s="1"/>
  <c r="J2212" i="2"/>
  <c r="J2186" i="5" s="1"/>
  <c r="N2186" i="5" s="1"/>
  <c r="J7897" i="2"/>
  <c r="J7871" i="5" s="1"/>
  <c r="N7871" i="5" s="1"/>
  <c r="J677" i="2"/>
  <c r="J651" i="5" s="1"/>
  <c r="N651" i="5" s="1"/>
  <c r="J3219" i="2"/>
  <c r="J3193" i="5" s="1"/>
  <c r="N3193" i="5" s="1"/>
  <c r="J2702" i="2"/>
  <c r="J2676" i="5" s="1"/>
  <c r="N2676" i="5" s="1"/>
  <c r="J2534" i="2"/>
  <c r="J2508" i="5" s="1"/>
  <c r="N2508" i="5" s="1"/>
  <c r="J7389" i="2"/>
  <c r="J7363" i="5" s="1"/>
  <c r="N7363" i="5" s="1"/>
  <c r="J7244" i="2"/>
  <c r="J7218" i="5" s="1"/>
  <c r="N7218" i="5" s="1"/>
  <c r="J8394" i="2"/>
  <c r="J8368" i="5" s="1"/>
  <c r="N8368" i="5" s="1"/>
  <c r="J1515" i="2"/>
  <c r="J1489" i="5" s="1"/>
  <c r="N1489" i="5" s="1"/>
  <c r="J1181" i="2"/>
  <c r="J1155" i="5" s="1"/>
  <c r="N1155" i="5" s="1"/>
  <c r="J8056" i="2"/>
  <c r="J8030" i="5" s="1"/>
  <c r="N8030" i="5" s="1"/>
  <c r="J4522" i="2"/>
  <c r="J4496" i="5" s="1"/>
  <c r="N4496" i="5" s="1"/>
  <c r="J3357" i="2"/>
  <c r="J3331" i="5" s="1"/>
  <c r="N3331" i="5" s="1"/>
  <c r="J6387" i="2"/>
  <c r="J6361" i="5" s="1"/>
  <c r="N6361" i="5" s="1"/>
  <c r="J3388" i="2"/>
  <c r="J3362" i="5" s="1"/>
  <c r="N3362" i="5" s="1"/>
  <c r="J336" i="2"/>
  <c r="J310" i="5" s="1"/>
  <c r="N310" i="5" s="1"/>
  <c r="J7409" i="2"/>
  <c r="J7383" i="5" s="1"/>
  <c r="N7383" i="5" s="1"/>
  <c r="J4194" i="2"/>
  <c r="J4168" i="5" s="1"/>
  <c r="N4168" i="5" s="1"/>
  <c r="J8576" i="2"/>
  <c r="J8550" i="5" s="1"/>
  <c r="N8550" i="5" s="1"/>
  <c r="J3224" i="2"/>
  <c r="J3198" i="5" s="1"/>
  <c r="N3198" i="5" s="1"/>
  <c r="J7745" i="2"/>
  <c r="J7719" i="5" s="1"/>
  <c r="N7719" i="5" s="1"/>
  <c r="J5368" i="2"/>
  <c r="J5342" i="5" s="1"/>
  <c r="N5342" i="5" s="1"/>
  <c r="J1175" i="2"/>
  <c r="J1149" i="5" s="1"/>
  <c r="N1149" i="5" s="1"/>
  <c r="J3708" i="2"/>
  <c r="J3682" i="5" s="1"/>
  <c r="N3682" i="5" s="1"/>
  <c r="J7560" i="2"/>
  <c r="J7534" i="5" s="1"/>
  <c r="N7534" i="5" s="1"/>
  <c r="J5885" i="2"/>
  <c r="J5859" i="5" s="1"/>
  <c r="N5859" i="5" s="1"/>
  <c r="J5043" i="2"/>
  <c r="J5017" i="5" s="1"/>
  <c r="N5017" i="5" s="1"/>
  <c r="J6059" i="2"/>
  <c r="J6033" i="5" s="1"/>
  <c r="N6033" i="5" s="1"/>
  <c r="J6912" i="2"/>
  <c r="J6886" i="5" s="1"/>
  <c r="N6886" i="5" s="1"/>
  <c r="J6224" i="2"/>
  <c r="J6198" i="5" s="1"/>
  <c r="N6198" i="5" s="1"/>
  <c r="J1201" i="2"/>
  <c r="J1175" i="5" s="1"/>
  <c r="N1175" i="5" s="1"/>
  <c r="J4212" i="2"/>
  <c r="J4186" i="5" s="1"/>
  <c r="N4186" i="5" s="1"/>
  <c r="J2889" i="2"/>
  <c r="J2863" i="5" s="1"/>
  <c r="N2863" i="5" s="1"/>
  <c r="J6238" i="2"/>
  <c r="J6212" i="5" s="1"/>
  <c r="N6212" i="5" s="1"/>
  <c r="J8755" i="2"/>
  <c r="J8729" i="5" s="1"/>
  <c r="N8729" i="5" s="1"/>
  <c r="J3538" i="2"/>
  <c r="J3512" i="5" s="1"/>
  <c r="N3512" i="5" s="1"/>
  <c r="J7390" i="2"/>
  <c r="J7364" i="5" s="1"/>
  <c r="N7364" i="5" s="1"/>
  <c r="J6381" i="2"/>
  <c r="J6355" i="5" s="1"/>
  <c r="N6355" i="5" s="1"/>
  <c r="J173" i="2"/>
  <c r="J147" i="5" s="1"/>
  <c r="N147" i="5" s="1"/>
  <c r="J7565" i="2"/>
  <c r="J7539" i="5" s="1"/>
  <c r="N7539" i="5" s="1"/>
  <c r="J2030" i="2"/>
  <c r="J2004" i="5" s="1"/>
  <c r="N2004" i="5" s="1"/>
  <c r="J3882" i="2"/>
  <c r="J3856" i="5" s="1"/>
  <c r="N3856" i="5" s="1"/>
  <c r="J8417" i="2"/>
  <c r="J8391" i="5" s="1"/>
  <c r="N8391" i="5" s="1"/>
  <c r="J8761" i="2"/>
  <c r="J8735" i="5" s="1"/>
  <c r="N8735" i="5" s="1"/>
  <c r="J7386" i="2"/>
  <c r="J7360" i="5" s="1"/>
  <c r="N7360" i="5" s="1"/>
  <c r="J6057" i="2"/>
  <c r="J6031" i="5" s="1"/>
  <c r="N6031" i="5" s="1"/>
  <c r="J4369" i="2"/>
  <c r="J4343" i="5" s="1"/>
  <c r="N4343" i="5" s="1"/>
  <c r="J7888" i="2"/>
  <c r="J7862" i="5" s="1"/>
  <c r="N7862" i="5" s="1"/>
  <c r="J4362" i="2"/>
  <c r="J4336" i="5" s="1"/>
  <c r="N4336" i="5" s="1"/>
  <c r="J6382" i="2"/>
  <c r="J6356" i="5" s="1"/>
  <c r="N6356" i="5" s="1"/>
  <c r="J7418" i="2"/>
  <c r="J7392" i="5" s="1"/>
  <c r="N7392" i="5" s="1"/>
  <c r="J8086" i="2"/>
  <c r="J8060" i="5" s="1"/>
  <c r="N8060" i="5" s="1"/>
  <c r="J4221" i="2"/>
  <c r="J4195" i="5" s="1"/>
  <c r="N4195" i="5" s="1"/>
  <c r="J6052" i="2"/>
  <c r="J6026" i="5" s="1"/>
  <c r="N6026" i="5" s="1"/>
  <c r="J1704" i="2"/>
  <c r="J1678" i="5" s="1"/>
  <c r="N1678" i="5" s="1"/>
  <c r="J6894" i="2"/>
  <c r="J6868" i="5" s="1"/>
  <c r="N6868" i="5" s="1"/>
  <c r="J1848" i="2"/>
  <c r="J1822" i="5" s="1"/>
  <c r="N1822" i="5" s="1"/>
  <c r="J534" i="2"/>
  <c r="J508" i="5" s="1"/>
  <c r="N508" i="5" s="1"/>
  <c r="J832" i="2"/>
  <c r="J806" i="5" s="1"/>
  <c r="N806" i="5" s="1"/>
  <c r="J4868" i="2"/>
  <c r="J4842" i="5" s="1"/>
  <c r="N4842" i="5" s="1"/>
  <c r="J8244" i="2"/>
  <c r="J8218" i="5" s="1"/>
  <c r="N8218" i="5" s="1"/>
  <c r="J3041" i="2"/>
  <c r="J3015" i="5" s="1"/>
  <c r="N3015" i="5" s="1"/>
  <c r="J3710" i="2"/>
  <c r="J3684" i="5" s="1"/>
  <c r="N3684" i="5" s="1"/>
  <c r="J2864" i="2"/>
  <c r="J2838" i="5" s="1"/>
  <c r="N2838" i="5" s="1"/>
  <c r="J1368" i="2"/>
  <c r="J1342" i="5" s="1"/>
  <c r="N1342" i="5" s="1"/>
  <c r="J4523" i="2"/>
  <c r="J4497" i="5" s="1"/>
  <c r="N4497" i="5" s="1"/>
  <c r="J998" i="2"/>
  <c r="J972" i="5" s="1"/>
  <c r="N972" i="5" s="1"/>
  <c r="J8240" i="2"/>
  <c r="J8214" i="5" s="1"/>
  <c r="N8214" i="5" s="1"/>
  <c r="J511" i="2"/>
  <c r="J485" i="5" s="1"/>
  <c r="N485" i="5" s="1"/>
  <c r="J5366" i="2"/>
  <c r="J5340" i="5" s="1"/>
  <c r="N5340" i="5" s="1"/>
  <c r="J4203" i="2"/>
  <c r="J4177" i="5" s="1"/>
  <c r="N4177" i="5" s="1"/>
  <c r="J4881" i="2"/>
  <c r="J4855" i="5" s="1"/>
  <c r="N4855" i="5" s="1"/>
  <c r="J5047" i="2"/>
  <c r="J5021" i="5" s="1"/>
  <c r="N5021" i="5" s="1"/>
  <c r="J4383" i="2"/>
  <c r="J4357" i="5" s="1"/>
  <c r="N4357" i="5" s="1"/>
  <c r="J5033" i="2"/>
  <c r="J5007" i="5" s="1"/>
  <c r="N5007" i="5" s="1"/>
  <c r="J2718" i="2"/>
  <c r="J2692" i="5" s="1"/>
  <c r="N2692" i="5" s="1"/>
  <c r="J5069" i="2"/>
  <c r="J5043" i="5" s="1"/>
  <c r="N5043" i="5" s="1"/>
  <c r="J4550" i="2"/>
  <c r="J4524" i="5" s="1"/>
  <c r="N4524" i="5" s="1"/>
  <c r="J8051" i="2"/>
  <c r="J8025" i="5" s="1"/>
  <c r="N8025" i="5" s="1"/>
  <c r="J8391" i="2"/>
  <c r="J8365" i="5" s="1"/>
  <c r="N8365" i="5" s="1"/>
  <c r="J6038" i="2"/>
  <c r="J6012" i="5" s="1"/>
  <c r="N6012" i="5" s="1"/>
  <c r="J6071" i="2"/>
  <c r="J6045" i="5" s="1"/>
  <c r="N6045" i="5" s="1"/>
  <c r="J6066" i="2"/>
  <c r="J6040" i="5" s="1"/>
  <c r="N6040" i="5" s="1"/>
  <c r="J4545" i="2"/>
  <c r="J4519" i="5" s="1"/>
  <c r="N4519" i="5" s="1"/>
  <c r="J3217" i="2"/>
  <c r="J3191" i="5" s="1"/>
  <c r="N3191" i="5" s="1"/>
  <c r="J180" i="2"/>
  <c r="J154" i="5" s="1"/>
  <c r="N154" i="5" s="1"/>
  <c r="J198" i="2"/>
  <c r="J172" i="5" s="1"/>
  <c r="N172" i="5" s="1"/>
  <c r="J5741" i="2"/>
  <c r="J5715" i="5" s="1"/>
  <c r="N5715" i="5" s="1"/>
  <c r="J664" i="2"/>
  <c r="J638" i="5" s="1"/>
  <c r="N638" i="5" s="1"/>
  <c r="J2017" i="2"/>
  <c r="J1991" i="5" s="1"/>
  <c r="N1991" i="5" s="1"/>
  <c r="J1666" i="2"/>
  <c r="J1640" i="5" s="1"/>
  <c r="N1640" i="5" s="1"/>
  <c r="J6724" i="2"/>
  <c r="J6698" i="5" s="1"/>
  <c r="N6698" i="5" s="1"/>
  <c r="J8248" i="2"/>
  <c r="J8222" i="5" s="1"/>
  <c r="N8222" i="5" s="1"/>
  <c r="J7718" i="2"/>
  <c r="J7692" i="5" s="1"/>
  <c r="N7692" i="5" s="1"/>
  <c r="J8581" i="2"/>
  <c r="J8555" i="5" s="1"/>
  <c r="N8555" i="5" s="1"/>
  <c r="J5224" i="2"/>
  <c r="J5198" i="5" s="1"/>
  <c r="N5198" i="5" s="1"/>
  <c r="J1364" i="2"/>
  <c r="J1338" i="5" s="1"/>
  <c r="N1338" i="5" s="1"/>
  <c r="J5051" i="2"/>
  <c r="J5025" i="5" s="1"/>
  <c r="N5025" i="5" s="1"/>
  <c r="J5562" i="2"/>
  <c r="J5536" i="5" s="1"/>
  <c r="N5536" i="5" s="1"/>
  <c r="J8750" i="2"/>
  <c r="J8724" i="5" s="1"/>
  <c r="N8724" i="5" s="1"/>
  <c r="J4715" i="2"/>
  <c r="J4689" i="5" s="1"/>
  <c r="N4689" i="5" s="1"/>
  <c r="J4395" i="2"/>
  <c r="J4369" i="5" s="1"/>
  <c r="N4369" i="5" s="1"/>
  <c r="J678" i="2"/>
  <c r="J652" i="5" s="1"/>
  <c r="N652" i="5" s="1"/>
  <c r="J5554" i="2"/>
  <c r="J5528" i="5" s="1"/>
  <c r="N5528" i="5" s="1"/>
  <c r="J3534" i="2"/>
  <c r="J3508" i="5" s="1"/>
  <c r="N3508" i="5" s="1"/>
  <c r="J1346" i="2"/>
  <c r="J1320" i="5" s="1"/>
  <c r="N1320" i="5" s="1"/>
  <c r="J1545" i="2"/>
  <c r="J1519" i="5" s="1"/>
  <c r="N1519" i="5" s="1"/>
  <c r="J1031" i="2"/>
  <c r="J1005" i="5" s="1"/>
  <c r="N1005" i="5" s="1"/>
  <c r="J6401" i="2"/>
  <c r="J6375" i="5" s="1"/>
  <c r="N6375" i="5" s="1"/>
  <c r="J8588" i="2"/>
  <c r="J8562" i="5" s="1"/>
  <c r="N8562" i="5" s="1"/>
  <c r="J8577" i="2"/>
  <c r="J8551" i="5" s="1"/>
  <c r="N8551" i="5" s="1"/>
  <c r="J7917" i="2"/>
  <c r="J7891" i="5" s="1"/>
  <c r="N7891" i="5" s="1"/>
  <c r="J5903" i="2"/>
  <c r="J5877" i="5" s="1"/>
  <c r="N5877" i="5" s="1"/>
  <c r="J4536" i="2"/>
  <c r="J4510" i="5" s="1"/>
  <c r="N4510" i="5" s="1"/>
  <c r="J7920" i="2"/>
  <c r="J7894" i="5" s="1"/>
  <c r="N7894" i="5" s="1"/>
  <c r="J6891" i="2"/>
  <c r="J6865" i="5" s="1"/>
  <c r="N6865" i="5" s="1"/>
  <c r="J2520" i="2"/>
  <c r="J2494" i="5" s="1"/>
  <c r="N2494" i="5" s="1"/>
  <c r="J8265" i="2"/>
  <c r="J8239" i="5" s="1"/>
  <c r="N8239" i="5" s="1"/>
  <c r="J1531" i="2"/>
  <c r="J1505" i="5" s="1"/>
  <c r="N1505" i="5" s="1"/>
  <c r="J4530" i="2"/>
  <c r="J4504" i="5" s="1"/>
  <c r="N4504" i="5" s="1"/>
  <c r="J5200" i="2"/>
  <c r="J5174" i="5" s="1"/>
  <c r="N5174" i="5" s="1"/>
  <c r="J2683" i="2"/>
  <c r="J2657" i="5" s="1"/>
  <c r="N2657" i="5" s="1"/>
  <c r="J8238" i="2"/>
  <c r="J8212" i="5" s="1"/>
  <c r="N8212" i="5" s="1"/>
  <c r="J8582" i="2"/>
  <c r="J8556" i="5" s="1"/>
  <c r="N8556" i="5" s="1"/>
  <c r="J7042" i="2"/>
  <c r="J7016" i="5" s="1"/>
  <c r="N7016" i="5" s="1"/>
  <c r="J6409" i="2"/>
  <c r="J6383" i="5" s="1"/>
  <c r="N6383" i="5" s="1"/>
  <c r="J7715" i="2"/>
  <c r="J7689" i="5" s="1"/>
  <c r="N7689" i="5" s="1"/>
  <c r="J3531" i="2"/>
  <c r="J3505" i="5" s="1"/>
  <c r="N3505" i="5" s="1"/>
  <c r="J1200" i="2"/>
  <c r="J1174" i="5" s="1"/>
  <c r="N1174" i="5" s="1"/>
  <c r="J331" i="2"/>
  <c r="J305" i="5" s="1"/>
  <c r="N305" i="5" s="1"/>
  <c r="J2863" i="2"/>
  <c r="J2837" i="5" s="1"/>
  <c r="N2837" i="5" s="1"/>
  <c r="J3521" i="2"/>
  <c r="J3495" i="5" s="1"/>
  <c r="N3495" i="5" s="1"/>
  <c r="J6920" i="2"/>
  <c r="J6894" i="5" s="1"/>
  <c r="N6894" i="5" s="1"/>
  <c r="J1692" i="2"/>
  <c r="J1666" i="5" s="1"/>
  <c r="N1666" i="5" s="1"/>
  <c r="J184" i="2"/>
  <c r="J158" i="5" s="1"/>
  <c r="N158" i="5" s="1"/>
  <c r="J2342" i="2"/>
  <c r="J2316" i="5" s="1"/>
  <c r="N2316" i="5" s="1"/>
  <c r="J491" i="2"/>
  <c r="J465" i="5" s="1"/>
  <c r="N465" i="5" s="1"/>
  <c r="J681" i="2"/>
  <c r="J655" i="5" s="1"/>
  <c r="N655" i="5" s="1"/>
  <c r="J7423" i="2"/>
  <c r="J7397" i="5" s="1"/>
  <c r="N7397" i="5" s="1"/>
  <c r="J4021" i="2"/>
  <c r="J3995" i="5" s="1"/>
  <c r="N3995" i="5" s="1"/>
  <c r="J8568" i="2"/>
  <c r="J8542" i="5" s="1"/>
  <c r="N8542" i="5" s="1"/>
  <c r="J4192" i="2"/>
  <c r="J4166" i="5" s="1"/>
  <c r="N4166" i="5" s="1"/>
  <c r="J8419" i="2"/>
  <c r="J8393" i="5" s="1"/>
  <c r="N8393" i="5" s="1"/>
  <c r="J8055" i="2"/>
  <c r="J8029" i="5" s="1"/>
  <c r="N8029" i="5" s="1"/>
  <c r="J4531" i="2"/>
  <c r="J4505" i="5" s="1"/>
  <c r="N4505" i="5" s="1"/>
  <c r="J167" i="2"/>
  <c r="J141" i="5" s="1"/>
  <c r="N141" i="5" s="1"/>
  <c r="J1372" i="2"/>
  <c r="J1346" i="5" s="1"/>
  <c r="N1346" i="5" s="1"/>
  <c r="J3553" i="2"/>
  <c r="J3527" i="5" s="1"/>
  <c r="N3527" i="5" s="1"/>
  <c r="J4725" i="2"/>
  <c r="J4699" i="5" s="1"/>
  <c r="N4699" i="5" s="1"/>
  <c r="J6376" i="2"/>
  <c r="J6350" i="5" s="1"/>
  <c r="N6350" i="5" s="1"/>
  <c r="J3525" i="2"/>
  <c r="J3499" i="5" s="1"/>
  <c r="N3499" i="5" s="1"/>
  <c r="J7222" i="2"/>
  <c r="J7196" i="5" s="1"/>
  <c r="N7196" i="5" s="1"/>
  <c r="J6202" i="2"/>
  <c r="J6176" i="5" s="1"/>
  <c r="N6176" i="5" s="1"/>
  <c r="J1707" i="2"/>
  <c r="J1681" i="5" s="1"/>
  <c r="N1681" i="5" s="1"/>
  <c r="J6220" i="2"/>
  <c r="J6194" i="5" s="1"/>
  <c r="N6194" i="5" s="1"/>
  <c r="J3873" i="2"/>
  <c r="J3847" i="5" s="1"/>
  <c r="N3847" i="5" s="1"/>
  <c r="J367" i="2"/>
  <c r="J341" i="5" s="1"/>
  <c r="N341" i="5" s="1"/>
  <c r="J8429" i="2"/>
  <c r="J8403" i="5" s="1"/>
  <c r="N8403" i="5" s="1"/>
  <c r="J8754" i="2"/>
  <c r="J8728" i="5" s="1"/>
  <c r="N8728" i="5" s="1"/>
  <c r="J5557" i="2"/>
  <c r="J5531" i="5" s="1"/>
  <c r="N5531" i="5" s="1"/>
  <c r="J2549" i="2"/>
  <c r="J2523" i="5" s="1"/>
  <c r="N2523" i="5" s="1"/>
  <c r="J6399" i="2"/>
  <c r="J6373" i="5" s="1"/>
  <c r="N6373" i="5" s="1"/>
  <c r="J3034" i="2"/>
  <c r="J3008" i="5" s="1"/>
  <c r="N3008" i="5" s="1"/>
  <c r="J702" i="2"/>
  <c r="J676" i="5" s="1"/>
  <c r="N676" i="5" s="1"/>
  <c r="J5702" i="2"/>
  <c r="J5676" i="5" s="1"/>
  <c r="N5676" i="5" s="1"/>
  <c r="J5028" i="2"/>
  <c r="J5002" i="5" s="1"/>
  <c r="N5002" i="5" s="1"/>
  <c r="J7568" i="2"/>
  <c r="J7542" i="5" s="1"/>
  <c r="N7542" i="5" s="1"/>
  <c r="J8083" i="2"/>
  <c r="J8057" i="5" s="1"/>
  <c r="N8057" i="5" s="1"/>
  <c r="J7214" i="2"/>
  <c r="J7188" i="5" s="1"/>
  <c r="N7188" i="5" s="1"/>
  <c r="J3019" i="2"/>
  <c r="J2993" i="5" s="1"/>
  <c r="N2993" i="5" s="1"/>
  <c r="J6554" i="2"/>
  <c r="J6528" i="5" s="1"/>
  <c r="N6528" i="5" s="1"/>
  <c r="J6897" i="2"/>
  <c r="J6871" i="5" s="1"/>
  <c r="N6871" i="5" s="1"/>
  <c r="J5032" i="2"/>
  <c r="J5006" i="5" s="1"/>
  <c r="N5006" i="5" s="1"/>
  <c r="J4709" i="2"/>
  <c r="J4683" i="5" s="1"/>
  <c r="N4683" i="5" s="1"/>
  <c r="J7254" i="2"/>
  <c r="J7228" i="5" s="1"/>
  <c r="N7228" i="5" s="1"/>
  <c r="J6570" i="2"/>
  <c r="J6544" i="5" s="1"/>
  <c r="N6544" i="5" s="1"/>
  <c r="J176" i="2"/>
  <c r="J150" i="5" s="1"/>
  <c r="N150" i="5" s="1"/>
  <c r="J2888" i="2"/>
  <c r="J2862" i="5" s="1"/>
  <c r="N2862" i="5" s="1"/>
  <c r="J4371" i="2"/>
  <c r="J4345" i="5" s="1"/>
  <c r="N4345" i="5" s="1"/>
  <c r="J4716" i="2"/>
  <c r="J4690" i="5" s="1"/>
  <c r="N4690" i="5" s="1"/>
  <c r="J6048" i="2"/>
  <c r="J6022" i="5" s="1"/>
  <c r="N6022" i="5" s="1"/>
  <c r="J4737" i="2"/>
  <c r="J4711" i="5" s="1"/>
  <c r="N4711" i="5" s="1"/>
  <c r="J4198" i="2"/>
  <c r="J4172" i="5" s="1"/>
  <c r="N4172" i="5" s="1"/>
  <c r="J2691" i="2"/>
  <c r="J2665" i="5" s="1"/>
  <c r="N2665" i="5" s="1"/>
  <c r="J2353" i="2"/>
  <c r="J2327" i="5" s="1"/>
  <c r="N2327" i="5" s="1"/>
  <c r="J4363" i="2"/>
  <c r="J4337" i="5" s="1"/>
  <c r="N4337" i="5" s="1"/>
  <c r="J357" i="2"/>
  <c r="J331" i="5" s="1"/>
  <c r="N331" i="5" s="1"/>
  <c r="J6235" i="2"/>
  <c r="J6209" i="5" s="1"/>
  <c r="N6209" i="5" s="1"/>
  <c r="J501" i="2"/>
  <c r="J475" i="5" s="1"/>
  <c r="N475" i="5" s="1"/>
  <c r="J4385" i="2"/>
  <c r="J4359" i="5" s="1"/>
  <c r="N4359" i="5" s="1"/>
  <c r="J997" i="2"/>
  <c r="J971" i="5" s="1"/>
  <c r="N971" i="5" s="1"/>
  <c r="J519" i="2"/>
  <c r="J493" i="5" s="1"/>
  <c r="N493" i="5" s="1"/>
  <c r="J8082" i="2"/>
  <c r="J8056" i="5" s="1"/>
  <c r="N8056" i="5" s="1"/>
  <c r="J7395" i="2"/>
  <c r="J7369" i="5" s="1"/>
  <c r="N7369" i="5" s="1"/>
  <c r="J3551" i="2"/>
  <c r="J3525" i="5" s="1"/>
  <c r="N3525" i="5" s="1"/>
  <c r="J2522" i="2"/>
  <c r="J2496" i="5" s="1"/>
  <c r="N2496" i="5" s="1"/>
  <c r="J7724" i="2"/>
  <c r="J7698" i="5" s="1"/>
  <c r="N7698" i="5" s="1"/>
  <c r="J705" i="2"/>
  <c r="J679" i="5" s="1"/>
  <c r="N679" i="5" s="1"/>
  <c r="J1668" i="2"/>
  <c r="J1642" i="5" s="1"/>
  <c r="N1642" i="5" s="1"/>
  <c r="J4547" i="2"/>
  <c r="J4521" i="5" s="1"/>
  <c r="N4521" i="5" s="1"/>
  <c r="J2708" i="2"/>
  <c r="J2682" i="5" s="1"/>
  <c r="N2682" i="5" s="1"/>
  <c r="J1331" i="2"/>
  <c r="J1305" i="5" s="1"/>
  <c r="N1305" i="5" s="1"/>
  <c r="J7561" i="2"/>
  <c r="J7535" i="5" s="1"/>
  <c r="N7535" i="5" s="1"/>
  <c r="J8246" i="2"/>
  <c r="J8220" i="5" s="1"/>
  <c r="N8220" i="5" s="1"/>
  <c r="J7399" i="2"/>
  <c r="J7373" i="5" s="1"/>
  <c r="N7373" i="5" s="1"/>
  <c r="J4707" i="2"/>
  <c r="J4681" i="5" s="1"/>
  <c r="N4681" i="5" s="1"/>
  <c r="J201" i="2"/>
  <c r="J175" i="5" s="1"/>
  <c r="N175" i="5" s="1"/>
  <c r="J4880" i="2"/>
  <c r="J4854" i="5" s="1"/>
  <c r="N4854" i="5" s="1"/>
  <c r="J6749" i="2"/>
  <c r="J6723" i="5" s="1"/>
  <c r="N6723" i="5" s="1"/>
  <c r="J5892" i="2"/>
  <c r="J5866" i="5" s="1"/>
  <c r="N5866" i="5" s="1"/>
  <c r="J7252" i="2"/>
  <c r="J7226" i="5" s="1"/>
  <c r="N7226" i="5" s="1"/>
  <c r="J5740" i="2"/>
  <c r="J5714" i="5" s="1"/>
  <c r="N5714" i="5" s="1"/>
  <c r="J1542" i="2"/>
  <c r="J1516" i="5" s="1"/>
  <c r="N1516" i="5" s="1"/>
  <c r="J6890" i="2"/>
  <c r="J6864" i="5" s="1"/>
  <c r="N6864" i="5" s="1"/>
  <c r="J5532" i="2"/>
  <c r="J5506" i="5" s="1"/>
  <c r="N5506" i="5" s="1"/>
  <c r="J6910" i="2"/>
  <c r="J6884" i="5" s="1"/>
  <c r="N6884" i="5" s="1"/>
  <c r="J6384" i="2"/>
  <c r="J6358" i="5" s="1"/>
  <c r="N6358" i="5" s="1"/>
  <c r="J2183" i="2"/>
  <c r="J2157" i="5" s="1"/>
  <c r="N2157" i="5" s="1"/>
  <c r="J536" i="2"/>
  <c r="J510" i="5" s="1"/>
  <c r="N510" i="5" s="1"/>
  <c r="J4869" i="2"/>
  <c r="J4843" i="5" s="1"/>
  <c r="N4843" i="5" s="1"/>
  <c r="J1333" i="2"/>
  <c r="J1307" i="5" s="1"/>
  <c r="N1307" i="5" s="1"/>
  <c r="J7733" i="2"/>
  <c r="J7707" i="5" s="1"/>
  <c r="N7707" i="5" s="1"/>
  <c r="J7748" i="2"/>
  <c r="J7722" i="5" s="1"/>
  <c r="N7722" i="5" s="1"/>
  <c r="J6713" i="2"/>
  <c r="J6687" i="5" s="1"/>
  <c r="N6687" i="5" s="1"/>
  <c r="J2679" i="2"/>
  <c r="J2653" i="5" s="1"/>
  <c r="N2653" i="5" s="1"/>
  <c r="J1834" i="2"/>
  <c r="J1808" i="5" s="1"/>
  <c r="N1808" i="5" s="1"/>
  <c r="J3193" i="2"/>
  <c r="J3167" i="5" s="1"/>
  <c r="N3167" i="5" s="1"/>
  <c r="J6571" i="2"/>
  <c r="J6545" i="5" s="1"/>
  <c r="N6545" i="5" s="1"/>
  <c r="J8430" i="2"/>
  <c r="J8404" i="5" s="1"/>
  <c r="N8404" i="5" s="1"/>
  <c r="J5912" i="2"/>
  <c r="J5886" i="5" s="1"/>
  <c r="N5886" i="5" s="1"/>
  <c r="J2007" i="2"/>
  <c r="J1981" i="5" s="1"/>
  <c r="N1981" i="5" s="1"/>
  <c r="J8404" i="2"/>
  <c r="J8378" i="5" s="1"/>
  <c r="N8378" i="5" s="1"/>
  <c r="J4058" i="2"/>
  <c r="J4032" i="5" s="1"/>
  <c r="N4032" i="5" s="1"/>
  <c r="J5720" i="2"/>
  <c r="J5694" i="5" s="1"/>
  <c r="N5694" i="5" s="1"/>
  <c r="J4693" i="2"/>
  <c r="J4667" i="5" s="1"/>
  <c r="N4667" i="5" s="1"/>
  <c r="J4062" i="2"/>
  <c r="J4036" i="5" s="1"/>
  <c r="N4036" i="5" s="1"/>
  <c r="J4736" i="2"/>
  <c r="J4710" i="5" s="1"/>
  <c r="N4710" i="5" s="1"/>
  <c r="J3359" i="2"/>
  <c r="J3333" i="5" s="1"/>
  <c r="N3333" i="5" s="1"/>
  <c r="J1713" i="2"/>
  <c r="J1687" i="5" s="1"/>
  <c r="N1687" i="5" s="1"/>
  <c r="J4375" i="2"/>
  <c r="J4349" i="5" s="1"/>
  <c r="N4349" i="5" s="1"/>
  <c r="J5714" i="2"/>
  <c r="J5688" i="5" s="1"/>
  <c r="N5688" i="5" s="1"/>
  <c r="J7424" i="2"/>
  <c r="J7398" i="5" s="1"/>
  <c r="N7398" i="5" s="1"/>
  <c r="J5908" i="2"/>
  <c r="J5882" i="5" s="1"/>
  <c r="N5882" i="5" s="1"/>
  <c r="J4697" i="2"/>
  <c r="J4671" i="5" s="1"/>
  <c r="N4671" i="5" s="1"/>
  <c r="J187" i="2"/>
  <c r="J161" i="5" s="1"/>
  <c r="N161" i="5" s="1"/>
  <c r="J8053" i="2"/>
  <c r="J8027" i="5" s="1"/>
  <c r="N8027" i="5" s="1"/>
  <c r="J5898" i="2"/>
  <c r="J5872" i="5" s="1"/>
  <c r="N5872" i="5" s="1"/>
  <c r="J5408" i="2"/>
  <c r="J5382" i="5" s="1"/>
  <c r="N5382" i="5" s="1"/>
  <c r="J3222" i="2"/>
  <c r="J3196" i="5" s="1"/>
  <c r="N3196" i="5" s="1"/>
  <c r="J1712" i="2"/>
  <c r="J1686" i="5" s="1"/>
  <c r="N1686" i="5" s="1"/>
  <c r="J5058" i="2"/>
  <c r="J5032" i="5" s="1"/>
  <c r="N5032" i="5" s="1"/>
  <c r="J2049" i="2"/>
  <c r="J2023" i="5" s="1"/>
  <c r="N2023" i="5" s="1"/>
  <c r="J1837" i="2"/>
  <c r="J1811" i="5" s="1"/>
  <c r="N1811" i="5" s="1"/>
  <c r="J6578" i="2"/>
  <c r="J6552" i="5" s="1"/>
  <c r="N6552" i="5" s="1"/>
  <c r="J2539" i="2"/>
  <c r="J2513" i="5" s="1"/>
  <c r="N2513" i="5" s="1"/>
  <c r="J497" i="2"/>
  <c r="J471" i="5" s="1"/>
  <c r="N471" i="5" s="1"/>
  <c r="J5364" i="2"/>
  <c r="J5338" i="5" s="1"/>
  <c r="N5338" i="5" s="1"/>
  <c r="J3184" i="2"/>
  <c r="J3158" i="5" s="1"/>
  <c r="N3158" i="5" s="1"/>
  <c r="J3522" i="2"/>
  <c r="J3496" i="5" s="1"/>
  <c r="N3496" i="5" s="1"/>
  <c r="J5537" i="2"/>
  <c r="J5511" i="5" s="1"/>
  <c r="N5511" i="5" s="1"/>
  <c r="J6898" i="2"/>
  <c r="J6872" i="5" s="1"/>
  <c r="N6872" i="5" s="1"/>
  <c r="J5732" i="2"/>
  <c r="J5706" i="5" s="1"/>
  <c r="N5706" i="5" s="1"/>
  <c r="J7044" i="2"/>
  <c r="J7018" i="5" s="1"/>
  <c r="N7018" i="5" s="1"/>
  <c r="J5406" i="2"/>
  <c r="J5380" i="5" s="1"/>
  <c r="N5380" i="5" s="1"/>
  <c r="J1703" i="2"/>
  <c r="J1677" i="5" s="1"/>
  <c r="N1677" i="5" s="1"/>
  <c r="J2542" i="2"/>
  <c r="J2516" i="5" s="1"/>
  <c r="N2516" i="5" s="1"/>
  <c r="J2709" i="2"/>
  <c r="J2683" i="5" s="1"/>
  <c r="N2683" i="5" s="1"/>
  <c r="J1361" i="2"/>
  <c r="J1335" i="5" s="1"/>
  <c r="N1335" i="5" s="1"/>
  <c r="J4701" i="2"/>
  <c r="J4675" i="5" s="1"/>
  <c r="N4675" i="5" s="1"/>
  <c r="J8243" i="2"/>
  <c r="J8217" i="5" s="1"/>
  <c r="N8217" i="5" s="1"/>
  <c r="J3026" i="2"/>
  <c r="J3000" i="5" s="1"/>
  <c r="N3000" i="5" s="1"/>
  <c r="J6553" i="2"/>
  <c r="J6527" i="5" s="1"/>
  <c r="N6527" i="5" s="1"/>
  <c r="J2533" i="2"/>
  <c r="J2507" i="5" s="1"/>
  <c r="N2507" i="5" s="1"/>
  <c r="J5396" i="2"/>
  <c r="J5370" i="5" s="1"/>
  <c r="N5370" i="5" s="1"/>
  <c r="J8590" i="2"/>
  <c r="J8564" i="5" s="1"/>
  <c r="N8564" i="5" s="1"/>
  <c r="J7247" i="2"/>
  <c r="J7221" i="5" s="1"/>
  <c r="N7221" i="5" s="1"/>
  <c r="J6560" i="2"/>
  <c r="J6534" i="5" s="1"/>
  <c r="N6534" i="5" s="1"/>
  <c r="J2202" i="2"/>
  <c r="J2176" i="5" s="1"/>
  <c r="N2176" i="5" s="1"/>
  <c r="J2706" i="2"/>
  <c r="J2680" i="5" s="1"/>
  <c r="N2680" i="5" s="1"/>
  <c r="J3190" i="2"/>
  <c r="J3164" i="5" s="1"/>
  <c r="N3164" i="5" s="1"/>
  <c r="J1345" i="2"/>
  <c r="J1319" i="5" s="1"/>
  <c r="N1319" i="5" s="1"/>
  <c r="J351" i="2"/>
  <c r="J325" i="5" s="1"/>
  <c r="N325" i="5" s="1"/>
  <c r="J6044" i="2"/>
  <c r="J6018" i="5" s="1"/>
  <c r="N6018" i="5" s="1"/>
  <c r="J5910" i="2"/>
  <c r="J5884" i="5" s="1"/>
  <c r="N5884" i="5" s="1"/>
  <c r="J7592" i="2"/>
  <c r="J7566" i="5" s="1"/>
  <c r="N7566" i="5" s="1"/>
  <c r="J1874" i="2"/>
  <c r="J1848" i="5" s="1"/>
  <c r="N1848" i="5" s="1"/>
  <c r="J4568" i="2"/>
  <c r="J4542" i="5" s="1"/>
  <c r="N4542" i="5" s="1"/>
  <c r="J3696" i="2"/>
  <c r="J3670" i="5" s="1"/>
  <c r="N3670" i="5" s="1"/>
  <c r="J154" i="2"/>
  <c r="J128" i="5" s="1"/>
  <c r="N128" i="5" s="1"/>
  <c r="J7256" i="2"/>
  <c r="J7230" i="5" s="1"/>
  <c r="N7230" i="5" s="1"/>
  <c r="J840" i="2"/>
  <c r="J814" i="5" s="1"/>
  <c r="N814" i="5" s="1"/>
  <c r="J1671" i="2"/>
  <c r="J1645" i="5" s="1"/>
  <c r="N1645" i="5" s="1"/>
  <c r="J999" i="2"/>
  <c r="J973" i="5" s="1"/>
  <c r="N973" i="5" s="1"/>
  <c r="J8221" i="2"/>
  <c r="J8195" i="5" s="1"/>
  <c r="N8195" i="5" s="1"/>
  <c r="J5197" i="2"/>
  <c r="J5171" i="5" s="1"/>
  <c r="N5171" i="5" s="1"/>
  <c r="J1878" i="2"/>
  <c r="J1852" i="5" s="1"/>
  <c r="N1852" i="5" s="1"/>
  <c r="J3053" i="2"/>
  <c r="J3027" i="5" s="1"/>
  <c r="N3027" i="5" s="1"/>
  <c r="J4019" i="2"/>
  <c r="J3993" i="5" s="1"/>
  <c r="N3993" i="5" s="1"/>
  <c r="J2871" i="2"/>
  <c r="J2845" i="5" s="1"/>
  <c r="N2845" i="5" s="1"/>
  <c r="J2884" i="2"/>
  <c r="J2858" i="5" s="1"/>
  <c r="N2858" i="5" s="1"/>
  <c r="J6919" i="2"/>
  <c r="J6893" i="5" s="1"/>
  <c r="N6893" i="5" s="1"/>
  <c r="J5050" i="2"/>
  <c r="J5024" i="5" s="1"/>
  <c r="N5024" i="5" s="1"/>
  <c r="J6400" i="2"/>
  <c r="J6374" i="5" s="1"/>
  <c r="N6374" i="5" s="1"/>
  <c r="J1177" i="2"/>
  <c r="J1151" i="5" s="1"/>
  <c r="N1151" i="5" s="1"/>
  <c r="J3374" i="2"/>
  <c r="J3348" i="5" s="1"/>
  <c r="N3348" i="5" s="1"/>
  <c r="J4891" i="2"/>
  <c r="J4865" i="5" s="1"/>
  <c r="N4865" i="5" s="1"/>
  <c r="J1530" i="2"/>
  <c r="J1504" i="5" s="1"/>
  <c r="N1504" i="5" s="1"/>
  <c r="J2363" i="2"/>
  <c r="J2337" i="5" s="1"/>
  <c r="N2337" i="5" s="1"/>
  <c r="J1040" i="2"/>
  <c r="J1014" i="5" s="1"/>
  <c r="N1014" i="5" s="1"/>
  <c r="J5040" i="2"/>
  <c r="J5014" i="5" s="1"/>
  <c r="N5014" i="5" s="1"/>
  <c r="J352" i="2"/>
  <c r="J326" i="5" s="1"/>
  <c r="N326" i="5" s="1"/>
  <c r="J4187" i="2"/>
  <c r="J4161" i="5" s="1"/>
  <c r="N4161" i="5" s="1"/>
  <c r="J1205" i="2"/>
  <c r="J1179" i="5" s="1"/>
  <c r="N1179" i="5" s="1"/>
  <c r="J4050" i="2"/>
  <c r="J4024" i="5" s="1"/>
  <c r="N4024" i="5" s="1"/>
  <c r="J6538" i="2"/>
  <c r="J6512" i="5" s="1"/>
  <c r="N6512" i="5" s="1"/>
  <c r="J4063" i="2"/>
  <c r="J4037" i="5" s="1"/>
  <c r="N4037" i="5" s="1"/>
  <c r="J7053" i="2"/>
  <c r="J7027" i="5" s="1"/>
  <c r="N7027" i="5" s="1"/>
  <c r="J7558" i="2"/>
  <c r="J7532" i="5" s="1"/>
  <c r="N7532" i="5" s="1"/>
  <c r="J870" i="2"/>
  <c r="J844" i="5" s="1"/>
  <c r="N844" i="5" s="1"/>
  <c r="J4563" i="2"/>
  <c r="J4537" i="5" s="1"/>
  <c r="N4537" i="5" s="1"/>
  <c r="J7904" i="2"/>
  <c r="J7878" i="5" s="1"/>
  <c r="N7878" i="5" s="1"/>
  <c r="J2681" i="2"/>
  <c r="J2655" i="5" s="1"/>
  <c r="N2655" i="5" s="1"/>
  <c r="J2877" i="2"/>
  <c r="J2851" i="5" s="1"/>
  <c r="N2851" i="5" s="1"/>
  <c r="J1509" i="2"/>
  <c r="J1483" i="5" s="1"/>
  <c r="N1483" i="5" s="1"/>
  <c r="J854" i="2"/>
  <c r="J828" i="5" s="1"/>
  <c r="N828" i="5" s="1"/>
  <c r="J5384" i="2"/>
  <c r="J5358" i="5" s="1"/>
  <c r="N5358" i="5" s="1"/>
  <c r="J3348" i="2"/>
  <c r="J3322" i="5" s="1"/>
  <c r="N3322" i="5" s="1"/>
  <c r="J4533" i="2"/>
  <c r="J4507" i="5" s="1"/>
  <c r="N4507" i="5" s="1"/>
  <c r="J3371" i="2"/>
  <c r="J3345" i="5" s="1"/>
  <c r="N3345" i="5" s="1"/>
  <c r="J2347" i="2"/>
  <c r="J2321" i="5" s="1"/>
  <c r="N2321" i="5" s="1"/>
  <c r="J8583" i="2"/>
  <c r="J8557" i="5" s="1"/>
  <c r="N8557" i="5" s="1"/>
  <c r="J6080" i="2"/>
  <c r="J6054" i="5" s="1"/>
  <c r="N6054" i="5" s="1"/>
  <c r="J7257" i="2"/>
  <c r="J7231" i="5" s="1"/>
  <c r="N7231" i="5" s="1"/>
  <c r="J6413" i="2"/>
  <c r="J6387" i="5" s="1"/>
  <c r="N6387" i="5" s="1"/>
  <c r="J1033" i="2"/>
  <c r="J1007" i="5" s="1"/>
  <c r="N1007" i="5" s="1"/>
  <c r="J6584" i="2"/>
  <c r="J6558" i="5" s="1"/>
  <c r="N6558" i="5" s="1"/>
  <c r="J3561" i="2"/>
  <c r="J3535" i="5" s="1"/>
  <c r="N3535" i="5" s="1"/>
  <c r="J341" i="2"/>
  <c r="J315" i="5" s="1"/>
  <c r="N315" i="5" s="1"/>
  <c r="J6043" i="2"/>
  <c r="J6017" i="5" s="1"/>
  <c r="N6017" i="5" s="1"/>
  <c r="J7410" i="2"/>
  <c r="J7384" i="5" s="1"/>
  <c r="N7384" i="5" s="1"/>
  <c r="J3888" i="2"/>
  <c r="J3862" i="5" s="1"/>
  <c r="N3862" i="5" s="1"/>
  <c r="J8562" i="2"/>
  <c r="J8536" i="5" s="1"/>
  <c r="N8536" i="5" s="1"/>
  <c r="J2176" i="2"/>
  <c r="J2150" i="5" s="1"/>
  <c r="N2150" i="5" s="1"/>
  <c r="J1039" i="2"/>
  <c r="J1013" i="5" s="1"/>
  <c r="N1013" i="5" s="1"/>
  <c r="J1034" i="2"/>
  <c r="J1008" i="5" s="1"/>
  <c r="N1008" i="5" s="1"/>
  <c r="J5721" i="2"/>
  <c r="J5695" i="5" s="1"/>
  <c r="N5695" i="5" s="1"/>
  <c r="J8247" i="2"/>
  <c r="J8221" i="5" s="1"/>
  <c r="N8221" i="5" s="1"/>
  <c r="J4045" i="2"/>
  <c r="J4019" i="5" s="1"/>
  <c r="N4019" i="5" s="1"/>
  <c r="J1524" i="2"/>
  <c r="J1498" i="5" s="1"/>
  <c r="N1498" i="5" s="1"/>
  <c r="J8080" i="2"/>
  <c r="J8054" i="5" s="1"/>
  <c r="N8054" i="5" s="1"/>
  <c r="J867" i="2"/>
  <c r="J841" i="5" s="1"/>
  <c r="N841" i="5" s="1"/>
  <c r="J3391" i="2"/>
  <c r="J3365" i="5" s="1"/>
  <c r="N3365" i="5" s="1"/>
  <c r="J362" i="2"/>
  <c r="J336" i="5" s="1"/>
  <c r="N336" i="5" s="1"/>
  <c r="J5227" i="2"/>
  <c r="J5201" i="5" s="1"/>
  <c r="N5201" i="5" s="1"/>
  <c r="J7408" i="2"/>
  <c r="J7382" i="5" s="1"/>
  <c r="N7382" i="5" s="1"/>
  <c r="J5065" i="2"/>
  <c r="J5039" i="5" s="1"/>
  <c r="N5039" i="5" s="1"/>
  <c r="J530" i="2"/>
  <c r="J504" i="5" s="1"/>
  <c r="N504" i="5" s="1"/>
  <c r="J8756" i="2"/>
  <c r="J8730" i="5" s="1"/>
  <c r="N8730" i="5" s="1"/>
  <c r="J8255" i="2"/>
  <c r="J8229" i="5" s="1"/>
  <c r="N8229" i="5" s="1"/>
  <c r="J3555" i="2"/>
  <c r="J3529" i="5" s="1"/>
  <c r="N3529" i="5" s="1"/>
  <c r="J1190" i="2"/>
  <c r="J1164" i="5" s="1"/>
  <c r="N1164" i="5" s="1"/>
  <c r="J1373" i="2"/>
  <c r="J1347" i="5" s="1"/>
  <c r="N1347" i="5" s="1"/>
  <c r="J5395" i="2"/>
  <c r="J5369" i="5" s="1"/>
  <c r="N5369" i="5" s="1"/>
  <c r="J862" i="2"/>
  <c r="J836" i="5" s="1"/>
  <c r="N836" i="5" s="1"/>
  <c r="J1203" i="2"/>
  <c r="J1177" i="5" s="1"/>
  <c r="N1177" i="5" s="1"/>
  <c r="J4692" i="2"/>
  <c r="J4666" i="5" s="1"/>
  <c r="N4666" i="5" s="1"/>
  <c r="J335" i="2"/>
  <c r="J309" i="5" s="1"/>
  <c r="N309" i="5" s="1"/>
  <c r="J700" i="2"/>
  <c r="J674" i="5" s="1"/>
  <c r="N674" i="5" s="1"/>
  <c r="J8758" i="2"/>
  <c r="J8732" i="5" s="1"/>
  <c r="N8732" i="5" s="1"/>
  <c r="J6722" i="2"/>
  <c r="J6696" i="5" s="1"/>
  <c r="N6696" i="5" s="1"/>
  <c r="J1868" i="2"/>
  <c r="J1842" i="5" s="1"/>
  <c r="N1842" i="5" s="1"/>
  <c r="J4046" i="2"/>
  <c r="J4020" i="5" s="1"/>
  <c r="N4020" i="5" s="1"/>
  <c r="J4354" i="2"/>
  <c r="J4328" i="5" s="1"/>
  <c r="N4328" i="5" s="1"/>
  <c r="J4186" i="2"/>
  <c r="J4160" i="5" s="1"/>
  <c r="J7725" i="2"/>
  <c r="J7699" i="5" s="1"/>
  <c r="N7699" i="5" s="1"/>
  <c r="J1171" i="2"/>
  <c r="J1145" i="5" s="1"/>
  <c r="N1145" i="5" s="1"/>
  <c r="J3717" i="2"/>
  <c r="J3691" i="5" s="1"/>
  <c r="N3691" i="5" s="1"/>
  <c r="J2379" i="2"/>
  <c r="J2353" i="5" s="1"/>
  <c r="N2353" i="5" s="1"/>
  <c r="J7749" i="2"/>
  <c r="J7723" i="5" s="1"/>
  <c r="N7723" i="5" s="1"/>
  <c r="J7574" i="2"/>
  <c r="J7548" i="5" s="1"/>
  <c r="N7548" i="5" s="1"/>
  <c r="J676" i="2"/>
  <c r="J650" i="5" s="1"/>
  <c r="N650" i="5" s="1"/>
  <c r="J3057" i="2"/>
  <c r="J3031" i="5" s="1"/>
  <c r="N3031" i="5" s="1"/>
  <c r="J1206" i="2"/>
  <c r="J1180" i="5" s="1"/>
  <c r="N1180" i="5" s="1"/>
  <c r="J8595" i="2"/>
  <c r="J8569" i="5" s="1"/>
  <c r="N8569" i="5" s="1"/>
  <c r="J5541" i="2"/>
  <c r="J5515" i="5" s="1"/>
  <c r="N5515" i="5" s="1"/>
  <c r="J8744" i="2"/>
  <c r="J8718" i="5" s="1"/>
  <c r="N8718" i="5" s="1"/>
  <c r="J5543" i="2"/>
  <c r="J5517" i="5" s="1"/>
  <c r="N5517" i="5" s="1"/>
  <c r="J8421" i="2"/>
  <c r="J8395" i="5" s="1"/>
  <c r="N8395" i="5" s="1"/>
  <c r="J2006" i="2"/>
  <c r="J1980" i="5" s="1"/>
  <c r="N1980" i="5" s="1"/>
  <c r="J1017" i="2"/>
  <c r="J991" i="5" s="1"/>
  <c r="N991" i="5" s="1"/>
  <c r="J6577" i="2"/>
  <c r="J6551" i="5" s="1"/>
  <c r="N6551" i="5" s="1"/>
  <c r="J4886" i="2"/>
  <c r="J4860" i="5" s="1"/>
  <c r="N4860" i="5" s="1"/>
  <c r="J4060" i="2"/>
  <c r="J4034" i="5" s="1"/>
  <c r="N4034" i="5" s="1"/>
  <c r="J3517" i="2"/>
  <c r="J3491" i="5" s="1"/>
  <c r="N3491" i="5" s="1"/>
  <c r="J7381" i="2"/>
  <c r="J7355" i="5" s="1"/>
  <c r="N7355" i="5" s="1"/>
  <c r="J2206" i="2"/>
  <c r="J2180" i="5" s="1"/>
  <c r="N2180" i="5" s="1"/>
  <c r="J6548" i="2"/>
  <c r="J6522" i="5" s="1"/>
  <c r="N6522" i="5" s="1"/>
  <c r="J1170" i="2"/>
  <c r="J1144" i="5" s="1"/>
  <c r="N1144" i="5" s="1"/>
  <c r="J7740" i="2"/>
  <c r="J7714" i="5" s="1"/>
  <c r="N7714" i="5" s="1"/>
  <c r="J8747" i="2"/>
  <c r="J8721" i="5" s="1"/>
  <c r="N8721" i="5" s="1"/>
  <c r="J7720" i="2"/>
  <c r="J7694" i="5" s="1"/>
  <c r="N7694" i="5" s="1"/>
  <c r="J6886" i="2"/>
  <c r="J6860" i="5" s="1"/>
  <c r="N6860" i="5" s="1"/>
  <c r="J2177" i="2"/>
  <c r="J2151" i="5" s="1"/>
  <c r="N2151" i="5" s="1"/>
  <c r="J7731" i="2"/>
  <c r="J7705" i="5" s="1"/>
  <c r="N7705" i="5" s="1"/>
  <c r="J2526" i="2"/>
  <c r="J2500" i="5" s="1"/>
  <c r="N2500" i="5" s="1"/>
  <c r="J8769" i="2"/>
  <c r="J8743" i="5" s="1"/>
  <c r="N8743" i="5" s="1"/>
  <c r="J5030" i="2"/>
  <c r="J5004" i="5" s="1"/>
  <c r="N5004" i="5" s="1"/>
  <c r="J8386" i="2"/>
  <c r="J8400" i="2"/>
  <c r="J8374" i="5" s="1"/>
  <c r="N8374" i="5" s="1"/>
  <c r="J7758" i="2"/>
  <c r="J7732" i="5" s="1"/>
  <c r="N7732" i="5" s="1"/>
  <c r="J7231" i="2"/>
  <c r="J7205" i="5" s="1"/>
  <c r="N7205" i="5" s="1"/>
  <c r="J3702" i="2"/>
  <c r="J3676" i="5" s="1"/>
  <c r="N3676" i="5" s="1"/>
  <c r="J1165" i="2"/>
  <c r="J1139" i="5" s="1"/>
  <c r="N1139" i="5" s="1"/>
  <c r="J4360" i="2"/>
  <c r="J4334" i="5" s="1"/>
  <c r="N4334" i="5" s="1"/>
  <c r="J1198" i="2"/>
  <c r="J1172" i="5" s="1"/>
  <c r="N1172" i="5" s="1"/>
  <c r="J3683" i="2"/>
  <c r="J3657" i="5" s="1"/>
  <c r="N3657" i="5" s="1"/>
  <c r="J7757" i="2"/>
  <c r="J7731" i="5" s="1"/>
  <c r="N7731" i="5" s="1"/>
  <c r="J2385" i="2"/>
  <c r="J2359" i="5" s="1"/>
  <c r="N2359" i="5" s="1"/>
  <c r="J2355" i="2"/>
  <c r="J2329" i="5" s="1"/>
  <c r="N2329" i="5" s="1"/>
  <c r="J5203" i="2"/>
  <c r="J5177" i="5" s="1"/>
  <c r="N5177" i="5" s="1"/>
  <c r="J4400" i="2"/>
  <c r="J4374" i="5" s="1"/>
  <c r="N4374" i="5" s="1"/>
  <c r="J4691" i="2"/>
  <c r="J4665" i="5" s="1"/>
  <c r="N4665" i="5" s="1"/>
  <c r="J339" i="2"/>
  <c r="J313" i="5" s="1"/>
  <c r="N313" i="5" s="1"/>
  <c r="J7893" i="2"/>
  <c r="J7867" i="5" s="1"/>
  <c r="N7867" i="5" s="1"/>
  <c r="J1164" i="2"/>
  <c r="J1138" i="5" s="1"/>
  <c r="N1138" i="5" s="1"/>
  <c r="J2185" i="2"/>
  <c r="J2159" i="5" s="1"/>
  <c r="N2159" i="5" s="1"/>
  <c r="J3518" i="2"/>
  <c r="J3492" i="5" s="1"/>
  <c r="N3492" i="5" s="1"/>
  <c r="J6906" i="2"/>
  <c r="J6880" i="5" s="1"/>
  <c r="N6880" i="5" s="1"/>
  <c r="J3346" i="2"/>
  <c r="J3320" i="5" s="1"/>
  <c r="N3320" i="5" s="1"/>
  <c r="J3018" i="2"/>
  <c r="J2992" i="5" s="1"/>
  <c r="N2992" i="5" s="1"/>
  <c r="J5727" i="2"/>
  <c r="J5701" i="5" s="1"/>
  <c r="N5701" i="5" s="1"/>
  <c r="J1855" i="2"/>
  <c r="J1829" i="5" s="1"/>
  <c r="N1829" i="5" s="1"/>
  <c r="J1371" i="2"/>
  <c r="J1345" i="5" s="1"/>
  <c r="N1345" i="5" s="1"/>
  <c r="J5231" i="2"/>
  <c r="J5205" i="5" s="1"/>
  <c r="N5205" i="5" s="1"/>
  <c r="J7550" i="2"/>
  <c r="J7524" i="5" s="1"/>
  <c r="N7524" i="5" s="1"/>
  <c r="J8235" i="2"/>
  <c r="J8209" i="5" s="1"/>
  <c r="N8209" i="5" s="1"/>
  <c r="J2686" i="2"/>
  <c r="J2660" i="5" s="1"/>
  <c r="N2660" i="5" s="1"/>
  <c r="J1023" i="2"/>
  <c r="J997" i="5" s="1"/>
  <c r="N997" i="5" s="1"/>
  <c r="J2368" i="2"/>
  <c r="J2342" i="5" s="1"/>
  <c r="N2342" i="5" s="1"/>
  <c r="J7057" i="2"/>
  <c r="J7031" i="5" s="1"/>
  <c r="N7031" i="5" s="1"/>
  <c r="J2516" i="2"/>
  <c r="J2490" i="5" s="1"/>
  <c r="N2490" i="5" s="1"/>
  <c r="J332" i="2"/>
  <c r="J306" i="5" s="1"/>
  <c r="N306" i="5" s="1"/>
  <c r="J6040" i="2"/>
  <c r="J6014" i="5" s="1"/>
  <c r="N6014" i="5" s="1"/>
  <c r="J5719" i="2"/>
  <c r="J5693" i="5" s="1"/>
  <c r="N5693" i="5" s="1"/>
  <c r="J7393" i="2"/>
  <c r="J7367" i="5" s="1"/>
  <c r="N7367" i="5" s="1"/>
  <c r="J2024" i="2"/>
  <c r="J1998" i="5" s="1"/>
  <c r="N1998" i="5" s="1"/>
  <c r="J7220" i="2"/>
  <c r="J7194" i="5" s="1"/>
  <c r="N7194" i="5" s="1"/>
  <c r="J7593" i="2"/>
  <c r="J7567" i="5" s="1"/>
  <c r="N7567" i="5" s="1"/>
  <c r="J2712" i="2"/>
  <c r="J2686" i="5" s="1"/>
  <c r="N2686" i="5" s="1"/>
  <c r="J6226" i="2"/>
  <c r="J6200" i="5" s="1"/>
  <c r="N6200" i="5" s="1"/>
  <c r="J7049" i="2"/>
  <c r="J7023" i="5" s="1"/>
  <c r="N7023" i="5" s="1"/>
  <c r="J4392" i="2"/>
  <c r="J4366" i="5" s="1"/>
  <c r="N4366" i="5" s="1"/>
  <c r="J3048" i="2"/>
  <c r="J3022" i="5" s="1"/>
  <c r="N3022" i="5" s="1"/>
  <c r="J5225" i="2"/>
  <c r="J5199" i="5" s="1"/>
  <c r="N5199" i="5" s="1"/>
  <c r="J2674" i="2"/>
  <c r="J2648" i="5" s="1"/>
  <c r="N2648" i="5" s="1"/>
  <c r="J7908" i="2"/>
  <c r="J7882" i="5" s="1"/>
  <c r="N7882" i="5" s="1"/>
  <c r="J6231" i="2"/>
  <c r="J6205" i="5" s="1"/>
  <c r="N6205" i="5" s="1"/>
  <c r="J5531" i="2"/>
  <c r="J5505" i="5" s="1"/>
  <c r="N5505" i="5" s="1"/>
  <c r="J8068" i="2"/>
  <c r="J8042" i="5" s="1"/>
  <c r="N8042" i="5" s="1"/>
  <c r="J6214" i="2"/>
  <c r="J6188" i="5" s="1"/>
  <c r="N6188" i="5" s="1"/>
  <c r="J1019" i="2"/>
  <c r="J993" i="5" s="1"/>
  <c r="N993" i="5" s="1"/>
  <c r="J3547" i="2"/>
  <c r="J3521" i="5" s="1"/>
  <c r="N3521" i="5" s="1"/>
  <c r="J2041" i="2"/>
  <c r="J2015" i="5" s="1"/>
  <c r="N2015" i="5" s="1"/>
  <c r="J1706" i="2"/>
  <c r="J1680" i="5" s="1"/>
  <c r="N1680" i="5" s="1"/>
  <c r="J1865" i="2"/>
  <c r="J1839" i="5" s="1"/>
  <c r="N1839" i="5" s="1"/>
  <c r="J324" i="2"/>
  <c r="J298" i="5" s="1"/>
  <c r="N298" i="5" s="1"/>
  <c r="J850" i="2"/>
  <c r="J824" i="5" s="1"/>
  <c r="N824" i="5" s="1"/>
  <c r="J7895" i="2"/>
  <c r="J7869" i="5" s="1"/>
  <c r="N7869" i="5" s="1"/>
  <c r="J3853" i="2"/>
  <c r="J3827" i="5" s="1"/>
  <c r="N3827" i="5" s="1"/>
  <c r="J2870" i="2"/>
  <c r="J2844" i="5" s="1"/>
  <c r="N2844" i="5" s="1"/>
  <c r="J1191" i="2"/>
  <c r="J1165" i="5" s="1"/>
  <c r="N1165" i="5" s="1"/>
  <c r="J1857" i="2"/>
  <c r="J1831" i="5" s="1"/>
  <c r="N1831" i="5" s="1"/>
  <c r="J7915" i="2"/>
  <c r="J7889" i="5" s="1"/>
  <c r="N7889" i="5" s="1"/>
  <c r="J7590" i="2"/>
  <c r="J7564" i="5" s="1"/>
  <c r="N7564" i="5" s="1"/>
  <c r="J7887" i="2"/>
  <c r="J7861" i="5" s="1"/>
  <c r="N7861" i="5" s="1"/>
  <c r="J2858" i="2"/>
  <c r="J2832" i="5" s="1"/>
  <c r="N2832" i="5" s="1"/>
  <c r="J8066" i="2"/>
  <c r="J8040" i="5" s="1"/>
  <c r="N8040" i="5" s="1"/>
  <c r="J4380" i="2"/>
  <c r="J4354" i="5" s="1"/>
  <c r="N4354" i="5" s="1"/>
  <c r="J2042" i="2"/>
  <c r="J2016" i="5" s="1"/>
  <c r="N2016" i="5" s="1"/>
  <c r="J7242" i="2"/>
  <c r="J7216" i="5" s="1"/>
  <c r="N7216" i="5" s="1"/>
  <c r="J3886" i="2"/>
  <c r="J3860" i="5" s="1"/>
  <c r="N3860" i="5" s="1"/>
  <c r="J3387" i="2"/>
  <c r="J3361" i="5" s="1"/>
  <c r="N3361" i="5" s="1"/>
  <c r="J5049" i="2"/>
  <c r="J5023" i="5" s="1"/>
  <c r="N5023" i="5" s="1"/>
  <c r="J7926" i="2"/>
  <c r="J7900" i="5" s="1"/>
  <c r="N7900" i="5" s="1"/>
  <c r="J7744" i="2"/>
  <c r="J7718" i="5" s="1"/>
  <c r="N7718" i="5" s="1"/>
  <c r="J1036" i="2"/>
  <c r="J1010" i="5" s="1"/>
  <c r="N1010" i="5" s="1"/>
  <c r="J1875" i="2"/>
  <c r="J1849" i="5" s="1"/>
  <c r="N1849" i="5" s="1"/>
  <c r="J1182" i="2"/>
  <c r="J1156" i="5" s="1"/>
  <c r="N1156" i="5" s="1"/>
  <c r="J2842" i="2"/>
  <c r="J2816" i="5" s="1"/>
  <c r="N2816" i="5" s="1"/>
  <c r="J4210" i="2"/>
  <c r="J4184" i="5" s="1"/>
  <c r="N4184" i="5" s="1"/>
  <c r="J537" i="2"/>
  <c r="J511" i="5" s="1"/>
  <c r="N511" i="5" s="1"/>
  <c r="J1362" i="2"/>
  <c r="J1336" i="5" s="1"/>
  <c r="N1336" i="5" s="1"/>
  <c r="J3379" i="2"/>
  <c r="J3353" i="5" s="1"/>
  <c r="N3353" i="5" s="1"/>
  <c r="J1350" i="2"/>
  <c r="J1324" i="5" s="1"/>
  <c r="N1324" i="5" s="1"/>
  <c r="J5195" i="2"/>
  <c r="J5169" i="5" s="1"/>
  <c r="N5169" i="5" s="1"/>
  <c r="J8229" i="2"/>
  <c r="J8203" i="5" s="1"/>
  <c r="N8203" i="5" s="1"/>
  <c r="J3714" i="2"/>
  <c r="J3688" i="5" s="1"/>
  <c r="N3688" i="5" s="1"/>
  <c r="J4033" i="2"/>
  <c r="J4007" i="5" s="1"/>
  <c r="N4007" i="5" s="1"/>
  <c r="J2201" i="2"/>
  <c r="J2175" i="5" s="1"/>
  <c r="N2175" i="5" s="1"/>
  <c r="J2171" i="2"/>
  <c r="J2145" i="5" s="1"/>
  <c r="N2145" i="5" s="1"/>
  <c r="J6219" i="2"/>
  <c r="J6193" i="5" s="1"/>
  <c r="N6193" i="5" s="1"/>
  <c r="J7901" i="2"/>
  <c r="J7875" i="5" s="1"/>
  <c r="N7875" i="5" s="1"/>
  <c r="J659" i="2"/>
  <c r="J633" i="5" s="1"/>
  <c r="N633" i="5" s="1"/>
  <c r="I686" i="2"/>
  <c r="I660" i="5" s="1"/>
  <c r="I6577" i="2"/>
  <c r="I6551" i="5" s="1"/>
  <c r="I1370" i="2"/>
  <c r="I1344" i="5" s="1"/>
  <c r="I3042" i="2"/>
  <c r="I3016" i="5" s="1"/>
  <c r="I3896" i="2"/>
  <c r="I3870" i="5" s="1"/>
  <c r="I8076" i="2"/>
  <c r="I8050" i="5" s="1"/>
  <c r="I2015" i="2"/>
  <c r="I1989" i="5" s="1"/>
  <c r="I6051" i="2"/>
  <c r="I6025" i="5" s="1"/>
  <c r="I7914" i="2"/>
  <c r="I7888" i="5" s="1"/>
  <c r="I3225" i="2"/>
  <c r="I3199" i="5" s="1"/>
  <c r="I3382" i="2"/>
  <c r="I3356" i="5" s="1"/>
  <c r="I6226" i="2"/>
  <c r="I6200" i="5" s="1"/>
  <c r="I6904" i="2"/>
  <c r="I6878" i="5" s="1"/>
  <c r="I7740" i="2"/>
  <c r="I7714" i="5" s="1"/>
  <c r="I7046" i="2"/>
  <c r="I7020" i="5" s="1"/>
  <c r="I4540" i="2"/>
  <c r="I4514" i="5" s="1"/>
  <c r="I3200" i="2"/>
  <c r="I3174" i="5" s="1"/>
  <c r="I8595" i="2"/>
  <c r="I8569" i="5" s="1"/>
  <c r="I3373" i="2"/>
  <c r="I3347" i="5" s="1"/>
  <c r="I7240" i="2"/>
  <c r="I7214" i="5" s="1"/>
  <c r="I6724" i="2"/>
  <c r="I6698" i="5" s="1"/>
  <c r="I4223" i="2"/>
  <c r="I4197" i="5" s="1"/>
  <c r="I8417" i="2"/>
  <c r="I8391" i="5" s="1"/>
  <c r="I8584" i="2"/>
  <c r="I8558" i="5" s="1"/>
  <c r="I1339" i="2"/>
  <c r="I1313" i="5" s="1"/>
  <c r="I333" i="2"/>
  <c r="I307" i="5" s="1"/>
  <c r="I369" i="2"/>
  <c r="I343" i="5" s="1"/>
  <c r="I6886" i="2"/>
  <c r="I6860" i="5" s="1"/>
  <c r="I1199" i="2"/>
  <c r="I1173" i="5" s="1"/>
  <c r="I3393" i="2"/>
  <c r="I3367" i="5" s="1"/>
  <c r="I4885" i="2"/>
  <c r="I4859" i="5" s="1"/>
  <c r="I1011" i="2"/>
  <c r="I985" i="5" s="1"/>
  <c r="I8238" i="2"/>
  <c r="I8212" i="5" s="1"/>
  <c r="I5363" i="2"/>
  <c r="I5337" i="5" s="1"/>
  <c r="I7218" i="2"/>
  <c r="I7192" i="5" s="1"/>
  <c r="I8727" i="2"/>
  <c r="I8701" i="5" s="1"/>
  <c r="I6732" i="2"/>
  <c r="I6706" i="5" s="1"/>
  <c r="I3353" i="2"/>
  <c r="I3327" i="5" s="1"/>
  <c r="I1372" i="2"/>
  <c r="I1346" i="5" s="1"/>
  <c r="I7079" i="2"/>
  <c r="I7053" i="5" s="1"/>
  <c r="I500" i="2"/>
  <c r="I474" i="5" s="1"/>
  <c r="I5236" i="2"/>
  <c r="I5210" i="5" s="1"/>
  <c r="I1023" i="2"/>
  <c r="I997" i="5" s="1"/>
  <c r="I1517" i="2"/>
  <c r="I1491" i="5" s="1"/>
  <c r="I2049" i="2"/>
  <c r="I2023" i="5" s="1"/>
  <c r="I5534" i="2"/>
  <c r="I5508" i="5" s="1"/>
  <c r="I527" i="2"/>
  <c r="I501" i="5" s="1"/>
  <c r="I2032" i="2"/>
  <c r="I2006" i="5" s="1"/>
  <c r="I2171" i="2"/>
  <c r="I2145" i="5" s="1"/>
  <c r="I8394" i="2"/>
  <c r="I8368" i="5" s="1"/>
  <c r="I5049" i="2"/>
  <c r="I5023" i="5" s="1"/>
  <c r="I4387" i="2"/>
  <c r="I4361" i="5" s="1"/>
  <c r="I1207" i="2"/>
  <c r="I1181" i="5" s="1"/>
  <c r="I1881" i="2"/>
  <c r="I1855" i="5" s="1"/>
  <c r="I3192" i="2"/>
  <c r="I3166" i="5" s="1"/>
  <c r="I2022" i="2"/>
  <c r="I1996" i="5" s="1"/>
  <c r="I675" i="2"/>
  <c r="I649" i="5" s="1"/>
  <c r="I4199" i="2"/>
  <c r="I4173" i="5" s="1"/>
  <c r="I1686" i="2"/>
  <c r="I1660" i="5" s="1"/>
  <c r="I2362" i="2"/>
  <c r="I2336" i="5" s="1"/>
  <c r="I1682" i="2"/>
  <c r="I1656" i="5" s="1"/>
  <c r="I512" i="2"/>
  <c r="I486" i="5" s="1"/>
  <c r="I2699" i="2"/>
  <c r="I2673" i="5" s="1"/>
  <c r="I494" i="2"/>
  <c r="I468" i="5" s="1"/>
  <c r="I2018" i="2"/>
  <c r="I1992" i="5" s="1"/>
  <c r="I6556" i="2"/>
  <c r="I6530" i="5" s="1"/>
  <c r="I4033" i="2"/>
  <c r="I4007" i="5" s="1"/>
  <c r="I668" i="2"/>
  <c r="I642" i="5" s="1"/>
  <c r="I1208" i="2"/>
  <c r="I1182" i="5" s="1"/>
  <c r="I3553" i="2"/>
  <c r="I3527" i="5" s="1"/>
  <c r="I7393" i="2"/>
  <c r="I7367" i="5" s="1"/>
  <c r="I515" i="2"/>
  <c r="I489" i="5" s="1"/>
  <c r="I2518" i="2"/>
  <c r="I2492" i="5" s="1"/>
  <c r="I6066" i="2"/>
  <c r="I6040" i="5" s="1"/>
  <c r="I2188" i="2"/>
  <c r="I2162" i="5" s="1"/>
  <c r="I8430" i="2"/>
  <c r="I8404" i="5" s="1"/>
  <c r="I4726" i="2"/>
  <c r="I4700" i="5" s="1"/>
  <c r="I6749" i="2"/>
  <c r="I6723" i="5" s="1"/>
  <c r="I5226" i="2"/>
  <c r="I5200" i="5" s="1"/>
  <c r="I7213" i="2"/>
  <c r="I7187" i="5" s="1"/>
  <c r="I2685" i="2"/>
  <c r="I2659" i="5" s="1"/>
  <c r="I1713" i="2"/>
  <c r="I1687" i="5" s="1"/>
  <c r="I4025" i="2"/>
  <c r="I3999" i="5" s="1"/>
  <c r="C287" i="5"/>
  <c r="AR281" i="1"/>
  <c r="J1696" i="2"/>
  <c r="J1670" i="5" s="1"/>
  <c r="N1670" i="5" s="1"/>
  <c r="J6081" i="2"/>
  <c r="J6055" i="5" s="1"/>
  <c r="N6055" i="5" s="1"/>
  <c r="J5034" i="2"/>
  <c r="J5008" i="5" s="1"/>
  <c r="N5008" i="5" s="1"/>
  <c r="J175" i="2"/>
  <c r="J149" i="5" s="1"/>
  <c r="N149" i="5" s="1"/>
  <c r="J4391" i="2"/>
  <c r="J4365" i="5" s="1"/>
  <c r="N4365" i="5" s="1"/>
  <c r="J199" i="2"/>
  <c r="J173" i="5" s="1"/>
  <c r="N173" i="5" s="1"/>
  <c r="J5555" i="2"/>
  <c r="J5529" i="5" s="1"/>
  <c r="N5529" i="5" s="1"/>
  <c r="J2518" i="2"/>
  <c r="J2492" i="5" s="1"/>
  <c r="N2492" i="5" s="1"/>
  <c r="J3520" i="2"/>
  <c r="J3494" i="5" s="1"/>
  <c r="N3494" i="5" s="1"/>
  <c r="I6244" i="2"/>
  <c r="I6218" i="5" s="1"/>
  <c r="I2540" i="2"/>
  <c r="I2514" i="5" s="1"/>
  <c r="J5239" i="2"/>
  <c r="J5213" i="5" s="1"/>
  <c r="N5213" i="5" s="1"/>
  <c r="J4054" i="2"/>
  <c r="J4028" i="5" s="1"/>
  <c r="N4028" i="5" s="1"/>
  <c r="J1204" i="2"/>
  <c r="J1178" i="5" s="1"/>
  <c r="N1178" i="5" s="1"/>
  <c r="J4029" i="2"/>
  <c r="J4003" i="5" s="1"/>
  <c r="N4003" i="5" s="1"/>
  <c r="J6721" i="2"/>
  <c r="J6695" i="5" s="1"/>
  <c r="N6695" i="5" s="1"/>
  <c r="J8426" i="2"/>
  <c r="J8400" i="5" s="1"/>
  <c r="N8400" i="5" s="1"/>
  <c r="J1342" i="2"/>
  <c r="J1316" i="5" s="1"/>
  <c r="N1316" i="5" s="1"/>
  <c r="J8726" i="2"/>
  <c r="J8700" i="5" s="1"/>
  <c r="N8700" i="5" s="1"/>
  <c r="J692" i="2"/>
  <c r="J666" i="5" s="1"/>
  <c r="N666" i="5" s="1"/>
  <c r="J6539" i="2"/>
  <c r="J6513" i="5" s="1"/>
  <c r="N6513" i="5" s="1"/>
  <c r="J6893" i="2"/>
  <c r="J6867" i="5" s="1"/>
  <c r="N6867" i="5" s="1"/>
  <c r="J4040" i="2"/>
  <c r="J4014" i="5" s="1"/>
  <c r="N4014" i="5" s="1"/>
  <c r="J1355" i="2"/>
  <c r="J1329" i="5" s="1"/>
  <c r="N1329" i="5" s="1"/>
  <c r="J3523" i="2"/>
  <c r="J3497" i="5" s="1"/>
  <c r="N3497" i="5" s="1"/>
  <c r="J4708" i="2"/>
  <c r="J4682" i="5" s="1"/>
  <c r="N4682" i="5" s="1"/>
  <c r="J5229" i="2"/>
  <c r="J5203" i="5" s="1"/>
  <c r="N5203" i="5" s="1"/>
  <c r="J3180" i="2"/>
  <c r="J3154" i="5" s="1"/>
  <c r="N3154" i="5" s="1"/>
  <c r="J8226" i="2"/>
  <c r="J8200" i="5" s="1"/>
  <c r="N8200" i="5" s="1"/>
  <c r="J3885" i="2"/>
  <c r="J3859" i="5" s="1"/>
  <c r="N3859" i="5" s="1"/>
  <c r="J3383" i="2"/>
  <c r="J3357" i="5" s="1"/>
  <c r="N3357" i="5" s="1"/>
  <c r="J4553" i="2"/>
  <c r="J4527" i="5" s="1"/>
  <c r="N4527" i="5" s="1"/>
  <c r="J7412" i="2"/>
  <c r="J7386" i="5" s="1"/>
  <c r="N7386" i="5" s="1"/>
  <c r="J1699" i="2"/>
  <c r="J1673" i="5" s="1"/>
  <c r="N1673" i="5" s="1"/>
  <c r="J2021" i="2"/>
  <c r="J1995" i="5" s="1"/>
  <c r="N1995" i="5" s="1"/>
  <c r="J3362" i="2"/>
  <c r="J3336" i="5" s="1"/>
  <c r="N3336" i="5" s="1"/>
  <c r="J2341" i="2"/>
  <c r="J2315" i="5" s="1"/>
  <c r="N2315" i="5" s="1"/>
  <c r="J5729" i="2"/>
  <c r="J5703" i="5" s="1"/>
  <c r="N5703" i="5" s="1"/>
  <c r="J5378" i="2"/>
  <c r="J5352" i="5" s="1"/>
  <c r="N5352" i="5" s="1"/>
  <c r="J6579" i="2"/>
  <c r="J6553" i="5" s="1"/>
  <c r="N6553" i="5" s="1"/>
  <c r="J5385" i="2"/>
  <c r="J5359" i="5" s="1"/>
  <c r="N5359" i="5" s="1"/>
  <c r="J329" i="2"/>
  <c r="J303" i="5" s="1"/>
  <c r="N303" i="5" s="1"/>
  <c r="J2711" i="2"/>
  <c r="J2685" i="5" s="1"/>
  <c r="N2685" i="5" s="1"/>
  <c r="J6407" i="2"/>
  <c r="J6381" i="5" s="1"/>
  <c r="N6381" i="5" s="1"/>
  <c r="J5228" i="2"/>
  <c r="J5202" i="5" s="1"/>
  <c r="N5202" i="5" s="1"/>
  <c r="J1544" i="2"/>
  <c r="J1518" i="5" s="1"/>
  <c r="N1518" i="5" s="1"/>
  <c r="J1192" i="2"/>
  <c r="J1166" i="5" s="1"/>
  <c r="N1166" i="5" s="1"/>
  <c r="I2191" i="2"/>
  <c r="I2165" i="5" s="1"/>
  <c r="AR225" i="1"/>
  <c r="AR280" i="1"/>
  <c r="AR56" i="1"/>
  <c r="K1373" i="2"/>
  <c r="K1347" i="5" s="1"/>
  <c r="K8740" i="2"/>
  <c r="K8714" i="5" s="1"/>
  <c r="K3514" i="2"/>
  <c r="K3488" i="5" s="1"/>
  <c r="K3532" i="2"/>
  <c r="K3506" i="5" s="1"/>
  <c r="K1500" i="2"/>
  <c r="K1474" i="5" s="1"/>
  <c r="K2187" i="2"/>
  <c r="K2161" i="5" s="1"/>
  <c r="K5363" i="2"/>
  <c r="K5337" i="5" s="1"/>
  <c r="K5040" i="2"/>
  <c r="K5014" i="5" s="1"/>
  <c r="K5905" i="2"/>
  <c r="K5879" i="5" s="1"/>
  <c r="K5373" i="2"/>
  <c r="K5347" i="5" s="1"/>
  <c r="K6719" i="2"/>
  <c r="K6693" i="5" s="1"/>
  <c r="K2376" i="2"/>
  <c r="K2350" i="5" s="1"/>
  <c r="K3891" i="2"/>
  <c r="K3865" i="5" s="1"/>
  <c r="K5868" i="2"/>
  <c r="K5842" i="5" s="1"/>
  <c r="K6885" i="2"/>
  <c r="K6859" i="5" s="1"/>
  <c r="K5372" i="2"/>
  <c r="K5346" i="5" s="1"/>
  <c r="K1173" i="2"/>
  <c r="K1147" i="5" s="1"/>
  <c r="K6413" i="2"/>
  <c r="K6387" i="5" s="1"/>
  <c r="K5064" i="2"/>
  <c r="K5038" i="5" s="1"/>
  <c r="K2694" i="2"/>
  <c r="K2668" i="5" s="1"/>
  <c r="K5221" i="2"/>
  <c r="K5195" i="5" s="1"/>
  <c r="K3876" i="2"/>
  <c r="K3850" i="5" s="1"/>
  <c r="K4566" i="2"/>
  <c r="K4540" i="5" s="1"/>
  <c r="K4368" i="2"/>
  <c r="K4342" i="5" s="1"/>
  <c r="K3547" i="2"/>
  <c r="K3521" i="5" s="1"/>
  <c r="K6889" i="2"/>
  <c r="K6863" i="5" s="1"/>
  <c r="K6069" i="2"/>
  <c r="K6043" i="5" s="1"/>
  <c r="K7731" i="2"/>
  <c r="K7705" i="5" s="1"/>
  <c r="K3354" i="2"/>
  <c r="K3328" i="5" s="1"/>
  <c r="K1516" i="2"/>
  <c r="K1490" i="5" s="1"/>
  <c r="K3023" i="2"/>
  <c r="K2997" i="5" s="1"/>
  <c r="K7065" i="2"/>
  <c r="K7039" i="5" s="1"/>
  <c r="K5894" i="2"/>
  <c r="K5868" i="5" s="1"/>
  <c r="K4062" i="2"/>
  <c r="K4036" i="5" s="1"/>
  <c r="K1537" i="2"/>
  <c r="K1511" i="5" s="1"/>
  <c r="K7584" i="2"/>
  <c r="K7558" i="5" s="1"/>
  <c r="K6078" i="2"/>
  <c r="K6052" i="5" s="1"/>
  <c r="K166" i="2"/>
  <c r="K140" i="5" s="1"/>
  <c r="K2858" i="2"/>
  <c r="K2832" i="5" s="1"/>
  <c r="K1197" i="2"/>
  <c r="K1171" i="5" s="1"/>
  <c r="K6398" i="2"/>
  <c r="K6372" i="5" s="1"/>
  <c r="K8097" i="2"/>
  <c r="K8071" i="5" s="1"/>
  <c r="K3690" i="2"/>
  <c r="K3664" i="5" s="1"/>
  <c r="K368" i="2"/>
  <c r="K342" i="5" s="1"/>
  <c r="K2032" i="2"/>
  <c r="K2006" i="5" s="1"/>
  <c r="K2199" i="2"/>
  <c r="K2173" i="5" s="1"/>
  <c r="K2535" i="2"/>
  <c r="K2509" i="5" s="1"/>
  <c r="K704" i="2"/>
  <c r="K678" i="5" s="1"/>
  <c r="K7249" i="2"/>
  <c r="K7223" i="5" s="1"/>
  <c r="K1863" i="2"/>
  <c r="K1837" i="5" s="1"/>
  <c r="K1530" i="2"/>
  <c r="K1504" i="5" s="1"/>
  <c r="K525" i="2"/>
  <c r="K499" i="5" s="1"/>
  <c r="K2382" i="2"/>
  <c r="K2356" i="5" s="1"/>
  <c r="K6910" i="2"/>
  <c r="K6884" i="5" s="1"/>
  <c r="K2545" i="2"/>
  <c r="K2519" i="5" s="1"/>
  <c r="K5198" i="2"/>
  <c r="K5172" i="5" s="1"/>
  <c r="K2034" i="2"/>
  <c r="K2008" i="5" s="1"/>
  <c r="K3056" i="2"/>
  <c r="K3030" i="5" s="1"/>
  <c r="K4704" i="2"/>
  <c r="K4678" i="5" s="1"/>
  <c r="K6381" i="2"/>
  <c r="K6355" i="5" s="1"/>
  <c r="K5717" i="2"/>
  <c r="K5691" i="5" s="1"/>
  <c r="K2707" i="2"/>
  <c r="K2681" i="5" s="1"/>
  <c r="K5898" i="2"/>
  <c r="K5872" i="5" s="1"/>
  <c r="K3852" i="2"/>
  <c r="K3826" i="5" s="1"/>
  <c r="K195" i="2"/>
  <c r="K169" i="5" s="1"/>
  <c r="K3873" i="2"/>
  <c r="K3847" i="5" s="1"/>
  <c r="K7412" i="2"/>
  <c r="K7386" i="5" s="1"/>
  <c r="K3543" i="2"/>
  <c r="K3517" i="5" s="1"/>
  <c r="K3374" i="2"/>
  <c r="K3348" i="5" s="1"/>
  <c r="K2679" i="2"/>
  <c r="K2653" i="5" s="1"/>
  <c r="K5407" i="2"/>
  <c r="K5381" i="5" s="1"/>
  <c r="K3363" i="2"/>
  <c r="K3337" i="5" s="1"/>
  <c r="K3197" i="2"/>
  <c r="K3171" i="5" s="1"/>
  <c r="K5378" i="2"/>
  <c r="K5352" i="5" s="1"/>
  <c r="K4556" i="2"/>
  <c r="K4530" i="5" s="1"/>
  <c r="K2357" i="2"/>
  <c r="K2331" i="5" s="1"/>
  <c r="K8763" i="2"/>
  <c r="K8737" i="5" s="1"/>
  <c r="K7588" i="2"/>
  <c r="K7562" i="5" s="1"/>
  <c r="K1368" i="2"/>
  <c r="K1342" i="5" s="1"/>
  <c r="K7068" i="2"/>
  <c r="K7042" i="5" s="1"/>
  <c r="K3541" i="2"/>
  <c r="K3515" i="5" s="1"/>
  <c r="K4879" i="2"/>
  <c r="K4853" i="5" s="1"/>
  <c r="K8765" i="2"/>
  <c r="K8739" i="5" s="1"/>
  <c r="K6581" i="2"/>
  <c r="K6555" i="5" s="1"/>
  <c r="K7549" i="2"/>
  <c r="K7523" i="5" s="1"/>
  <c r="K5698" i="2"/>
  <c r="K5672" i="5" s="1"/>
  <c r="K6706" i="2"/>
  <c r="K6680" i="5" s="1"/>
  <c r="K7064" i="2"/>
  <c r="K7038" i="5" s="1"/>
  <c r="K2531" i="2"/>
  <c r="K2505" i="5" s="1"/>
  <c r="K2385" i="2"/>
  <c r="K2359" i="5" s="1"/>
  <c r="K8056" i="2"/>
  <c r="K8030" i="5" s="1"/>
  <c r="K2703" i="2"/>
  <c r="K2677" i="5" s="1"/>
  <c r="K3189" i="2"/>
  <c r="K3163" i="5" s="1"/>
  <c r="K689" i="2"/>
  <c r="K663" i="5" s="1"/>
  <c r="K2850" i="2"/>
  <c r="K2824" i="5" s="1"/>
  <c r="K2856" i="2"/>
  <c r="K2830" i="5" s="1"/>
  <c r="J1375" i="2"/>
  <c r="J1349" i="5" s="1"/>
  <c r="N1349" i="5" s="1"/>
  <c r="J2005" i="2"/>
  <c r="J1979" i="5" s="1"/>
  <c r="N1979" i="5" s="1"/>
  <c r="J322" i="2"/>
  <c r="J296" i="5" s="1"/>
  <c r="N296" i="5" s="1"/>
  <c r="J6572" i="2"/>
  <c r="J6546" i="5" s="1"/>
  <c r="N6546" i="5" s="1"/>
  <c r="J6377" i="2"/>
  <c r="J6351" i="5" s="1"/>
  <c r="N6351" i="5" s="1"/>
  <c r="J3867" i="2"/>
  <c r="J3841" i="5" s="1"/>
  <c r="N3841" i="5" s="1"/>
  <c r="J3030" i="2"/>
  <c r="J3004" i="5" s="1"/>
  <c r="N3004" i="5" s="1"/>
  <c r="J6207" i="2"/>
  <c r="J6181" i="5" s="1"/>
  <c r="N6181" i="5" s="1"/>
  <c r="J8388" i="2"/>
  <c r="J8362" i="5" s="1"/>
  <c r="N8362" i="5" s="1"/>
  <c r="J7073" i="2"/>
  <c r="J7047" i="5" s="1"/>
  <c r="N7047" i="5" s="1"/>
  <c r="J6228" i="2"/>
  <c r="J6202" i="5" s="1"/>
  <c r="N6202" i="5" s="1"/>
  <c r="J3719" i="2"/>
  <c r="J3693" i="5" s="1"/>
  <c r="N3693" i="5" s="1"/>
  <c r="J5868" i="2"/>
  <c r="J5842" i="5" s="1"/>
  <c r="N5842" i="5" s="1"/>
  <c r="J696" i="2"/>
  <c r="J670" i="5" s="1"/>
  <c r="N670" i="5" s="1"/>
  <c r="J5911" i="2"/>
  <c r="J5885" i="5" s="1"/>
  <c r="N5885" i="5" s="1"/>
  <c r="J8411" i="2"/>
  <c r="J8385" i="5" s="1"/>
  <c r="N8385" i="5" s="1"/>
  <c r="J2710" i="2"/>
  <c r="J2684" i="5" s="1"/>
  <c r="N2684" i="5" s="1"/>
  <c r="J360" i="2"/>
  <c r="J334" i="5" s="1"/>
  <c r="N334" i="5" s="1"/>
  <c r="J1008" i="2"/>
  <c r="J982" i="5" s="1"/>
  <c r="N982" i="5" s="1"/>
  <c r="J160" i="2"/>
  <c r="J134" i="5" s="1"/>
  <c r="N134" i="5" s="1"/>
  <c r="J6075" i="2"/>
  <c r="J6049" i="5" s="1"/>
  <c r="N6049" i="5" s="1"/>
  <c r="I4039" i="2"/>
  <c r="I4013" i="5" s="1"/>
  <c r="I1015" i="2"/>
  <c r="I989" i="5" s="1"/>
  <c r="I1163" i="2"/>
  <c r="I1137" i="5" s="1"/>
  <c r="I2855" i="2"/>
  <c r="I2829" i="5" s="1"/>
  <c r="I8432" i="2"/>
  <c r="I8406" i="5" s="1"/>
  <c r="K328" i="2"/>
  <c r="K302" i="5" s="1"/>
  <c r="K4705" i="2"/>
  <c r="K4679" i="5" s="1"/>
  <c r="K1869" i="2"/>
  <c r="K1843" i="5" s="1"/>
  <c r="K8733" i="2"/>
  <c r="K8707" i="5" s="1"/>
  <c r="K1708" i="2"/>
  <c r="K1682" i="5" s="1"/>
  <c r="K4546" i="2"/>
  <c r="K4520" i="5" s="1"/>
  <c r="K6544" i="2"/>
  <c r="K6518" i="5" s="1"/>
  <c r="K7570" i="2"/>
  <c r="K7544" i="5" s="1"/>
  <c r="K4061" i="2"/>
  <c r="K4035" i="5" s="1"/>
  <c r="K5887" i="2"/>
  <c r="K5861" i="5" s="1"/>
  <c r="K3213" i="2"/>
  <c r="K3187" i="5" s="1"/>
  <c r="K4374" i="2"/>
  <c r="K4348" i="5" s="1"/>
  <c r="K5570" i="2"/>
  <c r="K5544" i="5" s="1"/>
  <c r="K6376" i="2"/>
  <c r="K6350" i="5" s="1"/>
  <c r="K2186" i="2"/>
  <c r="K2160" i="5" s="1"/>
  <c r="K7080" i="2"/>
  <c r="K7054" i="5" s="1"/>
  <c r="K2524" i="2"/>
  <c r="K2498" i="5" s="1"/>
  <c r="K7087" i="2"/>
  <c r="K7061" i="5" s="1"/>
  <c r="K1186" i="2"/>
  <c r="K1160" i="5" s="1"/>
  <c r="K537" i="2"/>
  <c r="K511" i="5" s="1"/>
  <c r="K7581" i="2"/>
  <c r="K7555" i="5" s="1"/>
  <c r="K1709" i="2"/>
  <c r="K1683" i="5" s="1"/>
  <c r="K6388" i="2"/>
  <c r="K6362" i="5" s="1"/>
  <c r="K3037" i="2"/>
  <c r="K3011" i="5" s="1"/>
  <c r="K1171" i="2"/>
  <c r="K1145" i="5" s="1"/>
  <c r="K859" i="2"/>
  <c r="K833" i="5" s="1"/>
  <c r="K4191" i="2"/>
  <c r="K4165" i="5" s="1"/>
  <c r="K5876" i="2"/>
  <c r="K5850" i="5" s="1"/>
  <c r="K1876" i="2"/>
  <c r="K1850" i="5" s="1"/>
  <c r="K4527" i="2"/>
  <c r="K4501" i="5" s="1"/>
  <c r="K5549" i="2"/>
  <c r="K5523" i="5" s="1"/>
  <c r="J5194" i="2"/>
  <c r="J5168" i="5" s="1"/>
  <c r="N5168" i="5" s="1"/>
  <c r="J683" i="2"/>
  <c r="J657" i="5" s="1"/>
  <c r="N657" i="5" s="1"/>
  <c r="J1367" i="2"/>
  <c r="J1341" i="5" s="1"/>
  <c r="N1341" i="5" s="1"/>
  <c r="J4361" i="2"/>
  <c r="J4335" i="5" s="1"/>
  <c r="N4335" i="5" s="1"/>
  <c r="J5039" i="2"/>
  <c r="J5013" i="5" s="1"/>
  <c r="N5013" i="5" s="1"/>
  <c r="J2512" i="2"/>
  <c r="J2486" i="5" s="1"/>
  <c r="N2486" i="5" s="1"/>
  <c r="J5570" i="2"/>
  <c r="J5544" i="5" s="1"/>
  <c r="N5544" i="5" s="1"/>
  <c r="J7392" i="2"/>
  <c r="J7366" i="5" s="1"/>
  <c r="N7366" i="5" s="1"/>
  <c r="J1879" i="2"/>
  <c r="J1853" i="5" s="1"/>
  <c r="N1853" i="5" s="1"/>
  <c r="J679" i="2"/>
  <c r="J653" i="5" s="1"/>
  <c r="N653" i="5" s="1"/>
  <c r="J5394" i="2"/>
  <c r="J5368" i="5" s="1"/>
  <c r="N5368" i="5" s="1"/>
  <c r="J3878" i="2"/>
  <c r="J3852" i="5" s="1"/>
  <c r="N3852" i="5" s="1"/>
  <c r="J8599" i="2"/>
  <c r="J8573" i="5" s="1"/>
  <c r="N8573" i="5" s="1"/>
  <c r="J3385" i="2"/>
  <c r="J3359" i="5" s="1"/>
  <c r="N3359" i="5" s="1"/>
  <c r="J1032" i="2"/>
  <c r="J1006" i="5" s="1"/>
  <c r="N1006" i="5" s="1"/>
  <c r="J2178" i="2"/>
  <c r="J2152" i="5" s="1"/>
  <c r="N2152" i="5" s="1"/>
  <c r="J4567" i="2"/>
  <c r="J4541" i="5" s="1"/>
  <c r="N4541" i="5" s="1"/>
  <c r="J4376" i="2"/>
  <c r="J4350" i="5" s="1"/>
  <c r="N4350" i="5" s="1"/>
  <c r="J1510" i="2"/>
  <c r="J1484" i="5" s="1"/>
  <c r="N1484" i="5" s="1"/>
  <c r="J2698" i="2"/>
  <c r="J2672" i="5" s="1"/>
  <c r="N2672" i="5" s="1"/>
  <c r="J8087" i="2"/>
  <c r="J8061" i="5" s="1"/>
  <c r="N8061" i="5" s="1"/>
  <c r="I3851" i="2"/>
  <c r="I3825" i="5" s="1"/>
  <c r="I2541" i="2"/>
  <c r="I2515" i="5" s="1"/>
  <c r="I2507" i="2"/>
  <c r="I2481" i="5" s="1"/>
  <c r="I2717" i="2"/>
  <c r="I2691" i="5" s="1"/>
  <c r="I2537" i="2"/>
  <c r="I2511" i="5" s="1"/>
  <c r="I5900" i="2"/>
  <c r="I5874" i="5" s="1"/>
  <c r="I848" i="2"/>
  <c r="I822" i="5" s="1"/>
  <c r="K1864" i="2"/>
  <c r="K1838" i="5" s="1"/>
  <c r="K3194" i="2"/>
  <c r="K3168" i="5" s="1"/>
  <c r="K1846" i="2"/>
  <c r="K1820" i="5" s="1"/>
  <c r="K4192" i="2"/>
  <c r="K4166" i="5" s="1"/>
  <c r="K8264" i="2"/>
  <c r="K8238" i="5" s="1"/>
  <c r="K867" i="2"/>
  <c r="K841" i="5" s="1"/>
  <c r="K7085" i="2"/>
  <c r="K7059" i="5" s="1"/>
  <c r="K4712" i="2"/>
  <c r="K4686" i="5" s="1"/>
  <c r="K1674" i="2"/>
  <c r="K1648" i="5" s="1"/>
  <c r="K7237" i="2"/>
  <c r="K7211" i="5" s="1"/>
  <c r="K6222" i="2"/>
  <c r="K6196" i="5" s="1"/>
  <c r="K2367" i="2"/>
  <c r="K2341" i="5" s="1"/>
  <c r="K5721" i="2"/>
  <c r="K5695" i="5" s="1"/>
  <c r="K351" i="2"/>
  <c r="K325" i="5" s="1"/>
  <c r="K4379" i="2"/>
  <c r="K4353" i="5" s="1"/>
  <c r="K6571" i="2"/>
  <c r="K6545" i="5" s="1"/>
  <c r="K504" i="2"/>
  <c r="K478" i="5" s="1"/>
  <c r="K863" i="2"/>
  <c r="K837" i="5" s="1"/>
  <c r="K4537" i="2"/>
  <c r="K4511" i="5" s="1"/>
  <c r="K6541" i="2"/>
  <c r="K6515" i="5" s="1"/>
  <c r="K5397" i="2"/>
  <c r="K5371" i="5" s="1"/>
  <c r="K1698" i="2"/>
  <c r="K1672" i="5" s="1"/>
  <c r="K682" i="2"/>
  <c r="K656" i="5" s="1"/>
  <c r="K6062" i="2"/>
  <c r="K6036" i="5" s="1"/>
  <c r="K7082" i="2"/>
  <c r="K7056" i="5" s="1"/>
  <c r="K844" i="2"/>
  <c r="K818" i="5" s="1"/>
  <c r="K3892" i="2"/>
  <c r="K3866" i="5" s="1"/>
  <c r="K1013" i="2"/>
  <c r="K987" i="5" s="1"/>
  <c r="K8400" i="2"/>
  <c r="K8374" i="5" s="1"/>
  <c r="K8757" i="2"/>
  <c r="K8731" i="5" s="1"/>
  <c r="J7741" i="2"/>
  <c r="J7715" i="5" s="1"/>
  <c r="N7715" i="5" s="1"/>
  <c r="J2523" i="2"/>
  <c r="J2497" i="5" s="1"/>
  <c r="N2497" i="5" s="1"/>
  <c r="J2856" i="2"/>
  <c r="J2830" i="5" s="1"/>
  <c r="N2830" i="5" s="1"/>
  <c r="J7564" i="2"/>
  <c r="J7538" i="5" s="1"/>
  <c r="N7538" i="5" s="1"/>
  <c r="J7067" i="2"/>
  <c r="J7041" i="5" s="1"/>
  <c r="N7041" i="5" s="1"/>
  <c r="J7886" i="2"/>
  <c r="J7860" i="5" s="1"/>
  <c r="N7860" i="5" s="1"/>
  <c r="J8097" i="2"/>
  <c r="J8071" i="5" s="1"/>
  <c r="N8071" i="5" s="1"/>
  <c r="J504" i="2"/>
  <c r="J478" i="5" s="1"/>
  <c r="N478" i="5" s="1"/>
  <c r="J4224" i="2"/>
  <c r="J4198" i="5" s="1"/>
  <c r="N4198" i="5" s="1"/>
  <c r="J1536" i="2"/>
  <c r="J1510" i="5" s="1"/>
  <c r="N1510" i="5" s="1"/>
  <c r="J7216" i="2"/>
  <c r="J7190" i="5" s="1"/>
  <c r="N7190" i="5" s="1"/>
  <c r="J8254" i="2"/>
  <c r="J8228" i="5" s="1"/>
  <c r="N8228" i="5" s="1"/>
  <c r="J3862" i="2"/>
  <c r="J3836" i="5" s="1"/>
  <c r="N3836" i="5" s="1"/>
  <c r="J5400" i="2"/>
  <c r="J5374" i="5" s="1"/>
  <c r="N5374" i="5" s="1"/>
  <c r="J3393" i="2"/>
  <c r="J3367" i="5" s="1"/>
  <c r="N3367" i="5" s="1"/>
  <c r="J8091" i="2"/>
  <c r="J8065" i="5" s="1"/>
  <c r="N8065" i="5" s="1"/>
  <c r="J7250" i="2"/>
  <c r="J7224" i="5" s="1"/>
  <c r="N7224" i="5" s="1"/>
  <c r="J6241" i="2"/>
  <c r="J6215" i="5" s="1"/>
  <c r="N6215" i="5" s="1"/>
  <c r="J4527" i="2"/>
  <c r="J4501" i="5" s="1"/>
  <c r="N4501" i="5" s="1"/>
  <c r="J4727" i="2"/>
  <c r="J4701" i="5" s="1"/>
  <c r="N4701" i="5" s="1"/>
  <c r="J3183" i="2"/>
  <c r="J3157" i="5" s="1"/>
  <c r="N3157" i="5" s="1"/>
  <c r="I497" i="2"/>
  <c r="I471" i="5" s="1"/>
  <c r="I3357" i="2"/>
  <c r="I3331" i="5" s="1"/>
  <c r="I532" i="2"/>
  <c r="I506" i="5" s="1"/>
  <c r="I6753" i="2"/>
  <c r="I6727" i="5" s="1"/>
  <c r="I3683" i="2"/>
  <c r="I3657" i="5" s="1"/>
  <c r="I362" i="2"/>
  <c r="I336" i="5" s="1"/>
  <c r="I2865" i="2"/>
  <c r="I2839" i="5" s="1"/>
  <c r="K2384" i="2"/>
  <c r="K2358" i="5" s="1"/>
  <c r="K5733" i="2"/>
  <c r="K5707" i="5" s="1"/>
  <c r="K1680" i="2"/>
  <c r="K1654" i="5" s="1"/>
  <c r="K2530" i="2"/>
  <c r="K2504" i="5" s="1"/>
  <c r="K186" i="2"/>
  <c r="K160" i="5" s="1"/>
  <c r="K5365" i="2"/>
  <c r="K5339" i="5" s="1"/>
  <c r="K533" i="2"/>
  <c r="K507" i="5" s="1"/>
  <c r="K4040" i="2"/>
  <c r="K4014" i="5" s="1"/>
  <c r="K8727" i="2"/>
  <c r="K8701" i="5" s="1"/>
  <c r="K1519" i="2"/>
  <c r="K1493" i="5" s="1"/>
  <c r="K2361" i="2"/>
  <c r="K2335" i="5" s="1"/>
  <c r="K2712" i="2"/>
  <c r="K2686" i="5" s="1"/>
  <c r="K7394" i="2"/>
  <c r="K7368" i="5" s="1"/>
  <c r="K2341" i="2"/>
  <c r="K2315" i="5" s="1"/>
  <c r="K6385" i="2"/>
  <c r="K6359" i="5" s="1"/>
  <c r="K172" i="2"/>
  <c r="K146" i="5" s="1"/>
  <c r="K4370" i="2"/>
  <c r="K4344" i="5" s="1"/>
  <c r="K6551" i="2"/>
  <c r="K6525" i="5" s="1"/>
  <c r="K7888" i="2"/>
  <c r="K7862" i="5" s="1"/>
  <c r="K4197" i="2"/>
  <c r="K4171" i="5" s="1"/>
  <c r="K3386" i="2"/>
  <c r="K3360" i="5" s="1"/>
  <c r="K2342" i="2"/>
  <c r="K2316" i="5" s="1"/>
  <c r="K3371" i="2"/>
  <c r="K3345" i="5" s="1"/>
  <c r="K5877" i="2"/>
  <c r="K5851" i="5" s="1"/>
  <c r="K3718" i="2"/>
  <c r="K3692" i="5" s="1"/>
  <c r="K7758" i="2"/>
  <c r="K7732" i="5" s="1"/>
  <c r="K177" i="2"/>
  <c r="K151" i="5" s="1"/>
  <c r="K1879" i="2"/>
  <c r="K1853" i="5" s="1"/>
  <c r="K8726" i="2"/>
  <c r="K8700" i="5" s="1"/>
  <c r="K5892" i="2"/>
  <c r="K5866" i="5" s="1"/>
  <c r="I1332" i="2"/>
  <c r="I1306" i="5" s="1"/>
  <c r="I6381" i="2"/>
  <c r="I6355" i="5" s="1"/>
  <c r="I7745" i="2"/>
  <c r="I7719" i="5" s="1"/>
  <c r="I7417" i="2"/>
  <c r="I7391" i="5" s="1"/>
  <c r="I4225" i="2"/>
  <c r="I4199" i="5" s="1"/>
  <c r="K4060" i="2"/>
  <c r="K4034" i="5" s="1"/>
  <c r="K8575" i="2"/>
  <c r="K8549" i="5" s="1"/>
  <c r="K2175" i="2"/>
  <c r="K2149" i="5" s="1"/>
  <c r="K3198" i="2"/>
  <c r="K3172" i="5" s="1"/>
  <c r="K5702" i="2"/>
  <c r="K5676" i="5" s="1"/>
  <c r="K831" i="2"/>
  <c r="K805" i="5" s="1"/>
  <c r="K6552" i="2"/>
  <c r="K6526" i="5" s="1"/>
  <c r="K7384" i="2"/>
  <c r="K7358" i="5" s="1"/>
  <c r="K5893" i="2"/>
  <c r="K5867" i="5" s="1"/>
  <c r="K4356" i="2"/>
  <c r="K4330" i="5" s="1"/>
  <c r="K8417" i="2"/>
  <c r="K8391" i="5" s="1"/>
  <c r="K702" i="2"/>
  <c r="K676" i="5" s="1"/>
  <c r="K6879" i="2"/>
  <c r="K6853" i="5" s="1"/>
  <c r="K7715" i="2"/>
  <c r="K7689" i="5" s="1"/>
  <c r="K7388" i="2"/>
  <c r="K7362" i="5" s="1"/>
  <c r="K4887" i="2"/>
  <c r="K4861" i="5" s="1"/>
  <c r="K1011" i="2"/>
  <c r="K985" i="5" s="1"/>
  <c r="K4542" i="2"/>
  <c r="K4516" i="5" s="1"/>
  <c r="K3715" i="2"/>
  <c r="K3689" i="5" s="1"/>
  <c r="K4397" i="2"/>
  <c r="K4371" i="5" s="1"/>
  <c r="K5739" i="2"/>
  <c r="K5713" i="5" s="1"/>
  <c r="K1518" i="2"/>
  <c r="K1492" i="5" s="1"/>
  <c r="K7751" i="2"/>
  <c r="K7725" i="5" s="1"/>
  <c r="K6414" i="2"/>
  <c r="K6388" i="5" s="1"/>
  <c r="K7717" i="2"/>
  <c r="K7691" i="5" s="1"/>
  <c r="K7243" i="2"/>
  <c r="K7217" i="5" s="1"/>
  <c r="K2870" i="2"/>
  <c r="K2844" i="5" s="1"/>
  <c r="K3555" i="2"/>
  <c r="K3529" i="5" s="1"/>
  <c r="K3693" i="2"/>
  <c r="K3667" i="5" s="1"/>
  <c r="K6906" i="2"/>
  <c r="K6880" i="5" s="1"/>
  <c r="AR238" i="1"/>
  <c r="AR260" i="1"/>
  <c r="I671" i="2"/>
  <c r="I645" i="5" s="1"/>
  <c r="I6708" i="2"/>
  <c r="I6682" i="5" s="1"/>
  <c r="I3551" i="2"/>
  <c r="I3525" i="5" s="1"/>
  <c r="I7587" i="2"/>
  <c r="I7561" i="5" s="1"/>
  <c r="I8395" i="2"/>
  <c r="I8369" i="5" s="1"/>
  <c r="C244" i="5"/>
  <c r="I5395" i="2"/>
  <c r="I5369" i="5" s="1"/>
  <c r="I340" i="2"/>
  <c r="I314" i="5" s="1"/>
  <c r="I6234" i="2"/>
  <c r="I6208" i="5" s="1"/>
  <c r="I4196" i="2"/>
  <c r="I4170" i="5" s="1"/>
  <c r="AR98" i="1"/>
  <c r="K8590" i="2"/>
  <c r="K8564" i="5" s="1"/>
  <c r="K1010" i="2"/>
  <c r="K984" i="5" s="1"/>
  <c r="K1009" i="2"/>
  <c r="K983" i="5" s="1"/>
  <c r="K6548" i="2"/>
  <c r="K6522" i="5" s="1"/>
  <c r="K530" i="2"/>
  <c r="K504" i="5" s="1"/>
  <c r="K6389" i="2"/>
  <c r="K6363" i="5" s="1"/>
  <c r="K155" i="2"/>
  <c r="K129" i="5" s="1"/>
  <c r="K3368" i="2"/>
  <c r="K3342" i="5" s="1"/>
  <c r="K5720" i="2"/>
  <c r="K5694" i="5" s="1"/>
  <c r="K6585" i="2"/>
  <c r="K6559" i="5" s="1"/>
  <c r="K6732" i="2"/>
  <c r="K6706" i="5" s="1"/>
  <c r="K513" i="2"/>
  <c r="K487" i="5" s="1"/>
  <c r="K7907" i="2"/>
  <c r="K7881" i="5" s="1"/>
  <c r="K4019" i="2"/>
  <c r="K3993" i="5" s="1"/>
  <c r="K2020" i="2"/>
  <c r="K1994" i="5" s="1"/>
  <c r="K8250" i="2"/>
  <c r="K8224" i="5" s="1"/>
  <c r="K3182" i="2"/>
  <c r="K3156" i="5" s="1"/>
  <c r="K6079" i="2"/>
  <c r="K6053" i="5" s="1"/>
  <c r="K6395" i="2"/>
  <c r="K6369" i="5" s="1"/>
  <c r="K7240" i="2"/>
  <c r="K7214" i="5" s="1"/>
  <c r="K1523" i="2"/>
  <c r="K1497" i="5" s="1"/>
  <c r="K173" i="2"/>
  <c r="K147" i="5" s="1"/>
  <c r="K7922" i="2"/>
  <c r="K7896" i="5" s="1"/>
  <c r="K3517" i="2"/>
  <c r="K3491" i="5" s="1"/>
  <c r="K3049" i="2"/>
  <c r="K3023" i="5" s="1"/>
  <c r="K868" i="2"/>
  <c r="K842" i="5" s="1"/>
  <c r="K6394" i="2"/>
  <c r="K6368" i="5" s="1"/>
  <c r="K355" i="2"/>
  <c r="K329" i="5" s="1"/>
  <c r="K5530" i="2"/>
  <c r="K5504" i="5" s="1"/>
  <c r="K3373" i="2"/>
  <c r="K3347" i="5" s="1"/>
  <c r="K1525" i="2"/>
  <c r="K1499" i="5" s="1"/>
  <c r="K7410" i="2"/>
  <c r="K7384" i="5" s="1"/>
  <c r="K6562" i="2"/>
  <c r="K6536" i="5" s="1"/>
  <c r="AR168" i="1"/>
  <c r="J3179" i="2"/>
  <c r="J3153" i="5" s="1"/>
  <c r="N3153" i="5" s="1"/>
  <c r="J5887" i="2"/>
  <c r="J5861" i="5" s="1"/>
  <c r="N5861" i="5" s="1"/>
  <c r="J347" i="2"/>
  <c r="J321" i="5" s="1"/>
  <c r="N321" i="5" s="1"/>
  <c r="J7230" i="2"/>
  <c r="J7204" i="5" s="1"/>
  <c r="N7204" i="5" s="1"/>
  <c r="J7742" i="2"/>
  <c r="J7716" i="5" s="1"/>
  <c r="N7716" i="5" s="1"/>
  <c r="J4387" i="2"/>
  <c r="J4361" i="5" s="1"/>
  <c r="N4361" i="5" s="1"/>
  <c r="J7240" i="2"/>
  <c r="J7214" i="5" s="1"/>
  <c r="N7214" i="5" s="1"/>
  <c r="J5382" i="2"/>
  <c r="J5356" i="5" s="1"/>
  <c r="N5356" i="5" s="1"/>
  <c r="J7394" i="2"/>
  <c r="J7368" i="5" s="1"/>
  <c r="N7368" i="5" s="1"/>
  <c r="J7736" i="2"/>
  <c r="J7710" i="5" s="1"/>
  <c r="N7710" i="5" s="1"/>
  <c r="J8075" i="2"/>
  <c r="J8049" i="5" s="1"/>
  <c r="N8049" i="5" s="1"/>
  <c r="J865" i="2"/>
  <c r="J839" i="5" s="1"/>
  <c r="N839" i="5" s="1"/>
  <c r="J8264" i="2"/>
  <c r="J8238" i="5" s="1"/>
  <c r="N8238" i="5" s="1"/>
  <c r="J327" i="2"/>
  <c r="J301" i="5" s="1"/>
  <c r="N301" i="5" s="1"/>
  <c r="J7907" i="2"/>
  <c r="J7881" i="5" s="1"/>
  <c r="N7881" i="5" s="1"/>
  <c r="J5568" i="2"/>
  <c r="J5542" i="5" s="1"/>
  <c r="N5542" i="5" s="1"/>
  <c r="J6415" i="2"/>
  <c r="J6389" i="5" s="1"/>
  <c r="N6389" i="5" s="1"/>
  <c r="J4884" i="2"/>
  <c r="J4858" i="5" s="1"/>
  <c r="N4858" i="5" s="1"/>
  <c r="J155" i="2"/>
  <c r="J129" i="5" s="1"/>
  <c r="N129" i="5" s="1"/>
  <c r="J1037" i="2"/>
  <c r="J1011" i="5" s="1"/>
  <c r="N1011" i="5" s="1"/>
  <c r="J7420" i="2"/>
  <c r="J7394" i="5" s="1"/>
  <c r="N7394" i="5" s="1"/>
  <c r="J4216" i="2"/>
  <c r="J4190" i="5" s="1"/>
  <c r="N4190" i="5" s="1"/>
  <c r="J7055" i="2"/>
  <c r="J7029" i="5" s="1"/>
  <c r="N7029" i="5" s="1"/>
  <c r="J6374" i="2"/>
  <c r="J6348" i="5" s="1"/>
  <c r="N6348" i="5" s="1"/>
  <c r="J2010" i="2"/>
  <c r="J1984" i="5" s="1"/>
  <c r="N1984" i="5" s="1"/>
  <c r="J687" i="2"/>
  <c r="J661" i="5" s="1"/>
  <c r="N661" i="5" s="1"/>
  <c r="J6551" i="2"/>
  <c r="J6525" i="5" s="1"/>
  <c r="N6525" i="5" s="1"/>
  <c r="J3366" i="2"/>
  <c r="J3340" i="5" s="1"/>
  <c r="N3340" i="5" s="1"/>
  <c r="J4718" i="2"/>
  <c r="J4692" i="5" s="1"/>
  <c r="N4692" i="5" s="1"/>
  <c r="J3377" i="2"/>
  <c r="J3351" i="5" s="1"/>
  <c r="N3351" i="5" s="1"/>
  <c r="J1689" i="2"/>
  <c r="J1663" i="5" s="1"/>
  <c r="N1663" i="5" s="1"/>
  <c r="J4858" i="2"/>
  <c r="J4832" i="5" s="1"/>
  <c r="N4832" i="5" s="1"/>
  <c r="J3556" i="2"/>
  <c r="J3530" i="5" s="1"/>
  <c r="N3530" i="5" s="1"/>
  <c r="J523" i="2"/>
  <c r="J497" i="5" s="1"/>
  <c r="N497" i="5" s="1"/>
  <c r="J1853" i="2"/>
  <c r="J1827" i="5" s="1"/>
  <c r="N1827" i="5" s="1"/>
  <c r="J2354" i="2"/>
  <c r="J2328" i="5" s="1"/>
  <c r="N2328" i="5" s="1"/>
  <c r="J5535" i="2"/>
  <c r="J5509" i="5" s="1"/>
  <c r="N5509" i="5" s="1"/>
  <c r="I5209" i="2"/>
  <c r="I5183" i="5" s="1"/>
  <c r="I2381" i="2"/>
  <c r="I2355" i="5" s="1"/>
  <c r="I3874" i="2"/>
  <c r="I3848" i="5" s="1"/>
  <c r="I1006" i="2"/>
  <c r="I980" i="5" s="1"/>
  <c r="I2868" i="2"/>
  <c r="I2842" i="5" s="1"/>
  <c r="I3015" i="2"/>
  <c r="I2989" i="5" s="1"/>
  <c r="I1852" i="2"/>
  <c r="I1826" i="5" s="1"/>
  <c r="I6232" i="2"/>
  <c r="I6206" i="5" s="1"/>
  <c r="I196" i="2"/>
  <c r="I170" i="5" s="1"/>
  <c r="K3696" i="2"/>
  <c r="K3670" i="5" s="1"/>
  <c r="K1362" i="2"/>
  <c r="K1336" i="5" s="1"/>
  <c r="K192" i="2"/>
  <c r="K166" i="5" s="1"/>
  <c r="K999" i="2"/>
  <c r="K973" i="5" s="1"/>
  <c r="K3353" i="2"/>
  <c r="K3327" i="5" s="1"/>
  <c r="K7752" i="2"/>
  <c r="K7726" i="5" s="1"/>
  <c r="K4539" i="2"/>
  <c r="K4513" i="5" s="1"/>
  <c r="K826" i="2"/>
  <c r="K800" i="5" s="1"/>
  <c r="K6063" i="2"/>
  <c r="K6037" i="5" s="1"/>
  <c r="K4692" i="2"/>
  <c r="K4666" i="5" s="1"/>
  <c r="K2363" i="2"/>
  <c r="K2337" i="5" s="1"/>
  <c r="K5391" i="2"/>
  <c r="K5365" i="5" s="1"/>
  <c r="K5212" i="2"/>
  <c r="K5186" i="5" s="1"/>
  <c r="K1855" i="2"/>
  <c r="K1829" i="5" s="1"/>
  <c r="K5046" i="2"/>
  <c r="K5020" i="5" s="1"/>
  <c r="K1498" i="2"/>
  <c r="K1472" i="5" s="1"/>
  <c r="K5034" i="2"/>
  <c r="K5008" i="5" s="1"/>
  <c r="K3883" i="2"/>
  <c r="K3857" i="5" s="1"/>
  <c r="K5880" i="2"/>
  <c r="K5854" i="5" s="1"/>
  <c r="K7925" i="2"/>
  <c r="K7899" i="5" s="1"/>
  <c r="K8391" i="2"/>
  <c r="K8365" i="5" s="1"/>
  <c r="K1528" i="2"/>
  <c r="K1502" i="5" s="1"/>
  <c r="K333" i="2"/>
  <c r="K307" i="5" s="1"/>
  <c r="K6899" i="2"/>
  <c r="K6873" i="5" s="1"/>
  <c r="K8248" i="2"/>
  <c r="K8222" i="5" s="1"/>
  <c r="K4233" i="2"/>
  <c r="K4207" i="5" s="1"/>
  <c r="K6557" i="2"/>
  <c r="K6531" i="5" s="1"/>
  <c r="K4217" i="2"/>
  <c r="K4191" i="5" s="1"/>
  <c r="K4371" i="2"/>
  <c r="K4345" i="5" s="1"/>
  <c r="K6234" i="2"/>
  <c r="K6208" i="5" s="1"/>
  <c r="K8073" i="2"/>
  <c r="K8047" i="5" s="1"/>
  <c r="K6898" i="2"/>
  <c r="K6872" i="5" s="1"/>
  <c r="K8095" i="2"/>
  <c r="K8069" i="5" s="1"/>
  <c r="J1007" i="2"/>
  <c r="J981" i="5" s="1"/>
  <c r="N981" i="5" s="1"/>
  <c r="J8241" i="2"/>
  <c r="J8215" i="5" s="1"/>
  <c r="N8215" i="5" s="1"/>
  <c r="J8741" i="2"/>
  <c r="J8715" i="5" s="1"/>
  <c r="N8715" i="5" s="1"/>
  <c r="J8057" i="2"/>
  <c r="J8031" i="5" s="1"/>
  <c r="N8031" i="5" s="1"/>
  <c r="J5879" i="2"/>
  <c r="J5853" i="5" s="1"/>
  <c r="N5853" i="5" s="1"/>
  <c r="J7223" i="2"/>
  <c r="J7197" i="5" s="1"/>
  <c r="N7197" i="5" s="1"/>
  <c r="J4214" i="2"/>
  <c r="J4188" i="5" s="1"/>
  <c r="N4188" i="5" s="1"/>
  <c r="J4861" i="2"/>
  <c r="J4835" i="5" s="1"/>
  <c r="N4835" i="5" s="1"/>
  <c r="J2852" i="2"/>
  <c r="J2826" i="5" s="1"/>
  <c r="N2826" i="5" s="1"/>
  <c r="J2701" i="2"/>
  <c r="J2675" i="5" s="1"/>
  <c r="N2675" i="5" s="1"/>
  <c r="J7591" i="2"/>
  <c r="J7565" i="5" s="1"/>
  <c r="N7565" i="5" s="1"/>
  <c r="J5899" i="2"/>
  <c r="J5873" i="5" s="1"/>
  <c r="N5873" i="5" s="1"/>
  <c r="J5870" i="2"/>
  <c r="J5844" i="5" s="1"/>
  <c r="N5844" i="5" s="1"/>
  <c r="J4882" i="2"/>
  <c r="J4856" i="5" s="1"/>
  <c r="N4856" i="5" s="1"/>
  <c r="J6541" i="2"/>
  <c r="J6515" i="5" s="1"/>
  <c r="N6515" i="5" s="1"/>
  <c r="J3181" i="2"/>
  <c r="J3155" i="5" s="1"/>
  <c r="N3155" i="5" s="1"/>
  <c r="J8224" i="2"/>
  <c r="J8198" i="5" s="1"/>
  <c r="N8198" i="5" s="1"/>
  <c r="J5723" i="2"/>
  <c r="J5697" i="5" s="1"/>
  <c r="N5697" i="5" s="1"/>
  <c r="J193" i="2"/>
  <c r="J167" i="5" s="1"/>
  <c r="N167" i="5" s="1"/>
  <c r="I200" i="2"/>
  <c r="I174" i="5" s="1"/>
  <c r="I5213" i="2"/>
  <c r="I5187" i="5" s="1"/>
  <c r="I3024" i="2"/>
  <c r="I2998" i="5" s="1"/>
  <c r="I3038" i="2"/>
  <c r="I3012" i="5" s="1"/>
  <c r="I1544" i="2"/>
  <c r="I1518" i="5" s="1"/>
  <c r="AR350" i="1"/>
  <c r="I5538" i="2"/>
  <c r="I5512" i="5" s="1"/>
  <c r="I175" i="2"/>
  <c r="I149" i="5" s="1"/>
  <c r="I8251" i="2"/>
  <c r="I8225" i="5" s="1"/>
  <c r="K5041" i="2"/>
  <c r="K5015" i="5" s="1"/>
  <c r="K2873" i="2"/>
  <c r="K2847" i="5" s="1"/>
  <c r="K5870" i="2"/>
  <c r="K5844" i="5" s="1"/>
  <c r="K7921" i="2"/>
  <c r="K7895" i="5" s="1"/>
  <c r="K8237" i="2"/>
  <c r="K8211" i="5" s="1"/>
  <c r="K8415" i="2"/>
  <c r="K8389" i="5" s="1"/>
  <c r="K2867" i="2"/>
  <c r="K2841" i="5" s="1"/>
  <c r="K3357" i="2"/>
  <c r="K3331" i="5" s="1"/>
  <c r="K3181" i="2"/>
  <c r="K3155" i="5" s="1"/>
  <c r="K3726" i="2"/>
  <c r="K3700" i="5" s="1"/>
  <c r="K3894" i="2"/>
  <c r="K3868" i="5" s="1"/>
  <c r="K6720" i="2"/>
  <c r="K6694" i="5" s="1"/>
  <c r="K2887" i="2"/>
  <c r="K2861" i="5" s="1"/>
  <c r="K6903" i="2"/>
  <c r="K6877" i="5" s="1"/>
  <c r="K3704" i="2"/>
  <c r="K3678" i="5" s="1"/>
  <c r="K6048" i="2"/>
  <c r="K6022" i="5" s="1"/>
  <c r="K1699" i="2"/>
  <c r="K1673" i="5" s="1"/>
  <c r="K6542" i="2"/>
  <c r="K6516" i="5" s="1"/>
  <c r="K4375" i="2"/>
  <c r="K4349" i="5" s="1"/>
  <c r="K356" i="2"/>
  <c r="K330" i="5" s="1"/>
  <c r="K5380" i="2"/>
  <c r="K5354" i="5" s="1"/>
  <c r="K8241" i="2"/>
  <c r="K8215" i="5" s="1"/>
  <c r="K4549" i="2"/>
  <c r="K4523" i="5" s="1"/>
  <c r="K3188" i="2"/>
  <c r="K3162" i="5" s="1"/>
  <c r="K1683" i="2"/>
  <c r="K1657" i="5" s="1"/>
  <c r="K7398" i="2"/>
  <c r="K7372" i="5" s="1"/>
  <c r="K4361" i="2"/>
  <c r="K4335" i="5" s="1"/>
  <c r="K4523" i="2"/>
  <c r="K4497" i="5" s="1"/>
  <c r="K170" i="2"/>
  <c r="K144" i="5" s="1"/>
  <c r="K3041" i="2"/>
  <c r="K3015" i="5" s="1"/>
  <c r="K1517" i="2"/>
  <c r="K1491" i="5" s="1"/>
  <c r="K3364" i="2"/>
  <c r="K3338" i="5" s="1"/>
  <c r="C266" i="5"/>
  <c r="I2344" i="2"/>
  <c r="I2318" i="5" s="1"/>
  <c r="I8401" i="2"/>
  <c r="I8375" i="5" s="1"/>
  <c r="I5207" i="2"/>
  <c r="I5181" i="5" s="1"/>
  <c r="I1202" i="2"/>
  <c r="I1176" i="5" s="1"/>
  <c r="I8587" i="2"/>
  <c r="I8561" i="5" s="1"/>
  <c r="I849" i="2"/>
  <c r="I823" i="5" s="1"/>
  <c r="I7742" i="2"/>
  <c r="I7716" i="5" s="1"/>
  <c r="I1701" i="2"/>
  <c r="I1675" i="5" s="1"/>
  <c r="AR106" i="1"/>
  <c r="I1201" i="2"/>
  <c r="I1175" i="5" s="1"/>
  <c r="K3187" i="2"/>
  <c r="K3161" i="5" s="1"/>
  <c r="K1533" i="2"/>
  <c r="K1507" i="5" s="1"/>
  <c r="K671" i="2"/>
  <c r="K645" i="5" s="1"/>
  <c r="K8406" i="2"/>
  <c r="K8380" i="5" s="1"/>
  <c r="K2354" i="2"/>
  <c r="K2328" i="5" s="1"/>
  <c r="K4369" i="2"/>
  <c r="K4343" i="5" s="1"/>
  <c r="K3878" i="2"/>
  <c r="K3852" i="5" s="1"/>
  <c r="K2345" i="2"/>
  <c r="K2319" i="5" s="1"/>
  <c r="K666" i="2"/>
  <c r="K640" i="5" s="1"/>
  <c r="K8735" i="2"/>
  <c r="K8709" i="5" s="1"/>
  <c r="K171" i="2"/>
  <c r="K145" i="5" s="1"/>
  <c r="K1867" i="2"/>
  <c r="K1841" i="5" s="1"/>
  <c r="K4734" i="2"/>
  <c r="K4708" i="5" s="1"/>
  <c r="K1007" i="2"/>
  <c r="K981" i="5" s="1"/>
  <c r="K6404" i="2"/>
  <c r="K6378" i="5" s="1"/>
  <c r="K4902" i="2"/>
  <c r="K4876" i="5" s="1"/>
  <c r="K5206" i="2"/>
  <c r="K5180" i="5" s="1"/>
  <c r="K512" i="2"/>
  <c r="K486" i="5" s="1"/>
  <c r="K8416" i="2"/>
  <c r="K8390" i="5" s="1"/>
  <c r="K2686" i="2"/>
  <c r="K2660" i="5" s="1"/>
  <c r="K4043" i="2"/>
  <c r="K4017" i="5" s="1"/>
  <c r="K1168" i="2"/>
  <c r="K1142" i="5" s="1"/>
  <c r="K6884" i="2"/>
  <c r="K6858" i="5" s="1"/>
  <c r="K8586" i="2"/>
  <c r="K8560" i="5" s="1"/>
  <c r="K1354" i="2"/>
  <c r="K1328" i="5" s="1"/>
  <c r="K4882" i="2"/>
  <c r="K4856" i="5" s="1"/>
  <c r="K4530" i="2"/>
  <c r="K4504" i="5" s="1"/>
  <c r="K3542" i="2"/>
  <c r="K3516" i="5" s="1"/>
  <c r="K4373" i="2"/>
  <c r="K4347" i="5" s="1"/>
  <c r="K4555" i="2"/>
  <c r="K4529" i="5" s="1"/>
  <c r="K6051" i="2"/>
  <c r="K6025" i="5" s="1"/>
  <c r="K1675" i="2"/>
  <c r="K1649" i="5" s="1"/>
  <c r="K3348" i="2"/>
  <c r="K3322" i="5" s="1"/>
  <c r="AR182" i="1"/>
  <c r="AR8" i="1"/>
  <c r="I847" i="2"/>
  <c r="I821" i="5" s="1"/>
  <c r="I5543" i="2"/>
  <c r="I5517" i="5" s="1"/>
  <c r="I8582" i="2"/>
  <c r="I8556" i="5" s="1"/>
  <c r="I3046" i="2"/>
  <c r="I3020" i="5" s="1"/>
  <c r="I7912" i="2"/>
  <c r="I7886" i="5" s="1"/>
  <c r="I1507" i="2"/>
  <c r="I1481" i="5" s="1"/>
  <c r="I5060" i="2"/>
  <c r="I5034" i="5" s="1"/>
  <c r="I6388" i="2"/>
  <c r="I6362" i="5" s="1"/>
  <c r="I5533" i="2"/>
  <c r="I5507" i="5" s="1"/>
  <c r="K1691" i="2"/>
  <c r="K1665" i="5" s="1"/>
  <c r="K1169" i="2"/>
  <c r="K1143" i="5" s="1"/>
  <c r="K2857" i="2"/>
  <c r="K2831" i="5" s="1"/>
  <c r="K5569" i="2"/>
  <c r="K5543" i="5" s="1"/>
  <c r="K5068" i="2"/>
  <c r="K5042" i="5" s="1"/>
  <c r="K2547" i="2"/>
  <c r="K2521" i="5" s="1"/>
  <c r="K7890" i="2"/>
  <c r="K7864" i="5" s="1"/>
  <c r="K325" i="2"/>
  <c r="K299" i="5" s="1"/>
  <c r="K4874" i="2"/>
  <c r="K4848" i="5" s="1"/>
  <c r="K343" i="2"/>
  <c r="K317" i="5" s="1"/>
  <c r="K4034" i="2"/>
  <c r="K4008" i="5" s="1"/>
  <c r="K7405" i="2"/>
  <c r="K7379" i="5" s="1"/>
  <c r="K6908" i="2"/>
  <c r="K6882" i="5" s="1"/>
  <c r="K3035" i="2"/>
  <c r="K3009" i="5" s="1"/>
  <c r="K6579" i="2"/>
  <c r="K6553" i="5" s="1"/>
  <c r="K5729" i="2"/>
  <c r="K5703" i="5" s="1"/>
  <c r="K3708" i="2"/>
  <c r="K3682" i="5" s="1"/>
  <c r="K6550" i="2"/>
  <c r="K6524" i="5" s="1"/>
  <c r="K4232" i="2"/>
  <c r="K4206" i="5" s="1"/>
  <c r="K7043" i="2"/>
  <c r="K7017" i="5" s="1"/>
  <c r="K5219" i="2"/>
  <c r="K5193" i="5" s="1"/>
  <c r="K3530" i="2"/>
  <c r="K3504" i="5" s="1"/>
  <c r="K1667" i="2"/>
  <c r="K1641" i="5" s="1"/>
  <c r="K1839" i="2"/>
  <c r="K1813" i="5" s="1"/>
  <c r="K168" i="2"/>
  <c r="K142" i="5" s="1"/>
  <c r="K2695" i="2"/>
  <c r="K2669" i="5" s="1"/>
  <c r="K3372" i="2"/>
  <c r="K3346" i="5" s="1"/>
  <c r="K2845" i="2"/>
  <c r="K2819" i="5" s="1"/>
  <c r="K7232" i="2"/>
  <c r="K7206" i="5" s="1"/>
  <c r="K5403" i="2"/>
  <c r="K5377" i="5" s="1"/>
  <c r="K8569" i="2"/>
  <c r="K8543" i="5" s="1"/>
  <c r="K2039" i="2"/>
  <c r="K2013" i="5" s="1"/>
  <c r="K8251" i="2"/>
  <c r="K8225" i="5" s="1"/>
  <c r="AR134" i="1"/>
  <c r="AR239" i="1"/>
  <c r="I2038" i="2"/>
  <c r="I2012" i="5" s="1"/>
  <c r="I2031" i="2"/>
  <c r="I2005" i="5" s="1"/>
  <c r="I8062" i="2"/>
  <c r="I8036" i="5" s="1"/>
  <c r="I689" i="2"/>
  <c r="I663" i="5" s="1"/>
  <c r="I5202" i="2"/>
  <c r="I5176" i="5" s="1"/>
  <c r="I2339" i="2"/>
  <c r="I2313" i="5" s="1"/>
  <c r="I7075" i="2"/>
  <c r="I7049" i="5" s="1"/>
  <c r="I2709" i="2"/>
  <c r="I2683" i="5" s="1"/>
  <c r="I1525" i="2"/>
  <c r="I1499" i="5" s="1"/>
  <c r="K7253" i="2"/>
  <c r="K7227" i="5" s="1"/>
  <c r="K3866" i="2"/>
  <c r="K3840" i="5" s="1"/>
  <c r="K6578" i="2"/>
  <c r="K6552" i="5" s="1"/>
  <c r="K1350" i="2"/>
  <c r="K1324" i="5" s="1"/>
  <c r="K2855" i="2"/>
  <c r="K2829" i="5" s="1"/>
  <c r="K7409" i="2"/>
  <c r="K7383" i="5" s="1"/>
  <c r="K6751" i="2"/>
  <c r="K6725" i="5" s="1"/>
  <c r="K3012" i="2"/>
  <c r="K2986" i="5" s="1"/>
  <c r="K5072" i="2"/>
  <c r="K5046" i="5" s="1"/>
  <c r="K8748" i="2"/>
  <c r="K8722" i="5" s="1"/>
  <c r="K363" i="2"/>
  <c r="K337" i="5" s="1"/>
  <c r="K7061" i="2"/>
  <c r="K7035" i="5" s="1"/>
  <c r="K2711" i="2"/>
  <c r="K2685" i="5" s="1"/>
  <c r="K4722" i="2"/>
  <c r="K4696" i="5" s="1"/>
  <c r="K8091" i="2"/>
  <c r="K8065" i="5" s="1"/>
  <c r="K4702" i="2"/>
  <c r="K4676" i="5" s="1"/>
  <c r="K6229" i="2"/>
  <c r="K6203" i="5" s="1"/>
  <c r="K7547" i="2"/>
  <c r="K7521" i="5" s="1"/>
  <c r="K7714" i="2"/>
  <c r="K7688" i="5" s="1"/>
  <c r="K7746" i="2"/>
  <c r="K7720" i="5" s="1"/>
  <c r="K8068" i="2"/>
  <c r="K8042" i="5" s="1"/>
  <c r="K5707" i="2"/>
  <c r="K5681" i="5" s="1"/>
  <c r="K6076" i="2"/>
  <c r="K6050" i="5" s="1"/>
  <c r="K5551" i="2"/>
  <c r="K5525" i="5" s="1"/>
  <c r="K6055" i="2"/>
  <c r="K6029" i="5" s="1"/>
  <c r="K4382" i="2"/>
  <c r="K4356" i="5" s="1"/>
  <c r="K4894" i="2"/>
  <c r="K4868" i="5" s="1"/>
  <c r="K5908" i="2"/>
  <c r="K5882" i="5" s="1"/>
  <c r="K8760" i="2"/>
  <c r="K8734" i="5" s="1"/>
  <c r="K2375" i="2"/>
  <c r="K2349" i="5" s="1"/>
  <c r="K5700" i="2"/>
  <c r="K5674" i="5" s="1"/>
  <c r="K329" i="2"/>
  <c r="K303" i="5" s="1"/>
  <c r="K6399" i="2"/>
  <c r="K6373" i="5" s="1"/>
  <c r="I7902" i="2"/>
  <c r="I7876" i="5" s="1"/>
  <c r="I339" i="2"/>
  <c r="I313" i="5" s="1"/>
  <c r="I1336" i="2"/>
  <c r="I1310" i="5" s="1"/>
  <c r="I8061" i="2"/>
  <c r="I8035" i="5" s="1"/>
  <c r="I5576" i="2"/>
  <c r="I5550" i="5" s="1"/>
  <c r="I7068" i="2"/>
  <c r="I7042" i="5" s="1"/>
  <c r="I1696" i="2"/>
  <c r="I1670" i="5" s="1"/>
  <c r="I3895" i="2"/>
  <c r="I3869" i="5" s="1"/>
  <c r="I4356" i="2"/>
  <c r="I4330" i="5" s="1"/>
  <c r="K8094" i="2"/>
  <c r="K8068" i="5" s="1"/>
  <c r="K4723" i="2"/>
  <c r="K4697" i="5" s="1"/>
  <c r="K5727" i="2"/>
  <c r="K5701" i="5" s="1"/>
  <c r="K2008" i="2"/>
  <c r="K1982" i="5" s="1"/>
  <c r="K1003" i="2"/>
  <c r="K977" i="5" s="1"/>
  <c r="K4728" i="2"/>
  <c r="K4702" i="5" s="1"/>
  <c r="K1000" i="2"/>
  <c r="K974" i="5" s="1"/>
  <c r="K3017" i="2"/>
  <c r="K2991" i="5" s="1"/>
  <c r="K1195" i="2"/>
  <c r="K1169" i="5" s="1"/>
  <c r="K3682" i="2"/>
  <c r="K3656" i="5" s="1"/>
  <c r="K1678" i="2"/>
  <c r="K1652" i="5" s="1"/>
  <c r="K2182" i="2"/>
  <c r="K2156" i="5" s="1"/>
  <c r="K8555" i="2"/>
  <c r="K8529" i="5" s="1"/>
  <c r="K4391" i="2"/>
  <c r="K4365" i="5" s="1"/>
  <c r="K8219" i="2"/>
  <c r="K8193" i="5" s="1"/>
  <c r="K2041" i="2"/>
  <c r="K2015" i="5" s="1"/>
  <c r="K4725" i="2"/>
  <c r="K4699" i="5" s="1"/>
  <c r="K5036" i="2"/>
  <c r="K5010" i="5" s="1"/>
  <c r="K684" i="2"/>
  <c r="K658" i="5" s="1"/>
  <c r="K4189" i="2"/>
  <c r="K4163" i="5" s="1"/>
  <c r="K7564" i="2"/>
  <c r="K7538" i="5" s="1"/>
  <c r="K5241" i="2"/>
  <c r="K5215" i="5" s="1"/>
  <c r="K4565" i="2"/>
  <c r="K4539" i="5" s="1"/>
  <c r="K5534" i="2"/>
  <c r="K5508" i="5" s="1"/>
  <c r="K3854" i="2"/>
  <c r="K3828" i="5" s="1"/>
  <c r="K6403" i="2"/>
  <c r="K6377" i="5" s="1"/>
  <c r="K531" i="2"/>
  <c r="K505" i="5" s="1"/>
  <c r="K1684" i="2"/>
  <c r="K1658" i="5" s="1"/>
  <c r="K685" i="2"/>
  <c r="K659" i="5" s="1"/>
  <c r="K1191" i="2"/>
  <c r="K1165" i="5" s="1"/>
  <c r="K2864" i="2"/>
  <c r="K2838" i="5" s="1"/>
  <c r="K7902" i="2"/>
  <c r="K7876" i="5" s="1"/>
  <c r="K6876" i="2"/>
  <c r="K6850" i="5" s="1"/>
  <c r="K1859" i="2"/>
  <c r="K1833" i="5" s="1"/>
  <c r="K1189" i="2"/>
  <c r="K1163" i="5" s="1"/>
  <c r="K2185" i="2"/>
  <c r="K2159" i="5" s="1"/>
  <c r="K1348" i="2"/>
  <c r="K1322" i="5" s="1"/>
  <c r="K3200" i="2"/>
  <c r="K3174" i="5" s="1"/>
  <c r="K2721" i="2"/>
  <c r="K2695" i="5" s="1"/>
  <c r="K8423" i="2"/>
  <c r="K8397" i="5" s="1"/>
  <c r="K2696" i="2"/>
  <c r="K2670" i="5" s="1"/>
  <c r="K8593" i="2"/>
  <c r="K8567" i="5" s="1"/>
  <c r="K1539" i="2"/>
  <c r="K1513" i="5" s="1"/>
  <c r="K2553" i="2"/>
  <c r="K2527" i="5" s="1"/>
  <c r="K2874" i="2"/>
  <c r="K2848" i="5" s="1"/>
  <c r="K198" i="2"/>
  <c r="K172" i="5" s="1"/>
  <c r="K2009" i="2"/>
  <c r="K1983" i="5" s="1"/>
  <c r="K340" i="2"/>
  <c r="K314" i="5" s="1"/>
  <c r="K1016" i="2"/>
  <c r="K990" i="5" s="1"/>
  <c r="K8562" i="2"/>
  <c r="K8536" i="5" s="1"/>
  <c r="K3521" i="2"/>
  <c r="K3495" i="5" s="1"/>
  <c r="K1679" i="2"/>
  <c r="K1653" i="5" s="1"/>
  <c r="K2212" i="2"/>
  <c r="K2186" i="5" s="1"/>
  <c r="K4231" i="2"/>
  <c r="K4205" i="5" s="1"/>
  <c r="K1001" i="2"/>
  <c r="K975" i="5" s="1"/>
  <c r="K7056" i="2"/>
  <c r="K7030" i="5" s="1"/>
  <c r="K2183" i="2"/>
  <c r="K2157" i="5" s="1"/>
  <c r="K3350" i="2"/>
  <c r="K3324" i="5" s="1"/>
  <c r="K5911" i="2"/>
  <c r="K5885" i="5" s="1"/>
  <c r="K3195" i="2"/>
  <c r="K3169" i="5" s="1"/>
  <c r="K2709" i="2"/>
  <c r="K2683" i="5" s="1"/>
  <c r="K179" i="2"/>
  <c r="K153" i="5" s="1"/>
  <c r="K7246" i="2"/>
  <c r="K7220" i="5" s="1"/>
  <c r="K2201" i="2"/>
  <c r="K2175" i="5" s="1"/>
  <c r="K3557" i="2"/>
  <c r="K3531" i="5" s="1"/>
  <c r="K6045" i="2"/>
  <c r="K6019" i="5" s="1"/>
  <c r="K8592" i="2"/>
  <c r="K8566" i="5" s="1"/>
  <c r="K2872" i="2"/>
  <c r="K2846" i="5" s="1"/>
  <c r="K5029" i="2"/>
  <c r="K5003" i="5" s="1"/>
  <c r="K2194" i="2"/>
  <c r="K2168" i="5" s="1"/>
  <c r="K5388" i="2"/>
  <c r="K5362" i="5" s="1"/>
  <c r="K2018" i="2"/>
  <c r="K1992" i="5" s="1"/>
  <c r="K2881" i="2"/>
  <c r="K2855" i="5" s="1"/>
  <c r="K4710" i="2"/>
  <c r="K4684" i="5" s="1"/>
  <c r="K508" i="2"/>
  <c r="K482" i="5" s="1"/>
  <c r="I4386" i="2"/>
  <c r="I4360" i="5" s="1"/>
  <c r="I8253" i="2"/>
  <c r="I8227" i="5" s="1"/>
  <c r="I6222" i="2"/>
  <c r="I6196" i="5" s="1"/>
  <c r="I6068" i="2"/>
  <c r="I6042" i="5" s="1"/>
  <c r="I8433" i="2"/>
  <c r="I8407" i="5" s="1"/>
  <c r="I6570" i="2"/>
  <c r="I6544" i="5" s="1"/>
  <c r="I2513" i="2"/>
  <c r="I2487" i="5" s="1"/>
  <c r="I2012" i="2"/>
  <c r="I1986" i="5" s="1"/>
  <c r="I197" i="2"/>
  <c r="I171" i="5" s="1"/>
  <c r="I8096" i="2"/>
  <c r="I8070" i="5" s="1"/>
  <c r="I3378" i="2"/>
  <c r="I3352" i="5" s="1"/>
  <c r="K1695" i="2"/>
  <c r="K1669" i="5" s="1"/>
  <c r="K7081" i="2"/>
  <c r="K7055" i="5" s="1"/>
  <c r="K4050" i="2"/>
  <c r="K4024" i="5" s="1"/>
  <c r="K1179" i="2"/>
  <c r="K1153" i="5" s="1"/>
  <c r="K6415" i="2"/>
  <c r="K6389" i="5" s="1"/>
  <c r="K7408" i="2"/>
  <c r="K7382" i="5" s="1"/>
  <c r="K1848" i="2"/>
  <c r="K1822" i="5" s="1"/>
  <c r="K197" i="2"/>
  <c r="K171" i="5" s="1"/>
  <c r="K1187" i="2"/>
  <c r="K1161" i="5" s="1"/>
  <c r="K5553" i="2"/>
  <c r="K5527" i="5" s="1"/>
  <c r="K3054" i="2"/>
  <c r="K3028" i="5" s="1"/>
  <c r="K4905" i="2"/>
  <c r="K4879" i="5" s="1"/>
  <c r="K3192" i="2"/>
  <c r="K3166" i="5" s="1"/>
  <c r="K8239" i="2"/>
  <c r="K8213" i="5" s="1"/>
  <c r="K1178" i="2"/>
  <c r="K1152" i="5" s="1"/>
  <c r="K832" i="2"/>
  <c r="K806" i="5" s="1"/>
  <c r="K7741" i="2"/>
  <c r="K7715" i="5" s="1"/>
  <c r="K2718" i="2"/>
  <c r="K2692" i="5" s="1"/>
  <c r="K5568" i="2"/>
  <c r="K5542" i="5" s="1"/>
  <c r="K4690" i="2"/>
  <c r="K4664" i="5" s="1"/>
  <c r="K8728" i="2"/>
  <c r="K8702" i="5" s="1"/>
  <c r="K154" i="2"/>
  <c r="K128" i="5" s="1"/>
  <c r="K6068" i="2"/>
  <c r="K6042" i="5" s="1"/>
  <c r="K8233" i="2"/>
  <c r="K8207" i="5" s="1"/>
  <c r="K2853" i="2"/>
  <c r="K2827" i="5" s="1"/>
  <c r="K5368" i="2"/>
  <c r="K5342" i="5" s="1"/>
  <c r="K4697" i="2"/>
  <c r="K4671" i="5" s="1"/>
  <c r="K1188" i="2"/>
  <c r="K1162" i="5" s="1"/>
  <c r="K7572" i="2"/>
  <c r="K7546" i="5" s="1"/>
  <c r="K5867" i="2"/>
  <c r="K5841" i="5" s="1"/>
  <c r="K4892" i="2"/>
  <c r="K4866" i="5" s="1"/>
  <c r="K4891" i="2"/>
  <c r="K4865" i="5" s="1"/>
  <c r="K2004" i="2"/>
  <c r="K1978" i="5" s="1"/>
  <c r="K2514" i="2"/>
  <c r="K2488" i="5" s="1"/>
  <c r="K5712" i="2"/>
  <c r="K5686" i="5" s="1"/>
  <c r="K6564" i="2"/>
  <c r="K6538" i="5" s="1"/>
  <c r="K4228" i="2"/>
  <c r="K4202" i="5" s="1"/>
  <c r="K3043" i="2"/>
  <c r="K3017" i="5" s="1"/>
  <c r="K3531" i="2"/>
  <c r="K3505" i="5" s="1"/>
  <c r="K7734" i="2"/>
  <c r="K7708" i="5" s="1"/>
  <c r="K4223" i="2"/>
  <c r="K4197" i="5" s="1"/>
  <c r="K4059" i="2"/>
  <c r="K4033" i="5" s="1"/>
  <c r="K7729" i="2"/>
  <c r="K7703" i="5" s="1"/>
  <c r="K2368" i="2"/>
  <c r="K2342" i="5" s="1"/>
  <c r="K5400" i="2"/>
  <c r="K5374" i="5" s="1"/>
  <c r="K4883" i="2"/>
  <c r="K4857" i="5" s="1"/>
  <c r="I1519" i="2"/>
  <c r="I1493" i="5" s="1"/>
  <c r="I1361" i="2"/>
  <c r="I1335" i="5" s="1"/>
  <c r="I2861" i="2"/>
  <c r="I2835" i="5" s="1"/>
  <c r="I3028" i="2"/>
  <c r="I3002" i="5" s="1"/>
  <c r="I8074" i="2"/>
  <c r="I8048" i="5" s="1"/>
  <c r="I3684" i="2"/>
  <c r="I3658" i="5" s="1"/>
  <c r="I2016" i="2"/>
  <c r="I1990" i="5" s="1"/>
  <c r="I7257" i="2"/>
  <c r="I7231" i="5" s="1"/>
  <c r="I3852" i="2"/>
  <c r="I3826" i="5" s="1"/>
  <c r="I361" i="2"/>
  <c r="I335" i="5" s="1"/>
  <c r="I7255" i="2"/>
  <c r="I7229" i="5" s="1"/>
  <c r="K2882" i="2"/>
  <c r="K2856" i="5" s="1"/>
  <c r="K3013" i="2"/>
  <c r="K2987" i="5" s="1"/>
  <c r="K699" i="2"/>
  <c r="K673" i="5" s="1"/>
  <c r="K6393" i="2"/>
  <c r="K6367" i="5" s="1"/>
  <c r="K1666" i="2"/>
  <c r="K1640" i="5" s="1"/>
  <c r="K5399" i="2"/>
  <c r="K5373" i="5" s="1"/>
  <c r="K1331" i="2"/>
  <c r="K1305" i="5" s="1"/>
  <c r="K2859" i="2"/>
  <c r="K2833" i="5" s="1"/>
  <c r="K3022" i="2"/>
  <c r="K2996" i="5" s="1"/>
  <c r="K6731" i="2"/>
  <c r="K6705" i="5" s="1"/>
  <c r="K3221" i="2"/>
  <c r="K3195" i="5" s="1"/>
  <c r="K4563" i="2"/>
  <c r="K4537" i="5" s="1"/>
  <c r="K5232" i="2"/>
  <c r="K5206" i="5" s="1"/>
  <c r="K4700" i="2"/>
  <c r="K4674" i="5" s="1"/>
  <c r="K8074" i="2"/>
  <c r="K8048" i="5" s="1"/>
  <c r="K1703" i="2"/>
  <c r="K1677" i="5" s="1"/>
  <c r="K2044" i="2"/>
  <c r="K2018" i="5" s="1"/>
  <c r="K353" i="2"/>
  <c r="K327" i="5" s="1"/>
  <c r="K5575" i="2"/>
  <c r="K5549" i="5" s="1"/>
  <c r="K8088" i="2"/>
  <c r="K8062" i="5" s="1"/>
  <c r="K7593" i="2"/>
  <c r="K7567" i="5" s="1"/>
  <c r="K1034" i="2"/>
  <c r="K1008" i="5" s="1"/>
  <c r="K366" i="2"/>
  <c r="K340" i="5" s="1"/>
  <c r="K4875" i="2"/>
  <c r="K4849" i="5" s="1"/>
  <c r="K1861" i="2"/>
  <c r="K1835" i="5" s="1"/>
  <c r="K6221" i="2"/>
  <c r="K6195" i="5" s="1"/>
  <c r="K175" i="2"/>
  <c r="K149" i="5" s="1"/>
  <c r="K1688" i="2"/>
  <c r="K1662" i="5" s="1"/>
  <c r="L7743" i="2"/>
  <c r="L7717" i="5" s="1"/>
  <c r="I6372" i="2"/>
  <c r="I6346" i="5" s="1"/>
  <c r="I183" i="2"/>
  <c r="I157" i="5" s="1"/>
  <c r="I3534" i="2"/>
  <c r="I3508" i="5" s="1"/>
  <c r="I7747" i="2"/>
  <c r="I7721" i="5" s="1"/>
  <c r="I341" i="2"/>
  <c r="I315" i="5" s="1"/>
  <c r="I498" i="2"/>
  <c r="I472" i="5" s="1"/>
  <c r="I661" i="2"/>
  <c r="I635" i="5" s="1"/>
  <c r="I8060" i="2"/>
  <c r="I8034" i="5" s="1"/>
  <c r="I2341" i="2"/>
  <c r="I2315" i="5" s="1"/>
  <c r="I2525" i="2"/>
  <c r="I2499" i="5" s="1"/>
  <c r="I491" i="2"/>
  <c r="I465" i="5" s="1"/>
  <c r="I658" i="2"/>
  <c r="I632" i="5" s="1"/>
  <c r="K7726" i="2"/>
  <c r="K7700" i="5" s="1"/>
  <c r="K6378" i="2"/>
  <c r="K6352" i="5" s="1"/>
  <c r="K1866" i="2"/>
  <c r="K1840" i="5" s="1"/>
  <c r="K8087" i="2"/>
  <c r="K8061" i="5" s="1"/>
  <c r="K672" i="2"/>
  <c r="K646" i="5" s="1"/>
  <c r="K3695" i="2"/>
  <c r="K3669" i="5" s="1"/>
  <c r="K1870" i="2"/>
  <c r="K1844" i="5" s="1"/>
  <c r="K6219" i="2"/>
  <c r="K6193" i="5" s="1"/>
  <c r="K4904" i="2"/>
  <c r="K4878" i="5" s="1"/>
  <c r="K5387" i="2"/>
  <c r="K5361" i="5" s="1"/>
  <c r="K8407" i="2"/>
  <c r="K8381" i="5" s="1"/>
  <c r="K2213" i="2"/>
  <c r="K2187" i="5" s="1"/>
  <c r="K4354" i="2"/>
  <c r="K4328" i="5" s="1"/>
  <c r="K176" i="2"/>
  <c r="K150" i="5" s="1"/>
  <c r="K7720" i="2"/>
  <c r="K7694" i="5" s="1"/>
  <c r="K2048" i="2"/>
  <c r="K2022" i="5" s="1"/>
  <c r="K7554" i="2"/>
  <c r="K7528" i="5" s="1"/>
  <c r="K3851" i="2"/>
  <c r="K3825" i="5" s="1"/>
  <c r="K2548" i="2"/>
  <c r="K2522" i="5" s="1"/>
  <c r="K4376" i="2"/>
  <c r="K4350" i="5" s="1"/>
  <c r="K514" i="2"/>
  <c r="K488" i="5" s="1"/>
  <c r="K6909" i="2"/>
  <c r="K6883" i="5" s="1"/>
  <c r="K6379" i="2"/>
  <c r="K6353" i="5" s="1"/>
  <c r="K365" i="2"/>
  <c r="K339" i="5" s="1"/>
  <c r="K8578" i="2"/>
  <c r="K8552" i="5" s="1"/>
  <c r="K5563" i="2"/>
  <c r="K5537" i="5" s="1"/>
  <c r="K3015" i="2"/>
  <c r="K2989" i="5" s="1"/>
  <c r="K1174" i="2"/>
  <c r="K1148" i="5" s="1"/>
  <c r="K357" i="2"/>
  <c r="K331" i="5" s="1"/>
  <c r="K3545" i="2"/>
  <c r="K3519" i="5" s="1"/>
  <c r="K4035" i="2"/>
  <c r="K4009" i="5" s="1"/>
  <c r="K1334" i="2"/>
  <c r="K1308" i="5" s="1"/>
  <c r="K2546" i="2"/>
  <c r="K2520" i="5" s="1"/>
  <c r="K3352" i="2"/>
  <c r="K3326" i="5" s="1"/>
  <c r="K7577" i="2"/>
  <c r="K7551" i="5" s="1"/>
  <c r="K4873" i="2"/>
  <c r="K4847" i="5" s="1"/>
  <c r="K8429" i="2"/>
  <c r="K8403" i="5" s="1"/>
  <c r="K1511" i="2"/>
  <c r="K1485" i="5" s="1"/>
  <c r="K6065" i="2"/>
  <c r="K6039" i="5" s="1"/>
  <c r="K8746" i="2"/>
  <c r="K8720" i="5" s="1"/>
  <c r="K2202" i="2"/>
  <c r="K2176" i="5" s="1"/>
  <c r="K2038" i="2"/>
  <c r="K2012" i="5" s="1"/>
  <c r="K2369" i="2"/>
  <c r="K2343" i="5" s="1"/>
  <c r="K1850" i="2"/>
  <c r="K1824" i="5" s="1"/>
  <c r="K8234" i="2"/>
  <c r="K8208" i="5" s="1"/>
  <c r="K346" i="2"/>
  <c r="K320" i="5" s="1"/>
  <c r="K8255" i="2"/>
  <c r="K8229" i="5" s="1"/>
  <c r="K331" i="2"/>
  <c r="K305" i="5" s="1"/>
  <c r="K6037" i="2"/>
  <c r="K6011" i="5" s="1"/>
  <c r="K8424" i="2"/>
  <c r="K8398" i="5" s="1"/>
  <c r="K5703" i="2"/>
  <c r="K5677" i="5" s="1"/>
  <c r="K1701" i="2"/>
  <c r="K1675" i="5" s="1"/>
  <c r="K4039" i="2"/>
  <c r="K4013" i="5" s="1"/>
  <c r="K6729" i="2"/>
  <c r="K6703" i="5" s="1"/>
  <c r="K4524" i="2"/>
  <c r="K4498" i="5" s="1"/>
  <c r="K7761" i="2"/>
  <c r="K7735" i="5" s="1"/>
  <c r="K8723" i="2"/>
  <c r="K8697" i="5" s="1"/>
  <c r="K4051" i="2"/>
  <c r="K4025" i="5" s="1"/>
  <c r="K1535" i="2"/>
  <c r="K1509" i="5" s="1"/>
  <c r="K2884" i="2"/>
  <c r="K2858" i="5" s="1"/>
  <c r="K8422" i="2"/>
  <c r="K8396" i="5" s="1"/>
  <c r="K8725" i="2"/>
  <c r="K8699" i="5" s="1"/>
  <c r="K1707" i="2"/>
  <c r="K1681" i="5" s="1"/>
  <c r="K8089" i="2"/>
  <c r="K8063" i="5" s="1"/>
  <c r="K1030" i="2"/>
  <c r="K1004" i="5" s="1"/>
  <c r="K8754" i="2"/>
  <c r="K8728" i="5" s="1"/>
  <c r="K7760" i="2"/>
  <c r="K7734" i="5" s="1"/>
  <c r="K2010" i="2"/>
  <c r="K1984" i="5" s="1"/>
  <c r="K2006" i="2"/>
  <c r="K1980" i="5" s="1"/>
  <c r="K3358" i="2"/>
  <c r="K3332" i="5" s="1"/>
  <c r="K4187" i="2"/>
  <c r="K4161" i="5" s="1"/>
  <c r="K5060" i="2"/>
  <c r="K5034" i="5" s="1"/>
  <c r="K6919" i="2"/>
  <c r="K6893" i="5" s="1"/>
  <c r="K4052" i="2"/>
  <c r="K4026" i="5" s="1"/>
  <c r="K667" i="2"/>
  <c r="K641" i="5" s="1"/>
  <c r="K8570" i="2"/>
  <c r="K8544" i="5" s="1"/>
  <c r="K7895" i="2"/>
  <c r="K7869" i="5" s="1"/>
  <c r="K8223" i="2"/>
  <c r="K8197" i="5" s="1"/>
  <c r="K5710" i="2"/>
  <c r="K5684" i="5" s="1"/>
  <c r="K327" i="2"/>
  <c r="K301" i="5" s="1"/>
  <c r="K1361" i="2"/>
  <c r="K1335" i="5" s="1"/>
  <c r="K4548" i="2"/>
  <c r="K4522" i="5" s="1"/>
  <c r="K6040" i="2"/>
  <c r="K6014" i="5" s="1"/>
  <c r="K1182" i="2"/>
  <c r="K1156" i="5" s="1"/>
  <c r="K1163" i="2"/>
  <c r="K1137" i="5" s="1"/>
  <c r="K1874" i="2"/>
  <c r="K1848" i="5" s="1"/>
  <c r="K3027" i="2"/>
  <c r="K3001" i="5" s="1"/>
  <c r="K2680" i="2"/>
  <c r="K2654" i="5" s="1"/>
  <c r="K1520" i="2"/>
  <c r="K1494" i="5" s="1"/>
  <c r="K4027" i="2"/>
  <c r="K4001" i="5" s="1"/>
  <c r="K6049" i="2"/>
  <c r="K6023" i="5" s="1"/>
  <c r="K5054" i="2"/>
  <c r="K5028" i="5" s="1"/>
  <c r="K1335" i="2"/>
  <c r="K1309" i="5" s="1"/>
  <c r="K2879" i="2"/>
  <c r="K2853" i="5" s="1"/>
  <c r="K1346" i="2"/>
  <c r="K1320" i="5" s="1"/>
  <c r="K1673" i="2"/>
  <c r="K1647" i="5" s="1"/>
  <c r="K4226" i="2"/>
  <c r="K4200" i="5" s="1"/>
  <c r="K1194" i="2"/>
  <c r="K1168" i="5" s="1"/>
  <c r="K6570" i="2"/>
  <c r="K6544" i="5" s="1"/>
  <c r="K3031" i="2"/>
  <c r="K3005" i="5" s="1"/>
  <c r="K1040" i="2"/>
  <c r="K1014" i="5" s="1"/>
  <c r="K839" i="2"/>
  <c r="K813" i="5" s="1"/>
  <c r="K5028" i="2"/>
  <c r="K5002" i="5" s="1"/>
  <c r="K1192" i="2"/>
  <c r="K1166" i="5" s="1"/>
  <c r="K6407" i="2"/>
  <c r="K6381" i="5" s="1"/>
  <c r="K364" i="2"/>
  <c r="K338" i="5" s="1"/>
  <c r="K862" i="2"/>
  <c r="K836" i="5" s="1"/>
  <c r="K3021" i="2"/>
  <c r="K2995" i="5" s="1"/>
  <c r="L3382" i="2"/>
  <c r="L3356" i="5" s="1"/>
  <c r="L6373" i="2"/>
  <c r="L6347" i="5" s="1"/>
  <c r="K7557" i="2"/>
  <c r="K7531" i="5" s="1"/>
  <c r="K1693" i="2"/>
  <c r="K1667" i="5" s="1"/>
  <c r="K8411" i="2"/>
  <c r="K8385" i="5" s="1"/>
  <c r="K6371" i="2"/>
  <c r="K6345" i="5" s="1"/>
  <c r="K3051" i="2"/>
  <c r="K3025" i="5" s="1"/>
  <c r="K8426" i="2"/>
  <c r="K8400" i="5" s="1"/>
  <c r="K1509" i="2"/>
  <c r="K1483" i="5" s="1"/>
  <c r="K6400" i="2"/>
  <c r="K6374" i="5" s="1"/>
  <c r="K7587" i="2"/>
  <c r="K7561" i="5" s="1"/>
  <c r="K5052" i="2"/>
  <c r="K5026" i="5" s="1"/>
  <c r="K872" i="2"/>
  <c r="K846" i="5" s="1"/>
  <c r="K6714" i="2"/>
  <c r="K6688" i="5" s="1"/>
  <c r="K5743" i="2"/>
  <c r="K5717" i="5" s="1"/>
  <c r="K8432" i="2"/>
  <c r="K8406" i="5" s="1"/>
  <c r="K4730" i="2"/>
  <c r="K4704" i="5" s="1"/>
  <c r="K5381" i="2"/>
  <c r="K5355" i="5" s="1"/>
  <c r="K7749" i="2"/>
  <c r="K7723" i="5" s="1"/>
  <c r="K7913" i="2"/>
  <c r="K7887" i="5" s="1"/>
  <c r="K6710" i="2"/>
  <c r="K6684" i="5" s="1"/>
  <c r="K3024" i="2"/>
  <c r="K2998" i="5" s="1"/>
  <c r="L7583" i="2"/>
  <c r="L7557" i="5" s="1"/>
  <c r="K4357" i="2"/>
  <c r="K4331" i="5" s="1"/>
  <c r="K4047" i="2"/>
  <c r="K4021" i="5" s="1"/>
  <c r="K1677" i="2"/>
  <c r="K1651" i="5" s="1"/>
  <c r="K5535" i="2"/>
  <c r="K5509" i="5" s="1"/>
  <c r="K5718" i="2"/>
  <c r="K5692" i="5" s="1"/>
  <c r="K2019" i="2"/>
  <c r="K1993" i="5" s="1"/>
  <c r="K3222" i="2"/>
  <c r="K3196" i="5" s="1"/>
  <c r="K3390" i="2"/>
  <c r="K3364" i="5" s="1"/>
  <c r="K3183" i="2"/>
  <c r="K3157" i="5" s="1"/>
  <c r="K5708" i="2"/>
  <c r="K5682" i="5" s="1"/>
  <c r="K3721" i="2"/>
  <c r="K3695" i="5" s="1"/>
  <c r="K8055" i="2"/>
  <c r="K8029" i="5" s="1"/>
  <c r="K2862" i="2"/>
  <c r="K2836" i="5" s="1"/>
  <c r="K2692" i="2"/>
  <c r="K2666" i="5" s="1"/>
  <c r="K5909" i="2"/>
  <c r="K5883" i="5" s="1"/>
  <c r="K2012" i="2"/>
  <c r="K1986" i="5" s="1"/>
  <c r="K5376" i="2"/>
  <c r="K5350" i="5" s="1"/>
  <c r="K5557" i="2"/>
  <c r="K5531" i="5" s="1"/>
  <c r="K664" i="2"/>
  <c r="K638" i="5" s="1"/>
  <c r="K2040" i="2"/>
  <c r="K2014" i="5" s="1"/>
  <c r="L4702" i="2"/>
  <c r="L4676" i="5" s="1"/>
  <c r="L1870" i="2"/>
  <c r="L1844" i="5" s="1"/>
  <c r="L7731" i="2"/>
  <c r="L7705" i="5" s="1"/>
  <c r="L2371" i="2"/>
  <c r="L2345" i="5" s="1"/>
  <c r="AR22" i="1"/>
  <c r="L5232" i="2"/>
  <c r="L5206" i="5" s="1"/>
  <c r="L3541" i="2"/>
  <c r="L3515" i="5" s="1"/>
  <c r="K505" i="2"/>
  <c r="K479" i="5" s="1"/>
  <c r="K3199" i="2"/>
  <c r="K3173" i="5" s="1"/>
  <c r="K5222" i="2"/>
  <c r="K5196" i="5" s="1"/>
  <c r="K6727" i="2"/>
  <c r="K6701" i="5" s="1"/>
  <c r="K3709" i="2"/>
  <c r="K3683" i="5" s="1"/>
  <c r="K6073" i="2"/>
  <c r="K6047" i="5" s="1"/>
  <c r="K2682" i="2"/>
  <c r="K2656" i="5" s="1"/>
  <c r="K2366" i="2"/>
  <c r="K2340" i="5" s="1"/>
  <c r="K8054" i="2"/>
  <c r="K8028" i="5" s="1"/>
  <c r="K2372" i="2"/>
  <c r="K2346" i="5" s="1"/>
  <c r="K3528" i="2"/>
  <c r="K3502" i="5" s="1"/>
  <c r="K6047" i="2"/>
  <c r="K6021" i="5" s="1"/>
  <c r="K4703" i="2"/>
  <c r="K4677" i="5" s="1"/>
  <c r="K4713" i="2"/>
  <c r="K4687" i="5" s="1"/>
  <c r="K7414" i="2"/>
  <c r="K7388" i="5" s="1"/>
  <c r="K2377" i="2"/>
  <c r="K2351" i="5" s="1"/>
  <c r="K1332" i="2"/>
  <c r="K1306" i="5" s="1"/>
  <c r="K870" i="2"/>
  <c r="K844" i="5" s="1"/>
  <c r="K2684" i="2"/>
  <c r="K2658" i="5" s="1"/>
  <c r="K5236" i="2"/>
  <c r="K5210" i="5" s="1"/>
  <c r="L2861" i="2"/>
  <c r="L2835" i="5" s="1"/>
  <c r="K7568" i="2"/>
  <c r="K7542" i="5" s="1"/>
  <c r="K1039" i="2"/>
  <c r="K1013" i="5" s="1"/>
  <c r="K4860" i="2"/>
  <c r="K4834" i="5" s="1"/>
  <c r="K7738" i="2"/>
  <c r="K7712" i="5" s="1"/>
  <c r="K7924" i="2"/>
  <c r="K7898" i="5" s="1"/>
  <c r="K837" i="2"/>
  <c r="K811" i="5" s="1"/>
  <c r="K2518" i="2"/>
  <c r="K2492" i="5" s="1"/>
  <c r="K1845" i="2"/>
  <c r="K1819" i="5" s="1"/>
  <c r="K1521" i="2"/>
  <c r="K1495" i="5" s="1"/>
  <c r="K8053" i="2"/>
  <c r="K8027" i="5" s="1"/>
  <c r="K1697" i="2"/>
  <c r="K1671" i="5" s="1"/>
  <c r="K6881" i="2"/>
  <c r="K6855" i="5" s="1"/>
  <c r="K4567" i="2"/>
  <c r="K4541" i="5" s="1"/>
  <c r="K180" i="2"/>
  <c r="K154" i="5" s="1"/>
  <c r="K4190" i="2"/>
  <c r="K4164" i="5" s="1"/>
  <c r="K4227" i="2"/>
  <c r="K4201" i="5" s="1"/>
  <c r="K5396" i="2"/>
  <c r="K5370" i="5" s="1"/>
  <c r="K4229" i="2"/>
  <c r="K4203" i="5" s="1"/>
  <c r="K5406" i="2"/>
  <c r="K5380" i="5" s="1"/>
  <c r="K5031" i="2"/>
  <c r="K5005" i="5" s="1"/>
  <c r="K5540" i="2"/>
  <c r="K5514" i="5" s="1"/>
  <c r="K4049" i="2"/>
  <c r="K4023" i="5" s="1"/>
  <c r="K3727" i="2"/>
  <c r="K3701" i="5" s="1"/>
  <c r="K5402" i="2"/>
  <c r="K5376" i="5" s="1"/>
  <c r="K693" i="2"/>
  <c r="K667" i="5" s="1"/>
  <c r="K6204" i="2"/>
  <c r="K6178" i="5" s="1"/>
  <c r="K2198" i="2"/>
  <c r="K2172" i="5" s="1"/>
  <c r="K668" i="2"/>
  <c r="K642" i="5" s="1"/>
  <c r="K2852" i="2"/>
  <c r="K2826" i="5" s="1"/>
  <c r="K7241" i="2"/>
  <c r="K7215" i="5" s="1"/>
  <c r="K6540" i="2"/>
  <c r="K6514" i="5" s="1"/>
  <c r="K3207" i="2"/>
  <c r="K3181" i="5" s="1"/>
  <c r="K7555" i="2"/>
  <c r="K7529" i="5" s="1"/>
  <c r="K6886" i="2"/>
  <c r="K6860" i="5" s="1"/>
  <c r="K4903" i="2"/>
  <c r="K4877" i="5" s="1"/>
  <c r="K6892" i="2"/>
  <c r="K6866" i="5" s="1"/>
  <c r="K194" i="2"/>
  <c r="K168" i="5" s="1"/>
  <c r="K7229" i="2"/>
  <c r="K7203" i="5" s="1"/>
  <c r="K4065" i="2"/>
  <c r="K4039" i="5" s="1"/>
  <c r="K3865" i="2"/>
  <c r="K3839" i="5" s="1"/>
  <c r="K8408" i="2"/>
  <c r="K8382" i="5" s="1"/>
  <c r="K6241" i="2"/>
  <c r="K6215" i="5" s="1"/>
  <c r="K2523" i="2"/>
  <c r="K2497" i="5" s="1"/>
  <c r="K5745" i="2"/>
  <c r="K5719" i="5" s="1"/>
  <c r="K3712" i="2"/>
  <c r="K3686" i="5" s="1"/>
  <c r="K3862" i="2"/>
  <c r="K3836" i="5" s="1"/>
  <c r="K8221" i="2"/>
  <c r="K8195" i="5" s="1"/>
  <c r="K7750" i="2"/>
  <c r="K7724" i="5" s="1"/>
  <c r="K4529" i="2"/>
  <c r="K4503" i="5" s="1"/>
  <c r="K7561" i="2"/>
  <c r="K7535" i="5" s="1"/>
  <c r="K8067" i="2"/>
  <c r="K8041" i="5" s="1"/>
  <c r="K8389" i="2"/>
  <c r="K8363" i="5" s="1"/>
  <c r="K3534" i="2"/>
  <c r="K3508" i="5" s="1"/>
  <c r="K2676" i="2"/>
  <c r="K2650" i="5" s="1"/>
  <c r="K5912" i="2"/>
  <c r="K5886" i="5" s="1"/>
  <c r="K1527" i="2"/>
  <c r="K1501" i="5" s="1"/>
  <c r="K6071" i="2"/>
  <c r="K6045" i="5" s="1"/>
  <c r="K3875" i="2"/>
  <c r="K3849" i="5" s="1"/>
  <c r="K169" i="2"/>
  <c r="K143" i="5" s="1"/>
  <c r="K1002" i="2"/>
  <c r="K976" i="5" s="1"/>
  <c r="K1343" i="2"/>
  <c r="K1317" i="5" s="1"/>
  <c r="K7882" i="2"/>
  <c r="K7856" i="5" s="1"/>
  <c r="K698" i="2"/>
  <c r="K672" i="5" s="1"/>
  <c r="K2356" i="2"/>
  <c r="K2330" i="5" s="1"/>
  <c r="K7754" i="2"/>
  <c r="K7728" i="5" s="1"/>
  <c r="K3370" i="2"/>
  <c r="K3344" i="5" s="1"/>
  <c r="K8560" i="2"/>
  <c r="K8534" i="5" s="1"/>
  <c r="K3216" i="2"/>
  <c r="K3190" i="5" s="1"/>
  <c r="K2362" i="2"/>
  <c r="K2336" i="5" s="1"/>
  <c r="K2173" i="2"/>
  <c r="K2147" i="5" s="1"/>
  <c r="K6538" i="2"/>
  <c r="K6512" i="5" s="1"/>
  <c r="K4377" i="2"/>
  <c r="K4351" i="5" s="1"/>
  <c r="K7562" i="2"/>
  <c r="K7536" i="5" s="1"/>
  <c r="K5042" i="2"/>
  <c r="K5016" i="5" s="1"/>
  <c r="K3184" i="2"/>
  <c r="K3158" i="5" s="1"/>
  <c r="K6560" i="2"/>
  <c r="K6534" i="5" s="1"/>
  <c r="K3890" i="2"/>
  <c r="K3864" i="5" s="1"/>
  <c r="K6543" i="2"/>
  <c r="K6517" i="5" s="1"/>
  <c r="K4201" i="2"/>
  <c r="K4175" i="5" s="1"/>
  <c r="K5907" i="2"/>
  <c r="K5881" i="5" s="1"/>
  <c r="K174" i="2"/>
  <c r="K148" i="5" s="1"/>
  <c r="K1365" i="2"/>
  <c r="K1339" i="5" s="1"/>
  <c r="K5567" i="2"/>
  <c r="K5541" i="5" s="1"/>
  <c r="K2339" i="2"/>
  <c r="K2313" i="5" s="1"/>
  <c r="K1337" i="2"/>
  <c r="K1311" i="5" s="1"/>
  <c r="K675" i="2"/>
  <c r="K649" i="5" s="1"/>
  <c r="K3683" i="2"/>
  <c r="K3657" i="5" s="1"/>
  <c r="K1181" i="2"/>
  <c r="K1155" i="5" s="1"/>
  <c r="K5067" i="2"/>
  <c r="K5041" i="5" s="1"/>
  <c r="K5869" i="2"/>
  <c r="K5843" i="5" s="1"/>
  <c r="K834" i="2"/>
  <c r="K808" i="5" s="1"/>
  <c r="K827" i="2"/>
  <c r="K801" i="5" s="1"/>
  <c r="K5732" i="2"/>
  <c r="K5706" i="5" s="1"/>
  <c r="K7063" i="2"/>
  <c r="K7037" i="5" s="1"/>
  <c r="K5226" i="2"/>
  <c r="K5200" i="5" s="1"/>
  <c r="K1692" i="2"/>
  <c r="K1666" i="5" s="1"/>
  <c r="K3385" i="2"/>
  <c r="K3359" i="5" s="1"/>
  <c r="K8232" i="2"/>
  <c r="K8206" i="5" s="1"/>
  <c r="K3879" i="2"/>
  <c r="K3853" i="5" s="1"/>
  <c r="K8414" i="2"/>
  <c r="K8388" i="5" s="1"/>
  <c r="K2364" i="2"/>
  <c r="K2338" i="5" s="1"/>
  <c r="K3515" i="2"/>
  <c r="K3489" i="5" s="1"/>
  <c r="K5398" i="2"/>
  <c r="K5372" i="5" s="1"/>
  <c r="K7224" i="2"/>
  <c r="K7198" i="5" s="1"/>
  <c r="K7889" i="2"/>
  <c r="K7863" i="5" s="1"/>
  <c r="K3044" i="2"/>
  <c r="K3018" i="5" s="1"/>
  <c r="K7886" i="2"/>
  <c r="K7860" i="5" s="1"/>
  <c r="K2701" i="2"/>
  <c r="K2675" i="5" s="1"/>
  <c r="K5214" i="2"/>
  <c r="K5188" i="5" s="1"/>
  <c r="K5913" i="2"/>
  <c r="K5887" i="5" s="1"/>
  <c r="K5714" i="2"/>
  <c r="K5688" i="5" s="1"/>
  <c r="K8082" i="2"/>
  <c r="K8056" i="5" s="1"/>
  <c r="K7042" i="2"/>
  <c r="K7016" i="5" s="1"/>
  <c r="K156" i="2"/>
  <c r="K130" i="5" s="1"/>
  <c r="K8059" i="2"/>
  <c r="K8033" i="5" s="1"/>
  <c r="K2043" i="2"/>
  <c r="K2017" i="5" s="1"/>
  <c r="K5562" i="2"/>
  <c r="K5536" i="5" s="1"/>
  <c r="K2207" i="2"/>
  <c r="K2181" i="5" s="1"/>
  <c r="K661" i="2"/>
  <c r="K635" i="5" s="1"/>
  <c r="K669" i="2"/>
  <c r="K643" i="5" s="1"/>
  <c r="K2691" i="2"/>
  <c r="K2665" i="5" s="1"/>
  <c r="K705" i="2"/>
  <c r="K679" i="5" s="1"/>
  <c r="K6563" i="2"/>
  <c r="K6537" i="5" s="1"/>
  <c r="K2013" i="2"/>
  <c r="K1987" i="5" s="1"/>
  <c r="K7565" i="2"/>
  <c r="K7539" i="5" s="1"/>
  <c r="K6215" i="2"/>
  <c r="K6189" i="5" s="1"/>
  <c r="K8393" i="2"/>
  <c r="K8367" i="5" s="1"/>
  <c r="K6397" i="2"/>
  <c r="K6371" i="5" s="1"/>
  <c r="K2520" i="2"/>
  <c r="K2494" i="5" s="1"/>
  <c r="K6405" i="2"/>
  <c r="K6379" i="5" s="1"/>
  <c r="K830" i="2"/>
  <c r="K804" i="5" s="1"/>
  <c r="K4898" i="2"/>
  <c r="K4872" i="5" s="1"/>
  <c r="K6912" i="2"/>
  <c r="K6886" i="5" s="1"/>
  <c r="K7073" i="2"/>
  <c r="K7047" i="5" s="1"/>
  <c r="K2016" i="2"/>
  <c r="K1990" i="5" s="1"/>
  <c r="K5050" i="2"/>
  <c r="K5024" i="5" s="1"/>
  <c r="K2847" i="2"/>
  <c r="K2821" i="5" s="1"/>
  <c r="K6878" i="2"/>
  <c r="K6852" i="5" s="1"/>
  <c r="K5895" i="2"/>
  <c r="K5869" i="5" s="1"/>
  <c r="K5233" i="2"/>
  <c r="K5207" i="5" s="1"/>
  <c r="K2014" i="2"/>
  <c r="K1988" i="5" s="1"/>
  <c r="K1184" i="2"/>
  <c r="K1158" i="5" s="1"/>
  <c r="K5043" i="2"/>
  <c r="K5017" i="5" s="1"/>
  <c r="K5561" i="2"/>
  <c r="K5535" i="5" s="1"/>
  <c r="K3688" i="2"/>
  <c r="K3662" i="5" s="1"/>
  <c r="K3702" i="2"/>
  <c r="K3676" i="5" s="1"/>
  <c r="K8722" i="2"/>
  <c r="K8696" i="5" s="1"/>
  <c r="K7067" i="2"/>
  <c r="K7041" i="5" s="1"/>
  <c r="K8766" i="2"/>
  <c r="K8740" i="5" s="1"/>
  <c r="K1176" i="2"/>
  <c r="K1150" i="5" s="1"/>
  <c r="K8758" i="2"/>
  <c r="K8732" i="5" s="1"/>
  <c r="K3864" i="2"/>
  <c r="K3838" i="5" s="1"/>
  <c r="K7730" i="2"/>
  <c r="K7704" i="5" s="1"/>
  <c r="K3381" i="2"/>
  <c r="K3355" i="5" s="1"/>
  <c r="K2170" i="2"/>
  <c r="K2144" i="5" s="1"/>
  <c r="K4547" i="2"/>
  <c r="K4521" i="5" s="1"/>
  <c r="K8051" i="2"/>
  <c r="K8025" i="5" s="1"/>
  <c r="K2714" i="2"/>
  <c r="K2688" i="5" s="1"/>
  <c r="K201" i="2"/>
  <c r="K175" i="5" s="1"/>
  <c r="K5705" i="2"/>
  <c r="K5679" i="5" s="1"/>
  <c r="K4711" i="2"/>
  <c r="K4685" i="5" s="1"/>
  <c r="K8080" i="2"/>
  <c r="K8054" i="5" s="1"/>
  <c r="K2359" i="2"/>
  <c r="K2333" i="5" s="1"/>
  <c r="K369" i="2"/>
  <c r="K343" i="5" s="1"/>
  <c r="K8587" i="2"/>
  <c r="K8561" i="5" s="1"/>
  <c r="K5207" i="2"/>
  <c r="K5181" i="5" s="1"/>
  <c r="K3178" i="2"/>
  <c r="K3152" i="5" s="1"/>
  <c r="K3857" i="2"/>
  <c r="K3831" i="5" s="1"/>
  <c r="K1508" i="2"/>
  <c r="K1482" i="5" s="1"/>
  <c r="K7052" i="2"/>
  <c r="K7026" i="5" s="1"/>
  <c r="K4395" i="2"/>
  <c r="K4369" i="5" s="1"/>
  <c r="K4867" i="2"/>
  <c r="K4841" i="5" s="1"/>
  <c r="K5531" i="2"/>
  <c r="K5505" i="5" s="1"/>
  <c r="K2338" i="2"/>
  <c r="K2312" i="5" s="1"/>
  <c r="K491" i="2"/>
  <c r="K465" i="5" s="1"/>
  <c r="K3705" i="2"/>
  <c r="K3679" i="5" s="1"/>
  <c r="K6057" i="2"/>
  <c r="K6031" i="5" s="1"/>
  <c r="K3729" i="2"/>
  <c r="K3703" i="5" s="1"/>
  <c r="K7753" i="2"/>
  <c r="K7727" i="5" s="1"/>
  <c r="K7250" i="2"/>
  <c r="K7224" i="5" s="1"/>
  <c r="K5218" i="2"/>
  <c r="K5192" i="5" s="1"/>
  <c r="K3527" i="2"/>
  <c r="K3501" i="5" s="1"/>
  <c r="K5884" i="2"/>
  <c r="K5858" i="5" s="1"/>
  <c r="K3029" i="2"/>
  <c r="K3003" i="5" s="1"/>
  <c r="K3376" i="2"/>
  <c r="K3350" i="5" s="1"/>
  <c r="K1336" i="2"/>
  <c r="K1310" i="5" s="1"/>
  <c r="K4196" i="2"/>
  <c r="K4170" i="5" s="1"/>
  <c r="K6375" i="2"/>
  <c r="K6349" i="5" s="1"/>
  <c r="K4394" i="2"/>
  <c r="K4368" i="5" s="1"/>
  <c r="K7920" i="2"/>
  <c r="K7894" i="5" s="1"/>
  <c r="K2698" i="2"/>
  <c r="K2672" i="5" s="1"/>
  <c r="K5379" i="2"/>
  <c r="K5353" i="5" s="1"/>
  <c r="K3225" i="2"/>
  <c r="K3199" i="5" s="1"/>
  <c r="K3055" i="2"/>
  <c r="K3029" i="5" s="1"/>
  <c r="K8554" i="2"/>
  <c r="K8528" i="5" s="1"/>
  <c r="K3203" i="2"/>
  <c r="K3177" i="5" s="1"/>
  <c r="K6224" i="2"/>
  <c r="K6198" i="5" s="1"/>
  <c r="K4386" i="2"/>
  <c r="K4360" i="5" s="1"/>
  <c r="K6374" i="2"/>
  <c r="K6348" i="5" s="1"/>
  <c r="K4551" i="2"/>
  <c r="K4525" i="5" s="1"/>
  <c r="K2022" i="2"/>
  <c r="K1996" i="5" s="1"/>
  <c r="K4557" i="2"/>
  <c r="K4531" i="5" s="1"/>
  <c r="K7911" i="2"/>
  <c r="K7885" i="5" s="1"/>
  <c r="K6556" i="2"/>
  <c r="K6530" i="5" s="1"/>
  <c r="K3212" i="2"/>
  <c r="K3186" i="5" s="1"/>
  <c r="K4863" i="2"/>
  <c r="K4837" i="5" s="1"/>
  <c r="K6205" i="2"/>
  <c r="K6179" i="5" s="1"/>
  <c r="K7390" i="2"/>
  <c r="K7364" i="5" s="1"/>
  <c r="K2177" i="2"/>
  <c r="K2151" i="5" s="1"/>
  <c r="K2214" i="2"/>
  <c r="K2188" i="5" s="1"/>
  <c r="K7918" i="2"/>
  <c r="K7892" i="5" s="1"/>
  <c r="K6883" i="2"/>
  <c r="K6857" i="5" s="1"/>
  <c r="K7210" i="2"/>
  <c r="K7184" i="5" s="1"/>
  <c r="K7389" i="2"/>
  <c r="K7363" i="5" s="1"/>
  <c r="K2379" i="2"/>
  <c r="K2353" i="5" s="1"/>
  <c r="K4400" i="2"/>
  <c r="K4374" i="5" s="1"/>
  <c r="K1853" i="2"/>
  <c r="K1827" i="5" s="1"/>
  <c r="K3540" i="2"/>
  <c r="K3514" i="5" s="1"/>
  <c r="K8262" i="2"/>
  <c r="K8236" i="5" s="1"/>
  <c r="K2030" i="2"/>
  <c r="K2004" i="5" s="1"/>
  <c r="K2689" i="2"/>
  <c r="K2663" i="5" s="1"/>
  <c r="K8071" i="2"/>
  <c r="K8045" i="5" s="1"/>
  <c r="K3025" i="2"/>
  <c r="K2999" i="5" s="1"/>
  <c r="K843" i="2"/>
  <c r="K817" i="5" s="1"/>
  <c r="K7245" i="2"/>
  <c r="K7219" i="5" s="1"/>
  <c r="K6741" i="2"/>
  <c r="K6715" i="5" s="1"/>
  <c r="K5871" i="2"/>
  <c r="K5845" i="5" s="1"/>
  <c r="K7244" i="2"/>
  <c r="K7218" i="5" s="1"/>
  <c r="K6072" i="2"/>
  <c r="K6046" i="5" s="1"/>
  <c r="K1199" i="2"/>
  <c r="K1173" i="5" s="1"/>
  <c r="K8427" i="2"/>
  <c r="K8401" i="5" s="1"/>
  <c r="K8092" i="2"/>
  <c r="K8066" i="5" s="1"/>
  <c r="K5875" i="2"/>
  <c r="K5849" i="5" s="1"/>
  <c r="K6239" i="2"/>
  <c r="K6213" i="5" s="1"/>
  <c r="K6739" i="2"/>
  <c r="K6713" i="5" s="1"/>
  <c r="K2551" i="2"/>
  <c r="K2525" i="5" s="1"/>
  <c r="K4381" i="2"/>
  <c r="K4355" i="5" s="1"/>
  <c r="K5726" i="2"/>
  <c r="K5700" i="5" s="1"/>
  <c r="K840" i="2"/>
  <c r="K814" i="5" s="1"/>
  <c r="K7569" i="2"/>
  <c r="K7543" i="5" s="1"/>
  <c r="K6716" i="2"/>
  <c r="K6690" i="5" s="1"/>
  <c r="K2031" i="2"/>
  <c r="K2005" i="5" s="1"/>
  <c r="K6211" i="2"/>
  <c r="K6185" i="5" s="1"/>
  <c r="K3214" i="2"/>
  <c r="K3188" i="5" s="1"/>
  <c r="K323" i="2"/>
  <c r="K297" i="5" s="1"/>
  <c r="K7089" i="2"/>
  <c r="K7063" i="5" s="1"/>
  <c r="K2875" i="2"/>
  <c r="K2849" i="5" s="1"/>
  <c r="K4200" i="2"/>
  <c r="K4174" i="5" s="1"/>
  <c r="K5235" i="2"/>
  <c r="K5209" i="5" s="1"/>
  <c r="K6070" i="2"/>
  <c r="K6044" i="5" s="1"/>
  <c r="K5723" i="2"/>
  <c r="K5697" i="5" s="1"/>
  <c r="K2184" i="2"/>
  <c r="K2158" i="5" s="1"/>
  <c r="K1685" i="2"/>
  <c r="K1659" i="5" s="1"/>
  <c r="K5195" i="2"/>
  <c r="K5169" i="5" s="1"/>
  <c r="K362" i="2"/>
  <c r="K336" i="5" s="1"/>
  <c r="K7757" i="2"/>
  <c r="K7731" i="5" s="1"/>
  <c r="K8738" i="2"/>
  <c r="K8712" i="5" s="1"/>
  <c r="K6041" i="2"/>
  <c r="K6015" i="5" s="1"/>
  <c r="K8428" i="2"/>
  <c r="K8402" i="5" s="1"/>
  <c r="K6202" i="2"/>
  <c r="K6176" i="5" s="1"/>
  <c r="K4024" i="2"/>
  <c r="K3998" i="5" s="1"/>
  <c r="K1032" i="2"/>
  <c r="K1006" i="5" s="1"/>
  <c r="K1167" i="2"/>
  <c r="K1141" i="5" s="1"/>
  <c r="K5215" i="2"/>
  <c r="K5189" i="5" s="1"/>
  <c r="K5572" i="2"/>
  <c r="K5546" i="5" s="1"/>
  <c r="K3215" i="2"/>
  <c r="K3189" i="5" s="1"/>
  <c r="K1700" i="2"/>
  <c r="K1674" i="5" s="1"/>
  <c r="K1037" i="2"/>
  <c r="K1011" i="5" s="1"/>
  <c r="K2544" i="2"/>
  <c r="K2518" i="5" s="1"/>
  <c r="K507" i="2"/>
  <c r="K481" i="5" s="1"/>
  <c r="K2045" i="2"/>
  <c r="K2019" i="5" s="1"/>
  <c r="K6203" i="2"/>
  <c r="K6177" i="5" s="1"/>
  <c r="K5069" i="2"/>
  <c r="K5043" i="5" s="1"/>
  <c r="K3346" i="2"/>
  <c r="K3320" i="5" s="1"/>
  <c r="K1344" i="2"/>
  <c r="K1318" i="5" s="1"/>
  <c r="K5217" i="2"/>
  <c r="K5191" i="5" s="1"/>
  <c r="K5576" i="2"/>
  <c r="K5550" i="5" s="1"/>
  <c r="K2178" i="2"/>
  <c r="K2152" i="5" s="1"/>
  <c r="K4701" i="2"/>
  <c r="K4675" i="5" s="1"/>
  <c r="K5035" i="2"/>
  <c r="K5009" i="5" s="1"/>
  <c r="K3859" i="2"/>
  <c r="K3833" i="5" s="1"/>
  <c r="K4366" i="2"/>
  <c r="K4340" i="5" s="1"/>
  <c r="K8425" i="2"/>
  <c r="K8399" i="5" s="1"/>
  <c r="K7242" i="2"/>
  <c r="K7216" i="5" s="1"/>
  <c r="K3723" i="2"/>
  <c r="K3697" i="5" s="1"/>
  <c r="K5197" i="2"/>
  <c r="K5171" i="5" s="1"/>
  <c r="K8412" i="2"/>
  <c r="K8386" i="5" s="1"/>
  <c r="K7582" i="2"/>
  <c r="K7556" i="5" s="1"/>
  <c r="K5554" i="2"/>
  <c r="K5528" i="5" s="1"/>
  <c r="K5737" i="2"/>
  <c r="K5711" i="5" s="1"/>
  <c r="K5053" i="2"/>
  <c r="K5027" i="5" s="1"/>
  <c r="K4733" i="2"/>
  <c r="K4707" i="5" s="1"/>
  <c r="K4559" i="2"/>
  <c r="K4533" i="5" s="1"/>
  <c r="K7887" i="2"/>
  <c r="K7861" i="5" s="1"/>
  <c r="K2360" i="2"/>
  <c r="K2334" i="5" s="1"/>
  <c r="K3685" i="2"/>
  <c r="K3659" i="5" s="1"/>
  <c r="K8576" i="2"/>
  <c r="K8550" i="5" s="1"/>
  <c r="K8752" i="2"/>
  <c r="K8726" i="5" s="1"/>
  <c r="K1868" i="2"/>
  <c r="K1842" i="5" s="1"/>
  <c r="K3525" i="2"/>
  <c r="K3499" i="5" s="1"/>
  <c r="K2538" i="2"/>
  <c r="K2512" i="5" s="1"/>
  <c r="K3888" i="2"/>
  <c r="K3862" i="5" s="1"/>
  <c r="K1019" i="2"/>
  <c r="K993" i="5" s="1"/>
  <c r="K6880" i="2"/>
  <c r="K6854" i="5" s="1"/>
  <c r="K2549" i="2"/>
  <c r="K2523" i="5" s="1"/>
  <c r="K851" i="2"/>
  <c r="K825" i="5" s="1"/>
  <c r="K2536" i="2"/>
  <c r="K2510" i="5" s="1"/>
  <c r="K519" i="2"/>
  <c r="K493" i="5" s="1"/>
  <c r="K7585" i="2"/>
  <c r="K7559" i="5" s="1"/>
  <c r="K8431" i="2"/>
  <c r="K8405" i="5" s="1"/>
  <c r="K849" i="2"/>
  <c r="K823" i="5" s="1"/>
  <c r="K6569" i="2"/>
  <c r="K6543" i="5" s="1"/>
  <c r="K4220" i="2"/>
  <c r="K4194" i="5" s="1"/>
  <c r="K2512" i="2"/>
  <c r="K2486" i="5" s="1"/>
  <c r="K8565" i="2"/>
  <c r="K8539" i="5" s="1"/>
  <c r="K7231" i="2"/>
  <c r="K7205" i="5" s="1"/>
  <c r="K4737" i="2"/>
  <c r="K4711" i="5" s="1"/>
  <c r="K842" i="2"/>
  <c r="K816" i="5" s="1"/>
  <c r="K4396" i="2"/>
  <c r="K4370" i="5" s="1"/>
  <c r="K7395" i="2"/>
  <c r="K7369" i="5" s="1"/>
  <c r="K1356" i="2"/>
  <c r="K1330" i="5" s="1"/>
  <c r="K2697" i="2"/>
  <c r="K2671" i="5" s="1"/>
  <c r="K7424" i="2"/>
  <c r="K7398" i="5" s="1"/>
  <c r="K4389" i="2"/>
  <c r="K4363" i="5" s="1"/>
  <c r="K494" i="2"/>
  <c r="K468" i="5" s="1"/>
  <c r="K6918" i="2"/>
  <c r="K6892" i="5" s="1"/>
  <c r="K1672" i="2"/>
  <c r="K1646" i="5" s="1"/>
  <c r="K8563" i="2"/>
  <c r="K8537" i="5" s="1"/>
  <c r="K3870" i="2"/>
  <c r="K3844" i="5" s="1"/>
  <c r="K847" i="2"/>
  <c r="K821" i="5" s="1"/>
  <c r="K8065" i="2"/>
  <c r="K8039" i="5" s="1"/>
  <c r="K5539" i="2"/>
  <c r="K5513" i="5" s="1"/>
  <c r="K1501" i="2"/>
  <c r="K1475" i="5" s="1"/>
  <c r="K1201" i="2"/>
  <c r="K1175" i="5" s="1"/>
  <c r="K1842" i="2"/>
  <c r="K1816" i="5" s="1"/>
  <c r="K4036" i="2"/>
  <c r="K4010" i="5" s="1"/>
  <c r="K4878" i="2"/>
  <c r="K4852" i="5" s="1"/>
  <c r="K7044" i="2"/>
  <c r="K7018" i="5" s="1"/>
  <c r="K8392" i="2"/>
  <c r="K8366" i="5" s="1"/>
  <c r="K2526" i="2"/>
  <c r="K2500" i="5" s="1"/>
  <c r="K6210" i="2"/>
  <c r="K6184" i="5" s="1"/>
  <c r="K7223" i="2"/>
  <c r="K7197" i="5" s="1"/>
  <c r="K7736" i="2"/>
  <c r="K7710" i="5" s="1"/>
  <c r="K7548" i="2"/>
  <c r="K7522" i="5" s="1"/>
  <c r="K8584" i="2"/>
  <c r="K8558" i="5" s="1"/>
  <c r="K7381" i="2"/>
  <c r="K7355" i="5" s="1"/>
  <c r="K8567" i="2"/>
  <c r="K8541" i="5" s="1"/>
  <c r="K2189" i="2"/>
  <c r="K2163" i="5" s="1"/>
  <c r="K7558" i="2"/>
  <c r="K7532" i="5" s="1"/>
  <c r="K2552" i="2"/>
  <c r="K2526" i="5" s="1"/>
  <c r="K1031" i="2"/>
  <c r="K1005" i="5" s="1"/>
  <c r="K8402" i="2"/>
  <c r="K8376" i="5" s="1"/>
  <c r="K4895" i="2"/>
  <c r="K4869" i="5" s="1"/>
  <c r="AR245" i="1"/>
  <c r="K3030" i="2"/>
  <c r="K3004" i="5" s="1"/>
  <c r="K8090" i="2"/>
  <c r="K8064" i="5" s="1"/>
  <c r="K4869" i="2"/>
  <c r="K4843" i="5" s="1"/>
  <c r="K8745" i="2"/>
  <c r="K8719" i="5" s="1"/>
  <c r="K2192" i="2"/>
  <c r="K2166" i="5" s="1"/>
  <c r="K2196" i="2"/>
  <c r="K2170" i="5" s="1"/>
  <c r="K7579" i="2"/>
  <c r="K7553" i="5" s="1"/>
  <c r="K5734" i="2"/>
  <c r="K5708" i="5" s="1"/>
  <c r="K4872" i="2"/>
  <c r="K4846" i="5" s="1"/>
  <c r="K352" i="2"/>
  <c r="K326" i="5" s="1"/>
  <c r="K6549" i="2"/>
  <c r="K6523" i="5" s="1"/>
  <c r="K6243" i="2"/>
  <c r="K6217" i="5" s="1"/>
  <c r="K5401" i="2"/>
  <c r="K5375" i="5" s="1"/>
  <c r="K1209" i="2"/>
  <c r="K1183" i="5" s="1"/>
  <c r="K4028" i="2"/>
  <c r="K4002" i="5" s="1"/>
  <c r="K5224" i="2"/>
  <c r="K5198" i="5" s="1"/>
  <c r="K8390" i="2"/>
  <c r="K8364" i="5" s="1"/>
  <c r="K2049" i="2"/>
  <c r="K2023" i="5" s="1"/>
  <c r="K1369" i="2"/>
  <c r="K1343" i="5" s="1"/>
  <c r="K8750" i="2"/>
  <c r="K8724" i="5" s="1"/>
  <c r="K3700" i="2"/>
  <c r="K3674" i="5" s="1"/>
  <c r="K2863" i="2"/>
  <c r="K2837" i="5" s="1"/>
  <c r="K7046" i="2"/>
  <c r="K7020" i="5" s="1"/>
  <c r="K1670" i="2"/>
  <c r="K1644" i="5" s="1"/>
  <c r="K5716" i="2"/>
  <c r="K5690" i="5" s="1"/>
  <c r="K5369" i="2"/>
  <c r="K5343" i="5" s="1"/>
  <c r="K332" i="2"/>
  <c r="K306" i="5" s="1"/>
  <c r="K1023" i="2"/>
  <c r="K997" i="5" s="1"/>
  <c r="K8231" i="2"/>
  <c r="K8205" i="5" s="1"/>
  <c r="K2861" i="2"/>
  <c r="K2835" i="5" s="1"/>
  <c r="K3524" i="2"/>
  <c r="K3498" i="5" s="1"/>
  <c r="K6882" i="2"/>
  <c r="K6856" i="5" s="1"/>
  <c r="K3850" i="2"/>
  <c r="K3824" i="5" s="1"/>
  <c r="K2846" i="2"/>
  <c r="K2820" i="5" s="1"/>
  <c r="K7048" i="2"/>
  <c r="K7022" i="5" s="1"/>
  <c r="K680" i="2"/>
  <c r="K654" i="5" s="1"/>
  <c r="K8764" i="2"/>
  <c r="K8738" i="5" s="1"/>
  <c r="K6746" i="2"/>
  <c r="K6720" i="5" s="1"/>
  <c r="K8768" i="2"/>
  <c r="K8742" i="5" s="1"/>
  <c r="K4859" i="2"/>
  <c r="K4833" i="5" s="1"/>
  <c r="K6737" i="2"/>
  <c r="K6711" i="5" s="1"/>
  <c r="K6212" i="2"/>
  <c r="K6186" i="5" s="1"/>
  <c r="K6036" i="2"/>
  <c r="K6010" i="5" s="1"/>
  <c r="K1041" i="2"/>
  <c r="K1015" i="5" s="1"/>
  <c r="K7894" i="2"/>
  <c r="K7868" i="5" s="1"/>
  <c r="K864" i="2"/>
  <c r="K838" i="5" s="1"/>
  <c r="K697" i="2"/>
  <c r="K671" i="5" s="1"/>
  <c r="K3872" i="2"/>
  <c r="K3846" i="5" s="1"/>
  <c r="K1340" i="2"/>
  <c r="K1314" i="5" s="1"/>
  <c r="K8594" i="2"/>
  <c r="K8568" i="5" s="1"/>
  <c r="K7745" i="2"/>
  <c r="K7719" i="5" s="1"/>
  <c r="K8077" i="2"/>
  <c r="K8051" i="5" s="1"/>
  <c r="K8085" i="2"/>
  <c r="K8059" i="5" s="1"/>
  <c r="K2017" i="2"/>
  <c r="K1991" i="5" s="1"/>
  <c r="K2683" i="2"/>
  <c r="K2657" i="5" s="1"/>
  <c r="K2046" i="2"/>
  <c r="K2020" i="5" s="1"/>
  <c r="K6722" i="2"/>
  <c r="K6696" i="5" s="1"/>
  <c r="K7893" i="2"/>
  <c r="K7867" i="5" s="1"/>
  <c r="K4729" i="2"/>
  <c r="K4703" i="5" s="1"/>
  <c r="K5728" i="2"/>
  <c r="K5702" i="5" s="1"/>
  <c r="K2023" i="2"/>
  <c r="K1997" i="5" s="1"/>
  <c r="K5879" i="2"/>
  <c r="K5853" i="5" s="1"/>
  <c r="K7586" i="2"/>
  <c r="K7560" i="5" s="1"/>
  <c r="K3895" i="2"/>
  <c r="K3869" i="5" s="1"/>
  <c r="K501" i="2"/>
  <c r="K475" i="5" s="1"/>
  <c r="K2374" i="2"/>
  <c r="K2348" i="5" s="1"/>
  <c r="K5409" i="2"/>
  <c r="K5383" i="5" s="1"/>
  <c r="K2885" i="2"/>
  <c r="K2859" i="5" s="1"/>
  <c r="K1025" i="2"/>
  <c r="K999" i="5" s="1"/>
  <c r="K5065" i="2"/>
  <c r="K5039" i="5" s="1"/>
  <c r="K8601" i="2"/>
  <c r="K8575" i="5" s="1"/>
  <c r="K7066" i="2"/>
  <c r="K7040" i="5" s="1"/>
  <c r="K860" i="2"/>
  <c r="K834" i="5" s="1"/>
  <c r="K6214" i="2"/>
  <c r="K6188" i="5" s="1"/>
  <c r="K2521" i="2"/>
  <c r="K2495" i="5" s="1"/>
  <c r="K6417" i="2"/>
  <c r="K6391" i="5" s="1"/>
  <c r="K8229" i="2"/>
  <c r="K8203" i="5" s="1"/>
  <c r="K1840" i="2"/>
  <c r="K1814" i="5" s="1"/>
  <c r="K683" i="2"/>
  <c r="K657" i="5" s="1"/>
  <c r="K6875" i="2"/>
  <c r="K6849" i="5" s="1"/>
  <c r="K2513" i="2"/>
  <c r="K2487" i="5" s="1"/>
  <c r="K4896" i="2"/>
  <c r="K4870" i="5" s="1"/>
  <c r="K516" i="2"/>
  <c r="K490" i="5" s="1"/>
  <c r="K5878" i="2"/>
  <c r="K5852" i="5" s="1"/>
  <c r="K3028" i="2"/>
  <c r="K3002" i="5" s="1"/>
  <c r="K6231" i="2"/>
  <c r="K6205" i="5" s="1"/>
  <c r="K2693" i="2"/>
  <c r="K2667" i="5" s="1"/>
  <c r="K7755" i="2"/>
  <c r="K7729" i="5" s="1"/>
  <c r="K4057" i="2"/>
  <c r="K4031" i="5" s="1"/>
  <c r="K4218" i="2"/>
  <c r="K4192" i="5" s="1"/>
  <c r="K1204" i="2"/>
  <c r="K1178" i="5" s="1"/>
  <c r="K4569" i="2"/>
  <c r="K4543" i="5" s="1"/>
  <c r="K7904" i="2"/>
  <c r="K7878" i="5" s="1"/>
  <c r="K2710" i="2"/>
  <c r="K2684" i="5" s="1"/>
  <c r="K8732" i="2"/>
  <c r="K8706" i="5" s="1"/>
  <c r="K4864" i="2"/>
  <c r="K4838" i="5" s="1"/>
  <c r="K3034" i="2"/>
  <c r="K3008" i="5" s="1"/>
  <c r="K7892" i="2"/>
  <c r="K7866" i="5" s="1"/>
  <c r="K5392" i="2"/>
  <c r="K5366" i="5" s="1"/>
  <c r="K5204" i="2"/>
  <c r="K5178" i="5" s="1"/>
  <c r="K3544" i="2"/>
  <c r="K3518" i="5" s="1"/>
  <c r="K2509" i="2"/>
  <c r="K2483" i="5" s="1"/>
  <c r="K2705" i="2"/>
  <c r="K2679" i="5" s="1"/>
  <c r="K5408" i="2"/>
  <c r="K5382" i="5" s="1"/>
  <c r="K858" i="2"/>
  <c r="K832" i="5" s="1"/>
  <c r="K7404" i="2"/>
  <c r="K7378" i="5" s="1"/>
  <c r="K8093" i="2"/>
  <c r="K8067" i="5" s="1"/>
  <c r="K3223" i="2"/>
  <c r="K3197" i="5" s="1"/>
  <c r="K2176" i="2"/>
  <c r="K2150" i="5" s="1"/>
  <c r="K8731" i="2"/>
  <c r="K8705" i="5" s="1"/>
  <c r="K3050" i="2"/>
  <c r="K3024" i="5" s="1"/>
  <c r="K5744" i="2"/>
  <c r="K5718" i="5" s="1"/>
  <c r="K5546" i="2"/>
  <c r="K5520" i="5" s="1"/>
  <c r="K829" i="2"/>
  <c r="K803" i="5" s="1"/>
  <c r="K4046" i="2"/>
  <c r="K4020" i="5" s="1"/>
  <c r="K7591" i="2"/>
  <c r="K7565" i="5" s="1"/>
  <c r="K162" i="2"/>
  <c r="K136" i="5" s="1"/>
  <c r="K6039" i="2"/>
  <c r="K6013" i="5" s="1"/>
  <c r="K5559" i="2"/>
  <c r="K5533" i="5" s="1"/>
  <c r="K7216" i="2"/>
  <c r="K7190" i="5" s="1"/>
  <c r="K8595" i="2"/>
  <c r="K8569" i="5" s="1"/>
  <c r="K7908" i="2"/>
  <c r="K7882" i="5" s="1"/>
  <c r="K2026" i="2"/>
  <c r="K2000" i="5" s="1"/>
  <c r="K4221" i="2"/>
  <c r="K4195" i="5" s="1"/>
  <c r="K3387" i="2"/>
  <c r="K3361" i="5" s="1"/>
  <c r="K3367" i="2"/>
  <c r="K3341" i="5" s="1"/>
  <c r="K3016" i="2"/>
  <c r="K2990" i="5" s="1"/>
  <c r="K5239" i="2"/>
  <c r="K5213" i="5" s="1"/>
  <c r="K8064" i="2"/>
  <c r="K8038" i="5" s="1"/>
  <c r="K4862" i="2"/>
  <c r="K4836" i="5" s="1"/>
  <c r="K7058" i="2"/>
  <c r="K7032" i="5" s="1"/>
  <c r="K4053" i="2"/>
  <c r="K4027" i="5" s="1"/>
  <c r="K7563" i="2"/>
  <c r="K7537" i="5" s="1"/>
  <c r="K520" i="2"/>
  <c r="K494" i="5" s="1"/>
  <c r="K6216" i="2"/>
  <c r="K6190" i="5" s="1"/>
  <c r="K6752" i="2"/>
  <c r="K6726" i="5" s="1"/>
  <c r="K3535" i="2"/>
  <c r="K3509" i="5" s="1"/>
  <c r="K8086" i="2"/>
  <c r="K8060" i="5" s="1"/>
  <c r="K1542" i="2"/>
  <c r="K1516" i="5" s="1"/>
  <c r="K3389" i="2"/>
  <c r="K3363" i="5" s="1"/>
  <c r="K1033" i="2"/>
  <c r="K1007" i="5" s="1"/>
  <c r="K2351" i="2"/>
  <c r="K2325" i="5" s="1"/>
  <c r="K6226" i="2"/>
  <c r="K6200" i="5" s="1"/>
  <c r="K4694" i="2"/>
  <c r="K4668" i="5" s="1"/>
  <c r="K6913" i="2"/>
  <c r="K6887" i="5" s="1"/>
  <c r="K1871" i="2"/>
  <c r="K1845" i="5" s="1"/>
  <c r="K2715" i="2"/>
  <c r="K2689" i="5" s="1"/>
  <c r="K6715" i="2"/>
  <c r="K6689" i="5" s="1"/>
  <c r="K348" i="2"/>
  <c r="K322" i="5" s="1"/>
  <c r="K4204" i="2"/>
  <c r="K4178" i="5" s="1"/>
  <c r="K3855" i="2"/>
  <c r="K3829" i="5" s="1"/>
  <c r="K3868" i="2"/>
  <c r="K3842" i="5" s="1"/>
  <c r="K5532" i="2"/>
  <c r="K5506" i="5" s="1"/>
  <c r="K866" i="2"/>
  <c r="K840" i="5" s="1"/>
  <c r="K4215" i="2"/>
  <c r="K4189" i="5" s="1"/>
  <c r="K3179" i="2"/>
  <c r="K3153" i="5" s="1"/>
  <c r="K3686" i="2"/>
  <c r="K3660" i="5" s="1"/>
  <c r="K7220" i="2"/>
  <c r="K7194" i="5" s="1"/>
  <c r="K7222" i="2"/>
  <c r="K7196" i="5" s="1"/>
  <c r="K8058" i="2"/>
  <c r="K8032" i="5" s="1"/>
  <c r="K5044" i="2"/>
  <c r="K5018" i="5" s="1"/>
  <c r="K4889" i="2"/>
  <c r="K4863" i="5" s="1"/>
  <c r="K7079" i="2"/>
  <c r="K7053" i="5" s="1"/>
  <c r="K852" i="2"/>
  <c r="K826" i="5" s="1"/>
  <c r="K3047" i="2"/>
  <c r="K3021" i="5" s="1"/>
  <c r="K8747" i="2"/>
  <c r="K8721" i="5" s="1"/>
  <c r="K8386" i="2"/>
  <c r="K3042" i="2"/>
  <c r="K3016" i="5" s="1"/>
  <c r="K7415" i="2"/>
  <c r="K7389" i="5" s="1"/>
  <c r="K6075" i="2"/>
  <c r="K6049" i="5" s="1"/>
  <c r="K4213" i="2"/>
  <c r="K4187" i="5" s="1"/>
  <c r="K7723" i="2"/>
  <c r="K7697" i="5" s="1"/>
  <c r="K7905" i="2"/>
  <c r="K7879" i="5" s="1"/>
  <c r="K5209" i="2"/>
  <c r="K5183" i="5" s="1"/>
  <c r="K7580" i="2"/>
  <c r="K7554" i="5" s="1"/>
  <c r="K8253" i="2"/>
  <c r="K8227" i="5" s="1"/>
  <c r="K6916" i="2"/>
  <c r="K6890" i="5" s="1"/>
  <c r="K4899" i="2"/>
  <c r="K4873" i="5" s="1"/>
  <c r="K528" i="2"/>
  <c r="K502" i="5" s="1"/>
  <c r="K1696" i="2"/>
  <c r="K1670" i="5" s="1"/>
  <c r="K686" i="2"/>
  <c r="K660" i="5" s="1"/>
  <c r="K2678" i="2"/>
  <c r="K2652" i="5" s="1"/>
  <c r="K857" i="2"/>
  <c r="K831" i="5" s="1"/>
  <c r="K7238" i="2"/>
  <c r="K7212" i="5" s="1"/>
  <c r="K8742" i="2"/>
  <c r="K8716" i="5" s="1"/>
  <c r="K8759" i="2"/>
  <c r="K8733" i="5" s="1"/>
  <c r="K182" i="2"/>
  <c r="K156" i="5" s="1"/>
  <c r="K6734" i="2"/>
  <c r="K6708" i="5" s="1"/>
  <c r="K8556" i="2"/>
  <c r="K8530" i="5" s="1"/>
  <c r="K3201" i="2"/>
  <c r="K3175" i="5" s="1"/>
  <c r="K7719" i="2"/>
  <c r="K7693" i="5" s="1"/>
  <c r="K6064" i="2"/>
  <c r="K6038" i="5" s="1"/>
  <c r="K518" i="2"/>
  <c r="K492" i="5" s="1"/>
  <c r="K4033" i="2"/>
  <c r="K4007" i="5" s="1"/>
  <c r="K6391" i="2"/>
  <c r="K6365" i="5" s="1"/>
  <c r="K1021" i="2"/>
  <c r="K995" i="5" s="1"/>
  <c r="K2708" i="2"/>
  <c r="K2682" i="5" s="1"/>
  <c r="K3220" i="2"/>
  <c r="K3194" i="5" s="1"/>
  <c r="K2174" i="2"/>
  <c r="K2148" i="5" s="1"/>
  <c r="K3516" i="2"/>
  <c r="K3490" i="5" s="1"/>
  <c r="K7053" i="2"/>
  <c r="K7027" i="5" s="1"/>
  <c r="K1355" i="2"/>
  <c r="K1329" i="5" s="1"/>
  <c r="K5051" i="2"/>
  <c r="K5025" i="5" s="1"/>
  <c r="K2047" i="2"/>
  <c r="K2021" i="5" s="1"/>
  <c r="K6753" i="2"/>
  <c r="K6727" i="5" s="1"/>
  <c r="K5560" i="2"/>
  <c r="K5534" i="5" s="1"/>
  <c r="K3217" i="2"/>
  <c r="K3191" i="5" s="1"/>
  <c r="K330" i="2"/>
  <c r="K304" i="5" s="1"/>
  <c r="K6217" i="2"/>
  <c r="K6191" i="5" s="1"/>
  <c r="K4865" i="2"/>
  <c r="K4839" i="5" s="1"/>
  <c r="K3046" i="2"/>
  <c r="K3020" i="5" s="1"/>
  <c r="K4900" i="2"/>
  <c r="K4874" i="5" s="1"/>
  <c r="K3196" i="2"/>
  <c r="K3170" i="5" s="1"/>
  <c r="K6406" i="2"/>
  <c r="K6380" i="5" s="1"/>
  <c r="K4720" i="2"/>
  <c r="K4694" i="5" s="1"/>
  <c r="K5227" i="2"/>
  <c r="K5201" i="5" s="1"/>
  <c r="K4358" i="2"/>
  <c r="K4332" i="5" s="1"/>
  <c r="K1338" i="2"/>
  <c r="K1312" i="5" s="1"/>
  <c r="K3856" i="2"/>
  <c r="K3830" i="5" s="1"/>
  <c r="K5220" i="2"/>
  <c r="K5194" i="5" s="1"/>
  <c r="K994" i="2"/>
  <c r="K968" i="5" s="1"/>
  <c r="K6914" i="2"/>
  <c r="K6888" i="5" s="1"/>
  <c r="K8762" i="2"/>
  <c r="K8736" i="5" s="1"/>
  <c r="K2883" i="2"/>
  <c r="K2857" i="5" s="1"/>
  <c r="K2180" i="2"/>
  <c r="K2154" i="5" s="1"/>
  <c r="K5904" i="2"/>
  <c r="K5878" i="5" s="1"/>
  <c r="K495" i="2"/>
  <c r="K469" i="5" s="1"/>
  <c r="K8421" i="2"/>
  <c r="K8395" i="5" s="1"/>
  <c r="K1375" i="2"/>
  <c r="K1349" i="5" s="1"/>
  <c r="K7236" i="2"/>
  <c r="K7210" i="5" s="1"/>
  <c r="K8734" i="2"/>
  <c r="K8708" i="5" s="1"/>
  <c r="K4364" i="2"/>
  <c r="K4338" i="5" s="1"/>
  <c r="K6905" i="2"/>
  <c r="K6879" i="5" s="1"/>
  <c r="K4534" i="2"/>
  <c r="K4508" i="5" s="1"/>
  <c r="K2876" i="2"/>
  <c r="K2850" i="5" s="1"/>
  <c r="K8399" i="2"/>
  <c r="K8373" i="5" s="1"/>
  <c r="K1183" i="2"/>
  <c r="K1157" i="5" s="1"/>
  <c r="K354" i="2"/>
  <c r="K328" i="5" s="1"/>
  <c r="K5059" i="2"/>
  <c r="K5033" i="5" s="1"/>
  <c r="K6920" i="2"/>
  <c r="K6894" i="5" s="1"/>
  <c r="K997" i="2"/>
  <c r="K971" i="5" s="1"/>
  <c r="K7566" i="2"/>
  <c r="K7540" i="5" s="1"/>
  <c r="K5565" i="2"/>
  <c r="K5539" i="5" s="1"/>
  <c r="K5709" i="2"/>
  <c r="K5683" i="5" s="1"/>
  <c r="K3886" i="2"/>
  <c r="K3860" i="5" s="1"/>
  <c r="K534" i="2"/>
  <c r="K508" i="5" s="1"/>
  <c r="K3536" i="2"/>
  <c r="K3510" i="5" s="1"/>
  <c r="K4399" i="2"/>
  <c r="K4373" i="5" s="1"/>
  <c r="K2869" i="2"/>
  <c r="K2843" i="5" s="1"/>
  <c r="K4525" i="2"/>
  <c r="K4499" i="5" s="1"/>
  <c r="K7239" i="2"/>
  <c r="K7213" i="5" s="1"/>
  <c r="K1540" i="2"/>
  <c r="K1514" i="5" s="1"/>
  <c r="K185" i="2"/>
  <c r="K159" i="5" s="1"/>
  <c r="K8577" i="2"/>
  <c r="K8551" i="5" s="1"/>
  <c r="K3377" i="2"/>
  <c r="K3351" i="5" s="1"/>
  <c r="K3722" i="2"/>
  <c r="K3696" i="5" s="1"/>
  <c r="K2527" i="2"/>
  <c r="K2501" i="5" s="1"/>
  <c r="K5394" i="2"/>
  <c r="K5368" i="5" s="1"/>
  <c r="K4401" i="2"/>
  <c r="K4375" i="5" s="1"/>
  <c r="K165" i="2"/>
  <c r="K139" i="5" s="1"/>
  <c r="K1856" i="2"/>
  <c r="K1830" i="5" s="1"/>
  <c r="K5199" i="2"/>
  <c r="K5173" i="5" s="1"/>
  <c r="K2217" i="2"/>
  <c r="K2191" i="5" s="1"/>
  <c r="K1347" i="2"/>
  <c r="K1321" i="5" s="1"/>
  <c r="K1857" i="2"/>
  <c r="K1831" i="5" s="1"/>
  <c r="K7045" i="2"/>
  <c r="K7019" i="5" s="1"/>
  <c r="K6401" i="2"/>
  <c r="K6375" i="5" s="1"/>
  <c r="K2005" i="2"/>
  <c r="K1979" i="5" s="1"/>
  <c r="K3366" i="2"/>
  <c r="K3340" i="5" s="1"/>
  <c r="K5389" i="2"/>
  <c r="K5363" i="5" s="1"/>
  <c r="K4042" i="2"/>
  <c r="K4016" i="5" s="1"/>
  <c r="K2878" i="2"/>
  <c r="K2852" i="5" s="1"/>
  <c r="K4558" i="2"/>
  <c r="K4532" i="5" s="1"/>
  <c r="K2844" i="2"/>
  <c r="K2818" i="5" s="1"/>
  <c r="K2027" i="2"/>
  <c r="K2001" i="5" s="1"/>
  <c r="K8559" i="2"/>
  <c r="K8533" i="5" s="1"/>
  <c r="K7257" i="2"/>
  <c r="K7231" i="5" s="1"/>
  <c r="K4362" i="2"/>
  <c r="K4336" i="5" s="1"/>
  <c r="K4561" i="2"/>
  <c r="K4535" i="5" s="1"/>
  <c r="K7590" i="2"/>
  <c r="K7564" i="5" s="1"/>
  <c r="K7759" i="2"/>
  <c r="K7733" i="5" s="1"/>
  <c r="K6894" i="2"/>
  <c r="K6868" i="5" s="1"/>
  <c r="K2532" i="2"/>
  <c r="K2506" i="5" s="1"/>
  <c r="K3204" i="2"/>
  <c r="K3178" i="5" s="1"/>
  <c r="K1196" i="2"/>
  <c r="K1170" i="5" s="1"/>
  <c r="K6077" i="2"/>
  <c r="K6051" i="5" s="1"/>
  <c r="K3052" i="2"/>
  <c r="K3026" i="5" s="1"/>
  <c r="K3523" i="2"/>
  <c r="K3497" i="5" s="1"/>
  <c r="K8252" i="2"/>
  <c r="K8226" i="5" s="1"/>
  <c r="K6750" i="2"/>
  <c r="K6724" i="5" s="1"/>
  <c r="K7567" i="2"/>
  <c r="K7541" i="5" s="1"/>
  <c r="K5231" i="2"/>
  <c r="K5205" i="5" s="1"/>
  <c r="K350" i="2"/>
  <c r="K324" i="5" s="1"/>
  <c r="K6247" i="2"/>
  <c r="K6221" i="5" s="1"/>
  <c r="K2886" i="2"/>
  <c r="K2860" i="5" s="1"/>
  <c r="K163" i="2"/>
  <c r="K137" i="5" s="1"/>
  <c r="K835" i="2"/>
  <c r="K809" i="5" s="1"/>
  <c r="K4359" i="2"/>
  <c r="K4333" i="5" s="1"/>
  <c r="K1686" i="2"/>
  <c r="K1660" i="5" s="1"/>
  <c r="K7906" i="2"/>
  <c r="K7880" i="5" s="1"/>
  <c r="K6893" i="2"/>
  <c r="K6867" i="5" s="1"/>
  <c r="K7055" i="2"/>
  <c r="K7029" i="5" s="1"/>
  <c r="K5541" i="2"/>
  <c r="K5515" i="5" s="1"/>
  <c r="K7059" i="2"/>
  <c r="K7033" i="5" s="1"/>
  <c r="K2868" i="2"/>
  <c r="K2842" i="5" s="1"/>
  <c r="K838" i="2"/>
  <c r="K812" i="5" s="1"/>
  <c r="K1668" i="2"/>
  <c r="K1642" i="5" s="1"/>
  <c r="K1524" i="2"/>
  <c r="K1498" i="5" s="1"/>
  <c r="K1166" i="2"/>
  <c r="K1140" i="5" s="1"/>
  <c r="K2699" i="2"/>
  <c r="K2673" i="5" s="1"/>
  <c r="K6745" i="2"/>
  <c r="K6719" i="5" s="1"/>
  <c r="K8739" i="2"/>
  <c r="K8713" i="5" s="1"/>
  <c r="K3689" i="2"/>
  <c r="K3663" i="5" s="1"/>
  <c r="K6249" i="2"/>
  <c r="K6223" i="5" s="1"/>
  <c r="K4390" i="2"/>
  <c r="K4364" i="5" s="1"/>
  <c r="K527" i="2"/>
  <c r="K501" i="5" s="1"/>
  <c r="K7891" i="2"/>
  <c r="K7865" i="5" s="1"/>
  <c r="K3703" i="2"/>
  <c r="K3677" i="5" s="1"/>
  <c r="K3684" i="2"/>
  <c r="K3658" i="5" s="1"/>
  <c r="K1849" i="2"/>
  <c r="K1823" i="5" s="1"/>
  <c r="K3210" i="2"/>
  <c r="K3184" i="5" s="1"/>
  <c r="K4533" i="2"/>
  <c r="K4507" i="5" s="1"/>
  <c r="K4355" i="2"/>
  <c r="K4329" i="5" s="1"/>
  <c r="K8588" i="2"/>
  <c r="K8562" i="5" s="1"/>
  <c r="K7252" i="2"/>
  <c r="K7226" i="5" s="1"/>
  <c r="K1834" i="2"/>
  <c r="K1808" i="5" s="1"/>
  <c r="K3877" i="2"/>
  <c r="K3851" i="5" s="1"/>
  <c r="K6230" i="2"/>
  <c r="K6204" i="5" s="1"/>
  <c r="K5881" i="2"/>
  <c r="K5855" i="5" s="1"/>
  <c r="K674" i="2"/>
  <c r="K648" i="5" s="1"/>
  <c r="K5545" i="2"/>
  <c r="K5519" i="5" s="1"/>
  <c r="K7380" i="2"/>
  <c r="K7354" i="5" s="1"/>
  <c r="K7407" i="2"/>
  <c r="K7381" i="5" s="1"/>
  <c r="K6237" i="2"/>
  <c r="K6211" i="5" s="1"/>
  <c r="K3692" i="2"/>
  <c r="K3666" i="5" s="1"/>
  <c r="K6044" i="2"/>
  <c r="K6018" i="5" s="1"/>
  <c r="K3033" i="2"/>
  <c r="K3007" i="5" s="1"/>
  <c r="K6244" i="2"/>
  <c r="K6218" i="5" s="1"/>
  <c r="K7560" i="2"/>
  <c r="K7534" i="5" s="1"/>
  <c r="K833" i="2"/>
  <c r="K807" i="5" s="1"/>
  <c r="K7230" i="2"/>
  <c r="K7204" i="5" s="1"/>
  <c r="K8574" i="2"/>
  <c r="K8548" i="5" s="1"/>
  <c r="K3697" i="2"/>
  <c r="K3671" i="5" s="1"/>
  <c r="K4363" i="2"/>
  <c r="K4337" i="5" s="1"/>
  <c r="K7387" i="2"/>
  <c r="K7361" i="5" s="1"/>
  <c r="K998" i="2"/>
  <c r="K972" i="5" s="1"/>
  <c r="K3548" i="2"/>
  <c r="K3522" i="5" s="1"/>
  <c r="K1364" i="2"/>
  <c r="K1338" i="5" s="1"/>
  <c r="K5032" i="2"/>
  <c r="K5006" i="5" s="1"/>
  <c r="K3549" i="2"/>
  <c r="K3523" i="5" s="1"/>
  <c r="K3716" i="2"/>
  <c r="K3690" i="5" s="1"/>
  <c r="K4868" i="2"/>
  <c r="K4842" i="5" s="1"/>
  <c r="K5542" i="2"/>
  <c r="K5516" i="5" s="1"/>
  <c r="K5740" i="2"/>
  <c r="K5714" i="5" s="1"/>
  <c r="K522" i="2"/>
  <c r="K496" i="5" s="1"/>
  <c r="K499" i="2"/>
  <c r="K473" i="5" s="1"/>
  <c r="K2350" i="2"/>
  <c r="K2324" i="5" s="1"/>
  <c r="K1711" i="2"/>
  <c r="K1685" i="5" s="1"/>
  <c r="K8582" i="2"/>
  <c r="K8556" i="5" s="1"/>
  <c r="K8419" i="2"/>
  <c r="K8393" i="5" s="1"/>
  <c r="K8572" i="2"/>
  <c r="K8546" i="5" s="1"/>
  <c r="K854" i="2"/>
  <c r="K828" i="5" s="1"/>
  <c r="K3553" i="2"/>
  <c r="K3527" i="5" s="1"/>
  <c r="K1694" i="2"/>
  <c r="K1668" i="5" s="1"/>
  <c r="K7247" i="2"/>
  <c r="K7221" i="5" s="1"/>
  <c r="K2541" i="2"/>
  <c r="K2515" i="5" s="1"/>
  <c r="K1502" i="2"/>
  <c r="K1476" i="5" s="1"/>
  <c r="K3383" i="2"/>
  <c r="K3357" i="5" s="1"/>
  <c r="K6052" i="2"/>
  <c r="K6026" i="5" s="1"/>
  <c r="K7420" i="2"/>
  <c r="K7394" i="5" s="1"/>
  <c r="K1358" i="2"/>
  <c r="K1332" i="5" s="1"/>
  <c r="K5902" i="2"/>
  <c r="K5876" i="5" s="1"/>
  <c r="K324" i="2"/>
  <c r="K298" i="5" s="1"/>
  <c r="K193" i="2"/>
  <c r="K167" i="5" s="1"/>
  <c r="K8581" i="2"/>
  <c r="K8555" i="5" s="1"/>
  <c r="K8741" i="2"/>
  <c r="K8715" i="5" s="1"/>
  <c r="K2540" i="2"/>
  <c r="K2514" i="5" s="1"/>
  <c r="K6740" i="2"/>
  <c r="K6714" i="5" s="1"/>
  <c r="K2035" i="2"/>
  <c r="K2009" i="5" s="1"/>
  <c r="K6240" i="2"/>
  <c r="K6214" i="5" s="1"/>
  <c r="K5393" i="2"/>
  <c r="K5367" i="5" s="1"/>
  <c r="K1200" i="2"/>
  <c r="K1174" i="5" s="1"/>
  <c r="K7727" i="2"/>
  <c r="K7701" i="5" s="1"/>
  <c r="K4056" i="2"/>
  <c r="K4030" i="5" s="1"/>
  <c r="K5362" i="2"/>
  <c r="K5336" i="5" s="1"/>
  <c r="K8245" i="2"/>
  <c r="K8219" i="5" s="1"/>
  <c r="K3202" i="2"/>
  <c r="K3176" i="5" s="1"/>
  <c r="K5543" i="2"/>
  <c r="K5517" i="5" s="1"/>
  <c r="K4194" i="2"/>
  <c r="K4168" i="5" s="1"/>
  <c r="K4706" i="2"/>
  <c r="K4680" i="5" s="1"/>
  <c r="K7910" i="2"/>
  <c r="K7884" i="5" s="1"/>
  <c r="K7915" i="2"/>
  <c r="K7889" i="5" s="1"/>
  <c r="K4224" i="2"/>
  <c r="K4198" i="5" s="1"/>
  <c r="K7076" i="2"/>
  <c r="K7050" i="5" s="1"/>
  <c r="K4709" i="2"/>
  <c r="K4683" i="5" s="1"/>
  <c r="K6877" i="2"/>
  <c r="K6851" i="5" s="1"/>
  <c r="K6744" i="2"/>
  <c r="K6718" i="5" s="1"/>
  <c r="K7742" i="2"/>
  <c r="K7716" i="5" s="1"/>
  <c r="K5872" i="2"/>
  <c r="K5846" i="5" s="1"/>
  <c r="K1374" i="2"/>
  <c r="K1348" i="5" s="1"/>
  <c r="K5556" i="2"/>
  <c r="K5530" i="5" s="1"/>
  <c r="K3020" i="2"/>
  <c r="K2994" i="5" s="1"/>
  <c r="K1333" i="2"/>
  <c r="K1307" i="5" s="1"/>
  <c r="K687" i="2"/>
  <c r="K661" i="5" s="1"/>
  <c r="K5883" i="2"/>
  <c r="K5857" i="5" s="1"/>
  <c r="K8079" i="2"/>
  <c r="K8053" i="5" s="1"/>
  <c r="O8053" i="5" s="1"/>
  <c r="K7084" i="2"/>
  <c r="K7058" i="5" s="1"/>
  <c r="K1505" i="2"/>
  <c r="K1479" i="5" s="1"/>
  <c r="K4731" i="2"/>
  <c r="K4705" i="5" s="1"/>
  <c r="K532" i="2"/>
  <c r="K506" i="5" s="1"/>
  <c r="K2687" i="2"/>
  <c r="K2661" i="5" s="1"/>
  <c r="K161" i="2"/>
  <c r="K135" i="5" s="1"/>
  <c r="K6574" i="2"/>
  <c r="K6548" i="5" s="1"/>
  <c r="K4698" i="2"/>
  <c r="K4672" i="5" s="1"/>
  <c r="K6034" i="2"/>
  <c r="K6008" i="5" s="1"/>
  <c r="K4216" i="2"/>
  <c r="K4190" i="5" s="1"/>
  <c r="K6246" i="2"/>
  <c r="K6220" i="5" s="1"/>
  <c r="K3896" i="2"/>
  <c r="K3870" i="5" s="1"/>
  <c r="K5210" i="2"/>
  <c r="K5184" i="5" s="1"/>
  <c r="K8404" i="2"/>
  <c r="K8378" i="5" s="1"/>
  <c r="K677" i="2"/>
  <c r="K651" i="5" s="1"/>
  <c r="K6735" i="2"/>
  <c r="K6709" i="5" s="1"/>
  <c r="K3361" i="2"/>
  <c r="K3335" i="5" s="1"/>
  <c r="K7212" i="2"/>
  <c r="K7186" i="5" s="1"/>
  <c r="K8724" i="2"/>
  <c r="K8698" i="5" s="1"/>
  <c r="K5208" i="2"/>
  <c r="K5182" i="5" s="1"/>
  <c r="K4188" i="2"/>
  <c r="K4162" i="5" s="1"/>
  <c r="K2866" i="2"/>
  <c r="K2840" i="5" s="1"/>
  <c r="K1345" i="2"/>
  <c r="K1319" i="5" s="1"/>
  <c r="K2675" i="2"/>
  <c r="K2649" i="5" s="1"/>
  <c r="K1164" i="2"/>
  <c r="K1138" i="5" s="1"/>
  <c r="K511" i="2"/>
  <c r="K485" i="5" s="1"/>
  <c r="K2025" i="2"/>
  <c r="K1999" i="5" s="1"/>
  <c r="K1015" i="2"/>
  <c r="K989" i="5" s="1"/>
  <c r="K856" i="2"/>
  <c r="K830" i="5" s="1"/>
  <c r="K4695" i="2"/>
  <c r="K4669" i="5" s="1"/>
  <c r="K7235" i="2"/>
  <c r="K7209" i="5" s="1"/>
  <c r="K3699" i="2"/>
  <c r="K3673" i="5" s="1"/>
  <c r="K7927" i="2"/>
  <c r="K7901" i="5" s="1"/>
  <c r="K7256" i="2"/>
  <c r="K7230" i="5" s="1"/>
  <c r="K339" i="2"/>
  <c r="K313" i="5" s="1"/>
  <c r="K5901" i="2"/>
  <c r="K5875" i="5" s="1"/>
  <c r="K2511" i="2"/>
  <c r="K2485" i="5" s="1"/>
  <c r="K7589" i="2"/>
  <c r="K7563" i="5" s="1"/>
  <c r="K2543" i="2"/>
  <c r="K2517" i="5" s="1"/>
  <c r="K2507" i="2"/>
  <c r="K2481" i="5" s="1"/>
  <c r="K2353" i="2"/>
  <c r="K2327" i="5" s="1"/>
  <c r="K8060" i="2"/>
  <c r="K8034" i="5" s="1"/>
  <c r="K2200" i="2"/>
  <c r="K2174" i="5" s="1"/>
  <c r="K7391" i="2"/>
  <c r="K7365" i="5" s="1"/>
  <c r="K1367" i="2"/>
  <c r="K1341" i="5" s="1"/>
  <c r="K4030" i="2"/>
  <c r="K4004" i="5" s="1"/>
  <c r="K7397" i="2"/>
  <c r="K7371" i="5" s="1"/>
  <c r="K5229" i="2"/>
  <c r="K5203" i="5" s="1"/>
  <c r="K6748" i="2"/>
  <c r="K6722" i="5" s="1"/>
  <c r="K6245" i="2"/>
  <c r="K6219" i="5" s="1"/>
  <c r="K4866" i="2"/>
  <c r="K4840" i="5" s="1"/>
  <c r="K5533" i="2"/>
  <c r="K5507" i="5" s="1"/>
  <c r="K4392" i="2"/>
  <c r="K4366" i="5" s="1"/>
  <c r="K7546" i="2"/>
  <c r="K7520" i="5" s="1"/>
  <c r="K1544" i="2"/>
  <c r="K1518" i="5" s="1"/>
  <c r="K1342" i="2"/>
  <c r="K1316" i="5" s="1"/>
  <c r="K3380" i="2"/>
  <c r="K3354" i="5" s="1"/>
  <c r="K7884" i="2"/>
  <c r="K7858" i="5" s="1"/>
  <c r="K1843" i="2"/>
  <c r="K1817" i="5" s="1"/>
  <c r="K6207" i="2"/>
  <c r="K6181" i="5" s="1"/>
  <c r="K2347" i="2"/>
  <c r="K2321" i="5" s="1"/>
  <c r="K3707" i="2"/>
  <c r="K3681" i="5" s="1"/>
  <c r="K5725" i="2"/>
  <c r="K5699" i="5" s="1"/>
  <c r="K3369" i="2"/>
  <c r="K3343" i="5" s="1"/>
  <c r="K8261" i="2"/>
  <c r="K8235" i="5" s="1"/>
  <c r="K4699" i="2"/>
  <c r="K4673" i="5" s="1"/>
  <c r="K3193" i="2"/>
  <c r="K3167" i="5" s="1"/>
  <c r="K8052" i="2"/>
  <c r="K8026" i="5" s="1"/>
  <c r="K670" i="2"/>
  <c r="K644" i="5" s="1"/>
  <c r="K3546" i="2"/>
  <c r="K3520" i="5" s="1"/>
  <c r="K5888" i="2"/>
  <c r="K5862" i="5" s="1"/>
  <c r="K7411" i="2"/>
  <c r="K7385" i="5" s="1"/>
  <c r="K2720" i="2"/>
  <c r="K2694" i="5" s="1"/>
  <c r="K1022" i="2"/>
  <c r="K996" i="5" s="1"/>
  <c r="K8062" i="2"/>
  <c r="K8036" i="5" s="1"/>
  <c r="AR183" i="1"/>
  <c r="K4186" i="2"/>
  <c r="K4160" i="5" s="1"/>
  <c r="K4696" i="2"/>
  <c r="K4670" i="5" s="1"/>
  <c r="K3393" i="2"/>
  <c r="K3367" i="5" s="1"/>
  <c r="K5704" i="2"/>
  <c r="K5678" i="5" s="1"/>
  <c r="K8259" i="2"/>
  <c r="K8233" i="5" s="1"/>
  <c r="K3048" i="2"/>
  <c r="K3022" i="5" s="1"/>
  <c r="K6242" i="2"/>
  <c r="K6216" i="5" s="1"/>
  <c r="K846" i="2"/>
  <c r="K820" i="5" s="1"/>
  <c r="K2717" i="2"/>
  <c r="K2691" i="5" s="1"/>
  <c r="K7725" i="2"/>
  <c r="K7699" i="5" s="1"/>
  <c r="K4063" i="2"/>
  <c r="K4037" i="5" s="1"/>
  <c r="K4886" i="2"/>
  <c r="K4860" i="5" s="1"/>
  <c r="K4195" i="2"/>
  <c r="K4169" i="5" s="1"/>
  <c r="K2015" i="2"/>
  <c r="K1989" i="5" s="1"/>
  <c r="K3038" i="2"/>
  <c r="K3012" i="5" s="1"/>
  <c r="K5713" i="2"/>
  <c r="K5687" i="5" s="1"/>
  <c r="K322" i="2"/>
  <c r="K296" i="5" s="1"/>
  <c r="K6897" i="2"/>
  <c r="K6871" i="5" s="1"/>
  <c r="K3191" i="2"/>
  <c r="K3165" i="5" s="1"/>
  <c r="K8388" i="2"/>
  <c r="K8362" i="5" s="1"/>
  <c r="K2690" i="2"/>
  <c r="K2664" i="5" s="1"/>
  <c r="K7919" i="2"/>
  <c r="K7893" i="5" s="1"/>
  <c r="K3018" i="2"/>
  <c r="K2992" i="5" s="1"/>
  <c r="K2373" i="2"/>
  <c r="K2347" i="5" s="1"/>
  <c r="K5547" i="2"/>
  <c r="K5521" i="5" s="1"/>
  <c r="K4870" i="2"/>
  <c r="K4844" i="5" s="1"/>
  <c r="K1873" i="2"/>
  <c r="K1847" i="5" s="1"/>
  <c r="K6383" i="2"/>
  <c r="K6357" i="5" s="1"/>
  <c r="K7417" i="2"/>
  <c r="K7391" i="5" s="1"/>
  <c r="K6747" i="2"/>
  <c r="K6721" i="5" s="1"/>
  <c r="K7916" i="2"/>
  <c r="K7890" i="5" s="1"/>
  <c r="K1865" i="2"/>
  <c r="K1839" i="5" s="1"/>
  <c r="K5238" i="2"/>
  <c r="K5212" i="5" s="1"/>
  <c r="K4568" i="2"/>
  <c r="K4542" i="5" s="1"/>
  <c r="K7743" i="2"/>
  <c r="K7717" i="5" s="1"/>
  <c r="K6725" i="2"/>
  <c r="K6699" i="5" s="1"/>
  <c r="K4208" i="2"/>
  <c r="K4182" i="5" s="1"/>
  <c r="K4025" i="2"/>
  <c r="K3999" i="5" s="1"/>
  <c r="K4871" i="2"/>
  <c r="K4845" i="5" s="1"/>
  <c r="K196" i="2"/>
  <c r="K170" i="5" s="1"/>
  <c r="K4560" i="2"/>
  <c r="K4534" i="5" s="1"/>
  <c r="K4205" i="2"/>
  <c r="K4179" i="5" s="1"/>
  <c r="K6895" i="2"/>
  <c r="K6869" i="5" s="1"/>
  <c r="K1208" i="2"/>
  <c r="K1182" i="5" s="1"/>
  <c r="K7552" i="2"/>
  <c r="K7526" i="5" s="1"/>
  <c r="K1836" i="2"/>
  <c r="K1810" i="5" s="1"/>
  <c r="K6584" i="2"/>
  <c r="K6558" i="5" s="1"/>
  <c r="K2508" i="2"/>
  <c r="K2482" i="5" s="1"/>
  <c r="K1203" i="2"/>
  <c r="K1177" i="5" s="1"/>
  <c r="K8729" i="2"/>
  <c r="K8703" i="5" s="1"/>
  <c r="K3869" i="2"/>
  <c r="K3843" i="5" s="1"/>
  <c r="K8243" i="2"/>
  <c r="K8217" i="5" s="1"/>
  <c r="K178" i="2"/>
  <c r="K152" i="5" s="1"/>
  <c r="K510" i="2"/>
  <c r="K484" i="5" s="1"/>
  <c r="K5866" i="2"/>
  <c r="K5840" i="5" s="1"/>
  <c r="K6567" i="2"/>
  <c r="K6541" i="5" s="1"/>
  <c r="K5555" i="2"/>
  <c r="K5529" i="5" s="1"/>
  <c r="K4522" i="2"/>
  <c r="K4496" i="5" s="1"/>
  <c r="K4038" i="2"/>
  <c r="K4012" i="5" s="1"/>
  <c r="K3057" i="2"/>
  <c r="K3031" i="5" s="1"/>
  <c r="K7899" i="2"/>
  <c r="K7873" i="5" s="1"/>
  <c r="K8557" i="2"/>
  <c r="K8531" i="5" s="1"/>
  <c r="K5719" i="2"/>
  <c r="K5693" i="5" s="1"/>
  <c r="K7215" i="2"/>
  <c r="K7189" i="5" s="1"/>
  <c r="K4538" i="2"/>
  <c r="K4512" i="5" s="1"/>
  <c r="K335" i="2"/>
  <c r="K309" i="5" s="1"/>
  <c r="K1014" i="2"/>
  <c r="K988" i="5" s="1"/>
  <c r="K7211" i="2"/>
  <c r="K7185" i="5" s="1"/>
  <c r="K5404" i="2"/>
  <c r="K5378" i="5" s="1"/>
  <c r="K7914" i="2"/>
  <c r="K7888" i="5" s="1"/>
  <c r="K7072" i="2"/>
  <c r="K7046" i="5" s="1"/>
  <c r="K2371" i="2"/>
  <c r="K2345" i="5" s="1"/>
  <c r="K515" i="2"/>
  <c r="K489" i="5" s="1"/>
  <c r="K4528" i="2"/>
  <c r="K4502" i="5" s="1"/>
  <c r="K2713" i="2"/>
  <c r="K2687" i="5" s="1"/>
  <c r="K8597" i="2"/>
  <c r="K8571" i="5" s="1"/>
  <c r="K7392" i="2"/>
  <c r="K7366" i="5" s="1"/>
  <c r="K3551" i="2"/>
  <c r="K3525" i="5" s="1"/>
  <c r="K5062" i="2"/>
  <c r="K5036" i="5" s="1"/>
  <c r="K6209" i="2"/>
  <c r="K6183" i="5" s="1"/>
  <c r="K5537" i="2"/>
  <c r="K5511" i="5" s="1"/>
  <c r="K4876" i="2"/>
  <c r="K4850" i="5" s="1"/>
  <c r="K5741" i="2"/>
  <c r="K5715" i="5" s="1"/>
  <c r="K1545" i="2"/>
  <c r="K1519" i="5" s="1"/>
  <c r="K5384" i="2"/>
  <c r="K5358" i="5" s="1"/>
  <c r="L8395" i="2"/>
  <c r="L8369" i="5" s="1"/>
  <c r="L6890" i="2"/>
  <c r="L6864" i="5" s="1"/>
  <c r="L5721" i="2"/>
  <c r="L5695" i="5" s="1"/>
  <c r="L8722" i="2"/>
  <c r="L8696" i="5" s="1"/>
  <c r="L8764" i="2"/>
  <c r="L8738" i="5" s="1"/>
  <c r="L6563" i="2"/>
  <c r="L6537" i="5" s="1"/>
  <c r="K2719" i="2"/>
  <c r="K2693" i="5" s="1"/>
  <c r="K6377" i="2"/>
  <c r="K6351" i="5" s="1"/>
  <c r="K8226" i="2"/>
  <c r="K8200" i="5" s="1"/>
  <c r="K3698" i="2"/>
  <c r="K3672" i="5" s="1"/>
  <c r="K1875" i="2"/>
  <c r="K1849" i="5" s="1"/>
  <c r="K6208" i="2"/>
  <c r="K6182" i="5" s="1"/>
  <c r="K5375" i="2"/>
  <c r="K5349" i="5" s="1"/>
  <c r="L4694" i="2"/>
  <c r="L4668" i="5" s="1"/>
  <c r="L6221" i="2"/>
  <c r="L6195" i="5" s="1"/>
  <c r="L7042" i="2"/>
  <c r="L7016" i="5" s="1"/>
  <c r="L362" i="2"/>
  <c r="L336" i="5" s="1"/>
  <c r="L2348" i="2"/>
  <c r="L2322" i="5" s="1"/>
  <c r="K8066" i="2"/>
  <c r="K8040" i="5" s="1"/>
  <c r="K6890" i="2"/>
  <c r="K6864" i="5" s="1"/>
  <c r="K4209" i="2"/>
  <c r="K4183" i="5" s="1"/>
  <c r="L3533" i="2"/>
  <c r="L3507" i="5" s="1"/>
  <c r="L8733" i="2"/>
  <c r="L8707" i="5" s="1"/>
  <c r="K5234" i="2"/>
  <c r="K5208" i="5" s="1"/>
  <c r="K1676" i="2"/>
  <c r="K1650" i="5" s="1"/>
  <c r="K7885" i="2"/>
  <c r="K7859" i="5" s="1"/>
  <c r="K1877" i="2"/>
  <c r="K1851" i="5" s="1"/>
  <c r="K4210" i="2"/>
  <c r="K4184" i="5" s="1"/>
  <c r="K6546" i="2"/>
  <c r="K6520" i="5" s="1"/>
  <c r="K2042" i="2"/>
  <c r="K2016" i="5" s="1"/>
  <c r="L3683" i="2"/>
  <c r="L3657" i="5" s="1"/>
  <c r="L4887" i="2"/>
  <c r="L4861" i="5" s="1"/>
  <c r="L2037" i="2"/>
  <c r="L2011" i="5" s="1"/>
  <c r="L7550" i="2"/>
  <c r="L7524" i="5" s="1"/>
  <c r="L5203" i="2"/>
  <c r="L5177" i="5" s="1"/>
  <c r="L2870" i="2"/>
  <c r="L2844" i="5" s="1"/>
  <c r="L8221" i="2"/>
  <c r="L8195" i="5" s="1"/>
  <c r="L4228" i="2"/>
  <c r="L4202" i="5" s="1"/>
  <c r="L6051" i="2"/>
  <c r="L6025" i="5" s="1"/>
  <c r="L1203" i="2"/>
  <c r="L1177" i="5" s="1"/>
  <c r="K4380" i="2"/>
  <c r="K4354" i="5" s="1"/>
  <c r="K2036" i="2"/>
  <c r="K2010" i="5" s="1"/>
  <c r="K1351" i="2"/>
  <c r="K1325" i="5" s="1"/>
  <c r="K184" i="2"/>
  <c r="K158" i="5" s="1"/>
  <c r="K4550" i="2"/>
  <c r="K4524" i="5" s="1"/>
  <c r="K5405" i="2"/>
  <c r="K5379" i="5" s="1"/>
  <c r="K3219" i="2"/>
  <c r="K3193" i="5" s="1"/>
  <c r="K334" i="2"/>
  <c r="K308" i="5" s="1"/>
  <c r="K7382" i="2"/>
  <c r="K7356" i="5" s="1"/>
  <c r="K7744" i="2"/>
  <c r="K7718" i="5" s="1"/>
  <c r="K6554" i="2"/>
  <c r="K6528" i="5" s="1"/>
  <c r="K5574" i="2"/>
  <c r="K5548" i="5" s="1"/>
  <c r="K1504" i="2"/>
  <c r="K1478" i="5" s="1"/>
  <c r="K5910" i="2"/>
  <c r="K5884" i="5" s="1"/>
  <c r="K5063" i="2"/>
  <c r="K5037" i="5" s="1"/>
  <c r="K4526" i="2"/>
  <c r="K4500" i="5" s="1"/>
  <c r="K3867" i="2"/>
  <c r="K3841" i="5" s="1"/>
  <c r="K6911" i="2"/>
  <c r="K6885" i="5" s="1"/>
  <c r="K4378" i="2"/>
  <c r="K4352" i="5" s="1"/>
  <c r="K5213" i="2"/>
  <c r="K5187" i="5" s="1"/>
  <c r="K660" i="2"/>
  <c r="K634" i="5" s="1"/>
  <c r="K1026" i="2"/>
  <c r="K1000" i="5" s="1"/>
  <c r="K6559" i="2"/>
  <c r="K6533" i="5" s="1"/>
  <c r="K7047" i="2"/>
  <c r="K7021" i="5" s="1"/>
  <c r="K4861" i="2"/>
  <c r="K4835" i="5" s="1"/>
  <c r="K521" i="2"/>
  <c r="K495" i="5" s="1"/>
  <c r="K5903" i="2"/>
  <c r="K5877" i="5" s="1"/>
  <c r="K5366" i="2"/>
  <c r="K5340" i="5" s="1"/>
  <c r="K3720" i="2"/>
  <c r="K3694" i="5" s="1"/>
  <c r="K5061" i="2"/>
  <c r="K5035" i="5" s="1"/>
  <c r="K1020" i="2"/>
  <c r="K994" i="5" s="1"/>
  <c r="K7898" i="2"/>
  <c r="K7872" i="5" s="1"/>
  <c r="K3351" i="2"/>
  <c r="K3325" i="5" s="1"/>
  <c r="K7213" i="2"/>
  <c r="K7187" i="5" s="1"/>
  <c r="K8225" i="2"/>
  <c r="K8199" i="5" s="1"/>
  <c r="K5223" i="2"/>
  <c r="K5197" i="5" s="1"/>
  <c r="K3185" i="2"/>
  <c r="K3159" i="5" s="1"/>
  <c r="K7716" i="2"/>
  <c r="K7690" i="5" s="1"/>
  <c r="K7571" i="2"/>
  <c r="K7545" i="5" s="1"/>
  <c r="K1177" i="2"/>
  <c r="K1151" i="5" s="1"/>
  <c r="K4726" i="2"/>
  <c r="K4700" i="5" s="1"/>
  <c r="K337" i="2"/>
  <c r="K311" i="5" s="1"/>
  <c r="K7403" i="2"/>
  <c r="K7377" i="5" s="1"/>
  <c r="K1536" i="2"/>
  <c r="K1510" i="5" s="1"/>
  <c r="K1705" i="2"/>
  <c r="K1679" i="5" s="1"/>
  <c r="K3382" i="2"/>
  <c r="K3356" i="5" s="1"/>
  <c r="K7062" i="2"/>
  <c r="K7036" i="5" s="1"/>
  <c r="K2029" i="2"/>
  <c r="K2003" i="5" s="1"/>
  <c r="K3365" i="2"/>
  <c r="K3339" i="5" s="1"/>
  <c r="K3388" i="2"/>
  <c r="K3362" i="5" s="1"/>
  <c r="K8564" i="2"/>
  <c r="K8538" i="5" s="1"/>
  <c r="K4544" i="2"/>
  <c r="K4518" i="5" s="1"/>
  <c r="K4885" i="2"/>
  <c r="K4859" i="5" s="1"/>
  <c r="K8737" i="2"/>
  <c r="K8711" i="5" s="1"/>
  <c r="K2700" i="2"/>
  <c r="K2674" i="5" s="1"/>
  <c r="K1510" i="2"/>
  <c r="K1484" i="5" s="1"/>
  <c r="K6565" i="2"/>
  <c r="K6539" i="5" s="1"/>
  <c r="K3884" i="2"/>
  <c r="K3858" i="5" s="1"/>
  <c r="K6220" i="2"/>
  <c r="K6194" i="5" s="1"/>
  <c r="K500" i="2"/>
  <c r="K474" i="5" s="1"/>
  <c r="K506" i="2"/>
  <c r="K480" i="5" s="1"/>
  <c r="K1880" i="2"/>
  <c r="K1854" i="5" s="1"/>
  <c r="K3375" i="2"/>
  <c r="K3349" i="5" s="1"/>
  <c r="K8744" i="2"/>
  <c r="K8718" i="5" s="1"/>
  <c r="K4721" i="2"/>
  <c r="K4695" i="5" s="1"/>
  <c r="K8238" i="2"/>
  <c r="K8212" i="5" s="1"/>
  <c r="K7234" i="2"/>
  <c r="K7208" i="5" s="1"/>
  <c r="K158" i="2"/>
  <c r="K132" i="5" s="1"/>
  <c r="K1689" i="2"/>
  <c r="K1663" i="5" s="1"/>
  <c r="K3040" i="2"/>
  <c r="K3014" i="5" s="1"/>
  <c r="K5882" i="2"/>
  <c r="K5856" i="5" s="1"/>
  <c r="K6887" i="2"/>
  <c r="K6861" i="5" s="1"/>
  <c r="K5573" i="2"/>
  <c r="K5547" i="5" s="1"/>
  <c r="K187" i="2"/>
  <c r="K161" i="5" s="1"/>
  <c r="K3519" i="2"/>
  <c r="K3493" i="5" s="1"/>
  <c r="K4360" i="2"/>
  <c r="K4334" i="5" s="1"/>
  <c r="K498" i="2"/>
  <c r="K472" i="5" s="1"/>
  <c r="K4716" i="2"/>
  <c r="K4690" i="5" s="1"/>
  <c r="K3205" i="2"/>
  <c r="K3179" i="5" s="1"/>
  <c r="K4715" i="2"/>
  <c r="K4689" i="5" s="1"/>
  <c r="K2685" i="2"/>
  <c r="K2659" i="5" s="1"/>
  <c r="K6902" i="2"/>
  <c r="K6876" i="5" s="1"/>
  <c r="K8247" i="2"/>
  <c r="K8221" i="5" s="1"/>
  <c r="K6233" i="2"/>
  <c r="K6207" i="5" s="1"/>
  <c r="K8751" i="2"/>
  <c r="K8725" i="5" s="1"/>
  <c r="K5056" i="2"/>
  <c r="K5030" i="5" s="1"/>
  <c r="K2537" i="2"/>
  <c r="K2511" i="5" s="1"/>
  <c r="K5571" i="2"/>
  <c r="K5545" i="5" s="1"/>
  <c r="K1538" i="2"/>
  <c r="K1512" i="5" s="1"/>
  <c r="K8218" i="2"/>
  <c r="K8192" i="5" s="1"/>
  <c r="K5536" i="2"/>
  <c r="K5510" i="5" s="1"/>
  <c r="K7721" i="2"/>
  <c r="K7695" i="5" s="1"/>
  <c r="K1858" i="2"/>
  <c r="K1832" i="5" s="1"/>
  <c r="K1499" i="2"/>
  <c r="K1473" i="5" s="1"/>
  <c r="K1175" i="2"/>
  <c r="K1149" i="5" s="1"/>
  <c r="K2516" i="2"/>
  <c r="K2490" i="5" s="1"/>
  <c r="K8075" i="2"/>
  <c r="K8049" i="5" s="1"/>
  <c r="K5699" i="2"/>
  <c r="K5673" i="5" s="1"/>
  <c r="K5038" i="2"/>
  <c r="K5012" i="5" s="1"/>
  <c r="K676" i="2"/>
  <c r="K650" i="5" s="1"/>
  <c r="K7219" i="2"/>
  <c r="K7193" i="5" s="1"/>
  <c r="K1541" i="2"/>
  <c r="K1515" i="5" s="1"/>
  <c r="K6213" i="2"/>
  <c r="K6187" i="5" s="1"/>
  <c r="K2533" i="2"/>
  <c r="K2507" i="5" s="1"/>
  <c r="K1207" i="2"/>
  <c r="K1181" i="5" s="1"/>
  <c r="K7578" i="2"/>
  <c r="K7552" i="5" s="1"/>
  <c r="K7592" i="2"/>
  <c r="K7566" i="5" s="1"/>
  <c r="K8420" i="2"/>
  <c r="K8394" i="5" s="1"/>
  <c r="K5564" i="2"/>
  <c r="K5538" i="5" s="1"/>
  <c r="K358" i="2"/>
  <c r="K332" i="5" s="1"/>
  <c r="K1872" i="2"/>
  <c r="K1846" i="5" s="1"/>
  <c r="K6738" i="2"/>
  <c r="K6712" i="5" s="1"/>
  <c r="K1372" i="2"/>
  <c r="K1346" i="5" s="1"/>
  <c r="K3724" i="2"/>
  <c r="K3698" i="5" s="1"/>
  <c r="K5203" i="2"/>
  <c r="K5177" i="5" s="1"/>
  <c r="O5177" i="5" s="1"/>
  <c r="K5736" i="2"/>
  <c r="K5710" i="5" s="1"/>
  <c r="K360" i="2"/>
  <c r="K334" i="5" s="1"/>
  <c r="K6396" i="2"/>
  <c r="K6370" i="5" s="1"/>
  <c r="K3026" i="2"/>
  <c r="K3000" i="5" s="1"/>
  <c r="K8410" i="2"/>
  <c r="K8384" i="5" s="1"/>
  <c r="K338" i="2"/>
  <c r="K312" i="5" s="1"/>
  <c r="K7559" i="2"/>
  <c r="K7533" i="5" s="1"/>
  <c r="K5230" i="2"/>
  <c r="K5204" i="5" s="1"/>
  <c r="K3882" i="2"/>
  <c r="K3856" i="5" s="1"/>
  <c r="K1341" i="2"/>
  <c r="K1315" i="5" s="1"/>
  <c r="K3887" i="2"/>
  <c r="K3861" i="5" s="1"/>
  <c r="K5886" i="2"/>
  <c r="K5860" i="5" s="1"/>
  <c r="K4367" i="2"/>
  <c r="K4341" i="5" s="1"/>
  <c r="K4199" i="2"/>
  <c r="K4173" i="5" s="1"/>
  <c r="K873" i="2"/>
  <c r="K847" i="5" s="1"/>
  <c r="K6416" i="2"/>
  <c r="K6390" i="5" s="1"/>
  <c r="K490" i="2"/>
  <c r="K464" i="5" s="1"/>
  <c r="K673" i="2"/>
  <c r="K647" i="5" s="1"/>
  <c r="K3538" i="2"/>
  <c r="K3512" i="5" s="1"/>
  <c r="K7912" i="2"/>
  <c r="K7886" i="5" s="1"/>
  <c r="K2346" i="2"/>
  <c r="K2320" i="5" s="1"/>
  <c r="K6545" i="2"/>
  <c r="K6519" i="5" s="1"/>
  <c r="K2021" i="2"/>
  <c r="K1995" i="5" s="1"/>
  <c r="K5055" i="2"/>
  <c r="K5029" i="5" s="1"/>
  <c r="K6713" i="2"/>
  <c r="K6687" i="5" s="1"/>
  <c r="K8398" i="2"/>
  <c r="K8372" i="5" s="1"/>
  <c r="K8260" i="2"/>
  <c r="K8234" i="5" s="1"/>
  <c r="K1206" i="2"/>
  <c r="K1180" i="5" s="1"/>
  <c r="K7225" i="2"/>
  <c r="K7199" i="5" s="1"/>
  <c r="K8265" i="2"/>
  <c r="K8239" i="5" s="1"/>
  <c r="K7422" i="2"/>
  <c r="K7396" i="5" s="1"/>
  <c r="K5889" i="2"/>
  <c r="K5863" i="5" s="1"/>
  <c r="K8070" i="2"/>
  <c r="K8044" i="5" s="1"/>
  <c r="K6728" i="2"/>
  <c r="K6702" i="5" s="1"/>
  <c r="K1713" i="2"/>
  <c r="K1687" i="5" s="1"/>
  <c r="K159" i="2"/>
  <c r="K133" i="5" s="1"/>
  <c r="K4535" i="2"/>
  <c r="K4509" i="5" s="1"/>
  <c r="K695" i="2"/>
  <c r="K669" i="5" s="1"/>
  <c r="K3893" i="2"/>
  <c r="K3867" i="5" s="1"/>
  <c r="K6708" i="2"/>
  <c r="K6682" i="5" s="1"/>
  <c r="K8246" i="2"/>
  <c r="K8220" i="5" s="1"/>
  <c r="K850" i="2"/>
  <c r="K824" i="5" s="1"/>
  <c r="K5900" i="2"/>
  <c r="K5874" i="5" s="1"/>
  <c r="K1198" i="2"/>
  <c r="K1172" i="5" s="1"/>
  <c r="K3039" i="2"/>
  <c r="K3013" i="5" s="1"/>
  <c r="K4562" i="2"/>
  <c r="K4536" i="5" s="1"/>
  <c r="K3014" i="2"/>
  <c r="K2988" i="5" s="1"/>
  <c r="K7724" i="2"/>
  <c r="K7698" i="5" s="1"/>
  <c r="K1172" i="2"/>
  <c r="K1146" i="5" s="1"/>
  <c r="K167" i="2"/>
  <c r="K141" i="5" s="1"/>
  <c r="K4718" i="2"/>
  <c r="K4692" i="5" s="1"/>
  <c r="K6718" i="2"/>
  <c r="K6692" i="5" s="1"/>
  <c r="K2002" i="2"/>
  <c r="K1976" i="5" s="1"/>
  <c r="K3537" i="2"/>
  <c r="K3511" i="5" s="1"/>
  <c r="K2681" i="2"/>
  <c r="K2655" i="5" s="1"/>
  <c r="K8769" i="2"/>
  <c r="K8743" i="5" s="1"/>
  <c r="K679" i="2"/>
  <c r="K653" i="5" s="1"/>
  <c r="K2510" i="2"/>
  <c r="K2484" i="5" s="1"/>
  <c r="K2519" i="2"/>
  <c r="K2493" i="5" s="1"/>
  <c r="K2528" i="2"/>
  <c r="K2502" i="5" s="1"/>
  <c r="K8063" i="2"/>
  <c r="K8037" i="5" s="1"/>
  <c r="K1515" i="2"/>
  <c r="K1489" i="5" s="1"/>
  <c r="K6067" i="2"/>
  <c r="K6041" i="5" s="1"/>
  <c r="K1835" i="2"/>
  <c r="K1809" i="5" s="1"/>
  <c r="K3881" i="2"/>
  <c r="K3855" i="5" s="1"/>
  <c r="K8083" i="2"/>
  <c r="K8057" i="5" s="1"/>
  <c r="K4858" i="2"/>
  <c r="K4832" i="5" s="1"/>
  <c r="K5701" i="2"/>
  <c r="K5675" i="5" s="1"/>
  <c r="K4021" i="2"/>
  <c r="K3995" i="5" s="1"/>
  <c r="K8589" i="2"/>
  <c r="K8563" i="5" s="1"/>
  <c r="K4387" i="2"/>
  <c r="K4361" i="5" s="1"/>
  <c r="K3379" i="2"/>
  <c r="K3353" i="5" s="1"/>
  <c r="K1837" i="2"/>
  <c r="K1811" i="5" s="1"/>
  <c r="K8224" i="2"/>
  <c r="K8198" i="5" s="1"/>
  <c r="K3360" i="2"/>
  <c r="K3334" i="5" s="1"/>
  <c r="K6225" i="2"/>
  <c r="K6199" i="5" s="1"/>
  <c r="K349" i="2"/>
  <c r="K323" i="5" s="1"/>
  <c r="K5205" i="2"/>
  <c r="K5179" i="5" s="1"/>
  <c r="K4214" i="2"/>
  <c r="K4188" i="5" s="1"/>
  <c r="K1202" i="2"/>
  <c r="K1176" i="5" s="1"/>
  <c r="K2702" i="2"/>
  <c r="K2676" i="5" s="1"/>
  <c r="K4055" i="2"/>
  <c r="K4029" i="5" s="1"/>
  <c r="K8220" i="2"/>
  <c r="K8194" i="5" s="1"/>
  <c r="K5538" i="2"/>
  <c r="K5512" i="5" s="1"/>
  <c r="K4222" i="2"/>
  <c r="K4196" i="5" s="1"/>
  <c r="K4691" i="2"/>
  <c r="K4665" i="5" s="1"/>
  <c r="K7897" i="2"/>
  <c r="K7871" i="5" s="1"/>
  <c r="K6060" i="2"/>
  <c r="K6034" i="5" s="1"/>
  <c r="K6235" i="2"/>
  <c r="K6209" i="5" s="1"/>
  <c r="K3522" i="2"/>
  <c r="K3496" i="5" s="1"/>
  <c r="K6035" i="2"/>
  <c r="K6009" i="5" s="1"/>
  <c r="K8249" i="2"/>
  <c r="K8223" i="5" s="1"/>
  <c r="K6227" i="2"/>
  <c r="K6201" i="5" s="1"/>
  <c r="K3529" i="2"/>
  <c r="K3503" i="5" s="1"/>
  <c r="K869" i="2"/>
  <c r="K843" i="5" s="1"/>
  <c r="K4032" i="2"/>
  <c r="K4006" i="5" s="1"/>
  <c r="K341" i="2"/>
  <c r="K315" i="5" s="1"/>
  <c r="K8756" i="2"/>
  <c r="K8730" i="5" s="1"/>
  <c r="K1339" i="2"/>
  <c r="K1313" i="5" s="1"/>
  <c r="K1330" i="2"/>
  <c r="K1304" i="5" s="1"/>
  <c r="K2205" i="2"/>
  <c r="K2179" i="5" s="1"/>
  <c r="K8558" i="2"/>
  <c r="K8532" i="5" s="1"/>
  <c r="K7251" i="2"/>
  <c r="K7225" i="5" s="1"/>
  <c r="K8401" i="2"/>
  <c r="K8375" i="5" s="1"/>
  <c r="K6038" i="2"/>
  <c r="K6012" i="5" s="1"/>
  <c r="K5049" i="2"/>
  <c r="K5023" i="5" s="1"/>
  <c r="K8596" i="2"/>
  <c r="K8570" i="5" s="1"/>
  <c r="K7406" i="2"/>
  <c r="K7380" i="5" s="1"/>
  <c r="K5211" i="2"/>
  <c r="K5185" i="5" s="1"/>
  <c r="K8222" i="2"/>
  <c r="K8196" i="5" s="1"/>
  <c r="K1017" i="2"/>
  <c r="K991" i="5" s="1"/>
  <c r="K509" i="2"/>
  <c r="K483" i="5" s="1"/>
  <c r="K1522" i="2"/>
  <c r="K1496" i="5" s="1"/>
  <c r="K7255" i="2"/>
  <c r="K7229" i="5" s="1"/>
  <c r="K1366" i="2"/>
  <c r="K1340" i="5" s="1"/>
  <c r="K6232" i="2"/>
  <c r="K6206" i="5" s="1"/>
  <c r="K3853" i="2"/>
  <c r="K3827" i="5" s="1"/>
  <c r="K1162" i="2"/>
  <c r="K1136" i="5" s="1"/>
  <c r="K5742" i="2"/>
  <c r="K5716" i="5" s="1"/>
  <c r="K2011" i="2"/>
  <c r="K1985" i="5" s="1"/>
  <c r="K6553" i="2"/>
  <c r="K6527" i="5" s="1"/>
  <c r="K1024" i="2"/>
  <c r="K998" i="5" s="1"/>
  <c r="K4045" i="2"/>
  <c r="K4019" i="5" s="1"/>
  <c r="K2209" i="2"/>
  <c r="K2183" i="5" s="1"/>
  <c r="K1506" i="2"/>
  <c r="K1480" i="5" s="1"/>
  <c r="K6080" i="2"/>
  <c r="K6054" i="5" s="1"/>
  <c r="K7583" i="2"/>
  <c r="K7557" i="5" s="1"/>
  <c r="K1838" i="2"/>
  <c r="K1812" i="5" s="1"/>
  <c r="K6228" i="2"/>
  <c r="K6202" i="5" s="1"/>
  <c r="K3897" i="2"/>
  <c r="K3871" i="5" s="1"/>
  <c r="K2190" i="2"/>
  <c r="K2164" i="5" s="1"/>
  <c r="K2854" i="2"/>
  <c r="K2828" i="5" s="1"/>
  <c r="K1512" i="2"/>
  <c r="K1486" i="5" s="1"/>
  <c r="K4365" i="2"/>
  <c r="K4339" i="5" s="1"/>
  <c r="K3518" i="2"/>
  <c r="K3492" i="5" s="1"/>
  <c r="K3880" i="2"/>
  <c r="K3854" i="5" s="1"/>
  <c r="K4536" i="2"/>
  <c r="K4510" i="5" s="1"/>
  <c r="K6384" i="2"/>
  <c r="K6358" i="5" s="1"/>
  <c r="K5030" i="2"/>
  <c r="K5004" i="5" s="1"/>
  <c r="K2206" i="2"/>
  <c r="K2180" i="5" s="1"/>
  <c r="K5364" i="2"/>
  <c r="K5338" i="5" s="1"/>
  <c r="K6917" i="2"/>
  <c r="K6891" i="5" s="1"/>
  <c r="K8061" i="2"/>
  <c r="K8035" i="5" s="1"/>
  <c r="K6053" i="2"/>
  <c r="K6027" i="5" s="1"/>
  <c r="K1682" i="2"/>
  <c r="K1656" i="5" s="1"/>
  <c r="K4532" i="2"/>
  <c r="K4506" i="5" s="1"/>
  <c r="K526" i="2"/>
  <c r="K500" i="5" s="1"/>
  <c r="K7413" i="2"/>
  <c r="K7387" i="5" s="1"/>
  <c r="K1844" i="2"/>
  <c r="K1818" i="5" s="1"/>
  <c r="K7923" i="2"/>
  <c r="K7897" i="5" s="1"/>
  <c r="K7553" i="2"/>
  <c r="K7527" i="5" s="1"/>
  <c r="K1847" i="2"/>
  <c r="K1821" i="5" s="1"/>
  <c r="K5891" i="2"/>
  <c r="K5865" i="5" s="1"/>
  <c r="K4048" i="2"/>
  <c r="K4022" i="5" s="1"/>
  <c r="K1008" i="2"/>
  <c r="K982" i="5" s="1"/>
  <c r="K8084" i="2"/>
  <c r="K8058" i="5" s="1"/>
  <c r="K7722" i="2"/>
  <c r="K7696" i="5" s="1"/>
  <c r="K4727" i="2"/>
  <c r="K4701" i="5" s="1"/>
  <c r="K4708" i="2"/>
  <c r="K4682" i="5" s="1"/>
  <c r="K3011" i="2"/>
  <c r="K2985" i="5" s="1"/>
  <c r="K7756" i="2"/>
  <c r="K7730" i="5" s="1"/>
  <c r="K6743" i="2"/>
  <c r="K6717" i="5" s="1"/>
  <c r="K4207" i="2"/>
  <c r="K4181" i="5" s="1"/>
  <c r="K6726" i="2"/>
  <c r="K6700" i="5" s="1"/>
  <c r="K5039" i="2"/>
  <c r="K5013" i="5" s="1"/>
  <c r="K3556" i="2"/>
  <c r="K3530" i="5" s="1"/>
  <c r="K7418" i="2"/>
  <c r="K7392" i="5" s="1"/>
  <c r="K4884" i="2"/>
  <c r="K4858" i="5" s="1"/>
  <c r="K7378" i="2"/>
  <c r="K7352" i="5" s="1"/>
  <c r="K1165" i="2"/>
  <c r="K1139" i="5" s="1"/>
  <c r="K4383" i="2"/>
  <c r="K4357" i="5" s="1"/>
  <c r="K1671" i="2"/>
  <c r="K1645" i="5" s="1"/>
  <c r="K7401" i="2"/>
  <c r="K7375" i="5" s="1"/>
  <c r="K2877" i="2"/>
  <c r="K2851" i="5" s="1"/>
  <c r="K8433" i="2"/>
  <c r="K8407" i="5" s="1"/>
  <c r="K1704" i="2"/>
  <c r="K1678" i="5" s="1"/>
  <c r="K3561" i="2"/>
  <c r="K3535" i="5" s="1"/>
  <c r="K3036" i="2"/>
  <c r="K3010" i="5" s="1"/>
  <c r="K1363" i="2"/>
  <c r="K1337" i="5" s="1"/>
  <c r="K6572" i="2"/>
  <c r="K6546" i="5" s="1"/>
  <c r="K5552" i="2"/>
  <c r="K5526" i="5" s="1"/>
  <c r="K3559" i="2"/>
  <c r="K3533" i="5" s="1"/>
  <c r="K7214" i="2"/>
  <c r="K7188" i="5" s="1"/>
  <c r="K4385" i="2"/>
  <c r="K4359" i="5" s="1"/>
  <c r="K2506" i="2"/>
  <c r="K2480" i="5" s="1"/>
  <c r="K2171" i="2"/>
  <c r="K2145" i="5" s="1"/>
  <c r="K8076" i="2"/>
  <c r="K8050" i="5" s="1"/>
  <c r="K1376" i="2"/>
  <c r="K1350" i="5" s="1"/>
  <c r="K3725" i="2"/>
  <c r="K3699" i="5" s="1"/>
  <c r="K2208" i="2"/>
  <c r="K2182" i="5" s="1"/>
  <c r="K7077" i="2"/>
  <c r="K7051" i="5" s="1"/>
  <c r="K4031" i="2"/>
  <c r="K4005" i="5" s="1"/>
  <c r="K3378" i="2"/>
  <c r="K3352" i="5" s="1"/>
  <c r="K6054" i="2"/>
  <c r="K6028" i="5" s="1"/>
  <c r="K691" i="2"/>
  <c r="K665" i="5" s="1"/>
  <c r="K5715" i="2"/>
  <c r="K5689" i="5" s="1"/>
  <c r="K3706" i="2"/>
  <c r="K3680" i="5" s="1"/>
  <c r="K1012" i="2"/>
  <c r="K986" i="5" s="1"/>
  <c r="K3713" i="2"/>
  <c r="K3687" i="5" s="1"/>
  <c r="K6561" i="2"/>
  <c r="K6535" i="5" s="1"/>
  <c r="K496" i="2"/>
  <c r="K470" i="5" s="1"/>
  <c r="K4044" i="2"/>
  <c r="K4018" i="5" s="1"/>
  <c r="K6238" i="2"/>
  <c r="K6212" i="5" s="1"/>
  <c r="K5730" i="2"/>
  <c r="K5704" i="5" s="1"/>
  <c r="K7896" i="2"/>
  <c r="K7870" i="5" s="1"/>
  <c r="K3520" i="2"/>
  <c r="K3494" i="5" s="1"/>
  <c r="K3208" i="2"/>
  <c r="K3182" i="5" s="1"/>
  <c r="K3710" i="2"/>
  <c r="K3684" i="5" s="1"/>
  <c r="K7550" i="2"/>
  <c r="K7524" i="5" s="1"/>
  <c r="K4372" i="2"/>
  <c r="K4346" i="5" s="1"/>
  <c r="K3858" i="2"/>
  <c r="K3832" i="5" s="1"/>
  <c r="K6370" i="2"/>
  <c r="K6344" i="5" s="1"/>
  <c r="K1006" i="2"/>
  <c r="K980" i="5" s="1"/>
  <c r="K659" i="2"/>
  <c r="K633" i="5" s="1"/>
  <c r="K8256" i="2"/>
  <c r="K8230" i="5" s="1"/>
  <c r="K1035" i="2"/>
  <c r="K1009" i="5" s="1"/>
  <c r="K7402" i="2"/>
  <c r="K7376" i="5" s="1"/>
  <c r="K3885" i="2"/>
  <c r="K3859" i="5" s="1"/>
  <c r="K6372" i="2"/>
  <c r="K6346" i="5" s="1"/>
  <c r="K2525" i="2"/>
  <c r="K2499" i="5" s="1"/>
  <c r="K347" i="2"/>
  <c r="K321" i="5" s="1"/>
  <c r="K2037" i="2"/>
  <c r="K2011" i="5" s="1"/>
  <c r="K8598" i="2"/>
  <c r="K8572" i="5" s="1"/>
  <c r="K3356" i="2"/>
  <c r="K3330" i="5" s="1"/>
  <c r="K183" i="2"/>
  <c r="K157" i="5" s="1"/>
  <c r="K3694" i="2"/>
  <c r="K3668" i="5" s="1"/>
  <c r="K1690" i="2"/>
  <c r="K1664" i="5" s="1"/>
  <c r="K1180" i="2"/>
  <c r="K1154" i="5" s="1"/>
  <c r="K4193" i="2"/>
  <c r="K4167" i="5" s="1"/>
  <c r="K7718" i="2"/>
  <c r="K7692" i="5" s="1"/>
  <c r="K2848" i="2"/>
  <c r="K2822" i="5" s="1"/>
  <c r="K2352" i="2"/>
  <c r="K2326" i="5" s="1"/>
  <c r="K8743" i="2"/>
  <c r="K8717" i="5" s="1"/>
  <c r="K497" i="2"/>
  <c r="K471" i="5" s="1"/>
  <c r="K2517" i="2"/>
  <c r="K2491" i="5" s="1"/>
  <c r="K326" i="2"/>
  <c r="K300" i="5" s="1"/>
  <c r="K3714" i="2"/>
  <c r="K3688" i="5" s="1"/>
  <c r="K3863" i="2"/>
  <c r="K3837" i="5" s="1"/>
  <c r="K6707" i="2"/>
  <c r="K6681" i="5" s="1"/>
  <c r="K199" i="2"/>
  <c r="K173" i="5" s="1"/>
  <c r="K700" i="2"/>
  <c r="K674" i="5" s="1"/>
  <c r="K7396" i="2"/>
  <c r="K7370" i="5" s="1"/>
  <c r="K3186" i="2"/>
  <c r="K3160" i="5" s="1"/>
  <c r="K6539" i="2"/>
  <c r="K6513" i="5" s="1"/>
  <c r="K7074" i="2"/>
  <c r="K7048" i="5" s="1"/>
  <c r="K1357" i="2"/>
  <c r="K1331" i="5" s="1"/>
  <c r="K5066" i="2"/>
  <c r="K5040" i="5" s="1"/>
  <c r="K5202" i="2"/>
  <c r="K5176" i="5" s="1"/>
  <c r="K1526" i="2"/>
  <c r="K1500" i="5" s="1"/>
  <c r="K2380" i="2"/>
  <c r="K2354" i="5" s="1"/>
  <c r="K2197" i="2"/>
  <c r="K2171" i="5" s="1"/>
  <c r="K8230" i="2"/>
  <c r="K8204" i="5" s="1"/>
  <c r="K7248" i="2"/>
  <c r="K7222" i="5" s="1"/>
  <c r="K1377" i="2"/>
  <c r="K1351" i="5" s="1"/>
  <c r="K6730" i="2"/>
  <c r="K6704" i="5" s="1"/>
  <c r="K4026" i="2"/>
  <c r="K4000" i="5" s="1"/>
  <c r="K2534" i="2"/>
  <c r="K2508" i="5" s="1"/>
  <c r="K4545" i="2"/>
  <c r="K4519" i="5" s="1"/>
  <c r="K8258" i="2"/>
  <c r="K8232" i="5" s="1"/>
  <c r="K6046" i="2"/>
  <c r="K6020" i="5" s="1"/>
  <c r="K5194" i="2"/>
  <c r="K5168" i="5" s="1"/>
  <c r="K7425" i="2"/>
  <c r="K7399" i="5" s="1"/>
  <c r="K7217" i="2"/>
  <c r="K7191" i="5" s="1"/>
  <c r="K3045" i="2"/>
  <c r="K3019" i="5" s="1"/>
  <c r="K7051" i="2"/>
  <c r="K7025" i="5" s="1"/>
  <c r="K5711" i="2"/>
  <c r="K5685" i="5" s="1"/>
  <c r="K3728" i="2"/>
  <c r="K3702" i="5" s="1"/>
  <c r="K6712" i="2"/>
  <c r="K6686" i="5" s="1"/>
  <c r="K5057" i="2"/>
  <c r="K5031" i="5" s="1"/>
  <c r="K4058" i="2"/>
  <c r="K4032" i="5" s="1"/>
  <c r="K2348" i="2"/>
  <c r="K2322" i="5" s="1"/>
  <c r="K8081" i="2"/>
  <c r="K8055" i="5" s="1"/>
  <c r="L7572" i="2"/>
  <c r="L7546" i="5" s="1"/>
  <c r="L3516" i="2"/>
  <c r="L3490" i="5" s="1"/>
  <c r="K6901" i="2"/>
  <c r="K6875" i="5" s="1"/>
  <c r="K2383" i="2"/>
  <c r="K2357" i="5" s="1"/>
  <c r="K7083" i="2"/>
  <c r="K7057" i="5" s="1"/>
  <c r="K5390" i="2"/>
  <c r="K5364" i="5" s="1"/>
  <c r="K696" i="2"/>
  <c r="K670" i="5" s="1"/>
  <c r="K2365" i="2"/>
  <c r="K2339" i="5" s="1"/>
  <c r="K1018" i="2"/>
  <c r="K992" i="5" s="1"/>
  <c r="K4553" i="2"/>
  <c r="K4527" i="5" s="1"/>
  <c r="K5027" i="2"/>
  <c r="K5001" i="5" s="1"/>
  <c r="K2889" i="2"/>
  <c r="K2863" i="5" s="1"/>
  <c r="K4735" i="2"/>
  <c r="K4709" i="5" s="1"/>
  <c r="K8078" i="2"/>
  <c r="K8052" i="5" s="1"/>
  <c r="K7573" i="2"/>
  <c r="K7547" i="5" s="1"/>
  <c r="K493" i="2"/>
  <c r="K467" i="5" s="1"/>
  <c r="K517" i="2"/>
  <c r="K491" i="5" s="1"/>
  <c r="K2215" i="2"/>
  <c r="K2189" i="5" s="1"/>
  <c r="K5225" i="2"/>
  <c r="K5199" i="5" s="1"/>
  <c r="K4732" i="2"/>
  <c r="K4706" i="5" s="1"/>
  <c r="K5371" i="2"/>
  <c r="K5345" i="5" s="1"/>
  <c r="K1681" i="2"/>
  <c r="K1655" i="5" s="1"/>
  <c r="K5896" i="2"/>
  <c r="K5870" i="5" s="1"/>
  <c r="K6723" i="2"/>
  <c r="K6697" i="5" s="1"/>
  <c r="K7069" i="2"/>
  <c r="K7043" i="5" s="1"/>
  <c r="K5385" i="2"/>
  <c r="K5359" i="5" s="1"/>
  <c r="K6724" i="2"/>
  <c r="K6698" i="5" s="1"/>
  <c r="K3717" i="2"/>
  <c r="K3691" i="5" s="1"/>
  <c r="K2203" i="2"/>
  <c r="K2177" i="5" s="1"/>
  <c r="K5722" i="2"/>
  <c r="K5696" i="5" s="1"/>
  <c r="K8254" i="2"/>
  <c r="K8228" i="5" s="1"/>
  <c r="K3860" i="2"/>
  <c r="K3834" i="5" s="1"/>
  <c r="K6408" i="2"/>
  <c r="K6382" i="5" s="1"/>
  <c r="K8263" i="2"/>
  <c r="K8237" i="5" s="1"/>
  <c r="K5548" i="2"/>
  <c r="K5522" i="5" s="1"/>
  <c r="K1531" i="2"/>
  <c r="K1505" i="5" s="1"/>
  <c r="K3539" i="2"/>
  <c r="K3513" i="5" s="1"/>
  <c r="K3362" i="2"/>
  <c r="K3336" i="5" s="1"/>
  <c r="K6711" i="2"/>
  <c r="K6685" i="5" s="1"/>
  <c r="K1514" i="2"/>
  <c r="K1488" i="5" s="1"/>
  <c r="K1205" i="2"/>
  <c r="K1179" i="5" s="1"/>
  <c r="K8405" i="2"/>
  <c r="K8379" i="5" s="1"/>
  <c r="K6742" i="2"/>
  <c r="K6716" i="5" s="1"/>
  <c r="K4897" i="2"/>
  <c r="K4871" i="5" s="1"/>
  <c r="K5073" i="2"/>
  <c r="K5047" i="5" s="1"/>
  <c r="K658" i="2"/>
  <c r="K632" i="5" s="1"/>
  <c r="K2865" i="2"/>
  <c r="K2839" i="5" s="1"/>
  <c r="K4880" i="2"/>
  <c r="K4854" i="5" s="1"/>
  <c r="K8600" i="2"/>
  <c r="K8574" i="5" s="1"/>
  <c r="K3889" i="2"/>
  <c r="K3863" i="5" s="1"/>
  <c r="K1193" i="2"/>
  <c r="K1167" i="5" s="1"/>
  <c r="K5216" i="2"/>
  <c r="K5190" i="5" s="1"/>
  <c r="K2204" i="2"/>
  <c r="K2178" i="5" s="1"/>
  <c r="K5874" i="2"/>
  <c r="K5848" i="5" s="1"/>
  <c r="K1005" i="2"/>
  <c r="K979" i="5" s="1"/>
  <c r="K6568" i="2"/>
  <c r="K6542" i="5" s="1"/>
  <c r="K6547" i="2"/>
  <c r="K6521" i="5" s="1"/>
  <c r="K6575" i="2"/>
  <c r="K6549" i="5" s="1"/>
  <c r="L2361" i="2"/>
  <c r="L2335" i="5" s="1"/>
  <c r="L8249" i="2"/>
  <c r="L8223" i="5" s="1"/>
  <c r="AR161" i="1"/>
  <c r="L2553" i="2"/>
  <c r="L2527" i="5" s="1"/>
  <c r="L2527" i="2"/>
  <c r="L2501" i="5" s="1"/>
  <c r="L6410" i="2"/>
  <c r="L6384" i="5" s="1"/>
  <c r="L2510" i="2"/>
  <c r="L2484" i="5" s="1"/>
  <c r="L1041" i="2"/>
  <c r="L1015" i="5" s="1"/>
  <c r="L1697" i="2"/>
  <c r="L1671" i="5" s="1"/>
  <c r="L7576" i="2"/>
  <c r="L7550" i="5" s="1"/>
  <c r="L3855" i="2"/>
  <c r="L3829" i="5" s="1"/>
  <c r="L8574" i="2"/>
  <c r="L8548" i="5" s="1"/>
  <c r="L4189" i="2"/>
  <c r="L4163" i="5" s="1"/>
  <c r="L6577" i="2"/>
  <c r="L6551" i="5" s="1"/>
  <c r="L3213" i="2"/>
  <c r="L3187" i="5" s="1"/>
  <c r="AR330" i="1"/>
  <c r="L5370" i="2"/>
  <c r="L5344" i="5" s="1"/>
  <c r="L3701" i="2"/>
  <c r="L3675" i="5" s="1"/>
  <c r="L5724" i="2"/>
  <c r="L5698" i="5" s="1"/>
  <c r="L3883" i="2"/>
  <c r="L3857" i="5" s="1"/>
  <c r="L4902" i="2"/>
  <c r="L4876" i="5" s="1"/>
  <c r="L6385" i="2"/>
  <c r="L6359" i="5" s="1"/>
  <c r="L3194" i="2"/>
  <c r="L3168" i="5" s="1"/>
  <c r="L8559" i="2"/>
  <c r="L8533" i="5" s="1"/>
  <c r="L8591" i="2"/>
  <c r="L8565" i="5" s="1"/>
  <c r="L2848" i="2"/>
  <c r="L2822" i="5" s="1"/>
  <c r="L2881" i="2"/>
  <c r="L2855" i="5" s="1"/>
  <c r="L324" i="2"/>
  <c r="L298" i="5" s="1"/>
  <c r="L5061" i="2"/>
  <c r="L5035" i="5" s="1"/>
  <c r="L1501" i="2"/>
  <c r="L1475" i="5" s="1"/>
  <c r="L670" i="2"/>
  <c r="L644" i="5" s="1"/>
  <c r="L1331" i="2"/>
  <c r="L1305" i="5" s="1"/>
  <c r="L2548" i="2"/>
  <c r="L2522" i="5" s="1"/>
  <c r="L2877" i="2"/>
  <c r="L2851" i="5" s="1"/>
  <c r="L6212" i="2"/>
  <c r="L6186" i="5" s="1"/>
  <c r="L4877" i="2"/>
  <c r="L4851" i="5" s="1"/>
  <c r="L3205" i="2"/>
  <c r="L3179" i="5" s="1"/>
  <c r="L3890" i="2"/>
  <c r="L3864" i="5" s="1"/>
  <c r="L2025" i="2"/>
  <c r="L1999" i="5" s="1"/>
  <c r="L6580" i="2"/>
  <c r="L6554" i="5" s="1"/>
  <c r="L1709" i="2"/>
  <c r="L1683" i="5" s="1"/>
  <c r="L8575" i="2"/>
  <c r="L8549" i="5" s="1"/>
  <c r="L341" i="2"/>
  <c r="L315" i="5" s="1"/>
  <c r="L1692" i="2"/>
  <c r="L1666" i="5" s="1"/>
  <c r="L7574" i="2"/>
  <c r="L7548" i="5" s="1"/>
  <c r="L1878" i="2"/>
  <c r="L1852" i="5" s="1"/>
  <c r="L8245" i="2"/>
  <c r="L8219" i="5" s="1"/>
  <c r="L7055" i="2"/>
  <c r="L7029" i="5" s="1"/>
  <c r="L7896" i="2"/>
  <c r="L7870" i="5" s="1"/>
  <c r="L4029" i="2"/>
  <c r="L4003" i="5" s="1"/>
  <c r="L5381" i="2"/>
  <c r="L5355" i="5" s="1"/>
  <c r="L3183" i="2"/>
  <c r="L3157" i="5" s="1"/>
  <c r="L3350" i="2"/>
  <c r="L3324" i="5" s="1"/>
  <c r="L6879" i="2"/>
  <c r="L6853" i="5" s="1"/>
  <c r="L1196" i="2"/>
  <c r="L1170" i="5" s="1"/>
  <c r="L4041" i="2"/>
  <c r="L4015" i="5" s="1"/>
  <c r="L8082" i="2"/>
  <c r="L8056" i="5" s="1"/>
  <c r="L1181" i="2"/>
  <c r="L1155" i="5" s="1"/>
  <c r="L7753" i="2"/>
  <c r="L7727" i="5" s="1"/>
  <c r="L7912" i="2"/>
  <c r="L7886" i="5" s="1"/>
  <c r="L5215" i="2"/>
  <c r="L5189" i="5" s="1"/>
  <c r="L4363" i="2"/>
  <c r="L4337" i="5" s="1"/>
  <c r="L5038" i="2"/>
  <c r="L5012" i="5" s="1"/>
  <c r="L6396" i="2"/>
  <c r="L6370" i="5" s="1"/>
  <c r="L6562" i="2"/>
  <c r="L6536" i="5" s="1"/>
  <c r="L8223" i="2"/>
  <c r="L8197" i="5" s="1"/>
  <c r="AR316" i="1"/>
  <c r="L8769" i="2"/>
  <c r="L8743" i="5" s="1"/>
  <c r="L8050" i="2"/>
  <c r="L8024" i="5" s="1"/>
  <c r="L1867" i="2"/>
  <c r="L1841" i="5" s="1"/>
  <c r="L5738" i="2"/>
  <c r="L5712" i="5" s="1"/>
  <c r="L1544" i="2"/>
  <c r="L1518" i="5" s="1"/>
  <c r="AR14" i="1"/>
  <c r="I5714" i="2"/>
  <c r="I5688" i="5" s="1"/>
  <c r="L8067" i="2"/>
  <c r="L8041" i="5" s="1"/>
  <c r="L3374" i="2"/>
  <c r="L3348" i="5" s="1"/>
  <c r="L5394" i="2"/>
  <c r="L5368" i="5" s="1"/>
  <c r="L3200" i="2"/>
  <c r="L3174" i="5" s="1"/>
  <c r="L5897" i="2"/>
  <c r="L5871" i="5" s="1"/>
  <c r="L1192" i="2"/>
  <c r="L1166" i="5" s="1"/>
  <c r="L5070" i="2"/>
  <c r="L5044" i="5" s="1"/>
  <c r="L1027" i="2"/>
  <c r="L1001" i="5" s="1"/>
  <c r="L4696" i="2"/>
  <c r="L4670" i="5" s="1"/>
  <c r="L4554" i="2"/>
  <c r="L4528" i="5" s="1"/>
  <c r="L7910" i="2"/>
  <c r="L7884" i="5" s="1"/>
  <c r="L7057" i="2"/>
  <c r="L7031" i="5" s="1"/>
  <c r="L3520" i="2"/>
  <c r="L3494" i="5" s="1"/>
  <c r="L4544" i="2"/>
  <c r="L4518" i="5" s="1"/>
  <c r="L182" i="2"/>
  <c r="L156" i="5" s="1"/>
  <c r="L1033" i="2"/>
  <c r="L1007" i="5" s="1"/>
  <c r="L1163" i="2"/>
  <c r="L1137" i="5" s="1"/>
  <c r="L5911" i="2"/>
  <c r="L5885" i="5" s="1"/>
  <c r="L665" i="2"/>
  <c r="L639" i="5" s="1"/>
  <c r="L6715" i="2"/>
  <c r="L6689" i="5" s="1"/>
  <c r="L6893" i="2"/>
  <c r="L6867" i="5" s="1"/>
  <c r="L175" i="2"/>
  <c r="L149" i="5" s="1"/>
  <c r="L684" i="2"/>
  <c r="L658" i="5" s="1"/>
  <c r="L5559" i="2"/>
  <c r="L5533" i="5" s="1"/>
  <c r="L2712" i="2"/>
  <c r="L2686" i="5" s="1"/>
  <c r="L329" i="2"/>
  <c r="L303" i="5" s="1"/>
  <c r="L3544" i="2"/>
  <c r="L3518" i="5" s="1"/>
  <c r="L6406" i="2"/>
  <c r="L6380" i="5" s="1"/>
  <c r="L2381" i="2"/>
  <c r="L2355" i="5" s="1"/>
  <c r="L5737" i="2"/>
  <c r="L5711" i="5" s="1"/>
  <c r="L7548" i="2"/>
  <c r="L7522" i="5" s="1"/>
  <c r="L700" i="2"/>
  <c r="L674" i="5" s="1"/>
  <c r="L3699" i="2"/>
  <c r="L3673" i="5" s="1"/>
  <c r="L3032" i="2"/>
  <c r="L3006" i="5" s="1"/>
  <c r="L4901" i="2"/>
  <c r="L4875" i="5" s="1"/>
  <c r="I7066" i="2"/>
  <c r="I7040" i="5" s="1"/>
  <c r="AR92" i="1"/>
  <c r="AR7" i="1"/>
  <c r="AR337" i="1"/>
  <c r="L7575" i="2"/>
  <c r="L7549" i="5" s="1"/>
  <c r="L8564" i="2"/>
  <c r="L8538" i="5" s="1"/>
  <c r="L534" i="2"/>
  <c r="L508" i="5" s="1"/>
  <c r="L1871" i="2"/>
  <c r="L1845" i="5" s="1"/>
  <c r="L3386" i="2"/>
  <c r="L3360" i="5" s="1"/>
  <c r="L7759" i="2"/>
  <c r="L7733" i="5" s="1"/>
  <c r="L7247" i="2"/>
  <c r="L7221" i="5" s="1"/>
  <c r="L4701" i="2"/>
  <c r="L4675" i="5" s="1"/>
  <c r="L6891" i="2"/>
  <c r="L6865" i="5" s="1"/>
  <c r="L1360" i="2"/>
  <c r="L1334" i="5" s="1"/>
  <c r="L7742" i="2"/>
  <c r="L7716" i="5" s="1"/>
  <c r="L6205" i="2"/>
  <c r="L6179" i="5" s="1"/>
  <c r="L848" i="2"/>
  <c r="L822" i="5" s="1"/>
  <c r="O822" i="5" s="1"/>
  <c r="L1535" i="2"/>
  <c r="L1509" i="5" s="1"/>
  <c r="L2528" i="2"/>
  <c r="L2502" i="5" s="1"/>
  <c r="L6911" i="2"/>
  <c r="L6885" i="5" s="1"/>
  <c r="L6078" i="2"/>
  <c r="L6052" i="5" s="1"/>
  <c r="L8561" i="2"/>
  <c r="L8535" i="5" s="1"/>
  <c r="L1200" i="2"/>
  <c r="L1174" i="5" s="1"/>
  <c r="L7410" i="2"/>
  <c r="L7384" i="5" s="1"/>
  <c r="L2373" i="2"/>
  <c r="L2347" i="5" s="1"/>
  <c r="L5562" i="2"/>
  <c r="L5536" i="5" s="1"/>
  <c r="L4048" i="2"/>
  <c r="L4022" i="5" s="1"/>
  <c r="L1368" i="2"/>
  <c r="L1342" i="5" s="1"/>
  <c r="L1519" i="2"/>
  <c r="L1493" i="5" s="1"/>
  <c r="L8069" i="2"/>
  <c r="L8043" i="5" s="1"/>
  <c r="L3896" i="2"/>
  <c r="L3870" i="5" s="1"/>
  <c r="L4220" i="2"/>
  <c r="L4194" i="5" s="1"/>
  <c r="L6237" i="2"/>
  <c r="L6211" i="5" s="1"/>
  <c r="L7751" i="2"/>
  <c r="L7725" i="5" s="1"/>
  <c r="L5698" i="2"/>
  <c r="L5672" i="5" s="1"/>
  <c r="L701" i="2"/>
  <c r="L675" i="5" s="1"/>
  <c r="L357" i="2"/>
  <c r="L331" i="5" s="1"/>
  <c r="L8093" i="2"/>
  <c r="L8067" i="5" s="1"/>
  <c r="L8596" i="2"/>
  <c r="L8570" i="5" s="1"/>
  <c r="L167" i="2"/>
  <c r="L141" i="5" s="1"/>
  <c r="L680" i="2"/>
  <c r="L654" i="5" s="1"/>
  <c r="L5728" i="2"/>
  <c r="L5702" i="5" s="1"/>
  <c r="L1853" i="2"/>
  <c r="L1827" i="5" s="1"/>
  <c r="L7579" i="2"/>
  <c r="L7553" i="5" s="1"/>
  <c r="L7250" i="2"/>
  <c r="L7224" i="5" s="1"/>
  <c r="L8262" i="2"/>
  <c r="L8236" i="5" s="1"/>
  <c r="L5876" i="2"/>
  <c r="L5850" i="5" s="1"/>
  <c r="L8430" i="2"/>
  <c r="L8404" i="5" s="1"/>
  <c r="L4525" i="2"/>
  <c r="L4499" i="5" s="1"/>
  <c r="L1689" i="2"/>
  <c r="L1663" i="5" s="1"/>
  <c r="L3528" i="2"/>
  <c r="L3502" i="5" s="1"/>
  <c r="L691" i="2"/>
  <c r="L665" i="5" s="1"/>
  <c r="L6917" i="2"/>
  <c r="L6891" i="5" s="1"/>
  <c r="L5890" i="2"/>
  <c r="L5864" i="5" s="1"/>
  <c r="L3708" i="2"/>
  <c r="L3682" i="5" s="1"/>
  <c r="L840" i="2"/>
  <c r="L814" i="5" s="1"/>
  <c r="L2192" i="2"/>
  <c r="L2166" i="5" s="1"/>
  <c r="L4547" i="2"/>
  <c r="L4521" i="5" s="1"/>
  <c r="L5227" i="2"/>
  <c r="L5201" i="5" s="1"/>
  <c r="L4556" i="2"/>
  <c r="L4530" i="5" s="1"/>
  <c r="L7739" i="2"/>
  <c r="L7713" i="5" s="1"/>
  <c r="L7224" i="2"/>
  <c r="L7198" i="5" s="1"/>
  <c r="L3696" i="2"/>
  <c r="L3670" i="5" s="1"/>
  <c r="L6908" i="2"/>
  <c r="L6882" i="5" s="1"/>
  <c r="L3025" i="2"/>
  <c r="L2999" i="5" s="1"/>
  <c r="L8080" i="2"/>
  <c r="L8054" i="5" s="1"/>
  <c r="L5386" i="2"/>
  <c r="L5360" i="5" s="1"/>
  <c r="L5049" i="2"/>
  <c r="L5023" i="5" s="1"/>
  <c r="L4558" i="2"/>
  <c r="L4532" i="5" s="1"/>
  <c r="L2709" i="2"/>
  <c r="L2683" i="5" s="1"/>
  <c r="L8083" i="2"/>
  <c r="L8057" i="5" s="1"/>
  <c r="L5704" i="2"/>
  <c r="L5678" i="5" s="1"/>
  <c r="L664" i="2"/>
  <c r="L638" i="5" s="1"/>
  <c r="L4709" i="2"/>
  <c r="L4683" i="5" s="1"/>
  <c r="L5239" i="2"/>
  <c r="L5213" i="5" s="1"/>
  <c r="L3712" i="2"/>
  <c r="L3686" i="5" s="1"/>
  <c r="L4706" i="2"/>
  <c r="L4680" i="5" s="1"/>
  <c r="L2007" i="2"/>
  <c r="L1981" i="5" s="1"/>
  <c r="L2862" i="2"/>
  <c r="L2836" i="5" s="1"/>
  <c r="L4206" i="2"/>
  <c r="L4180" i="5" s="1"/>
  <c r="L4567" i="2"/>
  <c r="L4541" i="5" s="1"/>
  <c r="L5044" i="2"/>
  <c r="L5018" i="5" s="1"/>
  <c r="L1002" i="2"/>
  <c r="L976" i="5" s="1"/>
  <c r="L866" i="2"/>
  <c r="L840" i="5" s="1"/>
  <c r="L7236" i="2"/>
  <c r="L7210" i="5" s="1"/>
  <c r="L1673" i="2"/>
  <c r="L1647" i="5" s="1"/>
  <c r="L6043" i="2"/>
  <c r="L6017" i="5" s="1"/>
  <c r="L7411" i="2"/>
  <c r="L7385" i="5" s="1"/>
  <c r="L5224" i="2"/>
  <c r="L5198" i="5" s="1"/>
  <c r="L843" i="2"/>
  <c r="L817" i="5" s="1"/>
  <c r="L340" i="2"/>
  <c r="L314" i="5" s="1"/>
  <c r="L8222" i="2"/>
  <c r="L8196" i="5" s="1"/>
  <c r="L4395" i="2"/>
  <c r="L4369" i="5" s="1"/>
  <c r="L194" i="2"/>
  <c r="L168" i="5" s="1"/>
  <c r="L3389" i="2"/>
  <c r="L3363" i="5" s="1"/>
  <c r="L3353" i="2"/>
  <c r="L3327" i="5" s="1"/>
  <c r="L6920" i="2"/>
  <c r="L6894" i="5" s="1"/>
  <c r="L7080" i="2"/>
  <c r="L7054" i="5" s="1"/>
  <c r="L4691" i="2"/>
  <c r="L4665" i="5" s="1"/>
  <c r="L4187" i="2"/>
  <c r="L4161" i="5" s="1"/>
  <c r="L8239" i="2"/>
  <c r="L8213" i="5" s="1"/>
  <c r="L3378" i="2"/>
  <c r="L3352" i="5" s="1"/>
  <c r="L8051" i="2"/>
  <c r="L8025" i="5" s="1"/>
  <c r="L3875" i="2"/>
  <c r="L3849" i="5" s="1"/>
  <c r="L668" i="2"/>
  <c r="L642" i="5" s="1"/>
  <c r="L5736" i="2"/>
  <c r="L5710" i="5" s="1"/>
  <c r="L4055" i="2"/>
  <c r="L4029" i="5" s="1"/>
  <c r="L6549" i="2"/>
  <c r="L6523" i="5" s="1"/>
  <c r="L8421" i="2"/>
  <c r="L8395" i="5" s="1"/>
  <c r="L493" i="2"/>
  <c r="L467" i="5" s="1"/>
  <c r="L1000" i="2"/>
  <c r="L974" i="5" s="1"/>
  <c r="L4543" i="2"/>
  <c r="L4517" i="5" s="1"/>
  <c r="L3355" i="2"/>
  <c r="L3329" i="5" s="1"/>
  <c r="L3372" i="2"/>
  <c r="L3346" i="5" s="1"/>
  <c r="L4707" i="2"/>
  <c r="L4681" i="5" s="1"/>
  <c r="L2202" i="2"/>
  <c r="L2176" i="5" s="1"/>
  <c r="L3884" i="2"/>
  <c r="L3858" i="5" s="1"/>
  <c r="L1338" i="2"/>
  <c r="L1312" i="5" s="1"/>
  <c r="L3352" i="2"/>
  <c r="L3326" i="5" s="1"/>
  <c r="L1354" i="2"/>
  <c r="L1328" i="5" s="1"/>
  <c r="L5726" i="2"/>
  <c r="L5700" i="5" s="1"/>
  <c r="L5028" i="2"/>
  <c r="L5002" i="5" s="1"/>
  <c r="L500" i="2"/>
  <c r="L474" i="5" s="1"/>
  <c r="L3717" i="2"/>
  <c r="L3691" i="5" s="1"/>
  <c r="L3853" i="2"/>
  <c r="L3827" i="5" s="1"/>
  <c r="L5034" i="2"/>
  <c r="L5008" i="5" s="1"/>
  <c r="L7905" i="2"/>
  <c r="L7879" i="5" s="1"/>
  <c r="L6899" i="2"/>
  <c r="L6873" i="5" s="1"/>
  <c r="L6730" i="2"/>
  <c r="L6704" i="5" s="1"/>
  <c r="L161" i="2"/>
  <c r="L135" i="5" s="1"/>
  <c r="L8753" i="2"/>
  <c r="L8727" i="5" s="1"/>
  <c r="L3223" i="2"/>
  <c r="L3197" i="5" s="1"/>
  <c r="L835" i="2"/>
  <c r="L809" i="5" s="1"/>
  <c r="L3713" i="2"/>
  <c r="L3687" i="5" s="1"/>
  <c r="L5725" i="2"/>
  <c r="L5699" i="5" s="1"/>
  <c r="L1030" i="2"/>
  <c r="L1004" i="5" s="1"/>
  <c r="L8736" i="2"/>
  <c r="L8710" i="5" s="1"/>
  <c r="L3189" i="2"/>
  <c r="L3163" i="5" s="1"/>
  <c r="L6372" i="2"/>
  <c r="L6346" i="5" s="1"/>
  <c r="L7234" i="2"/>
  <c r="L7208" i="5" s="1"/>
  <c r="L4186" i="2"/>
  <c r="L4160" i="5" s="1"/>
  <c r="L8068" i="2"/>
  <c r="L8042" i="5" s="1"/>
  <c r="L692" i="2"/>
  <c r="L666" i="5" s="1"/>
  <c r="L5536" i="2"/>
  <c r="L5510" i="5" s="1"/>
  <c r="L5231" i="2"/>
  <c r="L5205" i="5" s="1"/>
  <c r="L7557" i="2"/>
  <c r="L7531" i="5" s="1"/>
  <c r="I4042" i="2"/>
  <c r="I4016" i="5" s="1"/>
  <c r="L3525" i="2"/>
  <c r="L3499" i="5" s="1"/>
  <c r="L1523" i="2"/>
  <c r="L1497" i="5" s="1"/>
  <c r="L5045" i="2"/>
  <c r="L5019" i="5" s="1"/>
  <c r="L2885" i="2"/>
  <c r="L2859" i="5" s="1"/>
  <c r="L7423" i="2"/>
  <c r="L7397" i="5" s="1"/>
  <c r="L328" i="2"/>
  <c r="L302" i="5" s="1"/>
  <c r="L506" i="2"/>
  <c r="L480" i="5" s="1"/>
  <c r="L7256" i="2"/>
  <c r="L7230" i="5" s="1"/>
  <c r="L2185" i="2"/>
  <c r="L2159" i="5" s="1"/>
  <c r="L3047" i="2"/>
  <c r="L3021" i="5" s="1"/>
  <c r="L3217" i="2"/>
  <c r="L3191" i="5" s="1"/>
  <c r="L2858" i="2"/>
  <c r="L2832" i="5" s="1"/>
  <c r="L4704" i="2"/>
  <c r="L4678" i="5" s="1"/>
  <c r="L6077" i="2"/>
  <c r="L6051" i="5" s="1"/>
  <c r="L679" i="2"/>
  <c r="L653" i="5" s="1"/>
  <c r="L4214" i="2"/>
  <c r="L4188" i="5" s="1"/>
  <c r="I6561" i="2"/>
  <c r="I6535" i="5" s="1"/>
  <c r="L3859" i="2"/>
  <c r="L3833" i="5" s="1"/>
  <c r="L6050" i="2"/>
  <c r="L6024" i="5" s="1"/>
  <c r="L4389" i="2"/>
  <c r="L4363" i="5" s="1"/>
  <c r="L6067" i="2"/>
  <c r="L6041" i="5" s="1"/>
  <c r="L2352" i="2"/>
  <c r="L2326" i="5" s="1"/>
  <c r="L5877" i="2"/>
  <c r="L5851" i="5" s="1"/>
  <c r="L3387" i="2"/>
  <c r="L3361" i="5" s="1"/>
  <c r="L4884" i="2"/>
  <c r="L4858" i="5" s="1"/>
  <c r="L1842" i="2"/>
  <c r="L1816" i="5" s="1"/>
  <c r="L5558" i="2"/>
  <c r="L5532" i="5" s="1"/>
  <c r="L1850" i="2"/>
  <c r="L1824" i="5" s="1"/>
  <c r="L6725" i="2"/>
  <c r="L6699" i="5" s="1"/>
  <c r="L8594" i="2"/>
  <c r="L8568" i="5" s="1"/>
  <c r="L831" i="2"/>
  <c r="L805" i="5" s="1"/>
  <c r="L4030" i="2"/>
  <c r="L4004" i="5" s="1"/>
  <c r="L6244" i="2"/>
  <c r="L6218" i="5" s="1"/>
  <c r="AR274" i="1"/>
  <c r="L7925" i="2"/>
  <c r="L7899" i="5" s="1"/>
  <c r="L2713" i="2"/>
  <c r="L2687" i="5" s="1"/>
  <c r="L3356" i="2"/>
  <c r="L3330" i="5" s="1"/>
  <c r="L2518" i="2"/>
  <c r="L2492" i="5" s="1"/>
  <c r="L2854" i="2"/>
  <c r="L2828" i="5" s="1"/>
  <c r="L5369" i="2"/>
  <c r="L5343" i="5" s="1"/>
  <c r="L3698" i="2"/>
  <c r="L3672" i="5" s="1"/>
  <c r="L2872" i="2"/>
  <c r="L2846" i="5" s="1"/>
  <c r="L6903" i="2"/>
  <c r="L6877" i="5" s="1"/>
  <c r="L8583" i="2"/>
  <c r="L8557" i="5" s="1"/>
  <c r="L4885" i="2"/>
  <c r="L4859" i="5" s="1"/>
  <c r="L5205" i="2"/>
  <c r="L5179" i="5" s="1"/>
  <c r="L3523" i="2"/>
  <c r="L3497" i="5" s="1"/>
  <c r="L2379" i="2"/>
  <c r="L2353" i="5" s="1"/>
  <c r="L2359" i="2"/>
  <c r="L2333" i="5" s="1"/>
  <c r="L1840" i="2"/>
  <c r="L1814" i="5" s="1"/>
  <c r="I2375" i="2"/>
  <c r="I2349" i="5" s="1"/>
  <c r="L863" i="2"/>
  <c r="L837" i="5" s="1"/>
  <c r="L6897" i="2"/>
  <c r="L6871" i="5" s="1"/>
  <c r="L2843" i="2"/>
  <c r="L2817" i="5" s="1"/>
  <c r="L857" i="2"/>
  <c r="L831" i="5" s="1"/>
  <c r="L5713" i="2"/>
  <c r="L5687" i="5" s="1"/>
  <c r="L7058" i="2"/>
  <c r="L7032" i="5" s="1"/>
  <c r="L4193" i="2"/>
  <c r="L4167" i="5" s="1"/>
  <c r="L4370" i="2"/>
  <c r="L4344" i="5" s="1"/>
  <c r="L5219" i="2"/>
  <c r="L5193" i="5" s="1"/>
  <c r="L8556" i="2"/>
  <c r="L8530" i="5" s="1"/>
  <c r="L5226" i="2"/>
  <c r="L5200" i="5" s="1"/>
  <c r="L4061" i="2"/>
  <c r="L4035" i="5" s="1"/>
  <c r="L198" i="2"/>
  <c r="L172" i="5" s="1"/>
  <c r="L2045" i="2"/>
  <c r="L2019" i="5" s="1"/>
  <c r="L3202" i="2"/>
  <c r="L3176" i="5" s="1"/>
  <c r="L2172" i="2"/>
  <c r="L2146" i="5" s="1"/>
  <c r="L5402" i="2"/>
  <c r="L5376" i="5" s="1"/>
  <c r="L6038" i="2"/>
  <c r="L6012" i="5" s="1"/>
  <c r="L354" i="2"/>
  <c r="L328" i="5" s="1"/>
  <c r="L2717" i="2"/>
  <c r="L2691" i="5" s="1"/>
  <c r="L3376" i="2"/>
  <c r="L3350" i="5" s="1"/>
  <c r="L2676" i="2"/>
  <c r="L2650" i="5" s="1"/>
  <c r="L7381" i="2"/>
  <c r="L7355" i="5" s="1"/>
  <c r="L1174" i="2"/>
  <c r="L1148" i="5" s="1"/>
  <c r="L873" i="2"/>
  <c r="L847" i="5" s="1"/>
  <c r="I833" i="2"/>
  <c r="I807" i="5" s="1"/>
  <c r="L6062" i="2"/>
  <c r="L6036" i="5" s="1"/>
  <c r="L3715" i="2"/>
  <c r="L3689" i="5" s="1"/>
  <c r="L8422" i="2"/>
  <c r="L8396" i="5" s="1"/>
  <c r="L839" i="2"/>
  <c r="L813" i="5" s="1"/>
  <c r="L5729" i="2"/>
  <c r="L5703" i="5" s="1"/>
  <c r="L6541" i="2"/>
  <c r="L6515" i="5" s="1"/>
  <c r="L1334" i="2"/>
  <c r="L1308" i="5" s="1"/>
  <c r="L4354" i="2"/>
  <c r="L4328" i="5" s="1"/>
  <c r="L7581" i="2"/>
  <c r="L7555" i="5" s="1"/>
  <c r="L2853" i="2"/>
  <c r="L2827" i="5" s="1"/>
  <c r="L1684" i="2"/>
  <c r="L1658" i="5" s="1"/>
  <c r="L3384" i="2"/>
  <c r="L3358" i="5" s="1"/>
  <c r="L3877" i="2"/>
  <c r="L3851" i="5" s="1"/>
  <c r="L7549" i="2"/>
  <c r="L7523" i="5" s="1"/>
  <c r="L5884" i="2"/>
  <c r="L5858" i="5" s="1"/>
  <c r="L6581" i="2"/>
  <c r="L6555" i="5" s="1"/>
  <c r="L4031" i="2"/>
  <c r="L4005" i="5" s="1"/>
  <c r="L2181" i="2"/>
  <c r="L2155" i="5" s="1"/>
  <c r="L5072" i="2"/>
  <c r="L5046" i="5" s="1"/>
  <c r="L5371" i="2"/>
  <c r="L5345" i="5" s="1"/>
  <c r="L8264" i="2"/>
  <c r="L8238" i="5" s="1"/>
  <c r="L5376" i="2"/>
  <c r="L5350" i="5" s="1"/>
  <c r="L3709" i="2"/>
  <c r="L3683" i="5" s="1"/>
  <c r="L1339" i="2"/>
  <c r="L1313" i="5" s="1"/>
  <c r="L1017" i="2"/>
  <c r="L991" i="5" s="1"/>
  <c r="L7050" i="2"/>
  <c r="L7024" i="5" s="1"/>
  <c r="L7402" i="2"/>
  <c r="L7376" i="5" s="1"/>
  <c r="L695" i="2"/>
  <c r="L669" i="5" s="1"/>
  <c r="L4064" i="2"/>
  <c r="L4038" i="5" s="1"/>
  <c r="O4038" i="5" s="1"/>
  <c r="L6728" i="2"/>
  <c r="L6702" i="5" s="1"/>
  <c r="L5723" i="2"/>
  <c r="L5697" i="5" s="1"/>
  <c r="L1173" i="2"/>
  <c r="L1147" i="5" s="1"/>
  <c r="L3370" i="2"/>
  <c r="L3344" i="5" s="1"/>
  <c r="L8580" i="2"/>
  <c r="L8554" i="5" s="1"/>
  <c r="L4200" i="2"/>
  <c r="L4174" i="5" s="1"/>
  <c r="L1369" i="2"/>
  <c r="L1343" i="5" s="1"/>
  <c r="L4898" i="2"/>
  <c r="L4872" i="5" s="1"/>
  <c r="L4708" i="2"/>
  <c r="L4682" i="5" s="1"/>
  <c r="L536" i="2"/>
  <c r="L510" i="5" s="1"/>
  <c r="L1873" i="2"/>
  <c r="L1847" i="5" s="1"/>
  <c r="L6066" i="2"/>
  <c r="L6040" i="5" s="1"/>
  <c r="L4904" i="2"/>
  <c r="L4878" i="5" s="1"/>
  <c r="L5039" i="2"/>
  <c r="L5013" i="5" s="1"/>
  <c r="L8258" i="2"/>
  <c r="L8232" i="5" s="1"/>
  <c r="L7401" i="2"/>
  <c r="L7375" i="5" s="1"/>
  <c r="L3368" i="2"/>
  <c r="L3342" i="5" s="1"/>
  <c r="L5201" i="2"/>
  <c r="L5175" i="5" s="1"/>
  <c r="L1675" i="2"/>
  <c r="L1649" i="5" s="1"/>
  <c r="L6736" i="2"/>
  <c r="L6710" i="5" s="1"/>
  <c r="L7558" i="2"/>
  <c r="L7532" i="5" s="1"/>
  <c r="L6548" i="2"/>
  <c r="L6522" i="5" s="1"/>
  <c r="L8387" i="2"/>
  <c r="L8361" i="5" s="1"/>
  <c r="L5703" i="2"/>
  <c r="L5677" i="5" s="1"/>
  <c r="L3373" i="2"/>
  <c r="L3347" i="5" s="1"/>
  <c r="L3030" i="2"/>
  <c r="L3004" i="5" s="1"/>
  <c r="L4385" i="2"/>
  <c r="L4359" i="5" s="1"/>
  <c r="L6909" i="2"/>
  <c r="L6883" i="5" s="1"/>
  <c r="L6744" i="2"/>
  <c r="L6718" i="5" s="1"/>
  <c r="L8429" i="2"/>
  <c r="L8403" i="5" s="1"/>
  <c r="L5240" i="2"/>
  <c r="L5214" i="5" s="1"/>
  <c r="L5567" i="2"/>
  <c r="L5541" i="5" s="1"/>
  <c r="L7897" i="2"/>
  <c r="L7871" i="5" s="1"/>
  <c r="L4386" i="2"/>
  <c r="L4360" i="5" s="1"/>
  <c r="L5026" i="2"/>
  <c r="L5000" i="5" s="1"/>
  <c r="L3529" i="2"/>
  <c r="L3503" i="5" s="1"/>
  <c r="L8763" i="2"/>
  <c r="L8737" i="5" s="1"/>
  <c r="L8406" i="2"/>
  <c r="L8380" i="5" s="1"/>
  <c r="L8599" i="2"/>
  <c r="L8573" i="5" s="1"/>
  <c r="L7568" i="2"/>
  <c r="L7542" i="5" s="1"/>
  <c r="L4871" i="2"/>
  <c r="L4845" i="5" s="1"/>
  <c r="L4215" i="2"/>
  <c r="L4189" i="5" s="1"/>
  <c r="L7592" i="2"/>
  <c r="L7566" i="5" s="1"/>
  <c r="L7240" i="2"/>
  <c r="L7214" i="5" s="1"/>
  <c r="L6222" i="2"/>
  <c r="L6196" i="5" s="1"/>
  <c r="L2706" i="2"/>
  <c r="L2680" i="5" s="1"/>
  <c r="L5560" i="2"/>
  <c r="L5534" i="5" s="1"/>
  <c r="L1874" i="2"/>
  <c r="L1848" i="5" s="1"/>
  <c r="AR155" i="1"/>
  <c r="I7211" i="2"/>
  <c r="I7185" i="5" s="1"/>
  <c r="L494" i="2"/>
  <c r="L468" i="5" s="1"/>
  <c r="L1527" i="2"/>
  <c r="L1501" i="5" s="1"/>
  <c r="L1529" i="2"/>
  <c r="L1503" i="5" s="1"/>
  <c r="L5722" i="2"/>
  <c r="L5696" i="5" s="1"/>
  <c r="L8244" i="2"/>
  <c r="L8218" i="5" s="1"/>
  <c r="L4221" i="2"/>
  <c r="L4195" i="5" s="1"/>
  <c r="L1024" i="2"/>
  <c r="L998" i="5" s="1"/>
  <c r="L7909" i="2"/>
  <c r="L7883" i="5" s="1"/>
  <c r="L1517" i="2"/>
  <c r="L1491" i="5" s="1"/>
  <c r="L7083" i="2"/>
  <c r="L7057" i="5" s="1"/>
  <c r="L7409" i="2"/>
  <c r="L7383" i="5" s="1"/>
  <c r="L1003" i="2"/>
  <c r="L977" i="5" s="1"/>
  <c r="L8600" i="2"/>
  <c r="L8574" i="5" s="1"/>
  <c r="L8572" i="2"/>
  <c r="L8546" i="5" s="1"/>
  <c r="L4866" i="2"/>
  <c r="L4840" i="5" s="1"/>
  <c r="L3053" i="2"/>
  <c r="L3027" i="5" s="1"/>
  <c r="L7068" i="2"/>
  <c r="L7042" i="5" s="1"/>
  <c r="L6550" i="2"/>
  <c r="L6524" i="5" s="1"/>
  <c r="L4231" i="2"/>
  <c r="L4205" i="5" s="1"/>
  <c r="L517" i="2"/>
  <c r="L491" i="5" s="1"/>
  <c r="L530" i="2"/>
  <c r="L504" i="5" s="1"/>
  <c r="L7732" i="2"/>
  <c r="L7706" i="5" s="1"/>
  <c r="L7414" i="2"/>
  <c r="L7388" i="5" s="1"/>
  <c r="L5540" i="2"/>
  <c r="L5514" i="5" s="1"/>
  <c r="L3695" i="2"/>
  <c r="L3669" i="5" s="1"/>
  <c r="I8260" i="2"/>
  <c r="I8234" i="5" s="1"/>
  <c r="L6059" i="2"/>
  <c r="L6033" i="5" s="1"/>
  <c r="L171" i="2"/>
  <c r="L145" i="5" s="1"/>
  <c r="L2684" i="2"/>
  <c r="L2658" i="5" s="1"/>
  <c r="L4377" i="2"/>
  <c r="L4351" i="5" s="1"/>
  <c r="L2008" i="2"/>
  <c r="L1982" i="5" s="1"/>
  <c r="L4872" i="2"/>
  <c r="L4846" i="5" s="1"/>
  <c r="L2368" i="2"/>
  <c r="L2342" i="5" s="1"/>
  <c r="L6226" i="2"/>
  <c r="L6200" i="5" s="1"/>
  <c r="L8260" i="2"/>
  <c r="L8234" i="5" s="1"/>
  <c r="L5538" i="2"/>
  <c r="L5512" i="5" s="1"/>
  <c r="L1165" i="2"/>
  <c r="L1139" i="5" s="1"/>
  <c r="L8758" i="2"/>
  <c r="L8732" i="5" s="1"/>
  <c r="L7722" i="2"/>
  <c r="L7696" i="5" s="1"/>
  <c r="L5561" i="2"/>
  <c r="L5535" i="5" s="1"/>
  <c r="L7907" i="2"/>
  <c r="L7881" i="5" s="1"/>
  <c r="L2013" i="2"/>
  <c r="L1987" i="5" s="1"/>
  <c r="L8413" i="2"/>
  <c r="L8387" i="5" s="1"/>
  <c r="L3351" i="2"/>
  <c r="L3325" i="5" s="1"/>
  <c r="L2203" i="2"/>
  <c r="L2177" i="5" s="1"/>
  <c r="L1207" i="2"/>
  <c r="L1181" i="5" s="1"/>
  <c r="L5912" i="2"/>
  <c r="L5886" i="5" s="1"/>
  <c r="L1682" i="2"/>
  <c r="L1656" i="5" s="1"/>
  <c r="L1858" i="2"/>
  <c r="L1832" i="5" s="1"/>
  <c r="L8737" i="2"/>
  <c r="L8711" i="5" s="1"/>
  <c r="L833" i="2"/>
  <c r="L807" i="5" s="1"/>
  <c r="AR344" i="1"/>
  <c r="I6417" i="2"/>
  <c r="I6391" i="5" s="1"/>
  <c r="L353" i="2"/>
  <c r="L327" i="5" s="1"/>
  <c r="L8224" i="2"/>
  <c r="L8198" i="5" s="1"/>
  <c r="L4858" i="2"/>
  <c r="L4832" i="5" s="1"/>
  <c r="L8765" i="2"/>
  <c r="L8739" i="5" s="1"/>
  <c r="L4717" i="2"/>
  <c r="L4691" i="5" s="1"/>
  <c r="L6034" i="2"/>
  <c r="L6008" i="5" s="1"/>
  <c r="L1169" i="2"/>
  <c r="L1143" i="5" s="1"/>
  <c r="L8407" i="2"/>
  <c r="L8381" i="5" s="1"/>
  <c r="L3045" i="2"/>
  <c r="L3019" i="5" s="1"/>
  <c r="L4888" i="2"/>
  <c r="L4862" i="5" s="1"/>
  <c r="L6735" i="2"/>
  <c r="L6709" i="5" s="1"/>
  <c r="L3546" i="2"/>
  <c r="L3520" i="5" s="1"/>
  <c r="L5547" i="2"/>
  <c r="L5521" i="5" s="1"/>
  <c r="L4392" i="2"/>
  <c r="L4366" i="5" s="1"/>
  <c r="L3685" i="2"/>
  <c r="L3659" i="5" s="1"/>
  <c r="L6558" i="2"/>
  <c r="L6532" i="5" s="1"/>
  <c r="L3886" i="2"/>
  <c r="L3860" i="5" s="1"/>
  <c r="L4553" i="2"/>
  <c r="L4527" i="5" s="1"/>
  <c r="L4861" i="2"/>
  <c r="L4835" i="5" s="1"/>
  <c r="L7714" i="2"/>
  <c r="L7688" i="5" s="1"/>
  <c r="L7918" i="2"/>
  <c r="L7892" i="5" s="1"/>
  <c r="L5368" i="2"/>
  <c r="L5342" i="5" s="1"/>
  <c r="L7243" i="2"/>
  <c r="L7217" i="5" s="1"/>
  <c r="L4065" i="2"/>
  <c r="L4039" i="5" s="1"/>
  <c r="L868" i="2"/>
  <c r="L842" i="5" s="1"/>
  <c r="L5893" i="2"/>
  <c r="L5867" i="5" s="1"/>
  <c r="L6713" i="2"/>
  <c r="L6687" i="5" s="1"/>
  <c r="L6733" i="2"/>
  <c r="L6707" i="5" s="1"/>
  <c r="L7569" i="2"/>
  <c r="L7543" i="5" s="1"/>
  <c r="L5407" i="2"/>
  <c r="L5381" i="5" s="1"/>
  <c r="L1706" i="2"/>
  <c r="L1680" i="5" s="1"/>
  <c r="L8418" i="2"/>
  <c r="L8392" i="5" s="1"/>
  <c r="O8392" i="5" s="1"/>
  <c r="L7378" i="2"/>
  <c r="L7352" i="5" s="1"/>
  <c r="L1881" i="2"/>
  <c r="L1855" i="5" s="1"/>
  <c r="L7926" i="2"/>
  <c r="L7900" i="5" s="1"/>
  <c r="L504" i="2"/>
  <c r="L478" i="5" s="1"/>
  <c r="L4040" i="2"/>
  <c r="L4014" i="5" s="1"/>
  <c r="L7729" i="2"/>
  <c r="L7703" i="5" s="1"/>
  <c r="L1839" i="2"/>
  <c r="L1813" i="5" s="1"/>
  <c r="L4210" i="2"/>
  <c r="L4184" i="5" s="1"/>
  <c r="L4033" i="2"/>
  <c r="L4007" i="5" s="1"/>
  <c r="L1370" i="2"/>
  <c r="L1344" i="5" s="1"/>
  <c r="L6887" i="2"/>
  <c r="L6861" i="5" s="1"/>
  <c r="L532" i="2"/>
  <c r="L506" i="5" s="1"/>
  <c r="L4372" i="2"/>
  <c r="L4346" i="5" s="1"/>
  <c r="L2868" i="2"/>
  <c r="L2842" i="5" s="1"/>
  <c r="L3187" i="2"/>
  <c r="L3161" i="5" s="1"/>
  <c r="L8251" i="2"/>
  <c r="L8225" i="5" s="1"/>
  <c r="L3024" i="2"/>
  <c r="L2998" i="5" s="1"/>
  <c r="L3190" i="2"/>
  <c r="L3164" i="5" s="1"/>
  <c r="L5397" i="2"/>
  <c r="L5371" i="5" s="1"/>
  <c r="L7235" i="2"/>
  <c r="L7209" i="5" s="1"/>
  <c r="L8235" i="2"/>
  <c r="L8209" i="5" s="1"/>
  <c r="L3219" i="2"/>
  <c r="L3193" i="5" s="1"/>
  <c r="L526" i="2"/>
  <c r="L500" i="5" s="1"/>
  <c r="L5383" i="2"/>
  <c r="L5357" i="5" s="1"/>
  <c r="L3375" i="2"/>
  <c r="L3349" i="5" s="1"/>
  <c r="L2681" i="2"/>
  <c r="L2655" i="5" s="1"/>
  <c r="L7065" i="2"/>
  <c r="L7039" i="5" s="1"/>
  <c r="L8400" i="2"/>
  <c r="L8374" i="5" s="1"/>
  <c r="L3705" i="2"/>
  <c r="L3679" i="5" s="1"/>
  <c r="L6402" i="2"/>
  <c r="L6376" i="5" s="1"/>
  <c r="L998" i="2"/>
  <c r="L972" i="5" s="1"/>
  <c r="L1206" i="2"/>
  <c r="L1180" i="5" s="1"/>
  <c r="L8073" i="2"/>
  <c r="L8047" i="5" s="1"/>
  <c r="L342" i="2"/>
  <c r="L316" i="5" s="1"/>
  <c r="L6567" i="2"/>
  <c r="L6541" i="5" s="1"/>
  <c r="L6749" i="2"/>
  <c r="L6723" i="5" s="1"/>
  <c r="I3547" i="2"/>
  <c r="I3521" i="5" s="1"/>
  <c r="L6545" i="2"/>
  <c r="L6519" i="5" s="1"/>
  <c r="L8562" i="2"/>
  <c r="L8536" i="5" s="1"/>
  <c r="L8248" i="2"/>
  <c r="L8222" i="5" s="1"/>
  <c r="L4393" i="2"/>
  <c r="L4367" i="5" s="1"/>
  <c r="L8227" i="2"/>
  <c r="L8201" i="5" s="1"/>
  <c r="L3891" i="2"/>
  <c r="L3865" i="5" s="1"/>
  <c r="L6211" i="2"/>
  <c r="L6185" i="5" s="1"/>
  <c r="L1184" i="2"/>
  <c r="L1158" i="5" s="1"/>
  <c r="L4356" i="2"/>
  <c r="L4330" i="5" s="1"/>
  <c r="L6913" i="2"/>
  <c r="L6887" i="5" s="1"/>
  <c r="L5195" i="2"/>
  <c r="L5169" i="5" s="1"/>
  <c r="L4555" i="2"/>
  <c r="L4529" i="5" s="1"/>
  <c r="L3538" i="2"/>
  <c r="L3512" i="5" s="1"/>
  <c r="L3700" i="2"/>
  <c r="L3674" i="5" s="1"/>
  <c r="L8419" i="2"/>
  <c r="L8393" i="5" s="1"/>
  <c r="L527" i="2"/>
  <c r="L501" i="5" s="1"/>
  <c r="L1864" i="2"/>
  <c r="L1838" i="5" s="1"/>
  <c r="L5209" i="2"/>
  <c r="L5183" i="5" s="1"/>
  <c r="L5906" i="2"/>
  <c r="L5880" i="5" s="1"/>
  <c r="L3349" i="2"/>
  <c r="L3323" i="5" s="1"/>
  <c r="L8568" i="2"/>
  <c r="L8542" i="5" s="1"/>
  <c r="L3879" i="2"/>
  <c r="L3853" i="5" s="1"/>
  <c r="L6382" i="2"/>
  <c r="L6356" i="5" s="1"/>
  <c r="L1345" i="2"/>
  <c r="L1319" i="5" s="1"/>
  <c r="L7394" i="2"/>
  <c r="L7368" i="5" s="1"/>
  <c r="L2339" i="2"/>
  <c r="L2313" i="5" s="1"/>
  <c r="L6216" i="2"/>
  <c r="L6190" i="5" s="1"/>
  <c r="L674" i="2"/>
  <c r="L648" i="5" s="1"/>
  <c r="L6411" i="2"/>
  <c r="L6385" i="5" s="1"/>
  <c r="L8405" i="2"/>
  <c r="L8379" i="5" s="1"/>
  <c r="L2214" i="2"/>
  <c r="L2188" i="5" s="1"/>
  <c r="L2878" i="2"/>
  <c r="L2852" i="5" s="1"/>
  <c r="L1342" i="2"/>
  <c r="L1316" i="5" s="1"/>
  <c r="L3531" i="2"/>
  <c r="L3505" i="5" s="1"/>
  <c r="L8070" i="2"/>
  <c r="L8044" i="5" s="1"/>
  <c r="L2871" i="2"/>
  <c r="L2845" i="5" s="1"/>
  <c r="L678" i="2"/>
  <c r="L652" i="5" s="1"/>
  <c r="L164" i="2"/>
  <c r="L138" i="5" s="1"/>
  <c r="L7582" i="2"/>
  <c r="L7556" i="5" s="1"/>
  <c r="L2046" i="2"/>
  <c r="L2020" i="5" s="1"/>
  <c r="L4546" i="2"/>
  <c r="L4520" i="5" s="1"/>
  <c r="L5885" i="2"/>
  <c r="L5859" i="5" s="1"/>
  <c r="L5575" i="2"/>
  <c r="L5549" i="5" s="1"/>
  <c r="I4390" i="2"/>
  <c r="I4364" i="5" s="1"/>
  <c r="L166" i="2"/>
  <c r="L140" i="5" s="1"/>
  <c r="L5400" i="2"/>
  <c r="L5374" i="5" s="1"/>
  <c r="L4053" i="2"/>
  <c r="L4027" i="5" s="1"/>
  <c r="L7226" i="2"/>
  <c r="L7200" i="5" s="1"/>
  <c r="L3889" i="2"/>
  <c r="L3863" i="5" s="1"/>
  <c r="L4566" i="2"/>
  <c r="L4540" i="5" s="1"/>
  <c r="L2716" i="2"/>
  <c r="L2690" i="5" s="1"/>
  <c r="L2522" i="2"/>
  <c r="L2496" i="5" s="1"/>
  <c r="L7887" i="2"/>
  <c r="L7861" i="5" s="1"/>
  <c r="L513" i="2"/>
  <c r="L487" i="5" s="1"/>
  <c r="L6070" i="2"/>
  <c r="L6044" i="5" s="1"/>
  <c r="L6912" i="2"/>
  <c r="L6886" i="5" s="1"/>
  <c r="L6391" i="2"/>
  <c r="L6365" i="5" s="1"/>
  <c r="L3515" i="2"/>
  <c r="L3489" i="5" s="1"/>
  <c r="L5403" i="2"/>
  <c r="L5377" i="5" s="1"/>
  <c r="L3719" i="2"/>
  <c r="L3693" i="5" s="1"/>
  <c r="L2018" i="2"/>
  <c r="L1992" i="5" s="1"/>
  <c r="L2875" i="2"/>
  <c r="L2849" i="5" s="1"/>
  <c r="L6717" i="2"/>
  <c r="L6691" i="5" s="1"/>
  <c r="L5198" i="2"/>
  <c r="L5172" i="5" s="1"/>
  <c r="L6539" i="2"/>
  <c r="L6513" i="5" s="1"/>
  <c r="L6403" i="2"/>
  <c r="L6377" i="5" s="1"/>
  <c r="L8255" i="2"/>
  <c r="L8229" i="5" s="1"/>
  <c r="L7547" i="2"/>
  <c r="L7521" i="5" s="1"/>
  <c r="L4529" i="2"/>
  <c r="L4503" i="5" s="1"/>
  <c r="L7421" i="2"/>
  <c r="L7395" i="5" s="1"/>
  <c r="L8598" i="2"/>
  <c r="L8572" i="5" s="1"/>
  <c r="L8057" i="2"/>
  <c r="L8031" i="5" s="1"/>
  <c r="L8063" i="2"/>
  <c r="L8037" i="5" s="1"/>
  <c r="L6058" i="2"/>
  <c r="L6032" i="5" s="1"/>
  <c r="L8425" i="2"/>
  <c r="L8399" i="5" s="1"/>
  <c r="L5870" i="2"/>
  <c r="L5844" i="5" s="1"/>
  <c r="L7254" i="2"/>
  <c r="L7228" i="5" s="1"/>
  <c r="L1018" i="2"/>
  <c r="L992" i="5" s="1"/>
  <c r="L2365" i="2"/>
  <c r="L2339" i="5" s="1"/>
  <c r="L7884" i="2"/>
  <c r="L7858" i="5" s="1"/>
  <c r="L6248" i="2"/>
  <c r="L6222" i="5" s="1"/>
  <c r="L193" i="2"/>
  <c r="L167" i="5" s="1"/>
  <c r="L2351" i="2"/>
  <c r="L2325" i="5" s="1"/>
  <c r="L3043" i="2"/>
  <c r="L3017" i="5" s="1"/>
  <c r="L1013" i="2"/>
  <c r="L987" i="5" s="1"/>
  <c r="L3038" i="2"/>
  <c r="L3012" i="5" s="1"/>
  <c r="L7389" i="2"/>
  <c r="L7363" i="5" s="1"/>
  <c r="I4055" i="2"/>
  <c r="I4029" i="5" s="1"/>
  <c r="L4202" i="2"/>
  <c r="L4176" i="5" s="1"/>
  <c r="L1375" i="2"/>
  <c r="L1349" i="5" s="1"/>
  <c r="L3015" i="2"/>
  <c r="L2989" i="5" s="1"/>
  <c r="L2376" i="2"/>
  <c r="L2350" i="5" s="1"/>
  <c r="L1855" i="2"/>
  <c r="L1829" i="5" s="1"/>
  <c r="L5377" i="2"/>
  <c r="L5351" i="5" s="1"/>
  <c r="L6235" i="2"/>
  <c r="L6209" i="5" s="1"/>
  <c r="L7417" i="2"/>
  <c r="L7391" i="5" s="1"/>
  <c r="L4375" i="2"/>
  <c r="L4349" i="5" s="1"/>
  <c r="L4736" i="2"/>
  <c r="L4710" i="5" s="1"/>
  <c r="L6081" i="2"/>
  <c r="L6055" i="5" s="1"/>
  <c r="L4198" i="2"/>
  <c r="L4172" i="5" s="1"/>
  <c r="L7218" i="2"/>
  <c r="L7192" i="5" s="1"/>
  <c r="L4042" i="2"/>
  <c r="L4016" i="5" s="1"/>
  <c r="L8386" i="2"/>
  <c r="L7915" i="2"/>
  <c r="L7889" i="5" s="1"/>
  <c r="L2180" i="2"/>
  <c r="L2154" i="5" s="1"/>
  <c r="L8055" i="2"/>
  <c r="L8029" i="5" s="1"/>
  <c r="L1195" i="2"/>
  <c r="L1169" i="5" s="1"/>
  <c r="L6387" i="2"/>
  <c r="L6361" i="5" s="1"/>
  <c r="L335" i="2"/>
  <c r="L309" i="5" s="1"/>
  <c r="L6409" i="2"/>
  <c r="L6383" i="5" s="1"/>
  <c r="L2042" i="2"/>
  <c r="L2016" i="5" s="1"/>
  <c r="L4203" i="2"/>
  <c r="L4177" i="5" s="1"/>
  <c r="L2695" i="2"/>
  <c r="L2669" i="5" s="1"/>
  <c r="L3554" i="2"/>
  <c r="L3528" i="5" s="1"/>
  <c r="L361" i="2"/>
  <c r="L335" i="5" s="1"/>
  <c r="L1520" i="2"/>
  <c r="L1494" i="5" s="1"/>
  <c r="L4381" i="2"/>
  <c r="L4355" i="5" s="1"/>
  <c r="L838" i="2"/>
  <c r="L812" i="5" s="1"/>
  <c r="L3371" i="2"/>
  <c r="L3345" i="5" s="1"/>
  <c r="L7890" i="2"/>
  <c r="L7864" i="5" s="1"/>
  <c r="L5040" i="2"/>
  <c r="L5014" i="5" s="1"/>
  <c r="L8058" i="2"/>
  <c r="L8032" i="5" s="1"/>
  <c r="L3033" i="2"/>
  <c r="L3007" i="5" s="1"/>
  <c r="L8401" i="2"/>
  <c r="L8375" i="5" s="1"/>
  <c r="L5035" i="2"/>
  <c r="L5009" i="5" s="1"/>
  <c r="L322" i="2"/>
  <c r="L296" i="5" s="1"/>
  <c r="L7405" i="2"/>
  <c r="L7379" i="5" s="1"/>
  <c r="L8094" i="2"/>
  <c r="L8068" i="5" s="1"/>
  <c r="L7072" i="2"/>
  <c r="L7046" i="5" s="1"/>
  <c r="L6207" i="2"/>
  <c r="L6181" i="5" s="1"/>
  <c r="L5873" i="2"/>
  <c r="L5847" i="5" s="1"/>
  <c r="I3875" i="2"/>
  <c r="I3849" i="5" s="1"/>
  <c r="L8081" i="2"/>
  <c r="L8055" i="5" s="1"/>
  <c r="L6040" i="2"/>
  <c r="L6014" i="5" s="1"/>
  <c r="L2032" i="2"/>
  <c r="L2006" i="5" s="1"/>
  <c r="L4557" i="2"/>
  <c r="L4531" i="5" s="1"/>
  <c r="L6722" i="2"/>
  <c r="L6696" i="5" s="1"/>
  <c r="L4896" i="2"/>
  <c r="L4870" i="5" s="1"/>
  <c r="L6723" i="2"/>
  <c r="L6697" i="5" s="1"/>
  <c r="L7900" i="2"/>
  <c r="L7874" i="5" s="1"/>
  <c r="L6224" i="2"/>
  <c r="L6198" i="5" s="1"/>
  <c r="L2508" i="2"/>
  <c r="L2482" i="5" s="1"/>
  <c r="L1872" i="2"/>
  <c r="L1846" i="5" s="1"/>
  <c r="L7047" i="2"/>
  <c r="L7021" i="5" s="1"/>
  <c r="L7904" i="2"/>
  <c r="L7878" i="5" s="1"/>
  <c r="L5532" i="2"/>
  <c r="L5506" i="5" s="1"/>
  <c r="L3724" i="2"/>
  <c r="L3698" i="5" s="1"/>
  <c r="L6740" i="2"/>
  <c r="L6714" i="5" s="1"/>
  <c r="L6564" i="2"/>
  <c r="L6538" i="5" s="1"/>
  <c r="L325" i="2"/>
  <c r="L299" i="5" s="1"/>
  <c r="L2866" i="2"/>
  <c r="L2840" i="5" s="1"/>
  <c r="L3218" i="2"/>
  <c r="L3192" i="5" s="1"/>
  <c r="L2047" i="2"/>
  <c r="L2021" i="5" s="1"/>
  <c r="L6218" i="2"/>
  <c r="L6192" i="5" s="1"/>
  <c r="L7419" i="2"/>
  <c r="L7393" i="5" s="1"/>
  <c r="L8728" i="2"/>
  <c r="L8702" i="5" s="1"/>
  <c r="L1036" i="2"/>
  <c r="L1010" i="5" s="1"/>
  <c r="L3549" i="2"/>
  <c r="L3523" i="5" s="1"/>
  <c r="L8768" i="2"/>
  <c r="L8742" i="5" s="1"/>
  <c r="L2030" i="2"/>
  <c r="L2004" i="5" s="1"/>
  <c r="L2714" i="2"/>
  <c r="L2688" i="5" s="1"/>
  <c r="L2547" i="2"/>
  <c r="L2521" i="5" s="1"/>
  <c r="L7728" i="2"/>
  <c r="L7702" i="5" s="1"/>
  <c r="L4715" i="2"/>
  <c r="L4689" i="5" s="1"/>
  <c r="L7571" i="2"/>
  <c r="L7545" i="5" s="1"/>
  <c r="L3892" i="2"/>
  <c r="L3866" i="5" s="1"/>
  <c r="L5730" i="2"/>
  <c r="L5704" i="5" s="1"/>
  <c r="L7761" i="2"/>
  <c r="L7735" i="5" s="1"/>
  <c r="L5573" i="2"/>
  <c r="L5547" i="5" s="1"/>
  <c r="L6075" i="2"/>
  <c r="L6049" i="5" s="1"/>
  <c r="L6566" i="2"/>
  <c r="L6540" i="5" s="1"/>
  <c r="L3020" i="2"/>
  <c r="L2994" i="5" s="1"/>
  <c r="L7210" i="2"/>
  <c r="L7184" i="5" s="1"/>
  <c r="L3206" i="2"/>
  <c r="L3180" i="5" s="1"/>
  <c r="L6724" i="2"/>
  <c r="L6698" i="5" s="1"/>
  <c r="I4550" i="2"/>
  <c r="I4524" i="5" s="1"/>
  <c r="L5534" i="2"/>
  <c r="L5508" i="5" s="1"/>
  <c r="L1038" i="2"/>
  <c r="L1012" i="5" s="1"/>
  <c r="L5378" i="2"/>
  <c r="L5352" i="5" s="1"/>
  <c r="L3881" i="2"/>
  <c r="L3855" i="5" s="1"/>
  <c r="L858" i="2"/>
  <c r="L832" i="5" s="1"/>
  <c r="L7559" i="2"/>
  <c r="L7533" i="5" s="1"/>
  <c r="L1508" i="2"/>
  <c r="L1482" i="5" s="1"/>
  <c r="L339" i="2"/>
  <c r="L313" i="5" s="1"/>
  <c r="L6249" i="2"/>
  <c r="L6223" i="5" s="1"/>
  <c r="L7923" i="2"/>
  <c r="L7897" i="5" s="1"/>
  <c r="L3727" i="2"/>
  <c r="L3701" i="5" s="1"/>
  <c r="L2184" i="2"/>
  <c r="L2158" i="5" s="1"/>
  <c r="L2521" i="2"/>
  <c r="L2495" i="5" s="1"/>
  <c r="L4897" i="2"/>
  <c r="L4871" i="5" s="1"/>
  <c r="L5230" i="2"/>
  <c r="L5204" i="5" s="1"/>
  <c r="L4712" i="2"/>
  <c r="L4686" i="5" s="1"/>
  <c r="L7379" i="2"/>
  <c r="L7353" i="5" s="1"/>
  <c r="L8569" i="2"/>
  <c r="L8543" i="5" s="1"/>
  <c r="L1516" i="2"/>
  <c r="L1490" i="5" s="1"/>
  <c r="L2216" i="2"/>
  <c r="L2190" i="5" s="1"/>
  <c r="L4025" i="2"/>
  <c r="L3999" i="5" s="1"/>
  <c r="L3548" i="2"/>
  <c r="L3522" i="5" s="1"/>
  <c r="L6575" i="2"/>
  <c r="L6549" i="5" s="1"/>
  <c r="L8433" i="2"/>
  <c r="L8407" i="5" s="1"/>
  <c r="L6055" i="2"/>
  <c r="L6029" i="5" s="1"/>
  <c r="L8066" i="2"/>
  <c r="L8040" i="5" s="1"/>
  <c r="L6706" i="2"/>
  <c r="L6680" i="5" s="1"/>
  <c r="L6900" i="2"/>
  <c r="L6874" i="5" s="1"/>
  <c r="L7716" i="2"/>
  <c r="L7690" i="5" s="1"/>
  <c r="L5880" i="2"/>
  <c r="L5854" i="5" s="1"/>
  <c r="L8417" i="2"/>
  <c r="L8391" i="5" s="1"/>
  <c r="L3552" i="2"/>
  <c r="L3526" i="5" s="1"/>
  <c r="L6048" i="2"/>
  <c r="L6022" i="5" s="1"/>
  <c r="L5200" i="2"/>
  <c r="L5174" i="5" s="1"/>
  <c r="L3530" i="2"/>
  <c r="L3504" i="5" s="1"/>
  <c r="L7079" i="2"/>
  <c r="L7053" i="5" s="1"/>
  <c r="L5707" i="2"/>
  <c r="L5681" i="5" s="1"/>
  <c r="L1171" i="2"/>
  <c r="L1145" i="5" s="1"/>
  <c r="L7066" i="2"/>
  <c r="L7040" i="5" s="1"/>
  <c r="L4876" i="2"/>
  <c r="L4850" i="5" s="1"/>
  <c r="L4376" i="2"/>
  <c r="L4350" i="5" s="1"/>
  <c r="L8257" i="2"/>
  <c r="L8231" i="5" s="1"/>
  <c r="I7061" i="2"/>
  <c r="I7035" i="5" s="1"/>
  <c r="L3862" i="2"/>
  <c r="L3836" i="5" s="1"/>
  <c r="L7052" i="2"/>
  <c r="L7026" i="5" s="1"/>
  <c r="L5399" i="2"/>
  <c r="L5373" i="5" s="1"/>
  <c r="L832" i="2"/>
  <c r="L806" i="5" s="1"/>
  <c r="L3010" i="2"/>
  <c r="L2984" i="5" s="1"/>
  <c r="L4692" i="2"/>
  <c r="L4666" i="5" s="1"/>
  <c r="L5708" i="2"/>
  <c r="L5682" i="5" s="1"/>
  <c r="L2703" i="2"/>
  <c r="L2677" i="5" s="1"/>
  <c r="L2677" i="2"/>
  <c r="L2651" i="5" s="1"/>
  <c r="L2024" i="2"/>
  <c r="L1998" i="5" s="1"/>
  <c r="L6731" i="2"/>
  <c r="L6705" i="5" s="1"/>
  <c r="L3179" i="2"/>
  <c r="L3153" i="5" s="1"/>
  <c r="L6037" i="2"/>
  <c r="L6011" i="5" s="1"/>
  <c r="L2863" i="2"/>
  <c r="L2837" i="5" s="1"/>
  <c r="L4051" i="2"/>
  <c r="L4025" i="5" s="1"/>
  <c r="L491" i="2"/>
  <c r="L465" i="5" s="1"/>
  <c r="L1188" i="2"/>
  <c r="L1162" i="5" s="1"/>
  <c r="L3551" i="2"/>
  <c r="L3525" i="5" s="1"/>
  <c r="L7726" i="2"/>
  <c r="L7700" i="5" s="1"/>
  <c r="L5719" i="2"/>
  <c r="L5693" i="5" s="1"/>
  <c r="L3866" i="2"/>
  <c r="L3840" i="5" s="1"/>
  <c r="L6246" i="2"/>
  <c r="L6220" i="5" s="1"/>
  <c r="L6898" i="2"/>
  <c r="L6872" i="5" s="1"/>
  <c r="L7913" i="2"/>
  <c r="L7887" i="5" s="1"/>
  <c r="L1542" i="2"/>
  <c r="L1516" i="5" s="1"/>
  <c r="L4550" i="2"/>
  <c r="L4524" i="5" s="1"/>
  <c r="L8754" i="2"/>
  <c r="L8728" i="5" s="1"/>
  <c r="L2028" i="2"/>
  <c r="L2002" i="5" s="1"/>
  <c r="L7404" i="2"/>
  <c r="L7378" i="5" s="1"/>
  <c r="L3535" i="2"/>
  <c r="L3509" i="5" s="1"/>
  <c r="L7922" i="2"/>
  <c r="L7896" i="5" s="1"/>
  <c r="L6916" i="2"/>
  <c r="L6890" i="5" s="1"/>
  <c r="L4230" i="2"/>
  <c r="L4204" i="5" s="1"/>
  <c r="L4045" i="2"/>
  <c r="L4019" i="5" s="1"/>
  <c r="L7067" i="2"/>
  <c r="L7041" i="5" s="1"/>
  <c r="L2876" i="2"/>
  <c r="L2850" i="5" s="1"/>
  <c r="L4735" i="2"/>
  <c r="L4709" i="5" s="1"/>
  <c r="L5706" i="2"/>
  <c r="L5680" i="5" s="1"/>
  <c r="L7551" i="2"/>
  <c r="L7525" i="5" s="1"/>
  <c r="L2176" i="2"/>
  <c r="L2150" i="5" s="1"/>
  <c r="L853" i="2"/>
  <c r="L827" i="5" s="1"/>
  <c r="L2696" i="2"/>
  <c r="L2670" i="5" s="1"/>
  <c r="AR323" i="1"/>
  <c r="I2524" i="2"/>
  <c r="I2498" i="5" s="1"/>
  <c r="L1836" i="2"/>
  <c r="L1810" i="5" s="1"/>
  <c r="L8426" i="2"/>
  <c r="L8400" i="5" s="1"/>
  <c r="L5222" i="2"/>
  <c r="L5196" i="5" s="1"/>
  <c r="L4060" i="2"/>
  <c r="L4034" i="5" s="1"/>
  <c r="L8236" i="2"/>
  <c r="L8210" i="5" s="1"/>
  <c r="L6542" i="2"/>
  <c r="L6516" i="5" s="1"/>
  <c r="L3052" i="2"/>
  <c r="L3026" i="5" s="1"/>
  <c r="L6557" i="2"/>
  <c r="L6531" i="5" s="1"/>
  <c r="L842" i="2"/>
  <c r="L816" i="5" s="1"/>
  <c r="L8225" i="2"/>
  <c r="L8199" i="5" s="1"/>
  <c r="L1866" i="2"/>
  <c r="L1840" i="5" s="1"/>
  <c r="L3559" i="2"/>
  <c r="L3533" i="5" s="1"/>
  <c r="L5568" i="2"/>
  <c r="L5542" i="5" s="1"/>
  <c r="L1677" i="2"/>
  <c r="L1651" i="5" s="1"/>
  <c r="L7044" i="2"/>
  <c r="L7018" i="5" s="1"/>
  <c r="L2198" i="2"/>
  <c r="L2172" i="5" s="1"/>
  <c r="L6202" i="2"/>
  <c r="L6176" i="5" s="1"/>
  <c r="L3693" i="2"/>
  <c r="L3667" i="5" s="1"/>
  <c r="L3869" i="2"/>
  <c r="L3843" i="5" s="1"/>
  <c r="L3360" i="2"/>
  <c r="L3334" i="5" s="1"/>
  <c r="L6584" i="2"/>
  <c r="L6558" i="5" s="1"/>
  <c r="L2680" i="2"/>
  <c r="L2654" i="5" s="1"/>
  <c r="L685" i="2"/>
  <c r="L659" i="5" s="1"/>
  <c r="L1204" i="2"/>
  <c r="L1178" i="5" s="1"/>
  <c r="L3540" i="2"/>
  <c r="L3514" i="5" s="1"/>
  <c r="L2017" i="2"/>
  <c r="L1991" i="5" s="1"/>
  <c r="L1377" i="2"/>
  <c r="L1351" i="5" s="1"/>
  <c r="L2852" i="2"/>
  <c r="L2826" i="5" s="1"/>
  <c r="L4196" i="2"/>
  <c r="L4170" i="5" s="1"/>
  <c r="L2372" i="2"/>
  <c r="L2346" i="5" s="1"/>
  <c r="L6554" i="2"/>
  <c r="L6528" i="5" s="1"/>
  <c r="L5905" i="2"/>
  <c r="L5879" i="5" s="1"/>
  <c r="L6553" i="2"/>
  <c r="L6527" i="5" s="1"/>
  <c r="L5731" i="2"/>
  <c r="L5705" i="5" s="1"/>
  <c r="L2197" i="2"/>
  <c r="L2171" i="5" s="1"/>
  <c r="L2701" i="2"/>
  <c r="L2675" i="5" s="1"/>
  <c r="L2200" i="2"/>
  <c r="L2174" i="5" s="1"/>
  <c r="L5032" i="2"/>
  <c r="L5006" i="5" s="1"/>
  <c r="L5055" i="2"/>
  <c r="L5029" i="5" s="1"/>
  <c r="L3882" i="2"/>
  <c r="L3856" i="5" s="1"/>
  <c r="L1861" i="2"/>
  <c r="L1835" i="5" s="1"/>
  <c r="L675" i="2"/>
  <c r="L649" i="5" s="1"/>
  <c r="I5210" i="2"/>
  <c r="I5184" i="5" s="1"/>
  <c r="L8089" i="2"/>
  <c r="L8063" i="5" s="1"/>
  <c r="L5902" i="2"/>
  <c r="L5876" i="5" s="1"/>
  <c r="L2010" i="2"/>
  <c r="L1984" i="5" s="1"/>
  <c r="L3878" i="2"/>
  <c r="L3852" i="5" s="1"/>
  <c r="L7577" i="2"/>
  <c r="L7551" i="5" s="1"/>
  <c r="L8595" i="2"/>
  <c r="L8569" i="5" s="1"/>
  <c r="L2217" i="2"/>
  <c r="L2191" i="5" s="1"/>
  <c r="L2370" i="2"/>
  <c r="L2344" i="5" s="1"/>
  <c r="L2526" i="2"/>
  <c r="L2500" i="5" s="1"/>
  <c r="L5199" i="2"/>
  <c r="L5173" i="5" s="1"/>
  <c r="L7257" i="2"/>
  <c r="L7231" i="5" s="1"/>
  <c r="L4212" i="2"/>
  <c r="L4186" i="5" s="1"/>
  <c r="L662" i="2"/>
  <c r="L636" i="5" s="1"/>
  <c r="L7220" i="2"/>
  <c r="L7194" i="5" s="1"/>
  <c r="L2857" i="2"/>
  <c r="L2831" i="5" s="1"/>
  <c r="L1847" i="2"/>
  <c r="L1821" i="5" s="1"/>
  <c r="L4201" i="2"/>
  <c r="L4175" i="5" s="1"/>
  <c r="L8234" i="2"/>
  <c r="L8208" i="5" s="1"/>
  <c r="L1506" i="2"/>
  <c r="L1480" i="5" s="1"/>
  <c r="L5382" i="2"/>
  <c r="L5356" i="5" s="1"/>
  <c r="L2540" i="2"/>
  <c r="L2514" i="5" s="1"/>
  <c r="L2186" i="2"/>
  <c r="L2160" i="5" s="1"/>
  <c r="L6892" i="2"/>
  <c r="L6866" i="5" s="1"/>
  <c r="L492" i="2"/>
  <c r="L466" i="5" s="1"/>
  <c r="L7384" i="2"/>
  <c r="L7358" i="5" s="1"/>
  <c r="L6076" i="2"/>
  <c r="L6050" i="5" s="1"/>
  <c r="L5735" i="2"/>
  <c r="L5709" i="5" s="1"/>
  <c r="L2187" i="2"/>
  <c r="L2161" i="5" s="1"/>
  <c r="AR309" i="1"/>
  <c r="L6065" i="2"/>
  <c r="L6039" i="5" s="1"/>
  <c r="L2174" i="2"/>
  <c r="L2148" i="5" s="1"/>
  <c r="L4226" i="2"/>
  <c r="L4200" i="5" s="1"/>
  <c r="L5705" i="2"/>
  <c r="L5679" i="5" s="1"/>
  <c r="L4194" i="2"/>
  <c r="L4168" i="5" s="1"/>
  <c r="L8767" i="2"/>
  <c r="L8741" i="5" s="1"/>
  <c r="L1005" i="2"/>
  <c r="L979" i="5" s="1"/>
  <c r="L1669" i="2"/>
  <c r="L1643" i="5" s="1"/>
  <c r="L3852" i="2"/>
  <c r="L3826" i="5" s="1"/>
  <c r="L2346" i="2"/>
  <c r="L2320" i="5" s="1"/>
  <c r="L3366" i="2"/>
  <c r="L3340" i="5" s="1"/>
  <c r="L7889" i="2"/>
  <c r="L7863" i="5" s="1"/>
  <c r="L2506" i="2"/>
  <c r="L2480" i="5" s="1"/>
  <c r="L1705" i="2"/>
  <c r="L1679" i="5" s="1"/>
  <c r="L3204" i="2"/>
  <c r="L3178" i="5" s="1"/>
  <c r="L834" i="2"/>
  <c r="L808" i="5" s="1"/>
  <c r="L705" i="2"/>
  <c r="L679" i="5" s="1"/>
  <c r="L7403" i="2"/>
  <c r="L7377" i="5" s="1"/>
  <c r="L2685" i="2"/>
  <c r="L2659" i="5" s="1"/>
  <c r="L8056" i="2"/>
  <c r="L8030" i="5" s="1"/>
  <c r="L8593" i="2"/>
  <c r="L8567" i="5" s="1"/>
  <c r="L6710" i="2"/>
  <c r="L6684" i="5" s="1"/>
  <c r="L1011" i="2"/>
  <c r="L985" i="5" s="1"/>
  <c r="L1201" i="2"/>
  <c r="L1175" i="5" s="1"/>
  <c r="L5891" i="2"/>
  <c r="L5865" i="5" s="1"/>
  <c r="L6902" i="2"/>
  <c r="L6876" i="5" s="1"/>
  <c r="L5388" i="2"/>
  <c r="L5362" i="5" s="1"/>
  <c r="AR252" i="1"/>
  <c r="I694" i="2"/>
  <c r="I668" i="5" s="1"/>
  <c r="L7225" i="2"/>
  <c r="L7199" i="5" s="1"/>
  <c r="L4900" i="2"/>
  <c r="L4874" i="5" s="1"/>
  <c r="L7060" i="2"/>
  <c r="L7034" i="5" s="1"/>
  <c r="L2199" i="2"/>
  <c r="L2173" i="5" s="1"/>
  <c r="L4034" i="2"/>
  <c r="L4008" i="5" s="1"/>
  <c r="L8061" i="2"/>
  <c r="L8035" i="5" s="1"/>
  <c r="L2523" i="2"/>
  <c r="L2497" i="5" s="1"/>
  <c r="L6381" i="2"/>
  <c r="L6355" i="5" s="1"/>
  <c r="L5211" i="2"/>
  <c r="L5185" i="5" s="1"/>
  <c r="L8578" i="2"/>
  <c r="L8552" i="5" s="1"/>
  <c r="L2507" i="2"/>
  <c r="L2481" i="5" s="1"/>
  <c r="L2509" i="2"/>
  <c r="L2483" i="5" s="1"/>
  <c r="L3518" i="2"/>
  <c r="L3492" i="5" s="1"/>
  <c r="L2209" i="2"/>
  <c r="L2183" i="5" s="1"/>
  <c r="L1676" i="2"/>
  <c r="L1650" i="5" s="1"/>
  <c r="L1022" i="2"/>
  <c r="L996" i="5" s="1"/>
  <c r="L3191" i="2"/>
  <c r="L3165" i="5" s="1"/>
  <c r="L186" i="2"/>
  <c r="L160" i="5" s="1"/>
  <c r="L2533" i="2"/>
  <c r="L2507" i="5" s="1"/>
  <c r="L8076" i="2"/>
  <c r="L8050" i="5" s="1"/>
  <c r="L8052" i="2"/>
  <c r="L8026" i="5" s="1"/>
  <c r="L3036" i="2"/>
  <c r="L3010" i="5" s="1"/>
  <c r="L1844" i="2"/>
  <c r="L1818" i="5" s="1"/>
  <c r="L5408" i="2"/>
  <c r="L5382" i="5" s="1"/>
  <c r="L6743" i="2"/>
  <c r="L6717" i="5" s="1"/>
  <c r="L7750" i="2"/>
  <c r="L7724" i="5" s="1"/>
  <c r="L7737" i="2"/>
  <c r="L7711" i="5" s="1"/>
  <c r="AR322" i="1"/>
  <c r="AR35" i="1"/>
  <c r="AR91" i="1"/>
  <c r="L5869" i="2"/>
  <c r="L5843" i="5" s="1"/>
  <c r="L2360" i="2"/>
  <c r="L2334" i="5" s="1"/>
  <c r="L6738" i="2"/>
  <c r="L6712" i="5" s="1"/>
  <c r="L5910" i="2"/>
  <c r="L5884" i="5" s="1"/>
  <c r="L3346" i="2"/>
  <c r="L3320" i="5" s="1"/>
  <c r="L4216" i="2"/>
  <c r="L4190" i="5" s="1"/>
  <c r="L8263" i="2"/>
  <c r="L8237" i="5" s="1"/>
  <c r="L5563" i="2"/>
  <c r="L5537" i="5" s="1"/>
  <c r="L155" i="2"/>
  <c r="L129" i="5" s="1"/>
  <c r="L8065" i="2"/>
  <c r="L8039" i="5" s="1"/>
  <c r="L5533" i="2"/>
  <c r="L5507" i="5" s="1"/>
  <c r="L687" i="2"/>
  <c r="L661" i="5" s="1"/>
  <c r="L681" i="2"/>
  <c r="L655" i="5" s="1"/>
  <c r="L7718" i="2"/>
  <c r="L7692" i="5" s="1"/>
  <c r="L8760" i="2"/>
  <c r="L8734" i="5" s="1"/>
  <c r="L6214" i="2"/>
  <c r="L6188" i="5" s="1"/>
  <c r="L2344" i="2"/>
  <c r="L2318" i="5" s="1"/>
  <c r="L2213" i="2"/>
  <c r="L2187" i="5" s="1"/>
  <c r="L5565" i="2"/>
  <c r="L5539" i="5" s="1"/>
  <c r="L3369" i="2"/>
  <c r="L3343" i="5" s="1"/>
  <c r="L3524" i="2"/>
  <c r="L3498" i="5" s="1"/>
  <c r="L6227" i="2"/>
  <c r="L6201" i="5" s="1"/>
  <c r="L8724" i="2"/>
  <c r="L8698" i="5" s="1"/>
  <c r="L6885" i="2"/>
  <c r="L6859" i="5" s="1"/>
  <c r="L6041" i="2"/>
  <c r="L6015" i="5" s="1"/>
  <c r="L7898" i="2"/>
  <c r="L7872" i="5" s="1"/>
  <c r="L5054" i="2"/>
  <c r="L5028" i="5" s="1"/>
  <c r="L8233" i="2"/>
  <c r="L8207" i="5" s="1"/>
  <c r="AR267" i="1"/>
  <c r="I528" i="2"/>
  <c r="I502" i="5" s="1"/>
  <c r="I8728" i="2"/>
  <c r="I8702" i="5" s="1"/>
  <c r="I7081" i="2"/>
  <c r="I7055" i="5" s="1"/>
  <c r="I3199" i="2"/>
  <c r="I3173" i="5" s="1"/>
  <c r="I2707" i="2"/>
  <c r="I2681" i="5" s="1"/>
  <c r="AR63" i="1"/>
  <c r="AR294" i="1"/>
  <c r="C300" i="5"/>
  <c r="AR154" i="1"/>
  <c r="AR29" i="1"/>
  <c r="I7732" i="2"/>
  <c r="I7706" i="5" s="1"/>
  <c r="I180" i="2"/>
  <c r="I154" i="5" s="1"/>
  <c r="L6374" i="2"/>
  <c r="L6348" i="5" s="1"/>
  <c r="L1674" i="2"/>
  <c r="L1648" i="5" s="1"/>
  <c r="L344" i="2"/>
  <c r="L318" i="5" s="1"/>
  <c r="L1208" i="2"/>
  <c r="L1182" i="5" s="1"/>
  <c r="L8252" i="2"/>
  <c r="L8226" i="5" s="1"/>
  <c r="L6729" i="2"/>
  <c r="L6703" i="5" s="1"/>
  <c r="L3894" i="2"/>
  <c r="L3868" i="5" s="1"/>
  <c r="L8253" i="2"/>
  <c r="L8227" i="5" s="1"/>
  <c r="L7924" i="2"/>
  <c r="L7898" i="5" s="1"/>
  <c r="L3707" i="2"/>
  <c r="L3681" i="5" s="1"/>
  <c r="L4732" i="2"/>
  <c r="L4706" i="5" s="1"/>
  <c r="L3221" i="2"/>
  <c r="L3195" i="5" s="1"/>
  <c r="L3026" i="2"/>
  <c r="L3000" i="5" s="1"/>
  <c r="L5901" i="2"/>
  <c r="L5875" i="5" s="1"/>
  <c r="L2194" i="2"/>
  <c r="L2168" i="5" s="1"/>
  <c r="L2382" i="2"/>
  <c r="L2356" i="5" s="1"/>
  <c r="L2175" i="2"/>
  <c r="L2149" i="5" s="1"/>
  <c r="L352" i="2"/>
  <c r="L326" i="5" s="1"/>
  <c r="L2515" i="2"/>
  <c r="L2489" i="5" s="1"/>
  <c r="L5216" i="2"/>
  <c r="L5190" i="5" s="1"/>
  <c r="L3011" i="2"/>
  <c r="L2985" i="5" s="1"/>
  <c r="L4551" i="2"/>
  <c r="L4525" i="5" s="1"/>
  <c r="L514" i="2"/>
  <c r="L488" i="5" s="1"/>
  <c r="L7221" i="2"/>
  <c r="L7195" i="5" s="1"/>
  <c r="L7916" i="2"/>
  <c r="L7890" i="5" s="1"/>
  <c r="L7051" i="2"/>
  <c r="L7025" i="5" s="1"/>
  <c r="L8734" i="2"/>
  <c r="L8708" i="5" s="1"/>
  <c r="L5732" i="2"/>
  <c r="L5706" i="5" s="1"/>
  <c r="L1189" i="2"/>
  <c r="L1163" i="5" s="1"/>
  <c r="L4549" i="2"/>
  <c r="L4523" i="5" s="1"/>
  <c r="L7399" i="2"/>
  <c r="L7373" i="5" s="1"/>
  <c r="L7223" i="2"/>
  <c r="L7197" i="5" s="1"/>
  <c r="L8226" i="2"/>
  <c r="L8200" i="5" s="1"/>
  <c r="L5570" i="2"/>
  <c r="L5544" i="5" s="1"/>
  <c r="L5903" i="2"/>
  <c r="L5877" i="5" s="1"/>
  <c r="L3858" i="2"/>
  <c r="L3832" i="5" s="1"/>
  <c r="L8250" i="2"/>
  <c r="L8224" i="5" s="1"/>
  <c r="L6896" i="2"/>
  <c r="L6870" i="5" s="1"/>
  <c r="L6417" i="2"/>
  <c r="L6391" i="5" s="1"/>
  <c r="L7407" i="2"/>
  <c r="L7381" i="5" s="1"/>
  <c r="L6750" i="2"/>
  <c r="L6724" i="5" s="1"/>
  <c r="L3016" i="2"/>
  <c r="L2990" i="5" s="1"/>
  <c r="L2538" i="2"/>
  <c r="L2512" i="5" s="1"/>
  <c r="L8054" i="2"/>
  <c r="L8028" i="5" s="1"/>
  <c r="L847" i="2"/>
  <c r="L821" i="5" s="1"/>
  <c r="L1341" i="2"/>
  <c r="L1315" i="5" s="1"/>
  <c r="L4211" i="2"/>
  <c r="L4185" i="5" s="1"/>
  <c r="L7214" i="2"/>
  <c r="L7188" i="5" s="1"/>
  <c r="L5867" i="2"/>
  <c r="L5841" i="5" s="1"/>
  <c r="L1703" i="2"/>
  <c r="L1677" i="5" s="1"/>
  <c r="L5887" i="2"/>
  <c r="L5861" i="5" s="1"/>
  <c r="L5710" i="2"/>
  <c r="L5684" i="5" s="1"/>
  <c r="L158" i="2"/>
  <c r="L132" i="5" s="1"/>
  <c r="L6370" i="2"/>
  <c r="L6344" i="5" s="1"/>
  <c r="L5716" i="2"/>
  <c r="L5690" i="5" s="1"/>
  <c r="L5389" i="2"/>
  <c r="L5363" i="5" s="1"/>
  <c r="L4859" i="2"/>
  <c r="L4833" i="5" s="1"/>
  <c r="L199" i="2"/>
  <c r="L173" i="5" s="1"/>
  <c r="L5541" i="2"/>
  <c r="L5515" i="5" s="1"/>
  <c r="L330" i="2"/>
  <c r="L304" i="5" s="1"/>
  <c r="L8563" i="2"/>
  <c r="L8537" i="5" s="1"/>
  <c r="L5549" i="2"/>
  <c r="L5523" i="5" s="1"/>
  <c r="L7255" i="2"/>
  <c r="L7229" i="5" s="1"/>
  <c r="L658" i="2"/>
  <c r="L632" i="5" s="1"/>
  <c r="I6575" i="2"/>
  <c r="I6549" i="5" s="1"/>
  <c r="AR119" i="1"/>
  <c r="I1667" i="2"/>
  <c r="I1641" i="5" s="1"/>
  <c r="I7413" i="2"/>
  <c r="I7387" i="5" s="1"/>
  <c r="I8097" i="2"/>
  <c r="I8071" i="5" s="1"/>
  <c r="G153" i="5"/>
  <c r="AR147" i="1"/>
  <c r="AR336" i="1"/>
  <c r="I5867" i="2"/>
  <c r="I5841" i="5" s="1"/>
  <c r="AR105" i="1"/>
  <c r="I3517" i="2"/>
  <c r="I3491" i="5" s="1"/>
  <c r="I6751" i="2"/>
  <c r="I6725" i="5" s="1"/>
  <c r="AR57" i="1"/>
  <c r="C63" i="5"/>
  <c r="AR197" i="1"/>
  <c r="I4864" i="2"/>
  <c r="I4838" i="5" s="1"/>
  <c r="AR259" i="1"/>
  <c r="L8230" i="2"/>
  <c r="L8204" i="5" s="1"/>
  <c r="L5196" i="2"/>
  <c r="L5170" i="5" s="1"/>
  <c r="L3037" i="2"/>
  <c r="L3011" i="5" s="1"/>
  <c r="L8409" i="2"/>
  <c r="L8383" i="5" s="1"/>
  <c r="L195" i="2"/>
  <c r="L169" i="5" s="1"/>
  <c r="L3359" i="2"/>
  <c r="L3333" i="5" s="1"/>
  <c r="L1700" i="2"/>
  <c r="L1674" i="5" s="1"/>
  <c r="L1193" i="2"/>
  <c r="L1167" i="5" s="1"/>
  <c r="L7386" i="2"/>
  <c r="L7360" i="5" s="1"/>
  <c r="L6882" i="2"/>
  <c r="L6856" i="5" s="1"/>
  <c r="L3876" i="2"/>
  <c r="L3850" i="5" s="1"/>
  <c r="L8743" i="2"/>
  <c r="L8717" i="5" s="1"/>
  <c r="L1025" i="2"/>
  <c r="L999" i="5" s="1"/>
  <c r="L5228" i="2"/>
  <c r="L5202" i="5" s="1"/>
  <c r="L8571" i="2"/>
  <c r="L8545" i="5" s="1"/>
  <c r="L1028" i="2"/>
  <c r="L1002" i="5" s="1"/>
  <c r="L2530" i="2"/>
  <c r="L2504" i="5" s="1"/>
  <c r="L4383" i="2"/>
  <c r="L4357" i="5" s="1"/>
  <c r="L1530" i="2"/>
  <c r="L1504" i="5" s="1"/>
  <c r="L1860" i="2"/>
  <c r="L1834" i="5" s="1"/>
  <c r="L6383" i="2"/>
  <c r="L6357" i="5" s="1"/>
  <c r="L6570" i="2"/>
  <c r="L6544" i="5" s="1"/>
  <c r="L5717" i="2"/>
  <c r="L5691" i="5" s="1"/>
  <c r="L7400" i="2"/>
  <c r="L7374" i="5" s="1"/>
  <c r="L7056" i="2"/>
  <c r="L7030" i="5" s="1"/>
  <c r="L7919" i="2"/>
  <c r="L7893" i="5" s="1"/>
  <c r="L3388" i="2"/>
  <c r="L3362" i="5" s="1"/>
  <c r="L7045" i="2"/>
  <c r="L7019" i="5" s="1"/>
  <c r="L2039" i="2"/>
  <c r="L2013" i="5" s="1"/>
  <c r="L1854" i="2"/>
  <c r="L1828" i="5" s="1"/>
  <c r="L8072" i="2"/>
  <c r="L8046" i="5" s="1"/>
  <c r="L2193" i="2"/>
  <c r="L2167" i="5" s="1"/>
  <c r="L1330" i="2"/>
  <c r="L1304" i="5" s="1"/>
  <c r="L8397" i="2"/>
  <c r="L8371" i="5" s="1"/>
  <c r="L1197" i="2"/>
  <c r="L1171" i="5" s="1"/>
  <c r="L2719" i="2"/>
  <c r="L2693" i="5" s="1"/>
  <c r="L6405" i="2"/>
  <c r="L6379" i="5" s="1"/>
  <c r="L1688" i="2"/>
  <c r="L1662" i="5" s="1"/>
  <c r="L677" i="2"/>
  <c r="L651" i="5" s="1"/>
  <c r="L995" i="2"/>
  <c r="L969" i="5" s="1"/>
  <c r="L3391" i="2"/>
  <c r="L3365" i="5" s="1"/>
  <c r="L5551" i="2"/>
  <c r="L5525" i="5" s="1"/>
  <c r="L4233" i="2"/>
  <c r="L4207" i="5" s="1"/>
  <c r="L7415" i="2"/>
  <c r="L7389" i="5" s="1"/>
  <c r="L1187" i="2"/>
  <c r="L1161" i="5" s="1"/>
  <c r="L8393" i="2"/>
  <c r="L8367" i="5" s="1"/>
  <c r="L4050" i="2"/>
  <c r="L4024" i="5" s="1"/>
  <c r="L1182" i="2"/>
  <c r="L1156" i="5" s="1"/>
  <c r="L8748" i="2"/>
  <c r="L8722" i="5" s="1"/>
  <c r="L4714" i="2"/>
  <c r="L4688" i="5" s="1"/>
  <c r="L5056" i="2"/>
  <c r="L5030" i="5" s="1"/>
  <c r="L188" i="2"/>
  <c r="L162" i="5" s="1"/>
  <c r="L829" i="2"/>
  <c r="L803" i="5" s="1"/>
  <c r="L2675" i="2"/>
  <c r="L2649" i="5" s="1"/>
  <c r="L6053" i="2"/>
  <c r="L6027" i="5" s="1"/>
  <c r="L1524" i="2"/>
  <c r="L1498" i="5" s="1"/>
  <c r="L4903" i="2"/>
  <c r="L4877" i="5" s="1"/>
  <c r="L2702" i="2"/>
  <c r="L2676" i="5" s="1"/>
  <c r="L3041" i="2"/>
  <c r="L3015" i="5" s="1"/>
  <c r="L7244" i="2"/>
  <c r="L7218" i="5" s="1"/>
  <c r="L1366" i="2"/>
  <c r="L1340" i="5" s="1"/>
  <c r="L6576" i="2"/>
  <c r="L6550" i="5" s="1"/>
  <c r="L5059" i="2"/>
  <c r="L5033" i="5" s="1"/>
  <c r="L7249" i="2"/>
  <c r="L7223" i="5" s="1"/>
  <c r="I5368" i="2"/>
  <c r="I5342" i="5" s="1"/>
  <c r="I3876" i="2"/>
  <c r="I3850" i="5" s="1"/>
  <c r="I2201" i="2"/>
  <c r="I2175" i="5" s="1"/>
  <c r="L2036" i="2"/>
  <c r="L2010" i="5" s="1"/>
  <c r="L3049" i="2"/>
  <c r="L3023" i="5" s="1"/>
  <c r="L1012" i="2"/>
  <c r="L986" i="5" s="1"/>
  <c r="L6721" i="2"/>
  <c r="L6695" i="5" s="1"/>
  <c r="L1687" i="2"/>
  <c r="L1661" i="5" s="1"/>
  <c r="L850" i="2"/>
  <c r="L824" i="5" s="1"/>
  <c r="L6732" i="2"/>
  <c r="L6706" i="5" s="1"/>
  <c r="L5871" i="2"/>
  <c r="L5845" i="5" s="1"/>
  <c r="L6540" i="2"/>
  <c r="L6514" i="5" s="1"/>
  <c r="L5404" i="2"/>
  <c r="L5378" i="5" s="1"/>
  <c r="L2380" i="2"/>
  <c r="L2354" i="5" s="1"/>
  <c r="L7906" i="2"/>
  <c r="L7880" i="5" s="1"/>
  <c r="L690" i="2"/>
  <c r="L664" i="5" s="1"/>
  <c r="L856" i="2"/>
  <c r="L830" i="5" s="1"/>
  <c r="L7406" i="2"/>
  <c r="L7380" i="5" s="1"/>
  <c r="L8077" i="2"/>
  <c r="L8051" i="5" s="1"/>
  <c r="L6574" i="2"/>
  <c r="L6548" i="5" s="1"/>
  <c r="L7883" i="2"/>
  <c r="L7857" i="5" s="1"/>
  <c r="L3224" i="2"/>
  <c r="L3198" i="5" s="1"/>
  <c r="L1031" i="2"/>
  <c r="L1005" i="5" s="1"/>
  <c r="L1877" i="2"/>
  <c r="L1851" i="5" s="1"/>
  <c r="L1841" i="2"/>
  <c r="L1815" i="5" s="1"/>
  <c r="L2850" i="2"/>
  <c r="L2824" i="5" s="1"/>
  <c r="L3021" i="2"/>
  <c r="L2995" i="5" s="1"/>
  <c r="L2539" i="2"/>
  <c r="L2513" i="5" s="1"/>
  <c r="L2189" i="2"/>
  <c r="L2163" i="5" s="1"/>
  <c r="L6206" i="2"/>
  <c r="L6180" i="5" s="1"/>
  <c r="L6208" i="2"/>
  <c r="L6182" i="5" s="1"/>
  <c r="L828" i="2"/>
  <c r="L802" i="5" s="1"/>
  <c r="L862" i="2"/>
  <c r="L836" i="5" s="1"/>
  <c r="L2210" i="2"/>
  <c r="L2184" i="5" s="1"/>
  <c r="L4725" i="2"/>
  <c r="L4699" i="5" s="1"/>
  <c r="L7721" i="2"/>
  <c r="L7695" i="5" s="1"/>
  <c r="L6739" i="2"/>
  <c r="L6713" i="5" s="1"/>
  <c r="L1880" i="2"/>
  <c r="L1854" i="5" s="1"/>
  <c r="L2844" i="2"/>
  <c r="L2818" i="5" s="1"/>
  <c r="L6556" i="2"/>
  <c r="L6530" i="5" s="1"/>
  <c r="L867" i="2"/>
  <c r="L841" i="5" s="1"/>
  <c r="L1691" i="2"/>
  <c r="L1665" i="5" s="1"/>
  <c r="L6734" i="2"/>
  <c r="L6708" i="5" s="1"/>
  <c r="L5909" i="2"/>
  <c r="L5883" i="5" s="1"/>
  <c r="L699" i="2"/>
  <c r="L673" i="5" s="1"/>
  <c r="L8745" i="2"/>
  <c r="L8719" i="5" s="1"/>
  <c r="L8761" i="2"/>
  <c r="L8735" i="5" s="1"/>
  <c r="L854" i="2"/>
  <c r="L828" i="5" s="1"/>
  <c r="L8585" i="2"/>
  <c r="L8559" i="5" s="1"/>
  <c r="L3865" i="2"/>
  <c r="L3839" i="5" s="1"/>
  <c r="L3184" i="2"/>
  <c r="L3158" i="5" s="1"/>
  <c r="L7069" i="2"/>
  <c r="L7043" i="5" s="1"/>
  <c r="L6919" i="2"/>
  <c r="L6893" i="5" s="1"/>
  <c r="L6233" i="2"/>
  <c r="L6207" i="5" s="1"/>
  <c r="L5556" i="2"/>
  <c r="L5530" i="5" s="1"/>
  <c r="L7591" i="2"/>
  <c r="L7565" i="5" s="1"/>
  <c r="L8398" i="2"/>
  <c r="L8372" i="5" s="1"/>
  <c r="L327" i="2"/>
  <c r="L301" i="5" s="1"/>
  <c r="L2513" i="2"/>
  <c r="L2487" i="5" s="1"/>
  <c r="L8588" i="2"/>
  <c r="L8562" i="5" s="1"/>
  <c r="L6042" i="2"/>
  <c r="L6016" i="5" s="1"/>
  <c r="L8390" i="2"/>
  <c r="L8364" i="5" s="1"/>
  <c r="L6219" i="2"/>
  <c r="L6193" i="5" s="1"/>
  <c r="L5391" i="2"/>
  <c r="L5365" i="5" s="1"/>
  <c r="L8053" i="2"/>
  <c r="L8027" i="5" s="1"/>
  <c r="I5904" i="2"/>
  <c r="I5878" i="5" s="1"/>
  <c r="I4361" i="2"/>
  <c r="I4335" i="5" s="1"/>
  <c r="I8598" i="2"/>
  <c r="I8572" i="5" s="1"/>
  <c r="I4399" i="2"/>
  <c r="I4373" i="5" s="1"/>
  <c r="I5727" i="2"/>
  <c r="I5701" i="5" s="1"/>
  <c r="I6552" i="2"/>
  <c r="I6526" i="5" s="1"/>
  <c r="I5734" i="2"/>
  <c r="I5708" i="5" s="1"/>
  <c r="I1676" i="2"/>
  <c r="I1650" i="5" s="1"/>
  <c r="I3364" i="2"/>
  <c r="I3338" i="5" s="1"/>
  <c r="I4723" i="2"/>
  <c r="I4697" i="5" s="1"/>
  <c r="I179" i="2"/>
  <c r="I153" i="5" s="1"/>
  <c r="I701" i="2"/>
  <c r="I675" i="5" s="1"/>
  <c r="I343" i="2"/>
  <c r="I317" i="5" s="1"/>
  <c r="I7064" i="2"/>
  <c r="I7038" i="5" s="1"/>
  <c r="I6396" i="2"/>
  <c r="I6370" i="5" s="1"/>
  <c r="I8592" i="2"/>
  <c r="I8566" i="5" s="1"/>
  <c r="I3710" i="2"/>
  <c r="I3684" i="5" s="1"/>
  <c r="I6714" i="2"/>
  <c r="I6688" i="5" s="1"/>
  <c r="I1857" i="2"/>
  <c r="I1831" i="5" s="1"/>
  <c r="I8567" i="2"/>
  <c r="I8541" i="5" s="1"/>
  <c r="I2508" i="2"/>
  <c r="I2482" i="5" s="1"/>
  <c r="I2019" i="2"/>
  <c r="I1993" i="5" s="1"/>
  <c r="I6374" i="2"/>
  <c r="I6348" i="5" s="1"/>
  <c r="I1678" i="2"/>
  <c r="I1652" i="5" s="1"/>
  <c r="I5891" i="2"/>
  <c r="I5865" i="5" s="1"/>
  <c r="I2359" i="2"/>
  <c r="I2333" i="5" s="1"/>
  <c r="I4398" i="2"/>
  <c r="I4372" i="5" s="1"/>
  <c r="I5699" i="2"/>
  <c r="I5673" i="5" s="1"/>
  <c r="I1846" i="2"/>
  <c r="I1820" i="5" s="1"/>
  <c r="I8418" i="2"/>
  <c r="I8392" i="5" s="1"/>
  <c r="I7250" i="2"/>
  <c r="I7224" i="5" s="1"/>
  <c r="I6076" i="2"/>
  <c r="I6050" i="5" s="1"/>
  <c r="I6583" i="2"/>
  <c r="I6557" i="5" s="1"/>
  <c r="I7580" i="2"/>
  <c r="I7554" i="5" s="1"/>
  <c r="I5235" i="2"/>
  <c r="I5209" i="5" s="1"/>
  <c r="I5536" i="2"/>
  <c r="I5510" i="5" s="1"/>
  <c r="I4862" i="2"/>
  <c r="I4836" i="5" s="1"/>
  <c r="C181" i="5"/>
  <c r="AR175" i="1"/>
  <c r="I1175" i="2"/>
  <c r="I1149" i="5" s="1"/>
  <c r="I3223" i="2"/>
  <c r="I3197" i="5" s="1"/>
  <c r="AR190" i="1"/>
  <c r="C196" i="5"/>
  <c r="L6068" i="2"/>
  <c r="L6042" i="5" s="1"/>
  <c r="L6904" i="2"/>
  <c r="L6878" i="5" s="1"/>
  <c r="L1504" i="2"/>
  <c r="L1478" i="5" s="1"/>
  <c r="L1337" i="2"/>
  <c r="L1311" i="5" s="1"/>
  <c r="L2544" i="2"/>
  <c r="L2518" i="5" s="1"/>
  <c r="L4366" i="2"/>
  <c r="L4340" i="5" s="1"/>
  <c r="L7578" i="2"/>
  <c r="L7552" i="5" s="1"/>
  <c r="L8735" i="2"/>
  <c r="L8709" i="5" s="1"/>
  <c r="L3192" i="2"/>
  <c r="L3166" i="5" s="1"/>
  <c r="L7085" i="2"/>
  <c r="L7059" i="5" s="1"/>
  <c r="L6538" i="2"/>
  <c r="L6512" i="5" s="1"/>
  <c r="L6707" i="2"/>
  <c r="L6681" i="5" s="1"/>
  <c r="L3354" i="2"/>
  <c r="L3328" i="5" s="1"/>
  <c r="L6073" i="2"/>
  <c r="L6047" i="5" s="1"/>
  <c r="L7584" i="2"/>
  <c r="L7558" i="5" s="1"/>
  <c r="L2678" i="2"/>
  <c r="L2652" i="5" s="1"/>
  <c r="L4531" i="2"/>
  <c r="L4505" i="5" s="1"/>
  <c r="L7211" i="2"/>
  <c r="L7185" i="5" s="1"/>
  <c r="L5699" i="2"/>
  <c r="L5673" i="5" s="1"/>
  <c r="L6220" i="2"/>
  <c r="L6194" i="5" s="1"/>
  <c r="L7735" i="2"/>
  <c r="L7709" i="5" s="1"/>
  <c r="L3347" i="2"/>
  <c r="L3321" i="5" s="1"/>
  <c r="L2356" i="2"/>
  <c r="L2330" i="5" s="1"/>
  <c r="L1845" i="2"/>
  <c r="L1819" i="5" s="1"/>
  <c r="L7046" i="2"/>
  <c r="L7020" i="5" s="1"/>
  <c r="L3185" i="2"/>
  <c r="L3159" i="5" s="1"/>
  <c r="L8412" i="2"/>
  <c r="L8386" i="5" s="1"/>
  <c r="L3560" i="2"/>
  <c r="L3534" i="5" s="1"/>
  <c r="L1683" i="2"/>
  <c r="L1657" i="5" s="1"/>
  <c r="L8085" i="2"/>
  <c r="L8059" i="5" s="1"/>
  <c r="L4373" i="2"/>
  <c r="L4347" i="5" s="1"/>
  <c r="L343" i="2"/>
  <c r="L317" i="5" s="1"/>
  <c r="L4020" i="2"/>
  <c r="L3994" i="5" s="1"/>
  <c r="L5233" i="2"/>
  <c r="L5207" i="5" s="1"/>
  <c r="L4730" i="2"/>
  <c r="L4704" i="5" s="1"/>
  <c r="L1336" i="2"/>
  <c r="L1310" i="5" s="1"/>
  <c r="L7588" i="2"/>
  <c r="L7562" i="5" s="1"/>
  <c r="L1180" i="2"/>
  <c r="L1154" i="5" s="1"/>
  <c r="L3514" i="2"/>
  <c r="L3488" i="5" s="1"/>
  <c r="L1843" i="2"/>
  <c r="L1817" i="5" s="1"/>
  <c r="L845" i="2"/>
  <c r="L819" i="5" s="1"/>
  <c r="L1039" i="2"/>
  <c r="L1013" i="5" s="1"/>
  <c r="L4523" i="2"/>
  <c r="L4497" i="5" s="1"/>
  <c r="L8232" i="2"/>
  <c r="L8206" i="5" s="1"/>
  <c r="L1526" i="2"/>
  <c r="L1500" i="5" s="1"/>
  <c r="L4024" i="2"/>
  <c r="L3998" i="5" s="1"/>
  <c r="L5552" i="2"/>
  <c r="L5526" i="5" s="1"/>
  <c r="L4374" i="2"/>
  <c r="L4348" i="5" s="1"/>
  <c r="L1367" i="2"/>
  <c r="L1341" i="5" s="1"/>
  <c r="L5071" i="2"/>
  <c r="L5045" i="5" s="1"/>
  <c r="L5065" i="2"/>
  <c r="L5039" i="5" s="1"/>
  <c r="L499" i="2"/>
  <c r="L473" i="5" s="1"/>
  <c r="L4218" i="2"/>
  <c r="L4192" i="5" s="1"/>
  <c r="L3197" i="2"/>
  <c r="L3171" i="5" s="1"/>
  <c r="L8254" i="2"/>
  <c r="L8228" i="5" s="1"/>
  <c r="L2384" i="2"/>
  <c r="L2358" i="5" s="1"/>
  <c r="L1511" i="2"/>
  <c r="L1485" i="5" s="1"/>
  <c r="L1513" i="2"/>
  <c r="L1487" i="5" s="1"/>
  <c r="L4391" i="2"/>
  <c r="L4365" i="5" s="1"/>
  <c r="L5367" i="2"/>
  <c r="L5341" i="5" s="1"/>
  <c r="L3379" i="2"/>
  <c r="L3353" i="5" s="1"/>
  <c r="L7238" i="2"/>
  <c r="L7212" i="5" s="1"/>
  <c r="L1679" i="2"/>
  <c r="L1653" i="5" s="1"/>
  <c r="L6052" i="2"/>
  <c r="L6026" i="5" s="1"/>
  <c r="L1701" i="2"/>
  <c r="L1675" i="5" s="1"/>
  <c r="L5555" i="2"/>
  <c r="L5529" i="5" s="1"/>
  <c r="L2550" i="2"/>
  <c r="L2524" i="5" s="1"/>
  <c r="L7567" i="2"/>
  <c r="L7541" i="5" s="1"/>
  <c r="L5220" i="2"/>
  <c r="L5194" i="5" s="1"/>
  <c r="L7734" i="2"/>
  <c r="L7708" i="5" s="1"/>
  <c r="L5046" i="2"/>
  <c r="L5020" i="5" s="1"/>
  <c r="L3201" i="2"/>
  <c r="L3175" i="5" s="1"/>
  <c r="L2517" i="2"/>
  <c r="L2491" i="5" s="1"/>
  <c r="L2171" i="2"/>
  <c r="L2145" i="5" s="1"/>
  <c r="L181" i="2"/>
  <c r="L155" i="5" s="1"/>
  <c r="L3040" i="2"/>
  <c r="L3014" i="5" s="1"/>
  <c r="L4559" i="2"/>
  <c r="L4533" i="5" s="1"/>
  <c r="L3721" i="2"/>
  <c r="L3695" i="5" s="1"/>
  <c r="L4700" i="2"/>
  <c r="L4674" i="5" s="1"/>
  <c r="L1191" i="2"/>
  <c r="L1165" i="5" s="1"/>
  <c r="L1666" i="2"/>
  <c r="L1640" i="5" s="1"/>
  <c r="L4894" i="2"/>
  <c r="L4868" i="5" s="1"/>
  <c r="L7232" i="2"/>
  <c r="L7206" i="5" s="1"/>
  <c r="L4217" i="2"/>
  <c r="L4191" i="5" s="1"/>
  <c r="L6242" i="2"/>
  <c r="L6216" i="5" s="1"/>
  <c r="L4387" i="2"/>
  <c r="L4361" i="5" s="1"/>
  <c r="L6720" i="2"/>
  <c r="L6694" i="5" s="1"/>
  <c r="L6910" i="2"/>
  <c r="L6884" i="5" s="1"/>
  <c r="L509" i="2"/>
  <c r="L483" i="5" s="1"/>
  <c r="L3854" i="2"/>
  <c r="L3828" i="5" s="1"/>
  <c r="L5883" i="2"/>
  <c r="L5857" i="5" s="1"/>
  <c r="L1699" i="2"/>
  <c r="L1673" i="5" s="1"/>
  <c r="L8592" i="2"/>
  <c r="L8566" i="5" s="1"/>
  <c r="L2338" i="2"/>
  <c r="L2312" i="5" s="1"/>
  <c r="L861" i="2"/>
  <c r="L835" i="5" s="1"/>
  <c r="L5718" i="2"/>
  <c r="L5692" i="5" s="1"/>
  <c r="L6708" i="2"/>
  <c r="L6682" i="5" s="1"/>
  <c r="L2873" i="2"/>
  <c r="L2847" i="5" s="1"/>
  <c r="L6546" i="2"/>
  <c r="L6520" i="5" s="1"/>
  <c r="L663" i="2"/>
  <c r="L637" i="5" s="1"/>
  <c r="L6047" i="2"/>
  <c r="L6021" i="5" s="1"/>
  <c r="L6232" i="2"/>
  <c r="L6206" i="5" s="1"/>
  <c r="L8059" i="2"/>
  <c r="L8033" i="5" s="1"/>
  <c r="L2867" i="2"/>
  <c r="L2841" i="5" s="1"/>
  <c r="L4382" i="2"/>
  <c r="L4356" i="5" s="1"/>
  <c r="L6388" i="2"/>
  <c r="L6362" i="5" s="1"/>
  <c r="L5882" i="2"/>
  <c r="L5856" i="5" s="1"/>
  <c r="L4528" i="2"/>
  <c r="L4502" i="5" s="1"/>
  <c r="L4035" i="2"/>
  <c r="L4009" i="5" s="1"/>
  <c r="L7229" i="2"/>
  <c r="L7203" i="5" s="1"/>
  <c r="L7725" i="2"/>
  <c r="L7699" i="5" s="1"/>
  <c r="L8570" i="2"/>
  <c r="L8544" i="5" s="1"/>
  <c r="L5062" i="2"/>
  <c r="L5036" i="5" s="1"/>
  <c r="L5042" i="2"/>
  <c r="L5016" i="5" s="1"/>
  <c r="L6714" i="2"/>
  <c r="L6688" i="5" s="1"/>
  <c r="L4047" i="2"/>
  <c r="L4021" i="5" s="1"/>
  <c r="L1531" i="2"/>
  <c r="L1505" i="5" s="1"/>
  <c r="L5069" i="2"/>
  <c r="L5043" i="5" s="1"/>
  <c r="L996" i="2"/>
  <c r="L970" i="5" s="1"/>
  <c r="L994" i="2"/>
  <c r="L968" i="5" s="1"/>
  <c r="L178" i="2"/>
  <c r="L152" i="5" s="1"/>
  <c r="L8399" i="2"/>
  <c r="L8373" i="5" s="1"/>
  <c r="L5872" i="2"/>
  <c r="L5846" i="5" s="1"/>
  <c r="L7075" i="2"/>
  <c r="L7049" i="5" s="1"/>
  <c r="L6894" i="2"/>
  <c r="L6868" i="5" s="1"/>
  <c r="L4882" i="2"/>
  <c r="L4856" i="5" s="1"/>
  <c r="L6379" i="2"/>
  <c r="L6353" i="5" s="1"/>
  <c r="L1704" i="2"/>
  <c r="L1678" i="5" s="1"/>
  <c r="L6223" i="2"/>
  <c r="L6197" i="5" s="1"/>
  <c r="L4197" i="2"/>
  <c r="L4171" i="5" s="1"/>
  <c r="L2026" i="2"/>
  <c r="L2000" i="5" s="1"/>
  <c r="L7089" i="2"/>
  <c r="L7063" i="5" s="1"/>
  <c r="L1539" i="2"/>
  <c r="L1513" i="5" s="1"/>
  <c r="L6039" i="2"/>
  <c r="L6013" i="5" s="1"/>
  <c r="L159" i="2"/>
  <c r="L133" i="5" s="1"/>
  <c r="L8579" i="2"/>
  <c r="L8553" i="5" s="1"/>
  <c r="L8096" i="2"/>
  <c r="L8070" i="5" s="1"/>
  <c r="L4227" i="2"/>
  <c r="L4201" i="5" s="1"/>
  <c r="L4357" i="2"/>
  <c r="L4331" i="5" s="1"/>
  <c r="L3357" i="2"/>
  <c r="L3331" i="5" s="1"/>
  <c r="L7383" i="2"/>
  <c r="L7357" i="5" s="1"/>
  <c r="L6878" i="2"/>
  <c r="L6852" i="5" s="1"/>
  <c r="L6568" i="2"/>
  <c r="L6542" i="5" s="1"/>
  <c r="L1376" i="2"/>
  <c r="L1350" i="5" s="1"/>
  <c r="L5392" i="2"/>
  <c r="L5366" i="5" s="1"/>
  <c r="L8589" i="2"/>
  <c r="L8563" i="5" s="1"/>
  <c r="L3718" i="2"/>
  <c r="L3692" i="5" s="1"/>
  <c r="L162" i="2"/>
  <c r="L136" i="5" s="1"/>
  <c r="L1515" i="2"/>
  <c r="L1489" i="5" s="1"/>
  <c r="L7246" i="2"/>
  <c r="L7220" i="5" s="1"/>
  <c r="L4539" i="2"/>
  <c r="L4513" i="5" s="1"/>
  <c r="L3057" i="2"/>
  <c r="L3031" i="5" s="1"/>
  <c r="L3519" i="2"/>
  <c r="L3493" i="5" s="1"/>
  <c r="L7064" i="2"/>
  <c r="L7038" i="5" s="1"/>
  <c r="L4207" i="2"/>
  <c r="L4181" i="5" s="1"/>
  <c r="L4046" i="2"/>
  <c r="L4020" i="5" s="1"/>
  <c r="L683" i="2"/>
  <c r="L657" i="5" s="1"/>
  <c r="L4716" i="2"/>
  <c r="L4690" i="5" s="1"/>
  <c r="L4526" i="2"/>
  <c r="L4500" i="5" s="1"/>
  <c r="L5881" i="2"/>
  <c r="L5855" i="5" s="1"/>
  <c r="L6398" i="2"/>
  <c r="L6372" i="5" s="1"/>
  <c r="L7061" i="2"/>
  <c r="L7035" i="5" s="1"/>
  <c r="L1707" i="2"/>
  <c r="L1681" i="5" s="1"/>
  <c r="L3521" i="2"/>
  <c r="L3495" i="5" s="1"/>
  <c r="L4524" i="2"/>
  <c r="L4498" i="5" s="1"/>
  <c r="L1166" i="2"/>
  <c r="L1140" i="5" s="1"/>
  <c r="L7929" i="2"/>
  <c r="L7903" i="5" s="1"/>
  <c r="L8091" i="2"/>
  <c r="L8065" i="5" s="1"/>
  <c r="L2377" i="2"/>
  <c r="L2351" i="5" s="1"/>
  <c r="L7412" i="2"/>
  <c r="L7386" i="5" s="1"/>
  <c r="L4232" i="2"/>
  <c r="L4206" i="5" s="1"/>
  <c r="L345" i="2"/>
  <c r="L319" i="5" s="1"/>
  <c r="L2525" i="2"/>
  <c r="L2499" i="5" s="1"/>
  <c r="L6748" i="2"/>
  <c r="L6722" i="5" s="1"/>
  <c r="L7590" i="2"/>
  <c r="L7564" i="5" s="1"/>
  <c r="L6711" i="2"/>
  <c r="L6685" i="5" s="1"/>
  <c r="L6745" i="2"/>
  <c r="L6719" i="5" s="1"/>
  <c r="L2041" i="2"/>
  <c r="L2015" i="5" s="1"/>
  <c r="L187" i="2"/>
  <c r="L161" i="5" s="1"/>
  <c r="L7740" i="2"/>
  <c r="L7714" i="5" s="1"/>
  <c r="L4032" i="2"/>
  <c r="L4006" i="5" s="1"/>
  <c r="L8095" i="2"/>
  <c r="L8069" i="5" s="1"/>
  <c r="L2207" i="2"/>
  <c r="L2181" i="5" s="1"/>
  <c r="L4893" i="2"/>
  <c r="L4867" i="5" s="1"/>
  <c r="L7917" i="2"/>
  <c r="L7891" i="5" s="1"/>
  <c r="L2029" i="2"/>
  <c r="L2003" i="5" s="1"/>
  <c r="L1500" i="2"/>
  <c r="L1474" i="5" s="1"/>
  <c r="L4225" i="2"/>
  <c r="L4199" i="5" s="1"/>
  <c r="L6573" i="2"/>
  <c r="L6547" i="5" s="1"/>
  <c r="L5379" i="2"/>
  <c r="L5353" i="5" s="1"/>
  <c r="L4388" i="2"/>
  <c r="L4362" i="5" s="1"/>
  <c r="O4362" i="5" s="1"/>
  <c r="L5531" i="2"/>
  <c r="L5505" i="5" s="1"/>
  <c r="L7893" i="2"/>
  <c r="L7867" i="5" s="1"/>
  <c r="L1713" i="2"/>
  <c r="L1687" i="5" s="1"/>
  <c r="L5550" i="2"/>
  <c r="L5524" i="5" s="1"/>
  <c r="L7043" i="2"/>
  <c r="L7017" i="5" s="1"/>
  <c r="L7730" i="2"/>
  <c r="L7704" i="5" s="1"/>
  <c r="L364" i="2"/>
  <c r="L338" i="5" s="1"/>
  <c r="L5395" i="2"/>
  <c r="L5369" i="5" s="1"/>
  <c r="L4733" i="2"/>
  <c r="L4707" i="5" s="1"/>
  <c r="L4192" i="2"/>
  <c r="L4166" i="5" s="1"/>
  <c r="L5892" i="2"/>
  <c r="L5866" i="5" s="1"/>
  <c r="L4056" i="2"/>
  <c r="L4030" i="5" s="1"/>
  <c r="L4191" i="2"/>
  <c r="L4165" i="5" s="1"/>
  <c r="L1849" i="2"/>
  <c r="L1823" i="5" s="1"/>
  <c r="L525" i="2"/>
  <c r="L499" i="5" s="1"/>
  <c r="L3885" i="2"/>
  <c r="L3859" i="5" s="1"/>
  <c r="L5237" i="2"/>
  <c r="L5211" i="5" s="1"/>
  <c r="L8394" i="2"/>
  <c r="L8368" i="5" s="1"/>
  <c r="L2705" i="2"/>
  <c r="L2679" i="5" s="1"/>
  <c r="L4542" i="2"/>
  <c r="L4516" i="5" s="1"/>
  <c r="L3028" i="2"/>
  <c r="L3002" i="5" s="1"/>
  <c r="L3555" i="2"/>
  <c r="L3529" i="5" s="1"/>
  <c r="L6737" i="2"/>
  <c r="L6711" i="5" s="1"/>
  <c r="L6230" i="2"/>
  <c r="L6204" i="5" s="1"/>
  <c r="L7082" i="2"/>
  <c r="L7056" i="5" s="1"/>
  <c r="L6392" i="2"/>
  <c r="L6366" i="5" s="1"/>
  <c r="L6559" i="2"/>
  <c r="L6533" i="5" s="1"/>
  <c r="L3723" i="2"/>
  <c r="L3697" i="5" s="1"/>
  <c r="L1374" i="2"/>
  <c r="L1348" i="5" s="1"/>
  <c r="L337" i="2"/>
  <c r="L311" i="5" s="1"/>
  <c r="L7413" i="2"/>
  <c r="L7387" i="5" s="1"/>
  <c r="L8565" i="2"/>
  <c r="L8539" i="5" s="1"/>
  <c r="L2842" i="2"/>
  <c r="L2816" i="5" s="1"/>
  <c r="L4564" i="2"/>
  <c r="L4538" i="5" s="1"/>
  <c r="L673" i="2"/>
  <c r="L647" i="5" s="1"/>
  <c r="L3694" i="2"/>
  <c r="L3668" i="5" s="1"/>
  <c r="L997" i="2"/>
  <c r="L971" i="5" s="1"/>
  <c r="L5030" i="2"/>
  <c r="L5004" i="5" s="1"/>
  <c r="L3887" i="2"/>
  <c r="L3861" i="5" s="1"/>
  <c r="L3195" i="2"/>
  <c r="L3169" i="5" s="1"/>
  <c r="L5221" i="2"/>
  <c r="L5195" i="5" s="1"/>
  <c r="L7230" i="2"/>
  <c r="L7204" i="5" s="1"/>
  <c r="L4883" i="2"/>
  <c r="L4857" i="5" s="1"/>
  <c r="L8756" i="2"/>
  <c r="L8730" i="5" s="1"/>
  <c r="L4378" i="2"/>
  <c r="L4352" i="5" s="1"/>
  <c r="L4355" i="2"/>
  <c r="L4329" i="5" s="1"/>
  <c r="L697" i="2"/>
  <c r="L671" i="5" s="1"/>
  <c r="L5041" i="2"/>
  <c r="L5015" i="5" s="1"/>
  <c r="L6384" i="2"/>
  <c r="L6358" i="5" s="1"/>
  <c r="L4527" i="2"/>
  <c r="L4501" i="5" s="1"/>
  <c r="L7070" i="2"/>
  <c r="L7044" i="5" s="1"/>
  <c r="L7424" i="2"/>
  <c r="L7398" i="5" s="1"/>
  <c r="L8415" i="2"/>
  <c r="L8389" i="5" s="1"/>
  <c r="L2020" i="2"/>
  <c r="L1994" i="5" s="1"/>
  <c r="L5405" i="2"/>
  <c r="L5379" i="5" s="1"/>
  <c r="L4019" i="2"/>
  <c r="L3993" i="5" s="1"/>
  <c r="L8402" i="2"/>
  <c r="L8376" i="5" s="1"/>
  <c r="L6726" i="2"/>
  <c r="L6700" i="5" s="1"/>
  <c r="L2687" i="2"/>
  <c r="L2661" i="5" s="1"/>
  <c r="L6414" i="2"/>
  <c r="L6388" i="5" s="1"/>
  <c r="L2697" i="2"/>
  <c r="L2671" i="5" s="1"/>
  <c r="L6247" i="2"/>
  <c r="L6221" i="5" s="1"/>
  <c r="L6243" i="2"/>
  <c r="L6217" i="5" s="1"/>
  <c r="L5572" i="2"/>
  <c r="L5546" i="5" s="1"/>
  <c r="L503" i="2"/>
  <c r="L477" i="5" s="1"/>
  <c r="L7062" i="2"/>
  <c r="L7036" i="5" s="1"/>
  <c r="L4371" i="2"/>
  <c r="L4345" i="5" s="1"/>
  <c r="L1351" i="2"/>
  <c r="L1325" i="5" s="1"/>
  <c r="L8242" i="2"/>
  <c r="L8216" i="5" s="1"/>
  <c r="L5739" i="2"/>
  <c r="L5713" i="5" s="1"/>
  <c r="L1876" i="2"/>
  <c r="L1850" i="5" s="1"/>
  <c r="L8557" i="2"/>
  <c r="L8531" i="5" s="1"/>
  <c r="L5234" i="2"/>
  <c r="L5208" i="5" s="1"/>
  <c r="L8727" i="2"/>
  <c r="L8701" i="5" s="1"/>
  <c r="L2195" i="2"/>
  <c r="L2169" i="5" s="1"/>
  <c r="L6888" i="2"/>
  <c r="L6862" i="5" s="1"/>
  <c r="L5576" i="2"/>
  <c r="L5550" i="5" s="1"/>
  <c r="L2170" i="2"/>
  <c r="L2144" i="5" s="1"/>
  <c r="L8752" i="2"/>
  <c r="L8726" i="5" s="1"/>
  <c r="L4863" i="2"/>
  <c r="L4837" i="5" s="1"/>
  <c r="L1702" i="2"/>
  <c r="L1676" i="5" s="1"/>
  <c r="L2683" i="2"/>
  <c r="L2657" i="5" s="1"/>
  <c r="L4027" i="2"/>
  <c r="L4001" i="5" s="1"/>
  <c r="L1532" i="2"/>
  <c r="L1506" i="5" s="1"/>
  <c r="L1198" i="2"/>
  <c r="L1172" i="5" s="1"/>
  <c r="L2536" i="2"/>
  <c r="L2510" i="5" s="1"/>
  <c r="L4711" i="2"/>
  <c r="L4685" i="5" s="1"/>
  <c r="L667" i="2"/>
  <c r="L641" i="5" s="1"/>
  <c r="L4697" i="2"/>
  <c r="L4671" i="5" s="1"/>
  <c r="L8558" i="2"/>
  <c r="L8532" i="5" s="1"/>
  <c r="L2215" i="2"/>
  <c r="L2189" i="5" s="1"/>
  <c r="L3046" i="2"/>
  <c r="L3020" i="5" s="1"/>
  <c r="L6571" i="2"/>
  <c r="L6545" i="5" s="1"/>
  <c r="L7059" i="2"/>
  <c r="L7033" i="5" s="1"/>
  <c r="L1678" i="2"/>
  <c r="L1652" i="5" s="1"/>
  <c r="L5711" i="2"/>
  <c r="L5685" i="5" s="1"/>
  <c r="L523" i="2"/>
  <c r="L497" i="5" s="1"/>
  <c r="L165" i="2"/>
  <c r="L139" i="5" s="1"/>
  <c r="L1509" i="2"/>
  <c r="L1483" i="5" s="1"/>
  <c r="L3031" i="2"/>
  <c r="L3005" i="5" s="1"/>
  <c r="L2049" i="2"/>
  <c r="L2023" i="5" s="1"/>
  <c r="L4368" i="2"/>
  <c r="L4342" i="5" s="1"/>
  <c r="L3725" i="2"/>
  <c r="L3699" i="5" s="1"/>
  <c r="L1537" i="2"/>
  <c r="L1511" i="5" s="1"/>
  <c r="L2355" i="2"/>
  <c r="L2329" i="5" s="1"/>
  <c r="L7570" i="2"/>
  <c r="L7544" i="5" s="1"/>
  <c r="L1179" i="2"/>
  <c r="L1153" i="5" s="1"/>
  <c r="L7391" i="2"/>
  <c r="L7365" i="5" s="1"/>
  <c r="L2349" i="2"/>
  <c r="L2323" i="5" s="1"/>
  <c r="L5238" i="2"/>
  <c r="L5212" i="5" s="1"/>
  <c r="L6240" i="2"/>
  <c r="L6214" i="5" s="1"/>
  <c r="L2707" i="2"/>
  <c r="L2681" i="5" s="1"/>
  <c r="L1356" i="2"/>
  <c r="L1330" i="5" s="1"/>
  <c r="L5229" i="2"/>
  <c r="L5203" i="5" s="1"/>
  <c r="L3553" i="2"/>
  <c r="L3527" i="5" s="1"/>
  <c r="L2347" i="2"/>
  <c r="L2321" i="5" s="1"/>
  <c r="L8408" i="2"/>
  <c r="L8382" i="5" s="1"/>
  <c r="L7425" i="2"/>
  <c r="L7399" i="5" s="1"/>
  <c r="L7719" i="2"/>
  <c r="L7693" i="5" s="1"/>
  <c r="L3039" i="2"/>
  <c r="L3013" i="5" s="1"/>
  <c r="L3044" i="2"/>
  <c r="L3018" i="5" s="1"/>
  <c r="L4036" i="2"/>
  <c r="L4010" i="5" s="1"/>
  <c r="L5073" i="2"/>
  <c r="L5047" i="5" s="1"/>
  <c r="L5898" i="2"/>
  <c r="L5872" i="5" s="1"/>
  <c r="L6877" i="2"/>
  <c r="L6851" i="5" s="1"/>
  <c r="L5393" i="2"/>
  <c r="L5367" i="5" s="1"/>
  <c r="L5566" i="2"/>
  <c r="L5540" i="5" s="1"/>
  <c r="L6880" i="2"/>
  <c r="L6854" i="5" s="1"/>
  <c r="L2864" i="2"/>
  <c r="L2838" i="5" s="1"/>
  <c r="L4720" i="2"/>
  <c r="L4694" i="5" s="1"/>
  <c r="L3726" i="2"/>
  <c r="L3700" i="5" s="1"/>
  <c r="L849" i="2"/>
  <c r="L823" i="5" s="1"/>
  <c r="L4731" i="2"/>
  <c r="L4705" i="5" s="1"/>
  <c r="L505" i="2"/>
  <c r="L479" i="5" s="1"/>
  <c r="L1001" i="2"/>
  <c r="L975" i="5" s="1"/>
  <c r="L8243" i="2"/>
  <c r="L8217" i="5" s="1"/>
  <c r="L8086" i="2"/>
  <c r="L8060" i="5" s="1"/>
  <c r="L177" i="2"/>
  <c r="L151" i="5" s="1"/>
  <c r="L8762" i="2"/>
  <c r="L8736" i="5" s="1"/>
  <c r="L3034" i="2"/>
  <c r="L3008" i="5" s="1"/>
  <c r="L6239" i="2"/>
  <c r="L6213" i="5" s="1"/>
  <c r="L8265" i="2"/>
  <c r="L8239" i="5" s="1"/>
  <c r="L185" i="2"/>
  <c r="L159" i="5" s="1"/>
  <c r="L2708" i="2"/>
  <c r="L2682" i="5" s="1"/>
  <c r="L5700" i="2"/>
  <c r="L5674" i="5" s="1"/>
  <c r="L2704" i="2"/>
  <c r="L2678" i="5" s="1"/>
  <c r="L3547" i="2"/>
  <c r="L3521" i="5" s="1"/>
  <c r="L2369" i="2"/>
  <c r="L2343" i="5" s="1"/>
  <c r="L5727" i="2"/>
  <c r="L5701" i="5" s="1"/>
  <c r="L7736" i="2"/>
  <c r="L7710" i="5" s="1"/>
  <c r="L3867" i="2"/>
  <c r="L3841" i="5" s="1"/>
  <c r="L1016" i="2"/>
  <c r="L990" i="5" s="1"/>
  <c r="L2340" i="2"/>
  <c r="L2314" i="5" s="1"/>
  <c r="L1859" i="2"/>
  <c r="L1833" i="5" s="1"/>
  <c r="L4703" i="2"/>
  <c r="L4677" i="5" s="1"/>
  <c r="L6876" i="2"/>
  <c r="L6850" i="5" s="1"/>
  <c r="L3013" i="2"/>
  <c r="L2987" i="5" s="1"/>
  <c r="L8755" i="2"/>
  <c r="L8729" i="5" s="1"/>
  <c r="L7071" i="2"/>
  <c r="L7045" i="5" s="1"/>
  <c r="L2682" i="2"/>
  <c r="L2656" i="5" s="1"/>
  <c r="L8084" i="2"/>
  <c r="L8058" i="5" s="1"/>
  <c r="L5889" i="2"/>
  <c r="L5863" i="5" s="1"/>
  <c r="L1185" i="2"/>
  <c r="L1159" i="5" s="1"/>
  <c r="L2546" i="2"/>
  <c r="L2520" i="5" s="1"/>
  <c r="L1021" i="2"/>
  <c r="L995" i="5" s="1"/>
  <c r="L2532" i="2"/>
  <c r="L2506" i="5" s="1"/>
  <c r="L5899" i="2"/>
  <c r="L5873" i="5" s="1"/>
  <c r="L2694" i="2"/>
  <c r="L2668" i="5" s="1"/>
  <c r="L7418" i="2"/>
  <c r="L7392" i="5" s="1"/>
  <c r="L7245" i="2"/>
  <c r="L7219" i="5" s="1"/>
  <c r="L7754" i="2"/>
  <c r="L7728" i="5" s="1"/>
  <c r="L1846" i="2"/>
  <c r="L1820" i="5" s="1"/>
  <c r="L348" i="2"/>
  <c r="L322" i="5" s="1"/>
  <c r="L2519" i="2"/>
  <c r="L2493" i="5" s="1"/>
  <c r="L5895" i="2"/>
  <c r="L5869" i="5" s="1"/>
  <c r="L8731" i="2"/>
  <c r="L8705" i="5" s="1"/>
  <c r="L4049" i="2"/>
  <c r="L4023" i="5" s="1"/>
  <c r="L2012" i="2"/>
  <c r="L1986" i="5" s="1"/>
  <c r="L2378" i="2"/>
  <c r="L2352" i="5" s="1"/>
  <c r="L5363" i="2"/>
  <c r="L5337" i="5" s="1"/>
  <c r="L6583" i="2"/>
  <c r="L6557" i="5" s="1"/>
  <c r="L7752" i="2"/>
  <c r="L7726" i="5" s="1"/>
  <c r="L3023" i="2"/>
  <c r="L2997" i="5" s="1"/>
  <c r="L1355" i="2"/>
  <c r="L1329" i="5" s="1"/>
  <c r="L7914" i="2"/>
  <c r="L7888" i="5" s="1"/>
  <c r="L7077" i="2"/>
  <c r="L7051" i="5" s="1"/>
  <c r="L5396" i="2"/>
  <c r="L5370" i="5" s="1"/>
  <c r="L6389" i="2"/>
  <c r="L6363" i="5" s="1"/>
  <c r="L3361" i="2"/>
  <c r="L3335" i="5" s="1"/>
  <c r="L2887" i="2"/>
  <c r="L2861" i="5" s="1"/>
  <c r="L7715" i="2"/>
  <c r="L7689" i="5" s="1"/>
  <c r="L5907" i="2"/>
  <c r="L5881" i="5" s="1"/>
  <c r="L669" i="2"/>
  <c r="L643" i="5" s="1"/>
  <c r="L4552" i="2"/>
  <c r="L4526" i="5" s="1"/>
  <c r="L183" i="2"/>
  <c r="L157" i="5" s="1"/>
  <c r="L1541" i="2"/>
  <c r="L1515" i="5" s="1"/>
  <c r="L841" i="2"/>
  <c r="L815" i="5" s="1"/>
  <c r="L1019" i="2"/>
  <c r="L993" i="5" s="1"/>
  <c r="L2003" i="2"/>
  <c r="L1977" i="5" s="1"/>
  <c r="L2212" i="2"/>
  <c r="L2186" i="5" s="1"/>
  <c r="L4862" i="2"/>
  <c r="L4836" i="5" s="1"/>
  <c r="L6057" i="2"/>
  <c r="L6031" i="5" s="1"/>
  <c r="L8757" i="2"/>
  <c r="L8731" i="5" s="1"/>
  <c r="L1672" i="2"/>
  <c r="L1646" i="5" s="1"/>
  <c r="L8567" i="2"/>
  <c r="L8541" i="5" s="1"/>
  <c r="L7755" i="2"/>
  <c r="L7729" i="5" s="1"/>
  <c r="L7398" i="2"/>
  <c r="L7372" i="5" s="1"/>
  <c r="L6225" i="2"/>
  <c r="L6199" i="5" s="1"/>
  <c r="L3703" i="2"/>
  <c r="L3677" i="5" s="1"/>
  <c r="L6889" i="2"/>
  <c r="L6863" i="5" s="1"/>
  <c r="L5733" i="2"/>
  <c r="L5707" i="5" s="1"/>
  <c r="L5385" i="2"/>
  <c r="L5359" i="5" s="1"/>
  <c r="L5894" i="2"/>
  <c r="L5868" i="5" s="1"/>
  <c r="L4719" i="2"/>
  <c r="L4693" i="5" s="1"/>
  <c r="L5212" i="2"/>
  <c r="L5186" i="5" s="1"/>
  <c r="L4693" i="2"/>
  <c r="L4667" i="5" s="1"/>
  <c r="L3517" i="2"/>
  <c r="L3491" i="5" s="1"/>
  <c r="L2692" i="2"/>
  <c r="L2666" i="5" s="1"/>
  <c r="L3182" i="2"/>
  <c r="L3156" i="5" s="1"/>
  <c r="L2179" i="2"/>
  <c r="L2153" i="5" s="1"/>
  <c r="L3864" i="2"/>
  <c r="L3838" i="5" s="1"/>
  <c r="L2520" i="2"/>
  <c r="L2494" i="5" s="1"/>
  <c r="L1010" i="2"/>
  <c r="L984" i="5" s="1"/>
  <c r="L519" i="2"/>
  <c r="L493" i="5" s="1"/>
  <c r="L5066" i="2"/>
  <c r="L5040" i="5" s="1"/>
  <c r="L5577" i="2"/>
  <c r="L5551" i="5" s="1"/>
  <c r="L2190" i="2"/>
  <c r="L2164" i="5" s="1"/>
  <c r="L2016" i="2"/>
  <c r="L1990" i="5" s="1"/>
  <c r="L1503" i="2"/>
  <c r="L1477" i="5" s="1"/>
  <c r="L7087" i="2"/>
  <c r="L7061" i="5" s="1"/>
  <c r="L5047" i="2"/>
  <c r="L5021" i="5" s="1"/>
  <c r="L2700" i="2"/>
  <c r="L2674" i="5" s="1"/>
  <c r="L5409" i="2"/>
  <c r="L5383" i="5" s="1"/>
  <c r="L4365" i="2"/>
  <c r="L4339" i="5" s="1"/>
  <c r="L4522" i="2"/>
  <c r="L4496" i="5" s="1"/>
  <c r="L5545" i="2"/>
  <c r="L5519" i="5" s="1"/>
  <c r="L3225" i="2"/>
  <c r="L3199" i="5" s="1"/>
  <c r="L4873" i="2"/>
  <c r="L4847" i="5" s="1"/>
  <c r="L4369" i="2"/>
  <c r="L4343" i="5" s="1"/>
  <c r="L2693" i="2"/>
  <c r="L2667" i="5" s="1"/>
  <c r="L5373" i="2"/>
  <c r="L5347" i="5" s="1"/>
  <c r="L7899" i="2"/>
  <c r="L7873" i="5" s="1"/>
  <c r="L5235" i="2"/>
  <c r="L5209" i="5" s="1"/>
  <c r="L6716" i="2"/>
  <c r="L6690" i="5" s="1"/>
  <c r="L7741" i="2"/>
  <c r="L7715" i="5" s="1"/>
  <c r="L1694" i="2"/>
  <c r="L1668" i="5" s="1"/>
  <c r="L8064" i="2"/>
  <c r="L8038" i="5" s="1"/>
  <c r="L5033" i="2"/>
  <c r="L5007" i="5" s="1"/>
  <c r="L1026" i="2"/>
  <c r="L1000" i="5" s="1"/>
  <c r="L7748" i="2"/>
  <c r="L7722" i="5" s="1"/>
  <c r="L4545" i="2"/>
  <c r="L4519" i="5" s="1"/>
  <c r="L3706" i="2"/>
  <c r="L3680" i="5" s="1"/>
  <c r="L2015" i="2"/>
  <c r="L1989" i="5" s="1"/>
  <c r="L3880" i="2"/>
  <c r="L3854" i="5" s="1"/>
  <c r="L1023" i="2"/>
  <c r="L997" i="5" s="1"/>
  <c r="L2879" i="2"/>
  <c r="L2853" i="5" s="1"/>
  <c r="L3729" i="2"/>
  <c r="L3703" i="5" s="1"/>
  <c r="L1540" i="2"/>
  <c r="L1514" i="5" s="1"/>
  <c r="L8088" i="2"/>
  <c r="L8062" i="5" s="1"/>
  <c r="L3029" i="2"/>
  <c r="L3003" i="5" s="1"/>
  <c r="L5896" i="2"/>
  <c r="L5870" i="5" s="1"/>
  <c r="L8740" i="2"/>
  <c r="L8714" i="5" s="1"/>
  <c r="L7562" i="2"/>
  <c r="L7536" i="5" s="1"/>
  <c r="L3856" i="2"/>
  <c r="L3830" i="5" s="1"/>
  <c r="L8247" i="2"/>
  <c r="L8221" i="5" s="1"/>
  <c r="L7733" i="2"/>
  <c r="L7707" i="5" s="1"/>
  <c r="L156" i="2"/>
  <c r="L130" i="5" s="1"/>
  <c r="L6875" i="2"/>
  <c r="L6849" i="5" s="1"/>
  <c r="L4397" i="2"/>
  <c r="L4371" i="5" s="1"/>
  <c r="L1671" i="2"/>
  <c r="L1645" i="5" s="1"/>
  <c r="L3532" i="2"/>
  <c r="L3506" i="5" s="1"/>
  <c r="L2551" i="2"/>
  <c r="L2525" i="5" s="1"/>
  <c r="L6380" i="2"/>
  <c r="L6354" i="5" s="1"/>
  <c r="L7885" i="2"/>
  <c r="L7859" i="5" s="1"/>
  <c r="L4540" i="2"/>
  <c r="L4514" i="5" s="1"/>
  <c r="L2345" i="2"/>
  <c r="L2319" i="5" s="1"/>
  <c r="L6035" i="2"/>
  <c r="L6009" i="5" s="1"/>
  <c r="L3850" i="2"/>
  <c r="L3824" i="5" s="1"/>
  <c r="L3380" i="2"/>
  <c r="L3354" i="5" s="1"/>
  <c r="L6552" i="2"/>
  <c r="L6526" i="5" s="1"/>
  <c r="L6213" i="2"/>
  <c r="L6187" i="5" s="1"/>
  <c r="L4875" i="2"/>
  <c r="L4849" i="5" s="1"/>
  <c r="L170" i="2"/>
  <c r="L144" i="5" s="1"/>
  <c r="L160" i="2"/>
  <c r="L134" i="5" s="1"/>
  <c r="L7388" i="2"/>
  <c r="L7362" i="5" s="1"/>
  <c r="L2208" i="2"/>
  <c r="L2182" i="5" s="1"/>
  <c r="L2715" i="2"/>
  <c r="L2689" i="5" s="1"/>
  <c r="L3210" i="2"/>
  <c r="L3184" i="5" s="1"/>
  <c r="L7393" i="2"/>
  <c r="L7367" i="5" s="1"/>
  <c r="L7054" i="2"/>
  <c r="L7028" i="5" s="1"/>
  <c r="L1008" i="2"/>
  <c r="L982" i="5" s="1"/>
  <c r="L6561" i="2"/>
  <c r="L6535" i="5" s="1"/>
  <c r="L3558" i="2"/>
  <c r="L3532" i="5" s="1"/>
  <c r="L5886" i="2"/>
  <c r="L5860" i="5" s="1"/>
  <c r="L4052" i="2"/>
  <c r="L4026" i="5" s="1"/>
  <c r="L168" i="2"/>
  <c r="L142" i="5" s="1"/>
  <c r="L1851" i="2"/>
  <c r="L1825" i="5" s="1"/>
  <c r="L4380" i="2"/>
  <c r="L4354" i="5" s="1"/>
  <c r="L7586" i="2"/>
  <c r="L7560" i="5" s="1"/>
  <c r="L5225" i="2"/>
  <c r="L5199" i="5" s="1"/>
  <c r="L3690" i="2"/>
  <c r="L3664" i="5" s="1"/>
  <c r="L6753" i="2"/>
  <c r="L6727" i="5" s="1"/>
  <c r="L2366" i="2"/>
  <c r="L2340" i="5" s="1"/>
  <c r="L3556" i="2"/>
  <c r="L3530" i="5" s="1"/>
  <c r="L1361" i="2"/>
  <c r="L1335" i="5" s="1"/>
  <c r="L4535" i="2"/>
  <c r="L4509" i="5" s="1"/>
  <c r="L3188" i="2"/>
  <c r="L3162" i="5" s="1"/>
  <c r="L7556" i="2"/>
  <c r="L7530" i="5" s="1"/>
  <c r="L5063" i="2"/>
  <c r="L5037" i="5" s="1"/>
  <c r="L4869" i="2"/>
  <c r="L4843" i="5" s="1"/>
  <c r="L6551" i="2"/>
  <c r="L6525" i="5" s="1"/>
  <c r="L8261" i="2"/>
  <c r="L8235" i="5" s="1"/>
  <c r="L2514" i="2"/>
  <c r="L2488" i="5" s="1"/>
  <c r="L189" i="2"/>
  <c r="L163" i="5" s="1"/>
  <c r="L5206" i="2"/>
  <c r="L5180" i="5" s="1"/>
  <c r="L7239" i="2"/>
  <c r="L7213" i="5" s="1"/>
  <c r="L7081" i="2"/>
  <c r="L7055" i="5" s="1"/>
  <c r="L5036" i="2"/>
  <c r="L5010" i="5" s="1"/>
  <c r="L4537" i="2"/>
  <c r="L4511" i="5" s="1"/>
  <c r="L3211" i="2"/>
  <c r="L3185" i="5" s="1"/>
  <c r="L6921" i="2"/>
  <c r="L6895" i="5" s="1"/>
  <c r="L4569" i="2"/>
  <c r="L4543" i="5" s="1"/>
  <c r="L2512" i="2"/>
  <c r="L2486" i="5" s="1"/>
  <c r="L4023" i="2"/>
  <c r="L3997" i="5" s="1"/>
  <c r="L7228" i="2"/>
  <c r="L7202" i="5" s="1"/>
  <c r="L3196" i="2"/>
  <c r="L3170" i="5" s="1"/>
  <c r="L672" i="2"/>
  <c r="L646" i="5" s="1"/>
  <c r="L2721" i="2"/>
  <c r="L2695" i="5" s="1"/>
  <c r="L3537" i="2"/>
  <c r="L3511" i="5" s="1"/>
  <c r="L4039" i="2"/>
  <c r="L4013" i="5" s="1"/>
  <c r="L659" i="2"/>
  <c r="L633" i="5" s="1"/>
  <c r="L6914" i="2"/>
  <c r="L6888" i="5" s="1"/>
  <c r="L4889" i="2"/>
  <c r="L4863" i="5" s="1"/>
  <c r="L7723" i="2"/>
  <c r="L7697" i="5" s="1"/>
  <c r="L6719" i="2"/>
  <c r="L6693" i="5" s="1"/>
  <c r="L4400" i="2"/>
  <c r="L4374" i="5" s="1"/>
  <c r="L3711" i="2"/>
  <c r="L3685" i="5" s="1"/>
  <c r="L5401" i="2"/>
  <c r="L5375" i="5" s="1"/>
  <c r="L694" i="2"/>
  <c r="L668" i="5" s="1"/>
  <c r="L5362" i="2"/>
  <c r="L5336" i="5" s="1"/>
  <c r="L1498" i="2"/>
  <c r="L1472" i="5" s="1"/>
  <c r="L7231" i="2"/>
  <c r="L7205" i="5" s="1"/>
  <c r="L7382" i="2"/>
  <c r="L7356" i="5" s="1"/>
  <c r="L2847" i="2"/>
  <c r="L2821" i="5" s="1"/>
  <c r="L6203" i="2"/>
  <c r="L6177" i="5" s="1"/>
  <c r="L7927" i="2"/>
  <c r="L7901" i="5" s="1"/>
  <c r="L7212" i="2"/>
  <c r="L7186" i="5" s="1"/>
  <c r="L6231" i="2"/>
  <c r="L6205" i="5" s="1"/>
  <c r="L661" i="2"/>
  <c r="L635" i="5" s="1"/>
  <c r="L369" i="2"/>
  <c r="L343" i="5" s="1"/>
  <c r="L366" i="2"/>
  <c r="L340" i="5" s="1"/>
  <c r="L3857" i="2"/>
  <c r="L3831" i="5" s="1"/>
  <c r="L2385" i="2"/>
  <c r="L2359" i="5" s="1"/>
  <c r="L5364" i="2"/>
  <c r="L5338" i="5" s="1"/>
  <c r="L5236" i="2"/>
  <c r="L5210" i="5" s="1"/>
  <c r="L4358" i="2"/>
  <c r="L4332" i="5" s="1"/>
  <c r="L4054" i="2"/>
  <c r="L4028" i="5" s="1"/>
  <c r="L2851" i="2"/>
  <c r="L2825" i="5" s="1"/>
  <c r="L4548" i="2"/>
  <c r="L4522" i="5" s="1"/>
  <c r="L7565" i="2"/>
  <c r="L7539" i="5" s="1"/>
  <c r="L8590" i="2"/>
  <c r="L8564" i="5" s="1"/>
  <c r="L4058" i="2"/>
  <c r="L4032" i="5" s="1"/>
  <c r="L671" i="2"/>
  <c r="L645" i="5" s="1"/>
  <c r="L3212" i="2"/>
  <c r="L3186" i="5" s="1"/>
  <c r="L349" i="2"/>
  <c r="L323" i="5" s="1"/>
  <c r="L8246" i="2"/>
  <c r="L8220" i="5" s="1"/>
  <c r="L535" i="2"/>
  <c r="L509" i="5" s="1"/>
  <c r="L6395" i="2"/>
  <c r="L6369" i="5" s="1"/>
  <c r="L2543" i="2"/>
  <c r="L2517" i="5" s="1"/>
  <c r="L660" i="2"/>
  <c r="L634" i="5" s="1"/>
  <c r="L7891" i="2"/>
  <c r="L7865" i="5" s="1"/>
  <c r="L1167" i="2"/>
  <c r="L1141" i="5" s="1"/>
  <c r="L5406" i="2"/>
  <c r="L5380" i="5" s="1"/>
  <c r="L3056" i="2"/>
  <c r="L3030" i="5" s="1"/>
  <c r="L7892" i="2"/>
  <c r="L7866" i="5" s="1"/>
  <c r="L696" i="2"/>
  <c r="L670" i="5" s="1"/>
  <c r="L1695" i="2"/>
  <c r="L1669" i="5" s="1"/>
  <c r="L8062" i="2"/>
  <c r="L8036" i="5" s="1"/>
  <c r="L4224" i="2"/>
  <c r="L4198" i="5" s="1"/>
  <c r="L1838" i="2"/>
  <c r="L1812" i="5" s="1"/>
  <c r="L6881" i="2"/>
  <c r="L6855" i="5" s="1"/>
  <c r="L7727" i="2"/>
  <c r="L7701" i="5" s="1"/>
  <c r="L1505" i="2"/>
  <c r="L1479" i="5" s="1"/>
  <c r="L5712" i="2"/>
  <c r="L5686" i="5" s="1"/>
  <c r="L2178" i="2"/>
  <c r="L2152" i="5" s="1"/>
  <c r="L7253" i="2"/>
  <c r="L7227" i="5" s="1"/>
  <c r="L3055" i="2"/>
  <c r="L3029" i="5" s="1"/>
  <c r="L2886" i="2"/>
  <c r="L2860" i="5" s="1"/>
  <c r="L1711" i="2"/>
  <c r="L1685" i="5" s="1"/>
  <c r="L2374" i="2"/>
  <c r="L2348" i="5" s="1"/>
  <c r="L169" i="2"/>
  <c r="L143" i="5" s="1"/>
  <c r="L1869" i="2"/>
  <c r="L1843" i="5" s="1"/>
  <c r="L2019" i="2"/>
  <c r="L1993" i="5" s="1"/>
  <c r="L7397" i="2"/>
  <c r="L7371" i="5" s="1"/>
  <c r="L326" i="2"/>
  <c r="L300" i="5" s="1"/>
  <c r="L7076" i="2"/>
  <c r="L7050" i="5" s="1"/>
  <c r="L3691" i="2"/>
  <c r="L3665" i="5" s="1"/>
  <c r="L6901" i="2"/>
  <c r="L6875" i="5" s="1"/>
  <c r="L3358" i="2"/>
  <c r="L3332" i="5" s="1"/>
  <c r="L6413" i="2"/>
  <c r="L6387" i="5" s="1"/>
  <c r="L3193" i="2"/>
  <c r="L3167" i="5" s="1"/>
  <c r="L2027" i="2"/>
  <c r="L2001" i="5" s="1"/>
  <c r="L2529" i="2"/>
  <c r="L2503" i="5" s="1"/>
  <c r="L179" i="2"/>
  <c r="L153" i="5" s="1"/>
  <c r="L333" i="2"/>
  <c r="L307" i="5" s="1"/>
  <c r="L704" i="2"/>
  <c r="L678" i="5" s="1"/>
  <c r="L8566" i="2"/>
  <c r="L8540" i="5" s="1"/>
  <c r="L8587" i="2"/>
  <c r="L8561" i="5" s="1"/>
  <c r="L3893" i="2"/>
  <c r="L3867" i="5" s="1"/>
  <c r="L7747" i="2"/>
  <c r="L7721" i="5" s="1"/>
  <c r="L1848" i="2"/>
  <c r="L1822" i="5" s="1"/>
  <c r="L5741" i="2"/>
  <c r="L5715" i="5" s="1"/>
  <c r="L3220" i="2"/>
  <c r="L3194" i="5" s="1"/>
  <c r="L3897" i="2"/>
  <c r="L3871" i="5" s="1"/>
  <c r="L8218" i="2"/>
  <c r="L8192" i="5" s="1"/>
  <c r="L6401" i="2"/>
  <c r="L6375" i="5" s="1"/>
  <c r="L3019" i="2"/>
  <c r="L2993" i="5" s="1"/>
  <c r="L2358" i="2"/>
  <c r="L2332" i="5" s="1"/>
  <c r="L8092" i="2"/>
  <c r="L8066" i="5" s="1"/>
  <c r="L8410" i="2"/>
  <c r="L8384" i="5" s="1"/>
  <c r="L1690" i="2"/>
  <c r="L1664" i="5" s="1"/>
  <c r="L2038" i="2"/>
  <c r="L2012" i="5" s="1"/>
  <c r="L5557" i="2"/>
  <c r="L5531" i="5" s="1"/>
  <c r="L4899" i="2"/>
  <c r="L4873" i="5" s="1"/>
  <c r="L7882" i="2"/>
  <c r="L7856" i="5" s="1"/>
  <c r="L8238" i="2"/>
  <c r="L8212" i="5" s="1"/>
  <c r="L3377" i="2"/>
  <c r="L3351" i="5" s="1"/>
  <c r="L6569" i="2"/>
  <c r="L6543" i="5" s="1"/>
  <c r="L871" i="2"/>
  <c r="L845" i="5" s="1"/>
  <c r="L1343" i="2"/>
  <c r="L1317" i="5" s="1"/>
  <c r="L5539" i="2"/>
  <c r="L5513" i="5" s="1"/>
  <c r="L1680" i="2"/>
  <c r="L1654" i="5" s="1"/>
  <c r="L4028" i="2"/>
  <c r="L4002" i="5" s="1"/>
  <c r="L4394" i="2"/>
  <c r="L4368" i="5" s="1"/>
  <c r="L7242" i="2"/>
  <c r="L7216" i="5" s="1"/>
  <c r="L1712" i="2"/>
  <c r="L1686" i="5" s="1"/>
  <c r="L2535" i="2"/>
  <c r="L2509" i="5" s="1"/>
  <c r="L7724" i="2"/>
  <c r="L7698" i="5" s="1"/>
  <c r="L2034" i="2"/>
  <c r="L2008" i="5" s="1"/>
  <c r="L358" i="2"/>
  <c r="L332" i="5" s="1"/>
  <c r="L1358" i="2"/>
  <c r="L1332" i="5" s="1"/>
  <c r="L6543" i="2"/>
  <c r="L6517" i="5" s="1"/>
  <c r="L537" i="2"/>
  <c r="L511" i="5" s="1"/>
  <c r="L6742" i="2"/>
  <c r="L6716" i="5" s="1"/>
  <c r="L6061" i="2"/>
  <c r="L6035" i="5" s="1"/>
  <c r="L4734" i="2"/>
  <c r="L4708" i="5" s="1"/>
  <c r="L7908" i="2"/>
  <c r="L7882" i="5" s="1"/>
  <c r="L4532" i="2"/>
  <c r="L4506" i="5" s="1"/>
  <c r="L7555" i="2"/>
  <c r="L7529" i="5" s="1"/>
  <c r="L1344" i="2"/>
  <c r="L1318" i="5" s="1"/>
  <c r="L6375" i="2"/>
  <c r="L6349" i="5" s="1"/>
  <c r="L4205" i="2"/>
  <c r="L4179" i="5" s="1"/>
  <c r="L5060" i="2"/>
  <c r="L5034" i="5" s="1"/>
  <c r="L6555" i="2"/>
  <c r="L6529" i="5" s="1"/>
  <c r="L5208" i="2"/>
  <c r="L5182" i="5" s="1"/>
  <c r="L7756" i="2"/>
  <c r="L7730" i="5" s="1"/>
  <c r="L1365" i="2"/>
  <c r="L1339" i="5" s="1"/>
  <c r="L7216" i="2"/>
  <c r="L7190" i="5" s="1"/>
  <c r="L1372" i="2"/>
  <c r="L1346" i="5" s="1"/>
  <c r="L1696" i="2"/>
  <c r="L1670" i="5" s="1"/>
  <c r="L6578" i="2"/>
  <c r="L6552" i="5" s="1"/>
  <c r="L2043" i="2"/>
  <c r="L2017" i="5" s="1"/>
  <c r="L5037" i="2"/>
  <c r="L5011" i="5" s="1"/>
  <c r="L6245" i="2"/>
  <c r="L6219" i="5" s="1"/>
  <c r="L5204" i="2"/>
  <c r="L5178" i="5" s="1"/>
  <c r="L4541" i="2"/>
  <c r="L4515" i="5" s="1"/>
  <c r="L8404" i="2"/>
  <c r="L8378" i="5" s="1"/>
  <c r="L3527" i="2"/>
  <c r="L3501" i="5" s="1"/>
  <c r="L6709" i="2"/>
  <c r="L6683" i="5" s="1"/>
  <c r="L528" i="2"/>
  <c r="L502" i="5" s="1"/>
  <c r="L4536" i="2"/>
  <c r="L4510" i="5" s="1"/>
  <c r="L2889" i="2"/>
  <c r="L2863" i="5" s="1"/>
  <c r="L8723" i="2"/>
  <c r="L8697" i="5" s="1"/>
  <c r="L3870" i="2"/>
  <c r="L3844" i="5" s="1"/>
  <c r="L5542" i="2"/>
  <c r="L5516" i="5" s="1"/>
  <c r="L5537" i="2"/>
  <c r="L5511" i="5" s="1"/>
  <c r="L2383" i="2"/>
  <c r="L2357" i="5" s="1"/>
  <c r="L6895" i="2"/>
  <c r="L6869" i="5" s="1"/>
  <c r="L1202" i="2"/>
  <c r="L1176" i="5" s="1"/>
  <c r="L3860" i="2"/>
  <c r="L3834" i="5" s="1"/>
  <c r="L3214" i="2"/>
  <c r="L3188" i="5" s="1"/>
  <c r="L8597" i="2"/>
  <c r="L8571" i="5" s="1"/>
  <c r="L3704" i="2"/>
  <c r="L3678" i="5" s="1"/>
  <c r="L2204" i="2"/>
  <c r="L2178" i="5" s="1"/>
  <c r="L3692" i="2"/>
  <c r="L3666" i="5" s="1"/>
  <c r="L3027" i="2"/>
  <c r="L3001" i="5" s="1"/>
  <c r="L5210" i="2"/>
  <c r="L5184" i="5" s="1"/>
  <c r="L7227" i="2"/>
  <c r="L7201" i="5" s="1"/>
  <c r="L338" i="2"/>
  <c r="L312" i="5" s="1"/>
  <c r="L1708" i="2"/>
  <c r="L1682" i="5" s="1"/>
  <c r="L4401" i="2"/>
  <c r="L4375" i="5" s="1"/>
  <c r="L5380" i="2"/>
  <c r="L5354" i="5" s="1"/>
  <c r="L176" i="2"/>
  <c r="L150" i="5" s="1"/>
  <c r="L1164" i="2"/>
  <c r="L1138" i="5" s="1"/>
  <c r="L4718" i="2"/>
  <c r="L4692" i="5" s="1"/>
  <c r="L5387" i="2"/>
  <c r="L5361" i="5" s="1"/>
  <c r="L3895" i="2"/>
  <c r="L3869" i="5" s="1"/>
  <c r="L3687" i="2"/>
  <c r="L3661" i="5" s="1"/>
  <c r="L676" i="2"/>
  <c r="L650" i="5" s="1"/>
  <c r="L5366" i="2"/>
  <c r="L5340" i="5" s="1"/>
  <c r="L2182" i="2"/>
  <c r="L2156" i="5" s="1"/>
  <c r="L7758" i="2"/>
  <c r="L7732" i="5" s="1"/>
  <c r="L5068" i="2"/>
  <c r="L5042" i="5" s="1"/>
  <c r="L1346" i="2"/>
  <c r="L1320" i="5" s="1"/>
  <c r="L4057" i="2"/>
  <c r="L4031" i="5" s="1"/>
  <c r="L2679" i="2"/>
  <c r="L2653" i="5" s="1"/>
  <c r="L6393" i="2"/>
  <c r="L6367" i="5" s="1"/>
  <c r="L4705" i="2"/>
  <c r="L4679" i="5" s="1"/>
  <c r="L4530" i="2"/>
  <c r="L4504" i="5" s="1"/>
  <c r="L7248" i="2"/>
  <c r="L7222" i="5" s="1"/>
  <c r="L174" i="2"/>
  <c r="L148" i="5" s="1"/>
  <c r="L7048" i="2"/>
  <c r="L7022" i="5" s="1"/>
  <c r="L4364" i="2"/>
  <c r="L4338" i="5" s="1"/>
  <c r="L1856" i="2"/>
  <c r="L1830" i="5" s="1"/>
  <c r="L3861" i="2"/>
  <c r="L3835" i="5" s="1"/>
  <c r="L1205" i="2"/>
  <c r="L1179" i="5" s="1"/>
  <c r="L520" i="2"/>
  <c r="L494" i="5" s="1"/>
  <c r="L5740" i="2"/>
  <c r="L5714" i="5" s="1"/>
  <c r="L3364" i="2"/>
  <c r="L3338" i="5" s="1"/>
  <c r="L191" i="2"/>
  <c r="L165" i="5" s="1"/>
  <c r="L1862" i="2"/>
  <c r="L1836" i="5" s="1"/>
  <c r="L870" i="2"/>
  <c r="L844" i="5" s="1"/>
  <c r="L2040" i="2"/>
  <c r="L2014" i="5" s="1"/>
  <c r="L1357" i="2"/>
  <c r="L1331" i="5" s="1"/>
  <c r="L7560" i="2"/>
  <c r="L7534" i="5" s="1"/>
  <c r="L2690" i="2"/>
  <c r="L2664" i="5" s="1"/>
  <c r="L1004" i="2"/>
  <c r="L978" i="5" s="1"/>
  <c r="L8749" i="2"/>
  <c r="L8723" i="5" s="1"/>
  <c r="L5702" i="2"/>
  <c r="L5676" i="5" s="1"/>
  <c r="L855" i="2"/>
  <c r="L829" i="5" s="1"/>
  <c r="L8554" i="2"/>
  <c r="L8528" i="5" s="1"/>
  <c r="L4726" i="2"/>
  <c r="L4700" i="5" s="1"/>
  <c r="L2545" i="2"/>
  <c r="L2519" i="5" s="1"/>
  <c r="L2846" i="2"/>
  <c r="L2820" i="5" s="1"/>
  <c r="L1362" i="2"/>
  <c r="L1336" i="5" s="1"/>
  <c r="L3383" i="2"/>
  <c r="L3357" i="5" s="1"/>
  <c r="L4204" i="2"/>
  <c r="L4178" i="5" s="1"/>
  <c r="L6585" i="2"/>
  <c r="L6559" i="5" s="1"/>
  <c r="L869" i="2"/>
  <c r="L843" i="5" s="1"/>
  <c r="L2363" i="2"/>
  <c r="L2337" i="5" s="1"/>
  <c r="L7720" i="2"/>
  <c r="L7694" i="5" s="1"/>
  <c r="L180" i="2"/>
  <c r="L154" i="5" s="1"/>
  <c r="L3012" i="2"/>
  <c r="L2986" i="5" s="1"/>
  <c r="L5742" i="2"/>
  <c r="L5716" i="5" s="1"/>
  <c r="L4018" i="2"/>
  <c r="L3992" i="5" s="1"/>
  <c r="L8424" i="2"/>
  <c r="L8398" i="5" s="1"/>
  <c r="L1162" i="2"/>
  <c r="L1136" i="5" s="1"/>
  <c r="L1865" i="2"/>
  <c r="L1839" i="5" s="1"/>
  <c r="L3522" i="2"/>
  <c r="L3496" i="5" s="1"/>
  <c r="L7416" i="2"/>
  <c r="L7390" i="5" s="1"/>
  <c r="L4690" i="2"/>
  <c r="L4664" i="5" s="1"/>
  <c r="L1875" i="2"/>
  <c r="L1849" i="5" s="1"/>
  <c r="L4698" i="2"/>
  <c r="L4672" i="5" s="1"/>
  <c r="L3888" i="2"/>
  <c r="L3862" i="5" s="1"/>
  <c r="L1698" i="2"/>
  <c r="L1672" i="5" s="1"/>
  <c r="L6582" i="2"/>
  <c r="L6556" i="5" s="1"/>
  <c r="L4359" i="2"/>
  <c r="L4333" i="5" s="1"/>
  <c r="L1014" i="2"/>
  <c r="L988" i="5" s="1"/>
  <c r="L8576" i="2"/>
  <c r="L8550" i="5" s="1"/>
  <c r="L8750" i="2"/>
  <c r="L8724" i="5" s="1"/>
  <c r="L3684" i="2"/>
  <c r="L3658" i="5" s="1"/>
  <c r="L4361" i="2"/>
  <c r="L4335" i="5" s="1"/>
  <c r="L7587" i="2"/>
  <c r="L7561" i="5" s="1"/>
  <c r="L1528" i="2"/>
  <c r="L1502" i="5" s="1"/>
  <c r="L5888" i="2"/>
  <c r="L5862" i="5" s="1"/>
  <c r="L4860" i="2"/>
  <c r="L4834" i="5" s="1"/>
  <c r="L6718" i="2"/>
  <c r="L6692" i="5" s="1"/>
  <c r="L6415" i="2"/>
  <c r="L6389" i="5" s="1"/>
  <c r="L2869" i="2"/>
  <c r="L2843" i="5" s="1"/>
  <c r="L8747" i="2"/>
  <c r="L8721" i="5" s="1"/>
  <c r="L6228" i="2"/>
  <c r="L6202" i="5" s="1"/>
  <c r="L359" i="2"/>
  <c r="L333" i="5" s="1"/>
  <c r="L2004" i="2"/>
  <c r="L1978" i="5" s="1"/>
  <c r="L6918" i="2"/>
  <c r="L6892" i="5" s="1"/>
  <c r="L999" i="2"/>
  <c r="L973" i="5" s="1"/>
  <c r="L7552" i="2"/>
  <c r="L7526" i="5" s="1"/>
  <c r="L8732" i="2"/>
  <c r="L8706" i="5" s="1"/>
  <c r="L4538" i="2"/>
  <c r="L4512" i="5" s="1"/>
  <c r="L8087" i="2"/>
  <c r="L8061" i="5" s="1"/>
  <c r="L7392" i="2"/>
  <c r="L7366" i="5" s="1"/>
  <c r="L8431" i="2"/>
  <c r="L8405" i="5" s="1"/>
  <c r="L2686" i="2"/>
  <c r="L2660" i="5" s="1"/>
  <c r="L3534" i="2"/>
  <c r="L3508" i="5" s="1"/>
  <c r="L2341" i="2"/>
  <c r="L2315" i="5" s="1"/>
  <c r="L8601" i="2"/>
  <c r="L8575" i="5" s="1"/>
  <c r="L1353" i="2"/>
  <c r="L1327" i="5" s="1"/>
  <c r="L7053" i="2"/>
  <c r="L7027" i="5" s="1"/>
  <c r="L4021" i="2"/>
  <c r="L3995" i="5" s="1"/>
  <c r="L3199" i="2"/>
  <c r="L3173" i="5" s="1"/>
  <c r="L6069" i="2"/>
  <c r="L6043" i="5" s="1"/>
  <c r="L8388" i="2"/>
  <c r="L8362" i="5" s="1"/>
  <c r="L6404" i="2"/>
  <c r="L6378" i="5" s="1"/>
  <c r="L1037" i="2"/>
  <c r="L1011" i="5" s="1"/>
  <c r="L533" i="2"/>
  <c r="L507" i="5" s="1"/>
  <c r="L5053" i="2"/>
  <c r="L5027" i="5" s="1"/>
  <c r="L5048" i="2"/>
  <c r="L5022" i="5" s="1"/>
  <c r="L7408" i="2"/>
  <c r="L7382" i="5" s="1"/>
  <c r="L4867" i="2"/>
  <c r="L4841" i="5" s="1"/>
  <c r="L2849" i="2"/>
  <c r="L2823" i="5" s="1"/>
  <c r="L5530" i="2"/>
  <c r="L5504" i="5" s="1"/>
  <c r="L8241" i="2"/>
  <c r="L8215" i="5" s="1"/>
  <c r="L2201" i="2"/>
  <c r="L2175" i="5" s="1"/>
  <c r="L4699" i="2"/>
  <c r="L4673" i="5" s="1"/>
  <c r="L496" i="2"/>
  <c r="L470" i="5" s="1"/>
  <c r="L7903" i="2"/>
  <c r="L7877" i="5" s="1"/>
  <c r="L6072" i="2"/>
  <c r="L6046" i="5" s="1"/>
  <c r="L3682" i="2"/>
  <c r="L3656" i="5" s="1"/>
  <c r="L5384" i="2"/>
  <c r="L5358" i="5" s="1"/>
  <c r="L5213" i="2"/>
  <c r="L5187" i="5" s="1"/>
  <c r="L5535" i="2"/>
  <c r="L5509" i="5" s="1"/>
  <c r="L6907" i="2"/>
  <c r="L6881" i="5" s="1"/>
  <c r="L7902" i="2"/>
  <c r="L7876" i="5" s="1"/>
  <c r="L5050" i="2"/>
  <c r="L5024" i="5" s="1"/>
  <c r="L1209" i="2"/>
  <c r="L1183" i="5" s="1"/>
  <c r="L1199" i="2"/>
  <c r="L1173" i="5" s="1"/>
  <c r="L1868" i="2"/>
  <c r="L1842" i="5" s="1"/>
  <c r="L6204" i="2"/>
  <c r="L6178" i="5" s="1"/>
  <c r="L1006" i="2"/>
  <c r="L980" i="5" s="1"/>
  <c r="L7901" i="2"/>
  <c r="L7875" i="5" s="1"/>
  <c r="L5875" i="2"/>
  <c r="L5849" i="5" s="1"/>
  <c r="L4209" i="2"/>
  <c r="L4183" i="5" s="1"/>
  <c r="L1499" i="2"/>
  <c r="L1473" i="5" s="1"/>
  <c r="L1837" i="2"/>
  <c r="L1811" i="5" s="1"/>
  <c r="L515" i="2"/>
  <c r="L489" i="5" s="1"/>
  <c r="L8228" i="2"/>
  <c r="L8202" i="5" s="1"/>
  <c r="L6378" i="2"/>
  <c r="L6352" i="5" s="1"/>
  <c r="L4190" i="2"/>
  <c r="L4164" i="5" s="1"/>
  <c r="L2206" i="2"/>
  <c r="L2180" i="5" s="1"/>
  <c r="L2531" i="2"/>
  <c r="L2505" i="5" s="1"/>
  <c r="L7215" i="2"/>
  <c r="L7189" i="5" s="1"/>
  <c r="L5058" i="2"/>
  <c r="L5032" i="5" s="1"/>
  <c r="L7086" i="2"/>
  <c r="L7060" i="5" s="1"/>
  <c r="L172" i="2"/>
  <c r="L146" i="5" s="1"/>
  <c r="L1543" i="2"/>
  <c r="L1517" i="5" s="1"/>
  <c r="L8427" i="2"/>
  <c r="L8401" i="5" s="1"/>
  <c r="L6547" i="2"/>
  <c r="L6521" i="5" s="1"/>
  <c r="L4062" i="2"/>
  <c r="L4036" i="5" s="1"/>
  <c r="L1852" i="2"/>
  <c r="L1826" i="5" s="1"/>
  <c r="L4199" i="2"/>
  <c r="L4173" i="5" s="1"/>
  <c r="L8560" i="2"/>
  <c r="L8534" i="5" s="1"/>
  <c r="L8229" i="2"/>
  <c r="L8203" i="5" s="1"/>
  <c r="L1510" i="2"/>
  <c r="L1484" i="5" s="1"/>
  <c r="L7420" i="2"/>
  <c r="L7394" i="5" s="1"/>
  <c r="L8423" i="2"/>
  <c r="L8397" i="5" s="1"/>
  <c r="L5067" i="2"/>
  <c r="L5041" i="5" s="1"/>
  <c r="L6874" i="2"/>
  <c r="L6848" i="5" s="1"/>
  <c r="L7073" i="2"/>
  <c r="L7047" i="5" s="1"/>
  <c r="L184" i="2"/>
  <c r="L158" i="5" s="1"/>
  <c r="L336" i="2"/>
  <c r="L310" i="5" s="1"/>
  <c r="L7921" i="2"/>
  <c r="L7895" i="5" s="1"/>
  <c r="L4870" i="2"/>
  <c r="L4844" i="5" s="1"/>
  <c r="L6080" i="2"/>
  <c r="L6054" i="5" s="1"/>
  <c r="L8577" i="2"/>
  <c r="L8551" i="5" s="1"/>
  <c r="L5197" i="2"/>
  <c r="L5171" i="5" s="1"/>
  <c r="L3208" i="2"/>
  <c r="L3182" i="5" s="1"/>
  <c r="L2534" i="2"/>
  <c r="L2508" i="5" s="1"/>
  <c r="L5553" i="2"/>
  <c r="L5527" i="5" s="1"/>
  <c r="L6054" i="2"/>
  <c r="L6028" i="5" s="1"/>
  <c r="L8414" i="2"/>
  <c r="L8388" i="5" s="1"/>
  <c r="L2191" i="2"/>
  <c r="L2165" i="5" s="1"/>
  <c r="L8392" i="2"/>
  <c r="L8366" i="5" s="1"/>
  <c r="L8237" i="2"/>
  <c r="L8211" i="5" s="1"/>
  <c r="L5217" i="2"/>
  <c r="L5191" i="5" s="1"/>
  <c r="L2364" i="2"/>
  <c r="L2338" i="5" s="1"/>
  <c r="L2035" i="2"/>
  <c r="L2009" i="5" s="1"/>
  <c r="L6412" i="2"/>
  <c r="L6386" i="5" s="1"/>
  <c r="L5064" i="2"/>
  <c r="L5038" i="5" s="1"/>
  <c r="L3697" i="2"/>
  <c r="L3671" i="5" s="1"/>
  <c r="L844" i="2"/>
  <c r="L818" i="5" s="1"/>
  <c r="L6229" i="2"/>
  <c r="L6203" i="5" s="1"/>
  <c r="L2541" i="2"/>
  <c r="L2515" i="5" s="1"/>
  <c r="L173" i="2"/>
  <c r="L147" i="5" s="1"/>
  <c r="L8416" i="2"/>
  <c r="L8390" i="5" s="1"/>
  <c r="L2196" i="2"/>
  <c r="L2170" i="5" s="1"/>
  <c r="L4568" i="2"/>
  <c r="L4542" i="5" s="1"/>
  <c r="L2874" i="2"/>
  <c r="L2848" i="5" s="1"/>
  <c r="L190" i="2"/>
  <c r="L164" i="5" s="1"/>
  <c r="L2022" i="2"/>
  <c r="L1996" i="5" s="1"/>
  <c r="L6408" i="2"/>
  <c r="L6382" i="5" s="1"/>
  <c r="L4195" i="2"/>
  <c r="L4169" i="5" s="1"/>
  <c r="L1373" i="2"/>
  <c r="L1347" i="5" s="1"/>
  <c r="L6400" i="2"/>
  <c r="L6374" i="5" s="1"/>
  <c r="L5701" i="2"/>
  <c r="L5675" i="5" s="1"/>
  <c r="L6064" i="2"/>
  <c r="L6038" i="5" s="1"/>
  <c r="L8078" i="2"/>
  <c r="L8052" i="5" s="1"/>
  <c r="L8584" i="2"/>
  <c r="L8558" i="5" s="1"/>
  <c r="L2845" i="2"/>
  <c r="L2819" i="5" s="1"/>
  <c r="L1194" i="2"/>
  <c r="L1168" i="5" s="1"/>
  <c r="L2183" i="2"/>
  <c r="L2157" i="5" s="1"/>
  <c r="L3051" i="2"/>
  <c r="L3025" i="5" s="1"/>
  <c r="L1363" i="2"/>
  <c r="L1337" i="5" s="1"/>
  <c r="L7395" i="2"/>
  <c r="L7369" i="5" s="1"/>
  <c r="L8060" i="2"/>
  <c r="L8034" i="5" s="1"/>
  <c r="L1352" i="2"/>
  <c r="L1326" i="5" s="1"/>
  <c r="L4208" i="2"/>
  <c r="L4182" i="5" s="1"/>
  <c r="L8744" i="2"/>
  <c r="L8718" i="5" s="1"/>
  <c r="L8432" i="2"/>
  <c r="L8406" i="5" s="1"/>
  <c r="L4038" i="2"/>
  <c r="L4012" i="5" s="1"/>
  <c r="L1857" i="2"/>
  <c r="L1831" i="5" s="1"/>
  <c r="L2342" i="2"/>
  <c r="L2316" i="5" s="1"/>
  <c r="L3873" i="2"/>
  <c r="L3847" i="5" s="1"/>
  <c r="L5745" i="2"/>
  <c r="L5719" i="5" s="1"/>
  <c r="L201" i="2"/>
  <c r="L175" i="5" s="1"/>
  <c r="L4878" i="2"/>
  <c r="L4852" i="5" s="1"/>
  <c r="L5564" i="2"/>
  <c r="L5538" i="5" s="1"/>
  <c r="L2367" i="2"/>
  <c r="L2341" i="5" s="1"/>
  <c r="L864" i="2"/>
  <c r="L838" i="5" s="1"/>
  <c r="L2537" i="2"/>
  <c r="L2511" i="5" s="1"/>
  <c r="L4868" i="2"/>
  <c r="L4842" i="5" s="1"/>
  <c r="L4533" i="2"/>
  <c r="L4507" i="5" s="1"/>
  <c r="L3536" i="2"/>
  <c r="L3510" i="5" s="1"/>
  <c r="L4890" i="2"/>
  <c r="L4864" i="5" s="1"/>
  <c r="L2698" i="2"/>
  <c r="L2672" i="5" s="1"/>
  <c r="L5207" i="2"/>
  <c r="L5181" i="5" s="1"/>
  <c r="L1170" i="2"/>
  <c r="L1144" i="5" s="1"/>
  <c r="L3716" i="2"/>
  <c r="L3690" i="5" s="1"/>
  <c r="L5546" i="2"/>
  <c r="L5520" i="5" s="1"/>
  <c r="L6560" i="2"/>
  <c r="L6534" i="5" s="1"/>
  <c r="L6215" i="2"/>
  <c r="L6189" i="5" s="1"/>
  <c r="L2880" i="2"/>
  <c r="L2854" i="5" s="1"/>
  <c r="L6397" i="2"/>
  <c r="L6371" i="5" s="1"/>
  <c r="L7084" i="2"/>
  <c r="L7058" i="5" s="1"/>
  <c r="L6049" i="2"/>
  <c r="L6023" i="5" s="1"/>
  <c r="L1347" i="2"/>
  <c r="L1321" i="5" s="1"/>
  <c r="L1176" i="2"/>
  <c r="L1150" i="5" s="1"/>
  <c r="L7566" i="2"/>
  <c r="L7540" i="5" s="1"/>
  <c r="L6241" i="2"/>
  <c r="L6215" i="5" s="1"/>
  <c r="L8555" i="2"/>
  <c r="L8529" i="5" s="1"/>
  <c r="L7078" i="2"/>
  <c r="L7052" i="5" s="1"/>
  <c r="L4560" i="2"/>
  <c r="L4534" i="5" s="1"/>
  <c r="L360" i="2"/>
  <c r="L334" i="5" s="1"/>
  <c r="L2031" i="2"/>
  <c r="L2005" i="5" s="1"/>
  <c r="L5375" i="2"/>
  <c r="L5349" i="5" s="1"/>
  <c r="L7746" i="2"/>
  <c r="L7720" i="5" s="1"/>
  <c r="L6712" i="2"/>
  <c r="L6686" i="5" s="1"/>
  <c r="L5390" i="2"/>
  <c r="L5364" i="5" s="1"/>
  <c r="L1007" i="2"/>
  <c r="L981" i="5" s="1"/>
  <c r="L1020" i="2"/>
  <c r="L994" i="5" s="1"/>
  <c r="L1512" i="2"/>
  <c r="L1486" i="5" s="1"/>
  <c r="L8256" i="2"/>
  <c r="L8230" i="5" s="1"/>
  <c r="L6884" i="2"/>
  <c r="L6858" i="5" s="1"/>
  <c r="L682" i="2"/>
  <c r="L656" i="5" s="1"/>
  <c r="L8751" i="2"/>
  <c r="L8725" i="5" s="1"/>
  <c r="L4213" i="2"/>
  <c r="L4187" i="5" s="1"/>
  <c r="L2860" i="2"/>
  <c r="L2834" i="5" s="1"/>
  <c r="L2674" i="2"/>
  <c r="L2648" i="5" s="1"/>
  <c r="L4219" i="2"/>
  <c r="L4193" i="5" s="1"/>
  <c r="L2354" i="2"/>
  <c r="L2328" i="5" s="1"/>
  <c r="L3851" i="2"/>
  <c r="L3825" i="5" s="1"/>
  <c r="L2044" i="2"/>
  <c r="L2018" i="5" s="1"/>
  <c r="L3198" i="2"/>
  <c r="L3172" i="5" s="1"/>
  <c r="L3871" i="2"/>
  <c r="L3845" i="5" s="1"/>
  <c r="L4880" i="2"/>
  <c r="L4854" i="5" s="1"/>
  <c r="L4362" i="2"/>
  <c r="L4336" i="5" s="1"/>
  <c r="L2173" i="2"/>
  <c r="L2147" i="5" s="1"/>
  <c r="L367" i="2"/>
  <c r="L341" i="5" s="1"/>
  <c r="L4229" i="2"/>
  <c r="L4203" i="5" s="1"/>
  <c r="L2691" i="2"/>
  <c r="L2665" i="5" s="1"/>
  <c r="L3180" i="2"/>
  <c r="L3154" i="5" s="1"/>
  <c r="O3154" i="5" s="1"/>
  <c r="L1348" i="2"/>
  <c r="L1322" i="5" s="1"/>
  <c r="L6063" i="2"/>
  <c r="L6037" i="5" s="1"/>
  <c r="L6209" i="2"/>
  <c r="L6183" i="5" s="1"/>
  <c r="L368" i="2"/>
  <c r="L342" i="5" s="1"/>
  <c r="L363" i="2"/>
  <c r="L337" i="5" s="1"/>
  <c r="L5214" i="2"/>
  <c r="L5188" i="5" s="1"/>
  <c r="L851" i="2"/>
  <c r="L825" i="5" s="1"/>
  <c r="L3526" i="2"/>
  <c r="L3500" i="5" s="1"/>
  <c r="L3035" i="2"/>
  <c r="L3009" i="5" s="1"/>
  <c r="L5571" i="2"/>
  <c r="L5545" i="5" s="1"/>
  <c r="L1333" i="2"/>
  <c r="L1307" i="5" s="1"/>
  <c r="L7233" i="2"/>
  <c r="L7207" i="5" s="1"/>
  <c r="L2524" i="2"/>
  <c r="L2498" i="5" s="1"/>
  <c r="L666" i="2"/>
  <c r="L640" i="5" s="1"/>
  <c r="L2177" i="2"/>
  <c r="L2151" i="5" s="1"/>
  <c r="L6572" i="2"/>
  <c r="L6546" i="5" s="1"/>
  <c r="L497" i="2"/>
  <c r="L471" i="5" s="1"/>
  <c r="L4892" i="2"/>
  <c r="L4866" i="5" s="1"/>
  <c r="L2689" i="2"/>
  <c r="L2663" i="5" s="1"/>
  <c r="L3014" i="2"/>
  <c r="L2988" i="5" s="1"/>
  <c r="L4043" i="2"/>
  <c r="L4017" i="5" s="1"/>
  <c r="L1364" i="2"/>
  <c r="L1338" i="5" s="1"/>
  <c r="L5398" i="2"/>
  <c r="L5372" i="5" s="1"/>
  <c r="L8726" i="2"/>
  <c r="L8700" i="5" s="1"/>
  <c r="L3561" i="2"/>
  <c r="L3535" i="5" s="1"/>
  <c r="L4722" i="2"/>
  <c r="L4696" i="5" s="1"/>
  <c r="L7217" i="2"/>
  <c r="L7191" i="5" s="1"/>
  <c r="L3203" i="2"/>
  <c r="L3177" i="5" s="1"/>
  <c r="L7396" i="2"/>
  <c r="L7370" i="5" s="1"/>
  <c r="L3385" i="2"/>
  <c r="L3359" i="5" s="1"/>
  <c r="L859" i="2"/>
  <c r="L833" i="5" s="1"/>
  <c r="L8219" i="2"/>
  <c r="L8193" i="5" s="1"/>
  <c r="L2023" i="2"/>
  <c r="L1997" i="5" s="1"/>
  <c r="L6741" i="2"/>
  <c r="L6715" i="5" s="1"/>
  <c r="L6210" i="2"/>
  <c r="L6184" i="5" s="1"/>
  <c r="L5057" i="2"/>
  <c r="L5031" i="5" s="1"/>
  <c r="L498" i="2"/>
  <c r="L472" i="5" s="1"/>
  <c r="L4895" i="2"/>
  <c r="L4869" i="5" s="1"/>
  <c r="L1035" i="2"/>
  <c r="L1009" i="5" s="1"/>
  <c r="L351" i="2"/>
  <c r="L325" i="5" s="1"/>
  <c r="L4534" i="2"/>
  <c r="L4508" i="5" s="1"/>
  <c r="L6056" i="2"/>
  <c r="L6030" i="5" s="1"/>
  <c r="L524" i="2"/>
  <c r="L498" i="5" s="1"/>
  <c r="L7088" i="2"/>
  <c r="L7062" i="5" s="1"/>
  <c r="L6752" i="2"/>
  <c r="L6726" i="5" s="1"/>
  <c r="L2855" i="2"/>
  <c r="L2829" i="5" s="1"/>
  <c r="L2511" i="2"/>
  <c r="L2485" i="5" s="1"/>
  <c r="L6217" i="2"/>
  <c r="L6191" i="5" s="1"/>
  <c r="L8391" i="2"/>
  <c r="L8365" i="5" s="1"/>
  <c r="L6079" i="2"/>
  <c r="L6053" i="5" s="1"/>
  <c r="L1863" i="2"/>
  <c r="L1837" i="5" s="1"/>
  <c r="L3178" i="2"/>
  <c r="L3152" i="5" s="1"/>
  <c r="L1332" i="2"/>
  <c r="L1306" i="5" s="1"/>
  <c r="L6238" i="2"/>
  <c r="L6212" i="5" s="1"/>
  <c r="L1681" i="2"/>
  <c r="L1655" i="5" s="1"/>
  <c r="L2021" i="2"/>
  <c r="L1995" i="5" s="1"/>
  <c r="L5543" i="2"/>
  <c r="L5517" i="5" s="1"/>
  <c r="L163" i="2"/>
  <c r="L137" i="5" s="1"/>
  <c r="L4886" i="2"/>
  <c r="L4860" i="5" s="1"/>
  <c r="L6236" i="2"/>
  <c r="L6210" i="5" s="1"/>
  <c r="L1034" i="2"/>
  <c r="L1008" i="5" s="1"/>
  <c r="L521" i="2"/>
  <c r="L495" i="5" s="1"/>
  <c r="L5043" i="2"/>
  <c r="L5017" i="5" s="1"/>
  <c r="L332" i="2"/>
  <c r="L306" i="5" s="1"/>
  <c r="L1335" i="2"/>
  <c r="L1309" i="5" s="1"/>
  <c r="L7237" i="2"/>
  <c r="L7211" i="5" s="1"/>
  <c r="L490" i="2"/>
  <c r="L464" i="5" s="1"/>
  <c r="L2353" i="2"/>
  <c r="L2327" i="5" s="1"/>
  <c r="AR50" i="1"/>
  <c r="I5050" i="2"/>
  <c r="I5024" i="5" s="1"/>
  <c r="I2866" i="2"/>
  <c r="I2840" i="5" s="1"/>
  <c r="I2185" i="2"/>
  <c r="I2159" i="5" s="1"/>
  <c r="I1861" i="2"/>
  <c r="I1835" i="5" s="1"/>
  <c r="AR196" i="1"/>
  <c r="C84" i="5"/>
  <c r="AR78" i="1"/>
  <c r="I353" i="2"/>
  <c r="I327" i="5" s="1"/>
  <c r="L3545" i="2"/>
  <c r="L3519" i="5" s="1"/>
  <c r="L4059" i="2"/>
  <c r="L4033" i="5" s="1"/>
  <c r="L8389" i="2"/>
  <c r="L8363" i="5" s="1"/>
  <c r="L860" i="2"/>
  <c r="L834" i="5" s="1"/>
  <c r="L2711" i="2"/>
  <c r="L2685" i="5" s="1"/>
  <c r="L3720" i="2"/>
  <c r="L3694" i="5" s="1"/>
  <c r="L8759" i="2"/>
  <c r="L8733" i="5" s="1"/>
  <c r="L355" i="2"/>
  <c r="L329" i="5" s="1"/>
  <c r="L8428" i="2"/>
  <c r="L8402" i="5" s="1"/>
  <c r="L2343" i="2"/>
  <c r="L2317" i="5" s="1"/>
  <c r="L3365" i="2"/>
  <c r="L3339" i="5" s="1"/>
  <c r="L2888" i="2"/>
  <c r="L2862" i="5" s="1"/>
  <c r="L1350" i="2"/>
  <c r="L1324" i="5" s="1"/>
  <c r="L1359" i="2"/>
  <c r="L1333" i="5" s="1"/>
  <c r="L6883" i="2"/>
  <c r="L6857" i="5" s="1"/>
  <c r="L7554" i="2"/>
  <c r="L7528" i="5" s="1"/>
  <c r="L8586" i="2"/>
  <c r="L8560" i="5" s="1"/>
  <c r="L1032" i="2"/>
  <c r="L1006" i="5" s="1"/>
  <c r="L3186" i="2"/>
  <c r="L3160" i="5" s="1"/>
  <c r="L7213" i="2"/>
  <c r="L7187" i="5" s="1"/>
  <c r="L6046" i="2"/>
  <c r="L6020" i="5" s="1"/>
  <c r="L5027" i="2"/>
  <c r="L5001" i="5" s="1"/>
  <c r="L5569" i="2"/>
  <c r="L5543" i="5" s="1"/>
  <c r="L495" i="2"/>
  <c r="L469" i="5" s="1"/>
  <c r="L8420" i="2"/>
  <c r="L8394" i="5" s="1"/>
  <c r="L5194" i="2"/>
  <c r="L5168" i="5" s="1"/>
  <c r="L1533" i="2"/>
  <c r="L1507" i="5" s="1"/>
  <c r="L686" i="2"/>
  <c r="L660" i="5" s="1"/>
  <c r="L7546" i="2"/>
  <c r="L7520" i="5" s="1"/>
  <c r="L4037" i="2"/>
  <c r="L4011" i="5" s="1"/>
  <c r="L3209" i="2"/>
  <c r="L3183" i="5" s="1"/>
  <c r="L6394" i="2"/>
  <c r="L6368" i="5" s="1"/>
  <c r="L2718" i="2"/>
  <c r="L2692" i="5" s="1"/>
  <c r="L846" i="2"/>
  <c r="L820" i="5" s="1"/>
  <c r="L5904" i="2"/>
  <c r="L5878" i="5" s="1"/>
  <c r="L2883" i="2"/>
  <c r="L2857" i="5" s="1"/>
  <c r="L698" i="2"/>
  <c r="L672" i="5" s="1"/>
  <c r="L4188" i="2"/>
  <c r="L4162" i="5" s="1"/>
  <c r="L6399" i="2"/>
  <c r="L6373" i="5" s="1"/>
  <c r="L7886" i="2"/>
  <c r="L7860" i="5" s="1"/>
  <c r="L7219" i="2"/>
  <c r="L7193" i="5" s="1"/>
  <c r="L4721" i="2"/>
  <c r="L4695" i="5" s="1"/>
  <c r="L4881" i="2"/>
  <c r="L4855" i="5" s="1"/>
  <c r="L512" i="2"/>
  <c r="L486" i="5" s="1"/>
  <c r="L830" i="2"/>
  <c r="L804" i="5" s="1"/>
  <c r="L350" i="2"/>
  <c r="L324" i="5" s="1"/>
  <c r="L1521" i="2"/>
  <c r="L1495" i="5" s="1"/>
  <c r="L3543" i="2"/>
  <c r="L3517" i="5" s="1"/>
  <c r="L5029" i="2"/>
  <c r="L5003" i="5" s="1"/>
  <c r="L1670" i="2"/>
  <c r="L1644" i="5" s="1"/>
  <c r="L7049" i="2"/>
  <c r="L7023" i="5" s="1"/>
  <c r="L2362" i="2"/>
  <c r="L2336" i="5" s="1"/>
  <c r="L1175" i="2"/>
  <c r="L1149" i="5" s="1"/>
  <c r="L508" i="2"/>
  <c r="L482" i="5" s="1"/>
  <c r="L7745" i="2"/>
  <c r="L7719" i="5" s="1"/>
  <c r="L4044" i="2"/>
  <c r="L4018" i="5" s="1"/>
  <c r="L1834" i="2"/>
  <c r="L1808" i="5" s="1"/>
  <c r="L7928" i="2"/>
  <c r="L7902" i="5" s="1"/>
  <c r="L4727" i="2"/>
  <c r="L4701" i="5" s="1"/>
  <c r="L8746" i="2"/>
  <c r="L8720" i="5" s="1"/>
  <c r="L531" i="2"/>
  <c r="L505" i="5" s="1"/>
  <c r="L3689" i="2"/>
  <c r="L3663" i="5" s="1"/>
  <c r="L3222" i="2"/>
  <c r="L3196" i="5" s="1"/>
  <c r="L5241" i="2"/>
  <c r="L5215" i="5" s="1"/>
  <c r="AR140" i="1"/>
  <c r="I6911" i="2"/>
  <c r="I6885" i="5" s="1"/>
  <c r="I5400" i="2"/>
  <c r="I5374" i="5" s="1"/>
  <c r="I1530" i="2"/>
  <c r="I1504" i="5" s="1"/>
  <c r="I537" i="2"/>
  <c r="I511" i="5" s="1"/>
  <c r="C335" i="5"/>
  <c r="AR329" i="1"/>
  <c r="D210" i="5"/>
  <c r="AR204" i="1"/>
  <c r="C118" i="5"/>
  <c r="AR112" i="1"/>
  <c r="I6554" i="2"/>
  <c r="I6528" i="5" s="1"/>
  <c r="I8250" i="2"/>
  <c r="I8224" i="5" s="1"/>
  <c r="I2023" i="2"/>
  <c r="I1997" i="5" s="1"/>
  <c r="I7049" i="2"/>
  <c r="I7023" i="5" s="1"/>
  <c r="C34" i="5"/>
  <c r="AR28" i="1"/>
  <c r="I1841" i="2"/>
  <c r="I1815" i="5" s="1"/>
  <c r="C279" i="5"/>
  <c r="AR273" i="1"/>
  <c r="I853" i="2"/>
  <c r="I827" i="5" s="1"/>
  <c r="L7717" i="2"/>
  <c r="L7691" i="5" s="1"/>
  <c r="L6060" i="2"/>
  <c r="L6034" i="5" s="1"/>
  <c r="L5913" i="2"/>
  <c r="L5887" i="5" s="1"/>
  <c r="L4905" i="2"/>
  <c r="L4879" i="5" s="1"/>
  <c r="L5734" i="2"/>
  <c r="L5708" i="5" s="1"/>
  <c r="L323" i="2"/>
  <c r="L297" i="5" s="1"/>
  <c r="L7585" i="2"/>
  <c r="L7559" i="5" s="1"/>
  <c r="L1536" i="2"/>
  <c r="L1510" i="5" s="1"/>
  <c r="L2205" i="2"/>
  <c r="L2179" i="5" s="1"/>
  <c r="L2011" i="2"/>
  <c r="L1985" i="5" s="1"/>
  <c r="L1178" i="2"/>
  <c r="L1152" i="5" s="1"/>
  <c r="L3392" i="2"/>
  <c r="L3366" i="5" s="1"/>
  <c r="L3216" i="2"/>
  <c r="L3190" i="5" s="1"/>
  <c r="L1371" i="2"/>
  <c r="L1345" i="5" s="1"/>
  <c r="L7422" i="2"/>
  <c r="L7396" i="5" s="1"/>
  <c r="L2882" i="2"/>
  <c r="L2856" i="5" s="1"/>
  <c r="L4737" i="2"/>
  <c r="L4711" i="5" s="1"/>
  <c r="L334" i="2"/>
  <c r="L308" i="5" s="1"/>
  <c r="L4729" i="2"/>
  <c r="L4703" i="5" s="1"/>
  <c r="L6727" i="2"/>
  <c r="L6701" i="5" s="1"/>
  <c r="L852" i="2"/>
  <c r="L826" i="5" s="1"/>
  <c r="L5574" i="2"/>
  <c r="L5548" i="5" s="1"/>
  <c r="L4723" i="2"/>
  <c r="L4697" i="5" s="1"/>
  <c r="L1538" i="2"/>
  <c r="L1512" i="5" s="1"/>
  <c r="L2002" i="2"/>
  <c r="L1976" i="5" s="1"/>
  <c r="L7074" i="2"/>
  <c r="L7048" i="5" s="1"/>
  <c r="L4713" i="2"/>
  <c r="L4687" i="5" s="1"/>
  <c r="L6377" i="2"/>
  <c r="L6351" i="5" s="1"/>
  <c r="L1545" i="2"/>
  <c r="L1519" i="5" s="1"/>
  <c r="L7251" i="2"/>
  <c r="L7225" i="5" s="1"/>
  <c r="L2357" i="2"/>
  <c r="L2331" i="5" s="1"/>
  <c r="L1685" i="2"/>
  <c r="L1659" i="5" s="1"/>
  <c r="L7561" i="2"/>
  <c r="L7535" i="5" s="1"/>
  <c r="L510" i="2"/>
  <c r="L484" i="5" s="1"/>
  <c r="L7911" i="2"/>
  <c r="L7885" i="5" s="1"/>
  <c r="L3054" i="2"/>
  <c r="L3028" i="5" s="1"/>
  <c r="L7760" i="2"/>
  <c r="L7734" i="5" s="1"/>
  <c r="L4379" i="2"/>
  <c r="L4353" i="5" s="1"/>
  <c r="L1349" i="2"/>
  <c r="L1323" i="5" s="1"/>
  <c r="L6544" i="2"/>
  <c r="L6518" i="5" s="1"/>
  <c r="L1710" i="2"/>
  <c r="L1684" i="5" s="1"/>
  <c r="L8240" i="2"/>
  <c r="L8214" i="5" s="1"/>
  <c r="L2549" i="2"/>
  <c r="L2523" i="5" s="1"/>
  <c r="L6751" i="2"/>
  <c r="L6725" i="5" s="1"/>
  <c r="L1514" i="2"/>
  <c r="L1488" i="5" s="1"/>
  <c r="L4710" i="2"/>
  <c r="L4684" i="5" s="1"/>
  <c r="L6416" i="2"/>
  <c r="L6390" i="5" s="1"/>
  <c r="L703" i="2"/>
  <c r="L677" i="5" s="1"/>
  <c r="L6886" i="2"/>
  <c r="L6860" i="5" s="1"/>
  <c r="L4384" i="2"/>
  <c r="L4358" i="5" s="1"/>
  <c r="L7563" i="2"/>
  <c r="L7537" i="5" s="1"/>
  <c r="L157" i="2"/>
  <c r="L131" i="5" s="1"/>
  <c r="L7387" i="2"/>
  <c r="L7361" i="5" s="1"/>
  <c r="L6071" i="2"/>
  <c r="L6045" i="5" s="1"/>
  <c r="L693" i="2"/>
  <c r="L667" i="5" s="1"/>
  <c r="L154" i="2"/>
  <c r="L128" i="5" s="1"/>
  <c r="L6386" i="2"/>
  <c r="L6360" i="5" s="1"/>
  <c r="L8741" i="2"/>
  <c r="L8715" i="5" s="1"/>
  <c r="L5031" i="2"/>
  <c r="L5005" i="5" s="1"/>
  <c r="L1015" i="2"/>
  <c r="L989" i="5" s="1"/>
  <c r="L872" i="2"/>
  <c r="L846" i="5" s="1"/>
  <c r="L6390" i="2"/>
  <c r="L6364" i="5" s="1"/>
  <c r="L2720" i="2"/>
  <c r="L2694" i="5" s="1"/>
  <c r="L4565" i="2"/>
  <c r="L4539" i="5" s="1"/>
  <c r="I3870" i="2"/>
  <c r="I3844" i="5" s="1"/>
  <c r="AR253" i="1"/>
  <c r="AR162" i="1"/>
  <c r="I347" i="2"/>
  <c r="I321" i="5" s="1"/>
  <c r="I7088" i="2"/>
  <c r="I7062" i="5" s="1"/>
  <c r="C273" i="5"/>
  <c r="AR113" i="1"/>
  <c r="I6743" i="2"/>
  <c r="I6717" i="5" s="1"/>
  <c r="I850" i="2"/>
  <c r="I824" i="5" s="1"/>
  <c r="I6901" i="2"/>
  <c r="I6875" i="5" s="1"/>
  <c r="I1366" i="2"/>
  <c r="I1340" i="5" s="1"/>
  <c r="I6077" i="2"/>
  <c r="I6051" i="5" s="1"/>
  <c r="I7888" i="2"/>
  <c r="I7862" i="5" s="1"/>
  <c r="I511" i="2"/>
  <c r="I485" i="5" s="1"/>
  <c r="I3881" i="2"/>
  <c r="I3855" i="5" s="1"/>
  <c r="I5905" i="2"/>
  <c r="I5879" i="5" s="1"/>
  <c r="I8408" i="2"/>
  <c r="I8382" i="5" s="1"/>
  <c r="I332" i="2"/>
  <c r="I306" i="5" s="1"/>
  <c r="I7249" i="2"/>
  <c r="I7223" i="5" s="1"/>
  <c r="I1166" i="2"/>
  <c r="I1140" i="5" s="1"/>
  <c r="I506" i="2"/>
  <c r="I480" i="5" s="1"/>
  <c r="I2693" i="2"/>
  <c r="I2667" i="5" s="1"/>
  <c r="I7231" i="2"/>
  <c r="I7205" i="5" s="1"/>
  <c r="I5871" i="2"/>
  <c r="I5845" i="5" s="1"/>
  <c r="I7236" i="2"/>
  <c r="I7210" i="5" s="1"/>
  <c r="I676" i="2"/>
  <c r="I650" i="5" s="1"/>
  <c r="I5555" i="2"/>
  <c r="I5529" i="5" s="1"/>
  <c r="I7051" i="2"/>
  <c r="I7025" i="5" s="1"/>
  <c r="I3559" i="2"/>
  <c r="I3533" i="5" s="1"/>
  <c r="I4534" i="2"/>
  <c r="I4508" i="5" s="1"/>
  <c r="I5742" i="2"/>
  <c r="I5716" i="5" s="1"/>
  <c r="I8769" i="2"/>
  <c r="I8743" i="5" s="1"/>
  <c r="I667" i="2"/>
  <c r="I641" i="5" s="1"/>
  <c r="I8218" i="2"/>
  <c r="I8192" i="5" s="1"/>
  <c r="I2014" i="2"/>
  <c r="I1988" i="5" s="1"/>
  <c r="I2858" i="2"/>
  <c r="I2832" i="5" s="1"/>
  <c r="I6390" i="2"/>
  <c r="I6364" i="5" s="1"/>
  <c r="I2350" i="2"/>
  <c r="I2324" i="5" s="1"/>
  <c r="I2009" i="2"/>
  <c r="I1983" i="5" s="1"/>
  <c r="AR365" i="1"/>
  <c r="AR43" i="1"/>
  <c r="I3518" i="2"/>
  <c r="I3492" i="5" s="1"/>
  <c r="I4364" i="2"/>
  <c r="I4338" i="5" s="1"/>
  <c r="I8554" i="2"/>
  <c r="I8528" i="5" s="1"/>
  <c r="I4228" i="2"/>
  <c r="I4202" i="5" s="1"/>
  <c r="I4047" i="2"/>
  <c r="I4021" i="5" s="1"/>
  <c r="I2373" i="2"/>
  <c r="I2347" i="5" s="1"/>
  <c r="I358" i="2"/>
  <c r="I332" i="5" s="1"/>
  <c r="I8722" i="2"/>
  <c r="I8696" i="5" s="1"/>
  <c r="I3039" i="2"/>
  <c r="I3013" i="5" s="1"/>
  <c r="I3560" i="2"/>
  <c r="I3534" i="5" s="1"/>
  <c r="I7591" i="2"/>
  <c r="I7565" i="5" s="1"/>
  <c r="I7751" i="2"/>
  <c r="I7725" i="5" s="1"/>
  <c r="I7416" i="2"/>
  <c r="I7390" i="5" s="1"/>
  <c r="I3032" i="2"/>
  <c r="I3006" i="5" s="1"/>
  <c r="I863" i="2"/>
  <c r="I837" i="5" s="1"/>
  <c r="I5546" i="2"/>
  <c r="I5520" i="5" s="1"/>
  <c r="I1377" i="2"/>
  <c r="I1351" i="5" s="1"/>
  <c r="I5906" i="2"/>
  <c r="I5880" i="5" s="1"/>
  <c r="I6379" i="2"/>
  <c r="I6353" i="5" s="1"/>
  <c r="I8557" i="2"/>
  <c r="I8531" i="5" s="1"/>
  <c r="I8262" i="2"/>
  <c r="I8236" i="5" s="1"/>
  <c r="I3204" i="2"/>
  <c r="I3178" i="5" s="1"/>
  <c r="I3864" i="2"/>
  <c r="I3838" i="5" s="1"/>
  <c r="I7895" i="2"/>
  <c r="I7869" i="5" s="1"/>
  <c r="I5739" i="2"/>
  <c r="I5713" i="5" s="1"/>
  <c r="I3877" i="2"/>
  <c r="I3851" i="5" s="1"/>
  <c r="I2877" i="2"/>
  <c r="I2851" i="5" s="1"/>
  <c r="I8566" i="2"/>
  <c r="I8540" i="5" s="1"/>
  <c r="I7055" i="2"/>
  <c r="I7029" i="5" s="1"/>
  <c r="I6892" i="2"/>
  <c r="I6866" i="5" s="1"/>
  <c r="I2204" i="2"/>
  <c r="I2178" i="5" s="1"/>
  <c r="I4046" i="2"/>
  <c r="I4020" i="5" s="1"/>
  <c r="I2692" i="2"/>
  <c r="I2666" i="5" s="1"/>
  <c r="I6735" i="2"/>
  <c r="I6709" i="5" s="1"/>
  <c r="I2846" i="2"/>
  <c r="I2820" i="5" s="1"/>
  <c r="I7727" i="2"/>
  <c r="I7701" i="5" s="1"/>
  <c r="I698" i="2"/>
  <c r="I672" i="5" s="1"/>
  <c r="I8421" i="2"/>
  <c r="I8395" i="5" s="1"/>
  <c r="I6398" i="2"/>
  <c r="I6372" i="5" s="1"/>
  <c r="I1018" i="2"/>
  <c r="I992" i="5" s="1"/>
  <c r="I8068" i="2"/>
  <c r="I8042" i="5" s="1"/>
  <c r="I4868" i="2"/>
  <c r="I4842" i="5" s="1"/>
  <c r="I8601" i="2"/>
  <c r="I8575" i="5" s="1"/>
  <c r="I1171" i="2"/>
  <c r="I1145" i="5" s="1"/>
  <c r="I673" i="2"/>
  <c r="I647" i="5" s="1"/>
  <c r="I8591" i="2"/>
  <c r="I8565" i="5" s="1"/>
  <c r="I7252" i="2"/>
  <c r="I7226" i="5" s="1"/>
  <c r="I7390" i="2"/>
  <c r="I7364" i="5" s="1"/>
  <c r="I842" i="2"/>
  <c r="I816" i="5" s="1"/>
  <c r="I7230" i="2"/>
  <c r="I7204" i="5" s="1"/>
  <c r="I6750" i="2"/>
  <c r="I6724" i="5" s="1"/>
  <c r="I535" i="2"/>
  <c r="I509" i="5" s="1"/>
  <c r="I2178" i="2"/>
  <c r="I2152" i="5" s="1"/>
  <c r="I8050" i="2"/>
  <c r="I8024" i="5" s="1"/>
  <c r="I8739" i="2"/>
  <c r="I8713" i="5" s="1"/>
  <c r="I7248" i="2"/>
  <c r="I7222" i="5" s="1"/>
  <c r="I3515" i="2"/>
  <c r="I3489" i="5" s="1"/>
  <c r="I7589" i="2"/>
  <c r="I7563" i="5" s="1"/>
  <c r="I6883" i="2"/>
  <c r="I6857" i="5" s="1"/>
  <c r="I194" i="2"/>
  <c r="I168" i="5" s="1"/>
  <c r="I7905" i="2"/>
  <c r="I7879" i="5" s="1"/>
  <c r="I334" i="2"/>
  <c r="I308" i="5" s="1"/>
  <c r="I687" i="2"/>
  <c r="I661" i="5" s="1"/>
  <c r="I5055" i="2"/>
  <c r="I5029" i="5" s="1"/>
  <c r="I856" i="2"/>
  <c r="I830" i="5" s="1"/>
  <c r="I2684" i="2"/>
  <c r="I2658" i="5" s="1"/>
  <c r="I1537" i="2"/>
  <c r="I1511" i="5" s="1"/>
  <c r="I6209" i="2"/>
  <c r="I6183" i="5" s="1"/>
  <c r="I3374" i="2"/>
  <c r="I3348" i="5" s="1"/>
  <c r="I7552" i="2"/>
  <c r="I7526" i="5" s="1"/>
  <c r="I7910" i="2"/>
  <c r="I7884" i="5" s="1"/>
  <c r="I662" i="2"/>
  <c r="I636" i="5" s="1"/>
  <c r="I2506" i="2"/>
  <c r="I2480" i="5" s="1"/>
  <c r="I3873" i="2"/>
  <c r="I3847" i="5" s="1"/>
  <c r="I4385" i="2"/>
  <c r="I4359" i="5" s="1"/>
  <c r="I6723" i="2"/>
  <c r="I6697" i="5" s="1"/>
  <c r="I7731" i="2"/>
  <c r="I7705" i="5" s="1"/>
  <c r="I6062" i="2"/>
  <c r="I6036" i="5" s="1"/>
  <c r="I1000" i="2"/>
  <c r="I974" i="5" s="1"/>
  <c r="I5566" i="2"/>
  <c r="I5540" i="5" s="1"/>
  <c r="I3707" i="2"/>
  <c r="I3681" i="5" s="1"/>
  <c r="I4695" i="2"/>
  <c r="I4669" i="5" s="1"/>
  <c r="I7736" i="2"/>
  <c r="I7710" i="5" s="1"/>
  <c r="I1864" i="2"/>
  <c r="I1838" i="5" s="1"/>
  <c r="I3720" i="2"/>
  <c r="I3694" i="5" s="1"/>
  <c r="I6236" i="2"/>
  <c r="I6210" i="5" s="1"/>
  <c r="I6569" i="2"/>
  <c r="I6543" i="5" s="1"/>
  <c r="I3013" i="2"/>
  <c r="I2987" i="5" s="1"/>
  <c r="I2703" i="2"/>
  <c r="I2677" i="5" s="1"/>
  <c r="I167" i="2"/>
  <c r="I141" i="5" s="1"/>
  <c r="I3537" i="2"/>
  <c r="I3511" i="5" s="1"/>
  <c r="I5531" i="2"/>
  <c r="I5505" i="5" s="1"/>
  <c r="I4022" i="2"/>
  <c r="I3996" i="5" s="1"/>
  <c r="I3027" i="2"/>
  <c r="I3001" i="5" s="1"/>
  <c r="I1509" i="2"/>
  <c r="I1483" i="5" s="1"/>
  <c r="I7749" i="2"/>
  <c r="I7723" i="5" s="1"/>
  <c r="I5045" i="2"/>
  <c r="I5019" i="5" s="1"/>
  <c r="I4212" i="2"/>
  <c r="I4186" i="5" s="1"/>
  <c r="I7896" i="2"/>
  <c r="I7870" i="5" s="1"/>
  <c r="I6916" i="2"/>
  <c r="I6890" i="5" s="1"/>
  <c r="I1871" i="2"/>
  <c r="I1845" i="5" s="1"/>
  <c r="I7080" i="2"/>
  <c r="I7054" i="5" s="1"/>
  <c r="I1516" i="2"/>
  <c r="I1490" i="5" s="1"/>
  <c r="I4200" i="2"/>
  <c r="I4174" i="5" s="1"/>
  <c r="I4392" i="2"/>
  <c r="I4366" i="5" s="1"/>
  <c r="I5196" i="2"/>
  <c r="I5170" i="5" s="1"/>
  <c r="I5880" i="2"/>
  <c r="I5854" i="5" s="1"/>
  <c r="I1533" i="2"/>
  <c r="I1507" i="5" s="1"/>
  <c r="I4048" i="2"/>
  <c r="I4022" i="5" s="1"/>
  <c r="I6055" i="2"/>
  <c r="I6029" i="5" s="1"/>
  <c r="I4690" i="2"/>
  <c r="I4664" i="5" s="1"/>
  <c r="I1204" i="2"/>
  <c r="I1178" i="5" s="1"/>
  <c r="I2876" i="2"/>
  <c r="I2850" i="5" s="1"/>
  <c r="I8413" i="2"/>
  <c r="I8387" i="5" s="1"/>
  <c r="I7058" i="2"/>
  <c r="I7032" i="5" s="1"/>
  <c r="I1177" i="2"/>
  <c r="I1151" i="5" s="1"/>
  <c r="I7753" i="2"/>
  <c r="I7727" i="5" s="1"/>
  <c r="I8221" i="2"/>
  <c r="I8195" i="5" s="1"/>
  <c r="I704" i="2"/>
  <c r="I678" i="5" s="1"/>
  <c r="I865" i="2"/>
  <c r="I839" i="5" s="1"/>
  <c r="I502" i="2"/>
  <c r="I476" i="5" s="1"/>
  <c r="I3021" i="2"/>
  <c r="I2995" i="5" s="1"/>
  <c r="I8067" i="2"/>
  <c r="I8041" i="5" s="1"/>
  <c r="I2183" i="2"/>
  <c r="I2157" i="5" s="1"/>
  <c r="I5231" i="2"/>
  <c r="I5205" i="5" s="1"/>
  <c r="I4860" i="2"/>
  <c r="I4834" i="5" s="1"/>
  <c r="I1514" i="2"/>
  <c r="I1488" i="5" s="1"/>
  <c r="I8057" i="2"/>
  <c r="I8031" i="5" s="1"/>
  <c r="I5575" i="2"/>
  <c r="I5549" i="5" s="1"/>
  <c r="I4865" i="2"/>
  <c r="I4839" i="5" s="1"/>
  <c r="I2719" i="2"/>
  <c r="I2693" i="5" s="1"/>
  <c r="I7922" i="2"/>
  <c r="I7896" i="5" s="1"/>
  <c r="I8229" i="2"/>
  <c r="I8203" i="5" s="1"/>
  <c r="I4056" i="2"/>
  <c r="I4030" i="5" s="1"/>
  <c r="I1543" i="2"/>
  <c r="I1517" i="5" s="1"/>
  <c r="I1373" i="2"/>
  <c r="I1347" i="5" s="1"/>
  <c r="I7759" i="2"/>
  <c r="I7733" i="5" s="1"/>
  <c r="I1842" i="2"/>
  <c r="I1816" i="5" s="1"/>
  <c r="I7564" i="2"/>
  <c r="I7538" i="5" s="1"/>
  <c r="I3206" i="2"/>
  <c r="I3180" i="5" s="1"/>
  <c r="I1679" i="2"/>
  <c r="I1653" i="5" s="1"/>
  <c r="I2215" i="2"/>
  <c r="I2189" i="5" s="1"/>
  <c r="I1034" i="2"/>
  <c r="I1008" i="5" s="1"/>
  <c r="I8431" i="2"/>
  <c r="I8405" i="5" s="1"/>
  <c r="I1365" i="2"/>
  <c r="I1339" i="5" s="1"/>
  <c r="I6580" i="2"/>
  <c r="I6554" i="5" s="1"/>
  <c r="I4020" i="2"/>
  <c r="I3994" i="5" s="1"/>
  <c r="I6541" i="2"/>
  <c r="I6515" i="5" s="1"/>
  <c r="I5364" i="2"/>
  <c r="I5338" i="5" s="1"/>
  <c r="I2704" i="2"/>
  <c r="I2678" i="5" s="1"/>
  <c r="I3682" i="2"/>
  <c r="I3656" i="5" s="1"/>
  <c r="I7723" i="2"/>
  <c r="I7697" i="5" s="1"/>
  <c r="I493" i="2"/>
  <c r="I467" i="5" s="1"/>
  <c r="I3183" i="2"/>
  <c r="I3157" i="5" s="1"/>
  <c r="I7388" i="2"/>
  <c r="I7362" i="5" s="1"/>
  <c r="I7381" i="2"/>
  <c r="I7355" i="5" s="1"/>
  <c r="I1356" i="2"/>
  <c r="I1330" i="5" s="1"/>
  <c r="I7379" i="2"/>
  <c r="I7353" i="5" s="1"/>
  <c r="I6752" i="2"/>
  <c r="I6726" i="5" s="1"/>
  <c r="I325" i="2"/>
  <c r="I299" i="5" s="1"/>
  <c r="I2198" i="2"/>
  <c r="I2172" i="5" s="1"/>
  <c r="I521" i="2"/>
  <c r="I495" i="5" s="1"/>
  <c r="I6585" i="2"/>
  <c r="I6559" i="5" s="1"/>
  <c r="I8411" i="2"/>
  <c r="I8385" i="5" s="1"/>
  <c r="I6706" i="2"/>
  <c r="I6680" i="5" s="1"/>
  <c r="I8570" i="2"/>
  <c r="I8544" i="5" s="1"/>
  <c r="I3714" i="2"/>
  <c r="I3688" i="5" s="1"/>
  <c r="I6726" i="2"/>
  <c r="I6700" i="5" s="1"/>
  <c r="I2210" i="2"/>
  <c r="I2184" i="5" s="1"/>
  <c r="I3365" i="2"/>
  <c r="I3339" i="5" s="1"/>
  <c r="I7217" i="2"/>
  <c r="I7191" i="5" s="1"/>
  <c r="I7396" i="2"/>
  <c r="I7370" i="5" s="1"/>
  <c r="I5568" i="2"/>
  <c r="I5542" i="5" s="1"/>
  <c r="I5070" i="2"/>
  <c r="I5044" i="5" s="1"/>
  <c r="I4211" i="2"/>
  <c r="I4185" i="5" s="1"/>
  <c r="I7924" i="2"/>
  <c r="I7898" i="5" s="1"/>
  <c r="I1028" i="2"/>
  <c r="I1002" i="5" s="1"/>
  <c r="I3532" i="2"/>
  <c r="I3506" i="5" s="1"/>
  <c r="I6385" i="2"/>
  <c r="I6359" i="5" s="1"/>
  <c r="I169" i="2"/>
  <c r="I143" i="5" s="1"/>
  <c r="I510" i="2"/>
  <c r="I484" i="5" s="1"/>
  <c r="I5540" i="2"/>
  <c r="I5514" i="5" s="1"/>
  <c r="I8752" i="2"/>
  <c r="I8726" i="5" s="1"/>
  <c r="I8735" i="2"/>
  <c r="I8709" i="5" s="1"/>
  <c r="I2027" i="2"/>
  <c r="I2001" i="5" s="1"/>
  <c r="I7553" i="2"/>
  <c r="I7527" i="5" s="1"/>
  <c r="I8594" i="2"/>
  <c r="I8568" i="5" s="1"/>
  <c r="I7557" i="2"/>
  <c r="I7531" i="5" s="1"/>
  <c r="I2869" i="2"/>
  <c r="I2843" i="5" s="1"/>
  <c r="I1331" i="2"/>
  <c r="I1305" i="5" s="1"/>
  <c r="I7556" i="2"/>
  <c r="I7530" i="5" s="1"/>
  <c r="I6392" i="2"/>
  <c r="I6366" i="5" s="1"/>
  <c r="I4720" i="2"/>
  <c r="I4694" i="5" s="1"/>
  <c r="I7582" i="2"/>
  <c r="I7556" i="5" s="1"/>
  <c r="I8089" i="2"/>
  <c r="I8063" i="5" s="1"/>
  <c r="I1518" i="2"/>
  <c r="I1492" i="5" s="1"/>
  <c r="I7425" i="2"/>
  <c r="I7399" i="5" s="1"/>
  <c r="I3729" i="2"/>
  <c r="I3703" i="5" s="1"/>
  <c r="I8064" i="2"/>
  <c r="I8038" i="5" s="1"/>
  <c r="I4535" i="2"/>
  <c r="I4509" i="5" s="1"/>
  <c r="I8052" i="2"/>
  <c r="I8026" i="5" s="1"/>
  <c r="I4367" i="2"/>
  <c r="I4341" i="5" s="1"/>
  <c r="I7575" i="2"/>
  <c r="I7549" i="5" s="1"/>
  <c r="I2535" i="2"/>
  <c r="I2509" i="5" s="1"/>
  <c r="I3221" i="2"/>
  <c r="I3195" i="5" s="1"/>
  <c r="I5713" i="2"/>
  <c r="I5687" i="5" s="1"/>
  <c r="I4552" i="2"/>
  <c r="I4526" i="5" s="1"/>
  <c r="I3554" i="2"/>
  <c r="I3528" i="5" s="1"/>
  <c r="I8054" i="2"/>
  <c r="I8028" i="5" s="1"/>
  <c r="I5877" i="2"/>
  <c r="I5851" i="5" s="1"/>
  <c r="I5894" i="2"/>
  <c r="I5868" i="5" s="1"/>
  <c r="I1504" i="2"/>
  <c r="I1478" i="5" s="1"/>
  <c r="I840" i="2"/>
  <c r="I814" i="5" s="1"/>
  <c r="I4556" i="2"/>
  <c r="I4530" i="5" s="1"/>
  <c r="I5040" i="2"/>
  <c r="I5014" i="5" s="1"/>
  <c r="I7586" i="2"/>
  <c r="I7560" i="5" s="1"/>
  <c r="I8734" i="2"/>
  <c r="I8708" i="5" s="1"/>
  <c r="I6715" i="2"/>
  <c r="I6689" i="5" s="1"/>
  <c r="I4725" i="2"/>
  <c r="I4699" i="5" s="1"/>
  <c r="I5054" i="2"/>
  <c r="I5028" i="5" s="1"/>
  <c r="I3520" i="2"/>
  <c r="I3494" i="5" s="1"/>
  <c r="I8092" i="2"/>
  <c r="I8066" i="5" s="1"/>
  <c r="I4891" i="2"/>
  <c r="I4865" i="5" s="1"/>
  <c r="I5227" i="2"/>
  <c r="I5201" i="5" s="1"/>
  <c r="I1702" i="2"/>
  <c r="I1676" i="5" s="1"/>
  <c r="I1695" i="2"/>
  <c r="I1669" i="5" s="1"/>
  <c r="I3693" i="2"/>
  <c r="I3667" i="5" s="1"/>
  <c r="I8220" i="2"/>
  <c r="I8194" i="5" s="1"/>
  <c r="I2181" i="2"/>
  <c r="I2155" i="5" s="1"/>
  <c r="I2367" i="2"/>
  <c r="I2341" i="5" s="1"/>
  <c r="I8419" i="2"/>
  <c r="I8393" i="5" s="1"/>
  <c r="I1710" i="2"/>
  <c r="I1684" i="5" s="1"/>
  <c r="I5873" i="2"/>
  <c r="I5847" i="5" s="1"/>
  <c r="I490" i="2"/>
  <c r="I464" i="5" s="1"/>
  <c r="I8219" i="2"/>
  <c r="I8193" i="5" s="1"/>
  <c r="I6393" i="2"/>
  <c r="I6367" i="5" s="1"/>
  <c r="I5910" i="2"/>
  <c r="I5884" i="5" s="1"/>
  <c r="I7044" i="2"/>
  <c r="I7018" i="5" s="1"/>
  <c r="I7579" i="2"/>
  <c r="I7553" i="5" s="1"/>
  <c r="I3359" i="2"/>
  <c r="I3333" i="5" s="1"/>
  <c r="I6394" i="2"/>
  <c r="I6368" i="5" s="1"/>
  <c r="I1535" i="2"/>
  <c r="I1509" i="5" s="1"/>
  <c r="I2347" i="2"/>
  <c r="I2321" i="5" s="1"/>
  <c r="I8563" i="2"/>
  <c r="I8537" i="5" s="1"/>
  <c r="I3865" i="2"/>
  <c r="I3839" i="5" s="1"/>
  <c r="I700" i="2"/>
  <c r="I674" i="5" s="1"/>
  <c r="I7892" i="2"/>
  <c r="I7866" i="5" s="1"/>
  <c r="I3388" i="2"/>
  <c r="I3362" i="5" s="1"/>
  <c r="I1345" i="2"/>
  <c r="I1319" i="5" s="1"/>
  <c r="I4040" i="2"/>
  <c r="I4014" i="5" s="1"/>
  <c r="I5391" i="2"/>
  <c r="I5365" i="5" s="1"/>
  <c r="I4706" i="2"/>
  <c r="I4680" i="5" s="1"/>
  <c r="I1364" i="2"/>
  <c r="I1338" i="5" s="1"/>
  <c r="I1173" i="2"/>
  <c r="I1147" i="5" s="1"/>
  <c r="I2510" i="2"/>
  <c r="I2484" i="5" s="1"/>
  <c r="I155" i="2"/>
  <c r="I129" i="5" s="1"/>
  <c r="I5195" i="2"/>
  <c r="I5169" i="5" s="1"/>
  <c r="I2207" i="2"/>
  <c r="I2181" i="5" s="1"/>
  <c r="I4391" i="2"/>
  <c r="I4365" i="5" s="1"/>
  <c r="I1041" i="2"/>
  <c r="I1015" i="5" s="1"/>
  <c r="I7577" i="2"/>
  <c r="I7551" i="5" s="1"/>
  <c r="I4369" i="2"/>
  <c r="I4343" i="5" s="1"/>
  <c r="I8397" i="2"/>
  <c r="I8371" i="5" s="1"/>
  <c r="I5573" i="2"/>
  <c r="I5547" i="5" s="1"/>
  <c r="I4564" i="2"/>
  <c r="I4538" i="5" s="1"/>
  <c r="I2675" i="2"/>
  <c r="I2649" i="5" s="1"/>
  <c r="I3354" i="2"/>
  <c r="I3328" i="5" s="1"/>
  <c r="I1513" i="2"/>
  <c r="I1487" i="5" s="1"/>
  <c r="I4714" i="2"/>
  <c r="I4688" i="5" s="1"/>
  <c r="I5707" i="2"/>
  <c r="I5681" i="5" s="1"/>
  <c r="I1196" i="2"/>
  <c r="I1170" i="5" s="1"/>
  <c r="I5397" i="2"/>
  <c r="I5371" i="5" s="1"/>
  <c r="I3010" i="2"/>
  <c r="I2984" i="5" s="1"/>
  <c r="I6239" i="2"/>
  <c r="I6213" i="5" s="1"/>
  <c r="I7401" i="2"/>
  <c r="I7375" i="5" s="1"/>
  <c r="I331" i="2"/>
  <c r="I305" i="5" s="1"/>
  <c r="I356" i="2"/>
  <c r="I330" i="5" s="1"/>
  <c r="I2046" i="2"/>
  <c r="I2020" i="5" s="1"/>
  <c r="I5390" i="2"/>
  <c r="I5364" i="5" s="1"/>
  <c r="I4375" i="2"/>
  <c r="I4349" i="5" s="1"/>
  <c r="I4054" i="2"/>
  <c r="I4028" i="5" s="1"/>
  <c r="I7927" i="2"/>
  <c r="I7901" i="5" s="1"/>
  <c r="I509" i="2"/>
  <c r="I483" i="5" s="1"/>
  <c r="I7744" i="2"/>
  <c r="I7718" i="5" s="1"/>
  <c r="I3367" i="2"/>
  <c r="I3341" i="5" s="1"/>
  <c r="I1032" i="2"/>
  <c r="I1006" i="5" s="1"/>
  <c r="I6744" i="2"/>
  <c r="I6718" i="5" s="1"/>
  <c r="I2200" i="2"/>
  <c r="I2174" i="5" s="1"/>
  <c r="I3687" i="2"/>
  <c r="I3661" i="5" s="1"/>
  <c r="I4355" i="2"/>
  <c r="I4329" i="5" s="1"/>
  <c r="I1511" i="2"/>
  <c r="I1485" i="5" s="1"/>
  <c r="I7071" i="2"/>
  <c r="I7045" i="5" s="1"/>
  <c r="I7738" i="2"/>
  <c r="I7712" i="5" s="1"/>
  <c r="I2172" i="2"/>
  <c r="I2146" i="5" s="1"/>
  <c r="I8254" i="2"/>
  <c r="I8228" i="5" s="1"/>
  <c r="I201" i="2"/>
  <c r="I175" i="5" s="1"/>
  <c r="I5535" i="2"/>
  <c r="I5509" i="5" s="1"/>
  <c r="I2182" i="2"/>
  <c r="I2156" i="5" s="1"/>
  <c r="I8422" i="2"/>
  <c r="I8396" i="5" s="1"/>
  <c r="I6921" i="2"/>
  <c r="I6895" i="5" s="1"/>
  <c r="I3179" i="2"/>
  <c r="I3153" i="5" s="1"/>
  <c r="I4873" i="2"/>
  <c r="I4847" i="5" s="1"/>
  <c r="I6889" i="2"/>
  <c r="I6863" i="5" s="1"/>
  <c r="I348" i="2"/>
  <c r="I322" i="5" s="1"/>
  <c r="I6900" i="2"/>
  <c r="I6874" i="5" s="1"/>
  <c r="I6875" i="2"/>
  <c r="I6849" i="5" s="1"/>
  <c r="I2007" i="2"/>
  <c r="I1981" i="5" s="1"/>
  <c r="I7737" i="2"/>
  <c r="I7711" i="5" s="1"/>
  <c r="I2863" i="2"/>
  <c r="I2837" i="5" s="1"/>
  <c r="I860" i="2"/>
  <c r="I834" i="5" s="1"/>
  <c r="I342" i="2"/>
  <c r="I316" i="5" s="1"/>
  <c r="I3386" i="2"/>
  <c r="I3360" i="5" s="1"/>
  <c r="I7054" i="2"/>
  <c r="I7028" i="5" s="1"/>
  <c r="I6229" i="2"/>
  <c r="I6203" i="5" s="1"/>
  <c r="I4063" i="2"/>
  <c r="I4037" i="5" s="1"/>
  <c r="I4190" i="2"/>
  <c r="I4164" i="5" s="1"/>
  <c r="I3358" i="2"/>
  <c r="I3332" i="5" s="1"/>
  <c r="I3215" i="2"/>
  <c r="I3189" i="5" s="1"/>
  <c r="I2352" i="2"/>
  <c r="I2326" i="5" s="1"/>
  <c r="I7743" i="2"/>
  <c r="I7717" i="5" s="1"/>
  <c r="I665" i="2"/>
  <c r="I639" i="5" s="1"/>
  <c r="I3555" i="2"/>
  <c r="I3529" i="5" s="1"/>
  <c r="I4718" i="2"/>
  <c r="I4692" i="5" s="1"/>
  <c r="I1200" i="2"/>
  <c r="I1174" i="5" s="1"/>
  <c r="I2700" i="2"/>
  <c r="I2674" i="5" s="1"/>
  <c r="I4698" i="2"/>
  <c r="I4672" i="5" s="1"/>
  <c r="I508" i="2"/>
  <c r="I482" i="5" s="1"/>
  <c r="I5370" i="2"/>
  <c r="I5344" i="5" s="1"/>
  <c r="I3726" i="2"/>
  <c r="I3700" i="5" s="1"/>
  <c r="I7216" i="2"/>
  <c r="I7190" i="5" s="1"/>
  <c r="I195" i="2"/>
  <c r="I169" i="5" s="1"/>
  <c r="I2532" i="2"/>
  <c r="I2506" i="5" s="1"/>
  <c r="I3052" i="2"/>
  <c r="I3026" i="5" s="1"/>
  <c r="I4877" i="2"/>
  <c r="I4851" i="5" s="1"/>
  <c r="I4710" i="2"/>
  <c r="I4684" i="5" s="1"/>
  <c r="I7237" i="2"/>
  <c r="I7211" i="5" s="1"/>
  <c r="I4395" i="2"/>
  <c r="I4369" i="5" s="1"/>
  <c r="I5034" i="2"/>
  <c r="I5008" i="5" s="1"/>
  <c r="I6046" i="2"/>
  <c r="I6020" i="5" s="1"/>
  <c r="I157" i="2"/>
  <c r="I131" i="5" s="1"/>
  <c r="I1341" i="2"/>
  <c r="I1315" i="5" s="1"/>
  <c r="I1010" i="2"/>
  <c r="I984" i="5" s="1"/>
  <c r="I172" i="2"/>
  <c r="I146" i="5" s="1"/>
  <c r="I5911" i="2"/>
  <c r="I5885" i="5" s="1"/>
  <c r="I6220" i="2"/>
  <c r="I6194" i="5" s="1"/>
  <c r="I5386" i="2"/>
  <c r="I5360" i="5" s="1"/>
  <c r="I6742" i="2"/>
  <c r="I6716" i="5" s="1"/>
  <c r="I3387" i="2"/>
  <c r="I3361" i="5" s="1"/>
  <c r="I6912" i="2"/>
  <c r="I6886" i="5" s="1"/>
  <c r="I4384" i="2"/>
  <c r="I4358" i="5" s="1"/>
  <c r="I8065" i="2"/>
  <c r="I8039" i="5" s="1"/>
  <c r="I6409" i="2"/>
  <c r="I6383" i="5" s="1"/>
  <c r="I3685" i="2"/>
  <c r="I3659" i="5" s="1"/>
  <c r="I4541" i="2"/>
  <c r="I4515" i="5" s="1"/>
  <c r="I4562" i="2"/>
  <c r="I4536" i="5" s="1"/>
  <c r="I1866" i="2"/>
  <c r="I1840" i="5" s="1"/>
  <c r="I8759" i="2"/>
  <c r="I8733" i="5" s="1"/>
  <c r="I3376" i="2"/>
  <c r="I3350" i="5" s="1"/>
  <c r="I5870" i="2"/>
  <c r="I5844" i="5" s="1"/>
  <c r="I7720" i="2"/>
  <c r="I7694" i="5" s="1"/>
  <c r="I660" i="2"/>
  <c r="I634" i="5" s="1"/>
  <c r="I8593" i="2"/>
  <c r="I8567" i="5" s="1"/>
  <c r="I3696" i="2"/>
  <c r="I3670" i="5" s="1"/>
  <c r="I7750" i="2"/>
  <c r="I7724" i="5" s="1"/>
  <c r="I8227" i="2"/>
  <c r="I8201" i="5" s="1"/>
  <c r="I7915" i="2"/>
  <c r="I7889" i="5" s="1"/>
  <c r="I2526" i="2"/>
  <c r="I2500" i="5" s="1"/>
  <c r="I8578" i="2"/>
  <c r="I8552" i="5" s="1"/>
  <c r="I4882" i="2"/>
  <c r="I4856" i="5" s="1"/>
  <c r="I1009" i="2"/>
  <c r="I983" i="5" s="1"/>
  <c r="I6049" i="2"/>
  <c r="I6023" i="5" s="1"/>
  <c r="I323" i="2"/>
  <c r="I297" i="5" s="1"/>
  <c r="I1172" i="2"/>
  <c r="I1146" i="5" s="1"/>
  <c r="I6716" i="2"/>
  <c r="I6690" i="5" s="1"/>
  <c r="I2013" i="2"/>
  <c r="I1987" i="5" s="1"/>
  <c r="I2180" i="2"/>
  <c r="I2154" i="5" s="1"/>
  <c r="I5204" i="2"/>
  <c r="I5178" i="5" s="1"/>
  <c r="I8393" i="2"/>
  <c r="I8367" i="5" s="1"/>
  <c r="I4691" i="2"/>
  <c r="I4665" i="5" s="1"/>
  <c r="I3519" i="2"/>
  <c r="I3493" i="5" s="1"/>
  <c r="I8080" i="2"/>
  <c r="I8054" i="5" s="1"/>
  <c r="I5700" i="2"/>
  <c r="I5674" i="5" s="1"/>
  <c r="I5722" i="2"/>
  <c r="I5696" i="5" s="1"/>
  <c r="I8051" i="2"/>
  <c r="I8025" i="5" s="1"/>
  <c r="I1870" i="2"/>
  <c r="I1844" i="5" s="1"/>
  <c r="I2520" i="2"/>
  <c r="I2494" i="5" s="1"/>
  <c r="I3383" i="2"/>
  <c r="I3357" i="5" s="1"/>
  <c r="I6047" i="2"/>
  <c r="I6021" i="5" s="1"/>
  <c r="I4394" i="2"/>
  <c r="I4368" i="5" s="1"/>
  <c r="I4382" i="2"/>
  <c r="I4356" i="5" s="1"/>
  <c r="I852" i="2"/>
  <c r="I826" i="5" s="1"/>
  <c r="I8090" i="2"/>
  <c r="I8064" i="5" s="1"/>
  <c r="I8571" i="2"/>
  <c r="I8545" i="5" s="1"/>
  <c r="I8583" i="2"/>
  <c r="I8557" i="5" s="1"/>
  <c r="I8733" i="2"/>
  <c r="I8707" i="5" s="1"/>
  <c r="I5385" i="2"/>
  <c r="I5359" i="5" s="1"/>
  <c r="I4522" i="2"/>
  <c r="I4496" i="5" s="1"/>
  <c r="I4736" i="2"/>
  <c r="I4710" i="5" s="1"/>
  <c r="I6411" i="2"/>
  <c r="I6385" i="5" s="1"/>
  <c r="I5548" i="2"/>
  <c r="I5522" i="5" s="1"/>
  <c r="I7076" i="2"/>
  <c r="I7050" i="5" s="1"/>
  <c r="I5365" i="2"/>
  <c r="I5339" i="5" s="1"/>
  <c r="I6731" i="2"/>
  <c r="I6705" i="5" s="1"/>
  <c r="I352" i="2"/>
  <c r="I326" i="5" s="1"/>
  <c r="I6877" i="2"/>
  <c r="I6851" i="5" s="1"/>
  <c r="I2354" i="2"/>
  <c r="I2328" i="5" s="1"/>
  <c r="I4875" i="2"/>
  <c r="I4849" i="5" s="1"/>
  <c r="I5889" i="2"/>
  <c r="I5863" i="5" s="1"/>
  <c r="I870" i="2"/>
  <c r="I844" i="5" s="1"/>
  <c r="I1164" i="2"/>
  <c r="I1138" i="5" s="1"/>
  <c r="I8765" i="2"/>
  <c r="I8739" i="5" s="1"/>
  <c r="I8420" i="2"/>
  <c r="I8394" i="5" s="1"/>
  <c r="I8588" i="2"/>
  <c r="I8562" i="5" s="1"/>
  <c r="I2870" i="2"/>
  <c r="I2844" i="5" s="1"/>
  <c r="I8757" i="2"/>
  <c r="I8731" i="5" s="1"/>
  <c r="I5557" i="2"/>
  <c r="I5531" i="5" s="1"/>
  <c r="I5208" i="2"/>
  <c r="I5182" i="5" s="1"/>
  <c r="I831" i="2"/>
  <c r="I805" i="5" s="1"/>
  <c r="I5072" i="2"/>
  <c r="I5046" i="5" s="1"/>
  <c r="I2186" i="2"/>
  <c r="I2160" i="5" s="1"/>
  <c r="I6880" i="2"/>
  <c r="I6854" i="5" s="1"/>
  <c r="I5052" i="2"/>
  <c r="I5026" i="5" s="1"/>
  <c r="I869" i="2"/>
  <c r="I843" i="5" s="1"/>
  <c r="I4029" i="2"/>
  <c r="I4003" i="5" s="1"/>
  <c r="I327" i="2"/>
  <c r="I301" i="5" s="1"/>
  <c r="I7725" i="2"/>
  <c r="I7699" i="5" s="1"/>
  <c r="I2366" i="2"/>
  <c r="I2340" i="5" s="1"/>
  <c r="I5738" i="2"/>
  <c r="I5712" i="5" s="1"/>
  <c r="I5031" i="2"/>
  <c r="I5005" i="5" s="1"/>
  <c r="I8234" i="2"/>
  <c r="I8208" i="5" s="1"/>
  <c r="I835" i="2"/>
  <c r="I809" i="5" s="1"/>
  <c r="I5366" i="2"/>
  <c r="I5340" i="5" s="1"/>
  <c r="I8255" i="2"/>
  <c r="I8229" i="5" s="1"/>
  <c r="I6219" i="2"/>
  <c r="I6193" i="5" s="1"/>
  <c r="I5561" i="2"/>
  <c r="I5535" i="5" s="1"/>
  <c r="I1840" i="2"/>
  <c r="I1814" i="5" s="1"/>
  <c r="I1176" i="2"/>
  <c r="I1150" i="5" s="1"/>
  <c r="I368" i="2"/>
  <c r="I342" i="5" s="1"/>
  <c r="I4886" i="2"/>
  <c r="I4860" i="5" s="1"/>
  <c r="I6555" i="2"/>
  <c r="I6529" i="5" s="1"/>
  <c r="I5033" i="2"/>
  <c r="I5007" i="5" s="1"/>
  <c r="I5402" i="2"/>
  <c r="I5376" i="5" s="1"/>
  <c r="I3705" i="2"/>
  <c r="I3679" i="5" s="1"/>
  <c r="I7717" i="2"/>
  <c r="I7691" i="5" s="1"/>
  <c r="I6568" i="2"/>
  <c r="I6542" i="5" s="1"/>
  <c r="I2885" i="2"/>
  <c r="I2859" i="5" s="1"/>
  <c r="I8590" i="2"/>
  <c r="I8564" i="5" s="1"/>
  <c r="I1862" i="2"/>
  <c r="I1836" i="5" s="1"/>
  <c r="I6395" i="2"/>
  <c r="I6369" i="5" s="1"/>
  <c r="I2517" i="2"/>
  <c r="I2491" i="5" s="1"/>
  <c r="I5399" i="2"/>
  <c r="I5373" i="5" s="1"/>
  <c r="I1692" i="2"/>
  <c r="I1666" i="5" s="1"/>
  <c r="I4708" i="2"/>
  <c r="I4682" i="5" s="1"/>
  <c r="I1340" i="2"/>
  <c r="I1314" i="5" s="1"/>
  <c r="I2047" i="2"/>
  <c r="I2021" i="5" s="1"/>
  <c r="I5541" i="2"/>
  <c r="I5515" i="5" s="1"/>
  <c r="I5211" i="2"/>
  <c r="I5185" i="5" s="1"/>
  <c r="I1838" i="2"/>
  <c r="I1812" i="5" s="1"/>
  <c r="I2548" i="2"/>
  <c r="I2522" i="5" s="1"/>
  <c r="I1334" i="2"/>
  <c r="I1308" i="5" s="1"/>
  <c r="I6740" i="2"/>
  <c r="I6714" i="5" s="1"/>
  <c r="I1705" i="2"/>
  <c r="I1679" i="5" s="1"/>
  <c r="I8083" i="2"/>
  <c r="I8057" i="5" s="1"/>
  <c r="I3700" i="2"/>
  <c r="I3674" i="5" s="1"/>
  <c r="I5043" i="2"/>
  <c r="I5017" i="5" s="1"/>
  <c r="I4559" i="2"/>
  <c r="I4533" i="5" s="1"/>
  <c r="I2546" i="2"/>
  <c r="I2520" i="5" s="1"/>
  <c r="I5701" i="2"/>
  <c r="I5675" i="5" s="1"/>
  <c r="I8725" i="2"/>
  <c r="I8699" i="5" s="1"/>
  <c r="I2196" i="2"/>
  <c r="I2170" i="5" s="1"/>
  <c r="I2678" i="2"/>
  <c r="I2652" i="5" s="1"/>
  <c r="I1545" i="2"/>
  <c r="I1519" i="5" s="1"/>
  <c r="I8743" i="2"/>
  <c r="I8717" i="5" s="1"/>
  <c r="I8577" i="2"/>
  <c r="I8551" i="5" s="1"/>
  <c r="I2349" i="2"/>
  <c r="I2323" i="5" s="1"/>
  <c r="I8767" i="2"/>
  <c r="I8741" i="5" s="1"/>
  <c r="I5403" i="2"/>
  <c r="I5377" i="5" s="1"/>
  <c r="I4727" i="2"/>
  <c r="I4701" i="5" s="1"/>
  <c r="I3189" i="2"/>
  <c r="I3163" i="5" s="1"/>
  <c r="I1183" i="2"/>
  <c r="I1157" i="5" s="1"/>
  <c r="I659" i="2"/>
  <c r="I633" i="5" s="1"/>
  <c r="I4065" i="2"/>
  <c r="I4039" i="5" s="1"/>
  <c r="I5736" i="2"/>
  <c r="I5710" i="5" s="1"/>
  <c r="I5362" i="2"/>
  <c r="I5336" i="5" s="1"/>
  <c r="I2342" i="2"/>
  <c r="I2316" i="5" s="1"/>
  <c r="I3186" i="2"/>
  <c r="I3160" i="5" s="1"/>
  <c r="I163" i="2"/>
  <c r="I137" i="5" s="1"/>
  <c r="I1523" i="2"/>
  <c r="I1497" i="5" s="1"/>
  <c r="I6245" i="2"/>
  <c r="I6219" i="5" s="1"/>
  <c r="I6558" i="2"/>
  <c r="I6532" i="5" s="1"/>
  <c r="I5712" i="2"/>
  <c r="I5686" i="5" s="1"/>
  <c r="I4881" i="2"/>
  <c r="I4855" i="5" s="1"/>
  <c r="I1704" i="2"/>
  <c r="I1678" i="5" s="1"/>
  <c r="I8399" i="2"/>
  <c r="I8373" i="5" s="1"/>
  <c r="I6227" i="2"/>
  <c r="I6201" i="5" s="1"/>
  <c r="I861" i="2"/>
  <c r="I835" i="5" s="1"/>
  <c r="I2020" i="2"/>
  <c r="I1994" i="5" s="1"/>
  <c r="I4716" i="2"/>
  <c r="I4690" i="5" s="1"/>
  <c r="I503" i="2"/>
  <c r="I477" i="5" s="1"/>
  <c r="I7048" i="2"/>
  <c r="I7022" i="5" s="1"/>
  <c r="I4524" i="2"/>
  <c r="I4498" i="5" s="1"/>
  <c r="I3346" i="2"/>
  <c r="I3320" i="5" s="1"/>
  <c r="I7421" i="2"/>
  <c r="I7395" i="5" s="1"/>
  <c r="I2539" i="2"/>
  <c r="I2513" i="5" s="1"/>
  <c r="I2039" i="2"/>
  <c r="I2013" i="5" s="1"/>
  <c r="I5218" i="2"/>
  <c r="I5192" i="5" s="1"/>
  <c r="I3524" i="2"/>
  <c r="I3498" i="5" s="1"/>
  <c r="I6565" i="2"/>
  <c r="I6539" i="5" s="1"/>
  <c r="I8095" i="2"/>
  <c r="I8069" i="5" s="1"/>
  <c r="I4194" i="2"/>
  <c r="I4168" i="5" s="1"/>
  <c r="I4401" i="2"/>
  <c r="I4375" i="5" s="1"/>
  <c r="I4729" i="2"/>
  <c r="I4703" i="5" s="1"/>
  <c r="I1837" i="2"/>
  <c r="I1811" i="5" s="1"/>
  <c r="I1703" i="2"/>
  <c r="I1677" i="5" s="1"/>
  <c r="I4360" i="2"/>
  <c r="I4334" i="5" s="1"/>
  <c r="I4213" i="2"/>
  <c r="I4187" i="5" s="1"/>
  <c r="I7893" i="2"/>
  <c r="I7867" i="5" s="1"/>
  <c r="I4546" i="2"/>
  <c r="I4520" i="5" s="1"/>
  <c r="I692" i="2"/>
  <c r="I666" i="5" s="1"/>
  <c r="I1017" i="2"/>
  <c r="I991" i="5" s="1"/>
  <c r="I3051" i="2"/>
  <c r="I3025" i="5" s="1"/>
  <c r="I2859" i="2"/>
  <c r="I2833" i="5" s="1"/>
  <c r="I6890" i="2"/>
  <c r="I6864" i="5" s="1"/>
  <c r="I8391" i="2"/>
  <c r="I8365" i="5" s="1"/>
  <c r="I5912" i="2"/>
  <c r="I5886" i="5" s="1"/>
  <c r="I1836" i="2"/>
  <c r="I1810" i="5" s="1"/>
  <c r="I5869" i="2"/>
  <c r="I5843" i="5" s="1"/>
  <c r="I3369" i="2"/>
  <c r="I3343" i="5" s="1"/>
  <c r="I7748" i="2"/>
  <c r="I7722" i="5" s="1"/>
  <c r="I703" i="2"/>
  <c r="I677" i="5" s="1"/>
  <c r="I7592" i="2"/>
  <c r="I7566" i="5" s="1"/>
  <c r="I3057" i="2"/>
  <c r="I3031" i="5" s="1"/>
  <c r="I6739" i="2"/>
  <c r="I6713" i="5" s="1"/>
  <c r="I3538" i="2"/>
  <c r="I3512" i="5" s="1"/>
  <c r="I7214" i="2"/>
  <c r="I7188" i="5" s="1"/>
  <c r="I8741" i="2"/>
  <c r="I8715" i="5" s="1"/>
  <c r="I2192" i="2"/>
  <c r="I2166" i="5" s="1"/>
  <c r="I8063" i="2"/>
  <c r="I8037" i="5" s="1"/>
  <c r="I678" i="2"/>
  <c r="I652" i="5" s="1"/>
  <c r="I2880" i="2"/>
  <c r="I2854" i="5" s="1"/>
  <c r="I6067" i="2"/>
  <c r="I6041" i="5" s="1"/>
  <c r="I2006" i="2"/>
  <c r="I1980" i="5" s="1"/>
  <c r="I7215" i="2"/>
  <c r="I7189" i="5" s="1"/>
  <c r="I6572" i="2"/>
  <c r="I6546" i="5" s="1"/>
  <c r="I4551" i="2"/>
  <c r="I4525" i="5" s="1"/>
  <c r="I6043" i="2"/>
  <c r="I6017" i="5" s="1"/>
  <c r="I7089" i="2"/>
  <c r="I7063" i="5" s="1"/>
  <c r="I4230" i="2"/>
  <c r="I4204" i="5" s="1"/>
  <c r="I5881" i="2"/>
  <c r="I5855" i="5" s="1"/>
  <c r="I4701" i="2"/>
  <c r="I4675" i="5" s="1"/>
  <c r="I681" i="2"/>
  <c r="I655" i="5" s="1"/>
  <c r="I6414" i="2"/>
  <c r="I6388" i="5" s="1"/>
  <c r="I3191" i="2"/>
  <c r="I3165" i="5" s="1"/>
  <c r="I1346" i="2"/>
  <c r="I1320" i="5" s="1"/>
  <c r="I8232" i="2"/>
  <c r="I8206" i="5" s="1"/>
  <c r="I5061" i="2"/>
  <c r="I5035" i="5" s="1"/>
  <c r="I3380" i="2"/>
  <c r="I3354" i="5" s="1"/>
  <c r="I3044" i="2"/>
  <c r="I3018" i="5" s="1"/>
  <c r="I174" i="2"/>
  <c r="I148" i="5" s="1"/>
  <c r="I4371" i="2"/>
  <c r="I4345" i="5" s="1"/>
  <c r="I4021" i="2"/>
  <c r="I3995" i="5" s="1"/>
  <c r="I6069" i="2"/>
  <c r="I6043" i="5" s="1"/>
  <c r="I858" i="2"/>
  <c r="I832" i="5" s="1"/>
  <c r="I6882" i="2"/>
  <c r="I6856" i="5" s="1"/>
  <c r="I4231" i="2"/>
  <c r="I4205" i="5" s="1"/>
  <c r="I1002" i="2"/>
  <c r="I976" i="5" s="1"/>
  <c r="I997" i="2"/>
  <c r="I971" i="5" s="1"/>
  <c r="I3854" i="2"/>
  <c r="I3828" i="5" s="1"/>
  <c r="I3026" i="2"/>
  <c r="I3000" i="5" s="1"/>
  <c r="I1367" i="2"/>
  <c r="I1341" i="5" s="1"/>
  <c r="I5199" i="2"/>
  <c r="I5173" i="5" s="1"/>
  <c r="I5560" i="2"/>
  <c r="I5534" i="5" s="1"/>
  <c r="I3550" i="2"/>
  <c r="I3524" i="5" s="1"/>
  <c r="I3012" i="2"/>
  <c r="I2986" i="5" s="1"/>
  <c r="I496" i="2"/>
  <c r="I470" i="5" s="1"/>
  <c r="I3381" i="2"/>
  <c r="I3355" i="5" s="1"/>
  <c r="I5373" i="2"/>
  <c r="I5347" i="5" s="1"/>
  <c r="I4207" i="2"/>
  <c r="I4181" i="5" s="1"/>
  <c r="I6402" i="2"/>
  <c r="I6376" i="5" s="1"/>
  <c r="I7883" i="2"/>
  <c r="I7857" i="5" s="1"/>
  <c r="I8600" i="2"/>
  <c r="I8574" i="5" s="1"/>
  <c r="I832" i="2"/>
  <c r="I806" i="5" s="1"/>
  <c r="I5874" i="2"/>
  <c r="I5848" i="5" s="1"/>
  <c r="I3047" i="2"/>
  <c r="I3021" i="5" s="1"/>
  <c r="I186" i="2"/>
  <c r="I160" i="5" s="1"/>
  <c r="I5715" i="2"/>
  <c r="I5689" i="5" s="1"/>
  <c r="I7395" i="2"/>
  <c r="I7369" i="5" s="1"/>
  <c r="I8406" i="2"/>
  <c r="I8380" i="5" s="1"/>
  <c r="I7219" i="2"/>
  <c r="I7193" i="5" s="1"/>
  <c r="I7898" i="2"/>
  <c r="I7872" i="5" s="1"/>
  <c r="I2886" i="2"/>
  <c r="I2860" i="5" s="1"/>
  <c r="I866" i="2"/>
  <c r="I840" i="5" s="1"/>
  <c r="I8224" i="2"/>
  <c r="I8198" i="5" s="1"/>
  <c r="I6539" i="2"/>
  <c r="I6513" i="5" s="1"/>
  <c r="I2179" i="2"/>
  <c r="I2153" i="5" s="1"/>
  <c r="I8400" i="2"/>
  <c r="I8374" i="5" s="1"/>
  <c r="I8405" i="2"/>
  <c r="I8379" i="5" s="1"/>
  <c r="I3362" i="2"/>
  <c r="I3336" i="5" s="1"/>
  <c r="I7391" i="2"/>
  <c r="I7365" i="5" s="1"/>
  <c r="I3868" i="2"/>
  <c r="I3842" i="5" s="1"/>
  <c r="I5205" i="2"/>
  <c r="I5179" i="5" s="1"/>
  <c r="I5063" i="2"/>
  <c r="I5037" i="5" s="1"/>
  <c r="I7715" i="2"/>
  <c r="I7689" i="5" s="1"/>
  <c r="I5709" i="2"/>
  <c r="I5683" i="5" s="1"/>
  <c r="I4023" i="2"/>
  <c r="I3997" i="5" s="1"/>
  <c r="I669" i="2"/>
  <c r="I643" i="5" s="1"/>
  <c r="I3351" i="2"/>
  <c r="I3325" i="5" s="1"/>
  <c r="I3016" i="2"/>
  <c r="I2990" i="5" s="1"/>
  <c r="I4561" i="2"/>
  <c r="I4535" i="5" s="1"/>
  <c r="I7059" i="2"/>
  <c r="I7033" i="5" s="1"/>
  <c r="I6205" i="2"/>
  <c r="I6179" i="5" s="1"/>
  <c r="I365" i="2"/>
  <c r="I339" i="5" s="1"/>
  <c r="I6231" i="2"/>
  <c r="I6205" i="5" s="1"/>
  <c r="I5220" i="2"/>
  <c r="I5194" i="5" s="1"/>
  <c r="I2173" i="2"/>
  <c r="I2147" i="5" s="1"/>
  <c r="I5728" i="2"/>
  <c r="I5702" i="5" s="1"/>
  <c r="I2884" i="2"/>
  <c r="I2858" i="5" s="1"/>
  <c r="I6404" i="2"/>
  <c r="I6378" i="5" s="1"/>
  <c r="I529" i="2"/>
  <c r="I503" i="5" s="1"/>
  <c r="I7548" i="2"/>
  <c r="I7522" i="5" s="1"/>
  <c r="I3694" i="2"/>
  <c r="I3668" i="5" s="1"/>
  <c r="I171" i="2"/>
  <c r="I145" i="5" s="1"/>
  <c r="I5069" i="2"/>
  <c r="I5043" i="5" s="1"/>
  <c r="I677" i="2"/>
  <c r="I651" i="5" s="1"/>
  <c r="I1855" i="2"/>
  <c r="I1829" i="5" s="1"/>
  <c r="I2714" i="2"/>
  <c r="I2688" i="5" s="1"/>
  <c r="I178" i="2"/>
  <c r="I152" i="5" s="1"/>
  <c r="I6876" i="2"/>
  <c r="I6850" i="5" s="1"/>
  <c r="I1526" i="2"/>
  <c r="I1500" i="5" s="1"/>
  <c r="I2048" i="2"/>
  <c r="I2022" i="5" s="1"/>
  <c r="I829" i="2"/>
  <c r="I803" i="5" s="1"/>
  <c r="I1179" i="2"/>
  <c r="I1153" i="5" s="1"/>
  <c r="I2358" i="2"/>
  <c r="I2332" i="5" s="1"/>
  <c r="I4380" i="2"/>
  <c r="I4354" i="5" s="1"/>
  <c r="I2024" i="2"/>
  <c r="I1998" i="5" s="1"/>
  <c r="I3049" i="2"/>
  <c r="I3023" i="5" s="1"/>
  <c r="I4733" i="2"/>
  <c r="I4707" i="5" s="1"/>
  <c r="I8086" i="2"/>
  <c r="I8060" i="5" s="1"/>
  <c r="I8763" i="2"/>
  <c r="I8737" i="5" s="1"/>
  <c r="I2545" i="2"/>
  <c r="I2519" i="5" s="1"/>
  <c r="I1355" i="2"/>
  <c r="I1329" i="5" s="1"/>
  <c r="I5741" i="2"/>
  <c r="I5715" i="5" s="1"/>
  <c r="I3211" i="2"/>
  <c r="I3185" i="5" s="1"/>
  <c r="I166" i="2"/>
  <c r="I140" i="5" s="1"/>
  <c r="I664" i="2"/>
  <c r="I638" i="5" s="1"/>
  <c r="I7755" i="2"/>
  <c r="I7729" i="5" s="1"/>
  <c r="I5883" i="2"/>
  <c r="I5857" i="5" s="1"/>
  <c r="I6918" i="2"/>
  <c r="I6892" i="5" s="1"/>
  <c r="I8402" i="2"/>
  <c r="I8376" i="5" s="1"/>
  <c r="I3522" i="2"/>
  <c r="I3496" i="5" s="1"/>
  <c r="I357" i="2"/>
  <c r="I331" i="5" s="1"/>
  <c r="I181" i="2"/>
  <c r="I155" i="5" s="1"/>
  <c r="I7716" i="2"/>
  <c r="I7690" i="5" s="1"/>
  <c r="I1167" i="2"/>
  <c r="I1141" i="5" s="1"/>
  <c r="I5717" i="2"/>
  <c r="I5691" i="5" s="1"/>
  <c r="I827" i="2"/>
  <c r="I801" i="5" s="1"/>
  <c r="I1012" i="2"/>
  <c r="I986" i="5" s="1"/>
  <c r="I826" i="2"/>
  <c r="I800" i="5" s="1"/>
  <c r="I360" i="2"/>
  <c r="I334" i="5" s="1"/>
  <c r="I168" i="2"/>
  <c r="I142" i="5" s="1"/>
  <c r="I3561" i="2"/>
  <c r="I3535" i="5" s="1"/>
  <c r="I6211" i="2"/>
  <c r="I6185" i="5" s="1"/>
  <c r="I4861" i="2"/>
  <c r="I4835" i="5" s="1"/>
  <c r="I6713" i="2"/>
  <c r="I6687" i="5" s="1"/>
  <c r="I4396" i="2"/>
  <c r="I4370" i="5" s="1"/>
  <c r="I2842" i="2"/>
  <c r="I2816" i="5" s="1"/>
  <c r="I2701" i="2"/>
  <c r="I2675" i="5" s="1"/>
  <c r="I2677" i="2"/>
  <c r="I2651" i="5" s="1"/>
  <c r="I1698" i="2"/>
  <c r="I1672" i="5" s="1"/>
  <c r="I1867" i="2"/>
  <c r="I1841" i="5" s="1"/>
  <c r="I4548" i="2"/>
  <c r="I4522" i="5" s="1"/>
  <c r="I859" i="2"/>
  <c r="I833" i="5" s="1"/>
  <c r="I6216" i="2"/>
  <c r="I6190" i="5" s="1"/>
  <c r="I5037" i="2"/>
  <c r="I5011" i="5" s="1"/>
  <c r="I7423" i="2"/>
  <c r="I7397" i="5" s="1"/>
  <c r="I8256" i="2"/>
  <c r="I8230" i="5" s="1"/>
  <c r="I6719" i="2"/>
  <c r="I6693" i="5" s="1"/>
  <c r="I1197" i="2"/>
  <c r="I1171" i="5" s="1"/>
  <c r="I5369" i="2"/>
  <c r="I5343" i="5" s="1"/>
  <c r="I4560" i="2"/>
  <c r="I4534" i="5" s="1"/>
  <c r="I1680" i="2"/>
  <c r="I1654" i="5" s="1"/>
  <c r="I6543" i="2"/>
  <c r="I6517" i="5" s="1"/>
  <c r="I3530" i="2"/>
  <c r="I3504" i="5" s="1"/>
  <c r="I1669" i="2"/>
  <c r="I1643" i="5" s="1"/>
  <c r="I5216" i="2"/>
  <c r="I5190" i="5" s="1"/>
  <c r="I7920" i="2"/>
  <c r="I7894" i="5" s="1"/>
  <c r="I4699" i="2"/>
  <c r="I4673" i="5" s="1"/>
  <c r="I4209" i="2"/>
  <c r="I4183" i="5" s="1"/>
  <c r="I4889" i="2"/>
  <c r="I4863" i="5" s="1"/>
  <c r="I3205" i="2"/>
  <c r="I3179" i="5" s="1"/>
  <c r="I5215" i="2"/>
  <c r="I5189" i="5" s="1"/>
  <c r="I8569" i="2"/>
  <c r="I8543" i="5" s="1"/>
  <c r="I4186" i="2"/>
  <c r="I4160" i="5" s="1"/>
  <c r="I1354" i="2"/>
  <c r="I1328" i="5" s="1"/>
  <c r="I7560" i="2"/>
  <c r="I7534" i="5" s="1"/>
  <c r="I4544" i="2"/>
  <c r="I4518" i="5" s="1"/>
  <c r="I8427" i="2"/>
  <c r="I8401" i="5" s="1"/>
  <c r="I1688" i="2"/>
  <c r="I1662" i="5" s="1"/>
  <c r="I6378" i="2"/>
  <c r="I6352" i="5" s="1"/>
  <c r="I7402" i="2"/>
  <c r="I7376" i="5" s="1"/>
  <c r="I7555" i="2"/>
  <c r="I7529" i="5" s="1"/>
  <c r="I2011" i="2"/>
  <c r="I1985" i="5" s="1"/>
  <c r="I5237" i="2"/>
  <c r="I5211" i="5" s="1"/>
  <c r="I8755" i="2"/>
  <c r="I8729" i="5" s="1"/>
  <c r="I344" i="2"/>
  <c r="I318" i="5" s="1"/>
  <c r="I5532" i="2"/>
  <c r="I5506" i="5" s="1"/>
  <c r="I3888" i="2"/>
  <c r="I3862" i="5" s="1"/>
  <c r="I7901" i="2"/>
  <c r="I7875" i="5" s="1"/>
  <c r="I2184" i="2"/>
  <c r="I2158" i="5" s="1"/>
  <c r="I6895" i="2"/>
  <c r="I6869" i="5" s="1"/>
  <c r="I337" i="2"/>
  <c r="I311" i="5" s="1"/>
  <c r="I8240" i="2"/>
  <c r="I8214" i="5" s="1"/>
  <c r="I6711" i="2"/>
  <c r="I6685" i="5" s="1"/>
  <c r="I7408" i="2"/>
  <c r="I7382" i="5" s="1"/>
  <c r="I4376" i="2"/>
  <c r="I4350" i="5" s="1"/>
  <c r="I5899" i="2"/>
  <c r="I5873" i="5" s="1"/>
  <c r="I8756" i="2"/>
  <c r="I8730" i="5" s="1"/>
  <c r="I8424" i="2"/>
  <c r="I8398" i="5" s="1"/>
  <c r="I8586" i="2"/>
  <c r="I8560" i="5" s="1"/>
  <c r="I5563" i="2"/>
  <c r="I5537" i="5" s="1"/>
  <c r="I3891" i="2"/>
  <c r="I3865" i="5" s="1"/>
  <c r="I6725" i="2"/>
  <c r="I6699" i="5" s="1"/>
  <c r="I5062" i="2"/>
  <c r="I5036" i="5" s="1"/>
  <c r="I6563" i="2"/>
  <c r="I6537" i="5" s="1"/>
  <c r="I3048" i="2"/>
  <c r="I3022" i="5" s="1"/>
  <c r="I6050" i="2"/>
  <c r="I6024" i="5" s="1"/>
  <c r="I5374" i="2"/>
  <c r="I5348" i="5" s="1"/>
  <c r="I3356" i="2"/>
  <c r="I3330" i="5" s="1"/>
  <c r="I1022" i="2"/>
  <c r="I996" i="5" s="1"/>
  <c r="I7083" i="2"/>
  <c r="I7057" i="5" s="1"/>
  <c r="I8724" i="2"/>
  <c r="I8698" i="5" s="1"/>
  <c r="I517" i="2"/>
  <c r="I491" i="5" s="1"/>
  <c r="I5908" i="2"/>
  <c r="I5882" i="5" s="1"/>
  <c r="I2867" i="2"/>
  <c r="I2841" i="5" s="1"/>
  <c r="I5710" i="2"/>
  <c r="I5684" i="5" s="1"/>
  <c r="I1026" i="2"/>
  <c r="I1000" i="5" s="1"/>
  <c r="I5896" i="2"/>
  <c r="I5870" i="5" s="1"/>
  <c r="I530" i="2"/>
  <c r="I504" i="5" s="1"/>
  <c r="I329" i="2"/>
  <c r="I303" i="5" s="1"/>
  <c r="I3527" i="2"/>
  <c r="I3501" i="5" s="1"/>
  <c r="I2850" i="2"/>
  <c r="I2824" i="5" s="1"/>
  <c r="I8761" i="2"/>
  <c r="I8735" i="5" s="1"/>
  <c r="I2176" i="2"/>
  <c r="I2150" i="5" s="1"/>
  <c r="I8263" i="2"/>
  <c r="I8237" i="5" s="1"/>
  <c r="I2213" i="2"/>
  <c r="I2187" i="5" s="1"/>
  <c r="I1712" i="2"/>
  <c r="I1686" i="5" s="1"/>
  <c r="I3033" i="2"/>
  <c r="I3007" i="5" s="1"/>
  <c r="I2708" i="2"/>
  <c r="I2682" i="5" s="1"/>
  <c r="I6400" i="2"/>
  <c r="I6374" i="5" s="1"/>
  <c r="I7761" i="2"/>
  <c r="I7735" i="5" s="1"/>
  <c r="I1529" i="2"/>
  <c r="I1503" i="5" s="1"/>
  <c r="I1510" i="2"/>
  <c r="I1484" i="5" s="1"/>
  <c r="I3190" i="2"/>
  <c r="I3164" i="5" s="1"/>
  <c r="I3375" i="2"/>
  <c r="I3349" i="5" s="1"/>
  <c r="I2202" i="2"/>
  <c r="I2176" i="5" s="1"/>
  <c r="I8236" i="2"/>
  <c r="I8210" i="5" s="1"/>
  <c r="I1187" i="2"/>
  <c r="I1161" i="5" s="1"/>
  <c r="I6738" i="2"/>
  <c r="I6712" i="5" s="1"/>
  <c r="I164" i="2"/>
  <c r="I138" i="5" s="1"/>
  <c r="I1352" i="2"/>
  <c r="I1326" i="5" s="1"/>
  <c r="I8258" i="2"/>
  <c r="I8232" i="5" s="1"/>
  <c r="I5222" i="2"/>
  <c r="I5196" i="5" s="1"/>
  <c r="I5706" i="2"/>
  <c r="I5680" i="5" s="1"/>
  <c r="I6389" i="2"/>
  <c r="I6363" i="5" s="1"/>
  <c r="I7926" i="2"/>
  <c r="I7900" i="5" s="1"/>
  <c r="I2206" i="2"/>
  <c r="I2180" i="5" s="1"/>
  <c r="I1030" i="2"/>
  <c r="I1004" i="5" s="1"/>
  <c r="I7728" i="2"/>
  <c r="I7702" i="5" s="1"/>
  <c r="I8429" i="2"/>
  <c r="I8403" i="5" s="1"/>
  <c r="I3728" i="2"/>
  <c r="I3702" i="5" s="1"/>
  <c r="I8225" i="2"/>
  <c r="I8199" i="5" s="1"/>
  <c r="I4525" i="2"/>
  <c r="I4499" i="5" s="1"/>
  <c r="I8072" i="2"/>
  <c r="I8046" i="5" s="1"/>
  <c r="I7884" i="2"/>
  <c r="I7858" i="5" s="1"/>
  <c r="I6562" i="2"/>
  <c r="I6536" i="5" s="1"/>
  <c r="I367" i="2"/>
  <c r="I341" i="5" s="1"/>
  <c r="I3355" i="2"/>
  <c r="I3329" i="5" s="1"/>
  <c r="I7730" i="2"/>
  <c r="I7704" i="5" s="1"/>
  <c r="I1500" i="2"/>
  <c r="I1474" i="5" s="1"/>
  <c r="I4374" i="2"/>
  <c r="I4348" i="5" s="1"/>
  <c r="I8748" i="2"/>
  <c r="I8722" i="5" s="1"/>
  <c r="I6246" i="2"/>
  <c r="I6220" i="5" s="1"/>
  <c r="I7419" i="2"/>
  <c r="I7393" i="5" s="1"/>
  <c r="I7241" i="2"/>
  <c r="I7215" i="5" s="1"/>
  <c r="I3549" i="2"/>
  <c r="I3523" i="5" s="1"/>
  <c r="I2720" i="2"/>
  <c r="I2694" i="5" s="1"/>
  <c r="I7085" i="2"/>
  <c r="I7059" i="5" s="1"/>
  <c r="I165" i="2"/>
  <c r="I139" i="5" s="1"/>
  <c r="I8404" i="2"/>
  <c r="I8378" i="5" s="1"/>
  <c r="I4569" i="2"/>
  <c r="I4543" i="5" s="1"/>
  <c r="I5907" i="2"/>
  <c r="I5881" i="5" s="1"/>
  <c r="I4031" i="2"/>
  <c r="I4005" i="5" s="1"/>
  <c r="I3218" i="2"/>
  <c r="I3192" i="5" s="1"/>
  <c r="I3690" i="2"/>
  <c r="I3664" i="5" s="1"/>
  <c r="I4363" i="2"/>
  <c r="I4337" i="5" s="1"/>
  <c r="I3516" i="2"/>
  <c r="I3490" i="5" s="1"/>
  <c r="I5372" i="2"/>
  <c r="I5346" i="5" s="1"/>
  <c r="I4547" i="2"/>
  <c r="I4521" i="5" s="1"/>
  <c r="I7414" i="2"/>
  <c r="I7388" i="5" s="1"/>
  <c r="I1668" i="2"/>
  <c r="I1642" i="5" s="1"/>
  <c r="I7718" i="2"/>
  <c r="I7692" i="5" s="1"/>
  <c r="I4731" i="2"/>
  <c r="I4705" i="5" s="1"/>
  <c r="I2705" i="2"/>
  <c r="I2679" i="5" s="1"/>
  <c r="I8736" i="2"/>
  <c r="I8710" i="5" s="1"/>
  <c r="I3022" i="2"/>
  <c r="I2996" i="5" s="1"/>
  <c r="I5035" i="2"/>
  <c r="I5009" i="5" s="1"/>
  <c r="I6745" i="2"/>
  <c r="I6719" i="5" s="1"/>
  <c r="I7242" i="2"/>
  <c r="I7216" i="5" s="1"/>
  <c r="I4024" i="2"/>
  <c r="I3998" i="5" s="1"/>
  <c r="I8398" i="2"/>
  <c r="I8372" i="5" s="1"/>
  <c r="I3718" i="2"/>
  <c r="I3692" i="5" s="1"/>
  <c r="I1877" i="2"/>
  <c r="I1851" i="5" s="1"/>
  <c r="I6248" i="2"/>
  <c r="I6222" i="5" s="1"/>
  <c r="I2378" i="2"/>
  <c r="I2352" i="5" s="1"/>
  <c r="I6035" i="2"/>
  <c r="I6009" i="5" s="1"/>
  <c r="I5730" i="2"/>
  <c r="I5704" i="5" s="1"/>
  <c r="I5398" i="2"/>
  <c r="I5372" i="5" s="1"/>
  <c r="I7911" i="2"/>
  <c r="I7885" i="5" s="1"/>
  <c r="I2029" i="2"/>
  <c r="I2003" i="5" s="1"/>
  <c r="I8091" i="2"/>
  <c r="I8065" i="5" s="1"/>
  <c r="I5221" i="2"/>
  <c r="I5195" i="5" s="1"/>
  <c r="I7057" i="2"/>
  <c r="I7031" i="5" s="1"/>
  <c r="I2549" i="2"/>
  <c r="I2523" i="5" s="1"/>
  <c r="I8396" i="2"/>
  <c r="I8370" i="5" s="1"/>
  <c r="I3721" i="2"/>
  <c r="I3695" i="5" s="1"/>
  <c r="I5028" i="2"/>
  <c r="I5002" i="5" s="1"/>
  <c r="I2712" i="2"/>
  <c r="I2686" i="5" s="1"/>
  <c r="I1190" i="2"/>
  <c r="I1164" i="5" s="1"/>
  <c r="I663" i="2"/>
  <c r="I637" i="5" s="1"/>
  <c r="I2177" i="2"/>
  <c r="I2151" i="5" s="1"/>
  <c r="I1690" i="2"/>
  <c r="I1664" i="5" s="1"/>
  <c r="I5068" i="2"/>
  <c r="I5042" i="5" s="1"/>
  <c r="I4890" i="2"/>
  <c r="I4864" i="5" s="1"/>
  <c r="I4530" i="2"/>
  <c r="I4504" i="5" s="1"/>
  <c r="I2688" i="2"/>
  <c r="I2662" i="5" s="1"/>
  <c r="I1014" i="2"/>
  <c r="I988" i="5" s="1"/>
  <c r="I8265" i="2"/>
  <c r="I8239" i="5" s="1"/>
  <c r="I5230" i="2"/>
  <c r="I5204" i="5" s="1"/>
  <c r="I1359" i="2"/>
  <c r="I1333" i="5" s="1"/>
  <c r="I3372" i="2"/>
  <c r="I3346" i="5" s="1"/>
  <c r="I4553" i="2"/>
  <c r="I4527" i="5" s="1"/>
  <c r="I6905" i="2"/>
  <c r="I6879" i="5" s="1"/>
  <c r="I3703" i="2"/>
  <c r="I3677" i="5" s="1"/>
  <c r="C55" i="5"/>
  <c r="AR49" i="1"/>
  <c r="I185" i="2"/>
  <c r="I159" i="5" s="1"/>
  <c r="I7410" i="2"/>
  <c r="I7384" i="5" s="1"/>
  <c r="I1666" i="2"/>
  <c r="I1640" i="5" s="1"/>
  <c r="I4358" i="2"/>
  <c r="I4332" i="5" s="1"/>
  <c r="I4696" i="2"/>
  <c r="I4670" i="5" s="1"/>
  <c r="I3529" i="2"/>
  <c r="I3503" i="5" s="1"/>
  <c r="I1708" i="2"/>
  <c r="I1682" i="5" s="1"/>
  <c r="I6917" i="2"/>
  <c r="I6891" i="5" s="1"/>
  <c r="I4041" i="2"/>
  <c r="I4015" i="5" s="1"/>
  <c r="I3704" i="2"/>
  <c r="I3678" i="5" s="1"/>
  <c r="I7073" i="2"/>
  <c r="I7047" i="5" s="1"/>
  <c r="I1501" i="2"/>
  <c r="I1475" i="5" s="1"/>
  <c r="I4379" i="2"/>
  <c r="I4353" i="5" s="1"/>
  <c r="I7247" i="2"/>
  <c r="I7221" i="5" s="1"/>
  <c r="I3894" i="2"/>
  <c r="I3868" i="5" s="1"/>
  <c r="I4206" i="2"/>
  <c r="I4180" i="5" s="1"/>
  <c r="I8079" i="2"/>
  <c r="I8053" i="5" s="1"/>
  <c r="I8740" i="2"/>
  <c r="I8714" i="5" s="1"/>
  <c r="I7052" i="2"/>
  <c r="I7026" i="5" s="1"/>
  <c r="I2706" i="2"/>
  <c r="I2680" i="5" s="1"/>
  <c r="I2348" i="2"/>
  <c r="I2322" i="5" s="1"/>
  <c r="I8388" i="2"/>
  <c r="I8362" i="5" s="1"/>
  <c r="I159" i="2"/>
  <c r="I133" i="5" s="1"/>
  <c r="I6071" i="2"/>
  <c r="I6045" i="5" s="1"/>
  <c r="I6913" i="2"/>
  <c r="I6887" i="5" s="1"/>
  <c r="I6243" i="2"/>
  <c r="I6217" i="5" s="1"/>
  <c r="I6391" i="2"/>
  <c r="I6365" i="5" s="1"/>
  <c r="I8410" i="2"/>
  <c r="I8384" i="5" s="1"/>
  <c r="I855" i="2"/>
  <c r="I829" i="5" s="1"/>
  <c r="I7714" i="2"/>
  <c r="I7688" i="5" s="1"/>
  <c r="I2528" i="2"/>
  <c r="I2502" i="5" s="1"/>
  <c r="I8416" i="2"/>
  <c r="I8390" i="5" s="1"/>
  <c r="I6902" i="2"/>
  <c r="I6876" i="5" s="1"/>
  <c r="L3048" i="2"/>
  <c r="L3022" i="5" s="1"/>
  <c r="L4222" i="2"/>
  <c r="L4196" i="5" s="1"/>
  <c r="L3872" i="2"/>
  <c r="L3846" i="5" s="1"/>
  <c r="L1183" i="2"/>
  <c r="L1157" i="5" s="1"/>
  <c r="L7063" i="2"/>
  <c r="L7037" i="5" s="1"/>
  <c r="L3688" i="2"/>
  <c r="L3662" i="5" s="1"/>
  <c r="L5554" i="2"/>
  <c r="L5528" i="5" s="1"/>
  <c r="L1686" i="2"/>
  <c r="L1660" i="5" s="1"/>
  <c r="L688" i="2"/>
  <c r="L662" i="5" s="1"/>
  <c r="L5052" i="2"/>
  <c r="L5026" i="5" s="1"/>
  <c r="L8730" i="2"/>
  <c r="L8704" i="5" s="1"/>
  <c r="L7580" i="2"/>
  <c r="L7554" i="5" s="1"/>
  <c r="L3022" i="2"/>
  <c r="L2996" i="5" s="1"/>
  <c r="L356" i="2"/>
  <c r="L330" i="5" s="1"/>
  <c r="L7589" i="2"/>
  <c r="L7563" i="5" s="1"/>
  <c r="L8075" i="2"/>
  <c r="L8049" i="5" s="1"/>
  <c r="L4865" i="2"/>
  <c r="L4839" i="5" s="1"/>
  <c r="L518" i="2"/>
  <c r="L492" i="5" s="1"/>
  <c r="L8742" i="2"/>
  <c r="L8716" i="5" s="1"/>
  <c r="L529" i="2"/>
  <c r="L503" i="5" s="1"/>
  <c r="L4562" i="2"/>
  <c r="L4536" i="5" s="1"/>
  <c r="L2005" i="2"/>
  <c r="L1979" i="5" s="1"/>
  <c r="L5223" i="2"/>
  <c r="L5197" i="5" s="1"/>
  <c r="L2350" i="2"/>
  <c r="L2324" i="5" s="1"/>
  <c r="L3363" i="2"/>
  <c r="L3337" i="5" s="1"/>
  <c r="L2884" i="2"/>
  <c r="L2858" i="5" s="1"/>
  <c r="L3863" i="2"/>
  <c r="L3837" i="5" s="1"/>
  <c r="L3207" i="2"/>
  <c r="L3181" i="5" s="1"/>
  <c r="L7241" i="2"/>
  <c r="L7215" i="5" s="1"/>
  <c r="L8582" i="2"/>
  <c r="L8556" i="5" s="1"/>
  <c r="L3042" i="2"/>
  <c r="L3016" i="5" s="1"/>
  <c r="L5874" i="2"/>
  <c r="L5848" i="5" s="1"/>
  <c r="L2688" i="2"/>
  <c r="L2662" i="5" s="1"/>
  <c r="L5720" i="2"/>
  <c r="L5694" i="5" s="1"/>
  <c r="L8739" i="2"/>
  <c r="L8713" i="5" s="1"/>
  <c r="L2009" i="2"/>
  <c r="L1983" i="5" s="1"/>
  <c r="L6906" i="2"/>
  <c r="L6880" i="5" s="1"/>
  <c r="L3728" i="2"/>
  <c r="L3702" i="5" s="1"/>
  <c r="L522" i="2"/>
  <c r="L496" i="5" s="1"/>
  <c r="L8090" i="2"/>
  <c r="L8064" i="5" s="1"/>
  <c r="L2552" i="2"/>
  <c r="L2526" i="5" s="1"/>
  <c r="L7553" i="2"/>
  <c r="L7527" i="5" s="1"/>
  <c r="L331" i="2"/>
  <c r="L305" i="5" s="1"/>
  <c r="L5879" i="2"/>
  <c r="L5853" i="5" s="1"/>
  <c r="L4728" i="2"/>
  <c r="L4702" i="5" s="1"/>
  <c r="L8259" i="2"/>
  <c r="L8233" i="5" s="1"/>
  <c r="L2048" i="2"/>
  <c r="L2022" i="5" s="1"/>
  <c r="L5743" i="2"/>
  <c r="L5717" i="5" s="1"/>
  <c r="L5908" i="2"/>
  <c r="L5882" i="5" s="1"/>
  <c r="L7888" i="2"/>
  <c r="L7862" i="5" s="1"/>
  <c r="L3215" i="2"/>
  <c r="L3189" i="5" s="1"/>
  <c r="L7749" i="2"/>
  <c r="L7723" i="5" s="1"/>
  <c r="L6044" i="2"/>
  <c r="L6018" i="5" s="1"/>
  <c r="L1502" i="2"/>
  <c r="L1476" i="5" s="1"/>
  <c r="L6565" i="2"/>
  <c r="L6539" i="5" s="1"/>
  <c r="L6746" i="2"/>
  <c r="L6720" i="5" s="1"/>
  <c r="L3874" i="2"/>
  <c r="L3848" i="5" s="1"/>
  <c r="L1667" i="2"/>
  <c r="L1641" i="5" s="1"/>
  <c r="L4864" i="2"/>
  <c r="L4838" i="5" s="1"/>
  <c r="L511" i="2"/>
  <c r="L485" i="5" s="1"/>
  <c r="L3539" i="2"/>
  <c r="L3513" i="5" s="1"/>
  <c r="L7895" i="2"/>
  <c r="L7869" i="5" s="1"/>
  <c r="L3686" i="2"/>
  <c r="L3660" i="5" s="1"/>
  <c r="L4399" i="2"/>
  <c r="L4373" i="5" s="1"/>
  <c r="L836" i="2"/>
  <c r="L810" i="5" s="1"/>
  <c r="L501" i="2"/>
  <c r="L475" i="5" s="1"/>
  <c r="L4396" i="2"/>
  <c r="L4370" i="5" s="1"/>
  <c r="L5878" i="2"/>
  <c r="L5852" i="5" s="1"/>
  <c r="L7380" i="2"/>
  <c r="L7354" i="5" s="1"/>
  <c r="L6074" i="2"/>
  <c r="L6048" i="5" s="1"/>
  <c r="L3542" i="2"/>
  <c r="L3516" i="5" s="1"/>
  <c r="L6905" i="2"/>
  <c r="L6879" i="5" s="1"/>
  <c r="L4367" i="2"/>
  <c r="L4341" i="5" s="1"/>
  <c r="L7573" i="2"/>
  <c r="L7547" i="5" s="1"/>
  <c r="L5709" i="2"/>
  <c r="L5683" i="5" s="1"/>
  <c r="L1507" i="2"/>
  <c r="L1481" i="5" s="1"/>
  <c r="L3393" i="2"/>
  <c r="L3367" i="5" s="1"/>
  <c r="L3362" i="2"/>
  <c r="L3336" i="5" s="1"/>
  <c r="L6376" i="2"/>
  <c r="L6350" i="5" s="1"/>
  <c r="L7757" i="2"/>
  <c r="L7731" i="5" s="1"/>
  <c r="L2516" i="2"/>
  <c r="L2490" i="5" s="1"/>
  <c r="L7920" i="2"/>
  <c r="L7894" i="5" s="1"/>
  <c r="L5866" i="2"/>
  <c r="L5840" i="5" s="1"/>
  <c r="L1522" i="2"/>
  <c r="L1496" i="5" s="1"/>
  <c r="L1186" i="2"/>
  <c r="L1160" i="5" s="1"/>
  <c r="L7222" i="2"/>
  <c r="L7196" i="5" s="1"/>
  <c r="L2211" i="2"/>
  <c r="L2185" i="5" s="1"/>
  <c r="L6045" i="2"/>
  <c r="L6019" i="5" s="1"/>
  <c r="L5374" i="2"/>
  <c r="L5348" i="5" s="1"/>
  <c r="L1040" i="2"/>
  <c r="L1014" i="5" s="1"/>
  <c r="L4891" i="2"/>
  <c r="L4865" i="5" s="1"/>
  <c r="L7738" i="2"/>
  <c r="L7712" i="5" s="1"/>
  <c r="L8725" i="2"/>
  <c r="L8699" i="5" s="1"/>
  <c r="L702" i="2"/>
  <c r="L676" i="5" s="1"/>
  <c r="L7593" i="2"/>
  <c r="L7567" i="5" s="1"/>
  <c r="L4390" i="2"/>
  <c r="L4364" i="5" s="1"/>
  <c r="L1029" i="2"/>
  <c r="L1003" i="5" s="1"/>
  <c r="L5544" i="2"/>
  <c r="L5518" i="5" s="1"/>
  <c r="L6407" i="2"/>
  <c r="L6381" i="5" s="1"/>
  <c r="L502" i="2"/>
  <c r="L476" i="5" s="1"/>
  <c r="L3017" i="2"/>
  <c r="L2991" i="5" s="1"/>
  <c r="L8581" i="2"/>
  <c r="L8555" i="5" s="1"/>
  <c r="L3702" i="2"/>
  <c r="L3676" i="5" s="1"/>
  <c r="L8074" i="2"/>
  <c r="L8048" i="5" s="1"/>
  <c r="L200" i="2"/>
  <c r="L174" i="5" s="1"/>
  <c r="L347" i="2"/>
  <c r="L321" i="5" s="1"/>
  <c r="L5868" i="2"/>
  <c r="L5842" i="5" s="1"/>
  <c r="L7390" i="2"/>
  <c r="L7364" i="5" s="1"/>
  <c r="L2033" i="2"/>
  <c r="L2007" i="5" s="1"/>
  <c r="L4874" i="2"/>
  <c r="L4848" i="5" s="1"/>
  <c r="L8738" i="2"/>
  <c r="L8712" i="5" s="1"/>
  <c r="L1168" i="2"/>
  <c r="L1142" i="5" s="1"/>
  <c r="L7744" i="2"/>
  <c r="L7718" i="5" s="1"/>
  <c r="L3018" i="2"/>
  <c r="L2992" i="5" s="1"/>
  <c r="L1009" i="2"/>
  <c r="L983" i="5" s="1"/>
  <c r="L4398" i="2"/>
  <c r="L4372" i="5" s="1"/>
  <c r="L7385" i="2"/>
  <c r="L7359" i="5" s="1"/>
  <c r="L4026" i="2"/>
  <c r="L4000" i="5" s="1"/>
  <c r="L1879" i="2"/>
  <c r="L1853" i="5" s="1"/>
  <c r="L1534" i="2"/>
  <c r="L1508" i="5" s="1"/>
  <c r="L2542" i="2"/>
  <c r="L2516" i="5" s="1"/>
  <c r="L5218" i="2"/>
  <c r="L5192" i="5" s="1"/>
  <c r="L6371" i="2"/>
  <c r="L6345" i="5" s="1"/>
  <c r="L4561" i="2"/>
  <c r="L4535" i="5" s="1"/>
  <c r="L4879" i="2"/>
  <c r="L4853" i="5" s="1"/>
  <c r="L8766" i="2"/>
  <c r="L8740" i="5" s="1"/>
  <c r="L3868" i="2"/>
  <c r="L3842" i="5" s="1"/>
  <c r="L837" i="2"/>
  <c r="L811" i="5" s="1"/>
  <c r="L2375" i="2"/>
  <c r="L2349" i="5" s="1"/>
  <c r="L4063" i="2"/>
  <c r="L4037" i="5" s="1"/>
  <c r="L2006" i="2"/>
  <c r="L1980" i="5" s="1"/>
  <c r="L7564" i="2"/>
  <c r="L7538" i="5" s="1"/>
  <c r="L1693" i="2"/>
  <c r="L1667" i="5" s="1"/>
  <c r="L826" i="2"/>
  <c r="L800" i="5" s="1"/>
  <c r="L1177" i="2"/>
  <c r="L1151" i="5" s="1"/>
  <c r="L196" i="2"/>
  <c r="L170" i="5" s="1"/>
  <c r="L1668" i="2"/>
  <c r="L1642" i="5" s="1"/>
  <c r="L3722" i="2"/>
  <c r="L3696" i="5" s="1"/>
  <c r="L8097" i="2"/>
  <c r="L8071" i="5" s="1"/>
  <c r="L5202" i="2"/>
  <c r="L5176" i="5" s="1"/>
  <c r="L5714" i="2"/>
  <c r="L5688" i="5" s="1"/>
  <c r="L4022" i="2"/>
  <c r="L3996" i="5" s="1"/>
  <c r="L2865" i="2"/>
  <c r="L2839" i="5" s="1"/>
  <c r="L3390" i="2"/>
  <c r="L3364" i="5" s="1"/>
  <c r="L4724" i="2"/>
  <c r="L4698" i="5" s="1"/>
  <c r="O4698" i="5" s="1"/>
  <c r="L4563" i="2"/>
  <c r="L4537" i="5" s="1"/>
  <c r="L192" i="2"/>
  <c r="L166" i="5" s="1"/>
  <c r="L5744" i="2"/>
  <c r="L5718" i="5" s="1"/>
  <c r="L6747" i="2"/>
  <c r="L6721" i="5" s="1"/>
  <c r="L2699" i="2"/>
  <c r="L2673" i="5" s="1"/>
  <c r="L8220" i="2"/>
  <c r="L8194" i="5" s="1"/>
  <c r="L689" i="2"/>
  <c r="L663" i="5" s="1"/>
  <c r="L8231" i="2"/>
  <c r="L8205" i="5" s="1"/>
  <c r="L4223" i="2"/>
  <c r="L4197" i="5" s="1"/>
  <c r="L3348" i="2"/>
  <c r="L3322" i="5" s="1"/>
  <c r="L3367" i="2"/>
  <c r="L3341" i="5" s="1"/>
  <c r="L8071" i="2"/>
  <c r="L8045" i="5" s="1"/>
  <c r="L2859" i="2"/>
  <c r="L2833" i="5" s="1"/>
  <c r="L5051" i="2"/>
  <c r="L5025" i="5" s="1"/>
  <c r="L197" i="2"/>
  <c r="L171" i="5" s="1"/>
  <c r="L2188" i="2"/>
  <c r="L2162" i="5" s="1"/>
  <c r="O2162" i="5" s="1"/>
  <c r="L6234" i="2"/>
  <c r="L6208" i="5" s="1"/>
  <c r="L4695" i="2"/>
  <c r="L4669" i="5" s="1"/>
  <c r="L3550" i="2"/>
  <c r="L3524" i="5" s="1"/>
  <c r="L3181" i="2"/>
  <c r="L3155" i="5" s="1"/>
  <c r="L4360" i="2"/>
  <c r="L4334" i="5" s="1"/>
  <c r="L5372" i="2"/>
  <c r="L5346" i="5" s="1"/>
  <c r="L365" i="2"/>
  <c r="L339" i="5" s="1"/>
  <c r="L8573" i="2"/>
  <c r="L8547" i="5" s="1"/>
  <c r="L7894" i="2"/>
  <c r="L7868" i="5" s="1"/>
  <c r="L5900" i="2"/>
  <c r="L5874" i="5" s="1"/>
  <c r="L346" i="2"/>
  <c r="L320" i="5" s="1"/>
  <c r="L6036" i="2"/>
  <c r="L6010" i="5" s="1"/>
  <c r="L1835" i="2"/>
  <c r="L1809" i="5" s="1"/>
  <c r="L1525" i="2"/>
  <c r="L1499" i="5" s="1"/>
  <c r="L1518" i="2"/>
  <c r="L1492" i="5" s="1"/>
  <c r="L827" i="2"/>
  <c r="L801" i="5" s="1"/>
  <c r="L8729" i="2"/>
  <c r="L8703" i="5" s="1"/>
  <c r="L2710" i="2"/>
  <c r="L2684" i="5" s="1"/>
  <c r="L5715" i="2"/>
  <c r="L5689" i="5" s="1"/>
  <c r="L3050" i="2"/>
  <c r="L3024" i="5" s="1"/>
  <c r="L865" i="2"/>
  <c r="L839" i="5" s="1"/>
  <c r="L2014" i="2"/>
  <c r="L1988" i="5" s="1"/>
  <c r="L3381" i="2"/>
  <c r="L3355" i="5" s="1"/>
  <c r="L3710" i="2"/>
  <c r="L3684" i="5" s="1"/>
  <c r="L7252" i="2"/>
  <c r="L7226" i="5" s="1"/>
  <c r="L1340" i="2"/>
  <c r="L1314" i="5" s="1"/>
  <c r="L507" i="2"/>
  <c r="L481" i="5" s="1"/>
  <c r="L2856" i="2"/>
  <c r="L2830" i="5" s="1"/>
  <c r="L5548" i="2"/>
  <c r="L5522" i="5" s="1"/>
  <c r="L516" i="2"/>
  <c r="L490" i="5" s="1"/>
  <c r="L6915" i="2"/>
  <c r="L6889" i="5" s="1"/>
  <c r="L6579" i="2"/>
  <c r="L6553" i="5" s="1"/>
  <c r="L3714" i="2"/>
  <c r="L3688" i="5" s="1"/>
  <c r="L8396" i="2"/>
  <c r="L8370" i="5" s="1"/>
  <c r="L5365" i="2"/>
  <c r="L5339" i="5" s="1"/>
  <c r="L1172" i="2"/>
  <c r="L1146" i="5" s="1"/>
  <c r="L3557" i="2"/>
  <c r="L3531" i="5" s="1"/>
  <c r="L8411" i="2"/>
  <c r="L8385" i="5" s="1"/>
  <c r="L8403" i="2"/>
  <c r="L8377" i="5" s="1"/>
  <c r="L1190" i="2"/>
  <c r="L1164" i="5" s="1"/>
  <c r="I7222" i="2"/>
  <c r="I7196" i="5" s="1"/>
  <c r="I7929" i="2"/>
  <c r="I7903" i="5" s="1"/>
  <c r="I4227" i="2"/>
  <c r="I4201" i="5" s="1"/>
  <c r="I7078" i="2"/>
  <c r="I7052" i="5" s="1"/>
  <c r="I198" i="2"/>
  <c r="I172" i="5" s="1"/>
  <c r="I8576" i="2"/>
  <c r="I8550" i="5" s="1"/>
  <c r="I8230" i="2"/>
  <c r="I8204" i="5" s="1"/>
  <c r="I2030" i="2"/>
  <c r="I2004" i="5" s="1"/>
  <c r="I170" i="2"/>
  <c r="I144" i="5" s="1"/>
  <c r="I2004" i="2"/>
  <c r="I1978" i="5" s="1"/>
  <c r="I3871" i="2"/>
  <c r="I3845" i="5" s="1"/>
  <c r="I6733" i="2"/>
  <c r="I6707" i="5" s="1"/>
  <c r="I5367" i="2"/>
  <c r="I5341" i="5" s="1"/>
  <c r="I3543" i="2"/>
  <c r="I3517" i="5" s="1"/>
  <c r="I1854" i="2"/>
  <c r="I1828" i="5" s="1"/>
  <c r="I3195" i="2"/>
  <c r="I3169" i="5" s="1"/>
  <c r="I2681" i="2"/>
  <c r="I2655" i="5" s="1"/>
  <c r="I2679" i="2"/>
  <c r="I2653" i="5" s="1"/>
  <c r="I7909" i="2"/>
  <c r="I7883" i="5" s="1"/>
  <c r="I156" i="2"/>
  <c r="I130" i="5" s="1"/>
  <c r="I4728" i="2"/>
  <c r="I4702" i="5" s="1"/>
  <c r="I5044" i="2"/>
  <c r="I5018" i="5" s="1"/>
  <c r="I5029" i="2"/>
  <c r="I5003" i="5" s="1"/>
  <c r="I8572" i="2"/>
  <c r="I8546" i="5" s="1"/>
  <c r="I6057" i="2"/>
  <c r="I6031" i="5" s="1"/>
  <c r="I2203" i="2"/>
  <c r="I2177" i="5" s="1"/>
  <c r="I2026" i="2"/>
  <c r="I2000" i="5" s="1"/>
  <c r="I3521" i="2"/>
  <c r="I3495" i="5" s="1"/>
  <c r="I3019" i="2"/>
  <c r="I2993" i="5" s="1"/>
  <c r="I996" i="2"/>
  <c r="I970" i="5" s="1"/>
  <c r="I6387" i="2"/>
  <c r="I6361" i="5" s="1"/>
  <c r="I7384" i="2"/>
  <c r="I7358" i="5" s="1"/>
  <c r="I3213" i="2"/>
  <c r="I3187" i="5" s="1"/>
  <c r="C195" i="5"/>
  <c r="AR189" i="1"/>
  <c r="C175" i="5"/>
  <c r="AR169" i="1"/>
  <c r="I1027" i="2"/>
  <c r="I1001" i="5" s="1"/>
  <c r="I3029" i="2"/>
  <c r="I3003" i="5" s="1"/>
  <c r="I6553" i="2"/>
  <c r="I6527" i="5" s="1"/>
  <c r="I2691" i="2"/>
  <c r="I2665" i="5" s="1"/>
  <c r="I8754" i="2"/>
  <c r="I8728" i="5" s="1"/>
  <c r="I4697" i="2"/>
  <c r="I4671" i="5" s="1"/>
  <c r="I6897" i="2"/>
  <c r="I6871" i="5" s="1"/>
  <c r="I8261" i="2"/>
  <c r="I8235" i="5" s="1"/>
  <c r="I8390" i="2"/>
  <c r="I8364" i="5" s="1"/>
  <c r="I3893" i="2"/>
  <c r="I3867" i="5" s="1"/>
  <c r="I5558" i="2"/>
  <c r="I5532" i="5" s="1"/>
  <c r="I4354" i="2"/>
  <c r="I4328" i="5" s="1"/>
  <c r="I3533" i="2"/>
  <c r="I3507" i="5" s="1"/>
  <c r="I2530" i="2"/>
  <c r="I2504" i="5" s="1"/>
  <c r="I6079" i="2"/>
  <c r="I6053" i="5" s="1"/>
  <c r="I3880" i="2"/>
  <c r="I3854" i="5" s="1"/>
  <c r="I5203" i="2"/>
  <c r="I5177" i="5" s="1"/>
  <c r="I1675" i="2"/>
  <c r="I1649" i="5" s="1"/>
  <c r="I7746" i="2"/>
  <c r="I7720" i="5" s="1"/>
  <c r="I5562" i="2"/>
  <c r="I5536" i="5" s="1"/>
  <c r="I1206" i="2"/>
  <c r="I1180" i="5" s="1"/>
  <c r="I6884" i="2"/>
  <c r="I6858" i="5" s="1"/>
  <c r="I2698" i="2"/>
  <c r="I2672" i="5" s="1"/>
  <c r="I3216" i="2"/>
  <c r="I3190" i="5" s="1"/>
  <c r="I6230" i="2"/>
  <c r="I6204" i="5" s="1"/>
  <c r="I7389" i="2"/>
  <c r="I7363" i="5" s="1"/>
  <c r="I2042" i="2"/>
  <c r="I2016" i="5" s="1"/>
  <c r="I3546" i="2"/>
  <c r="I3520" i="5" s="1"/>
  <c r="I5219" i="2"/>
  <c r="I5193" i="5" s="1"/>
  <c r="I8426" i="2"/>
  <c r="I8400" i="5" s="1"/>
  <c r="I6213" i="2"/>
  <c r="I6187" i="5" s="1"/>
  <c r="I1839" i="2"/>
  <c r="I1813" i="5" s="1"/>
  <c r="I1349" i="2"/>
  <c r="I1323" i="5" s="1"/>
  <c r="I5553" i="2"/>
  <c r="I5527" i="5" s="1"/>
  <c r="I4563" i="2"/>
  <c r="I4537" i="5" s="1"/>
  <c r="I4377" i="2"/>
  <c r="I4351" i="5" s="1"/>
  <c r="I5893" i="2"/>
  <c r="I5867" i="5" s="1"/>
  <c r="I3698" i="2"/>
  <c r="I3672" i="5" s="1"/>
  <c r="I504" i="2"/>
  <c r="I478" i="5" s="1"/>
  <c r="I2212" i="2"/>
  <c r="I2186" i="5" s="1"/>
  <c r="I5201" i="2"/>
  <c r="I5175" i="5" s="1"/>
  <c r="I7913" i="2"/>
  <c r="I7887" i="5" s="1"/>
  <c r="I3556" i="2"/>
  <c r="I3530" i="5" s="1"/>
  <c r="I2888" i="2"/>
  <c r="I2862" i="5" s="1"/>
  <c r="I4359" i="2"/>
  <c r="I4333" i="5" s="1"/>
  <c r="I199" i="2"/>
  <c r="I173" i="5" s="1"/>
  <c r="I3890" i="2"/>
  <c r="I3864" i="5" s="1"/>
  <c r="I7567" i="2"/>
  <c r="I7541" i="5" s="1"/>
  <c r="I8744" i="2"/>
  <c r="I8718" i="5" s="1"/>
  <c r="I190" i="2"/>
  <c r="I164" i="5" s="1"/>
  <c r="I5197" i="2"/>
  <c r="I5171" i="5" s="1"/>
  <c r="I8247" i="2"/>
  <c r="I8221" i="5" s="1"/>
  <c r="I6564" i="2"/>
  <c r="I6538" i="5" s="1"/>
  <c r="I6581" i="2"/>
  <c r="I6555" i="5" s="1"/>
  <c r="I5876" i="2"/>
  <c r="I5850" i="5" s="1"/>
  <c r="I7210" i="2"/>
  <c r="I7184" i="5" s="1"/>
  <c r="I5066" i="2"/>
  <c r="I5040" i="5" s="1"/>
  <c r="I2187" i="2"/>
  <c r="I2161" i="5" s="1"/>
  <c r="I2889" i="2"/>
  <c r="I2863" i="5" s="1"/>
  <c r="I3031" i="2"/>
  <c r="I3005" i="5" s="1"/>
  <c r="I4038" i="2"/>
  <c r="I4012" i="5" s="1"/>
  <c r="I3360" i="2"/>
  <c r="I3334" i="5" s="1"/>
  <c r="I1013" i="2"/>
  <c r="I987" i="5" s="1"/>
  <c r="I1853" i="2"/>
  <c r="I1827" i="5" s="1"/>
  <c r="I5396" i="2"/>
  <c r="I5370" i="5" s="1"/>
  <c r="I1335" i="2"/>
  <c r="I1309" i="5" s="1"/>
  <c r="AR218" i="1"/>
  <c r="C224" i="5"/>
  <c r="AR15" i="1"/>
  <c r="I7593" i="2"/>
  <c r="I7567" i="5" s="1"/>
  <c r="I4531" i="2"/>
  <c r="I4505" i="5" s="1"/>
  <c r="I4903" i="2"/>
  <c r="I4877" i="5" s="1"/>
  <c r="I4027" i="2"/>
  <c r="I4001" i="5" s="1"/>
  <c r="I8766" i="2"/>
  <c r="I8740" i="5" s="1"/>
  <c r="I3389" i="2"/>
  <c r="I3363" i="5" s="1"/>
  <c r="I8731" i="2"/>
  <c r="I8705" i="5" s="1"/>
  <c r="I5053" i="2"/>
  <c r="I5027" i="5" s="1"/>
  <c r="I4905" i="2"/>
  <c r="I4879" i="5" s="1"/>
  <c r="I3723" i="2"/>
  <c r="I3697" i="5" s="1"/>
  <c r="I3711" i="2"/>
  <c r="I3685" i="5" s="1"/>
  <c r="I6881" i="2"/>
  <c r="I6855" i="5" s="1"/>
  <c r="I7917" i="2"/>
  <c r="I7891" i="5" s="1"/>
  <c r="I4737" i="2"/>
  <c r="I4711" i="5" s="1"/>
  <c r="I6040" i="2"/>
  <c r="I6014" i="5" s="1"/>
  <c r="I7084" i="2"/>
  <c r="I7058" i="5" s="1"/>
  <c r="I3697" i="2"/>
  <c r="I3671" i="5" s="1"/>
  <c r="I1169" i="2"/>
  <c r="I1143" i="5" s="1"/>
  <c r="I1687" i="2"/>
  <c r="I1661" i="5" s="1"/>
  <c r="I1694" i="2"/>
  <c r="I1668" i="5" s="1"/>
  <c r="I5206" i="2"/>
  <c r="I5180" i="5" s="1"/>
  <c r="I8082" i="2"/>
  <c r="I8056" i="5" s="1"/>
  <c r="I1540" i="2"/>
  <c r="I1514" i="5" s="1"/>
  <c r="I5407" i="2"/>
  <c r="I5381" i="5" s="1"/>
  <c r="I7887" i="2"/>
  <c r="I7861" i="5" s="1"/>
  <c r="I7411" i="2"/>
  <c r="I7385" i="5" s="1"/>
  <c r="I5032" i="2"/>
  <c r="I5006" i="5" s="1"/>
  <c r="I346" i="2"/>
  <c r="I320" i="5" s="1"/>
  <c r="I8226" i="2"/>
  <c r="I8200" i="5" s="1"/>
  <c r="I8560" i="2"/>
  <c r="I8534" i="5" s="1"/>
  <c r="I8747" i="2"/>
  <c r="I8721" i="5" s="1"/>
  <c r="I2845" i="2"/>
  <c r="I2819" i="5" s="1"/>
  <c r="I5711" i="2"/>
  <c r="I5685" i="5" s="1"/>
  <c r="I3370" i="2"/>
  <c r="I3344" i="5" s="1"/>
  <c r="I3545" i="2"/>
  <c r="I3519" i="5" s="1"/>
  <c r="AR224" i="1"/>
  <c r="AR127" i="1"/>
  <c r="I6070" i="2"/>
  <c r="I6044" i="5" s="1"/>
  <c r="AR351" i="1"/>
  <c r="I7890" i="2"/>
  <c r="I7864" i="5" s="1"/>
  <c r="I6721" i="2"/>
  <c r="I6695" i="5" s="1"/>
  <c r="I5887" i="2"/>
  <c r="I5861" i="5" s="1"/>
  <c r="I6397" i="2"/>
  <c r="I6371" i="5" s="1"/>
  <c r="I4901" i="2"/>
  <c r="I4875" i="5" s="1"/>
  <c r="I1878" i="2"/>
  <c r="I1852" i="5" s="1"/>
  <c r="I520" i="2"/>
  <c r="I494" i="5" s="1"/>
  <c r="I6920" i="2"/>
  <c r="I6894" i="5" s="1"/>
  <c r="I6542" i="2"/>
  <c r="I6516" i="5" s="1"/>
  <c r="I6045" i="2"/>
  <c r="I6019" i="5" s="1"/>
  <c r="I3184" i="2"/>
  <c r="I3158" i="5" s="1"/>
  <c r="I1198" i="2"/>
  <c r="I1172" i="5" s="1"/>
  <c r="I2523" i="2"/>
  <c r="I2497" i="5" s="1"/>
  <c r="I7045" i="2"/>
  <c r="I7019" i="5" s="1"/>
  <c r="I2690" i="2"/>
  <c r="I2664" i="5" s="1"/>
  <c r="I7065" i="2"/>
  <c r="I7039" i="5" s="1"/>
  <c r="I2355" i="2"/>
  <c r="I2329" i="5" s="1"/>
  <c r="I1348" i="2"/>
  <c r="I1322" i="5" s="1"/>
  <c r="I3197" i="2"/>
  <c r="I3171" i="5" s="1"/>
  <c r="I4366" i="2"/>
  <c r="I4340" i="5" s="1"/>
  <c r="I6728" i="2"/>
  <c r="I6702" i="5" s="1"/>
  <c r="I1683" i="2"/>
  <c r="I1657" i="5" s="1"/>
  <c r="I3219" i="2"/>
  <c r="I3193" i="5" s="1"/>
  <c r="I3539" i="2"/>
  <c r="I3513" i="5" s="1"/>
  <c r="I5743" i="2"/>
  <c r="I5717" i="5" s="1"/>
  <c r="I6722" i="2"/>
  <c r="I6696" i="5" s="1"/>
  <c r="I5238" i="2"/>
  <c r="I5212" i="5" s="1"/>
  <c r="I351" i="2"/>
  <c r="I325" i="5" s="1"/>
  <c r="I7894" i="2"/>
  <c r="I7868" i="5" s="1"/>
  <c r="I4702" i="2"/>
  <c r="I4676" i="5" s="1"/>
  <c r="I2383" i="2"/>
  <c r="I2357" i="5" s="1"/>
  <c r="I4400" i="2"/>
  <c r="I4374" i="5" s="1"/>
  <c r="I7760" i="2"/>
  <c r="I7734" i="5" s="1"/>
  <c r="I5725" i="2"/>
  <c r="I5699" i="5" s="1"/>
  <c r="I1532" i="2"/>
  <c r="I1506" i="5" s="1"/>
  <c r="I2338" i="2"/>
  <c r="I2312" i="5" s="1"/>
  <c r="I5879" i="2"/>
  <c r="I5853" i="5" s="1"/>
  <c r="I4219" i="2"/>
  <c r="I4193" i="5" s="1"/>
  <c r="I1363" i="2"/>
  <c r="I1337" i="5" s="1"/>
  <c r="I7404" i="2"/>
  <c r="I7378" i="5" s="1"/>
  <c r="I6224" i="2"/>
  <c r="I6198" i="5" s="1"/>
  <c r="I3882" i="2"/>
  <c r="I3856" i="5" s="1"/>
  <c r="I6893" i="2"/>
  <c r="I6867" i="5" s="1"/>
  <c r="I3025" i="2"/>
  <c r="I2999" i="5" s="1"/>
  <c r="I2353" i="2"/>
  <c r="I2327" i="5" s="1"/>
  <c r="I5041" i="2"/>
  <c r="I5015" i="5" s="1"/>
  <c r="I7403" i="2"/>
  <c r="I7377" i="5" s="1"/>
  <c r="I5376" i="2"/>
  <c r="I5350" i="5" s="1"/>
  <c r="I4058" i="2"/>
  <c r="I4032" i="5" s="1"/>
  <c r="I3884" i="2"/>
  <c r="I3858" i="5" s="1"/>
  <c r="I5194" i="2"/>
  <c r="I5168" i="5" s="1"/>
  <c r="I5552" i="2"/>
  <c r="I5526" i="5" s="1"/>
  <c r="I5036" i="2"/>
  <c r="I5010" i="5" s="1"/>
  <c r="I5724" i="2"/>
  <c r="I5698" i="5" s="1"/>
  <c r="I355" i="2"/>
  <c r="I329" i="5" s="1"/>
  <c r="I1194" i="2"/>
  <c r="I1168" i="5" s="1"/>
  <c r="I4565" i="2"/>
  <c r="I4539" i="5" s="1"/>
  <c r="I3523" i="2"/>
  <c r="I3497" i="5" s="1"/>
  <c r="I6584" i="2"/>
  <c r="I6558" i="5" s="1"/>
  <c r="I8403" i="2"/>
  <c r="I8377" i="5" s="1"/>
  <c r="I5214" i="2"/>
  <c r="I5188" i="5" s="1"/>
  <c r="I696" i="2"/>
  <c r="I670" i="5" s="1"/>
  <c r="I1035" i="2"/>
  <c r="I1009" i="5" s="1"/>
  <c r="I7584" i="2"/>
  <c r="I7558" i="5" s="1"/>
  <c r="I1357" i="2"/>
  <c r="I1331" i="5" s="1"/>
  <c r="C237" i="5"/>
  <c r="AR231" i="1"/>
  <c r="I6240" i="2"/>
  <c r="I6214" i="5" s="1"/>
  <c r="I1184" i="2"/>
  <c r="I1158" i="5" s="1"/>
  <c r="I8245" i="2"/>
  <c r="I8219" i="5" s="1"/>
  <c r="AR246" i="1"/>
  <c r="I3713" i="2"/>
  <c r="I3687" i="5" s="1"/>
  <c r="I7568" i="2"/>
  <c r="I7542" i="5" s="1"/>
  <c r="I5058" i="2"/>
  <c r="I5032" i="5" s="1"/>
  <c r="I8223" i="2"/>
  <c r="I8197" i="5" s="1"/>
  <c r="I4705" i="2"/>
  <c r="I4679" i="5" s="1"/>
  <c r="I7220" i="2"/>
  <c r="I7194" i="5" s="1"/>
  <c r="I2360" i="2"/>
  <c r="I2334" i="5" s="1"/>
  <c r="I2674" i="2"/>
  <c r="I2648" i="5" s="1"/>
  <c r="I1677" i="2"/>
  <c r="I1651" i="5" s="1"/>
  <c r="I4533" i="2"/>
  <c r="I4507" i="5" s="1"/>
  <c r="I7234" i="2"/>
  <c r="I7208" i="5" s="1"/>
  <c r="I3371" i="2"/>
  <c r="I3345" i="5" s="1"/>
  <c r="I4050" i="2"/>
  <c r="I4024" i="5" s="1"/>
  <c r="I3886" i="2"/>
  <c r="I3860" i="5" s="1"/>
  <c r="I6383" i="2"/>
  <c r="I6357" i="5" s="1"/>
  <c r="I6228" i="2"/>
  <c r="I6202" i="5" s="1"/>
  <c r="I6413" i="2"/>
  <c r="I6387" i="5" s="1"/>
  <c r="I3056" i="2"/>
  <c r="I3030" i="5" s="1"/>
  <c r="I5901" i="2"/>
  <c r="I5875" i="5" s="1"/>
  <c r="I8760" i="2"/>
  <c r="I8734" i="5" s="1"/>
  <c r="I7227" i="2"/>
  <c r="I7201" i="5" s="1"/>
  <c r="I8758" i="2"/>
  <c r="I8732" i="5" s="1"/>
  <c r="I7226" i="2"/>
  <c r="I7200" i="5" s="1"/>
  <c r="I2849" i="2"/>
  <c r="I2823" i="5" s="1"/>
  <c r="I6217" i="2"/>
  <c r="I6191" i="5" s="1"/>
  <c r="I5885" i="2"/>
  <c r="I5859" i="5" s="1"/>
  <c r="I6382" i="2"/>
  <c r="I6356" i="5" s="1"/>
  <c r="I2531" i="2"/>
  <c r="I2505" i="5" s="1"/>
  <c r="I5057" i="2"/>
  <c r="I5031" i="5" s="1"/>
  <c r="I4028" i="2"/>
  <c r="I4002" i="5" s="1"/>
  <c r="I5547" i="2"/>
  <c r="I5521" i="5" s="1"/>
  <c r="D105" i="5"/>
  <c r="AR99" i="1"/>
  <c r="AR217" i="1"/>
  <c r="I3897" i="2"/>
  <c r="I3871" i="5" s="1"/>
  <c r="I4549" i="2"/>
  <c r="I4523" i="5" s="1"/>
  <c r="I2527" i="2"/>
  <c r="I2501" i="5" s="1"/>
  <c r="I5228" i="2"/>
  <c r="I5202" i="5" s="1"/>
  <c r="I6208" i="2"/>
  <c r="I6182" i="5" s="1"/>
  <c r="I5559" i="2"/>
  <c r="I5533" i="5" s="1"/>
  <c r="I7566" i="2"/>
  <c r="I7540" i="5" s="1"/>
  <c r="I1036" i="2"/>
  <c r="I1010" i="5" s="1"/>
  <c r="I1503" i="2"/>
  <c r="I1477" i="5" s="1"/>
  <c r="I7251" i="2"/>
  <c r="I7225" i="5" s="1"/>
  <c r="I5229" i="2"/>
  <c r="I5203" i="5" s="1"/>
  <c r="I4034" i="2"/>
  <c r="I4008" i="5" s="1"/>
  <c r="I6891" i="2"/>
  <c r="I6865" i="5" s="1"/>
  <c r="I4709" i="2"/>
  <c r="I4683" i="5" s="1"/>
  <c r="I7754" i="2"/>
  <c r="I7728" i="5" s="1"/>
  <c r="I6888" i="2"/>
  <c r="I6862" i="5" s="1"/>
  <c r="I2873" i="2"/>
  <c r="I2847" i="5" s="1"/>
  <c r="I4567" i="2"/>
  <c r="I4541" i="5" s="1"/>
  <c r="I7246" i="2"/>
  <c r="I7220" i="5" s="1"/>
  <c r="I2010" i="2"/>
  <c r="I1984" i="5" s="1"/>
  <c r="I5708" i="2"/>
  <c r="I5682" i="5" s="1"/>
  <c r="I7721" i="2"/>
  <c r="I7695" i="5" s="1"/>
  <c r="I3540" i="2"/>
  <c r="I3514" i="5" s="1"/>
  <c r="I8732" i="2"/>
  <c r="I8706" i="5" s="1"/>
  <c r="I5740" i="2"/>
  <c r="I5714" i="5" s="1"/>
  <c r="I4712" i="2"/>
  <c r="I4686" i="5" s="1"/>
  <c r="I1868" i="2"/>
  <c r="I1842" i="5" s="1"/>
  <c r="I1350" i="2"/>
  <c r="I1324" i="5" s="1"/>
  <c r="I697" i="2"/>
  <c r="I671" i="5" s="1"/>
  <c r="I1835" i="2"/>
  <c r="I1809" i="5" s="1"/>
  <c r="I1531" i="2"/>
  <c r="I1505" i="5" s="1"/>
  <c r="I2853" i="2"/>
  <c r="I2827" i="5" s="1"/>
  <c r="I7405" i="2"/>
  <c r="I7379" i="5" s="1"/>
  <c r="C321" i="5"/>
  <c r="AR315" i="1"/>
  <c r="D48" i="5"/>
  <c r="AR42" i="1"/>
  <c r="AR287" i="1"/>
  <c r="I2509" i="2"/>
  <c r="I2483" i="5" s="1"/>
  <c r="AR301" i="1"/>
  <c r="I873" i="2"/>
  <c r="I847" i="5" s="1"/>
  <c r="I3185" i="2"/>
  <c r="I3159" i="5" s="1"/>
  <c r="I1353" i="2"/>
  <c r="I1327" i="5" s="1"/>
  <c r="I3217" i="2"/>
  <c r="I3191" i="5" s="1"/>
  <c r="I3686" i="2"/>
  <c r="I3660" i="5" s="1"/>
  <c r="I5878" i="2"/>
  <c r="I5852" i="5" s="1"/>
  <c r="I5577" i="2"/>
  <c r="I5551" i="5" s="1"/>
  <c r="I6712" i="2"/>
  <c r="I6686" i="5" s="1"/>
  <c r="I4692" i="2"/>
  <c r="I4666" i="5" s="1"/>
  <c r="I2345" i="2"/>
  <c r="I2319" i="5" s="1"/>
  <c r="I3727" i="2"/>
  <c r="I3701" i="5" s="1"/>
  <c r="I7752" i="2"/>
  <c r="I7726" i="5" s="1"/>
  <c r="I2864" i="2"/>
  <c r="I2838" i="5" s="1"/>
  <c r="I8589" i="2"/>
  <c r="I8563" i="5" s="1"/>
  <c r="I871" i="2"/>
  <c r="I845" i="5" s="1"/>
  <c r="I6405" i="2"/>
  <c r="I6379" i="5" s="1"/>
  <c r="I6540" i="2"/>
  <c r="I6514" i="5" s="1"/>
  <c r="I8573" i="2"/>
  <c r="I8547" i="5" s="1"/>
  <c r="I6545" i="2"/>
  <c r="I6519" i="5" s="1"/>
  <c r="I3716" i="2"/>
  <c r="I3690" i="5" s="1"/>
  <c r="I6919" i="2"/>
  <c r="I6893" i="5" s="1"/>
  <c r="I345" i="2"/>
  <c r="I319" i="5" s="1"/>
  <c r="I6037" i="2"/>
  <c r="I6011" i="5" s="1"/>
  <c r="I1203" i="2"/>
  <c r="I1177" i="5" s="1"/>
  <c r="I690" i="2"/>
  <c r="I664" i="5" s="1"/>
  <c r="I350" i="2"/>
  <c r="I324" i="5" s="1"/>
  <c r="I4205" i="2"/>
  <c r="I4179" i="5" s="1"/>
  <c r="I6399" i="2"/>
  <c r="I6373" i="5" s="1"/>
  <c r="I6054" i="2"/>
  <c r="I6028" i="5" s="1"/>
  <c r="I8387" i="2"/>
  <c r="I8361" i="5" s="1"/>
  <c r="I513" i="2"/>
  <c r="I487" i="5" s="1"/>
  <c r="I5698" i="2"/>
  <c r="I5672" i="5" s="1"/>
  <c r="I7558" i="2"/>
  <c r="I7532" i="5" s="1"/>
  <c r="I1505" i="2"/>
  <c r="I1479" i="5" s="1"/>
  <c r="I5726" i="2"/>
  <c r="I5700" i="5" s="1"/>
  <c r="I7559" i="2"/>
  <c r="I7533" i="5" s="1"/>
  <c r="I3883" i="2"/>
  <c r="I3857" i="5" s="1"/>
  <c r="I1697" i="2"/>
  <c r="I1671" i="5" s="1"/>
  <c r="I8407" i="2"/>
  <c r="I8381" i="5" s="1"/>
  <c r="I1508" i="2"/>
  <c r="I1482" i="5" s="1"/>
  <c r="I6410" i="2"/>
  <c r="I6384" i="5" s="1"/>
  <c r="I6907" i="2"/>
  <c r="I6881" i="5" s="1"/>
  <c r="I7741" i="2"/>
  <c r="I7715" i="5" s="1"/>
  <c r="I688" i="2"/>
  <c r="I662" i="5" s="1"/>
  <c r="I7409" i="2"/>
  <c r="I7383" i="5" s="1"/>
  <c r="I5897" i="2"/>
  <c r="I5871" i="5" s="1"/>
  <c r="I1522" i="2"/>
  <c r="I1496" i="5" s="1"/>
  <c r="I338" i="2"/>
  <c r="I312" i="5" s="1"/>
  <c r="I4018" i="2"/>
  <c r="I3992" i="5" s="1"/>
  <c r="I2343" i="2"/>
  <c r="I2317" i="5" s="1"/>
  <c r="I7897" i="2"/>
  <c r="I7871" i="5" s="1"/>
  <c r="I5241" i="2"/>
  <c r="I5215" i="5" s="1"/>
  <c r="I4197" i="2"/>
  <c r="I4171" i="5" s="1"/>
  <c r="I5406" i="2"/>
  <c r="I5380" i="5" s="1"/>
  <c r="I4026" i="2"/>
  <c r="I4000" i="5" s="1"/>
  <c r="I8264" i="2"/>
  <c r="I8238" i="5" s="1"/>
  <c r="I4526" i="2"/>
  <c r="I4500" i="5" s="1"/>
  <c r="I7549" i="2"/>
  <c r="I7523" i="5" s="1"/>
  <c r="I5723" i="2"/>
  <c r="I5697" i="5" s="1"/>
  <c r="I5895" i="2"/>
  <c r="I5869" i="5" s="1"/>
  <c r="I1347" i="2"/>
  <c r="I1321" i="5" s="1"/>
  <c r="G209" i="5"/>
  <c r="AR203" i="1"/>
  <c r="C41" i="5"/>
  <c r="I6910" i="2"/>
  <c r="I6884" i="5" s="1"/>
  <c r="I3887" i="2"/>
  <c r="I3861" i="5" s="1"/>
  <c r="AR77" i="1"/>
  <c r="I2357" i="2"/>
  <c r="I2331" i="5" s="1"/>
  <c r="I5737" i="2"/>
  <c r="I5711" i="5" s="1"/>
  <c r="I2847" i="2"/>
  <c r="I2821" i="5" s="1"/>
  <c r="I5234" i="2"/>
  <c r="I5208" i="5" s="1"/>
  <c r="I4368" i="2"/>
  <c r="I4342" i="5" s="1"/>
  <c r="I2550" i="2"/>
  <c r="I2524" i="5" s="1"/>
  <c r="I8564" i="2"/>
  <c r="I8538" i="5" s="1"/>
  <c r="I1541" i="2"/>
  <c r="I1515" i="5" s="1"/>
  <c r="I6547" i="2"/>
  <c r="I6521" i="5" s="1"/>
  <c r="I5371" i="2"/>
  <c r="I5345" i="5" s="1"/>
  <c r="I8386" i="2"/>
  <c r="I8360" i="5" s="1"/>
  <c r="I6242" i="2"/>
  <c r="I6216" i="5" s="1"/>
  <c r="I4527" i="2"/>
  <c r="I4501" i="5" s="1"/>
  <c r="I6074" i="2"/>
  <c r="I6048" i="5" s="1"/>
  <c r="I7547" i="2"/>
  <c r="I7521" i="5" s="1"/>
  <c r="I1195" i="2"/>
  <c r="I1169" i="5" s="1"/>
  <c r="I4191" i="2"/>
  <c r="I4165" i="5" s="1"/>
  <c r="I3712" i="2"/>
  <c r="I3686" i="5" s="1"/>
  <c r="I1691" i="2"/>
  <c r="I1665" i="5" s="1"/>
  <c r="I6036" i="2"/>
  <c r="I6010" i="5" s="1"/>
  <c r="I8751" i="2"/>
  <c r="I8725" i="5" s="1"/>
  <c r="I4217" i="2"/>
  <c r="I4191" i="5" s="1"/>
  <c r="I3689" i="2"/>
  <c r="I3663" i="5" s="1"/>
  <c r="I6737" i="2"/>
  <c r="I6711" i="5" s="1"/>
  <c r="I1506" i="2"/>
  <c r="I1480" i="5" s="1"/>
  <c r="I1362" i="2"/>
  <c r="I1336" i="5" s="1"/>
  <c r="I4555" i="2"/>
  <c r="I4529" i="5" s="1"/>
  <c r="I3045" i="2"/>
  <c r="I3019" i="5" s="1"/>
  <c r="I7406" i="2"/>
  <c r="I7380" i="5" s="1"/>
  <c r="I4189" i="2"/>
  <c r="I4163" i="5" s="1"/>
  <c r="AR126" i="1"/>
  <c r="C132" i="5"/>
  <c r="G42" i="5"/>
  <c r="AR36" i="1"/>
  <c r="G147" i="5"/>
  <c r="AR141" i="1"/>
  <c r="G370" i="5"/>
  <c r="AR364" i="1"/>
  <c r="D126" i="5"/>
  <c r="AR120" i="1"/>
  <c r="C91" i="5"/>
  <c r="AR85" i="1"/>
  <c r="D272" i="5"/>
  <c r="AR266" i="1"/>
  <c r="AR211" i="1"/>
  <c r="AR358" i="1"/>
  <c r="I836" i="2"/>
  <c r="I810" i="5" s="1"/>
  <c r="I4032" i="2"/>
  <c r="I4006" i="5" s="1"/>
  <c r="I7906" i="2"/>
  <c r="I7880" i="5" s="1"/>
  <c r="I5530" i="2"/>
  <c r="I5504" i="5" s="1"/>
  <c r="I1360" i="2"/>
  <c r="I1334" i="5" s="1"/>
  <c r="I1875" i="2"/>
  <c r="I1849" i="5" s="1"/>
  <c r="I1168" i="2"/>
  <c r="I1142" i="5" s="1"/>
  <c r="I3861" i="2"/>
  <c r="I3835" i="5" s="1"/>
  <c r="I6894" i="2"/>
  <c r="I6868" i="5" s="1"/>
  <c r="I162" i="2"/>
  <c r="I136" i="5" s="1"/>
  <c r="I5735" i="2"/>
  <c r="I5709" i="5" s="1"/>
  <c r="I1193" i="2"/>
  <c r="I1167" i="5" s="1"/>
  <c r="I364" i="2"/>
  <c r="I338" i="5" s="1"/>
  <c r="I6039" i="2"/>
  <c r="I6013" i="5" s="1"/>
  <c r="I4536" i="2"/>
  <c r="I4510" i="5" s="1"/>
  <c r="I1037" i="2"/>
  <c r="I1011" i="5" s="1"/>
  <c r="I516" i="2"/>
  <c r="I490" i="5" s="1"/>
  <c r="I1330" i="2"/>
  <c r="I1304" i="5" s="1"/>
  <c r="I7891" i="2"/>
  <c r="I7865" i="5" s="1"/>
  <c r="I5232" i="2"/>
  <c r="I5206" i="5" s="1"/>
  <c r="I6582" i="2"/>
  <c r="I6556" i="5" s="1"/>
  <c r="I531" i="2"/>
  <c r="I505" i="5" s="1"/>
  <c r="I5705" i="2"/>
  <c r="I5679" i="5" s="1"/>
  <c r="I7254" i="2"/>
  <c r="I7228" i="5" s="1"/>
  <c r="I3020" i="2"/>
  <c r="I2994" i="5" s="1"/>
  <c r="I5745" i="2"/>
  <c r="I5719" i="5" s="1"/>
  <c r="I8568" i="2"/>
  <c r="I8542" i="5" s="1"/>
  <c r="I6727" i="2"/>
  <c r="I6701" i="5" s="1"/>
  <c r="I2008" i="2"/>
  <c r="I1982" i="5" s="1"/>
  <c r="I1843" i="2"/>
  <c r="I1817" i="5" s="1"/>
  <c r="I5401" i="2"/>
  <c r="I5375" i="5" s="1"/>
  <c r="I4215" i="2"/>
  <c r="I4189" i="5" s="1"/>
  <c r="I7758" i="2"/>
  <c r="I7732" i="5" s="1"/>
  <c r="I8078" i="2"/>
  <c r="I8052" i="5" s="1"/>
  <c r="I4879" i="2"/>
  <c r="I4853" i="5" s="1"/>
  <c r="I4232" i="2"/>
  <c r="I4206" i="5" s="1"/>
  <c r="I691" i="2"/>
  <c r="I665" i="5" s="1"/>
  <c r="I2025" i="2"/>
  <c r="I1999" i="5" s="1"/>
  <c r="I6406" i="2"/>
  <c r="I6380" i="5" s="1"/>
  <c r="I7062" i="2"/>
  <c r="I7036" i="5" s="1"/>
  <c r="I1872" i="2"/>
  <c r="I1846" i="5" s="1"/>
  <c r="I1711" i="2"/>
  <c r="I1685" i="5" s="1"/>
  <c r="I5903" i="2"/>
  <c r="I5877" i="5" s="1"/>
  <c r="I7585" i="2"/>
  <c r="I7559" i="5" s="1"/>
  <c r="I2043" i="2"/>
  <c r="I2017" i="5" s="1"/>
  <c r="I7925" i="2"/>
  <c r="I7899" i="5" s="1"/>
  <c r="I6204" i="2"/>
  <c r="I6178" i="5" s="1"/>
  <c r="I7060" i="2"/>
  <c r="I7034" i="5" s="1"/>
  <c r="I5570" i="2"/>
  <c r="I5544" i="5" s="1"/>
  <c r="I8389" i="2"/>
  <c r="I8363" i="5" s="1"/>
  <c r="I7889" i="2"/>
  <c r="I7863" i="5" s="1"/>
  <c r="I1374" i="2"/>
  <c r="I1348" i="5" s="1"/>
  <c r="I7734" i="2"/>
  <c r="I7708" i="5" s="1"/>
  <c r="I192" i="2"/>
  <c r="I166" i="5" s="1"/>
  <c r="I7907" i="2"/>
  <c r="I7881" i="5" s="1"/>
  <c r="I349" i="2"/>
  <c r="I323" i="5" s="1"/>
  <c r="I4543" i="2"/>
  <c r="I4517" i="5" s="1"/>
  <c r="I5539" i="2"/>
  <c r="I5513" i="5" s="1"/>
  <c r="I7074" i="2"/>
  <c r="I7048" i="5" s="1"/>
  <c r="I1007" i="2"/>
  <c r="I981" i="5" s="1"/>
  <c r="I6371" i="2"/>
  <c r="I6345" i="5" s="1"/>
  <c r="I3055" i="2"/>
  <c r="I3029" i="5" s="1"/>
  <c r="I6207" i="2"/>
  <c r="I6181" i="5" s="1"/>
  <c r="I2534" i="2"/>
  <c r="I2508" i="5" s="1"/>
  <c r="I8556" i="2"/>
  <c r="I8530" i="5" s="1"/>
  <c r="I1858" i="2"/>
  <c r="I1832" i="5" s="1"/>
  <c r="I2190" i="2"/>
  <c r="I2164" i="5" s="1"/>
  <c r="I1515" i="2"/>
  <c r="I1489" i="5" s="1"/>
  <c r="I354" i="2"/>
  <c r="I328" i="5" s="1"/>
  <c r="I2515" i="2"/>
  <c r="I2489" i="5" s="1"/>
  <c r="I5716" i="2"/>
  <c r="I5690" i="5" s="1"/>
  <c r="I1693" i="2"/>
  <c r="I1667" i="5" s="1"/>
  <c r="I5389" i="2"/>
  <c r="I5363" i="5" s="1"/>
  <c r="I5884" i="2"/>
  <c r="I5858" i="5" s="1"/>
  <c r="I8073" i="2"/>
  <c r="I8047" i="5" s="1"/>
  <c r="I3872" i="2"/>
  <c r="I3846" i="5" s="1"/>
  <c r="I6212" i="2"/>
  <c r="I6186" i="5" s="1"/>
  <c r="I6249" i="2"/>
  <c r="I6223" i="5" s="1"/>
  <c r="I4060" i="2"/>
  <c r="I4034" i="5" s="1"/>
  <c r="I6384" i="2"/>
  <c r="I6358" i="5" s="1"/>
  <c r="I524" i="2"/>
  <c r="I498" i="5" s="1"/>
  <c r="I2380" i="2"/>
  <c r="I2354" i="5" s="1"/>
  <c r="I7415" i="2"/>
  <c r="I7389" i="5" s="1"/>
  <c r="I3214" i="2"/>
  <c r="I3188" i="5" s="1"/>
  <c r="I5383" i="2"/>
  <c r="I5357" i="5" s="1"/>
  <c r="I3220" i="2"/>
  <c r="I3194" i="5" s="1"/>
  <c r="I4694" i="2"/>
  <c r="I4668" i="5" s="1"/>
  <c r="I2516" i="2"/>
  <c r="I2490" i="5" s="1"/>
  <c r="I3688" i="2"/>
  <c r="I3662" i="5" s="1"/>
  <c r="I1337" i="2"/>
  <c r="I1311" i="5" s="1"/>
  <c r="I2852" i="2"/>
  <c r="I2826" i="5" s="1"/>
  <c r="I8768" i="2"/>
  <c r="I8742" i="5" s="1"/>
  <c r="I3053" i="2"/>
  <c r="I3027" i="5" s="1"/>
  <c r="I3866" i="2"/>
  <c r="I3840" i="5" s="1"/>
  <c r="I7386" i="2"/>
  <c r="I7360" i="5" s="1"/>
  <c r="I2519" i="2"/>
  <c r="I2493" i="5" s="1"/>
  <c r="I1192" i="2"/>
  <c r="I1166" i="5" s="1"/>
  <c r="I6214" i="2"/>
  <c r="I6188" i="5" s="1"/>
  <c r="I2682" i="2"/>
  <c r="I2656" i="5" s="1"/>
  <c r="I1342" i="2"/>
  <c r="I1316" i="5" s="1"/>
  <c r="I3352" i="2"/>
  <c r="I3326" i="5" s="1"/>
  <c r="I6730" i="2"/>
  <c r="I6704" i="5" s="1"/>
  <c r="I5744" i="2"/>
  <c r="I5718" i="5" s="1"/>
  <c r="I3196" i="2"/>
  <c r="I3170" i="5" s="1"/>
  <c r="I2696" i="2"/>
  <c r="I2670" i="5" s="1"/>
  <c r="I7253" i="2"/>
  <c r="I7227" i="5" s="1"/>
  <c r="I1039" i="2"/>
  <c r="I1013" i="5" s="1"/>
  <c r="I5048" i="2"/>
  <c r="I5022" i="5" s="1"/>
  <c r="I1008" i="2"/>
  <c r="I982" i="5" s="1"/>
  <c r="I2199" i="2"/>
  <c r="I2173" i="5" s="1"/>
  <c r="I7424" i="2"/>
  <c r="I7398" i="5" s="1"/>
  <c r="I2872" i="2"/>
  <c r="I2846" i="5" s="1"/>
  <c r="I8746" i="2"/>
  <c r="I8720" i="5" s="1"/>
  <c r="I5556" i="2"/>
  <c r="I5530" i="5" s="1"/>
  <c r="I7885" i="2"/>
  <c r="I7859" i="5" s="1"/>
  <c r="I4566" i="2"/>
  <c r="I4540" i="5" s="1"/>
  <c r="I837" i="2"/>
  <c r="I811" i="5" s="1"/>
  <c r="I5554" i="2"/>
  <c r="I5528" i="5" s="1"/>
  <c r="I8259" i="2"/>
  <c r="I8233" i="5" s="1"/>
  <c r="I2551" i="2"/>
  <c r="I2525" i="5" s="1"/>
  <c r="I4188" i="2"/>
  <c r="I4162" i="5" s="1"/>
  <c r="I2371" i="2"/>
  <c r="I2345" i="5" s="1"/>
  <c r="I8085" i="2"/>
  <c r="I8059" i="5" s="1"/>
  <c r="I7043" i="2"/>
  <c r="I7017" i="5" s="1"/>
  <c r="I3725" i="2"/>
  <c r="I3699" i="5" s="1"/>
  <c r="I2208" i="2"/>
  <c r="I2182" i="5" s="1"/>
  <c r="I4203" i="2"/>
  <c r="I4177" i="5" s="1"/>
  <c r="I4722" i="2"/>
  <c r="I4696" i="5" s="1"/>
  <c r="I1834" i="2"/>
  <c r="I1808" i="5" s="1"/>
  <c r="I2547" i="2"/>
  <c r="I2521" i="5" s="1"/>
  <c r="I7726" i="2"/>
  <c r="I7700" i="5" s="1"/>
  <c r="I3018" i="2"/>
  <c r="I2992" i="5" s="1"/>
  <c r="I6081" i="2"/>
  <c r="I6055" i="5" s="1"/>
  <c r="I2553" i="2"/>
  <c r="I2527" i="5" s="1"/>
  <c r="I6225" i="2"/>
  <c r="I6199" i="5" s="1"/>
  <c r="I176" i="2"/>
  <c r="I150" i="5" s="1"/>
  <c r="I3392" i="2"/>
  <c r="I3366" i="5" s="1"/>
  <c r="I2533" i="2"/>
  <c r="I2507" i="5" s="1"/>
  <c r="I7918" i="2"/>
  <c r="I7892" i="5" s="1"/>
  <c r="I3859" i="2"/>
  <c r="I3833" i="5" s="1"/>
  <c r="I5056" i="2"/>
  <c r="I5030" i="5" s="1"/>
  <c r="I6885" i="2"/>
  <c r="I6859" i="5" s="1"/>
  <c r="I2702" i="2"/>
  <c r="I2676" i="5" s="1"/>
  <c r="I6377" i="2"/>
  <c r="I6351" i="5" s="1"/>
  <c r="I2711" i="2"/>
  <c r="I2685" i="5" s="1"/>
  <c r="I6729" i="2"/>
  <c r="I6703" i="5" s="1"/>
  <c r="I2536" i="2"/>
  <c r="I2510" i="5" s="1"/>
  <c r="I5223" i="2"/>
  <c r="I5197" i="5" s="1"/>
  <c r="I6571" i="2"/>
  <c r="I6545" i="5" s="1"/>
  <c r="I3349" i="2"/>
  <c r="I3323" i="5" s="1"/>
  <c r="I3390" i="2"/>
  <c r="I3364" i="5" s="1"/>
  <c r="I8414" i="2"/>
  <c r="I8388" i="5" s="1"/>
  <c r="I7070" i="2"/>
  <c r="I7044" i="5" s="1"/>
  <c r="I6052" i="2"/>
  <c r="I6026" i="5" s="1"/>
  <c r="I4397" i="2"/>
  <c r="I4371" i="5" s="1"/>
  <c r="I3384" i="2"/>
  <c r="I3358" i="5" s="1"/>
  <c r="I6538" i="2"/>
  <c r="I6512" i="5" s="1"/>
  <c r="I7921" i="2"/>
  <c r="I7895" i="5" s="1"/>
  <c r="I5200" i="2"/>
  <c r="I5174" i="5" s="1"/>
  <c r="I4700" i="2"/>
  <c r="I4674" i="5" s="1"/>
  <c r="I522" i="2"/>
  <c r="I496" i="5" s="1"/>
  <c r="I7886" i="2"/>
  <c r="I7860" i="5" s="1"/>
  <c r="I3224" i="2"/>
  <c r="I3198" i="5" s="1"/>
  <c r="I3034" i="2"/>
  <c r="I3008" i="5" s="1"/>
  <c r="I2544" i="2"/>
  <c r="I2518" i="5" s="1"/>
  <c r="I7086" i="2"/>
  <c r="I7060" i="5" s="1"/>
  <c r="I8069" i="2"/>
  <c r="I8043" i="5" s="1"/>
  <c r="I536" i="2"/>
  <c r="I510" i="5" s="1"/>
  <c r="I1004" i="2"/>
  <c r="I978" i="5" s="1"/>
  <c r="I8749" i="2"/>
  <c r="I8723" i="5" s="1"/>
  <c r="I4059" i="2"/>
  <c r="I4033" i="5" s="1"/>
  <c r="I1178" i="2"/>
  <c r="I1152" i="5" s="1"/>
  <c r="I7233" i="2"/>
  <c r="I7207" i="5" s="1"/>
  <c r="I2379" i="2"/>
  <c r="I2353" i="5" s="1"/>
  <c r="I1186" i="2"/>
  <c r="I1160" i="5" s="1"/>
  <c r="I7554" i="2"/>
  <c r="I7528" i="5" s="1"/>
  <c r="I843" i="2"/>
  <c r="I817" i="5" s="1"/>
  <c r="I7571" i="2"/>
  <c r="I7545" i="5" s="1"/>
  <c r="I7392" i="2"/>
  <c r="I7366" i="5" s="1"/>
  <c r="I6048" i="2"/>
  <c r="I6022" i="5" s="1"/>
  <c r="I4896" i="2"/>
  <c r="I4870" i="5" s="1"/>
  <c r="I3715" i="2"/>
  <c r="I3689" i="5" s="1"/>
  <c r="I5073" i="2"/>
  <c r="I5047" i="5" s="1"/>
  <c r="I7072" i="2"/>
  <c r="I7046" i="5" s="1"/>
  <c r="I6386" i="2"/>
  <c r="I6360" i="5" s="1"/>
  <c r="I5212" i="2"/>
  <c r="I5186" i="5" s="1"/>
  <c r="I3536" i="2"/>
  <c r="I3510" i="5" s="1"/>
  <c r="I1343" i="2"/>
  <c r="I1317" i="5" s="1"/>
  <c r="I3180" i="2"/>
  <c r="I3154" i="5" s="1"/>
  <c r="I2844" i="2"/>
  <c r="I2818" i="5" s="1"/>
  <c r="I6056" i="2"/>
  <c r="I6030" i="5" s="1"/>
  <c r="I3036" i="2"/>
  <c r="I3010" i="5" s="1"/>
  <c r="I4892" i="2"/>
  <c r="I4866" i="5" s="1"/>
  <c r="I5047" i="2"/>
  <c r="I5021" i="5" s="1"/>
  <c r="I2040" i="2"/>
  <c r="I2014" i="5" s="1"/>
  <c r="I1502" i="2"/>
  <c r="I1476" i="5" s="1"/>
  <c r="I7899" i="2"/>
  <c r="I7873" i="5" s="1"/>
  <c r="I8081" i="2"/>
  <c r="I8055" i="5" s="1"/>
  <c r="I679" i="2"/>
  <c r="I653" i="5" s="1"/>
  <c r="I2843" i="2"/>
  <c r="I2817" i="5" s="1"/>
  <c r="I6203" i="2"/>
  <c r="I6177" i="5" s="1"/>
  <c r="I2195" i="2"/>
  <c r="I2169" i="5" s="1"/>
  <c r="I4216" i="2"/>
  <c r="I4190" i="5" s="1"/>
  <c r="I4221" i="2"/>
  <c r="I4195" i="5" s="1"/>
  <c r="I4224" i="2"/>
  <c r="I4198" i="5" s="1"/>
  <c r="I3869" i="2"/>
  <c r="I3843" i="5" s="1"/>
  <c r="I7239" i="2"/>
  <c r="I7213" i="5" s="1"/>
  <c r="I8235" i="2"/>
  <c r="I8209" i="5" s="1"/>
  <c r="I670" i="2"/>
  <c r="I644" i="5" s="1"/>
  <c r="I3178" i="2"/>
  <c r="I3152" i="5" s="1"/>
  <c r="I5065" i="2"/>
  <c r="I5039" i="5" s="1"/>
  <c r="I2369" i="2"/>
  <c r="I2343" i="5" s="1"/>
  <c r="I1527" i="2"/>
  <c r="I1501" i="5" s="1"/>
  <c r="I3701" i="2"/>
  <c r="I3675" i="5" s="1"/>
  <c r="I7380" i="2"/>
  <c r="I7354" i="5" s="1"/>
  <c r="I4229" i="2"/>
  <c r="I4203" i="5" s="1"/>
  <c r="I1880" i="2"/>
  <c r="I1854" i="5" s="1"/>
  <c r="I6898" i="2"/>
  <c r="I6872" i="5" s="1"/>
  <c r="I2214" i="2"/>
  <c r="I2188" i="5" s="1"/>
  <c r="I6566" i="2"/>
  <c r="I6540" i="5" s="1"/>
  <c r="I7244" i="2"/>
  <c r="I7218" i="5" s="1"/>
  <c r="I4208" i="2"/>
  <c r="I4182" i="5" s="1"/>
  <c r="I1375" i="2"/>
  <c r="I1349" i="5" s="1"/>
  <c r="I3853" i="2"/>
  <c r="I3827" i="5" s="1"/>
  <c r="I7569" i="2"/>
  <c r="I7543" i="5" s="1"/>
  <c r="I2364" i="2"/>
  <c r="I2338" i="5" s="1"/>
  <c r="I518" i="2"/>
  <c r="I492" i="5" s="1"/>
  <c r="I5042" i="2"/>
  <c r="I5016" i="5" s="1"/>
  <c r="I684" i="2"/>
  <c r="I658" i="5" s="1"/>
  <c r="I6041" i="2"/>
  <c r="I6015" i="5" s="1"/>
  <c r="I3391" i="2"/>
  <c r="I3365" i="5" s="1"/>
  <c r="I2878" i="2"/>
  <c r="I2852" i="5" s="1"/>
  <c r="I3879" i="2"/>
  <c r="I3853" i="5" s="1"/>
  <c r="I4711" i="2"/>
  <c r="I4685" i="5" s="1"/>
  <c r="I1358" i="2"/>
  <c r="I1332" i="5" s="1"/>
  <c r="I2680" i="2"/>
  <c r="I2654" i="5" s="1"/>
  <c r="I4897" i="2"/>
  <c r="I4871" i="5" s="1"/>
  <c r="I3347" i="2"/>
  <c r="I3321" i="5" s="1"/>
  <c r="I2377" i="2"/>
  <c r="I2351" i="5" s="1"/>
  <c r="I4030" i="2"/>
  <c r="I4004" i="5" s="1"/>
  <c r="I8257" i="2"/>
  <c r="I8231" i="5" s="1"/>
  <c r="I8252" i="2"/>
  <c r="I8226" i="5" s="1"/>
  <c r="I4894" i="2"/>
  <c r="I4868" i="5" s="1"/>
  <c r="I4884" i="2"/>
  <c r="I4858" i="5" s="1"/>
  <c r="I6063" i="2"/>
  <c r="I6037" i="5" s="1"/>
  <c r="I8222" i="2"/>
  <c r="I8196" i="5" s="1"/>
  <c r="I4713" i="2"/>
  <c r="I4687" i="5" s="1"/>
  <c r="I4703" i="2"/>
  <c r="I4677" i="5" s="1"/>
  <c r="I4883" i="2"/>
  <c r="I4857" i="5" s="1"/>
  <c r="I5551" i="2"/>
  <c r="I5525" i="5" s="1"/>
  <c r="I5408" i="2"/>
  <c r="I5382" i="5" s="1"/>
  <c r="I3867" i="2"/>
  <c r="I3841" i="5" s="1"/>
  <c r="I5702" i="2"/>
  <c r="I5676" i="5" s="1"/>
  <c r="I6546" i="2"/>
  <c r="I6520" i="5" s="1"/>
  <c r="I335" i="2"/>
  <c r="I309" i="5" s="1"/>
  <c r="I5549" i="2"/>
  <c r="I5523" i="5" s="1"/>
  <c r="I5890" i="2"/>
  <c r="I5864" i="5" s="1"/>
  <c r="I8750" i="2"/>
  <c r="I8724" i="5" s="1"/>
  <c r="I5565" i="2"/>
  <c r="I5539" i="5" s="1"/>
  <c r="I2035" i="2"/>
  <c r="I2009" i="5" s="1"/>
  <c r="I5719" i="2"/>
  <c r="I5693" i="5" s="1"/>
  <c r="I1856" i="2"/>
  <c r="I1830" i="5" s="1"/>
  <c r="I4721" i="2"/>
  <c r="I4695" i="5" s="1"/>
  <c r="I1338" i="2"/>
  <c r="I1312" i="5" s="1"/>
  <c r="I868" i="2"/>
  <c r="I842" i="5" s="1"/>
  <c r="I4372" i="2"/>
  <c r="I4346" i="5" s="1"/>
  <c r="I1706" i="2"/>
  <c r="I1680" i="5" s="1"/>
  <c r="I1033" i="2"/>
  <c r="I1007" i="5" s="1"/>
  <c r="I1170" i="2"/>
  <c r="I1144" i="5" s="1"/>
  <c r="I2883" i="2"/>
  <c r="I2857" i="5" s="1"/>
  <c r="I3210" i="2"/>
  <c r="I3184" i="5" s="1"/>
  <c r="I1024" i="2"/>
  <c r="I998" i="5" s="1"/>
  <c r="I1020" i="2"/>
  <c r="I994" i="5" s="1"/>
  <c r="I7383" i="2"/>
  <c r="I7357" i="5" s="1"/>
  <c r="I5388" i="2"/>
  <c r="I5362" i="5" s="1"/>
  <c r="I1849" i="2"/>
  <c r="I1823" i="5" s="1"/>
  <c r="I8729" i="2"/>
  <c r="I8703" i="5" s="1"/>
  <c r="I2175" i="2"/>
  <c r="I2149" i="5" s="1"/>
  <c r="I1684" i="2"/>
  <c r="I1658" i="5" s="1"/>
  <c r="I830" i="2"/>
  <c r="I804" i="5" s="1"/>
  <c r="I6909" i="2"/>
  <c r="I6883" i="5" s="1"/>
  <c r="I5886" i="2"/>
  <c r="I5860" i="5" s="1"/>
  <c r="I4381" i="2"/>
  <c r="I4355" i="5" s="1"/>
  <c r="I2372" i="2"/>
  <c r="I2346" i="5" s="1"/>
  <c r="AR288" i="1"/>
  <c r="I3037" i="2"/>
  <c r="I3011" i="5" s="1"/>
  <c r="I8392" i="2"/>
  <c r="I8366" i="5" s="1"/>
  <c r="I1029" i="2"/>
  <c r="I1003" i="5" s="1"/>
  <c r="I3857" i="2"/>
  <c r="I3831" i="5" s="1"/>
  <c r="I5393" i="2"/>
  <c r="I5367" i="5" s="1"/>
  <c r="I6407" i="2"/>
  <c r="I6381" i="5" s="1"/>
  <c r="I6233" i="2"/>
  <c r="I6207" i="5" s="1"/>
  <c r="I4866" i="2"/>
  <c r="I4840" i="5" s="1"/>
  <c r="I4233" i="2"/>
  <c r="I4207" i="5" s="1"/>
  <c r="I7420" i="2"/>
  <c r="I7394" i="5" s="1"/>
  <c r="I666" i="2"/>
  <c r="I640" i="5" s="1"/>
  <c r="I161" i="2"/>
  <c r="I135" i="5" s="1"/>
  <c r="I3709" i="2"/>
  <c r="I3683" i="5" s="1"/>
  <c r="I6903" i="2"/>
  <c r="I6877" i="5" s="1"/>
  <c r="I4880" i="2"/>
  <c r="I4854" i="5" s="1"/>
  <c r="I3885" i="2"/>
  <c r="I3859" i="5" s="1"/>
  <c r="I685" i="2"/>
  <c r="I659" i="5" s="1"/>
  <c r="I5569" i="2"/>
  <c r="I5543" i="5" s="1"/>
  <c r="I8059" i="2"/>
  <c r="I8033" i="5" s="1"/>
  <c r="I8084" i="2"/>
  <c r="I8058" i="5" s="1"/>
  <c r="I2862" i="2"/>
  <c r="I2836" i="5" s="1"/>
  <c r="I8559" i="2"/>
  <c r="I8533" i="5" s="1"/>
  <c r="I6748" i="2"/>
  <c r="I6722" i="5" s="1"/>
  <c r="I3855" i="2"/>
  <c r="I3829" i="5" s="1"/>
  <c r="I3203" i="2"/>
  <c r="I3177" i="5" s="1"/>
  <c r="I5233" i="2"/>
  <c r="I5207" i="5" s="1"/>
  <c r="I5027" i="2"/>
  <c r="I5001" i="5" s="1"/>
  <c r="I6576" i="2"/>
  <c r="I6550" i="5" s="1"/>
  <c r="I5067" i="2"/>
  <c r="I5041" i="5" s="1"/>
  <c r="I7221" i="2"/>
  <c r="I7195" i="5" s="1"/>
  <c r="I2033" i="2"/>
  <c r="I2007" i="5" s="1"/>
  <c r="D90" i="5"/>
  <c r="AR84" i="1"/>
  <c r="I846" i="2"/>
  <c r="I820" i="5" s="1"/>
  <c r="I3717" i="2"/>
  <c r="I3691" i="5" s="1"/>
  <c r="I5718" i="2"/>
  <c r="I5692" i="5" s="1"/>
  <c r="I5898" i="2"/>
  <c r="I5872" i="5" s="1"/>
  <c r="I998" i="2"/>
  <c r="I972" i="5" s="1"/>
  <c r="I1674" i="2"/>
  <c r="I1648" i="5" s="1"/>
  <c r="I7923" i="2"/>
  <c r="I7897" i="5" s="1"/>
  <c r="I3514" i="2"/>
  <c r="I3488" i="5" s="1"/>
  <c r="I6874" i="2"/>
  <c r="I6848" i="5" s="1"/>
  <c r="I699" i="2"/>
  <c r="I673" i="5" s="1"/>
  <c r="I2538" i="2"/>
  <c r="I2512" i="5" s="1"/>
  <c r="I8762" i="2"/>
  <c r="I8736" i="5" s="1"/>
  <c r="I3722" i="2"/>
  <c r="I3696" i="5" s="1"/>
  <c r="I8094" i="2"/>
  <c r="I8068" i="5" s="1"/>
  <c r="I3557" i="2"/>
  <c r="I3531" i="5" s="1"/>
  <c r="I526" i="2"/>
  <c r="I500" i="5" s="1"/>
  <c r="I4529" i="2"/>
  <c r="I4503" i="5" s="1"/>
  <c r="I8093" i="2"/>
  <c r="I8067" i="5" s="1"/>
  <c r="I4201" i="2"/>
  <c r="I4175" i="5" s="1"/>
  <c r="I7228" i="2"/>
  <c r="I7202" i="5" s="1"/>
  <c r="I3525" i="2"/>
  <c r="I3499" i="5" s="1"/>
  <c r="I7739" i="2"/>
  <c r="I7713" i="5" s="1"/>
  <c r="I2543" i="2"/>
  <c r="I2517" i="5" s="1"/>
  <c r="I154" i="2"/>
  <c r="I128" i="5" s="1"/>
  <c r="I6058" i="2"/>
  <c r="I6032" i="5" s="1"/>
  <c r="I693" i="2"/>
  <c r="I667" i="5" s="1"/>
  <c r="I8730" i="2"/>
  <c r="I8704" i="5" s="1"/>
  <c r="I8053" i="2"/>
  <c r="I8027" i="5" s="1"/>
  <c r="I851" i="2"/>
  <c r="I825" i="5" s="1"/>
  <c r="I6401" i="2"/>
  <c r="I6375" i="5" s="1"/>
  <c r="I6560" i="2"/>
  <c r="I6534" i="5" s="1"/>
  <c r="I1850" i="2"/>
  <c r="I1824" i="5" s="1"/>
  <c r="I3017" i="2"/>
  <c r="I2991" i="5" s="1"/>
  <c r="I6559" i="2"/>
  <c r="I6533" i="5" s="1"/>
  <c r="I7243" i="2"/>
  <c r="I7217" i="5" s="1"/>
  <c r="I4895" i="2"/>
  <c r="I4869" i="5" s="1"/>
  <c r="I7069" i="2"/>
  <c r="I7043" i="5" s="1"/>
  <c r="I6241" i="2"/>
  <c r="I6215" i="5" s="1"/>
  <c r="I1369" i="2"/>
  <c r="I1343" i="5" s="1"/>
  <c r="I1685" i="2"/>
  <c r="I1659" i="5" s="1"/>
  <c r="I1162" i="2"/>
  <c r="I1136" i="5" s="1"/>
  <c r="I1189" i="2"/>
  <c r="I1163" i="5" s="1"/>
  <c r="I7561" i="2"/>
  <c r="I7535" i="5" s="1"/>
  <c r="I7724" i="2"/>
  <c r="I7698" i="5" s="1"/>
  <c r="I3207" i="2"/>
  <c r="I3181" i="5" s="1"/>
  <c r="I5380" i="2"/>
  <c r="I5354" i="5" s="1"/>
  <c r="I4858" i="2"/>
  <c r="I4832" i="5" s="1"/>
  <c r="I5892" i="2"/>
  <c r="I5866" i="5" s="1"/>
  <c r="I2512" i="2"/>
  <c r="I2486" i="5" s="1"/>
  <c r="I1699" i="2"/>
  <c r="I1673" i="5" s="1"/>
  <c r="I6034" i="2"/>
  <c r="I6008" i="5" s="1"/>
  <c r="I533" i="2"/>
  <c r="I507" i="5" s="1"/>
  <c r="I867" i="2"/>
  <c r="I841" i="5" s="1"/>
  <c r="I6899" i="2"/>
  <c r="I6873" i="5" s="1"/>
  <c r="I8058" i="2"/>
  <c r="I8032" i="5" s="1"/>
  <c r="I6879" i="2"/>
  <c r="I6853" i="5" s="1"/>
  <c r="I4220" i="2"/>
  <c r="I4194" i="5" s="1"/>
  <c r="I4893" i="2"/>
  <c r="I4867" i="5" s="1"/>
  <c r="I5217" i="2"/>
  <c r="I5191" i="5" s="1"/>
  <c r="I4192" i="2"/>
  <c r="I4166" i="5" s="1"/>
  <c r="I534" i="2"/>
  <c r="I508" i="5" s="1"/>
  <c r="I3526" i="2"/>
  <c r="I3500" i="5" s="1"/>
  <c r="I3699" i="2"/>
  <c r="I3673" i="5" s="1"/>
  <c r="I184" i="2"/>
  <c r="I158" i="5" s="1"/>
  <c r="I702" i="2"/>
  <c r="I676" i="5" s="1"/>
  <c r="I4863" i="2"/>
  <c r="I4837" i="5" s="1"/>
  <c r="I6237" i="2"/>
  <c r="I6211" i="5" s="1"/>
  <c r="I4876" i="2"/>
  <c r="I4850" i="5" s="1"/>
  <c r="I8077" i="2"/>
  <c r="I8051" i="5" s="1"/>
  <c r="I1534" i="2"/>
  <c r="I1508" i="5" s="1"/>
  <c r="I4871" i="2"/>
  <c r="I4845" i="5" s="1"/>
  <c r="I4887" i="2"/>
  <c r="I4861" i="5" s="1"/>
  <c r="I3202" i="2"/>
  <c r="I3176" i="5" s="1"/>
  <c r="I4388" i="2"/>
  <c r="I4362" i="5" s="1"/>
  <c r="I4734" i="2"/>
  <c r="I4708" i="5" s="1"/>
  <c r="I8412" i="2"/>
  <c r="I8386" i="5" s="1"/>
  <c r="I8243" i="2"/>
  <c r="I8217" i="5" s="1"/>
  <c r="I1860" i="2"/>
  <c r="I1834" i="5" s="1"/>
  <c r="I8737" i="2"/>
  <c r="I8711" i="5" s="1"/>
  <c r="I8742" i="2"/>
  <c r="I8716" i="5" s="1"/>
  <c r="I2848" i="2"/>
  <c r="I2822" i="5" s="1"/>
  <c r="I8231" i="2"/>
  <c r="I8205" i="5" s="1"/>
  <c r="I2003" i="2"/>
  <c r="I1977" i="5" s="1"/>
  <c r="I5902" i="2"/>
  <c r="I5876" i="5" s="1"/>
  <c r="I4719" i="2"/>
  <c r="I4693" i="5" s="1"/>
  <c r="I1859" i="2"/>
  <c r="I1833" i="5" s="1"/>
  <c r="I680" i="2"/>
  <c r="I654" i="5" s="1"/>
  <c r="I4193" i="2"/>
  <c r="I4167" i="5" s="1"/>
  <c r="I8241" i="2"/>
  <c r="I8215" i="5" s="1"/>
  <c r="I4532" i="2"/>
  <c r="I4506" i="5" s="1"/>
  <c r="I6075" i="2"/>
  <c r="I6049" i="5" s="1"/>
  <c r="I7238" i="2"/>
  <c r="I7212" i="5" s="1"/>
  <c r="I6896" i="2"/>
  <c r="I6870" i="5" s="1"/>
  <c r="I2676" i="2"/>
  <c r="I2650" i="5" s="1"/>
  <c r="I328" i="2"/>
  <c r="I302" i="5" s="1"/>
  <c r="I2385" i="2"/>
  <c r="I2359" i="5" s="1"/>
  <c r="I6579" i="2"/>
  <c r="I6553" i="5" s="1"/>
  <c r="I1845" i="2"/>
  <c r="I1819" i="5" s="1"/>
  <c r="I8599" i="2"/>
  <c r="I8573" i="5" s="1"/>
  <c r="I8575" i="2"/>
  <c r="I8549" i="5" s="1"/>
  <c r="I5387" i="2"/>
  <c r="I5361" i="5" s="1"/>
  <c r="I2370" i="2"/>
  <c r="I2344" i="5" s="1"/>
  <c r="I4202" i="2"/>
  <c r="I4176" i="5" s="1"/>
  <c r="I7082" i="2"/>
  <c r="I7056" i="5" s="1"/>
  <c r="I8425" i="2"/>
  <c r="I8399" i="5" s="1"/>
  <c r="I4195" i="2"/>
  <c r="I4169" i="5" s="1"/>
  <c r="I844" i="2"/>
  <c r="I818" i="5" s="1"/>
  <c r="I6064" i="2"/>
  <c r="I6038" i="5" s="1"/>
  <c r="I839" i="2"/>
  <c r="I813" i="5" s="1"/>
  <c r="I330" i="2"/>
  <c r="I304" i="5" s="1"/>
  <c r="I4062" i="2"/>
  <c r="I4036" i="5" s="1"/>
  <c r="I5875" i="2"/>
  <c r="I5849" i="5" s="1"/>
  <c r="I7546" i="2"/>
  <c r="I7520" i="5" s="1"/>
  <c r="I5378" i="2"/>
  <c r="I5352" i="5" s="1"/>
  <c r="I6206" i="2"/>
  <c r="I6180" i="5" s="1"/>
  <c r="I6403" i="2"/>
  <c r="I6377" i="5" s="1"/>
  <c r="I2710" i="2"/>
  <c r="I2684" i="5" s="1"/>
  <c r="I6060" i="2"/>
  <c r="I6034" i="5" s="1"/>
  <c r="I1681" i="2"/>
  <c r="I1655" i="5" s="1"/>
  <c r="I1182" i="2"/>
  <c r="I1156" i="5" s="1"/>
  <c r="I1512" i="2"/>
  <c r="I1486" i="5" s="1"/>
  <c r="I7399" i="2"/>
  <c r="I7373" i="5" s="1"/>
  <c r="I8087" i="2"/>
  <c r="I8061" i="5" s="1"/>
  <c r="I6908" i="2"/>
  <c r="I6882" i="5" s="1"/>
  <c r="I4362" i="2"/>
  <c r="I4336" i="5" s="1"/>
  <c r="I7053" i="2"/>
  <c r="I7027" i="5" s="1"/>
  <c r="I188" i="2"/>
  <c r="I162" i="5" s="1"/>
  <c r="I8561" i="2"/>
  <c r="I8535" i="5" s="1"/>
  <c r="I1333" i="2"/>
  <c r="I1307" i="5" s="1"/>
  <c r="I5703" i="2"/>
  <c r="I5677" i="5" s="1"/>
  <c r="I7583" i="2"/>
  <c r="I7557" i="5" s="1"/>
  <c r="I7063" i="2"/>
  <c r="I7037" i="5" s="1"/>
  <c r="I5574" i="2"/>
  <c r="I5548" i="5" s="1"/>
  <c r="I6235" i="2"/>
  <c r="I6209" i="5" s="1"/>
  <c r="I5572" i="2"/>
  <c r="I5546" i="5" s="1"/>
  <c r="I4869" i="2"/>
  <c r="I4843" i="5" s="1"/>
  <c r="I8764" i="2"/>
  <c r="I8738" i="5" s="1"/>
  <c r="I5732" i="2"/>
  <c r="I5706" i="5" s="1"/>
  <c r="I6736" i="2"/>
  <c r="I6710" i="5" s="1"/>
  <c r="I6218" i="2"/>
  <c r="I6192" i="5" s="1"/>
  <c r="I3862" i="2"/>
  <c r="I3836" i="5" s="1"/>
  <c r="I6906" i="2"/>
  <c r="I6880" i="5" s="1"/>
  <c r="I5409" i="2"/>
  <c r="I5383" i="5" s="1"/>
  <c r="I4693" i="2"/>
  <c r="I4667" i="5" s="1"/>
  <c r="I3198" i="2"/>
  <c r="I3172" i="5" s="1"/>
  <c r="I4888" i="2"/>
  <c r="I4862" i="5" s="1"/>
  <c r="I1671" i="2"/>
  <c r="I1645" i="5" s="1"/>
  <c r="I3030" i="2"/>
  <c r="I3004" i="5" s="1"/>
  <c r="I363" i="2"/>
  <c r="I337" i="5" s="1"/>
  <c r="I189" i="2"/>
  <c r="I163" i="5" s="1"/>
  <c r="I7047" i="2"/>
  <c r="I7021" i="5" s="1"/>
  <c r="I828" i="2"/>
  <c r="I802" i="5" s="1"/>
  <c r="I4198" i="2"/>
  <c r="I4172" i="5" s="1"/>
  <c r="I3212" i="2"/>
  <c r="I3186" i="5" s="1"/>
  <c r="I2542" i="2"/>
  <c r="I2516" i="5" s="1"/>
  <c r="I5059" i="2"/>
  <c r="I5033" i="5" s="1"/>
  <c r="I3692" i="2"/>
  <c r="I3666" i="5" s="1"/>
  <c r="I2036" i="2"/>
  <c r="I2010" i="5" s="1"/>
  <c r="I5704" i="2"/>
  <c r="I5678" i="5" s="1"/>
  <c r="I4558" i="2"/>
  <c r="I4532" i="5" s="1"/>
  <c r="I5405" i="2"/>
  <c r="I5379" i="5" s="1"/>
  <c r="I2045" i="2"/>
  <c r="I2019" i="5" s="1"/>
  <c r="I7581" i="2"/>
  <c r="I7555" i="5" s="1"/>
  <c r="I8753" i="2"/>
  <c r="I8727" i="5" s="1"/>
  <c r="I4052" i="2"/>
  <c r="I4026" i="5" s="1"/>
  <c r="I5733" i="2"/>
  <c r="I5707" i="5" s="1"/>
  <c r="I2694" i="2"/>
  <c r="I2668" i="5" s="1"/>
  <c r="I4904" i="2"/>
  <c r="I4878" i="5" s="1"/>
  <c r="I2854" i="2"/>
  <c r="I2828" i="5" s="1"/>
  <c r="I4218" i="2"/>
  <c r="I4192" i="5" s="1"/>
  <c r="I4870" i="2"/>
  <c r="I4844" i="5" s="1"/>
  <c r="I5882" i="2"/>
  <c r="I5856" i="5" s="1"/>
  <c r="I6375" i="2"/>
  <c r="I6349" i="5" s="1"/>
  <c r="I8409" i="2"/>
  <c r="I8383" i="5" s="1"/>
  <c r="I2363" i="2"/>
  <c r="I2337" i="5" s="1"/>
  <c r="I1031" i="2"/>
  <c r="I1005" i="5" s="1"/>
  <c r="I4732" i="2"/>
  <c r="I4706" i="5" s="1"/>
  <c r="I187" i="2"/>
  <c r="I161" i="5" s="1"/>
  <c r="I5872" i="2"/>
  <c r="I5846" i="5" s="1"/>
  <c r="I8565" i="2"/>
  <c r="I8539" i="5" s="1"/>
  <c r="I6710" i="2"/>
  <c r="I6684" i="5" s="1"/>
  <c r="I3724" i="2"/>
  <c r="I3698" i="5" s="1"/>
  <c r="I193" i="2"/>
  <c r="I167" i="5" s="1"/>
  <c r="I1174" i="2"/>
  <c r="I1148" i="5" s="1"/>
  <c r="I499" i="2"/>
  <c r="I473" i="5" s="1"/>
  <c r="I2721" i="2"/>
  <c r="I2695" i="5" s="1"/>
  <c r="I1040" i="2"/>
  <c r="I1014" i="5" s="1"/>
  <c r="I6042" i="2"/>
  <c r="I6016" i="5" s="1"/>
  <c r="I359" i="2"/>
  <c r="I333" i="5" s="1"/>
  <c r="I1542" i="2"/>
  <c r="I1516" i="5" s="1"/>
  <c r="I2686" i="2"/>
  <c r="I2660" i="5" s="1"/>
  <c r="I4878" i="2"/>
  <c r="I4852" i="5" s="1"/>
  <c r="I6373" i="2"/>
  <c r="I6347" i="5" s="1"/>
  <c r="I4053" i="2"/>
  <c r="I4027" i="5" s="1"/>
  <c r="I6746" i="2"/>
  <c r="I6720" i="5" s="1"/>
  <c r="I3850" i="2"/>
  <c r="I3824" i="5" s="1"/>
  <c r="I6551" i="2"/>
  <c r="I6525" i="5" s="1"/>
  <c r="I1005" i="2"/>
  <c r="I979" i="5" s="1"/>
  <c r="I4044" i="2"/>
  <c r="I4018" i="5" s="1"/>
  <c r="I5392" i="2"/>
  <c r="I5366" i="5" s="1"/>
  <c r="I4724" i="2"/>
  <c r="I4698" i="5" s="1"/>
  <c r="I7412" i="2"/>
  <c r="I7386" i="5" s="1"/>
  <c r="I2205" i="2"/>
  <c r="I2179" i="5" s="1"/>
  <c r="I5051" i="2"/>
  <c r="I5025" i="5" s="1"/>
  <c r="I5046" i="2"/>
  <c r="I5020" i="5" s="1"/>
  <c r="I5377" i="2"/>
  <c r="I5351" i="5" s="1"/>
  <c r="I322" i="2"/>
  <c r="I296" i="5" s="1"/>
  <c r="I3702" i="2"/>
  <c r="I3676" i="5" s="1"/>
  <c r="I2857" i="2"/>
  <c r="I2831" i="5" s="1"/>
  <c r="I7900" i="2"/>
  <c r="I7874" i="5" s="1"/>
  <c r="I492" i="2"/>
  <c r="I466" i="5" s="1"/>
  <c r="I6878" i="2"/>
  <c r="I6852" i="5" s="1"/>
  <c r="I3011" i="2"/>
  <c r="I2985" i="5" s="1"/>
  <c r="I7235" i="2"/>
  <c r="I7209" i="5" s="1"/>
  <c r="I5379" i="2"/>
  <c r="I5353" i="5" s="1"/>
  <c r="I862" i="2"/>
  <c r="I836" i="5" s="1"/>
  <c r="I5868" i="2"/>
  <c r="I5842" i="5" s="1"/>
  <c r="I8597" i="2"/>
  <c r="I8571" i="5" s="1"/>
  <c r="I1879" i="2"/>
  <c r="I1853" i="5" s="1"/>
  <c r="I8066" i="2"/>
  <c r="I8040" i="5" s="1"/>
  <c r="I4057" i="2"/>
  <c r="I4031" i="5" s="1"/>
  <c r="I1873" i="2"/>
  <c r="I1847" i="5" s="1"/>
  <c r="I5039" i="2"/>
  <c r="I5013" i="5" s="1"/>
  <c r="I1670" i="2"/>
  <c r="I1644" i="5" s="1"/>
  <c r="I5544" i="2"/>
  <c r="I5518" i="5" s="1"/>
  <c r="I2197" i="2"/>
  <c r="I2171" i="5" s="1"/>
  <c r="I2511" i="2"/>
  <c r="I2485" i="5" s="1"/>
  <c r="I8574" i="2"/>
  <c r="I8548" i="5" s="1"/>
  <c r="I8088" i="2"/>
  <c r="I8062" i="5" s="1"/>
  <c r="I3194" i="2"/>
  <c r="I3168" i="5" s="1"/>
  <c r="I7919" i="2"/>
  <c r="I7893" i="5" s="1"/>
  <c r="I4035" i="2"/>
  <c r="I4009" i="5" s="1"/>
  <c r="I2356" i="2"/>
  <c r="I2330" i="5" s="1"/>
  <c r="I2346" i="2"/>
  <c r="I2320" i="5" s="1"/>
  <c r="I7398" i="2"/>
  <c r="I7372" i="5" s="1"/>
  <c r="I182" i="2"/>
  <c r="I156" i="5" s="1"/>
  <c r="I7576" i="2"/>
  <c r="I7550" i="5" s="1"/>
  <c r="I7565" i="2"/>
  <c r="I7539" i="5" s="1"/>
  <c r="I5545" i="2"/>
  <c r="I5519" i="5" s="1"/>
  <c r="I7908" i="2"/>
  <c r="I7882" i="5" s="1"/>
  <c r="I3208" i="2"/>
  <c r="I3182" i="5" s="1"/>
  <c r="I8726" i="2"/>
  <c r="I8700" i="5" s="1"/>
  <c r="I4037" i="2"/>
  <c r="I4011" i="5" s="1"/>
  <c r="I1344" i="2"/>
  <c r="I1318" i="5" s="1"/>
  <c r="I6548" i="2"/>
  <c r="I6522" i="5" s="1"/>
  <c r="I2028" i="2"/>
  <c r="I2002" i="5" s="1"/>
  <c r="I1848" i="2"/>
  <c r="I1822" i="5" s="1"/>
  <c r="I7722" i="2"/>
  <c r="I7696" i="5" s="1"/>
  <c r="I3035" i="2"/>
  <c r="I3009" i="5" s="1"/>
  <c r="I8239" i="2"/>
  <c r="I8213" i="5" s="1"/>
  <c r="I8558" i="2"/>
  <c r="I8532" i="5" s="1"/>
  <c r="I366" i="2"/>
  <c r="I340" i="5" s="1"/>
  <c r="I6718" i="2"/>
  <c r="I6692" i="5" s="1"/>
  <c r="I3379" i="2"/>
  <c r="I3353" i="5" s="1"/>
  <c r="I7229" i="2"/>
  <c r="I7203" i="5" s="1"/>
  <c r="I3892" i="2"/>
  <c r="I3866" i="5" s="1"/>
  <c r="I3361" i="2"/>
  <c r="I3335" i="5" s="1"/>
  <c r="I5542" i="2"/>
  <c r="I5516" i="5" s="1"/>
  <c r="I4902" i="2"/>
  <c r="I4876" i="5" s="1"/>
  <c r="I705" i="2"/>
  <c r="I679" i="5" s="1"/>
  <c r="I5729" i="2"/>
  <c r="I5703" i="5" s="1"/>
  <c r="I6557" i="2"/>
  <c r="I6531" i="5" s="1"/>
  <c r="I6416" i="2"/>
  <c r="I6390" i="5" s="1"/>
  <c r="I7224" i="2"/>
  <c r="I7198" i="5" s="1"/>
  <c r="I1185" i="2"/>
  <c r="I1159" i="5" s="1"/>
  <c r="I1191" i="2"/>
  <c r="I1165" i="5" s="1"/>
  <c r="I6412" i="2"/>
  <c r="I6386" i="5" s="1"/>
  <c r="I1672" i="2"/>
  <c r="I1646" i="5" s="1"/>
  <c r="I6210" i="2"/>
  <c r="I6184" i="5" s="1"/>
  <c r="I1539" i="2"/>
  <c r="I1513" i="5" s="1"/>
  <c r="I8723" i="2"/>
  <c r="I8697" i="5" s="1"/>
  <c r="I2860" i="2"/>
  <c r="I2834" i="5" s="1"/>
  <c r="I4043" i="2"/>
  <c r="I4017" i="5" s="1"/>
  <c r="I4568" i="2"/>
  <c r="I4542" i="5" s="1"/>
  <c r="I3014" i="2"/>
  <c r="I2988" i="5" s="1"/>
  <c r="I5026" i="2"/>
  <c r="I5000" i="5" s="1"/>
  <c r="I4051" i="2"/>
  <c r="I4025" i="5" s="1"/>
  <c r="I4523" i="2"/>
  <c r="I4497" i="5" s="1"/>
  <c r="I6059" i="2"/>
  <c r="I6033" i="5" s="1"/>
  <c r="I4545" i="2"/>
  <c r="I4519" i="5" s="1"/>
  <c r="I872" i="2"/>
  <c r="I846" i="5" s="1"/>
  <c r="I5382" i="2"/>
  <c r="I5356" i="5" s="1"/>
  <c r="I4019" i="2"/>
  <c r="I3993" i="5" s="1"/>
  <c r="I160" i="2"/>
  <c r="I134" i="5" s="1"/>
  <c r="I7916" i="2"/>
  <c r="I7890" i="5" s="1"/>
  <c r="I6202" i="2"/>
  <c r="I6176" i="5" s="1"/>
  <c r="I6578" i="2"/>
  <c r="I6552" i="5" s="1"/>
  <c r="I1700" i="2"/>
  <c r="I1674" i="5" s="1"/>
  <c r="I834" i="2"/>
  <c r="I808" i="5" s="1"/>
  <c r="I2021" i="2"/>
  <c r="I1995" i="5" s="1"/>
  <c r="I4389" i="2"/>
  <c r="I4363" i="5" s="1"/>
  <c r="I7397" i="2"/>
  <c r="I7371" i="5" s="1"/>
  <c r="I1371" i="2"/>
  <c r="I1345" i="5" s="1"/>
  <c r="I8249" i="2"/>
  <c r="I8223" i="5" s="1"/>
  <c r="I5404" i="2"/>
  <c r="I5378" i="5" s="1"/>
  <c r="I7903" i="2"/>
  <c r="I7877" i="5" s="1"/>
  <c r="I7551" i="2"/>
  <c r="I7525" i="5" s="1"/>
  <c r="I7256" i="2"/>
  <c r="I7230" i="5" s="1"/>
  <c r="I1865" i="2"/>
  <c r="I1839" i="5" s="1"/>
  <c r="I2697" i="2"/>
  <c r="I2671" i="5" s="1"/>
  <c r="I6247" i="2"/>
  <c r="I6221" i="5" s="1"/>
  <c r="I4528" i="2"/>
  <c r="I4502" i="5" s="1"/>
  <c r="I5567" i="2"/>
  <c r="I5541" i="5" s="1"/>
  <c r="I5225" i="2"/>
  <c r="I5199" i="5" s="1"/>
  <c r="I841" i="2"/>
  <c r="I815" i="5" s="1"/>
  <c r="I1520" i="2"/>
  <c r="I1494" i="5" s="1"/>
  <c r="I6223" i="2"/>
  <c r="I6197" i="5" s="1"/>
  <c r="I3188" i="2"/>
  <c r="I3162" i="5" s="1"/>
  <c r="I8075" i="2"/>
  <c r="I8049" i="5" s="1"/>
  <c r="I6238" i="2"/>
  <c r="I6212" i="5" s="1"/>
  <c r="I6065" i="2"/>
  <c r="I6039" i="5" s="1"/>
  <c r="I6747" i="2"/>
  <c r="I6721" i="5" s="1"/>
  <c r="I5030" i="2"/>
  <c r="I5004" i="5" s="1"/>
  <c r="I8055" i="2"/>
  <c r="I8029" i="5" s="1"/>
  <c r="I3528" i="2"/>
  <c r="I3502" i="5" s="1"/>
  <c r="I4707" i="2"/>
  <c r="I4681" i="5" s="1"/>
  <c r="I8415" i="2"/>
  <c r="I8389" i="5" s="1"/>
  <c r="I2340" i="2"/>
  <c r="I2314" i="5" s="1"/>
  <c r="I2351" i="2"/>
  <c r="I2325" i="5" s="1"/>
  <c r="I2687" i="2"/>
  <c r="I2661" i="5" s="1"/>
  <c r="I5239" i="2"/>
  <c r="I5213" i="5" s="1"/>
  <c r="I6567" i="2"/>
  <c r="I6541" i="5" s="1"/>
  <c r="I2521" i="2"/>
  <c r="I2495" i="5" s="1"/>
  <c r="I7590" i="2"/>
  <c r="I7564" i="5" s="1"/>
  <c r="I5866" i="2"/>
  <c r="I5840" i="5" s="1"/>
  <c r="I2017" i="2"/>
  <c r="I1991" i="5" s="1"/>
  <c r="I3043" i="2"/>
  <c r="I3017" i="5" s="1"/>
  <c r="I3385" i="2"/>
  <c r="I3359" i="5" s="1"/>
  <c r="I7562" i="2"/>
  <c r="I7536" i="5" s="1"/>
  <c r="I2695" i="2"/>
  <c r="I2669" i="5" s="1"/>
  <c r="I3719" i="2"/>
  <c r="I3693" i="5" s="1"/>
  <c r="I5721" i="2"/>
  <c r="I5695" i="5" s="1"/>
  <c r="I7400" i="2"/>
  <c r="I7374" i="5" s="1"/>
  <c r="I3858" i="2"/>
  <c r="I3832" i="5" s="1"/>
  <c r="I7757" i="2"/>
  <c r="I7731" i="5" s="1"/>
  <c r="I2211" i="2"/>
  <c r="I2185" i="5" s="1"/>
  <c r="I4900" i="2"/>
  <c r="I4874" i="5" s="1"/>
  <c r="I1209" i="2"/>
  <c r="I1183" i="5" s="1"/>
  <c r="I5720" i="2"/>
  <c r="I5694" i="5" s="1"/>
  <c r="I326" i="2"/>
  <c r="I300" i="5" s="1"/>
  <c r="I999" i="2"/>
  <c r="I973" i="5" s="1"/>
  <c r="I1498" i="2"/>
  <c r="I1472" i="5" s="1"/>
  <c r="I1180" i="2"/>
  <c r="I1154" i="5" s="1"/>
  <c r="I4204" i="2"/>
  <c r="I4178" i="5" s="1"/>
  <c r="I3541" i="2"/>
  <c r="I3515" i="5" s="1"/>
  <c r="I1707" i="2"/>
  <c r="I1681" i="5" s="1"/>
  <c r="I1376" i="2"/>
  <c r="I1350" i="5" s="1"/>
  <c r="I6078" i="2"/>
  <c r="I6052" i="5" s="1"/>
  <c r="I6573" i="2"/>
  <c r="I6547" i="5" s="1"/>
  <c r="I1538" i="2"/>
  <c r="I1512" i="5" s="1"/>
  <c r="I4554" i="2"/>
  <c r="I4528" i="5" s="1"/>
  <c r="I324" i="2"/>
  <c r="I298" i="5" s="1"/>
  <c r="I5198" i="2"/>
  <c r="I5172" i="5" s="1"/>
  <c r="I6044" i="2"/>
  <c r="I6018" i="5" s="1"/>
  <c r="I1001" i="2"/>
  <c r="I975" i="5" s="1"/>
  <c r="I7563" i="2"/>
  <c r="I7537" i="5" s="1"/>
  <c r="I7882" i="2"/>
  <c r="I7856" i="5" s="1"/>
  <c r="I8237" i="2"/>
  <c r="I8211" i="5" s="1"/>
  <c r="I5564" i="2"/>
  <c r="I5538" i="5" s="1"/>
  <c r="I5571" i="2"/>
  <c r="I5545" i="5" s="1"/>
  <c r="I4214" i="2"/>
  <c r="I4188" i="5" s="1"/>
  <c r="I8071" i="2"/>
  <c r="I8045" i="5" s="1"/>
  <c r="I2851" i="2"/>
  <c r="I2825" i="5" s="1"/>
  <c r="I4899" i="2"/>
  <c r="I4873" i="5" s="1"/>
  <c r="I4357" i="2"/>
  <c r="I4331" i="5" s="1"/>
  <c r="I7382" i="2"/>
  <c r="I7356" i="5" s="1"/>
  <c r="I8745" i="2"/>
  <c r="I8719" i="5" s="1"/>
  <c r="I7385" i="2"/>
  <c r="I7359" i="5" s="1"/>
  <c r="I3535" i="2"/>
  <c r="I3509" i="5" s="1"/>
  <c r="I4867" i="2"/>
  <c r="I4841" i="5" s="1"/>
  <c r="I6717" i="2"/>
  <c r="I6691" i="5" s="1"/>
  <c r="I3708" i="2"/>
  <c r="I3682" i="5" s="1"/>
  <c r="I8228" i="2"/>
  <c r="I8202" i="5" s="1"/>
  <c r="I6709" i="2"/>
  <c r="I6683" i="5" s="1"/>
  <c r="I5913" i="2"/>
  <c r="I5887" i="5" s="1"/>
  <c r="I2689" i="2"/>
  <c r="I2663" i="5" s="1"/>
  <c r="I1016" i="2"/>
  <c r="I990" i="5" s="1"/>
  <c r="I6376" i="2"/>
  <c r="I6350" i="5" s="1"/>
  <c r="I4859" i="2"/>
  <c r="I4833" i="5" s="1"/>
  <c r="I3863" i="2"/>
  <c r="I3837" i="5" s="1"/>
  <c r="I838" i="2"/>
  <c r="I812" i="5" s="1"/>
  <c r="I4226" i="2"/>
  <c r="I4200" i="5" s="1"/>
  <c r="I7570" i="2"/>
  <c r="I7544" i="5" s="1"/>
  <c r="I2361" i="2"/>
  <c r="I2335" i="5" s="1"/>
  <c r="I8555" i="2"/>
  <c r="I8529" i="5" s="1"/>
  <c r="I4045" i="2"/>
  <c r="I4019" i="5" s="1"/>
  <c r="I4717" i="2"/>
  <c r="I4691" i="5" s="1"/>
  <c r="I3856" i="2"/>
  <c r="I3830" i="5" s="1"/>
  <c r="I3706" i="2"/>
  <c r="I3680" i="5" s="1"/>
  <c r="I2216" i="2"/>
  <c r="I2190" i="5" s="1"/>
  <c r="I1038" i="2"/>
  <c r="I1012" i="5" s="1"/>
  <c r="I3363" i="2"/>
  <c r="I3337" i="5" s="1"/>
  <c r="I3860" i="2"/>
  <c r="I3834" i="5" s="1"/>
  <c r="I3544" i="2"/>
  <c r="I3518" i="5" s="1"/>
  <c r="I7550" i="2"/>
  <c r="I7524" i="5" s="1"/>
  <c r="I7067" i="2"/>
  <c r="I7041" i="5" s="1"/>
  <c r="I8580" i="2"/>
  <c r="I8554" i="5" s="1"/>
  <c r="I4537" i="2"/>
  <c r="I4511" i="5" s="1"/>
  <c r="I3050" i="2"/>
  <c r="I3024" i="5" s="1"/>
  <c r="I2037" i="2"/>
  <c r="I2011" i="5" s="1"/>
  <c r="I8596" i="2"/>
  <c r="I8570" i="5" s="1"/>
  <c r="I4704" i="2"/>
  <c r="I4678" i="5" s="1"/>
  <c r="I7378" i="2"/>
  <c r="I7352" i="5" s="1"/>
  <c r="I4378" i="2"/>
  <c r="I4352" i="5" s="1"/>
  <c r="I1165" i="2"/>
  <c r="I1139" i="5" s="1"/>
  <c r="I6550" i="2"/>
  <c r="I6524" i="5" s="1"/>
  <c r="I2005" i="2"/>
  <c r="I1979" i="5" s="1"/>
  <c r="I4538" i="2"/>
  <c r="I4512" i="5" s="1"/>
  <c r="I495" i="2"/>
  <c r="I469" i="5" s="1"/>
  <c r="I2382" i="2"/>
  <c r="I2356" i="5" s="1"/>
  <c r="I7729" i="2"/>
  <c r="I7703" i="5" s="1"/>
  <c r="I672" i="2"/>
  <c r="I646" i="5" s="1"/>
  <c r="I5384" i="2"/>
  <c r="I5358" i="5" s="1"/>
  <c r="I2856" i="2"/>
  <c r="I2830" i="5" s="1"/>
  <c r="I1876" i="2"/>
  <c r="I1850" i="5" s="1"/>
  <c r="I501" i="2"/>
  <c r="I475" i="5" s="1"/>
  <c r="I4222" i="2"/>
  <c r="I4196" i="5" s="1"/>
  <c r="I2034" i="2"/>
  <c r="I2008" i="5" s="1"/>
  <c r="I4730" i="2"/>
  <c r="I4704" i="5" s="1"/>
  <c r="I1528" i="2"/>
  <c r="I1502" i="5" s="1"/>
  <c r="I2170" i="2"/>
  <c r="I2144" i="5" s="1"/>
  <c r="I519" i="2"/>
  <c r="I493" i="5" s="1"/>
  <c r="I7225" i="2"/>
  <c r="I7199" i="5" s="1"/>
  <c r="I2365" i="2"/>
  <c r="I2339" i="5" s="1"/>
  <c r="I6574" i="2"/>
  <c r="I6548" i="5" s="1"/>
  <c r="I7756" i="2"/>
  <c r="I7730" i="5" s="1"/>
  <c r="I7588" i="2"/>
  <c r="I7562" i="5" s="1"/>
  <c r="I7735" i="2"/>
  <c r="I7709" i="5" s="1"/>
  <c r="I3181" i="2"/>
  <c r="I3155" i="5" s="1"/>
  <c r="I845" i="2"/>
  <c r="I819" i="5" s="1"/>
  <c r="I7422" i="2"/>
  <c r="I7396" i="5" s="1"/>
  <c r="I5071" i="2"/>
  <c r="I5045" i="5" s="1"/>
  <c r="I336" i="2"/>
  <c r="I310" i="5" s="1"/>
  <c r="I2368" i="2"/>
  <c r="I2342" i="5" s="1"/>
  <c r="I7087" i="2"/>
  <c r="I7061" i="5" s="1"/>
  <c r="I5240" i="2"/>
  <c r="I5214" i="5" s="1"/>
  <c r="I2879" i="2"/>
  <c r="I2853" i="5" s="1"/>
  <c r="I514" i="2"/>
  <c r="I488" i="5" s="1"/>
  <c r="I1874" i="2"/>
  <c r="I1848" i="5" s="1"/>
  <c r="I6887" i="2"/>
  <c r="I6861" i="5" s="1"/>
  <c r="I7232" i="2"/>
  <c r="I7206" i="5" s="1"/>
  <c r="I8423" i="2"/>
  <c r="I8397" i="5" s="1"/>
  <c r="I2217" i="2"/>
  <c r="I2191" i="5" s="1"/>
  <c r="I1521" i="2"/>
  <c r="I1495" i="5" s="1"/>
  <c r="I1003" i="2"/>
  <c r="I977" i="5" s="1"/>
  <c r="I7904" i="2"/>
  <c r="I7878" i="5" s="1"/>
  <c r="I2881" i="2"/>
  <c r="I2855" i="5" s="1"/>
  <c r="I5224" i="2"/>
  <c r="I5198" i="5" s="1"/>
  <c r="I2189" i="2"/>
  <c r="I2163" i="5" s="1"/>
  <c r="I4539" i="2"/>
  <c r="I4513" i="5" s="1"/>
  <c r="I4210" i="2"/>
  <c r="I4184" i="5" s="1"/>
  <c r="I2209" i="2"/>
  <c r="I2183" i="5" s="1"/>
  <c r="I7733" i="2"/>
  <c r="I7707" i="5" s="1"/>
  <c r="I5064" i="2"/>
  <c r="I5038" i="5" s="1"/>
  <c r="I1205" i="2"/>
  <c r="I1179" i="5" s="1"/>
  <c r="I177" i="2"/>
  <c r="I151" i="5" s="1"/>
  <c r="I7077" i="2"/>
  <c r="I7051" i="5" s="1"/>
  <c r="I523" i="2"/>
  <c r="I497" i="5" s="1"/>
  <c r="I5550" i="2"/>
  <c r="I5524" i="5" s="1"/>
  <c r="I857" i="2"/>
  <c r="I831" i="5" s="1"/>
  <c r="I2683" i="2"/>
  <c r="I2657" i="5" s="1"/>
  <c r="I2875" i="2"/>
  <c r="I2849" i="5" s="1"/>
  <c r="I3040" i="2"/>
  <c r="I3014" i="5" s="1"/>
  <c r="I4036" i="2"/>
  <c r="I4010" i="5" s="1"/>
  <c r="I1709" i="2"/>
  <c r="I1683" i="5" s="1"/>
  <c r="I6408" i="2"/>
  <c r="I6382" i="5" s="1"/>
  <c r="I8579" i="2"/>
  <c r="I8553" i="5" s="1"/>
  <c r="I6038" i="2"/>
  <c r="I6012" i="5" s="1"/>
  <c r="I1847" i="2"/>
  <c r="I1821" i="5" s="1"/>
  <c r="I4715" i="2"/>
  <c r="I4689" i="5" s="1"/>
  <c r="I8562" i="2"/>
  <c r="I8536" i="5" s="1"/>
  <c r="I2887" i="2"/>
  <c r="I2861" i="5" s="1"/>
  <c r="I7042" i="2"/>
  <c r="I7016" i="5" s="1"/>
  <c r="I3023" i="2"/>
  <c r="I2997" i="5" s="1"/>
  <c r="I3691" i="2"/>
  <c r="I3665" i="5" s="1"/>
  <c r="I158" i="2"/>
  <c r="I132" i="5" s="1"/>
  <c r="I6221" i="2"/>
  <c r="I6195" i="5" s="1"/>
  <c r="I2874" i="2"/>
  <c r="I2848" i="5" s="1"/>
  <c r="I8248" i="2"/>
  <c r="I8222" i="5" s="1"/>
  <c r="I3889" i="2"/>
  <c r="I3863" i="5" s="1"/>
  <c r="I4383" i="2"/>
  <c r="I4357" i="5" s="1"/>
  <c r="I7223" i="2"/>
  <c r="I7197" i="5" s="1"/>
  <c r="I4061" i="2"/>
  <c r="I4035" i="5" s="1"/>
  <c r="I3350" i="2"/>
  <c r="I3324" i="5" s="1"/>
  <c r="M8360" i="5"/>
  <c r="P8360" i="5" s="1"/>
  <c r="S34" i="2" a="1"/>
  <c r="S34" i="2" s="1"/>
  <c r="L8360" i="5"/>
  <c r="K8360" i="5"/>
  <c r="Q34" i="2" a="1"/>
  <c r="Q34" i="2" s="1"/>
  <c r="N4160" i="5"/>
  <c r="J8360" i="5"/>
  <c r="N8360" i="5" s="1"/>
  <c r="P34" i="2" a="1"/>
  <c r="P34" i="2" s="1"/>
  <c r="O7557" i="5" l="1"/>
  <c r="J3" i="3"/>
  <c r="O7717" i="5"/>
  <c r="O3356" i="5"/>
  <c r="O2011" i="5"/>
  <c r="O8570" i="5"/>
  <c r="O4832" i="5"/>
  <c r="O7733" i="5"/>
  <c r="O1663" i="5"/>
  <c r="O467" i="5"/>
  <c r="O2835" i="5"/>
  <c r="O1480" i="5"/>
  <c r="O6346" i="5"/>
  <c r="O4188" i="5"/>
  <c r="O2851" i="5"/>
  <c r="O4022" i="5"/>
  <c r="O2345" i="5"/>
  <c r="O2322" i="5"/>
  <c r="O2822" i="5"/>
  <c r="O1999" i="5"/>
  <c r="O298" i="5"/>
  <c r="O8696" i="5"/>
  <c r="O4709" i="5"/>
  <c r="O2480" i="5"/>
  <c r="O5013" i="5"/>
  <c r="O1656" i="5"/>
  <c r="O6012" i="5"/>
  <c r="O3176" i="5"/>
  <c r="O3191" i="5"/>
  <c r="O4665" i="5"/>
  <c r="O2178" i="5"/>
  <c r="O6382" i="5"/>
  <c r="O157" i="5"/>
  <c r="O7870" i="5"/>
  <c r="O3855" i="5"/>
  <c r="O6687" i="5"/>
  <c r="O650" i="5"/>
  <c r="O4689" i="5"/>
  <c r="O474" i="5"/>
  <c r="O6864" i="5"/>
  <c r="O5521" i="5"/>
  <c r="O3522" i="5"/>
  <c r="O3851" i="5"/>
  <c r="O156" i="5"/>
  <c r="O3833" i="5"/>
  <c r="O3157" i="5"/>
  <c r="O6041" i="5"/>
  <c r="O6370" i="5"/>
  <c r="O7690" i="5"/>
  <c r="O7727" i="5"/>
  <c r="O2177" i="5"/>
  <c r="O992" i="5"/>
  <c r="O674" i="5"/>
  <c r="O2320" i="5"/>
  <c r="O2502" i="5"/>
  <c r="O6682" i="5"/>
  <c r="O7886" i="5"/>
  <c r="O6709" i="5"/>
  <c r="O1174" i="5"/>
  <c r="O8548" i="5"/>
  <c r="O7029" i="5"/>
  <c r="O8232" i="5"/>
  <c r="O1313" i="5"/>
  <c r="O1518" i="5"/>
  <c r="O8360" i="5"/>
  <c r="O7057" i="5"/>
  <c r="O3827" i="5"/>
  <c r="O6861" i="5"/>
  <c r="O4518" i="5"/>
  <c r="O5206" i="5"/>
  <c r="O8743" i="5"/>
  <c r="O5687" i="5"/>
  <c r="O7385" i="5"/>
  <c r="O5870" i="5"/>
  <c r="O6704" i="5"/>
  <c r="O8407" i="5"/>
  <c r="O3334" i="5"/>
  <c r="O847" i="5"/>
  <c r="O5035" i="5"/>
  <c r="O3672" i="5"/>
  <c r="O2687" i="5"/>
  <c r="O7209" i="5"/>
  <c r="O4676" i="5"/>
  <c r="O5345" i="5"/>
  <c r="O8717" i="5"/>
  <c r="O3352" i="5"/>
  <c r="O7375" i="5"/>
  <c r="O5865" i="5"/>
  <c r="O8044" i="5"/>
  <c r="O132" i="5"/>
  <c r="O644" i="5"/>
  <c r="O3193" i="5"/>
  <c r="O4174" i="5"/>
  <c r="O642" i="5"/>
  <c r="O1844" i="5"/>
  <c r="O4357" i="5"/>
  <c r="O991" i="5"/>
  <c r="O7890" i="5"/>
  <c r="O4532" i="5"/>
  <c r="O8195" i="5"/>
  <c r="O2492" i="5"/>
  <c r="O4524" i="5"/>
  <c r="O4004" i="5"/>
  <c r="O135" i="5"/>
  <c r="O5205" i="5"/>
  <c r="O4167" i="5"/>
  <c r="O5848" i="5"/>
  <c r="O8237" i="5"/>
  <c r="O8052" i="5"/>
  <c r="O5685" i="5"/>
  <c r="O1331" i="5"/>
  <c r="O3668" i="5"/>
  <c r="O3494" i="5"/>
  <c r="O2145" i="5"/>
  <c r="O3530" i="5"/>
  <c r="O4506" i="5"/>
  <c r="O6054" i="5"/>
  <c r="O5023" i="5"/>
  <c r="O8057" i="5"/>
  <c r="O4536" i="5"/>
  <c r="O8372" i="5"/>
  <c r="O312" i="5"/>
  <c r="O7193" i="5"/>
  <c r="O2659" i="5"/>
  <c r="O480" i="5"/>
  <c r="O4700" i="5"/>
  <c r="O634" i="5"/>
  <c r="O4354" i="5"/>
  <c r="O4183" i="5"/>
  <c r="O309" i="5"/>
  <c r="O1810" i="5"/>
  <c r="O4844" i="5"/>
  <c r="O7025" i="5"/>
  <c r="O7048" i="5"/>
  <c r="O4196" i="5"/>
  <c r="O3013" i="5"/>
  <c r="O8384" i="5"/>
  <c r="O1151" i="5"/>
  <c r="O5187" i="5"/>
  <c r="O5358" i="5"/>
  <c r="O4512" i="5"/>
  <c r="O7526" i="5"/>
  <c r="O8233" i="5"/>
  <c r="O2321" i="5"/>
  <c r="O2327" i="5"/>
  <c r="O4162" i="5"/>
  <c r="O7058" i="5"/>
  <c r="O1476" i="5"/>
  <c r="O1642" i="5"/>
  <c r="O3026" i="5"/>
  <c r="O6375" i="5"/>
  <c r="O3510" i="5"/>
  <c r="O469" i="5"/>
  <c r="O2689" i="5"/>
  <c r="O2990" i="5"/>
  <c r="O8067" i="5"/>
  <c r="O2667" i="5"/>
  <c r="O5383" i="5"/>
  <c r="O671" i="5"/>
  <c r="O306" i="5"/>
  <c r="O7553" i="5"/>
  <c r="O6184" i="5"/>
  <c r="O1330" i="5"/>
  <c r="O2512" i="5"/>
  <c r="O3998" i="5"/>
  <c r="O6690" i="5"/>
  <c r="O2663" i="5"/>
  <c r="O1996" i="5"/>
  <c r="O5192" i="5"/>
  <c r="O4685" i="5"/>
  <c r="O1988" i="5"/>
  <c r="O2665" i="5"/>
  <c r="O2338" i="5"/>
  <c r="O148" i="5"/>
  <c r="O1317" i="5"/>
  <c r="O8382" i="5"/>
  <c r="O5514" i="5"/>
  <c r="O7542" i="5"/>
  <c r="O3173" i="5"/>
  <c r="O5026" i="5"/>
  <c r="O3005" i="5"/>
  <c r="O301" i="5"/>
  <c r="O2858" i="5"/>
  <c r="O8720" i="5"/>
  <c r="O4350" i="5"/>
  <c r="O7567" i="5"/>
  <c r="O2856" i="5"/>
  <c r="O3017" i="5"/>
  <c r="O2692" i="5"/>
  <c r="O2175" i="5"/>
  <c r="O2527" i="5"/>
  <c r="O5508" i="5"/>
  <c r="O1982" i="5"/>
  <c r="O5190" i="5"/>
  <c r="O3834" i="5"/>
  <c r="O2863" i="5"/>
  <c r="O3019" i="5"/>
  <c r="O6513" i="5"/>
  <c r="O3330" i="5"/>
  <c r="O5704" i="5"/>
  <c r="O4359" i="5"/>
  <c r="O6700" i="5"/>
  <c r="O6027" i="5"/>
  <c r="O2183" i="5"/>
  <c r="O8375" i="5"/>
  <c r="O5512" i="5"/>
  <c r="O1809" i="5"/>
  <c r="O1172" i="5"/>
  <c r="O5029" i="5"/>
  <c r="O3000" i="5"/>
  <c r="O1167" i="5"/>
  <c r="O8228" i="5"/>
  <c r="O5001" i="5"/>
  <c r="O7191" i="5"/>
  <c r="O3160" i="5"/>
  <c r="O8572" i="5"/>
  <c r="O6212" i="5"/>
  <c r="O7188" i="5"/>
  <c r="O4181" i="5"/>
  <c r="O8035" i="5"/>
  <c r="O4019" i="5"/>
  <c r="O7225" i="5"/>
  <c r="O8194" i="5"/>
  <c r="O5874" i="5"/>
  <c r="O1995" i="5"/>
  <c r="O5673" i="5"/>
  <c r="O4690" i="5"/>
  <c r="O3858" i="5"/>
  <c r="O6885" i="5"/>
  <c r="O5715" i="5"/>
  <c r="O5693" i="5"/>
  <c r="O6869" i="5"/>
  <c r="O2992" i="5"/>
  <c r="O3367" i="5"/>
  <c r="O1817" i="5"/>
  <c r="O2517" i="5"/>
  <c r="O8698" i="5"/>
  <c r="O5857" i="5"/>
  <c r="O5336" i="5"/>
  <c r="O7221" i="5"/>
  <c r="O7361" i="5"/>
  <c r="O7226" i="5"/>
  <c r="O2842" i="5"/>
  <c r="O1170" i="5"/>
  <c r="O1831" i="5"/>
  <c r="O3860" i="5"/>
  <c r="O2154" i="5"/>
  <c r="O6727" i="5"/>
  <c r="O8716" i="5"/>
  <c r="O3021" i="5"/>
  <c r="O6887" i="5"/>
  <c r="O3361" i="5"/>
  <c r="O832" i="5"/>
  <c r="O3002" i="5"/>
  <c r="O475" i="5"/>
  <c r="O7868" i="5"/>
  <c r="O5690" i="5"/>
  <c r="O2166" i="5"/>
  <c r="O8366" i="5"/>
  <c r="O4370" i="5"/>
  <c r="O1842" i="5"/>
  <c r="O4675" i="5"/>
  <c r="O8402" i="5"/>
  <c r="O814" i="5"/>
  <c r="O8236" i="5"/>
  <c r="O6348" i="5"/>
  <c r="O175" i="5"/>
  <c r="O5869" i="5"/>
  <c r="O635" i="5"/>
  <c r="O3853" i="5"/>
  <c r="O4175" i="5"/>
  <c r="O143" i="5"/>
  <c r="O4039" i="5"/>
  <c r="O5380" i="5"/>
  <c r="O5210" i="5"/>
  <c r="O3196" i="5"/>
  <c r="O6374" i="5"/>
  <c r="O1168" i="5"/>
  <c r="O8197" i="5"/>
  <c r="O4025" i="5"/>
  <c r="O1485" i="5"/>
  <c r="O3825" i="5"/>
  <c r="O5549" i="5"/>
  <c r="O6538" i="5"/>
  <c r="O806" i="5"/>
  <c r="O153" i="5"/>
  <c r="O8567" i="5"/>
  <c r="O5215" i="5"/>
  <c r="O4697" i="5"/>
  <c r="O5525" i="5"/>
  <c r="O1324" i="5"/>
  <c r="O2819" i="5"/>
  <c r="O299" i="5"/>
  <c r="O1649" i="5"/>
  <c r="O1841" i="5"/>
  <c r="O3678" i="5"/>
  <c r="O1472" i="5"/>
  <c r="O8224" i="5"/>
  <c r="O3863" i="5"/>
  <c r="O5696" i="5"/>
  <c r="O4527" i="5"/>
  <c r="O7399" i="5"/>
  <c r="O7370" i="5"/>
  <c r="O4018" i="5"/>
  <c r="O3533" i="5"/>
  <c r="O6717" i="5"/>
  <c r="O6891" i="5"/>
  <c r="O998" i="5"/>
  <c r="O8532" i="5"/>
  <c r="O4029" i="5"/>
  <c r="O1489" i="5"/>
  <c r="O824" i="5"/>
  <c r="O6519" i="5"/>
  <c r="O334" i="5"/>
  <c r="O8049" i="5"/>
  <c r="O472" i="5"/>
  <c r="O6539" i="5"/>
  <c r="O3159" i="5"/>
  <c r="O3841" i="5"/>
  <c r="O4850" i="5"/>
  <c r="O8531" i="5"/>
  <c r="O4179" i="5"/>
  <c r="O7893" i="5"/>
  <c r="O4670" i="5"/>
  <c r="O7858" i="5"/>
  <c r="O7563" i="5"/>
  <c r="O7186" i="5"/>
  <c r="O661" i="5"/>
  <c r="O4030" i="5"/>
  <c r="O1668" i="5"/>
  <c r="O4337" i="5"/>
  <c r="O8562" i="5"/>
  <c r="O7033" i="5"/>
  <c r="O8574" i="5"/>
  <c r="O5168" i="5"/>
  <c r="O321" i="5"/>
  <c r="O470" i="5"/>
  <c r="O5526" i="5"/>
  <c r="O7730" i="5"/>
  <c r="O5338" i="5"/>
  <c r="O6527" i="5"/>
  <c r="O2179" i="5"/>
  <c r="O2676" i="5"/>
  <c r="O8037" i="5"/>
  <c r="O8220" i="5"/>
  <c r="O5710" i="5"/>
  <c r="O2490" i="5"/>
  <c r="O4334" i="5"/>
  <c r="O1484" i="5"/>
  <c r="O5197" i="5"/>
  <c r="O4500" i="5"/>
  <c r="O5511" i="5"/>
  <c r="O7873" i="5"/>
  <c r="O4534" i="5"/>
  <c r="O2664" i="5"/>
  <c r="O4160" i="5"/>
  <c r="O3354" i="5"/>
  <c r="O2485" i="5"/>
  <c r="O3335" i="5"/>
  <c r="O1307" i="5"/>
  <c r="O7701" i="5"/>
  <c r="O3527" i="5"/>
  <c r="O3671" i="5"/>
  <c r="O4329" i="5"/>
  <c r="O5515" i="5"/>
  <c r="O2506" i="5"/>
  <c r="O2191" i="5"/>
  <c r="O5539" i="5"/>
  <c r="O8736" i="5"/>
  <c r="O5025" i="5"/>
  <c r="O831" i="5"/>
  <c r="O7053" i="5"/>
  <c r="O6200" i="5"/>
  <c r="O2000" i="5"/>
  <c r="O2679" i="5"/>
  <c r="O490" i="5"/>
  <c r="O7560" i="5"/>
  <c r="O6010" i="5"/>
  <c r="O7020" i="5"/>
  <c r="O4843" i="5"/>
  <c r="O4852" i="5"/>
  <c r="O4711" i="5"/>
  <c r="O8550" i="5"/>
  <c r="O5550" i="5"/>
  <c r="O8712" i="5"/>
  <c r="O4355" i="5"/>
  <c r="O1827" i="5"/>
  <c r="O6198" i="5"/>
  <c r="O6031" i="5"/>
  <c r="O8025" i="5"/>
  <c r="O2821" i="5"/>
  <c r="O5536" i="5"/>
  <c r="O3359" i="5"/>
  <c r="O3864" i="5"/>
  <c r="O6045" i="5"/>
  <c r="O168" i="5"/>
  <c r="O5370" i="5"/>
  <c r="O844" i="5"/>
  <c r="O5692" i="5"/>
  <c r="O8400" i="5"/>
  <c r="O1647" i="5"/>
  <c r="O8544" i="5"/>
  <c r="O7735" i="5"/>
  <c r="O4847" i="5"/>
  <c r="O2022" i="5"/>
  <c r="O2018" i="5"/>
  <c r="O2488" i="5"/>
  <c r="O8213" i="5"/>
  <c r="O3169" i="5"/>
  <c r="O8397" i="5"/>
  <c r="O4163" i="5"/>
  <c r="O5681" i="5"/>
  <c r="O3840" i="5"/>
  <c r="O2669" i="5"/>
  <c r="O2521" i="5"/>
  <c r="O4854" i="5"/>
  <c r="O3691" i="5"/>
  <c r="O2339" i="5"/>
  <c r="O6020" i="5"/>
  <c r="O173" i="5"/>
  <c r="O2499" i="5"/>
  <c r="O6535" i="5"/>
  <c r="O6546" i="5"/>
  <c r="O2985" i="5"/>
  <c r="O2180" i="5"/>
  <c r="O1985" i="5"/>
  <c r="O1304" i="5"/>
  <c r="O1176" i="5"/>
  <c r="O1149" i="5"/>
  <c r="O3493" i="5"/>
  <c r="O2674" i="5"/>
  <c r="O8199" i="5"/>
  <c r="O5037" i="5"/>
  <c r="O6183" i="5"/>
  <c r="O3031" i="5"/>
  <c r="O170" i="5"/>
  <c r="O8362" i="5"/>
  <c r="O1316" i="5"/>
  <c r="O5875" i="5"/>
  <c r="O2994" i="5"/>
  <c r="O828" i="5"/>
  <c r="O4507" i="5"/>
  <c r="O6868" i="5"/>
  <c r="O5173" i="5"/>
  <c r="O7540" i="5"/>
  <c r="O6888" i="5"/>
  <c r="O1329" i="5"/>
  <c r="O2652" i="5"/>
  <c r="O4863" i="5"/>
  <c r="O2325" i="5"/>
  <c r="O7882" i="5"/>
  <c r="O2483" i="5"/>
  <c r="O4870" i="5"/>
  <c r="O5853" i="5"/>
  <c r="O6186" i="5"/>
  <c r="O2837" i="5"/>
  <c r="O8064" i="5"/>
  <c r="O4010" i="5"/>
  <c r="O7205" i="5"/>
  <c r="O3659" i="5"/>
  <c r="O5191" i="5"/>
  <c r="O7731" i="5"/>
  <c r="O2525" i="5"/>
  <c r="O4374" i="5"/>
  <c r="O2839" i="5"/>
  <c r="O6698" i="5"/>
  <c r="O670" i="5"/>
  <c r="O6681" i="5"/>
  <c r="O3687" i="5"/>
  <c r="O1337" i="5"/>
  <c r="O4682" i="5"/>
  <c r="O5004" i="5"/>
  <c r="O5716" i="5"/>
  <c r="O2493" i="5"/>
  <c r="O3867" i="5"/>
  <c r="O3512" i="5"/>
  <c r="O3698" i="5"/>
  <c r="O1473" i="5"/>
  <c r="O161" i="5"/>
  <c r="O8711" i="5"/>
  <c r="O7187" i="5"/>
  <c r="O5884" i="5"/>
  <c r="O5036" i="5"/>
  <c r="O4012" i="5"/>
  <c r="O4845" i="5"/>
  <c r="O3165" i="5"/>
  <c r="O8036" i="5"/>
  <c r="O313" i="5"/>
  <c r="O651" i="5"/>
  <c r="O5530" i="5"/>
  <c r="O5367" i="5"/>
  <c r="O8546" i="5"/>
  <c r="O7204" i="5"/>
  <c r="O3184" i="5"/>
  <c r="O6867" i="5"/>
  <c r="O1830" i="5"/>
  <c r="O971" i="5"/>
  <c r="O968" i="5"/>
  <c r="O7027" i="5"/>
  <c r="O660" i="5"/>
  <c r="O5018" i="5"/>
  <c r="O1007" i="5"/>
  <c r="O8569" i="5"/>
  <c r="O3518" i="5"/>
  <c r="O2487" i="5"/>
  <c r="O1997" i="5"/>
  <c r="O6711" i="5"/>
  <c r="O3674" i="5"/>
  <c r="O3004" i="5"/>
  <c r="O1816" i="5"/>
  <c r="O8539" i="5"/>
  <c r="O2334" i="5"/>
  <c r="O1318" i="5"/>
  <c r="O336" i="5"/>
  <c r="O6713" i="5"/>
  <c r="O2353" i="5"/>
  <c r="O8528" i="5"/>
  <c r="O465" i="5"/>
  <c r="O2144" i="5"/>
  <c r="O1990" i="5"/>
  <c r="O8033" i="5"/>
  <c r="O5200" i="5"/>
  <c r="O3158" i="5"/>
  <c r="O5886" i="5"/>
  <c r="O4877" i="5"/>
  <c r="O4164" i="5"/>
  <c r="O2351" i="5"/>
  <c r="O1651" i="5"/>
  <c r="O6345" i="5"/>
  <c r="O2853" i="5"/>
  <c r="O4026" i="5"/>
  <c r="O6703" i="5"/>
  <c r="O3326" i="5"/>
  <c r="O150" i="5"/>
  <c r="O8048" i="5"/>
  <c r="O4865" i="5"/>
  <c r="O4879" i="5"/>
  <c r="O3324" i="5"/>
  <c r="O632" i="5"/>
  <c r="O5359" i="5"/>
  <c r="O5364" i="5"/>
  <c r="O4519" i="5"/>
  <c r="O3837" i="5"/>
  <c r="O3859" i="5"/>
  <c r="O986" i="5"/>
  <c r="O3010" i="5"/>
  <c r="O4701" i="5"/>
  <c r="O5047" i="5"/>
  <c r="O7043" i="5"/>
  <c r="O2508" i="5"/>
  <c r="O3688" i="5"/>
  <c r="O7376" i="5"/>
  <c r="O3680" i="5"/>
  <c r="O3535" i="5"/>
  <c r="O7696" i="5"/>
  <c r="O4510" i="5"/>
  <c r="O315" i="5"/>
  <c r="O323" i="5"/>
  <c r="O653" i="5"/>
  <c r="O4509" i="5"/>
  <c r="O464" i="5"/>
  <c r="O6712" i="5"/>
  <c r="O7695" i="5"/>
  <c r="O7872" i="5"/>
  <c r="O5548" i="5"/>
  <c r="O6182" i="5"/>
  <c r="O7366" i="5"/>
  <c r="O5529" i="5"/>
  <c r="O4182" i="5"/>
  <c r="O296" i="5"/>
  <c r="O2694" i="5"/>
  <c r="O4366" i="5"/>
  <c r="O7901" i="5"/>
  <c r="O5184" i="5"/>
  <c r="O5846" i="5"/>
  <c r="O2009" i="5"/>
  <c r="O8556" i="5"/>
  <c r="O7534" i="5"/>
  <c r="O3658" i="5"/>
  <c r="O1660" i="5"/>
  <c r="O4535" i="5"/>
  <c r="O4375" i="5"/>
  <c r="O5033" i="5"/>
  <c r="O3830" i="5"/>
  <c r="O2148" i="5"/>
  <c r="O502" i="5"/>
  <c r="O7196" i="5"/>
  <c r="O1516" i="5"/>
  <c r="O5533" i="5"/>
  <c r="O5366" i="5"/>
  <c r="O657" i="5"/>
  <c r="O4703" i="5"/>
  <c r="O8742" i="5"/>
  <c r="O1343" i="5"/>
  <c r="O4869" i="5"/>
  <c r="O4871" i="5"/>
  <c r="O6697" i="5"/>
  <c r="O2357" i="5"/>
  <c r="O4000" i="5"/>
  <c r="O300" i="5"/>
  <c r="O1009" i="5"/>
  <c r="O5689" i="5"/>
  <c r="O1678" i="5"/>
  <c r="O8058" i="5"/>
  <c r="O3854" i="5"/>
  <c r="O6206" i="5"/>
  <c r="O4006" i="5"/>
  <c r="O6199" i="5"/>
  <c r="O133" i="5"/>
  <c r="O6390" i="5"/>
  <c r="O1846" i="5"/>
  <c r="O5510" i="5"/>
  <c r="O5856" i="5"/>
  <c r="O8538" i="5"/>
  <c r="O994" i="5"/>
  <c r="O6528" i="5"/>
  <c r="O1849" i="5"/>
  <c r="O8571" i="5"/>
  <c r="O6541" i="5"/>
  <c r="O6699" i="5"/>
  <c r="O5507" i="5"/>
  <c r="O3673" i="5"/>
  <c r="O3870" i="5"/>
  <c r="O7716" i="5"/>
  <c r="O6714" i="5"/>
  <c r="O1685" i="5"/>
  <c r="O6218" i="5"/>
  <c r="O3677" i="5"/>
  <c r="O4333" i="5"/>
  <c r="O4336" i="5"/>
  <c r="O5368" i="5"/>
  <c r="O328" i="5"/>
  <c r="O1312" i="5"/>
  <c r="O3194" i="5"/>
  <c r="O4873" i="5"/>
  <c r="O7194" i="5"/>
  <c r="O8060" i="5"/>
  <c r="O6013" i="5"/>
  <c r="O7866" i="5"/>
  <c r="O1814" i="5"/>
  <c r="O7867" i="5"/>
  <c r="O6720" i="5"/>
  <c r="O2023" i="5"/>
  <c r="O8376" i="5"/>
  <c r="O5513" i="5"/>
  <c r="O6543" i="5"/>
  <c r="O4707" i="5"/>
  <c r="O6177" i="5"/>
  <c r="O2158" i="5"/>
  <c r="O8066" i="5"/>
  <c r="O6857" i="5"/>
  <c r="O5353" i="5"/>
  <c r="O4841" i="5"/>
  <c r="O3838" i="5"/>
  <c r="O4872" i="5"/>
  <c r="O8056" i="5"/>
  <c r="O801" i="5"/>
  <c r="O6716" i="5"/>
  <c r="O6875" i="5"/>
  <c r="O2491" i="5"/>
  <c r="O8230" i="5"/>
  <c r="O665" i="5"/>
  <c r="O982" i="5"/>
  <c r="O3492" i="5"/>
  <c r="O1340" i="5"/>
  <c r="O843" i="5"/>
  <c r="O2655" i="5"/>
  <c r="O1687" i="5"/>
  <c r="O332" i="5"/>
  <c r="O8192" i="5"/>
  <c r="O3014" i="5"/>
  <c r="O3362" i="5"/>
  <c r="O7718" i="5"/>
  <c r="O2016" i="5"/>
  <c r="O5840" i="5"/>
  <c r="O3012" i="5"/>
  <c r="O5862" i="5"/>
  <c r="O4840" i="5"/>
  <c r="O6220" i="5"/>
  <c r="O6718" i="5"/>
  <c r="O2514" i="5"/>
  <c r="O2324" i="5"/>
  <c r="O3007" i="5"/>
  <c r="O7865" i="5"/>
  <c r="O809" i="5"/>
  <c r="O7231" i="5"/>
  <c r="O2501" i="5"/>
  <c r="O1157" i="5"/>
  <c r="O4332" i="5"/>
  <c r="O2682" i="5"/>
  <c r="O6890" i="5"/>
  <c r="O3660" i="5"/>
  <c r="O3509" i="5"/>
  <c r="O136" i="5"/>
  <c r="O3008" i="5"/>
  <c r="O8203" i="5"/>
  <c r="O6696" i="5"/>
  <c r="O8738" i="5"/>
  <c r="O8364" i="5"/>
  <c r="O1005" i="5"/>
  <c r="O8039" i="5"/>
  <c r="O823" i="5"/>
  <c r="O5027" i="5"/>
  <c r="O2019" i="5"/>
  <c r="O5697" i="5"/>
  <c r="O8401" i="5"/>
  <c r="O7892" i="5"/>
  <c r="O2672" i="5"/>
  <c r="O4369" i="5"/>
  <c r="O8732" i="5"/>
  <c r="O804" i="5"/>
  <c r="O5688" i="5"/>
  <c r="O808" i="5"/>
  <c r="O6512" i="5"/>
  <c r="O8041" i="5"/>
  <c r="O6514" i="5"/>
  <c r="O1671" i="5"/>
  <c r="O6021" i="5"/>
  <c r="O638" i="5"/>
  <c r="O2998" i="5"/>
  <c r="O4001" i="5"/>
  <c r="O3332" i="5"/>
  <c r="O8398" i="5"/>
  <c r="O3519" i="5"/>
  <c r="O5361" i="5"/>
  <c r="O3195" i="5"/>
  <c r="O1162" i="5"/>
  <c r="O171" i="5"/>
  <c r="O4684" i="5"/>
  <c r="O4205" i="5"/>
  <c r="O1833" i="5"/>
  <c r="O4365" i="5"/>
  <c r="O7017" i="5"/>
  <c r="O8560" i="5"/>
  <c r="O8380" i="5"/>
  <c r="O4335" i="5"/>
  <c r="O2841" i="5"/>
  <c r="O4191" i="5"/>
  <c r="O800" i="5"/>
  <c r="O329" i="5"/>
  <c r="O3342" i="5"/>
  <c r="O8391" i="5"/>
  <c r="O7732" i="5"/>
  <c r="O5339" i="5"/>
  <c r="O6036" i="5"/>
  <c r="O8379" i="5"/>
  <c r="O1655" i="5"/>
  <c r="O1351" i="5"/>
  <c r="O471" i="5"/>
  <c r="O633" i="5"/>
  <c r="O6028" i="5"/>
  <c r="O4339" i="5"/>
  <c r="O7229" i="5"/>
  <c r="O3503" i="5"/>
  <c r="O8198" i="5"/>
  <c r="O3511" i="5"/>
  <c r="O6702" i="5"/>
  <c r="O4173" i="5"/>
  <c r="O5538" i="5"/>
  <c r="O1512" i="5"/>
  <c r="O3339" i="5"/>
  <c r="O3694" i="5"/>
  <c r="O7356" i="5"/>
  <c r="O6520" i="5"/>
  <c r="O8200" i="5"/>
  <c r="O4502" i="5"/>
  <c r="O484" i="5"/>
  <c r="O4542" i="5"/>
  <c r="O1989" i="5"/>
  <c r="O3520" i="5"/>
  <c r="O6219" i="5"/>
  <c r="O4669" i="5"/>
  <c r="O4190" i="5"/>
  <c r="O6851" i="5"/>
  <c r="O8715" i="5"/>
  <c r="O473" i="5"/>
  <c r="O6018" i="5"/>
  <c r="O501" i="5"/>
  <c r="O137" i="5"/>
  <c r="O8533" i="5"/>
  <c r="O1179" i="5"/>
  <c r="O7222" i="5"/>
  <c r="O980" i="5"/>
  <c r="O1486" i="5"/>
  <c r="O1496" i="5"/>
  <c r="O6201" i="5"/>
  <c r="O1811" i="5"/>
  <c r="O1976" i="5"/>
  <c r="O4341" i="5"/>
  <c r="O8394" i="5"/>
  <c r="O5545" i="5"/>
  <c r="O2003" i="5"/>
  <c r="O5340" i="5"/>
  <c r="O308" i="5"/>
  <c r="O4184" i="5"/>
  <c r="O6351" i="5"/>
  <c r="O489" i="5"/>
  <c r="O152" i="5"/>
  <c r="O5212" i="5"/>
  <c r="O4169" i="5"/>
  <c r="O6722" i="5"/>
  <c r="O830" i="5"/>
  <c r="O6008" i="5"/>
  <c r="O4683" i="5"/>
  <c r="O8555" i="5"/>
  <c r="O496" i="5"/>
  <c r="O3666" i="5"/>
  <c r="O4364" i="5"/>
  <c r="O2860" i="5"/>
  <c r="O2001" i="5"/>
  <c r="O3351" i="5"/>
  <c r="O2850" i="5"/>
  <c r="O4694" i="5"/>
  <c r="O6365" i="5"/>
  <c r="O7554" i="5"/>
  <c r="O4189" i="5"/>
  <c r="O6190" i="5"/>
  <c r="O4020" i="5"/>
  <c r="O8706" i="5"/>
  <c r="O2495" i="5"/>
  <c r="O2657" i="5"/>
  <c r="O7022" i="5"/>
  <c r="O4002" i="5"/>
  <c r="O7532" i="5"/>
  <c r="O3844" i="5"/>
  <c r="O7559" i="5"/>
  <c r="O5528" i="5"/>
  <c r="O2518" i="5"/>
  <c r="O5209" i="5"/>
  <c r="O6046" i="5"/>
  <c r="O2151" i="5"/>
  <c r="O4368" i="5"/>
  <c r="O1482" i="5"/>
  <c r="O8740" i="5"/>
  <c r="O2494" i="5"/>
  <c r="O5188" i="5"/>
  <c r="O5041" i="5"/>
  <c r="O2336" i="5"/>
  <c r="O4503" i="5"/>
  <c r="O2826" i="5"/>
  <c r="O1495" i="5"/>
  <c r="O2346" i="5"/>
  <c r="O5350" i="5"/>
  <c r="O7887" i="5"/>
  <c r="O2995" i="5"/>
  <c r="O2654" i="5"/>
  <c r="O1984" i="5"/>
  <c r="O305" i="5"/>
  <c r="O1148" i="5"/>
  <c r="O6193" i="5"/>
  <c r="O2996" i="5"/>
  <c r="O4857" i="5"/>
  <c r="O5342" i="5"/>
  <c r="O7382" i="5"/>
  <c r="O1992" i="5"/>
  <c r="O1653" i="5"/>
  <c r="O7876" i="5"/>
  <c r="O2156" i="5"/>
  <c r="O4696" i="5"/>
  <c r="O6524" i="5"/>
  <c r="O1142" i="5"/>
  <c r="O1507" i="5"/>
  <c r="O1657" i="5"/>
  <c r="O8211" i="5"/>
  <c r="O4207" i="5"/>
  <c r="O7726" i="5"/>
  <c r="O842" i="5"/>
  <c r="O6363" i="5"/>
  <c r="O3667" i="5"/>
  <c r="O5867" i="5"/>
  <c r="O5851" i="5"/>
  <c r="O2504" i="5"/>
  <c r="O1672" i="5"/>
  <c r="O3168" i="5"/>
  <c r="O7555" i="5"/>
  <c r="O302" i="5"/>
  <c r="O8739" i="5"/>
  <c r="O5872" i="5"/>
  <c r="O3664" i="5"/>
  <c r="O4540" i="5"/>
  <c r="O3488" i="5"/>
  <c r="O1488" i="5"/>
  <c r="O4706" i="5"/>
  <c r="O8055" i="5"/>
  <c r="O8204" i="5"/>
  <c r="O2326" i="5"/>
  <c r="O6344" i="5"/>
  <c r="O4005" i="5"/>
  <c r="O1645" i="5"/>
  <c r="O1821" i="5"/>
  <c r="O2828" i="5"/>
  <c r="O483" i="5"/>
  <c r="O8223" i="5"/>
  <c r="O3353" i="5"/>
  <c r="O6692" i="5"/>
  <c r="O5863" i="5"/>
  <c r="O5860" i="5"/>
  <c r="O7566" i="5"/>
  <c r="O2511" i="5"/>
  <c r="O7208" i="5"/>
  <c r="O7036" i="5"/>
  <c r="O5877" i="5"/>
  <c r="O1851" i="5"/>
  <c r="O2693" i="5"/>
  <c r="O8217" i="5"/>
  <c r="O1839" i="5"/>
  <c r="O4860" i="5"/>
  <c r="O8026" i="5"/>
  <c r="O5203" i="5"/>
  <c r="O989" i="5"/>
  <c r="O4672" i="5"/>
  <c r="O7050" i="5"/>
  <c r="O167" i="5"/>
  <c r="O5714" i="5"/>
  <c r="O6211" i="5"/>
  <c r="O6223" i="5"/>
  <c r="O6221" i="5"/>
  <c r="O2818" i="5"/>
  <c r="O8551" i="5"/>
  <c r="O4508" i="5"/>
  <c r="O6380" i="5"/>
  <c r="O4007" i="5"/>
  <c r="O5183" i="5"/>
  <c r="O840" i="5"/>
  <c r="O494" i="5"/>
  <c r="O803" i="5"/>
  <c r="O2684" i="5"/>
  <c r="O6188" i="5"/>
  <c r="O1991" i="5"/>
  <c r="O2820" i="5"/>
  <c r="O1183" i="5"/>
  <c r="O2163" i="5"/>
  <c r="O8537" i="5"/>
  <c r="O493" i="5"/>
  <c r="O7556" i="5"/>
  <c r="O1011" i="5"/>
  <c r="O7218" i="5"/>
  <c r="O7364" i="5"/>
  <c r="O6349" i="5"/>
  <c r="O3831" i="5"/>
  <c r="O7041" i="5"/>
  <c r="O6371" i="5"/>
  <c r="O2675" i="5"/>
  <c r="O1155" i="5"/>
  <c r="O3190" i="5"/>
  <c r="O7724" i="5"/>
  <c r="O1819" i="5"/>
  <c r="O8028" i="5"/>
  <c r="O1986" i="5"/>
  <c r="O7723" i="5"/>
  <c r="O836" i="5"/>
  <c r="O3001" i="5"/>
  <c r="O7734" i="5"/>
  <c r="O8229" i="5"/>
  <c r="O2989" i="5"/>
  <c r="O1662" i="5"/>
  <c r="O2833" i="5"/>
  <c r="O5374" i="5"/>
  <c r="O2827" i="5"/>
  <c r="O6389" i="5"/>
  <c r="O5362" i="5"/>
  <c r="O3495" i="5"/>
  <c r="O2838" i="5"/>
  <c r="O1652" i="5"/>
  <c r="O6685" i="5"/>
  <c r="O5199" i="5"/>
  <c r="O2171" i="5"/>
  <c r="O3832" i="5"/>
  <c r="O7051" i="5"/>
  <c r="O7527" i="5"/>
  <c r="O2164" i="5"/>
  <c r="O6009" i="5"/>
  <c r="O4361" i="5"/>
  <c r="O4692" i="5"/>
  <c r="O7396" i="5"/>
  <c r="O3861" i="5"/>
  <c r="O7552" i="5"/>
  <c r="O5030" i="5"/>
  <c r="O8212" i="5"/>
  <c r="O495" i="5"/>
  <c r="O5379" i="5"/>
  <c r="O7859" i="5"/>
  <c r="O7046" i="5"/>
  <c r="O3843" i="5"/>
  <c r="O4037" i="5"/>
  <c r="O3167" i="5"/>
  <c r="O7371" i="5"/>
  <c r="O6548" i="5"/>
  <c r="O4198" i="5"/>
  <c r="O5516" i="5"/>
  <c r="O7381" i="5"/>
  <c r="O3663" i="5"/>
  <c r="O324" i="5"/>
  <c r="O159" i="5"/>
  <c r="O6879" i="5"/>
  <c r="O3170" i="5"/>
  <c r="O492" i="5"/>
  <c r="O7879" i="5"/>
  <c r="O5506" i="5"/>
  <c r="O7537" i="5"/>
  <c r="O5520" i="5"/>
  <c r="O7878" i="5"/>
  <c r="O834" i="5"/>
  <c r="O8059" i="5"/>
  <c r="O3824" i="5"/>
  <c r="O5375" i="5"/>
  <c r="O8541" i="5"/>
  <c r="O1646" i="5"/>
  <c r="O2510" i="5"/>
  <c r="O8386" i="5"/>
  <c r="O1674" i="5"/>
  <c r="O2849" i="5"/>
  <c r="O5845" i="5"/>
  <c r="O6179" i="5"/>
  <c r="O4170" i="5"/>
  <c r="O3152" i="5"/>
  <c r="O8367" i="5"/>
  <c r="O7860" i="5"/>
  <c r="O3657" i="5"/>
  <c r="O8534" i="5"/>
  <c r="O2172" i="5"/>
  <c r="O2340" i="5"/>
  <c r="O5883" i="5"/>
  <c r="O5355" i="5"/>
  <c r="O338" i="5"/>
  <c r="O1848" i="5"/>
  <c r="O8728" i="5"/>
  <c r="O320" i="5"/>
  <c r="O6549" i="5"/>
  <c r="O3336" i="5"/>
  <c r="O2189" i="5"/>
  <c r="O4032" i="5"/>
  <c r="O2354" i="5"/>
  <c r="O7692" i="5"/>
  <c r="O4346" i="5"/>
  <c r="O2182" i="5"/>
  <c r="O1139" i="5"/>
  <c r="O7897" i="5"/>
  <c r="O3871" i="5"/>
  <c r="O8196" i="5"/>
  <c r="O3496" i="5"/>
  <c r="O8563" i="5"/>
  <c r="O141" i="5"/>
  <c r="O8239" i="5"/>
  <c r="O1315" i="5"/>
  <c r="O1181" i="5"/>
  <c r="O8725" i="5"/>
  <c r="O4695" i="5"/>
  <c r="O1679" i="5"/>
  <c r="O4835" i="5"/>
  <c r="O1650" i="5"/>
  <c r="O7888" i="5"/>
  <c r="O8703" i="5"/>
  <c r="O6721" i="5"/>
  <c r="O7699" i="5"/>
  <c r="O4673" i="5"/>
  <c r="O485" i="5"/>
  <c r="O7889" i="5"/>
  <c r="O5876" i="5"/>
  <c r="O4842" i="5"/>
  <c r="O7354" i="5"/>
  <c r="O8713" i="5"/>
  <c r="O2852" i="5"/>
  <c r="O1514" i="5"/>
  <c r="O4338" i="5"/>
  <c r="O4874" i="5"/>
  <c r="O6038" i="5"/>
  <c r="O7697" i="5"/>
  <c r="O3842" i="5"/>
  <c r="O4027" i="5"/>
  <c r="O5718" i="5"/>
  <c r="O4543" i="5"/>
  <c r="O7040" i="5"/>
  <c r="O8051" i="5"/>
  <c r="O6856" i="5"/>
  <c r="O6217" i="5"/>
  <c r="O7355" i="5"/>
  <c r="O6892" i="5"/>
  <c r="O825" i="5"/>
  <c r="O5171" i="5"/>
  <c r="O3189" i="5"/>
  <c r="O7063" i="5"/>
  <c r="O6715" i="5"/>
  <c r="O4837" i="5"/>
  <c r="O1310" i="5"/>
  <c r="O5181" i="5"/>
  <c r="O3676" i="5"/>
  <c r="O6189" i="5"/>
  <c r="O3018" i="5"/>
  <c r="O649" i="5"/>
  <c r="O3344" i="5"/>
  <c r="O3836" i="5"/>
  <c r="O6178" i="5"/>
  <c r="O811" i="5"/>
  <c r="O2656" i="5"/>
  <c r="O2666" i="5"/>
  <c r="O4704" i="5"/>
  <c r="O6381" i="5"/>
  <c r="O1137" i="5"/>
  <c r="O1004" i="5"/>
  <c r="O8208" i="5"/>
  <c r="O8552" i="5"/>
  <c r="O646" i="5"/>
  <c r="O6195" i="5"/>
  <c r="O5373" i="5"/>
  <c r="O7703" i="5"/>
  <c r="O6042" i="5"/>
  <c r="O4024" i="5"/>
  <c r="O5003" i="5"/>
  <c r="O990" i="5"/>
  <c r="O659" i="5"/>
  <c r="O1169" i="5"/>
  <c r="O5674" i="5"/>
  <c r="O337" i="5"/>
  <c r="O6521" i="5"/>
  <c r="O3513" i="5"/>
  <c r="O491" i="5"/>
  <c r="O5031" i="5"/>
  <c r="O1500" i="5"/>
  <c r="O7524" i="5"/>
  <c r="O3699" i="5"/>
  <c r="O7352" i="5"/>
  <c r="O1818" i="5"/>
  <c r="O6202" i="5"/>
  <c r="O5185" i="5"/>
  <c r="O6209" i="5"/>
  <c r="O3995" i="5"/>
  <c r="O1146" i="5"/>
  <c r="O7199" i="5"/>
  <c r="O3856" i="5"/>
  <c r="O2507" i="5"/>
  <c r="O6207" i="5"/>
  <c r="O8718" i="5"/>
  <c r="O1510" i="5"/>
  <c r="O6542" i="5"/>
  <c r="O1505" i="5"/>
  <c r="O6686" i="5"/>
  <c r="O5176" i="5"/>
  <c r="O1154" i="5"/>
  <c r="O3684" i="5"/>
  <c r="O1350" i="5"/>
  <c r="O4858" i="5"/>
  <c r="O7387" i="5"/>
  <c r="O1812" i="5"/>
  <c r="O7380" i="5"/>
  <c r="O6034" i="5"/>
  <c r="O5675" i="5"/>
  <c r="O7698" i="5"/>
  <c r="O1180" i="5"/>
  <c r="O5204" i="5"/>
  <c r="O6187" i="5"/>
  <c r="O8221" i="5"/>
  <c r="O3349" i="5"/>
  <c r="O7377" i="5"/>
  <c r="O6533" i="5"/>
  <c r="O1325" i="5"/>
  <c r="O7185" i="5"/>
  <c r="O2482" i="5"/>
  <c r="O6357" i="5"/>
  <c r="O820" i="5"/>
  <c r="O3343" i="5"/>
  <c r="O7365" i="5"/>
  <c r="O2649" i="5"/>
  <c r="O506" i="5"/>
  <c r="O4680" i="5"/>
  <c r="O7394" i="5"/>
  <c r="O3523" i="5"/>
  <c r="O648" i="5"/>
  <c r="O2673" i="5"/>
  <c r="O6724" i="5"/>
  <c r="O5363" i="5"/>
  <c r="O4499" i="5"/>
  <c r="O979" i="5"/>
  <c r="O5522" i="5"/>
  <c r="O7547" i="5"/>
  <c r="O3702" i="5"/>
  <c r="O5040" i="5"/>
  <c r="O1664" i="5"/>
  <c r="O3182" i="5"/>
  <c r="O8050" i="5"/>
  <c r="O7392" i="5"/>
  <c r="O500" i="5"/>
  <c r="O7871" i="5"/>
  <c r="O2988" i="5"/>
  <c r="O8234" i="5"/>
  <c r="O7533" i="5"/>
  <c r="O1515" i="5"/>
  <c r="O6876" i="5"/>
  <c r="O1854" i="5"/>
  <c r="O311" i="5"/>
  <c r="O1000" i="5"/>
  <c r="O2010" i="5"/>
  <c r="O988" i="5"/>
  <c r="O6558" i="5"/>
  <c r="O1847" i="5"/>
  <c r="O6216" i="5"/>
  <c r="O5699" i="5"/>
  <c r="O2174" i="5"/>
  <c r="O1319" i="5"/>
  <c r="O4705" i="5"/>
  <c r="O4168" i="5"/>
  <c r="O6026" i="5"/>
  <c r="O5006" i="5"/>
  <c r="O5855" i="5"/>
  <c r="O1140" i="5"/>
  <c r="O8226" i="5"/>
  <c r="O3340" i="5"/>
  <c r="O2843" i="5"/>
  <c r="O1349" i="5"/>
  <c r="O6191" i="5"/>
  <c r="O8530" i="5"/>
  <c r="O7389" i="5"/>
  <c r="O322" i="5"/>
  <c r="O8038" i="5"/>
  <c r="O2150" i="5"/>
  <c r="O4031" i="5"/>
  <c r="O999" i="5"/>
  <c r="O1314" i="5"/>
  <c r="O8205" i="5"/>
  <c r="O4846" i="5"/>
  <c r="O7710" i="5"/>
  <c r="O7398" i="5"/>
  <c r="O993" i="5"/>
  <c r="O8399" i="5"/>
  <c r="O1141" i="5"/>
  <c r="O6185" i="5"/>
  <c r="O2999" i="5"/>
  <c r="O7885" i="5"/>
  <c r="O5858" i="5"/>
  <c r="O2333" i="5"/>
  <c r="O5017" i="5"/>
  <c r="O6537" i="5"/>
  <c r="O5372" i="5"/>
  <c r="O5541" i="5"/>
  <c r="O672" i="5"/>
  <c r="O2497" i="5"/>
  <c r="O3701" i="5"/>
  <c r="O4834" i="5"/>
  <c r="O6701" i="5"/>
  <c r="O3695" i="5"/>
  <c r="O6688" i="5"/>
  <c r="O813" i="5"/>
  <c r="O4522" i="5"/>
  <c r="O8699" i="5"/>
  <c r="O2012" i="5"/>
  <c r="O6883" i="5"/>
  <c r="O6352" i="5"/>
  <c r="O340" i="5"/>
  <c r="O673" i="5"/>
  <c r="O7708" i="5"/>
  <c r="O4664" i="5"/>
  <c r="O6019" i="5"/>
  <c r="O172" i="5"/>
  <c r="O6377" i="5"/>
  <c r="O4702" i="5"/>
  <c r="O5882" i="5"/>
  <c r="O2986" i="5"/>
  <c r="O2013" i="5"/>
  <c r="O7379" i="5"/>
  <c r="O3174" i="5"/>
  <c r="O5010" i="5"/>
  <c r="O7720" i="5"/>
  <c r="O1813" i="5"/>
  <c r="O5543" i="5"/>
  <c r="O3516" i="5"/>
  <c r="O2319" i="5"/>
  <c r="O1491" i="5"/>
  <c r="O3868" i="5"/>
  <c r="O6872" i="5"/>
  <c r="O5365" i="5"/>
  <c r="O7384" i="5"/>
  <c r="O487" i="5"/>
  <c r="O7362" i="5"/>
  <c r="O5866" i="5"/>
  <c r="O1493" i="5"/>
  <c r="O987" i="5"/>
  <c r="O4686" i="5"/>
  <c r="O4165" i="5"/>
  <c r="O6518" i="5"/>
  <c r="O2505" i="5"/>
  <c r="O3348" i="5"/>
  <c r="O7223" i="5"/>
  <c r="O3328" i="5"/>
  <c r="O5879" i="5"/>
  <c r="O3524" i="5"/>
  <c r="O2524" i="5"/>
  <c r="O8371" i="5"/>
  <c r="O7359" i="5"/>
  <c r="O827" i="5"/>
  <c r="O7709" i="5"/>
  <c r="O3333" i="5"/>
  <c r="O1159" i="5"/>
  <c r="O1001" i="5"/>
  <c r="O2184" i="5"/>
  <c r="O2323" i="5"/>
  <c r="O5170" i="5"/>
  <c r="O8547" i="5"/>
  <c r="O2845" i="5"/>
  <c r="O2352" i="5"/>
  <c r="O8540" i="5"/>
  <c r="O5019" i="5"/>
  <c r="O310" i="5"/>
  <c r="O6358" i="5"/>
  <c r="O1136" i="5"/>
  <c r="O8730" i="5"/>
  <c r="O5179" i="5"/>
  <c r="O2484" i="5"/>
  <c r="O669" i="5"/>
  <c r="O647" i="5"/>
  <c r="O1346" i="5"/>
  <c r="O1832" i="5"/>
  <c r="O5547" i="5"/>
  <c r="O4859" i="5"/>
  <c r="O3325" i="5"/>
  <c r="O1478" i="5"/>
  <c r="O5349" i="5"/>
  <c r="O3525" i="5"/>
  <c r="O4496" i="5"/>
  <c r="O3999" i="5"/>
  <c r="O6871" i="5"/>
  <c r="O996" i="5"/>
  <c r="O7520" i="5"/>
  <c r="O7230" i="5"/>
  <c r="O8378" i="5"/>
  <c r="O1348" i="5"/>
  <c r="O6214" i="5"/>
  <c r="O8393" i="5"/>
  <c r="O807" i="5"/>
  <c r="O1823" i="5"/>
  <c r="O7880" i="5"/>
  <c r="O7564" i="5"/>
  <c r="O139" i="5"/>
  <c r="O6894" i="5"/>
  <c r="O5194" i="5"/>
  <c r="O3490" i="5"/>
  <c r="O1670" i="5"/>
  <c r="O8032" i="5"/>
  <c r="O3363" i="5"/>
  <c r="O7190" i="5"/>
  <c r="O5178" i="5"/>
  <c r="O6849" i="5"/>
  <c r="O5702" i="5"/>
  <c r="O4833" i="5"/>
  <c r="O8724" i="5"/>
  <c r="O1175" i="5"/>
  <c r="O2486" i="5"/>
  <c r="O7861" i="5"/>
  <c r="O3320" i="5"/>
  <c r="O5169" i="5"/>
  <c r="O6213" i="5"/>
  <c r="O7363" i="5"/>
  <c r="O3029" i="5"/>
  <c r="O2312" i="5"/>
  <c r="O3355" i="5"/>
  <c r="O7047" i="5"/>
  <c r="O130" i="5"/>
  <c r="O7037" i="5"/>
  <c r="O5016" i="5"/>
  <c r="O2650" i="5"/>
  <c r="O6860" i="5"/>
  <c r="O154" i="5"/>
  <c r="O7388" i="5"/>
  <c r="O4021" i="5"/>
  <c r="O8385" i="5"/>
  <c r="O1309" i="5"/>
  <c r="O6893" i="5"/>
  <c r="O4013" i="5"/>
  <c r="O2520" i="5"/>
  <c r="O4328" i="5"/>
  <c r="O4674" i="5"/>
  <c r="O4866" i="5"/>
  <c r="O3028" i="5"/>
  <c r="O2157" i="5"/>
  <c r="O1322" i="5"/>
  <c r="O4699" i="5"/>
  <c r="O7688" i="5"/>
  <c r="O1641" i="5"/>
  <c r="O2831" i="5"/>
  <c r="O4504" i="5"/>
  <c r="O3852" i="5"/>
  <c r="O3015" i="5"/>
  <c r="O3700" i="5"/>
  <c r="O8047" i="5"/>
  <c r="O2337" i="5"/>
  <c r="O1499" i="5"/>
  <c r="O6706" i="5"/>
  <c r="O7689" i="5"/>
  <c r="O8700" i="5"/>
  <c r="O8701" i="5"/>
  <c r="O3866" i="5"/>
  <c r="O7059" i="5"/>
  <c r="O833" i="5"/>
  <c r="O4520" i="5"/>
  <c r="O7038" i="5"/>
  <c r="O3517" i="5"/>
  <c r="O678" i="5"/>
  <c r="O7705" i="5"/>
  <c r="O5014" i="5"/>
  <c r="O319" i="5"/>
  <c r="O1164" i="5"/>
  <c r="O3528" i="5"/>
  <c r="O7903" i="5"/>
  <c r="O5880" i="5"/>
  <c r="O4867" i="5"/>
  <c r="O4515" i="5"/>
  <c r="O1834" i="5"/>
  <c r="O5174" i="5"/>
  <c r="O8210" i="5"/>
  <c r="O3358" i="5"/>
  <c r="O6016" i="5"/>
  <c r="O1517" i="5"/>
  <c r="O5873" i="5"/>
  <c r="O7200" i="5"/>
  <c r="O1815" i="5"/>
  <c r="O7857" i="5"/>
  <c r="O4528" i="5"/>
  <c r="O5011" i="5"/>
  <c r="O1475" i="5"/>
  <c r="O4194" i="5"/>
  <c r="O4533" i="5"/>
  <c r="O5043" i="5"/>
  <c r="O1659" i="5"/>
  <c r="O5849" i="5"/>
  <c r="O7184" i="5"/>
  <c r="O3199" i="5"/>
  <c r="O5505" i="5"/>
  <c r="O7704" i="5"/>
  <c r="O6886" i="5"/>
  <c r="O7016" i="5"/>
  <c r="O5706" i="5"/>
  <c r="O7536" i="5"/>
  <c r="O3508" i="5"/>
  <c r="O7529" i="5"/>
  <c r="O4541" i="5"/>
  <c r="O4687" i="5"/>
  <c r="O4331" i="5"/>
  <c r="O1667" i="5"/>
  <c r="O5028" i="5"/>
  <c r="O5034" i="5"/>
  <c r="O1675" i="5"/>
  <c r="O1308" i="5"/>
  <c r="O2187" i="5"/>
  <c r="O5841" i="5"/>
  <c r="O5527" i="5"/>
  <c r="O7030" i="5"/>
  <c r="O2159" i="5"/>
  <c r="O2015" i="5"/>
  <c r="O7521" i="5"/>
  <c r="O3504" i="5"/>
  <c r="O1143" i="5"/>
  <c r="O4856" i="5"/>
  <c r="O4343" i="5"/>
  <c r="O144" i="5"/>
  <c r="O3155" i="5"/>
  <c r="O6208" i="5"/>
  <c r="O4666" i="5"/>
  <c r="O3347" i="5"/>
  <c r="O6559" i="5"/>
  <c r="O6853" i="5"/>
  <c r="O1853" i="5"/>
  <c r="O4014" i="5"/>
  <c r="O818" i="5"/>
  <c r="O841" i="5"/>
  <c r="O1145" i="5"/>
  <c r="O1682" i="5"/>
  <c r="O6680" i="5"/>
  <c r="O7386" i="5"/>
  <c r="O2509" i="5"/>
  <c r="O6043" i="5"/>
  <c r="O5337" i="5"/>
  <c r="O4172" i="5"/>
  <c r="O8218" i="5"/>
  <c r="O7548" i="5"/>
  <c r="O7034" i="5"/>
  <c r="O7707" i="5"/>
  <c r="O1333" i="5"/>
  <c r="O1852" i="5"/>
  <c r="O6376" i="5"/>
  <c r="O6032" i="5"/>
  <c r="O8361" i="5"/>
  <c r="O1836" i="5"/>
  <c r="O7883" i="5"/>
  <c r="O8573" i="5"/>
  <c r="O2503" i="5"/>
  <c r="O5344" i="5"/>
  <c r="O6366" i="5"/>
  <c r="O802" i="5"/>
  <c r="O5351" i="5"/>
  <c r="O2489" i="5"/>
  <c r="O4351" i="5"/>
  <c r="O8363" i="5"/>
  <c r="O3181" i="5"/>
  <c r="O6855" i="5"/>
  <c r="O4677" i="5"/>
  <c r="O2014" i="5"/>
  <c r="O7531" i="5"/>
  <c r="O6023" i="5"/>
  <c r="O4161" i="5"/>
  <c r="O5677" i="5"/>
  <c r="O4009" i="5"/>
  <c r="O8381" i="5"/>
  <c r="O4537" i="5"/>
  <c r="O7546" i="5"/>
  <c r="O1161" i="5"/>
  <c r="O482" i="5"/>
  <c r="O975" i="5"/>
  <c r="O1163" i="5"/>
  <c r="O8193" i="5"/>
  <c r="O6203" i="5"/>
  <c r="O5193" i="5"/>
  <c r="O1665" i="5"/>
  <c r="O1328" i="5"/>
  <c r="O2328" i="5"/>
  <c r="O4497" i="5"/>
  <c r="O3331" i="5"/>
  <c r="O4345" i="5"/>
  <c r="O6037" i="5"/>
  <c r="O5504" i="5"/>
  <c r="O5694" i="5"/>
  <c r="O676" i="5"/>
  <c r="O151" i="5"/>
  <c r="O507" i="5"/>
  <c r="O7056" i="5"/>
  <c r="O8238" i="5"/>
  <c r="O3011" i="5"/>
  <c r="O8707" i="5"/>
  <c r="O5672" i="5"/>
  <c r="O3847" i="5"/>
  <c r="O2173" i="5"/>
  <c r="O6863" i="5"/>
  <c r="O2161" i="5"/>
  <c r="O675" i="5"/>
  <c r="O2314" i="5"/>
  <c r="O6222" i="5"/>
  <c r="O8554" i="5"/>
  <c r="O6865" i="5"/>
  <c r="O4358" i="5"/>
  <c r="O6723" i="5"/>
  <c r="O4667" i="5"/>
  <c r="O5532" i="5"/>
  <c r="O6691" i="5"/>
  <c r="O6881" i="5"/>
  <c r="O8387" i="5"/>
  <c r="O1344" i="5"/>
  <c r="O3164" i="5"/>
  <c r="O3526" i="5"/>
  <c r="O3848" i="5"/>
  <c r="O2834" i="5"/>
  <c r="O8369" i="5"/>
  <c r="O1345" i="5"/>
  <c r="O3027" i="5"/>
  <c r="O3996" i="5"/>
  <c r="O4862" i="5"/>
  <c r="O4166" i="5"/>
  <c r="O6362" i="5"/>
  <c r="O1843" i="5"/>
  <c r="O7523" i="5"/>
  <c r="O169" i="5"/>
  <c r="O2006" i="5"/>
  <c r="O3521" i="5"/>
  <c r="O1474" i="5"/>
  <c r="O3500" i="5"/>
  <c r="O969" i="5"/>
  <c r="O6040" i="5"/>
  <c r="O7549" i="5"/>
  <c r="O6551" i="5"/>
  <c r="O819" i="5"/>
  <c r="O163" i="5"/>
  <c r="O7530" i="5"/>
  <c r="O8214" i="5"/>
  <c r="O6383" i="5"/>
  <c r="O6364" i="5"/>
  <c r="O1002" i="5"/>
  <c r="O4193" i="5"/>
  <c r="O2690" i="5"/>
  <c r="O3321" i="5"/>
  <c r="O1503" i="5"/>
  <c r="O174" i="5"/>
  <c r="O7024" i="5"/>
  <c r="O6347" i="5"/>
  <c r="O7875" i="5"/>
  <c r="O4688" i="5"/>
  <c r="O510" i="5"/>
  <c r="O3696" i="5"/>
  <c r="O8373" i="5"/>
  <c r="O5201" i="5"/>
  <c r="O995" i="5"/>
  <c r="O8227" i="5"/>
  <c r="O3153" i="5"/>
  <c r="O6726" i="5"/>
  <c r="O7565" i="5"/>
  <c r="O4838" i="5"/>
  <c r="O6391" i="5"/>
  <c r="O2020" i="5"/>
  <c r="O654" i="5"/>
  <c r="O5198" i="5"/>
  <c r="O2526" i="5"/>
  <c r="O821" i="5"/>
  <c r="O8405" i="5"/>
  <c r="O5711" i="5"/>
  <c r="O481" i="5"/>
  <c r="O6044" i="5"/>
  <c r="O1173" i="5"/>
  <c r="O2188" i="5"/>
  <c r="O7894" i="5"/>
  <c r="O7026" i="5"/>
  <c r="O1150" i="5"/>
  <c r="O6379" i="5"/>
  <c r="O5887" i="5"/>
  <c r="O5843" i="5"/>
  <c r="O2147" i="5"/>
  <c r="O7535" i="5"/>
  <c r="O7215" i="5"/>
  <c r="O8027" i="5"/>
  <c r="O3502" i="5"/>
  <c r="O5531" i="5"/>
  <c r="O6684" i="5"/>
  <c r="O1494" i="5"/>
  <c r="O1980" i="5"/>
  <c r="O6011" i="5"/>
  <c r="O331" i="5"/>
  <c r="O4878" i="5"/>
  <c r="O6705" i="5"/>
  <c r="O4671" i="5"/>
  <c r="O1822" i="5"/>
  <c r="O2855" i="5"/>
  <c r="O2186" i="5"/>
  <c r="O6850" i="5"/>
  <c r="O8529" i="5"/>
  <c r="O8065" i="5"/>
  <c r="O4206" i="5"/>
  <c r="O6858" i="5"/>
  <c r="O645" i="5"/>
  <c r="O7372" i="5"/>
  <c r="O8389" i="5"/>
  <c r="O6531" i="5"/>
  <c r="O4513" i="5"/>
  <c r="O6368" i="5"/>
  <c r="O129" i="5"/>
  <c r="O6880" i="5"/>
  <c r="O4330" i="5"/>
  <c r="O3692" i="5"/>
  <c r="O160" i="5"/>
  <c r="O656" i="5"/>
  <c r="O1820" i="5"/>
  <c r="O1683" i="5"/>
  <c r="O4679" i="5"/>
  <c r="O6555" i="5"/>
  <c r="O3826" i="5"/>
  <c r="O342" i="5"/>
  <c r="O4342" i="5"/>
  <c r="O3506" i="5"/>
  <c r="O4875" i="5"/>
  <c r="O6017" i="5"/>
  <c r="O1825" i="5"/>
  <c r="O2513" i="5"/>
  <c r="O5000" i="5"/>
  <c r="O2146" i="5"/>
  <c r="O5175" i="5"/>
  <c r="O3534" i="5"/>
  <c r="O655" i="5"/>
  <c r="O7202" i="5"/>
  <c r="O7702" i="5"/>
  <c r="O6180" i="5"/>
  <c r="O7525" i="5"/>
  <c r="O4199" i="5"/>
  <c r="O4851" i="5"/>
  <c r="O8024" i="5"/>
  <c r="O3507" i="5"/>
  <c r="O7045" i="5"/>
  <c r="O6532" i="5"/>
  <c r="O5864" i="5"/>
  <c r="O5871" i="5"/>
  <c r="O1855" i="5"/>
  <c r="O6033" i="5"/>
  <c r="O162" i="5"/>
  <c r="O2651" i="5"/>
  <c r="O2825" i="5"/>
  <c r="O2190" i="5"/>
  <c r="O1326" i="5"/>
  <c r="O1828" i="5"/>
  <c r="O7900" i="5"/>
  <c r="O2155" i="5"/>
  <c r="O5357" i="5"/>
  <c r="O7706" i="5"/>
  <c r="O5551" i="5"/>
  <c r="O155" i="5"/>
  <c r="O6373" i="5"/>
  <c r="O2685" i="5"/>
  <c r="O3682" i="5"/>
  <c r="O4017" i="5"/>
  <c r="O3161" i="5"/>
  <c r="O3162" i="5"/>
  <c r="O7895" i="5"/>
  <c r="O8222" i="5"/>
  <c r="O3327" i="5"/>
  <c r="O3023" i="5"/>
  <c r="O504" i="5"/>
  <c r="O3529" i="5"/>
  <c r="O7358" i="5"/>
  <c r="O3345" i="5"/>
  <c r="O1654" i="5"/>
  <c r="O5371" i="5"/>
  <c r="O1838" i="5"/>
  <c r="O511" i="5"/>
  <c r="O4853" i="5"/>
  <c r="O2681" i="5"/>
  <c r="O8071" i="5"/>
  <c r="O3850" i="5"/>
  <c r="O8714" i="5"/>
  <c r="O3180" i="5"/>
  <c r="O8070" i="5"/>
  <c r="O498" i="5"/>
  <c r="O2153" i="5"/>
  <c r="O2329" i="5"/>
  <c r="O1661" i="5"/>
  <c r="O652" i="5"/>
  <c r="O8565" i="5"/>
  <c r="O4514" i="5"/>
  <c r="O1508" i="5"/>
  <c r="O2516" i="5"/>
  <c r="O7060" i="5"/>
  <c r="O7877" i="5"/>
  <c r="O8553" i="5"/>
  <c r="O8557" i="5"/>
  <c r="O4204" i="5"/>
  <c r="O5537" i="5"/>
  <c r="O3669" i="5"/>
  <c r="O149" i="5"/>
  <c r="O1305" i="5"/>
  <c r="O2342" i="5"/>
  <c r="O8207" i="5"/>
  <c r="O1153" i="5"/>
  <c r="O2168" i="5"/>
  <c r="O8536" i="5"/>
  <c r="O1165" i="5"/>
  <c r="O3656" i="5"/>
  <c r="O303" i="5"/>
  <c r="O7035" i="5"/>
  <c r="O5703" i="5"/>
  <c r="O2660" i="5"/>
  <c r="O4523" i="5"/>
  <c r="O5844" i="5"/>
  <c r="O6873" i="5"/>
  <c r="O973" i="5"/>
  <c r="O3491" i="5"/>
  <c r="O6522" i="5"/>
  <c r="O2844" i="5"/>
  <c r="O6526" i="5"/>
  <c r="O2316" i="5"/>
  <c r="O5707" i="5"/>
  <c r="O6515" i="5"/>
  <c r="O1160" i="5"/>
  <c r="O3515" i="5"/>
  <c r="O5691" i="5"/>
  <c r="O6372" i="5"/>
  <c r="O5195" i="5"/>
  <c r="O1347" i="5"/>
  <c r="O8216" i="5"/>
  <c r="O5032" i="5"/>
  <c r="O2854" i="5"/>
  <c r="O497" i="5"/>
  <c r="O6210" i="5"/>
  <c r="O1010" i="5"/>
  <c r="O2007" i="5"/>
  <c r="O335" i="5"/>
  <c r="O1977" i="5"/>
  <c r="O503" i="5"/>
  <c r="O7062" i="5"/>
  <c r="O6889" i="5"/>
  <c r="O4505" i="5"/>
  <c r="O6547" i="5"/>
  <c r="O7357" i="5"/>
  <c r="O2862" i="5"/>
  <c r="O2648" i="5"/>
  <c r="O6553" i="5"/>
  <c r="O8390" i="5"/>
  <c r="O8215" i="5"/>
  <c r="O2847" i="5"/>
  <c r="O307" i="5"/>
  <c r="O166" i="5"/>
  <c r="O7896" i="5"/>
  <c r="O983" i="5"/>
  <c r="O7217" i="5"/>
  <c r="O805" i="5"/>
  <c r="O3360" i="5"/>
  <c r="O2358" i="5"/>
  <c r="O4511" i="5"/>
  <c r="O7061" i="5"/>
  <c r="O7042" i="5"/>
  <c r="O6355" i="5"/>
  <c r="O1171" i="5"/>
  <c r="O2668" i="5"/>
  <c r="O637" i="5"/>
  <c r="O5341" i="5"/>
  <c r="O4864" i="5"/>
  <c r="O2344" i="5"/>
  <c r="O5044" i="5"/>
  <c r="O8043" i="5"/>
  <c r="O2984" i="5"/>
  <c r="O8741" i="5"/>
  <c r="O6710" i="5"/>
  <c r="O2680" i="5"/>
  <c r="O8377" i="5"/>
  <c r="O8542" i="5"/>
  <c r="O6197" i="5"/>
  <c r="O2185" i="5"/>
  <c r="O1481" i="5"/>
  <c r="O6024" i="5"/>
  <c r="O3192" i="5"/>
  <c r="O7393" i="5"/>
  <c r="O4186" i="5"/>
  <c r="O7021" i="5"/>
  <c r="O158" i="5"/>
  <c r="O5208" i="5"/>
  <c r="O5378" i="5"/>
  <c r="O1177" i="5"/>
  <c r="O7391" i="5"/>
  <c r="O2691" i="5"/>
  <c r="O8235" i="5"/>
  <c r="O1341" i="5"/>
  <c r="O1138" i="5"/>
  <c r="O2661" i="5"/>
  <c r="O7884" i="5"/>
  <c r="O1332" i="5"/>
  <c r="O3690" i="5"/>
  <c r="O5519" i="5"/>
  <c r="O6719" i="5"/>
  <c r="O7541" i="5"/>
  <c r="O4016" i="5"/>
  <c r="O7213" i="5"/>
  <c r="O8708" i="5"/>
  <c r="O3020" i="5"/>
  <c r="O7693" i="5"/>
  <c r="O4187" i="5"/>
  <c r="O3829" i="5"/>
  <c r="O7032" i="5"/>
  <c r="O3024" i="5"/>
  <c r="O1178" i="5"/>
  <c r="O8575" i="5"/>
  <c r="O7719" i="5"/>
  <c r="O3498" i="5"/>
  <c r="O6523" i="5"/>
  <c r="O8558" i="5"/>
  <c r="O468" i="5"/>
  <c r="O2523" i="5"/>
  <c r="O3697" i="5"/>
  <c r="O5546" i="5"/>
  <c r="O297" i="5"/>
  <c r="O7219" i="5"/>
  <c r="O3186" i="5"/>
  <c r="O3350" i="5"/>
  <c r="O8561" i="5"/>
  <c r="O3662" i="5"/>
  <c r="O7539" i="5"/>
  <c r="O7863" i="5"/>
  <c r="O1311" i="5"/>
  <c r="O7728" i="5"/>
  <c r="O3686" i="5"/>
  <c r="O667" i="5"/>
  <c r="O7898" i="5"/>
  <c r="O6047" i="5"/>
  <c r="O2836" i="5"/>
  <c r="O8406" i="5"/>
  <c r="O1166" i="5"/>
  <c r="O1156" i="5"/>
  <c r="O8063" i="5"/>
  <c r="O1824" i="5"/>
  <c r="O339" i="5"/>
  <c r="O8061" i="5"/>
  <c r="O1835" i="5"/>
  <c r="O1640" i="5"/>
  <c r="O4033" i="5"/>
  <c r="O128" i="5"/>
  <c r="O7055" i="5"/>
  <c r="O2846" i="5"/>
  <c r="O314" i="5"/>
  <c r="O1658" i="5"/>
  <c r="O2991" i="5"/>
  <c r="O2349" i="5"/>
  <c r="O8722" i="5"/>
  <c r="O3009" i="5"/>
  <c r="O486" i="5"/>
  <c r="O5354" i="5"/>
  <c r="O5015" i="5"/>
  <c r="O1502" i="5"/>
  <c r="O1336" i="5"/>
  <c r="O147" i="5"/>
  <c r="O984" i="5"/>
  <c r="O7691" i="5"/>
  <c r="O5676" i="5"/>
  <c r="O4171" i="5"/>
  <c r="O837" i="5"/>
  <c r="O2498" i="5"/>
  <c r="O1342" i="5"/>
  <c r="O4678" i="5"/>
  <c r="O2832" i="5"/>
  <c r="O5038" i="5"/>
  <c r="O7031" i="5"/>
  <c r="O4538" i="5"/>
  <c r="O3366" i="5"/>
  <c r="O6862" i="5"/>
  <c r="O6550" i="5"/>
  <c r="O7028" i="5"/>
  <c r="O5859" i="5"/>
  <c r="O1643" i="5"/>
  <c r="O1826" i="5"/>
  <c r="O7390" i="5"/>
  <c r="O662" i="5"/>
  <c r="O8559" i="5"/>
  <c r="O5709" i="5"/>
  <c r="O2002" i="5"/>
  <c r="O4176" i="5"/>
  <c r="O6529" i="5"/>
  <c r="O7210" i="5"/>
  <c r="O4839" i="5"/>
  <c r="O3175" i="5"/>
  <c r="O6049" i="5"/>
  <c r="O4178" i="5"/>
  <c r="O4836" i="5"/>
  <c r="O8705" i="5"/>
  <c r="O4192" i="5"/>
  <c r="O5039" i="5"/>
  <c r="O8568" i="5"/>
  <c r="O326" i="5"/>
  <c r="O7522" i="5"/>
  <c r="O4363" i="5"/>
  <c r="O6854" i="5"/>
  <c r="O7216" i="5"/>
  <c r="O5189" i="5"/>
  <c r="O3188" i="5"/>
  <c r="O817" i="5"/>
  <c r="O6530" i="5"/>
  <c r="O3003" i="5"/>
  <c r="O343" i="5"/>
  <c r="O5535" i="5"/>
  <c r="O1987" i="5"/>
  <c r="O7198" i="5"/>
  <c r="O2313" i="5"/>
  <c r="O2330" i="5"/>
  <c r="O5719" i="5"/>
  <c r="O5376" i="5"/>
  <c r="O7712" i="5"/>
  <c r="O3683" i="5"/>
  <c r="O8029" i="5"/>
  <c r="O5717" i="5"/>
  <c r="O5002" i="5"/>
  <c r="O6014" i="5"/>
  <c r="O1681" i="5"/>
  <c r="O2343" i="5"/>
  <c r="O6353" i="5"/>
  <c r="O1840" i="5"/>
  <c r="O4849" i="5"/>
  <c r="O6367" i="5"/>
  <c r="O4197" i="5"/>
  <c r="O8702" i="5"/>
  <c r="O1669" i="5"/>
  <c r="O8566" i="5"/>
  <c r="O1983" i="5"/>
  <c r="O505" i="5"/>
  <c r="O974" i="5"/>
  <c r="O8734" i="5"/>
  <c r="O5046" i="5"/>
  <c r="O8225" i="5"/>
  <c r="O6882" i="5"/>
  <c r="O5180" i="5"/>
  <c r="O330" i="5"/>
  <c r="O8365" i="5"/>
  <c r="O3670" i="5"/>
  <c r="O1497" i="5"/>
  <c r="O8564" i="5"/>
  <c r="O6388" i="5"/>
  <c r="O3172" i="5"/>
  <c r="O7862" i="5"/>
  <c r="O478" i="5"/>
  <c r="O7054" i="5"/>
  <c r="O7562" i="5"/>
  <c r="O3030" i="5"/>
  <c r="O140" i="5"/>
  <c r="O6387" i="5"/>
  <c r="O3198" i="5"/>
  <c r="O4681" i="5"/>
  <c r="O4855" i="5"/>
  <c r="O1506" i="5"/>
  <c r="O3006" i="5"/>
  <c r="O8404" i="5"/>
  <c r="O1144" i="5"/>
  <c r="O316" i="5"/>
  <c r="O5360" i="5"/>
  <c r="O4177" i="5"/>
  <c r="O2167" i="5"/>
  <c r="O4015" i="5"/>
  <c r="O4028" i="5"/>
  <c r="O6385" i="5"/>
  <c r="O5847" i="5"/>
  <c r="O3997" i="5"/>
  <c r="O6557" i="5"/>
  <c r="O5540" i="5"/>
  <c r="O1998" i="5"/>
  <c r="O4876" i="5"/>
  <c r="O4349" i="5"/>
  <c r="O7899" i="5"/>
  <c r="O7214" i="5"/>
  <c r="O7725" i="5"/>
  <c r="O2149" i="5"/>
  <c r="O6525" i="5"/>
  <c r="O6545" i="5"/>
  <c r="O2160" i="5"/>
  <c r="O8737" i="5"/>
  <c r="O2008" i="5"/>
  <c r="O6052" i="5"/>
  <c r="O1147" i="5"/>
  <c r="O164" i="5"/>
  <c r="O7874" i="5"/>
  <c r="O134" i="5"/>
  <c r="O1680" i="5"/>
  <c r="O6707" i="5"/>
  <c r="O466" i="5"/>
  <c r="O318" i="5"/>
  <c r="O6874" i="5"/>
  <c r="O138" i="5"/>
  <c r="O4517" i="5"/>
  <c r="O2662" i="5"/>
  <c r="O477" i="5"/>
  <c r="O6192" i="5"/>
  <c r="O8201" i="5"/>
  <c r="O3323" i="5"/>
  <c r="O3365" i="5"/>
  <c r="O845" i="5"/>
  <c r="O7550" i="5"/>
  <c r="O810" i="5"/>
  <c r="K21" i="3"/>
  <c r="O3022" i="5"/>
  <c r="O3681" i="5"/>
  <c r="O8034" i="5"/>
  <c r="O2840" i="5"/>
  <c r="O1479" i="5"/>
  <c r="O5517" i="5"/>
  <c r="O3357" i="5"/>
  <c r="O1338" i="5"/>
  <c r="O6204" i="5"/>
  <c r="O1498" i="5"/>
  <c r="O3497" i="5"/>
  <c r="O1979" i="5"/>
  <c r="O4373" i="5"/>
  <c r="O8395" i="5"/>
  <c r="O304" i="5"/>
  <c r="O6708" i="5"/>
  <c r="O3016" i="5"/>
  <c r="O6689" i="5"/>
  <c r="O5213" i="5"/>
  <c r="O3197" i="5"/>
  <c r="O7729" i="5"/>
  <c r="O2859" i="5"/>
  <c r="O3846" i="5"/>
  <c r="O997" i="5"/>
  <c r="O5708" i="5"/>
  <c r="O7197" i="5"/>
  <c r="O2671" i="5"/>
  <c r="O3862" i="5"/>
  <c r="O4340" i="5"/>
  <c r="O1006" i="5"/>
  <c r="O2005" i="5"/>
  <c r="O8045" i="5"/>
  <c r="O4531" i="5"/>
  <c r="O3501" i="5"/>
  <c r="O8054" i="5"/>
  <c r="O1158" i="5"/>
  <c r="O679" i="5"/>
  <c r="O3489" i="5"/>
  <c r="O1339" i="5"/>
  <c r="O7856" i="5"/>
  <c r="O6215" i="5"/>
  <c r="O4023" i="5"/>
  <c r="O1013" i="5"/>
  <c r="O5196" i="5"/>
  <c r="O5682" i="5"/>
  <c r="O846" i="5"/>
  <c r="O1014" i="5"/>
  <c r="O1335" i="5"/>
  <c r="O8396" i="5"/>
  <c r="O2176" i="5"/>
  <c r="O488" i="5"/>
  <c r="O7700" i="5"/>
  <c r="O1008" i="5"/>
  <c r="O2987" i="5"/>
  <c r="O3505" i="5"/>
  <c r="O5542" i="5"/>
  <c r="O3531" i="5"/>
  <c r="O2848" i="5"/>
  <c r="O3828" i="5"/>
  <c r="O977" i="5"/>
  <c r="O4868" i="5"/>
  <c r="O6725" i="5"/>
  <c r="O8543" i="5"/>
  <c r="O4008" i="5"/>
  <c r="O6378" i="5"/>
  <c r="O6516" i="5"/>
  <c r="O5854" i="5"/>
  <c r="O6369" i="5"/>
  <c r="O1492" i="5"/>
  <c r="O8549" i="5"/>
  <c r="O4344" i="5"/>
  <c r="O4353" i="5"/>
  <c r="O6350" i="5"/>
  <c r="O2830" i="5"/>
  <c r="O2331" i="5"/>
  <c r="O5172" i="5"/>
  <c r="O7558" i="5"/>
  <c r="O5346" i="5"/>
  <c r="O7360" i="5"/>
  <c r="O3835" i="5"/>
  <c r="O7044" i="5"/>
  <c r="O6030" i="5"/>
  <c r="O1684" i="5"/>
  <c r="O6384" i="5"/>
  <c r="O7891" i="5"/>
  <c r="O6386" i="5"/>
  <c r="O1334" i="5"/>
  <c r="O2332" i="5"/>
  <c r="O7023" i="5"/>
  <c r="O8046" i="5"/>
  <c r="O8727" i="5"/>
  <c r="O6055" i="5"/>
  <c r="O1487" i="5"/>
  <c r="O978" i="5"/>
  <c r="O4003" i="5"/>
  <c r="O7397" i="5"/>
  <c r="O835" i="5"/>
  <c r="O3661" i="5"/>
  <c r="O4356" i="5"/>
  <c r="O7383" i="5"/>
  <c r="O5377" i="5"/>
  <c r="O317" i="5"/>
  <c r="O981" i="5"/>
  <c r="O1673" i="5"/>
  <c r="O3857" i="5"/>
  <c r="O6053" i="5"/>
  <c r="O5713" i="5"/>
  <c r="O4034" i="5"/>
  <c r="O146" i="5"/>
  <c r="O325" i="5"/>
  <c r="O5544" i="5"/>
  <c r="O2824" i="5"/>
  <c r="O4530" i="5"/>
  <c r="O2519" i="5"/>
  <c r="O1511" i="5"/>
  <c r="O6859" i="5"/>
  <c r="O8704" i="5"/>
  <c r="O666" i="5"/>
  <c r="O4011" i="5"/>
  <c r="O3532" i="5"/>
  <c r="O2816" i="5"/>
  <c r="O5356" i="5"/>
  <c r="O6356" i="5"/>
  <c r="O6035" i="5"/>
  <c r="O7713" i="5"/>
  <c r="O839" i="5"/>
  <c r="O6878" i="5"/>
  <c r="O8370" i="5"/>
  <c r="O509" i="5"/>
  <c r="O5202" i="5"/>
  <c r="O2678" i="5"/>
  <c r="O4180" i="5"/>
  <c r="O7192" i="5"/>
  <c r="O2169" i="5"/>
  <c r="O3665" i="5"/>
  <c r="O5012" i="5"/>
  <c r="O3179" i="5"/>
  <c r="O6194" i="5"/>
  <c r="O7545" i="5"/>
  <c r="O4352" i="5"/>
  <c r="O8040" i="5"/>
  <c r="O1519" i="5"/>
  <c r="O7189" i="5"/>
  <c r="O1182" i="5"/>
  <c r="O2347" i="5"/>
  <c r="O5678" i="5"/>
  <c r="O6181" i="5"/>
  <c r="O2481" i="5"/>
  <c r="O5182" i="5"/>
  <c r="O8219" i="5"/>
  <c r="O2515" i="5"/>
  <c r="O972" i="5"/>
  <c r="O1808" i="5"/>
  <c r="O812" i="5"/>
  <c r="O6051" i="5"/>
  <c r="O7019" i="5"/>
  <c r="O508" i="5"/>
  <c r="O5878" i="5"/>
  <c r="O5534" i="5"/>
  <c r="O8733" i="5"/>
  <c r="O8721" i="5"/>
  <c r="O1845" i="5"/>
  <c r="O3341" i="5"/>
  <c r="O7378" i="5"/>
  <c r="O6205" i="5"/>
  <c r="O2348" i="5"/>
  <c r="O838" i="5"/>
  <c r="O5343" i="5"/>
  <c r="O2170" i="5"/>
  <c r="O2500" i="5"/>
  <c r="O7369" i="5"/>
  <c r="O3499" i="5"/>
  <c r="O5009" i="5"/>
  <c r="O6176" i="5"/>
  <c r="O7543" i="5"/>
  <c r="O2004" i="5"/>
  <c r="O4525" i="5"/>
  <c r="O7224" i="5"/>
  <c r="O5679" i="5"/>
  <c r="O5207" i="5"/>
  <c r="O643" i="5"/>
  <c r="O8388" i="5"/>
  <c r="O5881" i="5"/>
  <c r="O976" i="5"/>
  <c r="O3839" i="5"/>
  <c r="O5005" i="5"/>
  <c r="O479" i="5"/>
  <c r="O3364" i="5"/>
  <c r="O7561" i="5"/>
  <c r="O6544" i="5"/>
  <c r="O5684" i="5"/>
  <c r="O1509" i="5"/>
  <c r="O6039" i="5"/>
  <c r="O2522" i="5"/>
  <c r="O8062" i="5"/>
  <c r="O4202" i="5"/>
  <c r="O7715" i="5"/>
  <c r="O7220" i="5"/>
  <c r="O1513" i="5"/>
  <c r="O4539" i="5"/>
  <c r="O5701" i="5"/>
  <c r="O6029" i="5"/>
  <c r="O2829" i="5"/>
  <c r="O7206" i="5"/>
  <c r="O4848" i="5"/>
  <c r="O3322" i="5"/>
  <c r="O4708" i="5"/>
  <c r="O6022" i="5"/>
  <c r="O5008" i="5"/>
  <c r="O3156" i="5"/>
  <c r="O4371" i="5"/>
  <c r="O6359" i="5"/>
  <c r="O5695" i="5"/>
  <c r="O4348" i="5"/>
  <c r="O663" i="5"/>
  <c r="O5352" i="5"/>
  <c r="O6884" i="5"/>
  <c r="O4036" i="5"/>
  <c r="O5842" i="5"/>
  <c r="O131" i="5"/>
  <c r="O1981" i="5"/>
  <c r="O4710" i="5"/>
  <c r="O7052" i="5"/>
  <c r="O8383" i="5"/>
  <c r="O2317" i="5"/>
  <c r="O3675" i="5"/>
  <c r="O7207" i="5"/>
  <c r="O6554" i="5"/>
  <c r="O7373" i="5"/>
  <c r="O1477" i="5"/>
  <c r="O7374" i="5"/>
  <c r="O3845" i="5"/>
  <c r="O7367" i="5"/>
  <c r="O7722" i="5"/>
  <c r="O8535" i="5"/>
  <c r="O639" i="5"/>
  <c r="O7353" i="5"/>
  <c r="O6354" i="5"/>
  <c r="O2355" i="5"/>
  <c r="O3689" i="5"/>
  <c r="O2315" i="5"/>
  <c r="O2341" i="5"/>
  <c r="O5523" i="5"/>
  <c r="O3187" i="5"/>
  <c r="O3163" i="5"/>
  <c r="O3171" i="5"/>
  <c r="O2356" i="5"/>
  <c r="O5868" i="5"/>
  <c r="O3865" i="5"/>
  <c r="O4185" i="5"/>
  <c r="O6360" i="5"/>
  <c r="O333" i="5"/>
  <c r="O5214" i="5"/>
  <c r="O1012" i="5"/>
  <c r="O7201" i="5"/>
  <c r="O6361" i="5"/>
  <c r="O6895" i="5"/>
  <c r="O4691" i="5"/>
  <c r="O815" i="5"/>
  <c r="O2496" i="5"/>
  <c r="O3183" i="5"/>
  <c r="O7395" i="5"/>
  <c r="O8729" i="5"/>
  <c r="O2817" i="5"/>
  <c r="O7902" i="5"/>
  <c r="O8231" i="5"/>
  <c r="O2318" i="5"/>
  <c r="O1676" i="5"/>
  <c r="O3178" i="5"/>
  <c r="O1321" i="5"/>
  <c r="O5683" i="5"/>
  <c r="O2857" i="5"/>
  <c r="O2021" i="5"/>
  <c r="O7212" i="5"/>
  <c r="O826" i="5"/>
  <c r="O4668" i="5"/>
  <c r="O4195" i="5"/>
  <c r="O5382" i="5"/>
  <c r="O5852" i="5"/>
  <c r="O3869" i="5"/>
  <c r="O1015" i="5"/>
  <c r="O1644" i="5"/>
  <c r="O8719" i="5"/>
  <c r="O7018" i="5"/>
  <c r="O816" i="5"/>
  <c r="O8726" i="5"/>
  <c r="O2152" i="5"/>
  <c r="O6015" i="5"/>
  <c r="O5700" i="5"/>
  <c r="O3514" i="5"/>
  <c r="O4360" i="5"/>
  <c r="O3703" i="5"/>
  <c r="O2688" i="5"/>
  <c r="O6852" i="5"/>
  <c r="O2181" i="5"/>
  <c r="O8206" i="5"/>
  <c r="O6517" i="5"/>
  <c r="O3849" i="5"/>
  <c r="O7203" i="5"/>
  <c r="O4203" i="5"/>
  <c r="O2658" i="5"/>
  <c r="O1993" i="5"/>
  <c r="O1483" i="5"/>
  <c r="O4200" i="5"/>
  <c r="O7869" i="5"/>
  <c r="O8697" i="5"/>
  <c r="O8403" i="5"/>
  <c r="O7528" i="5"/>
  <c r="O327" i="5"/>
  <c r="O5686" i="5"/>
  <c r="O1152" i="5"/>
  <c r="O2683" i="5"/>
  <c r="O2670" i="5"/>
  <c r="O7538" i="5"/>
  <c r="O8068" i="5"/>
  <c r="O6050" i="5"/>
  <c r="O6552" i="5"/>
  <c r="O3346" i="5"/>
  <c r="O7864" i="5"/>
  <c r="O6025" i="5"/>
  <c r="O145" i="5"/>
  <c r="O6877" i="5"/>
  <c r="O5020" i="5"/>
  <c r="O1994" i="5"/>
  <c r="O4516" i="5"/>
  <c r="O7368" i="5"/>
  <c r="O6196" i="5"/>
  <c r="O4501" i="5"/>
  <c r="O5861" i="5"/>
  <c r="O2677" i="5"/>
  <c r="O3337" i="5"/>
  <c r="O499" i="5"/>
  <c r="O7039" i="5"/>
  <c r="O2350" i="5"/>
  <c r="O3685" i="5"/>
  <c r="O8209" i="5"/>
  <c r="O5007" i="5"/>
  <c r="O3185" i="5"/>
  <c r="O6540" i="5"/>
  <c r="O5022" i="5"/>
  <c r="O636" i="5"/>
  <c r="O7711" i="5"/>
  <c r="O165" i="5"/>
  <c r="O8031" i="5"/>
  <c r="O7228" i="5"/>
  <c r="O1323" i="5"/>
  <c r="O476" i="5"/>
  <c r="O5369" i="5"/>
  <c r="O4526" i="5"/>
  <c r="O3329" i="5"/>
  <c r="O2993" i="5"/>
  <c r="O1327" i="5"/>
  <c r="O7714" i="5"/>
  <c r="O4529" i="5"/>
  <c r="O8709" i="5"/>
  <c r="O2861" i="5"/>
  <c r="O1829" i="5"/>
  <c r="O3993" i="5"/>
  <c r="O985" i="5"/>
  <c r="O2686" i="5"/>
  <c r="O8731" i="5"/>
  <c r="O7211" i="5"/>
  <c r="O1850" i="5"/>
  <c r="O4035" i="5"/>
  <c r="O8030" i="5"/>
  <c r="O5381" i="5"/>
  <c r="O1504" i="5"/>
  <c r="O2997" i="5"/>
  <c r="O6693" i="5"/>
  <c r="O341" i="5"/>
  <c r="O5348" i="5"/>
  <c r="O7721" i="5"/>
  <c r="O677" i="5"/>
  <c r="O3994" i="5"/>
  <c r="O5680" i="5"/>
  <c r="O5211" i="5"/>
  <c r="O8545" i="5"/>
  <c r="O8723" i="5"/>
  <c r="O4367" i="5"/>
  <c r="O6683" i="5"/>
  <c r="O5705" i="5"/>
  <c r="O3693" i="5"/>
  <c r="O5712" i="5"/>
  <c r="O6695" i="5"/>
  <c r="O668" i="5"/>
  <c r="O5021" i="5"/>
  <c r="O4693" i="5"/>
  <c r="O6870" i="5"/>
  <c r="O664" i="5"/>
  <c r="O8202" i="5"/>
  <c r="O3177" i="5"/>
  <c r="O3679" i="5"/>
  <c r="O4521" i="5"/>
  <c r="O5024" i="5"/>
  <c r="O2017" i="5"/>
  <c r="O1666" i="5"/>
  <c r="O6534" i="5"/>
  <c r="O1501" i="5"/>
  <c r="O6866" i="5"/>
  <c r="O4201" i="5"/>
  <c r="O1306" i="5"/>
  <c r="O5509" i="5"/>
  <c r="O3025" i="5"/>
  <c r="O1320" i="5"/>
  <c r="O641" i="5"/>
  <c r="O4498" i="5"/>
  <c r="O7551" i="5"/>
  <c r="O7694" i="5"/>
  <c r="O1677" i="5"/>
  <c r="O1978" i="5"/>
  <c r="O3166" i="5"/>
  <c r="O5885" i="5"/>
  <c r="O2695" i="5"/>
  <c r="O658" i="5"/>
  <c r="O8042" i="5"/>
  <c r="O7227" i="5"/>
  <c r="O142" i="5"/>
  <c r="O5042" i="5"/>
  <c r="O4347" i="5"/>
  <c r="O640" i="5"/>
  <c r="O3338" i="5"/>
  <c r="O6694" i="5"/>
  <c r="O8069" i="5"/>
  <c r="O5186" i="5"/>
  <c r="O6536" i="5"/>
  <c r="O7881" i="5"/>
  <c r="O4861" i="5"/>
  <c r="O2335" i="5"/>
  <c r="O8374" i="5"/>
  <c r="O1648" i="5"/>
  <c r="O5850" i="5"/>
  <c r="O7544" i="5"/>
  <c r="O2359" i="5"/>
  <c r="O2653" i="5"/>
  <c r="O1837" i="5"/>
  <c r="O1490" i="5"/>
  <c r="O5347" i="5"/>
  <c r="O7195" i="5"/>
  <c r="O8710" i="5"/>
  <c r="O7049" i="5"/>
  <c r="O829" i="5"/>
  <c r="O1003" i="5"/>
  <c r="O1686" i="5"/>
  <c r="O6556" i="5"/>
  <c r="O5524" i="5"/>
  <c r="O5045" i="5"/>
  <c r="O970" i="5"/>
  <c r="O6848" i="5"/>
  <c r="O8368" i="5"/>
  <c r="O5518" i="5"/>
  <c r="O4372" i="5"/>
  <c r="O2165" i="5"/>
  <c r="O8735" i="5"/>
  <c r="O5698" i="5"/>
  <c r="O3992" i="5"/>
  <c r="O2823" i="5"/>
  <c r="O6048" i="5"/>
  <c r="R34" i="2" a="1"/>
  <c r="R34" i="2" s="1"/>
  <c r="K19" i="3"/>
  <c r="O34" i="2" a="1"/>
  <c r="O34" i="2" s="1"/>
  <c r="K20" i="3" l="1"/>
</calcChain>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429E436C-E507-41AC-BAB4-C053AA474E48}" keepAlive="1" name="Query - Madrid" description="Connection to the 'Madrid' query in the workbook." type="5" refreshedVersion="0" background="1" saveData="1">
    <dbPr connection="Provider=Microsoft.Mashup.OleDb.1;Data Source=$Workbook$;Location=Madrid;Extended Properties=&quot;&quot;" command="SELECT * FROM [Madrid]"/>
  </connection>
  <connection id="2" xr16:uid="{6BFADFFB-80F6-4E4C-B74E-D89380CACF51}" keepAlive="1" name="Query - TG_SOUID100138" description="Connection to the 'TG_SOUID100138' query in the workbook." type="5" refreshedVersion="0" background="1" saveData="1">
    <dbPr connection="Provider=Microsoft.Mashup.OleDb.1;Data Source=$Workbook$;Location=TG_SOUID100138;Extended Properties=&quot;&quot;" command="SELECT * FROM [TG_SOUID100138]"/>
  </connection>
  <connection id="3" xr16:uid="{E85619BC-8832-4A1E-8123-ED68D962C180}" keepAlive="1" name="Query - TG_SOUID102222" description="Connection to the 'TG_SOUID102222' query in the workbook." type="5" refreshedVersion="0" background="1" saveData="1">
    <dbPr connection="Provider=Microsoft.Mashup.OleDb.1;Data Source=$Workbook$;Location=TG_SOUID102222;Extended Properties=&quot;&quot;" command="SELECT * FROM [TG_SOUID102222]"/>
  </connection>
  <connection id="4" xr16:uid="{3FDDB0E4-1FD6-4B37-9498-39FC4015C031}" keepAlive="1" name="Query - TG_SOUID111417" description="Connection to the 'TG_SOUID111417' query in the workbook." type="5" refreshedVersion="0" background="1" saveData="1">
    <dbPr connection="Provider=Microsoft.Mashup.OleDb.1;Data Source=$Workbook$;Location=TG_SOUID111417;Extended Properties=&quot;&quot;" command="SELECT * FROM [TG_SOUID111417]"/>
  </connection>
  <connection id="5" xr16:uid="{17F0C5D3-2A28-4E8D-8879-0214349060CE}" keepAlive="1" name="Query - Trondheim" description="Connection to the 'Trondheim' query in the workbook." type="5" refreshedVersion="0" background="1" saveData="1">
    <dbPr connection="Provider=Microsoft.Mashup.OleDb.1;Data Source=$Workbook$;Location=Trondheim;Extended Properties=&quot;&quot;" command="SELECT * FROM [Trondheim]"/>
  </connection>
  <connection id="6" xr16:uid="{7A205447-D90F-45EE-BC64-778498EF6547}" keepAlive="1" name="Query - Vienna" description="Connection to the 'Vienna' query in the workbook." type="5" refreshedVersion="0" background="1" saveData="1">
    <dbPr connection="Provider=Microsoft.Mashup.OleDb.1;Data Source=$Workbook$;Location=Vienna;Extended Properties=&quot;&quot;" command="SELECT * FROM [Vienna]"/>
  </connection>
</connections>
</file>

<file path=xl/metadata.xml><?xml version="1.0" encoding="utf-8"?>
<metadata xmlns="http://schemas.openxmlformats.org/spreadsheetml/2006/main" xmlns:xlrd="http://schemas.microsoft.com/office/spreadsheetml/2017/richdata"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300" uniqueCount="151">
  <si>
    <t>Linear regregression paramaters for weekends and holidays:</t>
  </si>
  <si>
    <t>b_h</t>
  </si>
  <si>
    <t>m_h</t>
  </si>
  <si>
    <t>b_w</t>
  </si>
  <si>
    <t>m_w</t>
  </si>
  <si>
    <t>t_hl</t>
  </si>
  <si>
    <t>Linear regregression paramaters for working days:</t>
  </si>
  <si>
    <t>Date</t>
  </si>
  <si>
    <t>Mean daily ambient Temperature in °C</t>
  </si>
  <si>
    <t>Weekday</t>
  </si>
  <si>
    <t>1-shift</t>
  </si>
  <si>
    <t>Cluster</t>
  </si>
  <si>
    <t>working days</t>
  </si>
  <si>
    <t>weekends</t>
  </si>
  <si>
    <r>
      <t>b</t>
    </r>
    <r>
      <rPr>
        <vertAlign val="subscript"/>
        <sz val="11"/>
        <color theme="1"/>
        <rFont val="Calibri"/>
        <family val="2"/>
        <scheme val="minor"/>
      </rPr>
      <t>0</t>
    </r>
  </si>
  <si>
    <r>
      <t>b</t>
    </r>
    <r>
      <rPr>
        <vertAlign val="subscript"/>
        <sz val="11"/>
        <color theme="1"/>
        <rFont val="Calibri"/>
        <family val="2"/>
        <scheme val="minor"/>
      </rPr>
      <t>1</t>
    </r>
  </si>
  <si>
    <r>
      <t>b</t>
    </r>
    <r>
      <rPr>
        <vertAlign val="subscript"/>
        <sz val="11"/>
        <color theme="1"/>
        <rFont val="Calibri"/>
        <family val="2"/>
        <scheme val="minor"/>
      </rPr>
      <t>2</t>
    </r>
  </si>
  <si>
    <r>
      <t>b</t>
    </r>
    <r>
      <rPr>
        <vertAlign val="subscript"/>
        <sz val="11"/>
        <color theme="1"/>
        <rFont val="Calibri"/>
        <family val="2"/>
        <scheme val="minor"/>
      </rPr>
      <t>3</t>
    </r>
  </si>
  <si>
    <r>
      <t>b</t>
    </r>
    <r>
      <rPr>
        <vertAlign val="subscript"/>
        <sz val="11"/>
        <color theme="1"/>
        <rFont val="Calibri"/>
        <family val="2"/>
        <scheme val="minor"/>
      </rPr>
      <t>4</t>
    </r>
  </si>
  <si>
    <t>blend</t>
  </si>
  <si>
    <r>
      <t>m</t>
    </r>
    <r>
      <rPr>
        <vertAlign val="subscript"/>
        <sz val="11"/>
        <color theme="1"/>
        <rFont val="Calibri"/>
        <family val="2"/>
        <scheme val="minor"/>
      </rPr>
      <t>0</t>
    </r>
  </si>
  <si>
    <r>
      <t>m</t>
    </r>
    <r>
      <rPr>
        <vertAlign val="subscript"/>
        <sz val="11"/>
        <color theme="1"/>
        <rFont val="Calibri"/>
        <family val="2"/>
        <scheme val="minor"/>
      </rPr>
      <t>1</t>
    </r>
  </si>
  <si>
    <r>
      <t>m</t>
    </r>
    <r>
      <rPr>
        <vertAlign val="subscript"/>
        <sz val="11"/>
        <color theme="1"/>
        <rFont val="Calibri"/>
        <family val="2"/>
        <scheme val="minor"/>
      </rPr>
      <t>2</t>
    </r>
  </si>
  <si>
    <r>
      <t>m</t>
    </r>
    <r>
      <rPr>
        <vertAlign val="subscript"/>
        <sz val="11"/>
        <color theme="1"/>
        <rFont val="Calibri"/>
        <family val="2"/>
        <scheme val="minor"/>
      </rPr>
      <t>3</t>
    </r>
  </si>
  <si>
    <r>
      <t>m</t>
    </r>
    <r>
      <rPr>
        <vertAlign val="subscript"/>
        <sz val="11"/>
        <color theme="1"/>
        <rFont val="Calibri"/>
        <family val="2"/>
        <scheme val="minor"/>
      </rPr>
      <t>4</t>
    </r>
  </si>
  <si>
    <r>
      <t>Q</t>
    </r>
    <r>
      <rPr>
        <b/>
        <vertAlign val="subscript"/>
        <sz val="11"/>
        <color theme="1"/>
        <rFont val="Calibri"/>
        <family val="2"/>
        <scheme val="minor"/>
      </rPr>
      <t>norm,day1</t>
    </r>
  </si>
  <si>
    <r>
      <t>Q</t>
    </r>
    <r>
      <rPr>
        <b/>
        <vertAlign val="subscript"/>
        <sz val="11"/>
        <color theme="1"/>
        <rFont val="Calibri"/>
        <family val="2"/>
        <scheme val="minor"/>
      </rPr>
      <t>norm,day2</t>
    </r>
  </si>
  <si>
    <r>
      <t>Q</t>
    </r>
    <r>
      <rPr>
        <b/>
        <vertAlign val="subscript"/>
        <sz val="11"/>
        <color theme="1"/>
        <rFont val="Calibri"/>
        <family val="2"/>
        <scheme val="minor"/>
      </rPr>
      <t>norm,day3</t>
    </r>
  </si>
  <si>
    <r>
      <t>Q</t>
    </r>
    <r>
      <rPr>
        <b/>
        <vertAlign val="subscript"/>
        <sz val="11"/>
        <color theme="1"/>
        <rFont val="Calibri"/>
        <family val="2"/>
        <scheme val="minor"/>
      </rPr>
      <t>norm,day4</t>
    </r>
  </si>
  <si>
    <r>
      <t>Q</t>
    </r>
    <r>
      <rPr>
        <b/>
        <vertAlign val="subscript"/>
        <sz val="11"/>
        <color theme="1"/>
        <rFont val="Calibri"/>
        <family val="2"/>
        <scheme val="minor"/>
      </rPr>
      <t>day,0</t>
    </r>
  </si>
  <si>
    <r>
      <t>Q</t>
    </r>
    <r>
      <rPr>
        <b/>
        <vertAlign val="subscript"/>
        <sz val="11"/>
        <color theme="1"/>
        <rFont val="Calibri"/>
        <family val="2"/>
        <scheme val="minor"/>
      </rPr>
      <t>norm,day,0</t>
    </r>
  </si>
  <si>
    <r>
      <t>Q</t>
    </r>
    <r>
      <rPr>
        <b/>
        <vertAlign val="subscript"/>
        <sz val="11"/>
        <color theme="1"/>
        <rFont val="Calibri"/>
        <family val="2"/>
        <scheme val="minor"/>
      </rPr>
      <t>day,tot</t>
    </r>
    <r>
      <rPr>
        <b/>
        <sz val="11"/>
        <color theme="1"/>
        <rFont val="Calibri"/>
        <family val="2"/>
        <scheme val="minor"/>
      </rPr>
      <t xml:space="preserve"> [Q/d]</t>
    </r>
  </si>
  <si>
    <t>T1</t>
  </si>
  <si>
    <t>T2</t>
  </si>
  <si>
    <t>T3</t>
  </si>
  <si>
    <t>T4</t>
  </si>
  <si>
    <t>T5</t>
  </si>
  <si>
    <r>
      <t>Q</t>
    </r>
    <r>
      <rPr>
        <b/>
        <vertAlign val="subscript"/>
        <sz val="11"/>
        <color theme="1"/>
        <rFont val="Calibri"/>
        <family val="2"/>
        <scheme val="minor"/>
      </rPr>
      <t>day,1</t>
    </r>
  </si>
  <si>
    <r>
      <t>Q</t>
    </r>
    <r>
      <rPr>
        <b/>
        <vertAlign val="subscript"/>
        <sz val="11"/>
        <color theme="1"/>
        <rFont val="Calibri"/>
        <family val="2"/>
        <scheme val="minor"/>
      </rPr>
      <t>day,2</t>
    </r>
  </si>
  <si>
    <r>
      <t>Q</t>
    </r>
    <r>
      <rPr>
        <b/>
        <vertAlign val="subscript"/>
        <sz val="11"/>
        <color theme="1"/>
        <rFont val="Calibri"/>
        <family val="2"/>
        <scheme val="minor"/>
      </rPr>
      <t>day,3</t>
    </r>
  </si>
  <si>
    <r>
      <t>Q</t>
    </r>
    <r>
      <rPr>
        <b/>
        <vertAlign val="subscript"/>
        <sz val="11"/>
        <color theme="1"/>
        <rFont val="Calibri"/>
        <family val="2"/>
        <scheme val="minor"/>
      </rPr>
      <t>day,4</t>
    </r>
  </si>
  <si>
    <t>2-shift</t>
  </si>
  <si>
    <t>3-shift</t>
  </si>
  <si>
    <t>1-shift 
base</t>
  </si>
  <si>
    <t>Hours</t>
  </si>
  <si>
    <t>Days</t>
  </si>
  <si>
    <t>Q1</t>
  </si>
  <si>
    <t>Q2</t>
  </si>
  <si>
    <t>Q3</t>
  </si>
  <si>
    <t>Q4</t>
  </si>
  <si>
    <t>Q0</t>
  </si>
  <si>
    <t>Reference Year:</t>
  </si>
  <si>
    <t>Time and Date</t>
  </si>
  <si>
    <t xml:space="preserve">Heat Demand Profiles for export: </t>
  </si>
  <si>
    <t>Daily Resolution</t>
  </si>
  <si>
    <t>-</t>
  </si>
  <si>
    <t>shifts</t>
  </si>
  <si>
    <t>Hourly Resolution</t>
  </si>
  <si>
    <t>Hour</t>
  </si>
  <si>
    <t>Day</t>
  </si>
  <si>
    <t>Trondheim 2023</t>
  </si>
  <si>
    <t>Trondheim 2022</t>
  </si>
  <si>
    <t>Madrid 2023</t>
  </si>
  <si>
    <t>Temperature Profile:</t>
  </si>
  <si>
    <t>Temperature Profiles</t>
  </si>
  <si>
    <t>Vienna 2023</t>
  </si>
  <si>
    <t>Yearly Demand:</t>
  </si>
  <si>
    <t>weekend scaling factor</t>
  </si>
  <si>
    <t>Excess Heat</t>
  </si>
  <si>
    <t>Demand</t>
  </si>
  <si>
    <t>Temperature Level</t>
  </si>
  <si>
    <t>Total Excess Heat</t>
  </si>
  <si>
    <t>Representative Week</t>
  </si>
  <si>
    <t>to</t>
  </si>
  <si>
    <t>Ambient Temperature</t>
  </si>
  <si>
    <t>Heat Demand wd (normalized)</t>
  </si>
  <si>
    <t>Cluster 0</t>
  </si>
  <si>
    <t>Cluster 1</t>
  </si>
  <si>
    <t>Cluster 2</t>
  </si>
  <si>
    <t>Cluster 3</t>
  </si>
  <si>
    <t>Temperature Distribution</t>
  </si>
  <si>
    <t>C</t>
  </si>
  <si>
    <t>T</t>
  </si>
  <si>
    <t>Temperature-Cluster Distribution - working days</t>
  </si>
  <si>
    <t>Temperature-Cluster Distribution - weekends days</t>
  </si>
  <si>
    <t>Weekend</t>
  </si>
  <si>
    <t>RELATIVE</t>
  </si>
  <si>
    <t>ABSOLUTE</t>
  </si>
  <si>
    <t>T1, C3</t>
  </si>
  <si>
    <t>T2, C3</t>
  </si>
  <si>
    <t>T2, C2</t>
  </si>
  <si>
    <t>T3, C1</t>
  </si>
  <si>
    <t>T4, C1</t>
  </si>
  <si>
    <t>T5, C0</t>
  </si>
  <si>
    <t>T4, C0</t>
  </si>
  <si>
    <t>T1, C0</t>
  </si>
  <si>
    <t>T1, C1</t>
  </si>
  <si>
    <t>T1, C2</t>
  </si>
  <si>
    <t>T2, C0</t>
  </si>
  <si>
    <t>T2, C1</t>
  </si>
  <si>
    <t>T3, C0</t>
  </si>
  <si>
    <t>T3, C2</t>
  </si>
  <si>
    <t>T3, C3</t>
  </si>
  <si>
    <t>T4, C2</t>
  </si>
  <si>
    <t>T4, C3</t>
  </si>
  <si>
    <t>T5, C1</t>
  </si>
  <si>
    <t>T5, C2</t>
  </si>
  <si>
    <t>T5, C3</t>
  </si>
  <si>
    <t>weekends and holidays</t>
  </si>
  <si>
    <t>T1, C4</t>
  </si>
  <si>
    <t>T2, C4</t>
  </si>
  <si>
    <t>T3, C4</t>
  </si>
  <si>
    <t>T4, C4</t>
  </si>
  <si>
    <t>T5, C4</t>
  </si>
  <si>
    <t>Default Settings</t>
  </si>
  <si>
    <t>Food, Beverages and Tobacco</t>
  </si>
  <si>
    <t>Machinery and transport</t>
  </si>
  <si>
    <t>Non-ferrous metals</t>
  </si>
  <si>
    <t>Other Industry</t>
  </si>
  <si>
    <t>Basic Chemicals</t>
  </si>
  <si>
    <t>Non-metallic minerals</t>
  </si>
  <si>
    <t>Pulp and Paper</t>
  </si>
  <si>
    <t>Iron and Steel</t>
  </si>
  <si>
    <t>&lt; 100</t>
  </si>
  <si>
    <t>100 - 200</t>
  </si>
  <si>
    <t>200 - 500</t>
  </si>
  <si>
    <t>&gt; 500</t>
  </si>
  <si>
    <t>Industry Sector</t>
  </si>
  <si>
    <t>Manufacture of food products</t>
  </si>
  <si>
    <t>Manufacture of paper and paper products</t>
  </si>
  <si>
    <t>Manufacture of chemicals and chemical products</t>
  </si>
  <si>
    <t>Manufacture of non-metallic mineral products</t>
  </si>
  <si>
    <t>Manufacture of basic metals</t>
  </si>
  <si>
    <t>Manufacture of machinery and equipment</t>
  </si>
  <si>
    <t>Rehfeldt</t>
  </si>
  <si>
    <t>Jesper</t>
  </si>
  <si>
    <t>Bühler</t>
  </si>
  <si>
    <t>scaled</t>
  </si>
  <si>
    <t>Weekend scaling factor</t>
  </si>
  <si>
    <t>Custom</t>
  </si>
  <si>
    <t>select "Custom" to use the values in this box
Otherwise, standard load profiles will be used</t>
  </si>
  <si>
    <t>SLP</t>
  </si>
  <si>
    <t>Relative Excess Heat production</t>
  </si>
  <si>
    <t>Excess Heat Temperature Level</t>
  </si>
  <si>
    <t>MAIN INPUT</t>
  </si>
  <si>
    <t>EXCESS HEAT</t>
  </si>
  <si>
    <t>Custom Profile</t>
  </si>
  <si>
    <t>Selected Standard Load Profile</t>
  </si>
  <si>
    <t>Temperature-Cluster Distribution Figure</t>
  </si>
  <si>
    <t>Representative week number (for figure below):</t>
  </si>
  <si>
    <r>
      <t xml:space="preserve">This tool is based on two publications: 
</t>
    </r>
    <r>
      <rPr>
        <b/>
        <sz val="11"/>
        <color theme="1"/>
        <rFont val="Calibri"/>
        <family val="2"/>
        <scheme val="minor"/>
      </rPr>
      <t>Mateo Jesper</t>
    </r>
    <r>
      <rPr>
        <sz val="11"/>
        <color theme="1"/>
        <rFont val="Calibri"/>
        <family val="2"/>
        <scheme val="minor"/>
      </rPr>
      <t xml:space="preserve">, Felix Pag, Klaus Vajen, Ulrike Jordan,
Annual Industrial and Commercial Heat Load Profiles: Modeling Based on k-Means Clustering and Regression Analysis,
Energy Conversion and Management: X, Volume 10, 2021, 100085, ISSN 2590-1745,
https://doi.org/10.1016/j.ecmx.2021.100085.
</t>
    </r>
    <r>
      <rPr>
        <b/>
        <sz val="11"/>
        <color theme="1"/>
        <rFont val="Calibri"/>
        <family val="2"/>
        <scheme val="minor"/>
      </rPr>
      <t>Fabian Bühler</t>
    </r>
    <r>
      <rPr>
        <sz val="11"/>
        <color theme="1"/>
        <rFont val="Calibri"/>
        <family val="2"/>
        <scheme val="minor"/>
      </rPr>
      <t xml:space="preserve">, Stefan Petrović, Fridolin Müller Holm, Kenneth Karlsson, Brian Elmegaard,
Spatiotemporal and economic analysis of industrial excess heat as a resource for district heating, 
Energy, Volume 151, 2018, Pages 715-728, ISSN 0360-5442,
https://doi.org/10.1016/j.energy.2018.03.059
On the "Input"-sheet you can enter the information necessary to generate custom heat demand profiles by selecting the preset "Custom". The parameters for the othe standard load profiles can be found on the sheet "Standard Load Profile Parameters" Some general information about the use of this tool: 
- Clusters 0 to 4 are based on linear regressions that are to a varying degree dependent on ambient temperature (see Figure 2). They can be used to represent various temperature levels in the heat demand; cluster 0 representing higher temperature heat demand than cluster 4 (for more information on these clusters see Jesper et al. (2021)). The tables to the right stem from Jesper et al. (2021) and can give an indication as to which cluster-blends may represent a specific type of industry. The clusters are separated into workday- and weekend-clusters.
- When combining multiple clusters in the input-tab, the user can enter percentages to indicate the relative contribution of one cluster to the overall heat demand. As these numbers are relative to the overall heat demand, </t>
    </r>
    <r>
      <rPr>
        <b/>
        <sz val="11"/>
        <color theme="1"/>
        <rFont val="Calibri"/>
        <family val="2"/>
        <scheme val="minor"/>
      </rPr>
      <t>it is not necessary to provide percentages that add up to 100 %</t>
    </r>
    <r>
      <rPr>
        <sz val="11"/>
        <color theme="1"/>
        <rFont val="Calibri"/>
        <family val="2"/>
        <scheme val="minor"/>
      </rPr>
      <t xml:space="preserve">. 
- The weekly demand profiles are based on Bühler et al. (2018) and represent the hourly variation of heat demand in the course of one week, depending on the operation of the industrial site. </t>
    </r>
    <r>
      <rPr>
        <b/>
        <sz val="11"/>
        <color theme="1"/>
        <rFont val="Calibri"/>
        <family val="2"/>
        <scheme val="minor"/>
      </rPr>
      <t xml:space="preserve">The profile "1-shift" is not recommended for use in combination with weekend-clusters. </t>
    </r>
    <r>
      <rPr>
        <sz val="11"/>
        <color theme="1"/>
        <rFont val="Calibri"/>
        <family val="2"/>
        <scheme val="minor"/>
      </rPr>
      <t xml:space="preserve">This is due to the fact that this profile does not include heat demand on the weekends, which can lead to discrepancies in the specified and output total consumption. 
- The final heat demand profiles as well as excess heat availability profiles can be copied from the sheet "Output"
- The share of each temperature level in the total demand is entered as a percentage. </t>
    </r>
    <r>
      <rPr>
        <b/>
        <sz val="11"/>
        <color theme="1"/>
        <rFont val="Calibri"/>
        <family val="2"/>
        <scheme val="minor"/>
      </rPr>
      <t xml:space="preserve">Here, it is important that percentages add up to 100 %. </t>
    </r>
    <r>
      <rPr>
        <sz val="11"/>
        <color theme="1"/>
        <rFont val="Calibri"/>
        <family val="2"/>
        <scheme val="minor"/>
      </rPr>
      <t xml:space="preserve">Values for the temperature level distribution can be found in Rehfeldt et al. (2018).
</t>
    </r>
    <r>
      <rPr>
        <b/>
        <sz val="11"/>
        <color theme="1"/>
        <rFont val="Calibri"/>
        <family val="2"/>
        <scheme val="minor"/>
      </rPr>
      <t>Rehfeldt, M</t>
    </r>
    <r>
      <rPr>
        <sz val="11"/>
        <color theme="1"/>
        <rFont val="Calibri"/>
        <family val="2"/>
        <scheme val="minor"/>
      </rPr>
      <t xml:space="preserve">., Fleiter, T. &amp; Toro, F. 
A bottom-up estimation of the heating and cooling demand in European industry. 
Energy Efficiency 11, 1057–1082 (2018). 
https://doi.org/10.1007/s12053-017-9571-y
</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3">
    <numFmt numFmtId="43" formatCode="_-* #,##0.00_-;\-* #,##0.00_-;_-* &quot;-&quot;??_-;_-@_-"/>
    <numFmt numFmtId="165" formatCode="0.0\ %"/>
    <numFmt numFmtId="166" formatCode="0.0"/>
  </numFmts>
  <fonts count="20" x14ac:knownFonts="1">
    <font>
      <sz val="11"/>
      <color theme="1"/>
      <name val="Calibri"/>
      <family val="2"/>
      <scheme val="minor"/>
    </font>
    <font>
      <sz val="12"/>
      <color theme="1"/>
      <name val="Calibri"/>
      <family val="2"/>
      <scheme val="minor"/>
    </font>
    <font>
      <sz val="11"/>
      <color theme="1"/>
      <name val="Calibri"/>
      <family val="2"/>
      <scheme val="minor"/>
    </font>
    <font>
      <b/>
      <sz val="11"/>
      <color theme="1"/>
      <name val="Calibri"/>
      <family val="2"/>
      <scheme val="minor"/>
    </font>
    <font>
      <sz val="11"/>
      <color theme="1"/>
      <name val="Calibri"/>
      <family val="2"/>
    </font>
    <font>
      <b/>
      <sz val="11"/>
      <color rgb="FF000000"/>
      <name val="Calibri"/>
      <family val="2"/>
    </font>
    <font>
      <b/>
      <vertAlign val="subscript"/>
      <sz val="11"/>
      <color theme="1"/>
      <name val="Calibri"/>
      <family val="2"/>
      <scheme val="minor"/>
    </font>
    <font>
      <vertAlign val="subscript"/>
      <sz val="11"/>
      <color theme="1"/>
      <name val="Calibri"/>
      <family val="2"/>
      <scheme val="minor"/>
    </font>
    <font>
      <i/>
      <sz val="11"/>
      <color theme="1"/>
      <name val="Calibri"/>
      <family val="2"/>
      <scheme val="minor"/>
    </font>
    <font>
      <b/>
      <sz val="14"/>
      <color theme="1"/>
      <name val="Calibri"/>
      <family val="2"/>
      <scheme val="minor"/>
    </font>
    <font>
      <sz val="8"/>
      <name val="Calibri"/>
      <family val="2"/>
      <scheme val="minor"/>
    </font>
    <font>
      <i/>
      <u/>
      <sz val="11"/>
      <color theme="8"/>
      <name val="Calibri"/>
      <family val="2"/>
      <scheme val="minor"/>
    </font>
    <font>
      <sz val="9"/>
      <color theme="1"/>
      <name val="Calibri"/>
      <family val="2"/>
      <scheme val="minor"/>
    </font>
    <font>
      <b/>
      <u/>
      <sz val="11"/>
      <color theme="1"/>
      <name val="Calibri"/>
      <family val="2"/>
      <scheme val="minor"/>
    </font>
    <font>
      <b/>
      <u/>
      <sz val="12"/>
      <color theme="1"/>
      <name val="Calibri"/>
      <family val="2"/>
      <scheme val="minor"/>
    </font>
    <font>
      <u/>
      <sz val="11"/>
      <color theme="1"/>
      <name val="Calibri"/>
      <family val="2"/>
      <scheme val="minor"/>
    </font>
    <font>
      <u val="double"/>
      <sz val="11"/>
      <color theme="1"/>
      <name val="Calibri"/>
      <family val="2"/>
      <scheme val="minor"/>
    </font>
    <font>
      <b/>
      <i/>
      <u/>
      <sz val="12"/>
      <color theme="8"/>
      <name val="Calibri"/>
      <family val="2"/>
      <scheme val="minor"/>
    </font>
    <font>
      <b/>
      <u/>
      <sz val="14"/>
      <color theme="1"/>
      <name val="Calibri"/>
      <family val="2"/>
      <scheme val="minor"/>
    </font>
    <font>
      <i/>
      <sz val="10"/>
      <color theme="1"/>
      <name val="Calibri"/>
      <family val="2"/>
      <scheme val="minor"/>
    </font>
  </fonts>
  <fills count="5">
    <fill>
      <patternFill patternType="none"/>
    </fill>
    <fill>
      <patternFill patternType="gray125"/>
    </fill>
    <fill>
      <patternFill patternType="solid">
        <fgColor theme="0"/>
        <bgColor indexed="64"/>
      </patternFill>
    </fill>
    <fill>
      <patternFill patternType="solid">
        <fgColor theme="7" tint="0.79998168889431442"/>
        <bgColor indexed="64"/>
      </patternFill>
    </fill>
    <fill>
      <patternFill patternType="solid">
        <fgColor theme="4"/>
        <bgColor indexed="64"/>
      </patternFill>
    </fill>
  </fills>
  <borders count="54">
    <border>
      <left/>
      <right/>
      <top/>
      <bottom/>
      <diagonal/>
    </border>
    <border>
      <left style="thin">
        <color auto="1"/>
      </left>
      <right style="thin">
        <color auto="1"/>
      </right>
      <top style="thin">
        <color auto="1"/>
      </top>
      <bottom style="thin">
        <color auto="1"/>
      </bottom>
      <diagonal/>
    </border>
    <border>
      <left style="thin">
        <color auto="1"/>
      </left>
      <right/>
      <top style="thin">
        <color auto="1"/>
      </top>
      <bottom style="thin">
        <color auto="1"/>
      </bottom>
      <diagonal/>
    </border>
    <border>
      <left/>
      <right/>
      <top style="thin">
        <color auto="1"/>
      </top>
      <bottom style="thin">
        <color auto="1"/>
      </bottom>
      <diagonal/>
    </border>
    <border>
      <left/>
      <right style="thin">
        <color auto="1"/>
      </right>
      <top style="thin">
        <color auto="1"/>
      </top>
      <bottom style="thin">
        <color auto="1"/>
      </bottom>
      <diagonal/>
    </border>
    <border>
      <left style="medium">
        <color indexed="64"/>
      </left>
      <right style="medium">
        <color indexed="64"/>
      </right>
      <top style="medium">
        <color indexed="64"/>
      </top>
      <bottom/>
      <diagonal/>
    </border>
    <border>
      <left style="medium">
        <color indexed="64"/>
      </left>
      <right style="medium">
        <color indexed="64"/>
      </right>
      <top style="medium">
        <color indexed="64"/>
      </top>
      <bottom style="medium">
        <color indexed="64"/>
      </bottom>
      <diagonal/>
    </border>
    <border>
      <left style="medium">
        <color indexed="64"/>
      </left>
      <right/>
      <top style="medium">
        <color indexed="64"/>
      </top>
      <bottom/>
      <diagonal/>
    </border>
    <border>
      <left style="medium">
        <color indexed="64"/>
      </left>
      <right style="medium">
        <color indexed="64"/>
      </right>
      <top style="medium">
        <color indexed="64"/>
      </top>
      <bottom style="thin">
        <color auto="1"/>
      </bottom>
      <diagonal/>
    </border>
    <border>
      <left style="medium">
        <color indexed="64"/>
      </left>
      <right style="medium">
        <color indexed="64"/>
      </right>
      <top style="thin">
        <color auto="1"/>
      </top>
      <bottom style="thin">
        <color auto="1"/>
      </bottom>
      <diagonal/>
    </border>
    <border>
      <left style="medium">
        <color indexed="64"/>
      </left>
      <right style="medium">
        <color indexed="64"/>
      </right>
      <top/>
      <bottom/>
      <diagonal/>
    </border>
    <border>
      <left style="medium">
        <color indexed="64"/>
      </left>
      <right/>
      <top/>
      <bottom/>
      <diagonal/>
    </border>
    <border>
      <left style="medium">
        <color indexed="64"/>
      </left>
      <right style="medium">
        <color indexed="64"/>
      </right>
      <top style="thin">
        <color auto="1"/>
      </top>
      <bottom style="medium">
        <color indexed="64"/>
      </bottom>
      <diagonal/>
    </border>
    <border>
      <left style="medium">
        <color indexed="64"/>
      </left>
      <right style="medium">
        <color indexed="64"/>
      </right>
      <top/>
      <bottom style="medium">
        <color indexed="64"/>
      </bottom>
      <diagonal/>
    </border>
    <border>
      <left style="medium">
        <color indexed="64"/>
      </left>
      <right/>
      <top/>
      <bottom style="medium">
        <color indexed="64"/>
      </bottom>
      <diagonal/>
    </border>
    <border>
      <left/>
      <right/>
      <top style="medium">
        <color indexed="64"/>
      </top>
      <bottom style="medium">
        <color indexed="64"/>
      </bottom>
      <diagonal/>
    </border>
    <border>
      <left/>
      <right/>
      <top style="medium">
        <color indexed="64"/>
      </top>
      <bottom/>
      <diagonal/>
    </border>
    <border>
      <left/>
      <right/>
      <top/>
      <bottom style="medium">
        <color indexed="64"/>
      </bottom>
      <diagonal/>
    </border>
    <border>
      <left style="medium">
        <color indexed="64"/>
      </left>
      <right/>
      <top style="medium">
        <color indexed="64"/>
      </top>
      <bottom style="medium">
        <color indexed="64"/>
      </bottom>
      <diagonal/>
    </border>
    <border>
      <left/>
      <right style="medium">
        <color indexed="64"/>
      </right>
      <top style="medium">
        <color indexed="64"/>
      </top>
      <bottom/>
      <diagonal/>
    </border>
    <border>
      <left/>
      <right style="medium">
        <color indexed="64"/>
      </right>
      <top/>
      <bottom/>
      <diagonal/>
    </border>
    <border>
      <left/>
      <right style="medium">
        <color indexed="64"/>
      </right>
      <top/>
      <bottom style="medium">
        <color indexed="64"/>
      </bottom>
      <diagonal/>
    </border>
    <border>
      <left style="thin">
        <color indexed="64"/>
      </left>
      <right/>
      <top/>
      <bottom/>
      <diagonal/>
    </border>
    <border>
      <left/>
      <right style="thin">
        <color indexed="64"/>
      </right>
      <top/>
      <bottom/>
      <diagonal/>
    </border>
    <border>
      <left style="thin">
        <color indexed="64"/>
      </left>
      <right style="thin">
        <color indexed="64"/>
      </right>
      <top/>
      <bottom/>
      <diagonal/>
    </border>
    <border>
      <left style="medium">
        <color indexed="64"/>
      </left>
      <right style="thin">
        <color indexed="64"/>
      </right>
      <top style="medium">
        <color indexed="64"/>
      </top>
      <bottom/>
      <diagonal/>
    </border>
    <border>
      <left style="thin">
        <color indexed="64"/>
      </left>
      <right/>
      <top style="medium">
        <color indexed="64"/>
      </top>
      <bottom/>
      <diagonal/>
    </border>
    <border>
      <left/>
      <right style="thin">
        <color indexed="64"/>
      </right>
      <top style="medium">
        <color indexed="64"/>
      </top>
      <bottom/>
      <diagonal/>
    </border>
    <border>
      <left style="thin">
        <color indexed="64"/>
      </left>
      <right style="thin">
        <color indexed="64"/>
      </right>
      <top style="medium">
        <color indexed="64"/>
      </top>
      <bottom/>
      <diagonal/>
    </border>
    <border>
      <left style="thin">
        <color indexed="64"/>
      </left>
      <right style="medium">
        <color indexed="64"/>
      </right>
      <top style="medium">
        <color indexed="64"/>
      </top>
      <bottom/>
      <diagonal/>
    </border>
    <border>
      <left style="medium">
        <color indexed="64"/>
      </left>
      <right style="thin">
        <color indexed="64"/>
      </right>
      <top/>
      <bottom/>
      <diagonal/>
    </border>
    <border>
      <left style="thin">
        <color indexed="64"/>
      </left>
      <right style="medium">
        <color indexed="64"/>
      </right>
      <top/>
      <bottom/>
      <diagonal/>
    </border>
    <border>
      <left style="medium">
        <color indexed="64"/>
      </left>
      <right style="thin">
        <color indexed="64"/>
      </right>
      <top/>
      <bottom style="medium">
        <color indexed="64"/>
      </bottom>
      <diagonal/>
    </border>
    <border>
      <left style="thin">
        <color indexed="64"/>
      </left>
      <right/>
      <top/>
      <bottom style="medium">
        <color indexed="64"/>
      </bottom>
      <diagonal/>
    </border>
    <border>
      <left/>
      <right style="thin">
        <color indexed="64"/>
      </right>
      <top/>
      <bottom style="medium">
        <color indexed="64"/>
      </bottom>
      <diagonal/>
    </border>
    <border>
      <left style="thin">
        <color indexed="64"/>
      </left>
      <right style="thin">
        <color indexed="64"/>
      </right>
      <top/>
      <bottom style="medium">
        <color indexed="64"/>
      </bottom>
      <diagonal/>
    </border>
    <border>
      <left style="thin">
        <color indexed="64"/>
      </left>
      <right style="medium">
        <color indexed="64"/>
      </right>
      <top/>
      <bottom style="medium">
        <color indexed="64"/>
      </bottom>
      <diagonal/>
    </border>
    <border>
      <left/>
      <right style="medium">
        <color indexed="64"/>
      </right>
      <top style="medium">
        <color indexed="64"/>
      </top>
      <bottom style="medium">
        <color indexed="64"/>
      </bottom>
      <diagonal/>
    </border>
    <border>
      <left style="medium">
        <color indexed="64"/>
      </left>
      <right style="thin">
        <color auto="1"/>
      </right>
      <top style="thin">
        <color auto="1"/>
      </top>
      <bottom style="thin">
        <color auto="1"/>
      </bottom>
      <diagonal/>
    </border>
    <border>
      <left style="thin">
        <color auto="1"/>
      </left>
      <right style="medium">
        <color indexed="64"/>
      </right>
      <top style="thin">
        <color auto="1"/>
      </top>
      <bottom style="thin">
        <color auto="1"/>
      </bottom>
      <diagonal/>
    </border>
    <border>
      <left style="medium">
        <color indexed="64"/>
      </left>
      <right style="thin">
        <color auto="1"/>
      </right>
      <top style="thin">
        <color auto="1"/>
      </top>
      <bottom style="medium">
        <color indexed="64"/>
      </bottom>
      <diagonal/>
    </border>
    <border>
      <left style="thin">
        <color auto="1"/>
      </left>
      <right style="thin">
        <color auto="1"/>
      </right>
      <top style="thin">
        <color auto="1"/>
      </top>
      <bottom style="medium">
        <color indexed="64"/>
      </bottom>
      <diagonal/>
    </border>
    <border>
      <left style="thin">
        <color auto="1"/>
      </left>
      <right style="medium">
        <color indexed="64"/>
      </right>
      <top style="thin">
        <color auto="1"/>
      </top>
      <bottom style="medium">
        <color indexed="64"/>
      </bottom>
      <diagonal/>
    </border>
    <border>
      <left style="medium">
        <color indexed="64"/>
      </left>
      <right style="thin">
        <color auto="1"/>
      </right>
      <top/>
      <bottom style="thin">
        <color auto="1"/>
      </bottom>
      <diagonal/>
    </border>
    <border>
      <left style="thin">
        <color auto="1"/>
      </left>
      <right style="thin">
        <color auto="1"/>
      </right>
      <top/>
      <bottom style="thin">
        <color auto="1"/>
      </bottom>
      <diagonal/>
    </border>
    <border>
      <left style="thin">
        <color auto="1"/>
      </left>
      <right style="medium">
        <color indexed="64"/>
      </right>
      <top/>
      <bottom style="thin">
        <color auto="1"/>
      </bottom>
      <diagonal/>
    </border>
    <border>
      <left style="thin">
        <color indexed="64"/>
      </left>
      <right/>
      <top/>
      <bottom style="thin">
        <color indexed="64"/>
      </bottom>
      <diagonal/>
    </border>
    <border>
      <left/>
      <right/>
      <top/>
      <bottom style="thin">
        <color indexed="6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right style="thin">
        <color indexed="64"/>
      </right>
      <top/>
      <bottom style="thin">
        <color indexed="64"/>
      </bottom>
      <diagonal/>
    </border>
    <border>
      <left style="medium">
        <color indexed="64"/>
      </left>
      <right style="thin">
        <color auto="1"/>
      </right>
      <top style="medium">
        <color indexed="64"/>
      </top>
      <bottom style="thin">
        <color auto="1"/>
      </bottom>
      <diagonal/>
    </border>
    <border>
      <left style="thin">
        <color auto="1"/>
      </left>
      <right style="medium">
        <color indexed="64"/>
      </right>
      <top style="medium">
        <color indexed="64"/>
      </top>
      <bottom style="thin">
        <color auto="1"/>
      </bottom>
      <diagonal/>
    </border>
  </borders>
  <cellStyleXfs count="3">
    <xf numFmtId="0" fontId="0" fillId="0" borderId="0"/>
    <xf numFmtId="43" fontId="2" fillId="0" borderId="0" applyFont="0" applyFill="0" applyBorder="0" applyAlignment="0" applyProtection="0"/>
    <xf numFmtId="9" fontId="2" fillId="0" borderId="0" applyFont="0" applyFill="0" applyBorder="0" applyAlignment="0" applyProtection="0"/>
  </cellStyleXfs>
  <cellXfs count="254">
    <xf numFmtId="0" fontId="0" fillId="0" borderId="0" xfId="0"/>
    <xf numFmtId="0" fontId="1" fillId="0" borderId="0" xfId="0" applyFont="1"/>
    <xf numFmtId="0" fontId="0" fillId="0" borderId="1" xfId="0" applyBorder="1"/>
    <xf numFmtId="0" fontId="3" fillId="0" borderId="1" xfId="0" applyFont="1" applyBorder="1" applyAlignment="1">
      <alignment horizontal="center" vertical="top"/>
    </xf>
    <xf numFmtId="0" fontId="4" fillId="0" borderId="1" xfId="0" applyFont="1" applyBorder="1"/>
    <xf numFmtId="0" fontId="5" fillId="0" borderId="1" xfId="0" applyFont="1" applyBorder="1" applyAlignment="1">
      <alignment horizontal="center" vertical="top"/>
    </xf>
    <xf numFmtId="0" fontId="0" fillId="0" borderId="5" xfId="0" applyBorder="1" applyAlignment="1">
      <alignment wrapText="1"/>
    </xf>
    <xf numFmtId="14" fontId="0" fillId="2" borderId="8" xfId="0" applyNumberFormat="1" applyFill="1" applyBorder="1"/>
    <xf numFmtId="0" fontId="0" fillId="0" borderId="5" xfId="0" applyBorder="1"/>
    <xf numFmtId="0" fontId="0" fillId="0" borderId="7" xfId="0" applyBorder="1"/>
    <xf numFmtId="14" fontId="0" fillId="2" borderId="9" xfId="0" applyNumberFormat="1" applyFill="1" applyBorder="1"/>
    <xf numFmtId="0" fontId="0" fillId="0" borderId="10" xfId="0" applyBorder="1"/>
    <xf numFmtId="0" fontId="0" fillId="0" borderId="11" xfId="0" applyBorder="1"/>
    <xf numFmtId="14" fontId="0" fillId="2" borderId="12" xfId="0" applyNumberFormat="1" applyFill="1" applyBorder="1"/>
    <xf numFmtId="0" fontId="0" fillId="0" borderId="13" xfId="0" applyBorder="1"/>
    <xf numFmtId="0" fontId="0" fillId="0" borderId="14" xfId="0" applyBorder="1"/>
    <xf numFmtId="0" fontId="0" fillId="0" borderId="0" xfId="0" applyAlignment="1">
      <alignment horizontal="center"/>
    </xf>
    <xf numFmtId="0" fontId="3" fillId="0" borderId="0" xfId="0" applyFont="1" applyAlignment="1">
      <alignment horizontal="center"/>
    </xf>
    <xf numFmtId="0" fontId="5" fillId="0" borderId="0" xfId="0" applyFont="1" applyAlignment="1">
      <alignment horizontal="center"/>
    </xf>
    <xf numFmtId="0" fontId="5" fillId="0" borderId="0" xfId="0" applyFont="1" applyAlignment="1">
      <alignment horizontal="center" vertical="top"/>
    </xf>
    <xf numFmtId="0" fontId="4" fillId="0" borderId="0" xfId="0" applyFont="1"/>
    <xf numFmtId="9" fontId="3" fillId="0" borderId="1" xfId="0" applyNumberFormat="1" applyFont="1" applyBorder="1" applyAlignment="1">
      <alignment horizontal="center" vertical="top"/>
    </xf>
    <xf numFmtId="0" fontId="3" fillId="0" borderId="5" xfId="0" applyFont="1" applyBorder="1" applyAlignment="1">
      <alignment horizontal="center" vertical="center" wrapText="1"/>
    </xf>
    <xf numFmtId="0" fontId="0" fillId="0" borderId="1" xfId="0" applyBorder="1" applyAlignment="1">
      <alignment horizontal="center"/>
    </xf>
    <xf numFmtId="0" fontId="4" fillId="0" borderId="1" xfId="0" applyFont="1" applyBorder="1" applyAlignment="1">
      <alignment horizontal="center"/>
    </xf>
    <xf numFmtId="0" fontId="0" fillId="0" borderId="18" xfId="0" applyBorder="1" applyAlignment="1">
      <alignment horizontal="center" vertical="center" wrapText="1"/>
    </xf>
    <xf numFmtId="0" fontId="0" fillId="0" borderId="6" xfId="0" applyBorder="1" applyAlignment="1">
      <alignment horizontal="center" wrapText="1"/>
    </xf>
    <xf numFmtId="0" fontId="0" fillId="0" borderId="5" xfId="0" applyBorder="1" applyAlignment="1">
      <alignment horizontal="center"/>
    </xf>
    <xf numFmtId="0" fontId="0" fillId="0" borderId="10" xfId="0" applyBorder="1" applyAlignment="1">
      <alignment horizontal="center"/>
    </xf>
    <xf numFmtId="0" fontId="0" fillId="0" borderId="13" xfId="0" applyBorder="1" applyAlignment="1">
      <alignment horizontal="center"/>
    </xf>
    <xf numFmtId="0" fontId="0" fillId="0" borderId="6" xfId="0" applyBorder="1" applyAlignment="1">
      <alignment horizontal="center" vertical="center" wrapText="1"/>
    </xf>
    <xf numFmtId="0" fontId="0" fillId="0" borderId="7" xfId="0" applyBorder="1" applyAlignment="1">
      <alignment horizontal="center"/>
    </xf>
    <xf numFmtId="0" fontId="0" fillId="0" borderId="16" xfId="0" applyBorder="1" applyAlignment="1">
      <alignment horizontal="center"/>
    </xf>
    <xf numFmtId="0" fontId="0" fillId="0" borderId="19" xfId="0" applyBorder="1" applyAlignment="1">
      <alignment horizontal="center"/>
    </xf>
    <xf numFmtId="0" fontId="0" fillId="0" borderId="11" xfId="0" applyBorder="1" applyAlignment="1">
      <alignment horizontal="center"/>
    </xf>
    <xf numFmtId="0" fontId="0" fillId="0" borderId="20" xfId="0" applyBorder="1" applyAlignment="1">
      <alignment horizontal="center"/>
    </xf>
    <xf numFmtId="0" fontId="0" fillId="0" borderId="14" xfId="0" applyBorder="1" applyAlignment="1">
      <alignment horizontal="center"/>
    </xf>
    <xf numFmtId="0" fontId="0" fillId="0" borderId="17" xfId="0" applyBorder="1" applyAlignment="1">
      <alignment horizontal="center"/>
    </xf>
    <xf numFmtId="0" fontId="0" fillId="0" borderId="21" xfId="0" applyBorder="1" applyAlignment="1">
      <alignment horizontal="center"/>
    </xf>
    <xf numFmtId="0" fontId="9" fillId="0" borderId="0" xfId="0" applyFont="1" applyAlignment="1">
      <alignment horizontal="center"/>
    </xf>
    <xf numFmtId="0" fontId="3" fillId="2" borderId="0" xfId="0" applyFont="1" applyFill="1"/>
    <xf numFmtId="0" fontId="3" fillId="2" borderId="0" xfId="0" applyFont="1" applyFill="1" applyAlignment="1">
      <alignment horizontal="center"/>
    </xf>
    <xf numFmtId="0" fontId="0" fillId="2" borderId="0" xfId="0" applyFill="1"/>
    <xf numFmtId="0" fontId="0" fillId="2" borderId="0" xfId="0" applyFill="1" applyAlignment="1">
      <alignment horizontal="center"/>
    </xf>
    <xf numFmtId="0" fontId="9" fillId="0" borderId="0" xfId="0" applyFont="1" applyAlignment="1">
      <alignment horizontal="left"/>
    </xf>
    <xf numFmtId="22" fontId="0" fillId="0" borderId="0" xfId="0" applyNumberFormat="1"/>
    <xf numFmtId="0" fontId="3" fillId="2" borderId="0" xfId="0" applyFont="1" applyFill="1" applyAlignment="1">
      <alignment horizontal="center" vertical="top"/>
    </xf>
    <xf numFmtId="0" fontId="3" fillId="2" borderId="25" xfId="0" applyFont="1" applyFill="1" applyBorder="1" applyAlignment="1">
      <alignment horizontal="center" vertical="center"/>
    </xf>
    <xf numFmtId="0" fontId="3" fillId="2" borderId="30" xfId="0" applyFont="1" applyFill="1" applyBorder="1" applyAlignment="1">
      <alignment horizontal="center" vertical="center"/>
    </xf>
    <xf numFmtId="0" fontId="3" fillId="2" borderId="32" xfId="0" applyFont="1" applyFill="1" applyBorder="1" applyAlignment="1">
      <alignment horizontal="center" vertical="center"/>
    </xf>
    <xf numFmtId="43" fontId="2" fillId="2" borderId="33" xfId="1" applyFont="1" applyFill="1" applyBorder="1" applyAlignment="1">
      <alignment horizontal="center" vertical="center"/>
    </xf>
    <xf numFmtId="0" fontId="14" fillId="2" borderId="0" xfId="0" applyFont="1" applyFill="1"/>
    <xf numFmtId="0" fontId="3" fillId="2" borderId="18" xfId="0" applyFont="1" applyFill="1" applyBorder="1" applyAlignment="1">
      <alignment horizontal="center"/>
    </xf>
    <xf numFmtId="0" fontId="3" fillId="2" borderId="15" xfId="0" applyFont="1" applyFill="1" applyBorder="1" applyAlignment="1">
      <alignment horizontal="center"/>
    </xf>
    <xf numFmtId="0" fontId="3" fillId="2" borderId="37" xfId="0" applyFont="1" applyFill="1" applyBorder="1" applyAlignment="1">
      <alignment horizontal="center"/>
    </xf>
    <xf numFmtId="43" fontId="0" fillId="2" borderId="11" xfId="1" applyFont="1" applyFill="1" applyBorder="1"/>
    <xf numFmtId="43" fontId="0" fillId="2" borderId="28" xfId="1" applyFont="1" applyFill="1" applyBorder="1"/>
    <xf numFmtId="43" fontId="0" fillId="2" borderId="20" xfId="1" applyFont="1" applyFill="1" applyBorder="1"/>
    <xf numFmtId="43" fontId="0" fillId="2" borderId="24" xfId="1" applyFont="1" applyFill="1" applyBorder="1"/>
    <xf numFmtId="43" fontId="0" fillId="2" borderId="14" xfId="1" applyFont="1" applyFill="1" applyBorder="1"/>
    <xf numFmtId="43" fontId="0" fillId="2" borderId="21" xfId="1" applyFont="1" applyFill="1" applyBorder="1"/>
    <xf numFmtId="43" fontId="0" fillId="2" borderId="35" xfId="1" applyFont="1" applyFill="1" applyBorder="1"/>
    <xf numFmtId="0" fontId="0" fillId="2" borderId="7" xfId="0" applyFill="1" applyBorder="1" applyAlignment="1">
      <alignment horizontal="center"/>
    </xf>
    <xf numFmtId="0" fontId="0" fillId="2" borderId="16" xfId="0" applyFill="1" applyBorder="1" applyAlignment="1">
      <alignment horizontal="center"/>
    </xf>
    <xf numFmtId="0" fontId="0" fillId="2" borderId="11" xfId="0" applyFill="1" applyBorder="1" applyAlignment="1">
      <alignment horizontal="center"/>
    </xf>
    <xf numFmtId="0" fontId="0" fillId="3" borderId="20" xfId="0" applyFill="1" applyBorder="1" applyAlignment="1">
      <alignment horizontal="center"/>
    </xf>
    <xf numFmtId="0" fontId="0" fillId="2" borderId="14" xfId="0" applyFill="1" applyBorder="1" applyAlignment="1">
      <alignment horizontal="center"/>
    </xf>
    <xf numFmtId="0" fontId="0" fillId="2" borderId="17" xfId="0" applyFill="1" applyBorder="1" applyAlignment="1">
      <alignment horizontal="center"/>
    </xf>
    <xf numFmtId="0" fontId="0" fillId="3" borderId="21" xfId="0" applyFill="1" applyBorder="1" applyAlignment="1">
      <alignment horizontal="center"/>
    </xf>
    <xf numFmtId="14" fontId="0" fillId="0" borderId="9" xfId="0" applyNumberFormat="1" applyBorder="1"/>
    <xf numFmtId="43" fontId="0" fillId="2" borderId="29" xfId="1" applyFont="1" applyFill="1" applyBorder="1"/>
    <xf numFmtId="43" fontId="0" fillId="2" borderId="31" xfId="1" applyFont="1" applyFill="1" applyBorder="1"/>
    <xf numFmtId="43" fontId="0" fillId="2" borderId="36" xfId="1" applyFont="1" applyFill="1" applyBorder="1"/>
    <xf numFmtId="43" fontId="0" fillId="2" borderId="7" xfId="1" applyFont="1" applyFill="1" applyBorder="1"/>
    <xf numFmtId="0" fontId="0" fillId="2" borderId="11" xfId="0" applyFill="1" applyBorder="1"/>
    <xf numFmtId="0" fontId="0" fillId="2" borderId="20" xfId="0" applyFill="1" applyBorder="1"/>
    <xf numFmtId="0" fontId="0" fillId="2" borderId="14" xfId="0" applyFill="1" applyBorder="1"/>
    <xf numFmtId="0" fontId="0" fillId="2" borderId="17" xfId="0" applyFill="1" applyBorder="1"/>
    <xf numFmtId="0" fontId="0" fillId="2" borderId="21" xfId="0" applyFill="1" applyBorder="1"/>
    <xf numFmtId="0" fontId="1" fillId="0" borderId="0" xfId="0" applyFont="1" applyAlignment="1">
      <alignment horizontal="center"/>
    </xf>
    <xf numFmtId="0" fontId="0" fillId="2" borderId="7" xfId="0" applyFill="1" applyBorder="1"/>
    <xf numFmtId="0" fontId="0" fillId="2" borderId="16" xfId="0" applyFill="1" applyBorder="1"/>
    <xf numFmtId="0" fontId="0" fillId="2" borderId="19" xfId="0" applyFill="1" applyBorder="1"/>
    <xf numFmtId="0" fontId="0" fillId="2" borderId="20" xfId="0" applyFill="1" applyBorder="1" applyAlignment="1">
      <alignment horizontal="center"/>
    </xf>
    <xf numFmtId="0" fontId="5" fillId="0" borderId="1" xfId="0" applyFont="1" applyBorder="1" applyAlignment="1">
      <alignment horizontal="center" vertical="center"/>
    </xf>
    <xf numFmtId="0" fontId="4" fillId="0" borderId="1" xfId="0" applyFont="1" applyBorder="1" applyAlignment="1">
      <alignment horizontal="center" vertical="center"/>
    </xf>
    <xf numFmtId="9" fontId="5" fillId="0" borderId="1" xfId="0" applyNumberFormat="1" applyFont="1" applyBorder="1" applyAlignment="1">
      <alignment horizontal="center" vertical="center"/>
    </xf>
    <xf numFmtId="9" fontId="1" fillId="0" borderId="1" xfId="2" applyFont="1" applyBorder="1" applyAlignment="1">
      <alignment horizontal="center" vertical="center"/>
    </xf>
    <xf numFmtId="0" fontId="1" fillId="0" borderId="11" xfId="0" applyFont="1" applyBorder="1"/>
    <xf numFmtId="0" fontId="1" fillId="0" borderId="20" xfId="0" applyFont="1" applyBorder="1"/>
    <xf numFmtId="0" fontId="1" fillId="0" borderId="11" xfId="0" applyFont="1" applyBorder="1" applyAlignment="1">
      <alignment horizontal="center"/>
    </xf>
    <xf numFmtId="9" fontId="1" fillId="0" borderId="20" xfId="0" applyNumberFormat="1" applyFont="1" applyBorder="1"/>
    <xf numFmtId="9" fontId="1" fillId="0" borderId="0" xfId="0" applyNumberFormat="1" applyFont="1"/>
    <xf numFmtId="0" fontId="1" fillId="0" borderId="14" xfId="0" applyFont="1" applyBorder="1"/>
    <xf numFmtId="9" fontId="1" fillId="0" borderId="17" xfId="0" applyNumberFormat="1" applyFont="1" applyBorder="1"/>
    <xf numFmtId="0" fontId="1" fillId="0" borderId="21" xfId="0" applyFont="1" applyBorder="1"/>
    <xf numFmtId="0" fontId="3" fillId="0" borderId="11" xfId="0" applyFont="1" applyBorder="1" applyAlignment="1">
      <alignment horizontal="center" vertical="center" wrapText="1"/>
    </xf>
    <xf numFmtId="9" fontId="1" fillId="0" borderId="38" xfId="2" applyFont="1" applyBorder="1" applyAlignment="1">
      <alignment horizontal="center" vertical="center"/>
    </xf>
    <xf numFmtId="9" fontId="1" fillId="0" borderId="39" xfId="2" applyFont="1" applyBorder="1" applyAlignment="1">
      <alignment horizontal="center" vertical="center"/>
    </xf>
    <xf numFmtId="9" fontId="1" fillId="0" borderId="40" xfId="2" applyFont="1" applyBorder="1" applyAlignment="1">
      <alignment horizontal="center" vertical="center"/>
    </xf>
    <xf numFmtId="9" fontId="1" fillId="0" borderId="41" xfId="2" applyFont="1" applyBorder="1" applyAlignment="1">
      <alignment horizontal="center" vertical="center"/>
    </xf>
    <xf numFmtId="9" fontId="1" fillId="0" borderId="42" xfId="2" applyFont="1" applyBorder="1" applyAlignment="1">
      <alignment horizontal="center" vertical="center"/>
    </xf>
    <xf numFmtId="9" fontId="1" fillId="0" borderId="43" xfId="2" applyFont="1" applyBorder="1" applyAlignment="1">
      <alignment horizontal="center" vertical="center"/>
    </xf>
    <xf numFmtId="9" fontId="1" fillId="0" borderId="44" xfId="2" applyFont="1" applyBorder="1" applyAlignment="1">
      <alignment horizontal="center" vertical="center"/>
    </xf>
    <xf numFmtId="9" fontId="1" fillId="0" borderId="45" xfId="2" applyFont="1" applyBorder="1" applyAlignment="1">
      <alignment horizontal="center" vertical="center"/>
    </xf>
    <xf numFmtId="0" fontId="3" fillId="0" borderId="6" xfId="0" applyFont="1" applyBorder="1" applyAlignment="1">
      <alignment horizontal="center" vertical="center" wrapText="1"/>
    </xf>
    <xf numFmtId="9" fontId="1" fillId="0" borderId="0" xfId="2" applyFont="1"/>
    <xf numFmtId="9" fontId="0" fillId="0" borderId="0" xfId="2" applyFont="1"/>
    <xf numFmtId="9" fontId="0" fillId="0" borderId="0" xfId="2" applyFont="1" applyAlignment="1">
      <alignment horizontal="center"/>
    </xf>
    <xf numFmtId="9" fontId="0" fillId="0" borderId="0" xfId="0" applyNumberFormat="1" applyAlignment="1">
      <alignment horizontal="center"/>
    </xf>
    <xf numFmtId="2" fontId="0" fillId="0" borderId="0" xfId="2" applyNumberFormat="1" applyFont="1" applyAlignment="1">
      <alignment horizontal="center"/>
    </xf>
    <xf numFmtId="43" fontId="0" fillId="0" borderId="0" xfId="1" applyFont="1"/>
    <xf numFmtId="0" fontId="13" fillId="0" borderId="0" xfId="0" applyFont="1"/>
    <xf numFmtId="0" fontId="13" fillId="0" borderId="0" xfId="0" applyFont="1" applyAlignment="1">
      <alignment horizontal="center"/>
    </xf>
    <xf numFmtId="9" fontId="4" fillId="0" borderId="0" xfId="0" applyNumberFormat="1" applyFont="1"/>
    <xf numFmtId="165" fontId="4" fillId="0" borderId="0" xfId="0" applyNumberFormat="1" applyFont="1"/>
    <xf numFmtId="9" fontId="5" fillId="0" borderId="0" xfId="0" applyNumberFormat="1" applyFont="1" applyAlignment="1">
      <alignment horizontal="center" vertical="top"/>
    </xf>
    <xf numFmtId="9" fontId="2" fillId="2" borderId="26" xfId="2" applyFont="1" applyFill="1" applyBorder="1" applyAlignment="1">
      <alignment horizontal="center" vertical="center"/>
    </xf>
    <xf numFmtId="9" fontId="2" fillId="2" borderId="27" xfId="2" applyFont="1" applyFill="1" applyBorder="1" applyAlignment="1">
      <alignment horizontal="center" vertical="center"/>
    </xf>
    <xf numFmtId="0" fontId="0" fillId="2" borderId="29" xfId="0" applyFill="1" applyBorder="1" applyAlignment="1">
      <alignment horizontal="center" vertical="center"/>
    </xf>
    <xf numFmtId="9" fontId="0" fillId="2" borderId="29" xfId="2" applyFont="1" applyFill="1" applyBorder="1" applyAlignment="1">
      <alignment horizontal="center" vertical="center"/>
    </xf>
    <xf numFmtId="9" fontId="2" fillId="2" borderId="22" xfId="2" applyFont="1" applyFill="1" applyBorder="1" applyAlignment="1">
      <alignment horizontal="center" vertical="center"/>
    </xf>
    <xf numFmtId="9" fontId="2" fillId="2" borderId="23" xfId="2" applyFont="1" applyFill="1" applyBorder="1" applyAlignment="1">
      <alignment horizontal="center" vertical="center"/>
    </xf>
    <xf numFmtId="0" fontId="0" fillId="2" borderId="31" xfId="0" applyFill="1" applyBorder="1" applyAlignment="1">
      <alignment horizontal="center" vertical="center"/>
    </xf>
    <xf numFmtId="9" fontId="0" fillId="2" borderId="31" xfId="2" applyFont="1" applyFill="1" applyBorder="1" applyAlignment="1">
      <alignment horizontal="center" vertical="center"/>
    </xf>
    <xf numFmtId="9" fontId="2" fillId="2" borderId="34" xfId="2" applyFont="1" applyFill="1" applyBorder="1" applyAlignment="1">
      <alignment horizontal="center" vertical="center"/>
    </xf>
    <xf numFmtId="0" fontId="0" fillId="2" borderId="36" xfId="0" applyFill="1" applyBorder="1" applyAlignment="1">
      <alignment horizontal="center" vertical="center"/>
    </xf>
    <xf numFmtId="9" fontId="0" fillId="2" borderId="36" xfId="2" applyFont="1" applyFill="1" applyBorder="1" applyAlignment="1">
      <alignment horizontal="center" vertical="center"/>
    </xf>
    <xf numFmtId="0" fontId="3" fillId="2" borderId="16" xfId="0" applyFont="1" applyFill="1" applyBorder="1" applyAlignment="1">
      <alignment horizontal="center"/>
    </xf>
    <xf numFmtId="9" fontId="0" fillId="2" borderId="0" xfId="2" applyFont="1" applyFill="1" applyBorder="1" applyAlignment="1">
      <alignment horizontal="center"/>
    </xf>
    <xf numFmtId="0" fontId="3" fillId="2" borderId="0" xfId="0" applyFont="1" applyFill="1" applyAlignment="1">
      <alignment horizontal="center" vertical="top" wrapText="1"/>
    </xf>
    <xf numFmtId="0" fontId="12" fillId="2" borderId="17" xfId="0" applyFont="1" applyFill="1" applyBorder="1" applyAlignment="1">
      <alignment horizontal="center" vertical="top"/>
    </xf>
    <xf numFmtId="9" fontId="12" fillId="2" borderId="17" xfId="0" applyNumberFormat="1" applyFont="1" applyFill="1" applyBorder="1" applyAlignment="1">
      <alignment horizontal="center" vertical="top"/>
    </xf>
    <xf numFmtId="9" fontId="0" fillId="2" borderId="0" xfId="2" applyFont="1" applyFill="1" applyBorder="1"/>
    <xf numFmtId="9" fontId="2" fillId="4" borderId="19" xfId="2" applyFont="1" applyFill="1" applyBorder="1" applyAlignment="1">
      <alignment horizontal="center" vertical="center"/>
    </xf>
    <xf numFmtId="9" fontId="2" fillId="3" borderId="20" xfId="2" applyFont="1" applyFill="1" applyBorder="1" applyAlignment="1">
      <alignment horizontal="center" vertical="center"/>
    </xf>
    <xf numFmtId="9" fontId="2" fillId="3" borderId="21" xfId="2" applyFont="1" applyFill="1" applyBorder="1" applyAlignment="1">
      <alignment horizontal="center" vertical="center"/>
    </xf>
    <xf numFmtId="0" fontId="3" fillId="2" borderId="7" xfId="0" applyFont="1" applyFill="1" applyBorder="1" applyAlignment="1">
      <alignment horizontal="center" vertical="center"/>
    </xf>
    <xf numFmtId="0" fontId="3" fillId="2" borderId="11" xfId="0" applyFont="1" applyFill="1" applyBorder="1" applyAlignment="1">
      <alignment horizontal="center" vertical="center"/>
    </xf>
    <xf numFmtId="0" fontId="3" fillId="2" borderId="14" xfId="0" applyFont="1" applyFill="1" applyBorder="1" applyAlignment="1">
      <alignment horizontal="center" vertical="center"/>
    </xf>
    <xf numFmtId="9" fontId="2" fillId="3" borderId="0" xfId="2" applyFont="1" applyFill="1" applyBorder="1" applyAlignment="1">
      <alignment horizontal="center" vertical="center"/>
    </xf>
    <xf numFmtId="0" fontId="0" fillId="3" borderId="0" xfId="0" applyFill="1" applyAlignment="1">
      <alignment horizontal="center" vertical="center"/>
    </xf>
    <xf numFmtId="9" fontId="2" fillId="3" borderId="16" xfId="2" applyFont="1" applyFill="1" applyBorder="1" applyAlignment="1">
      <alignment horizontal="center" vertical="center"/>
    </xf>
    <xf numFmtId="9" fontId="2" fillId="4" borderId="16" xfId="2" applyFont="1" applyFill="1" applyBorder="1" applyAlignment="1">
      <alignment horizontal="center" vertical="center"/>
    </xf>
    <xf numFmtId="0" fontId="0" fillId="3" borderId="16" xfId="0" applyFill="1" applyBorder="1" applyAlignment="1">
      <alignment horizontal="center" vertical="center"/>
    </xf>
    <xf numFmtId="43" fontId="2" fillId="3" borderId="17" xfId="1" applyFont="1" applyFill="1" applyBorder="1" applyAlignment="1">
      <alignment horizontal="center" vertical="center"/>
    </xf>
    <xf numFmtId="9" fontId="2" fillId="3" borderId="17" xfId="2" applyFont="1" applyFill="1" applyBorder="1" applyAlignment="1">
      <alignment horizontal="center" vertical="center"/>
    </xf>
    <xf numFmtId="0" fontId="0" fillId="3" borderId="17" xfId="0" applyFill="1" applyBorder="1" applyAlignment="1">
      <alignment horizontal="center" vertical="center"/>
    </xf>
    <xf numFmtId="0" fontId="3" fillId="2" borderId="11" xfId="0" applyFont="1" applyFill="1" applyBorder="1" applyAlignment="1">
      <alignment horizontal="center" vertical="top"/>
    </xf>
    <xf numFmtId="0" fontId="0" fillId="0" borderId="1" xfId="0" applyBorder="1" applyAlignment="1">
      <alignment horizontal="center" wrapText="1"/>
    </xf>
    <xf numFmtId="0" fontId="1" fillId="0" borderId="1" xfId="0" applyFont="1" applyBorder="1" applyAlignment="1">
      <alignment horizontal="center"/>
    </xf>
    <xf numFmtId="14" fontId="8" fillId="2" borderId="20" xfId="0" applyNumberFormat="1" applyFont="1" applyFill="1" applyBorder="1" applyAlignment="1">
      <alignment horizontal="left"/>
    </xf>
    <xf numFmtId="0" fontId="0" fillId="0" borderId="48" xfId="0" applyBorder="1"/>
    <xf numFmtId="0" fontId="1" fillId="0" borderId="22" xfId="0" applyFont="1" applyBorder="1"/>
    <xf numFmtId="0" fontId="1" fillId="0" borderId="23" xfId="0" applyFont="1" applyBorder="1" applyAlignment="1">
      <alignment horizontal="center"/>
    </xf>
    <xf numFmtId="0" fontId="0" fillId="0" borderId="22" xfId="0" applyBorder="1"/>
    <xf numFmtId="0" fontId="1" fillId="0" borderId="46" xfId="0" applyFont="1" applyBorder="1"/>
    <xf numFmtId="0" fontId="1" fillId="0" borderId="51" xfId="0" applyFont="1" applyBorder="1" applyAlignment="1">
      <alignment horizontal="center"/>
    </xf>
    <xf numFmtId="0" fontId="1" fillId="0" borderId="7" xfId="0" applyFont="1" applyBorder="1"/>
    <xf numFmtId="0" fontId="1" fillId="0" borderId="16" xfId="0" applyFont="1" applyBorder="1"/>
    <xf numFmtId="0" fontId="1" fillId="0" borderId="19" xfId="0" applyFont="1" applyBorder="1"/>
    <xf numFmtId="9" fontId="1" fillId="0" borderId="0" xfId="2" applyFont="1" applyBorder="1" applyAlignment="1">
      <alignment horizontal="center"/>
    </xf>
    <xf numFmtId="9" fontId="1" fillId="0" borderId="20" xfId="2" applyFont="1" applyBorder="1" applyAlignment="1">
      <alignment horizontal="center"/>
    </xf>
    <xf numFmtId="0" fontId="1" fillId="0" borderId="14" xfId="0" applyFont="1" applyBorder="1" applyAlignment="1">
      <alignment horizontal="center"/>
    </xf>
    <xf numFmtId="9" fontId="1" fillId="0" borderId="17" xfId="2" applyFont="1" applyBorder="1" applyAlignment="1">
      <alignment horizontal="center"/>
    </xf>
    <xf numFmtId="9" fontId="1" fillId="0" borderId="21" xfId="2" applyFont="1" applyBorder="1" applyAlignment="1">
      <alignment horizontal="center"/>
    </xf>
    <xf numFmtId="3" fontId="1" fillId="3" borderId="5" xfId="1" applyNumberFormat="1" applyFont="1" applyFill="1" applyBorder="1" applyAlignment="1">
      <alignment horizontal="center"/>
    </xf>
    <xf numFmtId="0" fontId="1" fillId="3" borderId="10" xfId="0" applyFont="1" applyFill="1" applyBorder="1" applyAlignment="1">
      <alignment horizontal="center"/>
    </xf>
    <xf numFmtId="0" fontId="1" fillId="3" borderId="13" xfId="0" applyFont="1" applyFill="1" applyBorder="1" applyAlignment="1">
      <alignment horizontal="center"/>
    </xf>
    <xf numFmtId="0" fontId="3" fillId="2" borderId="20" xfId="0" applyFont="1" applyFill="1" applyBorder="1" applyAlignment="1">
      <alignment horizontal="center" vertical="center"/>
    </xf>
    <xf numFmtId="0" fontId="1" fillId="2" borderId="11" xfId="0" applyFont="1" applyFill="1" applyBorder="1" applyAlignment="1">
      <alignment horizontal="right"/>
    </xf>
    <xf numFmtId="0" fontId="13" fillId="2" borderId="10" xfId="0" applyFont="1" applyFill="1" applyBorder="1" applyAlignment="1">
      <alignment horizontal="center" vertical="center"/>
    </xf>
    <xf numFmtId="14" fontId="8" fillId="2" borderId="11" xfId="0" applyNumberFormat="1" applyFont="1" applyFill="1" applyBorder="1"/>
    <xf numFmtId="0" fontId="0" fillId="2" borderId="0" xfId="0" applyFill="1" applyAlignment="1">
      <alignment horizontal="center" wrapText="1"/>
    </xf>
    <xf numFmtId="9" fontId="0" fillId="3" borderId="52" xfId="2" applyFont="1" applyFill="1" applyBorder="1" applyAlignment="1">
      <alignment horizontal="center"/>
    </xf>
    <xf numFmtId="0" fontId="0" fillId="3" borderId="53" xfId="0" applyFill="1" applyBorder="1" applyAlignment="1">
      <alignment horizontal="center"/>
    </xf>
    <xf numFmtId="9" fontId="0" fillId="3" borderId="38" xfId="2" applyFont="1" applyFill="1" applyBorder="1" applyAlignment="1">
      <alignment horizontal="center"/>
    </xf>
    <xf numFmtId="0" fontId="0" fillId="3" borderId="39" xfId="0" applyFill="1" applyBorder="1" applyAlignment="1">
      <alignment horizontal="center"/>
    </xf>
    <xf numFmtId="9" fontId="0" fillId="3" borderId="40" xfId="2" applyFont="1" applyFill="1" applyBorder="1" applyAlignment="1">
      <alignment horizontal="center"/>
    </xf>
    <xf numFmtId="0" fontId="0" fillId="3" borderId="42" xfId="0" applyFill="1" applyBorder="1" applyAlignment="1">
      <alignment horizontal="center"/>
    </xf>
    <xf numFmtId="0" fontId="0" fillId="2" borderId="52" xfId="0" applyFill="1" applyBorder="1" applyAlignment="1">
      <alignment horizontal="center"/>
    </xf>
    <xf numFmtId="166" fontId="0" fillId="2" borderId="53" xfId="0" applyNumberFormat="1" applyFill="1" applyBorder="1" applyAlignment="1">
      <alignment horizontal="center"/>
    </xf>
    <xf numFmtId="0" fontId="0" fillId="2" borderId="38" xfId="0" applyFill="1" applyBorder="1" applyAlignment="1">
      <alignment horizontal="center"/>
    </xf>
    <xf numFmtId="166" fontId="0" fillId="2" borderId="39" xfId="0" applyNumberFormat="1" applyFill="1" applyBorder="1" applyAlignment="1">
      <alignment horizontal="center"/>
    </xf>
    <xf numFmtId="0" fontId="0" fillId="2" borderId="40" xfId="0" applyFill="1" applyBorder="1" applyAlignment="1">
      <alignment horizontal="center"/>
    </xf>
    <xf numFmtId="166" fontId="0" fillId="2" borderId="42" xfId="0" applyNumberFormat="1" applyFill="1" applyBorder="1" applyAlignment="1">
      <alignment horizontal="center"/>
    </xf>
    <xf numFmtId="0" fontId="3" fillId="2" borderId="11" xfId="0" applyFont="1" applyFill="1" applyBorder="1" applyAlignment="1">
      <alignment horizontal="center"/>
    </xf>
    <xf numFmtId="0" fontId="17" fillId="2" borderId="0" xfId="0" applyFont="1" applyFill="1" applyAlignment="1">
      <alignment horizontal="right"/>
    </xf>
    <xf numFmtId="0" fontId="3" fillId="2" borderId="0" xfId="0" applyFont="1" applyFill="1" applyAlignment="1">
      <alignment horizontal="center" vertical="center"/>
    </xf>
    <xf numFmtId="0" fontId="0" fillId="2" borderId="0" xfId="0" applyFill="1" applyAlignment="1">
      <alignment horizontal="center" vertical="center"/>
    </xf>
    <xf numFmtId="0" fontId="0" fillId="3" borderId="1" xfId="0" applyFill="1" applyBorder="1" applyAlignment="1">
      <alignment horizontal="center"/>
    </xf>
    <xf numFmtId="0" fontId="3" fillId="2" borderId="0" xfId="0" applyFont="1" applyFill="1" applyAlignment="1">
      <alignment horizontal="center" wrapText="1"/>
    </xf>
    <xf numFmtId="0" fontId="0" fillId="3" borderId="19" xfId="0" applyFill="1" applyBorder="1" applyAlignment="1">
      <alignment horizontal="center"/>
    </xf>
    <xf numFmtId="0" fontId="0" fillId="0" borderId="7" xfId="0" applyBorder="1" applyAlignment="1">
      <alignment horizontal="left" vertical="top" wrapText="1"/>
    </xf>
    <xf numFmtId="0" fontId="0" fillId="0" borderId="16" xfId="0" applyBorder="1" applyAlignment="1">
      <alignment horizontal="left" vertical="top"/>
    </xf>
    <xf numFmtId="0" fontId="0" fillId="0" borderId="19" xfId="0" applyBorder="1" applyAlignment="1">
      <alignment horizontal="left" vertical="top"/>
    </xf>
    <xf numFmtId="0" fontId="0" fillId="0" borderId="11" xfId="0" applyBorder="1" applyAlignment="1">
      <alignment horizontal="left" vertical="top"/>
    </xf>
    <xf numFmtId="0" fontId="0" fillId="0" borderId="0" xfId="0" applyAlignment="1">
      <alignment horizontal="left" vertical="top"/>
    </xf>
    <xf numFmtId="0" fontId="0" fillId="0" borderId="20" xfId="0" applyBorder="1" applyAlignment="1">
      <alignment horizontal="left" vertical="top"/>
    </xf>
    <xf numFmtId="0" fontId="0" fillId="2" borderId="0" xfId="0" applyFill="1" applyAlignment="1">
      <alignment horizontal="left" vertical="top" wrapText="1"/>
    </xf>
    <xf numFmtId="0" fontId="0" fillId="2" borderId="0" xfId="0" applyFill="1" applyAlignment="1">
      <alignment horizontal="left" vertical="top"/>
    </xf>
    <xf numFmtId="0" fontId="0" fillId="0" borderId="0" xfId="0" applyAlignment="1">
      <alignment horizontal="left" wrapText="1"/>
    </xf>
    <xf numFmtId="0" fontId="0" fillId="0" borderId="0" xfId="0" applyAlignment="1">
      <alignment horizontal="left"/>
    </xf>
    <xf numFmtId="0" fontId="15" fillId="2" borderId="17" xfId="0" applyFont="1" applyFill="1" applyBorder="1" applyAlignment="1">
      <alignment horizontal="center"/>
    </xf>
    <xf numFmtId="0" fontId="19" fillId="2" borderId="26" xfId="0" applyFont="1" applyFill="1" applyBorder="1" applyAlignment="1">
      <alignment horizontal="center" vertical="top" wrapText="1"/>
    </xf>
    <xf numFmtId="0" fontId="19" fillId="2" borderId="16" xfId="0" applyFont="1" applyFill="1" applyBorder="1" applyAlignment="1">
      <alignment horizontal="center" vertical="top" wrapText="1"/>
    </xf>
    <xf numFmtId="0" fontId="19" fillId="2" borderId="46" xfId="0" applyFont="1" applyFill="1" applyBorder="1" applyAlignment="1">
      <alignment horizontal="center" vertical="top" wrapText="1"/>
    </xf>
    <xf numFmtId="0" fontId="19" fillId="2" borderId="47" xfId="0" applyFont="1" applyFill="1" applyBorder="1" applyAlignment="1">
      <alignment horizontal="center" vertical="top" wrapText="1"/>
    </xf>
    <xf numFmtId="0" fontId="13" fillId="3" borderId="5" xfId="0" applyFont="1" applyFill="1" applyBorder="1" applyAlignment="1">
      <alignment horizontal="center" vertical="center"/>
    </xf>
    <xf numFmtId="0" fontId="13" fillId="3" borderId="10" xfId="0" applyFont="1" applyFill="1" applyBorder="1" applyAlignment="1">
      <alignment horizontal="center" vertical="center"/>
    </xf>
    <xf numFmtId="0" fontId="13" fillId="3" borderId="13" xfId="0" applyFont="1" applyFill="1" applyBorder="1" applyAlignment="1">
      <alignment horizontal="center" vertical="center"/>
    </xf>
    <xf numFmtId="0" fontId="13" fillId="2" borderId="0" xfId="0" applyFont="1" applyFill="1" applyAlignment="1">
      <alignment horizontal="center"/>
    </xf>
    <xf numFmtId="0" fontId="0" fillId="2" borderId="11" xfId="0" applyFill="1" applyBorder="1" applyAlignment="1">
      <alignment horizontal="center"/>
    </xf>
    <xf numFmtId="0" fontId="3" fillId="2" borderId="0" xfId="0" applyFont="1" applyFill="1" applyAlignment="1">
      <alignment horizontal="center" wrapText="1"/>
    </xf>
    <xf numFmtId="0" fontId="18" fillId="2" borderId="7" xfId="0" applyFont="1" applyFill="1" applyBorder="1" applyAlignment="1">
      <alignment horizontal="center" vertical="center"/>
    </xf>
    <xf numFmtId="0" fontId="18" fillId="2" borderId="16" xfId="0" applyFont="1" applyFill="1" applyBorder="1" applyAlignment="1">
      <alignment horizontal="center" vertical="center"/>
    </xf>
    <xf numFmtId="0" fontId="18" fillId="2" borderId="19" xfId="0" applyFont="1" applyFill="1" applyBorder="1" applyAlignment="1">
      <alignment horizontal="center" vertical="center"/>
    </xf>
    <xf numFmtId="0" fontId="18" fillId="2" borderId="11" xfId="0" applyFont="1" applyFill="1" applyBorder="1" applyAlignment="1">
      <alignment horizontal="center" vertical="center"/>
    </xf>
    <xf numFmtId="0" fontId="18" fillId="2" borderId="0" xfId="0" applyFont="1" applyFill="1" applyAlignment="1">
      <alignment horizontal="center" vertical="center"/>
    </xf>
    <xf numFmtId="0" fontId="18" fillId="2" borderId="20" xfId="0" applyFont="1" applyFill="1" applyBorder="1" applyAlignment="1">
      <alignment horizontal="center" vertical="center"/>
    </xf>
    <xf numFmtId="0" fontId="16" fillId="2" borderId="17" xfId="0" applyFont="1" applyFill="1" applyBorder="1" applyAlignment="1">
      <alignment horizontal="center"/>
    </xf>
    <xf numFmtId="0" fontId="0" fillId="0" borderId="0" xfId="0" applyAlignment="1">
      <alignment horizontal="center"/>
    </xf>
    <xf numFmtId="0" fontId="8" fillId="0" borderId="0" xfId="0" applyFont="1" applyAlignment="1">
      <alignment horizontal="center" vertical="center"/>
    </xf>
    <xf numFmtId="0" fontId="8" fillId="0" borderId="0" xfId="0" applyFont="1" applyAlignment="1">
      <alignment horizontal="center" vertical="center" wrapText="1"/>
    </xf>
    <xf numFmtId="0" fontId="1" fillId="0" borderId="7" xfId="0" applyFont="1" applyBorder="1" applyAlignment="1">
      <alignment horizontal="center"/>
    </xf>
    <xf numFmtId="0" fontId="1" fillId="0" borderId="16" xfId="0" applyFont="1" applyBorder="1" applyAlignment="1">
      <alignment horizontal="center"/>
    </xf>
    <xf numFmtId="0" fontId="1" fillId="0" borderId="19" xfId="0" applyFont="1" applyBorder="1" applyAlignment="1">
      <alignment horizontal="center"/>
    </xf>
    <xf numFmtId="0" fontId="1" fillId="0" borderId="11" xfId="0" applyFont="1" applyBorder="1" applyAlignment="1">
      <alignment horizontal="center"/>
    </xf>
    <xf numFmtId="0" fontId="1" fillId="0" borderId="0" xfId="0" applyFont="1" applyAlignment="1">
      <alignment horizontal="center"/>
    </xf>
    <xf numFmtId="0" fontId="1" fillId="0" borderId="20" xfId="0" applyFont="1" applyBorder="1" applyAlignment="1">
      <alignment horizontal="center"/>
    </xf>
    <xf numFmtId="0" fontId="1" fillId="0" borderId="11" xfId="0" applyFont="1" applyBorder="1" applyAlignment="1">
      <alignment horizontal="center" vertical="center" textRotation="90"/>
    </xf>
    <xf numFmtId="0" fontId="3" fillId="0" borderId="2" xfId="0" applyFont="1" applyBorder="1" applyAlignment="1">
      <alignment horizontal="center"/>
    </xf>
    <xf numFmtId="0" fontId="3" fillId="0" borderId="3" xfId="0" applyFont="1" applyBorder="1" applyAlignment="1">
      <alignment horizontal="center"/>
    </xf>
    <xf numFmtId="0" fontId="3" fillId="0" borderId="4" xfId="0" applyFont="1" applyBorder="1" applyAlignment="1">
      <alignment horizontal="center"/>
    </xf>
    <xf numFmtId="0" fontId="5" fillId="0" borderId="1" xfId="0" applyFont="1" applyBorder="1" applyAlignment="1">
      <alignment horizontal="center" vertical="center"/>
    </xf>
    <xf numFmtId="0" fontId="0" fillId="0" borderId="49" xfId="0" applyBorder="1" applyAlignment="1">
      <alignment horizontal="center"/>
    </xf>
    <xf numFmtId="0" fontId="0" fillId="0" borderId="50" xfId="0" applyBorder="1" applyAlignment="1">
      <alignment horizontal="center"/>
    </xf>
    <xf numFmtId="0" fontId="0" fillId="0" borderId="23" xfId="0" applyBorder="1" applyAlignment="1">
      <alignment horizontal="center"/>
    </xf>
    <xf numFmtId="0" fontId="3" fillId="0" borderId="47" xfId="0" applyFont="1" applyBorder="1" applyAlignment="1">
      <alignment horizontal="center" vertical="top"/>
    </xf>
    <xf numFmtId="0" fontId="3" fillId="2" borderId="17" xfId="0" applyFont="1" applyFill="1" applyBorder="1" applyAlignment="1">
      <alignment horizontal="center" vertical="top" wrapText="1"/>
    </xf>
    <xf numFmtId="0" fontId="3" fillId="2" borderId="21" xfId="0" applyFont="1" applyFill="1" applyBorder="1" applyAlignment="1">
      <alignment horizontal="center" vertical="top" wrapText="1"/>
    </xf>
    <xf numFmtId="9" fontId="2" fillId="3" borderId="1" xfId="2" applyFont="1" applyFill="1" applyBorder="1" applyAlignment="1">
      <alignment horizontal="center" vertical="center"/>
    </xf>
    <xf numFmtId="0" fontId="11" fillId="2" borderId="0" xfId="0" applyFont="1" applyFill="1" applyAlignment="1"/>
    <xf numFmtId="0" fontId="17" fillId="2" borderId="0" xfId="0" applyFont="1" applyFill="1" applyAlignment="1">
      <alignment horizontal="center" vertical="center"/>
    </xf>
    <xf numFmtId="9" fontId="0" fillId="0" borderId="1" xfId="2" applyFont="1" applyBorder="1" applyAlignment="1">
      <alignment horizontal="center"/>
    </xf>
    <xf numFmtId="9" fontId="0" fillId="0" borderId="1" xfId="0" applyNumberFormat="1" applyBorder="1" applyAlignment="1">
      <alignment horizontal="center"/>
    </xf>
    <xf numFmtId="0" fontId="3" fillId="0" borderId="0" xfId="0" applyFont="1" applyAlignment="1">
      <alignment horizontal="center" vertical="center"/>
    </xf>
    <xf numFmtId="0" fontId="0" fillId="0" borderId="17" xfId="0" applyBorder="1" applyAlignment="1">
      <alignment horizontal="center"/>
    </xf>
    <xf numFmtId="0" fontId="1" fillId="0" borderId="17" xfId="0" applyFont="1" applyBorder="1" applyAlignment="1">
      <alignment horizontal="center"/>
    </xf>
    <xf numFmtId="10" fontId="1" fillId="0" borderId="0" xfId="0" applyNumberFormat="1" applyFont="1" applyAlignment="1">
      <alignment horizontal="center"/>
    </xf>
    <xf numFmtId="0" fontId="0" fillId="2" borderId="0" xfId="0" applyFill="1" applyBorder="1" applyAlignment="1">
      <alignment horizontal="center"/>
    </xf>
    <xf numFmtId="0" fontId="0" fillId="2" borderId="0" xfId="0" applyFill="1" applyBorder="1"/>
    <xf numFmtId="0" fontId="8" fillId="2" borderId="0" xfId="0" applyFont="1" applyFill="1" applyBorder="1" applyAlignment="1">
      <alignment horizontal="center"/>
    </xf>
    <xf numFmtId="14" fontId="8" fillId="2" borderId="0" xfId="0" applyNumberFormat="1" applyFont="1" applyFill="1" applyBorder="1" applyAlignment="1">
      <alignment horizontal="left"/>
    </xf>
  </cellXfs>
  <cellStyles count="3">
    <cellStyle name="Comma" xfId="1" builtinId="3"/>
    <cellStyle name="Normal" xfId="0" builtinId="0"/>
    <cellStyle name="Percent" xfId="2" builtinId="5"/>
  </cellStyles>
  <dxfs count="11">
    <dxf>
      <fill>
        <patternFill>
          <bgColor theme="7" tint="0.79998168889431442"/>
        </patternFill>
      </fill>
    </dxf>
    <dxf>
      <fill>
        <patternFill>
          <bgColor theme="0"/>
        </patternFill>
      </fill>
    </dxf>
    <dxf>
      <fill>
        <patternFill>
          <bgColor theme="7" tint="0.79998168889431442"/>
        </patternFill>
      </fill>
    </dxf>
    <dxf>
      <fill>
        <patternFill>
          <bgColor theme="0"/>
        </patternFill>
      </fill>
    </dxf>
    <dxf>
      <fill>
        <patternFill patternType="solid">
          <fgColor theme="0" tint="-0.14999847407452621"/>
          <bgColor theme="0" tint="-0.14999847407452621"/>
        </patternFill>
      </fill>
    </dxf>
    <dxf>
      <fill>
        <patternFill patternType="solid">
          <fgColor theme="0" tint="-0.14999847407452621"/>
          <bgColor theme="0" tint="-0.14999847407452621"/>
        </patternFill>
      </fill>
    </dxf>
    <dxf>
      <font>
        <b/>
        <color theme="1"/>
      </font>
    </dxf>
    <dxf>
      <font>
        <b/>
        <color theme="1"/>
      </font>
    </dxf>
    <dxf>
      <font>
        <b/>
        <color theme="1"/>
      </font>
      <border>
        <top style="double">
          <color theme="1"/>
        </top>
      </border>
    </dxf>
    <dxf>
      <font>
        <b/>
        <color theme="0"/>
      </font>
      <fill>
        <patternFill patternType="solid">
          <fgColor auto="1"/>
          <bgColor theme="3"/>
        </patternFill>
      </fill>
    </dxf>
    <dxf>
      <font>
        <color theme="1"/>
      </font>
      <border diagonalUp="0" diagonalDown="0">
        <left style="thin">
          <color theme="3"/>
        </left>
        <right style="thin">
          <color theme="3"/>
        </right>
        <top style="thin">
          <color theme="3"/>
        </top>
        <bottom style="thin">
          <color theme="3"/>
        </bottom>
        <vertical style="thin">
          <color theme="3"/>
        </vertical>
        <horizontal style="thin">
          <color theme="3"/>
        </horizontal>
      </border>
    </dxf>
  </dxfs>
  <tableStyles count="1" defaultTableStyle="Sintef" defaultPivotStyle="PivotStyleLight16">
    <tableStyle name="Sintef" pivot="0" count="7" xr9:uid="{2F7DDD9D-D07E-454C-B368-8079547A2C39}">
      <tableStyleElement type="wholeTable" dxfId="10"/>
      <tableStyleElement type="headerRow" dxfId="9"/>
      <tableStyleElement type="totalRow" dxfId="8"/>
      <tableStyleElement type="firstColumn" dxfId="7"/>
      <tableStyleElement type="lastColumn" dxfId="6"/>
      <tableStyleElement type="firstRowStripe" dxfId="5"/>
      <tableStyleElement type="firstColumnStripe" dxfId="4"/>
    </tableStyle>
  </tableStyles>
  <colors>
    <mruColors>
      <color rgb="FF9E332E"/>
      <color rgb="FFFF9900"/>
      <color rgb="FF996633"/>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theme" Target="theme/theme1.xml"/><Relationship Id="rId13" Type="http://schemas.openxmlformats.org/officeDocument/2006/relationships/calcChain" Target="calcChain.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heetMetadata" Target="metadata.xml"/><Relationship Id="rId2" Type="http://schemas.openxmlformats.org/officeDocument/2006/relationships/worksheet" Target="worksheets/sheet2.xml"/><Relationship Id="rId16" Type="http://schemas.openxmlformats.org/officeDocument/2006/relationships/customXml" Target="../customXml/item3.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aredStrings" Target="sharedStrings.xml"/><Relationship Id="rId5" Type="http://schemas.openxmlformats.org/officeDocument/2006/relationships/worksheet" Target="worksheets/sheet5.xml"/><Relationship Id="rId15" Type="http://schemas.openxmlformats.org/officeDocument/2006/relationships/customXml" Target="../customXml/item2.xml"/><Relationship Id="rId10" Type="http://schemas.openxmlformats.org/officeDocument/2006/relationships/styles" Target="styles.xml"/><Relationship Id="rId4" Type="http://schemas.openxmlformats.org/officeDocument/2006/relationships/worksheet" Target="worksheets/sheet4.xml"/><Relationship Id="rId9" Type="http://schemas.openxmlformats.org/officeDocument/2006/relationships/connections" Target="connections.xml"/><Relationship Id="rId14" Type="http://schemas.openxmlformats.org/officeDocument/2006/relationships/customXml" Target="../customXml/item1.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_rels/chart9.xml.rels><?xml version="1.0" encoding="UTF-8" standalone="yes"?>
<Relationships xmlns="http://schemas.openxmlformats.org/package/2006/relationships"><Relationship Id="rId2" Type="http://schemas.microsoft.com/office/2011/relationships/chartColorStyle" Target="colors9.xml"/><Relationship Id="rId1" Type="http://schemas.microsoft.com/office/2011/relationships/chartStyle" Target="style9.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nb-NO" b="1"/>
              <a:t>Yearly Demand Profile </a:t>
            </a:r>
          </a:p>
          <a:p>
            <a:pPr>
              <a:defRPr b="1"/>
            </a:pPr>
            <a:r>
              <a:rPr lang="nb-NO" b="1" baseline="0"/>
              <a:t>(Hourly Basis) </a:t>
            </a:r>
            <a:endParaRPr lang="nb-NO" b="1"/>
          </a:p>
        </c:rich>
      </c:tx>
      <c:layout>
        <c:manualLayout>
          <c:xMode val="edge"/>
          <c:yMode val="edge"/>
          <c:x val="0.40206253955158733"/>
          <c:y val="5.7765214884059168E-2"/>
        </c:manualLayout>
      </c:layout>
      <c:overlay val="0"/>
      <c:spPr>
        <a:solidFill>
          <a:schemeClr val="bg1"/>
        </a:solidFill>
        <a:ln>
          <a:solidFill>
            <a:schemeClr val="tx1"/>
          </a:solid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5.03537601278101E-2"/>
          <c:y val="3.6813922356091031E-2"/>
          <c:w val="0.94332448405708369"/>
          <c:h val="0.87906287978594122"/>
        </c:manualLayout>
      </c:layout>
      <c:areaChart>
        <c:grouping val="stacked"/>
        <c:varyColors val="0"/>
        <c:ser>
          <c:idx val="6"/>
          <c:order val="0"/>
          <c:tx>
            <c:strRef>
              <c:f>Bühler!$M$33</c:f>
              <c:strCache>
                <c:ptCount val="1"/>
                <c:pt idx="0">
                  <c:v>T5</c:v>
                </c:pt>
              </c:strCache>
            </c:strRef>
          </c:tx>
          <c:spPr>
            <a:solidFill>
              <a:schemeClr val="accent5">
                <a:lumMod val="75000"/>
              </a:schemeClr>
            </a:solidFill>
            <a:ln w="9525">
              <a:solidFill>
                <a:schemeClr val="accent5">
                  <a:lumMod val="50000"/>
                </a:schemeClr>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M$34:$M$8793</c:f>
              <c:numCache>
                <c:formatCode>General</c:formatCode>
                <c:ptCount val="8760"/>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0</c:v>
                </c:pt>
                <c:pt idx="2387">
                  <c:v>0</c:v>
                </c:pt>
                <c:pt idx="2388">
                  <c:v>0</c:v>
                </c:pt>
                <c:pt idx="2389">
                  <c:v>0</c:v>
                </c:pt>
                <c:pt idx="2390">
                  <c:v>0</c:v>
                </c:pt>
                <c:pt idx="2391">
                  <c:v>0</c:v>
                </c:pt>
                <c:pt idx="2392">
                  <c:v>0</c:v>
                </c:pt>
                <c:pt idx="2393">
                  <c:v>0</c:v>
                </c:pt>
                <c:pt idx="2394">
                  <c:v>0</c:v>
                </c:pt>
                <c:pt idx="2395">
                  <c:v>0</c:v>
                </c:pt>
                <c:pt idx="2396">
                  <c:v>0</c:v>
                </c:pt>
                <c:pt idx="2397">
                  <c:v>0</c:v>
                </c:pt>
                <c:pt idx="2398">
                  <c:v>0</c:v>
                </c:pt>
                <c:pt idx="2399">
                  <c:v>0</c:v>
                </c:pt>
                <c:pt idx="2400">
                  <c:v>0</c:v>
                </c:pt>
                <c:pt idx="2401">
                  <c:v>0</c:v>
                </c:pt>
                <c:pt idx="2402">
                  <c:v>0</c:v>
                </c:pt>
                <c:pt idx="2403">
                  <c:v>0</c:v>
                </c:pt>
                <c:pt idx="2404">
                  <c:v>0</c:v>
                </c:pt>
                <c:pt idx="2405">
                  <c:v>0</c:v>
                </c:pt>
                <c:pt idx="2406">
                  <c:v>0</c:v>
                </c:pt>
                <c:pt idx="2407">
                  <c:v>0</c:v>
                </c:pt>
                <c:pt idx="2408">
                  <c:v>0</c:v>
                </c:pt>
                <c:pt idx="2409">
                  <c:v>0</c:v>
                </c:pt>
                <c:pt idx="2410">
                  <c:v>0</c:v>
                </c:pt>
                <c:pt idx="2411">
                  <c:v>0</c:v>
                </c:pt>
                <c:pt idx="2412">
                  <c:v>0</c:v>
                </c:pt>
                <c:pt idx="2413">
                  <c:v>0</c:v>
                </c:pt>
                <c:pt idx="2414">
                  <c:v>0</c:v>
                </c:pt>
                <c:pt idx="2415">
                  <c:v>0</c:v>
                </c:pt>
                <c:pt idx="2416">
                  <c:v>0</c:v>
                </c:pt>
                <c:pt idx="2417">
                  <c:v>0</c:v>
                </c:pt>
                <c:pt idx="2418">
                  <c:v>0</c:v>
                </c:pt>
                <c:pt idx="2419">
                  <c:v>0</c:v>
                </c:pt>
                <c:pt idx="2420">
                  <c:v>0</c:v>
                </c:pt>
                <c:pt idx="2421">
                  <c:v>0</c:v>
                </c:pt>
                <c:pt idx="2422">
                  <c:v>0</c:v>
                </c:pt>
                <c:pt idx="2423">
                  <c:v>0</c:v>
                </c:pt>
                <c:pt idx="2424">
                  <c:v>0</c:v>
                </c:pt>
                <c:pt idx="2425">
                  <c:v>0</c:v>
                </c:pt>
                <c:pt idx="2426">
                  <c:v>0</c:v>
                </c:pt>
                <c:pt idx="2427">
                  <c:v>0</c:v>
                </c:pt>
                <c:pt idx="2428">
                  <c:v>0</c:v>
                </c:pt>
                <c:pt idx="2429">
                  <c:v>0</c:v>
                </c:pt>
                <c:pt idx="2430">
                  <c:v>0</c:v>
                </c:pt>
                <c:pt idx="2431">
                  <c:v>0</c:v>
                </c:pt>
                <c:pt idx="2432">
                  <c:v>0</c:v>
                </c:pt>
                <c:pt idx="2433">
                  <c:v>0</c:v>
                </c:pt>
                <c:pt idx="2434">
                  <c:v>0</c:v>
                </c:pt>
                <c:pt idx="2435">
                  <c:v>0</c:v>
                </c:pt>
                <c:pt idx="2436">
                  <c:v>0</c:v>
                </c:pt>
                <c:pt idx="2437">
                  <c:v>0</c:v>
                </c:pt>
                <c:pt idx="2438">
                  <c:v>0</c:v>
                </c:pt>
                <c:pt idx="2439">
                  <c:v>0</c:v>
                </c:pt>
                <c:pt idx="2440">
                  <c:v>0</c:v>
                </c:pt>
                <c:pt idx="2441">
                  <c:v>0</c:v>
                </c:pt>
                <c:pt idx="2442">
                  <c:v>0</c:v>
                </c:pt>
                <c:pt idx="2443">
                  <c:v>0</c:v>
                </c:pt>
                <c:pt idx="2444">
                  <c:v>0</c:v>
                </c:pt>
                <c:pt idx="2445">
                  <c:v>0</c:v>
                </c:pt>
                <c:pt idx="2446">
                  <c:v>0</c:v>
                </c:pt>
                <c:pt idx="2447">
                  <c:v>0</c:v>
                </c:pt>
                <c:pt idx="2448">
                  <c:v>0</c:v>
                </c:pt>
                <c:pt idx="2449">
                  <c:v>0</c:v>
                </c:pt>
                <c:pt idx="2450">
                  <c:v>0</c:v>
                </c:pt>
                <c:pt idx="2451">
                  <c:v>0</c:v>
                </c:pt>
                <c:pt idx="2452">
                  <c:v>0</c:v>
                </c:pt>
                <c:pt idx="2453">
                  <c:v>0</c:v>
                </c:pt>
                <c:pt idx="2454">
                  <c:v>0</c:v>
                </c:pt>
                <c:pt idx="2455">
                  <c:v>0</c:v>
                </c:pt>
                <c:pt idx="2456">
                  <c:v>0</c:v>
                </c:pt>
                <c:pt idx="2457">
                  <c:v>0</c:v>
                </c:pt>
                <c:pt idx="2458">
                  <c:v>0</c:v>
                </c:pt>
                <c:pt idx="2459">
                  <c:v>0</c:v>
                </c:pt>
                <c:pt idx="2460">
                  <c:v>0</c:v>
                </c:pt>
                <c:pt idx="2461">
                  <c:v>0</c:v>
                </c:pt>
                <c:pt idx="2462">
                  <c:v>0</c:v>
                </c:pt>
                <c:pt idx="2463">
                  <c:v>0</c:v>
                </c:pt>
                <c:pt idx="2464">
                  <c:v>0</c:v>
                </c:pt>
                <c:pt idx="2465">
                  <c:v>0</c:v>
                </c:pt>
                <c:pt idx="2466">
                  <c:v>0</c:v>
                </c:pt>
                <c:pt idx="2467">
                  <c:v>0</c:v>
                </c:pt>
                <c:pt idx="2468">
                  <c:v>0</c:v>
                </c:pt>
                <c:pt idx="2469">
                  <c:v>0</c:v>
                </c:pt>
                <c:pt idx="2470">
                  <c:v>0</c:v>
                </c:pt>
                <c:pt idx="2471">
                  <c:v>0</c:v>
                </c:pt>
                <c:pt idx="2472">
                  <c:v>0</c:v>
                </c:pt>
                <c:pt idx="2473">
                  <c:v>0</c:v>
                </c:pt>
                <c:pt idx="2474">
                  <c:v>0</c:v>
                </c:pt>
                <c:pt idx="2475">
                  <c:v>0</c:v>
                </c:pt>
                <c:pt idx="2476">
                  <c:v>0</c:v>
                </c:pt>
                <c:pt idx="2477">
                  <c:v>0</c:v>
                </c:pt>
                <c:pt idx="2478">
                  <c:v>0</c:v>
                </c:pt>
                <c:pt idx="2479">
                  <c:v>0</c:v>
                </c:pt>
                <c:pt idx="2480">
                  <c:v>0</c:v>
                </c:pt>
                <c:pt idx="2481">
                  <c:v>0</c:v>
                </c:pt>
                <c:pt idx="2482">
                  <c:v>0</c:v>
                </c:pt>
                <c:pt idx="2483">
                  <c:v>0</c:v>
                </c:pt>
                <c:pt idx="2484">
                  <c:v>0</c:v>
                </c:pt>
                <c:pt idx="2485">
                  <c:v>0</c:v>
                </c:pt>
                <c:pt idx="2486">
                  <c:v>0</c:v>
                </c:pt>
                <c:pt idx="2487">
                  <c:v>0</c:v>
                </c:pt>
                <c:pt idx="2488">
                  <c:v>0</c:v>
                </c:pt>
                <c:pt idx="2489">
                  <c:v>0</c:v>
                </c:pt>
                <c:pt idx="2490">
                  <c:v>0</c:v>
                </c:pt>
                <c:pt idx="2491">
                  <c:v>0</c:v>
                </c:pt>
                <c:pt idx="2492">
                  <c:v>0</c:v>
                </c:pt>
                <c:pt idx="2493">
                  <c:v>0</c:v>
                </c:pt>
                <c:pt idx="2494">
                  <c:v>0</c:v>
                </c:pt>
                <c:pt idx="2495">
                  <c:v>0</c:v>
                </c:pt>
                <c:pt idx="2496">
                  <c:v>0</c:v>
                </c:pt>
                <c:pt idx="2497">
                  <c:v>0</c:v>
                </c:pt>
                <c:pt idx="2498">
                  <c:v>0</c:v>
                </c:pt>
                <c:pt idx="2499">
                  <c:v>0</c:v>
                </c:pt>
                <c:pt idx="2500">
                  <c:v>0</c:v>
                </c:pt>
                <c:pt idx="2501">
                  <c:v>0</c:v>
                </c:pt>
                <c:pt idx="2502">
                  <c:v>0</c:v>
                </c:pt>
                <c:pt idx="2503">
                  <c:v>0</c:v>
                </c:pt>
                <c:pt idx="2504">
                  <c:v>0</c:v>
                </c:pt>
                <c:pt idx="2505">
                  <c:v>0</c:v>
                </c:pt>
                <c:pt idx="2506">
                  <c:v>0</c:v>
                </c:pt>
                <c:pt idx="2507">
                  <c:v>0</c:v>
                </c:pt>
                <c:pt idx="2508">
                  <c:v>0</c:v>
                </c:pt>
                <c:pt idx="2509">
                  <c:v>0</c:v>
                </c:pt>
                <c:pt idx="2510">
                  <c:v>0</c:v>
                </c:pt>
                <c:pt idx="2511">
                  <c:v>0</c:v>
                </c:pt>
                <c:pt idx="2512">
                  <c:v>0</c:v>
                </c:pt>
                <c:pt idx="2513">
                  <c:v>0</c:v>
                </c:pt>
                <c:pt idx="2514">
                  <c:v>0</c:v>
                </c:pt>
                <c:pt idx="2515">
                  <c:v>0</c:v>
                </c:pt>
                <c:pt idx="2516">
                  <c:v>0</c:v>
                </c:pt>
                <c:pt idx="2517">
                  <c:v>0</c:v>
                </c:pt>
                <c:pt idx="2518">
                  <c:v>0</c:v>
                </c:pt>
                <c:pt idx="2519">
                  <c:v>0</c:v>
                </c:pt>
                <c:pt idx="2520">
                  <c:v>0</c:v>
                </c:pt>
                <c:pt idx="2521">
                  <c:v>0</c:v>
                </c:pt>
                <c:pt idx="2522">
                  <c:v>0</c:v>
                </c:pt>
                <c:pt idx="2523">
                  <c:v>0</c:v>
                </c:pt>
                <c:pt idx="2524">
                  <c:v>0</c:v>
                </c:pt>
                <c:pt idx="2525">
                  <c:v>0</c:v>
                </c:pt>
                <c:pt idx="2526">
                  <c:v>0</c:v>
                </c:pt>
                <c:pt idx="2527">
                  <c:v>0</c:v>
                </c:pt>
                <c:pt idx="2528">
                  <c:v>0</c:v>
                </c:pt>
                <c:pt idx="2529">
                  <c:v>0</c:v>
                </c:pt>
                <c:pt idx="2530">
                  <c:v>0</c:v>
                </c:pt>
                <c:pt idx="2531">
                  <c:v>0</c:v>
                </c:pt>
                <c:pt idx="2532">
                  <c:v>0</c:v>
                </c:pt>
                <c:pt idx="2533">
                  <c:v>0</c:v>
                </c:pt>
                <c:pt idx="2534">
                  <c:v>0</c:v>
                </c:pt>
                <c:pt idx="2535">
                  <c:v>0</c:v>
                </c:pt>
                <c:pt idx="2536">
                  <c:v>0</c:v>
                </c:pt>
                <c:pt idx="2537">
                  <c:v>0</c:v>
                </c:pt>
                <c:pt idx="2538">
                  <c:v>0</c:v>
                </c:pt>
                <c:pt idx="2539">
                  <c:v>0</c:v>
                </c:pt>
                <c:pt idx="2540">
                  <c:v>0</c:v>
                </c:pt>
                <c:pt idx="2541">
                  <c:v>0</c:v>
                </c:pt>
                <c:pt idx="2542">
                  <c:v>0</c:v>
                </c:pt>
                <c:pt idx="2543">
                  <c:v>0</c:v>
                </c:pt>
                <c:pt idx="2544">
                  <c:v>0</c:v>
                </c:pt>
                <c:pt idx="2545">
                  <c:v>0</c:v>
                </c:pt>
                <c:pt idx="2546">
                  <c:v>0</c:v>
                </c:pt>
                <c:pt idx="2547">
                  <c:v>0</c:v>
                </c:pt>
                <c:pt idx="2548">
                  <c:v>0</c:v>
                </c:pt>
                <c:pt idx="2549">
                  <c:v>0</c:v>
                </c:pt>
                <c:pt idx="2550">
                  <c:v>0</c:v>
                </c:pt>
                <c:pt idx="2551">
                  <c:v>0</c:v>
                </c:pt>
                <c:pt idx="2552">
                  <c:v>0</c:v>
                </c:pt>
                <c:pt idx="2553">
                  <c:v>0</c:v>
                </c:pt>
                <c:pt idx="2554">
                  <c:v>0</c:v>
                </c:pt>
                <c:pt idx="2555">
                  <c:v>0</c:v>
                </c:pt>
                <c:pt idx="2556">
                  <c:v>0</c:v>
                </c:pt>
                <c:pt idx="2557">
                  <c:v>0</c:v>
                </c:pt>
                <c:pt idx="2558">
                  <c:v>0</c:v>
                </c:pt>
                <c:pt idx="2559">
                  <c:v>0</c:v>
                </c:pt>
                <c:pt idx="2560">
                  <c:v>0</c:v>
                </c:pt>
                <c:pt idx="2561">
                  <c:v>0</c:v>
                </c:pt>
                <c:pt idx="2562">
                  <c:v>0</c:v>
                </c:pt>
                <c:pt idx="2563">
                  <c:v>0</c:v>
                </c:pt>
                <c:pt idx="2564">
                  <c:v>0</c:v>
                </c:pt>
                <c:pt idx="2565">
                  <c:v>0</c:v>
                </c:pt>
                <c:pt idx="2566">
                  <c:v>0</c:v>
                </c:pt>
                <c:pt idx="2567">
                  <c:v>0</c:v>
                </c:pt>
                <c:pt idx="2568">
                  <c:v>0</c:v>
                </c:pt>
                <c:pt idx="2569">
                  <c:v>0</c:v>
                </c:pt>
                <c:pt idx="2570">
                  <c:v>0</c:v>
                </c:pt>
                <c:pt idx="2571">
                  <c:v>0</c:v>
                </c:pt>
                <c:pt idx="2572">
                  <c:v>0</c:v>
                </c:pt>
                <c:pt idx="2573">
                  <c:v>0</c:v>
                </c:pt>
                <c:pt idx="2574">
                  <c:v>0</c:v>
                </c:pt>
                <c:pt idx="2575">
                  <c:v>0</c:v>
                </c:pt>
                <c:pt idx="2576">
                  <c:v>0</c:v>
                </c:pt>
                <c:pt idx="2577">
                  <c:v>0</c:v>
                </c:pt>
                <c:pt idx="2578">
                  <c:v>0</c:v>
                </c:pt>
                <c:pt idx="2579">
                  <c:v>0</c:v>
                </c:pt>
                <c:pt idx="2580">
                  <c:v>0</c:v>
                </c:pt>
                <c:pt idx="2581">
                  <c:v>0</c:v>
                </c:pt>
                <c:pt idx="2582">
                  <c:v>0</c:v>
                </c:pt>
                <c:pt idx="2583">
                  <c:v>0</c:v>
                </c:pt>
                <c:pt idx="2584">
                  <c:v>0</c:v>
                </c:pt>
                <c:pt idx="2585">
                  <c:v>0</c:v>
                </c:pt>
                <c:pt idx="2586">
                  <c:v>0</c:v>
                </c:pt>
                <c:pt idx="2587">
                  <c:v>0</c:v>
                </c:pt>
                <c:pt idx="2588">
                  <c:v>0</c:v>
                </c:pt>
                <c:pt idx="2589">
                  <c:v>0</c:v>
                </c:pt>
                <c:pt idx="2590">
                  <c:v>0</c:v>
                </c:pt>
                <c:pt idx="2591">
                  <c:v>0</c:v>
                </c:pt>
                <c:pt idx="2592">
                  <c:v>0</c:v>
                </c:pt>
                <c:pt idx="2593">
                  <c:v>0</c:v>
                </c:pt>
                <c:pt idx="2594">
                  <c:v>0</c:v>
                </c:pt>
                <c:pt idx="2595">
                  <c:v>0</c:v>
                </c:pt>
                <c:pt idx="2596">
                  <c:v>0</c:v>
                </c:pt>
                <c:pt idx="2597">
                  <c:v>0</c:v>
                </c:pt>
                <c:pt idx="2598">
                  <c:v>0</c:v>
                </c:pt>
                <c:pt idx="2599">
                  <c:v>0</c:v>
                </c:pt>
                <c:pt idx="2600">
                  <c:v>0</c:v>
                </c:pt>
                <c:pt idx="2601">
                  <c:v>0</c:v>
                </c:pt>
                <c:pt idx="2602">
                  <c:v>0</c:v>
                </c:pt>
                <c:pt idx="2603">
                  <c:v>0</c:v>
                </c:pt>
                <c:pt idx="2604">
                  <c:v>0</c:v>
                </c:pt>
                <c:pt idx="2605">
                  <c:v>0</c:v>
                </c:pt>
                <c:pt idx="2606">
                  <c:v>0</c:v>
                </c:pt>
                <c:pt idx="2607">
                  <c:v>0</c:v>
                </c:pt>
                <c:pt idx="2608">
                  <c:v>0</c:v>
                </c:pt>
                <c:pt idx="2609">
                  <c:v>0</c:v>
                </c:pt>
                <c:pt idx="2610">
                  <c:v>0</c:v>
                </c:pt>
                <c:pt idx="2611">
                  <c:v>0</c:v>
                </c:pt>
                <c:pt idx="2612">
                  <c:v>0</c:v>
                </c:pt>
                <c:pt idx="2613">
                  <c:v>0</c:v>
                </c:pt>
                <c:pt idx="2614">
                  <c:v>0</c:v>
                </c:pt>
                <c:pt idx="2615">
                  <c:v>0</c:v>
                </c:pt>
                <c:pt idx="2616">
                  <c:v>0</c:v>
                </c:pt>
                <c:pt idx="2617">
                  <c:v>0</c:v>
                </c:pt>
                <c:pt idx="2618">
                  <c:v>0</c:v>
                </c:pt>
                <c:pt idx="2619">
                  <c:v>0</c:v>
                </c:pt>
                <c:pt idx="2620">
                  <c:v>0</c:v>
                </c:pt>
                <c:pt idx="2621">
                  <c:v>0</c:v>
                </c:pt>
                <c:pt idx="2622">
                  <c:v>0</c:v>
                </c:pt>
                <c:pt idx="2623">
                  <c:v>0</c:v>
                </c:pt>
                <c:pt idx="2624">
                  <c:v>0</c:v>
                </c:pt>
                <c:pt idx="2625">
                  <c:v>0</c:v>
                </c:pt>
                <c:pt idx="2626">
                  <c:v>0</c:v>
                </c:pt>
                <c:pt idx="2627">
                  <c:v>0</c:v>
                </c:pt>
                <c:pt idx="2628">
                  <c:v>0</c:v>
                </c:pt>
                <c:pt idx="2629">
                  <c:v>0</c:v>
                </c:pt>
                <c:pt idx="2630">
                  <c:v>0</c:v>
                </c:pt>
                <c:pt idx="2631">
                  <c:v>0</c:v>
                </c:pt>
                <c:pt idx="2632">
                  <c:v>0</c:v>
                </c:pt>
                <c:pt idx="2633">
                  <c:v>0</c:v>
                </c:pt>
                <c:pt idx="2634">
                  <c:v>0</c:v>
                </c:pt>
                <c:pt idx="2635">
                  <c:v>0</c:v>
                </c:pt>
                <c:pt idx="2636">
                  <c:v>0</c:v>
                </c:pt>
                <c:pt idx="2637">
                  <c:v>0</c:v>
                </c:pt>
                <c:pt idx="2638">
                  <c:v>0</c:v>
                </c:pt>
                <c:pt idx="2639">
                  <c:v>0</c:v>
                </c:pt>
                <c:pt idx="2640">
                  <c:v>0</c:v>
                </c:pt>
                <c:pt idx="2641">
                  <c:v>0</c:v>
                </c:pt>
                <c:pt idx="2642">
                  <c:v>0</c:v>
                </c:pt>
                <c:pt idx="2643">
                  <c:v>0</c:v>
                </c:pt>
                <c:pt idx="2644">
                  <c:v>0</c:v>
                </c:pt>
                <c:pt idx="2645">
                  <c:v>0</c:v>
                </c:pt>
                <c:pt idx="2646">
                  <c:v>0</c:v>
                </c:pt>
                <c:pt idx="2647">
                  <c:v>0</c:v>
                </c:pt>
                <c:pt idx="2648">
                  <c:v>0</c:v>
                </c:pt>
                <c:pt idx="2649">
                  <c:v>0</c:v>
                </c:pt>
                <c:pt idx="2650">
                  <c:v>0</c:v>
                </c:pt>
                <c:pt idx="2651">
                  <c:v>0</c:v>
                </c:pt>
                <c:pt idx="2652">
                  <c:v>0</c:v>
                </c:pt>
                <c:pt idx="2653">
                  <c:v>0</c:v>
                </c:pt>
                <c:pt idx="2654">
                  <c:v>0</c:v>
                </c:pt>
                <c:pt idx="2655">
                  <c:v>0</c:v>
                </c:pt>
                <c:pt idx="2656">
                  <c:v>0</c:v>
                </c:pt>
                <c:pt idx="2657">
                  <c:v>0</c:v>
                </c:pt>
                <c:pt idx="2658">
                  <c:v>0</c:v>
                </c:pt>
                <c:pt idx="2659">
                  <c:v>0</c:v>
                </c:pt>
                <c:pt idx="2660">
                  <c:v>0</c:v>
                </c:pt>
                <c:pt idx="2661">
                  <c:v>0</c:v>
                </c:pt>
                <c:pt idx="2662">
                  <c:v>0</c:v>
                </c:pt>
                <c:pt idx="2663">
                  <c:v>0</c:v>
                </c:pt>
                <c:pt idx="2664">
                  <c:v>0</c:v>
                </c:pt>
                <c:pt idx="2665">
                  <c:v>0</c:v>
                </c:pt>
                <c:pt idx="2666">
                  <c:v>0</c:v>
                </c:pt>
                <c:pt idx="2667">
                  <c:v>0</c:v>
                </c:pt>
                <c:pt idx="2668">
                  <c:v>0</c:v>
                </c:pt>
                <c:pt idx="2669">
                  <c:v>0</c:v>
                </c:pt>
                <c:pt idx="2670">
                  <c:v>0</c:v>
                </c:pt>
                <c:pt idx="2671">
                  <c:v>0</c:v>
                </c:pt>
                <c:pt idx="2672">
                  <c:v>0</c:v>
                </c:pt>
                <c:pt idx="2673">
                  <c:v>0</c:v>
                </c:pt>
                <c:pt idx="2674">
                  <c:v>0</c:v>
                </c:pt>
                <c:pt idx="2675">
                  <c:v>0</c:v>
                </c:pt>
                <c:pt idx="2676">
                  <c:v>0</c:v>
                </c:pt>
                <c:pt idx="2677">
                  <c:v>0</c:v>
                </c:pt>
                <c:pt idx="2678">
                  <c:v>0</c:v>
                </c:pt>
                <c:pt idx="2679">
                  <c:v>0</c:v>
                </c:pt>
                <c:pt idx="2680">
                  <c:v>0</c:v>
                </c:pt>
                <c:pt idx="2681">
                  <c:v>0</c:v>
                </c:pt>
                <c:pt idx="2682">
                  <c:v>0</c:v>
                </c:pt>
                <c:pt idx="2683">
                  <c:v>0</c:v>
                </c:pt>
                <c:pt idx="2684">
                  <c:v>0</c:v>
                </c:pt>
                <c:pt idx="2685">
                  <c:v>0</c:v>
                </c:pt>
                <c:pt idx="2686">
                  <c:v>0</c:v>
                </c:pt>
                <c:pt idx="2687">
                  <c:v>0</c:v>
                </c:pt>
                <c:pt idx="2688">
                  <c:v>0</c:v>
                </c:pt>
                <c:pt idx="2689">
                  <c:v>0</c:v>
                </c:pt>
                <c:pt idx="2690">
                  <c:v>0</c:v>
                </c:pt>
                <c:pt idx="2691">
                  <c:v>0</c:v>
                </c:pt>
                <c:pt idx="2692">
                  <c:v>0</c:v>
                </c:pt>
                <c:pt idx="2693">
                  <c:v>0</c:v>
                </c:pt>
                <c:pt idx="2694">
                  <c:v>0</c:v>
                </c:pt>
                <c:pt idx="2695">
                  <c:v>0</c:v>
                </c:pt>
                <c:pt idx="2696">
                  <c:v>0</c:v>
                </c:pt>
                <c:pt idx="2697">
                  <c:v>0</c:v>
                </c:pt>
                <c:pt idx="2698">
                  <c:v>0</c:v>
                </c:pt>
                <c:pt idx="2699">
                  <c:v>0</c:v>
                </c:pt>
                <c:pt idx="2700">
                  <c:v>0</c:v>
                </c:pt>
                <c:pt idx="2701">
                  <c:v>0</c:v>
                </c:pt>
                <c:pt idx="2702">
                  <c:v>0</c:v>
                </c:pt>
                <c:pt idx="2703">
                  <c:v>0</c:v>
                </c:pt>
                <c:pt idx="2704">
                  <c:v>0</c:v>
                </c:pt>
                <c:pt idx="2705">
                  <c:v>0</c:v>
                </c:pt>
                <c:pt idx="2706">
                  <c:v>0</c:v>
                </c:pt>
                <c:pt idx="2707">
                  <c:v>0</c:v>
                </c:pt>
                <c:pt idx="2708">
                  <c:v>0</c:v>
                </c:pt>
                <c:pt idx="2709">
                  <c:v>0</c:v>
                </c:pt>
                <c:pt idx="2710">
                  <c:v>0</c:v>
                </c:pt>
                <c:pt idx="2711">
                  <c:v>0</c:v>
                </c:pt>
                <c:pt idx="2712">
                  <c:v>0</c:v>
                </c:pt>
                <c:pt idx="2713">
                  <c:v>0</c:v>
                </c:pt>
                <c:pt idx="2714">
                  <c:v>0</c:v>
                </c:pt>
                <c:pt idx="2715">
                  <c:v>0</c:v>
                </c:pt>
                <c:pt idx="2716">
                  <c:v>0</c:v>
                </c:pt>
                <c:pt idx="2717">
                  <c:v>0</c:v>
                </c:pt>
                <c:pt idx="2718">
                  <c:v>0</c:v>
                </c:pt>
                <c:pt idx="2719">
                  <c:v>0</c:v>
                </c:pt>
                <c:pt idx="2720">
                  <c:v>0</c:v>
                </c:pt>
                <c:pt idx="2721">
                  <c:v>0</c:v>
                </c:pt>
                <c:pt idx="2722">
                  <c:v>0</c:v>
                </c:pt>
                <c:pt idx="2723">
                  <c:v>0</c:v>
                </c:pt>
                <c:pt idx="2724">
                  <c:v>0</c:v>
                </c:pt>
                <c:pt idx="2725">
                  <c:v>0</c:v>
                </c:pt>
                <c:pt idx="2726">
                  <c:v>0</c:v>
                </c:pt>
                <c:pt idx="2727">
                  <c:v>0</c:v>
                </c:pt>
                <c:pt idx="2728">
                  <c:v>0</c:v>
                </c:pt>
                <c:pt idx="2729">
                  <c:v>0</c:v>
                </c:pt>
                <c:pt idx="2730">
                  <c:v>0</c:v>
                </c:pt>
                <c:pt idx="2731">
                  <c:v>0</c:v>
                </c:pt>
                <c:pt idx="2732">
                  <c:v>0</c:v>
                </c:pt>
                <c:pt idx="2733">
                  <c:v>0</c:v>
                </c:pt>
                <c:pt idx="2734">
                  <c:v>0</c:v>
                </c:pt>
                <c:pt idx="2735">
                  <c:v>0</c:v>
                </c:pt>
                <c:pt idx="2736">
                  <c:v>0</c:v>
                </c:pt>
                <c:pt idx="2737">
                  <c:v>0</c:v>
                </c:pt>
                <c:pt idx="2738">
                  <c:v>0</c:v>
                </c:pt>
                <c:pt idx="2739">
                  <c:v>0</c:v>
                </c:pt>
                <c:pt idx="2740">
                  <c:v>0</c:v>
                </c:pt>
                <c:pt idx="2741">
                  <c:v>0</c:v>
                </c:pt>
                <c:pt idx="2742">
                  <c:v>0</c:v>
                </c:pt>
                <c:pt idx="2743">
                  <c:v>0</c:v>
                </c:pt>
                <c:pt idx="2744">
                  <c:v>0</c:v>
                </c:pt>
                <c:pt idx="2745">
                  <c:v>0</c:v>
                </c:pt>
                <c:pt idx="2746">
                  <c:v>0</c:v>
                </c:pt>
                <c:pt idx="2747">
                  <c:v>0</c:v>
                </c:pt>
                <c:pt idx="2748">
                  <c:v>0</c:v>
                </c:pt>
                <c:pt idx="2749">
                  <c:v>0</c:v>
                </c:pt>
                <c:pt idx="2750">
                  <c:v>0</c:v>
                </c:pt>
                <c:pt idx="2751">
                  <c:v>0</c:v>
                </c:pt>
                <c:pt idx="2752">
                  <c:v>0</c:v>
                </c:pt>
                <c:pt idx="2753">
                  <c:v>0</c:v>
                </c:pt>
                <c:pt idx="2754">
                  <c:v>0</c:v>
                </c:pt>
                <c:pt idx="2755">
                  <c:v>0</c:v>
                </c:pt>
                <c:pt idx="2756">
                  <c:v>0</c:v>
                </c:pt>
                <c:pt idx="2757">
                  <c:v>0</c:v>
                </c:pt>
                <c:pt idx="2758">
                  <c:v>0</c:v>
                </c:pt>
                <c:pt idx="2759">
                  <c:v>0</c:v>
                </c:pt>
                <c:pt idx="2760">
                  <c:v>0</c:v>
                </c:pt>
                <c:pt idx="2761">
                  <c:v>0</c:v>
                </c:pt>
                <c:pt idx="2762">
                  <c:v>0</c:v>
                </c:pt>
                <c:pt idx="2763">
                  <c:v>0</c:v>
                </c:pt>
                <c:pt idx="2764">
                  <c:v>0</c:v>
                </c:pt>
                <c:pt idx="2765">
                  <c:v>0</c:v>
                </c:pt>
                <c:pt idx="2766">
                  <c:v>0</c:v>
                </c:pt>
                <c:pt idx="2767">
                  <c:v>0</c:v>
                </c:pt>
                <c:pt idx="2768">
                  <c:v>0</c:v>
                </c:pt>
                <c:pt idx="2769">
                  <c:v>0</c:v>
                </c:pt>
                <c:pt idx="2770">
                  <c:v>0</c:v>
                </c:pt>
                <c:pt idx="2771">
                  <c:v>0</c:v>
                </c:pt>
                <c:pt idx="2772">
                  <c:v>0</c:v>
                </c:pt>
                <c:pt idx="2773">
                  <c:v>0</c:v>
                </c:pt>
                <c:pt idx="2774">
                  <c:v>0</c:v>
                </c:pt>
                <c:pt idx="2775">
                  <c:v>0</c:v>
                </c:pt>
                <c:pt idx="2776">
                  <c:v>0</c:v>
                </c:pt>
                <c:pt idx="2777">
                  <c:v>0</c:v>
                </c:pt>
                <c:pt idx="2778">
                  <c:v>0</c:v>
                </c:pt>
                <c:pt idx="2779">
                  <c:v>0</c:v>
                </c:pt>
                <c:pt idx="2780">
                  <c:v>0</c:v>
                </c:pt>
                <c:pt idx="2781">
                  <c:v>0</c:v>
                </c:pt>
                <c:pt idx="2782">
                  <c:v>0</c:v>
                </c:pt>
                <c:pt idx="2783">
                  <c:v>0</c:v>
                </c:pt>
                <c:pt idx="2784">
                  <c:v>0</c:v>
                </c:pt>
                <c:pt idx="2785">
                  <c:v>0</c:v>
                </c:pt>
                <c:pt idx="2786">
                  <c:v>0</c:v>
                </c:pt>
                <c:pt idx="2787">
                  <c:v>0</c:v>
                </c:pt>
                <c:pt idx="2788">
                  <c:v>0</c:v>
                </c:pt>
                <c:pt idx="2789">
                  <c:v>0</c:v>
                </c:pt>
                <c:pt idx="2790">
                  <c:v>0</c:v>
                </c:pt>
                <c:pt idx="2791">
                  <c:v>0</c:v>
                </c:pt>
                <c:pt idx="2792">
                  <c:v>0</c:v>
                </c:pt>
                <c:pt idx="2793">
                  <c:v>0</c:v>
                </c:pt>
                <c:pt idx="2794">
                  <c:v>0</c:v>
                </c:pt>
                <c:pt idx="2795">
                  <c:v>0</c:v>
                </c:pt>
                <c:pt idx="2796">
                  <c:v>0</c:v>
                </c:pt>
                <c:pt idx="2797">
                  <c:v>0</c:v>
                </c:pt>
                <c:pt idx="2798">
                  <c:v>0</c:v>
                </c:pt>
                <c:pt idx="2799">
                  <c:v>0</c:v>
                </c:pt>
                <c:pt idx="2800">
                  <c:v>0</c:v>
                </c:pt>
                <c:pt idx="2801">
                  <c:v>0</c:v>
                </c:pt>
                <c:pt idx="2802">
                  <c:v>0</c:v>
                </c:pt>
                <c:pt idx="2803">
                  <c:v>0</c:v>
                </c:pt>
                <c:pt idx="2804">
                  <c:v>0</c:v>
                </c:pt>
                <c:pt idx="2805">
                  <c:v>0</c:v>
                </c:pt>
                <c:pt idx="2806">
                  <c:v>0</c:v>
                </c:pt>
                <c:pt idx="2807">
                  <c:v>0</c:v>
                </c:pt>
                <c:pt idx="2808">
                  <c:v>0</c:v>
                </c:pt>
                <c:pt idx="2809">
                  <c:v>0</c:v>
                </c:pt>
                <c:pt idx="2810">
                  <c:v>0</c:v>
                </c:pt>
                <c:pt idx="2811">
                  <c:v>0</c:v>
                </c:pt>
                <c:pt idx="2812">
                  <c:v>0</c:v>
                </c:pt>
                <c:pt idx="2813">
                  <c:v>0</c:v>
                </c:pt>
                <c:pt idx="2814">
                  <c:v>0</c:v>
                </c:pt>
                <c:pt idx="2815">
                  <c:v>0</c:v>
                </c:pt>
                <c:pt idx="2816">
                  <c:v>0</c:v>
                </c:pt>
                <c:pt idx="2817">
                  <c:v>0</c:v>
                </c:pt>
                <c:pt idx="2818">
                  <c:v>0</c:v>
                </c:pt>
                <c:pt idx="2819">
                  <c:v>0</c:v>
                </c:pt>
                <c:pt idx="2820">
                  <c:v>0</c:v>
                </c:pt>
                <c:pt idx="2821">
                  <c:v>0</c:v>
                </c:pt>
                <c:pt idx="2822">
                  <c:v>0</c:v>
                </c:pt>
                <c:pt idx="2823">
                  <c:v>0</c:v>
                </c:pt>
                <c:pt idx="2824">
                  <c:v>0</c:v>
                </c:pt>
                <c:pt idx="2825">
                  <c:v>0</c:v>
                </c:pt>
                <c:pt idx="2826">
                  <c:v>0</c:v>
                </c:pt>
                <c:pt idx="2827">
                  <c:v>0</c:v>
                </c:pt>
                <c:pt idx="2828">
                  <c:v>0</c:v>
                </c:pt>
                <c:pt idx="2829">
                  <c:v>0</c:v>
                </c:pt>
                <c:pt idx="2830">
                  <c:v>0</c:v>
                </c:pt>
                <c:pt idx="2831">
                  <c:v>0</c:v>
                </c:pt>
                <c:pt idx="2832">
                  <c:v>0</c:v>
                </c:pt>
                <c:pt idx="2833">
                  <c:v>0</c:v>
                </c:pt>
                <c:pt idx="2834">
                  <c:v>0</c:v>
                </c:pt>
                <c:pt idx="2835">
                  <c:v>0</c:v>
                </c:pt>
                <c:pt idx="2836">
                  <c:v>0</c:v>
                </c:pt>
                <c:pt idx="2837">
                  <c:v>0</c:v>
                </c:pt>
                <c:pt idx="2838">
                  <c:v>0</c:v>
                </c:pt>
                <c:pt idx="2839">
                  <c:v>0</c:v>
                </c:pt>
                <c:pt idx="2840">
                  <c:v>0</c:v>
                </c:pt>
                <c:pt idx="2841">
                  <c:v>0</c:v>
                </c:pt>
                <c:pt idx="2842">
                  <c:v>0</c:v>
                </c:pt>
                <c:pt idx="2843">
                  <c:v>0</c:v>
                </c:pt>
                <c:pt idx="2844">
                  <c:v>0</c:v>
                </c:pt>
                <c:pt idx="2845">
                  <c:v>0</c:v>
                </c:pt>
                <c:pt idx="2846">
                  <c:v>0</c:v>
                </c:pt>
                <c:pt idx="2847">
                  <c:v>0</c:v>
                </c:pt>
                <c:pt idx="2848">
                  <c:v>0</c:v>
                </c:pt>
                <c:pt idx="2849">
                  <c:v>0</c:v>
                </c:pt>
                <c:pt idx="2850">
                  <c:v>0</c:v>
                </c:pt>
                <c:pt idx="2851">
                  <c:v>0</c:v>
                </c:pt>
                <c:pt idx="2852">
                  <c:v>0</c:v>
                </c:pt>
                <c:pt idx="2853">
                  <c:v>0</c:v>
                </c:pt>
                <c:pt idx="2854">
                  <c:v>0</c:v>
                </c:pt>
                <c:pt idx="2855">
                  <c:v>0</c:v>
                </c:pt>
                <c:pt idx="2856">
                  <c:v>0</c:v>
                </c:pt>
                <c:pt idx="2857">
                  <c:v>0</c:v>
                </c:pt>
                <c:pt idx="2858">
                  <c:v>0</c:v>
                </c:pt>
                <c:pt idx="2859">
                  <c:v>0</c:v>
                </c:pt>
                <c:pt idx="2860">
                  <c:v>0</c:v>
                </c:pt>
                <c:pt idx="2861">
                  <c:v>0</c:v>
                </c:pt>
                <c:pt idx="2862">
                  <c:v>0</c:v>
                </c:pt>
                <c:pt idx="2863">
                  <c:v>0</c:v>
                </c:pt>
                <c:pt idx="2864">
                  <c:v>0</c:v>
                </c:pt>
                <c:pt idx="2865">
                  <c:v>0</c:v>
                </c:pt>
                <c:pt idx="2866">
                  <c:v>0</c:v>
                </c:pt>
                <c:pt idx="2867">
                  <c:v>0</c:v>
                </c:pt>
                <c:pt idx="2868">
                  <c:v>0</c:v>
                </c:pt>
                <c:pt idx="2869">
                  <c:v>0</c:v>
                </c:pt>
                <c:pt idx="2870">
                  <c:v>0</c:v>
                </c:pt>
                <c:pt idx="2871">
                  <c:v>0</c:v>
                </c:pt>
                <c:pt idx="2872">
                  <c:v>0</c:v>
                </c:pt>
                <c:pt idx="2873">
                  <c:v>0</c:v>
                </c:pt>
                <c:pt idx="2874">
                  <c:v>0</c:v>
                </c:pt>
                <c:pt idx="2875">
                  <c:v>0</c:v>
                </c:pt>
                <c:pt idx="2876">
                  <c:v>0</c:v>
                </c:pt>
                <c:pt idx="2877">
                  <c:v>0</c:v>
                </c:pt>
                <c:pt idx="2878">
                  <c:v>0</c:v>
                </c:pt>
                <c:pt idx="2879">
                  <c:v>0</c:v>
                </c:pt>
                <c:pt idx="2880">
                  <c:v>0</c:v>
                </c:pt>
                <c:pt idx="2881">
                  <c:v>0</c:v>
                </c:pt>
                <c:pt idx="2882">
                  <c:v>0</c:v>
                </c:pt>
                <c:pt idx="2883">
                  <c:v>0</c:v>
                </c:pt>
                <c:pt idx="2884">
                  <c:v>0</c:v>
                </c:pt>
                <c:pt idx="2885">
                  <c:v>0</c:v>
                </c:pt>
                <c:pt idx="2886">
                  <c:v>0</c:v>
                </c:pt>
                <c:pt idx="2887">
                  <c:v>0</c:v>
                </c:pt>
                <c:pt idx="2888">
                  <c:v>0</c:v>
                </c:pt>
                <c:pt idx="2889">
                  <c:v>0</c:v>
                </c:pt>
                <c:pt idx="2890">
                  <c:v>0</c:v>
                </c:pt>
                <c:pt idx="2891">
                  <c:v>0</c:v>
                </c:pt>
                <c:pt idx="2892">
                  <c:v>0</c:v>
                </c:pt>
                <c:pt idx="2893">
                  <c:v>0</c:v>
                </c:pt>
                <c:pt idx="2894">
                  <c:v>0</c:v>
                </c:pt>
                <c:pt idx="2895">
                  <c:v>0</c:v>
                </c:pt>
                <c:pt idx="2896">
                  <c:v>0</c:v>
                </c:pt>
                <c:pt idx="2897">
                  <c:v>0</c:v>
                </c:pt>
                <c:pt idx="2898">
                  <c:v>0</c:v>
                </c:pt>
                <c:pt idx="2899">
                  <c:v>0</c:v>
                </c:pt>
                <c:pt idx="2900">
                  <c:v>0</c:v>
                </c:pt>
                <c:pt idx="2901">
                  <c:v>0</c:v>
                </c:pt>
                <c:pt idx="2902">
                  <c:v>0</c:v>
                </c:pt>
                <c:pt idx="2903">
                  <c:v>0</c:v>
                </c:pt>
                <c:pt idx="2904">
                  <c:v>0</c:v>
                </c:pt>
                <c:pt idx="2905">
                  <c:v>0</c:v>
                </c:pt>
                <c:pt idx="2906">
                  <c:v>0</c:v>
                </c:pt>
                <c:pt idx="2907">
                  <c:v>0</c:v>
                </c:pt>
                <c:pt idx="2908">
                  <c:v>0</c:v>
                </c:pt>
                <c:pt idx="2909">
                  <c:v>0</c:v>
                </c:pt>
                <c:pt idx="2910">
                  <c:v>0</c:v>
                </c:pt>
                <c:pt idx="2911">
                  <c:v>0</c:v>
                </c:pt>
                <c:pt idx="2912">
                  <c:v>0</c:v>
                </c:pt>
                <c:pt idx="2913">
                  <c:v>0</c:v>
                </c:pt>
                <c:pt idx="2914">
                  <c:v>0</c:v>
                </c:pt>
                <c:pt idx="2915">
                  <c:v>0</c:v>
                </c:pt>
                <c:pt idx="2916">
                  <c:v>0</c:v>
                </c:pt>
                <c:pt idx="2917">
                  <c:v>0</c:v>
                </c:pt>
                <c:pt idx="2918">
                  <c:v>0</c:v>
                </c:pt>
                <c:pt idx="2919">
                  <c:v>0</c:v>
                </c:pt>
                <c:pt idx="2920">
                  <c:v>0</c:v>
                </c:pt>
                <c:pt idx="2921">
                  <c:v>0</c:v>
                </c:pt>
                <c:pt idx="2922">
                  <c:v>0</c:v>
                </c:pt>
                <c:pt idx="2923">
                  <c:v>0</c:v>
                </c:pt>
                <c:pt idx="2924">
                  <c:v>0</c:v>
                </c:pt>
                <c:pt idx="2925">
                  <c:v>0</c:v>
                </c:pt>
                <c:pt idx="2926">
                  <c:v>0</c:v>
                </c:pt>
                <c:pt idx="2927">
                  <c:v>0</c:v>
                </c:pt>
                <c:pt idx="2928">
                  <c:v>0</c:v>
                </c:pt>
                <c:pt idx="2929">
                  <c:v>0</c:v>
                </c:pt>
                <c:pt idx="2930">
                  <c:v>0</c:v>
                </c:pt>
                <c:pt idx="2931">
                  <c:v>0</c:v>
                </c:pt>
                <c:pt idx="2932">
                  <c:v>0</c:v>
                </c:pt>
                <c:pt idx="2933">
                  <c:v>0</c:v>
                </c:pt>
                <c:pt idx="2934">
                  <c:v>0</c:v>
                </c:pt>
                <c:pt idx="2935">
                  <c:v>0</c:v>
                </c:pt>
                <c:pt idx="2936">
                  <c:v>0</c:v>
                </c:pt>
                <c:pt idx="2937">
                  <c:v>0</c:v>
                </c:pt>
                <c:pt idx="2938">
                  <c:v>0</c:v>
                </c:pt>
                <c:pt idx="2939">
                  <c:v>0</c:v>
                </c:pt>
                <c:pt idx="2940">
                  <c:v>0</c:v>
                </c:pt>
                <c:pt idx="2941">
                  <c:v>0</c:v>
                </c:pt>
                <c:pt idx="2942">
                  <c:v>0</c:v>
                </c:pt>
                <c:pt idx="2943">
                  <c:v>0</c:v>
                </c:pt>
                <c:pt idx="2944">
                  <c:v>0</c:v>
                </c:pt>
                <c:pt idx="2945">
                  <c:v>0</c:v>
                </c:pt>
                <c:pt idx="2946">
                  <c:v>0</c:v>
                </c:pt>
                <c:pt idx="2947">
                  <c:v>0</c:v>
                </c:pt>
                <c:pt idx="2948">
                  <c:v>0</c:v>
                </c:pt>
                <c:pt idx="2949">
                  <c:v>0</c:v>
                </c:pt>
                <c:pt idx="2950">
                  <c:v>0</c:v>
                </c:pt>
                <c:pt idx="2951">
                  <c:v>0</c:v>
                </c:pt>
                <c:pt idx="2952">
                  <c:v>0</c:v>
                </c:pt>
                <c:pt idx="2953">
                  <c:v>0</c:v>
                </c:pt>
                <c:pt idx="2954">
                  <c:v>0</c:v>
                </c:pt>
                <c:pt idx="2955">
                  <c:v>0</c:v>
                </c:pt>
                <c:pt idx="2956">
                  <c:v>0</c:v>
                </c:pt>
                <c:pt idx="2957">
                  <c:v>0</c:v>
                </c:pt>
                <c:pt idx="2958">
                  <c:v>0</c:v>
                </c:pt>
                <c:pt idx="2959">
                  <c:v>0</c:v>
                </c:pt>
                <c:pt idx="2960">
                  <c:v>0</c:v>
                </c:pt>
                <c:pt idx="2961">
                  <c:v>0</c:v>
                </c:pt>
                <c:pt idx="2962">
                  <c:v>0</c:v>
                </c:pt>
                <c:pt idx="2963">
                  <c:v>0</c:v>
                </c:pt>
                <c:pt idx="2964">
                  <c:v>0</c:v>
                </c:pt>
                <c:pt idx="2965">
                  <c:v>0</c:v>
                </c:pt>
                <c:pt idx="2966">
                  <c:v>0</c:v>
                </c:pt>
                <c:pt idx="2967">
                  <c:v>0</c:v>
                </c:pt>
                <c:pt idx="2968">
                  <c:v>0</c:v>
                </c:pt>
                <c:pt idx="2969">
                  <c:v>0</c:v>
                </c:pt>
                <c:pt idx="2970">
                  <c:v>0</c:v>
                </c:pt>
                <c:pt idx="2971">
                  <c:v>0</c:v>
                </c:pt>
                <c:pt idx="2972">
                  <c:v>0</c:v>
                </c:pt>
                <c:pt idx="2973">
                  <c:v>0</c:v>
                </c:pt>
                <c:pt idx="2974">
                  <c:v>0</c:v>
                </c:pt>
                <c:pt idx="2975">
                  <c:v>0</c:v>
                </c:pt>
                <c:pt idx="2976">
                  <c:v>0</c:v>
                </c:pt>
                <c:pt idx="2977">
                  <c:v>0</c:v>
                </c:pt>
                <c:pt idx="2978">
                  <c:v>0</c:v>
                </c:pt>
                <c:pt idx="2979">
                  <c:v>0</c:v>
                </c:pt>
                <c:pt idx="2980">
                  <c:v>0</c:v>
                </c:pt>
                <c:pt idx="2981">
                  <c:v>0</c:v>
                </c:pt>
                <c:pt idx="2982">
                  <c:v>0</c:v>
                </c:pt>
                <c:pt idx="2983">
                  <c:v>0</c:v>
                </c:pt>
                <c:pt idx="2984">
                  <c:v>0</c:v>
                </c:pt>
                <c:pt idx="2985">
                  <c:v>0</c:v>
                </c:pt>
                <c:pt idx="2986">
                  <c:v>0</c:v>
                </c:pt>
                <c:pt idx="2987">
                  <c:v>0</c:v>
                </c:pt>
                <c:pt idx="2988">
                  <c:v>0</c:v>
                </c:pt>
                <c:pt idx="2989">
                  <c:v>0</c:v>
                </c:pt>
                <c:pt idx="2990">
                  <c:v>0</c:v>
                </c:pt>
                <c:pt idx="2991">
                  <c:v>0</c:v>
                </c:pt>
                <c:pt idx="2992">
                  <c:v>0</c:v>
                </c:pt>
                <c:pt idx="2993">
                  <c:v>0</c:v>
                </c:pt>
                <c:pt idx="2994">
                  <c:v>0</c:v>
                </c:pt>
                <c:pt idx="2995">
                  <c:v>0</c:v>
                </c:pt>
                <c:pt idx="2996">
                  <c:v>0</c:v>
                </c:pt>
                <c:pt idx="2997">
                  <c:v>0</c:v>
                </c:pt>
                <c:pt idx="2998">
                  <c:v>0</c:v>
                </c:pt>
                <c:pt idx="2999">
                  <c:v>0</c:v>
                </c:pt>
                <c:pt idx="3000">
                  <c:v>0</c:v>
                </c:pt>
                <c:pt idx="3001">
                  <c:v>0</c:v>
                </c:pt>
                <c:pt idx="3002">
                  <c:v>0</c:v>
                </c:pt>
                <c:pt idx="3003">
                  <c:v>0</c:v>
                </c:pt>
                <c:pt idx="3004">
                  <c:v>0</c:v>
                </c:pt>
                <c:pt idx="3005">
                  <c:v>0</c:v>
                </c:pt>
                <c:pt idx="3006">
                  <c:v>0</c:v>
                </c:pt>
                <c:pt idx="3007">
                  <c:v>0</c:v>
                </c:pt>
                <c:pt idx="3008">
                  <c:v>0</c:v>
                </c:pt>
                <c:pt idx="3009">
                  <c:v>0</c:v>
                </c:pt>
                <c:pt idx="3010">
                  <c:v>0</c:v>
                </c:pt>
                <c:pt idx="3011">
                  <c:v>0</c:v>
                </c:pt>
                <c:pt idx="3012">
                  <c:v>0</c:v>
                </c:pt>
                <c:pt idx="3013">
                  <c:v>0</c:v>
                </c:pt>
                <c:pt idx="3014">
                  <c:v>0</c:v>
                </c:pt>
                <c:pt idx="3015">
                  <c:v>0</c:v>
                </c:pt>
                <c:pt idx="3016">
                  <c:v>0</c:v>
                </c:pt>
                <c:pt idx="3017">
                  <c:v>0</c:v>
                </c:pt>
                <c:pt idx="3018">
                  <c:v>0</c:v>
                </c:pt>
                <c:pt idx="3019">
                  <c:v>0</c:v>
                </c:pt>
                <c:pt idx="3020">
                  <c:v>0</c:v>
                </c:pt>
                <c:pt idx="3021">
                  <c:v>0</c:v>
                </c:pt>
                <c:pt idx="3022">
                  <c:v>0</c:v>
                </c:pt>
                <c:pt idx="3023">
                  <c:v>0</c:v>
                </c:pt>
                <c:pt idx="3024">
                  <c:v>0</c:v>
                </c:pt>
                <c:pt idx="3025">
                  <c:v>0</c:v>
                </c:pt>
                <c:pt idx="3026">
                  <c:v>0</c:v>
                </c:pt>
                <c:pt idx="3027">
                  <c:v>0</c:v>
                </c:pt>
                <c:pt idx="3028">
                  <c:v>0</c:v>
                </c:pt>
                <c:pt idx="3029">
                  <c:v>0</c:v>
                </c:pt>
                <c:pt idx="3030">
                  <c:v>0</c:v>
                </c:pt>
                <c:pt idx="3031">
                  <c:v>0</c:v>
                </c:pt>
                <c:pt idx="3032">
                  <c:v>0</c:v>
                </c:pt>
                <c:pt idx="3033">
                  <c:v>0</c:v>
                </c:pt>
                <c:pt idx="3034">
                  <c:v>0</c:v>
                </c:pt>
                <c:pt idx="3035">
                  <c:v>0</c:v>
                </c:pt>
                <c:pt idx="3036">
                  <c:v>0</c:v>
                </c:pt>
                <c:pt idx="3037">
                  <c:v>0</c:v>
                </c:pt>
                <c:pt idx="3038">
                  <c:v>0</c:v>
                </c:pt>
                <c:pt idx="3039">
                  <c:v>0</c:v>
                </c:pt>
                <c:pt idx="3040">
                  <c:v>0</c:v>
                </c:pt>
                <c:pt idx="3041">
                  <c:v>0</c:v>
                </c:pt>
                <c:pt idx="3042">
                  <c:v>0</c:v>
                </c:pt>
                <c:pt idx="3043">
                  <c:v>0</c:v>
                </c:pt>
                <c:pt idx="3044">
                  <c:v>0</c:v>
                </c:pt>
                <c:pt idx="3045">
                  <c:v>0</c:v>
                </c:pt>
                <c:pt idx="3046">
                  <c:v>0</c:v>
                </c:pt>
                <c:pt idx="3047">
                  <c:v>0</c:v>
                </c:pt>
                <c:pt idx="3048">
                  <c:v>0</c:v>
                </c:pt>
                <c:pt idx="3049">
                  <c:v>0</c:v>
                </c:pt>
                <c:pt idx="3050">
                  <c:v>0</c:v>
                </c:pt>
                <c:pt idx="3051">
                  <c:v>0</c:v>
                </c:pt>
                <c:pt idx="3052">
                  <c:v>0</c:v>
                </c:pt>
                <c:pt idx="3053">
                  <c:v>0</c:v>
                </c:pt>
                <c:pt idx="3054">
                  <c:v>0</c:v>
                </c:pt>
                <c:pt idx="3055">
                  <c:v>0</c:v>
                </c:pt>
                <c:pt idx="3056">
                  <c:v>0</c:v>
                </c:pt>
                <c:pt idx="3057">
                  <c:v>0</c:v>
                </c:pt>
                <c:pt idx="3058">
                  <c:v>0</c:v>
                </c:pt>
                <c:pt idx="3059">
                  <c:v>0</c:v>
                </c:pt>
                <c:pt idx="3060">
                  <c:v>0</c:v>
                </c:pt>
                <c:pt idx="3061">
                  <c:v>0</c:v>
                </c:pt>
                <c:pt idx="3062">
                  <c:v>0</c:v>
                </c:pt>
                <c:pt idx="3063">
                  <c:v>0</c:v>
                </c:pt>
                <c:pt idx="3064">
                  <c:v>0</c:v>
                </c:pt>
                <c:pt idx="3065">
                  <c:v>0</c:v>
                </c:pt>
                <c:pt idx="3066">
                  <c:v>0</c:v>
                </c:pt>
                <c:pt idx="3067">
                  <c:v>0</c:v>
                </c:pt>
                <c:pt idx="3068">
                  <c:v>0</c:v>
                </c:pt>
                <c:pt idx="3069">
                  <c:v>0</c:v>
                </c:pt>
                <c:pt idx="3070">
                  <c:v>0</c:v>
                </c:pt>
                <c:pt idx="3071">
                  <c:v>0</c:v>
                </c:pt>
                <c:pt idx="3072">
                  <c:v>0</c:v>
                </c:pt>
                <c:pt idx="3073">
                  <c:v>0</c:v>
                </c:pt>
                <c:pt idx="3074">
                  <c:v>0</c:v>
                </c:pt>
                <c:pt idx="3075">
                  <c:v>0</c:v>
                </c:pt>
                <c:pt idx="3076">
                  <c:v>0</c:v>
                </c:pt>
                <c:pt idx="3077">
                  <c:v>0</c:v>
                </c:pt>
                <c:pt idx="3078">
                  <c:v>0</c:v>
                </c:pt>
                <c:pt idx="3079">
                  <c:v>0</c:v>
                </c:pt>
                <c:pt idx="3080">
                  <c:v>0</c:v>
                </c:pt>
                <c:pt idx="3081">
                  <c:v>0</c:v>
                </c:pt>
                <c:pt idx="3082">
                  <c:v>0</c:v>
                </c:pt>
                <c:pt idx="3083">
                  <c:v>0</c:v>
                </c:pt>
                <c:pt idx="3084">
                  <c:v>0</c:v>
                </c:pt>
                <c:pt idx="3085">
                  <c:v>0</c:v>
                </c:pt>
                <c:pt idx="3086">
                  <c:v>0</c:v>
                </c:pt>
                <c:pt idx="3087">
                  <c:v>0</c:v>
                </c:pt>
                <c:pt idx="3088">
                  <c:v>0</c:v>
                </c:pt>
                <c:pt idx="3089">
                  <c:v>0</c:v>
                </c:pt>
                <c:pt idx="3090">
                  <c:v>0</c:v>
                </c:pt>
                <c:pt idx="3091">
                  <c:v>0</c:v>
                </c:pt>
                <c:pt idx="3092">
                  <c:v>0</c:v>
                </c:pt>
                <c:pt idx="3093">
                  <c:v>0</c:v>
                </c:pt>
                <c:pt idx="3094">
                  <c:v>0</c:v>
                </c:pt>
                <c:pt idx="3095">
                  <c:v>0</c:v>
                </c:pt>
                <c:pt idx="3096">
                  <c:v>0</c:v>
                </c:pt>
                <c:pt idx="3097">
                  <c:v>0</c:v>
                </c:pt>
                <c:pt idx="3098">
                  <c:v>0</c:v>
                </c:pt>
                <c:pt idx="3099">
                  <c:v>0</c:v>
                </c:pt>
                <c:pt idx="3100">
                  <c:v>0</c:v>
                </c:pt>
                <c:pt idx="3101">
                  <c:v>0</c:v>
                </c:pt>
                <c:pt idx="3102">
                  <c:v>0</c:v>
                </c:pt>
                <c:pt idx="3103">
                  <c:v>0</c:v>
                </c:pt>
                <c:pt idx="3104">
                  <c:v>0</c:v>
                </c:pt>
                <c:pt idx="3105">
                  <c:v>0</c:v>
                </c:pt>
                <c:pt idx="3106">
                  <c:v>0</c:v>
                </c:pt>
                <c:pt idx="3107">
                  <c:v>0</c:v>
                </c:pt>
                <c:pt idx="3108">
                  <c:v>0</c:v>
                </c:pt>
                <c:pt idx="3109">
                  <c:v>0</c:v>
                </c:pt>
                <c:pt idx="3110">
                  <c:v>0</c:v>
                </c:pt>
                <c:pt idx="3111">
                  <c:v>0</c:v>
                </c:pt>
                <c:pt idx="3112">
                  <c:v>0</c:v>
                </c:pt>
                <c:pt idx="3113">
                  <c:v>0</c:v>
                </c:pt>
                <c:pt idx="3114">
                  <c:v>0</c:v>
                </c:pt>
                <c:pt idx="3115">
                  <c:v>0</c:v>
                </c:pt>
                <c:pt idx="3116">
                  <c:v>0</c:v>
                </c:pt>
                <c:pt idx="3117">
                  <c:v>0</c:v>
                </c:pt>
                <c:pt idx="3118">
                  <c:v>0</c:v>
                </c:pt>
                <c:pt idx="3119">
                  <c:v>0</c:v>
                </c:pt>
                <c:pt idx="3120">
                  <c:v>0</c:v>
                </c:pt>
                <c:pt idx="3121">
                  <c:v>0</c:v>
                </c:pt>
                <c:pt idx="3122">
                  <c:v>0</c:v>
                </c:pt>
                <c:pt idx="3123">
                  <c:v>0</c:v>
                </c:pt>
                <c:pt idx="3124">
                  <c:v>0</c:v>
                </c:pt>
                <c:pt idx="3125">
                  <c:v>0</c:v>
                </c:pt>
                <c:pt idx="3126">
                  <c:v>0</c:v>
                </c:pt>
                <c:pt idx="3127">
                  <c:v>0</c:v>
                </c:pt>
                <c:pt idx="3128">
                  <c:v>0</c:v>
                </c:pt>
                <c:pt idx="3129">
                  <c:v>0</c:v>
                </c:pt>
                <c:pt idx="3130">
                  <c:v>0</c:v>
                </c:pt>
                <c:pt idx="3131">
                  <c:v>0</c:v>
                </c:pt>
                <c:pt idx="3132">
                  <c:v>0</c:v>
                </c:pt>
                <c:pt idx="3133">
                  <c:v>0</c:v>
                </c:pt>
                <c:pt idx="3134">
                  <c:v>0</c:v>
                </c:pt>
                <c:pt idx="3135">
                  <c:v>0</c:v>
                </c:pt>
                <c:pt idx="3136">
                  <c:v>0</c:v>
                </c:pt>
                <c:pt idx="3137">
                  <c:v>0</c:v>
                </c:pt>
                <c:pt idx="3138">
                  <c:v>0</c:v>
                </c:pt>
                <c:pt idx="3139">
                  <c:v>0</c:v>
                </c:pt>
                <c:pt idx="3140">
                  <c:v>0</c:v>
                </c:pt>
                <c:pt idx="3141">
                  <c:v>0</c:v>
                </c:pt>
                <c:pt idx="3142">
                  <c:v>0</c:v>
                </c:pt>
                <c:pt idx="3143">
                  <c:v>0</c:v>
                </c:pt>
                <c:pt idx="3144">
                  <c:v>0</c:v>
                </c:pt>
                <c:pt idx="3145">
                  <c:v>0</c:v>
                </c:pt>
                <c:pt idx="3146">
                  <c:v>0</c:v>
                </c:pt>
                <c:pt idx="3147">
                  <c:v>0</c:v>
                </c:pt>
                <c:pt idx="3148">
                  <c:v>0</c:v>
                </c:pt>
                <c:pt idx="3149">
                  <c:v>0</c:v>
                </c:pt>
                <c:pt idx="3150">
                  <c:v>0</c:v>
                </c:pt>
                <c:pt idx="3151">
                  <c:v>0</c:v>
                </c:pt>
                <c:pt idx="3152">
                  <c:v>0</c:v>
                </c:pt>
                <c:pt idx="3153">
                  <c:v>0</c:v>
                </c:pt>
                <c:pt idx="3154">
                  <c:v>0</c:v>
                </c:pt>
                <c:pt idx="3155">
                  <c:v>0</c:v>
                </c:pt>
                <c:pt idx="3156">
                  <c:v>0</c:v>
                </c:pt>
                <c:pt idx="3157">
                  <c:v>0</c:v>
                </c:pt>
                <c:pt idx="3158">
                  <c:v>0</c:v>
                </c:pt>
                <c:pt idx="3159">
                  <c:v>0</c:v>
                </c:pt>
                <c:pt idx="3160">
                  <c:v>0</c:v>
                </c:pt>
                <c:pt idx="3161">
                  <c:v>0</c:v>
                </c:pt>
                <c:pt idx="3162">
                  <c:v>0</c:v>
                </c:pt>
                <c:pt idx="3163">
                  <c:v>0</c:v>
                </c:pt>
                <c:pt idx="3164">
                  <c:v>0</c:v>
                </c:pt>
                <c:pt idx="3165">
                  <c:v>0</c:v>
                </c:pt>
                <c:pt idx="3166">
                  <c:v>0</c:v>
                </c:pt>
                <c:pt idx="3167">
                  <c:v>0</c:v>
                </c:pt>
                <c:pt idx="3168">
                  <c:v>0</c:v>
                </c:pt>
                <c:pt idx="3169">
                  <c:v>0</c:v>
                </c:pt>
                <c:pt idx="3170">
                  <c:v>0</c:v>
                </c:pt>
                <c:pt idx="3171">
                  <c:v>0</c:v>
                </c:pt>
                <c:pt idx="3172">
                  <c:v>0</c:v>
                </c:pt>
                <c:pt idx="3173">
                  <c:v>0</c:v>
                </c:pt>
                <c:pt idx="3174">
                  <c:v>0</c:v>
                </c:pt>
                <c:pt idx="3175">
                  <c:v>0</c:v>
                </c:pt>
                <c:pt idx="3176">
                  <c:v>0</c:v>
                </c:pt>
                <c:pt idx="3177">
                  <c:v>0</c:v>
                </c:pt>
                <c:pt idx="3178">
                  <c:v>0</c:v>
                </c:pt>
                <c:pt idx="3179">
                  <c:v>0</c:v>
                </c:pt>
                <c:pt idx="3180">
                  <c:v>0</c:v>
                </c:pt>
                <c:pt idx="3181">
                  <c:v>0</c:v>
                </c:pt>
                <c:pt idx="3182">
                  <c:v>0</c:v>
                </c:pt>
                <c:pt idx="3183">
                  <c:v>0</c:v>
                </c:pt>
                <c:pt idx="3184">
                  <c:v>0</c:v>
                </c:pt>
                <c:pt idx="3185">
                  <c:v>0</c:v>
                </c:pt>
                <c:pt idx="3186">
                  <c:v>0</c:v>
                </c:pt>
                <c:pt idx="3187">
                  <c:v>0</c:v>
                </c:pt>
                <c:pt idx="3188">
                  <c:v>0</c:v>
                </c:pt>
                <c:pt idx="3189">
                  <c:v>0</c:v>
                </c:pt>
                <c:pt idx="3190">
                  <c:v>0</c:v>
                </c:pt>
                <c:pt idx="3191">
                  <c:v>0</c:v>
                </c:pt>
                <c:pt idx="3192">
                  <c:v>0</c:v>
                </c:pt>
                <c:pt idx="3193">
                  <c:v>0</c:v>
                </c:pt>
                <c:pt idx="3194">
                  <c:v>0</c:v>
                </c:pt>
                <c:pt idx="3195">
                  <c:v>0</c:v>
                </c:pt>
                <c:pt idx="3196">
                  <c:v>0</c:v>
                </c:pt>
                <c:pt idx="3197">
                  <c:v>0</c:v>
                </c:pt>
                <c:pt idx="3198">
                  <c:v>0</c:v>
                </c:pt>
                <c:pt idx="3199">
                  <c:v>0</c:v>
                </c:pt>
                <c:pt idx="3200">
                  <c:v>0</c:v>
                </c:pt>
                <c:pt idx="3201">
                  <c:v>0</c:v>
                </c:pt>
                <c:pt idx="3202">
                  <c:v>0</c:v>
                </c:pt>
                <c:pt idx="3203">
                  <c:v>0</c:v>
                </c:pt>
                <c:pt idx="3204">
                  <c:v>0</c:v>
                </c:pt>
                <c:pt idx="3205">
                  <c:v>0</c:v>
                </c:pt>
                <c:pt idx="3206">
                  <c:v>0</c:v>
                </c:pt>
                <c:pt idx="3207">
                  <c:v>0</c:v>
                </c:pt>
                <c:pt idx="3208">
                  <c:v>0</c:v>
                </c:pt>
                <c:pt idx="3209">
                  <c:v>0</c:v>
                </c:pt>
                <c:pt idx="3210">
                  <c:v>0</c:v>
                </c:pt>
                <c:pt idx="3211">
                  <c:v>0</c:v>
                </c:pt>
                <c:pt idx="3212">
                  <c:v>0</c:v>
                </c:pt>
                <c:pt idx="3213">
                  <c:v>0</c:v>
                </c:pt>
                <c:pt idx="3214">
                  <c:v>0</c:v>
                </c:pt>
                <c:pt idx="3215">
                  <c:v>0</c:v>
                </c:pt>
                <c:pt idx="3216">
                  <c:v>0</c:v>
                </c:pt>
                <c:pt idx="3217">
                  <c:v>0</c:v>
                </c:pt>
                <c:pt idx="3218">
                  <c:v>0</c:v>
                </c:pt>
                <c:pt idx="3219">
                  <c:v>0</c:v>
                </c:pt>
                <c:pt idx="3220">
                  <c:v>0</c:v>
                </c:pt>
                <c:pt idx="3221">
                  <c:v>0</c:v>
                </c:pt>
                <c:pt idx="3222">
                  <c:v>0</c:v>
                </c:pt>
                <c:pt idx="3223">
                  <c:v>0</c:v>
                </c:pt>
                <c:pt idx="3224">
                  <c:v>0</c:v>
                </c:pt>
                <c:pt idx="3225">
                  <c:v>0</c:v>
                </c:pt>
                <c:pt idx="3226">
                  <c:v>0</c:v>
                </c:pt>
                <c:pt idx="3227">
                  <c:v>0</c:v>
                </c:pt>
                <c:pt idx="3228">
                  <c:v>0</c:v>
                </c:pt>
                <c:pt idx="3229">
                  <c:v>0</c:v>
                </c:pt>
                <c:pt idx="3230">
                  <c:v>0</c:v>
                </c:pt>
                <c:pt idx="3231">
                  <c:v>0</c:v>
                </c:pt>
                <c:pt idx="3232">
                  <c:v>0</c:v>
                </c:pt>
                <c:pt idx="3233">
                  <c:v>0</c:v>
                </c:pt>
                <c:pt idx="3234">
                  <c:v>0</c:v>
                </c:pt>
                <c:pt idx="3235">
                  <c:v>0</c:v>
                </c:pt>
                <c:pt idx="3236">
                  <c:v>0</c:v>
                </c:pt>
                <c:pt idx="3237">
                  <c:v>0</c:v>
                </c:pt>
                <c:pt idx="3238">
                  <c:v>0</c:v>
                </c:pt>
                <c:pt idx="3239">
                  <c:v>0</c:v>
                </c:pt>
                <c:pt idx="3240">
                  <c:v>0</c:v>
                </c:pt>
                <c:pt idx="3241">
                  <c:v>0</c:v>
                </c:pt>
                <c:pt idx="3242">
                  <c:v>0</c:v>
                </c:pt>
                <c:pt idx="3243">
                  <c:v>0</c:v>
                </c:pt>
                <c:pt idx="3244">
                  <c:v>0</c:v>
                </c:pt>
                <c:pt idx="3245">
                  <c:v>0</c:v>
                </c:pt>
                <c:pt idx="3246">
                  <c:v>0</c:v>
                </c:pt>
                <c:pt idx="3247">
                  <c:v>0</c:v>
                </c:pt>
                <c:pt idx="3248">
                  <c:v>0</c:v>
                </c:pt>
                <c:pt idx="3249">
                  <c:v>0</c:v>
                </c:pt>
                <c:pt idx="3250">
                  <c:v>0</c:v>
                </c:pt>
                <c:pt idx="3251">
                  <c:v>0</c:v>
                </c:pt>
                <c:pt idx="3252">
                  <c:v>0</c:v>
                </c:pt>
                <c:pt idx="3253">
                  <c:v>0</c:v>
                </c:pt>
                <c:pt idx="3254">
                  <c:v>0</c:v>
                </c:pt>
                <c:pt idx="3255">
                  <c:v>0</c:v>
                </c:pt>
                <c:pt idx="3256">
                  <c:v>0</c:v>
                </c:pt>
                <c:pt idx="3257">
                  <c:v>0</c:v>
                </c:pt>
                <c:pt idx="3258">
                  <c:v>0</c:v>
                </c:pt>
                <c:pt idx="3259">
                  <c:v>0</c:v>
                </c:pt>
                <c:pt idx="3260">
                  <c:v>0</c:v>
                </c:pt>
                <c:pt idx="3261">
                  <c:v>0</c:v>
                </c:pt>
                <c:pt idx="3262">
                  <c:v>0</c:v>
                </c:pt>
                <c:pt idx="3263">
                  <c:v>0</c:v>
                </c:pt>
                <c:pt idx="3264">
                  <c:v>0</c:v>
                </c:pt>
                <c:pt idx="3265">
                  <c:v>0</c:v>
                </c:pt>
                <c:pt idx="3266">
                  <c:v>0</c:v>
                </c:pt>
                <c:pt idx="3267">
                  <c:v>0</c:v>
                </c:pt>
                <c:pt idx="3268">
                  <c:v>0</c:v>
                </c:pt>
                <c:pt idx="3269">
                  <c:v>0</c:v>
                </c:pt>
                <c:pt idx="3270">
                  <c:v>0</c:v>
                </c:pt>
                <c:pt idx="3271">
                  <c:v>0</c:v>
                </c:pt>
                <c:pt idx="3272">
                  <c:v>0</c:v>
                </c:pt>
                <c:pt idx="3273">
                  <c:v>0</c:v>
                </c:pt>
                <c:pt idx="3274">
                  <c:v>0</c:v>
                </c:pt>
                <c:pt idx="3275">
                  <c:v>0</c:v>
                </c:pt>
                <c:pt idx="3276">
                  <c:v>0</c:v>
                </c:pt>
                <c:pt idx="3277">
                  <c:v>0</c:v>
                </c:pt>
                <c:pt idx="3278">
                  <c:v>0</c:v>
                </c:pt>
                <c:pt idx="3279">
                  <c:v>0</c:v>
                </c:pt>
                <c:pt idx="3280">
                  <c:v>0</c:v>
                </c:pt>
                <c:pt idx="3281">
                  <c:v>0</c:v>
                </c:pt>
                <c:pt idx="3282">
                  <c:v>0</c:v>
                </c:pt>
                <c:pt idx="3283">
                  <c:v>0</c:v>
                </c:pt>
                <c:pt idx="3284">
                  <c:v>0</c:v>
                </c:pt>
                <c:pt idx="3285">
                  <c:v>0</c:v>
                </c:pt>
                <c:pt idx="3286">
                  <c:v>0</c:v>
                </c:pt>
                <c:pt idx="3287">
                  <c:v>0</c:v>
                </c:pt>
                <c:pt idx="3288">
                  <c:v>0</c:v>
                </c:pt>
                <c:pt idx="3289">
                  <c:v>0</c:v>
                </c:pt>
                <c:pt idx="3290">
                  <c:v>0</c:v>
                </c:pt>
                <c:pt idx="3291">
                  <c:v>0</c:v>
                </c:pt>
                <c:pt idx="3292">
                  <c:v>0</c:v>
                </c:pt>
                <c:pt idx="3293">
                  <c:v>0</c:v>
                </c:pt>
                <c:pt idx="3294">
                  <c:v>0</c:v>
                </c:pt>
                <c:pt idx="3295">
                  <c:v>0</c:v>
                </c:pt>
                <c:pt idx="3296">
                  <c:v>0</c:v>
                </c:pt>
                <c:pt idx="3297">
                  <c:v>0</c:v>
                </c:pt>
                <c:pt idx="3298">
                  <c:v>0</c:v>
                </c:pt>
                <c:pt idx="3299">
                  <c:v>0</c:v>
                </c:pt>
                <c:pt idx="3300">
                  <c:v>0</c:v>
                </c:pt>
                <c:pt idx="3301">
                  <c:v>0</c:v>
                </c:pt>
                <c:pt idx="3302">
                  <c:v>0</c:v>
                </c:pt>
                <c:pt idx="3303">
                  <c:v>0</c:v>
                </c:pt>
                <c:pt idx="3304">
                  <c:v>0</c:v>
                </c:pt>
                <c:pt idx="3305">
                  <c:v>0</c:v>
                </c:pt>
                <c:pt idx="3306">
                  <c:v>0</c:v>
                </c:pt>
                <c:pt idx="3307">
                  <c:v>0</c:v>
                </c:pt>
                <c:pt idx="3308">
                  <c:v>0</c:v>
                </c:pt>
                <c:pt idx="3309">
                  <c:v>0</c:v>
                </c:pt>
                <c:pt idx="3310">
                  <c:v>0</c:v>
                </c:pt>
                <c:pt idx="3311">
                  <c:v>0</c:v>
                </c:pt>
                <c:pt idx="3312">
                  <c:v>0</c:v>
                </c:pt>
                <c:pt idx="3313">
                  <c:v>0</c:v>
                </c:pt>
                <c:pt idx="3314">
                  <c:v>0</c:v>
                </c:pt>
                <c:pt idx="3315">
                  <c:v>0</c:v>
                </c:pt>
                <c:pt idx="3316">
                  <c:v>0</c:v>
                </c:pt>
                <c:pt idx="3317">
                  <c:v>0</c:v>
                </c:pt>
                <c:pt idx="3318">
                  <c:v>0</c:v>
                </c:pt>
                <c:pt idx="3319">
                  <c:v>0</c:v>
                </c:pt>
                <c:pt idx="3320">
                  <c:v>0</c:v>
                </c:pt>
                <c:pt idx="3321">
                  <c:v>0</c:v>
                </c:pt>
                <c:pt idx="3322">
                  <c:v>0</c:v>
                </c:pt>
                <c:pt idx="3323">
                  <c:v>0</c:v>
                </c:pt>
                <c:pt idx="3324">
                  <c:v>0</c:v>
                </c:pt>
                <c:pt idx="3325">
                  <c:v>0</c:v>
                </c:pt>
                <c:pt idx="3326">
                  <c:v>0</c:v>
                </c:pt>
                <c:pt idx="3327">
                  <c:v>0</c:v>
                </c:pt>
                <c:pt idx="3328">
                  <c:v>0</c:v>
                </c:pt>
                <c:pt idx="3329">
                  <c:v>0</c:v>
                </c:pt>
                <c:pt idx="3330">
                  <c:v>0</c:v>
                </c:pt>
                <c:pt idx="3331">
                  <c:v>0</c:v>
                </c:pt>
                <c:pt idx="3332">
                  <c:v>0</c:v>
                </c:pt>
                <c:pt idx="3333">
                  <c:v>0</c:v>
                </c:pt>
                <c:pt idx="3334">
                  <c:v>0</c:v>
                </c:pt>
                <c:pt idx="3335">
                  <c:v>0</c:v>
                </c:pt>
                <c:pt idx="3336">
                  <c:v>0</c:v>
                </c:pt>
                <c:pt idx="3337">
                  <c:v>0</c:v>
                </c:pt>
                <c:pt idx="3338">
                  <c:v>0</c:v>
                </c:pt>
                <c:pt idx="3339">
                  <c:v>0</c:v>
                </c:pt>
                <c:pt idx="3340">
                  <c:v>0</c:v>
                </c:pt>
                <c:pt idx="3341">
                  <c:v>0</c:v>
                </c:pt>
                <c:pt idx="3342">
                  <c:v>0</c:v>
                </c:pt>
                <c:pt idx="3343">
                  <c:v>0</c:v>
                </c:pt>
                <c:pt idx="3344">
                  <c:v>0</c:v>
                </c:pt>
                <c:pt idx="3345">
                  <c:v>0</c:v>
                </c:pt>
                <c:pt idx="3346">
                  <c:v>0</c:v>
                </c:pt>
                <c:pt idx="3347">
                  <c:v>0</c:v>
                </c:pt>
                <c:pt idx="3348">
                  <c:v>0</c:v>
                </c:pt>
                <c:pt idx="3349">
                  <c:v>0</c:v>
                </c:pt>
                <c:pt idx="3350">
                  <c:v>0</c:v>
                </c:pt>
                <c:pt idx="3351">
                  <c:v>0</c:v>
                </c:pt>
                <c:pt idx="3352">
                  <c:v>0</c:v>
                </c:pt>
                <c:pt idx="3353">
                  <c:v>0</c:v>
                </c:pt>
                <c:pt idx="3354">
                  <c:v>0</c:v>
                </c:pt>
                <c:pt idx="3355">
                  <c:v>0</c:v>
                </c:pt>
                <c:pt idx="3356">
                  <c:v>0</c:v>
                </c:pt>
                <c:pt idx="3357">
                  <c:v>0</c:v>
                </c:pt>
                <c:pt idx="3358">
                  <c:v>0</c:v>
                </c:pt>
                <c:pt idx="3359">
                  <c:v>0</c:v>
                </c:pt>
                <c:pt idx="3360">
                  <c:v>0</c:v>
                </c:pt>
                <c:pt idx="3361">
                  <c:v>0</c:v>
                </c:pt>
                <c:pt idx="3362">
                  <c:v>0</c:v>
                </c:pt>
                <c:pt idx="3363">
                  <c:v>0</c:v>
                </c:pt>
                <c:pt idx="3364">
                  <c:v>0</c:v>
                </c:pt>
                <c:pt idx="3365">
                  <c:v>0</c:v>
                </c:pt>
                <c:pt idx="3366">
                  <c:v>0</c:v>
                </c:pt>
                <c:pt idx="3367">
                  <c:v>0</c:v>
                </c:pt>
                <c:pt idx="3368">
                  <c:v>0</c:v>
                </c:pt>
                <c:pt idx="3369">
                  <c:v>0</c:v>
                </c:pt>
                <c:pt idx="3370">
                  <c:v>0</c:v>
                </c:pt>
                <c:pt idx="3371">
                  <c:v>0</c:v>
                </c:pt>
                <c:pt idx="3372">
                  <c:v>0</c:v>
                </c:pt>
                <c:pt idx="3373">
                  <c:v>0</c:v>
                </c:pt>
                <c:pt idx="3374">
                  <c:v>0</c:v>
                </c:pt>
                <c:pt idx="3375">
                  <c:v>0</c:v>
                </c:pt>
                <c:pt idx="3376">
                  <c:v>0</c:v>
                </c:pt>
                <c:pt idx="3377">
                  <c:v>0</c:v>
                </c:pt>
                <c:pt idx="3378">
                  <c:v>0</c:v>
                </c:pt>
                <c:pt idx="3379">
                  <c:v>0</c:v>
                </c:pt>
                <c:pt idx="3380">
                  <c:v>0</c:v>
                </c:pt>
                <c:pt idx="3381">
                  <c:v>0</c:v>
                </c:pt>
                <c:pt idx="3382">
                  <c:v>0</c:v>
                </c:pt>
                <c:pt idx="3383">
                  <c:v>0</c:v>
                </c:pt>
                <c:pt idx="3384">
                  <c:v>0</c:v>
                </c:pt>
                <c:pt idx="3385">
                  <c:v>0</c:v>
                </c:pt>
                <c:pt idx="3386">
                  <c:v>0</c:v>
                </c:pt>
                <c:pt idx="3387">
                  <c:v>0</c:v>
                </c:pt>
                <c:pt idx="3388">
                  <c:v>0</c:v>
                </c:pt>
                <c:pt idx="3389">
                  <c:v>0</c:v>
                </c:pt>
                <c:pt idx="3390">
                  <c:v>0</c:v>
                </c:pt>
                <c:pt idx="3391">
                  <c:v>0</c:v>
                </c:pt>
                <c:pt idx="3392">
                  <c:v>0</c:v>
                </c:pt>
                <c:pt idx="3393">
                  <c:v>0</c:v>
                </c:pt>
                <c:pt idx="3394">
                  <c:v>0</c:v>
                </c:pt>
                <c:pt idx="3395">
                  <c:v>0</c:v>
                </c:pt>
                <c:pt idx="3396">
                  <c:v>0</c:v>
                </c:pt>
                <c:pt idx="3397">
                  <c:v>0</c:v>
                </c:pt>
                <c:pt idx="3398">
                  <c:v>0</c:v>
                </c:pt>
                <c:pt idx="3399">
                  <c:v>0</c:v>
                </c:pt>
                <c:pt idx="3400">
                  <c:v>0</c:v>
                </c:pt>
                <c:pt idx="3401">
                  <c:v>0</c:v>
                </c:pt>
                <c:pt idx="3402">
                  <c:v>0</c:v>
                </c:pt>
                <c:pt idx="3403">
                  <c:v>0</c:v>
                </c:pt>
                <c:pt idx="3404">
                  <c:v>0</c:v>
                </c:pt>
                <c:pt idx="3405">
                  <c:v>0</c:v>
                </c:pt>
                <c:pt idx="3406">
                  <c:v>0</c:v>
                </c:pt>
                <c:pt idx="3407">
                  <c:v>0</c:v>
                </c:pt>
                <c:pt idx="3408">
                  <c:v>0</c:v>
                </c:pt>
                <c:pt idx="3409">
                  <c:v>0</c:v>
                </c:pt>
                <c:pt idx="3410">
                  <c:v>0</c:v>
                </c:pt>
                <c:pt idx="3411">
                  <c:v>0</c:v>
                </c:pt>
                <c:pt idx="3412">
                  <c:v>0</c:v>
                </c:pt>
                <c:pt idx="3413">
                  <c:v>0</c:v>
                </c:pt>
                <c:pt idx="3414">
                  <c:v>0</c:v>
                </c:pt>
                <c:pt idx="3415">
                  <c:v>0</c:v>
                </c:pt>
                <c:pt idx="3416">
                  <c:v>0</c:v>
                </c:pt>
                <c:pt idx="3417">
                  <c:v>0</c:v>
                </c:pt>
                <c:pt idx="3418">
                  <c:v>0</c:v>
                </c:pt>
                <c:pt idx="3419">
                  <c:v>0</c:v>
                </c:pt>
                <c:pt idx="3420">
                  <c:v>0</c:v>
                </c:pt>
                <c:pt idx="3421">
                  <c:v>0</c:v>
                </c:pt>
                <c:pt idx="3422">
                  <c:v>0</c:v>
                </c:pt>
                <c:pt idx="3423">
                  <c:v>0</c:v>
                </c:pt>
                <c:pt idx="3424">
                  <c:v>0</c:v>
                </c:pt>
                <c:pt idx="3425">
                  <c:v>0</c:v>
                </c:pt>
                <c:pt idx="3426">
                  <c:v>0</c:v>
                </c:pt>
                <c:pt idx="3427">
                  <c:v>0</c:v>
                </c:pt>
                <c:pt idx="3428">
                  <c:v>0</c:v>
                </c:pt>
                <c:pt idx="3429">
                  <c:v>0</c:v>
                </c:pt>
                <c:pt idx="3430">
                  <c:v>0</c:v>
                </c:pt>
                <c:pt idx="3431">
                  <c:v>0</c:v>
                </c:pt>
                <c:pt idx="3432">
                  <c:v>0</c:v>
                </c:pt>
                <c:pt idx="3433">
                  <c:v>0</c:v>
                </c:pt>
                <c:pt idx="3434">
                  <c:v>0</c:v>
                </c:pt>
                <c:pt idx="3435">
                  <c:v>0</c:v>
                </c:pt>
                <c:pt idx="3436">
                  <c:v>0</c:v>
                </c:pt>
                <c:pt idx="3437">
                  <c:v>0</c:v>
                </c:pt>
                <c:pt idx="3438">
                  <c:v>0</c:v>
                </c:pt>
                <c:pt idx="3439">
                  <c:v>0</c:v>
                </c:pt>
                <c:pt idx="3440">
                  <c:v>0</c:v>
                </c:pt>
                <c:pt idx="3441">
                  <c:v>0</c:v>
                </c:pt>
                <c:pt idx="3442">
                  <c:v>0</c:v>
                </c:pt>
                <c:pt idx="3443">
                  <c:v>0</c:v>
                </c:pt>
                <c:pt idx="3444">
                  <c:v>0</c:v>
                </c:pt>
                <c:pt idx="3445">
                  <c:v>0</c:v>
                </c:pt>
                <c:pt idx="3446">
                  <c:v>0</c:v>
                </c:pt>
                <c:pt idx="3447">
                  <c:v>0</c:v>
                </c:pt>
                <c:pt idx="3448">
                  <c:v>0</c:v>
                </c:pt>
                <c:pt idx="3449">
                  <c:v>0</c:v>
                </c:pt>
                <c:pt idx="3450">
                  <c:v>0</c:v>
                </c:pt>
                <c:pt idx="3451">
                  <c:v>0</c:v>
                </c:pt>
                <c:pt idx="3452">
                  <c:v>0</c:v>
                </c:pt>
                <c:pt idx="3453">
                  <c:v>0</c:v>
                </c:pt>
                <c:pt idx="3454">
                  <c:v>0</c:v>
                </c:pt>
                <c:pt idx="3455">
                  <c:v>0</c:v>
                </c:pt>
                <c:pt idx="3456">
                  <c:v>0</c:v>
                </c:pt>
                <c:pt idx="3457">
                  <c:v>0</c:v>
                </c:pt>
                <c:pt idx="3458">
                  <c:v>0</c:v>
                </c:pt>
                <c:pt idx="3459">
                  <c:v>0</c:v>
                </c:pt>
                <c:pt idx="3460">
                  <c:v>0</c:v>
                </c:pt>
                <c:pt idx="3461">
                  <c:v>0</c:v>
                </c:pt>
                <c:pt idx="3462">
                  <c:v>0</c:v>
                </c:pt>
                <c:pt idx="3463">
                  <c:v>0</c:v>
                </c:pt>
                <c:pt idx="3464">
                  <c:v>0</c:v>
                </c:pt>
                <c:pt idx="3465">
                  <c:v>0</c:v>
                </c:pt>
                <c:pt idx="3466">
                  <c:v>0</c:v>
                </c:pt>
                <c:pt idx="3467">
                  <c:v>0</c:v>
                </c:pt>
                <c:pt idx="3468">
                  <c:v>0</c:v>
                </c:pt>
                <c:pt idx="3469">
                  <c:v>0</c:v>
                </c:pt>
                <c:pt idx="3470">
                  <c:v>0</c:v>
                </c:pt>
                <c:pt idx="3471">
                  <c:v>0</c:v>
                </c:pt>
                <c:pt idx="3472">
                  <c:v>0</c:v>
                </c:pt>
                <c:pt idx="3473">
                  <c:v>0</c:v>
                </c:pt>
                <c:pt idx="3474">
                  <c:v>0</c:v>
                </c:pt>
                <c:pt idx="3475">
                  <c:v>0</c:v>
                </c:pt>
                <c:pt idx="3476">
                  <c:v>0</c:v>
                </c:pt>
                <c:pt idx="3477">
                  <c:v>0</c:v>
                </c:pt>
                <c:pt idx="3478">
                  <c:v>0</c:v>
                </c:pt>
                <c:pt idx="3479">
                  <c:v>0</c:v>
                </c:pt>
                <c:pt idx="3480">
                  <c:v>0</c:v>
                </c:pt>
                <c:pt idx="3481">
                  <c:v>0</c:v>
                </c:pt>
                <c:pt idx="3482">
                  <c:v>0</c:v>
                </c:pt>
                <c:pt idx="3483">
                  <c:v>0</c:v>
                </c:pt>
                <c:pt idx="3484">
                  <c:v>0</c:v>
                </c:pt>
                <c:pt idx="3485">
                  <c:v>0</c:v>
                </c:pt>
                <c:pt idx="3486">
                  <c:v>0</c:v>
                </c:pt>
                <c:pt idx="3487">
                  <c:v>0</c:v>
                </c:pt>
                <c:pt idx="3488">
                  <c:v>0</c:v>
                </c:pt>
                <c:pt idx="3489">
                  <c:v>0</c:v>
                </c:pt>
                <c:pt idx="3490">
                  <c:v>0</c:v>
                </c:pt>
                <c:pt idx="3491">
                  <c:v>0</c:v>
                </c:pt>
                <c:pt idx="3492">
                  <c:v>0</c:v>
                </c:pt>
                <c:pt idx="3493">
                  <c:v>0</c:v>
                </c:pt>
                <c:pt idx="3494">
                  <c:v>0</c:v>
                </c:pt>
                <c:pt idx="3495">
                  <c:v>0</c:v>
                </c:pt>
                <c:pt idx="3496">
                  <c:v>0</c:v>
                </c:pt>
                <c:pt idx="3497">
                  <c:v>0</c:v>
                </c:pt>
                <c:pt idx="3498">
                  <c:v>0</c:v>
                </c:pt>
                <c:pt idx="3499">
                  <c:v>0</c:v>
                </c:pt>
                <c:pt idx="3500">
                  <c:v>0</c:v>
                </c:pt>
                <c:pt idx="3501">
                  <c:v>0</c:v>
                </c:pt>
                <c:pt idx="3502">
                  <c:v>0</c:v>
                </c:pt>
                <c:pt idx="3503">
                  <c:v>0</c:v>
                </c:pt>
                <c:pt idx="3504">
                  <c:v>0</c:v>
                </c:pt>
                <c:pt idx="3505">
                  <c:v>0</c:v>
                </c:pt>
                <c:pt idx="3506">
                  <c:v>0</c:v>
                </c:pt>
                <c:pt idx="3507">
                  <c:v>0</c:v>
                </c:pt>
                <c:pt idx="3508">
                  <c:v>0</c:v>
                </c:pt>
                <c:pt idx="3509">
                  <c:v>0</c:v>
                </c:pt>
                <c:pt idx="3510">
                  <c:v>0</c:v>
                </c:pt>
                <c:pt idx="3511">
                  <c:v>0</c:v>
                </c:pt>
                <c:pt idx="3512">
                  <c:v>0</c:v>
                </c:pt>
                <c:pt idx="3513">
                  <c:v>0</c:v>
                </c:pt>
                <c:pt idx="3514">
                  <c:v>0</c:v>
                </c:pt>
                <c:pt idx="3515">
                  <c:v>0</c:v>
                </c:pt>
                <c:pt idx="3516">
                  <c:v>0</c:v>
                </c:pt>
                <c:pt idx="3517">
                  <c:v>0</c:v>
                </c:pt>
                <c:pt idx="3518">
                  <c:v>0</c:v>
                </c:pt>
                <c:pt idx="3519">
                  <c:v>0</c:v>
                </c:pt>
                <c:pt idx="3520">
                  <c:v>0</c:v>
                </c:pt>
                <c:pt idx="3521">
                  <c:v>0</c:v>
                </c:pt>
                <c:pt idx="3522">
                  <c:v>0</c:v>
                </c:pt>
                <c:pt idx="3523">
                  <c:v>0</c:v>
                </c:pt>
                <c:pt idx="3524">
                  <c:v>0</c:v>
                </c:pt>
                <c:pt idx="3525">
                  <c:v>0</c:v>
                </c:pt>
                <c:pt idx="3526">
                  <c:v>0</c:v>
                </c:pt>
                <c:pt idx="3527">
                  <c:v>0</c:v>
                </c:pt>
                <c:pt idx="3528">
                  <c:v>0</c:v>
                </c:pt>
                <c:pt idx="3529">
                  <c:v>0</c:v>
                </c:pt>
                <c:pt idx="3530">
                  <c:v>0</c:v>
                </c:pt>
                <c:pt idx="3531">
                  <c:v>0</c:v>
                </c:pt>
                <c:pt idx="3532">
                  <c:v>0</c:v>
                </c:pt>
                <c:pt idx="3533">
                  <c:v>0</c:v>
                </c:pt>
                <c:pt idx="3534">
                  <c:v>0</c:v>
                </c:pt>
                <c:pt idx="3535">
                  <c:v>0</c:v>
                </c:pt>
                <c:pt idx="3536">
                  <c:v>0</c:v>
                </c:pt>
                <c:pt idx="3537">
                  <c:v>0</c:v>
                </c:pt>
                <c:pt idx="3538">
                  <c:v>0</c:v>
                </c:pt>
                <c:pt idx="3539">
                  <c:v>0</c:v>
                </c:pt>
                <c:pt idx="3540">
                  <c:v>0</c:v>
                </c:pt>
                <c:pt idx="3541">
                  <c:v>0</c:v>
                </c:pt>
                <c:pt idx="3542">
                  <c:v>0</c:v>
                </c:pt>
                <c:pt idx="3543">
                  <c:v>0</c:v>
                </c:pt>
                <c:pt idx="3544">
                  <c:v>0</c:v>
                </c:pt>
                <c:pt idx="3545">
                  <c:v>0</c:v>
                </c:pt>
                <c:pt idx="3546">
                  <c:v>0</c:v>
                </c:pt>
                <c:pt idx="3547">
                  <c:v>0</c:v>
                </c:pt>
                <c:pt idx="3548">
                  <c:v>0</c:v>
                </c:pt>
                <c:pt idx="3549">
                  <c:v>0</c:v>
                </c:pt>
                <c:pt idx="3550">
                  <c:v>0</c:v>
                </c:pt>
                <c:pt idx="3551">
                  <c:v>0</c:v>
                </c:pt>
                <c:pt idx="3552">
                  <c:v>0</c:v>
                </c:pt>
                <c:pt idx="3553">
                  <c:v>0</c:v>
                </c:pt>
                <c:pt idx="3554">
                  <c:v>0</c:v>
                </c:pt>
                <c:pt idx="3555">
                  <c:v>0</c:v>
                </c:pt>
                <c:pt idx="3556">
                  <c:v>0</c:v>
                </c:pt>
                <c:pt idx="3557">
                  <c:v>0</c:v>
                </c:pt>
                <c:pt idx="3558">
                  <c:v>0</c:v>
                </c:pt>
                <c:pt idx="3559">
                  <c:v>0</c:v>
                </c:pt>
                <c:pt idx="3560">
                  <c:v>0</c:v>
                </c:pt>
                <c:pt idx="3561">
                  <c:v>0</c:v>
                </c:pt>
                <c:pt idx="3562">
                  <c:v>0</c:v>
                </c:pt>
                <c:pt idx="3563">
                  <c:v>0</c:v>
                </c:pt>
                <c:pt idx="3564">
                  <c:v>0</c:v>
                </c:pt>
                <c:pt idx="3565">
                  <c:v>0</c:v>
                </c:pt>
                <c:pt idx="3566">
                  <c:v>0</c:v>
                </c:pt>
                <c:pt idx="3567">
                  <c:v>0</c:v>
                </c:pt>
                <c:pt idx="3568">
                  <c:v>0</c:v>
                </c:pt>
                <c:pt idx="3569">
                  <c:v>0</c:v>
                </c:pt>
                <c:pt idx="3570">
                  <c:v>0</c:v>
                </c:pt>
                <c:pt idx="3571">
                  <c:v>0</c:v>
                </c:pt>
                <c:pt idx="3572">
                  <c:v>0</c:v>
                </c:pt>
                <c:pt idx="3573">
                  <c:v>0</c:v>
                </c:pt>
                <c:pt idx="3574">
                  <c:v>0</c:v>
                </c:pt>
                <c:pt idx="3575">
                  <c:v>0</c:v>
                </c:pt>
                <c:pt idx="3576">
                  <c:v>0</c:v>
                </c:pt>
                <c:pt idx="3577">
                  <c:v>0</c:v>
                </c:pt>
                <c:pt idx="3578">
                  <c:v>0</c:v>
                </c:pt>
                <c:pt idx="3579">
                  <c:v>0</c:v>
                </c:pt>
                <c:pt idx="3580">
                  <c:v>0</c:v>
                </c:pt>
                <c:pt idx="3581">
                  <c:v>0</c:v>
                </c:pt>
                <c:pt idx="3582">
                  <c:v>0</c:v>
                </c:pt>
                <c:pt idx="3583">
                  <c:v>0</c:v>
                </c:pt>
                <c:pt idx="3584">
                  <c:v>0</c:v>
                </c:pt>
                <c:pt idx="3585">
                  <c:v>0</c:v>
                </c:pt>
                <c:pt idx="3586">
                  <c:v>0</c:v>
                </c:pt>
                <c:pt idx="3587">
                  <c:v>0</c:v>
                </c:pt>
                <c:pt idx="3588">
                  <c:v>0</c:v>
                </c:pt>
                <c:pt idx="3589">
                  <c:v>0</c:v>
                </c:pt>
                <c:pt idx="3590">
                  <c:v>0</c:v>
                </c:pt>
                <c:pt idx="3591">
                  <c:v>0</c:v>
                </c:pt>
                <c:pt idx="3592">
                  <c:v>0</c:v>
                </c:pt>
                <c:pt idx="3593">
                  <c:v>0</c:v>
                </c:pt>
                <c:pt idx="3594">
                  <c:v>0</c:v>
                </c:pt>
                <c:pt idx="3595">
                  <c:v>0</c:v>
                </c:pt>
                <c:pt idx="3596">
                  <c:v>0</c:v>
                </c:pt>
                <c:pt idx="3597">
                  <c:v>0</c:v>
                </c:pt>
                <c:pt idx="3598">
                  <c:v>0</c:v>
                </c:pt>
                <c:pt idx="3599">
                  <c:v>0</c:v>
                </c:pt>
                <c:pt idx="3600">
                  <c:v>0</c:v>
                </c:pt>
                <c:pt idx="3601">
                  <c:v>0</c:v>
                </c:pt>
                <c:pt idx="3602">
                  <c:v>0</c:v>
                </c:pt>
                <c:pt idx="3603">
                  <c:v>0</c:v>
                </c:pt>
                <c:pt idx="3604">
                  <c:v>0</c:v>
                </c:pt>
                <c:pt idx="3605">
                  <c:v>0</c:v>
                </c:pt>
                <c:pt idx="3606">
                  <c:v>0</c:v>
                </c:pt>
                <c:pt idx="3607">
                  <c:v>0</c:v>
                </c:pt>
                <c:pt idx="3608">
                  <c:v>0</c:v>
                </c:pt>
                <c:pt idx="3609">
                  <c:v>0</c:v>
                </c:pt>
                <c:pt idx="3610">
                  <c:v>0</c:v>
                </c:pt>
                <c:pt idx="3611">
                  <c:v>0</c:v>
                </c:pt>
                <c:pt idx="3612">
                  <c:v>0</c:v>
                </c:pt>
                <c:pt idx="3613">
                  <c:v>0</c:v>
                </c:pt>
                <c:pt idx="3614">
                  <c:v>0</c:v>
                </c:pt>
                <c:pt idx="3615">
                  <c:v>0</c:v>
                </c:pt>
                <c:pt idx="3616">
                  <c:v>0</c:v>
                </c:pt>
                <c:pt idx="3617">
                  <c:v>0</c:v>
                </c:pt>
                <c:pt idx="3618">
                  <c:v>0</c:v>
                </c:pt>
                <c:pt idx="3619">
                  <c:v>0</c:v>
                </c:pt>
                <c:pt idx="3620">
                  <c:v>0</c:v>
                </c:pt>
                <c:pt idx="3621">
                  <c:v>0</c:v>
                </c:pt>
                <c:pt idx="3622">
                  <c:v>0</c:v>
                </c:pt>
                <c:pt idx="3623">
                  <c:v>0</c:v>
                </c:pt>
                <c:pt idx="3624">
                  <c:v>0</c:v>
                </c:pt>
                <c:pt idx="3625">
                  <c:v>0</c:v>
                </c:pt>
                <c:pt idx="3626">
                  <c:v>0</c:v>
                </c:pt>
                <c:pt idx="3627">
                  <c:v>0</c:v>
                </c:pt>
                <c:pt idx="3628">
                  <c:v>0</c:v>
                </c:pt>
                <c:pt idx="3629">
                  <c:v>0</c:v>
                </c:pt>
                <c:pt idx="3630">
                  <c:v>0</c:v>
                </c:pt>
                <c:pt idx="3631">
                  <c:v>0</c:v>
                </c:pt>
                <c:pt idx="3632">
                  <c:v>0</c:v>
                </c:pt>
                <c:pt idx="3633">
                  <c:v>0</c:v>
                </c:pt>
                <c:pt idx="3634">
                  <c:v>0</c:v>
                </c:pt>
                <c:pt idx="3635">
                  <c:v>0</c:v>
                </c:pt>
                <c:pt idx="3636">
                  <c:v>0</c:v>
                </c:pt>
                <c:pt idx="3637">
                  <c:v>0</c:v>
                </c:pt>
                <c:pt idx="3638">
                  <c:v>0</c:v>
                </c:pt>
                <c:pt idx="3639">
                  <c:v>0</c:v>
                </c:pt>
                <c:pt idx="3640">
                  <c:v>0</c:v>
                </c:pt>
                <c:pt idx="3641">
                  <c:v>0</c:v>
                </c:pt>
                <c:pt idx="3642">
                  <c:v>0</c:v>
                </c:pt>
                <c:pt idx="3643">
                  <c:v>0</c:v>
                </c:pt>
                <c:pt idx="3644">
                  <c:v>0</c:v>
                </c:pt>
                <c:pt idx="3645">
                  <c:v>0</c:v>
                </c:pt>
                <c:pt idx="3646">
                  <c:v>0</c:v>
                </c:pt>
                <c:pt idx="3647">
                  <c:v>0</c:v>
                </c:pt>
                <c:pt idx="3648">
                  <c:v>0</c:v>
                </c:pt>
                <c:pt idx="3649">
                  <c:v>0</c:v>
                </c:pt>
                <c:pt idx="3650">
                  <c:v>0</c:v>
                </c:pt>
                <c:pt idx="3651">
                  <c:v>0</c:v>
                </c:pt>
                <c:pt idx="3652">
                  <c:v>0</c:v>
                </c:pt>
                <c:pt idx="3653">
                  <c:v>0</c:v>
                </c:pt>
                <c:pt idx="3654">
                  <c:v>0</c:v>
                </c:pt>
                <c:pt idx="3655">
                  <c:v>0</c:v>
                </c:pt>
                <c:pt idx="3656">
                  <c:v>0</c:v>
                </c:pt>
                <c:pt idx="3657">
                  <c:v>0</c:v>
                </c:pt>
                <c:pt idx="3658">
                  <c:v>0</c:v>
                </c:pt>
                <c:pt idx="3659">
                  <c:v>0</c:v>
                </c:pt>
                <c:pt idx="3660">
                  <c:v>0</c:v>
                </c:pt>
                <c:pt idx="3661">
                  <c:v>0</c:v>
                </c:pt>
                <c:pt idx="3662">
                  <c:v>0</c:v>
                </c:pt>
                <c:pt idx="3663">
                  <c:v>0</c:v>
                </c:pt>
                <c:pt idx="3664">
                  <c:v>0</c:v>
                </c:pt>
                <c:pt idx="3665">
                  <c:v>0</c:v>
                </c:pt>
                <c:pt idx="3666">
                  <c:v>0</c:v>
                </c:pt>
                <c:pt idx="3667">
                  <c:v>0</c:v>
                </c:pt>
                <c:pt idx="3668">
                  <c:v>0</c:v>
                </c:pt>
                <c:pt idx="3669">
                  <c:v>0</c:v>
                </c:pt>
                <c:pt idx="3670">
                  <c:v>0</c:v>
                </c:pt>
                <c:pt idx="3671">
                  <c:v>0</c:v>
                </c:pt>
                <c:pt idx="3672">
                  <c:v>0</c:v>
                </c:pt>
                <c:pt idx="3673">
                  <c:v>0</c:v>
                </c:pt>
                <c:pt idx="3674">
                  <c:v>0</c:v>
                </c:pt>
                <c:pt idx="3675">
                  <c:v>0</c:v>
                </c:pt>
                <c:pt idx="3676">
                  <c:v>0</c:v>
                </c:pt>
                <c:pt idx="3677">
                  <c:v>0</c:v>
                </c:pt>
                <c:pt idx="3678">
                  <c:v>0</c:v>
                </c:pt>
                <c:pt idx="3679">
                  <c:v>0</c:v>
                </c:pt>
                <c:pt idx="3680">
                  <c:v>0</c:v>
                </c:pt>
                <c:pt idx="3681">
                  <c:v>0</c:v>
                </c:pt>
                <c:pt idx="3682">
                  <c:v>0</c:v>
                </c:pt>
                <c:pt idx="3683">
                  <c:v>0</c:v>
                </c:pt>
                <c:pt idx="3684">
                  <c:v>0</c:v>
                </c:pt>
                <c:pt idx="3685">
                  <c:v>0</c:v>
                </c:pt>
                <c:pt idx="3686">
                  <c:v>0</c:v>
                </c:pt>
                <c:pt idx="3687">
                  <c:v>0</c:v>
                </c:pt>
                <c:pt idx="3688">
                  <c:v>0</c:v>
                </c:pt>
                <c:pt idx="3689">
                  <c:v>0</c:v>
                </c:pt>
                <c:pt idx="3690">
                  <c:v>0</c:v>
                </c:pt>
                <c:pt idx="3691">
                  <c:v>0</c:v>
                </c:pt>
                <c:pt idx="3692">
                  <c:v>0</c:v>
                </c:pt>
                <c:pt idx="3693">
                  <c:v>0</c:v>
                </c:pt>
                <c:pt idx="3694">
                  <c:v>0</c:v>
                </c:pt>
                <c:pt idx="3695">
                  <c:v>0</c:v>
                </c:pt>
                <c:pt idx="3696">
                  <c:v>0</c:v>
                </c:pt>
                <c:pt idx="3697">
                  <c:v>0</c:v>
                </c:pt>
                <c:pt idx="3698">
                  <c:v>0</c:v>
                </c:pt>
                <c:pt idx="3699">
                  <c:v>0</c:v>
                </c:pt>
                <c:pt idx="3700">
                  <c:v>0</c:v>
                </c:pt>
                <c:pt idx="3701">
                  <c:v>0</c:v>
                </c:pt>
                <c:pt idx="3702">
                  <c:v>0</c:v>
                </c:pt>
                <c:pt idx="3703">
                  <c:v>0</c:v>
                </c:pt>
                <c:pt idx="3704">
                  <c:v>0</c:v>
                </c:pt>
                <c:pt idx="3705">
                  <c:v>0</c:v>
                </c:pt>
                <c:pt idx="3706">
                  <c:v>0</c:v>
                </c:pt>
                <c:pt idx="3707">
                  <c:v>0</c:v>
                </c:pt>
                <c:pt idx="3708">
                  <c:v>0</c:v>
                </c:pt>
                <c:pt idx="3709">
                  <c:v>0</c:v>
                </c:pt>
                <c:pt idx="3710">
                  <c:v>0</c:v>
                </c:pt>
                <c:pt idx="3711">
                  <c:v>0</c:v>
                </c:pt>
                <c:pt idx="3712">
                  <c:v>0</c:v>
                </c:pt>
                <c:pt idx="3713">
                  <c:v>0</c:v>
                </c:pt>
                <c:pt idx="3714">
                  <c:v>0</c:v>
                </c:pt>
                <c:pt idx="3715">
                  <c:v>0</c:v>
                </c:pt>
                <c:pt idx="3716">
                  <c:v>0</c:v>
                </c:pt>
                <c:pt idx="3717">
                  <c:v>0</c:v>
                </c:pt>
                <c:pt idx="3718">
                  <c:v>0</c:v>
                </c:pt>
                <c:pt idx="3719">
                  <c:v>0</c:v>
                </c:pt>
                <c:pt idx="3720">
                  <c:v>0</c:v>
                </c:pt>
                <c:pt idx="3721">
                  <c:v>0</c:v>
                </c:pt>
                <c:pt idx="3722">
                  <c:v>0</c:v>
                </c:pt>
                <c:pt idx="3723">
                  <c:v>0</c:v>
                </c:pt>
                <c:pt idx="3724">
                  <c:v>0</c:v>
                </c:pt>
                <c:pt idx="3725">
                  <c:v>0</c:v>
                </c:pt>
                <c:pt idx="3726">
                  <c:v>0</c:v>
                </c:pt>
                <c:pt idx="3727">
                  <c:v>0</c:v>
                </c:pt>
                <c:pt idx="3728">
                  <c:v>0</c:v>
                </c:pt>
                <c:pt idx="3729">
                  <c:v>0</c:v>
                </c:pt>
                <c:pt idx="3730">
                  <c:v>0</c:v>
                </c:pt>
                <c:pt idx="3731">
                  <c:v>0</c:v>
                </c:pt>
                <c:pt idx="3732">
                  <c:v>0</c:v>
                </c:pt>
                <c:pt idx="3733">
                  <c:v>0</c:v>
                </c:pt>
                <c:pt idx="3734">
                  <c:v>0</c:v>
                </c:pt>
                <c:pt idx="3735">
                  <c:v>0</c:v>
                </c:pt>
                <c:pt idx="3736">
                  <c:v>0</c:v>
                </c:pt>
                <c:pt idx="3737">
                  <c:v>0</c:v>
                </c:pt>
                <c:pt idx="3738">
                  <c:v>0</c:v>
                </c:pt>
                <c:pt idx="3739">
                  <c:v>0</c:v>
                </c:pt>
                <c:pt idx="3740">
                  <c:v>0</c:v>
                </c:pt>
                <c:pt idx="3741">
                  <c:v>0</c:v>
                </c:pt>
                <c:pt idx="3742">
                  <c:v>0</c:v>
                </c:pt>
                <c:pt idx="3743">
                  <c:v>0</c:v>
                </c:pt>
                <c:pt idx="3744">
                  <c:v>0</c:v>
                </c:pt>
                <c:pt idx="3745">
                  <c:v>0</c:v>
                </c:pt>
                <c:pt idx="3746">
                  <c:v>0</c:v>
                </c:pt>
                <c:pt idx="3747">
                  <c:v>0</c:v>
                </c:pt>
                <c:pt idx="3748">
                  <c:v>0</c:v>
                </c:pt>
                <c:pt idx="3749">
                  <c:v>0</c:v>
                </c:pt>
                <c:pt idx="3750">
                  <c:v>0</c:v>
                </c:pt>
                <c:pt idx="3751">
                  <c:v>0</c:v>
                </c:pt>
                <c:pt idx="3752">
                  <c:v>0</c:v>
                </c:pt>
                <c:pt idx="3753">
                  <c:v>0</c:v>
                </c:pt>
                <c:pt idx="3754">
                  <c:v>0</c:v>
                </c:pt>
                <c:pt idx="3755">
                  <c:v>0</c:v>
                </c:pt>
                <c:pt idx="3756">
                  <c:v>0</c:v>
                </c:pt>
                <c:pt idx="3757">
                  <c:v>0</c:v>
                </c:pt>
                <c:pt idx="3758">
                  <c:v>0</c:v>
                </c:pt>
                <c:pt idx="3759">
                  <c:v>0</c:v>
                </c:pt>
                <c:pt idx="3760">
                  <c:v>0</c:v>
                </c:pt>
                <c:pt idx="3761">
                  <c:v>0</c:v>
                </c:pt>
                <c:pt idx="3762">
                  <c:v>0</c:v>
                </c:pt>
                <c:pt idx="3763">
                  <c:v>0</c:v>
                </c:pt>
                <c:pt idx="3764">
                  <c:v>0</c:v>
                </c:pt>
                <c:pt idx="3765">
                  <c:v>0</c:v>
                </c:pt>
                <c:pt idx="3766">
                  <c:v>0</c:v>
                </c:pt>
                <c:pt idx="3767">
                  <c:v>0</c:v>
                </c:pt>
                <c:pt idx="3768">
                  <c:v>0</c:v>
                </c:pt>
                <c:pt idx="3769">
                  <c:v>0</c:v>
                </c:pt>
                <c:pt idx="3770">
                  <c:v>0</c:v>
                </c:pt>
                <c:pt idx="3771">
                  <c:v>0</c:v>
                </c:pt>
                <c:pt idx="3772">
                  <c:v>0</c:v>
                </c:pt>
                <c:pt idx="3773">
                  <c:v>0</c:v>
                </c:pt>
                <c:pt idx="3774">
                  <c:v>0</c:v>
                </c:pt>
                <c:pt idx="3775">
                  <c:v>0</c:v>
                </c:pt>
                <c:pt idx="3776">
                  <c:v>0</c:v>
                </c:pt>
                <c:pt idx="3777">
                  <c:v>0</c:v>
                </c:pt>
                <c:pt idx="3778">
                  <c:v>0</c:v>
                </c:pt>
                <c:pt idx="3779">
                  <c:v>0</c:v>
                </c:pt>
                <c:pt idx="3780">
                  <c:v>0</c:v>
                </c:pt>
                <c:pt idx="3781">
                  <c:v>0</c:v>
                </c:pt>
                <c:pt idx="3782">
                  <c:v>0</c:v>
                </c:pt>
                <c:pt idx="3783">
                  <c:v>0</c:v>
                </c:pt>
                <c:pt idx="3784">
                  <c:v>0</c:v>
                </c:pt>
                <c:pt idx="3785">
                  <c:v>0</c:v>
                </c:pt>
                <c:pt idx="3786">
                  <c:v>0</c:v>
                </c:pt>
                <c:pt idx="3787">
                  <c:v>0</c:v>
                </c:pt>
                <c:pt idx="3788">
                  <c:v>0</c:v>
                </c:pt>
                <c:pt idx="3789">
                  <c:v>0</c:v>
                </c:pt>
                <c:pt idx="3790">
                  <c:v>0</c:v>
                </c:pt>
                <c:pt idx="3791">
                  <c:v>0</c:v>
                </c:pt>
                <c:pt idx="3792">
                  <c:v>0</c:v>
                </c:pt>
                <c:pt idx="3793">
                  <c:v>0</c:v>
                </c:pt>
                <c:pt idx="3794">
                  <c:v>0</c:v>
                </c:pt>
                <c:pt idx="3795">
                  <c:v>0</c:v>
                </c:pt>
                <c:pt idx="3796">
                  <c:v>0</c:v>
                </c:pt>
                <c:pt idx="3797">
                  <c:v>0</c:v>
                </c:pt>
                <c:pt idx="3798">
                  <c:v>0</c:v>
                </c:pt>
                <c:pt idx="3799">
                  <c:v>0</c:v>
                </c:pt>
                <c:pt idx="3800">
                  <c:v>0</c:v>
                </c:pt>
                <c:pt idx="3801">
                  <c:v>0</c:v>
                </c:pt>
                <c:pt idx="3802">
                  <c:v>0</c:v>
                </c:pt>
                <c:pt idx="3803">
                  <c:v>0</c:v>
                </c:pt>
                <c:pt idx="3804">
                  <c:v>0</c:v>
                </c:pt>
                <c:pt idx="3805">
                  <c:v>0</c:v>
                </c:pt>
                <c:pt idx="3806">
                  <c:v>0</c:v>
                </c:pt>
                <c:pt idx="3807">
                  <c:v>0</c:v>
                </c:pt>
                <c:pt idx="3808">
                  <c:v>0</c:v>
                </c:pt>
                <c:pt idx="3809">
                  <c:v>0</c:v>
                </c:pt>
                <c:pt idx="3810">
                  <c:v>0</c:v>
                </c:pt>
                <c:pt idx="3811">
                  <c:v>0</c:v>
                </c:pt>
                <c:pt idx="3812">
                  <c:v>0</c:v>
                </c:pt>
                <c:pt idx="3813">
                  <c:v>0</c:v>
                </c:pt>
                <c:pt idx="3814">
                  <c:v>0</c:v>
                </c:pt>
                <c:pt idx="3815">
                  <c:v>0</c:v>
                </c:pt>
                <c:pt idx="3816">
                  <c:v>0</c:v>
                </c:pt>
                <c:pt idx="3817">
                  <c:v>0</c:v>
                </c:pt>
                <c:pt idx="3818">
                  <c:v>0</c:v>
                </c:pt>
                <c:pt idx="3819">
                  <c:v>0</c:v>
                </c:pt>
                <c:pt idx="3820">
                  <c:v>0</c:v>
                </c:pt>
                <c:pt idx="3821">
                  <c:v>0</c:v>
                </c:pt>
                <c:pt idx="3822">
                  <c:v>0</c:v>
                </c:pt>
                <c:pt idx="3823">
                  <c:v>0</c:v>
                </c:pt>
                <c:pt idx="3824">
                  <c:v>0</c:v>
                </c:pt>
                <c:pt idx="3825">
                  <c:v>0</c:v>
                </c:pt>
                <c:pt idx="3826">
                  <c:v>0</c:v>
                </c:pt>
                <c:pt idx="3827">
                  <c:v>0</c:v>
                </c:pt>
                <c:pt idx="3828">
                  <c:v>0</c:v>
                </c:pt>
                <c:pt idx="3829">
                  <c:v>0</c:v>
                </c:pt>
                <c:pt idx="3830">
                  <c:v>0</c:v>
                </c:pt>
                <c:pt idx="3831">
                  <c:v>0</c:v>
                </c:pt>
                <c:pt idx="3832">
                  <c:v>0</c:v>
                </c:pt>
                <c:pt idx="3833">
                  <c:v>0</c:v>
                </c:pt>
                <c:pt idx="3834">
                  <c:v>0</c:v>
                </c:pt>
                <c:pt idx="3835">
                  <c:v>0</c:v>
                </c:pt>
                <c:pt idx="3836">
                  <c:v>0</c:v>
                </c:pt>
                <c:pt idx="3837">
                  <c:v>0</c:v>
                </c:pt>
                <c:pt idx="3838">
                  <c:v>0</c:v>
                </c:pt>
                <c:pt idx="3839">
                  <c:v>0</c:v>
                </c:pt>
                <c:pt idx="3840">
                  <c:v>0</c:v>
                </c:pt>
                <c:pt idx="3841">
                  <c:v>0</c:v>
                </c:pt>
                <c:pt idx="3842">
                  <c:v>0</c:v>
                </c:pt>
                <c:pt idx="3843">
                  <c:v>0</c:v>
                </c:pt>
                <c:pt idx="3844">
                  <c:v>0</c:v>
                </c:pt>
                <c:pt idx="3845">
                  <c:v>0</c:v>
                </c:pt>
                <c:pt idx="3846">
                  <c:v>0</c:v>
                </c:pt>
                <c:pt idx="3847">
                  <c:v>0</c:v>
                </c:pt>
                <c:pt idx="3848">
                  <c:v>0</c:v>
                </c:pt>
                <c:pt idx="3849">
                  <c:v>0</c:v>
                </c:pt>
                <c:pt idx="3850">
                  <c:v>0</c:v>
                </c:pt>
                <c:pt idx="3851">
                  <c:v>0</c:v>
                </c:pt>
                <c:pt idx="3852">
                  <c:v>0</c:v>
                </c:pt>
                <c:pt idx="3853">
                  <c:v>0</c:v>
                </c:pt>
                <c:pt idx="3854">
                  <c:v>0</c:v>
                </c:pt>
                <c:pt idx="3855">
                  <c:v>0</c:v>
                </c:pt>
                <c:pt idx="3856">
                  <c:v>0</c:v>
                </c:pt>
                <c:pt idx="3857">
                  <c:v>0</c:v>
                </c:pt>
                <c:pt idx="3858">
                  <c:v>0</c:v>
                </c:pt>
                <c:pt idx="3859">
                  <c:v>0</c:v>
                </c:pt>
                <c:pt idx="3860">
                  <c:v>0</c:v>
                </c:pt>
                <c:pt idx="3861">
                  <c:v>0</c:v>
                </c:pt>
                <c:pt idx="3862">
                  <c:v>0</c:v>
                </c:pt>
                <c:pt idx="3863">
                  <c:v>0</c:v>
                </c:pt>
                <c:pt idx="3864">
                  <c:v>0</c:v>
                </c:pt>
                <c:pt idx="3865">
                  <c:v>0</c:v>
                </c:pt>
                <c:pt idx="3866">
                  <c:v>0</c:v>
                </c:pt>
                <c:pt idx="3867">
                  <c:v>0</c:v>
                </c:pt>
                <c:pt idx="3868">
                  <c:v>0</c:v>
                </c:pt>
                <c:pt idx="3869">
                  <c:v>0</c:v>
                </c:pt>
                <c:pt idx="3870">
                  <c:v>0</c:v>
                </c:pt>
                <c:pt idx="3871">
                  <c:v>0</c:v>
                </c:pt>
                <c:pt idx="3872">
                  <c:v>0</c:v>
                </c:pt>
                <c:pt idx="3873">
                  <c:v>0</c:v>
                </c:pt>
                <c:pt idx="3874">
                  <c:v>0</c:v>
                </c:pt>
                <c:pt idx="3875">
                  <c:v>0</c:v>
                </c:pt>
                <c:pt idx="3876">
                  <c:v>0</c:v>
                </c:pt>
                <c:pt idx="3877">
                  <c:v>0</c:v>
                </c:pt>
                <c:pt idx="3878">
                  <c:v>0</c:v>
                </c:pt>
                <c:pt idx="3879">
                  <c:v>0</c:v>
                </c:pt>
                <c:pt idx="3880">
                  <c:v>0</c:v>
                </c:pt>
                <c:pt idx="3881">
                  <c:v>0</c:v>
                </c:pt>
                <c:pt idx="3882">
                  <c:v>0</c:v>
                </c:pt>
                <c:pt idx="3883">
                  <c:v>0</c:v>
                </c:pt>
                <c:pt idx="3884">
                  <c:v>0</c:v>
                </c:pt>
                <c:pt idx="3885">
                  <c:v>0</c:v>
                </c:pt>
                <c:pt idx="3886">
                  <c:v>0</c:v>
                </c:pt>
                <c:pt idx="3887">
                  <c:v>0</c:v>
                </c:pt>
                <c:pt idx="3888">
                  <c:v>0</c:v>
                </c:pt>
                <c:pt idx="3889">
                  <c:v>0</c:v>
                </c:pt>
                <c:pt idx="3890">
                  <c:v>0</c:v>
                </c:pt>
                <c:pt idx="3891">
                  <c:v>0</c:v>
                </c:pt>
                <c:pt idx="3892">
                  <c:v>0</c:v>
                </c:pt>
                <c:pt idx="3893">
                  <c:v>0</c:v>
                </c:pt>
                <c:pt idx="3894">
                  <c:v>0</c:v>
                </c:pt>
                <c:pt idx="3895">
                  <c:v>0</c:v>
                </c:pt>
                <c:pt idx="3896">
                  <c:v>0</c:v>
                </c:pt>
                <c:pt idx="3897">
                  <c:v>0</c:v>
                </c:pt>
                <c:pt idx="3898">
                  <c:v>0</c:v>
                </c:pt>
                <c:pt idx="3899">
                  <c:v>0</c:v>
                </c:pt>
                <c:pt idx="3900">
                  <c:v>0</c:v>
                </c:pt>
                <c:pt idx="3901">
                  <c:v>0</c:v>
                </c:pt>
                <c:pt idx="3902">
                  <c:v>0</c:v>
                </c:pt>
                <c:pt idx="3903">
                  <c:v>0</c:v>
                </c:pt>
                <c:pt idx="3904">
                  <c:v>0</c:v>
                </c:pt>
                <c:pt idx="3905">
                  <c:v>0</c:v>
                </c:pt>
                <c:pt idx="3906">
                  <c:v>0</c:v>
                </c:pt>
                <c:pt idx="3907">
                  <c:v>0</c:v>
                </c:pt>
                <c:pt idx="3908">
                  <c:v>0</c:v>
                </c:pt>
                <c:pt idx="3909">
                  <c:v>0</c:v>
                </c:pt>
                <c:pt idx="3910">
                  <c:v>0</c:v>
                </c:pt>
                <c:pt idx="3911">
                  <c:v>0</c:v>
                </c:pt>
                <c:pt idx="3912">
                  <c:v>0</c:v>
                </c:pt>
                <c:pt idx="3913">
                  <c:v>0</c:v>
                </c:pt>
                <c:pt idx="3914">
                  <c:v>0</c:v>
                </c:pt>
                <c:pt idx="3915">
                  <c:v>0</c:v>
                </c:pt>
                <c:pt idx="3916">
                  <c:v>0</c:v>
                </c:pt>
                <c:pt idx="3917">
                  <c:v>0</c:v>
                </c:pt>
                <c:pt idx="3918">
                  <c:v>0</c:v>
                </c:pt>
                <c:pt idx="3919">
                  <c:v>0</c:v>
                </c:pt>
                <c:pt idx="3920">
                  <c:v>0</c:v>
                </c:pt>
                <c:pt idx="3921">
                  <c:v>0</c:v>
                </c:pt>
                <c:pt idx="3922">
                  <c:v>0</c:v>
                </c:pt>
                <c:pt idx="3923">
                  <c:v>0</c:v>
                </c:pt>
                <c:pt idx="3924">
                  <c:v>0</c:v>
                </c:pt>
                <c:pt idx="3925">
                  <c:v>0</c:v>
                </c:pt>
                <c:pt idx="3926">
                  <c:v>0</c:v>
                </c:pt>
                <c:pt idx="3927">
                  <c:v>0</c:v>
                </c:pt>
                <c:pt idx="3928">
                  <c:v>0</c:v>
                </c:pt>
                <c:pt idx="3929">
                  <c:v>0</c:v>
                </c:pt>
                <c:pt idx="3930">
                  <c:v>0</c:v>
                </c:pt>
                <c:pt idx="3931">
                  <c:v>0</c:v>
                </c:pt>
                <c:pt idx="3932">
                  <c:v>0</c:v>
                </c:pt>
                <c:pt idx="3933">
                  <c:v>0</c:v>
                </c:pt>
                <c:pt idx="3934">
                  <c:v>0</c:v>
                </c:pt>
                <c:pt idx="3935">
                  <c:v>0</c:v>
                </c:pt>
                <c:pt idx="3936">
                  <c:v>0</c:v>
                </c:pt>
                <c:pt idx="3937">
                  <c:v>0</c:v>
                </c:pt>
                <c:pt idx="3938">
                  <c:v>0</c:v>
                </c:pt>
                <c:pt idx="3939">
                  <c:v>0</c:v>
                </c:pt>
                <c:pt idx="3940">
                  <c:v>0</c:v>
                </c:pt>
                <c:pt idx="3941">
                  <c:v>0</c:v>
                </c:pt>
                <c:pt idx="3942">
                  <c:v>0</c:v>
                </c:pt>
                <c:pt idx="3943">
                  <c:v>0</c:v>
                </c:pt>
                <c:pt idx="3944">
                  <c:v>0</c:v>
                </c:pt>
                <c:pt idx="3945">
                  <c:v>0</c:v>
                </c:pt>
                <c:pt idx="3946">
                  <c:v>0</c:v>
                </c:pt>
                <c:pt idx="3947">
                  <c:v>0</c:v>
                </c:pt>
                <c:pt idx="3948">
                  <c:v>0</c:v>
                </c:pt>
                <c:pt idx="3949">
                  <c:v>0</c:v>
                </c:pt>
                <c:pt idx="3950">
                  <c:v>0</c:v>
                </c:pt>
                <c:pt idx="3951">
                  <c:v>0</c:v>
                </c:pt>
                <c:pt idx="3952">
                  <c:v>0</c:v>
                </c:pt>
                <c:pt idx="3953">
                  <c:v>0</c:v>
                </c:pt>
                <c:pt idx="3954">
                  <c:v>0</c:v>
                </c:pt>
                <c:pt idx="3955">
                  <c:v>0</c:v>
                </c:pt>
                <c:pt idx="3956">
                  <c:v>0</c:v>
                </c:pt>
                <c:pt idx="3957">
                  <c:v>0</c:v>
                </c:pt>
                <c:pt idx="3958">
                  <c:v>0</c:v>
                </c:pt>
                <c:pt idx="3959">
                  <c:v>0</c:v>
                </c:pt>
                <c:pt idx="3960">
                  <c:v>0</c:v>
                </c:pt>
                <c:pt idx="3961">
                  <c:v>0</c:v>
                </c:pt>
                <c:pt idx="3962">
                  <c:v>0</c:v>
                </c:pt>
                <c:pt idx="3963">
                  <c:v>0</c:v>
                </c:pt>
                <c:pt idx="3964">
                  <c:v>0</c:v>
                </c:pt>
                <c:pt idx="3965">
                  <c:v>0</c:v>
                </c:pt>
                <c:pt idx="3966">
                  <c:v>0</c:v>
                </c:pt>
                <c:pt idx="3967">
                  <c:v>0</c:v>
                </c:pt>
                <c:pt idx="3968">
                  <c:v>0</c:v>
                </c:pt>
                <c:pt idx="3969">
                  <c:v>0</c:v>
                </c:pt>
                <c:pt idx="3970">
                  <c:v>0</c:v>
                </c:pt>
                <c:pt idx="3971">
                  <c:v>0</c:v>
                </c:pt>
                <c:pt idx="3972">
                  <c:v>0</c:v>
                </c:pt>
                <c:pt idx="3973">
                  <c:v>0</c:v>
                </c:pt>
                <c:pt idx="3974">
                  <c:v>0</c:v>
                </c:pt>
                <c:pt idx="3975">
                  <c:v>0</c:v>
                </c:pt>
                <c:pt idx="3976">
                  <c:v>0</c:v>
                </c:pt>
                <c:pt idx="3977">
                  <c:v>0</c:v>
                </c:pt>
                <c:pt idx="3978">
                  <c:v>0</c:v>
                </c:pt>
                <c:pt idx="3979">
                  <c:v>0</c:v>
                </c:pt>
                <c:pt idx="3980">
                  <c:v>0</c:v>
                </c:pt>
                <c:pt idx="3981">
                  <c:v>0</c:v>
                </c:pt>
                <c:pt idx="3982">
                  <c:v>0</c:v>
                </c:pt>
                <c:pt idx="3983">
                  <c:v>0</c:v>
                </c:pt>
                <c:pt idx="3984">
                  <c:v>0</c:v>
                </c:pt>
                <c:pt idx="3985">
                  <c:v>0</c:v>
                </c:pt>
                <c:pt idx="3986">
                  <c:v>0</c:v>
                </c:pt>
                <c:pt idx="3987">
                  <c:v>0</c:v>
                </c:pt>
                <c:pt idx="3988">
                  <c:v>0</c:v>
                </c:pt>
                <c:pt idx="3989">
                  <c:v>0</c:v>
                </c:pt>
                <c:pt idx="3990">
                  <c:v>0</c:v>
                </c:pt>
                <c:pt idx="3991">
                  <c:v>0</c:v>
                </c:pt>
                <c:pt idx="3992">
                  <c:v>0</c:v>
                </c:pt>
                <c:pt idx="3993">
                  <c:v>0</c:v>
                </c:pt>
                <c:pt idx="3994">
                  <c:v>0</c:v>
                </c:pt>
                <c:pt idx="3995">
                  <c:v>0</c:v>
                </c:pt>
                <c:pt idx="3996">
                  <c:v>0</c:v>
                </c:pt>
                <c:pt idx="3997">
                  <c:v>0</c:v>
                </c:pt>
                <c:pt idx="3998">
                  <c:v>0</c:v>
                </c:pt>
                <c:pt idx="3999">
                  <c:v>0</c:v>
                </c:pt>
                <c:pt idx="4000">
                  <c:v>0</c:v>
                </c:pt>
                <c:pt idx="4001">
                  <c:v>0</c:v>
                </c:pt>
                <c:pt idx="4002">
                  <c:v>0</c:v>
                </c:pt>
                <c:pt idx="4003">
                  <c:v>0</c:v>
                </c:pt>
                <c:pt idx="4004">
                  <c:v>0</c:v>
                </c:pt>
                <c:pt idx="4005">
                  <c:v>0</c:v>
                </c:pt>
                <c:pt idx="4006">
                  <c:v>0</c:v>
                </c:pt>
                <c:pt idx="4007">
                  <c:v>0</c:v>
                </c:pt>
                <c:pt idx="4008">
                  <c:v>0</c:v>
                </c:pt>
                <c:pt idx="4009">
                  <c:v>0</c:v>
                </c:pt>
                <c:pt idx="4010">
                  <c:v>0</c:v>
                </c:pt>
                <c:pt idx="4011">
                  <c:v>0</c:v>
                </c:pt>
                <c:pt idx="4012">
                  <c:v>0</c:v>
                </c:pt>
                <c:pt idx="4013">
                  <c:v>0</c:v>
                </c:pt>
                <c:pt idx="4014">
                  <c:v>0</c:v>
                </c:pt>
                <c:pt idx="4015">
                  <c:v>0</c:v>
                </c:pt>
                <c:pt idx="4016">
                  <c:v>0</c:v>
                </c:pt>
                <c:pt idx="4017">
                  <c:v>0</c:v>
                </c:pt>
                <c:pt idx="4018">
                  <c:v>0</c:v>
                </c:pt>
                <c:pt idx="4019">
                  <c:v>0</c:v>
                </c:pt>
                <c:pt idx="4020">
                  <c:v>0</c:v>
                </c:pt>
                <c:pt idx="4021">
                  <c:v>0</c:v>
                </c:pt>
                <c:pt idx="4022">
                  <c:v>0</c:v>
                </c:pt>
                <c:pt idx="4023">
                  <c:v>0</c:v>
                </c:pt>
                <c:pt idx="4024">
                  <c:v>0</c:v>
                </c:pt>
                <c:pt idx="4025">
                  <c:v>0</c:v>
                </c:pt>
                <c:pt idx="4026">
                  <c:v>0</c:v>
                </c:pt>
                <c:pt idx="4027">
                  <c:v>0</c:v>
                </c:pt>
                <c:pt idx="4028">
                  <c:v>0</c:v>
                </c:pt>
                <c:pt idx="4029">
                  <c:v>0</c:v>
                </c:pt>
                <c:pt idx="4030">
                  <c:v>0</c:v>
                </c:pt>
                <c:pt idx="4031">
                  <c:v>0</c:v>
                </c:pt>
                <c:pt idx="4032">
                  <c:v>0</c:v>
                </c:pt>
                <c:pt idx="4033">
                  <c:v>0</c:v>
                </c:pt>
                <c:pt idx="4034">
                  <c:v>0</c:v>
                </c:pt>
                <c:pt idx="4035">
                  <c:v>0</c:v>
                </c:pt>
                <c:pt idx="4036">
                  <c:v>0</c:v>
                </c:pt>
                <c:pt idx="4037">
                  <c:v>0</c:v>
                </c:pt>
                <c:pt idx="4038">
                  <c:v>0</c:v>
                </c:pt>
                <c:pt idx="4039">
                  <c:v>0</c:v>
                </c:pt>
                <c:pt idx="4040">
                  <c:v>0</c:v>
                </c:pt>
                <c:pt idx="4041">
                  <c:v>0</c:v>
                </c:pt>
                <c:pt idx="4042">
                  <c:v>0</c:v>
                </c:pt>
                <c:pt idx="4043">
                  <c:v>0</c:v>
                </c:pt>
                <c:pt idx="4044">
                  <c:v>0</c:v>
                </c:pt>
                <c:pt idx="4045">
                  <c:v>0</c:v>
                </c:pt>
                <c:pt idx="4046">
                  <c:v>0</c:v>
                </c:pt>
                <c:pt idx="4047">
                  <c:v>0</c:v>
                </c:pt>
                <c:pt idx="4048">
                  <c:v>0</c:v>
                </c:pt>
                <c:pt idx="4049">
                  <c:v>0</c:v>
                </c:pt>
                <c:pt idx="4050">
                  <c:v>0</c:v>
                </c:pt>
                <c:pt idx="4051">
                  <c:v>0</c:v>
                </c:pt>
                <c:pt idx="4052">
                  <c:v>0</c:v>
                </c:pt>
                <c:pt idx="4053">
                  <c:v>0</c:v>
                </c:pt>
                <c:pt idx="4054">
                  <c:v>0</c:v>
                </c:pt>
                <c:pt idx="4055">
                  <c:v>0</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c:v>
                </c:pt>
                <c:pt idx="4177">
                  <c:v>0</c:v>
                </c:pt>
                <c:pt idx="4178">
                  <c:v>0</c:v>
                </c:pt>
                <c:pt idx="4179">
                  <c:v>0</c:v>
                </c:pt>
                <c:pt idx="4180">
                  <c:v>0</c:v>
                </c:pt>
                <c:pt idx="4181">
                  <c:v>0</c:v>
                </c:pt>
                <c:pt idx="4182">
                  <c:v>0</c:v>
                </c:pt>
                <c:pt idx="4183">
                  <c:v>0</c:v>
                </c:pt>
                <c:pt idx="4184">
                  <c:v>0</c:v>
                </c:pt>
                <c:pt idx="4185">
                  <c:v>0</c:v>
                </c:pt>
                <c:pt idx="4186">
                  <c:v>0</c:v>
                </c:pt>
                <c:pt idx="4187">
                  <c:v>0</c:v>
                </c:pt>
                <c:pt idx="4188">
                  <c:v>0</c:v>
                </c:pt>
                <c:pt idx="4189">
                  <c:v>0</c:v>
                </c:pt>
                <c:pt idx="4190">
                  <c:v>0</c:v>
                </c:pt>
                <c:pt idx="4191">
                  <c:v>0</c:v>
                </c:pt>
                <c:pt idx="4192">
                  <c:v>0</c:v>
                </c:pt>
                <c:pt idx="4193">
                  <c:v>0</c:v>
                </c:pt>
                <c:pt idx="4194">
                  <c:v>0</c:v>
                </c:pt>
                <c:pt idx="4195">
                  <c:v>0</c:v>
                </c:pt>
                <c:pt idx="4196">
                  <c:v>0</c:v>
                </c:pt>
                <c:pt idx="4197">
                  <c:v>0</c:v>
                </c:pt>
                <c:pt idx="4198">
                  <c:v>0</c:v>
                </c:pt>
                <c:pt idx="4199">
                  <c:v>0</c:v>
                </c:pt>
                <c:pt idx="4200">
                  <c:v>0</c:v>
                </c:pt>
                <c:pt idx="4201">
                  <c:v>0</c:v>
                </c:pt>
                <c:pt idx="4202">
                  <c:v>0</c:v>
                </c:pt>
                <c:pt idx="4203">
                  <c:v>0</c:v>
                </c:pt>
                <c:pt idx="4204">
                  <c:v>0</c:v>
                </c:pt>
                <c:pt idx="4205">
                  <c:v>0</c:v>
                </c:pt>
                <c:pt idx="4206">
                  <c:v>0</c:v>
                </c:pt>
                <c:pt idx="4207">
                  <c:v>0</c:v>
                </c:pt>
                <c:pt idx="4208">
                  <c:v>0</c:v>
                </c:pt>
                <c:pt idx="4209">
                  <c:v>0</c:v>
                </c:pt>
                <c:pt idx="4210">
                  <c:v>0</c:v>
                </c:pt>
                <c:pt idx="4211">
                  <c:v>0</c:v>
                </c:pt>
                <c:pt idx="4212">
                  <c:v>0</c:v>
                </c:pt>
                <c:pt idx="4213">
                  <c:v>0</c:v>
                </c:pt>
                <c:pt idx="4214">
                  <c:v>0</c:v>
                </c:pt>
                <c:pt idx="4215">
                  <c:v>0</c:v>
                </c:pt>
                <c:pt idx="4216">
                  <c:v>0</c:v>
                </c:pt>
                <c:pt idx="4217">
                  <c:v>0</c:v>
                </c:pt>
                <c:pt idx="4218">
                  <c:v>0</c:v>
                </c:pt>
                <c:pt idx="4219">
                  <c:v>0</c:v>
                </c:pt>
                <c:pt idx="4220">
                  <c:v>0</c:v>
                </c:pt>
                <c:pt idx="4221">
                  <c:v>0</c:v>
                </c:pt>
                <c:pt idx="4222">
                  <c:v>0</c:v>
                </c:pt>
                <c:pt idx="4223">
                  <c:v>0</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0</c:v>
                </c:pt>
                <c:pt idx="4249">
                  <c:v>0</c:v>
                </c:pt>
                <c:pt idx="4250">
                  <c:v>0</c:v>
                </c:pt>
                <c:pt idx="4251">
                  <c:v>0</c:v>
                </c:pt>
                <c:pt idx="4252">
                  <c:v>0</c:v>
                </c:pt>
                <c:pt idx="4253">
                  <c:v>0</c:v>
                </c:pt>
                <c:pt idx="4254">
                  <c:v>0</c:v>
                </c:pt>
                <c:pt idx="4255">
                  <c:v>0</c:v>
                </c:pt>
                <c:pt idx="4256">
                  <c:v>0</c:v>
                </c:pt>
                <c:pt idx="4257">
                  <c:v>0</c:v>
                </c:pt>
                <c:pt idx="4258">
                  <c:v>0</c:v>
                </c:pt>
                <c:pt idx="4259">
                  <c:v>0</c:v>
                </c:pt>
                <c:pt idx="4260">
                  <c:v>0</c:v>
                </c:pt>
                <c:pt idx="4261">
                  <c:v>0</c:v>
                </c:pt>
                <c:pt idx="4262">
                  <c:v>0</c:v>
                </c:pt>
                <c:pt idx="4263">
                  <c:v>0</c:v>
                </c:pt>
                <c:pt idx="4264">
                  <c:v>0</c:v>
                </c:pt>
                <c:pt idx="4265">
                  <c:v>0</c:v>
                </c:pt>
                <c:pt idx="4266">
                  <c:v>0</c:v>
                </c:pt>
                <c:pt idx="4267">
                  <c:v>0</c:v>
                </c:pt>
                <c:pt idx="4268">
                  <c:v>0</c:v>
                </c:pt>
                <c:pt idx="4269">
                  <c:v>0</c:v>
                </c:pt>
                <c:pt idx="4270">
                  <c:v>0</c:v>
                </c:pt>
                <c:pt idx="4271">
                  <c:v>0</c:v>
                </c:pt>
                <c:pt idx="4272">
                  <c:v>0</c:v>
                </c:pt>
                <c:pt idx="4273">
                  <c:v>0</c:v>
                </c:pt>
                <c:pt idx="4274">
                  <c:v>0</c:v>
                </c:pt>
                <c:pt idx="4275">
                  <c:v>0</c:v>
                </c:pt>
                <c:pt idx="4276">
                  <c:v>0</c:v>
                </c:pt>
                <c:pt idx="4277">
                  <c:v>0</c:v>
                </c:pt>
                <c:pt idx="4278">
                  <c:v>0</c:v>
                </c:pt>
                <c:pt idx="4279">
                  <c:v>0</c:v>
                </c:pt>
                <c:pt idx="4280">
                  <c:v>0</c:v>
                </c:pt>
                <c:pt idx="4281">
                  <c:v>0</c:v>
                </c:pt>
                <c:pt idx="4282">
                  <c:v>0</c:v>
                </c:pt>
                <c:pt idx="4283">
                  <c:v>0</c:v>
                </c:pt>
                <c:pt idx="4284">
                  <c:v>0</c:v>
                </c:pt>
                <c:pt idx="4285">
                  <c:v>0</c:v>
                </c:pt>
                <c:pt idx="4286">
                  <c:v>0</c:v>
                </c:pt>
                <c:pt idx="4287">
                  <c:v>0</c:v>
                </c:pt>
                <c:pt idx="4288">
                  <c:v>0</c:v>
                </c:pt>
                <c:pt idx="4289">
                  <c:v>0</c:v>
                </c:pt>
                <c:pt idx="4290">
                  <c:v>0</c:v>
                </c:pt>
                <c:pt idx="4291">
                  <c:v>0</c:v>
                </c:pt>
                <c:pt idx="4292">
                  <c:v>0</c:v>
                </c:pt>
                <c:pt idx="4293">
                  <c:v>0</c:v>
                </c:pt>
                <c:pt idx="4294">
                  <c:v>0</c:v>
                </c:pt>
                <c:pt idx="4295">
                  <c:v>0</c:v>
                </c:pt>
                <c:pt idx="4296">
                  <c:v>0</c:v>
                </c:pt>
                <c:pt idx="4297">
                  <c:v>0</c:v>
                </c:pt>
                <c:pt idx="4298">
                  <c:v>0</c:v>
                </c:pt>
                <c:pt idx="4299">
                  <c:v>0</c:v>
                </c:pt>
                <c:pt idx="4300">
                  <c:v>0</c:v>
                </c:pt>
                <c:pt idx="4301">
                  <c:v>0</c:v>
                </c:pt>
                <c:pt idx="4302">
                  <c:v>0</c:v>
                </c:pt>
                <c:pt idx="4303">
                  <c:v>0</c:v>
                </c:pt>
                <c:pt idx="4304">
                  <c:v>0</c:v>
                </c:pt>
                <c:pt idx="4305">
                  <c:v>0</c:v>
                </c:pt>
                <c:pt idx="4306">
                  <c:v>0</c:v>
                </c:pt>
                <c:pt idx="4307">
                  <c:v>0</c:v>
                </c:pt>
                <c:pt idx="4308">
                  <c:v>0</c:v>
                </c:pt>
                <c:pt idx="4309">
                  <c:v>0</c:v>
                </c:pt>
                <c:pt idx="4310">
                  <c:v>0</c:v>
                </c:pt>
                <c:pt idx="4311">
                  <c:v>0</c:v>
                </c:pt>
                <c:pt idx="4312">
                  <c:v>0</c:v>
                </c:pt>
                <c:pt idx="4313">
                  <c:v>0</c:v>
                </c:pt>
                <c:pt idx="4314">
                  <c:v>0</c:v>
                </c:pt>
                <c:pt idx="4315">
                  <c:v>0</c:v>
                </c:pt>
                <c:pt idx="4316">
                  <c:v>0</c:v>
                </c:pt>
                <c:pt idx="4317">
                  <c:v>0</c:v>
                </c:pt>
                <c:pt idx="4318">
                  <c:v>0</c:v>
                </c:pt>
                <c:pt idx="4319">
                  <c:v>0</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0</c:v>
                </c:pt>
                <c:pt idx="4345">
                  <c:v>0</c:v>
                </c:pt>
                <c:pt idx="4346">
                  <c:v>0</c:v>
                </c:pt>
                <c:pt idx="4347">
                  <c:v>0</c:v>
                </c:pt>
                <c:pt idx="4348">
                  <c:v>0</c:v>
                </c:pt>
                <c:pt idx="4349">
                  <c:v>0</c:v>
                </c:pt>
                <c:pt idx="4350">
                  <c:v>0</c:v>
                </c:pt>
                <c:pt idx="4351">
                  <c:v>0</c:v>
                </c:pt>
                <c:pt idx="4352">
                  <c:v>0</c:v>
                </c:pt>
                <c:pt idx="4353">
                  <c:v>0</c:v>
                </c:pt>
                <c:pt idx="4354">
                  <c:v>0</c:v>
                </c:pt>
                <c:pt idx="4355">
                  <c:v>0</c:v>
                </c:pt>
                <c:pt idx="4356">
                  <c:v>0</c:v>
                </c:pt>
                <c:pt idx="4357">
                  <c:v>0</c:v>
                </c:pt>
                <c:pt idx="4358">
                  <c:v>0</c:v>
                </c:pt>
                <c:pt idx="4359">
                  <c:v>0</c:v>
                </c:pt>
                <c:pt idx="4360">
                  <c:v>0</c:v>
                </c:pt>
                <c:pt idx="4361">
                  <c:v>0</c:v>
                </c:pt>
                <c:pt idx="4362">
                  <c:v>0</c:v>
                </c:pt>
                <c:pt idx="4363">
                  <c:v>0</c:v>
                </c:pt>
                <c:pt idx="4364">
                  <c:v>0</c:v>
                </c:pt>
                <c:pt idx="4365">
                  <c:v>0</c:v>
                </c:pt>
                <c:pt idx="4366">
                  <c:v>0</c:v>
                </c:pt>
                <c:pt idx="4367">
                  <c:v>0</c:v>
                </c:pt>
                <c:pt idx="4368">
                  <c:v>0</c:v>
                </c:pt>
                <c:pt idx="4369">
                  <c:v>0</c:v>
                </c:pt>
                <c:pt idx="4370">
                  <c:v>0</c:v>
                </c:pt>
                <c:pt idx="4371">
                  <c:v>0</c:v>
                </c:pt>
                <c:pt idx="4372">
                  <c:v>0</c:v>
                </c:pt>
                <c:pt idx="4373">
                  <c:v>0</c:v>
                </c:pt>
                <c:pt idx="4374">
                  <c:v>0</c:v>
                </c:pt>
                <c:pt idx="4375">
                  <c:v>0</c:v>
                </c:pt>
                <c:pt idx="4376">
                  <c:v>0</c:v>
                </c:pt>
                <c:pt idx="4377">
                  <c:v>0</c:v>
                </c:pt>
                <c:pt idx="4378">
                  <c:v>0</c:v>
                </c:pt>
                <c:pt idx="4379">
                  <c:v>0</c:v>
                </c:pt>
                <c:pt idx="4380">
                  <c:v>0</c:v>
                </c:pt>
                <c:pt idx="4381">
                  <c:v>0</c:v>
                </c:pt>
                <c:pt idx="4382">
                  <c:v>0</c:v>
                </c:pt>
                <c:pt idx="4383">
                  <c:v>0</c:v>
                </c:pt>
                <c:pt idx="4384">
                  <c:v>0</c:v>
                </c:pt>
                <c:pt idx="4385">
                  <c:v>0</c:v>
                </c:pt>
                <c:pt idx="4386">
                  <c:v>0</c:v>
                </c:pt>
                <c:pt idx="4387">
                  <c:v>0</c:v>
                </c:pt>
                <c:pt idx="4388">
                  <c:v>0</c:v>
                </c:pt>
                <c:pt idx="4389">
                  <c:v>0</c:v>
                </c:pt>
                <c:pt idx="4390">
                  <c:v>0</c:v>
                </c:pt>
                <c:pt idx="4391">
                  <c:v>0</c:v>
                </c:pt>
                <c:pt idx="4392">
                  <c:v>0</c:v>
                </c:pt>
                <c:pt idx="4393">
                  <c:v>0</c:v>
                </c:pt>
                <c:pt idx="4394">
                  <c:v>0</c:v>
                </c:pt>
                <c:pt idx="4395">
                  <c:v>0</c:v>
                </c:pt>
                <c:pt idx="4396">
                  <c:v>0</c:v>
                </c:pt>
                <c:pt idx="4397">
                  <c:v>0</c:v>
                </c:pt>
                <c:pt idx="4398">
                  <c:v>0</c:v>
                </c:pt>
                <c:pt idx="4399">
                  <c:v>0</c:v>
                </c:pt>
                <c:pt idx="4400">
                  <c:v>0</c:v>
                </c:pt>
                <c:pt idx="4401">
                  <c:v>0</c:v>
                </c:pt>
                <c:pt idx="4402">
                  <c:v>0</c:v>
                </c:pt>
                <c:pt idx="4403">
                  <c:v>0</c:v>
                </c:pt>
                <c:pt idx="4404">
                  <c:v>0</c:v>
                </c:pt>
                <c:pt idx="4405">
                  <c:v>0</c:v>
                </c:pt>
                <c:pt idx="4406">
                  <c:v>0</c:v>
                </c:pt>
                <c:pt idx="4407">
                  <c:v>0</c:v>
                </c:pt>
                <c:pt idx="4408">
                  <c:v>0</c:v>
                </c:pt>
                <c:pt idx="4409">
                  <c:v>0</c:v>
                </c:pt>
                <c:pt idx="4410">
                  <c:v>0</c:v>
                </c:pt>
                <c:pt idx="4411">
                  <c:v>0</c:v>
                </c:pt>
                <c:pt idx="4412">
                  <c:v>0</c:v>
                </c:pt>
                <c:pt idx="4413">
                  <c:v>0</c:v>
                </c:pt>
                <c:pt idx="4414">
                  <c:v>0</c:v>
                </c:pt>
                <c:pt idx="4415">
                  <c:v>0</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0</c:v>
                </c:pt>
                <c:pt idx="4441">
                  <c:v>0</c:v>
                </c:pt>
                <c:pt idx="4442">
                  <c:v>0</c:v>
                </c:pt>
                <c:pt idx="4443">
                  <c:v>0</c:v>
                </c:pt>
                <c:pt idx="4444">
                  <c:v>0</c:v>
                </c:pt>
                <c:pt idx="4445">
                  <c:v>0</c:v>
                </c:pt>
                <c:pt idx="4446">
                  <c:v>0</c:v>
                </c:pt>
                <c:pt idx="4447">
                  <c:v>0</c:v>
                </c:pt>
                <c:pt idx="4448">
                  <c:v>0</c:v>
                </c:pt>
                <c:pt idx="4449">
                  <c:v>0</c:v>
                </c:pt>
                <c:pt idx="4450">
                  <c:v>0</c:v>
                </c:pt>
                <c:pt idx="4451">
                  <c:v>0</c:v>
                </c:pt>
                <c:pt idx="4452">
                  <c:v>0</c:v>
                </c:pt>
                <c:pt idx="4453">
                  <c:v>0</c:v>
                </c:pt>
                <c:pt idx="4454">
                  <c:v>0</c:v>
                </c:pt>
                <c:pt idx="4455">
                  <c:v>0</c:v>
                </c:pt>
                <c:pt idx="4456">
                  <c:v>0</c:v>
                </c:pt>
                <c:pt idx="4457">
                  <c:v>0</c:v>
                </c:pt>
                <c:pt idx="4458">
                  <c:v>0</c:v>
                </c:pt>
                <c:pt idx="4459">
                  <c:v>0</c:v>
                </c:pt>
                <c:pt idx="4460">
                  <c:v>0</c:v>
                </c:pt>
                <c:pt idx="4461">
                  <c:v>0</c:v>
                </c:pt>
                <c:pt idx="4462">
                  <c:v>0</c:v>
                </c:pt>
                <c:pt idx="4463">
                  <c:v>0</c:v>
                </c:pt>
                <c:pt idx="4464">
                  <c:v>0</c:v>
                </c:pt>
                <c:pt idx="4465">
                  <c:v>0</c:v>
                </c:pt>
                <c:pt idx="4466">
                  <c:v>0</c:v>
                </c:pt>
                <c:pt idx="4467">
                  <c:v>0</c:v>
                </c:pt>
                <c:pt idx="4468">
                  <c:v>0</c:v>
                </c:pt>
                <c:pt idx="4469">
                  <c:v>0</c:v>
                </c:pt>
                <c:pt idx="4470">
                  <c:v>0</c:v>
                </c:pt>
                <c:pt idx="4471">
                  <c:v>0</c:v>
                </c:pt>
                <c:pt idx="4472">
                  <c:v>0</c:v>
                </c:pt>
                <c:pt idx="4473">
                  <c:v>0</c:v>
                </c:pt>
                <c:pt idx="4474">
                  <c:v>0</c:v>
                </c:pt>
                <c:pt idx="4475">
                  <c:v>0</c:v>
                </c:pt>
                <c:pt idx="4476">
                  <c:v>0</c:v>
                </c:pt>
                <c:pt idx="4477">
                  <c:v>0</c:v>
                </c:pt>
                <c:pt idx="4478">
                  <c:v>0</c:v>
                </c:pt>
                <c:pt idx="4479">
                  <c:v>0</c:v>
                </c:pt>
                <c:pt idx="4480">
                  <c:v>0</c:v>
                </c:pt>
                <c:pt idx="4481">
                  <c:v>0</c:v>
                </c:pt>
                <c:pt idx="4482">
                  <c:v>0</c:v>
                </c:pt>
                <c:pt idx="4483">
                  <c:v>0</c:v>
                </c:pt>
                <c:pt idx="4484">
                  <c:v>0</c:v>
                </c:pt>
                <c:pt idx="4485">
                  <c:v>0</c:v>
                </c:pt>
                <c:pt idx="4486">
                  <c:v>0</c:v>
                </c:pt>
                <c:pt idx="4487">
                  <c:v>0</c:v>
                </c:pt>
                <c:pt idx="4488">
                  <c:v>0</c:v>
                </c:pt>
                <c:pt idx="4489">
                  <c:v>0</c:v>
                </c:pt>
                <c:pt idx="4490">
                  <c:v>0</c:v>
                </c:pt>
                <c:pt idx="4491">
                  <c:v>0</c:v>
                </c:pt>
                <c:pt idx="4492">
                  <c:v>0</c:v>
                </c:pt>
                <c:pt idx="4493">
                  <c:v>0</c:v>
                </c:pt>
                <c:pt idx="4494">
                  <c:v>0</c:v>
                </c:pt>
                <c:pt idx="4495">
                  <c:v>0</c:v>
                </c:pt>
                <c:pt idx="4496">
                  <c:v>0</c:v>
                </c:pt>
                <c:pt idx="4497">
                  <c:v>0</c:v>
                </c:pt>
                <c:pt idx="4498">
                  <c:v>0</c:v>
                </c:pt>
                <c:pt idx="4499">
                  <c:v>0</c:v>
                </c:pt>
                <c:pt idx="4500">
                  <c:v>0</c:v>
                </c:pt>
                <c:pt idx="4501">
                  <c:v>0</c:v>
                </c:pt>
                <c:pt idx="4502">
                  <c:v>0</c:v>
                </c:pt>
                <c:pt idx="4503">
                  <c:v>0</c:v>
                </c:pt>
                <c:pt idx="4504">
                  <c:v>0</c:v>
                </c:pt>
                <c:pt idx="4505">
                  <c:v>0</c:v>
                </c:pt>
                <c:pt idx="4506">
                  <c:v>0</c:v>
                </c:pt>
                <c:pt idx="4507">
                  <c:v>0</c:v>
                </c:pt>
                <c:pt idx="4508">
                  <c:v>0</c:v>
                </c:pt>
                <c:pt idx="4509">
                  <c:v>0</c:v>
                </c:pt>
                <c:pt idx="4510">
                  <c:v>0</c:v>
                </c:pt>
                <c:pt idx="4511">
                  <c:v>0</c:v>
                </c:pt>
                <c:pt idx="4512">
                  <c:v>0</c:v>
                </c:pt>
                <c:pt idx="4513">
                  <c:v>0</c:v>
                </c:pt>
                <c:pt idx="4514">
                  <c:v>0</c:v>
                </c:pt>
                <c:pt idx="4515">
                  <c:v>0</c:v>
                </c:pt>
                <c:pt idx="4516">
                  <c:v>0</c:v>
                </c:pt>
                <c:pt idx="4517">
                  <c:v>0</c:v>
                </c:pt>
                <c:pt idx="4518">
                  <c:v>0</c:v>
                </c:pt>
                <c:pt idx="4519">
                  <c:v>0</c:v>
                </c:pt>
                <c:pt idx="4520">
                  <c:v>0</c:v>
                </c:pt>
                <c:pt idx="4521">
                  <c:v>0</c:v>
                </c:pt>
                <c:pt idx="4522">
                  <c:v>0</c:v>
                </c:pt>
                <c:pt idx="4523">
                  <c:v>0</c:v>
                </c:pt>
                <c:pt idx="4524">
                  <c:v>0</c:v>
                </c:pt>
                <c:pt idx="4525">
                  <c:v>0</c:v>
                </c:pt>
                <c:pt idx="4526">
                  <c:v>0</c:v>
                </c:pt>
                <c:pt idx="4527">
                  <c:v>0</c:v>
                </c:pt>
                <c:pt idx="4528">
                  <c:v>0</c:v>
                </c:pt>
                <c:pt idx="4529">
                  <c:v>0</c:v>
                </c:pt>
                <c:pt idx="4530">
                  <c:v>0</c:v>
                </c:pt>
                <c:pt idx="4531">
                  <c:v>0</c:v>
                </c:pt>
                <c:pt idx="4532">
                  <c:v>0</c:v>
                </c:pt>
                <c:pt idx="4533">
                  <c:v>0</c:v>
                </c:pt>
                <c:pt idx="4534">
                  <c:v>0</c:v>
                </c:pt>
                <c:pt idx="4535">
                  <c:v>0</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0</c:v>
                </c:pt>
                <c:pt idx="4825">
                  <c:v>0</c:v>
                </c:pt>
                <c:pt idx="4826">
                  <c:v>0</c:v>
                </c:pt>
                <c:pt idx="4827">
                  <c:v>0</c:v>
                </c:pt>
                <c:pt idx="4828">
                  <c:v>0</c:v>
                </c:pt>
                <c:pt idx="4829">
                  <c:v>0</c:v>
                </c:pt>
                <c:pt idx="4830">
                  <c:v>0</c:v>
                </c:pt>
                <c:pt idx="4831">
                  <c:v>0</c:v>
                </c:pt>
                <c:pt idx="4832">
                  <c:v>0</c:v>
                </c:pt>
                <c:pt idx="4833">
                  <c:v>0</c:v>
                </c:pt>
                <c:pt idx="4834">
                  <c:v>0</c:v>
                </c:pt>
                <c:pt idx="4835">
                  <c:v>0</c:v>
                </c:pt>
                <c:pt idx="4836">
                  <c:v>0</c:v>
                </c:pt>
                <c:pt idx="4837">
                  <c:v>0</c:v>
                </c:pt>
                <c:pt idx="4838">
                  <c:v>0</c:v>
                </c:pt>
                <c:pt idx="4839">
                  <c:v>0</c:v>
                </c:pt>
                <c:pt idx="4840">
                  <c:v>0</c:v>
                </c:pt>
                <c:pt idx="4841">
                  <c:v>0</c:v>
                </c:pt>
                <c:pt idx="4842">
                  <c:v>0</c:v>
                </c:pt>
                <c:pt idx="4843">
                  <c:v>0</c:v>
                </c:pt>
                <c:pt idx="4844">
                  <c:v>0</c:v>
                </c:pt>
                <c:pt idx="4845">
                  <c:v>0</c:v>
                </c:pt>
                <c:pt idx="4846">
                  <c:v>0</c:v>
                </c:pt>
                <c:pt idx="4847">
                  <c:v>0</c:v>
                </c:pt>
                <c:pt idx="4848">
                  <c:v>0</c:v>
                </c:pt>
                <c:pt idx="4849">
                  <c:v>0</c:v>
                </c:pt>
                <c:pt idx="4850">
                  <c:v>0</c:v>
                </c:pt>
                <c:pt idx="4851">
                  <c:v>0</c:v>
                </c:pt>
                <c:pt idx="4852">
                  <c:v>0</c:v>
                </c:pt>
                <c:pt idx="4853">
                  <c:v>0</c:v>
                </c:pt>
                <c:pt idx="4854">
                  <c:v>0</c:v>
                </c:pt>
                <c:pt idx="4855">
                  <c:v>0</c:v>
                </c:pt>
                <c:pt idx="4856">
                  <c:v>0</c:v>
                </c:pt>
                <c:pt idx="4857">
                  <c:v>0</c:v>
                </c:pt>
                <c:pt idx="4858">
                  <c:v>0</c:v>
                </c:pt>
                <c:pt idx="4859">
                  <c:v>0</c:v>
                </c:pt>
                <c:pt idx="4860">
                  <c:v>0</c:v>
                </c:pt>
                <c:pt idx="4861">
                  <c:v>0</c:v>
                </c:pt>
                <c:pt idx="4862">
                  <c:v>0</c:v>
                </c:pt>
                <c:pt idx="4863">
                  <c:v>0</c:v>
                </c:pt>
                <c:pt idx="4864">
                  <c:v>0</c:v>
                </c:pt>
                <c:pt idx="4865">
                  <c:v>0</c:v>
                </c:pt>
                <c:pt idx="4866">
                  <c:v>0</c:v>
                </c:pt>
                <c:pt idx="4867">
                  <c:v>0</c:v>
                </c:pt>
                <c:pt idx="4868">
                  <c:v>0</c:v>
                </c:pt>
                <c:pt idx="4869">
                  <c:v>0</c:v>
                </c:pt>
                <c:pt idx="4870">
                  <c:v>0</c:v>
                </c:pt>
                <c:pt idx="4871">
                  <c:v>0</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0</c:v>
                </c:pt>
                <c:pt idx="4921">
                  <c:v>0</c:v>
                </c:pt>
                <c:pt idx="4922">
                  <c:v>0</c:v>
                </c:pt>
                <c:pt idx="4923">
                  <c:v>0</c:v>
                </c:pt>
                <c:pt idx="4924">
                  <c:v>0</c:v>
                </c:pt>
                <c:pt idx="4925">
                  <c:v>0</c:v>
                </c:pt>
                <c:pt idx="4926">
                  <c:v>0</c:v>
                </c:pt>
                <c:pt idx="4927">
                  <c:v>0</c:v>
                </c:pt>
                <c:pt idx="4928">
                  <c:v>0</c:v>
                </c:pt>
                <c:pt idx="4929">
                  <c:v>0</c:v>
                </c:pt>
                <c:pt idx="4930">
                  <c:v>0</c:v>
                </c:pt>
                <c:pt idx="4931">
                  <c:v>0</c:v>
                </c:pt>
                <c:pt idx="4932">
                  <c:v>0</c:v>
                </c:pt>
                <c:pt idx="4933">
                  <c:v>0</c:v>
                </c:pt>
                <c:pt idx="4934">
                  <c:v>0</c:v>
                </c:pt>
                <c:pt idx="4935">
                  <c:v>0</c:v>
                </c:pt>
                <c:pt idx="4936">
                  <c:v>0</c:v>
                </c:pt>
                <c:pt idx="4937">
                  <c:v>0</c:v>
                </c:pt>
                <c:pt idx="4938">
                  <c:v>0</c:v>
                </c:pt>
                <c:pt idx="4939">
                  <c:v>0</c:v>
                </c:pt>
                <c:pt idx="4940">
                  <c:v>0</c:v>
                </c:pt>
                <c:pt idx="4941">
                  <c:v>0</c:v>
                </c:pt>
                <c:pt idx="4942">
                  <c:v>0</c:v>
                </c:pt>
                <c:pt idx="4943">
                  <c:v>0</c:v>
                </c:pt>
                <c:pt idx="4944">
                  <c:v>0</c:v>
                </c:pt>
                <c:pt idx="4945">
                  <c:v>0</c:v>
                </c:pt>
                <c:pt idx="4946">
                  <c:v>0</c:v>
                </c:pt>
                <c:pt idx="4947">
                  <c:v>0</c:v>
                </c:pt>
                <c:pt idx="4948">
                  <c:v>0</c:v>
                </c:pt>
                <c:pt idx="4949">
                  <c:v>0</c:v>
                </c:pt>
                <c:pt idx="4950">
                  <c:v>0</c:v>
                </c:pt>
                <c:pt idx="4951">
                  <c:v>0</c:v>
                </c:pt>
                <c:pt idx="4952">
                  <c:v>0</c:v>
                </c:pt>
                <c:pt idx="4953">
                  <c:v>0</c:v>
                </c:pt>
                <c:pt idx="4954">
                  <c:v>0</c:v>
                </c:pt>
                <c:pt idx="4955">
                  <c:v>0</c:v>
                </c:pt>
                <c:pt idx="4956">
                  <c:v>0</c:v>
                </c:pt>
                <c:pt idx="4957">
                  <c:v>0</c:v>
                </c:pt>
                <c:pt idx="4958">
                  <c:v>0</c:v>
                </c:pt>
                <c:pt idx="4959">
                  <c:v>0</c:v>
                </c:pt>
                <c:pt idx="4960">
                  <c:v>0</c:v>
                </c:pt>
                <c:pt idx="4961">
                  <c:v>0</c:v>
                </c:pt>
                <c:pt idx="4962">
                  <c:v>0</c:v>
                </c:pt>
                <c:pt idx="4963">
                  <c:v>0</c:v>
                </c:pt>
                <c:pt idx="4964">
                  <c:v>0</c:v>
                </c:pt>
                <c:pt idx="4965">
                  <c:v>0</c:v>
                </c:pt>
                <c:pt idx="4966">
                  <c:v>0</c:v>
                </c:pt>
                <c:pt idx="4967">
                  <c:v>0</c:v>
                </c:pt>
                <c:pt idx="4968">
                  <c:v>0</c:v>
                </c:pt>
                <c:pt idx="4969">
                  <c:v>0</c:v>
                </c:pt>
                <c:pt idx="4970">
                  <c:v>0</c:v>
                </c:pt>
                <c:pt idx="4971">
                  <c:v>0</c:v>
                </c:pt>
                <c:pt idx="4972">
                  <c:v>0</c:v>
                </c:pt>
                <c:pt idx="4973">
                  <c:v>0</c:v>
                </c:pt>
                <c:pt idx="4974">
                  <c:v>0</c:v>
                </c:pt>
                <c:pt idx="4975">
                  <c:v>0</c:v>
                </c:pt>
                <c:pt idx="4976">
                  <c:v>0</c:v>
                </c:pt>
                <c:pt idx="4977">
                  <c:v>0</c:v>
                </c:pt>
                <c:pt idx="4978">
                  <c:v>0</c:v>
                </c:pt>
                <c:pt idx="4979">
                  <c:v>0</c:v>
                </c:pt>
                <c:pt idx="4980">
                  <c:v>0</c:v>
                </c:pt>
                <c:pt idx="4981">
                  <c:v>0</c:v>
                </c:pt>
                <c:pt idx="4982">
                  <c:v>0</c:v>
                </c:pt>
                <c:pt idx="4983">
                  <c:v>0</c:v>
                </c:pt>
                <c:pt idx="4984">
                  <c:v>0</c:v>
                </c:pt>
                <c:pt idx="4985">
                  <c:v>0</c:v>
                </c:pt>
                <c:pt idx="4986">
                  <c:v>0</c:v>
                </c:pt>
                <c:pt idx="4987">
                  <c:v>0</c:v>
                </c:pt>
                <c:pt idx="4988">
                  <c:v>0</c:v>
                </c:pt>
                <c:pt idx="4989">
                  <c:v>0</c:v>
                </c:pt>
                <c:pt idx="4990">
                  <c:v>0</c:v>
                </c:pt>
                <c:pt idx="4991">
                  <c:v>0</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0</c:v>
                </c:pt>
                <c:pt idx="5041">
                  <c:v>0</c:v>
                </c:pt>
                <c:pt idx="5042">
                  <c:v>0</c:v>
                </c:pt>
                <c:pt idx="5043">
                  <c:v>0</c:v>
                </c:pt>
                <c:pt idx="5044">
                  <c:v>0</c:v>
                </c:pt>
                <c:pt idx="5045">
                  <c:v>0</c:v>
                </c:pt>
                <c:pt idx="5046">
                  <c:v>0</c:v>
                </c:pt>
                <c:pt idx="5047">
                  <c:v>0</c:v>
                </c:pt>
                <c:pt idx="5048">
                  <c:v>0</c:v>
                </c:pt>
                <c:pt idx="5049">
                  <c:v>0</c:v>
                </c:pt>
                <c:pt idx="5050">
                  <c:v>0</c:v>
                </c:pt>
                <c:pt idx="5051">
                  <c:v>0</c:v>
                </c:pt>
                <c:pt idx="5052">
                  <c:v>0</c:v>
                </c:pt>
                <c:pt idx="5053">
                  <c:v>0</c:v>
                </c:pt>
                <c:pt idx="5054">
                  <c:v>0</c:v>
                </c:pt>
                <c:pt idx="5055">
                  <c:v>0</c:v>
                </c:pt>
                <c:pt idx="5056">
                  <c:v>0</c:v>
                </c:pt>
                <c:pt idx="5057">
                  <c:v>0</c:v>
                </c:pt>
                <c:pt idx="5058">
                  <c:v>0</c:v>
                </c:pt>
                <c:pt idx="5059">
                  <c:v>0</c:v>
                </c:pt>
                <c:pt idx="5060">
                  <c:v>0</c:v>
                </c:pt>
                <c:pt idx="5061">
                  <c:v>0</c:v>
                </c:pt>
                <c:pt idx="5062">
                  <c:v>0</c:v>
                </c:pt>
                <c:pt idx="5063">
                  <c:v>0</c:v>
                </c:pt>
                <c:pt idx="5064">
                  <c:v>0</c:v>
                </c:pt>
                <c:pt idx="5065">
                  <c:v>0</c:v>
                </c:pt>
                <c:pt idx="5066">
                  <c:v>0</c:v>
                </c:pt>
                <c:pt idx="5067">
                  <c:v>0</c:v>
                </c:pt>
                <c:pt idx="5068">
                  <c:v>0</c:v>
                </c:pt>
                <c:pt idx="5069">
                  <c:v>0</c:v>
                </c:pt>
                <c:pt idx="5070">
                  <c:v>0</c:v>
                </c:pt>
                <c:pt idx="5071">
                  <c:v>0</c:v>
                </c:pt>
                <c:pt idx="5072">
                  <c:v>0</c:v>
                </c:pt>
                <c:pt idx="5073">
                  <c:v>0</c:v>
                </c:pt>
                <c:pt idx="5074">
                  <c:v>0</c:v>
                </c:pt>
                <c:pt idx="5075">
                  <c:v>0</c:v>
                </c:pt>
                <c:pt idx="5076">
                  <c:v>0</c:v>
                </c:pt>
                <c:pt idx="5077">
                  <c:v>0</c:v>
                </c:pt>
                <c:pt idx="5078">
                  <c:v>0</c:v>
                </c:pt>
                <c:pt idx="5079">
                  <c:v>0</c:v>
                </c:pt>
                <c:pt idx="5080">
                  <c:v>0</c:v>
                </c:pt>
                <c:pt idx="5081">
                  <c:v>0</c:v>
                </c:pt>
                <c:pt idx="5082">
                  <c:v>0</c:v>
                </c:pt>
                <c:pt idx="5083">
                  <c:v>0</c:v>
                </c:pt>
                <c:pt idx="5084">
                  <c:v>0</c:v>
                </c:pt>
                <c:pt idx="5085">
                  <c:v>0</c:v>
                </c:pt>
                <c:pt idx="5086">
                  <c:v>0</c:v>
                </c:pt>
                <c:pt idx="5087">
                  <c:v>0</c:v>
                </c:pt>
                <c:pt idx="5088">
                  <c:v>0</c:v>
                </c:pt>
                <c:pt idx="5089">
                  <c:v>0</c:v>
                </c:pt>
                <c:pt idx="5090">
                  <c:v>0</c:v>
                </c:pt>
                <c:pt idx="5091">
                  <c:v>0</c:v>
                </c:pt>
                <c:pt idx="5092">
                  <c:v>0</c:v>
                </c:pt>
                <c:pt idx="5093">
                  <c:v>0</c:v>
                </c:pt>
                <c:pt idx="5094">
                  <c:v>0</c:v>
                </c:pt>
                <c:pt idx="5095">
                  <c:v>0</c:v>
                </c:pt>
                <c:pt idx="5096">
                  <c:v>0</c:v>
                </c:pt>
                <c:pt idx="5097">
                  <c:v>0</c:v>
                </c:pt>
                <c:pt idx="5098">
                  <c:v>0</c:v>
                </c:pt>
                <c:pt idx="5099">
                  <c:v>0</c:v>
                </c:pt>
                <c:pt idx="5100">
                  <c:v>0</c:v>
                </c:pt>
                <c:pt idx="5101">
                  <c:v>0</c:v>
                </c:pt>
                <c:pt idx="5102">
                  <c:v>0</c:v>
                </c:pt>
                <c:pt idx="5103">
                  <c:v>0</c:v>
                </c:pt>
                <c:pt idx="5104">
                  <c:v>0</c:v>
                </c:pt>
                <c:pt idx="5105">
                  <c:v>0</c:v>
                </c:pt>
                <c:pt idx="5106">
                  <c:v>0</c:v>
                </c:pt>
                <c:pt idx="5107">
                  <c:v>0</c:v>
                </c:pt>
                <c:pt idx="5108">
                  <c:v>0</c:v>
                </c:pt>
                <c:pt idx="5109">
                  <c:v>0</c:v>
                </c:pt>
                <c:pt idx="5110">
                  <c:v>0</c:v>
                </c:pt>
                <c:pt idx="5111">
                  <c:v>0</c:v>
                </c:pt>
                <c:pt idx="5112">
                  <c:v>0</c:v>
                </c:pt>
                <c:pt idx="5113">
                  <c:v>0</c:v>
                </c:pt>
                <c:pt idx="5114">
                  <c:v>0</c:v>
                </c:pt>
                <c:pt idx="5115">
                  <c:v>0</c:v>
                </c:pt>
                <c:pt idx="5116">
                  <c:v>0</c:v>
                </c:pt>
                <c:pt idx="5117">
                  <c:v>0</c:v>
                </c:pt>
                <c:pt idx="5118">
                  <c:v>0</c:v>
                </c:pt>
                <c:pt idx="5119">
                  <c:v>0</c:v>
                </c:pt>
                <c:pt idx="5120">
                  <c:v>0</c:v>
                </c:pt>
                <c:pt idx="5121">
                  <c:v>0</c:v>
                </c:pt>
                <c:pt idx="5122">
                  <c:v>0</c:v>
                </c:pt>
                <c:pt idx="5123">
                  <c:v>0</c:v>
                </c:pt>
                <c:pt idx="5124">
                  <c:v>0</c:v>
                </c:pt>
                <c:pt idx="5125">
                  <c:v>0</c:v>
                </c:pt>
                <c:pt idx="5126">
                  <c:v>0</c:v>
                </c:pt>
                <c:pt idx="5127">
                  <c:v>0</c:v>
                </c:pt>
                <c:pt idx="5128">
                  <c:v>0</c:v>
                </c:pt>
                <c:pt idx="5129">
                  <c:v>0</c:v>
                </c:pt>
                <c:pt idx="5130">
                  <c:v>0</c:v>
                </c:pt>
                <c:pt idx="5131">
                  <c:v>0</c:v>
                </c:pt>
                <c:pt idx="5132">
                  <c:v>0</c:v>
                </c:pt>
                <c:pt idx="5133">
                  <c:v>0</c:v>
                </c:pt>
                <c:pt idx="5134">
                  <c:v>0</c:v>
                </c:pt>
                <c:pt idx="5135">
                  <c:v>0</c:v>
                </c:pt>
                <c:pt idx="5136">
                  <c:v>0</c:v>
                </c:pt>
                <c:pt idx="5137">
                  <c:v>0</c:v>
                </c:pt>
                <c:pt idx="5138">
                  <c:v>0</c:v>
                </c:pt>
                <c:pt idx="5139">
                  <c:v>0</c:v>
                </c:pt>
                <c:pt idx="5140">
                  <c:v>0</c:v>
                </c:pt>
                <c:pt idx="5141">
                  <c:v>0</c:v>
                </c:pt>
                <c:pt idx="5142">
                  <c:v>0</c:v>
                </c:pt>
                <c:pt idx="5143">
                  <c:v>0</c:v>
                </c:pt>
                <c:pt idx="5144">
                  <c:v>0</c:v>
                </c:pt>
                <c:pt idx="5145">
                  <c:v>0</c:v>
                </c:pt>
                <c:pt idx="5146">
                  <c:v>0</c:v>
                </c:pt>
                <c:pt idx="5147">
                  <c:v>0</c:v>
                </c:pt>
                <c:pt idx="5148">
                  <c:v>0</c:v>
                </c:pt>
                <c:pt idx="5149">
                  <c:v>0</c:v>
                </c:pt>
                <c:pt idx="5150">
                  <c:v>0</c:v>
                </c:pt>
                <c:pt idx="5151">
                  <c:v>0</c:v>
                </c:pt>
                <c:pt idx="5152">
                  <c:v>0</c:v>
                </c:pt>
                <c:pt idx="5153">
                  <c:v>0</c:v>
                </c:pt>
                <c:pt idx="5154">
                  <c:v>0</c:v>
                </c:pt>
                <c:pt idx="5155">
                  <c:v>0</c:v>
                </c:pt>
                <c:pt idx="5156">
                  <c:v>0</c:v>
                </c:pt>
                <c:pt idx="5157">
                  <c:v>0</c:v>
                </c:pt>
                <c:pt idx="5158">
                  <c:v>0</c:v>
                </c:pt>
                <c:pt idx="5159">
                  <c:v>0</c:v>
                </c:pt>
                <c:pt idx="5160">
                  <c:v>0</c:v>
                </c:pt>
                <c:pt idx="5161">
                  <c:v>0</c:v>
                </c:pt>
                <c:pt idx="5162">
                  <c:v>0</c:v>
                </c:pt>
                <c:pt idx="5163">
                  <c:v>0</c:v>
                </c:pt>
                <c:pt idx="5164">
                  <c:v>0</c:v>
                </c:pt>
                <c:pt idx="5165">
                  <c:v>0</c:v>
                </c:pt>
                <c:pt idx="5166">
                  <c:v>0</c:v>
                </c:pt>
                <c:pt idx="5167">
                  <c:v>0</c:v>
                </c:pt>
                <c:pt idx="5168">
                  <c:v>0</c:v>
                </c:pt>
                <c:pt idx="5169">
                  <c:v>0</c:v>
                </c:pt>
                <c:pt idx="5170">
                  <c:v>0</c:v>
                </c:pt>
                <c:pt idx="5171">
                  <c:v>0</c:v>
                </c:pt>
                <c:pt idx="5172">
                  <c:v>0</c:v>
                </c:pt>
                <c:pt idx="5173">
                  <c:v>0</c:v>
                </c:pt>
                <c:pt idx="5174">
                  <c:v>0</c:v>
                </c:pt>
                <c:pt idx="5175">
                  <c:v>0</c:v>
                </c:pt>
                <c:pt idx="5176">
                  <c:v>0</c:v>
                </c:pt>
                <c:pt idx="5177">
                  <c:v>0</c:v>
                </c:pt>
                <c:pt idx="5178">
                  <c:v>0</c:v>
                </c:pt>
                <c:pt idx="5179">
                  <c:v>0</c:v>
                </c:pt>
                <c:pt idx="5180">
                  <c:v>0</c:v>
                </c:pt>
                <c:pt idx="5181">
                  <c:v>0</c:v>
                </c:pt>
                <c:pt idx="5182">
                  <c:v>0</c:v>
                </c:pt>
                <c:pt idx="5183">
                  <c:v>0</c:v>
                </c:pt>
                <c:pt idx="5184">
                  <c:v>0</c:v>
                </c:pt>
                <c:pt idx="5185">
                  <c:v>0</c:v>
                </c:pt>
                <c:pt idx="5186">
                  <c:v>0</c:v>
                </c:pt>
                <c:pt idx="5187">
                  <c:v>0</c:v>
                </c:pt>
                <c:pt idx="5188">
                  <c:v>0</c:v>
                </c:pt>
                <c:pt idx="5189">
                  <c:v>0</c:v>
                </c:pt>
                <c:pt idx="5190">
                  <c:v>0</c:v>
                </c:pt>
                <c:pt idx="5191">
                  <c:v>0</c:v>
                </c:pt>
                <c:pt idx="5192">
                  <c:v>0</c:v>
                </c:pt>
                <c:pt idx="5193">
                  <c:v>0</c:v>
                </c:pt>
                <c:pt idx="5194">
                  <c:v>0</c:v>
                </c:pt>
                <c:pt idx="5195">
                  <c:v>0</c:v>
                </c:pt>
                <c:pt idx="5196">
                  <c:v>0</c:v>
                </c:pt>
                <c:pt idx="5197">
                  <c:v>0</c:v>
                </c:pt>
                <c:pt idx="5198">
                  <c:v>0</c:v>
                </c:pt>
                <c:pt idx="5199">
                  <c:v>0</c:v>
                </c:pt>
                <c:pt idx="5200">
                  <c:v>0</c:v>
                </c:pt>
                <c:pt idx="5201">
                  <c:v>0</c:v>
                </c:pt>
                <c:pt idx="5202">
                  <c:v>0</c:v>
                </c:pt>
                <c:pt idx="5203">
                  <c:v>0</c:v>
                </c:pt>
                <c:pt idx="5204">
                  <c:v>0</c:v>
                </c:pt>
                <c:pt idx="5205">
                  <c:v>0</c:v>
                </c:pt>
                <c:pt idx="5206">
                  <c:v>0</c:v>
                </c:pt>
                <c:pt idx="5207">
                  <c:v>0</c:v>
                </c:pt>
                <c:pt idx="5208">
                  <c:v>0</c:v>
                </c:pt>
                <c:pt idx="5209">
                  <c:v>0</c:v>
                </c:pt>
                <c:pt idx="5210">
                  <c:v>0</c:v>
                </c:pt>
                <c:pt idx="5211">
                  <c:v>0</c:v>
                </c:pt>
                <c:pt idx="5212">
                  <c:v>0</c:v>
                </c:pt>
                <c:pt idx="5213">
                  <c:v>0</c:v>
                </c:pt>
                <c:pt idx="5214">
                  <c:v>0</c:v>
                </c:pt>
                <c:pt idx="5215">
                  <c:v>0</c:v>
                </c:pt>
                <c:pt idx="5216">
                  <c:v>0</c:v>
                </c:pt>
                <c:pt idx="5217">
                  <c:v>0</c:v>
                </c:pt>
                <c:pt idx="5218">
                  <c:v>0</c:v>
                </c:pt>
                <c:pt idx="5219">
                  <c:v>0</c:v>
                </c:pt>
                <c:pt idx="5220">
                  <c:v>0</c:v>
                </c:pt>
                <c:pt idx="5221">
                  <c:v>0</c:v>
                </c:pt>
                <c:pt idx="5222">
                  <c:v>0</c:v>
                </c:pt>
                <c:pt idx="5223">
                  <c:v>0</c:v>
                </c:pt>
                <c:pt idx="5224">
                  <c:v>0</c:v>
                </c:pt>
                <c:pt idx="5225">
                  <c:v>0</c:v>
                </c:pt>
                <c:pt idx="5226">
                  <c:v>0</c:v>
                </c:pt>
                <c:pt idx="5227">
                  <c:v>0</c:v>
                </c:pt>
                <c:pt idx="5228">
                  <c:v>0</c:v>
                </c:pt>
                <c:pt idx="5229">
                  <c:v>0</c:v>
                </c:pt>
                <c:pt idx="5230">
                  <c:v>0</c:v>
                </c:pt>
                <c:pt idx="5231">
                  <c:v>0</c:v>
                </c:pt>
                <c:pt idx="5232">
                  <c:v>0</c:v>
                </c:pt>
                <c:pt idx="5233">
                  <c:v>0</c:v>
                </c:pt>
                <c:pt idx="5234">
                  <c:v>0</c:v>
                </c:pt>
                <c:pt idx="5235">
                  <c:v>0</c:v>
                </c:pt>
                <c:pt idx="5236">
                  <c:v>0</c:v>
                </c:pt>
                <c:pt idx="5237">
                  <c:v>0</c:v>
                </c:pt>
                <c:pt idx="5238">
                  <c:v>0</c:v>
                </c:pt>
                <c:pt idx="5239">
                  <c:v>0</c:v>
                </c:pt>
                <c:pt idx="5240">
                  <c:v>0</c:v>
                </c:pt>
                <c:pt idx="5241">
                  <c:v>0</c:v>
                </c:pt>
                <c:pt idx="5242">
                  <c:v>0</c:v>
                </c:pt>
                <c:pt idx="5243">
                  <c:v>0</c:v>
                </c:pt>
                <c:pt idx="5244">
                  <c:v>0</c:v>
                </c:pt>
                <c:pt idx="5245">
                  <c:v>0</c:v>
                </c:pt>
                <c:pt idx="5246">
                  <c:v>0</c:v>
                </c:pt>
                <c:pt idx="5247">
                  <c:v>0</c:v>
                </c:pt>
                <c:pt idx="5248">
                  <c:v>0</c:v>
                </c:pt>
                <c:pt idx="5249">
                  <c:v>0</c:v>
                </c:pt>
                <c:pt idx="5250">
                  <c:v>0</c:v>
                </c:pt>
                <c:pt idx="5251">
                  <c:v>0</c:v>
                </c:pt>
                <c:pt idx="5252">
                  <c:v>0</c:v>
                </c:pt>
                <c:pt idx="5253">
                  <c:v>0</c:v>
                </c:pt>
                <c:pt idx="5254">
                  <c:v>0</c:v>
                </c:pt>
                <c:pt idx="5255">
                  <c:v>0</c:v>
                </c:pt>
                <c:pt idx="5256">
                  <c:v>0</c:v>
                </c:pt>
                <c:pt idx="5257">
                  <c:v>0</c:v>
                </c:pt>
                <c:pt idx="5258">
                  <c:v>0</c:v>
                </c:pt>
                <c:pt idx="5259">
                  <c:v>0</c:v>
                </c:pt>
                <c:pt idx="5260">
                  <c:v>0</c:v>
                </c:pt>
                <c:pt idx="5261">
                  <c:v>0</c:v>
                </c:pt>
                <c:pt idx="5262">
                  <c:v>0</c:v>
                </c:pt>
                <c:pt idx="5263">
                  <c:v>0</c:v>
                </c:pt>
                <c:pt idx="5264">
                  <c:v>0</c:v>
                </c:pt>
                <c:pt idx="5265">
                  <c:v>0</c:v>
                </c:pt>
                <c:pt idx="5266">
                  <c:v>0</c:v>
                </c:pt>
                <c:pt idx="5267">
                  <c:v>0</c:v>
                </c:pt>
                <c:pt idx="5268">
                  <c:v>0</c:v>
                </c:pt>
                <c:pt idx="5269">
                  <c:v>0</c:v>
                </c:pt>
                <c:pt idx="5270">
                  <c:v>0</c:v>
                </c:pt>
                <c:pt idx="5271">
                  <c:v>0</c:v>
                </c:pt>
                <c:pt idx="5272">
                  <c:v>0</c:v>
                </c:pt>
                <c:pt idx="5273">
                  <c:v>0</c:v>
                </c:pt>
                <c:pt idx="5274">
                  <c:v>0</c:v>
                </c:pt>
                <c:pt idx="5275">
                  <c:v>0</c:v>
                </c:pt>
                <c:pt idx="5276">
                  <c:v>0</c:v>
                </c:pt>
                <c:pt idx="5277">
                  <c:v>0</c:v>
                </c:pt>
                <c:pt idx="5278">
                  <c:v>0</c:v>
                </c:pt>
                <c:pt idx="5279">
                  <c:v>0</c:v>
                </c:pt>
                <c:pt idx="5280">
                  <c:v>0</c:v>
                </c:pt>
                <c:pt idx="5281">
                  <c:v>0</c:v>
                </c:pt>
                <c:pt idx="5282">
                  <c:v>0</c:v>
                </c:pt>
                <c:pt idx="5283">
                  <c:v>0</c:v>
                </c:pt>
                <c:pt idx="5284">
                  <c:v>0</c:v>
                </c:pt>
                <c:pt idx="5285">
                  <c:v>0</c:v>
                </c:pt>
                <c:pt idx="5286">
                  <c:v>0</c:v>
                </c:pt>
                <c:pt idx="5287">
                  <c:v>0</c:v>
                </c:pt>
                <c:pt idx="5288">
                  <c:v>0</c:v>
                </c:pt>
                <c:pt idx="5289">
                  <c:v>0</c:v>
                </c:pt>
                <c:pt idx="5290">
                  <c:v>0</c:v>
                </c:pt>
                <c:pt idx="5291">
                  <c:v>0</c:v>
                </c:pt>
                <c:pt idx="5292">
                  <c:v>0</c:v>
                </c:pt>
                <c:pt idx="5293">
                  <c:v>0</c:v>
                </c:pt>
                <c:pt idx="5294">
                  <c:v>0</c:v>
                </c:pt>
                <c:pt idx="5295">
                  <c:v>0</c:v>
                </c:pt>
                <c:pt idx="5296">
                  <c:v>0</c:v>
                </c:pt>
                <c:pt idx="5297">
                  <c:v>0</c:v>
                </c:pt>
                <c:pt idx="5298">
                  <c:v>0</c:v>
                </c:pt>
                <c:pt idx="5299">
                  <c:v>0</c:v>
                </c:pt>
                <c:pt idx="5300">
                  <c:v>0</c:v>
                </c:pt>
                <c:pt idx="5301">
                  <c:v>0</c:v>
                </c:pt>
                <c:pt idx="5302">
                  <c:v>0</c:v>
                </c:pt>
                <c:pt idx="5303">
                  <c:v>0</c:v>
                </c:pt>
                <c:pt idx="5304">
                  <c:v>0</c:v>
                </c:pt>
                <c:pt idx="5305">
                  <c:v>0</c:v>
                </c:pt>
                <c:pt idx="5306">
                  <c:v>0</c:v>
                </c:pt>
                <c:pt idx="5307">
                  <c:v>0</c:v>
                </c:pt>
                <c:pt idx="5308">
                  <c:v>0</c:v>
                </c:pt>
                <c:pt idx="5309">
                  <c:v>0</c:v>
                </c:pt>
                <c:pt idx="5310">
                  <c:v>0</c:v>
                </c:pt>
                <c:pt idx="5311">
                  <c:v>0</c:v>
                </c:pt>
                <c:pt idx="5312">
                  <c:v>0</c:v>
                </c:pt>
                <c:pt idx="5313">
                  <c:v>0</c:v>
                </c:pt>
                <c:pt idx="5314">
                  <c:v>0</c:v>
                </c:pt>
                <c:pt idx="5315">
                  <c:v>0</c:v>
                </c:pt>
                <c:pt idx="5316">
                  <c:v>0</c:v>
                </c:pt>
                <c:pt idx="5317">
                  <c:v>0</c:v>
                </c:pt>
                <c:pt idx="5318">
                  <c:v>0</c:v>
                </c:pt>
                <c:pt idx="5319">
                  <c:v>0</c:v>
                </c:pt>
                <c:pt idx="5320">
                  <c:v>0</c:v>
                </c:pt>
                <c:pt idx="5321">
                  <c:v>0</c:v>
                </c:pt>
                <c:pt idx="5322">
                  <c:v>0</c:v>
                </c:pt>
                <c:pt idx="5323">
                  <c:v>0</c:v>
                </c:pt>
                <c:pt idx="5324">
                  <c:v>0</c:v>
                </c:pt>
                <c:pt idx="5325">
                  <c:v>0</c:v>
                </c:pt>
                <c:pt idx="5326">
                  <c:v>0</c:v>
                </c:pt>
                <c:pt idx="5327">
                  <c:v>0</c:v>
                </c:pt>
                <c:pt idx="5328">
                  <c:v>0</c:v>
                </c:pt>
                <c:pt idx="5329">
                  <c:v>0</c:v>
                </c:pt>
                <c:pt idx="5330">
                  <c:v>0</c:v>
                </c:pt>
                <c:pt idx="5331">
                  <c:v>0</c:v>
                </c:pt>
                <c:pt idx="5332">
                  <c:v>0</c:v>
                </c:pt>
                <c:pt idx="5333">
                  <c:v>0</c:v>
                </c:pt>
                <c:pt idx="5334">
                  <c:v>0</c:v>
                </c:pt>
                <c:pt idx="5335">
                  <c:v>0</c:v>
                </c:pt>
                <c:pt idx="5336">
                  <c:v>0</c:v>
                </c:pt>
                <c:pt idx="5337">
                  <c:v>0</c:v>
                </c:pt>
                <c:pt idx="5338">
                  <c:v>0</c:v>
                </c:pt>
                <c:pt idx="5339">
                  <c:v>0</c:v>
                </c:pt>
                <c:pt idx="5340">
                  <c:v>0</c:v>
                </c:pt>
                <c:pt idx="5341">
                  <c:v>0</c:v>
                </c:pt>
                <c:pt idx="5342">
                  <c:v>0</c:v>
                </c:pt>
                <c:pt idx="5343">
                  <c:v>0</c:v>
                </c:pt>
                <c:pt idx="5344">
                  <c:v>0</c:v>
                </c:pt>
                <c:pt idx="5345">
                  <c:v>0</c:v>
                </c:pt>
                <c:pt idx="5346">
                  <c:v>0</c:v>
                </c:pt>
                <c:pt idx="5347">
                  <c:v>0</c:v>
                </c:pt>
                <c:pt idx="5348">
                  <c:v>0</c:v>
                </c:pt>
                <c:pt idx="5349">
                  <c:v>0</c:v>
                </c:pt>
                <c:pt idx="5350">
                  <c:v>0</c:v>
                </c:pt>
                <c:pt idx="5351">
                  <c:v>0</c:v>
                </c:pt>
                <c:pt idx="5352">
                  <c:v>0</c:v>
                </c:pt>
                <c:pt idx="5353">
                  <c:v>0</c:v>
                </c:pt>
                <c:pt idx="5354">
                  <c:v>0</c:v>
                </c:pt>
                <c:pt idx="5355">
                  <c:v>0</c:v>
                </c:pt>
                <c:pt idx="5356">
                  <c:v>0</c:v>
                </c:pt>
                <c:pt idx="5357">
                  <c:v>0</c:v>
                </c:pt>
                <c:pt idx="5358">
                  <c:v>0</c:v>
                </c:pt>
                <c:pt idx="5359">
                  <c:v>0</c:v>
                </c:pt>
                <c:pt idx="5360">
                  <c:v>0</c:v>
                </c:pt>
                <c:pt idx="5361">
                  <c:v>0</c:v>
                </c:pt>
                <c:pt idx="5362">
                  <c:v>0</c:v>
                </c:pt>
                <c:pt idx="5363">
                  <c:v>0</c:v>
                </c:pt>
                <c:pt idx="5364">
                  <c:v>0</c:v>
                </c:pt>
                <c:pt idx="5365">
                  <c:v>0</c:v>
                </c:pt>
                <c:pt idx="5366">
                  <c:v>0</c:v>
                </c:pt>
                <c:pt idx="5367">
                  <c:v>0</c:v>
                </c:pt>
                <c:pt idx="5368">
                  <c:v>0</c:v>
                </c:pt>
                <c:pt idx="5369">
                  <c:v>0</c:v>
                </c:pt>
                <c:pt idx="5370">
                  <c:v>0</c:v>
                </c:pt>
                <c:pt idx="5371">
                  <c:v>0</c:v>
                </c:pt>
                <c:pt idx="5372">
                  <c:v>0</c:v>
                </c:pt>
                <c:pt idx="5373">
                  <c:v>0</c:v>
                </c:pt>
                <c:pt idx="5374">
                  <c:v>0</c:v>
                </c:pt>
                <c:pt idx="5375">
                  <c:v>0</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0</c:v>
                </c:pt>
                <c:pt idx="5473">
                  <c:v>0</c:v>
                </c:pt>
                <c:pt idx="5474">
                  <c:v>0</c:v>
                </c:pt>
                <c:pt idx="5475">
                  <c:v>0</c:v>
                </c:pt>
                <c:pt idx="5476">
                  <c:v>0</c:v>
                </c:pt>
                <c:pt idx="5477">
                  <c:v>0</c:v>
                </c:pt>
                <c:pt idx="5478">
                  <c:v>0</c:v>
                </c:pt>
                <c:pt idx="5479">
                  <c:v>0</c:v>
                </c:pt>
                <c:pt idx="5480">
                  <c:v>0</c:v>
                </c:pt>
                <c:pt idx="5481">
                  <c:v>0</c:v>
                </c:pt>
                <c:pt idx="5482">
                  <c:v>0</c:v>
                </c:pt>
                <c:pt idx="5483">
                  <c:v>0</c:v>
                </c:pt>
                <c:pt idx="5484">
                  <c:v>0</c:v>
                </c:pt>
                <c:pt idx="5485">
                  <c:v>0</c:v>
                </c:pt>
                <c:pt idx="5486">
                  <c:v>0</c:v>
                </c:pt>
                <c:pt idx="5487">
                  <c:v>0</c:v>
                </c:pt>
                <c:pt idx="5488">
                  <c:v>0</c:v>
                </c:pt>
                <c:pt idx="5489">
                  <c:v>0</c:v>
                </c:pt>
                <c:pt idx="5490">
                  <c:v>0</c:v>
                </c:pt>
                <c:pt idx="5491">
                  <c:v>0</c:v>
                </c:pt>
                <c:pt idx="5492">
                  <c:v>0</c:v>
                </c:pt>
                <c:pt idx="5493">
                  <c:v>0</c:v>
                </c:pt>
                <c:pt idx="5494">
                  <c:v>0</c:v>
                </c:pt>
                <c:pt idx="5495">
                  <c:v>0</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0</c:v>
                </c:pt>
                <c:pt idx="5713">
                  <c:v>0</c:v>
                </c:pt>
                <c:pt idx="5714">
                  <c:v>0</c:v>
                </c:pt>
                <c:pt idx="5715">
                  <c:v>0</c:v>
                </c:pt>
                <c:pt idx="5716">
                  <c:v>0</c:v>
                </c:pt>
                <c:pt idx="5717">
                  <c:v>0</c:v>
                </c:pt>
                <c:pt idx="5718">
                  <c:v>0</c:v>
                </c:pt>
                <c:pt idx="5719">
                  <c:v>0</c:v>
                </c:pt>
                <c:pt idx="5720">
                  <c:v>0</c:v>
                </c:pt>
                <c:pt idx="5721">
                  <c:v>0</c:v>
                </c:pt>
                <c:pt idx="5722">
                  <c:v>0</c:v>
                </c:pt>
                <c:pt idx="5723">
                  <c:v>0</c:v>
                </c:pt>
                <c:pt idx="5724">
                  <c:v>0</c:v>
                </c:pt>
                <c:pt idx="5725">
                  <c:v>0</c:v>
                </c:pt>
                <c:pt idx="5726">
                  <c:v>0</c:v>
                </c:pt>
                <c:pt idx="5727">
                  <c:v>0</c:v>
                </c:pt>
                <c:pt idx="5728">
                  <c:v>0</c:v>
                </c:pt>
                <c:pt idx="5729">
                  <c:v>0</c:v>
                </c:pt>
                <c:pt idx="5730">
                  <c:v>0</c:v>
                </c:pt>
                <c:pt idx="5731">
                  <c:v>0</c:v>
                </c:pt>
                <c:pt idx="5732">
                  <c:v>0</c:v>
                </c:pt>
                <c:pt idx="5733">
                  <c:v>0</c:v>
                </c:pt>
                <c:pt idx="5734">
                  <c:v>0</c:v>
                </c:pt>
                <c:pt idx="5735">
                  <c:v>0</c:v>
                </c:pt>
                <c:pt idx="5736">
                  <c:v>0</c:v>
                </c:pt>
                <c:pt idx="5737">
                  <c:v>0</c:v>
                </c:pt>
                <c:pt idx="5738">
                  <c:v>0</c:v>
                </c:pt>
                <c:pt idx="5739">
                  <c:v>0</c:v>
                </c:pt>
                <c:pt idx="5740">
                  <c:v>0</c:v>
                </c:pt>
                <c:pt idx="5741">
                  <c:v>0</c:v>
                </c:pt>
                <c:pt idx="5742">
                  <c:v>0</c:v>
                </c:pt>
                <c:pt idx="5743">
                  <c:v>0</c:v>
                </c:pt>
                <c:pt idx="5744">
                  <c:v>0</c:v>
                </c:pt>
                <c:pt idx="5745">
                  <c:v>0</c:v>
                </c:pt>
                <c:pt idx="5746">
                  <c:v>0</c:v>
                </c:pt>
                <c:pt idx="5747">
                  <c:v>0</c:v>
                </c:pt>
                <c:pt idx="5748">
                  <c:v>0</c:v>
                </c:pt>
                <c:pt idx="5749">
                  <c:v>0</c:v>
                </c:pt>
                <c:pt idx="5750">
                  <c:v>0</c:v>
                </c:pt>
                <c:pt idx="5751">
                  <c:v>0</c:v>
                </c:pt>
                <c:pt idx="5752">
                  <c:v>0</c:v>
                </c:pt>
                <c:pt idx="5753">
                  <c:v>0</c:v>
                </c:pt>
                <c:pt idx="5754">
                  <c:v>0</c:v>
                </c:pt>
                <c:pt idx="5755">
                  <c:v>0</c:v>
                </c:pt>
                <c:pt idx="5756">
                  <c:v>0</c:v>
                </c:pt>
                <c:pt idx="5757">
                  <c:v>0</c:v>
                </c:pt>
                <c:pt idx="5758">
                  <c:v>0</c:v>
                </c:pt>
                <c:pt idx="5759">
                  <c:v>0</c:v>
                </c:pt>
                <c:pt idx="5760">
                  <c:v>0</c:v>
                </c:pt>
                <c:pt idx="5761">
                  <c:v>0</c:v>
                </c:pt>
                <c:pt idx="5762">
                  <c:v>0</c:v>
                </c:pt>
                <c:pt idx="5763">
                  <c:v>0</c:v>
                </c:pt>
                <c:pt idx="5764">
                  <c:v>0</c:v>
                </c:pt>
                <c:pt idx="5765">
                  <c:v>0</c:v>
                </c:pt>
                <c:pt idx="5766">
                  <c:v>0</c:v>
                </c:pt>
                <c:pt idx="5767">
                  <c:v>0</c:v>
                </c:pt>
                <c:pt idx="5768">
                  <c:v>0</c:v>
                </c:pt>
                <c:pt idx="5769">
                  <c:v>0</c:v>
                </c:pt>
                <c:pt idx="5770">
                  <c:v>0</c:v>
                </c:pt>
                <c:pt idx="5771">
                  <c:v>0</c:v>
                </c:pt>
                <c:pt idx="5772">
                  <c:v>0</c:v>
                </c:pt>
                <c:pt idx="5773">
                  <c:v>0</c:v>
                </c:pt>
                <c:pt idx="5774">
                  <c:v>0</c:v>
                </c:pt>
                <c:pt idx="5775">
                  <c:v>0</c:v>
                </c:pt>
                <c:pt idx="5776">
                  <c:v>0</c:v>
                </c:pt>
                <c:pt idx="5777">
                  <c:v>0</c:v>
                </c:pt>
                <c:pt idx="5778">
                  <c:v>0</c:v>
                </c:pt>
                <c:pt idx="5779">
                  <c:v>0</c:v>
                </c:pt>
                <c:pt idx="5780">
                  <c:v>0</c:v>
                </c:pt>
                <c:pt idx="5781">
                  <c:v>0</c:v>
                </c:pt>
                <c:pt idx="5782">
                  <c:v>0</c:v>
                </c:pt>
                <c:pt idx="5783">
                  <c:v>0</c:v>
                </c:pt>
                <c:pt idx="5784">
                  <c:v>0</c:v>
                </c:pt>
                <c:pt idx="5785">
                  <c:v>0</c:v>
                </c:pt>
                <c:pt idx="5786">
                  <c:v>0</c:v>
                </c:pt>
                <c:pt idx="5787">
                  <c:v>0</c:v>
                </c:pt>
                <c:pt idx="5788">
                  <c:v>0</c:v>
                </c:pt>
                <c:pt idx="5789">
                  <c:v>0</c:v>
                </c:pt>
                <c:pt idx="5790">
                  <c:v>0</c:v>
                </c:pt>
                <c:pt idx="5791">
                  <c:v>0</c:v>
                </c:pt>
                <c:pt idx="5792">
                  <c:v>0</c:v>
                </c:pt>
                <c:pt idx="5793">
                  <c:v>0</c:v>
                </c:pt>
                <c:pt idx="5794">
                  <c:v>0</c:v>
                </c:pt>
                <c:pt idx="5795">
                  <c:v>0</c:v>
                </c:pt>
                <c:pt idx="5796">
                  <c:v>0</c:v>
                </c:pt>
                <c:pt idx="5797">
                  <c:v>0</c:v>
                </c:pt>
                <c:pt idx="5798">
                  <c:v>0</c:v>
                </c:pt>
                <c:pt idx="5799">
                  <c:v>0</c:v>
                </c:pt>
                <c:pt idx="5800">
                  <c:v>0</c:v>
                </c:pt>
                <c:pt idx="5801">
                  <c:v>0</c:v>
                </c:pt>
                <c:pt idx="5802">
                  <c:v>0</c:v>
                </c:pt>
                <c:pt idx="5803">
                  <c:v>0</c:v>
                </c:pt>
                <c:pt idx="5804">
                  <c:v>0</c:v>
                </c:pt>
                <c:pt idx="5805">
                  <c:v>0</c:v>
                </c:pt>
                <c:pt idx="5806">
                  <c:v>0</c:v>
                </c:pt>
                <c:pt idx="5807">
                  <c:v>0</c:v>
                </c:pt>
                <c:pt idx="5808">
                  <c:v>0</c:v>
                </c:pt>
                <c:pt idx="5809">
                  <c:v>0</c:v>
                </c:pt>
                <c:pt idx="5810">
                  <c:v>0</c:v>
                </c:pt>
                <c:pt idx="5811">
                  <c:v>0</c:v>
                </c:pt>
                <c:pt idx="5812">
                  <c:v>0</c:v>
                </c:pt>
                <c:pt idx="5813">
                  <c:v>0</c:v>
                </c:pt>
                <c:pt idx="5814">
                  <c:v>0</c:v>
                </c:pt>
                <c:pt idx="5815">
                  <c:v>0</c:v>
                </c:pt>
                <c:pt idx="5816">
                  <c:v>0</c:v>
                </c:pt>
                <c:pt idx="5817">
                  <c:v>0</c:v>
                </c:pt>
                <c:pt idx="5818">
                  <c:v>0</c:v>
                </c:pt>
                <c:pt idx="5819">
                  <c:v>0</c:v>
                </c:pt>
                <c:pt idx="5820">
                  <c:v>0</c:v>
                </c:pt>
                <c:pt idx="5821">
                  <c:v>0</c:v>
                </c:pt>
                <c:pt idx="5822">
                  <c:v>0</c:v>
                </c:pt>
                <c:pt idx="5823">
                  <c:v>0</c:v>
                </c:pt>
                <c:pt idx="5824">
                  <c:v>0</c:v>
                </c:pt>
                <c:pt idx="5825">
                  <c:v>0</c:v>
                </c:pt>
                <c:pt idx="5826">
                  <c:v>0</c:v>
                </c:pt>
                <c:pt idx="5827">
                  <c:v>0</c:v>
                </c:pt>
                <c:pt idx="5828">
                  <c:v>0</c:v>
                </c:pt>
                <c:pt idx="5829">
                  <c:v>0</c:v>
                </c:pt>
                <c:pt idx="5830">
                  <c:v>0</c:v>
                </c:pt>
                <c:pt idx="5831">
                  <c:v>0</c:v>
                </c:pt>
                <c:pt idx="5832">
                  <c:v>0</c:v>
                </c:pt>
                <c:pt idx="5833">
                  <c:v>0</c:v>
                </c:pt>
                <c:pt idx="5834">
                  <c:v>0</c:v>
                </c:pt>
                <c:pt idx="5835">
                  <c:v>0</c:v>
                </c:pt>
                <c:pt idx="5836">
                  <c:v>0</c:v>
                </c:pt>
                <c:pt idx="5837">
                  <c:v>0</c:v>
                </c:pt>
                <c:pt idx="5838">
                  <c:v>0</c:v>
                </c:pt>
                <c:pt idx="5839">
                  <c:v>0</c:v>
                </c:pt>
                <c:pt idx="5840">
                  <c:v>0</c:v>
                </c:pt>
                <c:pt idx="5841">
                  <c:v>0</c:v>
                </c:pt>
                <c:pt idx="5842">
                  <c:v>0</c:v>
                </c:pt>
                <c:pt idx="5843">
                  <c:v>0</c:v>
                </c:pt>
                <c:pt idx="5844">
                  <c:v>0</c:v>
                </c:pt>
                <c:pt idx="5845">
                  <c:v>0</c:v>
                </c:pt>
                <c:pt idx="5846">
                  <c:v>0</c:v>
                </c:pt>
                <c:pt idx="5847">
                  <c:v>0</c:v>
                </c:pt>
                <c:pt idx="5848">
                  <c:v>0</c:v>
                </c:pt>
                <c:pt idx="5849">
                  <c:v>0</c:v>
                </c:pt>
                <c:pt idx="5850">
                  <c:v>0</c:v>
                </c:pt>
                <c:pt idx="5851">
                  <c:v>0</c:v>
                </c:pt>
                <c:pt idx="5852">
                  <c:v>0</c:v>
                </c:pt>
                <c:pt idx="5853">
                  <c:v>0</c:v>
                </c:pt>
                <c:pt idx="5854">
                  <c:v>0</c:v>
                </c:pt>
                <c:pt idx="5855">
                  <c:v>0</c:v>
                </c:pt>
                <c:pt idx="5856">
                  <c:v>0</c:v>
                </c:pt>
                <c:pt idx="5857">
                  <c:v>0</c:v>
                </c:pt>
                <c:pt idx="5858">
                  <c:v>0</c:v>
                </c:pt>
                <c:pt idx="5859">
                  <c:v>0</c:v>
                </c:pt>
                <c:pt idx="5860">
                  <c:v>0</c:v>
                </c:pt>
                <c:pt idx="5861">
                  <c:v>0</c:v>
                </c:pt>
                <c:pt idx="5862">
                  <c:v>0</c:v>
                </c:pt>
                <c:pt idx="5863">
                  <c:v>0</c:v>
                </c:pt>
                <c:pt idx="5864">
                  <c:v>0</c:v>
                </c:pt>
                <c:pt idx="5865">
                  <c:v>0</c:v>
                </c:pt>
                <c:pt idx="5866">
                  <c:v>0</c:v>
                </c:pt>
                <c:pt idx="5867">
                  <c:v>0</c:v>
                </c:pt>
                <c:pt idx="5868">
                  <c:v>0</c:v>
                </c:pt>
                <c:pt idx="5869">
                  <c:v>0</c:v>
                </c:pt>
                <c:pt idx="5870">
                  <c:v>0</c:v>
                </c:pt>
                <c:pt idx="5871">
                  <c:v>0</c:v>
                </c:pt>
                <c:pt idx="5872">
                  <c:v>0</c:v>
                </c:pt>
                <c:pt idx="5873">
                  <c:v>0</c:v>
                </c:pt>
                <c:pt idx="5874">
                  <c:v>0</c:v>
                </c:pt>
                <c:pt idx="5875">
                  <c:v>0</c:v>
                </c:pt>
                <c:pt idx="5876">
                  <c:v>0</c:v>
                </c:pt>
                <c:pt idx="5877">
                  <c:v>0</c:v>
                </c:pt>
                <c:pt idx="5878">
                  <c:v>0</c:v>
                </c:pt>
                <c:pt idx="5879">
                  <c:v>0</c:v>
                </c:pt>
                <c:pt idx="5880">
                  <c:v>0</c:v>
                </c:pt>
                <c:pt idx="5881">
                  <c:v>0</c:v>
                </c:pt>
                <c:pt idx="5882">
                  <c:v>0</c:v>
                </c:pt>
                <c:pt idx="5883">
                  <c:v>0</c:v>
                </c:pt>
                <c:pt idx="5884">
                  <c:v>0</c:v>
                </c:pt>
                <c:pt idx="5885">
                  <c:v>0</c:v>
                </c:pt>
                <c:pt idx="5886">
                  <c:v>0</c:v>
                </c:pt>
                <c:pt idx="5887">
                  <c:v>0</c:v>
                </c:pt>
                <c:pt idx="5888">
                  <c:v>0</c:v>
                </c:pt>
                <c:pt idx="5889">
                  <c:v>0</c:v>
                </c:pt>
                <c:pt idx="5890">
                  <c:v>0</c:v>
                </c:pt>
                <c:pt idx="5891">
                  <c:v>0</c:v>
                </c:pt>
                <c:pt idx="5892">
                  <c:v>0</c:v>
                </c:pt>
                <c:pt idx="5893">
                  <c:v>0</c:v>
                </c:pt>
                <c:pt idx="5894">
                  <c:v>0</c:v>
                </c:pt>
                <c:pt idx="5895">
                  <c:v>0</c:v>
                </c:pt>
                <c:pt idx="5896">
                  <c:v>0</c:v>
                </c:pt>
                <c:pt idx="5897">
                  <c:v>0</c:v>
                </c:pt>
                <c:pt idx="5898">
                  <c:v>0</c:v>
                </c:pt>
                <c:pt idx="5899">
                  <c:v>0</c:v>
                </c:pt>
                <c:pt idx="5900">
                  <c:v>0</c:v>
                </c:pt>
                <c:pt idx="5901">
                  <c:v>0</c:v>
                </c:pt>
                <c:pt idx="5902">
                  <c:v>0</c:v>
                </c:pt>
                <c:pt idx="5903">
                  <c:v>0</c:v>
                </c:pt>
                <c:pt idx="5904">
                  <c:v>0</c:v>
                </c:pt>
                <c:pt idx="5905">
                  <c:v>0</c:v>
                </c:pt>
                <c:pt idx="5906">
                  <c:v>0</c:v>
                </c:pt>
                <c:pt idx="5907">
                  <c:v>0</c:v>
                </c:pt>
                <c:pt idx="5908">
                  <c:v>0</c:v>
                </c:pt>
                <c:pt idx="5909">
                  <c:v>0</c:v>
                </c:pt>
                <c:pt idx="5910">
                  <c:v>0</c:v>
                </c:pt>
                <c:pt idx="5911">
                  <c:v>0</c:v>
                </c:pt>
                <c:pt idx="5912">
                  <c:v>0</c:v>
                </c:pt>
                <c:pt idx="5913">
                  <c:v>0</c:v>
                </c:pt>
                <c:pt idx="5914">
                  <c:v>0</c:v>
                </c:pt>
                <c:pt idx="5915">
                  <c:v>0</c:v>
                </c:pt>
                <c:pt idx="5916">
                  <c:v>0</c:v>
                </c:pt>
                <c:pt idx="5917">
                  <c:v>0</c:v>
                </c:pt>
                <c:pt idx="5918">
                  <c:v>0</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0</c:v>
                </c:pt>
                <c:pt idx="8244">
                  <c:v>0</c:v>
                </c:pt>
                <c:pt idx="8245">
                  <c:v>0</c:v>
                </c:pt>
                <c:pt idx="8246">
                  <c:v>0</c:v>
                </c:pt>
                <c:pt idx="8247">
                  <c:v>0</c:v>
                </c:pt>
                <c:pt idx="8248">
                  <c:v>0</c:v>
                </c:pt>
                <c:pt idx="8249">
                  <c:v>0</c:v>
                </c:pt>
                <c:pt idx="8250">
                  <c:v>0</c:v>
                </c:pt>
                <c:pt idx="8251">
                  <c:v>0</c:v>
                </c:pt>
                <c:pt idx="8252">
                  <c:v>0</c:v>
                </c:pt>
                <c:pt idx="8253">
                  <c:v>0</c:v>
                </c:pt>
                <c:pt idx="8254">
                  <c:v>0</c:v>
                </c:pt>
                <c:pt idx="8255">
                  <c:v>0</c:v>
                </c:pt>
                <c:pt idx="8256">
                  <c:v>0</c:v>
                </c:pt>
                <c:pt idx="8257">
                  <c:v>0</c:v>
                </c:pt>
                <c:pt idx="8258">
                  <c:v>0</c:v>
                </c:pt>
                <c:pt idx="8259">
                  <c:v>0</c:v>
                </c:pt>
                <c:pt idx="8260">
                  <c:v>0</c:v>
                </c:pt>
                <c:pt idx="8261">
                  <c:v>0</c:v>
                </c:pt>
                <c:pt idx="8262">
                  <c:v>0</c:v>
                </c:pt>
                <c:pt idx="8263">
                  <c:v>0</c:v>
                </c:pt>
                <c:pt idx="8264">
                  <c:v>0</c:v>
                </c:pt>
                <c:pt idx="8265">
                  <c:v>0</c:v>
                </c:pt>
                <c:pt idx="8266">
                  <c:v>0</c:v>
                </c:pt>
                <c:pt idx="8267">
                  <c:v>0</c:v>
                </c:pt>
                <c:pt idx="8268">
                  <c:v>0</c:v>
                </c:pt>
                <c:pt idx="8269">
                  <c:v>0</c:v>
                </c:pt>
                <c:pt idx="8270">
                  <c:v>0</c:v>
                </c:pt>
                <c:pt idx="8271">
                  <c:v>0</c:v>
                </c:pt>
                <c:pt idx="8272">
                  <c:v>0</c:v>
                </c:pt>
                <c:pt idx="8273">
                  <c:v>0</c:v>
                </c:pt>
                <c:pt idx="8274">
                  <c:v>0</c:v>
                </c:pt>
                <c:pt idx="8275">
                  <c:v>0</c:v>
                </c:pt>
                <c:pt idx="8276">
                  <c:v>0</c:v>
                </c:pt>
                <c:pt idx="8277">
                  <c:v>0</c:v>
                </c:pt>
                <c:pt idx="8278">
                  <c:v>0</c:v>
                </c:pt>
                <c:pt idx="8279">
                  <c:v>0</c:v>
                </c:pt>
                <c:pt idx="8280">
                  <c:v>0</c:v>
                </c:pt>
                <c:pt idx="8281">
                  <c:v>0</c:v>
                </c:pt>
                <c:pt idx="8282">
                  <c:v>0</c:v>
                </c:pt>
                <c:pt idx="8283">
                  <c:v>0</c:v>
                </c:pt>
                <c:pt idx="8284">
                  <c:v>0</c:v>
                </c:pt>
                <c:pt idx="8285">
                  <c:v>0</c:v>
                </c:pt>
                <c:pt idx="8286">
                  <c:v>0</c:v>
                </c:pt>
                <c:pt idx="8287">
                  <c:v>0</c:v>
                </c:pt>
                <c:pt idx="8288">
                  <c:v>0</c:v>
                </c:pt>
                <c:pt idx="8289">
                  <c:v>0</c:v>
                </c:pt>
                <c:pt idx="8290">
                  <c:v>0</c:v>
                </c:pt>
                <c:pt idx="8291">
                  <c:v>0</c:v>
                </c:pt>
                <c:pt idx="8292">
                  <c:v>0</c:v>
                </c:pt>
                <c:pt idx="8293">
                  <c:v>0</c:v>
                </c:pt>
                <c:pt idx="8294">
                  <c:v>0</c:v>
                </c:pt>
                <c:pt idx="8295">
                  <c:v>0</c:v>
                </c:pt>
                <c:pt idx="8296">
                  <c:v>0</c:v>
                </c:pt>
                <c:pt idx="8297">
                  <c:v>0</c:v>
                </c:pt>
                <c:pt idx="8298">
                  <c:v>0</c:v>
                </c:pt>
                <c:pt idx="8299">
                  <c:v>0</c:v>
                </c:pt>
                <c:pt idx="8300">
                  <c:v>0</c:v>
                </c:pt>
                <c:pt idx="8301">
                  <c:v>0</c:v>
                </c:pt>
                <c:pt idx="8302">
                  <c:v>0</c:v>
                </c:pt>
                <c:pt idx="8303">
                  <c:v>0</c:v>
                </c:pt>
                <c:pt idx="8304">
                  <c:v>0</c:v>
                </c:pt>
                <c:pt idx="8305">
                  <c:v>0</c:v>
                </c:pt>
                <c:pt idx="8306">
                  <c:v>0</c:v>
                </c:pt>
                <c:pt idx="8307">
                  <c:v>0</c:v>
                </c:pt>
                <c:pt idx="8308">
                  <c:v>0</c:v>
                </c:pt>
                <c:pt idx="8309">
                  <c:v>0</c:v>
                </c:pt>
                <c:pt idx="8310">
                  <c:v>0</c:v>
                </c:pt>
                <c:pt idx="8311">
                  <c:v>0</c:v>
                </c:pt>
                <c:pt idx="8312">
                  <c:v>0</c:v>
                </c:pt>
                <c:pt idx="8313">
                  <c:v>0</c:v>
                </c:pt>
                <c:pt idx="8314">
                  <c:v>0</c:v>
                </c:pt>
                <c:pt idx="8315">
                  <c:v>0</c:v>
                </c:pt>
                <c:pt idx="8316">
                  <c:v>0</c:v>
                </c:pt>
                <c:pt idx="8317">
                  <c:v>0</c:v>
                </c:pt>
                <c:pt idx="8318">
                  <c:v>0</c:v>
                </c:pt>
                <c:pt idx="8319">
                  <c:v>0</c:v>
                </c:pt>
                <c:pt idx="8320">
                  <c:v>0</c:v>
                </c:pt>
                <c:pt idx="8321">
                  <c:v>0</c:v>
                </c:pt>
                <c:pt idx="8322">
                  <c:v>0</c:v>
                </c:pt>
                <c:pt idx="8323">
                  <c:v>0</c:v>
                </c:pt>
                <c:pt idx="8324">
                  <c:v>0</c:v>
                </c:pt>
                <c:pt idx="8325">
                  <c:v>0</c:v>
                </c:pt>
                <c:pt idx="8326">
                  <c:v>0</c:v>
                </c:pt>
                <c:pt idx="8327">
                  <c:v>0</c:v>
                </c:pt>
                <c:pt idx="8328">
                  <c:v>0</c:v>
                </c:pt>
                <c:pt idx="8329">
                  <c:v>0</c:v>
                </c:pt>
                <c:pt idx="8330">
                  <c:v>0</c:v>
                </c:pt>
                <c:pt idx="8331">
                  <c:v>0</c:v>
                </c:pt>
                <c:pt idx="8332">
                  <c:v>0</c:v>
                </c:pt>
                <c:pt idx="8333">
                  <c:v>0</c:v>
                </c:pt>
                <c:pt idx="8334">
                  <c:v>0</c:v>
                </c:pt>
                <c:pt idx="8335">
                  <c:v>0</c:v>
                </c:pt>
                <c:pt idx="8336">
                  <c:v>0</c:v>
                </c:pt>
                <c:pt idx="8337">
                  <c:v>0</c:v>
                </c:pt>
                <c:pt idx="8338">
                  <c:v>0</c:v>
                </c:pt>
                <c:pt idx="8339">
                  <c:v>0</c:v>
                </c:pt>
                <c:pt idx="8340">
                  <c:v>0</c:v>
                </c:pt>
                <c:pt idx="8341">
                  <c:v>0</c:v>
                </c:pt>
                <c:pt idx="8342">
                  <c:v>0</c:v>
                </c:pt>
                <c:pt idx="8343">
                  <c:v>0</c:v>
                </c:pt>
                <c:pt idx="8344">
                  <c:v>0</c:v>
                </c:pt>
                <c:pt idx="8345">
                  <c:v>0</c:v>
                </c:pt>
                <c:pt idx="8346">
                  <c:v>0</c:v>
                </c:pt>
                <c:pt idx="8347">
                  <c:v>0</c:v>
                </c:pt>
                <c:pt idx="8348">
                  <c:v>0</c:v>
                </c:pt>
                <c:pt idx="8349">
                  <c:v>0</c:v>
                </c:pt>
                <c:pt idx="8350">
                  <c:v>0</c:v>
                </c:pt>
                <c:pt idx="8351">
                  <c:v>0</c:v>
                </c:pt>
                <c:pt idx="8352">
                  <c:v>0</c:v>
                </c:pt>
                <c:pt idx="8353">
                  <c:v>0</c:v>
                </c:pt>
                <c:pt idx="8354">
                  <c:v>0</c:v>
                </c:pt>
                <c:pt idx="8355">
                  <c:v>0</c:v>
                </c:pt>
                <c:pt idx="8356">
                  <c:v>0</c:v>
                </c:pt>
                <c:pt idx="8357">
                  <c:v>0</c:v>
                </c:pt>
                <c:pt idx="8358">
                  <c:v>0</c:v>
                </c:pt>
                <c:pt idx="8359">
                  <c:v>0</c:v>
                </c:pt>
                <c:pt idx="8360">
                  <c:v>0</c:v>
                </c:pt>
                <c:pt idx="8361">
                  <c:v>0</c:v>
                </c:pt>
                <c:pt idx="8362">
                  <c:v>0</c:v>
                </c:pt>
                <c:pt idx="8363">
                  <c:v>0</c:v>
                </c:pt>
                <c:pt idx="8364">
                  <c:v>0</c:v>
                </c:pt>
                <c:pt idx="8365">
                  <c:v>0</c:v>
                </c:pt>
                <c:pt idx="8366">
                  <c:v>0</c:v>
                </c:pt>
                <c:pt idx="8367">
                  <c:v>0</c:v>
                </c:pt>
                <c:pt idx="8368">
                  <c:v>0</c:v>
                </c:pt>
                <c:pt idx="8369">
                  <c:v>0</c:v>
                </c:pt>
                <c:pt idx="8370">
                  <c:v>0</c:v>
                </c:pt>
                <c:pt idx="8371">
                  <c:v>0</c:v>
                </c:pt>
                <c:pt idx="8372">
                  <c:v>0</c:v>
                </c:pt>
                <c:pt idx="8373">
                  <c:v>0</c:v>
                </c:pt>
                <c:pt idx="8374">
                  <c:v>0</c:v>
                </c:pt>
                <c:pt idx="8375">
                  <c:v>0</c:v>
                </c:pt>
                <c:pt idx="8376">
                  <c:v>0</c:v>
                </c:pt>
                <c:pt idx="8377">
                  <c:v>0</c:v>
                </c:pt>
                <c:pt idx="8378">
                  <c:v>0</c:v>
                </c:pt>
                <c:pt idx="8379">
                  <c:v>0</c:v>
                </c:pt>
                <c:pt idx="8380">
                  <c:v>0</c:v>
                </c:pt>
                <c:pt idx="8381">
                  <c:v>0</c:v>
                </c:pt>
                <c:pt idx="8382">
                  <c:v>0</c:v>
                </c:pt>
                <c:pt idx="8383">
                  <c:v>0</c:v>
                </c:pt>
                <c:pt idx="8384">
                  <c:v>0</c:v>
                </c:pt>
                <c:pt idx="8385">
                  <c:v>0</c:v>
                </c:pt>
                <c:pt idx="8386">
                  <c:v>0</c:v>
                </c:pt>
                <c:pt idx="8387">
                  <c:v>0</c:v>
                </c:pt>
                <c:pt idx="8388">
                  <c:v>0</c:v>
                </c:pt>
                <c:pt idx="8389">
                  <c:v>0</c:v>
                </c:pt>
                <c:pt idx="8390">
                  <c:v>0</c:v>
                </c:pt>
                <c:pt idx="8391">
                  <c:v>0</c:v>
                </c:pt>
                <c:pt idx="8392">
                  <c:v>0</c:v>
                </c:pt>
                <c:pt idx="8393">
                  <c:v>0</c:v>
                </c:pt>
                <c:pt idx="8394">
                  <c:v>0</c:v>
                </c:pt>
                <c:pt idx="8395">
                  <c:v>0</c:v>
                </c:pt>
                <c:pt idx="8396">
                  <c:v>0</c:v>
                </c:pt>
                <c:pt idx="8397">
                  <c:v>0</c:v>
                </c:pt>
                <c:pt idx="8398">
                  <c:v>0</c:v>
                </c:pt>
                <c:pt idx="8399">
                  <c:v>0</c:v>
                </c:pt>
                <c:pt idx="8400">
                  <c:v>0</c:v>
                </c:pt>
                <c:pt idx="8401">
                  <c:v>0</c:v>
                </c:pt>
                <c:pt idx="8402">
                  <c:v>0</c:v>
                </c:pt>
                <c:pt idx="8403">
                  <c:v>0</c:v>
                </c:pt>
                <c:pt idx="8404">
                  <c:v>0</c:v>
                </c:pt>
                <c:pt idx="8405">
                  <c:v>0</c:v>
                </c:pt>
                <c:pt idx="8406">
                  <c:v>0</c:v>
                </c:pt>
                <c:pt idx="8407">
                  <c:v>0</c:v>
                </c:pt>
                <c:pt idx="8408">
                  <c:v>0</c:v>
                </c:pt>
                <c:pt idx="8409">
                  <c:v>0</c:v>
                </c:pt>
                <c:pt idx="8410">
                  <c:v>0</c:v>
                </c:pt>
                <c:pt idx="8411">
                  <c:v>0</c:v>
                </c:pt>
                <c:pt idx="8412">
                  <c:v>0</c:v>
                </c:pt>
                <c:pt idx="8413">
                  <c:v>0</c:v>
                </c:pt>
                <c:pt idx="8414">
                  <c:v>0</c:v>
                </c:pt>
                <c:pt idx="8415">
                  <c:v>0</c:v>
                </c:pt>
                <c:pt idx="8416">
                  <c:v>0</c:v>
                </c:pt>
                <c:pt idx="8417">
                  <c:v>0</c:v>
                </c:pt>
                <c:pt idx="8418">
                  <c:v>0</c:v>
                </c:pt>
                <c:pt idx="8419">
                  <c:v>0</c:v>
                </c:pt>
                <c:pt idx="8420">
                  <c:v>0</c:v>
                </c:pt>
                <c:pt idx="8421">
                  <c:v>0</c:v>
                </c:pt>
                <c:pt idx="8422">
                  <c:v>0</c:v>
                </c:pt>
                <c:pt idx="8423">
                  <c:v>0</c:v>
                </c:pt>
                <c:pt idx="8424">
                  <c:v>0</c:v>
                </c:pt>
                <c:pt idx="8425">
                  <c:v>0</c:v>
                </c:pt>
                <c:pt idx="8426">
                  <c:v>0</c:v>
                </c:pt>
                <c:pt idx="8427">
                  <c:v>0</c:v>
                </c:pt>
                <c:pt idx="8428">
                  <c:v>0</c:v>
                </c:pt>
                <c:pt idx="8429">
                  <c:v>0</c:v>
                </c:pt>
                <c:pt idx="8430">
                  <c:v>0</c:v>
                </c:pt>
                <c:pt idx="8431">
                  <c:v>0</c:v>
                </c:pt>
                <c:pt idx="8432">
                  <c:v>0</c:v>
                </c:pt>
                <c:pt idx="8433">
                  <c:v>0</c:v>
                </c:pt>
                <c:pt idx="8434">
                  <c:v>0</c:v>
                </c:pt>
                <c:pt idx="8435">
                  <c:v>0</c:v>
                </c:pt>
                <c:pt idx="8436">
                  <c:v>0</c:v>
                </c:pt>
                <c:pt idx="8437">
                  <c:v>0</c:v>
                </c:pt>
                <c:pt idx="8438">
                  <c:v>0</c:v>
                </c:pt>
                <c:pt idx="8439">
                  <c:v>0</c:v>
                </c:pt>
                <c:pt idx="8440">
                  <c:v>0</c:v>
                </c:pt>
                <c:pt idx="8441">
                  <c:v>0</c:v>
                </c:pt>
                <c:pt idx="8442">
                  <c:v>0</c:v>
                </c:pt>
                <c:pt idx="8443">
                  <c:v>0</c:v>
                </c:pt>
                <c:pt idx="8444">
                  <c:v>0</c:v>
                </c:pt>
                <c:pt idx="8445">
                  <c:v>0</c:v>
                </c:pt>
                <c:pt idx="8446">
                  <c:v>0</c:v>
                </c:pt>
                <c:pt idx="8447">
                  <c:v>0</c:v>
                </c:pt>
                <c:pt idx="8448">
                  <c:v>0</c:v>
                </c:pt>
                <c:pt idx="8449">
                  <c:v>0</c:v>
                </c:pt>
                <c:pt idx="8450">
                  <c:v>0</c:v>
                </c:pt>
                <c:pt idx="8451">
                  <c:v>0</c:v>
                </c:pt>
                <c:pt idx="8452">
                  <c:v>0</c:v>
                </c:pt>
                <c:pt idx="8453">
                  <c:v>0</c:v>
                </c:pt>
                <c:pt idx="8454">
                  <c:v>0</c:v>
                </c:pt>
                <c:pt idx="8455">
                  <c:v>0</c:v>
                </c:pt>
                <c:pt idx="8456">
                  <c:v>0</c:v>
                </c:pt>
                <c:pt idx="8457">
                  <c:v>0</c:v>
                </c:pt>
                <c:pt idx="8458">
                  <c:v>0</c:v>
                </c:pt>
                <c:pt idx="8459">
                  <c:v>0</c:v>
                </c:pt>
                <c:pt idx="8460">
                  <c:v>0</c:v>
                </c:pt>
                <c:pt idx="8461">
                  <c:v>0</c:v>
                </c:pt>
                <c:pt idx="8462">
                  <c:v>0</c:v>
                </c:pt>
                <c:pt idx="8463">
                  <c:v>0</c:v>
                </c:pt>
                <c:pt idx="8464">
                  <c:v>0</c:v>
                </c:pt>
                <c:pt idx="8465">
                  <c:v>0</c:v>
                </c:pt>
                <c:pt idx="8466">
                  <c:v>0</c:v>
                </c:pt>
                <c:pt idx="8467">
                  <c:v>0</c:v>
                </c:pt>
                <c:pt idx="8468">
                  <c:v>0</c:v>
                </c:pt>
                <c:pt idx="8469">
                  <c:v>0</c:v>
                </c:pt>
                <c:pt idx="8470">
                  <c:v>0</c:v>
                </c:pt>
                <c:pt idx="8471">
                  <c:v>0</c:v>
                </c:pt>
                <c:pt idx="8472">
                  <c:v>0</c:v>
                </c:pt>
                <c:pt idx="8473">
                  <c:v>0</c:v>
                </c:pt>
                <c:pt idx="8474">
                  <c:v>0</c:v>
                </c:pt>
                <c:pt idx="8475">
                  <c:v>0</c:v>
                </c:pt>
                <c:pt idx="8476">
                  <c:v>0</c:v>
                </c:pt>
                <c:pt idx="8477">
                  <c:v>0</c:v>
                </c:pt>
                <c:pt idx="8478">
                  <c:v>0</c:v>
                </c:pt>
                <c:pt idx="8479">
                  <c:v>0</c:v>
                </c:pt>
                <c:pt idx="8480">
                  <c:v>0</c:v>
                </c:pt>
                <c:pt idx="8481">
                  <c:v>0</c:v>
                </c:pt>
                <c:pt idx="8482">
                  <c:v>0</c:v>
                </c:pt>
                <c:pt idx="8483">
                  <c:v>0</c:v>
                </c:pt>
                <c:pt idx="8484">
                  <c:v>0</c:v>
                </c:pt>
                <c:pt idx="8485">
                  <c:v>0</c:v>
                </c:pt>
                <c:pt idx="8486">
                  <c:v>0</c:v>
                </c:pt>
                <c:pt idx="8487">
                  <c:v>0</c:v>
                </c:pt>
                <c:pt idx="8488">
                  <c:v>0</c:v>
                </c:pt>
                <c:pt idx="8489">
                  <c:v>0</c:v>
                </c:pt>
                <c:pt idx="8490">
                  <c:v>0</c:v>
                </c:pt>
                <c:pt idx="8491">
                  <c:v>0</c:v>
                </c:pt>
                <c:pt idx="8492">
                  <c:v>0</c:v>
                </c:pt>
                <c:pt idx="8493">
                  <c:v>0</c:v>
                </c:pt>
                <c:pt idx="8494">
                  <c:v>0</c:v>
                </c:pt>
                <c:pt idx="8495">
                  <c:v>0</c:v>
                </c:pt>
                <c:pt idx="8496">
                  <c:v>0</c:v>
                </c:pt>
                <c:pt idx="8497">
                  <c:v>0</c:v>
                </c:pt>
                <c:pt idx="8498">
                  <c:v>0</c:v>
                </c:pt>
                <c:pt idx="8499">
                  <c:v>0</c:v>
                </c:pt>
                <c:pt idx="8500">
                  <c:v>0</c:v>
                </c:pt>
                <c:pt idx="8501">
                  <c:v>0</c:v>
                </c:pt>
                <c:pt idx="8502">
                  <c:v>0</c:v>
                </c:pt>
                <c:pt idx="8503">
                  <c:v>0</c:v>
                </c:pt>
                <c:pt idx="8504">
                  <c:v>0</c:v>
                </c:pt>
                <c:pt idx="8505">
                  <c:v>0</c:v>
                </c:pt>
                <c:pt idx="8506">
                  <c:v>0</c:v>
                </c:pt>
                <c:pt idx="8507">
                  <c:v>0</c:v>
                </c:pt>
                <c:pt idx="8508">
                  <c:v>0</c:v>
                </c:pt>
                <c:pt idx="8509">
                  <c:v>0</c:v>
                </c:pt>
                <c:pt idx="8510">
                  <c:v>0</c:v>
                </c:pt>
                <c:pt idx="8511">
                  <c:v>0</c:v>
                </c:pt>
                <c:pt idx="8512">
                  <c:v>0</c:v>
                </c:pt>
                <c:pt idx="8513">
                  <c:v>0</c:v>
                </c:pt>
                <c:pt idx="8514">
                  <c:v>0</c:v>
                </c:pt>
                <c:pt idx="8515">
                  <c:v>0</c:v>
                </c:pt>
                <c:pt idx="8516">
                  <c:v>0</c:v>
                </c:pt>
                <c:pt idx="8517">
                  <c:v>0</c:v>
                </c:pt>
                <c:pt idx="8518">
                  <c:v>0</c:v>
                </c:pt>
                <c:pt idx="8519">
                  <c:v>0</c:v>
                </c:pt>
                <c:pt idx="8520">
                  <c:v>0</c:v>
                </c:pt>
                <c:pt idx="8521">
                  <c:v>0</c:v>
                </c:pt>
                <c:pt idx="8522">
                  <c:v>0</c:v>
                </c:pt>
                <c:pt idx="8523">
                  <c:v>0</c:v>
                </c:pt>
                <c:pt idx="8524">
                  <c:v>0</c:v>
                </c:pt>
                <c:pt idx="8525">
                  <c:v>0</c:v>
                </c:pt>
                <c:pt idx="8526">
                  <c:v>0</c:v>
                </c:pt>
                <c:pt idx="8527">
                  <c:v>0</c:v>
                </c:pt>
                <c:pt idx="8528">
                  <c:v>0</c:v>
                </c:pt>
                <c:pt idx="8529">
                  <c:v>0</c:v>
                </c:pt>
                <c:pt idx="8530">
                  <c:v>0</c:v>
                </c:pt>
                <c:pt idx="8531">
                  <c:v>0</c:v>
                </c:pt>
                <c:pt idx="8532">
                  <c:v>0</c:v>
                </c:pt>
                <c:pt idx="8533">
                  <c:v>0</c:v>
                </c:pt>
                <c:pt idx="8534">
                  <c:v>0</c:v>
                </c:pt>
                <c:pt idx="8535">
                  <c:v>0</c:v>
                </c:pt>
                <c:pt idx="8536">
                  <c:v>0</c:v>
                </c:pt>
                <c:pt idx="8537">
                  <c:v>0</c:v>
                </c:pt>
                <c:pt idx="8538">
                  <c:v>0</c:v>
                </c:pt>
                <c:pt idx="8539">
                  <c:v>0</c:v>
                </c:pt>
                <c:pt idx="8540">
                  <c:v>0</c:v>
                </c:pt>
                <c:pt idx="8541">
                  <c:v>0</c:v>
                </c:pt>
                <c:pt idx="8542">
                  <c:v>0</c:v>
                </c:pt>
                <c:pt idx="8543">
                  <c:v>0</c:v>
                </c:pt>
                <c:pt idx="8544">
                  <c:v>0</c:v>
                </c:pt>
                <c:pt idx="8545">
                  <c:v>0</c:v>
                </c:pt>
                <c:pt idx="8546">
                  <c:v>0</c:v>
                </c:pt>
                <c:pt idx="8547">
                  <c:v>0</c:v>
                </c:pt>
                <c:pt idx="8548">
                  <c:v>0</c:v>
                </c:pt>
                <c:pt idx="8549">
                  <c:v>0</c:v>
                </c:pt>
                <c:pt idx="8550">
                  <c:v>0</c:v>
                </c:pt>
                <c:pt idx="8551">
                  <c:v>0</c:v>
                </c:pt>
                <c:pt idx="8552">
                  <c:v>0</c:v>
                </c:pt>
                <c:pt idx="8553">
                  <c:v>0</c:v>
                </c:pt>
                <c:pt idx="8554">
                  <c:v>0</c:v>
                </c:pt>
                <c:pt idx="8555">
                  <c:v>0</c:v>
                </c:pt>
                <c:pt idx="8556">
                  <c:v>0</c:v>
                </c:pt>
                <c:pt idx="8557">
                  <c:v>0</c:v>
                </c:pt>
                <c:pt idx="8558">
                  <c:v>0</c:v>
                </c:pt>
                <c:pt idx="8559">
                  <c:v>0</c:v>
                </c:pt>
                <c:pt idx="8560">
                  <c:v>0</c:v>
                </c:pt>
                <c:pt idx="8561">
                  <c:v>0</c:v>
                </c:pt>
                <c:pt idx="8562">
                  <c:v>0</c:v>
                </c:pt>
                <c:pt idx="8563">
                  <c:v>0</c:v>
                </c:pt>
                <c:pt idx="8564">
                  <c:v>0</c:v>
                </c:pt>
                <c:pt idx="8565">
                  <c:v>0</c:v>
                </c:pt>
                <c:pt idx="8566">
                  <c:v>0</c:v>
                </c:pt>
                <c:pt idx="8567">
                  <c:v>0</c:v>
                </c:pt>
                <c:pt idx="8568">
                  <c:v>0</c:v>
                </c:pt>
                <c:pt idx="8569">
                  <c:v>0</c:v>
                </c:pt>
                <c:pt idx="8570">
                  <c:v>0</c:v>
                </c:pt>
                <c:pt idx="8571">
                  <c:v>0</c:v>
                </c:pt>
                <c:pt idx="8572">
                  <c:v>0</c:v>
                </c:pt>
                <c:pt idx="8573">
                  <c:v>0</c:v>
                </c:pt>
                <c:pt idx="8574">
                  <c:v>0</c:v>
                </c:pt>
                <c:pt idx="8575">
                  <c:v>0</c:v>
                </c:pt>
                <c:pt idx="8576">
                  <c:v>0</c:v>
                </c:pt>
                <c:pt idx="8577">
                  <c:v>0</c:v>
                </c:pt>
                <c:pt idx="8578">
                  <c:v>0</c:v>
                </c:pt>
                <c:pt idx="8579">
                  <c:v>0</c:v>
                </c:pt>
                <c:pt idx="8580">
                  <c:v>0</c:v>
                </c:pt>
                <c:pt idx="8581">
                  <c:v>0</c:v>
                </c:pt>
                <c:pt idx="8582">
                  <c:v>0</c:v>
                </c:pt>
                <c:pt idx="8583">
                  <c:v>0</c:v>
                </c:pt>
                <c:pt idx="8584">
                  <c:v>0</c:v>
                </c:pt>
                <c:pt idx="8585">
                  <c:v>0</c:v>
                </c:pt>
                <c:pt idx="8586">
                  <c:v>0</c:v>
                </c:pt>
                <c:pt idx="8587">
                  <c:v>0</c:v>
                </c:pt>
                <c:pt idx="8588">
                  <c:v>0</c:v>
                </c:pt>
                <c:pt idx="8589">
                  <c:v>0</c:v>
                </c:pt>
                <c:pt idx="8590">
                  <c:v>0</c:v>
                </c:pt>
                <c:pt idx="8591">
                  <c:v>0</c:v>
                </c:pt>
                <c:pt idx="8592">
                  <c:v>0</c:v>
                </c:pt>
                <c:pt idx="8593">
                  <c:v>0</c:v>
                </c:pt>
                <c:pt idx="8594">
                  <c:v>0</c:v>
                </c:pt>
                <c:pt idx="8595">
                  <c:v>0</c:v>
                </c:pt>
                <c:pt idx="8596">
                  <c:v>0</c:v>
                </c:pt>
                <c:pt idx="8597">
                  <c:v>0</c:v>
                </c:pt>
                <c:pt idx="8598">
                  <c:v>0</c:v>
                </c:pt>
                <c:pt idx="8599">
                  <c:v>0</c:v>
                </c:pt>
                <c:pt idx="8600">
                  <c:v>0</c:v>
                </c:pt>
                <c:pt idx="8601">
                  <c:v>0</c:v>
                </c:pt>
                <c:pt idx="8602">
                  <c:v>0</c:v>
                </c:pt>
                <c:pt idx="8603">
                  <c:v>0</c:v>
                </c:pt>
                <c:pt idx="8604">
                  <c:v>0</c:v>
                </c:pt>
                <c:pt idx="8605">
                  <c:v>0</c:v>
                </c:pt>
                <c:pt idx="8606">
                  <c:v>0</c:v>
                </c:pt>
                <c:pt idx="8607">
                  <c:v>0</c:v>
                </c:pt>
                <c:pt idx="8608">
                  <c:v>0</c:v>
                </c:pt>
                <c:pt idx="8609">
                  <c:v>0</c:v>
                </c:pt>
                <c:pt idx="8610">
                  <c:v>0</c:v>
                </c:pt>
                <c:pt idx="8611">
                  <c:v>0</c:v>
                </c:pt>
                <c:pt idx="8612">
                  <c:v>0</c:v>
                </c:pt>
                <c:pt idx="8613">
                  <c:v>0</c:v>
                </c:pt>
                <c:pt idx="8614">
                  <c:v>0</c:v>
                </c:pt>
                <c:pt idx="8615">
                  <c:v>0</c:v>
                </c:pt>
                <c:pt idx="8616">
                  <c:v>0</c:v>
                </c:pt>
                <c:pt idx="8617">
                  <c:v>0</c:v>
                </c:pt>
                <c:pt idx="8618">
                  <c:v>0</c:v>
                </c:pt>
                <c:pt idx="8619">
                  <c:v>0</c:v>
                </c:pt>
                <c:pt idx="8620">
                  <c:v>0</c:v>
                </c:pt>
                <c:pt idx="8621">
                  <c:v>0</c:v>
                </c:pt>
                <c:pt idx="8622">
                  <c:v>0</c:v>
                </c:pt>
                <c:pt idx="8623">
                  <c:v>0</c:v>
                </c:pt>
                <c:pt idx="8624">
                  <c:v>0</c:v>
                </c:pt>
                <c:pt idx="8625">
                  <c:v>0</c:v>
                </c:pt>
                <c:pt idx="8626">
                  <c:v>0</c:v>
                </c:pt>
                <c:pt idx="8627">
                  <c:v>0</c:v>
                </c:pt>
                <c:pt idx="8628">
                  <c:v>0</c:v>
                </c:pt>
                <c:pt idx="8629">
                  <c:v>0</c:v>
                </c:pt>
                <c:pt idx="8630">
                  <c:v>0</c:v>
                </c:pt>
                <c:pt idx="8631">
                  <c:v>0</c:v>
                </c:pt>
                <c:pt idx="8632">
                  <c:v>0</c:v>
                </c:pt>
                <c:pt idx="8633">
                  <c:v>0</c:v>
                </c:pt>
                <c:pt idx="8634">
                  <c:v>0</c:v>
                </c:pt>
                <c:pt idx="8635">
                  <c:v>0</c:v>
                </c:pt>
                <c:pt idx="8636">
                  <c:v>0</c:v>
                </c:pt>
                <c:pt idx="8637">
                  <c:v>0</c:v>
                </c:pt>
                <c:pt idx="8638">
                  <c:v>0</c:v>
                </c:pt>
                <c:pt idx="8639">
                  <c:v>0</c:v>
                </c:pt>
                <c:pt idx="8640">
                  <c:v>0</c:v>
                </c:pt>
                <c:pt idx="8641">
                  <c:v>0</c:v>
                </c:pt>
                <c:pt idx="8642">
                  <c:v>0</c:v>
                </c:pt>
                <c:pt idx="8643">
                  <c:v>0</c:v>
                </c:pt>
                <c:pt idx="8644">
                  <c:v>0</c:v>
                </c:pt>
                <c:pt idx="8645">
                  <c:v>0</c:v>
                </c:pt>
                <c:pt idx="8646">
                  <c:v>0</c:v>
                </c:pt>
                <c:pt idx="8647">
                  <c:v>0</c:v>
                </c:pt>
                <c:pt idx="8648">
                  <c:v>0</c:v>
                </c:pt>
                <c:pt idx="8649">
                  <c:v>0</c:v>
                </c:pt>
                <c:pt idx="8650">
                  <c:v>0</c:v>
                </c:pt>
                <c:pt idx="8651">
                  <c:v>0</c:v>
                </c:pt>
                <c:pt idx="8652">
                  <c:v>0</c:v>
                </c:pt>
                <c:pt idx="8653">
                  <c:v>0</c:v>
                </c:pt>
                <c:pt idx="8654">
                  <c:v>0</c:v>
                </c:pt>
                <c:pt idx="8655">
                  <c:v>0</c:v>
                </c:pt>
                <c:pt idx="8656">
                  <c:v>0</c:v>
                </c:pt>
                <c:pt idx="8657">
                  <c:v>0</c:v>
                </c:pt>
                <c:pt idx="8658">
                  <c:v>0</c:v>
                </c:pt>
                <c:pt idx="8659">
                  <c:v>0</c:v>
                </c:pt>
                <c:pt idx="8660">
                  <c:v>0</c:v>
                </c:pt>
                <c:pt idx="8661">
                  <c:v>0</c:v>
                </c:pt>
                <c:pt idx="8662">
                  <c:v>0</c:v>
                </c:pt>
                <c:pt idx="8663">
                  <c:v>0</c:v>
                </c:pt>
                <c:pt idx="8664">
                  <c:v>0</c:v>
                </c:pt>
                <c:pt idx="8665">
                  <c:v>0</c:v>
                </c:pt>
                <c:pt idx="8666">
                  <c:v>0</c:v>
                </c:pt>
                <c:pt idx="8667">
                  <c:v>0</c:v>
                </c:pt>
                <c:pt idx="8668">
                  <c:v>0</c:v>
                </c:pt>
                <c:pt idx="8669">
                  <c:v>0</c:v>
                </c:pt>
                <c:pt idx="8670">
                  <c:v>0</c:v>
                </c:pt>
                <c:pt idx="8671">
                  <c:v>0</c:v>
                </c:pt>
                <c:pt idx="8672">
                  <c:v>0</c:v>
                </c:pt>
                <c:pt idx="8673">
                  <c:v>0</c:v>
                </c:pt>
                <c:pt idx="8674">
                  <c:v>0</c:v>
                </c:pt>
                <c:pt idx="8675">
                  <c:v>0</c:v>
                </c:pt>
                <c:pt idx="8676">
                  <c:v>0</c:v>
                </c:pt>
                <c:pt idx="8677">
                  <c:v>0</c:v>
                </c:pt>
                <c:pt idx="8678">
                  <c:v>0</c:v>
                </c:pt>
                <c:pt idx="8679">
                  <c:v>0</c:v>
                </c:pt>
                <c:pt idx="8680">
                  <c:v>0</c:v>
                </c:pt>
                <c:pt idx="8681">
                  <c:v>0</c:v>
                </c:pt>
                <c:pt idx="8682">
                  <c:v>0</c:v>
                </c:pt>
                <c:pt idx="8683">
                  <c:v>0</c:v>
                </c:pt>
                <c:pt idx="8684">
                  <c:v>0</c:v>
                </c:pt>
                <c:pt idx="8685">
                  <c:v>0</c:v>
                </c:pt>
                <c:pt idx="8686">
                  <c:v>0</c:v>
                </c:pt>
                <c:pt idx="8687">
                  <c:v>0</c:v>
                </c:pt>
                <c:pt idx="8688">
                  <c:v>0</c:v>
                </c:pt>
                <c:pt idx="8689">
                  <c:v>0</c:v>
                </c:pt>
                <c:pt idx="8690">
                  <c:v>0</c:v>
                </c:pt>
                <c:pt idx="8691">
                  <c:v>0</c:v>
                </c:pt>
                <c:pt idx="8692">
                  <c:v>0</c:v>
                </c:pt>
                <c:pt idx="8693">
                  <c:v>0</c:v>
                </c:pt>
                <c:pt idx="8694">
                  <c:v>0</c:v>
                </c:pt>
                <c:pt idx="8695">
                  <c:v>0</c:v>
                </c:pt>
                <c:pt idx="8696">
                  <c:v>0</c:v>
                </c:pt>
                <c:pt idx="8697">
                  <c:v>0</c:v>
                </c:pt>
                <c:pt idx="8698">
                  <c:v>0</c:v>
                </c:pt>
                <c:pt idx="8699">
                  <c:v>0</c:v>
                </c:pt>
                <c:pt idx="8700">
                  <c:v>0</c:v>
                </c:pt>
                <c:pt idx="8701">
                  <c:v>0</c:v>
                </c:pt>
                <c:pt idx="8702">
                  <c:v>0</c:v>
                </c:pt>
                <c:pt idx="8703">
                  <c:v>0</c:v>
                </c:pt>
                <c:pt idx="8704">
                  <c:v>0</c:v>
                </c:pt>
                <c:pt idx="8705">
                  <c:v>0</c:v>
                </c:pt>
                <c:pt idx="8706">
                  <c:v>0</c:v>
                </c:pt>
                <c:pt idx="8707">
                  <c:v>0</c:v>
                </c:pt>
                <c:pt idx="8708">
                  <c:v>0</c:v>
                </c:pt>
                <c:pt idx="8709">
                  <c:v>0</c:v>
                </c:pt>
                <c:pt idx="8710">
                  <c:v>0</c:v>
                </c:pt>
                <c:pt idx="8711">
                  <c:v>0</c:v>
                </c:pt>
                <c:pt idx="8712">
                  <c:v>0</c:v>
                </c:pt>
                <c:pt idx="8713">
                  <c:v>0</c:v>
                </c:pt>
                <c:pt idx="8714">
                  <c:v>0</c:v>
                </c:pt>
                <c:pt idx="8715">
                  <c:v>0</c:v>
                </c:pt>
                <c:pt idx="8716">
                  <c:v>0</c:v>
                </c:pt>
                <c:pt idx="8717">
                  <c:v>0</c:v>
                </c:pt>
                <c:pt idx="8718">
                  <c:v>0</c:v>
                </c:pt>
                <c:pt idx="8719">
                  <c:v>0</c:v>
                </c:pt>
                <c:pt idx="8720">
                  <c:v>0</c:v>
                </c:pt>
                <c:pt idx="8721">
                  <c:v>0</c:v>
                </c:pt>
                <c:pt idx="8722">
                  <c:v>0</c:v>
                </c:pt>
                <c:pt idx="8723">
                  <c:v>0</c:v>
                </c:pt>
                <c:pt idx="8724">
                  <c:v>0</c:v>
                </c:pt>
                <c:pt idx="8725">
                  <c:v>0</c:v>
                </c:pt>
                <c:pt idx="8726">
                  <c:v>0</c:v>
                </c:pt>
                <c:pt idx="8727">
                  <c:v>0</c:v>
                </c:pt>
                <c:pt idx="8728">
                  <c:v>0</c:v>
                </c:pt>
                <c:pt idx="8729">
                  <c:v>0</c:v>
                </c:pt>
                <c:pt idx="8730">
                  <c:v>0</c:v>
                </c:pt>
                <c:pt idx="8731">
                  <c:v>0</c:v>
                </c:pt>
                <c:pt idx="8732">
                  <c:v>0</c:v>
                </c:pt>
                <c:pt idx="8733">
                  <c:v>0</c:v>
                </c:pt>
                <c:pt idx="8734">
                  <c:v>0</c:v>
                </c:pt>
                <c:pt idx="8735">
                  <c:v>0</c:v>
                </c:pt>
                <c:pt idx="8736">
                  <c:v>0</c:v>
                </c:pt>
                <c:pt idx="8737">
                  <c:v>0</c:v>
                </c:pt>
                <c:pt idx="8738">
                  <c:v>0</c:v>
                </c:pt>
                <c:pt idx="8739">
                  <c:v>0</c:v>
                </c:pt>
                <c:pt idx="8740">
                  <c:v>0</c:v>
                </c:pt>
                <c:pt idx="8741">
                  <c:v>0</c:v>
                </c:pt>
                <c:pt idx="8742">
                  <c:v>0</c:v>
                </c:pt>
                <c:pt idx="8743">
                  <c:v>0</c:v>
                </c:pt>
                <c:pt idx="8744">
                  <c:v>0</c:v>
                </c:pt>
                <c:pt idx="8745">
                  <c:v>0</c:v>
                </c:pt>
                <c:pt idx="8746">
                  <c:v>0</c:v>
                </c:pt>
                <c:pt idx="8747">
                  <c:v>0</c:v>
                </c:pt>
                <c:pt idx="8748">
                  <c:v>0</c:v>
                </c:pt>
                <c:pt idx="8749">
                  <c:v>0</c:v>
                </c:pt>
                <c:pt idx="8750">
                  <c:v>0</c:v>
                </c:pt>
                <c:pt idx="8751">
                  <c:v>0</c:v>
                </c:pt>
                <c:pt idx="8752">
                  <c:v>0</c:v>
                </c:pt>
                <c:pt idx="8753">
                  <c:v>0</c:v>
                </c:pt>
                <c:pt idx="8754">
                  <c:v>0</c:v>
                </c:pt>
                <c:pt idx="8755">
                  <c:v>0</c:v>
                </c:pt>
                <c:pt idx="8756">
                  <c:v>0</c:v>
                </c:pt>
                <c:pt idx="8757">
                  <c:v>0</c:v>
                </c:pt>
                <c:pt idx="8758">
                  <c:v>0</c:v>
                </c:pt>
                <c:pt idx="8759">
                  <c:v>0</c:v>
                </c:pt>
              </c:numCache>
            </c:numRef>
          </c:val>
          <c:extLst>
            <c:ext xmlns:c16="http://schemas.microsoft.com/office/drawing/2014/chart" uri="{C3380CC4-5D6E-409C-BE32-E72D297353CC}">
              <c16:uniqueId val="{00000004-2C0B-4701-B4D5-C67566BB76AF}"/>
            </c:ext>
          </c:extLst>
        </c:ser>
        <c:ser>
          <c:idx val="4"/>
          <c:order val="1"/>
          <c:tx>
            <c:strRef>
              <c:f>Bühler!$L$33</c:f>
              <c:strCache>
                <c:ptCount val="1"/>
                <c:pt idx="0">
                  <c:v>T4</c:v>
                </c:pt>
              </c:strCache>
            </c:strRef>
          </c:tx>
          <c:spPr>
            <a:solidFill>
              <a:schemeClr val="accent5">
                <a:lumMod val="75000"/>
              </a:schemeClr>
            </a:solidFill>
            <a:ln w="9525">
              <a:solidFill>
                <a:schemeClr val="accent5">
                  <a:lumMod val="75000"/>
                </a:schemeClr>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L$34:$L$8793</c:f>
              <c:numCache>
                <c:formatCode>General</c:formatCode>
                <c:ptCount val="8760"/>
                <c:pt idx="0">
                  <c:v>0.18284198446164404</c:v>
                </c:pt>
                <c:pt idx="1">
                  <c:v>0.18284198446164404</c:v>
                </c:pt>
                <c:pt idx="2">
                  <c:v>0.18284198446164404</c:v>
                </c:pt>
                <c:pt idx="3">
                  <c:v>0.18284198446164404</c:v>
                </c:pt>
                <c:pt idx="4">
                  <c:v>0.18284198446164404</c:v>
                </c:pt>
                <c:pt idx="5">
                  <c:v>0.18284198446164404</c:v>
                </c:pt>
                <c:pt idx="6">
                  <c:v>0.18284198446164404</c:v>
                </c:pt>
                <c:pt idx="7">
                  <c:v>0.18284198446164404</c:v>
                </c:pt>
                <c:pt idx="8">
                  <c:v>0.18284198446164404</c:v>
                </c:pt>
                <c:pt idx="9">
                  <c:v>0.18284198446164404</c:v>
                </c:pt>
                <c:pt idx="10">
                  <c:v>0.18284198446164404</c:v>
                </c:pt>
                <c:pt idx="11">
                  <c:v>0.18284198446164404</c:v>
                </c:pt>
                <c:pt idx="12">
                  <c:v>0.18284198446164404</c:v>
                </c:pt>
                <c:pt idx="13">
                  <c:v>0.18284198446164404</c:v>
                </c:pt>
                <c:pt idx="14">
                  <c:v>0.18284198446164404</c:v>
                </c:pt>
                <c:pt idx="15">
                  <c:v>0.18284198446164404</c:v>
                </c:pt>
                <c:pt idx="16">
                  <c:v>0.18284198446164404</c:v>
                </c:pt>
                <c:pt idx="17">
                  <c:v>0.18284198446164404</c:v>
                </c:pt>
                <c:pt idx="18">
                  <c:v>0.18284198446164404</c:v>
                </c:pt>
                <c:pt idx="19">
                  <c:v>0.18284198446164404</c:v>
                </c:pt>
                <c:pt idx="20">
                  <c:v>0.18284198446164404</c:v>
                </c:pt>
                <c:pt idx="21">
                  <c:v>0.18284198446164404</c:v>
                </c:pt>
                <c:pt idx="22">
                  <c:v>0.18284198446164404</c:v>
                </c:pt>
                <c:pt idx="23">
                  <c:v>0.18284198446164404</c:v>
                </c:pt>
                <c:pt idx="24">
                  <c:v>0.30825735991660874</c:v>
                </c:pt>
                <c:pt idx="25">
                  <c:v>0.30825735991660874</c:v>
                </c:pt>
                <c:pt idx="26">
                  <c:v>0.30825735991660874</c:v>
                </c:pt>
                <c:pt idx="27">
                  <c:v>0.30825735991660874</c:v>
                </c:pt>
                <c:pt idx="28">
                  <c:v>0.30825735991660874</c:v>
                </c:pt>
                <c:pt idx="29">
                  <c:v>0.30825735991660874</c:v>
                </c:pt>
                <c:pt idx="30">
                  <c:v>0.30825735991660874</c:v>
                </c:pt>
                <c:pt idx="31">
                  <c:v>1.3131763532447533</c:v>
                </c:pt>
                <c:pt idx="32">
                  <c:v>1.4773233974003475</c:v>
                </c:pt>
                <c:pt idx="33">
                  <c:v>1.6414704415559416</c:v>
                </c:pt>
                <c:pt idx="34">
                  <c:v>1.6414704415559416</c:v>
                </c:pt>
                <c:pt idx="35">
                  <c:v>1.9697645298671298</c:v>
                </c:pt>
                <c:pt idx="36">
                  <c:v>1.9697645298671298</c:v>
                </c:pt>
                <c:pt idx="37">
                  <c:v>1.3131763532447533</c:v>
                </c:pt>
                <c:pt idx="38">
                  <c:v>1.9697645298671298</c:v>
                </c:pt>
                <c:pt idx="39">
                  <c:v>1.9697645298671298</c:v>
                </c:pt>
                <c:pt idx="40">
                  <c:v>1.149029309089159</c:v>
                </c:pt>
                <c:pt idx="41">
                  <c:v>0.32829408831118834</c:v>
                </c:pt>
                <c:pt idx="42">
                  <c:v>0.32367022791243921</c:v>
                </c:pt>
                <c:pt idx="43">
                  <c:v>0.32367022791243921</c:v>
                </c:pt>
                <c:pt idx="44">
                  <c:v>0.32367022791243921</c:v>
                </c:pt>
                <c:pt idx="45">
                  <c:v>0.32367022791243921</c:v>
                </c:pt>
                <c:pt idx="46">
                  <c:v>0.32367022791243921</c:v>
                </c:pt>
                <c:pt idx="47">
                  <c:v>0.32367022791243921</c:v>
                </c:pt>
                <c:pt idx="48">
                  <c:v>0.20371602982921486</c:v>
                </c:pt>
                <c:pt idx="49">
                  <c:v>0.31042442640642265</c:v>
                </c:pt>
                <c:pt idx="50">
                  <c:v>0.31042442640642265</c:v>
                </c:pt>
                <c:pt idx="51">
                  <c:v>0.31042442640642265</c:v>
                </c:pt>
                <c:pt idx="52">
                  <c:v>0.31042442640642265</c:v>
                </c:pt>
                <c:pt idx="53">
                  <c:v>0.31042442640642265</c:v>
                </c:pt>
                <c:pt idx="54">
                  <c:v>0.31042442640642265</c:v>
                </c:pt>
                <c:pt idx="55">
                  <c:v>1.3086329725695756</c:v>
                </c:pt>
                <c:pt idx="56">
                  <c:v>1.4601588957092106</c:v>
                </c:pt>
                <c:pt idx="57">
                  <c:v>1.6116848188488457</c:v>
                </c:pt>
                <c:pt idx="58">
                  <c:v>1.6116848188488457</c:v>
                </c:pt>
                <c:pt idx="59">
                  <c:v>1.9285117490499009</c:v>
                </c:pt>
                <c:pt idx="60">
                  <c:v>1.9285117490499009</c:v>
                </c:pt>
                <c:pt idx="61">
                  <c:v>1.2810828047260054</c:v>
                </c:pt>
                <c:pt idx="62">
                  <c:v>1.9285117490499009</c:v>
                </c:pt>
                <c:pt idx="63">
                  <c:v>1.9285117490499009</c:v>
                </c:pt>
                <c:pt idx="64">
                  <c:v>1.1364444235472628</c:v>
                </c:pt>
                <c:pt idx="65">
                  <c:v>0.48503816626003537</c:v>
                </c:pt>
                <c:pt idx="66">
                  <c:v>0.32012518973162335</c:v>
                </c:pt>
                <c:pt idx="67">
                  <c:v>0.32012518973162335</c:v>
                </c:pt>
                <c:pt idx="68">
                  <c:v>0.32012518973162335</c:v>
                </c:pt>
                <c:pt idx="69">
                  <c:v>0.32012518973162335</c:v>
                </c:pt>
                <c:pt idx="70">
                  <c:v>0.32012518973162335</c:v>
                </c:pt>
                <c:pt idx="71">
                  <c:v>0.32012518973162335</c:v>
                </c:pt>
                <c:pt idx="72">
                  <c:v>0.31877774070054793</c:v>
                </c:pt>
                <c:pt idx="73">
                  <c:v>0.31877774070054793</c:v>
                </c:pt>
                <c:pt idx="74">
                  <c:v>0.31877774070054793</c:v>
                </c:pt>
                <c:pt idx="75">
                  <c:v>0.31877774070054793</c:v>
                </c:pt>
                <c:pt idx="76">
                  <c:v>0.31877774070054793</c:v>
                </c:pt>
                <c:pt idx="77">
                  <c:v>0.31877774070054793</c:v>
                </c:pt>
                <c:pt idx="78">
                  <c:v>0.31877774070054793</c:v>
                </c:pt>
                <c:pt idx="79">
                  <c:v>1.3031247642576942</c:v>
                </c:pt>
                <c:pt idx="80">
                  <c:v>1.4540128948559536</c:v>
                </c:pt>
                <c:pt idx="81">
                  <c:v>1.6049010254542131</c:v>
                </c:pt>
                <c:pt idx="82">
                  <c:v>1.6049010254542131</c:v>
                </c:pt>
                <c:pt idx="83">
                  <c:v>1.9203943894323914</c:v>
                </c:pt>
                <c:pt idx="84">
                  <c:v>1.9203943894323914</c:v>
                </c:pt>
                <c:pt idx="85">
                  <c:v>1.2756905586943743</c:v>
                </c:pt>
                <c:pt idx="86">
                  <c:v>1.9203943894323914</c:v>
                </c:pt>
                <c:pt idx="87">
                  <c:v>1.9203943894323914</c:v>
                </c:pt>
                <c:pt idx="88">
                  <c:v>1.1316609794869452</c:v>
                </c:pt>
                <c:pt idx="89">
                  <c:v>0.48299657681901204</c:v>
                </c:pt>
                <c:pt idx="90">
                  <c:v>0.31877774070054793</c:v>
                </c:pt>
                <c:pt idx="91">
                  <c:v>0.31877774070054793</c:v>
                </c:pt>
                <c:pt idx="92">
                  <c:v>0.31877774070054793</c:v>
                </c:pt>
                <c:pt idx="93">
                  <c:v>0.31877774070054793</c:v>
                </c:pt>
                <c:pt idx="94">
                  <c:v>0.31877774070054793</c:v>
                </c:pt>
                <c:pt idx="95">
                  <c:v>0.31877774070054793</c:v>
                </c:pt>
                <c:pt idx="96">
                  <c:v>0.30802736609954862</c:v>
                </c:pt>
                <c:pt idx="97">
                  <c:v>0.30802736609954862</c:v>
                </c:pt>
                <c:pt idx="98">
                  <c:v>0.30802736609954862</c:v>
                </c:pt>
                <c:pt idx="99">
                  <c:v>0.30802736609954862</c:v>
                </c:pt>
                <c:pt idx="100">
                  <c:v>0.30802736609954862</c:v>
                </c:pt>
                <c:pt idx="101">
                  <c:v>0.30802736609954862</c:v>
                </c:pt>
                <c:pt idx="102">
                  <c:v>0.30802736609954862</c:v>
                </c:pt>
                <c:pt idx="103">
                  <c:v>1.2591785359645185</c:v>
                </c:pt>
                <c:pt idx="104">
                  <c:v>1.4049781559183048</c:v>
                </c:pt>
                <c:pt idx="105">
                  <c:v>1.5507777758720913</c:v>
                </c:pt>
                <c:pt idx="106">
                  <c:v>1.5507777758720913</c:v>
                </c:pt>
                <c:pt idx="107">
                  <c:v>1.8556315266845533</c:v>
                </c:pt>
                <c:pt idx="108">
                  <c:v>1.8556315266845533</c:v>
                </c:pt>
                <c:pt idx="109">
                  <c:v>1.232669514154739</c:v>
                </c:pt>
                <c:pt idx="110">
                  <c:v>1.8556315266845533</c:v>
                </c:pt>
                <c:pt idx="111">
                  <c:v>1.8556315266845533</c:v>
                </c:pt>
                <c:pt idx="112">
                  <c:v>1.0934971496533976</c:v>
                </c:pt>
                <c:pt idx="113">
                  <c:v>0.46670813045386156</c:v>
                </c:pt>
                <c:pt idx="114">
                  <c:v>0.30802736609954862</c:v>
                </c:pt>
                <c:pt idx="115">
                  <c:v>0.30802736609954862</c:v>
                </c:pt>
                <c:pt idx="116">
                  <c:v>0.30802736609954862</c:v>
                </c:pt>
                <c:pt idx="117">
                  <c:v>0.30802736609954862</c:v>
                </c:pt>
                <c:pt idx="118">
                  <c:v>0.30802736609954862</c:v>
                </c:pt>
                <c:pt idx="119">
                  <c:v>0.30802736609954862</c:v>
                </c:pt>
                <c:pt idx="120">
                  <c:v>0.47530123767159138</c:v>
                </c:pt>
                <c:pt idx="121">
                  <c:v>0.28806135616460088</c:v>
                </c:pt>
                <c:pt idx="122">
                  <c:v>0.28806135616460088</c:v>
                </c:pt>
                <c:pt idx="123">
                  <c:v>0.28806135616460088</c:v>
                </c:pt>
                <c:pt idx="124">
                  <c:v>0.28806135616460088</c:v>
                </c:pt>
                <c:pt idx="125">
                  <c:v>0.28806135616460088</c:v>
                </c:pt>
                <c:pt idx="126">
                  <c:v>0.28806135616460088</c:v>
                </c:pt>
                <c:pt idx="127">
                  <c:v>1.2271413772611997</c:v>
                </c:pt>
                <c:pt idx="128">
                  <c:v>1.5339267215764996</c:v>
                </c:pt>
                <c:pt idx="129">
                  <c:v>1.6873193937341497</c:v>
                </c:pt>
                <c:pt idx="130">
                  <c:v>1.6873193937341497</c:v>
                </c:pt>
                <c:pt idx="131">
                  <c:v>1.9941047380494494</c:v>
                </c:pt>
                <c:pt idx="132">
                  <c:v>1.9941047380494494</c:v>
                </c:pt>
                <c:pt idx="133">
                  <c:v>1.3805340494188496</c:v>
                </c:pt>
                <c:pt idx="134">
                  <c:v>1.9941047380494494</c:v>
                </c:pt>
                <c:pt idx="135">
                  <c:v>1.5339267215764996</c:v>
                </c:pt>
                <c:pt idx="136">
                  <c:v>0.72015339041150217</c:v>
                </c:pt>
                <c:pt idx="137">
                  <c:v>0.47530123767159138</c:v>
                </c:pt>
                <c:pt idx="138">
                  <c:v>0.30246442397283091</c:v>
                </c:pt>
                <c:pt idx="139">
                  <c:v>0.28806135616460088</c:v>
                </c:pt>
                <c:pt idx="140">
                  <c:v>0.28806135616460088</c:v>
                </c:pt>
                <c:pt idx="141">
                  <c:v>0.28806135616460088</c:v>
                </c:pt>
                <c:pt idx="142">
                  <c:v>0.28806135616460088</c:v>
                </c:pt>
                <c:pt idx="143">
                  <c:v>0.28806135616460088</c:v>
                </c:pt>
                <c:pt idx="144">
                  <c:v>0.17950274278333161</c:v>
                </c:pt>
                <c:pt idx="145">
                  <c:v>0.16155246850499844</c:v>
                </c:pt>
                <c:pt idx="146">
                  <c:v>0.16155246850499844</c:v>
                </c:pt>
                <c:pt idx="147">
                  <c:v>0.16155246850499844</c:v>
                </c:pt>
                <c:pt idx="148">
                  <c:v>0.16155246850499844</c:v>
                </c:pt>
                <c:pt idx="149">
                  <c:v>0.16155246850499844</c:v>
                </c:pt>
                <c:pt idx="150">
                  <c:v>0.16155246850499844</c:v>
                </c:pt>
                <c:pt idx="151">
                  <c:v>0.16155246850499844</c:v>
                </c:pt>
                <c:pt idx="152">
                  <c:v>0.16155246850499844</c:v>
                </c:pt>
                <c:pt idx="153">
                  <c:v>0.16155246850499844</c:v>
                </c:pt>
                <c:pt idx="154">
                  <c:v>0.16155246850499844</c:v>
                </c:pt>
                <c:pt idx="155">
                  <c:v>0.16155246850499844</c:v>
                </c:pt>
                <c:pt idx="156">
                  <c:v>0.16155246850499844</c:v>
                </c:pt>
                <c:pt idx="157">
                  <c:v>0.16155246850499844</c:v>
                </c:pt>
                <c:pt idx="158">
                  <c:v>0.16155246850499844</c:v>
                </c:pt>
                <c:pt idx="159">
                  <c:v>0.16155246850499844</c:v>
                </c:pt>
                <c:pt idx="160">
                  <c:v>0.16155246850499844</c:v>
                </c:pt>
                <c:pt idx="161">
                  <c:v>0.16155246850499844</c:v>
                </c:pt>
                <c:pt idx="162">
                  <c:v>0.16155246850499844</c:v>
                </c:pt>
                <c:pt idx="163">
                  <c:v>0.16155246850499844</c:v>
                </c:pt>
                <c:pt idx="164">
                  <c:v>0.16155246850499844</c:v>
                </c:pt>
                <c:pt idx="165">
                  <c:v>0.16155246850499844</c:v>
                </c:pt>
                <c:pt idx="166">
                  <c:v>0.16155246850499844</c:v>
                </c:pt>
                <c:pt idx="167">
                  <c:v>0.16155246850499844</c:v>
                </c:pt>
                <c:pt idx="168">
                  <c:v>0.19390283946410602</c:v>
                </c:pt>
                <c:pt idx="169">
                  <c:v>0.19390283946410602</c:v>
                </c:pt>
                <c:pt idx="170">
                  <c:v>0.19390283946410602</c:v>
                </c:pt>
                <c:pt idx="171">
                  <c:v>0.19390283946410602</c:v>
                </c:pt>
                <c:pt idx="172">
                  <c:v>0.19390283946410602</c:v>
                </c:pt>
                <c:pt idx="173">
                  <c:v>0.19390283946410602</c:v>
                </c:pt>
                <c:pt idx="174">
                  <c:v>0.19390283946410602</c:v>
                </c:pt>
                <c:pt idx="175">
                  <c:v>0.19390283946410602</c:v>
                </c:pt>
                <c:pt idx="176">
                  <c:v>0.19390283946410602</c:v>
                </c:pt>
                <c:pt idx="177">
                  <c:v>0.19390283946410602</c:v>
                </c:pt>
                <c:pt idx="178">
                  <c:v>0.19390283946410602</c:v>
                </c:pt>
                <c:pt idx="179">
                  <c:v>0.19390283946410602</c:v>
                </c:pt>
                <c:pt idx="180">
                  <c:v>0.19390283946410602</c:v>
                </c:pt>
                <c:pt idx="181">
                  <c:v>0.19390283946410602</c:v>
                </c:pt>
                <c:pt idx="182">
                  <c:v>0.19390283946410602</c:v>
                </c:pt>
                <c:pt idx="183">
                  <c:v>0.19390283946410602</c:v>
                </c:pt>
                <c:pt idx="184">
                  <c:v>0.19390283946410602</c:v>
                </c:pt>
                <c:pt idx="185">
                  <c:v>0.19390283946410602</c:v>
                </c:pt>
                <c:pt idx="186">
                  <c:v>0.19390283946410602</c:v>
                </c:pt>
                <c:pt idx="187">
                  <c:v>0.19390283946410602</c:v>
                </c:pt>
                <c:pt idx="188">
                  <c:v>0.19390283946410602</c:v>
                </c:pt>
                <c:pt idx="189">
                  <c:v>0.19390283946410602</c:v>
                </c:pt>
                <c:pt idx="190">
                  <c:v>0.19390283946410602</c:v>
                </c:pt>
                <c:pt idx="191">
                  <c:v>0.19390283946410602</c:v>
                </c:pt>
                <c:pt idx="192">
                  <c:v>0.30911701520505291</c:v>
                </c:pt>
                <c:pt idx="193">
                  <c:v>0.30911701520505291</c:v>
                </c:pt>
                <c:pt idx="194">
                  <c:v>0.30911701520505291</c:v>
                </c:pt>
                <c:pt idx="195">
                  <c:v>0.30911701520505291</c:v>
                </c:pt>
                <c:pt idx="196">
                  <c:v>0.30911701520505291</c:v>
                </c:pt>
                <c:pt idx="197">
                  <c:v>0.30911701520505291</c:v>
                </c:pt>
                <c:pt idx="198">
                  <c:v>0.30911701520505291</c:v>
                </c:pt>
                <c:pt idx="199">
                  <c:v>1.3168384847735253</c:v>
                </c:pt>
                <c:pt idx="200">
                  <c:v>1.4814432953702159</c:v>
                </c:pt>
                <c:pt idx="201">
                  <c:v>1.6460481059669068</c:v>
                </c:pt>
                <c:pt idx="202">
                  <c:v>1.6460481059669068</c:v>
                </c:pt>
                <c:pt idx="203">
                  <c:v>1.9752577271602874</c:v>
                </c:pt>
                <c:pt idx="204">
                  <c:v>1.9752577271602874</c:v>
                </c:pt>
                <c:pt idx="205">
                  <c:v>1.3168384847735253</c:v>
                </c:pt>
                <c:pt idx="206">
                  <c:v>1.9752577271602874</c:v>
                </c:pt>
                <c:pt idx="207">
                  <c:v>1.9752577271602874</c:v>
                </c:pt>
                <c:pt idx="208">
                  <c:v>1.1522336741768344</c:v>
                </c:pt>
                <c:pt idx="209">
                  <c:v>0.32920962119338132</c:v>
                </c:pt>
                <c:pt idx="210">
                  <c:v>0.32457286596530549</c:v>
                </c:pt>
                <c:pt idx="211">
                  <c:v>0.32457286596530549</c:v>
                </c:pt>
                <c:pt idx="212">
                  <c:v>0.32457286596530549</c:v>
                </c:pt>
                <c:pt idx="213">
                  <c:v>0.32457286596530549</c:v>
                </c:pt>
                <c:pt idx="214">
                  <c:v>0.32457286596530549</c:v>
                </c:pt>
                <c:pt idx="215">
                  <c:v>0.32457286596530549</c:v>
                </c:pt>
                <c:pt idx="216">
                  <c:v>0.20371602982921486</c:v>
                </c:pt>
                <c:pt idx="217">
                  <c:v>0.31042442640642265</c:v>
                </c:pt>
                <c:pt idx="218">
                  <c:v>0.31042442640642265</c:v>
                </c:pt>
                <c:pt idx="219">
                  <c:v>0.31042442640642265</c:v>
                </c:pt>
                <c:pt idx="220">
                  <c:v>0.31042442640642265</c:v>
                </c:pt>
                <c:pt idx="221">
                  <c:v>0.31042442640642265</c:v>
                </c:pt>
                <c:pt idx="222">
                  <c:v>0.31042442640642265</c:v>
                </c:pt>
                <c:pt idx="223">
                  <c:v>1.3086329725695756</c:v>
                </c:pt>
                <c:pt idx="224">
                  <c:v>1.4601588957092106</c:v>
                </c:pt>
                <c:pt idx="225">
                  <c:v>1.6116848188488457</c:v>
                </c:pt>
                <c:pt idx="226">
                  <c:v>1.6116848188488457</c:v>
                </c:pt>
                <c:pt idx="227">
                  <c:v>1.9285117490499009</c:v>
                </c:pt>
                <c:pt idx="228">
                  <c:v>1.9285117490499009</c:v>
                </c:pt>
                <c:pt idx="229">
                  <c:v>1.2810828047260054</c:v>
                </c:pt>
                <c:pt idx="230">
                  <c:v>1.9285117490499009</c:v>
                </c:pt>
                <c:pt idx="231">
                  <c:v>1.9285117490499009</c:v>
                </c:pt>
                <c:pt idx="232">
                  <c:v>1.1364444235472628</c:v>
                </c:pt>
                <c:pt idx="233">
                  <c:v>0.48503816626003537</c:v>
                </c:pt>
                <c:pt idx="234">
                  <c:v>0.32012518973162335</c:v>
                </c:pt>
                <c:pt idx="235">
                  <c:v>0.32012518973162335</c:v>
                </c:pt>
                <c:pt idx="236">
                  <c:v>0.32012518973162335</c:v>
                </c:pt>
                <c:pt idx="237">
                  <c:v>0.32012518973162335</c:v>
                </c:pt>
                <c:pt idx="238">
                  <c:v>0.32012518973162335</c:v>
                </c:pt>
                <c:pt idx="239">
                  <c:v>0.32012518973162335</c:v>
                </c:pt>
                <c:pt idx="240">
                  <c:v>0.32303309731344348</c:v>
                </c:pt>
                <c:pt idx="241">
                  <c:v>0.32303309731344348</c:v>
                </c:pt>
                <c:pt idx="242">
                  <c:v>0.32303309731344348</c:v>
                </c:pt>
                <c:pt idx="243">
                  <c:v>0.32303309731344348</c:v>
                </c:pt>
                <c:pt idx="244">
                  <c:v>0.32303309731344348</c:v>
                </c:pt>
                <c:pt idx="245">
                  <c:v>0.32303309731344348</c:v>
                </c:pt>
                <c:pt idx="246">
                  <c:v>0.32303309731344348</c:v>
                </c:pt>
                <c:pt idx="247">
                  <c:v>1.3205201462904097</c:v>
                </c:pt>
                <c:pt idx="248">
                  <c:v>1.4734224790187731</c:v>
                </c:pt>
                <c:pt idx="249">
                  <c:v>1.6263248117471365</c:v>
                </c:pt>
                <c:pt idx="250">
                  <c:v>1.6263248117471365</c:v>
                </c:pt>
                <c:pt idx="251">
                  <c:v>1.9460296892700775</c:v>
                </c:pt>
                <c:pt idx="252">
                  <c:v>1.9460296892700775</c:v>
                </c:pt>
                <c:pt idx="253">
                  <c:v>1.29271972215798</c:v>
                </c:pt>
                <c:pt idx="254">
                  <c:v>1.9460296892700775</c:v>
                </c:pt>
                <c:pt idx="255">
                  <c:v>1.9460296892700775</c:v>
                </c:pt>
                <c:pt idx="256">
                  <c:v>1.1467674954627243</c:v>
                </c:pt>
                <c:pt idx="257">
                  <c:v>0.48944408683855078</c:v>
                </c:pt>
                <c:pt idx="258">
                  <c:v>0.32303309731344348</c:v>
                </c:pt>
                <c:pt idx="259">
                  <c:v>0.32303309731344348</c:v>
                </c:pt>
                <c:pt idx="260">
                  <c:v>0.32303309731344348</c:v>
                </c:pt>
                <c:pt idx="261">
                  <c:v>0.32303309731344348</c:v>
                </c:pt>
                <c:pt idx="262">
                  <c:v>0.32303309731344348</c:v>
                </c:pt>
                <c:pt idx="263">
                  <c:v>0.32303309731344348</c:v>
                </c:pt>
                <c:pt idx="264">
                  <c:v>0.31250668884996502</c:v>
                </c:pt>
                <c:pt idx="265">
                  <c:v>0.31250668884996502</c:v>
                </c:pt>
                <c:pt idx="266">
                  <c:v>0.31250668884996502</c:v>
                </c:pt>
                <c:pt idx="267">
                  <c:v>0.31250668884996502</c:v>
                </c:pt>
                <c:pt idx="268">
                  <c:v>0.31250668884996502</c:v>
                </c:pt>
                <c:pt idx="269">
                  <c:v>0.31250668884996502</c:v>
                </c:pt>
                <c:pt idx="270">
                  <c:v>0.31250668884996502</c:v>
                </c:pt>
                <c:pt idx="271">
                  <c:v>1.2774894644200083</c:v>
                </c:pt>
                <c:pt idx="272">
                  <c:v>1.4254092971423251</c:v>
                </c:pt>
                <c:pt idx="273">
                  <c:v>1.5733291298646421</c:v>
                </c:pt>
                <c:pt idx="274">
                  <c:v>1.5733291298646421</c:v>
                </c:pt>
                <c:pt idx="275">
                  <c:v>1.8826160528294857</c:v>
                </c:pt>
                <c:pt idx="276">
                  <c:v>1.8826160528294857</c:v>
                </c:pt>
                <c:pt idx="277">
                  <c:v>1.2505949493795872</c:v>
                </c:pt>
                <c:pt idx="278">
                  <c:v>1.8826160528294857</c:v>
                </c:pt>
                <c:pt idx="279">
                  <c:v>1.8826160528294857</c:v>
                </c:pt>
                <c:pt idx="280">
                  <c:v>1.1093987454173757</c:v>
                </c:pt>
                <c:pt idx="281">
                  <c:v>0.47349498310600763</c:v>
                </c:pt>
                <c:pt idx="282">
                  <c:v>0.31250668884996502</c:v>
                </c:pt>
                <c:pt idx="283">
                  <c:v>0.31250668884996502</c:v>
                </c:pt>
                <c:pt idx="284">
                  <c:v>0.31250668884996502</c:v>
                </c:pt>
                <c:pt idx="285">
                  <c:v>0.31250668884996502</c:v>
                </c:pt>
                <c:pt idx="286">
                  <c:v>0.31250668884996502</c:v>
                </c:pt>
                <c:pt idx="287">
                  <c:v>0.31250668884996502</c:v>
                </c:pt>
                <c:pt idx="288">
                  <c:v>0.48249068499853598</c:v>
                </c:pt>
                <c:pt idx="289">
                  <c:v>0.29241859696880973</c:v>
                </c:pt>
                <c:pt idx="290">
                  <c:v>0.29241859696880973</c:v>
                </c:pt>
                <c:pt idx="291">
                  <c:v>0.29241859696880973</c:v>
                </c:pt>
                <c:pt idx="292">
                  <c:v>0.29241859696880973</c:v>
                </c:pt>
                <c:pt idx="293">
                  <c:v>0.29241859696880973</c:v>
                </c:pt>
                <c:pt idx="294">
                  <c:v>0.29241859696880973</c:v>
                </c:pt>
                <c:pt idx="295">
                  <c:v>1.2457032230871294</c:v>
                </c:pt>
                <c:pt idx="296">
                  <c:v>1.5571290288589117</c:v>
                </c:pt>
                <c:pt idx="297">
                  <c:v>1.7128419317448027</c:v>
                </c:pt>
                <c:pt idx="298">
                  <c:v>1.7128419317448027</c:v>
                </c:pt>
                <c:pt idx="299">
                  <c:v>2.0242677375165852</c:v>
                </c:pt>
                <c:pt idx="300">
                  <c:v>2.0242677375165852</c:v>
                </c:pt>
                <c:pt idx="301">
                  <c:v>1.4014161259730205</c:v>
                </c:pt>
                <c:pt idx="302">
                  <c:v>2.0242677375165852</c:v>
                </c:pt>
                <c:pt idx="303">
                  <c:v>1.5571290288589117</c:v>
                </c:pt>
                <c:pt idx="304">
                  <c:v>0.73104649242202424</c:v>
                </c:pt>
                <c:pt idx="305">
                  <c:v>0.48249068499853598</c:v>
                </c:pt>
                <c:pt idx="306">
                  <c:v>0.30703952681725016</c:v>
                </c:pt>
                <c:pt idx="307">
                  <c:v>0.29241859696880973</c:v>
                </c:pt>
                <c:pt idx="308">
                  <c:v>0.29241859696880973</c:v>
                </c:pt>
                <c:pt idx="309">
                  <c:v>0.29241859696880973</c:v>
                </c:pt>
                <c:pt idx="310">
                  <c:v>0.29241859696880973</c:v>
                </c:pt>
                <c:pt idx="311">
                  <c:v>0.29241859696880973</c:v>
                </c:pt>
                <c:pt idx="312">
                  <c:v>0.18561934462801097</c:v>
                </c:pt>
                <c:pt idx="313">
                  <c:v>0.16705741016520989</c:v>
                </c:pt>
                <c:pt idx="314">
                  <c:v>0.16705741016520989</c:v>
                </c:pt>
                <c:pt idx="315">
                  <c:v>0.16705741016520989</c:v>
                </c:pt>
                <c:pt idx="316">
                  <c:v>0.16705741016520989</c:v>
                </c:pt>
                <c:pt idx="317">
                  <c:v>0.16705741016520989</c:v>
                </c:pt>
                <c:pt idx="318">
                  <c:v>0.16705741016520989</c:v>
                </c:pt>
                <c:pt idx="319">
                  <c:v>0.16705741016520989</c:v>
                </c:pt>
                <c:pt idx="320">
                  <c:v>0.16705741016520989</c:v>
                </c:pt>
                <c:pt idx="321">
                  <c:v>0.16705741016520989</c:v>
                </c:pt>
                <c:pt idx="322">
                  <c:v>0.16705741016520989</c:v>
                </c:pt>
                <c:pt idx="323">
                  <c:v>0.16705741016520989</c:v>
                </c:pt>
                <c:pt idx="324">
                  <c:v>0.16705741016520989</c:v>
                </c:pt>
                <c:pt idx="325">
                  <c:v>0.16705741016520989</c:v>
                </c:pt>
                <c:pt idx="326">
                  <c:v>0.16705741016520989</c:v>
                </c:pt>
                <c:pt idx="327">
                  <c:v>0.16705741016520989</c:v>
                </c:pt>
                <c:pt idx="328">
                  <c:v>0.16705741016520989</c:v>
                </c:pt>
                <c:pt idx="329">
                  <c:v>0.16705741016520989</c:v>
                </c:pt>
                <c:pt idx="330">
                  <c:v>0.16705741016520989</c:v>
                </c:pt>
                <c:pt idx="331">
                  <c:v>0.16705741016520989</c:v>
                </c:pt>
                <c:pt idx="332">
                  <c:v>0.16705741016520989</c:v>
                </c:pt>
                <c:pt idx="333">
                  <c:v>0.16705741016520989</c:v>
                </c:pt>
                <c:pt idx="334">
                  <c:v>0.16705741016520989</c:v>
                </c:pt>
                <c:pt idx="335">
                  <c:v>0.16705741016520989</c:v>
                </c:pt>
                <c:pt idx="336">
                  <c:v>0.18995253410608393</c:v>
                </c:pt>
                <c:pt idx="337">
                  <c:v>0.18995253410608393</c:v>
                </c:pt>
                <c:pt idx="338">
                  <c:v>0.18995253410608393</c:v>
                </c:pt>
                <c:pt idx="339">
                  <c:v>0.18995253410608393</c:v>
                </c:pt>
                <c:pt idx="340">
                  <c:v>0.18995253410608393</c:v>
                </c:pt>
                <c:pt idx="341">
                  <c:v>0.18995253410608393</c:v>
                </c:pt>
                <c:pt idx="342">
                  <c:v>0.18995253410608393</c:v>
                </c:pt>
                <c:pt idx="343">
                  <c:v>0.18995253410608393</c:v>
                </c:pt>
                <c:pt idx="344">
                  <c:v>0.18995253410608393</c:v>
                </c:pt>
                <c:pt idx="345">
                  <c:v>0.18995253410608393</c:v>
                </c:pt>
                <c:pt idx="346">
                  <c:v>0.18995253410608393</c:v>
                </c:pt>
                <c:pt idx="347">
                  <c:v>0.18995253410608393</c:v>
                </c:pt>
                <c:pt idx="348">
                  <c:v>0.18995253410608393</c:v>
                </c:pt>
                <c:pt idx="349">
                  <c:v>0.18995253410608393</c:v>
                </c:pt>
                <c:pt idx="350">
                  <c:v>0.18995253410608393</c:v>
                </c:pt>
                <c:pt idx="351">
                  <c:v>0.18995253410608393</c:v>
                </c:pt>
                <c:pt idx="352">
                  <c:v>0.18995253410608393</c:v>
                </c:pt>
                <c:pt idx="353">
                  <c:v>0.18995253410608393</c:v>
                </c:pt>
                <c:pt idx="354">
                  <c:v>0.18995253410608393</c:v>
                </c:pt>
                <c:pt idx="355">
                  <c:v>0.18995253410608393</c:v>
                </c:pt>
                <c:pt idx="356">
                  <c:v>0.18995253410608393</c:v>
                </c:pt>
                <c:pt idx="357">
                  <c:v>0.18995253410608393</c:v>
                </c:pt>
                <c:pt idx="358">
                  <c:v>0.18995253410608393</c:v>
                </c:pt>
                <c:pt idx="359">
                  <c:v>0.18995253410608393</c:v>
                </c:pt>
                <c:pt idx="360">
                  <c:v>0.30911701520505291</c:v>
                </c:pt>
                <c:pt idx="361">
                  <c:v>0.30911701520505291</c:v>
                </c:pt>
                <c:pt idx="362">
                  <c:v>0.30911701520505291</c:v>
                </c:pt>
                <c:pt idx="363">
                  <c:v>0.30911701520505291</c:v>
                </c:pt>
                <c:pt idx="364">
                  <c:v>0.30911701520505291</c:v>
                </c:pt>
                <c:pt idx="365">
                  <c:v>0.30911701520505291</c:v>
                </c:pt>
                <c:pt idx="366">
                  <c:v>0.30911701520505291</c:v>
                </c:pt>
                <c:pt idx="367">
                  <c:v>1.3168384847735253</c:v>
                </c:pt>
                <c:pt idx="368">
                  <c:v>1.4814432953702159</c:v>
                </c:pt>
                <c:pt idx="369">
                  <c:v>1.6460481059669068</c:v>
                </c:pt>
                <c:pt idx="370">
                  <c:v>1.6460481059669068</c:v>
                </c:pt>
                <c:pt idx="371">
                  <c:v>1.9752577271602874</c:v>
                </c:pt>
                <c:pt idx="372">
                  <c:v>1.9752577271602874</c:v>
                </c:pt>
                <c:pt idx="373">
                  <c:v>1.3168384847735253</c:v>
                </c:pt>
                <c:pt idx="374">
                  <c:v>1.9752577271602874</c:v>
                </c:pt>
                <c:pt idx="375">
                  <c:v>1.9752577271602874</c:v>
                </c:pt>
                <c:pt idx="376">
                  <c:v>1.1522336741768344</c:v>
                </c:pt>
                <c:pt idx="377">
                  <c:v>0.32920962119338132</c:v>
                </c:pt>
                <c:pt idx="378">
                  <c:v>0.32457286596530549</c:v>
                </c:pt>
                <c:pt idx="379">
                  <c:v>0.32457286596530549</c:v>
                </c:pt>
                <c:pt idx="380">
                  <c:v>0.32457286596530549</c:v>
                </c:pt>
                <c:pt idx="381">
                  <c:v>0.32457286596530549</c:v>
                </c:pt>
                <c:pt idx="382">
                  <c:v>0.32457286596530549</c:v>
                </c:pt>
                <c:pt idx="383">
                  <c:v>0.32457286596530549</c:v>
                </c:pt>
                <c:pt idx="384">
                  <c:v>0.20788426483915792</c:v>
                </c:pt>
                <c:pt idx="385">
                  <c:v>0.31677602261205018</c:v>
                </c:pt>
                <c:pt idx="386">
                  <c:v>0.31677602261205018</c:v>
                </c:pt>
                <c:pt idx="387">
                  <c:v>0.31677602261205018</c:v>
                </c:pt>
                <c:pt idx="388">
                  <c:v>0.31677602261205018</c:v>
                </c:pt>
                <c:pt idx="389">
                  <c:v>0.31677602261205018</c:v>
                </c:pt>
                <c:pt idx="390">
                  <c:v>0.31677602261205018</c:v>
                </c:pt>
                <c:pt idx="391">
                  <c:v>1.3354089203239239</c:v>
                </c:pt>
                <c:pt idx="392">
                  <c:v>1.490035216361431</c:v>
                </c:pt>
                <c:pt idx="393">
                  <c:v>1.6446615123989379</c:v>
                </c:pt>
                <c:pt idx="394">
                  <c:v>1.6446615123989379</c:v>
                </c:pt>
                <c:pt idx="395">
                  <c:v>1.9679710404773616</c:v>
                </c:pt>
                <c:pt idx="396">
                  <c:v>1.9679710404773616</c:v>
                </c:pt>
                <c:pt idx="397">
                  <c:v>1.3072950483171044</c:v>
                </c:pt>
                <c:pt idx="398">
                  <c:v>1.9679710404773616</c:v>
                </c:pt>
                <c:pt idx="399">
                  <c:v>1.9679710404773616</c:v>
                </c:pt>
                <c:pt idx="400">
                  <c:v>1.1596972202813025</c:v>
                </c:pt>
                <c:pt idx="401">
                  <c:v>0.49496253533132845</c:v>
                </c:pt>
                <c:pt idx="402">
                  <c:v>0.32667527331867674</c:v>
                </c:pt>
                <c:pt idx="403">
                  <c:v>0.32667527331867674</c:v>
                </c:pt>
                <c:pt idx="404">
                  <c:v>0.32667527331867674</c:v>
                </c:pt>
                <c:pt idx="405">
                  <c:v>0.32667527331867674</c:v>
                </c:pt>
                <c:pt idx="406">
                  <c:v>0.32667527331867674</c:v>
                </c:pt>
                <c:pt idx="407">
                  <c:v>0.32667527331867674</c:v>
                </c:pt>
                <c:pt idx="408">
                  <c:v>0.32258516503840184</c:v>
                </c:pt>
                <c:pt idx="409">
                  <c:v>0.32258516503840184</c:v>
                </c:pt>
                <c:pt idx="410">
                  <c:v>0.32258516503840184</c:v>
                </c:pt>
                <c:pt idx="411">
                  <c:v>0.32258516503840184</c:v>
                </c:pt>
                <c:pt idx="412">
                  <c:v>0.32258516503840184</c:v>
                </c:pt>
                <c:pt idx="413">
                  <c:v>0.32258516503840184</c:v>
                </c:pt>
                <c:pt idx="414">
                  <c:v>0.32258516503840184</c:v>
                </c:pt>
                <c:pt idx="415">
                  <c:v>1.318689053444861</c:v>
                </c:pt>
                <c:pt idx="416">
                  <c:v>1.4713793648963711</c:v>
                </c:pt>
                <c:pt idx="417">
                  <c:v>1.6240696763478815</c:v>
                </c:pt>
                <c:pt idx="418">
                  <c:v>1.6240696763478815</c:v>
                </c:pt>
                <c:pt idx="419">
                  <c:v>1.9433312366555846</c:v>
                </c:pt>
                <c:pt idx="420">
                  <c:v>1.9433312366555846</c:v>
                </c:pt>
                <c:pt idx="421">
                  <c:v>1.2909271786354954</c:v>
                </c:pt>
                <c:pt idx="422">
                  <c:v>1.9433312366555846</c:v>
                </c:pt>
                <c:pt idx="423">
                  <c:v>1.9433312366555846</c:v>
                </c:pt>
                <c:pt idx="424">
                  <c:v>1.1451773358863266</c:v>
                </c:pt>
                <c:pt idx="425">
                  <c:v>0.4887654015733362</c:v>
                </c:pt>
                <c:pt idx="426">
                  <c:v>0.32258516503840184</c:v>
                </c:pt>
                <c:pt idx="427">
                  <c:v>0.32258516503840184</c:v>
                </c:pt>
                <c:pt idx="428">
                  <c:v>0.32258516503840184</c:v>
                </c:pt>
                <c:pt idx="429">
                  <c:v>0.32258516503840184</c:v>
                </c:pt>
                <c:pt idx="430">
                  <c:v>0.32258516503840184</c:v>
                </c:pt>
                <c:pt idx="431">
                  <c:v>0.32258516503840184</c:v>
                </c:pt>
                <c:pt idx="432">
                  <c:v>0.32460086027608925</c:v>
                </c:pt>
                <c:pt idx="433">
                  <c:v>0.32460086027608925</c:v>
                </c:pt>
                <c:pt idx="434">
                  <c:v>0.32460086027608925</c:v>
                </c:pt>
                <c:pt idx="435">
                  <c:v>0.32460086027608925</c:v>
                </c:pt>
                <c:pt idx="436">
                  <c:v>0.32460086027608925</c:v>
                </c:pt>
                <c:pt idx="437">
                  <c:v>0.32460086027608925</c:v>
                </c:pt>
                <c:pt idx="438">
                  <c:v>0.32460086027608925</c:v>
                </c:pt>
                <c:pt idx="439">
                  <c:v>1.3269289712498313</c:v>
                </c:pt>
                <c:pt idx="440">
                  <c:v>1.4805733784471804</c:v>
                </c:pt>
                <c:pt idx="441">
                  <c:v>1.6342177856445292</c:v>
                </c:pt>
                <c:pt idx="442">
                  <c:v>1.6342177856445292</c:v>
                </c:pt>
                <c:pt idx="443">
                  <c:v>1.9554742734208037</c:v>
                </c:pt>
                <c:pt idx="444">
                  <c:v>1.9554742734208037</c:v>
                </c:pt>
                <c:pt idx="445">
                  <c:v>1.2989936244866769</c:v>
                </c:pt>
                <c:pt idx="446">
                  <c:v>1.9554742734208037</c:v>
                </c:pt>
                <c:pt idx="447">
                  <c:v>1.9554742734208037</c:v>
                </c:pt>
                <c:pt idx="448">
                  <c:v>1.1523330539801167</c:v>
                </c:pt>
                <c:pt idx="449">
                  <c:v>0.49181948526680186</c:v>
                </c:pt>
                <c:pt idx="450">
                  <c:v>0.32460086027608925</c:v>
                </c:pt>
                <c:pt idx="451">
                  <c:v>0.32460086027608925</c:v>
                </c:pt>
                <c:pt idx="452">
                  <c:v>0.32460086027608925</c:v>
                </c:pt>
                <c:pt idx="453">
                  <c:v>0.32460086027608925</c:v>
                </c:pt>
                <c:pt idx="454">
                  <c:v>0.32460086027608925</c:v>
                </c:pt>
                <c:pt idx="455">
                  <c:v>0.32460086027608925</c:v>
                </c:pt>
                <c:pt idx="456">
                  <c:v>0.51392643970606666</c:v>
                </c:pt>
                <c:pt idx="457">
                  <c:v>0.31147056951882829</c:v>
                </c:pt>
                <c:pt idx="458">
                  <c:v>0.31147056951882829</c:v>
                </c:pt>
                <c:pt idx="459">
                  <c:v>0.31147056951882829</c:v>
                </c:pt>
                <c:pt idx="460">
                  <c:v>0.31147056951882829</c:v>
                </c:pt>
                <c:pt idx="461">
                  <c:v>0.31147056951882829</c:v>
                </c:pt>
                <c:pt idx="462">
                  <c:v>0.31147056951882829</c:v>
                </c:pt>
                <c:pt idx="463">
                  <c:v>1.3268646261502086</c:v>
                </c:pt>
                <c:pt idx="464">
                  <c:v>1.6585807826877605</c:v>
                </c:pt>
                <c:pt idx="465">
                  <c:v>1.8244388609565363</c:v>
                </c:pt>
                <c:pt idx="466">
                  <c:v>1.8244388609565363</c:v>
                </c:pt>
                <c:pt idx="467">
                  <c:v>2.1561550174940884</c:v>
                </c:pt>
                <c:pt idx="468">
                  <c:v>2.1561550174940884</c:v>
                </c:pt>
                <c:pt idx="469">
                  <c:v>1.4927227044189846</c:v>
                </c:pt>
                <c:pt idx="470">
                  <c:v>2.1561550174940884</c:v>
                </c:pt>
                <c:pt idx="471">
                  <c:v>1.6585807826877605</c:v>
                </c:pt>
                <c:pt idx="472">
                  <c:v>0.7786764237970708</c:v>
                </c:pt>
                <c:pt idx="473">
                  <c:v>0.51392643970606666</c:v>
                </c:pt>
                <c:pt idx="474">
                  <c:v>0.32704409799476969</c:v>
                </c:pt>
                <c:pt idx="475">
                  <c:v>0.31147056951882829</c:v>
                </c:pt>
                <c:pt idx="476">
                  <c:v>0.31147056951882829</c:v>
                </c:pt>
                <c:pt idx="477">
                  <c:v>0.31147056951882829</c:v>
                </c:pt>
                <c:pt idx="478">
                  <c:v>0.31147056951882829</c:v>
                </c:pt>
                <c:pt idx="479">
                  <c:v>0.31147056951882829</c:v>
                </c:pt>
                <c:pt idx="480">
                  <c:v>0.25727096623711293</c:v>
                </c:pt>
                <c:pt idx="481">
                  <c:v>0.23154386961340165</c:v>
                </c:pt>
                <c:pt idx="482">
                  <c:v>0.23154386961340165</c:v>
                </c:pt>
                <c:pt idx="483">
                  <c:v>0.23154386961340165</c:v>
                </c:pt>
                <c:pt idx="484">
                  <c:v>0.23154386961340165</c:v>
                </c:pt>
                <c:pt idx="485">
                  <c:v>0.23154386961340165</c:v>
                </c:pt>
                <c:pt idx="486">
                  <c:v>0.23154386961340165</c:v>
                </c:pt>
                <c:pt idx="487">
                  <c:v>0.23154386961340165</c:v>
                </c:pt>
                <c:pt idx="488">
                  <c:v>0.23154386961340165</c:v>
                </c:pt>
                <c:pt idx="489">
                  <c:v>0.23154386961340165</c:v>
                </c:pt>
                <c:pt idx="490">
                  <c:v>0.23154386961340165</c:v>
                </c:pt>
                <c:pt idx="491">
                  <c:v>0.23154386961340165</c:v>
                </c:pt>
                <c:pt idx="492">
                  <c:v>0.23154386961340165</c:v>
                </c:pt>
                <c:pt idx="493">
                  <c:v>0.23154386961340165</c:v>
                </c:pt>
                <c:pt idx="494">
                  <c:v>0.23154386961340165</c:v>
                </c:pt>
                <c:pt idx="495">
                  <c:v>0.23154386961340165</c:v>
                </c:pt>
                <c:pt idx="496">
                  <c:v>0.23154386961340165</c:v>
                </c:pt>
                <c:pt idx="497">
                  <c:v>0.23154386961340165</c:v>
                </c:pt>
                <c:pt idx="498">
                  <c:v>0.23154386961340165</c:v>
                </c:pt>
                <c:pt idx="499">
                  <c:v>0.23154386961340165</c:v>
                </c:pt>
                <c:pt idx="500">
                  <c:v>0.23154386961340165</c:v>
                </c:pt>
                <c:pt idx="501">
                  <c:v>0.23154386961340165</c:v>
                </c:pt>
                <c:pt idx="502">
                  <c:v>0.23154386961340165</c:v>
                </c:pt>
                <c:pt idx="503">
                  <c:v>0.23154386961340165</c:v>
                </c:pt>
                <c:pt idx="504">
                  <c:v>0.23261583197272295</c:v>
                </c:pt>
                <c:pt idx="505">
                  <c:v>0.23261583197272295</c:v>
                </c:pt>
                <c:pt idx="506">
                  <c:v>0.23261583197272295</c:v>
                </c:pt>
                <c:pt idx="507">
                  <c:v>0.23261583197272295</c:v>
                </c:pt>
                <c:pt idx="508">
                  <c:v>0.23261583197272295</c:v>
                </c:pt>
                <c:pt idx="509">
                  <c:v>0.23261583197272295</c:v>
                </c:pt>
                <c:pt idx="510">
                  <c:v>0.23261583197272295</c:v>
                </c:pt>
                <c:pt idx="511">
                  <c:v>0.23261583197272295</c:v>
                </c:pt>
                <c:pt idx="512">
                  <c:v>0.23261583197272295</c:v>
                </c:pt>
                <c:pt idx="513">
                  <c:v>0.23261583197272295</c:v>
                </c:pt>
                <c:pt idx="514">
                  <c:v>0.23261583197272295</c:v>
                </c:pt>
                <c:pt idx="515">
                  <c:v>0.23261583197272295</c:v>
                </c:pt>
                <c:pt idx="516">
                  <c:v>0.23261583197272295</c:v>
                </c:pt>
                <c:pt idx="517">
                  <c:v>0.23261583197272295</c:v>
                </c:pt>
                <c:pt idx="518">
                  <c:v>0.23261583197272295</c:v>
                </c:pt>
                <c:pt idx="519">
                  <c:v>0.23261583197272295</c:v>
                </c:pt>
                <c:pt idx="520">
                  <c:v>0.23261583197272295</c:v>
                </c:pt>
                <c:pt idx="521">
                  <c:v>0.23261583197272295</c:v>
                </c:pt>
                <c:pt idx="522">
                  <c:v>0.23261583197272295</c:v>
                </c:pt>
                <c:pt idx="523">
                  <c:v>0.23261583197272295</c:v>
                </c:pt>
                <c:pt idx="524">
                  <c:v>0.23261583197272295</c:v>
                </c:pt>
                <c:pt idx="525">
                  <c:v>0.23261583197272295</c:v>
                </c:pt>
                <c:pt idx="526">
                  <c:v>0.23261583197272295</c:v>
                </c:pt>
                <c:pt idx="527">
                  <c:v>0.23261583197272295</c:v>
                </c:pt>
                <c:pt idx="528">
                  <c:v>0.31653780937179249</c:v>
                </c:pt>
                <c:pt idx="529">
                  <c:v>0.31653780937179249</c:v>
                </c:pt>
                <c:pt idx="530">
                  <c:v>0.31653780937179249</c:v>
                </c:pt>
                <c:pt idx="531">
                  <c:v>0.31653780937179249</c:v>
                </c:pt>
                <c:pt idx="532">
                  <c:v>0.31653780937179249</c:v>
                </c:pt>
                <c:pt idx="533">
                  <c:v>0.31653780937179249</c:v>
                </c:pt>
                <c:pt idx="534">
                  <c:v>0.31653780937179249</c:v>
                </c:pt>
                <c:pt idx="535">
                  <c:v>1.3484510679238362</c:v>
                </c:pt>
                <c:pt idx="536">
                  <c:v>1.5170074514143157</c:v>
                </c:pt>
                <c:pt idx="537">
                  <c:v>1.6855638349047954</c:v>
                </c:pt>
                <c:pt idx="538">
                  <c:v>1.6855638349047954</c:v>
                </c:pt>
                <c:pt idx="539">
                  <c:v>2.0226766018857543</c:v>
                </c:pt>
                <c:pt idx="540">
                  <c:v>2.0226766018857543</c:v>
                </c:pt>
                <c:pt idx="541">
                  <c:v>1.3484510679238362</c:v>
                </c:pt>
                <c:pt idx="542">
                  <c:v>2.0226766018857543</c:v>
                </c:pt>
                <c:pt idx="543">
                  <c:v>2.0226766018857543</c:v>
                </c:pt>
                <c:pt idx="544">
                  <c:v>1.1798946844333564</c:v>
                </c:pt>
                <c:pt idx="545">
                  <c:v>0.33711276698095904</c:v>
                </c:pt>
                <c:pt idx="546">
                  <c:v>0.33236469984038214</c:v>
                </c:pt>
                <c:pt idx="547">
                  <c:v>0.33236469984038214</c:v>
                </c:pt>
                <c:pt idx="548">
                  <c:v>0.33236469984038214</c:v>
                </c:pt>
                <c:pt idx="549">
                  <c:v>0.33236469984038214</c:v>
                </c:pt>
                <c:pt idx="550">
                  <c:v>0.33236469984038214</c:v>
                </c:pt>
                <c:pt idx="551">
                  <c:v>0.33236469984038214</c:v>
                </c:pt>
                <c:pt idx="552">
                  <c:v>0.20975278398154618</c:v>
                </c:pt>
                <c:pt idx="553">
                  <c:v>0.31962328987664185</c:v>
                </c:pt>
                <c:pt idx="554">
                  <c:v>0.31962328987664185</c:v>
                </c:pt>
                <c:pt idx="555">
                  <c:v>0.31962328987664185</c:v>
                </c:pt>
                <c:pt idx="556">
                  <c:v>0.31962328987664185</c:v>
                </c:pt>
                <c:pt idx="557">
                  <c:v>0.31962328987664185</c:v>
                </c:pt>
                <c:pt idx="558">
                  <c:v>0.31962328987664185</c:v>
                </c:pt>
                <c:pt idx="559">
                  <c:v>1.3474119313862181</c:v>
                </c:pt>
                <c:pt idx="560">
                  <c:v>1.5034280497572541</c:v>
                </c:pt>
                <c:pt idx="561">
                  <c:v>1.6594441681282899</c:v>
                </c:pt>
                <c:pt idx="562">
                  <c:v>1.6594441681282899</c:v>
                </c:pt>
                <c:pt idx="563">
                  <c:v>1.9856596883586373</c:v>
                </c:pt>
                <c:pt idx="564">
                  <c:v>1.9856596883586373</c:v>
                </c:pt>
                <c:pt idx="565">
                  <c:v>1.319045364409666</c:v>
                </c:pt>
                <c:pt idx="566">
                  <c:v>1.9856596883586373</c:v>
                </c:pt>
                <c:pt idx="567">
                  <c:v>1.9856596883586373</c:v>
                </c:pt>
                <c:pt idx="568">
                  <c:v>1.1701208877827685</c:v>
                </c:pt>
                <c:pt idx="569">
                  <c:v>0.49941139043225286</c:v>
                </c:pt>
                <c:pt idx="570">
                  <c:v>0.32961151768528685</c:v>
                </c:pt>
                <c:pt idx="571">
                  <c:v>0.32961151768528685</c:v>
                </c:pt>
                <c:pt idx="572">
                  <c:v>0.32961151768528685</c:v>
                </c:pt>
                <c:pt idx="573">
                  <c:v>0.32961151768528685</c:v>
                </c:pt>
                <c:pt idx="574">
                  <c:v>0.32961151768528685</c:v>
                </c:pt>
                <c:pt idx="575">
                  <c:v>0.32961151768528685</c:v>
                </c:pt>
                <c:pt idx="576">
                  <c:v>0.32796035233890153</c:v>
                </c:pt>
                <c:pt idx="577">
                  <c:v>0.32796035233890153</c:v>
                </c:pt>
                <c:pt idx="578">
                  <c:v>0.32796035233890153</c:v>
                </c:pt>
                <c:pt idx="579">
                  <c:v>0.32796035233890153</c:v>
                </c:pt>
                <c:pt idx="580">
                  <c:v>0.32796035233890153</c:v>
                </c:pt>
                <c:pt idx="581">
                  <c:v>0.32796035233890153</c:v>
                </c:pt>
                <c:pt idx="582">
                  <c:v>0.32796035233890153</c:v>
                </c:pt>
                <c:pt idx="583">
                  <c:v>1.340662167591449</c:v>
                </c:pt>
                <c:pt idx="584">
                  <c:v>1.4958967343651957</c:v>
                </c:pt>
                <c:pt idx="585">
                  <c:v>1.6511313011389426</c:v>
                </c:pt>
                <c:pt idx="586">
                  <c:v>1.6511313011389426</c:v>
                </c:pt>
                <c:pt idx="587">
                  <c:v>1.9757126680295041</c:v>
                </c:pt>
                <c:pt idx="588">
                  <c:v>1.9757126680295041</c:v>
                </c:pt>
                <c:pt idx="589">
                  <c:v>1.3124377009053134</c:v>
                </c:pt>
                <c:pt idx="590">
                  <c:v>1.9757126680295041</c:v>
                </c:pt>
                <c:pt idx="591">
                  <c:v>1.9757126680295041</c:v>
                </c:pt>
                <c:pt idx="592">
                  <c:v>1.1642592508031004</c:v>
                </c:pt>
                <c:pt idx="593">
                  <c:v>0.49690962475591149</c:v>
                </c:pt>
                <c:pt idx="594">
                  <c:v>0.32796035233890153</c:v>
                </c:pt>
                <c:pt idx="595">
                  <c:v>0.32796035233890153</c:v>
                </c:pt>
                <c:pt idx="596">
                  <c:v>0.32796035233890153</c:v>
                </c:pt>
                <c:pt idx="597">
                  <c:v>0.32796035233890153</c:v>
                </c:pt>
                <c:pt idx="598">
                  <c:v>0.32796035233890153</c:v>
                </c:pt>
                <c:pt idx="599">
                  <c:v>0.32796035233890153</c:v>
                </c:pt>
                <c:pt idx="600">
                  <c:v>0.33474496639771589</c:v>
                </c:pt>
                <c:pt idx="601">
                  <c:v>0.33474496639771589</c:v>
                </c:pt>
                <c:pt idx="602">
                  <c:v>0.33474496639771589</c:v>
                </c:pt>
                <c:pt idx="603">
                  <c:v>0.33474496639771589</c:v>
                </c:pt>
                <c:pt idx="604">
                  <c:v>0.33474496639771589</c:v>
                </c:pt>
                <c:pt idx="605">
                  <c:v>0.33474496639771589</c:v>
                </c:pt>
                <c:pt idx="606">
                  <c:v>0.33474496639771589</c:v>
                </c:pt>
                <c:pt idx="607">
                  <c:v>1.3683968474864203</c:v>
                </c:pt>
                <c:pt idx="608">
                  <c:v>1.526842798248006</c:v>
                </c:pt>
                <c:pt idx="609">
                  <c:v>1.6852887490095918</c:v>
                </c:pt>
                <c:pt idx="610">
                  <c:v>1.6852887490095918</c:v>
                </c:pt>
                <c:pt idx="611">
                  <c:v>2.0165848278747247</c:v>
                </c:pt>
                <c:pt idx="612">
                  <c:v>2.0165848278747247</c:v>
                </c:pt>
                <c:pt idx="613">
                  <c:v>1.3395884928024957</c:v>
                </c:pt>
                <c:pt idx="614">
                  <c:v>2.0165848278747247</c:v>
                </c:pt>
                <c:pt idx="615">
                  <c:v>2.0165848278747247</c:v>
                </c:pt>
                <c:pt idx="616">
                  <c:v>1.1883446307118914</c:v>
                </c:pt>
                <c:pt idx="617">
                  <c:v>0.50718934302684238</c:v>
                </c:pt>
                <c:pt idx="618">
                  <c:v>0.33474496639771589</c:v>
                </c:pt>
                <c:pt idx="619">
                  <c:v>0.33474496639771589</c:v>
                </c:pt>
                <c:pt idx="620">
                  <c:v>0.33474496639771589</c:v>
                </c:pt>
                <c:pt idx="621">
                  <c:v>0.33474496639771589</c:v>
                </c:pt>
                <c:pt idx="622">
                  <c:v>0.33474496639771589</c:v>
                </c:pt>
                <c:pt idx="623">
                  <c:v>0.33474496639771589</c:v>
                </c:pt>
                <c:pt idx="624">
                  <c:v>0.52063230625666435</c:v>
                </c:pt>
                <c:pt idx="625">
                  <c:v>0.31553473106464508</c:v>
                </c:pt>
                <c:pt idx="626">
                  <c:v>0.31553473106464508</c:v>
                </c:pt>
                <c:pt idx="627">
                  <c:v>0.31553473106464508</c:v>
                </c:pt>
                <c:pt idx="628">
                  <c:v>0.31553473106464508</c:v>
                </c:pt>
                <c:pt idx="629">
                  <c:v>0.31553473106464508</c:v>
                </c:pt>
                <c:pt idx="630">
                  <c:v>0.31553473106464508</c:v>
                </c:pt>
                <c:pt idx="631">
                  <c:v>1.3441779543353878</c:v>
                </c:pt>
                <c:pt idx="632">
                  <c:v>1.6802224429192347</c:v>
                </c:pt>
                <c:pt idx="633">
                  <c:v>1.848244687211158</c:v>
                </c:pt>
                <c:pt idx="634">
                  <c:v>1.848244687211158</c:v>
                </c:pt>
                <c:pt idx="635">
                  <c:v>2.1842891757950054</c:v>
                </c:pt>
                <c:pt idx="636">
                  <c:v>2.1842891757950054</c:v>
                </c:pt>
                <c:pt idx="637">
                  <c:v>1.5122001986273113</c:v>
                </c:pt>
                <c:pt idx="638">
                  <c:v>2.1842891757950054</c:v>
                </c:pt>
                <c:pt idx="639">
                  <c:v>1.6802224429192347</c:v>
                </c:pt>
                <c:pt idx="640">
                  <c:v>0.78883682766161267</c:v>
                </c:pt>
                <c:pt idx="641">
                  <c:v>0.52063230625666435</c:v>
                </c:pt>
                <c:pt idx="642">
                  <c:v>0.33131146761787728</c:v>
                </c:pt>
                <c:pt idx="643">
                  <c:v>0.31553473106464508</c:v>
                </c:pt>
                <c:pt idx="644">
                  <c:v>0.31553473106464508</c:v>
                </c:pt>
                <c:pt idx="645">
                  <c:v>0.31553473106464508</c:v>
                </c:pt>
                <c:pt idx="646">
                  <c:v>0.31553473106464508</c:v>
                </c:pt>
                <c:pt idx="647">
                  <c:v>0.31553473106464508</c:v>
                </c:pt>
                <c:pt idx="648">
                  <c:v>0.26513516860884356</c:v>
                </c:pt>
                <c:pt idx="649">
                  <c:v>0.23862165174795918</c:v>
                </c:pt>
                <c:pt idx="650">
                  <c:v>0.23862165174795918</c:v>
                </c:pt>
                <c:pt idx="651">
                  <c:v>0.23862165174795918</c:v>
                </c:pt>
                <c:pt idx="652">
                  <c:v>0.23862165174795918</c:v>
                </c:pt>
                <c:pt idx="653">
                  <c:v>0.23862165174795918</c:v>
                </c:pt>
                <c:pt idx="654">
                  <c:v>0.23862165174795918</c:v>
                </c:pt>
                <c:pt idx="655">
                  <c:v>0.23862165174795918</c:v>
                </c:pt>
                <c:pt idx="656">
                  <c:v>0.23862165174795918</c:v>
                </c:pt>
                <c:pt idx="657">
                  <c:v>0.23862165174795918</c:v>
                </c:pt>
                <c:pt idx="658">
                  <c:v>0.23862165174795918</c:v>
                </c:pt>
                <c:pt idx="659">
                  <c:v>0.23862165174795918</c:v>
                </c:pt>
                <c:pt idx="660">
                  <c:v>0.23862165174795918</c:v>
                </c:pt>
                <c:pt idx="661">
                  <c:v>0.23862165174795918</c:v>
                </c:pt>
                <c:pt idx="662">
                  <c:v>0.23862165174795918</c:v>
                </c:pt>
                <c:pt idx="663">
                  <c:v>0.23862165174795918</c:v>
                </c:pt>
                <c:pt idx="664">
                  <c:v>0.23862165174795918</c:v>
                </c:pt>
                <c:pt idx="665">
                  <c:v>0.23862165174795918</c:v>
                </c:pt>
                <c:pt idx="666">
                  <c:v>0.23862165174795918</c:v>
                </c:pt>
                <c:pt idx="667">
                  <c:v>0.23862165174795918</c:v>
                </c:pt>
                <c:pt idx="668">
                  <c:v>0.23862165174795918</c:v>
                </c:pt>
                <c:pt idx="669">
                  <c:v>0.23862165174795918</c:v>
                </c:pt>
                <c:pt idx="670">
                  <c:v>0.23862165174795918</c:v>
                </c:pt>
                <c:pt idx="671">
                  <c:v>0.23862165174795918</c:v>
                </c:pt>
                <c:pt idx="672">
                  <c:v>0.24446674804678931</c:v>
                </c:pt>
                <c:pt idx="673">
                  <c:v>0.24446674804678931</c:v>
                </c:pt>
                <c:pt idx="674">
                  <c:v>0.24446674804678931</c:v>
                </c:pt>
                <c:pt idx="675">
                  <c:v>0.24446674804678931</c:v>
                </c:pt>
                <c:pt idx="676">
                  <c:v>0.24446674804678931</c:v>
                </c:pt>
                <c:pt idx="677">
                  <c:v>0.24446674804678931</c:v>
                </c:pt>
                <c:pt idx="678">
                  <c:v>0.24446674804678931</c:v>
                </c:pt>
                <c:pt idx="679">
                  <c:v>0.24446674804678931</c:v>
                </c:pt>
                <c:pt idx="680">
                  <c:v>0.24446674804678931</c:v>
                </c:pt>
                <c:pt idx="681">
                  <c:v>0.24446674804678931</c:v>
                </c:pt>
                <c:pt idx="682">
                  <c:v>0.24446674804678931</c:v>
                </c:pt>
                <c:pt idx="683">
                  <c:v>0.24446674804678931</c:v>
                </c:pt>
                <c:pt idx="684">
                  <c:v>0.24446674804678931</c:v>
                </c:pt>
                <c:pt idx="685">
                  <c:v>0.24446674804678931</c:v>
                </c:pt>
                <c:pt idx="686">
                  <c:v>0.24446674804678931</c:v>
                </c:pt>
                <c:pt idx="687">
                  <c:v>0.24446674804678931</c:v>
                </c:pt>
                <c:pt idx="688">
                  <c:v>0.24446674804678931</c:v>
                </c:pt>
                <c:pt idx="689">
                  <c:v>0.24446674804678931</c:v>
                </c:pt>
                <c:pt idx="690">
                  <c:v>0.24446674804678931</c:v>
                </c:pt>
                <c:pt idx="691">
                  <c:v>0.24446674804678931</c:v>
                </c:pt>
                <c:pt idx="692">
                  <c:v>0.24446674804678931</c:v>
                </c:pt>
                <c:pt idx="693">
                  <c:v>0.24446674804678931</c:v>
                </c:pt>
                <c:pt idx="694">
                  <c:v>0.24446674804678931</c:v>
                </c:pt>
                <c:pt idx="695">
                  <c:v>0.24446674804678931</c:v>
                </c:pt>
                <c:pt idx="696">
                  <c:v>0.31513460222416129</c:v>
                </c:pt>
                <c:pt idx="697">
                  <c:v>0.31513460222416129</c:v>
                </c:pt>
                <c:pt idx="698">
                  <c:v>0.31513460222416129</c:v>
                </c:pt>
                <c:pt idx="699">
                  <c:v>0.31513460222416129</c:v>
                </c:pt>
                <c:pt idx="700">
                  <c:v>0.31513460222416129</c:v>
                </c:pt>
                <c:pt idx="701">
                  <c:v>0.31513460222416129</c:v>
                </c:pt>
                <c:pt idx="702">
                  <c:v>0.31513460222416129</c:v>
                </c:pt>
                <c:pt idx="703">
                  <c:v>1.3424734054749272</c:v>
                </c:pt>
                <c:pt idx="704">
                  <c:v>1.510282581159293</c:v>
                </c:pt>
                <c:pt idx="705">
                  <c:v>1.6780917568436591</c:v>
                </c:pt>
                <c:pt idx="706">
                  <c:v>1.6780917568436591</c:v>
                </c:pt>
                <c:pt idx="707">
                  <c:v>2.0137101082123903</c:v>
                </c:pt>
                <c:pt idx="708">
                  <c:v>2.0137101082123903</c:v>
                </c:pt>
                <c:pt idx="709">
                  <c:v>1.3424734054749272</c:v>
                </c:pt>
                <c:pt idx="710">
                  <c:v>2.0137101082123903</c:v>
                </c:pt>
                <c:pt idx="711">
                  <c:v>2.0137101082123903</c:v>
                </c:pt>
                <c:pt idx="712">
                  <c:v>1.174664229790561</c:v>
                </c:pt>
                <c:pt idx="713">
                  <c:v>0.3356183513687318</c:v>
                </c:pt>
                <c:pt idx="714">
                  <c:v>0.33089133233536933</c:v>
                </c:pt>
                <c:pt idx="715">
                  <c:v>0.33089133233536933</c:v>
                </c:pt>
                <c:pt idx="716">
                  <c:v>0.33089133233536933</c:v>
                </c:pt>
                <c:pt idx="717">
                  <c:v>0.33089133233536933</c:v>
                </c:pt>
                <c:pt idx="718">
                  <c:v>0.33089133233536933</c:v>
                </c:pt>
                <c:pt idx="719">
                  <c:v>0.33089133233536933</c:v>
                </c:pt>
                <c:pt idx="720">
                  <c:v>0.20745306811399142</c:v>
                </c:pt>
                <c:pt idx="721">
                  <c:v>0.31611896093560599</c:v>
                </c:pt>
                <c:pt idx="722">
                  <c:v>0.31611896093560599</c:v>
                </c:pt>
                <c:pt idx="723">
                  <c:v>0.31611896093560599</c:v>
                </c:pt>
                <c:pt idx="724">
                  <c:v>0.31611896093560599</c:v>
                </c:pt>
                <c:pt idx="725">
                  <c:v>0.31611896093560599</c:v>
                </c:pt>
                <c:pt idx="726">
                  <c:v>0.31611896093560599</c:v>
                </c:pt>
                <c:pt idx="727">
                  <c:v>1.3326389946941637</c:v>
                </c:pt>
                <c:pt idx="728">
                  <c:v>1.4869445625008566</c:v>
                </c:pt>
                <c:pt idx="729">
                  <c:v>1.6412501303075493</c:v>
                </c:pt>
                <c:pt idx="730">
                  <c:v>1.6412501303075493</c:v>
                </c:pt>
                <c:pt idx="731">
                  <c:v>1.9638890448124522</c:v>
                </c:pt>
                <c:pt idx="732">
                  <c:v>1.9638890448124522</c:v>
                </c:pt>
                <c:pt idx="733">
                  <c:v>1.3045834369111291</c:v>
                </c:pt>
                <c:pt idx="734">
                  <c:v>1.9638890448124522</c:v>
                </c:pt>
                <c:pt idx="735">
                  <c:v>1.9638890448124522</c:v>
                </c:pt>
                <c:pt idx="736">
                  <c:v>1.1572917585501949</c:v>
                </c:pt>
                <c:pt idx="737">
                  <c:v>0.49393587646188436</c:v>
                </c:pt>
                <c:pt idx="738">
                  <c:v>0.32599767846484368</c:v>
                </c:pt>
                <c:pt idx="739">
                  <c:v>0.32599767846484368</c:v>
                </c:pt>
                <c:pt idx="740">
                  <c:v>0.32599767846484368</c:v>
                </c:pt>
                <c:pt idx="741">
                  <c:v>0.32599767846484368</c:v>
                </c:pt>
                <c:pt idx="742">
                  <c:v>0.32599767846484368</c:v>
                </c:pt>
                <c:pt idx="743">
                  <c:v>0.32599767846484368</c:v>
                </c:pt>
                <c:pt idx="744">
                  <c:v>0.32124136821327692</c:v>
                </c:pt>
                <c:pt idx="745">
                  <c:v>0.32124136821327692</c:v>
                </c:pt>
                <c:pt idx="746">
                  <c:v>0.32124136821327692</c:v>
                </c:pt>
                <c:pt idx="747">
                  <c:v>0.32124136821327692</c:v>
                </c:pt>
                <c:pt idx="748">
                  <c:v>0.32124136821327692</c:v>
                </c:pt>
                <c:pt idx="749">
                  <c:v>0.32124136821327692</c:v>
                </c:pt>
                <c:pt idx="750">
                  <c:v>0.32124136821327692</c:v>
                </c:pt>
                <c:pt idx="751">
                  <c:v>1.3131957749082137</c:v>
                </c:pt>
                <c:pt idx="752">
                  <c:v>1.4652500225291649</c:v>
                </c:pt>
                <c:pt idx="753">
                  <c:v>1.6173042701501161</c:v>
                </c:pt>
                <c:pt idx="754">
                  <c:v>1.6173042701501161</c:v>
                </c:pt>
                <c:pt idx="755">
                  <c:v>1.9352358788121042</c:v>
                </c:pt>
                <c:pt idx="756">
                  <c:v>1.9352358788121042</c:v>
                </c:pt>
                <c:pt idx="757">
                  <c:v>1.2855495480680408</c:v>
                </c:pt>
                <c:pt idx="758">
                  <c:v>1.9352358788121042</c:v>
                </c:pt>
                <c:pt idx="759">
                  <c:v>1.9352358788121042</c:v>
                </c:pt>
                <c:pt idx="760">
                  <c:v>1.1404068571571331</c:v>
                </c:pt>
                <c:pt idx="761">
                  <c:v>0.48672934577769233</c:v>
                </c:pt>
                <c:pt idx="762">
                  <c:v>0.32124136821327692</c:v>
                </c:pt>
                <c:pt idx="763">
                  <c:v>0.32124136821327692</c:v>
                </c:pt>
                <c:pt idx="764">
                  <c:v>0.32124136821327692</c:v>
                </c:pt>
                <c:pt idx="765">
                  <c:v>0.32124136821327692</c:v>
                </c:pt>
                <c:pt idx="766">
                  <c:v>0.32124136821327692</c:v>
                </c:pt>
                <c:pt idx="767">
                  <c:v>0.32124136821327692</c:v>
                </c:pt>
                <c:pt idx="768">
                  <c:v>0.32594465710121412</c:v>
                </c:pt>
                <c:pt idx="769">
                  <c:v>0.32594465710121412</c:v>
                </c:pt>
                <c:pt idx="770">
                  <c:v>0.32594465710121412</c:v>
                </c:pt>
                <c:pt idx="771">
                  <c:v>0.32594465710121412</c:v>
                </c:pt>
                <c:pt idx="772">
                  <c:v>0.32594465710121412</c:v>
                </c:pt>
                <c:pt idx="773">
                  <c:v>0.32594465710121412</c:v>
                </c:pt>
                <c:pt idx="774">
                  <c:v>0.32594465710121412</c:v>
                </c:pt>
                <c:pt idx="775">
                  <c:v>1.3324222497864782</c:v>
                </c:pt>
                <c:pt idx="776">
                  <c:v>1.4867027208143864</c:v>
                </c:pt>
                <c:pt idx="777">
                  <c:v>1.6409831918422948</c:v>
                </c:pt>
                <c:pt idx="778">
                  <c:v>1.6409831918422948</c:v>
                </c:pt>
                <c:pt idx="779">
                  <c:v>1.9635696312642841</c:v>
                </c:pt>
                <c:pt idx="780">
                  <c:v>1.9635696312642841</c:v>
                </c:pt>
                <c:pt idx="781">
                  <c:v>1.3043712550541318</c:v>
                </c:pt>
                <c:pt idx="782">
                  <c:v>1.9635696312642841</c:v>
                </c:pt>
                <c:pt idx="783">
                  <c:v>1.9635696312642841</c:v>
                </c:pt>
                <c:pt idx="784">
                  <c:v>1.1571035327093102</c:v>
                </c:pt>
                <c:pt idx="785">
                  <c:v>0.49385554106244572</c:v>
                </c:pt>
                <c:pt idx="786">
                  <c:v>0.32594465710121412</c:v>
                </c:pt>
                <c:pt idx="787">
                  <c:v>0.32594465710121412</c:v>
                </c:pt>
                <c:pt idx="788">
                  <c:v>0.32594465710121412</c:v>
                </c:pt>
                <c:pt idx="789">
                  <c:v>0.32594465710121412</c:v>
                </c:pt>
                <c:pt idx="790">
                  <c:v>0.32594465710121412</c:v>
                </c:pt>
                <c:pt idx="791">
                  <c:v>0.32594465710121412</c:v>
                </c:pt>
                <c:pt idx="792">
                  <c:v>0.49378838794087737</c:v>
                </c:pt>
                <c:pt idx="793">
                  <c:v>0.29926568966113781</c:v>
                </c:pt>
                <c:pt idx="794">
                  <c:v>0.29926568966113781</c:v>
                </c:pt>
                <c:pt idx="795">
                  <c:v>0.29926568966113781</c:v>
                </c:pt>
                <c:pt idx="796">
                  <c:v>0.29926568966113781</c:v>
                </c:pt>
                <c:pt idx="797">
                  <c:v>0.29926568966113781</c:v>
                </c:pt>
                <c:pt idx="798">
                  <c:v>0.29926568966113781</c:v>
                </c:pt>
                <c:pt idx="799">
                  <c:v>1.2748718379564472</c:v>
                </c:pt>
                <c:pt idx="800">
                  <c:v>1.5935897974455588</c:v>
                </c:pt>
                <c:pt idx="801">
                  <c:v>1.7529487771901147</c:v>
                </c:pt>
                <c:pt idx="802">
                  <c:v>1.7529487771901147</c:v>
                </c:pt>
                <c:pt idx="803">
                  <c:v>2.0716667366792265</c:v>
                </c:pt>
                <c:pt idx="804">
                  <c:v>2.0716667366792265</c:v>
                </c:pt>
                <c:pt idx="805">
                  <c:v>1.4342308177010028</c:v>
                </c:pt>
                <c:pt idx="806">
                  <c:v>2.0716667366792265</c:v>
                </c:pt>
                <c:pt idx="807">
                  <c:v>1.5935897974455588</c:v>
                </c:pt>
                <c:pt idx="808">
                  <c:v>0.74816422415284456</c:v>
                </c:pt>
                <c:pt idx="809">
                  <c:v>0.49378838794087737</c:v>
                </c:pt>
                <c:pt idx="810">
                  <c:v>0.31422897414419471</c:v>
                </c:pt>
                <c:pt idx="811">
                  <c:v>0.29926568966113781</c:v>
                </c:pt>
                <c:pt idx="812">
                  <c:v>0.29926568966113781</c:v>
                </c:pt>
                <c:pt idx="813">
                  <c:v>0.29926568966113781</c:v>
                </c:pt>
                <c:pt idx="814">
                  <c:v>0.29926568966113781</c:v>
                </c:pt>
                <c:pt idx="815">
                  <c:v>0.29926568966113781</c:v>
                </c:pt>
                <c:pt idx="816">
                  <c:v>0.22319275595961321</c:v>
                </c:pt>
                <c:pt idx="817">
                  <c:v>0.20087348036365194</c:v>
                </c:pt>
                <c:pt idx="818">
                  <c:v>0.20087348036365194</c:v>
                </c:pt>
                <c:pt idx="819">
                  <c:v>0.20087348036365194</c:v>
                </c:pt>
                <c:pt idx="820">
                  <c:v>0.20087348036365194</c:v>
                </c:pt>
                <c:pt idx="821">
                  <c:v>0.20087348036365194</c:v>
                </c:pt>
                <c:pt idx="822">
                  <c:v>0.20087348036365194</c:v>
                </c:pt>
                <c:pt idx="823">
                  <c:v>0.20087348036365194</c:v>
                </c:pt>
                <c:pt idx="824">
                  <c:v>0.20087348036365194</c:v>
                </c:pt>
                <c:pt idx="825">
                  <c:v>0.20087348036365194</c:v>
                </c:pt>
                <c:pt idx="826">
                  <c:v>0.20087348036365194</c:v>
                </c:pt>
                <c:pt idx="827">
                  <c:v>0.20087348036365194</c:v>
                </c:pt>
                <c:pt idx="828">
                  <c:v>0.20087348036365194</c:v>
                </c:pt>
                <c:pt idx="829">
                  <c:v>0.20087348036365194</c:v>
                </c:pt>
                <c:pt idx="830">
                  <c:v>0.20087348036365194</c:v>
                </c:pt>
                <c:pt idx="831">
                  <c:v>0.20087348036365194</c:v>
                </c:pt>
                <c:pt idx="832">
                  <c:v>0.20087348036365194</c:v>
                </c:pt>
                <c:pt idx="833">
                  <c:v>0.20087348036365194</c:v>
                </c:pt>
                <c:pt idx="834">
                  <c:v>0.20087348036365194</c:v>
                </c:pt>
                <c:pt idx="835">
                  <c:v>0.20087348036365194</c:v>
                </c:pt>
                <c:pt idx="836">
                  <c:v>0.20087348036365194</c:v>
                </c:pt>
                <c:pt idx="837">
                  <c:v>0.20087348036365194</c:v>
                </c:pt>
                <c:pt idx="838">
                  <c:v>0.20087348036365194</c:v>
                </c:pt>
                <c:pt idx="839">
                  <c:v>0.20087348036365194</c:v>
                </c:pt>
                <c:pt idx="840">
                  <c:v>0.23814625947395396</c:v>
                </c:pt>
                <c:pt idx="841">
                  <c:v>0.23814625947395396</c:v>
                </c:pt>
                <c:pt idx="842">
                  <c:v>0.23814625947395396</c:v>
                </c:pt>
                <c:pt idx="843">
                  <c:v>0.23814625947395396</c:v>
                </c:pt>
                <c:pt idx="844">
                  <c:v>0.23814625947395396</c:v>
                </c:pt>
                <c:pt idx="845">
                  <c:v>0.23814625947395396</c:v>
                </c:pt>
                <c:pt idx="846">
                  <c:v>0.23814625947395396</c:v>
                </c:pt>
                <c:pt idx="847">
                  <c:v>0.23814625947395396</c:v>
                </c:pt>
                <c:pt idx="848">
                  <c:v>0.23814625947395396</c:v>
                </c:pt>
                <c:pt idx="849">
                  <c:v>0.23814625947395396</c:v>
                </c:pt>
                <c:pt idx="850">
                  <c:v>0.23814625947395396</c:v>
                </c:pt>
                <c:pt idx="851">
                  <c:v>0.23814625947395396</c:v>
                </c:pt>
                <c:pt idx="852">
                  <c:v>0.23814625947395396</c:v>
                </c:pt>
                <c:pt idx="853">
                  <c:v>0.23814625947395396</c:v>
                </c:pt>
                <c:pt idx="854">
                  <c:v>0.23814625947395396</c:v>
                </c:pt>
                <c:pt idx="855">
                  <c:v>0.23814625947395396</c:v>
                </c:pt>
                <c:pt idx="856">
                  <c:v>0.23814625947395396</c:v>
                </c:pt>
                <c:pt idx="857">
                  <c:v>0.23814625947395396</c:v>
                </c:pt>
                <c:pt idx="858">
                  <c:v>0.23814625947395396</c:v>
                </c:pt>
                <c:pt idx="859">
                  <c:v>0.23814625947395396</c:v>
                </c:pt>
                <c:pt idx="860">
                  <c:v>0.23814625947395396</c:v>
                </c:pt>
                <c:pt idx="861">
                  <c:v>0.23814625947395396</c:v>
                </c:pt>
                <c:pt idx="862">
                  <c:v>0.23814625947395396</c:v>
                </c:pt>
                <c:pt idx="863">
                  <c:v>0.23814625947395396</c:v>
                </c:pt>
                <c:pt idx="864">
                  <c:v>0.33758591658626225</c:v>
                </c:pt>
                <c:pt idx="865">
                  <c:v>0.33758591658626225</c:v>
                </c:pt>
                <c:pt idx="866">
                  <c:v>0.33758591658626225</c:v>
                </c:pt>
                <c:pt idx="867">
                  <c:v>0.33758591658626225</c:v>
                </c:pt>
                <c:pt idx="868">
                  <c:v>0.33758591658626225</c:v>
                </c:pt>
                <c:pt idx="869">
                  <c:v>0.33758591658626225</c:v>
                </c:pt>
                <c:pt idx="870">
                  <c:v>0.33758591658626225</c:v>
                </c:pt>
                <c:pt idx="871">
                  <c:v>1.438116004657477</c:v>
                </c:pt>
                <c:pt idx="872">
                  <c:v>1.6178805052396616</c:v>
                </c:pt>
                <c:pt idx="873">
                  <c:v>1.7976450058218463</c:v>
                </c:pt>
                <c:pt idx="874">
                  <c:v>1.7976450058218463</c:v>
                </c:pt>
                <c:pt idx="875">
                  <c:v>2.1571740069862155</c:v>
                </c:pt>
                <c:pt idx="876">
                  <c:v>2.1571740069862155</c:v>
                </c:pt>
                <c:pt idx="877">
                  <c:v>1.438116004657477</c:v>
                </c:pt>
                <c:pt idx="878">
                  <c:v>2.1571740069862155</c:v>
                </c:pt>
                <c:pt idx="879">
                  <c:v>2.1571740069862155</c:v>
                </c:pt>
                <c:pt idx="880">
                  <c:v>1.2583515040752924</c:v>
                </c:pt>
                <c:pt idx="881">
                  <c:v>0.35952900116436926</c:v>
                </c:pt>
                <c:pt idx="882">
                  <c:v>0.35446521241557533</c:v>
                </c:pt>
                <c:pt idx="883">
                  <c:v>0.35446521241557533</c:v>
                </c:pt>
                <c:pt idx="884">
                  <c:v>0.35446521241557533</c:v>
                </c:pt>
                <c:pt idx="885">
                  <c:v>0.35446521241557533</c:v>
                </c:pt>
                <c:pt idx="886">
                  <c:v>0.35446521241557533</c:v>
                </c:pt>
                <c:pt idx="887">
                  <c:v>0.35446521241557533</c:v>
                </c:pt>
                <c:pt idx="888">
                  <c:v>0.22577412698804225</c:v>
                </c:pt>
                <c:pt idx="889">
                  <c:v>0.34403676493415963</c:v>
                </c:pt>
                <c:pt idx="890">
                  <c:v>0.34403676493415963</c:v>
                </c:pt>
                <c:pt idx="891">
                  <c:v>0.34403676493415963</c:v>
                </c:pt>
                <c:pt idx="892">
                  <c:v>0.34403676493415963</c:v>
                </c:pt>
                <c:pt idx="893">
                  <c:v>0.34403676493415963</c:v>
                </c:pt>
                <c:pt idx="894">
                  <c:v>0.34403676493415963</c:v>
                </c:pt>
                <c:pt idx="895">
                  <c:v>1.4503299871755664</c:v>
                </c:pt>
                <c:pt idx="896">
                  <c:v>1.6182629330590532</c:v>
                </c:pt>
                <c:pt idx="897">
                  <c:v>1.7861958789425398</c:v>
                </c:pt>
                <c:pt idx="898">
                  <c:v>1.7861958789425398</c:v>
                </c:pt>
                <c:pt idx="899">
                  <c:v>2.1373284021534666</c:v>
                </c:pt>
                <c:pt idx="900">
                  <c:v>2.1373284021534666</c:v>
                </c:pt>
                <c:pt idx="901">
                  <c:v>1.4197967242876599</c:v>
                </c:pt>
                <c:pt idx="902">
                  <c:v>2.1373284021534666</c:v>
                </c:pt>
                <c:pt idx="903">
                  <c:v>2.1373284021534666</c:v>
                </c:pt>
                <c:pt idx="904">
                  <c:v>1.2594970941261501</c:v>
                </c:pt>
                <c:pt idx="905">
                  <c:v>0.53755744520962445</c:v>
                </c:pt>
                <c:pt idx="906">
                  <c:v>0.35478791383835212</c:v>
                </c:pt>
                <c:pt idx="907">
                  <c:v>0.35478791383835212</c:v>
                </c:pt>
                <c:pt idx="908">
                  <c:v>0.35478791383835212</c:v>
                </c:pt>
                <c:pt idx="909">
                  <c:v>0.35478791383835212</c:v>
                </c:pt>
                <c:pt idx="910">
                  <c:v>0.35478791383835212</c:v>
                </c:pt>
                <c:pt idx="911">
                  <c:v>0.35478791383835212</c:v>
                </c:pt>
                <c:pt idx="912">
                  <c:v>0.34790576702555204</c:v>
                </c:pt>
                <c:pt idx="913">
                  <c:v>0.34790576702555204</c:v>
                </c:pt>
                <c:pt idx="914">
                  <c:v>0.34790576702555204</c:v>
                </c:pt>
                <c:pt idx="915">
                  <c:v>0.34790576702555204</c:v>
                </c:pt>
                <c:pt idx="916">
                  <c:v>0.34790576702555204</c:v>
                </c:pt>
                <c:pt idx="917">
                  <c:v>0.34790576702555204</c:v>
                </c:pt>
                <c:pt idx="918">
                  <c:v>0.34790576702555204</c:v>
                </c:pt>
                <c:pt idx="919">
                  <c:v>1.4221966052044535</c:v>
                </c:pt>
                <c:pt idx="920">
                  <c:v>1.5868720015965483</c:v>
                </c:pt>
                <c:pt idx="921">
                  <c:v>1.7515473979886429</c:v>
                </c:pt>
                <c:pt idx="922">
                  <c:v>1.7515473979886429</c:v>
                </c:pt>
                <c:pt idx="923">
                  <c:v>2.0958686813539313</c:v>
                </c:pt>
                <c:pt idx="924">
                  <c:v>2.0958686813539313</c:v>
                </c:pt>
                <c:pt idx="925">
                  <c:v>1.3922556240422546</c:v>
                </c:pt>
                <c:pt idx="926">
                  <c:v>2.0958686813539313</c:v>
                </c:pt>
                <c:pt idx="927">
                  <c:v>2.0958686813539313</c:v>
                </c:pt>
                <c:pt idx="928">
                  <c:v>1.2350654729407098</c:v>
                </c:pt>
                <c:pt idx="929">
                  <c:v>0.52712995003871532</c:v>
                </c:pt>
                <c:pt idx="930">
                  <c:v>0.34790576702555204</c:v>
                </c:pt>
                <c:pt idx="931">
                  <c:v>0.34790576702555204</c:v>
                </c:pt>
                <c:pt idx="932">
                  <c:v>0.34790576702555204</c:v>
                </c:pt>
                <c:pt idx="933">
                  <c:v>0.34790576702555204</c:v>
                </c:pt>
                <c:pt idx="934">
                  <c:v>0.34790576702555204</c:v>
                </c:pt>
                <c:pt idx="935">
                  <c:v>0.34790576702555204</c:v>
                </c:pt>
                <c:pt idx="936">
                  <c:v>0.34059421112119864</c:v>
                </c:pt>
                <c:pt idx="937">
                  <c:v>0.34059421112119864</c:v>
                </c:pt>
                <c:pt idx="938">
                  <c:v>0.34059421112119864</c:v>
                </c:pt>
                <c:pt idx="939">
                  <c:v>0.34059421112119864</c:v>
                </c:pt>
                <c:pt idx="940">
                  <c:v>0.34059421112119864</c:v>
                </c:pt>
                <c:pt idx="941">
                  <c:v>0.34059421112119864</c:v>
                </c:pt>
                <c:pt idx="942">
                  <c:v>0.34059421112119864</c:v>
                </c:pt>
                <c:pt idx="943">
                  <c:v>1.3923078509166578</c:v>
                </c:pt>
                <c:pt idx="944">
                  <c:v>1.5535224441806916</c:v>
                </c:pt>
                <c:pt idx="945">
                  <c:v>1.7147370374447259</c:v>
                </c:pt>
                <c:pt idx="946">
                  <c:v>1.7147370374447259</c:v>
                </c:pt>
                <c:pt idx="947">
                  <c:v>2.0518220960877058</c:v>
                </c:pt>
                <c:pt idx="948">
                  <c:v>2.0518220960877058</c:v>
                </c:pt>
                <c:pt idx="949">
                  <c:v>1.3629961066868335</c:v>
                </c:pt>
                <c:pt idx="950">
                  <c:v>2.0518220960877058</c:v>
                </c:pt>
                <c:pt idx="951">
                  <c:v>2.0518220960877058</c:v>
                </c:pt>
                <c:pt idx="952">
                  <c:v>1.2091094494802552</c:v>
                </c:pt>
                <c:pt idx="953">
                  <c:v>0.51605183503211927</c:v>
                </c:pt>
                <c:pt idx="954">
                  <c:v>0.34059421112119864</c:v>
                </c:pt>
                <c:pt idx="955">
                  <c:v>0.34059421112119864</c:v>
                </c:pt>
                <c:pt idx="956">
                  <c:v>0.34059421112119864</c:v>
                </c:pt>
                <c:pt idx="957">
                  <c:v>0.34059421112119864</c:v>
                </c:pt>
                <c:pt idx="958">
                  <c:v>0.34059421112119864</c:v>
                </c:pt>
                <c:pt idx="959">
                  <c:v>0.34059421112119864</c:v>
                </c:pt>
                <c:pt idx="960">
                  <c:v>0.50871076572226859</c:v>
                </c:pt>
                <c:pt idx="961">
                  <c:v>0.30830955498319312</c:v>
                </c:pt>
                <c:pt idx="962">
                  <c:v>0.30830955498319312</c:v>
                </c:pt>
                <c:pt idx="963">
                  <c:v>0.30830955498319312</c:v>
                </c:pt>
                <c:pt idx="964">
                  <c:v>0.30830955498319312</c:v>
                </c:pt>
                <c:pt idx="965">
                  <c:v>0.30830955498319312</c:v>
                </c:pt>
                <c:pt idx="966">
                  <c:v>0.30830955498319312</c:v>
                </c:pt>
                <c:pt idx="967">
                  <c:v>1.3133987042284025</c:v>
                </c:pt>
                <c:pt idx="968">
                  <c:v>1.6417483802855033</c:v>
                </c:pt>
                <c:pt idx="969">
                  <c:v>1.8059232183140534</c:v>
                </c:pt>
                <c:pt idx="970">
                  <c:v>1.8059232183140534</c:v>
                </c:pt>
                <c:pt idx="971">
                  <c:v>2.1342728943711542</c:v>
                </c:pt>
                <c:pt idx="972">
                  <c:v>2.1342728943711542</c:v>
                </c:pt>
                <c:pt idx="973">
                  <c:v>1.4775735422569529</c:v>
                </c:pt>
                <c:pt idx="974">
                  <c:v>2.1342728943711542</c:v>
                </c:pt>
                <c:pt idx="975">
                  <c:v>1.6417483802855033</c:v>
                </c:pt>
                <c:pt idx="976">
                  <c:v>0.77077388745798281</c:v>
                </c:pt>
                <c:pt idx="977">
                  <c:v>0.50871076572226859</c:v>
                </c:pt>
                <c:pt idx="978">
                  <c:v>0.32372503273235276</c:v>
                </c:pt>
                <c:pt idx="979">
                  <c:v>0.30830955498319312</c:v>
                </c:pt>
                <c:pt idx="980">
                  <c:v>0.30830955498319312</c:v>
                </c:pt>
                <c:pt idx="981">
                  <c:v>0.30830955498319312</c:v>
                </c:pt>
                <c:pt idx="982">
                  <c:v>0.30830955498319312</c:v>
                </c:pt>
                <c:pt idx="983">
                  <c:v>0.30830955498319312</c:v>
                </c:pt>
                <c:pt idx="984">
                  <c:v>0.22581415675019012</c:v>
                </c:pt>
                <c:pt idx="985">
                  <c:v>0.20323274107517109</c:v>
                </c:pt>
                <c:pt idx="986">
                  <c:v>0.20323274107517109</c:v>
                </c:pt>
                <c:pt idx="987">
                  <c:v>0.20323274107517109</c:v>
                </c:pt>
                <c:pt idx="988">
                  <c:v>0.20323274107517109</c:v>
                </c:pt>
                <c:pt idx="989">
                  <c:v>0.20323274107517109</c:v>
                </c:pt>
                <c:pt idx="990">
                  <c:v>0.20323274107517109</c:v>
                </c:pt>
                <c:pt idx="991">
                  <c:v>0.20323274107517109</c:v>
                </c:pt>
                <c:pt idx="992">
                  <c:v>0.20323274107517109</c:v>
                </c:pt>
                <c:pt idx="993">
                  <c:v>0.20323274107517109</c:v>
                </c:pt>
                <c:pt idx="994">
                  <c:v>0.20323274107517109</c:v>
                </c:pt>
                <c:pt idx="995">
                  <c:v>0.20323274107517109</c:v>
                </c:pt>
                <c:pt idx="996">
                  <c:v>0.20323274107517109</c:v>
                </c:pt>
                <c:pt idx="997">
                  <c:v>0.20323274107517109</c:v>
                </c:pt>
                <c:pt idx="998">
                  <c:v>0.20323274107517109</c:v>
                </c:pt>
                <c:pt idx="999">
                  <c:v>0.20323274107517109</c:v>
                </c:pt>
                <c:pt idx="1000">
                  <c:v>0.20323274107517109</c:v>
                </c:pt>
                <c:pt idx="1001">
                  <c:v>0.20323274107517109</c:v>
                </c:pt>
                <c:pt idx="1002">
                  <c:v>0.20323274107517109</c:v>
                </c:pt>
                <c:pt idx="1003">
                  <c:v>0.20323274107517109</c:v>
                </c:pt>
                <c:pt idx="1004">
                  <c:v>0.20323274107517109</c:v>
                </c:pt>
                <c:pt idx="1005">
                  <c:v>0.20323274107517109</c:v>
                </c:pt>
                <c:pt idx="1006">
                  <c:v>0.20323274107517109</c:v>
                </c:pt>
                <c:pt idx="1007">
                  <c:v>0.20323274107517109</c:v>
                </c:pt>
                <c:pt idx="1008">
                  <c:v>0.18047180124683074</c:v>
                </c:pt>
                <c:pt idx="1009">
                  <c:v>0.18047180124683074</c:v>
                </c:pt>
                <c:pt idx="1010">
                  <c:v>0.18047180124683074</c:v>
                </c:pt>
                <c:pt idx="1011">
                  <c:v>0.18047180124683074</c:v>
                </c:pt>
                <c:pt idx="1012">
                  <c:v>0.18047180124683074</c:v>
                </c:pt>
                <c:pt idx="1013">
                  <c:v>0.18047180124683074</c:v>
                </c:pt>
                <c:pt idx="1014">
                  <c:v>0.18047180124683074</c:v>
                </c:pt>
                <c:pt idx="1015">
                  <c:v>0.18047180124683074</c:v>
                </c:pt>
                <c:pt idx="1016">
                  <c:v>0.18047180124683074</c:v>
                </c:pt>
                <c:pt idx="1017">
                  <c:v>0.18047180124683074</c:v>
                </c:pt>
                <c:pt idx="1018">
                  <c:v>0.18047180124683074</c:v>
                </c:pt>
                <c:pt idx="1019">
                  <c:v>0.18047180124683074</c:v>
                </c:pt>
                <c:pt idx="1020">
                  <c:v>0.18047180124683074</c:v>
                </c:pt>
                <c:pt idx="1021">
                  <c:v>0.18047180124683074</c:v>
                </c:pt>
                <c:pt idx="1022">
                  <c:v>0.18047180124683074</c:v>
                </c:pt>
                <c:pt idx="1023">
                  <c:v>0.18047180124683074</c:v>
                </c:pt>
                <c:pt idx="1024">
                  <c:v>0.18047180124683074</c:v>
                </c:pt>
                <c:pt idx="1025">
                  <c:v>0.18047180124683074</c:v>
                </c:pt>
                <c:pt idx="1026">
                  <c:v>0.18047180124683074</c:v>
                </c:pt>
                <c:pt idx="1027">
                  <c:v>0.18047180124683074</c:v>
                </c:pt>
                <c:pt idx="1028">
                  <c:v>0.18047180124683074</c:v>
                </c:pt>
                <c:pt idx="1029">
                  <c:v>0.18047180124683074</c:v>
                </c:pt>
                <c:pt idx="1030">
                  <c:v>0.18047180124683074</c:v>
                </c:pt>
                <c:pt idx="1031">
                  <c:v>0.18047180124683074</c:v>
                </c:pt>
                <c:pt idx="1032">
                  <c:v>0.30632313551760965</c:v>
                </c:pt>
                <c:pt idx="1033">
                  <c:v>0.30632313551760965</c:v>
                </c:pt>
                <c:pt idx="1034">
                  <c:v>0.30632313551760965</c:v>
                </c:pt>
                <c:pt idx="1035">
                  <c:v>0.30632313551760965</c:v>
                </c:pt>
                <c:pt idx="1036">
                  <c:v>0.30632313551760965</c:v>
                </c:pt>
                <c:pt idx="1037">
                  <c:v>0.30632313551760965</c:v>
                </c:pt>
                <c:pt idx="1038">
                  <c:v>0.30632313551760965</c:v>
                </c:pt>
                <c:pt idx="1039">
                  <c:v>1.3049365573050169</c:v>
                </c:pt>
                <c:pt idx="1040">
                  <c:v>1.4680536269681441</c:v>
                </c:pt>
                <c:pt idx="1041">
                  <c:v>1.6311706966312711</c:v>
                </c:pt>
                <c:pt idx="1042">
                  <c:v>1.6311706966312711</c:v>
                </c:pt>
                <c:pt idx="1043">
                  <c:v>1.9574048359575253</c:v>
                </c:pt>
                <c:pt idx="1044">
                  <c:v>1.9574048359575253</c:v>
                </c:pt>
                <c:pt idx="1045">
                  <c:v>1.3049365573050169</c:v>
                </c:pt>
                <c:pt idx="1046">
                  <c:v>1.9574048359575253</c:v>
                </c:pt>
                <c:pt idx="1047">
                  <c:v>1.9574048359575253</c:v>
                </c:pt>
                <c:pt idx="1048">
                  <c:v>1.1418194876418899</c:v>
                </c:pt>
                <c:pt idx="1049">
                  <c:v>0.32623413932625422</c:v>
                </c:pt>
                <c:pt idx="1050">
                  <c:v>0.32163929229349009</c:v>
                </c:pt>
                <c:pt idx="1051">
                  <c:v>0.32163929229349009</c:v>
                </c:pt>
                <c:pt idx="1052">
                  <c:v>0.32163929229349009</c:v>
                </c:pt>
                <c:pt idx="1053">
                  <c:v>0.32163929229349009</c:v>
                </c:pt>
                <c:pt idx="1054">
                  <c:v>0.32163929229349009</c:v>
                </c:pt>
                <c:pt idx="1055">
                  <c:v>0.32163929229349009</c:v>
                </c:pt>
                <c:pt idx="1056">
                  <c:v>0.20558454897160311</c:v>
                </c:pt>
                <c:pt idx="1057">
                  <c:v>0.31327169367101432</c:v>
                </c:pt>
                <c:pt idx="1058">
                  <c:v>0.31327169367101432</c:v>
                </c:pt>
                <c:pt idx="1059">
                  <c:v>0.31327169367101432</c:v>
                </c:pt>
                <c:pt idx="1060">
                  <c:v>0.31327169367101432</c:v>
                </c:pt>
                <c:pt idx="1061">
                  <c:v>0.31327169367101432</c:v>
                </c:pt>
                <c:pt idx="1062">
                  <c:v>0.31327169367101432</c:v>
                </c:pt>
                <c:pt idx="1063">
                  <c:v>1.3206359836318695</c:v>
                </c:pt>
                <c:pt idx="1064">
                  <c:v>1.4735517291050335</c:v>
                </c:pt>
                <c:pt idx="1065">
                  <c:v>1.6264674745781973</c:v>
                </c:pt>
                <c:pt idx="1066">
                  <c:v>1.6264674745781973</c:v>
                </c:pt>
                <c:pt idx="1067">
                  <c:v>1.9462003969311761</c:v>
                </c:pt>
                <c:pt idx="1068">
                  <c:v>1.9462003969311761</c:v>
                </c:pt>
                <c:pt idx="1069">
                  <c:v>1.292833120818567</c:v>
                </c:pt>
                <c:pt idx="1070">
                  <c:v>1.9462003969311761</c:v>
                </c:pt>
                <c:pt idx="1071">
                  <c:v>1.9462003969311761</c:v>
                </c:pt>
                <c:pt idx="1072">
                  <c:v>1.1468680910487288</c:v>
                </c:pt>
                <c:pt idx="1073">
                  <c:v>0.48948702136095984</c:v>
                </c:pt>
                <c:pt idx="1074">
                  <c:v>0.32306143409823346</c:v>
                </c:pt>
                <c:pt idx="1075">
                  <c:v>0.32306143409823346</c:v>
                </c:pt>
                <c:pt idx="1076">
                  <c:v>0.32306143409823346</c:v>
                </c:pt>
                <c:pt idx="1077">
                  <c:v>0.32306143409823346</c:v>
                </c:pt>
                <c:pt idx="1078">
                  <c:v>0.32306143409823346</c:v>
                </c:pt>
                <c:pt idx="1079">
                  <c:v>0.32306143409823346</c:v>
                </c:pt>
                <c:pt idx="1080">
                  <c:v>0.32482482641361005</c:v>
                </c:pt>
                <c:pt idx="1081">
                  <c:v>0.32482482641361005</c:v>
                </c:pt>
                <c:pt idx="1082">
                  <c:v>0.32482482641361005</c:v>
                </c:pt>
                <c:pt idx="1083">
                  <c:v>0.32482482641361005</c:v>
                </c:pt>
                <c:pt idx="1084">
                  <c:v>0.32482482641361005</c:v>
                </c:pt>
                <c:pt idx="1085">
                  <c:v>0.32482482641361005</c:v>
                </c:pt>
                <c:pt idx="1086">
                  <c:v>0.32482482641361005</c:v>
                </c:pt>
                <c:pt idx="1087">
                  <c:v>1.3278445176726059</c:v>
                </c:pt>
                <c:pt idx="1088">
                  <c:v>1.4815949355083813</c:v>
                </c:pt>
                <c:pt idx="1089">
                  <c:v>1.6353453533441569</c:v>
                </c:pt>
                <c:pt idx="1090">
                  <c:v>1.6353453533441569</c:v>
                </c:pt>
                <c:pt idx="1091">
                  <c:v>1.9568234997280507</c:v>
                </c:pt>
                <c:pt idx="1092">
                  <c:v>1.9568234997280507</c:v>
                </c:pt>
                <c:pt idx="1093">
                  <c:v>1.2998898962479193</c:v>
                </c:pt>
                <c:pt idx="1094">
                  <c:v>1.9568234997280507</c:v>
                </c:pt>
                <c:pt idx="1095">
                  <c:v>1.9568234997280507</c:v>
                </c:pt>
                <c:pt idx="1096">
                  <c:v>1.1531281337683157</c:v>
                </c:pt>
                <c:pt idx="1097">
                  <c:v>0.49215882789940918</c:v>
                </c:pt>
                <c:pt idx="1098">
                  <c:v>0.32482482641361005</c:v>
                </c:pt>
                <c:pt idx="1099">
                  <c:v>0.32482482641361005</c:v>
                </c:pt>
                <c:pt idx="1100">
                  <c:v>0.32482482641361005</c:v>
                </c:pt>
                <c:pt idx="1101">
                  <c:v>0.32482482641361005</c:v>
                </c:pt>
                <c:pt idx="1102">
                  <c:v>0.32482482641361005</c:v>
                </c:pt>
                <c:pt idx="1103">
                  <c:v>0.32482482641361005</c:v>
                </c:pt>
                <c:pt idx="1104">
                  <c:v>0.32616862323873497</c:v>
                </c:pt>
                <c:pt idx="1105">
                  <c:v>0.32616862323873497</c:v>
                </c:pt>
                <c:pt idx="1106">
                  <c:v>0.32616862323873497</c:v>
                </c:pt>
                <c:pt idx="1107">
                  <c:v>0.32616862323873497</c:v>
                </c:pt>
                <c:pt idx="1108">
                  <c:v>0.32616862323873497</c:v>
                </c:pt>
                <c:pt idx="1109">
                  <c:v>0.32616862323873497</c:v>
                </c:pt>
                <c:pt idx="1110">
                  <c:v>0.32616862323873497</c:v>
                </c:pt>
                <c:pt idx="1111">
                  <c:v>1.3333377962092527</c:v>
                </c:pt>
                <c:pt idx="1112">
                  <c:v>1.4877242778755875</c:v>
                </c:pt>
                <c:pt idx="1113">
                  <c:v>1.642110759541922</c:v>
                </c:pt>
                <c:pt idx="1114">
                  <c:v>1.642110759541922</c:v>
                </c:pt>
                <c:pt idx="1115">
                  <c:v>1.9649188575715304</c:v>
                </c:pt>
                <c:pt idx="1116">
                  <c:v>1.9649188575715304</c:v>
                </c:pt>
                <c:pt idx="1117">
                  <c:v>1.3052675268153737</c:v>
                </c:pt>
                <c:pt idx="1118">
                  <c:v>1.9649188575715304</c:v>
                </c:pt>
                <c:pt idx="1119">
                  <c:v>1.9649188575715304</c:v>
                </c:pt>
                <c:pt idx="1120">
                  <c:v>1.1578986124975092</c:v>
                </c:pt>
                <c:pt idx="1121">
                  <c:v>0.49419488369505293</c:v>
                </c:pt>
                <c:pt idx="1122">
                  <c:v>0.32616862323873497</c:v>
                </c:pt>
                <c:pt idx="1123">
                  <c:v>0.32616862323873497</c:v>
                </c:pt>
                <c:pt idx="1124">
                  <c:v>0.32616862323873497</c:v>
                </c:pt>
                <c:pt idx="1125">
                  <c:v>0.32616862323873497</c:v>
                </c:pt>
                <c:pt idx="1126">
                  <c:v>0.32616862323873497</c:v>
                </c:pt>
                <c:pt idx="1127">
                  <c:v>0.32616862323873497</c:v>
                </c:pt>
                <c:pt idx="1128">
                  <c:v>0.48180597572930312</c:v>
                </c:pt>
                <c:pt idx="1129">
                  <c:v>0.29200362165412314</c:v>
                </c:pt>
                <c:pt idx="1130">
                  <c:v>0.29200362165412314</c:v>
                </c:pt>
                <c:pt idx="1131">
                  <c:v>0.29200362165412314</c:v>
                </c:pt>
                <c:pt idx="1132">
                  <c:v>0.29200362165412314</c:v>
                </c:pt>
                <c:pt idx="1133">
                  <c:v>0.29200362165412314</c:v>
                </c:pt>
                <c:pt idx="1134">
                  <c:v>0.29200362165412314</c:v>
                </c:pt>
                <c:pt idx="1135">
                  <c:v>1.2439354282465644</c:v>
                </c:pt>
                <c:pt idx="1136">
                  <c:v>1.5549192853082057</c:v>
                </c:pt>
                <c:pt idx="1137">
                  <c:v>1.7104112138390262</c:v>
                </c:pt>
                <c:pt idx="1138">
                  <c:v>1.7104112138390262</c:v>
                </c:pt>
                <c:pt idx="1139">
                  <c:v>2.0213950709006676</c:v>
                </c:pt>
                <c:pt idx="1140">
                  <c:v>2.0213950709006676</c:v>
                </c:pt>
                <c:pt idx="1141">
                  <c:v>1.3994273567773852</c:v>
                </c:pt>
                <c:pt idx="1142">
                  <c:v>2.0213950709006676</c:v>
                </c:pt>
                <c:pt idx="1143">
                  <c:v>1.5549192853082057</c:v>
                </c:pt>
                <c:pt idx="1144">
                  <c:v>0.73000905413530792</c:v>
                </c:pt>
                <c:pt idx="1145">
                  <c:v>0.48180597572930312</c:v>
                </c:pt>
                <c:pt idx="1146">
                  <c:v>0.30660380273682925</c:v>
                </c:pt>
                <c:pt idx="1147">
                  <c:v>0.29200362165412314</c:v>
                </c:pt>
                <c:pt idx="1148">
                  <c:v>0.29200362165412314</c:v>
                </c:pt>
                <c:pt idx="1149">
                  <c:v>0.29200362165412314</c:v>
                </c:pt>
                <c:pt idx="1150">
                  <c:v>0.29200362165412314</c:v>
                </c:pt>
                <c:pt idx="1151">
                  <c:v>0.29200362165412314</c:v>
                </c:pt>
                <c:pt idx="1152">
                  <c:v>0.1366865298705755</c:v>
                </c:pt>
                <c:pt idx="1153">
                  <c:v>0.12301787688351797</c:v>
                </c:pt>
                <c:pt idx="1154">
                  <c:v>0.12301787688351797</c:v>
                </c:pt>
                <c:pt idx="1155">
                  <c:v>0.12301787688351797</c:v>
                </c:pt>
                <c:pt idx="1156">
                  <c:v>0.12301787688351797</c:v>
                </c:pt>
                <c:pt idx="1157">
                  <c:v>0.12301787688351797</c:v>
                </c:pt>
                <c:pt idx="1158">
                  <c:v>0.12301787688351797</c:v>
                </c:pt>
                <c:pt idx="1159">
                  <c:v>0.12301787688351797</c:v>
                </c:pt>
                <c:pt idx="1160">
                  <c:v>0.12301787688351797</c:v>
                </c:pt>
                <c:pt idx="1161">
                  <c:v>0.12301787688351797</c:v>
                </c:pt>
                <c:pt idx="1162">
                  <c:v>0.12301787688351797</c:v>
                </c:pt>
                <c:pt idx="1163">
                  <c:v>0.12301787688351797</c:v>
                </c:pt>
                <c:pt idx="1164">
                  <c:v>0.12301787688351797</c:v>
                </c:pt>
                <c:pt idx="1165">
                  <c:v>0.12301787688351797</c:v>
                </c:pt>
                <c:pt idx="1166">
                  <c:v>0.12301787688351797</c:v>
                </c:pt>
                <c:pt idx="1167">
                  <c:v>0.12301787688351797</c:v>
                </c:pt>
                <c:pt idx="1168">
                  <c:v>0.12301787688351797</c:v>
                </c:pt>
                <c:pt idx="1169">
                  <c:v>0.12301787688351797</c:v>
                </c:pt>
                <c:pt idx="1170">
                  <c:v>0.12301787688351797</c:v>
                </c:pt>
                <c:pt idx="1171">
                  <c:v>0.12301787688351797</c:v>
                </c:pt>
                <c:pt idx="1172">
                  <c:v>0.12301787688351797</c:v>
                </c:pt>
                <c:pt idx="1173">
                  <c:v>0.12301787688351797</c:v>
                </c:pt>
                <c:pt idx="1174">
                  <c:v>0.12301787688351797</c:v>
                </c:pt>
                <c:pt idx="1175">
                  <c:v>0.12301787688351797</c:v>
                </c:pt>
                <c:pt idx="1176">
                  <c:v>0.14728923623944487</c:v>
                </c:pt>
                <c:pt idx="1177">
                  <c:v>0.14728923623944487</c:v>
                </c:pt>
                <c:pt idx="1178">
                  <c:v>0.14728923623944487</c:v>
                </c:pt>
                <c:pt idx="1179">
                  <c:v>0.14728923623944487</c:v>
                </c:pt>
                <c:pt idx="1180">
                  <c:v>0.14728923623944487</c:v>
                </c:pt>
                <c:pt idx="1181">
                  <c:v>0.14728923623944487</c:v>
                </c:pt>
                <c:pt idx="1182">
                  <c:v>0.14728923623944487</c:v>
                </c:pt>
                <c:pt idx="1183">
                  <c:v>0.14728923623944487</c:v>
                </c:pt>
                <c:pt idx="1184">
                  <c:v>0.14728923623944487</c:v>
                </c:pt>
                <c:pt idx="1185">
                  <c:v>0.14728923623944487</c:v>
                </c:pt>
                <c:pt idx="1186">
                  <c:v>0.14728923623944487</c:v>
                </c:pt>
                <c:pt idx="1187">
                  <c:v>0.14728923623944487</c:v>
                </c:pt>
                <c:pt idx="1188">
                  <c:v>0.14728923623944487</c:v>
                </c:pt>
                <c:pt idx="1189">
                  <c:v>0.14728923623944487</c:v>
                </c:pt>
                <c:pt idx="1190">
                  <c:v>0.14728923623944487</c:v>
                </c:pt>
                <c:pt idx="1191">
                  <c:v>0.14728923623944487</c:v>
                </c:pt>
                <c:pt idx="1192">
                  <c:v>0.14728923623944487</c:v>
                </c:pt>
                <c:pt idx="1193">
                  <c:v>0.14728923623944487</c:v>
                </c:pt>
                <c:pt idx="1194">
                  <c:v>0.14728923623944487</c:v>
                </c:pt>
                <c:pt idx="1195">
                  <c:v>0.14728923623944487</c:v>
                </c:pt>
                <c:pt idx="1196">
                  <c:v>0.14728923623944487</c:v>
                </c:pt>
                <c:pt idx="1197">
                  <c:v>0.14728923623944487</c:v>
                </c:pt>
                <c:pt idx="1198">
                  <c:v>0.14728923623944487</c:v>
                </c:pt>
                <c:pt idx="1199">
                  <c:v>0.14728923623944487</c:v>
                </c:pt>
                <c:pt idx="1200">
                  <c:v>0.30180994525327837</c:v>
                </c:pt>
                <c:pt idx="1201">
                  <c:v>0.30180994525327837</c:v>
                </c:pt>
                <c:pt idx="1202">
                  <c:v>0.30180994525327837</c:v>
                </c:pt>
                <c:pt idx="1203">
                  <c:v>0.30180994525327837</c:v>
                </c:pt>
                <c:pt idx="1204">
                  <c:v>0.30180994525327837</c:v>
                </c:pt>
                <c:pt idx="1205">
                  <c:v>0.30180994525327837</c:v>
                </c:pt>
                <c:pt idx="1206">
                  <c:v>0.30180994525327837</c:v>
                </c:pt>
                <c:pt idx="1207">
                  <c:v>1.2857103667789656</c:v>
                </c:pt>
                <c:pt idx="1208">
                  <c:v>1.4464241626263363</c:v>
                </c:pt>
                <c:pt idx="1209">
                  <c:v>1.6071379584737071</c:v>
                </c:pt>
                <c:pt idx="1210">
                  <c:v>1.6071379584737071</c:v>
                </c:pt>
                <c:pt idx="1211">
                  <c:v>1.928565550168448</c:v>
                </c:pt>
                <c:pt idx="1212">
                  <c:v>1.928565550168448</c:v>
                </c:pt>
                <c:pt idx="1213">
                  <c:v>1.2857103667789656</c:v>
                </c:pt>
                <c:pt idx="1214">
                  <c:v>1.928565550168448</c:v>
                </c:pt>
                <c:pt idx="1215">
                  <c:v>1.928565550168448</c:v>
                </c:pt>
                <c:pt idx="1216">
                  <c:v>1.1249965709315948</c:v>
                </c:pt>
                <c:pt idx="1217">
                  <c:v>0.32142759169474139</c:v>
                </c:pt>
                <c:pt idx="1218">
                  <c:v>0.31690044251594218</c:v>
                </c:pt>
                <c:pt idx="1219">
                  <c:v>0.31690044251594218</c:v>
                </c:pt>
                <c:pt idx="1220">
                  <c:v>0.31690044251594218</c:v>
                </c:pt>
                <c:pt idx="1221">
                  <c:v>0.31690044251594218</c:v>
                </c:pt>
                <c:pt idx="1222">
                  <c:v>0.31690044251594218</c:v>
                </c:pt>
                <c:pt idx="1223">
                  <c:v>0.31690044251594218</c:v>
                </c:pt>
                <c:pt idx="1224">
                  <c:v>0.19652941774310617</c:v>
                </c:pt>
                <c:pt idx="1225">
                  <c:v>0.29947339846568566</c:v>
                </c:pt>
                <c:pt idx="1226">
                  <c:v>0.29947339846568566</c:v>
                </c:pt>
                <c:pt idx="1227">
                  <c:v>0.29947339846568566</c:v>
                </c:pt>
                <c:pt idx="1228">
                  <c:v>0.29947339846568566</c:v>
                </c:pt>
                <c:pt idx="1229">
                  <c:v>0.29947339846568566</c:v>
                </c:pt>
                <c:pt idx="1230">
                  <c:v>0.29947339846568566</c:v>
                </c:pt>
                <c:pt idx="1231">
                  <c:v>1.2624675454069059</c:v>
                </c:pt>
                <c:pt idx="1232">
                  <c:v>1.4086479980329689</c:v>
                </c:pt>
                <c:pt idx="1233">
                  <c:v>1.5548284506590317</c:v>
                </c:pt>
                <c:pt idx="1234">
                  <c:v>1.5548284506590317</c:v>
                </c:pt>
                <c:pt idx="1235">
                  <c:v>1.8604784879680718</c:v>
                </c:pt>
                <c:pt idx="1236">
                  <c:v>1.8604784879680718</c:v>
                </c:pt>
                <c:pt idx="1237">
                  <c:v>1.2358892812930764</c:v>
                </c:pt>
                <c:pt idx="1238">
                  <c:v>1.8604784879680718</c:v>
                </c:pt>
                <c:pt idx="1239">
                  <c:v>1.8604784879680718</c:v>
                </c:pt>
                <c:pt idx="1240">
                  <c:v>1.0963533946954709</c:v>
                </c:pt>
                <c:pt idx="1241">
                  <c:v>0.46792718510263381</c:v>
                </c:pt>
                <c:pt idx="1242">
                  <c:v>0.30883194216773829</c:v>
                </c:pt>
                <c:pt idx="1243">
                  <c:v>0.30883194216773829</c:v>
                </c:pt>
                <c:pt idx="1244">
                  <c:v>0.30883194216773829</c:v>
                </c:pt>
                <c:pt idx="1245">
                  <c:v>0.30883194216773829</c:v>
                </c:pt>
                <c:pt idx="1246">
                  <c:v>0.30883194216773829</c:v>
                </c:pt>
                <c:pt idx="1247">
                  <c:v>0.30883194216773829</c:v>
                </c:pt>
                <c:pt idx="1248">
                  <c:v>0.30556373858681962</c:v>
                </c:pt>
                <c:pt idx="1249">
                  <c:v>0.30556373858681962</c:v>
                </c:pt>
                <c:pt idx="1250">
                  <c:v>0.30556373858681962</c:v>
                </c:pt>
                <c:pt idx="1251">
                  <c:v>0.30556373858681962</c:v>
                </c:pt>
                <c:pt idx="1252">
                  <c:v>0.30556373858681962</c:v>
                </c:pt>
                <c:pt idx="1253">
                  <c:v>0.30556373858681962</c:v>
                </c:pt>
                <c:pt idx="1254">
                  <c:v>0.30556373858681962</c:v>
                </c:pt>
                <c:pt idx="1255">
                  <c:v>1.2491075253139987</c:v>
                </c:pt>
                <c:pt idx="1256">
                  <c:v>1.3937410282450935</c:v>
                </c:pt>
                <c:pt idx="1257">
                  <c:v>1.5383745311761883</c:v>
                </c:pt>
                <c:pt idx="1258">
                  <c:v>1.5383745311761883</c:v>
                </c:pt>
                <c:pt idx="1259">
                  <c:v>1.8407900373048405</c:v>
                </c:pt>
                <c:pt idx="1260">
                  <c:v>1.8407900373048405</c:v>
                </c:pt>
                <c:pt idx="1261">
                  <c:v>1.2228105247810725</c:v>
                </c:pt>
                <c:pt idx="1262">
                  <c:v>1.8407900373048405</c:v>
                </c:pt>
                <c:pt idx="1263">
                  <c:v>1.8407900373048405</c:v>
                </c:pt>
                <c:pt idx="1264">
                  <c:v>1.0847512719832095</c:v>
                </c:pt>
                <c:pt idx="1265">
                  <c:v>0.46297536149518126</c:v>
                </c:pt>
                <c:pt idx="1266">
                  <c:v>0.30556373858681962</c:v>
                </c:pt>
                <c:pt idx="1267">
                  <c:v>0.30556373858681962</c:v>
                </c:pt>
                <c:pt idx="1268">
                  <c:v>0.30556373858681962</c:v>
                </c:pt>
                <c:pt idx="1269">
                  <c:v>0.30556373858681962</c:v>
                </c:pt>
                <c:pt idx="1270">
                  <c:v>0.30556373858681962</c:v>
                </c:pt>
                <c:pt idx="1271">
                  <c:v>0.30556373858681962</c:v>
                </c:pt>
                <c:pt idx="1272">
                  <c:v>0.31205875657492332</c:v>
                </c:pt>
                <c:pt idx="1273">
                  <c:v>0.31205875657492332</c:v>
                </c:pt>
                <c:pt idx="1274">
                  <c:v>0.31205875657492332</c:v>
                </c:pt>
                <c:pt idx="1275">
                  <c:v>0.31205875657492332</c:v>
                </c:pt>
                <c:pt idx="1276">
                  <c:v>0.31205875657492332</c:v>
                </c:pt>
                <c:pt idx="1277">
                  <c:v>0.31205875657492332</c:v>
                </c:pt>
                <c:pt idx="1278">
                  <c:v>0.31205875657492332</c:v>
                </c:pt>
                <c:pt idx="1279">
                  <c:v>1.2756583715744594</c:v>
                </c:pt>
                <c:pt idx="1280">
                  <c:v>1.4233661830199233</c:v>
                </c:pt>
                <c:pt idx="1281">
                  <c:v>1.5710739944653871</c:v>
                </c:pt>
                <c:pt idx="1282">
                  <c:v>1.5710739944653871</c:v>
                </c:pt>
                <c:pt idx="1283">
                  <c:v>1.8799176002149929</c:v>
                </c:pt>
                <c:pt idx="1284">
                  <c:v>1.8799176002149929</c:v>
                </c:pt>
                <c:pt idx="1285">
                  <c:v>1.2488024058571026</c:v>
                </c:pt>
                <c:pt idx="1286">
                  <c:v>1.8799176002149929</c:v>
                </c:pt>
                <c:pt idx="1287">
                  <c:v>1.8799176002149929</c:v>
                </c:pt>
                <c:pt idx="1288">
                  <c:v>1.1078085858409781</c:v>
                </c:pt>
                <c:pt idx="1289">
                  <c:v>0.47281629784079299</c:v>
                </c:pt>
                <c:pt idx="1290">
                  <c:v>0.31205875657492332</c:v>
                </c:pt>
                <c:pt idx="1291">
                  <c:v>0.31205875657492332</c:v>
                </c:pt>
                <c:pt idx="1292">
                  <c:v>0.31205875657492332</c:v>
                </c:pt>
                <c:pt idx="1293">
                  <c:v>0.31205875657492332</c:v>
                </c:pt>
                <c:pt idx="1294">
                  <c:v>0.31205875657492332</c:v>
                </c:pt>
                <c:pt idx="1295">
                  <c:v>0.31205875657492332</c:v>
                </c:pt>
                <c:pt idx="1296">
                  <c:v>0.46811179034464689</c:v>
                </c:pt>
                <c:pt idx="1297">
                  <c:v>0.28370411536039208</c:v>
                </c:pt>
                <c:pt idx="1298">
                  <c:v>0.28370411536039208</c:v>
                </c:pt>
                <c:pt idx="1299">
                  <c:v>0.28370411536039208</c:v>
                </c:pt>
                <c:pt idx="1300">
                  <c:v>0.28370411536039208</c:v>
                </c:pt>
                <c:pt idx="1301">
                  <c:v>0.28370411536039208</c:v>
                </c:pt>
                <c:pt idx="1302">
                  <c:v>0.28370411536039208</c:v>
                </c:pt>
                <c:pt idx="1303">
                  <c:v>1.2085795314352699</c:v>
                </c:pt>
                <c:pt idx="1304">
                  <c:v>1.5107244142940874</c:v>
                </c:pt>
                <c:pt idx="1305">
                  <c:v>1.6617968557234963</c:v>
                </c:pt>
                <c:pt idx="1306">
                  <c:v>1.6617968557234963</c:v>
                </c:pt>
                <c:pt idx="1307">
                  <c:v>1.9639417385823137</c:v>
                </c:pt>
                <c:pt idx="1308">
                  <c:v>1.9639417385823137</c:v>
                </c:pt>
                <c:pt idx="1309">
                  <c:v>1.3596519728646788</c:v>
                </c:pt>
                <c:pt idx="1310">
                  <c:v>1.9639417385823137</c:v>
                </c:pt>
                <c:pt idx="1311">
                  <c:v>1.5107244142940874</c:v>
                </c:pt>
                <c:pt idx="1312">
                  <c:v>0.70926028840098021</c:v>
                </c:pt>
                <c:pt idx="1313">
                  <c:v>0.46811179034464689</c:v>
                </c:pt>
                <c:pt idx="1314">
                  <c:v>0.29788932112841165</c:v>
                </c:pt>
                <c:pt idx="1315">
                  <c:v>0.28370411536039208</c:v>
                </c:pt>
                <c:pt idx="1316">
                  <c:v>0.28370411536039208</c:v>
                </c:pt>
                <c:pt idx="1317">
                  <c:v>0.28370411536039208</c:v>
                </c:pt>
                <c:pt idx="1318">
                  <c:v>0.28370411536039208</c:v>
                </c:pt>
                <c:pt idx="1319">
                  <c:v>0.28370411536039208</c:v>
                </c:pt>
                <c:pt idx="1320">
                  <c:v>0.19260974673621609</c:v>
                </c:pt>
                <c:pt idx="1321">
                  <c:v>0.17334877206259447</c:v>
                </c:pt>
                <c:pt idx="1322">
                  <c:v>0.17334877206259447</c:v>
                </c:pt>
                <c:pt idx="1323">
                  <c:v>0.17334877206259447</c:v>
                </c:pt>
                <c:pt idx="1324">
                  <c:v>0.17334877206259447</c:v>
                </c:pt>
                <c:pt idx="1325">
                  <c:v>0.17334877206259447</c:v>
                </c:pt>
                <c:pt idx="1326">
                  <c:v>0.17334877206259447</c:v>
                </c:pt>
                <c:pt idx="1327">
                  <c:v>0.17334877206259447</c:v>
                </c:pt>
                <c:pt idx="1328">
                  <c:v>0.17334877206259447</c:v>
                </c:pt>
                <c:pt idx="1329">
                  <c:v>0.17334877206259447</c:v>
                </c:pt>
                <c:pt idx="1330">
                  <c:v>0.17334877206259447</c:v>
                </c:pt>
                <c:pt idx="1331">
                  <c:v>0.17334877206259447</c:v>
                </c:pt>
                <c:pt idx="1332">
                  <c:v>0.17334877206259447</c:v>
                </c:pt>
                <c:pt idx="1333">
                  <c:v>0.17334877206259447</c:v>
                </c:pt>
                <c:pt idx="1334">
                  <c:v>0.17334877206259447</c:v>
                </c:pt>
                <c:pt idx="1335">
                  <c:v>0.17334877206259447</c:v>
                </c:pt>
                <c:pt idx="1336">
                  <c:v>0.17334877206259447</c:v>
                </c:pt>
                <c:pt idx="1337">
                  <c:v>0.17334877206259447</c:v>
                </c:pt>
                <c:pt idx="1338">
                  <c:v>0.17334877206259447</c:v>
                </c:pt>
                <c:pt idx="1339">
                  <c:v>0.17334877206259447</c:v>
                </c:pt>
                <c:pt idx="1340">
                  <c:v>0.17334877206259447</c:v>
                </c:pt>
                <c:pt idx="1341">
                  <c:v>0.17334877206259447</c:v>
                </c:pt>
                <c:pt idx="1342">
                  <c:v>0.17334877206259447</c:v>
                </c:pt>
                <c:pt idx="1343">
                  <c:v>0.17334877206259447</c:v>
                </c:pt>
                <c:pt idx="1344">
                  <c:v>0.22076491589865652</c:v>
                </c:pt>
                <c:pt idx="1345">
                  <c:v>0.22076491589865652</c:v>
                </c:pt>
                <c:pt idx="1346">
                  <c:v>0.22076491589865652</c:v>
                </c:pt>
                <c:pt idx="1347">
                  <c:v>0.22076491589865652</c:v>
                </c:pt>
                <c:pt idx="1348">
                  <c:v>0.22076491589865652</c:v>
                </c:pt>
                <c:pt idx="1349">
                  <c:v>0.22076491589865652</c:v>
                </c:pt>
                <c:pt idx="1350">
                  <c:v>0.22076491589865652</c:v>
                </c:pt>
                <c:pt idx="1351">
                  <c:v>0.22076491589865652</c:v>
                </c:pt>
                <c:pt idx="1352">
                  <c:v>0.22076491589865652</c:v>
                </c:pt>
                <c:pt idx="1353">
                  <c:v>0.22076491589865652</c:v>
                </c:pt>
                <c:pt idx="1354">
                  <c:v>0.22076491589865652</c:v>
                </c:pt>
                <c:pt idx="1355">
                  <c:v>0.22076491589865652</c:v>
                </c:pt>
                <c:pt idx="1356">
                  <c:v>0.22076491589865652</c:v>
                </c:pt>
                <c:pt idx="1357">
                  <c:v>0.22076491589865652</c:v>
                </c:pt>
                <c:pt idx="1358">
                  <c:v>0.22076491589865652</c:v>
                </c:pt>
                <c:pt idx="1359">
                  <c:v>0.22076491589865652</c:v>
                </c:pt>
                <c:pt idx="1360">
                  <c:v>0.22076491589865652</c:v>
                </c:pt>
                <c:pt idx="1361">
                  <c:v>0.22076491589865652</c:v>
                </c:pt>
                <c:pt idx="1362">
                  <c:v>0.22076491589865652</c:v>
                </c:pt>
                <c:pt idx="1363">
                  <c:v>0.22076491589865652</c:v>
                </c:pt>
                <c:pt idx="1364">
                  <c:v>0.22076491589865652</c:v>
                </c:pt>
                <c:pt idx="1365">
                  <c:v>0.22076491589865652</c:v>
                </c:pt>
                <c:pt idx="1366">
                  <c:v>0.22076491589865652</c:v>
                </c:pt>
                <c:pt idx="1367">
                  <c:v>0.22076491589865652</c:v>
                </c:pt>
                <c:pt idx="1368">
                  <c:v>0.31934422366705517</c:v>
                </c:pt>
                <c:pt idx="1369">
                  <c:v>0.31934422366705517</c:v>
                </c:pt>
                <c:pt idx="1370">
                  <c:v>0.31934422366705517</c:v>
                </c:pt>
                <c:pt idx="1371">
                  <c:v>0.31934422366705517</c:v>
                </c:pt>
                <c:pt idx="1372">
                  <c:v>0.31934422366705517</c:v>
                </c:pt>
                <c:pt idx="1373">
                  <c:v>0.31934422366705517</c:v>
                </c:pt>
                <c:pt idx="1374">
                  <c:v>0.31934422366705517</c:v>
                </c:pt>
                <c:pt idx="1375">
                  <c:v>1.360406392821655</c:v>
                </c:pt>
                <c:pt idx="1376">
                  <c:v>1.5304571919243619</c:v>
                </c:pt>
                <c:pt idx="1377">
                  <c:v>1.7005079910270686</c:v>
                </c:pt>
                <c:pt idx="1378">
                  <c:v>1.7005079910270686</c:v>
                </c:pt>
                <c:pt idx="1379">
                  <c:v>2.0406095892324823</c:v>
                </c:pt>
                <c:pt idx="1380">
                  <c:v>2.0406095892324823</c:v>
                </c:pt>
                <c:pt idx="1381">
                  <c:v>1.360406392821655</c:v>
                </c:pt>
                <c:pt idx="1382">
                  <c:v>2.0406095892324823</c:v>
                </c:pt>
                <c:pt idx="1383">
                  <c:v>2.0406095892324823</c:v>
                </c:pt>
                <c:pt idx="1384">
                  <c:v>1.1903555937189478</c:v>
                </c:pt>
                <c:pt idx="1385">
                  <c:v>0.34010159820541375</c:v>
                </c:pt>
                <c:pt idx="1386">
                  <c:v>0.33531143485040793</c:v>
                </c:pt>
                <c:pt idx="1387">
                  <c:v>0.33531143485040793</c:v>
                </c:pt>
                <c:pt idx="1388">
                  <c:v>0.33531143485040793</c:v>
                </c:pt>
                <c:pt idx="1389">
                  <c:v>0.33531143485040793</c:v>
                </c:pt>
                <c:pt idx="1390">
                  <c:v>0.33531143485040793</c:v>
                </c:pt>
                <c:pt idx="1391">
                  <c:v>0.33531143485040793</c:v>
                </c:pt>
                <c:pt idx="1392">
                  <c:v>0.21061517743187924</c:v>
                </c:pt>
                <c:pt idx="1393">
                  <c:v>0.32093741322953034</c:v>
                </c:pt>
                <c:pt idx="1394">
                  <c:v>0.32093741322953034</c:v>
                </c:pt>
                <c:pt idx="1395">
                  <c:v>0.32093741322953034</c:v>
                </c:pt>
                <c:pt idx="1396">
                  <c:v>0.32093741322953034</c:v>
                </c:pt>
                <c:pt idx="1397">
                  <c:v>0.32093741322953034</c:v>
                </c:pt>
                <c:pt idx="1398">
                  <c:v>0.32093741322953034</c:v>
                </c:pt>
                <c:pt idx="1399">
                  <c:v>1.3529517826457385</c:v>
                </c:pt>
                <c:pt idx="1400">
                  <c:v>1.5096093574784031</c:v>
                </c:pt>
                <c:pt idx="1401">
                  <c:v>1.6662669323110677</c:v>
                </c:pt>
                <c:pt idx="1402">
                  <c:v>1.6662669323110677</c:v>
                </c:pt>
                <c:pt idx="1403">
                  <c:v>1.993823679688457</c:v>
                </c:pt>
                <c:pt idx="1404">
                  <c:v>1.993823679688457</c:v>
                </c:pt>
                <c:pt idx="1405">
                  <c:v>1.3244685872216178</c:v>
                </c:pt>
                <c:pt idx="1406">
                  <c:v>1.993823679688457</c:v>
                </c:pt>
                <c:pt idx="1407">
                  <c:v>1.993823679688457</c:v>
                </c:pt>
                <c:pt idx="1408">
                  <c:v>1.1749318112449836</c:v>
                </c:pt>
                <c:pt idx="1409">
                  <c:v>0.50146470817114108</c:v>
                </c:pt>
                <c:pt idx="1410">
                  <c:v>0.33096670739295314</c:v>
                </c:pt>
                <c:pt idx="1411">
                  <c:v>0.33096670739295314</c:v>
                </c:pt>
                <c:pt idx="1412">
                  <c:v>0.33096670739295314</c:v>
                </c:pt>
                <c:pt idx="1413">
                  <c:v>0.33096670739295314</c:v>
                </c:pt>
                <c:pt idx="1414">
                  <c:v>0.33096670739295314</c:v>
                </c:pt>
                <c:pt idx="1415">
                  <c:v>0.33096670739295314</c:v>
                </c:pt>
                <c:pt idx="1416">
                  <c:v>0.32504879255113089</c:v>
                </c:pt>
                <c:pt idx="1417">
                  <c:v>0.32504879255113089</c:v>
                </c:pt>
                <c:pt idx="1418">
                  <c:v>0.32504879255113089</c:v>
                </c:pt>
                <c:pt idx="1419">
                  <c:v>0.32504879255113089</c:v>
                </c:pt>
                <c:pt idx="1420">
                  <c:v>0.32504879255113089</c:v>
                </c:pt>
                <c:pt idx="1421">
                  <c:v>0.32504879255113089</c:v>
                </c:pt>
                <c:pt idx="1422">
                  <c:v>0.32504879255113089</c:v>
                </c:pt>
                <c:pt idx="1423">
                  <c:v>1.3287600640953803</c:v>
                </c:pt>
                <c:pt idx="1424">
                  <c:v>1.4826164925695824</c:v>
                </c:pt>
                <c:pt idx="1425">
                  <c:v>1.6364729210437843</c:v>
                </c:pt>
                <c:pt idx="1426">
                  <c:v>1.6364729210437843</c:v>
                </c:pt>
                <c:pt idx="1427">
                  <c:v>1.9581727260352975</c:v>
                </c:pt>
                <c:pt idx="1428">
                  <c:v>1.9581727260352975</c:v>
                </c:pt>
                <c:pt idx="1429">
                  <c:v>1.3007861680091617</c:v>
                </c:pt>
                <c:pt idx="1430">
                  <c:v>1.9581727260352975</c:v>
                </c:pt>
                <c:pt idx="1431">
                  <c:v>1.9581727260352975</c:v>
                </c:pt>
                <c:pt idx="1432">
                  <c:v>1.1539232135565147</c:v>
                </c:pt>
                <c:pt idx="1433">
                  <c:v>0.4924981705320165</c:v>
                </c:pt>
                <c:pt idx="1434">
                  <c:v>0.32504879255113089</c:v>
                </c:pt>
                <c:pt idx="1435">
                  <c:v>0.32504879255113089</c:v>
                </c:pt>
                <c:pt idx="1436">
                  <c:v>0.32504879255113089</c:v>
                </c:pt>
                <c:pt idx="1437">
                  <c:v>0.32504879255113089</c:v>
                </c:pt>
                <c:pt idx="1438">
                  <c:v>0.32504879255113089</c:v>
                </c:pt>
                <c:pt idx="1439">
                  <c:v>0.32504879255113089</c:v>
                </c:pt>
                <c:pt idx="1440">
                  <c:v>0.31922567297558957</c:v>
                </c:pt>
                <c:pt idx="1441">
                  <c:v>0.31922567297558957</c:v>
                </c:pt>
                <c:pt idx="1442">
                  <c:v>0.31922567297558957</c:v>
                </c:pt>
                <c:pt idx="1443">
                  <c:v>0.31922567297558957</c:v>
                </c:pt>
                <c:pt idx="1444">
                  <c:v>0.31922567297558957</c:v>
                </c:pt>
                <c:pt idx="1445">
                  <c:v>0.31922567297558957</c:v>
                </c:pt>
                <c:pt idx="1446">
                  <c:v>0.31922567297558957</c:v>
                </c:pt>
                <c:pt idx="1447">
                  <c:v>1.3049558571032434</c:v>
                </c:pt>
                <c:pt idx="1448">
                  <c:v>1.4560560089783559</c:v>
                </c:pt>
                <c:pt idx="1449">
                  <c:v>1.6071561608534684</c:v>
                </c:pt>
                <c:pt idx="1450">
                  <c:v>1.6071561608534684</c:v>
                </c:pt>
                <c:pt idx="1451">
                  <c:v>1.9230928420468847</c:v>
                </c:pt>
                <c:pt idx="1452">
                  <c:v>1.9230928420468847</c:v>
                </c:pt>
                <c:pt idx="1453">
                  <c:v>1.2774831022168593</c:v>
                </c:pt>
                <c:pt idx="1454">
                  <c:v>1.9230928420468847</c:v>
                </c:pt>
                <c:pt idx="1455">
                  <c:v>1.9230928420468847</c:v>
                </c:pt>
                <c:pt idx="1456">
                  <c:v>1.1332511390633431</c:v>
                </c:pt>
                <c:pt idx="1457">
                  <c:v>0.48367526208422668</c:v>
                </c:pt>
                <c:pt idx="1458">
                  <c:v>0.31922567297558957</c:v>
                </c:pt>
                <c:pt idx="1459">
                  <c:v>0.31922567297558957</c:v>
                </c:pt>
                <c:pt idx="1460">
                  <c:v>0.31922567297558957</c:v>
                </c:pt>
                <c:pt idx="1461">
                  <c:v>0.31922567297558957</c:v>
                </c:pt>
                <c:pt idx="1462">
                  <c:v>0.31922567297558957</c:v>
                </c:pt>
                <c:pt idx="1463">
                  <c:v>0.31922567297558957</c:v>
                </c:pt>
                <c:pt idx="1464">
                  <c:v>0.48796835915239845</c:v>
                </c:pt>
                <c:pt idx="1465">
                  <c:v>0.29573839948630215</c:v>
                </c:pt>
                <c:pt idx="1466">
                  <c:v>0.29573839948630215</c:v>
                </c:pt>
                <c:pt idx="1467">
                  <c:v>0.29573839948630215</c:v>
                </c:pt>
                <c:pt idx="1468">
                  <c:v>0.29573839948630215</c:v>
                </c:pt>
                <c:pt idx="1469">
                  <c:v>0.29573839948630215</c:v>
                </c:pt>
                <c:pt idx="1470">
                  <c:v>0.29573839948630215</c:v>
                </c:pt>
                <c:pt idx="1471">
                  <c:v>1.259845581811647</c:v>
                </c:pt>
                <c:pt idx="1472">
                  <c:v>1.5748069772645588</c:v>
                </c:pt>
                <c:pt idx="1473">
                  <c:v>1.7322876749910148</c:v>
                </c:pt>
                <c:pt idx="1474">
                  <c:v>1.7322876749910148</c:v>
                </c:pt>
                <c:pt idx="1475">
                  <c:v>2.0472490704439266</c:v>
                </c:pt>
                <c:pt idx="1476">
                  <c:v>2.0472490704439266</c:v>
                </c:pt>
                <c:pt idx="1477">
                  <c:v>1.417326279538103</c:v>
                </c:pt>
                <c:pt idx="1478">
                  <c:v>2.0472490704439266</c:v>
                </c:pt>
                <c:pt idx="1479">
                  <c:v>1.5748069772645588</c:v>
                </c:pt>
                <c:pt idx="1480">
                  <c:v>0.73934599871575535</c:v>
                </c:pt>
                <c:pt idx="1481">
                  <c:v>0.48796835915239845</c:v>
                </c:pt>
                <c:pt idx="1482">
                  <c:v>0.31052531946061723</c:v>
                </c:pt>
                <c:pt idx="1483">
                  <c:v>0.29573839948630215</c:v>
                </c:pt>
                <c:pt idx="1484">
                  <c:v>0.29573839948630215</c:v>
                </c:pt>
                <c:pt idx="1485">
                  <c:v>0.29573839948630215</c:v>
                </c:pt>
                <c:pt idx="1486">
                  <c:v>0.29573839948630215</c:v>
                </c:pt>
                <c:pt idx="1487">
                  <c:v>0.29573839948630215</c:v>
                </c:pt>
                <c:pt idx="1488">
                  <c:v>0.202221549634998</c:v>
                </c:pt>
                <c:pt idx="1489">
                  <c:v>0.18199939467149823</c:v>
                </c:pt>
                <c:pt idx="1490">
                  <c:v>0.18199939467149823</c:v>
                </c:pt>
                <c:pt idx="1491">
                  <c:v>0.18199939467149823</c:v>
                </c:pt>
                <c:pt idx="1492">
                  <c:v>0.18199939467149823</c:v>
                </c:pt>
                <c:pt idx="1493">
                  <c:v>0.18199939467149823</c:v>
                </c:pt>
                <c:pt idx="1494">
                  <c:v>0.18199939467149823</c:v>
                </c:pt>
                <c:pt idx="1495">
                  <c:v>0.18199939467149823</c:v>
                </c:pt>
                <c:pt idx="1496">
                  <c:v>0.18199939467149823</c:v>
                </c:pt>
                <c:pt idx="1497">
                  <c:v>0.18199939467149823</c:v>
                </c:pt>
                <c:pt idx="1498">
                  <c:v>0.18199939467149823</c:v>
                </c:pt>
                <c:pt idx="1499">
                  <c:v>0.18199939467149823</c:v>
                </c:pt>
                <c:pt idx="1500">
                  <c:v>0.18199939467149823</c:v>
                </c:pt>
                <c:pt idx="1501">
                  <c:v>0.18199939467149823</c:v>
                </c:pt>
                <c:pt idx="1502">
                  <c:v>0.18199939467149823</c:v>
                </c:pt>
                <c:pt idx="1503">
                  <c:v>0.18199939467149823</c:v>
                </c:pt>
                <c:pt idx="1504">
                  <c:v>0.18199939467149823</c:v>
                </c:pt>
                <c:pt idx="1505">
                  <c:v>0.18199939467149823</c:v>
                </c:pt>
                <c:pt idx="1506">
                  <c:v>0.18199939467149823</c:v>
                </c:pt>
                <c:pt idx="1507">
                  <c:v>0.18199939467149823</c:v>
                </c:pt>
                <c:pt idx="1508">
                  <c:v>0.18199939467149823</c:v>
                </c:pt>
                <c:pt idx="1509">
                  <c:v>0.18199939467149823</c:v>
                </c:pt>
                <c:pt idx="1510">
                  <c:v>0.18199939467149823</c:v>
                </c:pt>
                <c:pt idx="1511">
                  <c:v>0.18199939467149823</c:v>
                </c:pt>
                <c:pt idx="1512">
                  <c:v>0.2025935112517547</c:v>
                </c:pt>
                <c:pt idx="1513">
                  <c:v>0.2025935112517547</c:v>
                </c:pt>
                <c:pt idx="1514">
                  <c:v>0.2025935112517547</c:v>
                </c:pt>
                <c:pt idx="1515">
                  <c:v>0.2025935112517547</c:v>
                </c:pt>
                <c:pt idx="1516">
                  <c:v>0.2025935112517547</c:v>
                </c:pt>
                <c:pt idx="1517">
                  <c:v>0.2025935112517547</c:v>
                </c:pt>
                <c:pt idx="1518">
                  <c:v>0.2025935112517547</c:v>
                </c:pt>
                <c:pt idx="1519">
                  <c:v>0.2025935112517547</c:v>
                </c:pt>
                <c:pt idx="1520">
                  <c:v>0.2025935112517547</c:v>
                </c:pt>
                <c:pt idx="1521">
                  <c:v>0.2025935112517547</c:v>
                </c:pt>
                <c:pt idx="1522">
                  <c:v>0.2025935112517547</c:v>
                </c:pt>
                <c:pt idx="1523">
                  <c:v>0.2025935112517547</c:v>
                </c:pt>
                <c:pt idx="1524">
                  <c:v>0.2025935112517547</c:v>
                </c:pt>
                <c:pt idx="1525">
                  <c:v>0.2025935112517547</c:v>
                </c:pt>
                <c:pt idx="1526">
                  <c:v>0.2025935112517547</c:v>
                </c:pt>
                <c:pt idx="1527">
                  <c:v>0.2025935112517547</c:v>
                </c:pt>
                <c:pt idx="1528">
                  <c:v>0.2025935112517547</c:v>
                </c:pt>
                <c:pt idx="1529">
                  <c:v>0.2025935112517547</c:v>
                </c:pt>
                <c:pt idx="1530">
                  <c:v>0.2025935112517547</c:v>
                </c:pt>
                <c:pt idx="1531">
                  <c:v>0.2025935112517547</c:v>
                </c:pt>
                <c:pt idx="1532">
                  <c:v>0.2025935112517547</c:v>
                </c:pt>
                <c:pt idx="1533">
                  <c:v>0.2025935112517547</c:v>
                </c:pt>
                <c:pt idx="1534">
                  <c:v>0.2025935112517547</c:v>
                </c:pt>
                <c:pt idx="1535">
                  <c:v>0.2025935112517547</c:v>
                </c:pt>
                <c:pt idx="1536">
                  <c:v>0.30739770462816468</c:v>
                </c:pt>
                <c:pt idx="1537">
                  <c:v>0.30739770462816468</c:v>
                </c:pt>
                <c:pt idx="1538">
                  <c:v>0.30739770462816468</c:v>
                </c:pt>
                <c:pt idx="1539">
                  <c:v>0.30739770462816468</c:v>
                </c:pt>
                <c:pt idx="1540">
                  <c:v>0.30739770462816468</c:v>
                </c:pt>
                <c:pt idx="1541">
                  <c:v>0.30739770462816468</c:v>
                </c:pt>
                <c:pt idx="1542">
                  <c:v>0.30739770462816468</c:v>
                </c:pt>
                <c:pt idx="1543">
                  <c:v>1.3095142217159814</c:v>
                </c:pt>
                <c:pt idx="1544">
                  <c:v>1.473203499430479</c:v>
                </c:pt>
                <c:pt idx="1545">
                  <c:v>1.6368927771449768</c:v>
                </c:pt>
                <c:pt idx="1546">
                  <c:v>1.6368927771449768</c:v>
                </c:pt>
                <c:pt idx="1547">
                  <c:v>1.964271332573972</c:v>
                </c:pt>
                <c:pt idx="1548">
                  <c:v>1.964271332573972</c:v>
                </c:pt>
                <c:pt idx="1549">
                  <c:v>1.3095142217159814</c:v>
                </c:pt>
                <c:pt idx="1550">
                  <c:v>1.964271332573972</c:v>
                </c:pt>
                <c:pt idx="1551">
                  <c:v>1.964271332573972</c:v>
                </c:pt>
                <c:pt idx="1552">
                  <c:v>1.1458249440014836</c:v>
                </c:pt>
                <c:pt idx="1553">
                  <c:v>0.32737855542899535</c:v>
                </c:pt>
                <c:pt idx="1554">
                  <c:v>0.32276758985957288</c:v>
                </c:pt>
                <c:pt idx="1555">
                  <c:v>0.32276758985957288</c:v>
                </c:pt>
                <c:pt idx="1556">
                  <c:v>0.32276758985957288</c:v>
                </c:pt>
                <c:pt idx="1557">
                  <c:v>0.32276758985957288</c:v>
                </c:pt>
                <c:pt idx="1558">
                  <c:v>0.32276758985957288</c:v>
                </c:pt>
                <c:pt idx="1559">
                  <c:v>0.32276758985957288</c:v>
                </c:pt>
                <c:pt idx="1560">
                  <c:v>0.20357229758749271</c:v>
                </c:pt>
                <c:pt idx="1561">
                  <c:v>0.31020540584760792</c:v>
                </c:pt>
                <c:pt idx="1562">
                  <c:v>0.31020540584760792</c:v>
                </c:pt>
                <c:pt idx="1563">
                  <c:v>0.31020540584760792</c:v>
                </c:pt>
                <c:pt idx="1564">
                  <c:v>0.31020540584760792</c:v>
                </c:pt>
                <c:pt idx="1565">
                  <c:v>0.31020540584760792</c:v>
                </c:pt>
                <c:pt idx="1566">
                  <c:v>0.31020540584760792</c:v>
                </c:pt>
                <c:pt idx="1567">
                  <c:v>1.3077096640263219</c:v>
                </c:pt>
                <c:pt idx="1568">
                  <c:v>1.4591286777556858</c:v>
                </c:pt>
                <c:pt idx="1569">
                  <c:v>1.6105476914850494</c:v>
                </c:pt>
                <c:pt idx="1570">
                  <c:v>1.6105476914850494</c:v>
                </c:pt>
                <c:pt idx="1571">
                  <c:v>1.9271510838282639</c:v>
                </c:pt>
                <c:pt idx="1572">
                  <c:v>1.9271510838282639</c:v>
                </c:pt>
                <c:pt idx="1573">
                  <c:v>1.2801789342573469</c:v>
                </c:pt>
                <c:pt idx="1574">
                  <c:v>1.9271510838282639</c:v>
                </c:pt>
                <c:pt idx="1575">
                  <c:v>1.9271510838282639</c:v>
                </c:pt>
                <c:pt idx="1576">
                  <c:v>1.1356426029702271</c:v>
                </c:pt>
                <c:pt idx="1577">
                  <c:v>0.48469594663688736</c:v>
                </c:pt>
                <c:pt idx="1578">
                  <c:v>0.31989932478034566</c:v>
                </c:pt>
                <c:pt idx="1579">
                  <c:v>0.31989932478034566</c:v>
                </c:pt>
                <c:pt idx="1580">
                  <c:v>0.31989932478034566</c:v>
                </c:pt>
                <c:pt idx="1581">
                  <c:v>0.31989932478034566</c:v>
                </c:pt>
                <c:pt idx="1582">
                  <c:v>0.31989932478034566</c:v>
                </c:pt>
                <c:pt idx="1583">
                  <c:v>0.31989932478034566</c:v>
                </c:pt>
                <c:pt idx="1584">
                  <c:v>0.31519428250021481</c:v>
                </c:pt>
                <c:pt idx="1585">
                  <c:v>0.31519428250021481</c:v>
                </c:pt>
                <c:pt idx="1586">
                  <c:v>0.31519428250021481</c:v>
                </c:pt>
                <c:pt idx="1587">
                  <c:v>0.31519428250021481</c:v>
                </c:pt>
                <c:pt idx="1588">
                  <c:v>0.31519428250021481</c:v>
                </c:pt>
                <c:pt idx="1589">
                  <c:v>0.31519428250021481</c:v>
                </c:pt>
                <c:pt idx="1590">
                  <c:v>0.31519428250021481</c:v>
                </c:pt>
                <c:pt idx="1591">
                  <c:v>1.2884760214933022</c:v>
                </c:pt>
                <c:pt idx="1592">
                  <c:v>1.4376679818767375</c:v>
                </c:pt>
                <c:pt idx="1593">
                  <c:v>1.5868599422601724</c:v>
                </c:pt>
                <c:pt idx="1594">
                  <c:v>1.5868599422601724</c:v>
                </c:pt>
                <c:pt idx="1595">
                  <c:v>1.8988067685164456</c:v>
                </c:pt>
                <c:pt idx="1596">
                  <c:v>1.8988067685164456</c:v>
                </c:pt>
                <c:pt idx="1597">
                  <c:v>1.261350210514496</c:v>
                </c:pt>
                <c:pt idx="1598">
                  <c:v>1.8988067685164456</c:v>
                </c:pt>
                <c:pt idx="1599">
                  <c:v>1.8988067685164456</c:v>
                </c:pt>
                <c:pt idx="1600">
                  <c:v>1.1189397028757626</c:v>
                </c:pt>
                <c:pt idx="1601">
                  <c:v>0.47756709469729519</c:v>
                </c:pt>
                <c:pt idx="1602">
                  <c:v>0.31519428250021481</c:v>
                </c:pt>
                <c:pt idx="1603">
                  <c:v>0.31519428250021481</c:v>
                </c:pt>
                <c:pt idx="1604">
                  <c:v>0.31519428250021481</c:v>
                </c:pt>
                <c:pt idx="1605">
                  <c:v>0.31519428250021481</c:v>
                </c:pt>
                <c:pt idx="1606">
                  <c:v>0.31519428250021481</c:v>
                </c:pt>
                <c:pt idx="1607">
                  <c:v>0.31519428250021481</c:v>
                </c:pt>
                <c:pt idx="1608">
                  <c:v>0.30735546768698613</c:v>
                </c:pt>
                <c:pt idx="1609">
                  <c:v>0.30735546768698613</c:v>
                </c:pt>
                <c:pt idx="1610">
                  <c:v>0.30735546768698613</c:v>
                </c:pt>
                <c:pt idx="1611">
                  <c:v>0.30735546768698613</c:v>
                </c:pt>
                <c:pt idx="1612">
                  <c:v>0.30735546768698613</c:v>
                </c:pt>
                <c:pt idx="1613">
                  <c:v>0.30735546768698613</c:v>
                </c:pt>
                <c:pt idx="1614">
                  <c:v>0.30735546768698613</c:v>
                </c:pt>
                <c:pt idx="1615">
                  <c:v>1.2564318966961949</c:v>
                </c:pt>
                <c:pt idx="1616">
                  <c:v>1.4019134847347017</c:v>
                </c:pt>
                <c:pt idx="1617">
                  <c:v>1.5473950727732086</c:v>
                </c:pt>
                <c:pt idx="1618">
                  <c:v>1.5473950727732086</c:v>
                </c:pt>
                <c:pt idx="1619">
                  <c:v>1.8515838477628135</c:v>
                </c:pt>
                <c:pt idx="1620">
                  <c:v>1.8515838477628135</c:v>
                </c:pt>
                <c:pt idx="1621">
                  <c:v>1.229980698871012</c:v>
                </c:pt>
                <c:pt idx="1622">
                  <c:v>1.8515838477628135</c:v>
                </c:pt>
                <c:pt idx="1623">
                  <c:v>1.8515838477628135</c:v>
                </c:pt>
                <c:pt idx="1624">
                  <c:v>1.0911119102888007</c:v>
                </c:pt>
                <c:pt idx="1625">
                  <c:v>0.46569010255603971</c:v>
                </c:pt>
                <c:pt idx="1626">
                  <c:v>0.30735546768698613</c:v>
                </c:pt>
                <c:pt idx="1627">
                  <c:v>0.30735546768698613</c:v>
                </c:pt>
                <c:pt idx="1628">
                  <c:v>0.30735546768698613</c:v>
                </c:pt>
                <c:pt idx="1629">
                  <c:v>0.30735546768698613</c:v>
                </c:pt>
                <c:pt idx="1630">
                  <c:v>0.30735546768698613</c:v>
                </c:pt>
                <c:pt idx="1631">
                  <c:v>0.30735546768698613</c:v>
                </c:pt>
                <c:pt idx="1632">
                  <c:v>0.47222004596004385</c:v>
                </c:pt>
                <c:pt idx="1633">
                  <c:v>0.28619396724851137</c:v>
                </c:pt>
                <c:pt idx="1634">
                  <c:v>0.28619396724851137</c:v>
                </c:pt>
                <c:pt idx="1635">
                  <c:v>0.28619396724851137</c:v>
                </c:pt>
                <c:pt idx="1636">
                  <c:v>0.28619396724851137</c:v>
                </c:pt>
                <c:pt idx="1637">
                  <c:v>0.28619396724851137</c:v>
                </c:pt>
                <c:pt idx="1638">
                  <c:v>0.28619396724851137</c:v>
                </c:pt>
                <c:pt idx="1639">
                  <c:v>1.2191863004786585</c:v>
                </c:pt>
                <c:pt idx="1640">
                  <c:v>1.5239828755983231</c:v>
                </c:pt>
                <c:pt idx="1641">
                  <c:v>1.6763811631581553</c:v>
                </c:pt>
                <c:pt idx="1642">
                  <c:v>1.6763811631581553</c:v>
                </c:pt>
                <c:pt idx="1643">
                  <c:v>1.9811777382778202</c:v>
                </c:pt>
                <c:pt idx="1644">
                  <c:v>1.9811777382778202</c:v>
                </c:pt>
                <c:pt idx="1645">
                  <c:v>1.3715845880384907</c:v>
                </c:pt>
                <c:pt idx="1646">
                  <c:v>1.9811777382778202</c:v>
                </c:pt>
                <c:pt idx="1647">
                  <c:v>1.5239828755983231</c:v>
                </c:pt>
                <c:pt idx="1648">
                  <c:v>0.71548491812127857</c:v>
                </c:pt>
                <c:pt idx="1649">
                  <c:v>0.47222004596004385</c:v>
                </c:pt>
                <c:pt idx="1650">
                  <c:v>0.30050366561093694</c:v>
                </c:pt>
                <c:pt idx="1651">
                  <c:v>0.28619396724851137</c:v>
                </c:pt>
                <c:pt idx="1652">
                  <c:v>0.28619396724851137</c:v>
                </c:pt>
                <c:pt idx="1653">
                  <c:v>0.28619396724851137</c:v>
                </c:pt>
                <c:pt idx="1654">
                  <c:v>0.28619396724851137</c:v>
                </c:pt>
                <c:pt idx="1655">
                  <c:v>0.28619396724851137</c:v>
                </c:pt>
                <c:pt idx="1656">
                  <c:v>0.19173594647269046</c:v>
                </c:pt>
                <c:pt idx="1657">
                  <c:v>0.17256235182542137</c:v>
                </c:pt>
                <c:pt idx="1658">
                  <c:v>0.17256235182542137</c:v>
                </c:pt>
                <c:pt idx="1659">
                  <c:v>0.17256235182542137</c:v>
                </c:pt>
                <c:pt idx="1660">
                  <c:v>0.17256235182542137</c:v>
                </c:pt>
                <c:pt idx="1661">
                  <c:v>0.17256235182542137</c:v>
                </c:pt>
                <c:pt idx="1662">
                  <c:v>0.17256235182542137</c:v>
                </c:pt>
                <c:pt idx="1663">
                  <c:v>0.17256235182542137</c:v>
                </c:pt>
                <c:pt idx="1664">
                  <c:v>0.17256235182542137</c:v>
                </c:pt>
                <c:pt idx="1665">
                  <c:v>0.17256235182542137</c:v>
                </c:pt>
                <c:pt idx="1666">
                  <c:v>0.17256235182542137</c:v>
                </c:pt>
                <c:pt idx="1667">
                  <c:v>0.17256235182542137</c:v>
                </c:pt>
                <c:pt idx="1668">
                  <c:v>0.17256235182542137</c:v>
                </c:pt>
                <c:pt idx="1669">
                  <c:v>0.17256235182542137</c:v>
                </c:pt>
                <c:pt idx="1670">
                  <c:v>0.17256235182542137</c:v>
                </c:pt>
                <c:pt idx="1671">
                  <c:v>0.17256235182542137</c:v>
                </c:pt>
                <c:pt idx="1672">
                  <c:v>0.17256235182542137</c:v>
                </c:pt>
                <c:pt idx="1673">
                  <c:v>0.17256235182542137</c:v>
                </c:pt>
                <c:pt idx="1674">
                  <c:v>0.17256235182542137</c:v>
                </c:pt>
                <c:pt idx="1675">
                  <c:v>0.17256235182542137</c:v>
                </c:pt>
                <c:pt idx="1676">
                  <c:v>0.17256235182542137</c:v>
                </c:pt>
                <c:pt idx="1677">
                  <c:v>0.17256235182542137</c:v>
                </c:pt>
                <c:pt idx="1678">
                  <c:v>0.17256235182542137</c:v>
                </c:pt>
                <c:pt idx="1679">
                  <c:v>0.17256235182542137</c:v>
                </c:pt>
                <c:pt idx="1680">
                  <c:v>0.199433266965337</c:v>
                </c:pt>
                <c:pt idx="1681">
                  <c:v>0.199433266965337</c:v>
                </c:pt>
                <c:pt idx="1682">
                  <c:v>0.199433266965337</c:v>
                </c:pt>
                <c:pt idx="1683">
                  <c:v>0.199433266965337</c:v>
                </c:pt>
                <c:pt idx="1684">
                  <c:v>0.199433266965337</c:v>
                </c:pt>
                <c:pt idx="1685">
                  <c:v>0.199433266965337</c:v>
                </c:pt>
                <c:pt idx="1686">
                  <c:v>0.199433266965337</c:v>
                </c:pt>
                <c:pt idx="1687">
                  <c:v>0.199433266965337</c:v>
                </c:pt>
                <c:pt idx="1688">
                  <c:v>0.199433266965337</c:v>
                </c:pt>
                <c:pt idx="1689">
                  <c:v>0.199433266965337</c:v>
                </c:pt>
                <c:pt idx="1690">
                  <c:v>0.199433266965337</c:v>
                </c:pt>
                <c:pt idx="1691">
                  <c:v>0.199433266965337</c:v>
                </c:pt>
                <c:pt idx="1692">
                  <c:v>0.199433266965337</c:v>
                </c:pt>
                <c:pt idx="1693">
                  <c:v>0.199433266965337</c:v>
                </c:pt>
                <c:pt idx="1694">
                  <c:v>0.199433266965337</c:v>
                </c:pt>
                <c:pt idx="1695">
                  <c:v>0.199433266965337</c:v>
                </c:pt>
                <c:pt idx="1696">
                  <c:v>0.199433266965337</c:v>
                </c:pt>
                <c:pt idx="1697">
                  <c:v>0.199433266965337</c:v>
                </c:pt>
                <c:pt idx="1698">
                  <c:v>0.199433266965337</c:v>
                </c:pt>
                <c:pt idx="1699">
                  <c:v>0.199433266965337</c:v>
                </c:pt>
                <c:pt idx="1700">
                  <c:v>0.199433266965337</c:v>
                </c:pt>
                <c:pt idx="1701">
                  <c:v>0.199433266965337</c:v>
                </c:pt>
                <c:pt idx="1702">
                  <c:v>0.199433266965337</c:v>
                </c:pt>
                <c:pt idx="1703">
                  <c:v>0.199433266965337</c:v>
                </c:pt>
                <c:pt idx="1704">
                  <c:v>0.29643709970050286</c:v>
                </c:pt>
                <c:pt idx="1705">
                  <c:v>0.29643709970050286</c:v>
                </c:pt>
                <c:pt idx="1706">
                  <c:v>0.29643709970050286</c:v>
                </c:pt>
                <c:pt idx="1707">
                  <c:v>0.29643709970050286</c:v>
                </c:pt>
                <c:pt idx="1708">
                  <c:v>0.29643709970050286</c:v>
                </c:pt>
                <c:pt idx="1709">
                  <c:v>0.29643709970050286</c:v>
                </c:pt>
                <c:pt idx="1710">
                  <c:v>0.29643709970050286</c:v>
                </c:pt>
                <c:pt idx="1711">
                  <c:v>1.2628220447241421</c:v>
                </c:pt>
                <c:pt idx="1712">
                  <c:v>1.4206748003146599</c:v>
                </c:pt>
                <c:pt idx="1713">
                  <c:v>1.5785275559051777</c:v>
                </c:pt>
                <c:pt idx="1714">
                  <c:v>1.5785275559051777</c:v>
                </c:pt>
                <c:pt idx="1715">
                  <c:v>1.8942330670862131</c:v>
                </c:pt>
                <c:pt idx="1716">
                  <c:v>1.8942330670862131</c:v>
                </c:pt>
                <c:pt idx="1717">
                  <c:v>1.2628220447241421</c:v>
                </c:pt>
                <c:pt idx="1718">
                  <c:v>1.8942330670862131</c:v>
                </c:pt>
                <c:pt idx="1719">
                  <c:v>1.8942330670862131</c:v>
                </c:pt>
                <c:pt idx="1720">
                  <c:v>1.1049692891336245</c:v>
                </c:pt>
                <c:pt idx="1721">
                  <c:v>0.31570551118103551</c:v>
                </c:pt>
                <c:pt idx="1722">
                  <c:v>0.311258954685528</c:v>
                </c:pt>
                <c:pt idx="1723">
                  <c:v>0.311258954685528</c:v>
                </c:pt>
                <c:pt idx="1724">
                  <c:v>0.311258954685528</c:v>
                </c:pt>
                <c:pt idx="1725">
                  <c:v>0.311258954685528</c:v>
                </c:pt>
                <c:pt idx="1726">
                  <c:v>0.311258954685528</c:v>
                </c:pt>
                <c:pt idx="1727">
                  <c:v>0.311258954685528</c:v>
                </c:pt>
                <c:pt idx="1728">
                  <c:v>0.19839793688549442</c:v>
                </c:pt>
                <c:pt idx="1729">
                  <c:v>0.30232066573027727</c:v>
                </c:pt>
                <c:pt idx="1730">
                  <c:v>0.30232066573027727</c:v>
                </c:pt>
                <c:pt idx="1731">
                  <c:v>0.30232066573027727</c:v>
                </c:pt>
                <c:pt idx="1732">
                  <c:v>0.30232066573027727</c:v>
                </c:pt>
                <c:pt idx="1733">
                  <c:v>0.30232066573027727</c:v>
                </c:pt>
                <c:pt idx="1734">
                  <c:v>0.30232066573027727</c:v>
                </c:pt>
                <c:pt idx="1735">
                  <c:v>1.2744705564691998</c:v>
                </c:pt>
                <c:pt idx="1736">
                  <c:v>1.4220408314287916</c:v>
                </c:pt>
                <c:pt idx="1737">
                  <c:v>1.5696111063883831</c:v>
                </c:pt>
                <c:pt idx="1738">
                  <c:v>1.5696111063883831</c:v>
                </c:pt>
                <c:pt idx="1739">
                  <c:v>1.8781671358493472</c:v>
                </c:pt>
                <c:pt idx="1740">
                  <c:v>1.8781671358493472</c:v>
                </c:pt>
                <c:pt idx="1741">
                  <c:v>1.2476395973856376</c:v>
                </c:pt>
                <c:pt idx="1742">
                  <c:v>1.8781671358493472</c:v>
                </c:pt>
                <c:pt idx="1743">
                  <c:v>1.8781671358493472</c:v>
                </c:pt>
                <c:pt idx="1744">
                  <c:v>1.1067770621969368</c:v>
                </c:pt>
                <c:pt idx="1745">
                  <c:v>0.47237604020355817</c:v>
                </c:pt>
                <c:pt idx="1746">
                  <c:v>0.3117681865343484</c:v>
                </c:pt>
                <c:pt idx="1747">
                  <c:v>0.3117681865343484</c:v>
                </c:pt>
                <c:pt idx="1748">
                  <c:v>0.3117681865343484</c:v>
                </c:pt>
                <c:pt idx="1749">
                  <c:v>0.3117681865343484</c:v>
                </c:pt>
                <c:pt idx="1750">
                  <c:v>0.3117681865343484</c:v>
                </c:pt>
                <c:pt idx="1751">
                  <c:v>0.3117681865343484</c:v>
                </c:pt>
                <c:pt idx="1752">
                  <c:v>0.31609014705029814</c:v>
                </c:pt>
                <c:pt idx="1753">
                  <c:v>0.31609014705029814</c:v>
                </c:pt>
                <c:pt idx="1754">
                  <c:v>0.31609014705029814</c:v>
                </c:pt>
                <c:pt idx="1755">
                  <c:v>0.31609014705029814</c:v>
                </c:pt>
                <c:pt idx="1756">
                  <c:v>0.31609014705029814</c:v>
                </c:pt>
                <c:pt idx="1757">
                  <c:v>0.31609014705029814</c:v>
                </c:pt>
                <c:pt idx="1758">
                  <c:v>0.31609014705029814</c:v>
                </c:pt>
                <c:pt idx="1759">
                  <c:v>1.2921382071844001</c:v>
                </c:pt>
                <c:pt idx="1760">
                  <c:v>1.4417542101215415</c:v>
                </c:pt>
                <c:pt idx="1761">
                  <c:v>1.5913702130586826</c:v>
                </c:pt>
                <c:pt idx="1762">
                  <c:v>1.5913702130586826</c:v>
                </c:pt>
                <c:pt idx="1763">
                  <c:v>1.9042036737454322</c:v>
                </c:pt>
                <c:pt idx="1764">
                  <c:v>1.9042036737454322</c:v>
                </c:pt>
                <c:pt idx="1765">
                  <c:v>1.2649352975594657</c:v>
                </c:pt>
                <c:pt idx="1766">
                  <c:v>1.9042036737454322</c:v>
                </c:pt>
                <c:pt idx="1767">
                  <c:v>1.9042036737454322</c:v>
                </c:pt>
                <c:pt idx="1768">
                  <c:v>1.1221200220285583</c:v>
                </c:pt>
                <c:pt idx="1769">
                  <c:v>0.47892446522772442</c:v>
                </c:pt>
                <c:pt idx="1770">
                  <c:v>0.31609014705029814</c:v>
                </c:pt>
                <c:pt idx="1771">
                  <c:v>0.31609014705029814</c:v>
                </c:pt>
                <c:pt idx="1772">
                  <c:v>0.31609014705029814</c:v>
                </c:pt>
                <c:pt idx="1773">
                  <c:v>0.31609014705029814</c:v>
                </c:pt>
                <c:pt idx="1774">
                  <c:v>0.31609014705029814</c:v>
                </c:pt>
                <c:pt idx="1775">
                  <c:v>0.31609014705029814</c:v>
                </c:pt>
                <c:pt idx="1776">
                  <c:v>0.32213723276336026</c:v>
                </c:pt>
                <c:pt idx="1777">
                  <c:v>0.32213723276336026</c:v>
                </c:pt>
                <c:pt idx="1778">
                  <c:v>0.32213723276336026</c:v>
                </c:pt>
                <c:pt idx="1779">
                  <c:v>0.32213723276336026</c:v>
                </c:pt>
                <c:pt idx="1780">
                  <c:v>0.32213723276336026</c:v>
                </c:pt>
                <c:pt idx="1781">
                  <c:v>0.32213723276336026</c:v>
                </c:pt>
                <c:pt idx="1782">
                  <c:v>0.32213723276336026</c:v>
                </c:pt>
                <c:pt idx="1783">
                  <c:v>1.3168579605993118</c:v>
                </c:pt>
                <c:pt idx="1784">
                  <c:v>1.4693362507739691</c:v>
                </c:pt>
                <c:pt idx="1785">
                  <c:v>1.6218145409486264</c:v>
                </c:pt>
                <c:pt idx="1786">
                  <c:v>1.6218145409486264</c:v>
                </c:pt>
                <c:pt idx="1787">
                  <c:v>1.9406327840410913</c:v>
                </c:pt>
                <c:pt idx="1788">
                  <c:v>1.9406327840410913</c:v>
                </c:pt>
                <c:pt idx="1789">
                  <c:v>1.2891346351130109</c:v>
                </c:pt>
                <c:pt idx="1790">
                  <c:v>1.9406327840410913</c:v>
                </c:pt>
                <c:pt idx="1791">
                  <c:v>1.9406327840410913</c:v>
                </c:pt>
                <c:pt idx="1792">
                  <c:v>1.143587176309929</c:v>
                </c:pt>
                <c:pt idx="1793">
                  <c:v>0.48808671630812167</c:v>
                </c:pt>
                <c:pt idx="1794">
                  <c:v>0.32213723276336026</c:v>
                </c:pt>
                <c:pt idx="1795">
                  <c:v>0.32213723276336026</c:v>
                </c:pt>
                <c:pt idx="1796">
                  <c:v>0.32213723276336026</c:v>
                </c:pt>
                <c:pt idx="1797">
                  <c:v>0.32213723276336026</c:v>
                </c:pt>
                <c:pt idx="1798">
                  <c:v>0.32213723276336026</c:v>
                </c:pt>
                <c:pt idx="1799">
                  <c:v>0.32213723276336026</c:v>
                </c:pt>
                <c:pt idx="1800">
                  <c:v>0.4831753942677689</c:v>
                </c:pt>
                <c:pt idx="1801">
                  <c:v>0.29283357228349621</c:v>
                </c:pt>
                <c:pt idx="1802">
                  <c:v>0.29283357228349621</c:v>
                </c:pt>
                <c:pt idx="1803">
                  <c:v>0.29283357228349621</c:v>
                </c:pt>
                <c:pt idx="1804">
                  <c:v>0.29283357228349621</c:v>
                </c:pt>
                <c:pt idx="1805">
                  <c:v>0.29283357228349621</c:v>
                </c:pt>
                <c:pt idx="1806">
                  <c:v>0.29283357228349621</c:v>
                </c:pt>
                <c:pt idx="1807">
                  <c:v>1.247471017927694</c:v>
                </c:pt>
                <c:pt idx="1808">
                  <c:v>1.5593387724096175</c:v>
                </c:pt>
                <c:pt idx="1809">
                  <c:v>1.7152726496505792</c:v>
                </c:pt>
                <c:pt idx="1810">
                  <c:v>1.7152726496505792</c:v>
                </c:pt>
                <c:pt idx="1811">
                  <c:v>2.0271404041325027</c:v>
                </c:pt>
                <c:pt idx="1812">
                  <c:v>2.0271404041325027</c:v>
                </c:pt>
                <c:pt idx="1813">
                  <c:v>1.4034048951686557</c:v>
                </c:pt>
                <c:pt idx="1814">
                  <c:v>2.0271404041325027</c:v>
                </c:pt>
                <c:pt idx="1815">
                  <c:v>1.5593387724096175</c:v>
                </c:pt>
                <c:pt idx="1816">
                  <c:v>0.73208393070874067</c:v>
                </c:pt>
                <c:pt idx="1817">
                  <c:v>0.4831753942677689</c:v>
                </c:pt>
                <c:pt idx="1818">
                  <c:v>0.30747525089767103</c:v>
                </c:pt>
                <c:pt idx="1819">
                  <c:v>0.29283357228349621</c:v>
                </c:pt>
                <c:pt idx="1820">
                  <c:v>0.29283357228349621</c:v>
                </c:pt>
                <c:pt idx="1821">
                  <c:v>0.29283357228349621</c:v>
                </c:pt>
                <c:pt idx="1822">
                  <c:v>0.29283357228349621</c:v>
                </c:pt>
                <c:pt idx="1823">
                  <c:v>0.29283357228349621</c:v>
                </c:pt>
                <c:pt idx="1824">
                  <c:v>0.18037654304685721</c:v>
                </c:pt>
                <c:pt idx="1825">
                  <c:v>0.16233888874217148</c:v>
                </c:pt>
                <c:pt idx="1826">
                  <c:v>0.16233888874217148</c:v>
                </c:pt>
                <c:pt idx="1827">
                  <c:v>0.16233888874217148</c:v>
                </c:pt>
                <c:pt idx="1828">
                  <c:v>0.16233888874217148</c:v>
                </c:pt>
                <c:pt idx="1829">
                  <c:v>0.16233888874217148</c:v>
                </c:pt>
                <c:pt idx="1830">
                  <c:v>0.16233888874217148</c:v>
                </c:pt>
                <c:pt idx="1831">
                  <c:v>0.16233888874217148</c:v>
                </c:pt>
                <c:pt idx="1832">
                  <c:v>0.16233888874217148</c:v>
                </c:pt>
                <c:pt idx="1833">
                  <c:v>0.16233888874217148</c:v>
                </c:pt>
                <c:pt idx="1834">
                  <c:v>0.16233888874217148</c:v>
                </c:pt>
                <c:pt idx="1835">
                  <c:v>0.16233888874217148</c:v>
                </c:pt>
                <c:pt idx="1836">
                  <c:v>0.16233888874217148</c:v>
                </c:pt>
                <c:pt idx="1837">
                  <c:v>0.16233888874217148</c:v>
                </c:pt>
                <c:pt idx="1838">
                  <c:v>0.16233888874217148</c:v>
                </c:pt>
                <c:pt idx="1839">
                  <c:v>0.16233888874217148</c:v>
                </c:pt>
                <c:pt idx="1840">
                  <c:v>0.16233888874217148</c:v>
                </c:pt>
                <c:pt idx="1841">
                  <c:v>0.16233888874217148</c:v>
                </c:pt>
                <c:pt idx="1842">
                  <c:v>0.16233888874217148</c:v>
                </c:pt>
                <c:pt idx="1843">
                  <c:v>0.16233888874217148</c:v>
                </c:pt>
                <c:pt idx="1844">
                  <c:v>0.16233888874217148</c:v>
                </c:pt>
                <c:pt idx="1845">
                  <c:v>0.16233888874217148</c:v>
                </c:pt>
                <c:pt idx="1846">
                  <c:v>0.16233888874217148</c:v>
                </c:pt>
                <c:pt idx="1847">
                  <c:v>0.16233888874217148</c:v>
                </c:pt>
                <c:pt idx="1848">
                  <c:v>0.1638805187431378</c:v>
                </c:pt>
                <c:pt idx="1849">
                  <c:v>0.1638805187431378</c:v>
                </c:pt>
                <c:pt idx="1850">
                  <c:v>0.1638805187431378</c:v>
                </c:pt>
                <c:pt idx="1851">
                  <c:v>0.1638805187431378</c:v>
                </c:pt>
                <c:pt idx="1852">
                  <c:v>0.1638805187431378</c:v>
                </c:pt>
                <c:pt idx="1853">
                  <c:v>0.1638805187431378</c:v>
                </c:pt>
                <c:pt idx="1854">
                  <c:v>0.1638805187431378</c:v>
                </c:pt>
                <c:pt idx="1855">
                  <c:v>0.1638805187431378</c:v>
                </c:pt>
                <c:pt idx="1856">
                  <c:v>0.1638805187431378</c:v>
                </c:pt>
                <c:pt idx="1857">
                  <c:v>0.1638805187431378</c:v>
                </c:pt>
                <c:pt idx="1858">
                  <c:v>0.1638805187431378</c:v>
                </c:pt>
                <c:pt idx="1859">
                  <c:v>0.1638805187431378</c:v>
                </c:pt>
                <c:pt idx="1860">
                  <c:v>0.1638805187431378</c:v>
                </c:pt>
                <c:pt idx="1861">
                  <c:v>0.1638805187431378</c:v>
                </c:pt>
                <c:pt idx="1862">
                  <c:v>0.1638805187431378</c:v>
                </c:pt>
                <c:pt idx="1863">
                  <c:v>0.1638805187431378</c:v>
                </c:pt>
                <c:pt idx="1864">
                  <c:v>0.1638805187431378</c:v>
                </c:pt>
                <c:pt idx="1865">
                  <c:v>0.1638805187431378</c:v>
                </c:pt>
                <c:pt idx="1866">
                  <c:v>0.1638805187431378</c:v>
                </c:pt>
                <c:pt idx="1867">
                  <c:v>0.1638805187431378</c:v>
                </c:pt>
                <c:pt idx="1868">
                  <c:v>0.1638805187431378</c:v>
                </c:pt>
                <c:pt idx="1869">
                  <c:v>0.1638805187431378</c:v>
                </c:pt>
                <c:pt idx="1870">
                  <c:v>0.1638805187431378</c:v>
                </c:pt>
                <c:pt idx="1871">
                  <c:v>0.1638805187431378</c:v>
                </c:pt>
                <c:pt idx="1872">
                  <c:v>0.29364322001305959</c:v>
                </c:pt>
                <c:pt idx="1873">
                  <c:v>0.29364322001305959</c:v>
                </c:pt>
                <c:pt idx="1874">
                  <c:v>0.29364322001305959</c:v>
                </c:pt>
                <c:pt idx="1875">
                  <c:v>0.29364322001305959</c:v>
                </c:pt>
                <c:pt idx="1876">
                  <c:v>0.29364322001305959</c:v>
                </c:pt>
                <c:pt idx="1877">
                  <c:v>0.29364322001305959</c:v>
                </c:pt>
                <c:pt idx="1878">
                  <c:v>0.29364322001305959</c:v>
                </c:pt>
                <c:pt idx="1879">
                  <c:v>1.2509201172556341</c:v>
                </c:pt>
                <c:pt idx="1880">
                  <c:v>1.4072851319125883</c:v>
                </c:pt>
                <c:pt idx="1881">
                  <c:v>1.5636501465695425</c:v>
                </c:pt>
                <c:pt idx="1882">
                  <c:v>1.5636501465695425</c:v>
                </c:pt>
                <c:pt idx="1883">
                  <c:v>1.8763801758834509</c:v>
                </c:pt>
                <c:pt idx="1884">
                  <c:v>1.8763801758834509</c:v>
                </c:pt>
                <c:pt idx="1885">
                  <c:v>1.2509201172556341</c:v>
                </c:pt>
                <c:pt idx="1886">
                  <c:v>1.8763801758834509</c:v>
                </c:pt>
                <c:pt idx="1887">
                  <c:v>1.8763801758834509</c:v>
                </c:pt>
                <c:pt idx="1888">
                  <c:v>1.0945551025986797</c:v>
                </c:pt>
                <c:pt idx="1889">
                  <c:v>0.31273002931390853</c:v>
                </c:pt>
                <c:pt idx="1890">
                  <c:v>0.30832538101371265</c:v>
                </c:pt>
                <c:pt idx="1891">
                  <c:v>0.30832538101371265</c:v>
                </c:pt>
                <c:pt idx="1892">
                  <c:v>0.30832538101371265</c:v>
                </c:pt>
                <c:pt idx="1893">
                  <c:v>0.30832538101371265</c:v>
                </c:pt>
                <c:pt idx="1894">
                  <c:v>0.30832538101371265</c:v>
                </c:pt>
                <c:pt idx="1895">
                  <c:v>0.30832538101371265</c:v>
                </c:pt>
                <c:pt idx="1896">
                  <c:v>0.1949483630841623</c:v>
                </c:pt>
                <c:pt idx="1897">
                  <c:v>0.29706417231872351</c:v>
                </c:pt>
                <c:pt idx="1898">
                  <c:v>0.29706417231872351</c:v>
                </c:pt>
                <c:pt idx="1899">
                  <c:v>0.29706417231872351</c:v>
                </c:pt>
                <c:pt idx="1900">
                  <c:v>0.29706417231872351</c:v>
                </c:pt>
                <c:pt idx="1901">
                  <c:v>0.29706417231872351</c:v>
                </c:pt>
                <c:pt idx="1902">
                  <c:v>0.29706417231872351</c:v>
                </c:pt>
                <c:pt idx="1903">
                  <c:v>1.2523111514311187</c:v>
                </c:pt>
                <c:pt idx="1904">
                  <c:v>1.3973156005441958</c:v>
                </c:pt>
                <c:pt idx="1905">
                  <c:v>1.5423200496572727</c:v>
                </c:pt>
                <c:pt idx="1906">
                  <c:v>1.5423200496572727</c:v>
                </c:pt>
                <c:pt idx="1907">
                  <c:v>1.8455111705300697</c:v>
                </c:pt>
                <c:pt idx="1908">
                  <c:v>1.8455111705300697</c:v>
                </c:pt>
                <c:pt idx="1909">
                  <c:v>1.225946706137832</c:v>
                </c:pt>
                <c:pt idx="1910">
                  <c:v>1.8455111705300697</c:v>
                </c:pt>
                <c:pt idx="1911">
                  <c:v>1.8455111705300697</c:v>
                </c:pt>
                <c:pt idx="1912">
                  <c:v>1.0875333683480768</c:v>
                </c:pt>
                <c:pt idx="1913">
                  <c:v>0.46416276924800554</c:v>
                </c:pt>
                <c:pt idx="1914">
                  <c:v>0.30634742770368362</c:v>
                </c:pt>
                <c:pt idx="1915">
                  <c:v>0.30634742770368362</c:v>
                </c:pt>
                <c:pt idx="1916">
                  <c:v>0.30634742770368362</c:v>
                </c:pt>
                <c:pt idx="1917">
                  <c:v>0.30634742770368362</c:v>
                </c:pt>
                <c:pt idx="1918">
                  <c:v>0.30634742770368362</c:v>
                </c:pt>
                <c:pt idx="1919">
                  <c:v>0.30634742770368362</c:v>
                </c:pt>
                <c:pt idx="1920">
                  <c:v>0.29862078832367417</c:v>
                </c:pt>
                <c:pt idx="1921">
                  <c:v>0.29862078832367417</c:v>
                </c:pt>
                <c:pt idx="1922">
                  <c:v>0.29862078832367417</c:v>
                </c:pt>
                <c:pt idx="1923">
                  <c:v>0.29862078832367417</c:v>
                </c:pt>
                <c:pt idx="1924">
                  <c:v>0.29862078832367417</c:v>
                </c:pt>
                <c:pt idx="1925">
                  <c:v>0.29862078832367417</c:v>
                </c:pt>
                <c:pt idx="1926">
                  <c:v>0.29862078832367417</c:v>
                </c:pt>
                <c:pt idx="1927">
                  <c:v>1.2207255862079891</c:v>
                </c:pt>
                <c:pt idx="1928">
                  <c:v>1.3620727593478617</c:v>
                </c:pt>
                <c:pt idx="1929">
                  <c:v>1.5034199324877342</c:v>
                </c:pt>
                <c:pt idx="1930">
                  <c:v>1.5034199324877342</c:v>
                </c:pt>
                <c:pt idx="1931">
                  <c:v>1.7989640217801948</c:v>
                </c:pt>
                <c:pt idx="1932">
                  <c:v>1.7989640217801948</c:v>
                </c:pt>
                <c:pt idx="1933">
                  <c:v>1.1950261001825579</c:v>
                </c:pt>
                <c:pt idx="1934">
                  <c:v>1.7989640217801948</c:v>
                </c:pt>
                <c:pt idx="1935">
                  <c:v>1.7989640217801948</c:v>
                </c:pt>
                <c:pt idx="1936">
                  <c:v>1.0601037985490434</c:v>
                </c:pt>
                <c:pt idx="1937">
                  <c:v>0.45245573988435489</c:v>
                </c:pt>
                <c:pt idx="1938">
                  <c:v>0.29862078832367417</c:v>
                </c:pt>
                <c:pt idx="1939">
                  <c:v>0.29862078832367417</c:v>
                </c:pt>
                <c:pt idx="1940">
                  <c:v>0.29862078832367417</c:v>
                </c:pt>
                <c:pt idx="1941">
                  <c:v>0.29862078832367417</c:v>
                </c:pt>
                <c:pt idx="1942">
                  <c:v>0.29862078832367417</c:v>
                </c:pt>
                <c:pt idx="1943">
                  <c:v>0.29862078832367417</c:v>
                </c:pt>
                <c:pt idx="1944">
                  <c:v>0.30063648356136158</c:v>
                </c:pt>
                <c:pt idx="1945">
                  <c:v>0.30063648356136158</c:v>
                </c:pt>
                <c:pt idx="1946">
                  <c:v>0.30063648356136158</c:v>
                </c:pt>
                <c:pt idx="1947">
                  <c:v>0.30063648356136158</c:v>
                </c:pt>
                <c:pt idx="1948">
                  <c:v>0.30063648356136158</c:v>
                </c:pt>
                <c:pt idx="1949">
                  <c:v>0.30063648356136158</c:v>
                </c:pt>
                <c:pt idx="1950">
                  <c:v>0.30063648356136158</c:v>
                </c:pt>
                <c:pt idx="1951">
                  <c:v>1.2289655040129595</c:v>
                </c:pt>
                <c:pt idx="1952">
                  <c:v>1.3712667728986709</c:v>
                </c:pt>
                <c:pt idx="1953">
                  <c:v>1.5135680417843822</c:v>
                </c:pt>
                <c:pt idx="1954">
                  <c:v>1.5135680417843822</c:v>
                </c:pt>
                <c:pt idx="1955">
                  <c:v>1.8111070585454143</c:v>
                </c:pt>
                <c:pt idx="1956">
                  <c:v>1.8111070585454143</c:v>
                </c:pt>
                <c:pt idx="1957">
                  <c:v>1.2030925460337394</c:v>
                </c:pt>
                <c:pt idx="1958">
                  <c:v>1.8111070585454143</c:v>
                </c:pt>
                <c:pt idx="1959">
                  <c:v>1.8111070585454143</c:v>
                </c:pt>
                <c:pt idx="1960">
                  <c:v>1.0672595166428336</c:v>
                </c:pt>
                <c:pt idx="1961">
                  <c:v>0.45550982357782055</c:v>
                </c:pt>
                <c:pt idx="1962">
                  <c:v>0.30063648356136158</c:v>
                </c:pt>
                <c:pt idx="1963">
                  <c:v>0.30063648356136158</c:v>
                </c:pt>
                <c:pt idx="1964">
                  <c:v>0.30063648356136158</c:v>
                </c:pt>
                <c:pt idx="1965">
                  <c:v>0.30063648356136158</c:v>
                </c:pt>
                <c:pt idx="1966">
                  <c:v>0.30063648356136158</c:v>
                </c:pt>
                <c:pt idx="1967">
                  <c:v>0.30063648356136158</c:v>
                </c:pt>
                <c:pt idx="1968">
                  <c:v>0.45510231422922348</c:v>
                </c:pt>
                <c:pt idx="1969">
                  <c:v>0.27581958438134757</c:v>
                </c:pt>
                <c:pt idx="1970">
                  <c:v>0.27581958438134757</c:v>
                </c:pt>
                <c:pt idx="1971">
                  <c:v>0.27581958438134757</c:v>
                </c:pt>
                <c:pt idx="1972">
                  <c:v>0.27581958438134757</c:v>
                </c:pt>
                <c:pt idx="1973">
                  <c:v>0.27581958438134757</c:v>
                </c:pt>
                <c:pt idx="1974">
                  <c:v>0.27581958438134757</c:v>
                </c:pt>
                <c:pt idx="1975">
                  <c:v>1.1749914294645405</c:v>
                </c:pt>
                <c:pt idx="1976">
                  <c:v>1.4687392868306757</c:v>
                </c:pt>
                <c:pt idx="1977">
                  <c:v>1.6156132155137433</c:v>
                </c:pt>
                <c:pt idx="1978">
                  <c:v>1.6156132155137433</c:v>
                </c:pt>
                <c:pt idx="1979">
                  <c:v>1.9093610728798782</c:v>
                </c:pt>
                <c:pt idx="1980">
                  <c:v>1.9093610728798782</c:v>
                </c:pt>
                <c:pt idx="1981">
                  <c:v>1.3218653581476083</c:v>
                </c:pt>
                <c:pt idx="1982">
                  <c:v>1.9093610728798782</c:v>
                </c:pt>
                <c:pt idx="1983">
                  <c:v>1.4687392868306757</c:v>
                </c:pt>
                <c:pt idx="1984">
                  <c:v>0.68954896095336882</c:v>
                </c:pt>
                <c:pt idx="1985">
                  <c:v>0.45510231422922348</c:v>
                </c:pt>
                <c:pt idx="1986">
                  <c:v>0.28961056360041493</c:v>
                </c:pt>
                <c:pt idx="1987">
                  <c:v>0.27581958438134757</c:v>
                </c:pt>
                <c:pt idx="1988">
                  <c:v>0.27581958438134757</c:v>
                </c:pt>
                <c:pt idx="1989">
                  <c:v>0.27581958438134757</c:v>
                </c:pt>
                <c:pt idx="1990">
                  <c:v>0.27581958438134757</c:v>
                </c:pt>
                <c:pt idx="1991">
                  <c:v>0.27581958438134757</c:v>
                </c:pt>
                <c:pt idx="1992">
                  <c:v>0.14979353382346</c:v>
                </c:pt>
                <c:pt idx="1993">
                  <c:v>0.13481418044111401</c:v>
                </c:pt>
                <c:pt idx="1994">
                  <c:v>0.13481418044111401</c:v>
                </c:pt>
                <c:pt idx="1995">
                  <c:v>0.13481418044111401</c:v>
                </c:pt>
                <c:pt idx="1996">
                  <c:v>0.13481418044111401</c:v>
                </c:pt>
                <c:pt idx="1997">
                  <c:v>0.13481418044111401</c:v>
                </c:pt>
                <c:pt idx="1998">
                  <c:v>0.13481418044111401</c:v>
                </c:pt>
                <c:pt idx="1999">
                  <c:v>0.13481418044111401</c:v>
                </c:pt>
                <c:pt idx="2000">
                  <c:v>0.13481418044111401</c:v>
                </c:pt>
                <c:pt idx="2001">
                  <c:v>0.13481418044111401</c:v>
                </c:pt>
                <c:pt idx="2002">
                  <c:v>0.13481418044111401</c:v>
                </c:pt>
                <c:pt idx="2003">
                  <c:v>0.13481418044111401</c:v>
                </c:pt>
                <c:pt idx="2004">
                  <c:v>0.13481418044111401</c:v>
                </c:pt>
                <c:pt idx="2005">
                  <c:v>0.13481418044111401</c:v>
                </c:pt>
                <c:pt idx="2006">
                  <c:v>0.13481418044111401</c:v>
                </c:pt>
                <c:pt idx="2007">
                  <c:v>0.13481418044111401</c:v>
                </c:pt>
                <c:pt idx="2008">
                  <c:v>0.13481418044111401</c:v>
                </c:pt>
                <c:pt idx="2009">
                  <c:v>0.13481418044111401</c:v>
                </c:pt>
                <c:pt idx="2010">
                  <c:v>0.13481418044111401</c:v>
                </c:pt>
                <c:pt idx="2011">
                  <c:v>0.13481418044111401</c:v>
                </c:pt>
                <c:pt idx="2012">
                  <c:v>0.13481418044111401</c:v>
                </c:pt>
                <c:pt idx="2013">
                  <c:v>0.13481418044111401</c:v>
                </c:pt>
                <c:pt idx="2014">
                  <c:v>0.13481418044111401</c:v>
                </c:pt>
                <c:pt idx="2015">
                  <c:v>0.13481418044111401</c:v>
                </c:pt>
                <c:pt idx="2016">
                  <c:v>0.13701844230858731</c:v>
                </c:pt>
                <c:pt idx="2017">
                  <c:v>0.13701844230858731</c:v>
                </c:pt>
                <c:pt idx="2018">
                  <c:v>0.13701844230858731</c:v>
                </c:pt>
                <c:pt idx="2019">
                  <c:v>0.13701844230858731</c:v>
                </c:pt>
                <c:pt idx="2020">
                  <c:v>0.13701844230858731</c:v>
                </c:pt>
                <c:pt idx="2021">
                  <c:v>0.13701844230858731</c:v>
                </c:pt>
                <c:pt idx="2022">
                  <c:v>0.13701844230858731</c:v>
                </c:pt>
                <c:pt idx="2023">
                  <c:v>0.13701844230858731</c:v>
                </c:pt>
                <c:pt idx="2024">
                  <c:v>0.13701844230858731</c:v>
                </c:pt>
                <c:pt idx="2025">
                  <c:v>0.13701844230858731</c:v>
                </c:pt>
                <c:pt idx="2026">
                  <c:v>0.13701844230858731</c:v>
                </c:pt>
                <c:pt idx="2027">
                  <c:v>0.13701844230858731</c:v>
                </c:pt>
                <c:pt idx="2028">
                  <c:v>0.13701844230858731</c:v>
                </c:pt>
                <c:pt idx="2029">
                  <c:v>0.13701844230858731</c:v>
                </c:pt>
                <c:pt idx="2030">
                  <c:v>0.13701844230858731</c:v>
                </c:pt>
                <c:pt idx="2031">
                  <c:v>0.13701844230858731</c:v>
                </c:pt>
                <c:pt idx="2032">
                  <c:v>0.13701844230858731</c:v>
                </c:pt>
                <c:pt idx="2033">
                  <c:v>0.13701844230858731</c:v>
                </c:pt>
                <c:pt idx="2034">
                  <c:v>0.13701844230858731</c:v>
                </c:pt>
                <c:pt idx="2035">
                  <c:v>0.13701844230858731</c:v>
                </c:pt>
                <c:pt idx="2036">
                  <c:v>0.13701844230858731</c:v>
                </c:pt>
                <c:pt idx="2037">
                  <c:v>0.13701844230858731</c:v>
                </c:pt>
                <c:pt idx="2038">
                  <c:v>0.13701844230858731</c:v>
                </c:pt>
                <c:pt idx="2039">
                  <c:v>0.13701844230858731</c:v>
                </c:pt>
                <c:pt idx="2040">
                  <c:v>0.30352925583016638</c:v>
                </c:pt>
                <c:pt idx="2041">
                  <c:v>0.30352925583016638</c:v>
                </c:pt>
                <c:pt idx="2042">
                  <c:v>0.30352925583016638</c:v>
                </c:pt>
                <c:pt idx="2043">
                  <c:v>0.30352925583016638</c:v>
                </c:pt>
                <c:pt idx="2044">
                  <c:v>0.30352925583016638</c:v>
                </c:pt>
                <c:pt idx="2045">
                  <c:v>0.30352925583016638</c:v>
                </c:pt>
                <c:pt idx="2046">
                  <c:v>0.30352925583016638</c:v>
                </c:pt>
                <c:pt idx="2047">
                  <c:v>1.2930346298365087</c:v>
                </c:pt>
                <c:pt idx="2048">
                  <c:v>1.4546639585660726</c:v>
                </c:pt>
                <c:pt idx="2049">
                  <c:v>1.6162932872956359</c:v>
                </c:pt>
                <c:pt idx="2050">
                  <c:v>1.6162932872956359</c:v>
                </c:pt>
                <c:pt idx="2051">
                  <c:v>1.9395519447547631</c:v>
                </c:pt>
                <c:pt idx="2052">
                  <c:v>1.9395519447547631</c:v>
                </c:pt>
                <c:pt idx="2053">
                  <c:v>1.2930346298365087</c:v>
                </c:pt>
                <c:pt idx="2054">
                  <c:v>1.9395519447547631</c:v>
                </c:pt>
                <c:pt idx="2055">
                  <c:v>1.9395519447547631</c:v>
                </c:pt>
                <c:pt idx="2056">
                  <c:v>1.1314053011069451</c:v>
                </c:pt>
                <c:pt idx="2057">
                  <c:v>0.32325865745912719</c:v>
                </c:pt>
                <c:pt idx="2058">
                  <c:v>0.31870571862167468</c:v>
                </c:pt>
                <c:pt idx="2059">
                  <c:v>0.31870571862167468</c:v>
                </c:pt>
                <c:pt idx="2060">
                  <c:v>0.31870571862167468</c:v>
                </c:pt>
                <c:pt idx="2061">
                  <c:v>0.31870571862167468</c:v>
                </c:pt>
                <c:pt idx="2062">
                  <c:v>0.31870571862167468</c:v>
                </c:pt>
                <c:pt idx="2063">
                  <c:v>0.31870571862167468</c:v>
                </c:pt>
                <c:pt idx="2064">
                  <c:v>0.2075968003557136</c:v>
                </c:pt>
                <c:pt idx="2065">
                  <c:v>0.31633798149442077</c:v>
                </c:pt>
                <c:pt idx="2066">
                  <c:v>0.31633798149442077</c:v>
                </c:pt>
                <c:pt idx="2067">
                  <c:v>0.31633798149442077</c:v>
                </c:pt>
                <c:pt idx="2068">
                  <c:v>0.31633798149442077</c:v>
                </c:pt>
                <c:pt idx="2069">
                  <c:v>0.31633798149442077</c:v>
                </c:pt>
                <c:pt idx="2070">
                  <c:v>0.31633798149442077</c:v>
                </c:pt>
                <c:pt idx="2071">
                  <c:v>1.3335623032374173</c:v>
                </c:pt>
                <c:pt idx="2072">
                  <c:v>1.4879747804543815</c:v>
                </c:pt>
                <c:pt idx="2073">
                  <c:v>1.6423872576713459</c:v>
                </c:pt>
                <c:pt idx="2074">
                  <c:v>1.6423872576713459</c:v>
                </c:pt>
                <c:pt idx="2075">
                  <c:v>1.9652497100340889</c:v>
                </c:pt>
                <c:pt idx="2076">
                  <c:v>1.9652497100340889</c:v>
                </c:pt>
                <c:pt idx="2077">
                  <c:v>1.3054873073797875</c:v>
                </c:pt>
                <c:pt idx="2078">
                  <c:v>1.9652497100340889</c:v>
                </c:pt>
                <c:pt idx="2079">
                  <c:v>1.9652497100340889</c:v>
                </c:pt>
                <c:pt idx="2080">
                  <c:v>1.1580935791272309</c:v>
                </c:pt>
                <c:pt idx="2081">
                  <c:v>0.49427809608503248</c:v>
                </c:pt>
                <c:pt idx="2082">
                  <c:v>0.32622354341612142</c:v>
                </c:pt>
                <c:pt idx="2083">
                  <c:v>0.32622354341612142</c:v>
                </c:pt>
                <c:pt idx="2084">
                  <c:v>0.32622354341612142</c:v>
                </c:pt>
                <c:pt idx="2085">
                  <c:v>0.32622354341612142</c:v>
                </c:pt>
                <c:pt idx="2086">
                  <c:v>0.32622354341612142</c:v>
                </c:pt>
                <c:pt idx="2087">
                  <c:v>0.32622354341612142</c:v>
                </c:pt>
                <c:pt idx="2088">
                  <c:v>0.32280913117592264</c:v>
                </c:pt>
                <c:pt idx="2089">
                  <c:v>0.32280913117592264</c:v>
                </c:pt>
                <c:pt idx="2090">
                  <c:v>0.32280913117592264</c:v>
                </c:pt>
                <c:pt idx="2091">
                  <c:v>0.32280913117592264</c:v>
                </c:pt>
                <c:pt idx="2092">
                  <c:v>0.32280913117592264</c:v>
                </c:pt>
                <c:pt idx="2093">
                  <c:v>0.32280913117592264</c:v>
                </c:pt>
                <c:pt idx="2094">
                  <c:v>0.32280913117592264</c:v>
                </c:pt>
                <c:pt idx="2095">
                  <c:v>1.3196045998676351</c:v>
                </c:pt>
                <c:pt idx="2096">
                  <c:v>1.472400921957572</c:v>
                </c:pt>
                <c:pt idx="2097">
                  <c:v>1.6251972440475089</c:v>
                </c:pt>
                <c:pt idx="2098">
                  <c:v>1.6251972440475089</c:v>
                </c:pt>
                <c:pt idx="2099">
                  <c:v>1.9446804629628311</c:v>
                </c:pt>
                <c:pt idx="2100">
                  <c:v>1.9446804629628311</c:v>
                </c:pt>
                <c:pt idx="2101">
                  <c:v>1.2918234503967378</c:v>
                </c:pt>
                <c:pt idx="2102">
                  <c:v>1.9446804629628311</c:v>
                </c:pt>
                <c:pt idx="2103">
                  <c:v>1.9446804629628311</c:v>
                </c:pt>
                <c:pt idx="2104">
                  <c:v>1.1459724156745255</c:v>
                </c:pt>
                <c:pt idx="2105">
                  <c:v>0.48910474420594341</c:v>
                </c:pt>
                <c:pt idx="2106">
                  <c:v>0.32280913117592264</c:v>
                </c:pt>
                <c:pt idx="2107">
                  <c:v>0.32280913117592264</c:v>
                </c:pt>
                <c:pt idx="2108">
                  <c:v>0.32280913117592264</c:v>
                </c:pt>
                <c:pt idx="2109">
                  <c:v>0.32280913117592264</c:v>
                </c:pt>
                <c:pt idx="2110">
                  <c:v>0.32280913117592264</c:v>
                </c:pt>
                <c:pt idx="2111">
                  <c:v>0.32280913117592264</c:v>
                </c:pt>
                <c:pt idx="2112">
                  <c:v>0.31295462112500672</c:v>
                </c:pt>
                <c:pt idx="2113">
                  <c:v>0.31295462112500672</c:v>
                </c:pt>
                <c:pt idx="2114">
                  <c:v>0.31295462112500672</c:v>
                </c:pt>
                <c:pt idx="2115">
                  <c:v>0.31295462112500672</c:v>
                </c:pt>
                <c:pt idx="2116">
                  <c:v>0.31295462112500672</c:v>
                </c:pt>
                <c:pt idx="2117">
                  <c:v>0.31295462112500672</c:v>
                </c:pt>
                <c:pt idx="2118">
                  <c:v>0.31295462112500672</c:v>
                </c:pt>
                <c:pt idx="2119">
                  <c:v>1.2793205572655575</c:v>
                </c:pt>
                <c:pt idx="2120">
                  <c:v>1.4274524112647273</c:v>
                </c:pt>
                <c:pt idx="2121">
                  <c:v>1.5755842652638972</c:v>
                </c:pt>
                <c:pt idx="2122">
                  <c:v>1.5755842652638972</c:v>
                </c:pt>
                <c:pt idx="2123">
                  <c:v>1.8853145054439795</c:v>
                </c:pt>
                <c:pt idx="2124">
                  <c:v>1.8853145054439795</c:v>
                </c:pt>
                <c:pt idx="2125">
                  <c:v>1.2523874929020722</c:v>
                </c:pt>
                <c:pt idx="2126">
                  <c:v>1.8853145054439795</c:v>
                </c:pt>
                <c:pt idx="2127">
                  <c:v>1.8853145054439795</c:v>
                </c:pt>
                <c:pt idx="2128">
                  <c:v>1.1109889049937736</c:v>
                </c:pt>
                <c:pt idx="2129">
                  <c:v>0.47417366837122221</c:v>
                </c:pt>
                <c:pt idx="2130">
                  <c:v>0.31295462112500672</c:v>
                </c:pt>
                <c:pt idx="2131">
                  <c:v>0.31295462112500672</c:v>
                </c:pt>
                <c:pt idx="2132">
                  <c:v>0.31295462112500672</c:v>
                </c:pt>
                <c:pt idx="2133">
                  <c:v>0.31295462112500672</c:v>
                </c:pt>
                <c:pt idx="2134">
                  <c:v>0.31295462112500672</c:v>
                </c:pt>
                <c:pt idx="2135">
                  <c:v>0.31295462112500672</c:v>
                </c:pt>
                <c:pt idx="2136">
                  <c:v>0.46331882546001718</c:v>
                </c:pt>
                <c:pt idx="2137">
                  <c:v>0.2807992881575862</c:v>
                </c:pt>
                <c:pt idx="2138">
                  <c:v>0.2807992881575862</c:v>
                </c:pt>
                <c:pt idx="2139">
                  <c:v>0.2807992881575862</c:v>
                </c:pt>
                <c:pt idx="2140">
                  <c:v>0.2807992881575862</c:v>
                </c:pt>
                <c:pt idx="2141">
                  <c:v>0.2807992881575862</c:v>
                </c:pt>
                <c:pt idx="2142">
                  <c:v>0.2807992881575862</c:v>
                </c:pt>
                <c:pt idx="2143">
                  <c:v>1.1962049675513171</c:v>
                </c:pt>
                <c:pt idx="2144">
                  <c:v>1.4952562094391464</c:v>
                </c:pt>
                <c:pt idx="2145">
                  <c:v>1.644781830383061</c:v>
                </c:pt>
                <c:pt idx="2146">
                  <c:v>1.644781830383061</c:v>
                </c:pt>
                <c:pt idx="2147">
                  <c:v>1.9438330722708903</c:v>
                </c:pt>
                <c:pt idx="2148">
                  <c:v>1.9438330722708903</c:v>
                </c:pt>
                <c:pt idx="2149">
                  <c:v>1.3457305884952317</c:v>
                </c:pt>
                <c:pt idx="2150">
                  <c:v>1.9438330722708903</c:v>
                </c:pt>
                <c:pt idx="2151">
                  <c:v>1.4952562094391464</c:v>
                </c:pt>
                <c:pt idx="2152">
                  <c:v>0.70199822039396553</c:v>
                </c:pt>
                <c:pt idx="2153">
                  <c:v>0.46331882546001718</c:v>
                </c:pt>
                <c:pt idx="2154">
                  <c:v>0.2948392525654655</c:v>
                </c:pt>
                <c:pt idx="2155">
                  <c:v>0.2807992881575862</c:v>
                </c:pt>
                <c:pt idx="2156">
                  <c:v>0.2807992881575862</c:v>
                </c:pt>
                <c:pt idx="2157">
                  <c:v>0.2807992881575862</c:v>
                </c:pt>
                <c:pt idx="2158">
                  <c:v>0.2807992881575862</c:v>
                </c:pt>
                <c:pt idx="2159">
                  <c:v>0.2807992881575862</c:v>
                </c:pt>
                <c:pt idx="2160">
                  <c:v>0.1489197335599344</c:v>
                </c:pt>
                <c:pt idx="2161">
                  <c:v>0.13402776020394094</c:v>
                </c:pt>
                <c:pt idx="2162">
                  <c:v>0.13402776020394094</c:v>
                </c:pt>
                <c:pt idx="2163">
                  <c:v>0.13402776020394094</c:v>
                </c:pt>
                <c:pt idx="2164">
                  <c:v>0.13402776020394094</c:v>
                </c:pt>
                <c:pt idx="2165">
                  <c:v>0.13402776020394094</c:v>
                </c:pt>
                <c:pt idx="2166">
                  <c:v>0.13402776020394094</c:v>
                </c:pt>
                <c:pt idx="2167">
                  <c:v>0.13402776020394094</c:v>
                </c:pt>
                <c:pt idx="2168">
                  <c:v>0.13402776020394094</c:v>
                </c:pt>
                <c:pt idx="2169">
                  <c:v>0.13402776020394094</c:v>
                </c:pt>
                <c:pt idx="2170">
                  <c:v>0.13402776020394094</c:v>
                </c:pt>
                <c:pt idx="2171">
                  <c:v>0.13402776020394094</c:v>
                </c:pt>
                <c:pt idx="2172">
                  <c:v>0.13402776020394094</c:v>
                </c:pt>
                <c:pt idx="2173">
                  <c:v>0.13402776020394094</c:v>
                </c:pt>
                <c:pt idx="2174">
                  <c:v>0.13402776020394094</c:v>
                </c:pt>
                <c:pt idx="2175">
                  <c:v>0.13402776020394094</c:v>
                </c:pt>
                <c:pt idx="2176">
                  <c:v>0.13402776020394094</c:v>
                </c:pt>
                <c:pt idx="2177">
                  <c:v>0.13402776020394094</c:v>
                </c:pt>
                <c:pt idx="2178">
                  <c:v>0.13402776020394094</c:v>
                </c:pt>
                <c:pt idx="2179">
                  <c:v>0.13402776020394094</c:v>
                </c:pt>
                <c:pt idx="2180">
                  <c:v>0.13402776020394094</c:v>
                </c:pt>
                <c:pt idx="2181">
                  <c:v>0.13402776020394094</c:v>
                </c:pt>
                <c:pt idx="2182">
                  <c:v>0.13402776020394094</c:v>
                </c:pt>
                <c:pt idx="2183">
                  <c:v>0.13402776020394094</c:v>
                </c:pt>
                <c:pt idx="2184">
                  <c:v>0.16625070195795108</c:v>
                </c:pt>
                <c:pt idx="2185">
                  <c:v>0.16625070195795108</c:v>
                </c:pt>
                <c:pt idx="2186">
                  <c:v>0.16625070195795108</c:v>
                </c:pt>
                <c:pt idx="2187">
                  <c:v>0.16625070195795108</c:v>
                </c:pt>
                <c:pt idx="2188">
                  <c:v>0.16625070195795108</c:v>
                </c:pt>
                <c:pt idx="2189">
                  <c:v>0.16625070195795108</c:v>
                </c:pt>
                <c:pt idx="2190">
                  <c:v>0.16625070195795108</c:v>
                </c:pt>
                <c:pt idx="2191">
                  <c:v>0.16625070195795108</c:v>
                </c:pt>
                <c:pt idx="2192">
                  <c:v>0.16625070195795108</c:v>
                </c:pt>
                <c:pt idx="2193">
                  <c:v>0.16625070195795108</c:v>
                </c:pt>
                <c:pt idx="2194">
                  <c:v>0.16625070195795108</c:v>
                </c:pt>
                <c:pt idx="2195">
                  <c:v>0.16625070195795108</c:v>
                </c:pt>
                <c:pt idx="2196">
                  <c:v>0.16625070195795108</c:v>
                </c:pt>
                <c:pt idx="2197">
                  <c:v>0.16625070195795108</c:v>
                </c:pt>
                <c:pt idx="2198">
                  <c:v>0.16625070195795108</c:v>
                </c:pt>
                <c:pt idx="2199">
                  <c:v>0.16625070195795108</c:v>
                </c:pt>
                <c:pt idx="2200">
                  <c:v>0.16625070195795108</c:v>
                </c:pt>
                <c:pt idx="2201">
                  <c:v>0.16625070195795108</c:v>
                </c:pt>
                <c:pt idx="2202">
                  <c:v>0.16625070195795108</c:v>
                </c:pt>
                <c:pt idx="2203">
                  <c:v>0.16625070195795108</c:v>
                </c:pt>
                <c:pt idx="2204">
                  <c:v>0.16625070195795108</c:v>
                </c:pt>
                <c:pt idx="2205">
                  <c:v>0.16625070195795108</c:v>
                </c:pt>
                <c:pt idx="2206">
                  <c:v>0.16625070195795108</c:v>
                </c:pt>
                <c:pt idx="2207">
                  <c:v>0.16625070195795108</c:v>
                </c:pt>
                <c:pt idx="2208">
                  <c:v>0.30933192902716389</c:v>
                </c:pt>
                <c:pt idx="2209">
                  <c:v>0.30933192902716389</c:v>
                </c:pt>
                <c:pt idx="2210">
                  <c:v>0.30933192902716389</c:v>
                </c:pt>
                <c:pt idx="2211">
                  <c:v>0.30933192902716389</c:v>
                </c:pt>
                <c:pt idx="2212">
                  <c:v>0.30933192902716389</c:v>
                </c:pt>
                <c:pt idx="2213">
                  <c:v>0.30933192902716389</c:v>
                </c:pt>
                <c:pt idx="2214">
                  <c:v>0.30933192902716389</c:v>
                </c:pt>
                <c:pt idx="2215">
                  <c:v>1.3177540176557183</c:v>
                </c:pt>
                <c:pt idx="2216">
                  <c:v>1.482473269862683</c:v>
                </c:pt>
                <c:pt idx="2217">
                  <c:v>1.6471925220696475</c:v>
                </c:pt>
                <c:pt idx="2218">
                  <c:v>1.6471925220696475</c:v>
                </c:pt>
                <c:pt idx="2219">
                  <c:v>1.9766310264835769</c:v>
                </c:pt>
                <c:pt idx="2220">
                  <c:v>1.9766310264835769</c:v>
                </c:pt>
                <c:pt idx="2221">
                  <c:v>1.3177540176557183</c:v>
                </c:pt>
                <c:pt idx="2222">
                  <c:v>1.9766310264835769</c:v>
                </c:pt>
                <c:pt idx="2223">
                  <c:v>1.9766310264835769</c:v>
                </c:pt>
                <c:pt idx="2224">
                  <c:v>1.1530347654487532</c:v>
                </c:pt>
                <c:pt idx="2225">
                  <c:v>0.32943850441392958</c:v>
                </c:pt>
                <c:pt idx="2226">
                  <c:v>0.32479852547852206</c:v>
                </c:pt>
                <c:pt idx="2227">
                  <c:v>0.32479852547852206</c:v>
                </c:pt>
                <c:pt idx="2228">
                  <c:v>0.32479852547852206</c:v>
                </c:pt>
                <c:pt idx="2229">
                  <c:v>0.32479852547852206</c:v>
                </c:pt>
                <c:pt idx="2230">
                  <c:v>0.32479852547852206</c:v>
                </c:pt>
                <c:pt idx="2231">
                  <c:v>0.32479852547852206</c:v>
                </c:pt>
                <c:pt idx="2232">
                  <c:v>0.20917785501465747</c:v>
                </c:pt>
                <c:pt idx="2233">
                  <c:v>0.31874720764138292</c:v>
                </c:pt>
                <c:pt idx="2234">
                  <c:v>0.31874720764138292</c:v>
                </c:pt>
                <c:pt idx="2235">
                  <c:v>0.31874720764138292</c:v>
                </c:pt>
                <c:pt idx="2236">
                  <c:v>0.31874720764138292</c:v>
                </c:pt>
                <c:pt idx="2237">
                  <c:v>0.31874720764138292</c:v>
                </c:pt>
                <c:pt idx="2238">
                  <c:v>0.31874720764138292</c:v>
                </c:pt>
                <c:pt idx="2239">
                  <c:v>1.3437186972132042</c:v>
                </c:pt>
                <c:pt idx="2240">
                  <c:v>1.4993071779431546</c:v>
                </c:pt>
                <c:pt idx="2241">
                  <c:v>1.6548956586731047</c:v>
                </c:pt>
                <c:pt idx="2242">
                  <c:v>1.6548956586731047</c:v>
                </c:pt>
                <c:pt idx="2243">
                  <c:v>1.9802170274720912</c:v>
                </c:pt>
                <c:pt idx="2244">
                  <c:v>1.9802170274720912</c:v>
                </c:pt>
                <c:pt idx="2245">
                  <c:v>1.3154298825350319</c:v>
                </c:pt>
                <c:pt idx="2246">
                  <c:v>1.9802170274720912</c:v>
                </c:pt>
                <c:pt idx="2247">
                  <c:v>1.9802170274720912</c:v>
                </c:pt>
                <c:pt idx="2248">
                  <c:v>1.1669136054746252</c:v>
                </c:pt>
                <c:pt idx="2249">
                  <c:v>0.49804251193966076</c:v>
                </c:pt>
                <c:pt idx="2250">
                  <c:v>0.3287080578801761</c:v>
                </c:pt>
                <c:pt idx="2251">
                  <c:v>0.3287080578801761</c:v>
                </c:pt>
                <c:pt idx="2252">
                  <c:v>0.3287080578801761</c:v>
                </c:pt>
                <c:pt idx="2253">
                  <c:v>0.3287080578801761</c:v>
                </c:pt>
                <c:pt idx="2254">
                  <c:v>0.3287080578801761</c:v>
                </c:pt>
                <c:pt idx="2255">
                  <c:v>0.3287080578801761</c:v>
                </c:pt>
                <c:pt idx="2256">
                  <c:v>0.32661655551377666</c:v>
                </c:pt>
                <c:pt idx="2257">
                  <c:v>0.32661655551377666</c:v>
                </c:pt>
                <c:pt idx="2258">
                  <c:v>0.32661655551377666</c:v>
                </c:pt>
                <c:pt idx="2259">
                  <c:v>0.32661655551377666</c:v>
                </c:pt>
                <c:pt idx="2260">
                  <c:v>0.32661655551377666</c:v>
                </c:pt>
                <c:pt idx="2261">
                  <c:v>0.32661655551377666</c:v>
                </c:pt>
                <c:pt idx="2262">
                  <c:v>0.32661655551377666</c:v>
                </c:pt>
                <c:pt idx="2263">
                  <c:v>1.3351688890548021</c:v>
                </c:pt>
                <c:pt idx="2264">
                  <c:v>1.4897673919979897</c:v>
                </c:pt>
                <c:pt idx="2265">
                  <c:v>1.6443658949411775</c:v>
                </c:pt>
                <c:pt idx="2266">
                  <c:v>1.6443658949411775</c:v>
                </c:pt>
                <c:pt idx="2267">
                  <c:v>1.9676173101860241</c:v>
                </c:pt>
                <c:pt idx="2268">
                  <c:v>1.9676173101860241</c:v>
                </c:pt>
                <c:pt idx="2269">
                  <c:v>1.307060070337859</c:v>
                </c:pt>
                <c:pt idx="2270">
                  <c:v>1.9676173101860241</c:v>
                </c:pt>
                <c:pt idx="2271">
                  <c:v>1.9676173101860241</c:v>
                </c:pt>
                <c:pt idx="2272">
                  <c:v>1.1594887720739071</c:v>
                </c:pt>
                <c:pt idx="2273">
                  <c:v>0.49487356896026768</c:v>
                </c:pt>
                <c:pt idx="2274">
                  <c:v>0.32661655551377666</c:v>
                </c:pt>
                <c:pt idx="2275">
                  <c:v>0.32661655551377666</c:v>
                </c:pt>
                <c:pt idx="2276">
                  <c:v>0.32661655551377666</c:v>
                </c:pt>
                <c:pt idx="2277">
                  <c:v>0.32661655551377666</c:v>
                </c:pt>
                <c:pt idx="2278">
                  <c:v>0.32661655551377666</c:v>
                </c:pt>
                <c:pt idx="2279">
                  <c:v>0.32661655551377666</c:v>
                </c:pt>
                <c:pt idx="2280">
                  <c:v>0.32056946980071449</c:v>
                </c:pt>
                <c:pt idx="2281">
                  <c:v>0.32056946980071449</c:v>
                </c:pt>
                <c:pt idx="2282">
                  <c:v>0.32056946980071449</c:v>
                </c:pt>
                <c:pt idx="2283">
                  <c:v>0.32056946980071449</c:v>
                </c:pt>
                <c:pt idx="2284">
                  <c:v>0.32056946980071449</c:v>
                </c:pt>
                <c:pt idx="2285">
                  <c:v>0.32056946980071449</c:v>
                </c:pt>
                <c:pt idx="2286">
                  <c:v>0.32056946980071449</c:v>
                </c:pt>
                <c:pt idx="2287">
                  <c:v>1.3104491356398902</c:v>
                </c:pt>
                <c:pt idx="2288">
                  <c:v>1.4621853513455618</c:v>
                </c:pt>
                <c:pt idx="2289">
                  <c:v>1.6139215670512332</c:v>
                </c:pt>
                <c:pt idx="2290">
                  <c:v>1.6139215670512332</c:v>
                </c:pt>
                <c:pt idx="2291">
                  <c:v>1.9311881998903646</c:v>
                </c:pt>
                <c:pt idx="2292">
                  <c:v>1.9311881998903646</c:v>
                </c:pt>
                <c:pt idx="2293">
                  <c:v>1.2828607327843136</c:v>
                </c:pt>
                <c:pt idx="2294">
                  <c:v>1.9311881998903646</c:v>
                </c:pt>
                <c:pt idx="2295">
                  <c:v>1.9311881998903646</c:v>
                </c:pt>
                <c:pt idx="2296">
                  <c:v>1.1380216177925364</c:v>
                </c:pt>
                <c:pt idx="2297">
                  <c:v>0.48571131787987043</c:v>
                </c:pt>
                <c:pt idx="2298">
                  <c:v>0.32056946980071449</c:v>
                </c:pt>
                <c:pt idx="2299">
                  <c:v>0.32056946980071449</c:v>
                </c:pt>
                <c:pt idx="2300">
                  <c:v>0.32056946980071449</c:v>
                </c:pt>
                <c:pt idx="2301">
                  <c:v>0.32056946980071449</c:v>
                </c:pt>
                <c:pt idx="2302">
                  <c:v>0.32056946980071449</c:v>
                </c:pt>
                <c:pt idx="2303">
                  <c:v>0.32056946980071449</c:v>
                </c:pt>
                <c:pt idx="2304">
                  <c:v>0.48488716744085086</c:v>
                </c:pt>
                <c:pt idx="2305">
                  <c:v>0.29387101057021259</c:v>
                </c:pt>
                <c:pt idx="2306">
                  <c:v>0.29387101057021259</c:v>
                </c:pt>
                <c:pt idx="2307">
                  <c:v>0.29387101057021259</c:v>
                </c:pt>
                <c:pt idx="2308">
                  <c:v>0.29387101057021259</c:v>
                </c:pt>
                <c:pt idx="2309">
                  <c:v>0.29387101057021259</c:v>
                </c:pt>
                <c:pt idx="2310">
                  <c:v>0.29387101057021259</c:v>
                </c:pt>
                <c:pt idx="2311">
                  <c:v>1.2518905050291056</c:v>
                </c:pt>
                <c:pt idx="2312">
                  <c:v>1.5648631312863821</c:v>
                </c:pt>
                <c:pt idx="2313">
                  <c:v>1.7213494444150204</c:v>
                </c:pt>
                <c:pt idx="2314">
                  <c:v>1.7213494444150204</c:v>
                </c:pt>
                <c:pt idx="2315">
                  <c:v>2.0343220706722964</c:v>
                </c:pt>
                <c:pt idx="2316">
                  <c:v>2.0343220706722964</c:v>
                </c:pt>
                <c:pt idx="2317">
                  <c:v>1.4083768181577441</c:v>
                </c:pt>
                <c:pt idx="2318">
                  <c:v>2.0343220706722964</c:v>
                </c:pt>
                <c:pt idx="2319">
                  <c:v>1.5648631312863821</c:v>
                </c:pt>
                <c:pt idx="2320">
                  <c:v>0.73467752642553152</c:v>
                </c:pt>
                <c:pt idx="2321">
                  <c:v>0.48488716744085086</c:v>
                </c:pt>
                <c:pt idx="2322">
                  <c:v>0.30856456109872321</c:v>
                </c:pt>
                <c:pt idx="2323">
                  <c:v>0.29387101057021259</c:v>
                </c:pt>
                <c:pt idx="2324">
                  <c:v>0.29387101057021259</c:v>
                </c:pt>
                <c:pt idx="2325">
                  <c:v>0.29387101057021259</c:v>
                </c:pt>
                <c:pt idx="2326">
                  <c:v>0.29387101057021259</c:v>
                </c:pt>
                <c:pt idx="2327">
                  <c:v>0.29387101057021259</c:v>
                </c:pt>
                <c:pt idx="2328">
                  <c:v>0.22581415675019012</c:v>
                </c:pt>
                <c:pt idx="2329">
                  <c:v>0.20323274107517109</c:v>
                </c:pt>
                <c:pt idx="2330">
                  <c:v>0.20323274107517109</c:v>
                </c:pt>
                <c:pt idx="2331">
                  <c:v>0.20323274107517109</c:v>
                </c:pt>
                <c:pt idx="2332">
                  <c:v>0.20323274107517109</c:v>
                </c:pt>
                <c:pt idx="2333">
                  <c:v>0.20323274107517109</c:v>
                </c:pt>
                <c:pt idx="2334">
                  <c:v>0.20323274107517109</c:v>
                </c:pt>
                <c:pt idx="2335">
                  <c:v>0.20323274107517109</c:v>
                </c:pt>
                <c:pt idx="2336">
                  <c:v>0.20323274107517109</c:v>
                </c:pt>
                <c:pt idx="2337">
                  <c:v>0.20323274107517109</c:v>
                </c:pt>
                <c:pt idx="2338">
                  <c:v>0.20323274107517109</c:v>
                </c:pt>
                <c:pt idx="2339">
                  <c:v>0.20323274107517109</c:v>
                </c:pt>
                <c:pt idx="2340">
                  <c:v>0.20323274107517109</c:v>
                </c:pt>
                <c:pt idx="2341">
                  <c:v>0.20323274107517109</c:v>
                </c:pt>
                <c:pt idx="2342">
                  <c:v>0.20323274107517109</c:v>
                </c:pt>
                <c:pt idx="2343">
                  <c:v>0.20323274107517109</c:v>
                </c:pt>
                <c:pt idx="2344">
                  <c:v>0.20323274107517109</c:v>
                </c:pt>
                <c:pt idx="2345">
                  <c:v>0.20323274107517109</c:v>
                </c:pt>
                <c:pt idx="2346">
                  <c:v>0.20323274107517109</c:v>
                </c:pt>
                <c:pt idx="2347">
                  <c:v>0.20323274107517109</c:v>
                </c:pt>
                <c:pt idx="2348">
                  <c:v>0.20323274107517109</c:v>
                </c:pt>
                <c:pt idx="2349">
                  <c:v>0.20323274107517109</c:v>
                </c:pt>
                <c:pt idx="2350">
                  <c:v>0.20323274107517109</c:v>
                </c:pt>
                <c:pt idx="2351">
                  <c:v>0.20323274107517109</c:v>
                </c:pt>
                <c:pt idx="2352">
                  <c:v>0.18363204553324849</c:v>
                </c:pt>
                <c:pt idx="2353">
                  <c:v>0.18363204553324849</c:v>
                </c:pt>
                <c:pt idx="2354">
                  <c:v>0.18363204553324849</c:v>
                </c:pt>
                <c:pt idx="2355">
                  <c:v>0.18363204553324849</c:v>
                </c:pt>
                <c:pt idx="2356">
                  <c:v>0.18363204553324849</c:v>
                </c:pt>
                <c:pt idx="2357">
                  <c:v>0.18363204553324849</c:v>
                </c:pt>
                <c:pt idx="2358">
                  <c:v>0.18363204553324849</c:v>
                </c:pt>
                <c:pt idx="2359">
                  <c:v>0.18363204553324849</c:v>
                </c:pt>
                <c:pt idx="2360">
                  <c:v>0.18363204553324849</c:v>
                </c:pt>
                <c:pt idx="2361">
                  <c:v>0.18363204553324849</c:v>
                </c:pt>
                <c:pt idx="2362">
                  <c:v>0.18363204553324849</c:v>
                </c:pt>
                <c:pt idx="2363">
                  <c:v>0.18363204553324849</c:v>
                </c:pt>
                <c:pt idx="2364">
                  <c:v>0.18363204553324849</c:v>
                </c:pt>
                <c:pt idx="2365">
                  <c:v>0.18363204553324849</c:v>
                </c:pt>
                <c:pt idx="2366">
                  <c:v>0.18363204553324849</c:v>
                </c:pt>
                <c:pt idx="2367">
                  <c:v>0.18363204553324849</c:v>
                </c:pt>
                <c:pt idx="2368">
                  <c:v>0.18363204553324849</c:v>
                </c:pt>
                <c:pt idx="2369">
                  <c:v>0.18363204553324849</c:v>
                </c:pt>
                <c:pt idx="2370">
                  <c:v>0.18363204553324849</c:v>
                </c:pt>
                <c:pt idx="2371">
                  <c:v>0.18363204553324849</c:v>
                </c:pt>
                <c:pt idx="2372">
                  <c:v>0.18363204553324849</c:v>
                </c:pt>
                <c:pt idx="2373">
                  <c:v>0.18363204553324849</c:v>
                </c:pt>
                <c:pt idx="2374">
                  <c:v>0.18363204553324849</c:v>
                </c:pt>
                <c:pt idx="2375">
                  <c:v>0.18363204553324849</c:v>
                </c:pt>
                <c:pt idx="2376">
                  <c:v>0.29858623792161304</c:v>
                </c:pt>
                <c:pt idx="2377">
                  <c:v>0.29858623792161304</c:v>
                </c:pt>
                <c:pt idx="2378">
                  <c:v>0.29858623792161304</c:v>
                </c:pt>
                <c:pt idx="2379">
                  <c:v>0.29858623792161304</c:v>
                </c:pt>
                <c:pt idx="2380">
                  <c:v>0.29858623792161304</c:v>
                </c:pt>
                <c:pt idx="2381">
                  <c:v>0.29858623792161304</c:v>
                </c:pt>
                <c:pt idx="2382">
                  <c:v>0.29858623792161304</c:v>
                </c:pt>
                <c:pt idx="2383">
                  <c:v>1.2719773735460715</c:v>
                </c:pt>
                <c:pt idx="2384">
                  <c:v>1.4309745452393305</c:v>
                </c:pt>
                <c:pt idx="2385">
                  <c:v>1.5899717169325893</c:v>
                </c:pt>
                <c:pt idx="2386">
                  <c:v>1.5899717169325893</c:v>
                </c:pt>
                <c:pt idx="2387">
                  <c:v>1.9079660603191073</c:v>
                </c:pt>
                <c:pt idx="2388">
                  <c:v>1.9079660603191073</c:v>
                </c:pt>
                <c:pt idx="2389">
                  <c:v>1.2719773735460715</c:v>
                </c:pt>
                <c:pt idx="2390">
                  <c:v>1.9079660603191073</c:v>
                </c:pt>
                <c:pt idx="2391">
                  <c:v>1.9079660603191073</c:v>
                </c:pt>
                <c:pt idx="2392">
                  <c:v>1.1129802018528123</c:v>
                </c:pt>
                <c:pt idx="2393">
                  <c:v>0.31799434338651789</c:v>
                </c:pt>
                <c:pt idx="2394">
                  <c:v>0.3135155498176937</c:v>
                </c:pt>
                <c:pt idx="2395">
                  <c:v>0.3135155498176937</c:v>
                </c:pt>
                <c:pt idx="2396">
                  <c:v>0.3135155498176937</c:v>
                </c:pt>
                <c:pt idx="2397">
                  <c:v>0.3135155498176937</c:v>
                </c:pt>
                <c:pt idx="2398">
                  <c:v>0.3135155498176937</c:v>
                </c:pt>
                <c:pt idx="2399">
                  <c:v>0.3135155498176937</c:v>
                </c:pt>
                <c:pt idx="2400">
                  <c:v>0.20170377844510445</c:v>
                </c:pt>
                <c:pt idx="2401">
                  <c:v>0.3073581385830163</c:v>
                </c:pt>
                <c:pt idx="2402">
                  <c:v>0.3073581385830163</c:v>
                </c:pt>
                <c:pt idx="2403">
                  <c:v>0.3073581385830163</c:v>
                </c:pt>
                <c:pt idx="2404">
                  <c:v>0.3073581385830163</c:v>
                </c:pt>
                <c:pt idx="2405">
                  <c:v>0.3073581385830163</c:v>
                </c:pt>
                <c:pt idx="2406">
                  <c:v>0.3073581385830163</c:v>
                </c:pt>
                <c:pt idx="2407">
                  <c:v>1.2957066529640282</c:v>
                </c:pt>
                <c:pt idx="2408">
                  <c:v>1.4457358443598631</c:v>
                </c:pt>
                <c:pt idx="2409">
                  <c:v>1.5957650357556978</c:v>
                </c:pt>
                <c:pt idx="2410">
                  <c:v>1.5957650357556978</c:v>
                </c:pt>
                <c:pt idx="2411">
                  <c:v>1.9094624359469887</c:v>
                </c:pt>
                <c:pt idx="2412">
                  <c:v>1.9094624359469887</c:v>
                </c:pt>
                <c:pt idx="2413">
                  <c:v>1.2684286181647855</c:v>
                </c:pt>
                <c:pt idx="2414">
                  <c:v>1.9094624359469887</c:v>
                </c:pt>
                <c:pt idx="2415">
                  <c:v>1.9094624359469887</c:v>
                </c:pt>
                <c:pt idx="2416">
                  <c:v>1.1252189354687614</c:v>
                </c:pt>
                <c:pt idx="2417">
                  <c:v>0.48024709153596301</c:v>
                </c:pt>
                <c:pt idx="2418">
                  <c:v>0.31696308041373555</c:v>
                </c:pt>
                <c:pt idx="2419">
                  <c:v>0.31696308041373555</c:v>
                </c:pt>
                <c:pt idx="2420">
                  <c:v>0.31696308041373555</c:v>
                </c:pt>
                <c:pt idx="2421">
                  <c:v>0.31696308041373555</c:v>
                </c:pt>
                <c:pt idx="2422">
                  <c:v>0.31696308041373555</c:v>
                </c:pt>
                <c:pt idx="2423">
                  <c:v>0.31696308041373555</c:v>
                </c:pt>
                <c:pt idx="2424">
                  <c:v>0.3107149597497984</c:v>
                </c:pt>
                <c:pt idx="2425">
                  <c:v>0.3107149597497984</c:v>
                </c:pt>
                <c:pt idx="2426">
                  <c:v>0.3107149597497984</c:v>
                </c:pt>
                <c:pt idx="2427">
                  <c:v>0.3107149597497984</c:v>
                </c:pt>
                <c:pt idx="2428">
                  <c:v>0.3107149597497984</c:v>
                </c:pt>
                <c:pt idx="2429">
                  <c:v>0.3107149597497984</c:v>
                </c:pt>
                <c:pt idx="2430">
                  <c:v>0.3107149597497984</c:v>
                </c:pt>
                <c:pt idx="2431">
                  <c:v>1.2701650930378121</c:v>
                </c:pt>
                <c:pt idx="2432">
                  <c:v>1.4172368406527169</c:v>
                </c:pt>
                <c:pt idx="2433">
                  <c:v>1.5643085882676215</c:v>
                </c:pt>
                <c:pt idx="2434">
                  <c:v>1.5643085882676215</c:v>
                </c:pt>
                <c:pt idx="2435">
                  <c:v>1.8718222423715127</c:v>
                </c:pt>
                <c:pt idx="2436">
                  <c:v>1.8718222423715127</c:v>
                </c:pt>
                <c:pt idx="2437">
                  <c:v>1.2434247752896477</c:v>
                </c:pt>
                <c:pt idx="2438">
                  <c:v>1.8718222423715127</c:v>
                </c:pt>
                <c:pt idx="2439">
                  <c:v>1.8718222423715127</c:v>
                </c:pt>
                <c:pt idx="2440">
                  <c:v>1.1030381071117843</c:v>
                </c:pt>
                <c:pt idx="2441">
                  <c:v>0.47078024204514912</c:v>
                </c:pt>
                <c:pt idx="2442">
                  <c:v>0.3107149597497984</c:v>
                </c:pt>
                <c:pt idx="2443">
                  <c:v>0.3107149597497984</c:v>
                </c:pt>
                <c:pt idx="2444">
                  <c:v>0.3107149597497984</c:v>
                </c:pt>
                <c:pt idx="2445">
                  <c:v>0.3107149597497984</c:v>
                </c:pt>
                <c:pt idx="2446">
                  <c:v>0.3107149597497984</c:v>
                </c:pt>
                <c:pt idx="2447">
                  <c:v>0.3107149597497984</c:v>
                </c:pt>
                <c:pt idx="2448">
                  <c:v>0.30959512906219433</c:v>
                </c:pt>
                <c:pt idx="2449">
                  <c:v>0.30959512906219433</c:v>
                </c:pt>
                <c:pt idx="2450">
                  <c:v>0.30959512906219433</c:v>
                </c:pt>
                <c:pt idx="2451">
                  <c:v>0.30959512906219433</c:v>
                </c:pt>
                <c:pt idx="2452">
                  <c:v>0.30959512906219433</c:v>
                </c:pt>
                <c:pt idx="2453">
                  <c:v>0.30959512906219433</c:v>
                </c:pt>
                <c:pt idx="2454">
                  <c:v>0.30959512906219433</c:v>
                </c:pt>
                <c:pt idx="2455">
                  <c:v>1.2655873609239396</c:v>
                </c:pt>
                <c:pt idx="2456">
                  <c:v>1.4121290553467118</c:v>
                </c:pt>
                <c:pt idx="2457">
                  <c:v>1.5586707497694838</c:v>
                </c:pt>
                <c:pt idx="2458">
                  <c:v>1.5586707497694838</c:v>
                </c:pt>
                <c:pt idx="2459">
                  <c:v>1.8650761108352796</c:v>
                </c:pt>
                <c:pt idx="2460">
                  <c:v>1.8650761108352796</c:v>
                </c:pt>
                <c:pt idx="2461">
                  <c:v>1.2389434164834356</c:v>
                </c:pt>
                <c:pt idx="2462">
                  <c:v>1.8650761108352796</c:v>
                </c:pt>
                <c:pt idx="2463">
                  <c:v>1.8650761108352796</c:v>
                </c:pt>
                <c:pt idx="2464">
                  <c:v>1.0990627081707898</c:v>
                </c:pt>
                <c:pt idx="2465">
                  <c:v>0.46908352888211258</c:v>
                </c:pt>
                <c:pt idx="2466">
                  <c:v>0.30959512906219433</c:v>
                </c:pt>
                <c:pt idx="2467">
                  <c:v>0.30959512906219433</c:v>
                </c:pt>
                <c:pt idx="2468">
                  <c:v>0.30959512906219433</c:v>
                </c:pt>
                <c:pt idx="2469">
                  <c:v>0.30959512906219433</c:v>
                </c:pt>
                <c:pt idx="2470">
                  <c:v>0.30959512906219433</c:v>
                </c:pt>
                <c:pt idx="2471">
                  <c:v>0.30959512906219433</c:v>
                </c:pt>
                <c:pt idx="2472">
                  <c:v>0.49036484159471339</c:v>
                </c:pt>
                <c:pt idx="2473">
                  <c:v>0.29719081308770506</c:v>
                </c:pt>
                <c:pt idx="2474">
                  <c:v>0.29719081308770506</c:v>
                </c:pt>
                <c:pt idx="2475">
                  <c:v>0.29719081308770506</c:v>
                </c:pt>
                <c:pt idx="2476">
                  <c:v>0.29719081308770506</c:v>
                </c:pt>
                <c:pt idx="2477">
                  <c:v>0.29719081308770506</c:v>
                </c:pt>
                <c:pt idx="2478">
                  <c:v>0.29719081308770506</c:v>
                </c:pt>
                <c:pt idx="2479">
                  <c:v>1.2660328637536236</c:v>
                </c:pt>
                <c:pt idx="2480">
                  <c:v>1.5825410796920294</c:v>
                </c:pt>
                <c:pt idx="2481">
                  <c:v>1.7407951876612326</c:v>
                </c:pt>
                <c:pt idx="2482">
                  <c:v>1.7407951876612326</c:v>
                </c:pt>
                <c:pt idx="2483">
                  <c:v>2.0573034035996383</c:v>
                </c:pt>
                <c:pt idx="2484">
                  <c:v>2.0573034035996383</c:v>
                </c:pt>
                <c:pt idx="2485">
                  <c:v>1.4242869717228266</c:v>
                </c:pt>
                <c:pt idx="2486">
                  <c:v>2.0573034035996383</c:v>
                </c:pt>
                <c:pt idx="2487">
                  <c:v>1.5825410796920294</c:v>
                </c:pt>
                <c:pt idx="2488">
                  <c:v>0.74297703271926263</c:v>
                </c:pt>
                <c:pt idx="2489">
                  <c:v>0.49036484159471339</c:v>
                </c:pt>
                <c:pt idx="2490">
                  <c:v>0.31205035374209028</c:v>
                </c:pt>
                <c:pt idx="2491">
                  <c:v>0.29719081308770506</c:v>
                </c:pt>
                <c:pt idx="2492">
                  <c:v>0.29719081308770506</c:v>
                </c:pt>
                <c:pt idx="2493">
                  <c:v>0.29719081308770506</c:v>
                </c:pt>
                <c:pt idx="2494">
                  <c:v>0.29719081308770506</c:v>
                </c:pt>
                <c:pt idx="2495">
                  <c:v>0.29719081308770506</c:v>
                </c:pt>
                <c:pt idx="2496">
                  <c:v>0.21008575200672874</c:v>
                </c:pt>
                <c:pt idx="2497">
                  <c:v>0.18907717680605587</c:v>
                </c:pt>
                <c:pt idx="2498">
                  <c:v>0.18907717680605587</c:v>
                </c:pt>
                <c:pt idx="2499">
                  <c:v>0.18907717680605587</c:v>
                </c:pt>
                <c:pt idx="2500">
                  <c:v>0.18907717680605587</c:v>
                </c:pt>
                <c:pt idx="2501">
                  <c:v>0.18907717680605587</c:v>
                </c:pt>
                <c:pt idx="2502">
                  <c:v>0.18907717680605587</c:v>
                </c:pt>
                <c:pt idx="2503">
                  <c:v>0.18907717680605587</c:v>
                </c:pt>
                <c:pt idx="2504">
                  <c:v>0.18907717680605587</c:v>
                </c:pt>
                <c:pt idx="2505">
                  <c:v>0.18907717680605587</c:v>
                </c:pt>
                <c:pt idx="2506">
                  <c:v>0.18907717680605587</c:v>
                </c:pt>
                <c:pt idx="2507">
                  <c:v>0.18907717680605587</c:v>
                </c:pt>
                <c:pt idx="2508">
                  <c:v>0.18907717680605587</c:v>
                </c:pt>
                <c:pt idx="2509">
                  <c:v>0.18907717680605587</c:v>
                </c:pt>
                <c:pt idx="2510">
                  <c:v>0.18907717680605587</c:v>
                </c:pt>
                <c:pt idx="2511">
                  <c:v>0.18907717680605587</c:v>
                </c:pt>
                <c:pt idx="2512">
                  <c:v>0.18907717680605587</c:v>
                </c:pt>
                <c:pt idx="2513">
                  <c:v>0.18907717680605587</c:v>
                </c:pt>
                <c:pt idx="2514">
                  <c:v>0.18907717680605587</c:v>
                </c:pt>
                <c:pt idx="2515">
                  <c:v>0.18907717680605587</c:v>
                </c:pt>
                <c:pt idx="2516">
                  <c:v>0.18907717680605587</c:v>
                </c:pt>
                <c:pt idx="2517">
                  <c:v>0.18907717680605587</c:v>
                </c:pt>
                <c:pt idx="2518">
                  <c:v>0.18907717680605587</c:v>
                </c:pt>
                <c:pt idx="2519">
                  <c:v>0.18907717680605587</c:v>
                </c:pt>
                <c:pt idx="2520">
                  <c:v>0.1678308241011599</c:v>
                </c:pt>
                <c:pt idx="2521">
                  <c:v>0.1678308241011599</c:v>
                </c:pt>
                <c:pt idx="2522">
                  <c:v>0.1678308241011599</c:v>
                </c:pt>
                <c:pt idx="2523">
                  <c:v>0.1678308241011599</c:v>
                </c:pt>
                <c:pt idx="2524">
                  <c:v>0.1678308241011599</c:v>
                </c:pt>
                <c:pt idx="2525">
                  <c:v>0.1678308241011599</c:v>
                </c:pt>
                <c:pt idx="2526">
                  <c:v>0.1678308241011599</c:v>
                </c:pt>
                <c:pt idx="2527">
                  <c:v>0.1678308241011599</c:v>
                </c:pt>
                <c:pt idx="2528">
                  <c:v>0.1678308241011599</c:v>
                </c:pt>
                <c:pt idx="2529">
                  <c:v>0.1678308241011599</c:v>
                </c:pt>
                <c:pt idx="2530">
                  <c:v>0.1678308241011599</c:v>
                </c:pt>
                <c:pt idx="2531">
                  <c:v>0.1678308241011599</c:v>
                </c:pt>
                <c:pt idx="2532">
                  <c:v>0.1678308241011599</c:v>
                </c:pt>
                <c:pt idx="2533">
                  <c:v>0.1678308241011599</c:v>
                </c:pt>
                <c:pt idx="2534">
                  <c:v>0.1678308241011599</c:v>
                </c:pt>
                <c:pt idx="2535">
                  <c:v>0.1678308241011599</c:v>
                </c:pt>
                <c:pt idx="2536">
                  <c:v>0.1678308241011599</c:v>
                </c:pt>
                <c:pt idx="2537">
                  <c:v>0.1678308241011599</c:v>
                </c:pt>
                <c:pt idx="2538">
                  <c:v>0.1678308241011599</c:v>
                </c:pt>
                <c:pt idx="2539">
                  <c:v>0.1678308241011599</c:v>
                </c:pt>
                <c:pt idx="2540">
                  <c:v>0.1678308241011599</c:v>
                </c:pt>
                <c:pt idx="2541">
                  <c:v>0.1678308241011599</c:v>
                </c:pt>
                <c:pt idx="2542">
                  <c:v>0.1678308241011599</c:v>
                </c:pt>
                <c:pt idx="2543">
                  <c:v>0.1678308241011599</c:v>
                </c:pt>
                <c:pt idx="2544">
                  <c:v>0.29299847854672662</c:v>
                </c:pt>
                <c:pt idx="2545">
                  <c:v>0.29299847854672662</c:v>
                </c:pt>
                <c:pt idx="2546">
                  <c:v>0.29299847854672662</c:v>
                </c:pt>
                <c:pt idx="2547">
                  <c:v>0.29299847854672662</c:v>
                </c:pt>
                <c:pt idx="2548">
                  <c:v>0.29299847854672662</c:v>
                </c:pt>
                <c:pt idx="2549">
                  <c:v>0.29299847854672662</c:v>
                </c:pt>
                <c:pt idx="2550">
                  <c:v>0.29299847854672662</c:v>
                </c:pt>
                <c:pt idx="2551">
                  <c:v>1.2481735186090552</c:v>
                </c:pt>
                <c:pt idx="2552">
                  <c:v>1.4041952084351872</c:v>
                </c:pt>
                <c:pt idx="2553">
                  <c:v>1.5602168982613192</c:v>
                </c:pt>
                <c:pt idx="2554">
                  <c:v>1.5602168982613192</c:v>
                </c:pt>
                <c:pt idx="2555">
                  <c:v>1.8722602779135826</c:v>
                </c:pt>
                <c:pt idx="2556">
                  <c:v>1.8722602779135826</c:v>
                </c:pt>
                <c:pt idx="2557">
                  <c:v>1.2481735186090552</c:v>
                </c:pt>
                <c:pt idx="2558">
                  <c:v>1.8722602779135826</c:v>
                </c:pt>
                <c:pt idx="2559">
                  <c:v>1.8722602779135826</c:v>
                </c:pt>
                <c:pt idx="2560">
                  <c:v>1.0921518287829233</c:v>
                </c:pt>
                <c:pt idx="2561">
                  <c:v>0.31204337965226381</c:v>
                </c:pt>
                <c:pt idx="2562">
                  <c:v>0.30764840247406289</c:v>
                </c:pt>
                <c:pt idx="2563">
                  <c:v>0.30764840247406289</c:v>
                </c:pt>
                <c:pt idx="2564">
                  <c:v>0.30764840247406289</c:v>
                </c:pt>
                <c:pt idx="2565">
                  <c:v>0.30764840247406289</c:v>
                </c:pt>
                <c:pt idx="2566">
                  <c:v>0.30764840247406289</c:v>
                </c:pt>
                <c:pt idx="2567">
                  <c:v>0.30764840247406289</c:v>
                </c:pt>
                <c:pt idx="2568">
                  <c:v>0.19638568550138402</c:v>
                </c:pt>
                <c:pt idx="2569">
                  <c:v>0.29925437790687093</c:v>
                </c:pt>
                <c:pt idx="2570">
                  <c:v>0.29925437790687093</c:v>
                </c:pt>
                <c:pt idx="2571">
                  <c:v>0.29925437790687093</c:v>
                </c:pt>
                <c:pt idx="2572">
                  <c:v>0.29925437790687093</c:v>
                </c:pt>
                <c:pt idx="2573">
                  <c:v>0.29925437790687093</c:v>
                </c:pt>
                <c:pt idx="2574">
                  <c:v>0.29925437790687093</c:v>
                </c:pt>
                <c:pt idx="2575">
                  <c:v>1.2615442368636525</c:v>
                </c:pt>
                <c:pt idx="2576">
                  <c:v>1.407617780079444</c:v>
                </c:pt>
                <c:pt idx="2577">
                  <c:v>1.5536913232952354</c:v>
                </c:pt>
                <c:pt idx="2578">
                  <c:v>1.5536913232952354</c:v>
                </c:pt>
                <c:pt idx="2579">
                  <c:v>1.8591178227464351</c:v>
                </c:pt>
                <c:pt idx="2580">
                  <c:v>1.8591178227464351</c:v>
                </c:pt>
                <c:pt idx="2581">
                  <c:v>1.2349854108244176</c:v>
                </c:pt>
                <c:pt idx="2582">
                  <c:v>1.8591178227464351</c:v>
                </c:pt>
                <c:pt idx="2583">
                  <c:v>1.8591178227464351</c:v>
                </c:pt>
                <c:pt idx="2584">
                  <c:v>1.0955515741184352</c:v>
                </c:pt>
                <c:pt idx="2585">
                  <c:v>0.4675849654794858</c:v>
                </c:pt>
                <c:pt idx="2586">
                  <c:v>0.30860607721646061</c:v>
                </c:pt>
                <c:pt idx="2587">
                  <c:v>0.30860607721646061</c:v>
                </c:pt>
                <c:pt idx="2588">
                  <c:v>0.30860607721646061</c:v>
                </c:pt>
                <c:pt idx="2589">
                  <c:v>0.30860607721646061</c:v>
                </c:pt>
                <c:pt idx="2590">
                  <c:v>0.30860607721646061</c:v>
                </c:pt>
                <c:pt idx="2591">
                  <c:v>0.30860607721646061</c:v>
                </c:pt>
                <c:pt idx="2592">
                  <c:v>0.31004306133723603</c:v>
                </c:pt>
                <c:pt idx="2593">
                  <c:v>0.31004306133723603</c:v>
                </c:pt>
                <c:pt idx="2594">
                  <c:v>0.31004306133723603</c:v>
                </c:pt>
                <c:pt idx="2595">
                  <c:v>0.31004306133723603</c:v>
                </c:pt>
                <c:pt idx="2596">
                  <c:v>0.31004306133723603</c:v>
                </c:pt>
                <c:pt idx="2597">
                  <c:v>0.31004306133723603</c:v>
                </c:pt>
                <c:pt idx="2598">
                  <c:v>0.31004306133723603</c:v>
                </c:pt>
                <c:pt idx="2599">
                  <c:v>1.2674184537694888</c:v>
                </c:pt>
                <c:pt idx="2600">
                  <c:v>1.4141721694691141</c:v>
                </c:pt>
                <c:pt idx="2601">
                  <c:v>1.5609258851687391</c:v>
                </c:pt>
                <c:pt idx="2602">
                  <c:v>1.5609258851687391</c:v>
                </c:pt>
                <c:pt idx="2603">
                  <c:v>1.8677745634497729</c:v>
                </c:pt>
                <c:pt idx="2604">
                  <c:v>1.8677745634497729</c:v>
                </c:pt>
                <c:pt idx="2605">
                  <c:v>1.2407359600059209</c:v>
                </c:pt>
                <c:pt idx="2606">
                  <c:v>1.8677745634497729</c:v>
                </c:pt>
                <c:pt idx="2607">
                  <c:v>1.8677745634497729</c:v>
                </c:pt>
                <c:pt idx="2608">
                  <c:v>1.1006528677471878</c:v>
                </c:pt>
                <c:pt idx="2609">
                  <c:v>0.46976221414732722</c:v>
                </c:pt>
                <c:pt idx="2610">
                  <c:v>0.31004306133723603</c:v>
                </c:pt>
                <c:pt idx="2611">
                  <c:v>0.31004306133723603</c:v>
                </c:pt>
                <c:pt idx="2612">
                  <c:v>0.31004306133723603</c:v>
                </c:pt>
                <c:pt idx="2613">
                  <c:v>0.31004306133723603</c:v>
                </c:pt>
                <c:pt idx="2614">
                  <c:v>0.31004306133723603</c:v>
                </c:pt>
                <c:pt idx="2615">
                  <c:v>0.31004306133723603</c:v>
                </c:pt>
                <c:pt idx="2616">
                  <c:v>0.30757943382450698</c:v>
                </c:pt>
                <c:pt idx="2617">
                  <c:v>0.30757943382450698</c:v>
                </c:pt>
                <c:pt idx="2618">
                  <c:v>0.30757943382450698</c:v>
                </c:pt>
                <c:pt idx="2619">
                  <c:v>0.30757943382450698</c:v>
                </c:pt>
                <c:pt idx="2620">
                  <c:v>0.30757943382450698</c:v>
                </c:pt>
                <c:pt idx="2621">
                  <c:v>0.30757943382450698</c:v>
                </c:pt>
                <c:pt idx="2622">
                  <c:v>0.30757943382450698</c:v>
                </c:pt>
                <c:pt idx="2623">
                  <c:v>1.2573474431189695</c:v>
                </c:pt>
                <c:pt idx="2624">
                  <c:v>1.4029350417959028</c:v>
                </c:pt>
                <c:pt idx="2625">
                  <c:v>1.5485226404728361</c:v>
                </c:pt>
                <c:pt idx="2626">
                  <c:v>1.5485226404728361</c:v>
                </c:pt>
                <c:pt idx="2627">
                  <c:v>1.85293307407006</c:v>
                </c:pt>
                <c:pt idx="2628">
                  <c:v>1.85293307407006</c:v>
                </c:pt>
                <c:pt idx="2629">
                  <c:v>1.2308769706322542</c:v>
                </c:pt>
                <c:pt idx="2630">
                  <c:v>1.85293307407006</c:v>
                </c:pt>
                <c:pt idx="2631">
                  <c:v>1.85293307407006</c:v>
                </c:pt>
                <c:pt idx="2632">
                  <c:v>1.0919069900769995</c:v>
                </c:pt>
                <c:pt idx="2633">
                  <c:v>0.46602944518864692</c:v>
                </c:pt>
                <c:pt idx="2634">
                  <c:v>0.30757943382450698</c:v>
                </c:pt>
                <c:pt idx="2635">
                  <c:v>0.30757943382450698</c:v>
                </c:pt>
                <c:pt idx="2636">
                  <c:v>0.30757943382450698</c:v>
                </c:pt>
                <c:pt idx="2637">
                  <c:v>0.30757943382450698</c:v>
                </c:pt>
                <c:pt idx="2638">
                  <c:v>0.30757943382450698</c:v>
                </c:pt>
                <c:pt idx="2639">
                  <c:v>0.30757943382450698</c:v>
                </c:pt>
                <c:pt idx="2640">
                  <c:v>0.46263411619078437</c:v>
                </c:pt>
                <c:pt idx="2641">
                  <c:v>0.28038431284289961</c:v>
                </c:pt>
                <c:pt idx="2642">
                  <c:v>0.28038431284289961</c:v>
                </c:pt>
                <c:pt idx="2643">
                  <c:v>0.28038431284289961</c:v>
                </c:pt>
                <c:pt idx="2644">
                  <c:v>0.28038431284289961</c:v>
                </c:pt>
                <c:pt idx="2645">
                  <c:v>0.28038431284289961</c:v>
                </c:pt>
                <c:pt idx="2646">
                  <c:v>0.28038431284289961</c:v>
                </c:pt>
                <c:pt idx="2647">
                  <c:v>1.1944371727107523</c:v>
                </c:pt>
                <c:pt idx="2648">
                  <c:v>1.4930464658884404</c:v>
                </c:pt>
                <c:pt idx="2649">
                  <c:v>1.6423511124772847</c:v>
                </c:pt>
                <c:pt idx="2650">
                  <c:v>1.6423511124772847</c:v>
                </c:pt>
                <c:pt idx="2651">
                  <c:v>1.9409604056549727</c:v>
                </c:pt>
                <c:pt idx="2652">
                  <c:v>1.9409604056549727</c:v>
                </c:pt>
                <c:pt idx="2653">
                  <c:v>1.3437418192995965</c:v>
                </c:pt>
                <c:pt idx="2654">
                  <c:v>1.9409604056549727</c:v>
                </c:pt>
                <c:pt idx="2655">
                  <c:v>1.4930464658884404</c:v>
                </c:pt>
                <c:pt idx="2656">
                  <c:v>0.7009607821072491</c:v>
                </c:pt>
                <c:pt idx="2657">
                  <c:v>0.46263411619078437</c:v>
                </c:pt>
                <c:pt idx="2658">
                  <c:v>0.29440352848504459</c:v>
                </c:pt>
                <c:pt idx="2659">
                  <c:v>0.28038431284289961</c:v>
                </c:pt>
                <c:pt idx="2660">
                  <c:v>0.28038431284289961</c:v>
                </c:pt>
                <c:pt idx="2661">
                  <c:v>0.28038431284289961</c:v>
                </c:pt>
                <c:pt idx="2662">
                  <c:v>0.28038431284289961</c:v>
                </c:pt>
                <c:pt idx="2663">
                  <c:v>0.28038431284289961</c:v>
                </c:pt>
                <c:pt idx="2664">
                  <c:v>0.12620092670826796</c:v>
                </c:pt>
                <c:pt idx="2665">
                  <c:v>0.11358083403744114</c:v>
                </c:pt>
                <c:pt idx="2666">
                  <c:v>0.11358083403744114</c:v>
                </c:pt>
                <c:pt idx="2667">
                  <c:v>0.11358083403744114</c:v>
                </c:pt>
                <c:pt idx="2668">
                  <c:v>0.11358083403744114</c:v>
                </c:pt>
                <c:pt idx="2669">
                  <c:v>0.11358083403744114</c:v>
                </c:pt>
                <c:pt idx="2670">
                  <c:v>0.11358083403744114</c:v>
                </c:pt>
                <c:pt idx="2671">
                  <c:v>0.11358083403744114</c:v>
                </c:pt>
                <c:pt idx="2672">
                  <c:v>0.11358083403744114</c:v>
                </c:pt>
                <c:pt idx="2673">
                  <c:v>0.11358083403744114</c:v>
                </c:pt>
                <c:pt idx="2674">
                  <c:v>0.11358083403744114</c:v>
                </c:pt>
                <c:pt idx="2675">
                  <c:v>0.11358083403744114</c:v>
                </c:pt>
                <c:pt idx="2676">
                  <c:v>0.11358083403744114</c:v>
                </c:pt>
                <c:pt idx="2677">
                  <c:v>0.11358083403744114</c:v>
                </c:pt>
                <c:pt idx="2678">
                  <c:v>0.11358083403744114</c:v>
                </c:pt>
                <c:pt idx="2679">
                  <c:v>0.11358083403744114</c:v>
                </c:pt>
                <c:pt idx="2680">
                  <c:v>0.11358083403744114</c:v>
                </c:pt>
                <c:pt idx="2681">
                  <c:v>0.11358083403744114</c:v>
                </c:pt>
                <c:pt idx="2682">
                  <c:v>0.11358083403744114</c:v>
                </c:pt>
                <c:pt idx="2683">
                  <c:v>0.11358083403744114</c:v>
                </c:pt>
                <c:pt idx="2684">
                  <c:v>0.11358083403744114</c:v>
                </c:pt>
                <c:pt idx="2685">
                  <c:v>0.11358083403744114</c:v>
                </c:pt>
                <c:pt idx="2686">
                  <c:v>0.11358083403744114</c:v>
                </c:pt>
                <c:pt idx="2687">
                  <c:v>0.11358083403744114</c:v>
                </c:pt>
                <c:pt idx="2688">
                  <c:v>0.11050000272595212</c:v>
                </c:pt>
                <c:pt idx="2689">
                  <c:v>0.11050000272595212</c:v>
                </c:pt>
                <c:pt idx="2690">
                  <c:v>0.11050000272595212</c:v>
                </c:pt>
                <c:pt idx="2691">
                  <c:v>0.11050000272595212</c:v>
                </c:pt>
                <c:pt idx="2692">
                  <c:v>0.11050000272595212</c:v>
                </c:pt>
                <c:pt idx="2693">
                  <c:v>0.11050000272595212</c:v>
                </c:pt>
                <c:pt idx="2694">
                  <c:v>0.11050000272595212</c:v>
                </c:pt>
                <c:pt idx="2695">
                  <c:v>0.11050000272595212</c:v>
                </c:pt>
                <c:pt idx="2696">
                  <c:v>0.11050000272595212</c:v>
                </c:pt>
                <c:pt idx="2697">
                  <c:v>0.11050000272595212</c:v>
                </c:pt>
                <c:pt idx="2698">
                  <c:v>0.11050000272595212</c:v>
                </c:pt>
                <c:pt idx="2699">
                  <c:v>0.11050000272595212</c:v>
                </c:pt>
                <c:pt idx="2700">
                  <c:v>0.11050000272595212</c:v>
                </c:pt>
                <c:pt idx="2701">
                  <c:v>0.11050000272595212</c:v>
                </c:pt>
                <c:pt idx="2702">
                  <c:v>0.11050000272595212</c:v>
                </c:pt>
                <c:pt idx="2703">
                  <c:v>0.11050000272595212</c:v>
                </c:pt>
                <c:pt idx="2704">
                  <c:v>0.11050000272595212</c:v>
                </c:pt>
                <c:pt idx="2705">
                  <c:v>0.11050000272595212</c:v>
                </c:pt>
                <c:pt idx="2706">
                  <c:v>0.11050000272595212</c:v>
                </c:pt>
                <c:pt idx="2707">
                  <c:v>0.11050000272595212</c:v>
                </c:pt>
                <c:pt idx="2708">
                  <c:v>0.11050000272595212</c:v>
                </c:pt>
                <c:pt idx="2709">
                  <c:v>0.11050000272595212</c:v>
                </c:pt>
                <c:pt idx="2710">
                  <c:v>0.11050000272595212</c:v>
                </c:pt>
                <c:pt idx="2711">
                  <c:v>0.11050000272595212</c:v>
                </c:pt>
                <c:pt idx="2712">
                  <c:v>0.28827037446028425</c:v>
                </c:pt>
                <c:pt idx="2713">
                  <c:v>0.28827037446028425</c:v>
                </c:pt>
                <c:pt idx="2714">
                  <c:v>0.28827037446028425</c:v>
                </c:pt>
                <c:pt idx="2715">
                  <c:v>0.28827037446028425</c:v>
                </c:pt>
                <c:pt idx="2716">
                  <c:v>0.28827037446028425</c:v>
                </c:pt>
                <c:pt idx="2717">
                  <c:v>0.28827037446028425</c:v>
                </c:pt>
                <c:pt idx="2718">
                  <c:v>0.28827037446028425</c:v>
                </c:pt>
                <c:pt idx="2719">
                  <c:v>1.2280317952008108</c:v>
                </c:pt>
                <c:pt idx="2720">
                  <c:v>1.3815357696009121</c:v>
                </c:pt>
                <c:pt idx="2721">
                  <c:v>1.5350397440010135</c:v>
                </c:pt>
                <c:pt idx="2722">
                  <c:v>1.5350397440010135</c:v>
                </c:pt>
                <c:pt idx="2723">
                  <c:v>1.8420476928012159</c:v>
                </c:pt>
                <c:pt idx="2724">
                  <c:v>1.8420476928012159</c:v>
                </c:pt>
                <c:pt idx="2725">
                  <c:v>1.2280317952008108</c:v>
                </c:pt>
                <c:pt idx="2726">
                  <c:v>1.8420476928012159</c:v>
                </c:pt>
                <c:pt idx="2727">
                  <c:v>1.8420476928012159</c:v>
                </c:pt>
                <c:pt idx="2728">
                  <c:v>1.0745278208007094</c:v>
                </c:pt>
                <c:pt idx="2729">
                  <c:v>0.30700794880020271</c:v>
                </c:pt>
                <c:pt idx="2730">
                  <c:v>0.30268389318329847</c:v>
                </c:pt>
                <c:pt idx="2731">
                  <c:v>0.30268389318329847</c:v>
                </c:pt>
                <c:pt idx="2732">
                  <c:v>0.30268389318329847</c:v>
                </c:pt>
                <c:pt idx="2733">
                  <c:v>0.30268389318329847</c:v>
                </c:pt>
                <c:pt idx="2734">
                  <c:v>0.30268389318329847</c:v>
                </c:pt>
                <c:pt idx="2735">
                  <c:v>0.30268389318329847</c:v>
                </c:pt>
                <c:pt idx="2736">
                  <c:v>0.19696061446827268</c:v>
                </c:pt>
                <c:pt idx="2737">
                  <c:v>0.3001304601421298</c:v>
                </c:pt>
                <c:pt idx="2738">
                  <c:v>0.3001304601421298</c:v>
                </c:pt>
                <c:pt idx="2739">
                  <c:v>0.3001304601421298</c:v>
                </c:pt>
                <c:pt idx="2740">
                  <c:v>0.3001304601421298</c:v>
                </c:pt>
                <c:pt idx="2741">
                  <c:v>0.3001304601421298</c:v>
                </c:pt>
                <c:pt idx="2742">
                  <c:v>0.3001304601421298</c:v>
                </c:pt>
                <c:pt idx="2743">
                  <c:v>1.2652374710366658</c:v>
                </c:pt>
                <c:pt idx="2744">
                  <c:v>1.4117386518935431</c:v>
                </c:pt>
                <c:pt idx="2745">
                  <c:v>1.5582398327504203</c:v>
                </c:pt>
                <c:pt idx="2746">
                  <c:v>1.5582398327504203</c:v>
                </c:pt>
                <c:pt idx="2747">
                  <c:v>1.8645604836329814</c:v>
                </c:pt>
                <c:pt idx="2748">
                  <c:v>1.8645604836329814</c:v>
                </c:pt>
                <c:pt idx="2749">
                  <c:v>1.2386008926990519</c:v>
                </c:pt>
                <c:pt idx="2750">
                  <c:v>1.8645604836329814</c:v>
                </c:pt>
                <c:pt idx="2751">
                  <c:v>1.8645604836329814</c:v>
                </c:pt>
                <c:pt idx="2752">
                  <c:v>1.0987588564265782</c:v>
                </c:pt>
                <c:pt idx="2753">
                  <c:v>0.4689538439720779</c:v>
                </c:pt>
                <c:pt idx="2754">
                  <c:v>0.30950953702157136</c:v>
                </c:pt>
                <c:pt idx="2755">
                  <c:v>0.30950953702157136</c:v>
                </c:pt>
                <c:pt idx="2756">
                  <c:v>0.30950953702157136</c:v>
                </c:pt>
                <c:pt idx="2757">
                  <c:v>0.30950953702157136</c:v>
                </c:pt>
                <c:pt idx="2758">
                  <c:v>0.30950953702157136</c:v>
                </c:pt>
                <c:pt idx="2759">
                  <c:v>0.30950953702157136</c:v>
                </c:pt>
                <c:pt idx="2760">
                  <c:v>0.31183479043740253</c:v>
                </c:pt>
                <c:pt idx="2761">
                  <c:v>0.31183479043740253</c:v>
                </c:pt>
                <c:pt idx="2762">
                  <c:v>0.31183479043740253</c:v>
                </c:pt>
                <c:pt idx="2763">
                  <c:v>0.31183479043740253</c:v>
                </c:pt>
                <c:pt idx="2764">
                  <c:v>0.31183479043740253</c:v>
                </c:pt>
                <c:pt idx="2765">
                  <c:v>0.31183479043740253</c:v>
                </c:pt>
                <c:pt idx="2766">
                  <c:v>0.31183479043740253</c:v>
                </c:pt>
                <c:pt idx="2767">
                  <c:v>1.2747428251516848</c:v>
                </c:pt>
                <c:pt idx="2768">
                  <c:v>1.422344625958722</c:v>
                </c:pt>
                <c:pt idx="2769">
                  <c:v>1.5699464267657592</c:v>
                </c:pt>
                <c:pt idx="2770">
                  <c:v>1.5699464267657592</c:v>
                </c:pt>
                <c:pt idx="2771">
                  <c:v>1.8785683739077461</c:v>
                </c:pt>
                <c:pt idx="2772">
                  <c:v>1.8785683739077461</c:v>
                </c:pt>
                <c:pt idx="2773">
                  <c:v>1.2479061340958599</c:v>
                </c:pt>
                <c:pt idx="2774">
                  <c:v>1.8785683739077461</c:v>
                </c:pt>
                <c:pt idx="2775">
                  <c:v>1.8785683739077461</c:v>
                </c:pt>
                <c:pt idx="2776">
                  <c:v>1.107013506052779</c:v>
                </c:pt>
                <c:pt idx="2777">
                  <c:v>0.47247695520818567</c:v>
                </c:pt>
                <c:pt idx="2778">
                  <c:v>0.31183479043740253</c:v>
                </c:pt>
                <c:pt idx="2779">
                  <c:v>0.31183479043740253</c:v>
                </c:pt>
                <c:pt idx="2780">
                  <c:v>0.31183479043740253</c:v>
                </c:pt>
                <c:pt idx="2781">
                  <c:v>0.31183479043740253</c:v>
                </c:pt>
                <c:pt idx="2782">
                  <c:v>0.31183479043740253</c:v>
                </c:pt>
                <c:pt idx="2783">
                  <c:v>0.31183479043740253</c:v>
                </c:pt>
                <c:pt idx="2784">
                  <c:v>0.30914719678715269</c:v>
                </c:pt>
                <c:pt idx="2785">
                  <c:v>0.30914719678715269</c:v>
                </c:pt>
                <c:pt idx="2786">
                  <c:v>0.30914719678715269</c:v>
                </c:pt>
                <c:pt idx="2787">
                  <c:v>0.30914719678715269</c:v>
                </c:pt>
                <c:pt idx="2788">
                  <c:v>0.30914719678715269</c:v>
                </c:pt>
                <c:pt idx="2789">
                  <c:v>0.30914719678715269</c:v>
                </c:pt>
                <c:pt idx="2790">
                  <c:v>0.30914719678715269</c:v>
                </c:pt>
                <c:pt idx="2791">
                  <c:v>1.2637562680783905</c:v>
                </c:pt>
                <c:pt idx="2792">
                  <c:v>1.4100859412243096</c:v>
                </c:pt>
                <c:pt idx="2793">
                  <c:v>1.5564156143702286</c:v>
                </c:pt>
                <c:pt idx="2794">
                  <c:v>1.5564156143702286</c:v>
                </c:pt>
                <c:pt idx="2795">
                  <c:v>1.8623776582207863</c:v>
                </c:pt>
                <c:pt idx="2796">
                  <c:v>1.8623776582207863</c:v>
                </c:pt>
                <c:pt idx="2797">
                  <c:v>1.2371508729609508</c:v>
                </c:pt>
                <c:pt idx="2798">
                  <c:v>1.8623776582207863</c:v>
                </c:pt>
                <c:pt idx="2799">
                  <c:v>1.8623776582207863</c:v>
                </c:pt>
                <c:pt idx="2800">
                  <c:v>1.0974725485943919</c:v>
                </c:pt>
                <c:pt idx="2801">
                  <c:v>0.46840484361689799</c:v>
                </c:pt>
                <c:pt idx="2802">
                  <c:v>0.30914719678715269</c:v>
                </c:pt>
                <c:pt idx="2803">
                  <c:v>0.30914719678715269</c:v>
                </c:pt>
                <c:pt idx="2804">
                  <c:v>0.30914719678715269</c:v>
                </c:pt>
                <c:pt idx="2805">
                  <c:v>0.30914719678715269</c:v>
                </c:pt>
                <c:pt idx="2806">
                  <c:v>0.30914719678715269</c:v>
                </c:pt>
                <c:pt idx="2807">
                  <c:v>0.30914719678715269</c:v>
                </c:pt>
                <c:pt idx="2808">
                  <c:v>0.46605766253694858</c:v>
                </c:pt>
                <c:pt idx="2809">
                  <c:v>0.28245918941633247</c:v>
                </c:pt>
                <c:pt idx="2810">
                  <c:v>0.28245918941633247</c:v>
                </c:pt>
                <c:pt idx="2811">
                  <c:v>0.28245918941633247</c:v>
                </c:pt>
                <c:pt idx="2812">
                  <c:v>0.28245918941633247</c:v>
                </c:pt>
                <c:pt idx="2813">
                  <c:v>0.28245918941633247</c:v>
                </c:pt>
                <c:pt idx="2814">
                  <c:v>0.28245918941633247</c:v>
                </c:pt>
                <c:pt idx="2815">
                  <c:v>1.2032761469135762</c:v>
                </c:pt>
                <c:pt idx="2816">
                  <c:v>1.5040951836419703</c:v>
                </c:pt>
                <c:pt idx="2817">
                  <c:v>1.6545047020061672</c:v>
                </c:pt>
                <c:pt idx="2818">
                  <c:v>1.6545047020061672</c:v>
                </c:pt>
                <c:pt idx="2819">
                  <c:v>1.9553237387345614</c:v>
                </c:pt>
                <c:pt idx="2820">
                  <c:v>1.9553237387345614</c:v>
                </c:pt>
                <c:pt idx="2821">
                  <c:v>1.3536856652777731</c:v>
                </c:pt>
                <c:pt idx="2822">
                  <c:v>1.9553237387345614</c:v>
                </c:pt>
                <c:pt idx="2823">
                  <c:v>1.5040951836419703</c:v>
                </c:pt>
                <c:pt idx="2824">
                  <c:v>0.70614797354083114</c:v>
                </c:pt>
                <c:pt idx="2825">
                  <c:v>0.46605766253694858</c:v>
                </c:pt>
                <c:pt idx="2826">
                  <c:v>0.29658214888714907</c:v>
                </c:pt>
                <c:pt idx="2827">
                  <c:v>0.28245918941633247</c:v>
                </c:pt>
                <c:pt idx="2828">
                  <c:v>0.28245918941633247</c:v>
                </c:pt>
                <c:pt idx="2829">
                  <c:v>0.28245918941633247</c:v>
                </c:pt>
                <c:pt idx="2830">
                  <c:v>0.28245918941633247</c:v>
                </c:pt>
                <c:pt idx="2831">
                  <c:v>0.28245918941633247</c:v>
                </c:pt>
                <c:pt idx="2832">
                  <c:v>0.1366865298705755</c:v>
                </c:pt>
                <c:pt idx="2833">
                  <c:v>0.12301787688351797</c:v>
                </c:pt>
                <c:pt idx="2834">
                  <c:v>0.12301787688351797</c:v>
                </c:pt>
                <c:pt idx="2835">
                  <c:v>0.12301787688351797</c:v>
                </c:pt>
                <c:pt idx="2836">
                  <c:v>0.12301787688351797</c:v>
                </c:pt>
                <c:pt idx="2837">
                  <c:v>0.12301787688351797</c:v>
                </c:pt>
                <c:pt idx="2838">
                  <c:v>0.12301787688351797</c:v>
                </c:pt>
                <c:pt idx="2839">
                  <c:v>0.12301787688351797</c:v>
                </c:pt>
                <c:pt idx="2840">
                  <c:v>0.12301787688351797</c:v>
                </c:pt>
                <c:pt idx="2841">
                  <c:v>0.12301787688351797</c:v>
                </c:pt>
                <c:pt idx="2842">
                  <c:v>0.12301787688351797</c:v>
                </c:pt>
                <c:pt idx="2843">
                  <c:v>0.12301787688351797</c:v>
                </c:pt>
                <c:pt idx="2844">
                  <c:v>0.12301787688351797</c:v>
                </c:pt>
                <c:pt idx="2845">
                  <c:v>0.12301787688351797</c:v>
                </c:pt>
                <c:pt idx="2846">
                  <c:v>0.12301787688351797</c:v>
                </c:pt>
                <c:pt idx="2847">
                  <c:v>0.12301787688351797</c:v>
                </c:pt>
                <c:pt idx="2848">
                  <c:v>0.12301787688351797</c:v>
                </c:pt>
                <c:pt idx="2849">
                  <c:v>0.12301787688351797</c:v>
                </c:pt>
                <c:pt idx="2850">
                  <c:v>0.12301787688351797</c:v>
                </c:pt>
                <c:pt idx="2851">
                  <c:v>0.12301787688351797</c:v>
                </c:pt>
                <c:pt idx="2852">
                  <c:v>0.12301787688351797</c:v>
                </c:pt>
                <c:pt idx="2853">
                  <c:v>0.12301787688351797</c:v>
                </c:pt>
                <c:pt idx="2854">
                  <c:v>0.12301787688351797</c:v>
                </c:pt>
                <c:pt idx="2855">
                  <c:v>0.12301787688351797</c:v>
                </c:pt>
                <c:pt idx="2856">
                  <c:v>0.12674764837772973</c:v>
                </c:pt>
                <c:pt idx="2857">
                  <c:v>0.12674764837772973</c:v>
                </c:pt>
                <c:pt idx="2858">
                  <c:v>0.12674764837772973</c:v>
                </c:pt>
                <c:pt idx="2859">
                  <c:v>0.12674764837772973</c:v>
                </c:pt>
                <c:pt idx="2860">
                  <c:v>0.12674764837772973</c:v>
                </c:pt>
                <c:pt idx="2861">
                  <c:v>0.12674764837772973</c:v>
                </c:pt>
                <c:pt idx="2862">
                  <c:v>0.12674764837772973</c:v>
                </c:pt>
                <c:pt idx="2863">
                  <c:v>0.12674764837772973</c:v>
                </c:pt>
                <c:pt idx="2864">
                  <c:v>0.12674764837772973</c:v>
                </c:pt>
                <c:pt idx="2865">
                  <c:v>0.12674764837772973</c:v>
                </c:pt>
                <c:pt idx="2866">
                  <c:v>0.12674764837772973</c:v>
                </c:pt>
                <c:pt idx="2867">
                  <c:v>0.12674764837772973</c:v>
                </c:pt>
                <c:pt idx="2868">
                  <c:v>0.12674764837772973</c:v>
                </c:pt>
                <c:pt idx="2869">
                  <c:v>0.12674764837772973</c:v>
                </c:pt>
                <c:pt idx="2870">
                  <c:v>0.12674764837772973</c:v>
                </c:pt>
                <c:pt idx="2871">
                  <c:v>0.12674764837772973</c:v>
                </c:pt>
                <c:pt idx="2872">
                  <c:v>0.12674764837772973</c:v>
                </c:pt>
                <c:pt idx="2873">
                  <c:v>0.12674764837772973</c:v>
                </c:pt>
                <c:pt idx="2874">
                  <c:v>0.12674764837772973</c:v>
                </c:pt>
                <c:pt idx="2875">
                  <c:v>0.12674764837772973</c:v>
                </c:pt>
                <c:pt idx="2876">
                  <c:v>0.12674764837772973</c:v>
                </c:pt>
                <c:pt idx="2877">
                  <c:v>0.12674764837772973</c:v>
                </c:pt>
                <c:pt idx="2878">
                  <c:v>0.12674764837772973</c:v>
                </c:pt>
                <c:pt idx="2879">
                  <c:v>0.12674764837772973</c:v>
                </c:pt>
                <c:pt idx="2880">
                  <c:v>0.29106425414772746</c:v>
                </c:pt>
                <c:pt idx="2881">
                  <c:v>0.29106425414772746</c:v>
                </c:pt>
                <c:pt idx="2882">
                  <c:v>0.29106425414772746</c:v>
                </c:pt>
                <c:pt idx="2883">
                  <c:v>0.29106425414772746</c:v>
                </c:pt>
                <c:pt idx="2884">
                  <c:v>0.29106425414772746</c:v>
                </c:pt>
                <c:pt idx="2885">
                  <c:v>0.29106425414772746</c:v>
                </c:pt>
                <c:pt idx="2886">
                  <c:v>0.29106425414772746</c:v>
                </c:pt>
                <c:pt idx="2887">
                  <c:v>1.239933722669319</c:v>
                </c:pt>
                <c:pt idx="2888">
                  <c:v>1.3949254380029836</c:v>
                </c:pt>
                <c:pt idx="2889">
                  <c:v>1.5499171533366485</c:v>
                </c:pt>
                <c:pt idx="2890">
                  <c:v>1.5499171533366485</c:v>
                </c:pt>
                <c:pt idx="2891">
                  <c:v>1.859900584003978</c:v>
                </c:pt>
                <c:pt idx="2892">
                  <c:v>1.859900584003978</c:v>
                </c:pt>
                <c:pt idx="2893">
                  <c:v>1.239933722669319</c:v>
                </c:pt>
                <c:pt idx="2894">
                  <c:v>1.859900584003978</c:v>
                </c:pt>
                <c:pt idx="2895">
                  <c:v>1.859900584003978</c:v>
                </c:pt>
                <c:pt idx="2896">
                  <c:v>1.0849420073356539</c:v>
                </c:pt>
                <c:pt idx="2897">
                  <c:v>0.30998343066732975</c:v>
                </c:pt>
                <c:pt idx="2898">
                  <c:v>0.30561746685511376</c:v>
                </c:pt>
                <c:pt idx="2899">
                  <c:v>0.30561746685511376</c:v>
                </c:pt>
                <c:pt idx="2900">
                  <c:v>0.30561746685511376</c:v>
                </c:pt>
                <c:pt idx="2901">
                  <c:v>0.30561746685511376</c:v>
                </c:pt>
                <c:pt idx="2902">
                  <c:v>0.30561746685511376</c:v>
                </c:pt>
                <c:pt idx="2903">
                  <c:v>0.30561746685511376</c:v>
                </c:pt>
                <c:pt idx="2904">
                  <c:v>0.19207371824971883</c:v>
                </c:pt>
                <c:pt idx="2905">
                  <c:v>0.29268376114242872</c:v>
                </c:pt>
                <c:pt idx="2906">
                  <c:v>0.29268376114242872</c:v>
                </c:pt>
                <c:pt idx="2907">
                  <c:v>0.29268376114242872</c:v>
                </c:pt>
                <c:pt idx="2908">
                  <c:v>0.29268376114242872</c:v>
                </c:pt>
                <c:pt idx="2909">
                  <c:v>0.29268376114242872</c:v>
                </c:pt>
                <c:pt idx="2910">
                  <c:v>0.29268376114242872</c:v>
                </c:pt>
                <c:pt idx="2911">
                  <c:v>1.2338449805660512</c:v>
                </c:pt>
                <c:pt idx="2912">
                  <c:v>1.3767112414736988</c:v>
                </c:pt>
                <c:pt idx="2913">
                  <c:v>1.5195775023813471</c:v>
                </c:pt>
                <c:pt idx="2914">
                  <c:v>1.5195775023813471</c:v>
                </c:pt>
                <c:pt idx="2915">
                  <c:v>1.8182978660973379</c:v>
                </c:pt>
                <c:pt idx="2916">
                  <c:v>1.8182978660973379</c:v>
                </c:pt>
                <c:pt idx="2917">
                  <c:v>1.2078692967646605</c:v>
                </c:pt>
                <c:pt idx="2918">
                  <c:v>1.8182978660973379</c:v>
                </c:pt>
                <c:pt idx="2919">
                  <c:v>1.8182978660973379</c:v>
                </c:pt>
                <c:pt idx="2920">
                  <c:v>1.07149695680736</c:v>
                </c:pt>
                <c:pt idx="2921">
                  <c:v>0.45731837678504494</c:v>
                </c:pt>
                <c:pt idx="2922">
                  <c:v>0.30183012867812958</c:v>
                </c:pt>
                <c:pt idx="2923">
                  <c:v>0.30183012867812958</c:v>
                </c:pt>
                <c:pt idx="2924">
                  <c:v>0.30183012867812958</c:v>
                </c:pt>
                <c:pt idx="2925">
                  <c:v>0.30183012867812958</c:v>
                </c:pt>
                <c:pt idx="2926">
                  <c:v>0.30183012867812958</c:v>
                </c:pt>
                <c:pt idx="2927">
                  <c:v>0.30183012867812958</c:v>
                </c:pt>
                <c:pt idx="2928">
                  <c:v>0.30130838197392407</c:v>
                </c:pt>
                <c:pt idx="2929">
                  <c:v>0.30130838197392407</c:v>
                </c:pt>
                <c:pt idx="2930">
                  <c:v>0.30130838197392407</c:v>
                </c:pt>
                <c:pt idx="2931">
                  <c:v>0.30130838197392407</c:v>
                </c:pt>
                <c:pt idx="2932">
                  <c:v>0.30130838197392407</c:v>
                </c:pt>
                <c:pt idx="2933">
                  <c:v>0.30130838197392407</c:v>
                </c:pt>
                <c:pt idx="2934">
                  <c:v>0.30130838197392407</c:v>
                </c:pt>
                <c:pt idx="2935">
                  <c:v>1.2317121432812834</c:v>
                </c:pt>
                <c:pt idx="2936">
                  <c:v>1.3743314440822743</c:v>
                </c:pt>
                <c:pt idx="2937">
                  <c:v>1.5169507448832649</c:v>
                </c:pt>
                <c:pt idx="2938">
                  <c:v>1.5169507448832649</c:v>
                </c:pt>
                <c:pt idx="2939">
                  <c:v>1.8151547374671544</c:v>
                </c:pt>
                <c:pt idx="2940">
                  <c:v>1.8151547374671544</c:v>
                </c:pt>
                <c:pt idx="2941">
                  <c:v>1.2057813613174668</c:v>
                </c:pt>
                <c:pt idx="2942">
                  <c:v>1.8151547374671544</c:v>
                </c:pt>
                <c:pt idx="2943">
                  <c:v>1.8151547374671544</c:v>
                </c:pt>
                <c:pt idx="2944">
                  <c:v>1.0696447560074305</c:v>
                </c:pt>
                <c:pt idx="2945">
                  <c:v>0.45652785147564251</c:v>
                </c:pt>
                <c:pt idx="2946">
                  <c:v>0.30130838197392407</c:v>
                </c:pt>
                <c:pt idx="2947">
                  <c:v>0.30130838197392407</c:v>
                </c:pt>
                <c:pt idx="2948">
                  <c:v>0.30130838197392407</c:v>
                </c:pt>
                <c:pt idx="2949">
                  <c:v>0.30130838197392407</c:v>
                </c:pt>
                <c:pt idx="2950">
                  <c:v>0.30130838197392407</c:v>
                </c:pt>
                <c:pt idx="2951">
                  <c:v>0.30130838197392407</c:v>
                </c:pt>
                <c:pt idx="2952">
                  <c:v>0.3017563142489656</c:v>
                </c:pt>
                <c:pt idx="2953">
                  <c:v>0.3017563142489656</c:v>
                </c:pt>
                <c:pt idx="2954">
                  <c:v>0.3017563142489656</c:v>
                </c:pt>
                <c:pt idx="2955">
                  <c:v>0.3017563142489656</c:v>
                </c:pt>
                <c:pt idx="2956">
                  <c:v>0.3017563142489656</c:v>
                </c:pt>
                <c:pt idx="2957">
                  <c:v>0.3017563142489656</c:v>
                </c:pt>
                <c:pt idx="2958">
                  <c:v>0.3017563142489656</c:v>
                </c:pt>
                <c:pt idx="2959">
                  <c:v>1.2335432361268319</c:v>
                </c:pt>
                <c:pt idx="2960">
                  <c:v>1.376374558204676</c:v>
                </c:pt>
                <c:pt idx="2961">
                  <c:v>1.5192058802825197</c:v>
                </c:pt>
                <c:pt idx="2962">
                  <c:v>1.5192058802825197</c:v>
                </c:pt>
                <c:pt idx="2963">
                  <c:v>1.8178531900816473</c:v>
                </c:pt>
                <c:pt idx="2964">
                  <c:v>1.8178531900816473</c:v>
                </c:pt>
                <c:pt idx="2965">
                  <c:v>1.2075739048399514</c:v>
                </c:pt>
                <c:pt idx="2966">
                  <c:v>1.8178531900816473</c:v>
                </c:pt>
                <c:pt idx="2967">
                  <c:v>1.8178531900816473</c:v>
                </c:pt>
                <c:pt idx="2968">
                  <c:v>1.0712349155838279</c:v>
                </c:pt>
                <c:pt idx="2969">
                  <c:v>0.45720653674085698</c:v>
                </c:pt>
                <c:pt idx="2970">
                  <c:v>0.3017563142489656</c:v>
                </c:pt>
                <c:pt idx="2971">
                  <c:v>0.3017563142489656</c:v>
                </c:pt>
                <c:pt idx="2972">
                  <c:v>0.3017563142489656</c:v>
                </c:pt>
                <c:pt idx="2973">
                  <c:v>0.3017563142489656</c:v>
                </c:pt>
                <c:pt idx="2974">
                  <c:v>0.3017563142489656</c:v>
                </c:pt>
                <c:pt idx="2975">
                  <c:v>0.3017563142489656</c:v>
                </c:pt>
                <c:pt idx="2976">
                  <c:v>0.45475995959460719</c:v>
                </c:pt>
                <c:pt idx="2977">
                  <c:v>0.27561209672400433</c:v>
                </c:pt>
                <c:pt idx="2978">
                  <c:v>0.27561209672400433</c:v>
                </c:pt>
                <c:pt idx="2979">
                  <c:v>0.27561209672400433</c:v>
                </c:pt>
                <c:pt idx="2980">
                  <c:v>0.27561209672400433</c:v>
                </c:pt>
                <c:pt idx="2981">
                  <c:v>0.27561209672400433</c:v>
                </c:pt>
                <c:pt idx="2982">
                  <c:v>0.27561209672400433</c:v>
                </c:pt>
                <c:pt idx="2983">
                  <c:v>1.1741075320442584</c:v>
                </c:pt>
                <c:pt idx="2984">
                  <c:v>1.4676344150553229</c:v>
                </c:pt>
                <c:pt idx="2985">
                  <c:v>1.6143978565608552</c:v>
                </c:pt>
                <c:pt idx="2986">
                  <c:v>1.6143978565608552</c:v>
                </c:pt>
                <c:pt idx="2987">
                  <c:v>1.9079247395719201</c:v>
                </c:pt>
                <c:pt idx="2988">
                  <c:v>1.9079247395719201</c:v>
                </c:pt>
                <c:pt idx="2989">
                  <c:v>1.3208709735497906</c:v>
                </c:pt>
                <c:pt idx="2990">
                  <c:v>1.9079247395719201</c:v>
                </c:pt>
                <c:pt idx="2991">
                  <c:v>1.4676344150553229</c:v>
                </c:pt>
                <c:pt idx="2992">
                  <c:v>0.68903024181001071</c:v>
                </c:pt>
                <c:pt idx="2993">
                  <c:v>0.45475995959460719</c:v>
                </c:pt>
                <c:pt idx="2994">
                  <c:v>0.28939270156020447</c:v>
                </c:pt>
                <c:pt idx="2995">
                  <c:v>0.27561209672400433</c:v>
                </c:pt>
                <c:pt idx="2996">
                  <c:v>0.27561209672400433</c:v>
                </c:pt>
                <c:pt idx="2997">
                  <c:v>0.27561209672400433</c:v>
                </c:pt>
                <c:pt idx="2998">
                  <c:v>0.27561209672400433</c:v>
                </c:pt>
                <c:pt idx="2999">
                  <c:v>0.27561209672400433</c:v>
                </c:pt>
                <c:pt idx="3000">
                  <c:v>0.12155366315174185</c:v>
                </c:pt>
                <c:pt idx="3001">
                  <c:v>0.10939829683656767</c:v>
                </c:pt>
                <c:pt idx="3002">
                  <c:v>0.10939829683656767</c:v>
                </c:pt>
                <c:pt idx="3003">
                  <c:v>0.10939829683656767</c:v>
                </c:pt>
                <c:pt idx="3004">
                  <c:v>0.10939829683656767</c:v>
                </c:pt>
                <c:pt idx="3005">
                  <c:v>0.10939829683656767</c:v>
                </c:pt>
                <c:pt idx="3006">
                  <c:v>0.10939829683656767</c:v>
                </c:pt>
                <c:pt idx="3007">
                  <c:v>0.10939829683656767</c:v>
                </c:pt>
                <c:pt idx="3008">
                  <c:v>0.10939829683656767</c:v>
                </c:pt>
                <c:pt idx="3009">
                  <c:v>0.10939829683656767</c:v>
                </c:pt>
                <c:pt idx="3010">
                  <c:v>0.10939829683656767</c:v>
                </c:pt>
                <c:pt idx="3011">
                  <c:v>0.10939829683656767</c:v>
                </c:pt>
                <c:pt idx="3012">
                  <c:v>0.10939829683656767</c:v>
                </c:pt>
                <c:pt idx="3013">
                  <c:v>0.10939829683656767</c:v>
                </c:pt>
                <c:pt idx="3014">
                  <c:v>0.10939829683656767</c:v>
                </c:pt>
                <c:pt idx="3015">
                  <c:v>0.10939829683656767</c:v>
                </c:pt>
                <c:pt idx="3016">
                  <c:v>0.10939829683656767</c:v>
                </c:pt>
                <c:pt idx="3017">
                  <c:v>0.10939829683656767</c:v>
                </c:pt>
                <c:pt idx="3018">
                  <c:v>0.10939829683656767</c:v>
                </c:pt>
                <c:pt idx="3019">
                  <c:v>0.10939829683656767</c:v>
                </c:pt>
                <c:pt idx="3020">
                  <c:v>0.10939829683656767</c:v>
                </c:pt>
                <c:pt idx="3021">
                  <c:v>0.10939829683656767</c:v>
                </c:pt>
                <c:pt idx="3022">
                  <c:v>0.10939829683656767</c:v>
                </c:pt>
                <c:pt idx="3023">
                  <c:v>0.10939829683656767</c:v>
                </c:pt>
                <c:pt idx="3024">
                  <c:v>0.11331661016045447</c:v>
                </c:pt>
                <c:pt idx="3025">
                  <c:v>0.11331661016045447</c:v>
                </c:pt>
                <c:pt idx="3026">
                  <c:v>0.11331661016045447</c:v>
                </c:pt>
                <c:pt idx="3027">
                  <c:v>0.11331661016045447</c:v>
                </c:pt>
                <c:pt idx="3028">
                  <c:v>0.11331661016045447</c:v>
                </c:pt>
                <c:pt idx="3029">
                  <c:v>0.11331661016045447</c:v>
                </c:pt>
                <c:pt idx="3030">
                  <c:v>0.11331661016045447</c:v>
                </c:pt>
                <c:pt idx="3031">
                  <c:v>0.11331661016045447</c:v>
                </c:pt>
                <c:pt idx="3032">
                  <c:v>0.11331661016045447</c:v>
                </c:pt>
                <c:pt idx="3033">
                  <c:v>0.11331661016045447</c:v>
                </c:pt>
                <c:pt idx="3034">
                  <c:v>0.11331661016045447</c:v>
                </c:pt>
                <c:pt idx="3035">
                  <c:v>0.11331661016045447</c:v>
                </c:pt>
                <c:pt idx="3036">
                  <c:v>0.11331661016045447</c:v>
                </c:pt>
                <c:pt idx="3037">
                  <c:v>0.11331661016045447</c:v>
                </c:pt>
                <c:pt idx="3038">
                  <c:v>0.11331661016045447</c:v>
                </c:pt>
                <c:pt idx="3039">
                  <c:v>0.11331661016045447</c:v>
                </c:pt>
                <c:pt idx="3040">
                  <c:v>0.11331661016045447</c:v>
                </c:pt>
                <c:pt idx="3041">
                  <c:v>0.11331661016045447</c:v>
                </c:pt>
                <c:pt idx="3042">
                  <c:v>0.11331661016045447</c:v>
                </c:pt>
                <c:pt idx="3043">
                  <c:v>0.11331661016045447</c:v>
                </c:pt>
                <c:pt idx="3044">
                  <c:v>0.11331661016045447</c:v>
                </c:pt>
                <c:pt idx="3045">
                  <c:v>0.11331661016045447</c:v>
                </c:pt>
                <c:pt idx="3046">
                  <c:v>0.11331661016045447</c:v>
                </c:pt>
                <c:pt idx="3047">
                  <c:v>0.11331661016045447</c:v>
                </c:pt>
                <c:pt idx="3048">
                  <c:v>0.29407304765728171</c:v>
                </c:pt>
                <c:pt idx="3049">
                  <c:v>0.29407304765728171</c:v>
                </c:pt>
                <c:pt idx="3050">
                  <c:v>0.29407304765728171</c:v>
                </c:pt>
                <c:pt idx="3051">
                  <c:v>0.29407304765728171</c:v>
                </c:pt>
                <c:pt idx="3052">
                  <c:v>0.29407304765728171</c:v>
                </c:pt>
                <c:pt idx="3053">
                  <c:v>0.29407304765728171</c:v>
                </c:pt>
                <c:pt idx="3054">
                  <c:v>0.29407304765728171</c:v>
                </c:pt>
                <c:pt idx="3055">
                  <c:v>1.25275118302002</c:v>
                </c:pt>
                <c:pt idx="3056">
                  <c:v>1.4093450808975225</c:v>
                </c:pt>
                <c:pt idx="3057">
                  <c:v>1.5659389787750253</c:v>
                </c:pt>
                <c:pt idx="3058">
                  <c:v>1.5659389787750253</c:v>
                </c:pt>
                <c:pt idx="3059">
                  <c:v>1.8791267745300297</c:v>
                </c:pt>
                <c:pt idx="3060">
                  <c:v>1.8791267745300297</c:v>
                </c:pt>
                <c:pt idx="3061">
                  <c:v>1.25275118302002</c:v>
                </c:pt>
                <c:pt idx="3062">
                  <c:v>1.8791267745300297</c:v>
                </c:pt>
                <c:pt idx="3063">
                  <c:v>1.8791267745300297</c:v>
                </c:pt>
                <c:pt idx="3064">
                  <c:v>1.0961572851425174</c:v>
                </c:pt>
                <c:pt idx="3065">
                  <c:v>0.31318779575500499</c:v>
                </c:pt>
                <c:pt idx="3066">
                  <c:v>0.30877670004014585</c:v>
                </c:pt>
                <c:pt idx="3067">
                  <c:v>0.30877670004014585</c:v>
                </c:pt>
                <c:pt idx="3068">
                  <c:v>0.30877670004014585</c:v>
                </c:pt>
                <c:pt idx="3069">
                  <c:v>0.30877670004014585</c:v>
                </c:pt>
                <c:pt idx="3070">
                  <c:v>0.30877670004014585</c:v>
                </c:pt>
                <c:pt idx="3071">
                  <c:v>0.30877670004014585</c:v>
                </c:pt>
                <c:pt idx="3072">
                  <c:v>0.1949483630841623</c:v>
                </c:pt>
                <c:pt idx="3073">
                  <c:v>0.29706417231872351</c:v>
                </c:pt>
                <c:pt idx="3074">
                  <c:v>0.29706417231872351</c:v>
                </c:pt>
                <c:pt idx="3075">
                  <c:v>0.29706417231872351</c:v>
                </c:pt>
                <c:pt idx="3076">
                  <c:v>0.29706417231872351</c:v>
                </c:pt>
                <c:pt idx="3077">
                  <c:v>0.29706417231872351</c:v>
                </c:pt>
                <c:pt idx="3078">
                  <c:v>0.29706417231872351</c:v>
                </c:pt>
                <c:pt idx="3079">
                  <c:v>1.2523111514311187</c:v>
                </c:pt>
                <c:pt idx="3080">
                  <c:v>1.3973156005441958</c:v>
                </c:pt>
                <c:pt idx="3081">
                  <c:v>1.5423200496572727</c:v>
                </c:pt>
                <c:pt idx="3082">
                  <c:v>1.5423200496572727</c:v>
                </c:pt>
                <c:pt idx="3083">
                  <c:v>1.8455111705300697</c:v>
                </c:pt>
                <c:pt idx="3084">
                  <c:v>1.8455111705300697</c:v>
                </c:pt>
                <c:pt idx="3085">
                  <c:v>1.225946706137832</c:v>
                </c:pt>
                <c:pt idx="3086">
                  <c:v>1.8455111705300697</c:v>
                </c:pt>
                <c:pt idx="3087">
                  <c:v>1.8455111705300697</c:v>
                </c:pt>
                <c:pt idx="3088">
                  <c:v>1.0875333683480768</c:v>
                </c:pt>
                <c:pt idx="3089">
                  <c:v>0.46416276924800554</c:v>
                </c:pt>
                <c:pt idx="3090">
                  <c:v>0.30634742770368362</c:v>
                </c:pt>
                <c:pt idx="3091">
                  <c:v>0.30634742770368362</c:v>
                </c:pt>
                <c:pt idx="3092">
                  <c:v>0.30634742770368362</c:v>
                </c:pt>
                <c:pt idx="3093">
                  <c:v>0.30634742770368362</c:v>
                </c:pt>
                <c:pt idx="3094">
                  <c:v>0.30634742770368362</c:v>
                </c:pt>
                <c:pt idx="3095">
                  <c:v>0.30634742770368362</c:v>
                </c:pt>
                <c:pt idx="3096">
                  <c:v>0.30041251742384079</c:v>
                </c:pt>
                <c:pt idx="3097">
                  <c:v>0.30041251742384079</c:v>
                </c:pt>
                <c:pt idx="3098">
                  <c:v>0.30041251742384079</c:v>
                </c:pt>
                <c:pt idx="3099">
                  <c:v>0.30041251742384079</c:v>
                </c:pt>
                <c:pt idx="3100">
                  <c:v>0.30041251742384079</c:v>
                </c:pt>
                <c:pt idx="3101">
                  <c:v>0.30041251742384079</c:v>
                </c:pt>
                <c:pt idx="3102">
                  <c:v>0.30041251742384079</c:v>
                </c:pt>
                <c:pt idx="3103">
                  <c:v>1.2280499575901855</c:v>
                </c:pt>
                <c:pt idx="3104">
                  <c:v>1.3702452158374701</c:v>
                </c:pt>
                <c:pt idx="3105">
                  <c:v>1.5124404740847548</c:v>
                </c:pt>
                <c:pt idx="3106">
                  <c:v>1.5124404740847548</c:v>
                </c:pt>
                <c:pt idx="3107">
                  <c:v>1.8097578322381678</c:v>
                </c:pt>
                <c:pt idx="3108">
                  <c:v>1.8097578322381678</c:v>
                </c:pt>
                <c:pt idx="3109">
                  <c:v>1.2021962742724974</c:v>
                </c:pt>
                <c:pt idx="3110">
                  <c:v>1.8097578322381678</c:v>
                </c:pt>
                <c:pt idx="3111">
                  <c:v>1.8097578322381678</c:v>
                </c:pt>
                <c:pt idx="3112">
                  <c:v>1.0664644368546348</c:v>
                </c:pt>
                <c:pt idx="3113">
                  <c:v>0.45517048094521334</c:v>
                </c:pt>
                <c:pt idx="3114">
                  <c:v>0.30041251742384079</c:v>
                </c:pt>
                <c:pt idx="3115">
                  <c:v>0.30041251742384079</c:v>
                </c:pt>
                <c:pt idx="3116">
                  <c:v>0.30041251742384079</c:v>
                </c:pt>
                <c:pt idx="3117">
                  <c:v>0.30041251742384079</c:v>
                </c:pt>
                <c:pt idx="3118">
                  <c:v>0.30041251742384079</c:v>
                </c:pt>
                <c:pt idx="3119">
                  <c:v>0.30041251742384079</c:v>
                </c:pt>
                <c:pt idx="3120">
                  <c:v>0.29794888991111174</c:v>
                </c:pt>
                <c:pt idx="3121">
                  <c:v>0.29794888991111174</c:v>
                </c:pt>
                <c:pt idx="3122">
                  <c:v>0.29794888991111174</c:v>
                </c:pt>
                <c:pt idx="3123">
                  <c:v>0.29794888991111174</c:v>
                </c:pt>
                <c:pt idx="3124">
                  <c:v>0.29794888991111174</c:v>
                </c:pt>
                <c:pt idx="3125">
                  <c:v>0.29794888991111174</c:v>
                </c:pt>
                <c:pt idx="3126">
                  <c:v>0.29794888991111174</c:v>
                </c:pt>
                <c:pt idx="3127">
                  <c:v>1.2179789469396656</c:v>
                </c:pt>
                <c:pt idx="3128">
                  <c:v>1.3590080881642586</c:v>
                </c:pt>
                <c:pt idx="3129">
                  <c:v>1.5000372293888518</c:v>
                </c:pt>
                <c:pt idx="3130">
                  <c:v>1.5000372293888518</c:v>
                </c:pt>
                <c:pt idx="3131">
                  <c:v>1.7949163428584545</c:v>
                </c:pt>
                <c:pt idx="3132">
                  <c:v>1.7949163428584545</c:v>
                </c:pt>
                <c:pt idx="3133">
                  <c:v>1.1923372848988305</c:v>
                </c:pt>
                <c:pt idx="3134">
                  <c:v>1.7949163428584545</c:v>
                </c:pt>
                <c:pt idx="3135">
                  <c:v>1.7949163428584545</c:v>
                </c:pt>
                <c:pt idx="3136">
                  <c:v>1.0577185591844467</c:v>
                </c:pt>
                <c:pt idx="3137">
                  <c:v>0.45143771198653293</c:v>
                </c:pt>
                <c:pt idx="3138">
                  <c:v>0.29794888991111174</c:v>
                </c:pt>
                <c:pt idx="3139">
                  <c:v>0.29794888991111174</c:v>
                </c:pt>
                <c:pt idx="3140">
                  <c:v>0.29794888991111174</c:v>
                </c:pt>
                <c:pt idx="3141">
                  <c:v>0.29794888991111174</c:v>
                </c:pt>
                <c:pt idx="3142">
                  <c:v>0.29794888991111174</c:v>
                </c:pt>
                <c:pt idx="3143">
                  <c:v>0.29794888991111174</c:v>
                </c:pt>
                <c:pt idx="3144">
                  <c:v>0.46160705228693522</c:v>
                </c:pt>
                <c:pt idx="3145">
                  <c:v>0.27976184987086983</c:v>
                </c:pt>
                <c:pt idx="3146">
                  <c:v>0.27976184987086983</c:v>
                </c:pt>
                <c:pt idx="3147">
                  <c:v>0.27976184987086983</c:v>
                </c:pt>
                <c:pt idx="3148">
                  <c:v>0.27976184987086983</c:v>
                </c:pt>
                <c:pt idx="3149">
                  <c:v>0.27976184987086983</c:v>
                </c:pt>
                <c:pt idx="3150">
                  <c:v>0.27976184987086983</c:v>
                </c:pt>
                <c:pt idx="3151">
                  <c:v>1.1917854804499055</c:v>
                </c:pt>
                <c:pt idx="3152">
                  <c:v>1.4897318505623818</c:v>
                </c:pt>
                <c:pt idx="3153">
                  <c:v>1.6387050356186199</c:v>
                </c:pt>
                <c:pt idx="3154">
                  <c:v>1.6387050356186199</c:v>
                </c:pt>
                <c:pt idx="3155">
                  <c:v>1.9366514057310964</c:v>
                </c:pt>
                <c:pt idx="3156">
                  <c:v>1.9366514057310964</c:v>
                </c:pt>
                <c:pt idx="3157">
                  <c:v>1.3407586655061436</c:v>
                </c:pt>
                <c:pt idx="3158">
                  <c:v>1.9366514057310964</c:v>
                </c:pt>
                <c:pt idx="3159">
                  <c:v>1.4897318505623818</c:v>
                </c:pt>
                <c:pt idx="3160">
                  <c:v>0.69940462467717457</c:v>
                </c:pt>
                <c:pt idx="3161">
                  <c:v>0.46160705228693522</c:v>
                </c:pt>
                <c:pt idx="3162">
                  <c:v>0.29374994236441326</c:v>
                </c:pt>
                <c:pt idx="3163">
                  <c:v>0.27976184987086983</c:v>
                </c:pt>
                <c:pt idx="3164">
                  <c:v>0.27976184987086983</c:v>
                </c:pt>
                <c:pt idx="3165">
                  <c:v>0.27976184987086983</c:v>
                </c:pt>
                <c:pt idx="3166">
                  <c:v>0.27976184987086983</c:v>
                </c:pt>
                <c:pt idx="3167">
                  <c:v>0.27976184987086983</c:v>
                </c:pt>
                <c:pt idx="3168">
                  <c:v>0.16377433803987018</c:v>
                </c:pt>
                <c:pt idx="3169">
                  <c:v>0.14739690423588314</c:v>
                </c:pt>
                <c:pt idx="3170">
                  <c:v>0.14739690423588314</c:v>
                </c:pt>
                <c:pt idx="3171">
                  <c:v>0.14739690423588314</c:v>
                </c:pt>
                <c:pt idx="3172">
                  <c:v>0.14739690423588314</c:v>
                </c:pt>
                <c:pt idx="3173">
                  <c:v>0.14739690423588314</c:v>
                </c:pt>
                <c:pt idx="3174">
                  <c:v>0.14739690423588314</c:v>
                </c:pt>
                <c:pt idx="3175">
                  <c:v>0.14739690423588314</c:v>
                </c:pt>
                <c:pt idx="3176">
                  <c:v>0.14739690423588314</c:v>
                </c:pt>
                <c:pt idx="3177">
                  <c:v>0.14739690423588314</c:v>
                </c:pt>
                <c:pt idx="3178">
                  <c:v>0.14739690423588314</c:v>
                </c:pt>
                <c:pt idx="3179">
                  <c:v>0.14739690423588314</c:v>
                </c:pt>
                <c:pt idx="3180">
                  <c:v>0.14739690423588314</c:v>
                </c:pt>
                <c:pt idx="3181">
                  <c:v>0.14739690423588314</c:v>
                </c:pt>
                <c:pt idx="3182">
                  <c:v>0.14739690423588314</c:v>
                </c:pt>
                <c:pt idx="3183">
                  <c:v>0.14739690423588314</c:v>
                </c:pt>
                <c:pt idx="3184">
                  <c:v>0.14739690423588314</c:v>
                </c:pt>
                <c:pt idx="3185">
                  <c:v>0.14739690423588314</c:v>
                </c:pt>
                <c:pt idx="3186">
                  <c:v>0.14739690423588314</c:v>
                </c:pt>
                <c:pt idx="3187">
                  <c:v>0.14739690423588314</c:v>
                </c:pt>
                <c:pt idx="3188">
                  <c:v>0.14739690423588314</c:v>
                </c:pt>
                <c:pt idx="3189">
                  <c:v>0.14739690423588314</c:v>
                </c:pt>
                <c:pt idx="3190">
                  <c:v>0.14739690423588314</c:v>
                </c:pt>
                <c:pt idx="3191">
                  <c:v>0.14739690423588314</c:v>
                </c:pt>
                <c:pt idx="3192">
                  <c:v>0.15202960266907137</c:v>
                </c:pt>
                <c:pt idx="3193">
                  <c:v>0.15202960266907137</c:v>
                </c:pt>
                <c:pt idx="3194">
                  <c:v>0.15202960266907137</c:v>
                </c:pt>
                <c:pt idx="3195">
                  <c:v>0.15202960266907137</c:v>
                </c:pt>
                <c:pt idx="3196">
                  <c:v>0.15202960266907137</c:v>
                </c:pt>
                <c:pt idx="3197">
                  <c:v>0.15202960266907137</c:v>
                </c:pt>
                <c:pt idx="3198">
                  <c:v>0.15202960266907137</c:v>
                </c:pt>
                <c:pt idx="3199">
                  <c:v>0.15202960266907137</c:v>
                </c:pt>
                <c:pt idx="3200">
                  <c:v>0.15202960266907137</c:v>
                </c:pt>
                <c:pt idx="3201">
                  <c:v>0.15202960266907137</c:v>
                </c:pt>
                <c:pt idx="3202">
                  <c:v>0.15202960266907137</c:v>
                </c:pt>
                <c:pt idx="3203">
                  <c:v>0.15202960266907137</c:v>
                </c:pt>
                <c:pt idx="3204">
                  <c:v>0.15202960266907137</c:v>
                </c:pt>
                <c:pt idx="3205">
                  <c:v>0.15202960266907137</c:v>
                </c:pt>
                <c:pt idx="3206">
                  <c:v>0.15202960266907137</c:v>
                </c:pt>
                <c:pt idx="3207">
                  <c:v>0.15202960266907137</c:v>
                </c:pt>
                <c:pt idx="3208">
                  <c:v>0.15202960266907137</c:v>
                </c:pt>
                <c:pt idx="3209">
                  <c:v>0.15202960266907137</c:v>
                </c:pt>
                <c:pt idx="3210">
                  <c:v>0.15202960266907137</c:v>
                </c:pt>
                <c:pt idx="3211">
                  <c:v>0.15202960266907137</c:v>
                </c:pt>
                <c:pt idx="3212">
                  <c:v>0.15202960266907137</c:v>
                </c:pt>
                <c:pt idx="3213">
                  <c:v>0.15202960266907137</c:v>
                </c:pt>
                <c:pt idx="3214">
                  <c:v>0.15202960266907137</c:v>
                </c:pt>
                <c:pt idx="3215">
                  <c:v>0.15202960266907137</c:v>
                </c:pt>
                <c:pt idx="3216">
                  <c:v>0.28891511592661728</c:v>
                </c:pt>
                <c:pt idx="3217">
                  <c:v>0.28891511592661728</c:v>
                </c:pt>
                <c:pt idx="3218">
                  <c:v>0.28891511592661728</c:v>
                </c:pt>
                <c:pt idx="3219">
                  <c:v>0.28891511592661728</c:v>
                </c:pt>
                <c:pt idx="3220">
                  <c:v>0.28891511592661728</c:v>
                </c:pt>
                <c:pt idx="3221">
                  <c:v>0.28891511592661728</c:v>
                </c:pt>
                <c:pt idx="3222">
                  <c:v>0.28891511592661728</c:v>
                </c:pt>
                <c:pt idx="3223">
                  <c:v>1.2307783938473895</c:v>
                </c:pt>
                <c:pt idx="3224">
                  <c:v>1.3846256930783132</c:v>
                </c:pt>
                <c:pt idx="3225">
                  <c:v>1.5384729923092368</c:v>
                </c:pt>
                <c:pt idx="3226">
                  <c:v>1.5384729923092368</c:v>
                </c:pt>
                <c:pt idx="3227">
                  <c:v>1.8461675907710837</c:v>
                </c:pt>
                <c:pt idx="3228">
                  <c:v>1.8461675907710837</c:v>
                </c:pt>
                <c:pt idx="3229">
                  <c:v>1.2307783938473895</c:v>
                </c:pt>
                <c:pt idx="3230">
                  <c:v>1.8461675907710837</c:v>
                </c:pt>
                <c:pt idx="3231">
                  <c:v>1.8461675907710837</c:v>
                </c:pt>
                <c:pt idx="3232">
                  <c:v>1.0769310946164656</c:v>
                </c:pt>
                <c:pt idx="3233">
                  <c:v>0.30769459846184738</c:v>
                </c:pt>
                <c:pt idx="3234">
                  <c:v>0.30336087172294812</c:v>
                </c:pt>
                <c:pt idx="3235">
                  <c:v>0.30336087172294812</c:v>
                </c:pt>
                <c:pt idx="3236">
                  <c:v>0.30336087172294812</c:v>
                </c:pt>
                <c:pt idx="3237">
                  <c:v>0.30336087172294812</c:v>
                </c:pt>
                <c:pt idx="3238">
                  <c:v>0.30336087172294812</c:v>
                </c:pt>
                <c:pt idx="3239">
                  <c:v>0.30336087172294812</c:v>
                </c:pt>
                <c:pt idx="3240">
                  <c:v>0.19307984394177405</c:v>
                </c:pt>
                <c:pt idx="3241">
                  <c:v>0.29421690505413189</c:v>
                </c:pt>
                <c:pt idx="3242">
                  <c:v>0.29421690505413189</c:v>
                </c:pt>
                <c:pt idx="3243">
                  <c:v>0.29421690505413189</c:v>
                </c:pt>
                <c:pt idx="3244">
                  <c:v>0.29421690505413189</c:v>
                </c:pt>
                <c:pt idx="3245">
                  <c:v>0.29421690505413189</c:v>
                </c:pt>
                <c:pt idx="3246">
                  <c:v>0.29421690505413189</c:v>
                </c:pt>
                <c:pt idx="3247">
                  <c:v>1.2403081403688245</c:v>
                </c:pt>
                <c:pt idx="3248">
                  <c:v>1.3839227671483727</c:v>
                </c:pt>
                <c:pt idx="3249">
                  <c:v>1.5275373939279209</c:v>
                </c:pt>
                <c:pt idx="3250">
                  <c:v>1.5275373939279209</c:v>
                </c:pt>
                <c:pt idx="3251">
                  <c:v>1.8278225226487941</c:v>
                </c:pt>
                <c:pt idx="3252">
                  <c:v>1.8278225226487941</c:v>
                </c:pt>
                <c:pt idx="3253">
                  <c:v>1.2141963900452704</c:v>
                </c:pt>
                <c:pt idx="3254">
                  <c:v>1.8278225226487941</c:v>
                </c:pt>
                <c:pt idx="3255">
                  <c:v>1.8278225226487941</c:v>
                </c:pt>
                <c:pt idx="3256">
                  <c:v>1.0771097008466108</c:v>
                </c:pt>
                <c:pt idx="3257">
                  <c:v>0.45971391414708102</c:v>
                </c:pt>
                <c:pt idx="3258">
                  <c:v>0.30341118333707351</c:v>
                </c:pt>
                <c:pt idx="3259">
                  <c:v>0.30341118333707351</c:v>
                </c:pt>
                <c:pt idx="3260">
                  <c:v>0.30341118333707351</c:v>
                </c:pt>
                <c:pt idx="3261">
                  <c:v>0.30341118333707351</c:v>
                </c:pt>
                <c:pt idx="3262">
                  <c:v>0.30341118333707351</c:v>
                </c:pt>
                <c:pt idx="3263">
                  <c:v>0.30341118333707351</c:v>
                </c:pt>
                <c:pt idx="3264">
                  <c:v>0.3089232306496319</c:v>
                </c:pt>
                <c:pt idx="3265">
                  <c:v>0.3089232306496319</c:v>
                </c:pt>
                <c:pt idx="3266">
                  <c:v>0.3089232306496319</c:v>
                </c:pt>
                <c:pt idx="3267">
                  <c:v>0.3089232306496319</c:v>
                </c:pt>
                <c:pt idx="3268">
                  <c:v>0.3089232306496319</c:v>
                </c:pt>
                <c:pt idx="3269">
                  <c:v>0.3089232306496319</c:v>
                </c:pt>
                <c:pt idx="3270">
                  <c:v>0.3089232306496319</c:v>
                </c:pt>
                <c:pt idx="3271">
                  <c:v>1.2628407216556163</c:v>
                </c:pt>
                <c:pt idx="3272">
                  <c:v>1.4090643841631088</c:v>
                </c:pt>
                <c:pt idx="3273">
                  <c:v>1.5552880466706014</c:v>
                </c:pt>
                <c:pt idx="3274">
                  <c:v>1.5552880466706014</c:v>
                </c:pt>
                <c:pt idx="3275">
                  <c:v>1.8610284319135399</c:v>
                </c:pt>
                <c:pt idx="3276">
                  <c:v>1.8610284319135399</c:v>
                </c:pt>
                <c:pt idx="3277">
                  <c:v>1.2362546011997089</c:v>
                </c:pt>
                <c:pt idx="3278">
                  <c:v>1.8610284319135399</c:v>
                </c:pt>
                <c:pt idx="3279">
                  <c:v>1.8610284319135399</c:v>
                </c:pt>
                <c:pt idx="3280">
                  <c:v>1.0966774688061931</c:v>
                </c:pt>
                <c:pt idx="3281">
                  <c:v>0.46806550098429078</c:v>
                </c:pt>
                <c:pt idx="3282">
                  <c:v>0.3089232306496319</c:v>
                </c:pt>
                <c:pt idx="3283">
                  <c:v>0.3089232306496319</c:v>
                </c:pt>
                <c:pt idx="3284">
                  <c:v>0.3089232306496319</c:v>
                </c:pt>
                <c:pt idx="3285">
                  <c:v>0.3089232306496319</c:v>
                </c:pt>
                <c:pt idx="3286">
                  <c:v>0.3089232306496319</c:v>
                </c:pt>
                <c:pt idx="3287">
                  <c:v>0.3089232306496319</c:v>
                </c:pt>
                <c:pt idx="3288">
                  <c:v>0.30959512906219433</c:v>
                </c:pt>
                <c:pt idx="3289">
                  <c:v>0.30959512906219433</c:v>
                </c:pt>
                <c:pt idx="3290">
                  <c:v>0.30959512906219433</c:v>
                </c:pt>
                <c:pt idx="3291">
                  <c:v>0.30959512906219433</c:v>
                </c:pt>
                <c:pt idx="3292">
                  <c:v>0.30959512906219433</c:v>
                </c:pt>
                <c:pt idx="3293">
                  <c:v>0.30959512906219433</c:v>
                </c:pt>
                <c:pt idx="3294">
                  <c:v>0.30959512906219433</c:v>
                </c:pt>
                <c:pt idx="3295">
                  <c:v>1.2655873609239396</c:v>
                </c:pt>
                <c:pt idx="3296">
                  <c:v>1.4121290553467118</c:v>
                </c:pt>
                <c:pt idx="3297">
                  <c:v>1.5586707497694838</c:v>
                </c:pt>
                <c:pt idx="3298">
                  <c:v>1.5586707497694838</c:v>
                </c:pt>
                <c:pt idx="3299">
                  <c:v>1.8650761108352796</c:v>
                </c:pt>
                <c:pt idx="3300">
                  <c:v>1.8650761108352796</c:v>
                </c:pt>
                <c:pt idx="3301">
                  <c:v>1.2389434164834356</c:v>
                </c:pt>
                <c:pt idx="3302">
                  <c:v>1.8650761108352796</c:v>
                </c:pt>
                <c:pt idx="3303">
                  <c:v>1.8650761108352796</c:v>
                </c:pt>
                <c:pt idx="3304">
                  <c:v>1.0990627081707898</c:v>
                </c:pt>
                <c:pt idx="3305">
                  <c:v>0.46908352888211258</c:v>
                </c:pt>
                <c:pt idx="3306">
                  <c:v>0.30959512906219433</c:v>
                </c:pt>
                <c:pt idx="3307">
                  <c:v>0.30959512906219433</c:v>
                </c:pt>
                <c:pt idx="3308">
                  <c:v>0.30959512906219433</c:v>
                </c:pt>
                <c:pt idx="3309">
                  <c:v>0.30959512906219433</c:v>
                </c:pt>
                <c:pt idx="3310">
                  <c:v>0.30959512906219433</c:v>
                </c:pt>
                <c:pt idx="3311">
                  <c:v>0.30959512906219433</c:v>
                </c:pt>
                <c:pt idx="3312">
                  <c:v>0.46126469765231864</c:v>
                </c:pt>
                <c:pt idx="3313">
                  <c:v>0.27955436221352647</c:v>
                </c:pt>
                <c:pt idx="3314">
                  <c:v>0.27955436221352647</c:v>
                </c:pt>
                <c:pt idx="3315">
                  <c:v>0.27955436221352647</c:v>
                </c:pt>
                <c:pt idx="3316">
                  <c:v>0.27955436221352647</c:v>
                </c:pt>
                <c:pt idx="3317">
                  <c:v>0.27955436221352647</c:v>
                </c:pt>
                <c:pt idx="3318">
                  <c:v>0.27955436221352647</c:v>
                </c:pt>
                <c:pt idx="3319">
                  <c:v>1.1909015830296228</c:v>
                </c:pt>
                <c:pt idx="3320">
                  <c:v>1.4886269787870285</c:v>
                </c:pt>
                <c:pt idx="3321">
                  <c:v>1.6374896766657312</c:v>
                </c:pt>
                <c:pt idx="3322">
                  <c:v>1.6374896766657312</c:v>
                </c:pt>
                <c:pt idx="3323">
                  <c:v>1.935215072423137</c:v>
                </c:pt>
                <c:pt idx="3324">
                  <c:v>1.935215072423137</c:v>
                </c:pt>
                <c:pt idx="3325">
                  <c:v>1.3397642809083254</c:v>
                </c:pt>
                <c:pt idx="3326">
                  <c:v>1.935215072423137</c:v>
                </c:pt>
                <c:pt idx="3327">
                  <c:v>1.4886269787870285</c:v>
                </c:pt>
                <c:pt idx="3328">
                  <c:v>0.69888590553381624</c:v>
                </c:pt>
                <c:pt idx="3329">
                  <c:v>0.46126469765231864</c:v>
                </c:pt>
                <c:pt idx="3330">
                  <c:v>0.29353208032420275</c:v>
                </c:pt>
                <c:pt idx="3331">
                  <c:v>0.27955436221352647</c:v>
                </c:pt>
                <c:pt idx="3332">
                  <c:v>0.27955436221352647</c:v>
                </c:pt>
                <c:pt idx="3333">
                  <c:v>0.27955436221352647</c:v>
                </c:pt>
                <c:pt idx="3334">
                  <c:v>0.27955436221352647</c:v>
                </c:pt>
                <c:pt idx="3335">
                  <c:v>0.27955436221352647</c:v>
                </c:pt>
                <c:pt idx="3336">
                  <c:v>0.12212969440295364</c:v>
                </c:pt>
                <c:pt idx="3337">
                  <c:v>0.10991672496265828</c:v>
                </c:pt>
                <c:pt idx="3338">
                  <c:v>0.10991672496265828</c:v>
                </c:pt>
                <c:pt idx="3339">
                  <c:v>0.10991672496265828</c:v>
                </c:pt>
                <c:pt idx="3340">
                  <c:v>0.10991672496265828</c:v>
                </c:pt>
                <c:pt idx="3341">
                  <c:v>0.10991672496265828</c:v>
                </c:pt>
                <c:pt idx="3342">
                  <c:v>0.10991672496265828</c:v>
                </c:pt>
                <c:pt idx="3343">
                  <c:v>0.10991672496265828</c:v>
                </c:pt>
                <c:pt idx="3344">
                  <c:v>0.10991672496265828</c:v>
                </c:pt>
                <c:pt idx="3345">
                  <c:v>0.10991672496265828</c:v>
                </c:pt>
                <c:pt idx="3346">
                  <c:v>0.10991672496265828</c:v>
                </c:pt>
                <c:pt idx="3347">
                  <c:v>0.10991672496265828</c:v>
                </c:pt>
                <c:pt idx="3348">
                  <c:v>0.10991672496265828</c:v>
                </c:pt>
                <c:pt idx="3349">
                  <c:v>0.10991672496265828</c:v>
                </c:pt>
                <c:pt idx="3350">
                  <c:v>0.10991672496265828</c:v>
                </c:pt>
                <c:pt idx="3351">
                  <c:v>0.10991672496265828</c:v>
                </c:pt>
                <c:pt idx="3352">
                  <c:v>0.10991672496265828</c:v>
                </c:pt>
                <c:pt idx="3353">
                  <c:v>0.10991672496265828</c:v>
                </c:pt>
                <c:pt idx="3354">
                  <c:v>0.10991672496265828</c:v>
                </c:pt>
                <c:pt idx="3355">
                  <c:v>0.10991672496265828</c:v>
                </c:pt>
                <c:pt idx="3356">
                  <c:v>0.10991672496265828</c:v>
                </c:pt>
                <c:pt idx="3357">
                  <c:v>0.10991672496265828</c:v>
                </c:pt>
                <c:pt idx="3358">
                  <c:v>0.10991672496265828</c:v>
                </c:pt>
                <c:pt idx="3359">
                  <c:v>0.10991672496265828</c:v>
                </c:pt>
                <c:pt idx="3360">
                  <c:v>0.1093467401584218</c:v>
                </c:pt>
                <c:pt idx="3361">
                  <c:v>0.1093467401584218</c:v>
                </c:pt>
                <c:pt idx="3362">
                  <c:v>0.1093467401584218</c:v>
                </c:pt>
                <c:pt idx="3363">
                  <c:v>0.1093467401584218</c:v>
                </c:pt>
                <c:pt idx="3364">
                  <c:v>0.1093467401584218</c:v>
                </c:pt>
                <c:pt idx="3365">
                  <c:v>0.1093467401584218</c:v>
                </c:pt>
                <c:pt idx="3366">
                  <c:v>0.1093467401584218</c:v>
                </c:pt>
                <c:pt idx="3367">
                  <c:v>0.1093467401584218</c:v>
                </c:pt>
                <c:pt idx="3368">
                  <c:v>0.1093467401584218</c:v>
                </c:pt>
                <c:pt idx="3369">
                  <c:v>0.1093467401584218</c:v>
                </c:pt>
                <c:pt idx="3370">
                  <c:v>0.1093467401584218</c:v>
                </c:pt>
                <c:pt idx="3371">
                  <c:v>0.1093467401584218</c:v>
                </c:pt>
                <c:pt idx="3372">
                  <c:v>0.1093467401584218</c:v>
                </c:pt>
                <c:pt idx="3373">
                  <c:v>0.1093467401584218</c:v>
                </c:pt>
                <c:pt idx="3374">
                  <c:v>0.1093467401584218</c:v>
                </c:pt>
                <c:pt idx="3375">
                  <c:v>0.1093467401584218</c:v>
                </c:pt>
                <c:pt idx="3376">
                  <c:v>0.1093467401584218</c:v>
                </c:pt>
                <c:pt idx="3377">
                  <c:v>0.1093467401584218</c:v>
                </c:pt>
                <c:pt idx="3378">
                  <c:v>0.1093467401584218</c:v>
                </c:pt>
                <c:pt idx="3379">
                  <c:v>0.1093467401584218</c:v>
                </c:pt>
                <c:pt idx="3380">
                  <c:v>0.1093467401584218</c:v>
                </c:pt>
                <c:pt idx="3381">
                  <c:v>0.1093467401584218</c:v>
                </c:pt>
                <c:pt idx="3382">
                  <c:v>0.1093467401584218</c:v>
                </c:pt>
                <c:pt idx="3383">
                  <c:v>0.1093467401584218</c:v>
                </c:pt>
                <c:pt idx="3384">
                  <c:v>0.27344132073462402</c:v>
                </c:pt>
                <c:pt idx="3385">
                  <c:v>0.27344132073462402</c:v>
                </c:pt>
                <c:pt idx="3386">
                  <c:v>0.27344132073462402</c:v>
                </c:pt>
                <c:pt idx="3387">
                  <c:v>0.27344132073462402</c:v>
                </c:pt>
                <c:pt idx="3388">
                  <c:v>0.27344132073462402</c:v>
                </c:pt>
                <c:pt idx="3389">
                  <c:v>0.27344132073462402</c:v>
                </c:pt>
                <c:pt idx="3390">
                  <c:v>0.27344132073462402</c:v>
                </c:pt>
                <c:pt idx="3391">
                  <c:v>1.1648600263294981</c:v>
                </c:pt>
                <c:pt idx="3392">
                  <c:v>1.3104675296206856</c:v>
                </c:pt>
                <c:pt idx="3393">
                  <c:v>1.4560750329118728</c:v>
                </c:pt>
                <c:pt idx="3394">
                  <c:v>1.4560750329118728</c:v>
                </c:pt>
                <c:pt idx="3395">
                  <c:v>1.747290039494247</c:v>
                </c:pt>
                <c:pt idx="3396">
                  <c:v>1.747290039494247</c:v>
                </c:pt>
                <c:pt idx="3397">
                  <c:v>1.1648600263294981</c:v>
                </c:pt>
                <c:pt idx="3398">
                  <c:v>1.747290039494247</c:v>
                </c:pt>
                <c:pt idx="3399">
                  <c:v>1.747290039494247</c:v>
                </c:pt>
                <c:pt idx="3400">
                  <c:v>1.0192525230383107</c:v>
                </c:pt>
                <c:pt idx="3401">
                  <c:v>0.29121500658237454</c:v>
                </c:pt>
                <c:pt idx="3402">
                  <c:v>0.28711338677135517</c:v>
                </c:pt>
                <c:pt idx="3403">
                  <c:v>0.28711338677135517</c:v>
                </c:pt>
                <c:pt idx="3404">
                  <c:v>0.28711338677135517</c:v>
                </c:pt>
                <c:pt idx="3405">
                  <c:v>0.28711338677135517</c:v>
                </c:pt>
                <c:pt idx="3406">
                  <c:v>0.28711338677135517</c:v>
                </c:pt>
                <c:pt idx="3407">
                  <c:v>0.28711338677135517</c:v>
                </c:pt>
                <c:pt idx="3408">
                  <c:v>0.18373724822983273</c:v>
                </c:pt>
                <c:pt idx="3409">
                  <c:v>0.27998056873117372</c:v>
                </c:pt>
                <c:pt idx="3410">
                  <c:v>0.27998056873117372</c:v>
                </c:pt>
                <c:pt idx="3411">
                  <c:v>0.27998056873117372</c:v>
                </c:pt>
                <c:pt idx="3412">
                  <c:v>0.27998056873117372</c:v>
                </c:pt>
                <c:pt idx="3413">
                  <c:v>0.27998056873117372</c:v>
                </c:pt>
                <c:pt idx="3414">
                  <c:v>0.27998056873117372</c:v>
                </c:pt>
                <c:pt idx="3415">
                  <c:v>1.1802930850573541</c:v>
                </c:pt>
                <c:pt idx="3416">
                  <c:v>1.3169586001692584</c:v>
                </c:pt>
                <c:pt idx="3417">
                  <c:v>1.4536241152811624</c:v>
                </c:pt>
                <c:pt idx="3418">
                  <c:v>1.4536241152811624</c:v>
                </c:pt>
                <c:pt idx="3419">
                  <c:v>1.7393792832424164</c:v>
                </c:pt>
                <c:pt idx="3420">
                  <c:v>1.7393792832424164</c:v>
                </c:pt>
                <c:pt idx="3421">
                  <c:v>1.1554448095824623</c:v>
                </c:pt>
                <c:pt idx="3422">
                  <c:v>1.7393792832424164</c:v>
                </c:pt>
                <c:pt idx="3423">
                  <c:v>1.7393792832424164</c:v>
                </c:pt>
                <c:pt idx="3424">
                  <c:v>1.0249913633392813</c:v>
                </c:pt>
                <c:pt idx="3425">
                  <c:v>0.43746963864245886</c:v>
                </c:pt>
                <c:pt idx="3426">
                  <c:v>0.28872996150402286</c:v>
                </c:pt>
                <c:pt idx="3427">
                  <c:v>0.28872996150402286</c:v>
                </c:pt>
                <c:pt idx="3428">
                  <c:v>0.28872996150402286</c:v>
                </c:pt>
                <c:pt idx="3429">
                  <c:v>0.28872996150402286</c:v>
                </c:pt>
                <c:pt idx="3430">
                  <c:v>0.28872996150402286</c:v>
                </c:pt>
                <c:pt idx="3431">
                  <c:v>0.28872996150402286</c:v>
                </c:pt>
                <c:pt idx="3432">
                  <c:v>0.29414146557325782</c:v>
                </c:pt>
                <c:pt idx="3433">
                  <c:v>0.29414146557325782</c:v>
                </c:pt>
                <c:pt idx="3434">
                  <c:v>0.29414146557325782</c:v>
                </c:pt>
                <c:pt idx="3435">
                  <c:v>0.29414146557325782</c:v>
                </c:pt>
                <c:pt idx="3436">
                  <c:v>0.29414146557325782</c:v>
                </c:pt>
                <c:pt idx="3437">
                  <c:v>0.29414146557325782</c:v>
                </c:pt>
                <c:pt idx="3438">
                  <c:v>0.29414146557325782</c:v>
                </c:pt>
                <c:pt idx="3439">
                  <c:v>1.2024146577524992</c:v>
                </c:pt>
                <c:pt idx="3440">
                  <c:v>1.3416416181238413</c:v>
                </c:pt>
                <c:pt idx="3441">
                  <c:v>1.4808685784951836</c:v>
                </c:pt>
                <c:pt idx="3442">
                  <c:v>1.4808685784951836</c:v>
                </c:pt>
                <c:pt idx="3443">
                  <c:v>1.7719794956352621</c:v>
                </c:pt>
                <c:pt idx="3444">
                  <c:v>1.7719794956352621</c:v>
                </c:pt>
                <c:pt idx="3445">
                  <c:v>1.1771006649577098</c:v>
                </c:pt>
                <c:pt idx="3446">
                  <c:v>1.7719794956352621</c:v>
                </c:pt>
                <c:pt idx="3447">
                  <c:v>1.7719794956352621</c:v>
                </c:pt>
                <c:pt idx="3448">
                  <c:v>1.0442022027850653</c:v>
                </c:pt>
                <c:pt idx="3449">
                  <c:v>0.44566888723220882</c:v>
                </c:pt>
                <c:pt idx="3450">
                  <c:v>0.29414146557325782</c:v>
                </c:pt>
                <c:pt idx="3451">
                  <c:v>0.29414146557325782</c:v>
                </c:pt>
                <c:pt idx="3452">
                  <c:v>0.29414146557325782</c:v>
                </c:pt>
                <c:pt idx="3453">
                  <c:v>0.29414146557325782</c:v>
                </c:pt>
                <c:pt idx="3454">
                  <c:v>0.29414146557325782</c:v>
                </c:pt>
                <c:pt idx="3455">
                  <c:v>0.29414146557325782</c:v>
                </c:pt>
                <c:pt idx="3456">
                  <c:v>0.29526129626086195</c:v>
                </c:pt>
                <c:pt idx="3457">
                  <c:v>0.29526129626086195</c:v>
                </c:pt>
                <c:pt idx="3458">
                  <c:v>0.29526129626086195</c:v>
                </c:pt>
                <c:pt idx="3459">
                  <c:v>0.29526129626086195</c:v>
                </c:pt>
                <c:pt idx="3460">
                  <c:v>0.29526129626086195</c:v>
                </c:pt>
                <c:pt idx="3461">
                  <c:v>0.29526129626086195</c:v>
                </c:pt>
                <c:pt idx="3462">
                  <c:v>0.29526129626086195</c:v>
                </c:pt>
                <c:pt idx="3463">
                  <c:v>1.2069923898663719</c:v>
                </c:pt>
                <c:pt idx="3464">
                  <c:v>1.3467494034298466</c:v>
                </c:pt>
                <c:pt idx="3465">
                  <c:v>1.4865064169933215</c:v>
                </c:pt>
                <c:pt idx="3466">
                  <c:v>1.4865064169933215</c:v>
                </c:pt>
                <c:pt idx="3467">
                  <c:v>1.7787256271714955</c:v>
                </c:pt>
                <c:pt idx="3468">
                  <c:v>1.7787256271714955</c:v>
                </c:pt>
                <c:pt idx="3469">
                  <c:v>1.1815820237639219</c:v>
                </c:pt>
                <c:pt idx="3470">
                  <c:v>1.7787256271714955</c:v>
                </c:pt>
                <c:pt idx="3471">
                  <c:v>1.7787256271714955</c:v>
                </c:pt>
                <c:pt idx="3472">
                  <c:v>1.04817760172606</c:v>
                </c:pt>
                <c:pt idx="3473">
                  <c:v>0.44736560039524537</c:v>
                </c:pt>
                <c:pt idx="3474">
                  <c:v>0.29526129626086195</c:v>
                </c:pt>
                <c:pt idx="3475">
                  <c:v>0.29526129626086195</c:v>
                </c:pt>
                <c:pt idx="3476">
                  <c:v>0.29526129626086195</c:v>
                </c:pt>
                <c:pt idx="3477">
                  <c:v>0.29526129626086195</c:v>
                </c:pt>
                <c:pt idx="3478">
                  <c:v>0.29526129626086195</c:v>
                </c:pt>
                <c:pt idx="3479">
                  <c:v>0.29526129626086195</c:v>
                </c:pt>
                <c:pt idx="3480">
                  <c:v>0.44722815763304608</c:v>
                </c:pt>
                <c:pt idx="3481">
                  <c:v>0.27104736826245218</c:v>
                </c:pt>
                <c:pt idx="3482">
                  <c:v>0.27104736826245218</c:v>
                </c:pt>
                <c:pt idx="3483">
                  <c:v>0.27104736826245218</c:v>
                </c:pt>
                <c:pt idx="3484">
                  <c:v>0.27104736826245218</c:v>
                </c:pt>
                <c:pt idx="3485">
                  <c:v>0.27104736826245218</c:v>
                </c:pt>
                <c:pt idx="3486">
                  <c:v>0.27104736826245218</c:v>
                </c:pt>
                <c:pt idx="3487">
                  <c:v>1.1546617887980462</c:v>
                </c:pt>
                <c:pt idx="3488">
                  <c:v>1.4433272359975575</c:v>
                </c:pt>
                <c:pt idx="3489">
                  <c:v>1.5876599595973135</c:v>
                </c:pt>
                <c:pt idx="3490">
                  <c:v>1.5876599595973135</c:v>
                </c:pt>
                <c:pt idx="3491">
                  <c:v>1.8763254067968249</c:v>
                </c:pt>
                <c:pt idx="3492">
                  <c:v>1.8763254067968249</c:v>
                </c:pt>
                <c:pt idx="3493">
                  <c:v>1.2989945123978019</c:v>
                </c:pt>
                <c:pt idx="3494">
                  <c:v>1.8763254067968249</c:v>
                </c:pt>
                <c:pt idx="3495">
                  <c:v>1.4433272359975575</c:v>
                </c:pt>
                <c:pt idx="3496">
                  <c:v>0.67761842065613043</c:v>
                </c:pt>
                <c:pt idx="3497">
                  <c:v>0.44722815763304608</c:v>
                </c:pt>
                <c:pt idx="3498">
                  <c:v>0.28459973667557475</c:v>
                </c:pt>
                <c:pt idx="3499">
                  <c:v>0.27104736826245218</c:v>
                </c:pt>
                <c:pt idx="3500">
                  <c:v>0.27104736826245218</c:v>
                </c:pt>
                <c:pt idx="3501">
                  <c:v>0.27104736826245218</c:v>
                </c:pt>
                <c:pt idx="3502">
                  <c:v>0.27104736826245218</c:v>
                </c:pt>
                <c:pt idx="3503">
                  <c:v>0.27104736826245218</c:v>
                </c:pt>
                <c:pt idx="3504">
                  <c:v>0.12188282386672</c:v>
                </c:pt>
                <c:pt idx="3505">
                  <c:v>0.10969454148004801</c:v>
                </c:pt>
                <c:pt idx="3506">
                  <c:v>0.10969454148004801</c:v>
                </c:pt>
                <c:pt idx="3507">
                  <c:v>0.10969454148004801</c:v>
                </c:pt>
                <c:pt idx="3508">
                  <c:v>0.10969454148004801</c:v>
                </c:pt>
                <c:pt idx="3509">
                  <c:v>0.10969454148004801</c:v>
                </c:pt>
                <c:pt idx="3510">
                  <c:v>0.10969454148004801</c:v>
                </c:pt>
                <c:pt idx="3511">
                  <c:v>0.10969454148004801</c:v>
                </c:pt>
                <c:pt idx="3512">
                  <c:v>0.10969454148004801</c:v>
                </c:pt>
                <c:pt idx="3513">
                  <c:v>0.10969454148004801</c:v>
                </c:pt>
                <c:pt idx="3514">
                  <c:v>0.10969454148004801</c:v>
                </c:pt>
                <c:pt idx="3515">
                  <c:v>0.10969454148004801</c:v>
                </c:pt>
                <c:pt idx="3516">
                  <c:v>0.10969454148004801</c:v>
                </c:pt>
                <c:pt idx="3517">
                  <c:v>0.10969454148004801</c:v>
                </c:pt>
                <c:pt idx="3518">
                  <c:v>0.10969454148004801</c:v>
                </c:pt>
                <c:pt idx="3519">
                  <c:v>0.10969454148004801</c:v>
                </c:pt>
                <c:pt idx="3520">
                  <c:v>0.10969454148004801</c:v>
                </c:pt>
                <c:pt idx="3521">
                  <c:v>0.10969454148004801</c:v>
                </c:pt>
                <c:pt idx="3522">
                  <c:v>0.10969454148004801</c:v>
                </c:pt>
                <c:pt idx="3523">
                  <c:v>0.10969454148004801</c:v>
                </c:pt>
                <c:pt idx="3524">
                  <c:v>0.10969454148004801</c:v>
                </c:pt>
                <c:pt idx="3525">
                  <c:v>0.10969454148004801</c:v>
                </c:pt>
                <c:pt idx="3526">
                  <c:v>0.10969454148004801</c:v>
                </c:pt>
                <c:pt idx="3527">
                  <c:v>0.10969454148004801</c:v>
                </c:pt>
                <c:pt idx="3528">
                  <c:v>0.11031399263441495</c:v>
                </c:pt>
                <c:pt idx="3529">
                  <c:v>0.11031399263441495</c:v>
                </c:pt>
                <c:pt idx="3530">
                  <c:v>0.11031399263441495</c:v>
                </c:pt>
                <c:pt idx="3531">
                  <c:v>0.11031399263441495</c:v>
                </c:pt>
                <c:pt idx="3532">
                  <c:v>0.11031399263441495</c:v>
                </c:pt>
                <c:pt idx="3533">
                  <c:v>0.11031399263441495</c:v>
                </c:pt>
                <c:pt idx="3534">
                  <c:v>0.11031399263441495</c:v>
                </c:pt>
                <c:pt idx="3535">
                  <c:v>0.11031399263441495</c:v>
                </c:pt>
                <c:pt idx="3536">
                  <c:v>0.11031399263441495</c:v>
                </c:pt>
                <c:pt idx="3537">
                  <c:v>0.11031399263441495</c:v>
                </c:pt>
                <c:pt idx="3538">
                  <c:v>0.11031399263441495</c:v>
                </c:pt>
                <c:pt idx="3539">
                  <c:v>0.11031399263441495</c:v>
                </c:pt>
                <c:pt idx="3540">
                  <c:v>0.11031399263441495</c:v>
                </c:pt>
                <c:pt idx="3541">
                  <c:v>0.11031399263441495</c:v>
                </c:pt>
                <c:pt idx="3542">
                  <c:v>0.11031399263441495</c:v>
                </c:pt>
                <c:pt idx="3543">
                  <c:v>0.11031399263441495</c:v>
                </c:pt>
                <c:pt idx="3544">
                  <c:v>0.11031399263441495</c:v>
                </c:pt>
                <c:pt idx="3545">
                  <c:v>0.11031399263441495</c:v>
                </c:pt>
                <c:pt idx="3546">
                  <c:v>0.11031399263441495</c:v>
                </c:pt>
                <c:pt idx="3547">
                  <c:v>0.11031399263441495</c:v>
                </c:pt>
                <c:pt idx="3548">
                  <c:v>0.11031399263441495</c:v>
                </c:pt>
                <c:pt idx="3549">
                  <c:v>0.11031399263441495</c:v>
                </c:pt>
                <c:pt idx="3550">
                  <c:v>0.11031399263441495</c:v>
                </c:pt>
                <c:pt idx="3551">
                  <c:v>0.11031399263441495</c:v>
                </c:pt>
                <c:pt idx="3552">
                  <c:v>0.27924399393162147</c:v>
                </c:pt>
                <c:pt idx="3553">
                  <c:v>0.27924399393162147</c:v>
                </c:pt>
                <c:pt idx="3554">
                  <c:v>0.27924399393162147</c:v>
                </c:pt>
                <c:pt idx="3555">
                  <c:v>0.27924399393162147</c:v>
                </c:pt>
                <c:pt idx="3556">
                  <c:v>0.27924399393162147</c:v>
                </c:pt>
                <c:pt idx="3557">
                  <c:v>0.27924399393162147</c:v>
                </c:pt>
                <c:pt idx="3558">
                  <c:v>0.27924399393162147</c:v>
                </c:pt>
                <c:pt idx="3559">
                  <c:v>1.1895794141487075</c:v>
                </c:pt>
                <c:pt idx="3560">
                  <c:v>1.338276840917296</c:v>
                </c:pt>
                <c:pt idx="3561">
                  <c:v>1.4869742676858844</c:v>
                </c:pt>
                <c:pt idx="3562">
                  <c:v>1.4869742676858844</c:v>
                </c:pt>
                <c:pt idx="3563">
                  <c:v>1.784369121223061</c:v>
                </c:pt>
                <c:pt idx="3564">
                  <c:v>1.784369121223061</c:v>
                </c:pt>
                <c:pt idx="3565">
                  <c:v>1.1895794141487075</c:v>
                </c:pt>
                <c:pt idx="3566">
                  <c:v>1.784369121223061</c:v>
                </c:pt>
                <c:pt idx="3567">
                  <c:v>1.784369121223061</c:v>
                </c:pt>
                <c:pt idx="3568">
                  <c:v>1.0408819873801189</c:v>
                </c:pt>
                <c:pt idx="3569">
                  <c:v>0.29739485353717687</c:v>
                </c:pt>
                <c:pt idx="3570">
                  <c:v>0.29320619362820255</c:v>
                </c:pt>
                <c:pt idx="3571">
                  <c:v>0.29320619362820255</c:v>
                </c:pt>
                <c:pt idx="3572">
                  <c:v>0.29320619362820255</c:v>
                </c:pt>
                <c:pt idx="3573">
                  <c:v>0.29320619362820255</c:v>
                </c:pt>
                <c:pt idx="3574">
                  <c:v>0.29320619362820255</c:v>
                </c:pt>
                <c:pt idx="3575">
                  <c:v>0.29320619362820255</c:v>
                </c:pt>
                <c:pt idx="3576">
                  <c:v>0.18560576737222098</c:v>
                </c:pt>
                <c:pt idx="3577">
                  <c:v>0.28282783599576533</c:v>
                </c:pt>
                <c:pt idx="3578">
                  <c:v>0.28282783599576533</c:v>
                </c:pt>
                <c:pt idx="3579">
                  <c:v>0.28282783599576533</c:v>
                </c:pt>
                <c:pt idx="3580">
                  <c:v>0.28282783599576533</c:v>
                </c:pt>
                <c:pt idx="3581">
                  <c:v>0.28282783599576533</c:v>
                </c:pt>
                <c:pt idx="3582">
                  <c:v>0.28282783599576533</c:v>
                </c:pt>
                <c:pt idx="3583">
                  <c:v>1.192296096119648</c:v>
                </c:pt>
                <c:pt idx="3584">
                  <c:v>1.330351433565081</c:v>
                </c:pt>
                <c:pt idx="3585">
                  <c:v>1.4684067710105142</c:v>
                </c:pt>
                <c:pt idx="3586">
                  <c:v>1.4684067710105142</c:v>
                </c:pt>
                <c:pt idx="3587">
                  <c:v>1.7570679311236921</c:v>
                </c:pt>
                <c:pt idx="3588">
                  <c:v>1.7570679311236921</c:v>
                </c:pt>
                <c:pt idx="3589">
                  <c:v>1.1671951256750239</c:v>
                </c:pt>
                <c:pt idx="3590">
                  <c:v>1.7570679311236921</c:v>
                </c:pt>
                <c:pt idx="3591">
                  <c:v>1.7570679311236921</c:v>
                </c:pt>
                <c:pt idx="3592">
                  <c:v>1.0354150308407473</c:v>
                </c:pt>
                <c:pt idx="3593">
                  <c:v>0.44191849374338332</c:v>
                </c:pt>
                <c:pt idx="3594">
                  <c:v>0.29166620587063297</c:v>
                </c:pt>
                <c:pt idx="3595">
                  <c:v>0.29166620587063297</c:v>
                </c:pt>
                <c:pt idx="3596">
                  <c:v>0.29166620587063297</c:v>
                </c:pt>
                <c:pt idx="3597">
                  <c:v>0.29166620587063297</c:v>
                </c:pt>
                <c:pt idx="3598">
                  <c:v>0.29166620587063297</c:v>
                </c:pt>
                <c:pt idx="3599">
                  <c:v>0.29166620587063297</c:v>
                </c:pt>
                <c:pt idx="3600">
                  <c:v>0.28921421054779983</c:v>
                </c:pt>
                <c:pt idx="3601">
                  <c:v>0.28921421054779983</c:v>
                </c:pt>
                <c:pt idx="3602">
                  <c:v>0.28921421054779983</c:v>
                </c:pt>
                <c:pt idx="3603">
                  <c:v>0.28921421054779983</c:v>
                </c:pt>
                <c:pt idx="3604">
                  <c:v>0.28921421054779983</c:v>
                </c:pt>
                <c:pt idx="3605">
                  <c:v>0.28921421054779983</c:v>
                </c:pt>
                <c:pt idx="3606">
                  <c:v>0.28921421054779983</c:v>
                </c:pt>
                <c:pt idx="3607">
                  <c:v>1.1822726364514604</c:v>
                </c:pt>
                <c:pt idx="3608">
                  <c:v>1.319167362777419</c:v>
                </c:pt>
                <c:pt idx="3609">
                  <c:v>1.4560620891033775</c:v>
                </c:pt>
                <c:pt idx="3610">
                  <c:v>1.4560620891033775</c:v>
                </c:pt>
                <c:pt idx="3611">
                  <c:v>1.742296516875836</c:v>
                </c:pt>
                <c:pt idx="3612">
                  <c:v>1.742296516875836</c:v>
                </c:pt>
                <c:pt idx="3613">
                  <c:v>1.1573826862103769</c:v>
                </c:pt>
                <c:pt idx="3614">
                  <c:v>1.742296516875836</c:v>
                </c:pt>
                <c:pt idx="3615">
                  <c:v>1.742296516875836</c:v>
                </c:pt>
                <c:pt idx="3616">
                  <c:v>1.0267104474446891</c:v>
                </c:pt>
                <c:pt idx="3617">
                  <c:v>0.43820334931484822</c:v>
                </c:pt>
                <c:pt idx="3618">
                  <c:v>0.28921421054779983</c:v>
                </c:pt>
                <c:pt idx="3619">
                  <c:v>0.28921421054779983</c:v>
                </c:pt>
                <c:pt idx="3620">
                  <c:v>0.28921421054779983</c:v>
                </c:pt>
                <c:pt idx="3621">
                  <c:v>0.28921421054779983</c:v>
                </c:pt>
                <c:pt idx="3622">
                  <c:v>0.28921421054779983</c:v>
                </c:pt>
                <c:pt idx="3623">
                  <c:v>0.28921421054779983</c:v>
                </c:pt>
                <c:pt idx="3624">
                  <c:v>0.28787041372267486</c:v>
                </c:pt>
                <c:pt idx="3625">
                  <c:v>0.28787041372267486</c:v>
                </c:pt>
                <c:pt idx="3626">
                  <c:v>0.28787041372267486</c:v>
                </c:pt>
                <c:pt idx="3627">
                  <c:v>0.28787041372267486</c:v>
                </c:pt>
                <c:pt idx="3628">
                  <c:v>0.28787041372267486</c:v>
                </c:pt>
                <c:pt idx="3629">
                  <c:v>0.28787041372267486</c:v>
                </c:pt>
                <c:pt idx="3630">
                  <c:v>0.28787041372267486</c:v>
                </c:pt>
                <c:pt idx="3631">
                  <c:v>1.1767793579148134</c:v>
                </c:pt>
                <c:pt idx="3632">
                  <c:v>1.3130380204102128</c:v>
                </c:pt>
                <c:pt idx="3633">
                  <c:v>1.4492966829056124</c:v>
                </c:pt>
                <c:pt idx="3634">
                  <c:v>1.4492966829056124</c:v>
                </c:pt>
                <c:pt idx="3635">
                  <c:v>1.7342011590323565</c:v>
                </c:pt>
                <c:pt idx="3636">
                  <c:v>1.7342011590323565</c:v>
                </c:pt>
                <c:pt idx="3637">
                  <c:v>1.1520050556429224</c:v>
                </c:pt>
                <c:pt idx="3638">
                  <c:v>1.7342011590323565</c:v>
                </c:pt>
                <c:pt idx="3639">
                  <c:v>1.7342011590323565</c:v>
                </c:pt>
                <c:pt idx="3640">
                  <c:v>1.021939968715496</c:v>
                </c:pt>
                <c:pt idx="3641">
                  <c:v>0.43616729351920441</c:v>
                </c:pt>
                <c:pt idx="3642">
                  <c:v>0.28787041372267486</c:v>
                </c:pt>
                <c:pt idx="3643">
                  <c:v>0.28787041372267486</c:v>
                </c:pt>
                <c:pt idx="3644">
                  <c:v>0.28787041372267486</c:v>
                </c:pt>
                <c:pt idx="3645">
                  <c:v>0.28787041372267486</c:v>
                </c:pt>
                <c:pt idx="3646">
                  <c:v>0.28787041372267486</c:v>
                </c:pt>
                <c:pt idx="3647">
                  <c:v>0.28787041372267486</c:v>
                </c:pt>
                <c:pt idx="3648">
                  <c:v>0.4376422278637867</c:v>
                </c:pt>
                <c:pt idx="3649">
                  <c:v>0.26523771385684047</c:v>
                </c:pt>
                <c:pt idx="3650">
                  <c:v>0.26523771385684047</c:v>
                </c:pt>
                <c:pt idx="3651">
                  <c:v>0.26523771385684047</c:v>
                </c:pt>
                <c:pt idx="3652">
                  <c:v>0.26523771385684047</c:v>
                </c:pt>
                <c:pt idx="3653">
                  <c:v>0.26523771385684047</c:v>
                </c:pt>
                <c:pt idx="3654">
                  <c:v>0.26523771385684047</c:v>
                </c:pt>
                <c:pt idx="3655">
                  <c:v>1.1299126610301402</c:v>
                </c:pt>
                <c:pt idx="3656">
                  <c:v>1.4123908262876754</c:v>
                </c:pt>
                <c:pt idx="3657">
                  <c:v>1.5536299089164429</c:v>
                </c:pt>
                <c:pt idx="3658">
                  <c:v>1.5536299089164429</c:v>
                </c:pt>
                <c:pt idx="3659">
                  <c:v>1.8361080741739777</c:v>
                </c:pt>
                <c:pt idx="3660">
                  <c:v>1.8361080741739777</c:v>
                </c:pt>
                <c:pt idx="3661">
                  <c:v>1.2711517436589077</c:v>
                </c:pt>
                <c:pt idx="3662">
                  <c:v>1.8361080741739777</c:v>
                </c:pt>
                <c:pt idx="3663">
                  <c:v>1.4123908262876754</c:v>
                </c:pt>
                <c:pt idx="3664">
                  <c:v>0.66309428464210107</c:v>
                </c:pt>
                <c:pt idx="3665">
                  <c:v>0.4376422278637867</c:v>
                </c:pt>
                <c:pt idx="3666">
                  <c:v>0.27849959954968245</c:v>
                </c:pt>
                <c:pt idx="3667">
                  <c:v>0.26523771385684047</c:v>
                </c:pt>
                <c:pt idx="3668">
                  <c:v>0.26523771385684047</c:v>
                </c:pt>
                <c:pt idx="3669">
                  <c:v>0.26523771385684047</c:v>
                </c:pt>
                <c:pt idx="3670">
                  <c:v>0.26523771385684047</c:v>
                </c:pt>
                <c:pt idx="3671">
                  <c:v>0.26523771385684047</c:v>
                </c:pt>
                <c:pt idx="3672">
                  <c:v>0.12225312967107047</c:v>
                </c:pt>
                <c:pt idx="3673">
                  <c:v>0.11002781670396342</c:v>
                </c:pt>
                <c:pt idx="3674">
                  <c:v>0.11002781670396342</c:v>
                </c:pt>
                <c:pt idx="3675">
                  <c:v>0.11002781670396342</c:v>
                </c:pt>
                <c:pt idx="3676">
                  <c:v>0.11002781670396342</c:v>
                </c:pt>
                <c:pt idx="3677">
                  <c:v>0.11002781670396342</c:v>
                </c:pt>
                <c:pt idx="3678">
                  <c:v>0.11002781670396342</c:v>
                </c:pt>
                <c:pt idx="3679">
                  <c:v>0.11002781670396342</c:v>
                </c:pt>
                <c:pt idx="3680">
                  <c:v>0.11002781670396342</c:v>
                </c:pt>
                <c:pt idx="3681">
                  <c:v>0.11002781670396342</c:v>
                </c:pt>
                <c:pt idx="3682">
                  <c:v>0.11002781670396342</c:v>
                </c:pt>
                <c:pt idx="3683">
                  <c:v>0.11002781670396342</c:v>
                </c:pt>
                <c:pt idx="3684">
                  <c:v>0.11002781670396342</c:v>
                </c:pt>
                <c:pt idx="3685">
                  <c:v>0.11002781670396342</c:v>
                </c:pt>
                <c:pt idx="3686">
                  <c:v>0.11002781670396342</c:v>
                </c:pt>
                <c:pt idx="3687">
                  <c:v>0.11002781670396342</c:v>
                </c:pt>
                <c:pt idx="3688">
                  <c:v>0.11002781670396342</c:v>
                </c:pt>
                <c:pt idx="3689">
                  <c:v>0.11002781670396342</c:v>
                </c:pt>
                <c:pt idx="3690">
                  <c:v>0.11002781670396342</c:v>
                </c:pt>
                <c:pt idx="3691">
                  <c:v>0.11002781670396342</c:v>
                </c:pt>
                <c:pt idx="3692">
                  <c:v>0.11002781670396342</c:v>
                </c:pt>
                <c:pt idx="3693">
                  <c:v>0.11002781670396342</c:v>
                </c:pt>
                <c:pt idx="3694">
                  <c:v>0.11002781670396342</c:v>
                </c:pt>
                <c:pt idx="3695">
                  <c:v>0.11002781670396342</c:v>
                </c:pt>
                <c:pt idx="3696">
                  <c:v>0.11038839667102984</c:v>
                </c:pt>
                <c:pt idx="3697">
                  <c:v>0.11038839667102984</c:v>
                </c:pt>
                <c:pt idx="3698">
                  <c:v>0.11038839667102984</c:v>
                </c:pt>
                <c:pt idx="3699">
                  <c:v>0.11038839667102984</c:v>
                </c:pt>
                <c:pt idx="3700">
                  <c:v>0.11038839667102984</c:v>
                </c:pt>
                <c:pt idx="3701">
                  <c:v>0.11038839667102984</c:v>
                </c:pt>
                <c:pt idx="3702">
                  <c:v>0.11038839667102984</c:v>
                </c:pt>
                <c:pt idx="3703">
                  <c:v>0.11038839667102984</c:v>
                </c:pt>
                <c:pt idx="3704">
                  <c:v>0.11038839667102984</c:v>
                </c:pt>
                <c:pt idx="3705">
                  <c:v>0.11038839667102984</c:v>
                </c:pt>
                <c:pt idx="3706">
                  <c:v>0.11038839667102984</c:v>
                </c:pt>
                <c:pt idx="3707">
                  <c:v>0.11038839667102984</c:v>
                </c:pt>
                <c:pt idx="3708">
                  <c:v>0.11038839667102984</c:v>
                </c:pt>
                <c:pt idx="3709">
                  <c:v>0.11038839667102984</c:v>
                </c:pt>
                <c:pt idx="3710">
                  <c:v>0.11038839667102984</c:v>
                </c:pt>
                <c:pt idx="3711">
                  <c:v>0.11038839667102984</c:v>
                </c:pt>
                <c:pt idx="3712">
                  <c:v>0.11038839667102984</c:v>
                </c:pt>
                <c:pt idx="3713">
                  <c:v>0.11038839667102984</c:v>
                </c:pt>
                <c:pt idx="3714">
                  <c:v>0.11038839667102984</c:v>
                </c:pt>
                <c:pt idx="3715">
                  <c:v>0.11038839667102984</c:v>
                </c:pt>
                <c:pt idx="3716">
                  <c:v>0.11038839667102984</c:v>
                </c:pt>
                <c:pt idx="3717">
                  <c:v>0.11038839667102984</c:v>
                </c:pt>
                <c:pt idx="3718">
                  <c:v>0.11038839667102984</c:v>
                </c:pt>
                <c:pt idx="3719">
                  <c:v>0.11038839667102984</c:v>
                </c:pt>
                <c:pt idx="3720">
                  <c:v>0.28053347686428765</c:v>
                </c:pt>
                <c:pt idx="3721">
                  <c:v>0.28053347686428765</c:v>
                </c:pt>
                <c:pt idx="3722">
                  <c:v>0.28053347686428765</c:v>
                </c:pt>
                <c:pt idx="3723">
                  <c:v>0.28053347686428765</c:v>
                </c:pt>
                <c:pt idx="3724">
                  <c:v>0.28053347686428765</c:v>
                </c:pt>
                <c:pt idx="3725">
                  <c:v>0.28053347686428765</c:v>
                </c:pt>
                <c:pt idx="3726">
                  <c:v>0.28053347686428765</c:v>
                </c:pt>
                <c:pt idx="3727">
                  <c:v>1.1950726114418653</c:v>
                </c:pt>
                <c:pt idx="3728">
                  <c:v>1.3444566878720983</c:v>
                </c:pt>
                <c:pt idx="3729">
                  <c:v>1.4938407643023313</c:v>
                </c:pt>
                <c:pt idx="3730">
                  <c:v>1.4938407643023313</c:v>
                </c:pt>
                <c:pt idx="3731">
                  <c:v>1.7926089171627975</c:v>
                </c:pt>
                <c:pt idx="3732">
                  <c:v>1.7926089171627975</c:v>
                </c:pt>
                <c:pt idx="3733">
                  <c:v>1.1950726114418653</c:v>
                </c:pt>
                <c:pt idx="3734">
                  <c:v>1.7926089171627975</c:v>
                </c:pt>
                <c:pt idx="3735">
                  <c:v>1.7926089171627975</c:v>
                </c:pt>
                <c:pt idx="3736">
                  <c:v>1.0456885350116321</c:v>
                </c:pt>
                <c:pt idx="3737">
                  <c:v>0.29876815286046632</c:v>
                </c:pt>
                <c:pt idx="3738">
                  <c:v>0.29456015070750197</c:v>
                </c:pt>
                <c:pt idx="3739">
                  <c:v>0.29456015070750197</c:v>
                </c:pt>
                <c:pt idx="3740">
                  <c:v>0.29456015070750197</c:v>
                </c:pt>
                <c:pt idx="3741">
                  <c:v>0.29456015070750197</c:v>
                </c:pt>
                <c:pt idx="3742">
                  <c:v>0.29456015070750197</c:v>
                </c:pt>
                <c:pt idx="3743">
                  <c:v>0.29456015070750197</c:v>
                </c:pt>
                <c:pt idx="3744">
                  <c:v>0.18718682203116491</c:v>
                </c:pt>
                <c:pt idx="3745">
                  <c:v>0.28523706214272748</c:v>
                </c:pt>
                <c:pt idx="3746">
                  <c:v>0.28523706214272748</c:v>
                </c:pt>
                <c:pt idx="3747">
                  <c:v>0.28523706214272748</c:v>
                </c:pt>
                <c:pt idx="3748">
                  <c:v>0.28523706214272748</c:v>
                </c:pt>
                <c:pt idx="3749">
                  <c:v>0.28523706214272748</c:v>
                </c:pt>
                <c:pt idx="3750">
                  <c:v>0.28523706214272748</c:v>
                </c:pt>
                <c:pt idx="3751">
                  <c:v>1.2024524900954352</c:v>
                </c:pt>
                <c:pt idx="3752">
                  <c:v>1.3416838310538544</c:v>
                </c:pt>
                <c:pt idx="3753">
                  <c:v>1.4809151720122733</c:v>
                </c:pt>
                <c:pt idx="3754">
                  <c:v>1.4809151720122733</c:v>
                </c:pt>
                <c:pt idx="3755">
                  <c:v>1.7720352485616941</c:v>
                </c:pt>
                <c:pt idx="3756">
                  <c:v>1.7720352485616941</c:v>
                </c:pt>
                <c:pt idx="3757">
                  <c:v>1.1771377008302681</c:v>
                </c:pt>
                <c:pt idx="3758">
                  <c:v>1.7720352485616941</c:v>
                </c:pt>
                <c:pt idx="3759">
                  <c:v>1.7720352485616941</c:v>
                </c:pt>
                <c:pt idx="3760">
                  <c:v>1.0442350571881411</c:v>
                </c:pt>
                <c:pt idx="3761">
                  <c:v>0.44568290959801166</c:v>
                </c:pt>
                <c:pt idx="3762">
                  <c:v>0.2941507203346877</c:v>
                </c:pt>
                <c:pt idx="3763">
                  <c:v>0.2941507203346877</c:v>
                </c:pt>
                <c:pt idx="3764">
                  <c:v>0.2941507203346877</c:v>
                </c:pt>
                <c:pt idx="3765">
                  <c:v>0.2941507203346877</c:v>
                </c:pt>
                <c:pt idx="3766">
                  <c:v>0.2941507203346877</c:v>
                </c:pt>
                <c:pt idx="3767">
                  <c:v>0.2941507203346877</c:v>
                </c:pt>
                <c:pt idx="3768">
                  <c:v>0.29055800737292464</c:v>
                </c:pt>
                <c:pt idx="3769">
                  <c:v>0.29055800737292464</c:v>
                </c:pt>
                <c:pt idx="3770">
                  <c:v>0.29055800737292464</c:v>
                </c:pt>
                <c:pt idx="3771">
                  <c:v>0.29055800737292464</c:v>
                </c:pt>
                <c:pt idx="3772">
                  <c:v>0.29055800737292464</c:v>
                </c:pt>
                <c:pt idx="3773">
                  <c:v>0.29055800737292464</c:v>
                </c:pt>
                <c:pt idx="3774">
                  <c:v>0.29055800737292464</c:v>
                </c:pt>
                <c:pt idx="3775">
                  <c:v>1.1877659149881072</c:v>
                </c:pt>
                <c:pt idx="3776">
                  <c:v>1.3252967051446247</c:v>
                </c:pt>
                <c:pt idx="3777">
                  <c:v>1.4628274953011426</c:v>
                </c:pt>
                <c:pt idx="3778">
                  <c:v>1.4628274953011426</c:v>
                </c:pt>
                <c:pt idx="3779">
                  <c:v>1.7503918747193159</c:v>
                </c:pt>
                <c:pt idx="3780">
                  <c:v>1.7503918747193159</c:v>
                </c:pt>
                <c:pt idx="3781">
                  <c:v>1.1627603167778311</c:v>
                </c:pt>
                <c:pt idx="3782">
                  <c:v>1.7503918747193159</c:v>
                </c:pt>
                <c:pt idx="3783">
                  <c:v>1.7503918747193159</c:v>
                </c:pt>
                <c:pt idx="3784">
                  <c:v>1.0314809261738827</c:v>
                </c:pt>
                <c:pt idx="3785">
                  <c:v>0.44023940511049198</c:v>
                </c:pt>
                <c:pt idx="3786">
                  <c:v>0.29055800737292464</c:v>
                </c:pt>
                <c:pt idx="3787">
                  <c:v>0.29055800737292464</c:v>
                </c:pt>
                <c:pt idx="3788">
                  <c:v>0.29055800737292464</c:v>
                </c:pt>
                <c:pt idx="3789">
                  <c:v>0.29055800737292464</c:v>
                </c:pt>
                <c:pt idx="3790">
                  <c:v>0.29055800737292464</c:v>
                </c:pt>
                <c:pt idx="3791">
                  <c:v>0.29055800737292464</c:v>
                </c:pt>
                <c:pt idx="3792">
                  <c:v>0.29100593964796634</c:v>
                </c:pt>
                <c:pt idx="3793">
                  <c:v>0.29100593964796634</c:v>
                </c:pt>
                <c:pt idx="3794">
                  <c:v>0.29100593964796634</c:v>
                </c:pt>
                <c:pt idx="3795">
                  <c:v>0.29100593964796634</c:v>
                </c:pt>
                <c:pt idx="3796">
                  <c:v>0.29100593964796634</c:v>
                </c:pt>
                <c:pt idx="3797">
                  <c:v>0.29100593964796634</c:v>
                </c:pt>
                <c:pt idx="3798">
                  <c:v>0.29100593964796634</c:v>
                </c:pt>
                <c:pt idx="3799">
                  <c:v>1.1895970078336562</c:v>
                </c:pt>
                <c:pt idx="3800">
                  <c:v>1.3273398192670272</c:v>
                </c:pt>
                <c:pt idx="3801">
                  <c:v>1.4650826307003977</c:v>
                </c:pt>
                <c:pt idx="3802">
                  <c:v>1.4650826307003977</c:v>
                </c:pt>
                <c:pt idx="3803">
                  <c:v>1.7530903273338092</c:v>
                </c:pt>
                <c:pt idx="3804">
                  <c:v>1.7530903273338092</c:v>
                </c:pt>
                <c:pt idx="3805">
                  <c:v>1.1645528603003161</c:v>
                </c:pt>
                <c:pt idx="3806">
                  <c:v>1.7530903273338092</c:v>
                </c:pt>
                <c:pt idx="3807">
                  <c:v>1.7530903273338092</c:v>
                </c:pt>
                <c:pt idx="3808">
                  <c:v>1.0330710857502805</c:v>
                </c:pt>
                <c:pt idx="3809">
                  <c:v>0.44091809037570656</c:v>
                </c:pt>
                <c:pt idx="3810">
                  <c:v>0.29100593964796634</c:v>
                </c:pt>
                <c:pt idx="3811">
                  <c:v>0.29100593964796634</c:v>
                </c:pt>
                <c:pt idx="3812">
                  <c:v>0.29100593964796634</c:v>
                </c:pt>
                <c:pt idx="3813">
                  <c:v>0.29100593964796634</c:v>
                </c:pt>
                <c:pt idx="3814">
                  <c:v>0.29100593964796634</c:v>
                </c:pt>
                <c:pt idx="3815">
                  <c:v>0.29100593964796634</c:v>
                </c:pt>
                <c:pt idx="3816">
                  <c:v>0.44209283811379996</c:v>
                </c:pt>
                <c:pt idx="3817">
                  <c:v>0.26793505340230306</c:v>
                </c:pt>
                <c:pt idx="3818">
                  <c:v>0.26793505340230306</c:v>
                </c:pt>
                <c:pt idx="3819">
                  <c:v>0.26793505340230306</c:v>
                </c:pt>
                <c:pt idx="3820">
                  <c:v>0.26793505340230306</c:v>
                </c:pt>
                <c:pt idx="3821">
                  <c:v>0.26793505340230306</c:v>
                </c:pt>
                <c:pt idx="3822">
                  <c:v>0.26793505340230306</c:v>
                </c:pt>
                <c:pt idx="3823">
                  <c:v>1.1414033274938109</c:v>
                </c:pt>
                <c:pt idx="3824">
                  <c:v>1.4267541593672635</c:v>
                </c:pt>
                <c:pt idx="3825">
                  <c:v>1.5694295753039897</c:v>
                </c:pt>
                <c:pt idx="3826">
                  <c:v>1.5694295753039897</c:v>
                </c:pt>
                <c:pt idx="3827">
                  <c:v>1.8547804071774425</c:v>
                </c:pt>
                <c:pt idx="3828">
                  <c:v>1.8547804071774425</c:v>
                </c:pt>
                <c:pt idx="3829">
                  <c:v>1.2840787434305372</c:v>
                </c:pt>
                <c:pt idx="3830">
                  <c:v>1.8547804071774425</c:v>
                </c:pt>
                <c:pt idx="3831">
                  <c:v>1.4267541593672635</c:v>
                </c:pt>
                <c:pt idx="3832">
                  <c:v>0.66983763350575753</c:v>
                </c:pt>
                <c:pt idx="3833">
                  <c:v>0.44209283811379996</c:v>
                </c:pt>
                <c:pt idx="3834">
                  <c:v>0.28133180607241814</c:v>
                </c:pt>
                <c:pt idx="3835">
                  <c:v>0.26793505340230306</c:v>
                </c:pt>
                <c:pt idx="3836">
                  <c:v>0.26793505340230306</c:v>
                </c:pt>
                <c:pt idx="3837">
                  <c:v>0.26793505340230306</c:v>
                </c:pt>
                <c:pt idx="3838">
                  <c:v>0.26793505340230306</c:v>
                </c:pt>
                <c:pt idx="3839">
                  <c:v>0.26793505340230306</c:v>
                </c:pt>
                <c:pt idx="3840">
                  <c:v>0.1211833573473914</c:v>
                </c:pt>
                <c:pt idx="3841">
                  <c:v>0.10906502161265225</c:v>
                </c:pt>
                <c:pt idx="3842">
                  <c:v>0.10906502161265225</c:v>
                </c:pt>
                <c:pt idx="3843">
                  <c:v>0.10906502161265225</c:v>
                </c:pt>
                <c:pt idx="3844">
                  <c:v>0.10906502161265225</c:v>
                </c:pt>
                <c:pt idx="3845">
                  <c:v>0.10906502161265225</c:v>
                </c:pt>
                <c:pt idx="3846">
                  <c:v>0.10906502161265225</c:v>
                </c:pt>
                <c:pt idx="3847">
                  <c:v>0.10906502161265225</c:v>
                </c:pt>
                <c:pt idx="3848">
                  <c:v>0.10906502161265225</c:v>
                </c:pt>
                <c:pt idx="3849">
                  <c:v>0.10906502161265225</c:v>
                </c:pt>
                <c:pt idx="3850">
                  <c:v>0.10906502161265225</c:v>
                </c:pt>
                <c:pt idx="3851">
                  <c:v>0.10906502161265225</c:v>
                </c:pt>
                <c:pt idx="3852">
                  <c:v>0.10906502161265225</c:v>
                </c:pt>
                <c:pt idx="3853">
                  <c:v>0.10906502161265225</c:v>
                </c:pt>
                <c:pt idx="3854">
                  <c:v>0.10906502161265225</c:v>
                </c:pt>
                <c:pt idx="3855">
                  <c:v>0.10906502161265225</c:v>
                </c:pt>
                <c:pt idx="3856">
                  <c:v>0.10906502161265225</c:v>
                </c:pt>
                <c:pt idx="3857">
                  <c:v>0.10906502161265225</c:v>
                </c:pt>
                <c:pt idx="3858">
                  <c:v>0.10906502161265225</c:v>
                </c:pt>
                <c:pt idx="3859">
                  <c:v>0.10906502161265225</c:v>
                </c:pt>
                <c:pt idx="3860">
                  <c:v>0.10906502161265225</c:v>
                </c:pt>
                <c:pt idx="3861">
                  <c:v>0.10906502161265225</c:v>
                </c:pt>
                <c:pt idx="3862">
                  <c:v>0.10906502161265225</c:v>
                </c:pt>
                <c:pt idx="3863">
                  <c:v>0.10906502161265225</c:v>
                </c:pt>
                <c:pt idx="3864">
                  <c:v>0.10986756841472582</c:v>
                </c:pt>
                <c:pt idx="3865">
                  <c:v>0.10986756841472582</c:v>
                </c:pt>
                <c:pt idx="3866">
                  <c:v>0.10986756841472582</c:v>
                </c:pt>
                <c:pt idx="3867">
                  <c:v>0.10986756841472582</c:v>
                </c:pt>
                <c:pt idx="3868">
                  <c:v>0.10986756841472582</c:v>
                </c:pt>
                <c:pt idx="3869">
                  <c:v>0.10986756841472582</c:v>
                </c:pt>
                <c:pt idx="3870">
                  <c:v>0.10986756841472582</c:v>
                </c:pt>
                <c:pt idx="3871">
                  <c:v>0.10986756841472582</c:v>
                </c:pt>
                <c:pt idx="3872">
                  <c:v>0.10986756841472582</c:v>
                </c:pt>
                <c:pt idx="3873">
                  <c:v>0.10986756841472582</c:v>
                </c:pt>
                <c:pt idx="3874">
                  <c:v>0.10986756841472582</c:v>
                </c:pt>
                <c:pt idx="3875">
                  <c:v>0.10986756841472582</c:v>
                </c:pt>
                <c:pt idx="3876">
                  <c:v>0.10986756841472582</c:v>
                </c:pt>
                <c:pt idx="3877">
                  <c:v>0.10986756841472582</c:v>
                </c:pt>
                <c:pt idx="3878">
                  <c:v>0.10986756841472582</c:v>
                </c:pt>
                <c:pt idx="3879">
                  <c:v>0.10986756841472582</c:v>
                </c:pt>
                <c:pt idx="3880">
                  <c:v>0.10986756841472582</c:v>
                </c:pt>
                <c:pt idx="3881">
                  <c:v>0.10986756841472582</c:v>
                </c:pt>
                <c:pt idx="3882">
                  <c:v>0.10986756841472582</c:v>
                </c:pt>
                <c:pt idx="3883">
                  <c:v>0.10986756841472582</c:v>
                </c:pt>
                <c:pt idx="3884">
                  <c:v>0.10986756841472582</c:v>
                </c:pt>
                <c:pt idx="3885">
                  <c:v>0.10986756841472582</c:v>
                </c:pt>
                <c:pt idx="3886">
                  <c:v>0.10986756841472582</c:v>
                </c:pt>
                <c:pt idx="3887">
                  <c:v>0.10986756841472582</c:v>
                </c:pt>
                <c:pt idx="3888">
                  <c:v>0.27881416628739947</c:v>
                </c:pt>
                <c:pt idx="3889">
                  <c:v>0.27881416628739947</c:v>
                </c:pt>
                <c:pt idx="3890">
                  <c:v>0.27881416628739947</c:v>
                </c:pt>
                <c:pt idx="3891">
                  <c:v>0.27881416628739947</c:v>
                </c:pt>
                <c:pt idx="3892">
                  <c:v>0.27881416628739947</c:v>
                </c:pt>
                <c:pt idx="3893">
                  <c:v>0.27881416628739947</c:v>
                </c:pt>
                <c:pt idx="3894">
                  <c:v>0.27881416628739947</c:v>
                </c:pt>
                <c:pt idx="3895">
                  <c:v>1.1877483483843216</c:v>
                </c:pt>
                <c:pt idx="3896">
                  <c:v>1.3362168919323618</c:v>
                </c:pt>
                <c:pt idx="3897">
                  <c:v>1.484685435480402</c:v>
                </c:pt>
                <c:pt idx="3898">
                  <c:v>1.484685435480402</c:v>
                </c:pt>
                <c:pt idx="3899">
                  <c:v>1.7816225225764823</c:v>
                </c:pt>
                <c:pt idx="3900">
                  <c:v>1.7816225225764823</c:v>
                </c:pt>
                <c:pt idx="3901">
                  <c:v>1.1877483483843216</c:v>
                </c:pt>
                <c:pt idx="3902">
                  <c:v>1.7816225225764823</c:v>
                </c:pt>
                <c:pt idx="3903">
                  <c:v>1.7816225225764823</c:v>
                </c:pt>
                <c:pt idx="3904">
                  <c:v>1.0392798048362812</c:v>
                </c:pt>
                <c:pt idx="3905">
                  <c:v>0.29693708709608041</c:v>
                </c:pt>
                <c:pt idx="3906">
                  <c:v>0.29275487460176941</c:v>
                </c:pt>
                <c:pt idx="3907">
                  <c:v>0.29275487460176941</c:v>
                </c:pt>
                <c:pt idx="3908">
                  <c:v>0.29275487460176941</c:v>
                </c:pt>
                <c:pt idx="3909">
                  <c:v>0.29275487460176941</c:v>
                </c:pt>
                <c:pt idx="3910">
                  <c:v>0.29275487460176941</c:v>
                </c:pt>
                <c:pt idx="3911">
                  <c:v>0.29275487460176941</c:v>
                </c:pt>
                <c:pt idx="3912">
                  <c:v>0.18948653789871969</c:v>
                </c:pt>
                <c:pt idx="3913">
                  <c:v>0.2887413910837634</c:v>
                </c:pt>
                <c:pt idx="3914">
                  <c:v>0.2887413910837634</c:v>
                </c:pt>
                <c:pt idx="3915">
                  <c:v>0.2887413910837634</c:v>
                </c:pt>
                <c:pt idx="3916">
                  <c:v>0.2887413910837634</c:v>
                </c:pt>
                <c:pt idx="3917">
                  <c:v>0.2887413910837634</c:v>
                </c:pt>
                <c:pt idx="3918">
                  <c:v>0.2887413910837634</c:v>
                </c:pt>
                <c:pt idx="3919">
                  <c:v>1.2172254267874898</c:v>
                </c:pt>
                <c:pt idx="3920">
                  <c:v>1.3581673183102521</c:v>
                </c:pt>
                <c:pt idx="3921">
                  <c:v>1.4991092098330141</c:v>
                </c:pt>
                <c:pt idx="3922">
                  <c:v>1.4991092098330141</c:v>
                </c:pt>
                <c:pt idx="3923">
                  <c:v>1.7938058921078797</c:v>
                </c:pt>
                <c:pt idx="3924">
                  <c:v>1.7938058921078797</c:v>
                </c:pt>
                <c:pt idx="3925">
                  <c:v>1.1915996283288057</c:v>
                </c:pt>
                <c:pt idx="3926">
                  <c:v>1.7938058921078797</c:v>
                </c:pt>
                <c:pt idx="3927">
                  <c:v>1.7938058921078797</c:v>
                </c:pt>
                <c:pt idx="3928">
                  <c:v>1.0570641864207149</c:v>
                </c:pt>
                <c:pt idx="3929">
                  <c:v>0.45115842356838026</c:v>
                </c:pt>
                <c:pt idx="3930">
                  <c:v>0.29776455955513098</c:v>
                </c:pt>
                <c:pt idx="3931">
                  <c:v>0.29776455955513098</c:v>
                </c:pt>
                <c:pt idx="3932">
                  <c:v>0.29776455955513098</c:v>
                </c:pt>
                <c:pt idx="3933">
                  <c:v>0.29776455955513098</c:v>
                </c:pt>
                <c:pt idx="3934">
                  <c:v>0.29776455955513098</c:v>
                </c:pt>
                <c:pt idx="3935">
                  <c:v>0.29776455955513098</c:v>
                </c:pt>
                <c:pt idx="3936">
                  <c:v>0.29234973647309132</c:v>
                </c:pt>
                <c:pt idx="3937">
                  <c:v>0.29234973647309132</c:v>
                </c:pt>
                <c:pt idx="3938">
                  <c:v>0.29234973647309132</c:v>
                </c:pt>
                <c:pt idx="3939">
                  <c:v>0.29234973647309132</c:v>
                </c:pt>
                <c:pt idx="3940">
                  <c:v>0.29234973647309132</c:v>
                </c:pt>
                <c:pt idx="3941">
                  <c:v>0.29234973647309132</c:v>
                </c:pt>
                <c:pt idx="3942">
                  <c:v>0.29234973647309132</c:v>
                </c:pt>
                <c:pt idx="3943">
                  <c:v>1.1950902863703032</c:v>
                </c:pt>
                <c:pt idx="3944">
                  <c:v>1.3334691616342333</c:v>
                </c:pt>
                <c:pt idx="3945">
                  <c:v>1.4718480368981632</c:v>
                </c:pt>
                <c:pt idx="3946">
                  <c:v>1.4718480368981632</c:v>
                </c:pt>
                <c:pt idx="3947">
                  <c:v>1.7611856851772891</c:v>
                </c:pt>
                <c:pt idx="3948">
                  <c:v>1.7611856851772891</c:v>
                </c:pt>
                <c:pt idx="3949">
                  <c:v>1.1699304908677706</c:v>
                </c:pt>
                <c:pt idx="3950">
                  <c:v>1.7611856851772891</c:v>
                </c:pt>
                <c:pt idx="3951">
                  <c:v>1.7611856851772891</c:v>
                </c:pt>
                <c:pt idx="3952">
                  <c:v>1.0378415644794741</c:v>
                </c:pt>
                <c:pt idx="3953">
                  <c:v>0.44295414617135043</c:v>
                </c:pt>
                <c:pt idx="3954">
                  <c:v>0.29234973647309132</c:v>
                </c:pt>
                <c:pt idx="3955">
                  <c:v>0.29234973647309132</c:v>
                </c:pt>
                <c:pt idx="3956">
                  <c:v>0.29234973647309132</c:v>
                </c:pt>
                <c:pt idx="3957">
                  <c:v>0.29234973647309132</c:v>
                </c:pt>
                <c:pt idx="3958">
                  <c:v>0.29234973647309132</c:v>
                </c:pt>
                <c:pt idx="3959">
                  <c:v>0.29234973647309132</c:v>
                </c:pt>
                <c:pt idx="3960">
                  <c:v>0.29234973647309132</c:v>
                </c:pt>
                <c:pt idx="3961">
                  <c:v>0.29234973647309132</c:v>
                </c:pt>
                <c:pt idx="3962">
                  <c:v>0.29234973647309132</c:v>
                </c:pt>
                <c:pt idx="3963">
                  <c:v>0.29234973647309132</c:v>
                </c:pt>
                <c:pt idx="3964">
                  <c:v>0.29234973647309132</c:v>
                </c:pt>
                <c:pt idx="3965">
                  <c:v>0.29234973647309132</c:v>
                </c:pt>
                <c:pt idx="3966">
                  <c:v>0.29234973647309132</c:v>
                </c:pt>
                <c:pt idx="3967">
                  <c:v>1.1950902863703032</c:v>
                </c:pt>
                <c:pt idx="3968">
                  <c:v>1.3334691616342333</c:v>
                </c:pt>
                <c:pt idx="3969">
                  <c:v>1.4718480368981632</c:v>
                </c:pt>
                <c:pt idx="3970">
                  <c:v>1.4718480368981632</c:v>
                </c:pt>
                <c:pt idx="3971">
                  <c:v>1.7611856851772891</c:v>
                </c:pt>
                <c:pt idx="3972">
                  <c:v>1.7611856851772891</c:v>
                </c:pt>
                <c:pt idx="3973">
                  <c:v>1.1699304908677706</c:v>
                </c:pt>
                <c:pt idx="3974">
                  <c:v>1.7611856851772891</c:v>
                </c:pt>
                <c:pt idx="3975">
                  <c:v>1.7611856851772891</c:v>
                </c:pt>
                <c:pt idx="3976">
                  <c:v>1.0378415644794741</c:v>
                </c:pt>
                <c:pt idx="3977">
                  <c:v>0.44295414617135043</c:v>
                </c:pt>
                <c:pt idx="3978">
                  <c:v>0.29234973647309132</c:v>
                </c:pt>
                <c:pt idx="3979">
                  <c:v>0.29234973647309132</c:v>
                </c:pt>
                <c:pt idx="3980">
                  <c:v>0.29234973647309132</c:v>
                </c:pt>
                <c:pt idx="3981">
                  <c:v>0.29234973647309132</c:v>
                </c:pt>
                <c:pt idx="3982">
                  <c:v>0.29234973647309132</c:v>
                </c:pt>
                <c:pt idx="3983">
                  <c:v>0.29234973647309132</c:v>
                </c:pt>
                <c:pt idx="3984">
                  <c:v>0.44003871030610148</c:v>
                </c:pt>
                <c:pt idx="3985">
                  <c:v>0.26669012745824333</c:v>
                </c:pt>
                <c:pt idx="3986">
                  <c:v>0.26669012745824333</c:v>
                </c:pt>
                <c:pt idx="3987">
                  <c:v>0.26669012745824333</c:v>
                </c:pt>
                <c:pt idx="3988">
                  <c:v>0.26669012745824333</c:v>
                </c:pt>
                <c:pt idx="3989">
                  <c:v>0.26669012745824333</c:v>
                </c:pt>
                <c:pt idx="3990">
                  <c:v>0.26669012745824333</c:v>
                </c:pt>
                <c:pt idx="3991">
                  <c:v>1.1360999429721166</c:v>
                </c:pt>
                <c:pt idx="3992">
                  <c:v>1.4201249287151461</c:v>
                </c:pt>
                <c:pt idx="3993">
                  <c:v>1.5621374215866604</c:v>
                </c:pt>
                <c:pt idx="3994">
                  <c:v>1.5621374215866604</c:v>
                </c:pt>
                <c:pt idx="3995">
                  <c:v>1.8461624073296898</c:v>
                </c:pt>
                <c:pt idx="3996">
                  <c:v>1.8461624073296898</c:v>
                </c:pt>
                <c:pt idx="3997">
                  <c:v>1.2781124358436313</c:v>
                </c:pt>
                <c:pt idx="3998">
                  <c:v>1.8461624073296898</c:v>
                </c:pt>
                <c:pt idx="3999">
                  <c:v>1.4201249287151461</c:v>
                </c:pt>
                <c:pt idx="4000">
                  <c:v>0.66672531864560836</c:v>
                </c:pt>
                <c:pt idx="4001">
                  <c:v>0.44003871030610148</c:v>
                </c:pt>
                <c:pt idx="4002">
                  <c:v>0.2800246338311555</c:v>
                </c:pt>
                <c:pt idx="4003">
                  <c:v>0.26669012745824333</c:v>
                </c:pt>
                <c:pt idx="4004">
                  <c:v>0.26669012745824333</c:v>
                </c:pt>
                <c:pt idx="4005">
                  <c:v>0.26669012745824333</c:v>
                </c:pt>
                <c:pt idx="4006">
                  <c:v>0.26669012745824333</c:v>
                </c:pt>
                <c:pt idx="4007">
                  <c:v>0.26669012745824333</c:v>
                </c:pt>
                <c:pt idx="4008">
                  <c:v>0.12097763190053007</c:v>
                </c:pt>
                <c:pt idx="4009">
                  <c:v>0.10887986871047706</c:v>
                </c:pt>
                <c:pt idx="4010">
                  <c:v>0.10887986871047706</c:v>
                </c:pt>
                <c:pt idx="4011">
                  <c:v>0.10887986871047706</c:v>
                </c:pt>
                <c:pt idx="4012">
                  <c:v>0.10887986871047706</c:v>
                </c:pt>
                <c:pt idx="4013">
                  <c:v>0.10887986871047706</c:v>
                </c:pt>
                <c:pt idx="4014">
                  <c:v>0.10887986871047706</c:v>
                </c:pt>
                <c:pt idx="4015">
                  <c:v>0.10887986871047706</c:v>
                </c:pt>
                <c:pt idx="4016">
                  <c:v>0.10887986871047706</c:v>
                </c:pt>
                <c:pt idx="4017">
                  <c:v>0.10887986871047706</c:v>
                </c:pt>
                <c:pt idx="4018">
                  <c:v>0.10887986871047706</c:v>
                </c:pt>
                <c:pt idx="4019">
                  <c:v>0.10887986871047706</c:v>
                </c:pt>
                <c:pt idx="4020">
                  <c:v>0.10887986871047706</c:v>
                </c:pt>
                <c:pt idx="4021">
                  <c:v>0.10887986871047706</c:v>
                </c:pt>
                <c:pt idx="4022">
                  <c:v>0.10887986871047706</c:v>
                </c:pt>
                <c:pt idx="4023">
                  <c:v>0.10887986871047706</c:v>
                </c:pt>
                <c:pt idx="4024">
                  <c:v>0.10887986871047706</c:v>
                </c:pt>
                <c:pt idx="4025">
                  <c:v>0.10887986871047706</c:v>
                </c:pt>
                <c:pt idx="4026">
                  <c:v>0.10887986871047706</c:v>
                </c:pt>
                <c:pt idx="4027">
                  <c:v>0.10887986871047706</c:v>
                </c:pt>
                <c:pt idx="4028">
                  <c:v>0.10887986871047706</c:v>
                </c:pt>
                <c:pt idx="4029">
                  <c:v>0.10887986871047706</c:v>
                </c:pt>
                <c:pt idx="4030">
                  <c:v>0.10887986871047706</c:v>
                </c:pt>
                <c:pt idx="4031">
                  <c:v>0.10887986871047706</c:v>
                </c:pt>
                <c:pt idx="4032">
                  <c:v>0.10878870988381037</c:v>
                </c:pt>
                <c:pt idx="4033">
                  <c:v>0.10878870988381037</c:v>
                </c:pt>
                <c:pt idx="4034">
                  <c:v>0.10878870988381037</c:v>
                </c:pt>
                <c:pt idx="4035">
                  <c:v>0.10878870988381037</c:v>
                </c:pt>
                <c:pt idx="4036">
                  <c:v>0.10878870988381037</c:v>
                </c:pt>
                <c:pt idx="4037">
                  <c:v>0.10878870988381037</c:v>
                </c:pt>
                <c:pt idx="4038">
                  <c:v>0.10878870988381037</c:v>
                </c:pt>
                <c:pt idx="4039">
                  <c:v>0.10878870988381037</c:v>
                </c:pt>
                <c:pt idx="4040">
                  <c:v>0.10878870988381037</c:v>
                </c:pt>
                <c:pt idx="4041">
                  <c:v>0.10878870988381037</c:v>
                </c:pt>
                <c:pt idx="4042">
                  <c:v>0.10878870988381037</c:v>
                </c:pt>
                <c:pt idx="4043">
                  <c:v>0.10878870988381037</c:v>
                </c:pt>
                <c:pt idx="4044">
                  <c:v>0.10878870988381037</c:v>
                </c:pt>
                <c:pt idx="4045">
                  <c:v>0.10878870988381037</c:v>
                </c:pt>
                <c:pt idx="4046">
                  <c:v>0.10878870988381037</c:v>
                </c:pt>
                <c:pt idx="4047">
                  <c:v>0.10878870988381037</c:v>
                </c:pt>
                <c:pt idx="4048">
                  <c:v>0.10878870988381037</c:v>
                </c:pt>
                <c:pt idx="4049">
                  <c:v>0.10878870988381037</c:v>
                </c:pt>
                <c:pt idx="4050">
                  <c:v>0.10878870988381037</c:v>
                </c:pt>
                <c:pt idx="4051">
                  <c:v>0.10878870988381037</c:v>
                </c:pt>
                <c:pt idx="4052">
                  <c:v>0.10878870988381037</c:v>
                </c:pt>
                <c:pt idx="4053">
                  <c:v>0.10878870988381037</c:v>
                </c:pt>
                <c:pt idx="4054">
                  <c:v>0.10878870988381037</c:v>
                </c:pt>
                <c:pt idx="4055">
                  <c:v>0.10878870988381037</c:v>
                </c:pt>
                <c:pt idx="4056">
                  <c:v>0.26828338900395965</c:v>
                </c:pt>
                <c:pt idx="4057">
                  <c:v>0.26828338900395965</c:v>
                </c:pt>
                <c:pt idx="4058">
                  <c:v>0.26828338900395965</c:v>
                </c:pt>
                <c:pt idx="4059">
                  <c:v>0.26828338900395965</c:v>
                </c:pt>
                <c:pt idx="4060">
                  <c:v>0.26828338900395965</c:v>
                </c:pt>
                <c:pt idx="4061">
                  <c:v>0.26828338900395965</c:v>
                </c:pt>
                <c:pt idx="4062">
                  <c:v>0.26828338900395965</c:v>
                </c:pt>
                <c:pt idx="4063">
                  <c:v>1.1428872371568681</c:v>
                </c:pt>
                <c:pt idx="4064">
                  <c:v>1.2857481418014767</c:v>
                </c:pt>
                <c:pt idx="4065">
                  <c:v>1.4286090464460852</c:v>
                </c:pt>
                <c:pt idx="4066">
                  <c:v>1.4286090464460852</c:v>
                </c:pt>
                <c:pt idx="4067">
                  <c:v>1.7143308557353021</c:v>
                </c:pt>
                <c:pt idx="4068">
                  <c:v>1.7143308557353021</c:v>
                </c:pt>
                <c:pt idx="4069">
                  <c:v>1.1428872371568681</c:v>
                </c:pt>
                <c:pt idx="4070">
                  <c:v>1.7143308557353021</c:v>
                </c:pt>
                <c:pt idx="4071">
                  <c:v>1.7143308557353021</c:v>
                </c:pt>
                <c:pt idx="4072">
                  <c:v>1.0000263325122596</c:v>
                </c:pt>
                <c:pt idx="4073">
                  <c:v>0.28572180928921703</c:v>
                </c:pt>
                <c:pt idx="4074">
                  <c:v>0.28169755845415761</c:v>
                </c:pt>
                <c:pt idx="4075">
                  <c:v>0.28169755845415761</c:v>
                </c:pt>
                <c:pt idx="4076">
                  <c:v>0.28169755845415761</c:v>
                </c:pt>
                <c:pt idx="4077">
                  <c:v>0.28169755845415761</c:v>
                </c:pt>
                <c:pt idx="4078">
                  <c:v>0.28169755845415761</c:v>
                </c:pt>
                <c:pt idx="4079">
                  <c:v>0.28169755845415761</c:v>
                </c:pt>
                <c:pt idx="4080">
                  <c:v>0.17568824269339098</c:v>
                </c:pt>
                <c:pt idx="4081">
                  <c:v>0.26771541743754823</c:v>
                </c:pt>
                <c:pt idx="4082">
                  <c:v>0.26771541743754823</c:v>
                </c:pt>
                <c:pt idx="4083">
                  <c:v>0.26771541743754823</c:v>
                </c:pt>
                <c:pt idx="4084">
                  <c:v>0.26771541743754823</c:v>
                </c:pt>
                <c:pt idx="4085">
                  <c:v>0.26771541743754823</c:v>
                </c:pt>
                <c:pt idx="4086">
                  <c:v>0.26771541743754823</c:v>
                </c:pt>
                <c:pt idx="4087">
                  <c:v>1.128587806635164</c:v>
                </c:pt>
                <c:pt idx="4088">
                  <c:v>1.2592663947718672</c:v>
                </c:pt>
                <c:pt idx="4089">
                  <c:v>1.3899449829085704</c:v>
                </c:pt>
                <c:pt idx="4090">
                  <c:v>1.3899449829085704</c:v>
                </c:pt>
                <c:pt idx="4091">
                  <c:v>1.6631820308307677</c:v>
                </c:pt>
                <c:pt idx="4092">
                  <c:v>1.6631820308307677</c:v>
                </c:pt>
                <c:pt idx="4093">
                  <c:v>1.1048280633375815</c:v>
                </c:pt>
                <c:pt idx="4094">
                  <c:v>1.6631820308307677</c:v>
                </c:pt>
                <c:pt idx="4095">
                  <c:v>1.6631820308307677</c:v>
                </c:pt>
                <c:pt idx="4096">
                  <c:v>0.98008941102527392</c:v>
                </c:pt>
                <c:pt idx="4097">
                  <c:v>0.41830533974616907</c:v>
                </c:pt>
                <c:pt idx="4098">
                  <c:v>0.27608152423247156</c:v>
                </c:pt>
                <c:pt idx="4099">
                  <c:v>0.27608152423247156</c:v>
                </c:pt>
                <c:pt idx="4100">
                  <c:v>0.27608152423247156</c:v>
                </c:pt>
                <c:pt idx="4101">
                  <c:v>0.27608152423247156</c:v>
                </c:pt>
                <c:pt idx="4102">
                  <c:v>0.27608152423247156</c:v>
                </c:pt>
                <c:pt idx="4103">
                  <c:v>0.27608152423247156</c:v>
                </c:pt>
                <c:pt idx="4104">
                  <c:v>0.27062502113357179</c:v>
                </c:pt>
                <c:pt idx="4105">
                  <c:v>0.27062502113357179</c:v>
                </c:pt>
                <c:pt idx="4106">
                  <c:v>0.27062502113357179</c:v>
                </c:pt>
                <c:pt idx="4107">
                  <c:v>0.27062502113357179</c:v>
                </c:pt>
                <c:pt idx="4108">
                  <c:v>0.27062502113357179</c:v>
                </c:pt>
                <c:pt idx="4109">
                  <c:v>0.27062502113357179</c:v>
                </c:pt>
                <c:pt idx="4110">
                  <c:v>0.27062502113357179</c:v>
                </c:pt>
                <c:pt idx="4111">
                  <c:v>1.1062822833611765</c:v>
                </c:pt>
                <c:pt idx="4112">
                  <c:v>1.2343781266977341</c:v>
                </c:pt>
                <c:pt idx="4113">
                  <c:v>1.3624739700342914</c:v>
                </c:pt>
                <c:pt idx="4114">
                  <c:v>1.3624739700342914</c:v>
                </c:pt>
                <c:pt idx="4115">
                  <c:v>1.6303107333743658</c:v>
                </c:pt>
                <c:pt idx="4116">
                  <c:v>1.6303107333743658</c:v>
                </c:pt>
                <c:pt idx="4117">
                  <c:v>1.0829921300272574</c:v>
                </c:pt>
                <c:pt idx="4118">
                  <c:v>1.6303107333743658</c:v>
                </c:pt>
                <c:pt idx="4119">
                  <c:v>1.6303107333743658</c:v>
                </c:pt>
                <c:pt idx="4120">
                  <c:v>0.96071882502417993</c:v>
                </c:pt>
                <c:pt idx="4121">
                  <c:v>0.41003791080844215</c:v>
                </c:pt>
                <c:pt idx="4122">
                  <c:v>0.27062502113357179</c:v>
                </c:pt>
                <c:pt idx="4123">
                  <c:v>0.27062502113357179</c:v>
                </c:pt>
                <c:pt idx="4124">
                  <c:v>0.27062502113357179</c:v>
                </c:pt>
                <c:pt idx="4125">
                  <c:v>0.27062502113357179</c:v>
                </c:pt>
                <c:pt idx="4126">
                  <c:v>0.27062502113357179</c:v>
                </c:pt>
                <c:pt idx="4127">
                  <c:v>0.27062502113357179</c:v>
                </c:pt>
                <c:pt idx="4128">
                  <c:v>0.27532831002150898</c:v>
                </c:pt>
                <c:pt idx="4129">
                  <c:v>0.27532831002150898</c:v>
                </c:pt>
                <c:pt idx="4130">
                  <c:v>0.27532831002150898</c:v>
                </c:pt>
                <c:pt idx="4131">
                  <c:v>0.27532831002150898</c:v>
                </c:pt>
                <c:pt idx="4132">
                  <c:v>0.27532831002150898</c:v>
                </c:pt>
                <c:pt idx="4133">
                  <c:v>0.27532831002150898</c:v>
                </c:pt>
                <c:pt idx="4134">
                  <c:v>0.27532831002150898</c:v>
                </c:pt>
                <c:pt idx="4135">
                  <c:v>1.1255087582394412</c:v>
                </c:pt>
                <c:pt idx="4136">
                  <c:v>1.2558308249829555</c:v>
                </c:pt>
                <c:pt idx="4137">
                  <c:v>1.3861528917264698</c:v>
                </c:pt>
                <c:pt idx="4138">
                  <c:v>1.3861528917264698</c:v>
                </c:pt>
                <c:pt idx="4139">
                  <c:v>1.6586444858265448</c:v>
                </c:pt>
                <c:pt idx="4140">
                  <c:v>1.6586444858265448</c:v>
                </c:pt>
                <c:pt idx="4141">
                  <c:v>1.1018138370133475</c:v>
                </c:pt>
                <c:pt idx="4142">
                  <c:v>1.6586444858265448</c:v>
                </c:pt>
                <c:pt idx="4143">
                  <c:v>1.6586444858265448</c:v>
                </c:pt>
                <c:pt idx="4144">
                  <c:v>0.97741550057635684</c:v>
                </c:pt>
                <c:pt idx="4145">
                  <c:v>0.41716410609319549</c:v>
                </c:pt>
                <c:pt idx="4146">
                  <c:v>0.27532831002150898</c:v>
                </c:pt>
                <c:pt idx="4147">
                  <c:v>0.27532831002150898</c:v>
                </c:pt>
                <c:pt idx="4148">
                  <c:v>0.27532831002150898</c:v>
                </c:pt>
                <c:pt idx="4149">
                  <c:v>0.27532831002150898</c:v>
                </c:pt>
                <c:pt idx="4150">
                  <c:v>0.27532831002150898</c:v>
                </c:pt>
                <c:pt idx="4151">
                  <c:v>0.27532831002150898</c:v>
                </c:pt>
                <c:pt idx="4152">
                  <c:v>0.42805629809452722</c:v>
                </c:pt>
                <c:pt idx="4153">
                  <c:v>0.25942805945122865</c:v>
                </c:pt>
                <c:pt idx="4154">
                  <c:v>0.25942805945122865</c:v>
                </c:pt>
                <c:pt idx="4155">
                  <c:v>0.25942805945122865</c:v>
                </c:pt>
                <c:pt idx="4156">
                  <c:v>0.25942805945122865</c:v>
                </c:pt>
                <c:pt idx="4157">
                  <c:v>0.25942805945122865</c:v>
                </c:pt>
                <c:pt idx="4158">
                  <c:v>0.25942805945122865</c:v>
                </c:pt>
                <c:pt idx="4159">
                  <c:v>1.1051635332622338</c:v>
                </c:pt>
                <c:pt idx="4160">
                  <c:v>1.3814544165777922</c:v>
                </c:pt>
                <c:pt idx="4161">
                  <c:v>1.5195998582355714</c:v>
                </c:pt>
                <c:pt idx="4162">
                  <c:v>1.5195998582355714</c:v>
                </c:pt>
                <c:pt idx="4163">
                  <c:v>1.7958907415511298</c:v>
                </c:pt>
                <c:pt idx="4164">
                  <c:v>1.7958907415511298</c:v>
                </c:pt>
                <c:pt idx="4165">
                  <c:v>1.243308974920013</c:v>
                </c:pt>
                <c:pt idx="4166">
                  <c:v>1.7958907415511298</c:v>
                </c:pt>
                <c:pt idx="4167">
                  <c:v>1.3814544165777922</c:v>
                </c:pt>
                <c:pt idx="4168">
                  <c:v>0.6485701486280715</c:v>
                </c:pt>
                <c:pt idx="4169">
                  <c:v>0.42805629809452722</c:v>
                </c:pt>
                <c:pt idx="4170">
                  <c:v>0.27239946242379004</c:v>
                </c:pt>
                <c:pt idx="4171">
                  <c:v>0.25942805945122865</c:v>
                </c:pt>
                <c:pt idx="4172">
                  <c:v>0.25942805945122865</c:v>
                </c:pt>
                <c:pt idx="4173">
                  <c:v>0.25942805945122865</c:v>
                </c:pt>
                <c:pt idx="4174">
                  <c:v>0.25942805945122865</c:v>
                </c:pt>
                <c:pt idx="4175">
                  <c:v>0.25942805945122865</c:v>
                </c:pt>
                <c:pt idx="4176">
                  <c:v>0.12196511404546455</c:v>
                </c:pt>
                <c:pt idx="4177">
                  <c:v>0.1097686026409181</c:v>
                </c:pt>
                <c:pt idx="4178">
                  <c:v>0.1097686026409181</c:v>
                </c:pt>
                <c:pt idx="4179">
                  <c:v>0.1097686026409181</c:v>
                </c:pt>
                <c:pt idx="4180">
                  <c:v>0.1097686026409181</c:v>
                </c:pt>
                <c:pt idx="4181">
                  <c:v>0.1097686026409181</c:v>
                </c:pt>
                <c:pt idx="4182">
                  <c:v>0.1097686026409181</c:v>
                </c:pt>
                <c:pt idx="4183">
                  <c:v>0.1097686026409181</c:v>
                </c:pt>
                <c:pt idx="4184">
                  <c:v>0.1097686026409181</c:v>
                </c:pt>
                <c:pt idx="4185">
                  <c:v>0.1097686026409181</c:v>
                </c:pt>
                <c:pt idx="4186">
                  <c:v>0.1097686026409181</c:v>
                </c:pt>
                <c:pt idx="4187">
                  <c:v>0.1097686026409181</c:v>
                </c:pt>
                <c:pt idx="4188">
                  <c:v>0.1097686026409181</c:v>
                </c:pt>
                <c:pt idx="4189">
                  <c:v>0.1097686026409181</c:v>
                </c:pt>
                <c:pt idx="4190">
                  <c:v>0.1097686026409181</c:v>
                </c:pt>
                <c:pt idx="4191">
                  <c:v>0.1097686026409181</c:v>
                </c:pt>
                <c:pt idx="4192">
                  <c:v>0.1097686026409181</c:v>
                </c:pt>
                <c:pt idx="4193">
                  <c:v>0.1097686026409181</c:v>
                </c:pt>
                <c:pt idx="4194">
                  <c:v>0.1097686026409181</c:v>
                </c:pt>
                <c:pt idx="4195">
                  <c:v>0.1097686026409181</c:v>
                </c:pt>
                <c:pt idx="4196">
                  <c:v>0.1097686026409181</c:v>
                </c:pt>
                <c:pt idx="4197">
                  <c:v>0.1097686026409181</c:v>
                </c:pt>
                <c:pt idx="4198">
                  <c:v>0.1097686026409181</c:v>
                </c:pt>
                <c:pt idx="4199">
                  <c:v>0.1097686026409181</c:v>
                </c:pt>
                <c:pt idx="4200">
                  <c:v>0.10878870988381037</c:v>
                </c:pt>
                <c:pt idx="4201">
                  <c:v>0.10878870988381037</c:v>
                </c:pt>
                <c:pt idx="4202">
                  <c:v>0.10878870988381037</c:v>
                </c:pt>
                <c:pt idx="4203">
                  <c:v>0.10878870988381037</c:v>
                </c:pt>
                <c:pt idx="4204">
                  <c:v>0.10878870988381037</c:v>
                </c:pt>
                <c:pt idx="4205">
                  <c:v>0.10878870988381037</c:v>
                </c:pt>
                <c:pt idx="4206">
                  <c:v>0.10878870988381037</c:v>
                </c:pt>
                <c:pt idx="4207">
                  <c:v>0.10878870988381037</c:v>
                </c:pt>
                <c:pt idx="4208">
                  <c:v>0.10878870988381037</c:v>
                </c:pt>
                <c:pt idx="4209">
                  <c:v>0.10878870988381037</c:v>
                </c:pt>
                <c:pt idx="4210">
                  <c:v>0.10878870988381037</c:v>
                </c:pt>
                <c:pt idx="4211">
                  <c:v>0.10878870988381037</c:v>
                </c:pt>
                <c:pt idx="4212">
                  <c:v>0.10878870988381037</c:v>
                </c:pt>
                <c:pt idx="4213">
                  <c:v>0.10878870988381037</c:v>
                </c:pt>
                <c:pt idx="4214">
                  <c:v>0.10878870988381037</c:v>
                </c:pt>
                <c:pt idx="4215">
                  <c:v>0.10878870988381037</c:v>
                </c:pt>
                <c:pt idx="4216">
                  <c:v>0.10878870988381037</c:v>
                </c:pt>
                <c:pt idx="4217">
                  <c:v>0.10878870988381037</c:v>
                </c:pt>
                <c:pt idx="4218">
                  <c:v>0.10878870988381037</c:v>
                </c:pt>
                <c:pt idx="4219">
                  <c:v>0.10878870988381037</c:v>
                </c:pt>
                <c:pt idx="4220">
                  <c:v>0.10878870988381037</c:v>
                </c:pt>
                <c:pt idx="4221">
                  <c:v>0.10878870988381037</c:v>
                </c:pt>
                <c:pt idx="4222">
                  <c:v>0.10878870988381037</c:v>
                </c:pt>
                <c:pt idx="4223">
                  <c:v>0.10878870988381037</c:v>
                </c:pt>
                <c:pt idx="4224">
                  <c:v>0.2687132166481816</c:v>
                </c:pt>
                <c:pt idx="4225">
                  <c:v>0.2687132166481816</c:v>
                </c:pt>
                <c:pt idx="4226">
                  <c:v>0.2687132166481816</c:v>
                </c:pt>
                <c:pt idx="4227">
                  <c:v>0.2687132166481816</c:v>
                </c:pt>
                <c:pt idx="4228">
                  <c:v>0.2687132166481816</c:v>
                </c:pt>
                <c:pt idx="4229">
                  <c:v>0.2687132166481816</c:v>
                </c:pt>
                <c:pt idx="4230">
                  <c:v>0.2687132166481816</c:v>
                </c:pt>
                <c:pt idx="4231">
                  <c:v>1.1447183029212535</c:v>
                </c:pt>
                <c:pt idx="4232">
                  <c:v>1.2878080907864105</c:v>
                </c:pt>
                <c:pt idx="4233">
                  <c:v>1.4308978786515671</c:v>
                </c:pt>
                <c:pt idx="4234">
                  <c:v>1.4308978786515671</c:v>
                </c:pt>
                <c:pt idx="4235">
                  <c:v>1.7170774543818805</c:v>
                </c:pt>
                <c:pt idx="4236">
                  <c:v>1.7170774543818805</c:v>
                </c:pt>
                <c:pt idx="4237">
                  <c:v>1.1447183029212535</c:v>
                </c:pt>
                <c:pt idx="4238">
                  <c:v>1.7170774543818805</c:v>
                </c:pt>
                <c:pt idx="4239">
                  <c:v>1.7170774543818805</c:v>
                </c:pt>
                <c:pt idx="4240">
                  <c:v>1.0016285150560968</c:v>
                </c:pt>
                <c:pt idx="4241">
                  <c:v>0.28617957573031338</c:v>
                </c:pt>
                <c:pt idx="4242">
                  <c:v>0.28214887748059064</c:v>
                </c:pt>
                <c:pt idx="4243">
                  <c:v>0.28214887748059064</c:v>
                </c:pt>
                <c:pt idx="4244">
                  <c:v>0.28214887748059064</c:v>
                </c:pt>
                <c:pt idx="4245">
                  <c:v>0.28214887748059064</c:v>
                </c:pt>
                <c:pt idx="4246">
                  <c:v>0.28214887748059064</c:v>
                </c:pt>
                <c:pt idx="4247">
                  <c:v>0.28214887748059064</c:v>
                </c:pt>
                <c:pt idx="4248">
                  <c:v>0.18028767442850055</c:v>
                </c:pt>
                <c:pt idx="4249">
                  <c:v>0.27472407531961995</c:v>
                </c:pt>
                <c:pt idx="4250">
                  <c:v>0.27472407531961995</c:v>
                </c:pt>
                <c:pt idx="4251">
                  <c:v>0.27472407531961995</c:v>
                </c:pt>
                <c:pt idx="4252">
                  <c:v>0.27472407531961995</c:v>
                </c:pt>
                <c:pt idx="4253">
                  <c:v>0.27472407531961995</c:v>
                </c:pt>
                <c:pt idx="4254">
                  <c:v>0.27472407531961995</c:v>
                </c:pt>
                <c:pt idx="4255">
                  <c:v>1.1581336800192725</c:v>
                </c:pt>
                <c:pt idx="4256">
                  <c:v>1.2922333692846619</c:v>
                </c:pt>
                <c:pt idx="4257">
                  <c:v>1.4263330585500518</c:v>
                </c:pt>
                <c:pt idx="4258">
                  <c:v>1.4263330585500518</c:v>
                </c:pt>
                <c:pt idx="4259">
                  <c:v>1.7067233179231385</c:v>
                </c:pt>
                <c:pt idx="4260">
                  <c:v>1.7067233179231385</c:v>
                </c:pt>
                <c:pt idx="4261">
                  <c:v>1.1337519183346565</c:v>
                </c:pt>
                <c:pt idx="4262">
                  <c:v>1.7067233179231385</c:v>
                </c:pt>
                <c:pt idx="4263">
                  <c:v>1.7067233179231385</c:v>
                </c:pt>
                <c:pt idx="4264">
                  <c:v>1.0057476694904208</c:v>
                </c:pt>
                <c:pt idx="4265">
                  <c:v>0.42925636768690617</c:v>
                </c:pt>
                <c:pt idx="4266">
                  <c:v>0.28330920267335802</c:v>
                </c:pt>
                <c:pt idx="4267">
                  <c:v>0.28330920267335802</c:v>
                </c:pt>
                <c:pt idx="4268">
                  <c:v>0.28330920267335802</c:v>
                </c:pt>
                <c:pt idx="4269">
                  <c:v>0.28330920267335802</c:v>
                </c:pt>
                <c:pt idx="4270">
                  <c:v>0.28330920267335802</c:v>
                </c:pt>
                <c:pt idx="4271">
                  <c:v>0.28330920267335802</c:v>
                </c:pt>
                <c:pt idx="4272">
                  <c:v>0.29100593964796634</c:v>
                </c:pt>
                <c:pt idx="4273">
                  <c:v>0.29100593964796634</c:v>
                </c:pt>
                <c:pt idx="4274">
                  <c:v>0.29100593964796634</c:v>
                </c:pt>
                <c:pt idx="4275">
                  <c:v>0.29100593964796634</c:v>
                </c:pt>
                <c:pt idx="4276">
                  <c:v>0.29100593964796634</c:v>
                </c:pt>
                <c:pt idx="4277">
                  <c:v>0.29100593964796634</c:v>
                </c:pt>
                <c:pt idx="4278">
                  <c:v>0.29100593964796634</c:v>
                </c:pt>
                <c:pt idx="4279">
                  <c:v>1.1895970078336562</c:v>
                </c:pt>
                <c:pt idx="4280">
                  <c:v>1.3273398192670272</c:v>
                </c:pt>
                <c:pt idx="4281">
                  <c:v>1.4650826307003977</c:v>
                </c:pt>
                <c:pt idx="4282">
                  <c:v>1.4650826307003977</c:v>
                </c:pt>
                <c:pt idx="4283">
                  <c:v>1.7530903273338092</c:v>
                </c:pt>
                <c:pt idx="4284">
                  <c:v>1.7530903273338092</c:v>
                </c:pt>
                <c:pt idx="4285">
                  <c:v>1.1645528603003161</c:v>
                </c:pt>
                <c:pt idx="4286">
                  <c:v>1.7530903273338092</c:v>
                </c:pt>
                <c:pt idx="4287">
                  <c:v>1.7530903273338092</c:v>
                </c:pt>
                <c:pt idx="4288">
                  <c:v>1.0330710857502805</c:v>
                </c:pt>
                <c:pt idx="4289">
                  <c:v>0.44091809037570656</c:v>
                </c:pt>
                <c:pt idx="4290">
                  <c:v>0.29100593964796634</c:v>
                </c:pt>
                <c:pt idx="4291">
                  <c:v>0.29100593964796634</c:v>
                </c:pt>
                <c:pt idx="4292">
                  <c:v>0.29100593964796634</c:v>
                </c:pt>
                <c:pt idx="4293">
                  <c:v>0.29100593964796634</c:v>
                </c:pt>
                <c:pt idx="4294">
                  <c:v>0.29100593964796634</c:v>
                </c:pt>
                <c:pt idx="4295">
                  <c:v>0.29100593964796634</c:v>
                </c:pt>
                <c:pt idx="4296">
                  <c:v>0.28473488779738343</c:v>
                </c:pt>
                <c:pt idx="4297">
                  <c:v>0.28473488779738343</c:v>
                </c:pt>
                <c:pt idx="4298">
                  <c:v>0.28473488779738343</c:v>
                </c:pt>
                <c:pt idx="4299">
                  <c:v>0.28473488779738343</c:v>
                </c:pt>
                <c:pt idx="4300">
                  <c:v>0.28473488779738343</c:v>
                </c:pt>
                <c:pt idx="4301">
                  <c:v>0.28473488779738343</c:v>
                </c:pt>
                <c:pt idx="4302">
                  <c:v>0.28473488779738343</c:v>
                </c:pt>
                <c:pt idx="4303">
                  <c:v>1.1639617079959703</c:v>
                </c:pt>
                <c:pt idx="4304">
                  <c:v>1.2987362215533986</c:v>
                </c:pt>
                <c:pt idx="4305">
                  <c:v>1.4335107351108267</c:v>
                </c:pt>
                <c:pt idx="4306">
                  <c:v>1.4335107351108267</c:v>
                </c:pt>
                <c:pt idx="4307">
                  <c:v>1.7153119907309036</c:v>
                </c:pt>
                <c:pt idx="4308">
                  <c:v>1.7153119907309036</c:v>
                </c:pt>
                <c:pt idx="4309">
                  <c:v>1.1394572509855287</c:v>
                </c:pt>
                <c:pt idx="4310">
                  <c:v>1.7153119907309036</c:v>
                </c:pt>
                <c:pt idx="4311">
                  <c:v>1.7153119907309036</c:v>
                </c:pt>
                <c:pt idx="4312">
                  <c:v>1.010808851680711</c:v>
                </c:pt>
                <c:pt idx="4313">
                  <c:v>0.43141649666270215</c:v>
                </c:pt>
                <c:pt idx="4314">
                  <c:v>0.28473488779738343</c:v>
                </c:pt>
                <c:pt idx="4315">
                  <c:v>0.28473488779738343</c:v>
                </c:pt>
                <c:pt idx="4316">
                  <c:v>0.28473488779738343</c:v>
                </c:pt>
                <c:pt idx="4317">
                  <c:v>0.28473488779738343</c:v>
                </c:pt>
                <c:pt idx="4318">
                  <c:v>0.28473488779738343</c:v>
                </c:pt>
                <c:pt idx="4319">
                  <c:v>0.28473488779738343</c:v>
                </c:pt>
                <c:pt idx="4320">
                  <c:v>0.42771394345991082</c:v>
                </c:pt>
                <c:pt idx="4321">
                  <c:v>0.25922057179388536</c:v>
                </c:pt>
                <c:pt idx="4322">
                  <c:v>0.25922057179388536</c:v>
                </c:pt>
                <c:pt idx="4323">
                  <c:v>0.25922057179388536</c:v>
                </c:pt>
                <c:pt idx="4324">
                  <c:v>0.25922057179388536</c:v>
                </c:pt>
                <c:pt idx="4325">
                  <c:v>0.25922057179388536</c:v>
                </c:pt>
                <c:pt idx="4326">
                  <c:v>0.25922057179388536</c:v>
                </c:pt>
                <c:pt idx="4327">
                  <c:v>1.1042796358419518</c:v>
                </c:pt>
                <c:pt idx="4328">
                  <c:v>1.3803495448024394</c:v>
                </c:pt>
                <c:pt idx="4329">
                  <c:v>1.5183844992826836</c:v>
                </c:pt>
                <c:pt idx="4330">
                  <c:v>1.5183844992826836</c:v>
                </c:pt>
                <c:pt idx="4331">
                  <c:v>1.7944544082431717</c:v>
                </c:pt>
                <c:pt idx="4332">
                  <c:v>1.7944544082431717</c:v>
                </c:pt>
                <c:pt idx="4333">
                  <c:v>1.2423145903221957</c:v>
                </c:pt>
                <c:pt idx="4334">
                  <c:v>1.7944544082431717</c:v>
                </c:pt>
                <c:pt idx="4335">
                  <c:v>1.3803495448024394</c:v>
                </c:pt>
                <c:pt idx="4336">
                  <c:v>0.6480514294847135</c:v>
                </c:pt>
                <c:pt idx="4337">
                  <c:v>0.42771394345991082</c:v>
                </c:pt>
                <c:pt idx="4338">
                  <c:v>0.27218160038357964</c:v>
                </c:pt>
                <c:pt idx="4339">
                  <c:v>0.25922057179388536</c:v>
                </c:pt>
                <c:pt idx="4340">
                  <c:v>0.25922057179388536</c:v>
                </c:pt>
                <c:pt idx="4341">
                  <c:v>0.25922057179388536</c:v>
                </c:pt>
                <c:pt idx="4342">
                  <c:v>0.25922057179388536</c:v>
                </c:pt>
                <c:pt idx="4343">
                  <c:v>0.25922057179388536</c:v>
                </c:pt>
                <c:pt idx="4344">
                  <c:v>0.12060732609617957</c:v>
                </c:pt>
                <c:pt idx="4345">
                  <c:v>0.10854659348656159</c:v>
                </c:pt>
                <c:pt idx="4346">
                  <c:v>0.10854659348656159</c:v>
                </c:pt>
                <c:pt idx="4347">
                  <c:v>0.10854659348656159</c:v>
                </c:pt>
                <c:pt idx="4348">
                  <c:v>0.10854659348656159</c:v>
                </c:pt>
                <c:pt idx="4349">
                  <c:v>0.10854659348656159</c:v>
                </c:pt>
                <c:pt idx="4350">
                  <c:v>0.10854659348656159</c:v>
                </c:pt>
                <c:pt idx="4351">
                  <c:v>0.10854659348656159</c:v>
                </c:pt>
                <c:pt idx="4352">
                  <c:v>0.10854659348656159</c:v>
                </c:pt>
                <c:pt idx="4353">
                  <c:v>0.10854659348656159</c:v>
                </c:pt>
                <c:pt idx="4354">
                  <c:v>0.10854659348656159</c:v>
                </c:pt>
                <c:pt idx="4355">
                  <c:v>0.10854659348656159</c:v>
                </c:pt>
                <c:pt idx="4356">
                  <c:v>0.10854659348656159</c:v>
                </c:pt>
                <c:pt idx="4357">
                  <c:v>0.10854659348656159</c:v>
                </c:pt>
                <c:pt idx="4358">
                  <c:v>0.10854659348656159</c:v>
                </c:pt>
                <c:pt idx="4359">
                  <c:v>0.10854659348656159</c:v>
                </c:pt>
                <c:pt idx="4360">
                  <c:v>0.10854659348656159</c:v>
                </c:pt>
                <c:pt idx="4361">
                  <c:v>0.10854659348656159</c:v>
                </c:pt>
                <c:pt idx="4362">
                  <c:v>0.10854659348656159</c:v>
                </c:pt>
                <c:pt idx="4363">
                  <c:v>0.10854659348656159</c:v>
                </c:pt>
                <c:pt idx="4364">
                  <c:v>0.10854659348656159</c:v>
                </c:pt>
                <c:pt idx="4365">
                  <c:v>0.10854659348656159</c:v>
                </c:pt>
                <c:pt idx="4366">
                  <c:v>0.10854659348656159</c:v>
                </c:pt>
                <c:pt idx="4367">
                  <c:v>0.10854659348656159</c:v>
                </c:pt>
                <c:pt idx="4368">
                  <c:v>0.10871430584719553</c:v>
                </c:pt>
                <c:pt idx="4369">
                  <c:v>0.10871430584719553</c:v>
                </c:pt>
                <c:pt idx="4370">
                  <c:v>0.10871430584719553</c:v>
                </c:pt>
                <c:pt idx="4371">
                  <c:v>0.10871430584719553</c:v>
                </c:pt>
                <c:pt idx="4372">
                  <c:v>0.10871430584719553</c:v>
                </c:pt>
                <c:pt idx="4373">
                  <c:v>0.10871430584719553</c:v>
                </c:pt>
                <c:pt idx="4374">
                  <c:v>0.10871430584719553</c:v>
                </c:pt>
                <c:pt idx="4375">
                  <c:v>0.10871430584719553</c:v>
                </c:pt>
                <c:pt idx="4376">
                  <c:v>0.10871430584719553</c:v>
                </c:pt>
                <c:pt idx="4377">
                  <c:v>0.10871430584719553</c:v>
                </c:pt>
                <c:pt idx="4378">
                  <c:v>0.10871430584719553</c:v>
                </c:pt>
                <c:pt idx="4379">
                  <c:v>0.10871430584719553</c:v>
                </c:pt>
                <c:pt idx="4380">
                  <c:v>0.10871430584719553</c:v>
                </c:pt>
                <c:pt idx="4381">
                  <c:v>0.10871430584719553</c:v>
                </c:pt>
                <c:pt idx="4382">
                  <c:v>0.10871430584719553</c:v>
                </c:pt>
                <c:pt idx="4383">
                  <c:v>0.10871430584719553</c:v>
                </c:pt>
                <c:pt idx="4384">
                  <c:v>0.10871430584719553</c:v>
                </c:pt>
                <c:pt idx="4385">
                  <c:v>0.10871430584719553</c:v>
                </c:pt>
                <c:pt idx="4386">
                  <c:v>0.10871430584719553</c:v>
                </c:pt>
                <c:pt idx="4387">
                  <c:v>0.10871430584719553</c:v>
                </c:pt>
                <c:pt idx="4388">
                  <c:v>0.10871430584719553</c:v>
                </c:pt>
                <c:pt idx="4389">
                  <c:v>0.10871430584719553</c:v>
                </c:pt>
                <c:pt idx="4390">
                  <c:v>0.10871430584719553</c:v>
                </c:pt>
                <c:pt idx="4391">
                  <c:v>0.10871430584719553</c:v>
                </c:pt>
                <c:pt idx="4392">
                  <c:v>0.27279657926829098</c:v>
                </c:pt>
                <c:pt idx="4393">
                  <c:v>0.27279657926829098</c:v>
                </c:pt>
                <c:pt idx="4394">
                  <c:v>0.27279657926829098</c:v>
                </c:pt>
                <c:pt idx="4395">
                  <c:v>0.27279657926829098</c:v>
                </c:pt>
                <c:pt idx="4396">
                  <c:v>0.27279657926829098</c:v>
                </c:pt>
                <c:pt idx="4397">
                  <c:v>0.27279657926829098</c:v>
                </c:pt>
                <c:pt idx="4398">
                  <c:v>0.27279657926829098</c:v>
                </c:pt>
                <c:pt idx="4399">
                  <c:v>1.1621134276829197</c:v>
                </c:pt>
                <c:pt idx="4400">
                  <c:v>1.3073776061432845</c:v>
                </c:pt>
                <c:pt idx="4401">
                  <c:v>1.4526417846036495</c:v>
                </c:pt>
                <c:pt idx="4402">
                  <c:v>1.4526417846036495</c:v>
                </c:pt>
                <c:pt idx="4403">
                  <c:v>1.743170141524379</c:v>
                </c:pt>
                <c:pt idx="4404">
                  <c:v>1.743170141524379</c:v>
                </c:pt>
                <c:pt idx="4405">
                  <c:v>1.1621134276829197</c:v>
                </c:pt>
                <c:pt idx="4406">
                  <c:v>1.743170141524379</c:v>
                </c:pt>
                <c:pt idx="4407">
                  <c:v>1.743170141524379</c:v>
                </c:pt>
                <c:pt idx="4408">
                  <c:v>1.0168492492225545</c:v>
                </c:pt>
                <c:pt idx="4409">
                  <c:v>0.29052835692072992</c:v>
                </c:pt>
                <c:pt idx="4410">
                  <c:v>0.28643640823170552</c:v>
                </c:pt>
                <c:pt idx="4411">
                  <c:v>0.28643640823170552</c:v>
                </c:pt>
                <c:pt idx="4412">
                  <c:v>0.28643640823170552</c:v>
                </c:pt>
                <c:pt idx="4413">
                  <c:v>0.28643640823170552</c:v>
                </c:pt>
                <c:pt idx="4414">
                  <c:v>0.28643640823170552</c:v>
                </c:pt>
                <c:pt idx="4415">
                  <c:v>0.28643640823170552</c:v>
                </c:pt>
                <c:pt idx="4416">
                  <c:v>0.17928154873644528</c:v>
                </c:pt>
                <c:pt idx="4417">
                  <c:v>0.27319093140791667</c:v>
                </c:pt>
                <c:pt idx="4418">
                  <c:v>0.27319093140791667</c:v>
                </c:pt>
                <c:pt idx="4419">
                  <c:v>0.27319093140791667</c:v>
                </c:pt>
                <c:pt idx="4420">
                  <c:v>0.27319093140791667</c:v>
                </c:pt>
                <c:pt idx="4421">
                  <c:v>0.27319093140791667</c:v>
                </c:pt>
                <c:pt idx="4422">
                  <c:v>0.27319093140791667</c:v>
                </c:pt>
                <c:pt idx="4423">
                  <c:v>1.1516705202164985</c:v>
                </c:pt>
                <c:pt idx="4424">
                  <c:v>1.2850218436099878</c:v>
                </c:pt>
                <c:pt idx="4425">
                  <c:v>1.4183731670034774</c:v>
                </c:pt>
                <c:pt idx="4426">
                  <c:v>1.4183731670034774</c:v>
                </c:pt>
                <c:pt idx="4427">
                  <c:v>1.6971986613716821</c:v>
                </c:pt>
                <c:pt idx="4428">
                  <c:v>1.6971986613716821</c:v>
                </c:pt>
                <c:pt idx="4429">
                  <c:v>1.127424825054046</c:v>
                </c:pt>
                <c:pt idx="4430">
                  <c:v>1.6971986613716821</c:v>
                </c:pt>
                <c:pt idx="4431">
                  <c:v>1.6971986613716821</c:v>
                </c:pt>
                <c:pt idx="4432">
                  <c:v>1.00013492545117</c:v>
                </c:pt>
                <c:pt idx="4433">
                  <c:v>0.42686083032486977</c:v>
                </c:pt>
                <c:pt idx="4434">
                  <c:v>0.28172814801441404</c:v>
                </c:pt>
                <c:pt idx="4435">
                  <c:v>0.28172814801441404</c:v>
                </c:pt>
                <c:pt idx="4436">
                  <c:v>0.28172814801441404</c:v>
                </c:pt>
                <c:pt idx="4437">
                  <c:v>0.28172814801441404</c:v>
                </c:pt>
                <c:pt idx="4438">
                  <c:v>0.28172814801441404</c:v>
                </c:pt>
                <c:pt idx="4439">
                  <c:v>0.28172814801441404</c:v>
                </c:pt>
                <c:pt idx="4440">
                  <c:v>0.28092746345952946</c:v>
                </c:pt>
                <c:pt idx="4441">
                  <c:v>0.28092746345952946</c:v>
                </c:pt>
                <c:pt idx="4442">
                  <c:v>0.28092746345952946</c:v>
                </c:pt>
                <c:pt idx="4443">
                  <c:v>0.28092746345952946</c:v>
                </c:pt>
                <c:pt idx="4444">
                  <c:v>0.28092746345952946</c:v>
                </c:pt>
                <c:pt idx="4445">
                  <c:v>0.28092746345952946</c:v>
                </c:pt>
                <c:pt idx="4446">
                  <c:v>0.28092746345952946</c:v>
                </c:pt>
                <c:pt idx="4447">
                  <c:v>1.1483974188088037</c:v>
                </c:pt>
                <c:pt idx="4448">
                  <c:v>1.2813697515129809</c:v>
                </c:pt>
                <c:pt idx="4449">
                  <c:v>1.4143420842171586</c:v>
                </c:pt>
                <c:pt idx="4450">
                  <c:v>1.4143420842171586</c:v>
                </c:pt>
                <c:pt idx="4451">
                  <c:v>1.6923751435077108</c:v>
                </c:pt>
                <c:pt idx="4452">
                  <c:v>1.6923751435077108</c:v>
                </c:pt>
                <c:pt idx="4453">
                  <c:v>1.1242206310444078</c:v>
                </c:pt>
                <c:pt idx="4454">
                  <c:v>1.6923751435077108</c:v>
                </c:pt>
                <c:pt idx="4455">
                  <c:v>1.6923751435077108</c:v>
                </c:pt>
                <c:pt idx="4456">
                  <c:v>0.99729249528132946</c:v>
                </c:pt>
                <c:pt idx="4457">
                  <c:v>0.42564767190837799</c:v>
                </c:pt>
                <c:pt idx="4458">
                  <c:v>0.28092746345952946</c:v>
                </c:pt>
                <c:pt idx="4459">
                  <c:v>0.28092746345952946</c:v>
                </c:pt>
                <c:pt idx="4460">
                  <c:v>0.28092746345952946</c:v>
                </c:pt>
                <c:pt idx="4461">
                  <c:v>0.28092746345952946</c:v>
                </c:pt>
                <c:pt idx="4462">
                  <c:v>0.28092746345952946</c:v>
                </c:pt>
                <c:pt idx="4463">
                  <c:v>0.28092746345952946</c:v>
                </c:pt>
                <c:pt idx="4464">
                  <c:v>0.28473488779738343</c:v>
                </c:pt>
                <c:pt idx="4465">
                  <c:v>0.28473488779738343</c:v>
                </c:pt>
                <c:pt idx="4466">
                  <c:v>0.28473488779738343</c:v>
                </c:pt>
                <c:pt idx="4467">
                  <c:v>0.28473488779738343</c:v>
                </c:pt>
                <c:pt idx="4468">
                  <c:v>0.28473488779738343</c:v>
                </c:pt>
                <c:pt idx="4469">
                  <c:v>0.28473488779738343</c:v>
                </c:pt>
                <c:pt idx="4470">
                  <c:v>0.28473488779738343</c:v>
                </c:pt>
                <c:pt idx="4471">
                  <c:v>1.1639617079959703</c:v>
                </c:pt>
                <c:pt idx="4472">
                  <c:v>1.2987362215533986</c:v>
                </c:pt>
                <c:pt idx="4473">
                  <c:v>1.4335107351108267</c:v>
                </c:pt>
                <c:pt idx="4474">
                  <c:v>1.4335107351108267</c:v>
                </c:pt>
                <c:pt idx="4475">
                  <c:v>1.7153119907309036</c:v>
                </c:pt>
                <c:pt idx="4476">
                  <c:v>1.7153119907309036</c:v>
                </c:pt>
                <c:pt idx="4477">
                  <c:v>1.1394572509855287</c:v>
                </c:pt>
                <c:pt idx="4478">
                  <c:v>1.7153119907309036</c:v>
                </c:pt>
                <c:pt idx="4479">
                  <c:v>1.7153119907309036</c:v>
                </c:pt>
                <c:pt idx="4480">
                  <c:v>1.010808851680711</c:v>
                </c:pt>
                <c:pt idx="4481">
                  <c:v>0.43141649666270215</c:v>
                </c:pt>
                <c:pt idx="4482">
                  <c:v>0.28473488779738343</c:v>
                </c:pt>
                <c:pt idx="4483">
                  <c:v>0.28473488779738343</c:v>
                </c:pt>
                <c:pt idx="4484">
                  <c:v>0.28473488779738343</c:v>
                </c:pt>
                <c:pt idx="4485">
                  <c:v>0.28473488779738343</c:v>
                </c:pt>
                <c:pt idx="4486">
                  <c:v>0.28473488779738343</c:v>
                </c:pt>
                <c:pt idx="4487">
                  <c:v>0.28473488779738343</c:v>
                </c:pt>
                <c:pt idx="4488">
                  <c:v>0.43182219907530778</c:v>
                </c:pt>
                <c:pt idx="4489">
                  <c:v>0.2617104236820047</c:v>
                </c:pt>
                <c:pt idx="4490">
                  <c:v>0.2617104236820047</c:v>
                </c:pt>
                <c:pt idx="4491">
                  <c:v>0.2617104236820047</c:v>
                </c:pt>
                <c:pt idx="4492">
                  <c:v>0.2617104236820047</c:v>
                </c:pt>
                <c:pt idx="4493">
                  <c:v>0.2617104236820047</c:v>
                </c:pt>
                <c:pt idx="4494">
                  <c:v>0.2617104236820047</c:v>
                </c:pt>
                <c:pt idx="4495">
                  <c:v>1.11488640488534</c:v>
                </c:pt>
                <c:pt idx="4496">
                  <c:v>1.3936080061066749</c:v>
                </c:pt>
                <c:pt idx="4497">
                  <c:v>1.5329688067173428</c:v>
                </c:pt>
                <c:pt idx="4498">
                  <c:v>1.5329688067173428</c:v>
                </c:pt>
                <c:pt idx="4499">
                  <c:v>1.8116904079386773</c:v>
                </c:pt>
                <c:pt idx="4500">
                  <c:v>1.8116904079386773</c:v>
                </c:pt>
                <c:pt idx="4501">
                  <c:v>1.2542472054960074</c:v>
                </c:pt>
                <c:pt idx="4502">
                  <c:v>1.8116904079386773</c:v>
                </c:pt>
                <c:pt idx="4503">
                  <c:v>1.3936080061066749</c:v>
                </c:pt>
                <c:pt idx="4504">
                  <c:v>0.65427605920501175</c:v>
                </c:pt>
                <c:pt idx="4505">
                  <c:v>0.43182219907530778</c:v>
                </c:pt>
                <c:pt idx="4506">
                  <c:v>0.27479594486610492</c:v>
                </c:pt>
                <c:pt idx="4507">
                  <c:v>0.2617104236820047</c:v>
                </c:pt>
                <c:pt idx="4508">
                  <c:v>0.2617104236820047</c:v>
                </c:pt>
                <c:pt idx="4509">
                  <c:v>0.2617104236820047</c:v>
                </c:pt>
                <c:pt idx="4510">
                  <c:v>0.2617104236820047</c:v>
                </c:pt>
                <c:pt idx="4511">
                  <c:v>0.2617104236820047</c:v>
                </c:pt>
                <c:pt idx="4512">
                  <c:v>0.11957869886187279</c:v>
                </c:pt>
                <c:pt idx="4513">
                  <c:v>0.10762082897568551</c:v>
                </c:pt>
                <c:pt idx="4514">
                  <c:v>0.10762082897568551</c:v>
                </c:pt>
                <c:pt idx="4515">
                  <c:v>0.10762082897568551</c:v>
                </c:pt>
                <c:pt idx="4516">
                  <c:v>0.10762082897568551</c:v>
                </c:pt>
                <c:pt idx="4517">
                  <c:v>0.10762082897568551</c:v>
                </c:pt>
                <c:pt idx="4518">
                  <c:v>0.10762082897568551</c:v>
                </c:pt>
                <c:pt idx="4519">
                  <c:v>0.10762082897568551</c:v>
                </c:pt>
                <c:pt idx="4520">
                  <c:v>0.10762082897568551</c:v>
                </c:pt>
                <c:pt idx="4521">
                  <c:v>0.10762082897568551</c:v>
                </c:pt>
                <c:pt idx="4522">
                  <c:v>0.10762082897568551</c:v>
                </c:pt>
                <c:pt idx="4523">
                  <c:v>0.10762082897568551</c:v>
                </c:pt>
                <c:pt idx="4524">
                  <c:v>0.10762082897568551</c:v>
                </c:pt>
                <c:pt idx="4525">
                  <c:v>0.10762082897568551</c:v>
                </c:pt>
                <c:pt idx="4526">
                  <c:v>0.10762082897568551</c:v>
                </c:pt>
                <c:pt idx="4527">
                  <c:v>0.10762082897568551</c:v>
                </c:pt>
                <c:pt idx="4528">
                  <c:v>0.10762082897568551</c:v>
                </c:pt>
                <c:pt idx="4529">
                  <c:v>0.10762082897568551</c:v>
                </c:pt>
                <c:pt idx="4530">
                  <c:v>0.10762082897568551</c:v>
                </c:pt>
                <c:pt idx="4531">
                  <c:v>0.10762082897568551</c:v>
                </c:pt>
                <c:pt idx="4532">
                  <c:v>0.10762082897568551</c:v>
                </c:pt>
                <c:pt idx="4533">
                  <c:v>0.10762082897568551</c:v>
                </c:pt>
                <c:pt idx="4534">
                  <c:v>0.10762082897568551</c:v>
                </c:pt>
                <c:pt idx="4535">
                  <c:v>0.10762082897568551</c:v>
                </c:pt>
                <c:pt idx="4536">
                  <c:v>0.10722622511489835</c:v>
                </c:pt>
                <c:pt idx="4537">
                  <c:v>0.10722622511489835</c:v>
                </c:pt>
                <c:pt idx="4538">
                  <c:v>0.10722622511489835</c:v>
                </c:pt>
                <c:pt idx="4539">
                  <c:v>0.10722622511489835</c:v>
                </c:pt>
                <c:pt idx="4540">
                  <c:v>0.10722622511489835</c:v>
                </c:pt>
                <c:pt idx="4541">
                  <c:v>0.10722622511489835</c:v>
                </c:pt>
                <c:pt idx="4542">
                  <c:v>0.10722622511489835</c:v>
                </c:pt>
                <c:pt idx="4543">
                  <c:v>0.10722622511489835</c:v>
                </c:pt>
                <c:pt idx="4544">
                  <c:v>0.10722622511489835</c:v>
                </c:pt>
                <c:pt idx="4545">
                  <c:v>0.10722622511489835</c:v>
                </c:pt>
                <c:pt idx="4546">
                  <c:v>0.10722622511489835</c:v>
                </c:pt>
                <c:pt idx="4547">
                  <c:v>0.10722622511489835</c:v>
                </c:pt>
                <c:pt idx="4548">
                  <c:v>0.10722622511489835</c:v>
                </c:pt>
                <c:pt idx="4549">
                  <c:v>0.10722622511489835</c:v>
                </c:pt>
                <c:pt idx="4550">
                  <c:v>0.10722622511489835</c:v>
                </c:pt>
                <c:pt idx="4551">
                  <c:v>0.10722622511489835</c:v>
                </c:pt>
                <c:pt idx="4552">
                  <c:v>0.10722622511489835</c:v>
                </c:pt>
                <c:pt idx="4553">
                  <c:v>0.10722622511489835</c:v>
                </c:pt>
                <c:pt idx="4554">
                  <c:v>0.10722622511489835</c:v>
                </c:pt>
                <c:pt idx="4555">
                  <c:v>0.10722622511489835</c:v>
                </c:pt>
                <c:pt idx="4556">
                  <c:v>0.10722622511489835</c:v>
                </c:pt>
                <c:pt idx="4557">
                  <c:v>0.10722622511489835</c:v>
                </c:pt>
                <c:pt idx="4558">
                  <c:v>0.10722622511489835</c:v>
                </c:pt>
                <c:pt idx="4559">
                  <c:v>0.10722622511489835</c:v>
                </c:pt>
                <c:pt idx="4560">
                  <c:v>0.25990174994162996</c:v>
                </c:pt>
                <c:pt idx="4561">
                  <c:v>0.25990174994162996</c:v>
                </c:pt>
                <c:pt idx="4562">
                  <c:v>0.25990174994162996</c:v>
                </c:pt>
                <c:pt idx="4563">
                  <c:v>0.25990174994162996</c:v>
                </c:pt>
                <c:pt idx="4564">
                  <c:v>0.25990174994162996</c:v>
                </c:pt>
                <c:pt idx="4565">
                  <c:v>0.25990174994162996</c:v>
                </c:pt>
                <c:pt idx="4566">
                  <c:v>0.25990174994162996</c:v>
                </c:pt>
                <c:pt idx="4567">
                  <c:v>1.1071814547513437</c:v>
                </c:pt>
                <c:pt idx="4568">
                  <c:v>1.2455791365952615</c:v>
                </c:pt>
                <c:pt idx="4569">
                  <c:v>1.3839768184391796</c:v>
                </c:pt>
                <c:pt idx="4570">
                  <c:v>1.3839768184391796</c:v>
                </c:pt>
                <c:pt idx="4571">
                  <c:v>1.6607721821270152</c:v>
                </c:pt>
                <c:pt idx="4572">
                  <c:v>1.6607721821270152</c:v>
                </c:pt>
                <c:pt idx="4573">
                  <c:v>1.1071814547513437</c:v>
                </c:pt>
                <c:pt idx="4574">
                  <c:v>1.6607721821270152</c:v>
                </c:pt>
                <c:pt idx="4575">
                  <c:v>1.6607721821270152</c:v>
                </c:pt>
                <c:pt idx="4576">
                  <c:v>0.96878377290742557</c:v>
                </c:pt>
                <c:pt idx="4577">
                  <c:v>0.27679536368783592</c:v>
                </c:pt>
                <c:pt idx="4578">
                  <c:v>0.27289683743871146</c:v>
                </c:pt>
                <c:pt idx="4579">
                  <c:v>0.27289683743871146</c:v>
                </c:pt>
                <c:pt idx="4580">
                  <c:v>0.27289683743871146</c:v>
                </c:pt>
                <c:pt idx="4581">
                  <c:v>0.27289683743871146</c:v>
                </c:pt>
                <c:pt idx="4582">
                  <c:v>0.27289683743871146</c:v>
                </c:pt>
                <c:pt idx="4583">
                  <c:v>0.27289683743871146</c:v>
                </c:pt>
                <c:pt idx="4584">
                  <c:v>0.17439465251789144</c:v>
                </c:pt>
                <c:pt idx="4585">
                  <c:v>0.26574423240821554</c:v>
                </c:pt>
                <c:pt idx="4586">
                  <c:v>0.26574423240821554</c:v>
                </c:pt>
                <c:pt idx="4587">
                  <c:v>0.26574423240821554</c:v>
                </c:pt>
                <c:pt idx="4588">
                  <c:v>0.26574423240821554</c:v>
                </c:pt>
                <c:pt idx="4589">
                  <c:v>0.26574423240821554</c:v>
                </c:pt>
                <c:pt idx="4590">
                  <c:v>0.26574423240821554</c:v>
                </c:pt>
                <c:pt idx="4591">
                  <c:v>1.1202780297458834</c:v>
                </c:pt>
                <c:pt idx="4592">
                  <c:v>1.2499944331901438</c:v>
                </c:pt>
                <c:pt idx="4593">
                  <c:v>1.379710836634404</c:v>
                </c:pt>
                <c:pt idx="4594">
                  <c:v>1.379710836634404</c:v>
                </c:pt>
                <c:pt idx="4595">
                  <c:v>1.6509360438360385</c:v>
                </c:pt>
                <c:pt idx="4596">
                  <c:v>1.6509360438360385</c:v>
                </c:pt>
                <c:pt idx="4597">
                  <c:v>1.0966932291196543</c:v>
                </c:pt>
                <c:pt idx="4598">
                  <c:v>1.6509360438360385</c:v>
                </c:pt>
                <c:pt idx="4599">
                  <c:v>1.6509360438360385</c:v>
                </c:pt>
                <c:pt idx="4600">
                  <c:v>0.97287302583195157</c:v>
                </c:pt>
                <c:pt idx="4601">
                  <c:v>0.41522536313783676</c:v>
                </c:pt>
                <c:pt idx="4602">
                  <c:v>0.27404873967097221</c:v>
                </c:pt>
                <c:pt idx="4603">
                  <c:v>0.27404873967097221</c:v>
                </c:pt>
                <c:pt idx="4604">
                  <c:v>0.27404873967097221</c:v>
                </c:pt>
                <c:pt idx="4605">
                  <c:v>0.27404873967097221</c:v>
                </c:pt>
                <c:pt idx="4606">
                  <c:v>0.27404873967097221</c:v>
                </c:pt>
                <c:pt idx="4607">
                  <c:v>0.27404873967097221</c:v>
                </c:pt>
                <c:pt idx="4608">
                  <c:v>0.27107295340861337</c:v>
                </c:pt>
                <c:pt idx="4609">
                  <c:v>0.27107295340861337</c:v>
                </c:pt>
                <c:pt idx="4610">
                  <c:v>0.27107295340861337</c:v>
                </c:pt>
                <c:pt idx="4611">
                  <c:v>0.27107295340861337</c:v>
                </c:pt>
                <c:pt idx="4612">
                  <c:v>0.27107295340861337</c:v>
                </c:pt>
                <c:pt idx="4613">
                  <c:v>0.27107295340861337</c:v>
                </c:pt>
                <c:pt idx="4614">
                  <c:v>0.27107295340861337</c:v>
                </c:pt>
                <c:pt idx="4615">
                  <c:v>1.1081133762067257</c:v>
                </c:pt>
                <c:pt idx="4616">
                  <c:v>1.2364212408201363</c:v>
                </c:pt>
                <c:pt idx="4617">
                  <c:v>1.3647291054335464</c:v>
                </c:pt>
                <c:pt idx="4618">
                  <c:v>1.3647291054335464</c:v>
                </c:pt>
                <c:pt idx="4619">
                  <c:v>1.6330091859888587</c:v>
                </c:pt>
                <c:pt idx="4620">
                  <c:v>1.6330091859888587</c:v>
                </c:pt>
                <c:pt idx="4621">
                  <c:v>1.0847846735497417</c:v>
                </c:pt>
                <c:pt idx="4622">
                  <c:v>1.6330091859888587</c:v>
                </c:pt>
                <c:pt idx="4623">
                  <c:v>1.6330091859888587</c:v>
                </c:pt>
                <c:pt idx="4624">
                  <c:v>0.96230898460057746</c:v>
                </c:pt>
                <c:pt idx="4625">
                  <c:v>0.41071659607365668</c:v>
                </c:pt>
                <c:pt idx="4626">
                  <c:v>0.27107295340861337</c:v>
                </c:pt>
                <c:pt idx="4627">
                  <c:v>0.27107295340861337</c:v>
                </c:pt>
                <c:pt idx="4628">
                  <c:v>0.27107295340861337</c:v>
                </c:pt>
                <c:pt idx="4629">
                  <c:v>0.27107295340861337</c:v>
                </c:pt>
                <c:pt idx="4630">
                  <c:v>0.27107295340861337</c:v>
                </c:pt>
                <c:pt idx="4631">
                  <c:v>0.27107295340861337</c:v>
                </c:pt>
                <c:pt idx="4632">
                  <c:v>0.27823986980927967</c:v>
                </c:pt>
                <c:pt idx="4633">
                  <c:v>0.27823986980927967</c:v>
                </c:pt>
                <c:pt idx="4634">
                  <c:v>0.27823986980927967</c:v>
                </c:pt>
                <c:pt idx="4635">
                  <c:v>0.27823986980927967</c:v>
                </c:pt>
                <c:pt idx="4636">
                  <c:v>0.27823986980927967</c:v>
                </c:pt>
                <c:pt idx="4637">
                  <c:v>0.27823986980927967</c:v>
                </c:pt>
                <c:pt idx="4638">
                  <c:v>0.27823986980927967</c:v>
                </c:pt>
                <c:pt idx="4639">
                  <c:v>1.1374108617355096</c:v>
                </c:pt>
                <c:pt idx="4640">
                  <c:v>1.2691110667785688</c:v>
                </c:pt>
                <c:pt idx="4641">
                  <c:v>1.4008112718216279</c:v>
                </c:pt>
                <c:pt idx="4642">
                  <c:v>1.4008112718216279</c:v>
                </c:pt>
                <c:pt idx="4643">
                  <c:v>1.6761844278207512</c:v>
                </c:pt>
                <c:pt idx="4644">
                  <c:v>1.6761844278207512</c:v>
                </c:pt>
                <c:pt idx="4645">
                  <c:v>1.113465369909499</c:v>
                </c:pt>
                <c:pt idx="4646">
                  <c:v>1.6761844278207512</c:v>
                </c:pt>
                <c:pt idx="4647">
                  <c:v>1.6761844278207512</c:v>
                </c:pt>
                <c:pt idx="4648">
                  <c:v>0.98775153782294289</c:v>
                </c:pt>
                <c:pt idx="4649">
                  <c:v>0.42157556031709037</c:v>
                </c:pt>
                <c:pt idx="4650">
                  <c:v>0.27823986980927967</c:v>
                </c:pt>
                <c:pt idx="4651">
                  <c:v>0.27823986980927967</c:v>
                </c:pt>
                <c:pt idx="4652">
                  <c:v>0.27823986980927967</c:v>
                </c:pt>
                <c:pt idx="4653">
                  <c:v>0.27823986980927967</c:v>
                </c:pt>
                <c:pt idx="4654">
                  <c:v>0.27823986980927967</c:v>
                </c:pt>
                <c:pt idx="4655">
                  <c:v>0.27823986980927967</c:v>
                </c:pt>
                <c:pt idx="4656">
                  <c:v>0.42360568784451397</c:v>
                </c:pt>
                <c:pt idx="4657">
                  <c:v>0.25673071990576601</c:v>
                </c:pt>
                <c:pt idx="4658">
                  <c:v>0.25673071990576601</c:v>
                </c:pt>
                <c:pt idx="4659">
                  <c:v>0.25673071990576601</c:v>
                </c:pt>
                <c:pt idx="4660">
                  <c:v>0.25673071990576601</c:v>
                </c:pt>
                <c:pt idx="4661">
                  <c:v>0.25673071990576601</c:v>
                </c:pt>
                <c:pt idx="4662">
                  <c:v>0.25673071990576601</c:v>
                </c:pt>
                <c:pt idx="4663">
                  <c:v>1.0936728667985631</c:v>
                </c:pt>
                <c:pt idx="4664">
                  <c:v>1.3670910834982042</c:v>
                </c:pt>
                <c:pt idx="4665">
                  <c:v>1.5038001918480244</c:v>
                </c:pt>
                <c:pt idx="4666">
                  <c:v>1.5038001918480244</c:v>
                </c:pt>
                <c:pt idx="4667">
                  <c:v>1.7772184085476652</c:v>
                </c:pt>
                <c:pt idx="4668">
                  <c:v>1.7772184085476652</c:v>
                </c:pt>
                <c:pt idx="4669">
                  <c:v>1.2303819751483835</c:v>
                </c:pt>
                <c:pt idx="4670">
                  <c:v>1.7772184085476652</c:v>
                </c:pt>
                <c:pt idx="4671">
                  <c:v>1.3670910834982042</c:v>
                </c:pt>
                <c:pt idx="4672">
                  <c:v>0.64182679976441515</c:v>
                </c:pt>
                <c:pt idx="4673">
                  <c:v>0.42360568784451397</c:v>
                </c:pt>
                <c:pt idx="4674">
                  <c:v>0.26956725590105435</c:v>
                </c:pt>
                <c:pt idx="4675">
                  <c:v>0.25673071990576601</c:v>
                </c:pt>
                <c:pt idx="4676">
                  <c:v>0.25673071990576601</c:v>
                </c:pt>
                <c:pt idx="4677">
                  <c:v>0.25673071990576601</c:v>
                </c:pt>
                <c:pt idx="4678">
                  <c:v>0.25673071990576601</c:v>
                </c:pt>
                <c:pt idx="4679">
                  <c:v>0.25673071990576601</c:v>
                </c:pt>
                <c:pt idx="4680">
                  <c:v>0.11817976582321553</c:v>
                </c:pt>
                <c:pt idx="4681">
                  <c:v>0.10636178924089397</c:v>
                </c:pt>
                <c:pt idx="4682">
                  <c:v>0.10636178924089397</c:v>
                </c:pt>
                <c:pt idx="4683">
                  <c:v>0.10636178924089397</c:v>
                </c:pt>
                <c:pt idx="4684">
                  <c:v>0.10636178924089397</c:v>
                </c:pt>
                <c:pt idx="4685">
                  <c:v>0.10636178924089397</c:v>
                </c:pt>
                <c:pt idx="4686">
                  <c:v>0.10636178924089397</c:v>
                </c:pt>
                <c:pt idx="4687">
                  <c:v>0.10636178924089397</c:v>
                </c:pt>
                <c:pt idx="4688">
                  <c:v>0.10636178924089397</c:v>
                </c:pt>
                <c:pt idx="4689">
                  <c:v>0.10636178924089397</c:v>
                </c:pt>
                <c:pt idx="4690">
                  <c:v>0.10636178924089397</c:v>
                </c:pt>
                <c:pt idx="4691">
                  <c:v>0.10636178924089397</c:v>
                </c:pt>
                <c:pt idx="4692">
                  <c:v>0.10636178924089397</c:v>
                </c:pt>
                <c:pt idx="4693">
                  <c:v>0.10636178924089397</c:v>
                </c:pt>
                <c:pt idx="4694">
                  <c:v>0.10636178924089397</c:v>
                </c:pt>
                <c:pt idx="4695">
                  <c:v>0.10636178924089397</c:v>
                </c:pt>
                <c:pt idx="4696">
                  <c:v>0.10636178924089397</c:v>
                </c:pt>
                <c:pt idx="4697">
                  <c:v>0.10636178924089397</c:v>
                </c:pt>
                <c:pt idx="4698">
                  <c:v>0.10636178924089397</c:v>
                </c:pt>
                <c:pt idx="4699">
                  <c:v>0.10636178924089397</c:v>
                </c:pt>
                <c:pt idx="4700">
                  <c:v>0.10636178924089397</c:v>
                </c:pt>
                <c:pt idx="4701">
                  <c:v>0.10636178924089397</c:v>
                </c:pt>
                <c:pt idx="4702">
                  <c:v>0.10636178924089397</c:v>
                </c:pt>
                <c:pt idx="4703">
                  <c:v>0.10636178924089397</c:v>
                </c:pt>
                <c:pt idx="4704">
                  <c:v>0.10629617465721262</c:v>
                </c:pt>
                <c:pt idx="4705">
                  <c:v>0.10629617465721262</c:v>
                </c:pt>
                <c:pt idx="4706">
                  <c:v>0.10629617465721262</c:v>
                </c:pt>
                <c:pt idx="4707">
                  <c:v>0.10629617465721262</c:v>
                </c:pt>
                <c:pt idx="4708">
                  <c:v>0.10629617465721262</c:v>
                </c:pt>
                <c:pt idx="4709">
                  <c:v>0.10629617465721262</c:v>
                </c:pt>
                <c:pt idx="4710">
                  <c:v>0.10629617465721262</c:v>
                </c:pt>
                <c:pt idx="4711">
                  <c:v>0.10629617465721262</c:v>
                </c:pt>
                <c:pt idx="4712">
                  <c:v>0.10629617465721262</c:v>
                </c:pt>
                <c:pt idx="4713">
                  <c:v>0.10629617465721262</c:v>
                </c:pt>
                <c:pt idx="4714">
                  <c:v>0.10629617465721262</c:v>
                </c:pt>
                <c:pt idx="4715">
                  <c:v>0.10629617465721262</c:v>
                </c:pt>
                <c:pt idx="4716">
                  <c:v>0.10629617465721262</c:v>
                </c:pt>
                <c:pt idx="4717">
                  <c:v>0.10629617465721262</c:v>
                </c:pt>
                <c:pt idx="4718">
                  <c:v>0.10629617465721262</c:v>
                </c:pt>
                <c:pt idx="4719">
                  <c:v>0.10629617465721262</c:v>
                </c:pt>
                <c:pt idx="4720">
                  <c:v>0.10629617465721262</c:v>
                </c:pt>
                <c:pt idx="4721">
                  <c:v>0.10629617465721262</c:v>
                </c:pt>
                <c:pt idx="4722">
                  <c:v>0.10629617465721262</c:v>
                </c:pt>
                <c:pt idx="4723">
                  <c:v>0.10629617465721262</c:v>
                </c:pt>
                <c:pt idx="4724">
                  <c:v>0.10629617465721262</c:v>
                </c:pt>
                <c:pt idx="4725">
                  <c:v>0.10629617465721262</c:v>
                </c:pt>
                <c:pt idx="4726">
                  <c:v>0.10629617465721262</c:v>
                </c:pt>
                <c:pt idx="4727">
                  <c:v>0.10629617465721262</c:v>
                </c:pt>
                <c:pt idx="4728">
                  <c:v>0.26011666376374099</c:v>
                </c:pt>
                <c:pt idx="4729">
                  <c:v>0.26011666376374099</c:v>
                </c:pt>
                <c:pt idx="4730">
                  <c:v>0.26011666376374099</c:v>
                </c:pt>
                <c:pt idx="4731">
                  <c:v>0.26011666376374099</c:v>
                </c:pt>
                <c:pt idx="4732">
                  <c:v>0.26011666376374099</c:v>
                </c:pt>
                <c:pt idx="4733">
                  <c:v>0.26011666376374099</c:v>
                </c:pt>
                <c:pt idx="4734">
                  <c:v>0.26011666376374099</c:v>
                </c:pt>
                <c:pt idx="4735">
                  <c:v>1.1080969876335365</c:v>
                </c:pt>
                <c:pt idx="4736">
                  <c:v>1.2466091110877286</c:v>
                </c:pt>
                <c:pt idx="4737">
                  <c:v>1.3851212345419206</c:v>
                </c:pt>
                <c:pt idx="4738">
                  <c:v>1.3851212345419206</c:v>
                </c:pt>
                <c:pt idx="4739">
                  <c:v>1.6621454814503045</c:v>
                </c:pt>
                <c:pt idx="4740">
                  <c:v>1.6621454814503045</c:v>
                </c:pt>
                <c:pt idx="4741">
                  <c:v>1.1080969876335365</c:v>
                </c:pt>
                <c:pt idx="4742">
                  <c:v>1.6621454814503045</c:v>
                </c:pt>
                <c:pt idx="4743">
                  <c:v>1.6621454814503045</c:v>
                </c:pt>
                <c:pt idx="4744">
                  <c:v>0.96958486417934431</c:v>
                </c:pt>
                <c:pt idx="4745">
                  <c:v>0.27702424690838412</c:v>
                </c:pt>
                <c:pt idx="4746">
                  <c:v>0.27312249695192803</c:v>
                </c:pt>
                <c:pt idx="4747">
                  <c:v>0.27312249695192803</c:v>
                </c:pt>
                <c:pt idx="4748">
                  <c:v>0.27312249695192803</c:v>
                </c:pt>
                <c:pt idx="4749">
                  <c:v>0.27312249695192803</c:v>
                </c:pt>
                <c:pt idx="4750">
                  <c:v>0.27312249695192803</c:v>
                </c:pt>
                <c:pt idx="4751">
                  <c:v>0.27312249695192803</c:v>
                </c:pt>
                <c:pt idx="4752">
                  <c:v>0.17439465251789144</c:v>
                </c:pt>
                <c:pt idx="4753">
                  <c:v>0.26574423240821554</c:v>
                </c:pt>
                <c:pt idx="4754">
                  <c:v>0.26574423240821554</c:v>
                </c:pt>
                <c:pt idx="4755">
                  <c:v>0.26574423240821554</c:v>
                </c:pt>
                <c:pt idx="4756">
                  <c:v>0.26574423240821554</c:v>
                </c:pt>
                <c:pt idx="4757">
                  <c:v>0.26574423240821554</c:v>
                </c:pt>
                <c:pt idx="4758">
                  <c:v>0.26574423240821554</c:v>
                </c:pt>
                <c:pt idx="4759">
                  <c:v>1.1202780297458834</c:v>
                </c:pt>
                <c:pt idx="4760">
                  <c:v>1.2499944331901438</c:v>
                </c:pt>
                <c:pt idx="4761">
                  <c:v>1.379710836634404</c:v>
                </c:pt>
                <c:pt idx="4762">
                  <c:v>1.379710836634404</c:v>
                </c:pt>
                <c:pt idx="4763">
                  <c:v>1.6509360438360385</c:v>
                </c:pt>
                <c:pt idx="4764">
                  <c:v>1.6509360438360385</c:v>
                </c:pt>
                <c:pt idx="4765">
                  <c:v>1.0966932291196543</c:v>
                </c:pt>
                <c:pt idx="4766">
                  <c:v>1.6509360438360385</c:v>
                </c:pt>
                <c:pt idx="4767">
                  <c:v>1.6509360438360385</c:v>
                </c:pt>
                <c:pt idx="4768">
                  <c:v>0.97287302583195157</c:v>
                </c:pt>
                <c:pt idx="4769">
                  <c:v>0.41522536313783676</c:v>
                </c:pt>
                <c:pt idx="4770">
                  <c:v>0.27404873967097221</c:v>
                </c:pt>
                <c:pt idx="4771">
                  <c:v>0.27404873967097221</c:v>
                </c:pt>
                <c:pt idx="4772">
                  <c:v>0.27404873967097221</c:v>
                </c:pt>
                <c:pt idx="4773">
                  <c:v>0.27404873967097221</c:v>
                </c:pt>
                <c:pt idx="4774">
                  <c:v>0.27404873967097221</c:v>
                </c:pt>
                <c:pt idx="4775">
                  <c:v>0.27404873967097221</c:v>
                </c:pt>
                <c:pt idx="4776">
                  <c:v>0.27129691954613416</c:v>
                </c:pt>
                <c:pt idx="4777">
                  <c:v>0.27129691954613416</c:v>
                </c:pt>
                <c:pt idx="4778">
                  <c:v>0.27129691954613416</c:v>
                </c:pt>
                <c:pt idx="4779">
                  <c:v>0.27129691954613416</c:v>
                </c:pt>
                <c:pt idx="4780">
                  <c:v>0.27129691954613416</c:v>
                </c:pt>
                <c:pt idx="4781">
                  <c:v>0.27129691954613416</c:v>
                </c:pt>
                <c:pt idx="4782">
                  <c:v>0.27129691954613416</c:v>
                </c:pt>
                <c:pt idx="4783">
                  <c:v>1.1090289226295</c:v>
                </c:pt>
                <c:pt idx="4784">
                  <c:v>1.2374427978813369</c:v>
                </c:pt>
                <c:pt idx="4785">
                  <c:v>1.3658566731331738</c:v>
                </c:pt>
                <c:pt idx="4786">
                  <c:v>1.3658566731331738</c:v>
                </c:pt>
                <c:pt idx="4787">
                  <c:v>1.6343584122961052</c:v>
                </c:pt>
                <c:pt idx="4788">
                  <c:v>1.6343584122961052</c:v>
                </c:pt>
                <c:pt idx="4789">
                  <c:v>1.0856809453109844</c:v>
                </c:pt>
                <c:pt idx="4790">
                  <c:v>1.6343584122961052</c:v>
                </c:pt>
                <c:pt idx="4791">
                  <c:v>1.6343584122961052</c:v>
                </c:pt>
                <c:pt idx="4792">
                  <c:v>0.96310406438877638</c:v>
                </c:pt>
                <c:pt idx="4793">
                  <c:v>0.411055938706264</c:v>
                </c:pt>
                <c:pt idx="4794">
                  <c:v>0.27129691954613416</c:v>
                </c:pt>
                <c:pt idx="4795">
                  <c:v>0.27129691954613416</c:v>
                </c:pt>
                <c:pt idx="4796">
                  <c:v>0.27129691954613416</c:v>
                </c:pt>
                <c:pt idx="4797">
                  <c:v>0.27129691954613416</c:v>
                </c:pt>
                <c:pt idx="4798">
                  <c:v>0.27129691954613416</c:v>
                </c:pt>
                <c:pt idx="4799">
                  <c:v>0.27129691954613416</c:v>
                </c:pt>
                <c:pt idx="4800">
                  <c:v>0.27689607298415475</c:v>
                </c:pt>
                <c:pt idx="4801">
                  <c:v>0.27689607298415475</c:v>
                </c:pt>
                <c:pt idx="4802">
                  <c:v>0.27689607298415475</c:v>
                </c:pt>
                <c:pt idx="4803">
                  <c:v>0.27689607298415475</c:v>
                </c:pt>
                <c:pt idx="4804">
                  <c:v>0.27689607298415475</c:v>
                </c:pt>
                <c:pt idx="4805">
                  <c:v>0.27689607298415475</c:v>
                </c:pt>
                <c:pt idx="4806">
                  <c:v>0.27689607298415475</c:v>
                </c:pt>
                <c:pt idx="4807">
                  <c:v>1.1319175831988626</c:v>
                </c:pt>
                <c:pt idx="4808">
                  <c:v>1.2629817244113626</c:v>
                </c:pt>
                <c:pt idx="4809">
                  <c:v>1.3940458656238626</c:v>
                </c:pt>
                <c:pt idx="4810">
                  <c:v>1.3940458656238626</c:v>
                </c:pt>
                <c:pt idx="4811">
                  <c:v>1.6680890699772715</c:v>
                </c:pt>
                <c:pt idx="4812">
                  <c:v>1.6680890699772715</c:v>
                </c:pt>
                <c:pt idx="4813">
                  <c:v>1.1080877393420445</c:v>
                </c:pt>
                <c:pt idx="4814">
                  <c:v>1.6680890699772715</c:v>
                </c:pt>
                <c:pt idx="4815">
                  <c:v>1.6680890699772715</c:v>
                </c:pt>
                <c:pt idx="4816">
                  <c:v>0.98298105909374922</c:v>
                </c:pt>
                <c:pt idx="4817">
                  <c:v>0.41953950452144656</c:v>
                </c:pt>
                <c:pt idx="4818">
                  <c:v>0.27689607298415475</c:v>
                </c:pt>
                <c:pt idx="4819">
                  <c:v>0.27689607298415475</c:v>
                </c:pt>
                <c:pt idx="4820">
                  <c:v>0.27689607298415475</c:v>
                </c:pt>
                <c:pt idx="4821">
                  <c:v>0.27689607298415475</c:v>
                </c:pt>
                <c:pt idx="4822">
                  <c:v>0.27689607298415475</c:v>
                </c:pt>
                <c:pt idx="4823">
                  <c:v>0.27689607298415475</c:v>
                </c:pt>
                <c:pt idx="4824">
                  <c:v>0.4301104259022257</c:v>
                </c:pt>
                <c:pt idx="4825">
                  <c:v>0.26067298539528838</c:v>
                </c:pt>
                <c:pt idx="4826">
                  <c:v>0.26067298539528838</c:v>
                </c:pt>
                <c:pt idx="4827">
                  <c:v>0.26067298539528838</c:v>
                </c:pt>
                <c:pt idx="4828">
                  <c:v>0.26067298539528838</c:v>
                </c:pt>
                <c:pt idx="4829">
                  <c:v>0.26067298539528838</c:v>
                </c:pt>
                <c:pt idx="4830">
                  <c:v>0.26067298539528838</c:v>
                </c:pt>
                <c:pt idx="4831">
                  <c:v>1.1104669177839281</c:v>
                </c:pt>
                <c:pt idx="4832">
                  <c:v>1.3880836472299103</c:v>
                </c:pt>
                <c:pt idx="4833">
                  <c:v>1.5268920119529013</c:v>
                </c:pt>
                <c:pt idx="4834">
                  <c:v>1.5268920119529013</c:v>
                </c:pt>
                <c:pt idx="4835">
                  <c:v>1.8045087413988834</c:v>
                </c:pt>
                <c:pt idx="4836">
                  <c:v>1.8045087413988834</c:v>
                </c:pt>
                <c:pt idx="4837">
                  <c:v>1.2492752825069191</c:v>
                </c:pt>
                <c:pt idx="4838">
                  <c:v>1.8045087413988834</c:v>
                </c:pt>
                <c:pt idx="4839">
                  <c:v>1.3880836472299103</c:v>
                </c:pt>
                <c:pt idx="4840">
                  <c:v>0.6516824634882209</c:v>
                </c:pt>
                <c:pt idx="4841">
                  <c:v>0.4301104259022257</c:v>
                </c:pt>
                <c:pt idx="4842">
                  <c:v>0.27370663466505274</c:v>
                </c:pt>
                <c:pt idx="4843">
                  <c:v>0.26067298539528838</c:v>
                </c:pt>
                <c:pt idx="4844">
                  <c:v>0.26067298539528838</c:v>
                </c:pt>
                <c:pt idx="4845">
                  <c:v>0.26067298539528838</c:v>
                </c:pt>
                <c:pt idx="4846">
                  <c:v>0.26067298539528838</c:v>
                </c:pt>
                <c:pt idx="4847">
                  <c:v>0.26067298539528838</c:v>
                </c:pt>
                <c:pt idx="4848">
                  <c:v>0.1197021341299896</c:v>
                </c:pt>
                <c:pt idx="4849">
                  <c:v>0.10773192071699064</c:v>
                </c:pt>
                <c:pt idx="4850">
                  <c:v>0.10773192071699064</c:v>
                </c:pt>
                <c:pt idx="4851">
                  <c:v>0.10773192071699064</c:v>
                </c:pt>
                <c:pt idx="4852">
                  <c:v>0.10773192071699064</c:v>
                </c:pt>
                <c:pt idx="4853">
                  <c:v>0.10773192071699064</c:v>
                </c:pt>
                <c:pt idx="4854">
                  <c:v>0.10773192071699064</c:v>
                </c:pt>
                <c:pt idx="4855">
                  <c:v>0.10773192071699064</c:v>
                </c:pt>
                <c:pt idx="4856">
                  <c:v>0.10773192071699064</c:v>
                </c:pt>
                <c:pt idx="4857">
                  <c:v>0.10773192071699064</c:v>
                </c:pt>
                <c:pt idx="4858">
                  <c:v>0.10773192071699064</c:v>
                </c:pt>
                <c:pt idx="4859">
                  <c:v>0.10773192071699064</c:v>
                </c:pt>
                <c:pt idx="4860">
                  <c:v>0.10773192071699064</c:v>
                </c:pt>
                <c:pt idx="4861">
                  <c:v>0.10773192071699064</c:v>
                </c:pt>
                <c:pt idx="4862">
                  <c:v>0.10773192071699064</c:v>
                </c:pt>
                <c:pt idx="4863">
                  <c:v>0.10773192071699064</c:v>
                </c:pt>
                <c:pt idx="4864">
                  <c:v>0.10773192071699064</c:v>
                </c:pt>
                <c:pt idx="4865">
                  <c:v>0.10773192071699064</c:v>
                </c:pt>
                <c:pt idx="4866">
                  <c:v>0.10773192071699064</c:v>
                </c:pt>
                <c:pt idx="4867">
                  <c:v>0.10773192071699064</c:v>
                </c:pt>
                <c:pt idx="4868">
                  <c:v>0.10773192071699064</c:v>
                </c:pt>
                <c:pt idx="4869">
                  <c:v>0.10773192071699064</c:v>
                </c:pt>
                <c:pt idx="4870">
                  <c:v>0.10773192071699064</c:v>
                </c:pt>
                <c:pt idx="4871">
                  <c:v>0.10773192071699064</c:v>
                </c:pt>
                <c:pt idx="4872">
                  <c:v>0.10759824529797263</c:v>
                </c:pt>
                <c:pt idx="4873">
                  <c:v>0.10759824529797263</c:v>
                </c:pt>
                <c:pt idx="4874">
                  <c:v>0.10759824529797263</c:v>
                </c:pt>
                <c:pt idx="4875">
                  <c:v>0.10759824529797263</c:v>
                </c:pt>
                <c:pt idx="4876">
                  <c:v>0.10759824529797263</c:v>
                </c:pt>
                <c:pt idx="4877">
                  <c:v>0.10759824529797263</c:v>
                </c:pt>
                <c:pt idx="4878">
                  <c:v>0.10759824529797263</c:v>
                </c:pt>
                <c:pt idx="4879">
                  <c:v>0.10759824529797263</c:v>
                </c:pt>
                <c:pt idx="4880">
                  <c:v>0.10759824529797263</c:v>
                </c:pt>
                <c:pt idx="4881">
                  <c:v>0.10759824529797263</c:v>
                </c:pt>
                <c:pt idx="4882">
                  <c:v>0.10759824529797263</c:v>
                </c:pt>
                <c:pt idx="4883">
                  <c:v>0.10759824529797263</c:v>
                </c:pt>
                <c:pt idx="4884">
                  <c:v>0.10759824529797263</c:v>
                </c:pt>
                <c:pt idx="4885">
                  <c:v>0.10759824529797263</c:v>
                </c:pt>
                <c:pt idx="4886">
                  <c:v>0.10759824529797263</c:v>
                </c:pt>
                <c:pt idx="4887">
                  <c:v>0.10759824529797263</c:v>
                </c:pt>
                <c:pt idx="4888">
                  <c:v>0.10759824529797263</c:v>
                </c:pt>
                <c:pt idx="4889">
                  <c:v>0.10759824529797263</c:v>
                </c:pt>
                <c:pt idx="4890">
                  <c:v>0.10759824529797263</c:v>
                </c:pt>
                <c:pt idx="4891">
                  <c:v>0.10759824529797263</c:v>
                </c:pt>
                <c:pt idx="4892">
                  <c:v>0.10759824529797263</c:v>
                </c:pt>
                <c:pt idx="4893">
                  <c:v>0.10759824529797263</c:v>
                </c:pt>
                <c:pt idx="4894">
                  <c:v>0.10759824529797263</c:v>
                </c:pt>
                <c:pt idx="4895">
                  <c:v>0.10759824529797263</c:v>
                </c:pt>
                <c:pt idx="4896">
                  <c:v>0.25990174994162996</c:v>
                </c:pt>
                <c:pt idx="4897">
                  <c:v>0.25990174994162996</c:v>
                </c:pt>
                <c:pt idx="4898">
                  <c:v>0.25990174994162996</c:v>
                </c:pt>
                <c:pt idx="4899">
                  <c:v>0.25990174994162996</c:v>
                </c:pt>
                <c:pt idx="4900">
                  <c:v>0.25990174994162996</c:v>
                </c:pt>
                <c:pt idx="4901">
                  <c:v>0.25990174994162996</c:v>
                </c:pt>
                <c:pt idx="4902">
                  <c:v>0.25990174994162996</c:v>
                </c:pt>
                <c:pt idx="4903">
                  <c:v>1.1071814547513437</c:v>
                </c:pt>
                <c:pt idx="4904">
                  <c:v>1.2455791365952615</c:v>
                </c:pt>
                <c:pt idx="4905">
                  <c:v>1.3839768184391796</c:v>
                </c:pt>
                <c:pt idx="4906">
                  <c:v>1.3839768184391796</c:v>
                </c:pt>
                <c:pt idx="4907">
                  <c:v>1.6607721821270152</c:v>
                </c:pt>
                <c:pt idx="4908">
                  <c:v>1.6607721821270152</c:v>
                </c:pt>
                <c:pt idx="4909">
                  <c:v>1.1071814547513437</c:v>
                </c:pt>
                <c:pt idx="4910">
                  <c:v>1.6607721821270152</c:v>
                </c:pt>
                <c:pt idx="4911">
                  <c:v>1.6607721821270152</c:v>
                </c:pt>
                <c:pt idx="4912">
                  <c:v>0.96878377290742557</c:v>
                </c:pt>
                <c:pt idx="4913">
                  <c:v>0.27679536368783592</c:v>
                </c:pt>
                <c:pt idx="4914">
                  <c:v>0.27289683743871146</c:v>
                </c:pt>
                <c:pt idx="4915">
                  <c:v>0.27289683743871146</c:v>
                </c:pt>
                <c:pt idx="4916">
                  <c:v>0.27289683743871146</c:v>
                </c:pt>
                <c:pt idx="4917">
                  <c:v>0.27289683743871146</c:v>
                </c:pt>
                <c:pt idx="4918">
                  <c:v>0.27289683743871146</c:v>
                </c:pt>
                <c:pt idx="4919">
                  <c:v>0.27289683743871146</c:v>
                </c:pt>
                <c:pt idx="4920">
                  <c:v>0.18287485477949966</c:v>
                </c:pt>
                <c:pt idx="4921">
                  <c:v>0.27866644537828522</c:v>
                </c:pt>
                <c:pt idx="4922">
                  <c:v>0.27866644537828522</c:v>
                </c:pt>
                <c:pt idx="4923">
                  <c:v>0.27866644537828522</c:v>
                </c:pt>
                <c:pt idx="4924">
                  <c:v>0.27866644537828522</c:v>
                </c:pt>
                <c:pt idx="4925">
                  <c:v>0.27866644537828522</c:v>
                </c:pt>
                <c:pt idx="4926">
                  <c:v>0.27866644537828522</c:v>
                </c:pt>
                <c:pt idx="4927">
                  <c:v>1.1747532337978335</c:v>
                </c:pt>
                <c:pt idx="4928">
                  <c:v>1.3107772924481089</c:v>
                </c:pt>
                <c:pt idx="4929">
                  <c:v>1.4468013510983846</c:v>
                </c:pt>
                <c:pt idx="4930">
                  <c:v>1.4468013510983846</c:v>
                </c:pt>
                <c:pt idx="4931">
                  <c:v>1.7312152919125967</c:v>
                </c:pt>
                <c:pt idx="4932">
                  <c:v>1.7312152919125967</c:v>
                </c:pt>
                <c:pt idx="4933">
                  <c:v>1.1500215867705106</c:v>
                </c:pt>
                <c:pt idx="4934">
                  <c:v>1.7312152919125967</c:v>
                </c:pt>
                <c:pt idx="4935">
                  <c:v>1.7312152919125967</c:v>
                </c:pt>
                <c:pt idx="4936">
                  <c:v>1.020180439877066</c:v>
                </c:pt>
                <c:pt idx="4937">
                  <c:v>0.43541632090357063</c:v>
                </c:pt>
                <c:pt idx="4938">
                  <c:v>0.28737477179635662</c:v>
                </c:pt>
                <c:pt idx="4939">
                  <c:v>0.28737477179635662</c:v>
                </c:pt>
                <c:pt idx="4940">
                  <c:v>0.28737477179635662</c:v>
                </c:pt>
                <c:pt idx="4941">
                  <c:v>0.28737477179635662</c:v>
                </c:pt>
                <c:pt idx="4942">
                  <c:v>0.28737477179635662</c:v>
                </c:pt>
                <c:pt idx="4943">
                  <c:v>0.28737477179635662</c:v>
                </c:pt>
                <c:pt idx="4944">
                  <c:v>0.29100593964796634</c:v>
                </c:pt>
                <c:pt idx="4945">
                  <c:v>0.29100593964796634</c:v>
                </c:pt>
                <c:pt idx="4946">
                  <c:v>0.29100593964796634</c:v>
                </c:pt>
                <c:pt idx="4947">
                  <c:v>0.29100593964796634</c:v>
                </c:pt>
                <c:pt idx="4948">
                  <c:v>0.29100593964796634</c:v>
                </c:pt>
                <c:pt idx="4949">
                  <c:v>0.29100593964796634</c:v>
                </c:pt>
                <c:pt idx="4950">
                  <c:v>0.29100593964796634</c:v>
                </c:pt>
                <c:pt idx="4951">
                  <c:v>1.1895970078336562</c:v>
                </c:pt>
                <c:pt idx="4952">
                  <c:v>1.3273398192670272</c:v>
                </c:pt>
                <c:pt idx="4953">
                  <c:v>1.4650826307003977</c:v>
                </c:pt>
                <c:pt idx="4954">
                  <c:v>1.4650826307003977</c:v>
                </c:pt>
                <c:pt idx="4955">
                  <c:v>1.7530903273338092</c:v>
                </c:pt>
                <c:pt idx="4956">
                  <c:v>1.7530903273338092</c:v>
                </c:pt>
                <c:pt idx="4957">
                  <c:v>1.1645528603003161</c:v>
                </c:pt>
                <c:pt idx="4958">
                  <c:v>1.7530903273338092</c:v>
                </c:pt>
                <c:pt idx="4959">
                  <c:v>1.7530903273338092</c:v>
                </c:pt>
                <c:pt idx="4960">
                  <c:v>1.0330710857502805</c:v>
                </c:pt>
                <c:pt idx="4961">
                  <c:v>0.44091809037570656</c:v>
                </c:pt>
                <c:pt idx="4962">
                  <c:v>0.29100593964796634</c:v>
                </c:pt>
                <c:pt idx="4963">
                  <c:v>0.29100593964796634</c:v>
                </c:pt>
                <c:pt idx="4964">
                  <c:v>0.29100593964796634</c:v>
                </c:pt>
                <c:pt idx="4965">
                  <c:v>0.29100593964796634</c:v>
                </c:pt>
                <c:pt idx="4966">
                  <c:v>0.29100593964796634</c:v>
                </c:pt>
                <c:pt idx="4967">
                  <c:v>0.29100593964796634</c:v>
                </c:pt>
                <c:pt idx="4968">
                  <c:v>0.28921421054779983</c:v>
                </c:pt>
                <c:pt idx="4969">
                  <c:v>0.28921421054779983</c:v>
                </c:pt>
                <c:pt idx="4970">
                  <c:v>0.28921421054779983</c:v>
                </c:pt>
                <c:pt idx="4971">
                  <c:v>0.28921421054779983</c:v>
                </c:pt>
                <c:pt idx="4972">
                  <c:v>0.28921421054779983</c:v>
                </c:pt>
                <c:pt idx="4973">
                  <c:v>0.28921421054779983</c:v>
                </c:pt>
                <c:pt idx="4974">
                  <c:v>0.28921421054779983</c:v>
                </c:pt>
                <c:pt idx="4975">
                  <c:v>1.1822726364514604</c:v>
                </c:pt>
                <c:pt idx="4976">
                  <c:v>1.319167362777419</c:v>
                </c:pt>
                <c:pt idx="4977">
                  <c:v>1.4560620891033775</c:v>
                </c:pt>
                <c:pt idx="4978">
                  <c:v>1.4560620891033775</c:v>
                </c:pt>
                <c:pt idx="4979">
                  <c:v>1.742296516875836</c:v>
                </c:pt>
                <c:pt idx="4980">
                  <c:v>1.742296516875836</c:v>
                </c:pt>
                <c:pt idx="4981">
                  <c:v>1.1573826862103769</c:v>
                </c:pt>
                <c:pt idx="4982">
                  <c:v>1.742296516875836</c:v>
                </c:pt>
                <c:pt idx="4983">
                  <c:v>1.742296516875836</c:v>
                </c:pt>
                <c:pt idx="4984">
                  <c:v>1.0267104474446891</c:v>
                </c:pt>
                <c:pt idx="4985">
                  <c:v>0.43820334931484822</c:v>
                </c:pt>
                <c:pt idx="4986">
                  <c:v>0.28921421054779983</c:v>
                </c:pt>
                <c:pt idx="4987">
                  <c:v>0.28921421054779983</c:v>
                </c:pt>
                <c:pt idx="4988">
                  <c:v>0.28921421054779983</c:v>
                </c:pt>
                <c:pt idx="4989">
                  <c:v>0.28921421054779983</c:v>
                </c:pt>
                <c:pt idx="4990">
                  <c:v>0.28921421054779983</c:v>
                </c:pt>
                <c:pt idx="4991">
                  <c:v>0.28921421054779983</c:v>
                </c:pt>
                <c:pt idx="4992">
                  <c:v>0.42702923419067801</c:v>
                </c:pt>
                <c:pt idx="4993">
                  <c:v>0.25880559647919876</c:v>
                </c:pt>
                <c:pt idx="4994">
                  <c:v>0.25880559647919876</c:v>
                </c:pt>
                <c:pt idx="4995">
                  <c:v>0.25880559647919876</c:v>
                </c:pt>
                <c:pt idx="4996">
                  <c:v>0.25880559647919876</c:v>
                </c:pt>
                <c:pt idx="4997">
                  <c:v>0.25880559647919876</c:v>
                </c:pt>
                <c:pt idx="4998">
                  <c:v>0.25880559647919876</c:v>
                </c:pt>
                <c:pt idx="4999">
                  <c:v>1.1025118410013868</c:v>
                </c:pt>
                <c:pt idx="5000">
                  <c:v>1.3781398012517332</c:v>
                </c:pt>
                <c:pt idx="5001">
                  <c:v>1.5159537813769066</c:v>
                </c:pt>
                <c:pt idx="5002">
                  <c:v>1.5159537813769066</c:v>
                </c:pt>
                <c:pt idx="5003">
                  <c:v>1.7915817416272535</c:v>
                </c:pt>
                <c:pt idx="5004">
                  <c:v>1.7915817416272535</c:v>
                </c:pt>
                <c:pt idx="5005">
                  <c:v>1.24032582112656</c:v>
                </c:pt>
                <c:pt idx="5006">
                  <c:v>1.7915817416272535</c:v>
                </c:pt>
                <c:pt idx="5007">
                  <c:v>1.3781398012517332</c:v>
                </c:pt>
                <c:pt idx="5008">
                  <c:v>0.64701399119799685</c:v>
                </c:pt>
                <c:pt idx="5009">
                  <c:v>0.42702923419067801</c:v>
                </c:pt>
                <c:pt idx="5010">
                  <c:v>0.27174587630315866</c:v>
                </c:pt>
                <c:pt idx="5011">
                  <c:v>0.25880559647919876</c:v>
                </c:pt>
                <c:pt idx="5012">
                  <c:v>0.25880559647919876</c:v>
                </c:pt>
                <c:pt idx="5013">
                  <c:v>0.25880559647919876</c:v>
                </c:pt>
                <c:pt idx="5014">
                  <c:v>0.25880559647919876</c:v>
                </c:pt>
                <c:pt idx="5015">
                  <c:v>0.25880559647919876</c:v>
                </c:pt>
                <c:pt idx="5016">
                  <c:v>0.1187969421637996</c:v>
                </c:pt>
                <c:pt idx="5017">
                  <c:v>0.10691724794741964</c:v>
                </c:pt>
                <c:pt idx="5018">
                  <c:v>0.10691724794741964</c:v>
                </c:pt>
                <c:pt idx="5019">
                  <c:v>0.10691724794741964</c:v>
                </c:pt>
                <c:pt idx="5020">
                  <c:v>0.10691724794741964</c:v>
                </c:pt>
                <c:pt idx="5021">
                  <c:v>0.10691724794741964</c:v>
                </c:pt>
                <c:pt idx="5022">
                  <c:v>0.10691724794741964</c:v>
                </c:pt>
                <c:pt idx="5023">
                  <c:v>0.10691724794741964</c:v>
                </c:pt>
                <c:pt idx="5024">
                  <c:v>0.10691724794741964</c:v>
                </c:pt>
                <c:pt idx="5025">
                  <c:v>0.10691724794741964</c:v>
                </c:pt>
                <c:pt idx="5026">
                  <c:v>0.10691724794741964</c:v>
                </c:pt>
                <c:pt idx="5027">
                  <c:v>0.10691724794741964</c:v>
                </c:pt>
                <c:pt idx="5028">
                  <c:v>0.10691724794741964</c:v>
                </c:pt>
                <c:pt idx="5029">
                  <c:v>0.10691724794741964</c:v>
                </c:pt>
                <c:pt idx="5030">
                  <c:v>0.10691724794741964</c:v>
                </c:pt>
                <c:pt idx="5031">
                  <c:v>0.10691724794741964</c:v>
                </c:pt>
                <c:pt idx="5032">
                  <c:v>0.10691724794741964</c:v>
                </c:pt>
                <c:pt idx="5033">
                  <c:v>0.10691724794741964</c:v>
                </c:pt>
                <c:pt idx="5034">
                  <c:v>0.10691724794741964</c:v>
                </c:pt>
                <c:pt idx="5035">
                  <c:v>0.10691724794741964</c:v>
                </c:pt>
                <c:pt idx="5036">
                  <c:v>0.10691724794741964</c:v>
                </c:pt>
                <c:pt idx="5037">
                  <c:v>0.10691724794741964</c:v>
                </c:pt>
                <c:pt idx="5038">
                  <c:v>0.10691724794741964</c:v>
                </c:pt>
                <c:pt idx="5039">
                  <c:v>0.10691724794741964</c:v>
                </c:pt>
                <c:pt idx="5040">
                  <c:v>0.10830508364581382</c:v>
                </c:pt>
                <c:pt idx="5041">
                  <c:v>0.10830508364581382</c:v>
                </c:pt>
                <c:pt idx="5042">
                  <c:v>0.10830508364581382</c:v>
                </c:pt>
                <c:pt idx="5043">
                  <c:v>0.10830508364581382</c:v>
                </c:pt>
                <c:pt idx="5044">
                  <c:v>0.10830508364581382</c:v>
                </c:pt>
                <c:pt idx="5045">
                  <c:v>0.10830508364581382</c:v>
                </c:pt>
                <c:pt idx="5046">
                  <c:v>0.10830508364581382</c:v>
                </c:pt>
                <c:pt idx="5047">
                  <c:v>0.10830508364581382</c:v>
                </c:pt>
                <c:pt idx="5048">
                  <c:v>0.10830508364581382</c:v>
                </c:pt>
                <c:pt idx="5049">
                  <c:v>0.10830508364581382</c:v>
                </c:pt>
                <c:pt idx="5050">
                  <c:v>0.10830508364581382</c:v>
                </c:pt>
                <c:pt idx="5051">
                  <c:v>0.10830508364581382</c:v>
                </c:pt>
                <c:pt idx="5052">
                  <c:v>0.10830508364581382</c:v>
                </c:pt>
                <c:pt idx="5053">
                  <c:v>0.10830508364581382</c:v>
                </c:pt>
                <c:pt idx="5054">
                  <c:v>0.10830508364581382</c:v>
                </c:pt>
                <c:pt idx="5055">
                  <c:v>0.10830508364581382</c:v>
                </c:pt>
                <c:pt idx="5056">
                  <c:v>0.10830508364581382</c:v>
                </c:pt>
                <c:pt idx="5057">
                  <c:v>0.10830508364581382</c:v>
                </c:pt>
                <c:pt idx="5058">
                  <c:v>0.10830508364581382</c:v>
                </c:pt>
                <c:pt idx="5059">
                  <c:v>0.10830508364581382</c:v>
                </c:pt>
                <c:pt idx="5060">
                  <c:v>0.10830508364581382</c:v>
                </c:pt>
                <c:pt idx="5061">
                  <c:v>0.10830508364581382</c:v>
                </c:pt>
                <c:pt idx="5062">
                  <c:v>0.10830508364581382</c:v>
                </c:pt>
                <c:pt idx="5063">
                  <c:v>0.10830508364581382</c:v>
                </c:pt>
                <c:pt idx="5064">
                  <c:v>0.27107726869140286</c:v>
                </c:pt>
                <c:pt idx="5065">
                  <c:v>0.27107726869140286</c:v>
                </c:pt>
                <c:pt idx="5066">
                  <c:v>0.27107726869140286</c:v>
                </c:pt>
                <c:pt idx="5067">
                  <c:v>0.27107726869140286</c:v>
                </c:pt>
                <c:pt idx="5068">
                  <c:v>0.27107726869140286</c:v>
                </c:pt>
                <c:pt idx="5069">
                  <c:v>0.27107726869140286</c:v>
                </c:pt>
                <c:pt idx="5070">
                  <c:v>0.27107726869140286</c:v>
                </c:pt>
                <c:pt idx="5071">
                  <c:v>1.1547891646253761</c:v>
                </c:pt>
                <c:pt idx="5072">
                  <c:v>1.299137810203548</c:v>
                </c:pt>
                <c:pt idx="5073">
                  <c:v>1.4434864557817202</c:v>
                </c:pt>
                <c:pt idx="5074">
                  <c:v>1.4434864557817202</c:v>
                </c:pt>
                <c:pt idx="5075">
                  <c:v>1.7321837469380641</c:v>
                </c:pt>
                <c:pt idx="5076">
                  <c:v>1.7321837469380641</c:v>
                </c:pt>
                <c:pt idx="5077">
                  <c:v>1.1547891646253761</c:v>
                </c:pt>
                <c:pt idx="5078">
                  <c:v>1.7321837469380641</c:v>
                </c:pt>
                <c:pt idx="5079">
                  <c:v>1.7321837469380641</c:v>
                </c:pt>
                <c:pt idx="5080">
                  <c:v>1.0104405190472039</c:v>
                </c:pt>
                <c:pt idx="5081">
                  <c:v>0.28869729115634402</c:v>
                </c:pt>
                <c:pt idx="5082">
                  <c:v>0.28463113212597302</c:v>
                </c:pt>
                <c:pt idx="5083">
                  <c:v>0.28463113212597302</c:v>
                </c:pt>
                <c:pt idx="5084">
                  <c:v>0.28463113212597302</c:v>
                </c:pt>
                <c:pt idx="5085">
                  <c:v>0.28463113212597302</c:v>
                </c:pt>
                <c:pt idx="5086">
                  <c:v>0.28463113212597302</c:v>
                </c:pt>
                <c:pt idx="5087">
                  <c:v>0.28463113212597302</c:v>
                </c:pt>
                <c:pt idx="5088">
                  <c:v>0.1833060515046662</c:v>
                </c:pt>
                <c:pt idx="5089">
                  <c:v>0.27932350705472953</c:v>
                </c:pt>
                <c:pt idx="5090">
                  <c:v>0.27932350705472953</c:v>
                </c:pt>
                <c:pt idx="5091">
                  <c:v>0.27932350705472953</c:v>
                </c:pt>
                <c:pt idx="5092">
                  <c:v>0.27932350705472953</c:v>
                </c:pt>
                <c:pt idx="5093">
                  <c:v>0.27932350705472953</c:v>
                </c:pt>
                <c:pt idx="5094">
                  <c:v>0.27932350705472953</c:v>
                </c:pt>
                <c:pt idx="5095">
                  <c:v>1.1775231594275937</c:v>
                </c:pt>
                <c:pt idx="5096">
                  <c:v>1.3138679463086838</c:v>
                </c:pt>
                <c:pt idx="5097">
                  <c:v>1.4502127331897736</c:v>
                </c:pt>
                <c:pt idx="5098">
                  <c:v>1.4502127331897736</c:v>
                </c:pt>
                <c:pt idx="5099">
                  <c:v>1.735297287577507</c:v>
                </c:pt>
                <c:pt idx="5100">
                  <c:v>1.735297287577507</c:v>
                </c:pt>
                <c:pt idx="5101">
                  <c:v>1.1527331981764866</c:v>
                </c:pt>
                <c:pt idx="5102">
                  <c:v>1.735297287577507</c:v>
                </c:pt>
                <c:pt idx="5103">
                  <c:v>1.735297287577507</c:v>
                </c:pt>
                <c:pt idx="5104">
                  <c:v>1.0225859016081735</c:v>
                </c:pt>
                <c:pt idx="5105">
                  <c:v>0.43644297977301477</c:v>
                </c:pt>
                <c:pt idx="5106">
                  <c:v>0.2880523666501898</c:v>
                </c:pt>
                <c:pt idx="5107">
                  <c:v>0.2880523666501898</c:v>
                </c:pt>
                <c:pt idx="5108">
                  <c:v>0.2880523666501898</c:v>
                </c:pt>
                <c:pt idx="5109">
                  <c:v>0.2880523666501898</c:v>
                </c:pt>
                <c:pt idx="5110">
                  <c:v>0.2880523666501898</c:v>
                </c:pt>
                <c:pt idx="5111">
                  <c:v>0.2880523666501898</c:v>
                </c:pt>
                <c:pt idx="5112">
                  <c:v>0.28316712483473766</c:v>
                </c:pt>
                <c:pt idx="5113">
                  <c:v>0.28316712483473766</c:v>
                </c:pt>
                <c:pt idx="5114">
                  <c:v>0.28316712483473766</c:v>
                </c:pt>
                <c:pt idx="5115">
                  <c:v>0.28316712483473766</c:v>
                </c:pt>
                <c:pt idx="5116">
                  <c:v>0.28316712483473766</c:v>
                </c:pt>
                <c:pt idx="5117">
                  <c:v>0.28316712483473766</c:v>
                </c:pt>
                <c:pt idx="5118">
                  <c:v>0.28316712483473766</c:v>
                </c:pt>
                <c:pt idx="5119">
                  <c:v>1.1575528830365489</c:v>
                </c:pt>
                <c:pt idx="5120">
                  <c:v>1.2915853221249913</c:v>
                </c:pt>
                <c:pt idx="5121">
                  <c:v>1.425617761213434</c:v>
                </c:pt>
                <c:pt idx="5122">
                  <c:v>1.425617761213434</c:v>
                </c:pt>
                <c:pt idx="5123">
                  <c:v>1.7058674065801773</c:v>
                </c:pt>
                <c:pt idx="5124">
                  <c:v>1.7058674065801773</c:v>
                </c:pt>
                <c:pt idx="5125">
                  <c:v>1.1331833486568319</c:v>
                </c:pt>
                <c:pt idx="5126">
                  <c:v>1.7058674065801773</c:v>
                </c:pt>
                <c:pt idx="5127">
                  <c:v>1.7058674065801773</c:v>
                </c:pt>
                <c:pt idx="5128">
                  <c:v>1.0052432931633188</c:v>
                </c:pt>
                <c:pt idx="5129">
                  <c:v>0.42904109823445102</c:v>
                </c:pt>
                <c:pt idx="5130">
                  <c:v>0.28316712483473766</c:v>
                </c:pt>
                <c:pt idx="5131">
                  <c:v>0.28316712483473766</c:v>
                </c:pt>
                <c:pt idx="5132">
                  <c:v>0.28316712483473766</c:v>
                </c:pt>
                <c:pt idx="5133">
                  <c:v>0.28316712483473766</c:v>
                </c:pt>
                <c:pt idx="5134">
                  <c:v>0.28316712483473766</c:v>
                </c:pt>
                <c:pt idx="5135">
                  <c:v>0.28316712483473766</c:v>
                </c:pt>
                <c:pt idx="5136">
                  <c:v>0.28339109097225845</c:v>
                </c:pt>
                <c:pt idx="5137">
                  <c:v>0.28339109097225845</c:v>
                </c:pt>
                <c:pt idx="5138">
                  <c:v>0.28339109097225845</c:v>
                </c:pt>
                <c:pt idx="5139">
                  <c:v>0.28339109097225845</c:v>
                </c:pt>
                <c:pt idx="5140">
                  <c:v>0.28339109097225845</c:v>
                </c:pt>
                <c:pt idx="5141">
                  <c:v>0.28339109097225845</c:v>
                </c:pt>
                <c:pt idx="5142">
                  <c:v>0.28339109097225845</c:v>
                </c:pt>
                <c:pt idx="5143">
                  <c:v>1.158468429459323</c:v>
                </c:pt>
                <c:pt idx="5144">
                  <c:v>1.2926068791861924</c:v>
                </c:pt>
                <c:pt idx="5145">
                  <c:v>1.4267453289130612</c:v>
                </c:pt>
                <c:pt idx="5146">
                  <c:v>1.4267453289130612</c:v>
                </c:pt>
                <c:pt idx="5147">
                  <c:v>1.7072166328874236</c:v>
                </c:pt>
                <c:pt idx="5148">
                  <c:v>1.7072166328874236</c:v>
                </c:pt>
                <c:pt idx="5149">
                  <c:v>1.1340796204180743</c:v>
                </c:pt>
                <c:pt idx="5150">
                  <c:v>1.7072166328874236</c:v>
                </c:pt>
                <c:pt idx="5151">
                  <c:v>1.7072166328874236</c:v>
                </c:pt>
                <c:pt idx="5152">
                  <c:v>1.0060383729515174</c:v>
                </c:pt>
                <c:pt idx="5153">
                  <c:v>0.42938044086705829</c:v>
                </c:pt>
                <c:pt idx="5154">
                  <c:v>0.28339109097225845</c:v>
                </c:pt>
                <c:pt idx="5155">
                  <c:v>0.28339109097225845</c:v>
                </c:pt>
                <c:pt idx="5156">
                  <c:v>0.28339109097225845</c:v>
                </c:pt>
                <c:pt idx="5157">
                  <c:v>0.28339109097225845</c:v>
                </c:pt>
                <c:pt idx="5158">
                  <c:v>0.28339109097225845</c:v>
                </c:pt>
                <c:pt idx="5159">
                  <c:v>0.28339109097225845</c:v>
                </c:pt>
                <c:pt idx="5160">
                  <c:v>0.44483167519073119</c:v>
                </c:pt>
                <c:pt idx="5161">
                  <c:v>0.26959495466104921</c:v>
                </c:pt>
                <c:pt idx="5162">
                  <c:v>0.26959495466104921</c:v>
                </c:pt>
                <c:pt idx="5163">
                  <c:v>0.26959495466104921</c:v>
                </c:pt>
                <c:pt idx="5164">
                  <c:v>0.26959495466104921</c:v>
                </c:pt>
                <c:pt idx="5165">
                  <c:v>0.26959495466104921</c:v>
                </c:pt>
                <c:pt idx="5166">
                  <c:v>0.26959495466104921</c:v>
                </c:pt>
                <c:pt idx="5167">
                  <c:v>1.1484745068560698</c:v>
                </c:pt>
                <c:pt idx="5168">
                  <c:v>1.4355931335700871</c:v>
                </c:pt>
                <c:pt idx="5169">
                  <c:v>1.5791524469270957</c:v>
                </c:pt>
                <c:pt idx="5170">
                  <c:v>1.5791524469270957</c:v>
                </c:pt>
                <c:pt idx="5171">
                  <c:v>1.8662710736411132</c:v>
                </c:pt>
                <c:pt idx="5172">
                  <c:v>1.8662710736411132</c:v>
                </c:pt>
                <c:pt idx="5173">
                  <c:v>1.2920338202130783</c:v>
                </c:pt>
                <c:pt idx="5174">
                  <c:v>1.8662710736411132</c:v>
                </c:pt>
                <c:pt idx="5175">
                  <c:v>1.4355931335700871</c:v>
                </c:pt>
                <c:pt idx="5176">
                  <c:v>0.67398738665262303</c:v>
                </c:pt>
                <c:pt idx="5177">
                  <c:v>0.44483167519073119</c:v>
                </c:pt>
                <c:pt idx="5178">
                  <c:v>0.28307470239410165</c:v>
                </c:pt>
                <c:pt idx="5179">
                  <c:v>0.26959495466104921</c:v>
                </c:pt>
                <c:pt idx="5180">
                  <c:v>0.26959495466104921</c:v>
                </c:pt>
                <c:pt idx="5181">
                  <c:v>0.26959495466104921</c:v>
                </c:pt>
                <c:pt idx="5182">
                  <c:v>0.26959495466104921</c:v>
                </c:pt>
                <c:pt idx="5183">
                  <c:v>0.26959495466104921</c:v>
                </c:pt>
                <c:pt idx="5184">
                  <c:v>0.12192396895609228</c:v>
                </c:pt>
                <c:pt idx="5185">
                  <c:v>0.10973157206048305</c:v>
                </c:pt>
                <c:pt idx="5186">
                  <c:v>0.10973157206048305</c:v>
                </c:pt>
                <c:pt idx="5187">
                  <c:v>0.10973157206048305</c:v>
                </c:pt>
                <c:pt idx="5188">
                  <c:v>0.10973157206048305</c:v>
                </c:pt>
                <c:pt idx="5189">
                  <c:v>0.10973157206048305</c:v>
                </c:pt>
                <c:pt idx="5190">
                  <c:v>0.10973157206048305</c:v>
                </c:pt>
                <c:pt idx="5191">
                  <c:v>0.10973157206048305</c:v>
                </c:pt>
                <c:pt idx="5192">
                  <c:v>0.10973157206048305</c:v>
                </c:pt>
                <c:pt idx="5193">
                  <c:v>0.10973157206048305</c:v>
                </c:pt>
                <c:pt idx="5194">
                  <c:v>0.10973157206048305</c:v>
                </c:pt>
                <c:pt idx="5195">
                  <c:v>0.10973157206048305</c:v>
                </c:pt>
                <c:pt idx="5196">
                  <c:v>0.10973157206048305</c:v>
                </c:pt>
                <c:pt idx="5197">
                  <c:v>0.10973157206048305</c:v>
                </c:pt>
                <c:pt idx="5198">
                  <c:v>0.10973157206048305</c:v>
                </c:pt>
                <c:pt idx="5199">
                  <c:v>0.10973157206048305</c:v>
                </c:pt>
                <c:pt idx="5200">
                  <c:v>0.10973157206048305</c:v>
                </c:pt>
                <c:pt idx="5201">
                  <c:v>0.10973157206048305</c:v>
                </c:pt>
                <c:pt idx="5202">
                  <c:v>0.10973157206048305</c:v>
                </c:pt>
                <c:pt idx="5203">
                  <c:v>0.10973157206048305</c:v>
                </c:pt>
                <c:pt idx="5204">
                  <c:v>0.10973157206048305</c:v>
                </c:pt>
                <c:pt idx="5205">
                  <c:v>0.10973157206048305</c:v>
                </c:pt>
                <c:pt idx="5206">
                  <c:v>0.10973157206048305</c:v>
                </c:pt>
                <c:pt idx="5207">
                  <c:v>0.10973157206048305</c:v>
                </c:pt>
                <c:pt idx="5208">
                  <c:v>0.11053720474425954</c:v>
                </c:pt>
                <c:pt idx="5209">
                  <c:v>0.11053720474425954</c:v>
                </c:pt>
                <c:pt idx="5210">
                  <c:v>0.11053720474425954</c:v>
                </c:pt>
                <c:pt idx="5211">
                  <c:v>0.11053720474425954</c:v>
                </c:pt>
                <c:pt idx="5212">
                  <c:v>0.11053720474425954</c:v>
                </c:pt>
                <c:pt idx="5213">
                  <c:v>0.11053720474425954</c:v>
                </c:pt>
                <c:pt idx="5214">
                  <c:v>0.11053720474425954</c:v>
                </c:pt>
                <c:pt idx="5215">
                  <c:v>0.11053720474425954</c:v>
                </c:pt>
                <c:pt idx="5216">
                  <c:v>0.11053720474425954</c:v>
                </c:pt>
                <c:pt idx="5217">
                  <c:v>0.11053720474425954</c:v>
                </c:pt>
                <c:pt idx="5218">
                  <c:v>0.11053720474425954</c:v>
                </c:pt>
                <c:pt idx="5219">
                  <c:v>0.11053720474425954</c:v>
                </c:pt>
                <c:pt idx="5220">
                  <c:v>0.11053720474425954</c:v>
                </c:pt>
                <c:pt idx="5221">
                  <c:v>0.11053720474425954</c:v>
                </c:pt>
                <c:pt idx="5222">
                  <c:v>0.11053720474425954</c:v>
                </c:pt>
                <c:pt idx="5223">
                  <c:v>0.11053720474425954</c:v>
                </c:pt>
                <c:pt idx="5224">
                  <c:v>0.11053720474425954</c:v>
                </c:pt>
                <c:pt idx="5225">
                  <c:v>0.11053720474425954</c:v>
                </c:pt>
                <c:pt idx="5226">
                  <c:v>0.11053720474425954</c:v>
                </c:pt>
                <c:pt idx="5227">
                  <c:v>0.11053720474425954</c:v>
                </c:pt>
                <c:pt idx="5228">
                  <c:v>0.11053720474425954</c:v>
                </c:pt>
                <c:pt idx="5229">
                  <c:v>0.11053720474425954</c:v>
                </c:pt>
                <c:pt idx="5230">
                  <c:v>0.11053720474425954</c:v>
                </c:pt>
                <c:pt idx="5231">
                  <c:v>0.11053720474425954</c:v>
                </c:pt>
                <c:pt idx="5232">
                  <c:v>0.28784054681606219</c:v>
                </c:pt>
                <c:pt idx="5233">
                  <c:v>0.28784054681606219</c:v>
                </c:pt>
                <c:pt idx="5234">
                  <c:v>0.28784054681606219</c:v>
                </c:pt>
                <c:pt idx="5235">
                  <c:v>0.28784054681606219</c:v>
                </c:pt>
                <c:pt idx="5236">
                  <c:v>0.28784054681606219</c:v>
                </c:pt>
                <c:pt idx="5237">
                  <c:v>0.28784054681606219</c:v>
                </c:pt>
                <c:pt idx="5238">
                  <c:v>0.28784054681606219</c:v>
                </c:pt>
                <c:pt idx="5239">
                  <c:v>1.2262007294364248</c:v>
                </c:pt>
                <c:pt idx="5240">
                  <c:v>1.3794758206159781</c:v>
                </c:pt>
                <c:pt idx="5241">
                  <c:v>1.5327509117955311</c:v>
                </c:pt>
                <c:pt idx="5242">
                  <c:v>1.5327509117955311</c:v>
                </c:pt>
                <c:pt idx="5243">
                  <c:v>1.8393010941546373</c:v>
                </c:pt>
                <c:pt idx="5244">
                  <c:v>1.8393010941546373</c:v>
                </c:pt>
                <c:pt idx="5245">
                  <c:v>1.2262007294364248</c:v>
                </c:pt>
                <c:pt idx="5246">
                  <c:v>1.8393010941546373</c:v>
                </c:pt>
                <c:pt idx="5247">
                  <c:v>1.8393010941546373</c:v>
                </c:pt>
                <c:pt idx="5248">
                  <c:v>1.0729256382568715</c:v>
                </c:pt>
                <c:pt idx="5249">
                  <c:v>0.30655018235910619</c:v>
                </c:pt>
                <c:pt idx="5250">
                  <c:v>0.30223257415686527</c:v>
                </c:pt>
                <c:pt idx="5251">
                  <c:v>0.30223257415686527</c:v>
                </c:pt>
                <c:pt idx="5252">
                  <c:v>0.30223257415686527</c:v>
                </c:pt>
                <c:pt idx="5253">
                  <c:v>0.30223257415686527</c:v>
                </c:pt>
                <c:pt idx="5254">
                  <c:v>0.30223257415686527</c:v>
                </c:pt>
                <c:pt idx="5255">
                  <c:v>0.30223257415686527</c:v>
                </c:pt>
                <c:pt idx="5256">
                  <c:v>0.18718682203116491</c:v>
                </c:pt>
                <c:pt idx="5257">
                  <c:v>0.28523706214272748</c:v>
                </c:pt>
                <c:pt idx="5258">
                  <c:v>0.28523706214272748</c:v>
                </c:pt>
                <c:pt idx="5259">
                  <c:v>0.28523706214272748</c:v>
                </c:pt>
                <c:pt idx="5260">
                  <c:v>0.28523706214272748</c:v>
                </c:pt>
                <c:pt idx="5261">
                  <c:v>0.28523706214272748</c:v>
                </c:pt>
                <c:pt idx="5262">
                  <c:v>0.28523706214272748</c:v>
                </c:pt>
                <c:pt idx="5263">
                  <c:v>1.2024524900954352</c:v>
                </c:pt>
                <c:pt idx="5264">
                  <c:v>1.3416838310538544</c:v>
                </c:pt>
                <c:pt idx="5265">
                  <c:v>1.4809151720122733</c:v>
                </c:pt>
                <c:pt idx="5266">
                  <c:v>1.4809151720122733</c:v>
                </c:pt>
                <c:pt idx="5267">
                  <c:v>1.7720352485616941</c:v>
                </c:pt>
                <c:pt idx="5268">
                  <c:v>1.7720352485616941</c:v>
                </c:pt>
                <c:pt idx="5269">
                  <c:v>1.1771377008302681</c:v>
                </c:pt>
                <c:pt idx="5270">
                  <c:v>1.7720352485616941</c:v>
                </c:pt>
                <c:pt idx="5271">
                  <c:v>1.7720352485616941</c:v>
                </c:pt>
                <c:pt idx="5272">
                  <c:v>1.0442350571881411</c:v>
                </c:pt>
                <c:pt idx="5273">
                  <c:v>0.44568290959801166</c:v>
                </c:pt>
                <c:pt idx="5274">
                  <c:v>0.2941507203346877</c:v>
                </c:pt>
                <c:pt idx="5275">
                  <c:v>0.2941507203346877</c:v>
                </c:pt>
                <c:pt idx="5276">
                  <c:v>0.2941507203346877</c:v>
                </c:pt>
                <c:pt idx="5277">
                  <c:v>0.2941507203346877</c:v>
                </c:pt>
                <c:pt idx="5278">
                  <c:v>0.2941507203346877</c:v>
                </c:pt>
                <c:pt idx="5279">
                  <c:v>0.2941507203346877</c:v>
                </c:pt>
                <c:pt idx="5280">
                  <c:v>0.29324560102317454</c:v>
                </c:pt>
                <c:pt idx="5281">
                  <c:v>0.29324560102317454</c:v>
                </c:pt>
                <c:pt idx="5282">
                  <c:v>0.29324560102317454</c:v>
                </c:pt>
                <c:pt idx="5283">
                  <c:v>0.29324560102317454</c:v>
                </c:pt>
                <c:pt idx="5284">
                  <c:v>0.29324560102317454</c:v>
                </c:pt>
                <c:pt idx="5285">
                  <c:v>0.29324560102317454</c:v>
                </c:pt>
                <c:pt idx="5286">
                  <c:v>0.29324560102317454</c:v>
                </c:pt>
                <c:pt idx="5287">
                  <c:v>1.1987524720614013</c:v>
                </c:pt>
                <c:pt idx="5288">
                  <c:v>1.3375553898790373</c:v>
                </c:pt>
                <c:pt idx="5289">
                  <c:v>1.4763583076966733</c:v>
                </c:pt>
                <c:pt idx="5290">
                  <c:v>1.4763583076966733</c:v>
                </c:pt>
                <c:pt idx="5291">
                  <c:v>1.7665825904062755</c:v>
                </c:pt>
                <c:pt idx="5292">
                  <c:v>1.7665825904062755</c:v>
                </c:pt>
                <c:pt idx="5293">
                  <c:v>1.1735155779127402</c:v>
                </c:pt>
                <c:pt idx="5294">
                  <c:v>1.7665825904062755</c:v>
                </c:pt>
                <c:pt idx="5295">
                  <c:v>1.7665825904062755</c:v>
                </c:pt>
                <c:pt idx="5296">
                  <c:v>1.0410218836322696</c:v>
                </c:pt>
                <c:pt idx="5297">
                  <c:v>0.4443115167017796</c:v>
                </c:pt>
                <c:pt idx="5298">
                  <c:v>0.29324560102317454</c:v>
                </c:pt>
                <c:pt idx="5299">
                  <c:v>0.29324560102317454</c:v>
                </c:pt>
                <c:pt idx="5300">
                  <c:v>0.29324560102317454</c:v>
                </c:pt>
                <c:pt idx="5301">
                  <c:v>0.29324560102317454</c:v>
                </c:pt>
                <c:pt idx="5302">
                  <c:v>0.29324560102317454</c:v>
                </c:pt>
                <c:pt idx="5303">
                  <c:v>0.29324560102317454</c:v>
                </c:pt>
                <c:pt idx="5304">
                  <c:v>0.29302163488565375</c:v>
                </c:pt>
                <c:pt idx="5305">
                  <c:v>0.29302163488565375</c:v>
                </c:pt>
                <c:pt idx="5306">
                  <c:v>0.29302163488565375</c:v>
                </c:pt>
                <c:pt idx="5307">
                  <c:v>0.29302163488565375</c:v>
                </c:pt>
                <c:pt idx="5308">
                  <c:v>0.29302163488565375</c:v>
                </c:pt>
                <c:pt idx="5309">
                  <c:v>0.29302163488565375</c:v>
                </c:pt>
                <c:pt idx="5310">
                  <c:v>0.29302163488565375</c:v>
                </c:pt>
                <c:pt idx="5311">
                  <c:v>1.197836925638627</c:v>
                </c:pt>
                <c:pt idx="5312">
                  <c:v>1.3365338328178364</c:v>
                </c:pt>
                <c:pt idx="5313">
                  <c:v>1.4752307399970461</c:v>
                </c:pt>
                <c:pt idx="5314">
                  <c:v>1.4752307399970461</c:v>
                </c:pt>
                <c:pt idx="5315">
                  <c:v>1.7652333640990292</c:v>
                </c:pt>
                <c:pt idx="5316">
                  <c:v>1.7652333640990292</c:v>
                </c:pt>
                <c:pt idx="5317">
                  <c:v>1.172619306151498</c:v>
                </c:pt>
                <c:pt idx="5318">
                  <c:v>1.7652333640990292</c:v>
                </c:pt>
                <c:pt idx="5319">
                  <c:v>1.7652333640990292</c:v>
                </c:pt>
                <c:pt idx="5320">
                  <c:v>1.0402268038440707</c:v>
                </c:pt>
                <c:pt idx="5321">
                  <c:v>0.44397217406917228</c:v>
                </c:pt>
                <c:pt idx="5322">
                  <c:v>0.29302163488565375</c:v>
                </c:pt>
                <c:pt idx="5323">
                  <c:v>0.29302163488565375</c:v>
                </c:pt>
                <c:pt idx="5324">
                  <c:v>0.29302163488565375</c:v>
                </c:pt>
                <c:pt idx="5325">
                  <c:v>0.29302163488565375</c:v>
                </c:pt>
                <c:pt idx="5326">
                  <c:v>0.29302163488565375</c:v>
                </c:pt>
                <c:pt idx="5327">
                  <c:v>0.29302163488565375</c:v>
                </c:pt>
                <c:pt idx="5328">
                  <c:v>0.43969635567148507</c:v>
                </c:pt>
                <c:pt idx="5329">
                  <c:v>0.26648263980090003</c:v>
                </c:pt>
                <c:pt idx="5330">
                  <c:v>0.26648263980090003</c:v>
                </c:pt>
                <c:pt idx="5331">
                  <c:v>0.26648263980090003</c:v>
                </c:pt>
                <c:pt idx="5332">
                  <c:v>0.26648263980090003</c:v>
                </c:pt>
                <c:pt idx="5333">
                  <c:v>0.26648263980090003</c:v>
                </c:pt>
                <c:pt idx="5334">
                  <c:v>0.26648263980090003</c:v>
                </c:pt>
                <c:pt idx="5335">
                  <c:v>1.1352160455518341</c:v>
                </c:pt>
                <c:pt idx="5336">
                  <c:v>1.4190200569397926</c:v>
                </c:pt>
                <c:pt idx="5337">
                  <c:v>1.5609220626337723</c:v>
                </c:pt>
                <c:pt idx="5338">
                  <c:v>1.5609220626337723</c:v>
                </c:pt>
                <c:pt idx="5339">
                  <c:v>1.8447260740217308</c:v>
                </c:pt>
                <c:pt idx="5340">
                  <c:v>1.8447260740217308</c:v>
                </c:pt>
                <c:pt idx="5341">
                  <c:v>1.2771180512458136</c:v>
                </c:pt>
                <c:pt idx="5342">
                  <c:v>1.8447260740217308</c:v>
                </c:pt>
                <c:pt idx="5343">
                  <c:v>1.4190200569397926</c:v>
                </c:pt>
                <c:pt idx="5344">
                  <c:v>0.66620659950225025</c:v>
                </c:pt>
                <c:pt idx="5345">
                  <c:v>0.43969635567148507</c:v>
                </c:pt>
                <c:pt idx="5346">
                  <c:v>0.27980677179094504</c:v>
                </c:pt>
                <c:pt idx="5347">
                  <c:v>0.26648263980090003</c:v>
                </c:pt>
                <c:pt idx="5348">
                  <c:v>0.26648263980090003</c:v>
                </c:pt>
                <c:pt idx="5349">
                  <c:v>0.26648263980090003</c:v>
                </c:pt>
                <c:pt idx="5350">
                  <c:v>0.26648263980090003</c:v>
                </c:pt>
                <c:pt idx="5351">
                  <c:v>0.26648263980090003</c:v>
                </c:pt>
                <c:pt idx="5352">
                  <c:v>0.11990785957685095</c:v>
                </c:pt>
                <c:pt idx="5353">
                  <c:v>0.10791707361916585</c:v>
                </c:pt>
                <c:pt idx="5354">
                  <c:v>0.10791707361916585</c:v>
                </c:pt>
                <c:pt idx="5355">
                  <c:v>0.10791707361916585</c:v>
                </c:pt>
                <c:pt idx="5356">
                  <c:v>0.10791707361916585</c:v>
                </c:pt>
                <c:pt idx="5357">
                  <c:v>0.10791707361916585</c:v>
                </c:pt>
                <c:pt idx="5358">
                  <c:v>0.10791707361916585</c:v>
                </c:pt>
                <c:pt idx="5359">
                  <c:v>0.10791707361916585</c:v>
                </c:pt>
                <c:pt idx="5360">
                  <c:v>0.10791707361916585</c:v>
                </c:pt>
                <c:pt idx="5361">
                  <c:v>0.10791707361916585</c:v>
                </c:pt>
                <c:pt idx="5362">
                  <c:v>0.10791707361916585</c:v>
                </c:pt>
                <c:pt idx="5363">
                  <c:v>0.10791707361916585</c:v>
                </c:pt>
                <c:pt idx="5364">
                  <c:v>0.10791707361916585</c:v>
                </c:pt>
                <c:pt idx="5365">
                  <c:v>0.10791707361916585</c:v>
                </c:pt>
                <c:pt idx="5366">
                  <c:v>0.10791707361916585</c:v>
                </c:pt>
                <c:pt idx="5367">
                  <c:v>0.10791707361916585</c:v>
                </c:pt>
                <c:pt idx="5368">
                  <c:v>0.10791707361916585</c:v>
                </c:pt>
                <c:pt idx="5369">
                  <c:v>0.10791707361916585</c:v>
                </c:pt>
                <c:pt idx="5370">
                  <c:v>0.10791707361916585</c:v>
                </c:pt>
                <c:pt idx="5371">
                  <c:v>0.10791707361916585</c:v>
                </c:pt>
                <c:pt idx="5372">
                  <c:v>0.10791707361916585</c:v>
                </c:pt>
                <c:pt idx="5373">
                  <c:v>0.10791707361916585</c:v>
                </c:pt>
                <c:pt idx="5374">
                  <c:v>0.10791707361916585</c:v>
                </c:pt>
                <c:pt idx="5375">
                  <c:v>0.10791707361916585</c:v>
                </c:pt>
                <c:pt idx="5376">
                  <c:v>0.10744943722474293</c:v>
                </c:pt>
                <c:pt idx="5377">
                  <c:v>0.10744943722474293</c:v>
                </c:pt>
                <c:pt idx="5378">
                  <c:v>0.10744943722474293</c:v>
                </c:pt>
                <c:pt idx="5379">
                  <c:v>0.10744943722474293</c:v>
                </c:pt>
                <c:pt idx="5380">
                  <c:v>0.10744943722474293</c:v>
                </c:pt>
                <c:pt idx="5381">
                  <c:v>0.10744943722474293</c:v>
                </c:pt>
                <c:pt idx="5382">
                  <c:v>0.10744943722474293</c:v>
                </c:pt>
                <c:pt idx="5383">
                  <c:v>0.10744943722474293</c:v>
                </c:pt>
                <c:pt idx="5384">
                  <c:v>0.10744943722474293</c:v>
                </c:pt>
                <c:pt idx="5385">
                  <c:v>0.10744943722474293</c:v>
                </c:pt>
                <c:pt idx="5386">
                  <c:v>0.10744943722474293</c:v>
                </c:pt>
                <c:pt idx="5387">
                  <c:v>0.10744943722474293</c:v>
                </c:pt>
                <c:pt idx="5388">
                  <c:v>0.10744943722474293</c:v>
                </c:pt>
                <c:pt idx="5389">
                  <c:v>0.10744943722474293</c:v>
                </c:pt>
                <c:pt idx="5390">
                  <c:v>0.10744943722474293</c:v>
                </c:pt>
                <c:pt idx="5391">
                  <c:v>0.10744943722474293</c:v>
                </c:pt>
                <c:pt idx="5392">
                  <c:v>0.10744943722474293</c:v>
                </c:pt>
                <c:pt idx="5393">
                  <c:v>0.10744943722474293</c:v>
                </c:pt>
                <c:pt idx="5394">
                  <c:v>0.10744943722474293</c:v>
                </c:pt>
                <c:pt idx="5395">
                  <c:v>0.10744943722474293</c:v>
                </c:pt>
                <c:pt idx="5396">
                  <c:v>0.10744943722474293</c:v>
                </c:pt>
                <c:pt idx="5397">
                  <c:v>0.10744943722474293</c:v>
                </c:pt>
                <c:pt idx="5398">
                  <c:v>0.10744943722474293</c:v>
                </c:pt>
                <c:pt idx="5399">
                  <c:v>0.10744943722474293</c:v>
                </c:pt>
                <c:pt idx="5400">
                  <c:v>0.26505968167229432</c:v>
                </c:pt>
                <c:pt idx="5401">
                  <c:v>0.26505968167229432</c:v>
                </c:pt>
                <c:pt idx="5402">
                  <c:v>0.26505968167229432</c:v>
                </c:pt>
                <c:pt idx="5403">
                  <c:v>0.26505968167229432</c:v>
                </c:pt>
                <c:pt idx="5404">
                  <c:v>0.26505968167229432</c:v>
                </c:pt>
                <c:pt idx="5405">
                  <c:v>0.26505968167229432</c:v>
                </c:pt>
                <c:pt idx="5406">
                  <c:v>0.26505968167229432</c:v>
                </c:pt>
                <c:pt idx="5407">
                  <c:v>1.1291542439239739</c:v>
                </c:pt>
                <c:pt idx="5408">
                  <c:v>1.2702985244144707</c:v>
                </c:pt>
                <c:pt idx="5409">
                  <c:v>1.4114428049049674</c:v>
                </c:pt>
                <c:pt idx="5410">
                  <c:v>1.4114428049049674</c:v>
                </c:pt>
                <c:pt idx="5411">
                  <c:v>1.6937313658859605</c:v>
                </c:pt>
                <c:pt idx="5412">
                  <c:v>1.6937313658859605</c:v>
                </c:pt>
                <c:pt idx="5413">
                  <c:v>1.1291542439239739</c:v>
                </c:pt>
                <c:pt idx="5414">
                  <c:v>1.6937313658859605</c:v>
                </c:pt>
                <c:pt idx="5415">
                  <c:v>1.6937313658859605</c:v>
                </c:pt>
                <c:pt idx="5416">
                  <c:v>0.98800996343347725</c:v>
                </c:pt>
                <c:pt idx="5417">
                  <c:v>0.28228856098099347</c:v>
                </c:pt>
                <c:pt idx="5418">
                  <c:v>0.27831266575590907</c:v>
                </c:pt>
                <c:pt idx="5419">
                  <c:v>0.27831266575590907</c:v>
                </c:pt>
                <c:pt idx="5420">
                  <c:v>0.27831266575590907</c:v>
                </c:pt>
                <c:pt idx="5421">
                  <c:v>0.27831266575590907</c:v>
                </c:pt>
                <c:pt idx="5422">
                  <c:v>0.27831266575590907</c:v>
                </c:pt>
                <c:pt idx="5423">
                  <c:v>0.27831266575590907</c:v>
                </c:pt>
                <c:pt idx="5424">
                  <c:v>0.17626317166027972</c:v>
                </c:pt>
                <c:pt idx="5425">
                  <c:v>0.26859149967280715</c:v>
                </c:pt>
                <c:pt idx="5426">
                  <c:v>0.26859149967280715</c:v>
                </c:pt>
                <c:pt idx="5427">
                  <c:v>0.26859149967280715</c:v>
                </c:pt>
                <c:pt idx="5428">
                  <c:v>0.26859149967280715</c:v>
                </c:pt>
                <c:pt idx="5429">
                  <c:v>0.26859149967280715</c:v>
                </c:pt>
                <c:pt idx="5430">
                  <c:v>0.26859149967280715</c:v>
                </c:pt>
                <c:pt idx="5431">
                  <c:v>1.1322810408081776</c:v>
                </c:pt>
                <c:pt idx="5432">
                  <c:v>1.2633872665859667</c:v>
                </c:pt>
                <c:pt idx="5433">
                  <c:v>1.3944934923637555</c:v>
                </c:pt>
                <c:pt idx="5434">
                  <c:v>1.3944934923637555</c:v>
                </c:pt>
                <c:pt idx="5435">
                  <c:v>1.6686246917173144</c:v>
                </c:pt>
                <c:pt idx="5436">
                  <c:v>1.6686246917173144</c:v>
                </c:pt>
                <c:pt idx="5437">
                  <c:v>1.1084435452122159</c:v>
                </c:pt>
                <c:pt idx="5438">
                  <c:v>1.6686246917173144</c:v>
                </c:pt>
                <c:pt idx="5439">
                  <c:v>1.6686246917173144</c:v>
                </c:pt>
                <c:pt idx="5440">
                  <c:v>0.9832966933334174</c:v>
                </c:pt>
                <c:pt idx="5441">
                  <c:v>0.41967421823876128</c:v>
                </c:pt>
                <c:pt idx="5442">
                  <c:v>0.27698498403758237</c:v>
                </c:pt>
                <c:pt idx="5443">
                  <c:v>0.27698498403758237</c:v>
                </c:pt>
                <c:pt idx="5444">
                  <c:v>0.27698498403758237</c:v>
                </c:pt>
                <c:pt idx="5445">
                  <c:v>0.27698498403758237</c:v>
                </c:pt>
                <c:pt idx="5446">
                  <c:v>0.27698498403758237</c:v>
                </c:pt>
                <c:pt idx="5447">
                  <c:v>0.27698498403758237</c:v>
                </c:pt>
                <c:pt idx="5448">
                  <c:v>0.2744324454714257</c:v>
                </c:pt>
                <c:pt idx="5449">
                  <c:v>0.2744324454714257</c:v>
                </c:pt>
                <c:pt idx="5450">
                  <c:v>0.2744324454714257</c:v>
                </c:pt>
                <c:pt idx="5451">
                  <c:v>0.2744324454714257</c:v>
                </c:pt>
                <c:pt idx="5452">
                  <c:v>0.2744324454714257</c:v>
                </c:pt>
                <c:pt idx="5453">
                  <c:v>0.2744324454714257</c:v>
                </c:pt>
                <c:pt idx="5454">
                  <c:v>0.2744324454714257</c:v>
                </c:pt>
                <c:pt idx="5455">
                  <c:v>1.1218465725483431</c:v>
                </c:pt>
                <c:pt idx="5456">
                  <c:v>1.2517445967381515</c:v>
                </c:pt>
                <c:pt idx="5457">
                  <c:v>1.3816426209279598</c:v>
                </c:pt>
                <c:pt idx="5458">
                  <c:v>1.3816426209279598</c:v>
                </c:pt>
                <c:pt idx="5459">
                  <c:v>1.6532475805975582</c:v>
                </c:pt>
                <c:pt idx="5460">
                  <c:v>1.6532475805975582</c:v>
                </c:pt>
                <c:pt idx="5461">
                  <c:v>1.098228749968378</c:v>
                </c:pt>
                <c:pt idx="5462">
                  <c:v>1.6532475805975582</c:v>
                </c:pt>
                <c:pt idx="5463">
                  <c:v>1.6532475805975582</c:v>
                </c:pt>
                <c:pt idx="5464">
                  <c:v>0.97423518142356103</c:v>
                </c:pt>
                <c:pt idx="5465">
                  <c:v>0.41580673556276626</c:v>
                </c:pt>
                <c:pt idx="5466">
                  <c:v>0.2744324454714257</c:v>
                </c:pt>
                <c:pt idx="5467">
                  <c:v>0.2744324454714257</c:v>
                </c:pt>
                <c:pt idx="5468">
                  <c:v>0.2744324454714257</c:v>
                </c:pt>
                <c:pt idx="5469">
                  <c:v>0.2744324454714257</c:v>
                </c:pt>
                <c:pt idx="5470">
                  <c:v>0.2744324454714257</c:v>
                </c:pt>
                <c:pt idx="5471">
                  <c:v>0.2744324454714257</c:v>
                </c:pt>
                <c:pt idx="5472">
                  <c:v>0.28115142959705025</c:v>
                </c:pt>
                <c:pt idx="5473">
                  <c:v>0.28115142959705025</c:v>
                </c:pt>
                <c:pt idx="5474">
                  <c:v>0.28115142959705025</c:v>
                </c:pt>
                <c:pt idx="5475">
                  <c:v>0.28115142959705025</c:v>
                </c:pt>
                <c:pt idx="5476">
                  <c:v>0.28115142959705025</c:v>
                </c:pt>
                <c:pt idx="5477">
                  <c:v>0.28115142959705025</c:v>
                </c:pt>
                <c:pt idx="5478">
                  <c:v>0.28115142959705025</c:v>
                </c:pt>
                <c:pt idx="5479">
                  <c:v>1.1493129652315781</c:v>
                </c:pt>
                <c:pt idx="5480">
                  <c:v>1.282391308574182</c:v>
                </c:pt>
                <c:pt idx="5481">
                  <c:v>1.4154696519167858</c:v>
                </c:pt>
                <c:pt idx="5482">
                  <c:v>1.4154696519167858</c:v>
                </c:pt>
                <c:pt idx="5483">
                  <c:v>1.6937243698149576</c:v>
                </c:pt>
                <c:pt idx="5484">
                  <c:v>1.6937243698149576</c:v>
                </c:pt>
                <c:pt idx="5485">
                  <c:v>1.12511690280565</c:v>
                </c:pt>
                <c:pt idx="5486">
                  <c:v>1.6937243698149576</c:v>
                </c:pt>
                <c:pt idx="5487">
                  <c:v>1.6937243698149576</c:v>
                </c:pt>
                <c:pt idx="5488">
                  <c:v>0.99808757506952861</c:v>
                </c:pt>
                <c:pt idx="5489">
                  <c:v>0.42598701454098531</c:v>
                </c:pt>
                <c:pt idx="5490">
                  <c:v>0.28115142959705025</c:v>
                </c:pt>
                <c:pt idx="5491">
                  <c:v>0.28115142959705025</c:v>
                </c:pt>
                <c:pt idx="5492">
                  <c:v>0.28115142959705025</c:v>
                </c:pt>
                <c:pt idx="5493">
                  <c:v>0.28115142959705025</c:v>
                </c:pt>
                <c:pt idx="5494">
                  <c:v>0.28115142959705025</c:v>
                </c:pt>
                <c:pt idx="5495">
                  <c:v>0.28115142959705025</c:v>
                </c:pt>
                <c:pt idx="5496">
                  <c:v>0.42497510638297964</c:v>
                </c:pt>
                <c:pt idx="5497">
                  <c:v>0.2575606705351392</c:v>
                </c:pt>
                <c:pt idx="5498">
                  <c:v>0.2575606705351392</c:v>
                </c:pt>
                <c:pt idx="5499">
                  <c:v>0.2575606705351392</c:v>
                </c:pt>
                <c:pt idx="5500">
                  <c:v>0.2575606705351392</c:v>
                </c:pt>
                <c:pt idx="5501">
                  <c:v>0.2575606705351392</c:v>
                </c:pt>
                <c:pt idx="5502">
                  <c:v>0.2575606705351392</c:v>
                </c:pt>
                <c:pt idx="5503">
                  <c:v>1.0972084564796927</c:v>
                </c:pt>
                <c:pt idx="5504">
                  <c:v>1.371510570599616</c:v>
                </c:pt>
                <c:pt idx="5505">
                  <c:v>1.5086616276595777</c:v>
                </c:pt>
                <c:pt idx="5506">
                  <c:v>1.5086616276595777</c:v>
                </c:pt>
                <c:pt idx="5507">
                  <c:v>1.782963741779501</c:v>
                </c:pt>
                <c:pt idx="5508">
                  <c:v>1.782963741779501</c:v>
                </c:pt>
                <c:pt idx="5509">
                  <c:v>1.2343595135396543</c:v>
                </c:pt>
                <c:pt idx="5510">
                  <c:v>1.782963741779501</c:v>
                </c:pt>
                <c:pt idx="5511">
                  <c:v>1.371510570599616</c:v>
                </c:pt>
                <c:pt idx="5512">
                  <c:v>0.64390167633784789</c:v>
                </c:pt>
                <c:pt idx="5513">
                  <c:v>0.42497510638297964</c:v>
                </c:pt>
                <c:pt idx="5514">
                  <c:v>0.27043870406189607</c:v>
                </c:pt>
                <c:pt idx="5515">
                  <c:v>0.2575606705351392</c:v>
                </c:pt>
                <c:pt idx="5516">
                  <c:v>0.2575606705351392</c:v>
                </c:pt>
                <c:pt idx="5517">
                  <c:v>0.2575606705351392</c:v>
                </c:pt>
                <c:pt idx="5518">
                  <c:v>0.2575606705351392</c:v>
                </c:pt>
                <c:pt idx="5519">
                  <c:v>0.2575606705351392</c:v>
                </c:pt>
                <c:pt idx="5520">
                  <c:v>0.1186735068956828</c:v>
                </c:pt>
                <c:pt idx="5521">
                  <c:v>0.10680615620611454</c:v>
                </c:pt>
                <c:pt idx="5522">
                  <c:v>0.10680615620611454</c:v>
                </c:pt>
                <c:pt idx="5523">
                  <c:v>0.10680615620611454</c:v>
                </c:pt>
                <c:pt idx="5524">
                  <c:v>0.10680615620611454</c:v>
                </c:pt>
                <c:pt idx="5525">
                  <c:v>0.10680615620611454</c:v>
                </c:pt>
                <c:pt idx="5526">
                  <c:v>0.10680615620611454</c:v>
                </c:pt>
                <c:pt idx="5527">
                  <c:v>0.10680615620611454</c:v>
                </c:pt>
                <c:pt idx="5528">
                  <c:v>0.10680615620611454</c:v>
                </c:pt>
                <c:pt idx="5529">
                  <c:v>0.10680615620611454</c:v>
                </c:pt>
                <c:pt idx="5530">
                  <c:v>0.10680615620611454</c:v>
                </c:pt>
                <c:pt idx="5531">
                  <c:v>0.10680615620611454</c:v>
                </c:pt>
                <c:pt idx="5532">
                  <c:v>0.10680615620611454</c:v>
                </c:pt>
                <c:pt idx="5533">
                  <c:v>0.10680615620611454</c:v>
                </c:pt>
                <c:pt idx="5534">
                  <c:v>0.10680615620611454</c:v>
                </c:pt>
                <c:pt idx="5535">
                  <c:v>0.10680615620611454</c:v>
                </c:pt>
                <c:pt idx="5536">
                  <c:v>0.10680615620611454</c:v>
                </c:pt>
                <c:pt idx="5537">
                  <c:v>0.10680615620611454</c:v>
                </c:pt>
                <c:pt idx="5538">
                  <c:v>0.10680615620611454</c:v>
                </c:pt>
                <c:pt idx="5539">
                  <c:v>0.10680615620611454</c:v>
                </c:pt>
                <c:pt idx="5540">
                  <c:v>0.10680615620611454</c:v>
                </c:pt>
                <c:pt idx="5541">
                  <c:v>0.10680615620611454</c:v>
                </c:pt>
                <c:pt idx="5542">
                  <c:v>0.10680615620611454</c:v>
                </c:pt>
                <c:pt idx="5543">
                  <c:v>0.10680615620611454</c:v>
                </c:pt>
                <c:pt idx="5544">
                  <c:v>0.10663099282197949</c:v>
                </c:pt>
                <c:pt idx="5545">
                  <c:v>0.10663099282197949</c:v>
                </c:pt>
                <c:pt idx="5546">
                  <c:v>0.10663099282197949</c:v>
                </c:pt>
                <c:pt idx="5547">
                  <c:v>0.10663099282197949</c:v>
                </c:pt>
                <c:pt idx="5548">
                  <c:v>0.10663099282197949</c:v>
                </c:pt>
                <c:pt idx="5549">
                  <c:v>0.10663099282197949</c:v>
                </c:pt>
                <c:pt idx="5550">
                  <c:v>0.10663099282197949</c:v>
                </c:pt>
                <c:pt idx="5551">
                  <c:v>0.10663099282197949</c:v>
                </c:pt>
                <c:pt idx="5552">
                  <c:v>0.10663099282197949</c:v>
                </c:pt>
                <c:pt idx="5553">
                  <c:v>0.10663099282197949</c:v>
                </c:pt>
                <c:pt idx="5554">
                  <c:v>0.10663099282197949</c:v>
                </c:pt>
                <c:pt idx="5555">
                  <c:v>0.10663099282197949</c:v>
                </c:pt>
                <c:pt idx="5556">
                  <c:v>0.10663099282197949</c:v>
                </c:pt>
                <c:pt idx="5557">
                  <c:v>0.10663099282197949</c:v>
                </c:pt>
                <c:pt idx="5558">
                  <c:v>0.10663099282197949</c:v>
                </c:pt>
                <c:pt idx="5559">
                  <c:v>0.10663099282197949</c:v>
                </c:pt>
                <c:pt idx="5560">
                  <c:v>0.10663099282197949</c:v>
                </c:pt>
                <c:pt idx="5561">
                  <c:v>0.10663099282197949</c:v>
                </c:pt>
                <c:pt idx="5562">
                  <c:v>0.10663099282197949</c:v>
                </c:pt>
                <c:pt idx="5563">
                  <c:v>0.10663099282197949</c:v>
                </c:pt>
                <c:pt idx="5564">
                  <c:v>0.10663099282197949</c:v>
                </c:pt>
                <c:pt idx="5565">
                  <c:v>0.10663099282197949</c:v>
                </c:pt>
                <c:pt idx="5566">
                  <c:v>0.10663099282197949</c:v>
                </c:pt>
                <c:pt idx="5567">
                  <c:v>0.10663099282197949</c:v>
                </c:pt>
                <c:pt idx="5568">
                  <c:v>0.25839735318685286</c:v>
                </c:pt>
                <c:pt idx="5569">
                  <c:v>0.25839735318685286</c:v>
                </c:pt>
                <c:pt idx="5570">
                  <c:v>0.25839735318685286</c:v>
                </c:pt>
                <c:pt idx="5571">
                  <c:v>0.25839735318685286</c:v>
                </c:pt>
                <c:pt idx="5572">
                  <c:v>0.25839735318685286</c:v>
                </c:pt>
                <c:pt idx="5573">
                  <c:v>0.25839735318685286</c:v>
                </c:pt>
                <c:pt idx="5574">
                  <c:v>0.25839735318685286</c:v>
                </c:pt>
                <c:pt idx="5575">
                  <c:v>1.1007727245759933</c:v>
                </c:pt>
                <c:pt idx="5576">
                  <c:v>1.2383693151479924</c:v>
                </c:pt>
                <c:pt idx="5577">
                  <c:v>1.3759659057199913</c:v>
                </c:pt>
                <c:pt idx="5578">
                  <c:v>1.3759659057199913</c:v>
                </c:pt>
                <c:pt idx="5579">
                  <c:v>1.6511590868639894</c:v>
                </c:pt>
                <c:pt idx="5580">
                  <c:v>1.6511590868639894</c:v>
                </c:pt>
                <c:pt idx="5581">
                  <c:v>1.1007727245759933</c:v>
                </c:pt>
                <c:pt idx="5582">
                  <c:v>1.6511590868639894</c:v>
                </c:pt>
                <c:pt idx="5583">
                  <c:v>1.6511590868639894</c:v>
                </c:pt>
                <c:pt idx="5584">
                  <c:v>0.96317613400399382</c:v>
                </c:pt>
                <c:pt idx="5585">
                  <c:v>0.27519318114399832</c:v>
                </c:pt>
                <c:pt idx="5586">
                  <c:v>0.27131722084619547</c:v>
                </c:pt>
                <c:pt idx="5587">
                  <c:v>0.27131722084619547</c:v>
                </c:pt>
                <c:pt idx="5588">
                  <c:v>0.27131722084619547</c:v>
                </c:pt>
                <c:pt idx="5589">
                  <c:v>0.27131722084619547</c:v>
                </c:pt>
                <c:pt idx="5590">
                  <c:v>0.27131722084619547</c:v>
                </c:pt>
                <c:pt idx="5591">
                  <c:v>0.27131722084619547</c:v>
                </c:pt>
                <c:pt idx="5592">
                  <c:v>0.17152000768344794</c:v>
                </c:pt>
                <c:pt idx="5593">
                  <c:v>0.2613638212319207</c:v>
                </c:pt>
                <c:pt idx="5594">
                  <c:v>0.2613638212319207</c:v>
                </c:pt>
                <c:pt idx="5595">
                  <c:v>0.2613638212319207</c:v>
                </c:pt>
                <c:pt idx="5596">
                  <c:v>0.2613638212319207</c:v>
                </c:pt>
                <c:pt idx="5597">
                  <c:v>0.2613638212319207</c:v>
                </c:pt>
                <c:pt idx="5598">
                  <c:v>0.2613638212319207</c:v>
                </c:pt>
                <c:pt idx="5599">
                  <c:v>1.1018118588808155</c:v>
                </c:pt>
                <c:pt idx="5600">
                  <c:v>1.2293900741196468</c:v>
                </c:pt>
                <c:pt idx="5601">
                  <c:v>1.3569682893584782</c:v>
                </c:pt>
                <c:pt idx="5602">
                  <c:v>1.3569682893584782</c:v>
                </c:pt>
                <c:pt idx="5603">
                  <c:v>1.6237227394033069</c:v>
                </c:pt>
                <c:pt idx="5604">
                  <c:v>1.6237227394033069</c:v>
                </c:pt>
                <c:pt idx="5605">
                  <c:v>1.0786158197464824</c:v>
                </c:pt>
                <c:pt idx="5606">
                  <c:v>1.6237227394033069</c:v>
                </c:pt>
                <c:pt idx="5607">
                  <c:v>1.6237227394033069</c:v>
                </c:pt>
                <c:pt idx="5608">
                  <c:v>0.95683661429123457</c:v>
                </c:pt>
                <c:pt idx="5609">
                  <c:v>0.40838097067487605</c:v>
                </c:pt>
                <c:pt idx="5610">
                  <c:v>0.26953144064541812</c:v>
                </c:pt>
                <c:pt idx="5611">
                  <c:v>0.26953144064541812</c:v>
                </c:pt>
                <c:pt idx="5612">
                  <c:v>0.26953144064541812</c:v>
                </c:pt>
                <c:pt idx="5613">
                  <c:v>0.26953144064541812</c:v>
                </c:pt>
                <c:pt idx="5614">
                  <c:v>0.26953144064541812</c:v>
                </c:pt>
                <c:pt idx="5615">
                  <c:v>0.26953144064541812</c:v>
                </c:pt>
                <c:pt idx="5616">
                  <c:v>0.27040105499605094</c:v>
                </c:pt>
                <c:pt idx="5617">
                  <c:v>0.27040105499605094</c:v>
                </c:pt>
                <c:pt idx="5618">
                  <c:v>0.27040105499605094</c:v>
                </c:pt>
                <c:pt idx="5619">
                  <c:v>0.27040105499605094</c:v>
                </c:pt>
                <c:pt idx="5620">
                  <c:v>0.27040105499605094</c:v>
                </c:pt>
                <c:pt idx="5621">
                  <c:v>0.27040105499605094</c:v>
                </c:pt>
                <c:pt idx="5622">
                  <c:v>0.27040105499605094</c:v>
                </c:pt>
                <c:pt idx="5623">
                  <c:v>1.1053667369384019</c:v>
                </c:pt>
                <c:pt idx="5624">
                  <c:v>1.2333565696365332</c:v>
                </c:pt>
                <c:pt idx="5625">
                  <c:v>1.3613464023346638</c:v>
                </c:pt>
                <c:pt idx="5626">
                  <c:v>1.3613464023346638</c:v>
                </c:pt>
                <c:pt idx="5627">
                  <c:v>1.6289615070671188</c:v>
                </c:pt>
                <c:pt idx="5628">
                  <c:v>1.6289615070671188</c:v>
                </c:pt>
                <c:pt idx="5629">
                  <c:v>1.0820958582660145</c:v>
                </c:pt>
                <c:pt idx="5630">
                  <c:v>1.6289615070671188</c:v>
                </c:pt>
                <c:pt idx="5631">
                  <c:v>1.6289615070671188</c:v>
                </c:pt>
                <c:pt idx="5632">
                  <c:v>0.95992374523598079</c:v>
                </c:pt>
                <c:pt idx="5633">
                  <c:v>0.40969856817583478</c:v>
                </c:pt>
                <c:pt idx="5634">
                  <c:v>0.27040105499605094</c:v>
                </c:pt>
                <c:pt idx="5635">
                  <c:v>0.27040105499605094</c:v>
                </c:pt>
                <c:pt idx="5636">
                  <c:v>0.27040105499605094</c:v>
                </c:pt>
                <c:pt idx="5637">
                  <c:v>0.27040105499605094</c:v>
                </c:pt>
                <c:pt idx="5638">
                  <c:v>0.27040105499605094</c:v>
                </c:pt>
                <c:pt idx="5639">
                  <c:v>0.27040105499605094</c:v>
                </c:pt>
                <c:pt idx="5640">
                  <c:v>0.2721927840962175</c:v>
                </c:pt>
                <c:pt idx="5641">
                  <c:v>0.2721927840962175</c:v>
                </c:pt>
                <c:pt idx="5642">
                  <c:v>0.2721927840962175</c:v>
                </c:pt>
                <c:pt idx="5643">
                  <c:v>0.2721927840962175</c:v>
                </c:pt>
                <c:pt idx="5644">
                  <c:v>0.2721927840962175</c:v>
                </c:pt>
                <c:pt idx="5645">
                  <c:v>0.2721927840962175</c:v>
                </c:pt>
                <c:pt idx="5646">
                  <c:v>0.2721927840962175</c:v>
                </c:pt>
                <c:pt idx="5647">
                  <c:v>1.1126911083205981</c:v>
                </c:pt>
                <c:pt idx="5648">
                  <c:v>1.2415290261261409</c:v>
                </c:pt>
                <c:pt idx="5649">
                  <c:v>1.3703669439316841</c:v>
                </c:pt>
                <c:pt idx="5650">
                  <c:v>1.3703669439316841</c:v>
                </c:pt>
                <c:pt idx="5651">
                  <c:v>1.6397553175250918</c:v>
                </c:pt>
                <c:pt idx="5652">
                  <c:v>1.6397553175250918</c:v>
                </c:pt>
                <c:pt idx="5653">
                  <c:v>1.0892660323559538</c:v>
                </c:pt>
                <c:pt idx="5654">
                  <c:v>1.6397553175250918</c:v>
                </c:pt>
                <c:pt idx="5655">
                  <c:v>1.6397553175250918</c:v>
                </c:pt>
                <c:pt idx="5656">
                  <c:v>0.96628438354157198</c:v>
                </c:pt>
                <c:pt idx="5657">
                  <c:v>0.41241330923669317</c:v>
                </c:pt>
                <c:pt idx="5658">
                  <c:v>0.2721927840962175</c:v>
                </c:pt>
                <c:pt idx="5659">
                  <c:v>0.2721927840962175</c:v>
                </c:pt>
                <c:pt idx="5660">
                  <c:v>0.2721927840962175</c:v>
                </c:pt>
                <c:pt idx="5661">
                  <c:v>0.2721927840962175</c:v>
                </c:pt>
                <c:pt idx="5662">
                  <c:v>0.2721927840962175</c:v>
                </c:pt>
                <c:pt idx="5663">
                  <c:v>0.2721927840962175</c:v>
                </c:pt>
                <c:pt idx="5664">
                  <c:v>0.41025385709447415</c:v>
                </c:pt>
                <c:pt idx="5665">
                  <c:v>0.24863870126937829</c:v>
                </c:pt>
                <c:pt idx="5666">
                  <c:v>0.24863870126937829</c:v>
                </c:pt>
                <c:pt idx="5667">
                  <c:v>0.24863870126937829</c:v>
                </c:pt>
                <c:pt idx="5668">
                  <c:v>0.24863870126937829</c:v>
                </c:pt>
                <c:pt idx="5669">
                  <c:v>0.24863870126937829</c:v>
                </c:pt>
                <c:pt idx="5670">
                  <c:v>0.24863870126937829</c:v>
                </c:pt>
                <c:pt idx="5671">
                  <c:v>1.0592008674075517</c:v>
                </c:pt>
                <c:pt idx="5672">
                  <c:v>1.3240010842594392</c:v>
                </c:pt>
                <c:pt idx="5673">
                  <c:v>1.4564011926853833</c:v>
                </c:pt>
                <c:pt idx="5674">
                  <c:v>1.4564011926853833</c:v>
                </c:pt>
                <c:pt idx="5675">
                  <c:v>1.7212014095372712</c:v>
                </c:pt>
                <c:pt idx="5676">
                  <c:v>1.7212014095372712</c:v>
                </c:pt>
                <c:pt idx="5677">
                  <c:v>1.1916009758334953</c:v>
                </c:pt>
                <c:pt idx="5678">
                  <c:v>1.7212014095372712</c:v>
                </c:pt>
                <c:pt idx="5679">
                  <c:v>1.3240010842594392</c:v>
                </c:pt>
                <c:pt idx="5680">
                  <c:v>0.62159675317344576</c:v>
                </c:pt>
                <c:pt idx="5681">
                  <c:v>0.41025385709447415</c:v>
                </c:pt>
                <c:pt idx="5682">
                  <c:v>0.26107063633284716</c:v>
                </c:pt>
                <c:pt idx="5683">
                  <c:v>0.24863870126937829</c:v>
                </c:pt>
                <c:pt idx="5684">
                  <c:v>0.24863870126937829</c:v>
                </c:pt>
                <c:pt idx="5685">
                  <c:v>0.24863870126937829</c:v>
                </c:pt>
                <c:pt idx="5686">
                  <c:v>0.24863870126937829</c:v>
                </c:pt>
                <c:pt idx="5687">
                  <c:v>0.24863870126937829</c:v>
                </c:pt>
                <c:pt idx="5688">
                  <c:v>0.11793289528698192</c:v>
                </c:pt>
                <c:pt idx="5689">
                  <c:v>0.10613960575828373</c:v>
                </c:pt>
                <c:pt idx="5690">
                  <c:v>0.10613960575828373</c:v>
                </c:pt>
                <c:pt idx="5691">
                  <c:v>0.10613960575828373</c:v>
                </c:pt>
                <c:pt idx="5692">
                  <c:v>0.10613960575828373</c:v>
                </c:pt>
                <c:pt idx="5693">
                  <c:v>0.10613960575828373</c:v>
                </c:pt>
                <c:pt idx="5694">
                  <c:v>0.10613960575828373</c:v>
                </c:pt>
                <c:pt idx="5695">
                  <c:v>0.10613960575828373</c:v>
                </c:pt>
                <c:pt idx="5696">
                  <c:v>0.10613960575828373</c:v>
                </c:pt>
                <c:pt idx="5697">
                  <c:v>0.10613960575828373</c:v>
                </c:pt>
                <c:pt idx="5698">
                  <c:v>0.10613960575828373</c:v>
                </c:pt>
                <c:pt idx="5699">
                  <c:v>0.10613960575828373</c:v>
                </c:pt>
                <c:pt idx="5700">
                  <c:v>0.10613960575828373</c:v>
                </c:pt>
                <c:pt idx="5701">
                  <c:v>0.10613960575828373</c:v>
                </c:pt>
                <c:pt idx="5702">
                  <c:v>0.10613960575828373</c:v>
                </c:pt>
                <c:pt idx="5703">
                  <c:v>0.10613960575828373</c:v>
                </c:pt>
                <c:pt idx="5704">
                  <c:v>0.10613960575828373</c:v>
                </c:pt>
                <c:pt idx="5705">
                  <c:v>0.10613960575828373</c:v>
                </c:pt>
                <c:pt idx="5706">
                  <c:v>0.10613960575828373</c:v>
                </c:pt>
                <c:pt idx="5707">
                  <c:v>0.10613960575828373</c:v>
                </c:pt>
                <c:pt idx="5708">
                  <c:v>0.10613960575828373</c:v>
                </c:pt>
                <c:pt idx="5709">
                  <c:v>0.10613960575828373</c:v>
                </c:pt>
                <c:pt idx="5710">
                  <c:v>0.10613960575828373</c:v>
                </c:pt>
                <c:pt idx="5711">
                  <c:v>0.10613960575828373</c:v>
                </c:pt>
                <c:pt idx="5712">
                  <c:v>0.10797026548104693</c:v>
                </c:pt>
                <c:pt idx="5713">
                  <c:v>0.10797026548104693</c:v>
                </c:pt>
                <c:pt idx="5714">
                  <c:v>0.10797026548104693</c:v>
                </c:pt>
                <c:pt idx="5715">
                  <c:v>0.10797026548104693</c:v>
                </c:pt>
                <c:pt idx="5716">
                  <c:v>0.10797026548104693</c:v>
                </c:pt>
                <c:pt idx="5717">
                  <c:v>0.10797026548104693</c:v>
                </c:pt>
                <c:pt idx="5718">
                  <c:v>0.10797026548104693</c:v>
                </c:pt>
                <c:pt idx="5719">
                  <c:v>0.10797026548104693</c:v>
                </c:pt>
                <c:pt idx="5720">
                  <c:v>0.10797026548104693</c:v>
                </c:pt>
                <c:pt idx="5721">
                  <c:v>0.10797026548104693</c:v>
                </c:pt>
                <c:pt idx="5722">
                  <c:v>0.10797026548104693</c:v>
                </c:pt>
                <c:pt idx="5723">
                  <c:v>0.10797026548104693</c:v>
                </c:pt>
                <c:pt idx="5724">
                  <c:v>0.10797026548104693</c:v>
                </c:pt>
                <c:pt idx="5725">
                  <c:v>0.10797026548104693</c:v>
                </c:pt>
                <c:pt idx="5726">
                  <c:v>0.10797026548104693</c:v>
                </c:pt>
                <c:pt idx="5727">
                  <c:v>0.10797026548104693</c:v>
                </c:pt>
                <c:pt idx="5728">
                  <c:v>0.10797026548104693</c:v>
                </c:pt>
                <c:pt idx="5729">
                  <c:v>0.10797026548104693</c:v>
                </c:pt>
                <c:pt idx="5730">
                  <c:v>0.10797026548104693</c:v>
                </c:pt>
                <c:pt idx="5731">
                  <c:v>0.10797026548104693</c:v>
                </c:pt>
                <c:pt idx="5732">
                  <c:v>0.10797026548104693</c:v>
                </c:pt>
                <c:pt idx="5733">
                  <c:v>0.10797026548104693</c:v>
                </c:pt>
                <c:pt idx="5734">
                  <c:v>0.10797026548104693</c:v>
                </c:pt>
                <c:pt idx="5735">
                  <c:v>0.10797026548104693</c:v>
                </c:pt>
                <c:pt idx="5736">
                  <c:v>0.27322640691251304</c:v>
                </c:pt>
                <c:pt idx="5737">
                  <c:v>0.27322640691251304</c:v>
                </c:pt>
                <c:pt idx="5738">
                  <c:v>0.27322640691251304</c:v>
                </c:pt>
                <c:pt idx="5739">
                  <c:v>0.27322640691251304</c:v>
                </c:pt>
                <c:pt idx="5740">
                  <c:v>0.27322640691251304</c:v>
                </c:pt>
                <c:pt idx="5741">
                  <c:v>0.27322640691251304</c:v>
                </c:pt>
                <c:pt idx="5742">
                  <c:v>0.27322640691251304</c:v>
                </c:pt>
                <c:pt idx="5743">
                  <c:v>1.1639444934473058</c:v>
                </c:pt>
                <c:pt idx="5744">
                  <c:v>1.3094375551282187</c:v>
                </c:pt>
                <c:pt idx="5745">
                  <c:v>1.4549306168091318</c:v>
                </c:pt>
                <c:pt idx="5746">
                  <c:v>1.4549306168091318</c:v>
                </c:pt>
                <c:pt idx="5747">
                  <c:v>1.7459167401709579</c:v>
                </c:pt>
                <c:pt idx="5748">
                  <c:v>1.7459167401709579</c:v>
                </c:pt>
                <c:pt idx="5749">
                  <c:v>1.1639444934473058</c:v>
                </c:pt>
                <c:pt idx="5750">
                  <c:v>1.7459167401709579</c:v>
                </c:pt>
                <c:pt idx="5751">
                  <c:v>1.7459167401709579</c:v>
                </c:pt>
                <c:pt idx="5752">
                  <c:v>1.0184514317663924</c:v>
                </c:pt>
                <c:pt idx="5753">
                  <c:v>0.29098612336182644</c:v>
                </c:pt>
                <c:pt idx="5754">
                  <c:v>0.28688772725813866</c:v>
                </c:pt>
                <c:pt idx="5755">
                  <c:v>0.28688772725813866</c:v>
                </c:pt>
                <c:pt idx="5756">
                  <c:v>0.28688772725813866</c:v>
                </c:pt>
                <c:pt idx="5757">
                  <c:v>0.28688772725813866</c:v>
                </c:pt>
                <c:pt idx="5758">
                  <c:v>0.28688772725813866</c:v>
                </c:pt>
                <c:pt idx="5759">
                  <c:v>0.28688772725813866</c:v>
                </c:pt>
                <c:pt idx="5760">
                  <c:v>0.18761801875633144</c:v>
                </c:pt>
                <c:pt idx="5761">
                  <c:v>0.28589412381917173</c:v>
                </c:pt>
                <c:pt idx="5762">
                  <c:v>0.28589412381917173</c:v>
                </c:pt>
                <c:pt idx="5763">
                  <c:v>0.28589412381917173</c:v>
                </c:pt>
                <c:pt idx="5764">
                  <c:v>0.28589412381917173</c:v>
                </c:pt>
                <c:pt idx="5765">
                  <c:v>0.28589412381917173</c:v>
                </c:pt>
                <c:pt idx="5766">
                  <c:v>0.28589412381917173</c:v>
                </c:pt>
                <c:pt idx="5767">
                  <c:v>1.2052224157251956</c:v>
                </c:pt>
                <c:pt idx="5768">
                  <c:v>1.344774484914429</c:v>
                </c:pt>
                <c:pt idx="5769">
                  <c:v>1.4843265541036621</c:v>
                </c:pt>
                <c:pt idx="5770">
                  <c:v>1.4843265541036621</c:v>
                </c:pt>
                <c:pt idx="5771">
                  <c:v>1.776117244226604</c:v>
                </c:pt>
                <c:pt idx="5772">
                  <c:v>1.776117244226604</c:v>
                </c:pt>
                <c:pt idx="5773">
                  <c:v>1.1798493122362441</c:v>
                </c:pt>
                <c:pt idx="5774">
                  <c:v>1.776117244226604</c:v>
                </c:pt>
                <c:pt idx="5775">
                  <c:v>1.776117244226604</c:v>
                </c:pt>
                <c:pt idx="5776">
                  <c:v>1.0466405189192489</c:v>
                </c:pt>
                <c:pt idx="5777">
                  <c:v>0.44670956846745585</c:v>
                </c:pt>
                <c:pt idx="5778">
                  <c:v>0.29482831518852082</c:v>
                </c:pt>
                <c:pt idx="5779">
                  <c:v>0.29482831518852082</c:v>
                </c:pt>
                <c:pt idx="5780">
                  <c:v>0.29482831518852082</c:v>
                </c:pt>
                <c:pt idx="5781">
                  <c:v>0.29482831518852082</c:v>
                </c:pt>
                <c:pt idx="5782">
                  <c:v>0.29482831518852082</c:v>
                </c:pt>
                <c:pt idx="5783">
                  <c:v>0.29482831518852082</c:v>
                </c:pt>
                <c:pt idx="5784">
                  <c:v>0.29570922853590353</c:v>
                </c:pt>
                <c:pt idx="5785">
                  <c:v>0.29570922853590353</c:v>
                </c:pt>
                <c:pt idx="5786">
                  <c:v>0.29570922853590353</c:v>
                </c:pt>
                <c:pt idx="5787">
                  <c:v>0.29570922853590353</c:v>
                </c:pt>
                <c:pt idx="5788">
                  <c:v>0.29570922853590353</c:v>
                </c:pt>
                <c:pt idx="5789">
                  <c:v>0.29570922853590353</c:v>
                </c:pt>
                <c:pt idx="5790">
                  <c:v>0.29570922853590353</c:v>
                </c:pt>
                <c:pt idx="5791">
                  <c:v>1.2088234827119206</c:v>
                </c:pt>
                <c:pt idx="5792">
                  <c:v>1.3487925175522484</c:v>
                </c:pt>
                <c:pt idx="5793">
                  <c:v>1.4887615523925759</c:v>
                </c:pt>
                <c:pt idx="5794">
                  <c:v>1.4887615523925759</c:v>
                </c:pt>
                <c:pt idx="5795">
                  <c:v>1.7814240797859886</c:v>
                </c:pt>
                <c:pt idx="5796">
                  <c:v>1.7814240797859886</c:v>
                </c:pt>
                <c:pt idx="5797">
                  <c:v>1.1833745672864067</c:v>
                </c:pt>
                <c:pt idx="5798">
                  <c:v>1.7814240797859886</c:v>
                </c:pt>
                <c:pt idx="5799">
                  <c:v>1.7814240797859886</c:v>
                </c:pt>
                <c:pt idx="5800">
                  <c:v>1.0497677613024574</c:v>
                </c:pt>
                <c:pt idx="5801">
                  <c:v>0.44804428566045984</c:v>
                </c:pt>
                <c:pt idx="5802">
                  <c:v>0.29570922853590353</c:v>
                </c:pt>
                <c:pt idx="5803">
                  <c:v>0.29570922853590353</c:v>
                </c:pt>
                <c:pt idx="5804">
                  <c:v>0.29570922853590353</c:v>
                </c:pt>
                <c:pt idx="5805">
                  <c:v>0.29570922853590353</c:v>
                </c:pt>
                <c:pt idx="5806">
                  <c:v>0.29570922853590353</c:v>
                </c:pt>
                <c:pt idx="5807">
                  <c:v>0.29570922853590353</c:v>
                </c:pt>
                <c:pt idx="5808">
                  <c:v>0.29078197351044555</c:v>
                </c:pt>
                <c:pt idx="5809">
                  <c:v>0.29078197351044555</c:v>
                </c:pt>
                <c:pt idx="5810">
                  <c:v>0.29078197351044555</c:v>
                </c:pt>
                <c:pt idx="5811">
                  <c:v>0.29078197351044555</c:v>
                </c:pt>
                <c:pt idx="5812">
                  <c:v>0.29078197351044555</c:v>
                </c:pt>
                <c:pt idx="5813">
                  <c:v>0.29078197351044555</c:v>
                </c:pt>
                <c:pt idx="5814">
                  <c:v>0.29078197351044555</c:v>
                </c:pt>
                <c:pt idx="5815">
                  <c:v>1.1886814614108818</c:v>
                </c:pt>
                <c:pt idx="5816">
                  <c:v>1.326318262205826</c:v>
                </c:pt>
                <c:pt idx="5817">
                  <c:v>1.4639550630007703</c:v>
                </c:pt>
                <c:pt idx="5818">
                  <c:v>1.4639550630007703</c:v>
                </c:pt>
                <c:pt idx="5819">
                  <c:v>1.7517411010265627</c:v>
                </c:pt>
                <c:pt idx="5820">
                  <c:v>1.7517411010265627</c:v>
                </c:pt>
                <c:pt idx="5821">
                  <c:v>1.1636565885390737</c:v>
                </c:pt>
                <c:pt idx="5822">
                  <c:v>1.7517411010265627</c:v>
                </c:pt>
                <c:pt idx="5823">
                  <c:v>1.7517411010265627</c:v>
                </c:pt>
                <c:pt idx="5824">
                  <c:v>1.0322760059620815</c:v>
                </c:pt>
                <c:pt idx="5825">
                  <c:v>0.4405787477430993</c:v>
                </c:pt>
                <c:pt idx="5826">
                  <c:v>0.29078197351044555</c:v>
                </c:pt>
                <c:pt idx="5827">
                  <c:v>0.29078197351044555</c:v>
                </c:pt>
                <c:pt idx="5828">
                  <c:v>0.29078197351044555</c:v>
                </c:pt>
                <c:pt idx="5829">
                  <c:v>0.29078197351044555</c:v>
                </c:pt>
                <c:pt idx="5830">
                  <c:v>0.29078197351044555</c:v>
                </c:pt>
                <c:pt idx="5831">
                  <c:v>0.29078197351044555</c:v>
                </c:pt>
                <c:pt idx="5832">
                  <c:v>0.43627280932532103</c:v>
                </c:pt>
                <c:pt idx="5833">
                  <c:v>0.26440776322746729</c:v>
                </c:pt>
                <c:pt idx="5834">
                  <c:v>0.26440776322746729</c:v>
                </c:pt>
                <c:pt idx="5835">
                  <c:v>0.26440776322746729</c:v>
                </c:pt>
                <c:pt idx="5836">
                  <c:v>0.26440776322746729</c:v>
                </c:pt>
                <c:pt idx="5837">
                  <c:v>0.26440776322746729</c:v>
                </c:pt>
                <c:pt idx="5838">
                  <c:v>0.26440776322746729</c:v>
                </c:pt>
                <c:pt idx="5839">
                  <c:v>1.1263770713490107</c:v>
                </c:pt>
                <c:pt idx="5840">
                  <c:v>1.4079713391862636</c:v>
                </c:pt>
                <c:pt idx="5841">
                  <c:v>1.5487684731048899</c:v>
                </c:pt>
                <c:pt idx="5842">
                  <c:v>1.5487684731048899</c:v>
                </c:pt>
                <c:pt idx="5843">
                  <c:v>1.8303627409421424</c:v>
                </c:pt>
                <c:pt idx="5844">
                  <c:v>1.8303627409421424</c:v>
                </c:pt>
                <c:pt idx="5845">
                  <c:v>1.2671742052676371</c:v>
                </c:pt>
                <c:pt idx="5846">
                  <c:v>1.8303627409421424</c:v>
                </c:pt>
                <c:pt idx="5847">
                  <c:v>1.4079713391862636</c:v>
                </c:pt>
                <c:pt idx="5848">
                  <c:v>0.66101940806866821</c:v>
                </c:pt>
                <c:pt idx="5849">
                  <c:v>0.43627280932532103</c:v>
                </c:pt>
                <c:pt idx="5850">
                  <c:v>0.27762815138884067</c:v>
                </c:pt>
                <c:pt idx="5851">
                  <c:v>0.26440776322746729</c:v>
                </c:pt>
                <c:pt idx="5852">
                  <c:v>0.26440776322746729</c:v>
                </c:pt>
                <c:pt idx="5853">
                  <c:v>0.26440776322746729</c:v>
                </c:pt>
                <c:pt idx="5854">
                  <c:v>0.26440776322746729</c:v>
                </c:pt>
                <c:pt idx="5855">
                  <c:v>0.26440776322746729</c:v>
                </c:pt>
                <c:pt idx="5856">
                  <c:v>0.1201135850237123</c:v>
                </c:pt>
                <c:pt idx="5857">
                  <c:v>0.10810222652134108</c:v>
                </c:pt>
                <c:pt idx="5858">
                  <c:v>0.10810222652134108</c:v>
                </c:pt>
                <c:pt idx="5859">
                  <c:v>0.10810222652134108</c:v>
                </c:pt>
                <c:pt idx="5860">
                  <c:v>0.10810222652134108</c:v>
                </c:pt>
                <c:pt idx="5861">
                  <c:v>0.10810222652134108</c:v>
                </c:pt>
                <c:pt idx="5862">
                  <c:v>0.10810222652134108</c:v>
                </c:pt>
                <c:pt idx="5863">
                  <c:v>0.10810222652134108</c:v>
                </c:pt>
                <c:pt idx="5864">
                  <c:v>0.10810222652134108</c:v>
                </c:pt>
                <c:pt idx="5865">
                  <c:v>0.10810222652134108</c:v>
                </c:pt>
                <c:pt idx="5866">
                  <c:v>0.10810222652134108</c:v>
                </c:pt>
                <c:pt idx="5867">
                  <c:v>0.10810222652134108</c:v>
                </c:pt>
                <c:pt idx="5868">
                  <c:v>0.10810222652134108</c:v>
                </c:pt>
                <c:pt idx="5869">
                  <c:v>0.10810222652134108</c:v>
                </c:pt>
                <c:pt idx="5870">
                  <c:v>0.10810222652134108</c:v>
                </c:pt>
                <c:pt idx="5871">
                  <c:v>0.10810222652134108</c:v>
                </c:pt>
                <c:pt idx="5872">
                  <c:v>0.10810222652134108</c:v>
                </c:pt>
                <c:pt idx="5873">
                  <c:v>0.10810222652134108</c:v>
                </c:pt>
                <c:pt idx="5874">
                  <c:v>0.10810222652134108</c:v>
                </c:pt>
                <c:pt idx="5875">
                  <c:v>0.10810222652134108</c:v>
                </c:pt>
                <c:pt idx="5876">
                  <c:v>0.10810222652134108</c:v>
                </c:pt>
                <c:pt idx="5877">
                  <c:v>0.10810222652134108</c:v>
                </c:pt>
                <c:pt idx="5878">
                  <c:v>0.10810222652134108</c:v>
                </c:pt>
                <c:pt idx="5879">
                  <c:v>0.10810222652134108</c:v>
                </c:pt>
                <c:pt idx="5880">
                  <c:v>0.10890031593873266</c:v>
                </c:pt>
                <c:pt idx="5881">
                  <c:v>0.10890031593873266</c:v>
                </c:pt>
                <c:pt idx="5882">
                  <c:v>0.10890031593873266</c:v>
                </c:pt>
                <c:pt idx="5883">
                  <c:v>0.10890031593873266</c:v>
                </c:pt>
                <c:pt idx="5884">
                  <c:v>0.10890031593873266</c:v>
                </c:pt>
                <c:pt idx="5885">
                  <c:v>0.10890031593873266</c:v>
                </c:pt>
                <c:pt idx="5886">
                  <c:v>0.10890031593873266</c:v>
                </c:pt>
                <c:pt idx="5887">
                  <c:v>0.10890031593873266</c:v>
                </c:pt>
                <c:pt idx="5888">
                  <c:v>0.10890031593873266</c:v>
                </c:pt>
                <c:pt idx="5889">
                  <c:v>0.10890031593873266</c:v>
                </c:pt>
                <c:pt idx="5890">
                  <c:v>0.10890031593873266</c:v>
                </c:pt>
                <c:pt idx="5891">
                  <c:v>0.10890031593873266</c:v>
                </c:pt>
                <c:pt idx="5892">
                  <c:v>0.10890031593873266</c:v>
                </c:pt>
                <c:pt idx="5893">
                  <c:v>0.10890031593873266</c:v>
                </c:pt>
                <c:pt idx="5894">
                  <c:v>0.10890031593873266</c:v>
                </c:pt>
                <c:pt idx="5895">
                  <c:v>0.10890031593873266</c:v>
                </c:pt>
                <c:pt idx="5896">
                  <c:v>0.10890031593873266</c:v>
                </c:pt>
                <c:pt idx="5897">
                  <c:v>0.10890031593873266</c:v>
                </c:pt>
                <c:pt idx="5898">
                  <c:v>0.10890031593873266</c:v>
                </c:pt>
                <c:pt idx="5899">
                  <c:v>0.10890031593873266</c:v>
                </c:pt>
                <c:pt idx="5900">
                  <c:v>0.10890031593873266</c:v>
                </c:pt>
                <c:pt idx="5901">
                  <c:v>0.10890031593873266</c:v>
                </c:pt>
                <c:pt idx="5902">
                  <c:v>0.10890031593873266</c:v>
                </c:pt>
                <c:pt idx="5903">
                  <c:v>0.10890031593873266</c:v>
                </c:pt>
                <c:pt idx="5904">
                  <c:v>0.27838433864317741</c:v>
                </c:pt>
                <c:pt idx="5905">
                  <c:v>0.27838433864317741</c:v>
                </c:pt>
                <c:pt idx="5906">
                  <c:v>0.27838433864317741</c:v>
                </c:pt>
                <c:pt idx="5907">
                  <c:v>0.27838433864317741</c:v>
                </c:pt>
                <c:pt idx="5908">
                  <c:v>0.27838433864317741</c:v>
                </c:pt>
                <c:pt idx="5909">
                  <c:v>0.27838433864317741</c:v>
                </c:pt>
                <c:pt idx="5910">
                  <c:v>0.27838433864317741</c:v>
                </c:pt>
                <c:pt idx="5911">
                  <c:v>1.1859172826199358</c:v>
                </c:pt>
                <c:pt idx="5912">
                  <c:v>1.3341569429474278</c:v>
                </c:pt>
                <c:pt idx="5913">
                  <c:v>1.4823966032749198</c:v>
                </c:pt>
                <c:pt idx="5914">
                  <c:v>1.4823966032749198</c:v>
                </c:pt>
                <c:pt idx="5915">
                  <c:v>1.7788759239299037</c:v>
                </c:pt>
                <c:pt idx="5916">
                  <c:v>1.7788759239299037</c:v>
                </c:pt>
                <c:pt idx="5917">
                  <c:v>1.1859172826199358</c:v>
                </c:pt>
                <c:pt idx="5918">
                  <c:v>1.7788759239299037</c:v>
                </c:pt>
                <c:pt idx="5919">
                  <c:v>1.7788759239299037</c:v>
                </c:pt>
                <c:pt idx="5920">
                  <c:v>1.0376776222924438</c:v>
                </c:pt>
                <c:pt idx="5921">
                  <c:v>0.29647932065498395</c:v>
                </c:pt>
                <c:pt idx="5922">
                  <c:v>0.29230355557533627</c:v>
                </c:pt>
                <c:pt idx="5923">
                  <c:v>0.29230355557533627</c:v>
                </c:pt>
                <c:pt idx="5924">
                  <c:v>0.29230355557533627</c:v>
                </c:pt>
                <c:pt idx="5925">
                  <c:v>0.29230355557533627</c:v>
                </c:pt>
                <c:pt idx="5926">
                  <c:v>0.29230355557533627</c:v>
                </c:pt>
                <c:pt idx="5927">
                  <c:v>0.29230355557533627</c:v>
                </c:pt>
                <c:pt idx="5928">
                  <c:v>0.1854620351304988</c:v>
                </c:pt>
                <c:pt idx="5929">
                  <c:v>0.28260881543695054</c:v>
                </c:pt>
                <c:pt idx="5930">
                  <c:v>0.28260881543695054</c:v>
                </c:pt>
                <c:pt idx="5931">
                  <c:v>0.28260881543695054</c:v>
                </c:pt>
                <c:pt idx="5932">
                  <c:v>0.28260881543695054</c:v>
                </c:pt>
                <c:pt idx="5933">
                  <c:v>0.28260881543695054</c:v>
                </c:pt>
                <c:pt idx="5934">
                  <c:v>0.28260881543695054</c:v>
                </c:pt>
                <c:pt idx="5935">
                  <c:v>1.1913727875763944</c:v>
                </c:pt>
                <c:pt idx="5936">
                  <c:v>1.3293212156115559</c:v>
                </c:pt>
                <c:pt idx="5937">
                  <c:v>1.4672696436467176</c:v>
                </c:pt>
                <c:pt idx="5938">
                  <c:v>1.4672696436467176</c:v>
                </c:pt>
                <c:pt idx="5939">
                  <c:v>1.7557072659020554</c:v>
                </c:pt>
                <c:pt idx="5940">
                  <c:v>1.7557072659020554</c:v>
                </c:pt>
                <c:pt idx="5941">
                  <c:v>1.1662912552063651</c:v>
                </c:pt>
                <c:pt idx="5942">
                  <c:v>1.7557072659020554</c:v>
                </c:pt>
                <c:pt idx="5943">
                  <c:v>1.7557072659020554</c:v>
                </c:pt>
                <c:pt idx="5944">
                  <c:v>1.0346132102637113</c:v>
                </c:pt>
                <c:pt idx="5945">
                  <c:v>0.44157627412023526</c:v>
                </c:pt>
                <c:pt idx="5946">
                  <c:v>0.29144034091935528</c:v>
                </c:pt>
                <c:pt idx="5947">
                  <c:v>0.29144034091935528</c:v>
                </c:pt>
                <c:pt idx="5948">
                  <c:v>0.29144034091935528</c:v>
                </c:pt>
                <c:pt idx="5949">
                  <c:v>0.29144034091935528</c:v>
                </c:pt>
                <c:pt idx="5950">
                  <c:v>0.29144034091935528</c:v>
                </c:pt>
                <c:pt idx="5951">
                  <c:v>0.29144034091935528</c:v>
                </c:pt>
                <c:pt idx="5952">
                  <c:v>0.28563075234746671</c:v>
                </c:pt>
                <c:pt idx="5953">
                  <c:v>0.28563075234746671</c:v>
                </c:pt>
                <c:pt idx="5954">
                  <c:v>0.28563075234746671</c:v>
                </c:pt>
                <c:pt idx="5955">
                  <c:v>0.28563075234746671</c:v>
                </c:pt>
                <c:pt idx="5956">
                  <c:v>0.28563075234746671</c:v>
                </c:pt>
                <c:pt idx="5957">
                  <c:v>0.28563075234746671</c:v>
                </c:pt>
                <c:pt idx="5958">
                  <c:v>0.28563075234746671</c:v>
                </c:pt>
                <c:pt idx="5959">
                  <c:v>1.1676238936870682</c:v>
                </c:pt>
                <c:pt idx="5960">
                  <c:v>1.3028224497982026</c:v>
                </c:pt>
                <c:pt idx="5961">
                  <c:v>1.438021005909337</c:v>
                </c:pt>
                <c:pt idx="5962">
                  <c:v>1.438021005909337</c:v>
                </c:pt>
                <c:pt idx="5963">
                  <c:v>1.7207088959598902</c:v>
                </c:pt>
                <c:pt idx="5964">
                  <c:v>1.7207088959598902</c:v>
                </c:pt>
                <c:pt idx="5965">
                  <c:v>1.1430423380304984</c:v>
                </c:pt>
                <c:pt idx="5966">
                  <c:v>1.7207088959598902</c:v>
                </c:pt>
                <c:pt idx="5967">
                  <c:v>1.7207088959598902</c:v>
                </c:pt>
                <c:pt idx="5968">
                  <c:v>1.0139891708335067</c:v>
                </c:pt>
                <c:pt idx="5969">
                  <c:v>0.43277386719313138</c:v>
                </c:pt>
                <c:pt idx="5970">
                  <c:v>0.28563075234746671</c:v>
                </c:pt>
                <c:pt idx="5971">
                  <c:v>0.28563075234746671</c:v>
                </c:pt>
                <c:pt idx="5972">
                  <c:v>0.28563075234746671</c:v>
                </c:pt>
                <c:pt idx="5973">
                  <c:v>0.28563075234746671</c:v>
                </c:pt>
                <c:pt idx="5974">
                  <c:v>0.28563075234746671</c:v>
                </c:pt>
                <c:pt idx="5975">
                  <c:v>0.28563075234746671</c:v>
                </c:pt>
                <c:pt idx="5976">
                  <c:v>0.28495885393490417</c:v>
                </c:pt>
                <c:pt idx="5977">
                  <c:v>0.28495885393490417</c:v>
                </c:pt>
                <c:pt idx="5978">
                  <c:v>0.28495885393490417</c:v>
                </c:pt>
                <c:pt idx="5979">
                  <c:v>0.28495885393490417</c:v>
                </c:pt>
                <c:pt idx="5980">
                  <c:v>0.28495885393490417</c:v>
                </c:pt>
                <c:pt idx="5981">
                  <c:v>0.28495885393490417</c:v>
                </c:pt>
                <c:pt idx="5982">
                  <c:v>0.28495885393490417</c:v>
                </c:pt>
                <c:pt idx="5983">
                  <c:v>1.1648772544187447</c:v>
                </c:pt>
                <c:pt idx="5984">
                  <c:v>1.2997577786145993</c:v>
                </c:pt>
                <c:pt idx="5985">
                  <c:v>1.4346383028104541</c:v>
                </c:pt>
                <c:pt idx="5986">
                  <c:v>1.4346383028104541</c:v>
                </c:pt>
                <c:pt idx="5987">
                  <c:v>1.7166612170381501</c:v>
                </c:pt>
                <c:pt idx="5988">
                  <c:v>1.7166612170381501</c:v>
                </c:pt>
                <c:pt idx="5989">
                  <c:v>1.1403535227467709</c:v>
                </c:pt>
                <c:pt idx="5990">
                  <c:v>1.7166612170381501</c:v>
                </c:pt>
                <c:pt idx="5991">
                  <c:v>1.7166612170381501</c:v>
                </c:pt>
                <c:pt idx="5992">
                  <c:v>1.0116039314689098</c:v>
                </c:pt>
                <c:pt idx="5993">
                  <c:v>0.43175583929530936</c:v>
                </c:pt>
                <c:pt idx="5994">
                  <c:v>0.28495885393490417</c:v>
                </c:pt>
                <c:pt idx="5995">
                  <c:v>0.28495885393490417</c:v>
                </c:pt>
                <c:pt idx="5996">
                  <c:v>0.28495885393490417</c:v>
                </c:pt>
                <c:pt idx="5997">
                  <c:v>0.28495885393490417</c:v>
                </c:pt>
                <c:pt idx="5998">
                  <c:v>0.28495885393490417</c:v>
                </c:pt>
                <c:pt idx="5999">
                  <c:v>0.28495885393490417</c:v>
                </c:pt>
                <c:pt idx="6000">
                  <c:v>0.43353397224838985</c:v>
                </c:pt>
                <c:pt idx="6001">
                  <c:v>0.26274786196872113</c:v>
                </c:pt>
                <c:pt idx="6002">
                  <c:v>0.26274786196872113</c:v>
                </c:pt>
                <c:pt idx="6003">
                  <c:v>0.26274786196872113</c:v>
                </c:pt>
                <c:pt idx="6004">
                  <c:v>0.26274786196872113</c:v>
                </c:pt>
                <c:pt idx="6005">
                  <c:v>0.26274786196872113</c:v>
                </c:pt>
                <c:pt idx="6006">
                  <c:v>0.26274786196872113</c:v>
                </c:pt>
                <c:pt idx="6007">
                  <c:v>1.1193058919867518</c:v>
                </c:pt>
                <c:pt idx="6008">
                  <c:v>1.39913236498344</c:v>
                </c:pt>
                <c:pt idx="6009">
                  <c:v>1.5390456014817839</c:v>
                </c:pt>
                <c:pt idx="6010">
                  <c:v>1.5390456014817839</c:v>
                </c:pt>
                <c:pt idx="6011">
                  <c:v>1.8188720744784717</c:v>
                </c:pt>
                <c:pt idx="6012">
                  <c:v>1.8188720744784717</c:v>
                </c:pt>
                <c:pt idx="6013">
                  <c:v>1.2592191284850958</c:v>
                </c:pt>
                <c:pt idx="6014">
                  <c:v>1.8188720744784717</c:v>
                </c:pt>
                <c:pt idx="6015">
                  <c:v>1.39913236498344</c:v>
                </c:pt>
                <c:pt idx="6016">
                  <c:v>0.65686965492180283</c:v>
                </c:pt>
                <c:pt idx="6017">
                  <c:v>0.43353397224838985</c:v>
                </c:pt>
                <c:pt idx="6018">
                  <c:v>0.27588525506715716</c:v>
                </c:pt>
                <c:pt idx="6019">
                  <c:v>0.26274786196872113</c:v>
                </c:pt>
                <c:pt idx="6020">
                  <c:v>0.26274786196872113</c:v>
                </c:pt>
                <c:pt idx="6021">
                  <c:v>0.26274786196872113</c:v>
                </c:pt>
                <c:pt idx="6022">
                  <c:v>0.26274786196872113</c:v>
                </c:pt>
                <c:pt idx="6023">
                  <c:v>0.26274786196872113</c:v>
                </c:pt>
                <c:pt idx="6024">
                  <c:v>0.11974327921936187</c:v>
                </c:pt>
                <c:pt idx="6025">
                  <c:v>0.10776895129742567</c:v>
                </c:pt>
                <c:pt idx="6026">
                  <c:v>0.10776895129742567</c:v>
                </c:pt>
                <c:pt idx="6027">
                  <c:v>0.10776895129742567</c:v>
                </c:pt>
                <c:pt idx="6028">
                  <c:v>0.10776895129742567</c:v>
                </c:pt>
                <c:pt idx="6029">
                  <c:v>0.10776895129742567</c:v>
                </c:pt>
                <c:pt idx="6030">
                  <c:v>0.10776895129742567</c:v>
                </c:pt>
                <c:pt idx="6031">
                  <c:v>0.10776895129742567</c:v>
                </c:pt>
                <c:pt idx="6032">
                  <c:v>0.10776895129742567</c:v>
                </c:pt>
                <c:pt idx="6033">
                  <c:v>0.10776895129742567</c:v>
                </c:pt>
                <c:pt idx="6034">
                  <c:v>0.10776895129742567</c:v>
                </c:pt>
                <c:pt idx="6035">
                  <c:v>0.10776895129742567</c:v>
                </c:pt>
                <c:pt idx="6036">
                  <c:v>0.10776895129742567</c:v>
                </c:pt>
                <c:pt idx="6037">
                  <c:v>0.10776895129742567</c:v>
                </c:pt>
                <c:pt idx="6038">
                  <c:v>0.10776895129742567</c:v>
                </c:pt>
                <c:pt idx="6039">
                  <c:v>0.10776895129742567</c:v>
                </c:pt>
                <c:pt idx="6040">
                  <c:v>0.10776895129742567</c:v>
                </c:pt>
                <c:pt idx="6041">
                  <c:v>0.10776895129742567</c:v>
                </c:pt>
                <c:pt idx="6042">
                  <c:v>0.10776895129742567</c:v>
                </c:pt>
                <c:pt idx="6043">
                  <c:v>0.10776895129742567</c:v>
                </c:pt>
                <c:pt idx="6044">
                  <c:v>0.10776895129742567</c:v>
                </c:pt>
                <c:pt idx="6045">
                  <c:v>0.10776895129742567</c:v>
                </c:pt>
                <c:pt idx="6046">
                  <c:v>0.10776895129742567</c:v>
                </c:pt>
                <c:pt idx="6047">
                  <c:v>0.10776895129742567</c:v>
                </c:pt>
                <c:pt idx="6048">
                  <c:v>0.10837948768242864</c:v>
                </c:pt>
                <c:pt idx="6049">
                  <c:v>0.10837948768242864</c:v>
                </c:pt>
                <c:pt idx="6050">
                  <c:v>0.10837948768242864</c:v>
                </c:pt>
                <c:pt idx="6051">
                  <c:v>0.10837948768242864</c:v>
                </c:pt>
                <c:pt idx="6052">
                  <c:v>0.10837948768242864</c:v>
                </c:pt>
                <c:pt idx="6053">
                  <c:v>0.10837948768242864</c:v>
                </c:pt>
                <c:pt idx="6054">
                  <c:v>0.10837948768242864</c:v>
                </c:pt>
                <c:pt idx="6055">
                  <c:v>0.10837948768242864</c:v>
                </c:pt>
                <c:pt idx="6056">
                  <c:v>0.10837948768242864</c:v>
                </c:pt>
                <c:pt idx="6057">
                  <c:v>0.10837948768242864</c:v>
                </c:pt>
                <c:pt idx="6058">
                  <c:v>0.10837948768242864</c:v>
                </c:pt>
                <c:pt idx="6059">
                  <c:v>0.10837948768242864</c:v>
                </c:pt>
                <c:pt idx="6060">
                  <c:v>0.10837948768242864</c:v>
                </c:pt>
                <c:pt idx="6061">
                  <c:v>0.10837948768242864</c:v>
                </c:pt>
                <c:pt idx="6062">
                  <c:v>0.10837948768242864</c:v>
                </c:pt>
                <c:pt idx="6063">
                  <c:v>0.10837948768242864</c:v>
                </c:pt>
                <c:pt idx="6064">
                  <c:v>0.10837948768242864</c:v>
                </c:pt>
                <c:pt idx="6065">
                  <c:v>0.10837948768242864</c:v>
                </c:pt>
                <c:pt idx="6066">
                  <c:v>0.10837948768242864</c:v>
                </c:pt>
                <c:pt idx="6067">
                  <c:v>0.10837948768242864</c:v>
                </c:pt>
                <c:pt idx="6068">
                  <c:v>0.10837948768242864</c:v>
                </c:pt>
                <c:pt idx="6069">
                  <c:v>0.10837948768242864</c:v>
                </c:pt>
                <c:pt idx="6070">
                  <c:v>0.10837948768242864</c:v>
                </c:pt>
                <c:pt idx="6071">
                  <c:v>0.10837948768242864</c:v>
                </c:pt>
                <c:pt idx="6072">
                  <c:v>0.2687132166481816</c:v>
                </c:pt>
                <c:pt idx="6073">
                  <c:v>0.2687132166481816</c:v>
                </c:pt>
                <c:pt idx="6074">
                  <c:v>0.2687132166481816</c:v>
                </c:pt>
                <c:pt idx="6075">
                  <c:v>0.2687132166481816</c:v>
                </c:pt>
                <c:pt idx="6076">
                  <c:v>0.2687132166481816</c:v>
                </c:pt>
                <c:pt idx="6077">
                  <c:v>0.2687132166481816</c:v>
                </c:pt>
                <c:pt idx="6078">
                  <c:v>0.2687132166481816</c:v>
                </c:pt>
                <c:pt idx="6079">
                  <c:v>1.1447183029212535</c:v>
                </c:pt>
                <c:pt idx="6080">
                  <c:v>1.2878080907864105</c:v>
                </c:pt>
                <c:pt idx="6081">
                  <c:v>1.4308978786515671</c:v>
                </c:pt>
                <c:pt idx="6082">
                  <c:v>1.4308978786515671</c:v>
                </c:pt>
                <c:pt idx="6083">
                  <c:v>1.7170774543818805</c:v>
                </c:pt>
                <c:pt idx="6084">
                  <c:v>1.7170774543818805</c:v>
                </c:pt>
                <c:pt idx="6085">
                  <c:v>1.1447183029212535</c:v>
                </c:pt>
                <c:pt idx="6086">
                  <c:v>1.7170774543818805</c:v>
                </c:pt>
                <c:pt idx="6087">
                  <c:v>1.7170774543818805</c:v>
                </c:pt>
                <c:pt idx="6088">
                  <c:v>1.0016285150560968</c:v>
                </c:pt>
                <c:pt idx="6089">
                  <c:v>0.28617957573031338</c:v>
                </c:pt>
                <c:pt idx="6090">
                  <c:v>0.28214887748059064</c:v>
                </c:pt>
                <c:pt idx="6091">
                  <c:v>0.28214887748059064</c:v>
                </c:pt>
                <c:pt idx="6092">
                  <c:v>0.28214887748059064</c:v>
                </c:pt>
                <c:pt idx="6093">
                  <c:v>0.28214887748059064</c:v>
                </c:pt>
                <c:pt idx="6094">
                  <c:v>0.28214887748059064</c:v>
                </c:pt>
                <c:pt idx="6095">
                  <c:v>0.28214887748059064</c:v>
                </c:pt>
                <c:pt idx="6096">
                  <c:v>0.17885035201127877</c:v>
                </c:pt>
                <c:pt idx="6097">
                  <c:v>0.27253386973147248</c:v>
                </c:pt>
                <c:pt idx="6098">
                  <c:v>0.27253386973147248</c:v>
                </c:pt>
                <c:pt idx="6099">
                  <c:v>0.27253386973147248</c:v>
                </c:pt>
                <c:pt idx="6100">
                  <c:v>0.27253386973147248</c:v>
                </c:pt>
                <c:pt idx="6101">
                  <c:v>0.27253386973147248</c:v>
                </c:pt>
                <c:pt idx="6102">
                  <c:v>0.27253386973147248</c:v>
                </c:pt>
                <c:pt idx="6103">
                  <c:v>1.1489005945867385</c:v>
                </c:pt>
                <c:pt idx="6104">
                  <c:v>1.2819311897494134</c:v>
                </c:pt>
                <c:pt idx="6105">
                  <c:v>1.4149617849120888</c:v>
                </c:pt>
                <c:pt idx="6106">
                  <c:v>1.4149617849120888</c:v>
                </c:pt>
                <c:pt idx="6107">
                  <c:v>1.6931166657067727</c:v>
                </c:pt>
                <c:pt idx="6108">
                  <c:v>1.6931166657067727</c:v>
                </c:pt>
                <c:pt idx="6109">
                  <c:v>1.1247132136480704</c:v>
                </c:pt>
                <c:pt idx="6110">
                  <c:v>1.6931166657067727</c:v>
                </c:pt>
                <c:pt idx="6111">
                  <c:v>1.6931166657067727</c:v>
                </c:pt>
                <c:pt idx="6112">
                  <c:v>0.99772946372006255</c:v>
                </c:pt>
                <c:pt idx="6113">
                  <c:v>0.42583417145542574</c:v>
                </c:pt>
                <c:pt idx="6114">
                  <c:v>0.28105055316058097</c:v>
                </c:pt>
                <c:pt idx="6115">
                  <c:v>0.28105055316058097</c:v>
                </c:pt>
                <c:pt idx="6116">
                  <c:v>0.28105055316058097</c:v>
                </c:pt>
                <c:pt idx="6117">
                  <c:v>0.28105055316058097</c:v>
                </c:pt>
                <c:pt idx="6118">
                  <c:v>0.28105055316058097</c:v>
                </c:pt>
                <c:pt idx="6119">
                  <c:v>0.28105055316058097</c:v>
                </c:pt>
                <c:pt idx="6120">
                  <c:v>0.27823986980927967</c:v>
                </c:pt>
                <c:pt idx="6121">
                  <c:v>0.27823986980927967</c:v>
                </c:pt>
                <c:pt idx="6122">
                  <c:v>0.27823986980927967</c:v>
                </c:pt>
                <c:pt idx="6123">
                  <c:v>0.27823986980927967</c:v>
                </c:pt>
                <c:pt idx="6124">
                  <c:v>0.27823986980927967</c:v>
                </c:pt>
                <c:pt idx="6125">
                  <c:v>0.27823986980927967</c:v>
                </c:pt>
                <c:pt idx="6126">
                  <c:v>0.27823986980927967</c:v>
                </c:pt>
                <c:pt idx="6127">
                  <c:v>1.1374108617355096</c:v>
                </c:pt>
                <c:pt idx="6128">
                  <c:v>1.2691110667785688</c:v>
                </c:pt>
                <c:pt idx="6129">
                  <c:v>1.4008112718216279</c:v>
                </c:pt>
                <c:pt idx="6130">
                  <c:v>1.4008112718216279</c:v>
                </c:pt>
                <c:pt idx="6131">
                  <c:v>1.6761844278207512</c:v>
                </c:pt>
                <c:pt idx="6132">
                  <c:v>1.6761844278207512</c:v>
                </c:pt>
                <c:pt idx="6133">
                  <c:v>1.113465369909499</c:v>
                </c:pt>
                <c:pt idx="6134">
                  <c:v>1.6761844278207512</c:v>
                </c:pt>
                <c:pt idx="6135">
                  <c:v>1.6761844278207512</c:v>
                </c:pt>
                <c:pt idx="6136">
                  <c:v>0.98775153782294289</c:v>
                </c:pt>
                <c:pt idx="6137">
                  <c:v>0.42157556031709037</c:v>
                </c:pt>
                <c:pt idx="6138">
                  <c:v>0.27823986980927967</c:v>
                </c:pt>
                <c:pt idx="6139">
                  <c:v>0.27823986980927967</c:v>
                </c:pt>
                <c:pt idx="6140">
                  <c:v>0.27823986980927967</c:v>
                </c:pt>
                <c:pt idx="6141">
                  <c:v>0.27823986980927967</c:v>
                </c:pt>
                <c:pt idx="6142">
                  <c:v>0.27823986980927967</c:v>
                </c:pt>
                <c:pt idx="6143">
                  <c:v>0.27823986980927967</c:v>
                </c:pt>
                <c:pt idx="6144">
                  <c:v>0.2858547184849875</c:v>
                </c:pt>
                <c:pt idx="6145">
                  <c:v>0.2858547184849875</c:v>
                </c:pt>
                <c:pt idx="6146">
                  <c:v>0.2858547184849875</c:v>
                </c:pt>
                <c:pt idx="6147">
                  <c:v>0.2858547184849875</c:v>
                </c:pt>
                <c:pt idx="6148">
                  <c:v>0.2858547184849875</c:v>
                </c:pt>
                <c:pt idx="6149">
                  <c:v>0.2858547184849875</c:v>
                </c:pt>
                <c:pt idx="6150">
                  <c:v>0.2858547184849875</c:v>
                </c:pt>
                <c:pt idx="6151">
                  <c:v>1.1685394401098428</c:v>
                </c:pt>
                <c:pt idx="6152">
                  <c:v>1.3038440068594037</c:v>
                </c:pt>
                <c:pt idx="6153">
                  <c:v>1.4391485736089644</c:v>
                </c:pt>
                <c:pt idx="6154">
                  <c:v>1.4391485736089644</c:v>
                </c:pt>
                <c:pt idx="6155">
                  <c:v>1.7220581222671365</c:v>
                </c:pt>
                <c:pt idx="6156">
                  <c:v>1.7220581222671365</c:v>
                </c:pt>
                <c:pt idx="6157">
                  <c:v>1.1439386097917408</c:v>
                </c:pt>
                <c:pt idx="6158">
                  <c:v>1.7220581222671365</c:v>
                </c:pt>
                <c:pt idx="6159">
                  <c:v>1.7220581222671365</c:v>
                </c:pt>
                <c:pt idx="6160">
                  <c:v>1.0147842506217055</c:v>
                </c:pt>
                <c:pt idx="6161">
                  <c:v>0.4331132098257387</c:v>
                </c:pt>
                <c:pt idx="6162">
                  <c:v>0.2858547184849875</c:v>
                </c:pt>
                <c:pt idx="6163">
                  <c:v>0.2858547184849875</c:v>
                </c:pt>
                <c:pt idx="6164">
                  <c:v>0.2858547184849875</c:v>
                </c:pt>
                <c:pt idx="6165">
                  <c:v>0.2858547184849875</c:v>
                </c:pt>
                <c:pt idx="6166">
                  <c:v>0.2858547184849875</c:v>
                </c:pt>
                <c:pt idx="6167">
                  <c:v>0.2858547184849875</c:v>
                </c:pt>
                <c:pt idx="6168">
                  <c:v>0.44277754738303282</c:v>
                </c:pt>
                <c:pt idx="6169">
                  <c:v>0.2683500287169896</c:v>
                </c:pt>
                <c:pt idx="6170">
                  <c:v>0.2683500287169896</c:v>
                </c:pt>
                <c:pt idx="6171">
                  <c:v>0.2683500287169896</c:v>
                </c:pt>
                <c:pt idx="6172">
                  <c:v>0.2683500287169896</c:v>
                </c:pt>
                <c:pt idx="6173">
                  <c:v>0.2683500287169896</c:v>
                </c:pt>
                <c:pt idx="6174">
                  <c:v>0.2683500287169896</c:v>
                </c:pt>
                <c:pt idx="6175">
                  <c:v>1.1431711223343757</c:v>
                </c:pt>
                <c:pt idx="6176">
                  <c:v>1.4289639029179695</c:v>
                </c:pt>
                <c:pt idx="6177">
                  <c:v>1.5718602932097665</c:v>
                </c:pt>
                <c:pt idx="6178">
                  <c:v>1.5718602932097665</c:v>
                </c:pt>
                <c:pt idx="6179">
                  <c:v>1.8576530737933601</c:v>
                </c:pt>
                <c:pt idx="6180">
                  <c:v>1.8576530737933601</c:v>
                </c:pt>
                <c:pt idx="6181">
                  <c:v>1.2860675126261727</c:v>
                </c:pt>
                <c:pt idx="6182">
                  <c:v>1.8576530737933601</c:v>
                </c:pt>
                <c:pt idx="6183">
                  <c:v>1.4289639029179695</c:v>
                </c:pt>
                <c:pt idx="6184">
                  <c:v>0.67087507179247396</c:v>
                </c:pt>
                <c:pt idx="6185">
                  <c:v>0.44277754738303282</c:v>
                </c:pt>
                <c:pt idx="6186">
                  <c:v>0.28176753015283906</c:v>
                </c:pt>
                <c:pt idx="6187">
                  <c:v>0.2683500287169896</c:v>
                </c:pt>
                <c:pt idx="6188">
                  <c:v>0.2683500287169896</c:v>
                </c:pt>
                <c:pt idx="6189">
                  <c:v>0.2683500287169896</c:v>
                </c:pt>
                <c:pt idx="6190">
                  <c:v>0.2683500287169896</c:v>
                </c:pt>
                <c:pt idx="6191">
                  <c:v>0.2683500287169896</c:v>
                </c:pt>
                <c:pt idx="6192">
                  <c:v>0.12048389082806277</c:v>
                </c:pt>
                <c:pt idx="6193">
                  <c:v>0.1084355017452565</c:v>
                </c:pt>
                <c:pt idx="6194">
                  <c:v>0.1084355017452565</c:v>
                </c:pt>
                <c:pt idx="6195">
                  <c:v>0.1084355017452565</c:v>
                </c:pt>
                <c:pt idx="6196">
                  <c:v>0.1084355017452565</c:v>
                </c:pt>
                <c:pt idx="6197">
                  <c:v>0.1084355017452565</c:v>
                </c:pt>
                <c:pt idx="6198">
                  <c:v>0.1084355017452565</c:v>
                </c:pt>
                <c:pt idx="6199">
                  <c:v>0.1084355017452565</c:v>
                </c:pt>
                <c:pt idx="6200">
                  <c:v>0.1084355017452565</c:v>
                </c:pt>
                <c:pt idx="6201">
                  <c:v>0.1084355017452565</c:v>
                </c:pt>
                <c:pt idx="6202">
                  <c:v>0.1084355017452565</c:v>
                </c:pt>
                <c:pt idx="6203">
                  <c:v>0.1084355017452565</c:v>
                </c:pt>
                <c:pt idx="6204">
                  <c:v>0.1084355017452565</c:v>
                </c:pt>
                <c:pt idx="6205">
                  <c:v>0.1084355017452565</c:v>
                </c:pt>
                <c:pt idx="6206">
                  <c:v>0.1084355017452565</c:v>
                </c:pt>
                <c:pt idx="6207">
                  <c:v>0.1084355017452565</c:v>
                </c:pt>
                <c:pt idx="6208">
                  <c:v>0.1084355017452565</c:v>
                </c:pt>
                <c:pt idx="6209">
                  <c:v>0.1084355017452565</c:v>
                </c:pt>
                <c:pt idx="6210">
                  <c:v>0.1084355017452565</c:v>
                </c:pt>
                <c:pt idx="6211">
                  <c:v>0.1084355017452565</c:v>
                </c:pt>
                <c:pt idx="6212">
                  <c:v>0.1084355017452565</c:v>
                </c:pt>
                <c:pt idx="6213">
                  <c:v>0.1084355017452565</c:v>
                </c:pt>
                <c:pt idx="6214">
                  <c:v>0.1084355017452565</c:v>
                </c:pt>
                <c:pt idx="6215">
                  <c:v>0.1084355017452565</c:v>
                </c:pt>
                <c:pt idx="6216">
                  <c:v>0.10875150786550293</c:v>
                </c:pt>
                <c:pt idx="6217">
                  <c:v>0.10875150786550293</c:v>
                </c:pt>
                <c:pt idx="6218">
                  <c:v>0.10875150786550293</c:v>
                </c:pt>
                <c:pt idx="6219">
                  <c:v>0.10875150786550293</c:v>
                </c:pt>
                <c:pt idx="6220">
                  <c:v>0.10875150786550293</c:v>
                </c:pt>
                <c:pt idx="6221">
                  <c:v>0.10875150786550293</c:v>
                </c:pt>
                <c:pt idx="6222">
                  <c:v>0.10875150786550293</c:v>
                </c:pt>
                <c:pt idx="6223">
                  <c:v>0.10875150786550293</c:v>
                </c:pt>
                <c:pt idx="6224">
                  <c:v>0.10875150786550293</c:v>
                </c:pt>
                <c:pt idx="6225">
                  <c:v>0.10875150786550293</c:v>
                </c:pt>
                <c:pt idx="6226">
                  <c:v>0.10875150786550293</c:v>
                </c:pt>
                <c:pt idx="6227">
                  <c:v>0.10875150786550293</c:v>
                </c:pt>
                <c:pt idx="6228">
                  <c:v>0.10875150786550293</c:v>
                </c:pt>
                <c:pt idx="6229">
                  <c:v>0.10875150786550293</c:v>
                </c:pt>
                <c:pt idx="6230">
                  <c:v>0.10875150786550293</c:v>
                </c:pt>
                <c:pt idx="6231">
                  <c:v>0.10875150786550293</c:v>
                </c:pt>
                <c:pt idx="6232">
                  <c:v>0.10875150786550293</c:v>
                </c:pt>
                <c:pt idx="6233">
                  <c:v>0.10875150786550293</c:v>
                </c:pt>
                <c:pt idx="6234">
                  <c:v>0.10875150786550293</c:v>
                </c:pt>
                <c:pt idx="6235">
                  <c:v>0.10875150786550293</c:v>
                </c:pt>
                <c:pt idx="6236">
                  <c:v>0.10875150786550293</c:v>
                </c:pt>
                <c:pt idx="6237">
                  <c:v>0.10875150786550293</c:v>
                </c:pt>
                <c:pt idx="6238">
                  <c:v>0.10875150786550293</c:v>
                </c:pt>
                <c:pt idx="6239">
                  <c:v>0.10875150786550293</c:v>
                </c:pt>
                <c:pt idx="6240">
                  <c:v>0.27150709633562486</c:v>
                </c:pt>
                <c:pt idx="6241">
                  <c:v>0.27150709633562486</c:v>
                </c:pt>
                <c:pt idx="6242">
                  <c:v>0.27150709633562486</c:v>
                </c:pt>
                <c:pt idx="6243">
                  <c:v>0.27150709633562486</c:v>
                </c:pt>
                <c:pt idx="6244">
                  <c:v>0.27150709633562486</c:v>
                </c:pt>
                <c:pt idx="6245">
                  <c:v>0.27150709633562486</c:v>
                </c:pt>
                <c:pt idx="6246">
                  <c:v>0.27150709633562486</c:v>
                </c:pt>
                <c:pt idx="6247">
                  <c:v>1.1566202303897619</c:v>
                </c:pt>
                <c:pt idx="6248">
                  <c:v>1.3011977591884822</c:v>
                </c:pt>
                <c:pt idx="6249">
                  <c:v>1.4457752879872023</c:v>
                </c:pt>
                <c:pt idx="6250">
                  <c:v>1.4457752879872023</c:v>
                </c:pt>
                <c:pt idx="6251">
                  <c:v>1.7349303455846425</c:v>
                </c:pt>
                <c:pt idx="6252">
                  <c:v>1.7349303455846425</c:v>
                </c:pt>
                <c:pt idx="6253">
                  <c:v>1.1566202303897619</c:v>
                </c:pt>
                <c:pt idx="6254">
                  <c:v>1.7349303455846425</c:v>
                </c:pt>
                <c:pt idx="6255">
                  <c:v>1.7349303455846425</c:v>
                </c:pt>
                <c:pt idx="6256">
                  <c:v>1.0120427015910416</c:v>
                </c:pt>
                <c:pt idx="6257">
                  <c:v>0.28915505759744048</c:v>
                </c:pt>
                <c:pt idx="6258">
                  <c:v>0.2850824511524061</c:v>
                </c:pt>
                <c:pt idx="6259">
                  <c:v>0.2850824511524061</c:v>
                </c:pt>
                <c:pt idx="6260">
                  <c:v>0.2850824511524061</c:v>
                </c:pt>
                <c:pt idx="6261">
                  <c:v>0.2850824511524061</c:v>
                </c:pt>
                <c:pt idx="6262">
                  <c:v>0.2850824511524061</c:v>
                </c:pt>
                <c:pt idx="6263">
                  <c:v>0.2850824511524061</c:v>
                </c:pt>
                <c:pt idx="6264">
                  <c:v>0.18402471271327706</c:v>
                </c:pt>
                <c:pt idx="6265">
                  <c:v>0.28041860984880312</c:v>
                </c:pt>
                <c:pt idx="6266">
                  <c:v>0.28041860984880312</c:v>
                </c:pt>
                <c:pt idx="6267">
                  <c:v>0.28041860984880312</c:v>
                </c:pt>
                <c:pt idx="6268">
                  <c:v>0.28041860984880312</c:v>
                </c:pt>
                <c:pt idx="6269">
                  <c:v>0.28041860984880312</c:v>
                </c:pt>
                <c:pt idx="6270">
                  <c:v>0.28041860984880312</c:v>
                </c:pt>
                <c:pt idx="6271">
                  <c:v>1.1821397021438604</c:v>
                </c:pt>
                <c:pt idx="6272">
                  <c:v>1.3190190360763074</c:v>
                </c:pt>
                <c:pt idx="6273">
                  <c:v>1.4558983700087547</c:v>
                </c:pt>
                <c:pt idx="6274">
                  <c:v>1.4558983700087547</c:v>
                </c:pt>
                <c:pt idx="6275">
                  <c:v>1.7421006136856894</c:v>
                </c:pt>
                <c:pt idx="6276">
                  <c:v>1.7421006136856894</c:v>
                </c:pt>
                <c:pt idx="6277">
                  <c:v>1.1572525505197793</c:v>
                </c:pt>
                <c:pt idx="6278">
                  <c:v>1.7421006136856894</c:v>
                </c:pt>
                <c:pt idx="6279">
                  <c:v>1.7421006136856894</c:v>
                </c:pt>
                <c:pt idx="6280">
                  <c:v>1.0265950044933527</c:v>
                </c:pt>
                <c:pt idx="6281">
                  <c:v>0.43815407788875493</c:v>
                </c:pt>
                <c:pt idx="6282">
                  <c:v>0.28918169140657823</c:v>
                </c:pt>
                <c:pt idx="6283">
                  <c:v>0.28918169140657823</c:v>
                </c:pt>
                <c:pt idx="6284">
                  <c:v>0.28918169140657823</c:v>
                </c:pt>
                <c:pt idx="6285">
                  <c:v>0.28918169140657823</c:v>
                </c:pt>
                <c:pt idx="6286">
                  <c:v>0.28918169140657823</c:v>
                </c:pt>
                <c:pt idx="6287">
                  <c:v>0.28918169140657823</c:v>
                </c:pt>
                <c:pt idx="6288">
                  <c:v>0.28607868462250829</c:v>
                </c:pt>
                <c:pt idx="6289">
                  <c:v>0.28607868462250829</c:v>
                </c:pt>
                <c:pt idx="6290">
                  <c:v>0.28607868462250829</c:v>
                </c:pt>
                <c:pt idx="6291">
                  <c:v>0.28607868462250829</c:v>
                </c:pt>
                <c:pt idx="6292">
                  <c:v>0.28607868462250829</c:v>
                </c:pt>
                <c:pt idx="6293">
                  <c:v>0.28607868462250829</c:v>
                </c:pt>
                <c:pt idx="6294">
                  <c:v>0.28607868462250829</c:v>
                </c:pt>
                <c:pt idx="6295">
                  <c:v>1.1694549865326174</c:v>
                </c:pt>
                <c:pt idx="6296">
                  <c:v>1.3048655639206044</c:v>
                </c:pt>
                <c:pt idx="6297">
                  <c:v>1.4402761413085921</c:v>
                </c:pt>
                <c:pt idx="6298">
                  <c:v>1.4402761413085921</c:v>
                </c:pt>
                <c:pt idx="6299">
                  <c:v>1.7234073485743835</c:v>
                </c:pt>
                <c:pt idx="6300">
                  <c:v>1.7234073485743835</c:v>
                </c:pt>
                <c:pt idx="6301">
                  <c:v>1.1448348815529832</c:v>
                </c:pt>
                <c:pt idx="6302">
                  <c:v>1.7234073485743835</c:v>
                </c:pt>
                <c:pt idx="6303">
                  <c:v>1.7234073485743835</c:v>
                </c:pt>
                <c:pt idx="6304">
                  <c:v>1.0155793304099046</c:v>
                </c:pt>
                <c:pt idx="6305">
                  <c:v>0.43345255245834591</c:v>
                </c:pt>
                <c:pt idx="6306">
                  <c:v>0.28607868462250829</c:v>
                </c:pt>
                <c:pt idx="6307">
                  <c:v>0.28607868462250829</c:v>
                </c:pt>
                <c:pt idx="6308">
                  <c:v>0.28607868462250829</c:v>
                </c:pt>
                <c:pt idx="6309">
                  <c:v>0.28607868462250829</c:v>
                </c:pt>
                <c:pt idx="6310">
                  <c:v>0.28607868462250829</c:v>
                </c:pt>
                <c:pt idx="6311">
                  <c:v>0.28607868462250829</c:v>
                </c:pt>
                <c:pt idx="6312">
                  <c:v>0.28249522642217523</c:v>
                </c:pt>
                <c:pt idx="6313">
                  <c:v>0.28249522642217523</c:v>
                </c:pt>
                <c:pt idx="6314">
                  <c:v>0.28249522642217523</c:v>
                </c:pt>
                <c:pt idx="6315">
                  <c:v>0.28249522642217523</c:v>
                </c:pt>
                <c:pt idx="6316">
                  <c:v>0.28249522642217523</c:v>
                </c:pt>
                <c:pt idx="6317">
                  <c:v>0.28249522642217523</c:v>
                </c:pt>
                <c:pt idx="6318">
                  <c:v>0.28249522642217523</c:v>
                </c:pt>
                <c:pt idx="6319">
                  <c:v>1.1548062437682254</c:v>
                </c:pt>
                <c:pt idx="6320">
                  <c:v>1.288520650941388</c:v>
                </c:pt>
                <c:pt idx="6321">
                  <c:v>1.4222350581145511</c:v>
                </c:pt>
                <c:pt idx="6322">
                  <c:v>1.4222350581145511</c:v>
                </c:pt>
                <c:pt idx="6323">
                  <c:v>1.7018197276584373</c:v>
                </c:pt>
                <c:pt idx="6324">
                  <c:v>1.7018197276584373</c:v>
                </c:pt>
                <c:pt idx="6325">
                  <c:v>1.1304945333731047</c:v>
                </c:pt>
                <c:pt idx="6326">
                  <c:v>1.7018197276584373</c:v>
                </c:pt>
                <c:pt idx="6327">
                  <c:v>1.7018197276584373</c:v>
                </c:pt>
                <c:pt idx="6328">
                  <c:v>1.0028580537987219</c:v>
                </c:pt>
                <c:pt idx="6329">
                  <c:v>0.42802307033662917</c:v>
                </c:pt>
                <c:pt idx="6330">
                  <c:v>0.28249522642217523</c:v>
                </c:pt>
                <c:pt idx="6331">
                  <c:v>0.28249522642217523</c:v>
                </c:pt>
                <c:pt idx="6332">
                  <c:v>0.28249522642217523</c:v>
                </c:pt>
                <c:pt idx="6333">
                  <c:v>0.28249522642217523</c:v>
                </c:pt>
                <c:pt idx="6334">
                  <c:v>0.28249522642217523</c:v>
                </c:pt>
                <c:pt idx="6335">
                  <c:v>0.28249522642217523</c:v>
                </c:pt>
                <c:pt idx="6336">
                  <c:v>0.43456103615223901</c:v>
                </c:pt>
                <c:pt idx="6337">
                  <c:v>0.26337032494075091</c:v>
                </c:pt>
                <c:pt idx="6338">
                  <c:v>0.26337032494075091</c:v>
                </c:pt>
                <c:pt idx="6339">
                  <c:v>0.26337032494075091</c:v>
                </c:pt>
                <c:pt idx="6340">
                  <c:v>0.26337032494075091</c:v>
                </c:pt>
                <c:pt idx="6341">
                  <c:v>0.26337032494075091</c:v>
                </c:pt>
                <c:pt idx="6342">
                  <c:v>0.26337032494075091</c:v>
                </c:pt>
                <c:pt idx="6343">
                  <c:v>1.1219575842475988</c:v>
                </c:pt>
                <c:pt idx="6344">
                  <c:v>1.4024469803094985</c:v>
                </c:pt>
                <c:pt idx="6345">
                  <c:v>1.5426916783404483</c:v>
                </c:pt>
                <c:pt idx="6346">
                  <c:v>1.5426916783404483</c:v>
                </c:pt>
                <c:pt idx="6347">
                  <c:v>1.823181074402348</c:v>
                </c:pt>
                <c:pt idx="6348">
                  <c:v>1.823181074402348</c:v>
                </c:pt>
                <c:pt idx="6349">
                  <c:v>1.2622022822785486</c:v>
                </c:pt>
                <c:pt idx="6350">
                  <c:v>1.823181074402348</c:v>
                </c:pt>
                <c:pt idx="6351">
                  <c:v>1.4024469803094985</c:v>
                </c:pt>
                <c:pt idx="6352">
                  <c:v>0.65842581235187725</c:v>
                </c:pt>
                <c:pt idx="6353">
                  <c:v>0.43456103615223901</c:v>
                </c:pt>
                <c:pt idx="6354">
                  <c:v>0.27653884118778838</c:v>
                </c:pt>
                <c:pt idx="6355">
                  <c:v>0.26337032494075091</c:v>
                </c:pt>
                <c:pt idx="6356">
                  <c:v>0.26337032494075091</c:v>
                </c:pt>
                <c:pt idx="6357">
                  <c:v>0.26337032494075091</c:v>
                </c:pt>
                <c:pt idx="6358">
                  <c:v>0.26337032494075091</c:v>
                </c:pt>
                <c:pt idx="6359">
                  <c:v>0.26337032494075091</c:v>
                </c:pt>
                <c:pt idx="6360">
                  <c:v>0.12212969440295364</c:v>
                </c:pt>
                <c:pt idx="6361">
                  <c:v>0.10991672496265828</c:v>
                </c:pt>
                <c:pt idx="6362">
                  <c:v>0.10991672496265828</c:v>
                </c:pt>
                <c:pt idx="6363">
                  <c:v>0.10991672496265828</c:v>
                </c:pt>
                <c:pt idx="6364">
                  <c:v>0.10991672496265828</c:v>
                </c:pt>
                <c:pt idx="6365">
                  <c:v>0.10991672496265828</c:v>
                </c:pt>
                <c:pt idx="6366">
                  <c:v>0.10991672496265828</c:v>
                </c:pt>
                <c:pt idx="6367">
                  <c:v>0.10991672496265828</c:v>
                </c:pt>
                <c:pt idx="6368">
                  <c:v>0.10991672496265828</c:v>
                </c:pt>
                <c:pt idx="6369">
                  <c:v>0.10991672496265828</c:v>
                </c:pt>
                <c:pt idx="6370">
                  <c:v>0.10991672496265828</c:v>
                </c:pt>
                <c:pt idx="6371">
                  <c:v>0.10991672496265828</c:v>
                </c:pt>
                <c:pt idx="6372">
                  <c:v>0.10991672496265828</c:v>
                </c:pt>
                <c:pt idx="6373">
                  <c:v>0.10991672496265828</c:v>
                </c:pt>
                <c:pt idx="6374">
                  <c:v>0.10991672496265828</c:v>
                </c:pt>
                <c:pt idx="6375">
                  <c:v>0.10991672496265828</c:v>
                </c:pt>
                <c:pt idx="6376">
                  <c:v>0.10991672496265828</c:v>
                </c:pt>
                <c:pt idx="6377">
                  <c:v>0.10991672496265828</c:v>
                </c:pt>
                <c:pt idx="6378">
                  <c:v>0.10991672496265828</c:v>
                </c:pt>
                <c:pt idx="6379">
                  <c:v>0.10991672496265828</c:v>
                </c:pt>
                <c:pt idx="6380">
                  <c:v>0.10991672496265828</c:v>
                </c:pt>
                <c:pt idx="6381">
                  <c:v>0.10991672496265828</c:v>
                </c:pt>
                <c:pt idx="6382">
                  <c:v>0.10991672496265828</c:v>
                </c:pt>
                <c:pt idx="6383">
                  <c:v>0.10991672496265828</c:v>
                </c:pt>
                <c:pt idx="6384">
                  <c:v>0.11410667123205893</c:v>
                </c:pt>
                <c:pt idx="6385">
                  <c:v>0.11410667123205893</c:v>
                </c:pt>
                <c:pt idx="6386">
                  <c:v>0.11410667123205893</c:v>
                </c:pt>
                <c:pt idx="6387">
                  <c:v>0.11410667123205893</c:v>
                </c:pt>
                <c:pt idx="6388">
                  <c:v>0.11410667123205893</c:v>
                </c:pt>
                <c:pt idx="6389">
                  <c:v>0.11410667123205893</c:v>
                </c:pt>
                <c:pt idx="6390">
                  <c:v>0.11410667123205893</c:v>
                </c:pt>
                <c:pt idx="6391">
                  <c:v>0.11410667123205893</c:v>
                </c:pt>
                <c:pt idx="6392">
                  <c:v>0.11410667123205893</c:v>
                </c:pt>
                <c:pt idx="6393">
                  <c:v>0.11410667123205893</c:v>
                </c:pt>
                <c:pt idx="6394">
                  <c:v>0.11410667123205893</c:v>
                </c:pt>
                <c:pt idx="6395">
                  <c:v>0.11410667123205893</c:v>
                </c:pt>
                <c:pt idx="6396">
                  <c:v>0.11410667123205893</c:v>
                </c:pt>
                <c:pt idx="6397">
                  <c:v>0.11410667123205893</c:v>
                </c:pt>
                <c:pt idx="6398">
                  <c:v>0.11410667123205893</c:v>
                </c:pt>
                <c:pt idx="6399">
                  <c:v>0.11410667123205893</c:v>
                </c:pt>
                <c:pt idx="6400">
                  <c:v>0.11410667123205893</c:v>
                </c:pt>
                <c:pt idx="6401">
                  <c:v>0.11410667123205893</c:v>
                </c:pt>
                <c:pt idx="6402">
                  <c:v>0.11410667123205893</c:v>
                </c:pt>
                <c:pt idx="6403">
                  <c:v>0.11410667123205893</c:v>
                </c:pt>
                <c:pt idx="6404">
                  <c:v>0.11410667123205893</c:v>
                </c:pt>
                <c:pt idx="6405">
                  <c:v>0.11410667123205893</c:v>
                </c:pt>
                <c:pt idx="6406">
                  <c:v>0.11410667123205893</c:v>
                </c:pt>
                <c:pt idx="6407">
                  <c:v>0.11410667123205893</c:v>
                </c:pt>
                <c:pt idx="6408">
                  <c:v>0.28182295979695376</c:v>
                </c:pt>
                <c:pt idx="6409">
                  <c:v>0.28182295979695376</c:v>
                </c:pt>
                <c:pt idx="6410">
                  <c:v>0.28182295979695376</c:v>
                </c:pt>
                <c:pt idx="6411">
                  <c:v>0.28182295979695376</c:v>
                </c:pt>
                <c:pt idx="6412">
                  <c:v>0.28182295979695376</c:v>
                </c:pt>
                <c:pt idx="6413">
                  <c:v>0.28182295979695376</c:v>
                </c:pt>
                <c:pt idx="6414">
                  <c:v>0.28182295979695376</c:v>
                </c:pt>
                <c:pt idx="6415">
                  <c:v>1.2005658087350226</c:v>
                </c:pt>
                <c:pt idx="6416">
                  <c:v>1.3506365348269007</c:v>
                </c:pt>
                <c:pt idx="6417">
                  <c:v>1.5007072609187786</c:v>
                </c:pt>
                <c:pt idx="6418">
                  <c:v>1.5007072609187786</c:v>
                </c:pt>
                <c:pt idx="6419">
                  <c:v>1.8008487131025339</c:v>
                </c:pt>
                <c:pt idx="6420">
                  <c:v>1.8008487131025339</c:v>
                </c:pt>
                <c:pt idx="6421">
                  <c:v>1.2005658087350226</c:v>
                </c:pt>
                <c:pt idx="6422">
                  <c:v>1.8008487131025339</c:v>
                </c:pt>
                <c:pt idx="6423">
                  <c:v>1.8008487131025339</c:v>
                </c:pt>
                <c:pt idx="6424">
                  <c:v>1.0504950826431447</c:v>
                </c:pt>
                <c:pt idx="6425">
                  <c:v>0.30014145218375565</c:v>
                </c:pt>
                <c:pt idx="6426">
                  <c:v>0.29591410778680138</c:v>
                </c:pt>
                <c:pt idx="6427">
                  <c:v>0.29591410778680138</c:v>
                </c:pt>
                <c:pt idx="6428">
                  <c:v>0.29591410778680138</c:v>
                </c:pt>
                <c:pt idx="6429">
                  <c:v>0.29591410778680138</c:v>
                </c:pt>
                <c:pt idx="6430">
                  <c:v>0.29591410778680138</c:v>
                </c:pt>
                <c:pt idx="6431">
                  <c:v>0.29591410778680138</c:v>
                </c:pt>
                <c:pt idx="6432">
                  <c:v>0.18445590943844356</c:v>
                </c:pt>
                <c:pt idx="6433">
                  <c:v>0.28107567152524737</c:v>
                </c:pt>
                <c:pt idx="6434">
                  <c:v>0.28107567152524737</c:v>
                </c:pt>
                <c:pt idx="6435">
                  <c:v>0.28107567152524737</c:v>
                </c:pt>
                <c:pt idx="6436">
                  <c:v>0.28107567152524737</c:v>
                </c:pt>
                <c:pt idx="6437">
                  <c:v>0.28107567152524737</c:v>
                </c:pt>
                <c:pt idx="6438">
                  <c:v>0.28107567152524737</c:v>
                </c:pt>
                <c:pt idx="6439">
                  <c:v>1.1849096277736206</c:v>
                </c:pt>
                <c:pt idx="6440">
                  <c:v>1.322109689936882</c:v>
                </c:pt>
                <c:pt idx="6441">
                  <c:v>1.4593097521001437</c:v>
                </c:pt>
                <c:pt idx="6442">
                  <c:v>1.4593097521001437</c:v>
                </c:pt>
                <c:pt idx="6443">
                  <c:v>1.7461826093505992</c:v>
                </c:pt>
                <c:pt idx="6444">
                  <c:v>1.7461826093505992</c:v>
                </c:pt>
                <c:pt idx="6445">
                  <c:v>1.159964161925755</c:v>
                </c:pt>
                <c:pt idx="6446">
                  <c:v>1.7461826093505992</c:v>
                </c:pt>
                <c:pt idx="6447">
                  <c:v>1.7461826093505992</c:v>
                </c:pt>
                <c:pt idx="6448">
                  <c:v>1.0290004662244601</c:v>
                </c:pt>
                <c:pt idx="6449">
                  <c:v>0.43918073675819902</c:v>
                </c:pt>
                <c:pt idx="6450">
                  <c:v>0.28985928626041135</c:v>
                </c:pt>
                <c:pt idx="6451">
                  <c:v>0.28985928626041135</c:v>
                </c:pt>
                <c:pt idx="6452">
                  <c:v>0.28985928626041135</c:v>
                </c:pt>
                <c:pt idx="6453">
                  <c:v>0.28985928626041135</c:v>
                </c:pt>
                <c:pt idx="6454">
                  <c:v>0.28985928626041135</c:v>
                </c:pt>
                <c:pt idx="6455">
                  <c:v>0.28985928626041135</c:v>
                </c:pt>
                <c:pt idx="6456">
                  <c:v>0.28518282007242507</c:v>
                </c:pt>
                <c:pt idx="6457">
                  <c:v>0.28518282007242507</c:v>
                </c:pt>
                <c:pt idx="6458">
                  <c:v>0.28518282007242507</c:v>
                </c:pt>
                <c:pt idx="6459">
                  <c:v>0.28518282007242507</c:v>
                </c:pt>
                <c:pt idx="6460">
                  <c:v>0.28518282007242507</c:v>
                </c:pt>
                <c:pt idx="6461">
                  <c:v>0.28518282007242507</c:v>
                </c:pt>
                <c:pt idx="6462">
                  <c:v>0.28518282007242507</c:v>
                </c:pt>
                <c:pt idx="6463">
                  <c:v>1.1657928008415193</c:v>
                </c:pt>
                <c:pt idx="6464">
                  <c:v>1.3007793356758004</c:v>
                </c:pt>
                <c:pt idx="6465">
                  <c:v>1.4357658705100818</c:v>
                </c:pt>
                <c:pt idx="6466">
                  <c:v>1.4357658705100818</c:v>
                </c:pt>
                <c:pt idx="6467">
                  <c:v>1.7180104433453969</c:v>
                </c:pt>
                <c:pt idx="6468">
                  <c:v>1.7180104433453969</c:v>
                </c:pt>
                <c:pt idx="6469">
                  <c:v>1.1412497945080136</c:v>
                </c:pt>
                <c:pt idx="6470">
                  <c:v>1.7180104433453969</c:v>
                </c:pt>
                <c:pt idx="6471">
                  <c:v>1.7180104433453969</c:v>
                </c:pt>
                <c:pt idx="6472">
                  <c:v>1.0123990112571086</c:v>
                </c:pt>
                <c:pt idx="6473">
                  <c:v>0.43209518192791668</c:v>
                </c:pt>
                <c:pt idx="6474">
                  <c:v>0.28518282007242507</c:v>
                </c:pt>
                <c:pt idx="6475">
                  <c:v>0.28518282007242507</c:v>
                </c:pt>
                <c:pt idx="6476">
                  <c:v>0.28518282007242507</c:v>
                </c:pt>
                <c:pt idx="6477">
                  <c:v>0.28518282007242507</c:v>
                </c:pt>
                <c:pt idx="6478">
                  <c:v>0.28518282007242507</c:v>
                </c:pt>
                <c:pt idx="6479">
                  <c:v>0.28518282007242507</c:v>
                </c:pt>
                <c:pt idx="6480">
                  <c:v>0.28473488779738343</c:v>
                </c:pt>
                <c:pt idx="6481">
                  <c:v>0.28473488779738343</c:v>
                </c:pt>
                <c:pt idx="6482">
                  <c:v>0.28473488779738343</c:v>
                </c:pt>
                <c:pt idx="6483">
                  <c:v>0.28473488779738343</c:v>
                </c:pt>
                <c:pt idx="6484">
                  <c:v>0.28473488779738343</c:v>
                </c:pt>
                <c:pt idx="6485">
                  <c:v>0.28473488779738343</c:v>
                </c:pt>
                <c:pt idx="6486">
                  <c:v>0.28473488779738343</c:v>
                </c:pt>
                <c:pt idx="6487">
                  <c:v>1.1639617079959703</c:v>
                </c:pt>
                <c:pt idx="6488">
                  <c:v>1.2987362215533986</c:v>
                </c:pt>
                <c:pt idx="6489">
                  <c:v>1.4335107351108267</c:v>
                </c:pt>
                <c:pt idx="6490">
                  <c:v>1.4335107351108267</c:v>
                </c:pt>
                <c:pt idx="6491">
                  <c:v>1.7153119907309036</c:v>
                </c:pt>
                <c:pt idx="6492">
                  <c:v>1.7153119907309036</c:v>
                </c:pt>
                <c:pt idx="6493">
                  <c:v>1.1394572509855287</c:v>
                </c:pt>
                <c:pt idx="6494">
                  <c:v>1.7153119907309036</c:v>
                </c:pt>
                <c:pt idx="6495">
                  <c:v>1.7153119907309036</c:v>
                </c:pt>
                <c:pt idx="6496">
                  <c:v>1.010808851680711</c:v>
                </c:pt>
                <c:pt idx="6497">
                  <c:v>0.43141649666270215</c:v>
                </c:pt>
                <c:pt idx="6498">
                  <c:v>0.28473488779738343</c:v>
                </c:pt>
                <c:pt idx="6499">
                  <c:v>0.28473488779738343</c:v>
                </c:pt>
                <c:pt idx="6500">
                  <c:v>0.28473488779738343</c:v>
                </c:pt>
                <c:pt idx="6501">
                  <c:v>0.28473488779738343</c:v>
                </c:pt>
                <c:pt idx="6502">
                  <c:v>0.28473488779738343</c:v>
                </c:pt>
                <c:pt idx="6503">
                  <c:v>0.28473488779738343</c:v>
                </c:pt>
                <c:pt idx="6504">
                  <c:v>0.43901164640225226</c:v>
                </c:pt>
                <c:pt idx="6505">
                  <c:v>0.26606766448621355</c:v>
                </c:pt>
                <c:pt idx="6506">
                  <c:v>0.26606766448621355</c:v>
                </c:pt>
                <c:pt idx="6507">
                  <c:v>0.26606766448621355</c:v>
                </c:pt>
                <c:pt idx="6508">
                  <c:v>0.26606766448621355</c:v>
                </c:pt>
                <c:pt idx="6509">
                  <c:v>0.26606766448621355</c:v>
                </c:pt>
                <c:pt idx="6510">
                  <c:v>0.26606766448621355</c:v>
                </c:pt>
                <c:pt idx="6511">
                  <c:v>1.1334482507112695</c:v>
                </c:pt>
                <c:pt idx="6512">
                  <c:v>1.416810313389087</c:v>
                </c:pt>
                <c:pt idx="6513">
                  <c:v>1.558491344727996</c:v>
                </c:pt>
                <c:pt idx="6514">
                  <c:v>1.558491344727996</c:v>
                </c:pt>
                <c:pt idx="6515">
                  <c:v>1.841853407405813</c:v>
                </c:pt>
                <c:pt idx="6516">
                  <c:v>1.841853407405813</c:v>
                </c:pt>
                <c:pt idx="6517">
                  <c:v>1.2751292820501783</c:v>
                </c:pt>
                <c:pt idx="6518">
                  <c:v>1.841853407405813</c:v>
                </c:pt>
                <c:pt idx="6519">
                  <c:v>1.416810313389087</c:v>
                </c:pt>
                <c:pt idx="6520">
                  <c:v>0.66516916121553382</c:v>
                </c:pt>
                <c:pt idx="6521">
                  <c:v>0.43901164640225226</c:v>
                </c:pt>
                <c:pt idx="6522">
                  <c:v>0.27937104771052418</c:v>
                </c:pt>
                <c:pt idx="6523">
                  <c:v>0.26606766448621355</c:v>
                </c:pt>
                <c:pt idx="6524">
                  <c:v>0.26606766448621355</c:v>
                </c:pt>
                <c:pt idx="6525">
                  <c:v>0.26606766448621355</c:v>
                </c:pt>
                <c:pt idx="6526">
                  <c:v>0.26606766448621355</c:v>
                </c:pt>
                <c:pt idx="6527">
                  <c:v>0.26606766448621355</c:v>
                </c:pt>
                <c:pt idx="6528">
                  <c:v>0.12130679261550821</c:v>
                </c:pt>
                <c:pt idx="6529">
                  <c:v>0.10917611335395738</c:v>
                </c:pt>
                <c:pt idx="6530">
                  <c:v>0.10917611335395738</c:v>
                </c:pt>
                <c:pt idx="6531">
                  <c:v>0.10917611335395738</c:v>
                </c:pt>
                <c:pt idx="6532">
                  <c:v>0.10917611335395738</c:v>
                </c:pt>
                <c:pt idx="6533">
                  <c:v>0.10917611335395738</c:v>
                </c:pt>
                <c:pt idx="6534">
                  <c:v>0.10917611335395738</c:v>
                </c:pt>
                <c:pt idx="6535">
                  <c:v>0.10917611335395738</c:v>
                </c:pt>
                <c:pt idx="6536">
                  <c:v>0.10917611335395738</c:v>
                </c:pt>
                <c:pt idx="6537">
                  <c:v>0.10917611335395738</c:v>
                </c:pt>
                <c:pt idx="6538">
                  <c:v>0.10917611335395738</c:v>
                </c:pt>
                <c:pt idx="6539">
                  <c:v>0.10917611335395738</c:v>
                </c:pt>
                <c:pt idx="6540">
                  <c:v>0.10917611335395738</c:v>
                </c:pt>
                <c:pt idx="6541">
                  <c:v>0.10917611335395738</c:v>
                </c:pt>
                <c:pt idx="6542">
                  <c:v>0.10917611335395738</c:v>
                </c:pt>
                <c:pt idx="6543">
                  <c:v>0.10917611335395738</c:v>
                </c:pt>
                <c:pt idx="6544">
                  <c:v>0.10917611335395738</c:v>
                </c:pt>
                <c:pt idx="6545">
                  <c:v>0.10917611335395738</c:v>
                </c:pt>
                <c:pt idx="6546">
                  <c:v>0.10917611335395738</c:v>
                </c:pt>
                <c:pt idx="6547">
                  <c:v>0.10917611335395738</c:v>
                </c:pt>
                <c:pt idx="6548">
                  <c:v>0.10917611335395738</c:v>
                </c:pt>
                <c:pt idx="6549">
                  <c:v>0.10917611335395738</c:v>
                </c:pt>
                <c:pt idx="6550">
                  <c:v>0.10917611335395738</c:v>
                </c:pt>
                <c:pt idx="6551">
                  <c:v>0.10917611335395738</c:v>
                </c:pt>
                <c:pt idx="6552">
                  <c:v>0.10994197245134066</c:v>
                </c:pt>
                <c:pt idx="6553">
                  <c:v>0.10994197245134066</c:v>
                </c:pt>
                <c:pt idx="6554">
                  <c:v>0.10994197245134066</c:v>
                </c:pt>
                <c:pt idx="6555">
                  <c:v>0.10994197245134066</c:v>
                </c:pt>
                <c:pt idx="6556">
                  <c:v>0.10994197245134066</c:v>
                </c:pt>
                <c:pt idx="6557">
                  <c:v>0.10994197245134066</c:v>
                </c:pt>
                <c:pt idx="6558">
                  <c:v>0.10994197245134066</c:v>
                </c:pt>
                <c:pt idx="6559">
                  <c:v>0.10994197245134066</c:v>
                </c:pt>
                <c:pt idx="6560">
                  <c:v>0.10994197245134066</c:v>
                </c:pt>
                <c:pt idx="6561">
                  <c:v>0.10994197245134066</c:v>
                </c:pt>
                <c:pt idx="6562">
                  <c:v>0.10994197245134066</c:v>
                </c:pt>
                <c:pt idx="6563">
                  <c:v>0.10994197245134066</c:v>
                </c:pt>
                <c:pt idx="6564">
                  <c:v>0.10994197245134066</c:v>
                </c:pt>
                <c:pt idx="6565">
                  <c:v>0.10994197245134066</c:v>
                </c:pt>
                <c:pt idx="6566">
                  <c:v>0.10994197245134066</c:v>
                </c:pt>
                <c:pt idx="6567">
                  <c:v>0.10994197245134066</c:v>
                </c:pt>
                <c:pt idx="6568">
                  <c:v>0.10994197245134066</c:v>
                </c:pt>
                <c:pt idx="6569">
                  <c:v>0.10994197245134066</c:v>
                </c:pt>
                <c:pt idx="6570">
                  <c:v>0.10994197245134066</c:v>
                </c:pt>
                <c:pt idx="6571">
                  <c:v>0.10994197245134066</c:v>
                </c:pt>
                <c:pt idx="6572">
                  <c:v>0.10994197245134066</c:v>
                </c:pt>
                <c:pt idx="6573">
                  <c:v>0.10994197245134066</c:v>
                </c:pt>
                <c:pt idx="6574">
                  <c:v>0.10994197245134066</c:v>
                </c:pt>
                <c:pt idx="6575">
                  <c:v>0.10994197245134066</c:v>
                </c:pt>
                <c:pt idx="6576">
                  <c:v>0.27666502806628929</c:v>
                </c:pt>
                <c:pt idx="6577">
                  <c:v>0.27666502806628929</c:v>
                </c:pt>
                <c:pt idx="6578">
                  <c:v>0.27666502806628929</c:v>
                </c:pt>
                <c:pt idx="6579">
                  <c:v>0.27666502806628929</c:v>
                </c:pt>
                <c:pt idx="6580">
                  <c:v>0.27666502806628929</c:v>
                </c:pt>
                <c:pt idx="6581">
                  <c:v>0.27666502806628929</c:v>
                </c:pt>
                <c:pt idx="6582">
                  <c:v>0.27666502806628929</c:v>
                </c:pt>
                <c:pt idx="6583">
                  <c:v>1.1785930195623924</c:v>
                </c:pt>
                <c:pt idx="6584">
                  <c:v>1.3259171470076914</c:v>
                </c:pt>
                <c:pt idx="6585">
                  <c:v>1.4732412744529901</c:v>
                </c:pt>
                <c:pt idx="6586">
                  <c:v>1.4732412744529901</c:v>
                </c:pt>
                <c:pt idx="6587">
                  <c:v>1.7678895293435877</c:v>
                </c:pt>
                <c:pt idx="6588">
                  <c:v>1.7678895293435877</c:v>
                </c:pt>
                <c:pt idx="6589">
                  <c:v>1.1785930195623924</c:v>
                </c:pt>
                <c:pt idx="6590">
                  <c:v>1.7678895293435877</c:v>
                </c:pt>
                <c:pt idx="6591">
                  <c:v>1.7678895293435877</c:v>
                </c:pt>
                <c:pt idx="6592">
                  <c:v>1.0312688921170932</c:v>
                </c:pt>
                <c:pt idx="6593">
                  <c:v>0.29464825489059809</c:v>
                </c:pt>
                <c:pt idx="6594">
                  <c:v>0.29049827946960372</c:v>
                </c:pt>
                <c:pt idx="6595">
                  <c:v>0.29049827946960372</c:v>
                </c:pt>
                <c:pt idx="6596">
                  <c:v>0.29049827946960372</c:v>
                </c:pt>
                <c:pt idx="6597">
                  <c:v>0.29049827946960372</c:v>
                </c:pt>
                <c:pt idx="6598">
                  <c:v>0.29049827946960372</c:v>
                </c:pt>
                <c:pt idx="6599">
                  <c:v>0.29049827946960372</c:v>
                </c:pt>
                <c:pt idx="6600">
                  <c:v>0.18488710616361012</c:v>
                </c:pt>
                <c:pt idx="6601">
                  <c:v>0.28173273320169162</c:v>
                </c:pt>
                <c:pt idx="6602">
                  <c:v>0.28173273320169162</c:v>
                </c:pt>
                <c:pt idx="6603">
                  <c:v>0.28173273320169162</c:v>
                </c:pt>
                <c:pt idx="6604">
                  <c:v>0.28173273320169162</c:v>
                </c:pt>
                <c:pt idx="6605">
                  <c:v>0.28173273320169162</c:v>
                </c:pt>
                <c:pt idx="6606">
                  <c:v>0.28173273320169162</c:v>
                </c:pt>
                <c:pt idx="6607">
                  <c:v>1.1876795534033813</c:v>
                </c:pt>
                <c:pt idx="6608">
                  <c:v>1.3252003437974569</c:v>
                </c:pt>
                <c:pt idx="6609">
                  <c:v>1.4627211341915327</c:v>
                </c:pt>
                <c:pt idx="6610">
                  <c:v>1.4627211341915327</c:v>
                </c:pt>
                <c:pt idx="6611">
                  <c:v>1.7502646050155091</c:v>
                </c:pt>
                <c:pt idx="6612">
                  <c:v>1.7502646050155091</c:v>
                </c:pt>
                <c:pt idx="6613">
                  <c:v>1.1626757733317312</c:v>
                </c:pt>
                <c:pt idx="6614">
                  <c:v>1.7502646050155091</c:v>
                </c:pt>
                <c:pt idx="6615">
                  <c:v>1.7502646050155091</c:v>
                </c:pt>
                <c:pt idx="6616">
                  <c:v>1.0314059279555678</c:v>
                </c:pt>
                <c:pt idx="6617">
                  <c:v>0.44020739562764316</c:v>
                </c:pt>
                <c:pt idx="6618">
                  <c:v>0.29053688111424447</c:v>
                </c:pt>
                <c:pt idx="6619">
                  <c:v>0.29053688111424447</c:v>
                </c:pt>
                <c:pt idx="6620">
                  <c:v>0.29053688111424447</c:v>
                </c:pt>
                <c:pt idx="6621">
                  <c:v>0.29053688111424447</c:v>
                </c:pt>
                <c:pt idx="6622">
                  <c:v>0.29053688111424447</c:v>
                </c:pt>
                <c:pt idx="6623">
                  <c:v>0.29053688111424447</c:v>
                </c:pt>
                <c:pt idx="6624">
                  <c:v>0.28921421054779983</c:v>
                </c:pt>
                <c:pt idx="6625">
                  <c:v>0.28921421054779983</c:v>
                </c:pt>
                <c:pt idx="6626">
                  <c:v>0.28921421054779983</c:v>
                </c:pt>
                <c:pt idx="6627">
                  <c:v>0.28921421054779983</c:v>
                </c:pt>
                <c:pt idx="6628">
                  <c:v>0.28921421054779983</c:v>
                </c:pt>
                <c:pt idx="6629">
                  <c:v>0.28921421054779983</c:v>
                </c:pt>
                <c:pt idx="6630">
                  <c:v>0.28921421054779983</c:v>
                </c:pt>
                <c:pt idx="6631">
                  <c:v>1.1822726364514604</c:v>
                </c:pt>
                <c:pt idx="6632">
                  <c:v>1.319167362777419</c:v>
                </c:pt>
                <c:pt idx="6633">
                  <c:v>1.4560620891033775</c:v>
                </c:pt>
                <c:pt idx="6634">
                  <c:v>1.4560620891033775</c:v>
                </c:pt>
                <c:pt idx="6635">
                  <c:v>1.742296516875836</c:v>
                </c:pt>
                <c:pt idx="6636">
                  <c:v>1.742296516875836</c:v>
                </c:pt>
                <c:pt idx="6637">
                  <c:v>1.1573826862103769</c:v>
                </c:pt>
                <c:pt idx="6638">
                  <c:v>1.742296516875836</c:v>
                </c:pt>
                <c:pt idx="6639">
                  <c:v>1.742296516875836</c:v>
                </c:pt>
                <c:pt idx="6640">
                  <c:v>1.0267104474446891</c:v>
                </c:pt>
                <c:pt idx="6641">
                  <c:v>0.43820334931484822</c:v>
                </c:pt>
                <c:pt idx="6642">
                  <c:v>0.28921421054779983</c:v>
                </c:pt>
                <c:pt idx="6643">
                  <c:v>0.28921421054779983</c:v>
                </c:pt>
                <c:pt idx="6644">
                  <c:v>0.28921421054779983</c:v>
                </c:pt>
                <c:pt idx="6645">
                  <c:v>0.28921421054779983</c:v>
                </c:pt>
                <c:pt idx="6646">
                  <c:v>0.28921421054779983</c:v>
                </c:pt>
                <c:pt idx="6647">
                  <c:v>0.28921421054779983</c:v>
                </c:pt>
                <c:pt idx="6648">
                  <c:v>0.29727699149854925</c:v>
                </c:pt>
                <c:pt idx="6649">
                  <c:v>0.29727699149854925</c:v>
                </c:pt>
                <c:pt idx="6650">
                  <c:v>0.29727699149854925</c:v>
                </c:pt>
                <c:pt idx="6651">
                  <c:v>0.29727699149854925</c:v>
                </c:pt>
                <c:pt idx="6652">
                  <c:v>0.29727699149854925</c:v>
                </c:pt>
                <c:pt idx="6653">
                  <c:v>0.29727699149854925</c:v>
                </c:pt>
                <c:pt idx="6654">
                  <c:v>0.29727699149854925</c:v>
                </c:pt>
                <c:pt idx="6655">
                  <c:v>1.215232307671342</c:v>
                </c:pt>
                <c:pt idx="6656">
                  <c:v>1.3559434169806557</c:v>
                </c:pt>
                <c:pt idx="6657">
                  <c:v>1.4966545262899691</c:v>
                </c:pt>
                <c:pt idx="6658">
                  <c:v>1.4966545262899691</c:v>
                </c:pt>
                <c:pt idx="6659">
                  <c:v>1.7908686639367148</c:v>
                </c:pt>
                <c:pt idx="6660">
                  <c:v>1.7908686639367148</c:v>
                </c:pt>
                <c:pt idx="6661">
                  <c:v>1.1896484696151035</c:v>
                </c:pt>
                <c:pt idx="6662">
                  <c:v>1.7908686639367148</c:v>
                </c:pt>
                <c:pt idx="6663">
                  <c:v>1.7908686639367148</c:v>
                </c:pt>
                <c:pt idx="6664">
                  <c:v>1.0553333198198498</c:v>
                </c:pt>
                <c:pt idx="6665">
                  <c:v>0.45041968408871103</c:v>
                </c:pt>
                <c:pt idx="6666">
                  <c:v>0.29727699149854925</c:v>
                </c:pt>
                <c:pt idx="6667">
                  <c:v>0.29727699149854925</c:v>
                </c:pt>
                <c:pt idx="6668">
                  <c:v>0.29727699149854925</c:v>
                </c:pt>
                <c:pt idx="6669">
                  <c:v>0.29727699149854925</c:v>
                </c:pt>
                <c:pt idx="6670">
                  <c:v>0.29727699149854925</c:v>
                </c:pt>
                <c:pt idx="6671">
                  <c:v>0.29727699149854925</c:v>
                </c:pt>
                <c:pt idx="6672">
                  <c:v>0.45167876788305927</c:v>
                </c:pt>
                <c:pt idx="6673">
                  <c:v>0.27374470780791477</c:v>
                </c:pt>
                <c:pt idx="6674">
                  <c:v>0.27374470780791477</c:v>
                </c:pt>
                <c:pt idx="6675">
                  <c:v>0.27374470780791477</c:v>
                </c:pt>
                <c:pt idx="6676">
                  <c:v>0.27374470780791477</c:v>
                </c:pt>
                <c:pt idx="6677">
                  <c:v>0.27374470780791477</c:v>
                </c:pt>
                <c:pt idx="6678">
                  <c:v>0.27374470780791477</c:v>
                </c:pt>
                <c:pt idx="6679">
                  <c:v>1.1661524552617168</c:v>
                </c:pt>
                <c:pt idx="6680">
                  <c:v>1.4576905690771458</c:v>
                </c:pt>
                <c:pt idx="6681">
                  <c:v>1.6034596259848606</c:v>
                </c:pt>
                <c:pt idx="6682">
                  <c:v>1.6034596259848606</c:v>
                </c:pt>
                <c:pt idx="6683">
                  <c:v>1.8949977398002895</c:v>
                </c:pt>
                <c:pt idx="6684">
                  <c:v>1.8949977398002895</c:v>
                </c:pt>
                <c:pt idx="6685">
                  <c:v>1.3119215121694314</c:v>
                </c:pt>
                <c:pt idx="6686">
                  <c:v>1.8949977398002895</c:v>
                </c:pt>
                <c:pt idx="6687">
                  <c:v>1.4576905690771458</c:v>
                </c:pt>
                <c:pt idx="6688">
                  <c:v>0.68436176951978689</c:v>
                </c:pt>
                <c:pt idx="6689">
                  <c:v>0.45167876788305927</c:v>
                </c:pt>
                <c:pt idx="6690">
                  <c:v>0.28743194319831045</c:v>
                </c:pt>
                <c:pt idx="6691">
                  <c:v>0.27374470780791477</c:v>
                </c:pt>
                <c:pt idx="6692">
                  <c:v>0.27374470780791477</c:v>
                </c:pt>
                <c:pt idx="6693">
                  <c:v>0.27374470780791477</c:v>
                </c:pt>
                <c:pt idx="6694">
                  <c:v>0.27374470780791477</c:v>
                </c:pt>
                <c:pt idx="6695">
                  <c:v>0.27374470780791477</c:v>
                </c:pt>
                <c:pt idx="6696">
                  <c:v>0.12175938859860319</c:v>
                </c:pt>
                <c:pt idx="6697">
                  <c:v>0.10958344973874287</c:v>
                </c:pt>
                <c:pt idx="6698">
                  <c:v>0.10958344973874287</c:v>
                </c:pt>
                <c:pt idx="6699">
                  <c:v>0.10958344973874287</c:v>
                </c:pt>
                <c:pt idx="6700">
                  <c:v>0.10958344973874287</c:v>
                </c:pt>
                <c:pt idx="6701">
                  <c:v>0.10958344973874287</c:v>
                </c:pt>
                <c:pt idx="6702">
                  <c:v>0.10958344973874287</c:v>
                </c:pt>
                <c:pt idx="6703">
                  <c:v>0.10958344973874287</c:v>
                </c:pt>
                <c:pt idx="6704">
                  <c:v>0.10958344973874287</c:v>
                </c:pt>
                <c:pt idx="6705">
                  <c:v>0.10958344973874287</c:v>
                </c:pt>
                <c:pt idx="6706">
                  <c:v>0.10958344973874287</c:v>
                </c:pt>
                <c:pt idx="6707">
                  <c:v>0.10958344973874287</c:v>
                </c:pt>
                <c:pt idx="6708">
                  <c:v>0.10958344973874287</c:v>
                </c:pt>
                <c:pt idx="6709">
                  <c:v>0.10958344973874287</c:v>
                </c:pt>
                <c:pt idx="6710">
                  <c:v>0.10958344973874287</c:v>
                </c:pt>
                <c:pt idx="6711">
                  <c:v>0.10958344973874287</c:v>
                </c:pt>
                <c:pt idx="6712">
                  <c:v>0.10958344973874287</c:v>
                </c:pt>
                <c:pt idx="6713">
                  <c:v>0.10958344973874287</c:v>
                </c:pt>
                <c:pt idx="6714">
                  <c:v>0.10958344973874287</c:v>
                </c:pt>
                <c:pt idx="6715">
                  <c:v>0.10958344973874287</c:v>
                </c:pt>
                <c:pt idx="6716">
                  <c:v>0.10958344973874287</c:v>
                </c:pt>
                <c:pt idx="6717">
                  <c:v>0.10958344973874287</c:v>
                </c:pt>
                <c:pt idx="6718">
                  <c:v>0.10958344973874287</c:v>
                </c:pt>
                <c:pt idx="6719">
                  <c:v>0.10958344973874287</c:v>
                </c:pt>
                <c:pt idx="6720">
                  <c:v>0.11094642694564126</c:v>
                </c:pt>
                <c:pt idx="6721">
                  <c:v>0.11094642694564126</c:v>
                </c:pt>
                <c:pt idx="6722">
                  <c:v>0.11094642694564126</c:v>
                </c:pt>
                <c:pt idx="6723">
                  <c:v>0.11094642694564126</c:v>
                </c:pt>
                <c:pt idx="6724">
                  <c:v>0.11094642694564126</c:v>
                </c:pt>
                <c:pt idx="6725">
                  <c:v>0.11094642694564126</c:v>
                </c:pt>
                <c:pt idx="6726">
                  <c:v>0.11094642694564126</c:v>
                </c:pt>
                <c:pt idx="6727">
                  <c:v>0.11094642694564126</c:v>
                </c:pt>
                <c:pt idx="6728">
                  <c:v>0.11094642694564126</c:v>
                </c:pt>
                <c:pt idx="6729">
                  <c:v>0.11094642694564126</c:v>
                </c:pt>
                <c:pt idx="6730">
                  <c:v>0.11094642694564126</c:v>
                </c:pt>
                <c:pt idx="6731">
                  <c:v>0.11094642694564126</c:v>
                </c:pt>
                <c:pt idx="6732">
                  <c:v>0.11094642694564126</c:v>
                </c:pt>
                <c:pt idx="6733">
                  <c:v>0.11094642694564126</c:v>
                </c:pt>
                <c:pt idx="6734">
                  <c:v>0.11094642694564126</c:v>
                </c:pt>
                <c:pt idx="6735">
                  <c:v>0.11094642694564126</c:v>
                </c:pt>
                <c:pt idx="6736">
                  <c:v>0.11094642694564126</c:v>
                </c:pt>
                <c:pt idx="6737">
                  <c:v>0.11094642694564126</c:v>
                </c:pt>
                <c:pt idx="6738">
                  <c:v>0.11094642694564126</c:v>
                </c:pt>
                <c:pt idx="6739">
                  <c:v>0.11094642694564126</c:v>
                </c:pt>
                <c:pt idx="6740">
                  <c:v>0.11094642694564126</c:v>
                </c:pt>
                <c:pt idx="6741">
                  <c:v>0.11094642694564126</c:v>
                </c:pt>
                <c:pt idx="6742">
                  <c:v>0.11094642694564126</c:v>
                </c:pt>
                <c:pt idx="6743">
                  <c:v>0.11094642694564126</c:v>
                </c:pt>
                <c:pt idx="6744">
                  <c:v>0.28913002974872831</c:v>
                </c:pt>
                <c:pt idx="6745">
                  <c:v>0.28913002974872831</c:v>
                </c:pt>
                <c:pt idx="6746">
                  <c:v>0.28913002974872831</c:v>
                </c:pt>
                <c:pt idx="6747">
                  <c:v>0.28913002974872831</c:v>
                </c:pt>
                <c:pt idx="6748">
                  <c:v>0.28913002974872831</c:v>
                </c:pt>
                <c:pt idx="6749">
                  <c:v>0.28913002974872831</c:v>
                </c:pt>
                <c:pt idx="6750">
                  <c:v>0.28913002974872831</c:v>
                </c:pt>
                <c:pt idx="6751">
                  <c:v>1.2316939267295826</c:v>
                </c:pt>
                <c:pt idx="6752">
                  <c:v>1.3856556675707803</c:v>
                </c:pt>
                <c:pt idx="6753">
                  <c:v>1.5396174084119782</c:v>
                </c:pt>
                <c:pt idx="6754">
                  <c:v>1.5396174084119782</c:v>
                </c:pt>
                <c:pt idx="6755">
                  <c:v>1.8475408900943737</c:v>
                </c:pt>
                <c:pt idx="6756">
                  <c:v>1.8475408900943737</c:v>
                </c:pt>
                <c:pt idx="6757">
                  <c:v>1.2316939267295826</c:v>
                </c:pt>
                <c:pt idx="6758">
                  <c:v>1.8475408900943737</c:v>
                </c:pt>
                <c:pt idx="6759">
                  <c:v>1.8475408900943737</c:v>
                </c:pt>
                <c:pt idx="6760">
                  <c:v>1.0777321858883844</c:v>
                </c:pt>
                <c:pt idx="6761">
                  <c:v>0.30792348168239564</c:v>
                </c:pt>
                <c:pt idx="6762">
                  <c:v>0.30358653123616469</c:v>
                </c:pt>
                <c:pt idx="6763">
                  <c:v>0.30358653123616469</c:v>
                </c:pt>
                <c:pt idx="6764">
                  <c:v>0.30358653123616469</c:v>
                </c:pt>
                <c:pt idx="6765">
                  <c:v>0.30358653123616469</c:v>
                </c:pt>
                <c:pt idx="6766">
                  <c:v>0.30358653123616469</c:v>
                </c:pt>
                <c:pt idx="6767">
                  <c:v>0.30358653123616469</c:v>
                </c:pt>
                <c:pt idx="6768">
                  <c:v>0.1903489313490527</c:v>
                </c:pt>
                <c:pt idx="6769">
                  <c:v>0.29005551443665178</c:v>
                </c:pt>
                <c:pt idx="6770">
                  <c:v>0.29005551443665178</c:v>
                </c:pt>
                <c:pt idx="6771">
                  <c:v>0.29005551443665178</c:v>
                </c:pt>
                <c:pt idx="6772">
                  <c:v>0.29005551443665178</c:v>
                </c:pt>
                <c:pt idx="6773">
                  <c:v>0.29005551443665178</c:v>
                </c:pt>
                <c:pt idx="6774">
                  <c:v>0.29005551443665178</c:v>
                </c:pt>
                <c:pt idx="6775">
                  <c:v>1.22276527804701</c:v>
                </c:pt>
                <c:pt idx="6776">
                  <c:v>1.3643486260314008</c:v>
                </c:pt>
                <c:pt idx="6777">
                  <c:v>1.5059319740157915</c:v>
                </c:pt>
                <c:pt idx="6778">
                  <c:v>1.5059319740157915</c:v>
                </c:pt>
                <c:pt idx="6779">
                  <c:v>1.8019698834376991</c:v>
                </c:pt>
                <c:pt idx="6780">
                  <c:v>1.8019698834376991</c:v>
                </c:pt>
                <c:pt idx="6781">
                  <c:v>1.1970228511407572</c:v>
                </c:pt>
                <c:pt idx="6782">
                  <c:v>1.8019698834376991</c:v>
                </c:pt>
                <c:pt idx="6783">
                  <c:v>1.8019698834376991</c:v>
                </c:pt>
                <c:pt idx="6784">
                  <c:v>1.0618751098829298</c:v>
                </c:pt>
                <c:pt idx="6785">
                  <c:v>0.45321174130726843</c:v>
                </c:pt>
                <c:pt idx="6786">
                  <c:v>0.29911974926279716</c:v>
                </c:pt>
                <c:pt idx="6787">
                  <c:v>0.29911974926279716</c:v>
                </c:pt>
                <c:pt idx="6788">
                  <c:v>0.29911974926279716</c:v>
                </c:pt>
                <c:pt idx="6789">
                  <c:v>0.29911974926279716</c:v>
                </c:pt>
                <c:pt idx="6790">
                  <c:v>0.29911974926279716</c:v>
                </c:pt>
                <c:pt idx="6791">
                  <c:v>0.29911974926279716</c:v>
                </c:pt>
                <c:pt idx="6792">
                  <c:v>0.29346956716069533</c:v>
                </c:pt>
                <c:pt idx="6793">
                  <c:v>0.29346956716069533</c:v>
                </c:pt>
                <c:pt idx="6794">
                  <c:v>0.29346956716069533</c:v>
                </c:pt>
                <c:pt idx="6795">
                  <c:v>0.29346956716069533</c:v>
                </c:pt>
                <c:pt idx="6796">
                  <c:v>0.29346956716069533</c:v>
                </c:pt>
                <c:pt idx="6797">
                  <c:v>0.29346956716069533</c:v>
                </c:pt>
                <c:pt idx="6798">
                  <c:v>0.29346956716069533</c:v>
                </c:pt>
                <c:pt idx="6799">
                  <c:v>1.1996680184841757</c:v>
                </c:pt>
                <c:pt idx="6800">
                  <c:v>1.3385769469402382</c:v>
                </c:pt>
                <c:pt idx="6801">
                  <c:v>1.4774858753963007</c:v>
                </c:pt>
                <c:pt idx="6802">
                  <c:v>1.4774858753963007</c:v>
                </c:pt>
                <c:pt idx="6803">
                  <c:v>1.7679318167135221</c:v>
                </c:pt>
                <c:pt idx="6804">
                  <c:v>1.7679318167135221</c:v>
                </c:pt>
                <c:pt idx="6805">
                  <c:v>1.1744118496739826</c:v>
                </c:pt>
                <c:pt idx="6806">
                  <c:v>1.7679318167135221</c:v>
                </c:pt>
                <c:pt idx="6807">
                  <c:v>1.7679318167135221</c:v>
                </c:pt>
                <c:pt idx="6808">
                  <c:v>1.0418169634204684</c:v>
                </c:pt>
                <c:pt idx="6809">
                  <c:v>0.44465085933438692</c:v>
                </c:pt>
                <c:pt idx="6810">
                  <c:v>0.29346956716069533</c:v>
                </c:pt>
                <c:pt idx="6811">
                  <c:v>0.29346956716069533</c:v>
                </c:pt>
                <c:pt idx="6812">
                  <c:v>0.29346956716069533</c:v>
                </c:pt>
                <c:pt idx="6813">
                  <c:v>0.29346956716069533</c:v>
                </c:pt>
                <c:pt idx="6814">
                  <c:v>0.29346956716069533</c:v>
                </c:pt>
                <c:pt idx="6815">
                  <c:v>0.29346956716069533</c:v>
                </c:pt>
                <c:pt idx="6816">
                  <c:v>0.29145387192300798</c:v>
                </c:pt>
                <c:pt idx="6817">
                  <c:v>0.29145387192300798</c:v>
                </c:pt>
                <c:pt idx="6818">
                  <c:v>0.29145387192300798</c:v>
                </c:pt>
                <c:pt idx="6819">
                  <c:v>0.29145387192300798</c:v>
                </c:pt>
                <c:pt idx="6820">
                  <c:v>0.29145387192300798</c:v>
                </c:pt>
                <c:pt idx="6821">
                  <c:v>0.29145387192300798</c:v>
                </c:pt>
                <c:pt idx="6822">
                  <c:v>0.29145387192300798</c:v>
                </c:pt>
                <c:pt idx="6823">
                  <c:v>1.1914281006792053</c:v>
                </c:pt>
                <c:pt idx="6824">
                  <c:v>1.3293829333894291</c:v>
                </c:pt>
                <c:pt idx="6825">
                  <c:v>1.4673377660996529</c:v>
                </c:pt>
                <c:pt idx="6826">
                  <c:v>1.4673377660996529</c:v>
                </c:pt>
                <c:pt idx="6827">
                  <c:v>1.7557887799483025</c:v>
                </c:pt>
                <c:pt idx="6828">
                  <c:v>1.7557887799483025</c:v>
                </c:pt>
                <c:pt idx="6829">
                  <c:v>1.1663454038228012</c:v>
                </c:pt>
                <c:pt idx="6830">
                  <c:v>1.7557887799483025</c:v>
                </c:pt>
                <c:pt idx="6831">
                  <c:v>1.7557887799483025</c:v>
                </c:pt>
                <c:pt idx="6832">
                  <c:v>1.0346612453266784</c:v>
                </c:pt>
                <c:pt idx="6833">
                  <c:v>0.4415967756409212</c:v>
                </c:pt>
                <c:pt idx="6834">
                  <c:v>0.29145387192300798</c:v>
                </c:pt>
                <c:pt idx="6835">
                  <c:v>0.29145387192300798</c:v>
                </c:pt>
                <c:pt idx="6836">
                  <c:v>0.29145387192300798</c:v>
                </c:pt>
                <c:pt idx="6837">
                  <c:v>0.29145387192300798</c:v>
                </c:pt>
                <c:pt idx="6838">
                  <c:v>0.29145387192300798</c:v>
                </c:pt>
                <c:pt idx="6839">
                  <c:v>0.29145387192300798</c:v>
                </c:pt>
                <c:pt idx="6840">
                  <c:v>0.43490339078685541</c:v>
                </c:pt>
                <c:pt idx="6841">
                  <c:v>0.26357781259809415</c:v>
                </c:pt>
                <c:pt idx="6842">
                  <c:v>0.26357781259809415</c:v>
                </c:pt>
                <c:pt idx="6843">
                  <c:v>0.26357781259809415</c:v>
                </c:pt>
                <c:pt idx="6844">
                  <c:v>0.26357781259809415</c:v>
                </c:pt>
                <c:pt idx="6845">
                  <c:v>0.26357781259809415</c:v>
                </c:pt>
                <c:pt idx="6846">
                  <c:v>0.26357781259809415</c:v>
                </c:pt>
                <c:pt idx="6847">
                  <c:v>1.1228414816678813</c:v>
                </c:pt>
                <c:pt idx="6848">
                  <c:v>1.4035518520848516</c:v>
                </c:pt>
                <c:pt idx="6849">
                  <c:v>1.5439070372933366</c:v>
                </c:pt>
                <c:pt idx="6850">
                  <c:v>1.5439070372933366</c:v>
                </c:pt>
                <c:pt idx="6851">
                  <c:v>1.824617407710307</c:v>
                </c:pt>
                <c:pt idx="6852">
                  <c:v>1.824617407710307</c:v>
                </c:pt>
                <c:pt idx="6853">
                  <c:v>1.2631966668763663</c:v>
                </c:pt>
                <c:pt idx="6854">
                  <c:v>1.824617407710307</c:v>
                </c:pt>
                <c:pt idx="6855">
                  <c:v>1.4035518520848516</c:v>
                </c:pt>
                <c:pt idx="6856">
                  <c:v>0.65894453149523535</c:v>
                </c:pt>
                <c:pt idx="6857">
                  <c:v>0.43490339078685541</c:v>
                </c:pt>
                <c:pt idx="6858">
                  <c:v>0.27675670322799883</c:v>
                </c:pt>
                <c:pt idx="6859">
                  <c:v>0.26357781259809415</c:v>
                </c:pt>
                <c:pt idx="6860">
                  <c:v>0.26357781259809415</c:v>
                </c:pt>
                <c:pt idx="6861">
                  <c:v>0.26357781259809415</c:v>
                </c:pt>
                <c:pt idx="6862">
                  <c:v>0.26357781259809415</c:v>
                </c:pt>
                <c:pt idx="6863">
                  <c:v>0.26357781259809415</c:v>
                </c:pt>
                <c:pt idx="6864">
                  <c:v>0.12130679261550821</c:v>
                </c:pt>
                <c:pt idx="6865">
                  <c:v>0.10917611335395738</c:v>
                </c:pt>
                <c:pt idx="6866">
                  <c:v>0.10917611335395738</c:v>
                </c:pt>
                <c:pt idx="6867">
                  <c:v>0.10917611335395738</c:v>
                </c:pt>
                <c:pt idx="6868">
                  <c:v>0.10917611335395738</c:v>
                </c:pt>
                <c:pt idx="6869">
                  <c:v>0.10917611335395738</c:v>
                </c:pt>
                <c:pt idx="6870">
                  <c:v>0.10917611335395738</c:v>
                </c:pt>
                <c:pt idx="6871">
                  <c:v>0.10917611335395738</c:v>
                </c:pt>
                <c:pt idx="6872">
                  <c:v>0.10917611335395738</c:v>
                </c:pt>
                <c:pt idx="6873">
                  <c:v>0.10917611335395738</c:v>
                </c:pt>
                <c:pt idx="6874">
                  <c:v>0.10917611335395738</c:v>
                </c:pt>
                <c:pt idx="6875">
                  <c:v>0.10917611335395738</c:v>
                </c:pt>
                <c:pt idx="6876">
                  <c:v>0.10917611335395738</c:v>
                </c:pt>
                <c:pt idx="6877">
                  <c:v>0.10917611335395738</c:v>
                </c:pt>
                <c:pt idx="6878">
                  <c:v>0.10917611335395738</c:v>
                </c:pt>
                <c:pt idx="6879">
                  <c:v>0.10917611335395738</c:v>
                </c:pt>
                <c:pt idx="6880">
                  <c:v>0.10917611335395738</c:v>
                </c:pt>
                <c:pt idx="6881">
                  <c:v>0.10917611335395738</c:v>
                </c:pt>
                <c:pt idx="6882">
                  <c:v>0.10917611335395738</c:v>
                </c:pt>
                <c:pt idx="6883">
                  <c:v>0.10917611335395738</c:v>
                </c:pt>
                <c:pt idx="6884">
                  <c:v>0.10917611335395738</c:v>
                </c:pt>
                <c:pt idx="6885">
                  <c:v>0.10917611335395738</c:v>
                </c:pt>
                <c:pt idx="6886">
                  <c:v>0.10917611335395738</c:v>
                </c:pt>
                <c:pt idx="6887">
                  <c:v>0.10917611335395738</c:v>
                </c:pt>
                <c:pt idx="6888">
                  <c:v>0.11726691551847659</c:v>
                </c:pt>
                <c:pt idx="6889">
                  <c:v>0.11726691551847659</c:v>
                </c:pt>
                <c:pt idx="6890">
                  <c:v>0.11726691551847659</c:v>
                </c:pt>
                <c:pt idx="6891">
                  <c:v>0.11726691551847659</c:v>
                </c:pt>
                <c:pt idx="6892">
                  <c:v>0.11726691551847659</c:v>
                </c:pt>
                <c:pt idx="6893">
                  <c:v>0.11726691551847659</c:v>
                </c:pt>
                <c:pt idx="6894">
                  <c:v>0.11726691551847659</c:v>
                </c:pt>
                <c:pt idx="6895">
                  <c:v>0.11726691551847659</c:v>
                </c:pt>
                <c:pt idx="6896">
                  <c:v>0.11726691551847659</c:v>
                </c:pt>
                <c:pt idx="6897">
                  <c:v>0.11726691551847659</c:v>
                </c:pt>
                <c:pt idx="6898">
                  <c:v>0.11726691551847659</c:v>
                </c:pt>
                <c:pt idx="6899">
                  <c:v>0.11726691551847659</c:v>
                </c:pt>
                <c:pt idx="6900">
                  <c:v>0.11726691551847659</c:v>
                </c:pt>
                <c:pt idx="6901">
                  <c:v>0.11726691551847659</c:v>
                </c:pt>
                <c:pt idx="6902">
                  <c:v>0.11726691551847659</c:v>
                </c:pt>
                <c:pt idx="6903">
                  <c:v>0.11726691551847659</c:v>
                </c:pt>
                <c:pt idx="6904">
                  <c:v>0.11726691551847659</c:v>
                </c:pt>
                <c:pt idx="6905">
                  <c:v>0.11726691551847659</c:v>
                </c:pt>
                <c:pt idx="6906">
                  <c:v>0.11726691551847659</c:v>
                </c:pt>
                <c:pt idx="6907">
                  <c:v>0.11726691551847659</c:v>
                </c:pt>
                <c:pt idx="6908">
                  <c:v>0.11726691551847659</c:v>
                </c:pt>
                <c:pt idx="6909">
                  <c:v>0.11726691551847659</c:v>
                </c:pt>
                <c:pt idx="6910">
                  <c:v>0.11726691551847659</c:v>
                </c:pt>
                <c:pt idx="6911">
                  <c:v>0.11726691551847659</c:v>
                </c:pt>
                <c:pt idx="6912">
                  <c:v>0.30009063467639019</c:v>
                </c:pt>
                <c:pt idx="6913">
                  <c:v>0.30009063467639019</c:v>
                </c:pt>
                <c:pt idx="6914">
                  <c:v>0.30009063467639019</c:v>
                </c:pt>
                <c:pt idx="6915">
                  <c:v>0.30009063467639019</c:v>
                </c:pt>
                <c:pt idx="6916">
                  <c:v>0.30009063467639019</c:v>
                </c:pt>
                <c:pt idx="6917">
                  <c:v>0.30009063467639019</c:v>
                </c:pt>
                <c:pt idx="6918">
                  <c:v>0.30009063467639019</c:v>
                </c:pt>
                <c:pt idx="6919">
                  <c:v>1.2783861037214219</c:v>
                </c:pt>
                <c:pt idx="6920">
                  <c:v>1.4381843666865999</c:v>
                </c:pt>
                <c:pt idx="6921">
                  <c:v>1.5979826296517774</c:v>
                </c:pt>
                <c:pt idx="6922">
                  <c:v>1.5979826296517774</c:v>
                </c:pt>
                <c:pt idx="6923">
                  <c:v>1.9175791555821324</c:v>
                </c:pt>
                <c:pt idx="6924">
                  <c:v>1.9175791555821324</c:v>
                </c:pt>
                <c:pt idx="6925">
                  <c:v>1.2783861037214219</c:v>
                </c:pt>
                <c:pt idx="6926">
                  <c:v>1.9175791555821324</c:v>
                </c:pt>
                <c:pt idx="6927">
                  <c:v>1.9175791555821324</c:v>
                </c:pt>
                <c:pt idx="6928">
                  <c:v>1.1185878407562442</c:v>
                </c:pt>
                <c:pt idx="6929">
                  <c:v>0.31959652593035548</c:v>
                </c:pt>
                <c:pt idx="6930">
                  <c:v>0.31509516641020963</c:v>
                </c:pt>
                <c:pt idx="6931">
                  <c:v>0.31509516641020963</c:v>
                </c:pt>
                <c:pt idx="6932">
                  <c:v>0.31509516641020963</c:v>
                </c:pt>
                <c:pt idx="6933">
                  <c:v>0.31509516641020963</c:v>
                </c:pt>
                <c:pt idx="6934">
                  <c:v>0.31509516641020963</c:v>
                </c:pt>
                <c:pt idx="6935">
                  <c:v>0.31509516641020963</c:v>
                </c:pt>
                <c:pt idx="6936">
                  <c:v>0.20199124292854878</c:v>
                </c:pt>
                <c:pt idx="6937">
                  <c:v>0.30779617970064582</c:v>
                </c:pt>
                <c:pt idx="6938">
                  <c:v>0.30779617970064582</c:v>
                </c:pt>
                <c:pt idx="6939">
                  <c:v>0.30779617970064582</c:v>
                </c:pt>
                <c:pt idx="6940">
                  <c:v>0.30779617970064582</c:v>
                </c:pt>
                <c:pt idx="6941">
                  <c:v>0.30779617970064582</c:v>
                </c:pt>
                <c:pt idx="6942">
                  <c:v>0.30779617970064582</c:v>
                </c:pt>
                <c:pt idx="6943">
                  <c:v>1.297553270050535</c:v>
                </c:pt>
                <c:pt idx="6944">
                  <c:v>1.4477962802669126</c:v>
                </c:pt>
                <c:pt idx="6945">
                  <c:v>1.5980392904832907</c:v>
                </c:pt>
                <c:pt idx="6946">
                  <c:v>1.5980392904832907</c:v>
                </c:pt>
                <c:pt idx="6947">
                  <c:v>1.9121837663902619</c:v>
                </c:pt>
                <c:pt idx="6948">
                  <c:v>1.9121837663902619</c:v>
                </c:pt>
                <c:pt idx="6949">
                  <c:v>1.2702363591021026</c:v>
                </c:pt>
                <c:pt idx="6950">
                  <c:v>1.9121837663902619</c:v>
                </c:pt>
                <c:pt idx="6951">
                  <c:v>1.9121837663902619</c:v>
                </c:pt>
                <c:pt idx="6952">
                  <c:v>1.1268225766228332</c:v>
                </c:pt>
                <c:pt idx="6953">
                  <c:v>0.48093153078225909</c:v>
                </c:pt>
                <c:pt idx="6954">
                  <c:v>0.31741481031629099</c:v>
                </c:pt>
                <c:pt idx="6955">
                  <c:v>0.31741481031629099</c:v>
                </c:pt>
                <c:pt idx="6956">
                  <c:v>0.31741481031629099</c:v>
                </c:pt>
                <c:pt idx="6957">
                  <c:v>0.31741481031629099</c:v>
                </c:pt>
                <c:pt idx="6958">
                  <c:v>0.31741481031629099</c:v>
                </c:pt>
                <c:pt idx="6959">
                  <c:v>0.31741481031629099</c:v>
                </c:pt>
                <c:pt idx="6960">
                  <c:v>0.31429841795013153</c:v>
                </c:pt>
                <c:pt idx="6961">
                  <c:v>0.31429841795013153</c:v>
                </c:pt>
                <c:pt idx="6962">
                  <c:v>0.31429841795013153</c:v>
                </c:pt>
                <c:pt idx="6963">
                  <c:v>0.31429841795013153</c:v>
                </c:pt>
                <c:pt idx="6964">
                  <c:v>0.31429841795013153</c:v>
                </c:pt>
                <c:pt idx="6965">
                  <c:v>0.31429841795013153</c:v>
                </c:pt>
                <c:pt idx="6966">
                  <c:v>0.31429841795013153</c:v>
                </c:pt>
                <c:pt idx="6967">
                  <c:v>1.2848138358022045</c:v>
                </c:pt>
                <c:pt idx="6968">
                  <c:v>1.4335817536319333</c:v>
                </c:pt>
                <c:pt idx="6969">
                  <c:v>1.5823496714616623</c:v>
                </c:pt>
                <c:pt idx="6970">
                  <c:v>1.5823496714616623</c:v>
                </c:pt>
                <c:pt idx="6971">
                  <c:v>1.893409863287459</c:v>
                </c:pt>
                <c:pt idx="6972">
                  <c:v>1.893409863287459</c:v>
                </c:pt>
                <c:pt idx="6973">
                  <c:v>1.2577651234695264</c:v>
                </c:pt>
                <c:pt idx="6974">
                  <c:v>1.893409863287459</c:v>
                </c:pt>
                <c:pt idx="6975">
                  <c:v>1.893409863287459</c:v>
                </c:pt>
                <c:pt idx="6976">
                  <c:v>1.1157593837229671</c:v>
                </c:pt>
                <c:pt idx="6977">
                  <c:v>0.47620972416686597</c:v>
                </c:pt>
                <c:pt idx="6978">
                  <c:v>0.31429841795013153</c:v>
                </c:pt>
                <c:pt idx="6979">
                  <c:v>0.31429841795013153</c:v>
                </c:pt>
                <c:pt idx="6980">
                  <c:v>0.31429841795013153</c:v>
                </c:pt>
                <c:pt idx="6981">
                  <c:v>0.31429841795013153</c:v>
                </c:pt>
                <c:pt idx="6982">
                  <c:v>0.31429841795013153</c:v>
                </c:pt>
                <c:pt idx="6983">
                  <c:v>0.31429841795013153</c:v>
                </c:pt>
                <c:pt idx="6984">
                  <c:v>0.30623563699938205</c:v>
                </c:pt>
                <c:pt idx="6985">
                  <c:v>0.30623563699938205</c:v>
                </c:pt>
                <c:pt idx="6986">
                  <c:v>0.30623563699938205</c:v>
                </c:pt>
                <c:pt idx="6987">
                  <c:v>0.30623563699938205</c:v>
                </c:pt>
                <c:pt idx="6988">
                  <c:v>0.30623563699938205</c:v>
                </c:pt>
                <c:pt idx="6989">
                  <c:v>0.30623563699938205</c:v>
                </c:pt>
                <c:pt idx="6990">
                  <c:v>0.30623563699938205</c:v>
                </c:pt>
                <c:pt idx="6991">
                  <c:v>1.2518541645823222</c:v>
                </c:pt>
                <c:pt idx="6992">
                  <c:v>1.3968056994286966</c:v>
                </c:pt>
                <c:pt idx="6993">
                  <c:v>1.5417572342750709</c:v>
                </c:pt>
                <c:pt idx="6994">
                  <c:v>1.5417572342750709</c:v>
                </c:pt>
                <c:pt idx="6995">
                  <c:v>1.8448377162265801</c:v>
                </c:pt>
                <c:pt idx="6996">
                  <c:v>1.8448377162265801</c:v>
                </c:pt>
                <c:pt idx="6997">
                  <c:v>1.2254993400647998</c:v>
                </c:pt>
                <c:pt idx="6998">
                  <c:v>1.8448377162265801</c:v>
                </c:pt>
                <c:pt idx="6999">
                  <c:v>1.8448377162265801</c:v>
                </c:pt>
                <c:pt idx="7000">
                  <c:v>1.0871365113478062</c:v>
                </c:pt>
                <c:pt idx="7001">
                  <c:v>0.46399338939300316</c:v>
                </c:pt>
                <c:pt idx="7002">
                  <c:v>0.30623563699938205</c:v>
                </c:pt>
                <c:pt idx="7003">
                  <c:v>0.30623563699938205</c:v>
                </c:pt>
                <c:pt idx="7004">
                  <c:v>0.30623563699938205</c:v>
                </c:pt>
                <c:pt idx="7005">
                  <c:v>0.30623563699938205</c:v>
                </c:pt>
                <c:pt idx="7006">
                  <c:v>0.30623563699938205</c:v>
                </c:pt>
                <c:pt idx="7007">
                  <c:v>0.30623563699938205</c:v>
                </c:pt>
                <c:pt idx="7008">
                  <c:v>0.45065170397921012</c:v>
                </c:pt>
                <c:pt idx="7009">
                  <c:v>0.27312224483588493</c:v>
                </c:pt>
                <c:pt idx="7010">
                  <c:v>0.27312224483588493</c:v>
                </c:pt>
                <c:pt idx="7011">
                  <c:v>0.27312224483588493</c:v>
                </c:pt>
                <c:pt idx="7012">
                  <c:v>0.27312224483588493</c:v>
                </c:pt>
                <c:pt idx="7013">
                  <c:v>0.27312224483588493</c:v>
                </c:pt>
                <c:pt idx="7014">
                  <c:v>0.27312224483588493</c:v>
                </c:pt>
                <c:pt idx="7015">
                  <c:v>1.1635007630008698</c:v>
                </c:pt>
                <c:pt idx="7016">
                  <c:v>1.4543759537510872</c:v>
                </c:pt>
                <c:pt idx="7017">
                  <c:v>1.599813549126196</c:v>
                </c:pt>
                <c:pt idx="7018">
                  <c:v>1.599813549126196</c:v>
                </c:pt>
                <c:pt idx="7019">
                  <c:v>1.8906887398764132</c:v>
                </c:pt>
                <c:pt idx="7020">
                  <c:v>1.8906887398764132</c:v>
                </c:pt>
                <c:pt idx="7021">
                  <c:v>1.3089383583759786</c:v>
                </c:pt>
                <c:pt idx="7022">
                  <c:v>1.8906887398764132</c:v>
                </c:pt>
                <c:pt idx="7023">
                  <c:v>1.4543759537510872</c:v>
                </c:pt>
                <c:pt idx="7024">
                  <c:v>0.68280561208971235</c:v>
                </c:pt>
                <c:pt idx="7025">
                  <c:v>0.45065170397921012</c:v>
                </c:pt>
                <c:pt idx="7026">
                  <c:v>0.28677835707767918</c:v>
                </c:pt>
                <c:pt idx="7027">
                  <c:v>0.27312224483588493</c:v>
                </c:pt>
                <c:pt idx="7028">
                  <c:v>0.27312224483588493</c:v>
                </c:pt>
                <c:pt idx="7029">
                  <c:v>0.27312224483588493</c:v>
                </c:pt>
                <c:pt idx="7030">
                  <c:v>0.27312224483588493</c:v>
                </c:pt>
                <c:pt idx="7031">
                  <c:v>0.27312224483588493</c:v>
                </c:pt>
                <c:pt idx="7032">
                  <c:v>0.12147137297299729</c:v>
                </c:pt>
                <c:pt idx="7033">
                  <c:v>0.10932423567569755</c:v>
                </c:pt>
                <c:pt idx="7034">
                  <c:v>0.10932423567569755</c:v>
                </c:pt>
                <c:pt idx="7035">
                  <c:v>0.10932423567569755</c:v>
                </c:pt>
                <c:pt idx="7036">
                  <c:v>0.10932423567569755</c:v>
                </c:pt>
                <c:pt idx="7037">
                  <c:v>0.10932423567569755</c:v>
                </c:pt>
                <c:pt idx="7038">
                  <c:v>0.10932423567569755</c:v>
                </c:pt>
                <c:pt idx="7039">
                  <c:v>0.10932423567569755</c:v>
                </c:pt>
                <c:pt idx="7040">
                  <c:v>0.10932423567569755</c:v>
                </c:pt>
                <c:pt idx="7041">
                  <c:v>0.10932423567569755</c:v>
                </c:pt>
                <c:pt idx="7042">
                  <c:v>0.10932423567569755</c:v>
                </c:pt>
                <c:pt idx="7043">
                  <c:v>0.10932423567569755</c:v>
                </c:pt>
                <c:pt idx="7044">
                  <c:v>0.10932423567569755</c:v>
                </c:pt>
                <c:pt idx="7045">
                  <c:v>0.10932423567569755</c:v>
                </c:pt>
                <c:pt idx="7046">
                  <c:v>0.10932423567569755</c:v>
                </c:pt>
                <c:pt idx="7047">
                  <c:v>0.10932423567569755</c:v>
                </c:pt>
                <c:pt idx="7048">
                  <c:v>0.10932423567569755</c:v>
                </c:pt>
                <c:pt idx="7049">
                  <c:v>0.10932423567569755</c:v>
                </c:pt>
                <c:pt idx="7050">
                  <c:v>0.10932423567569755</c:v>
                </c:pt>
                <c:pt idx="7051">
                  <c:v>0.10932423567569755</c:v>
                </c:pt>
                <c:pt idx="7052">
                  <c:v>0.10932423567569755</c:v>
                </c:pt>
                <c:pt idx="7053">
                  <c:v>0.10932423567569755</c:v>
                </c:pt>
                <c:pt idx="7054">
                  <c:v>0.10932423567569755</c:v>
                </c:pt>
                <c:pt idx="7055">
                  <c:v>0.10932423567569755</c:v>
                </c:pt>
                <c:pt idx="7056">
                  <c:v>0.11090922492733382</c:v>
                </c:pt>
                <c:pt idx="7057">
                  <c:v>0.11090922492733382</c:v>
                </c:pt>
                <c:pt idx="7058">
                  <c:v>0.11090922492733382</c:v>
                </c:pt>
                <c:pt idx="7059">
                  <c:v>0.11090922492733382</c:v>
                </c:pt>
                <c:pt idx="7060">
                  <c:v>0.11090922492733382</c:v>
                </c:pt>
                <c:pt idx="7061">
                  <c:v>0.11090922492733382</c:v>
                </c:pt>
                <c:pt idx="7062">
                  <c:v>0.11090922492733382</c:v>
                </c:pt>
                <c:pt idx="7063">
                  <c:v>0.11090922492733382</c:v>
                </c:pt>
                <c:pt idx="7064">
                  <c:v>0.11090922492733382</c:v>
                </c:pt>
                <c:pt idx="7065">
                  <c:v>0.11090922492733382</c:v>
                </c:pt>
                <c:pt idx="7066">
                  <c:v>0.11090922492733382</c:v>
                </c:pt>
                <c:pt idx="7067">
                  <c:v>0.11090922492733382</c:v>
                </c:pt>
                <c:pt idx="7068">
                  <c:v>0.11090922492733382</c:v>
                </c:pt>
                <c:pt idx="7069">
                  <c:v>0.11090922492733382</c:v>
                </c:pt>
                <c:pt idx="7070">
                  <c:v>0.11090922492733382</c:v>
                </c:pt>
                <c:pt idx="7071">
                  <c:v>0.11090922492733382</c:v>
                </c:pt>
                <c:pt idx="7072">
                  <c:v>0.11090922492733382</c:v>
                </c:pt>
                <c:pt idx="7073">
                  <c:v>0.11090922492733382</c:v>
                </c:pt>
                <c:pt idx="7074">
                  <c:v>0.11090922492733382</c:v>
                </c:pt>
                <c:pt idx="7075">
                  <c:v>0.11090922492733382</c:v>
                </c:pt>
                <c:pt idx="7076">
                  <c:v>0.11090922492733382</c:v>
                </c:pt>
                <c:pt idx="7077">
                  <c:v>0.11090922492733382</c:v>
                </c:pt>
                <c:pt idx="7078">
                  <c:v>0.11090922492733382</c:v>
                </c:pt>
                <c:pt idx="7079">
                  <c:v>0.11090922492733382</c:v>
                </c:pt>
                <c:pt idx="7080">
                  <c:v>0.28955985739295026</c:v>
                </c:pt>
                <c:pt idx="7081">
                  <c:v>0.28955985739295026</c:v>
                </c:pt>
                <c:pt idx="7082">
                  <c:v>0.28955985739295026</c:v>
                </c:pt>
                <c:pt idx="7083">
                  <c:v>0.28955985739295026</c:v>
                </c:pt>
                <c:pt idx="7084">
                  <c:v>0.28955985739295026</c:v>
                </c:pt>
                <c:pt idx="7085">
                  <c:v>0.28955985739295026</c:v>
                </c:pt>
                <c:pt idx="7086">
                  <c:v>0.28955985739295026</c:v>
                </c:pt>
                <c:pt idx="7087">
                  <c:v>1.2335249924939682</c:v>
                </c:pt>
                <c:pt idx="7088">
                  <c:v>1.3877156165557141</c:v>
                </c:pt>
                <c:pt idx="7089">
                  <c:v>1.5419062406174602</c:v>
                </c:pt>
                <c:pt idx="7090">
                  <c:v>1.5419062406174602</c:v>
                </c:pt>
                <c:pt idx="7091">
                  <c:v>1.8502874887409519</c:v>
                </c:pt>
                <c:pt idx="7092">
                  <c:v>1.8502874887409519</c:v>
                </c:pt>
                <c:pt idx="7093">
                  <c:v>1.2335249924939682</c:v>
                </c:pt>
                <c:pt idx="7094">
                  <c:v>1.8502874887409519</c:v>
                </c:pt>
                <c:pt idx="7095">
                  <c:v>1.8502874887409519</c:v>
                </c:pt>
                <c:pt idx="7096">
                  <c:v>1.0793343684322221</c:v>
                </c:pt>
                <c:pt idx="7097">
                  <c:v>0.30838124812349205</c:v>
                </c:pt>
                <c:pt idx="7098">
                  <c:v>0.30403785026259778</c:v>
                </c:pt>
                <c:pt idx="7099">
                  <c:v>0.30403785026259778</c:v>
                </c:pt>
                <c:pt idx="7100">
                  <c:v>0.30403785026259778</c:v>
                </c:pt>
                <c:pt idx="7101">
                  <c:v>0.30403785026259778</c:v>
                </c:pt>
                <c:pt idx="7102">
                  <c:v>0.30403785026259778</c:v>
                </c:pt>
                <c:pt idx="7103">
                  <c:v>0.30403785026259778</c:v>
                </c:pt>
                <c:pt idx="7104">
                  <c:v>0.1948046308424401</c:v>
                </c:pt>
                <c:pt idx="7105">
                  <c:v>0.29684515175990872</c:v>
                </c:pt>
                <c:pt idx="7106">
                  <c:v>0.29684515175990872</c:v>
                </c:pt>
                <c:pt idx="7107">
                  <c:v>0.29684515175990872</c:v>
                </c:pt>
                <c:pt idx="7108">
                  <c:v>0.29684515175990872</c:v>
                </c:pt>
                <c:pt idx="7109">
                  <c:v>0.29684515175990872</c:v>
                </c:pt>
                <c:pt idx="7110">
                  <c:v>0.29684515175990872</c:v>
                </c:pt>
                <c:pt idx="7111">
                  <c:v>1.2513878428878653</c:v>
                </c:pt>
                <c:pt idx="7112">
                  <c:v>1.3962853825906707</c:v>
                </c:pt>
                <c:pt idx="7113">
                  <c:v>1.5411829222934763</c:v>
                </c:pt>
                <c:pt idx="7114">
                  <c:v>1.5411829222934763</c:v>
                </c:pt>
                <c:pt idx="7115">
                  <c:v>1.8441505053084331</c:v>
                </c:pt>
                <c:pt idx="7116">
                  <c:v>1.8441505053084331</c:v>
                </c:pt>
                <c:pt idx="7117">
                  <c:v>1.2250428356691734</c:v>
                </c:pt>
                <c:pt idx="7118">
                  <c:v>1.8441505053084331</c:v>
                </c:pt>
                <c:pt idx="7119">
                  <c:v>1.8441505053084331</c:v>
                </c:pt>
                <c:pt idx="7120">
                  <c:v>1.0867315477710409</c:v>
                </c:pt>
                <c:pt idx="7121">
                  <c:v>0.46382054962485741</c:v>
                </c:pt>
                <c:pt idx="7122">
                  <c:v>0.30612156275240587</c:v>
                </c:pt>
                <c:pt idx="7123">
                  <c:v>0.30612156275240587</c:v>
                </c:pt>
                <c:pt idx="7124">
                  <c:v>0.30612156275240587</c:v>
                </c:pt>
                <c:pt idx="7125">
                  <c:v>0.30612156275240587</c:v>
                </c:pt>
                <c:pt idx="7126">
                  <c:v>0.30612156275240587</c:v>
                </c:pt>
                <c:pt idx="7127">
                  <c:v>0.30612156275240587</c:v>
                </c:pt>
                <c:pt idx="7128">
                  <c:v>0.29906872059871586</c:v>
                </c:pt>
                <c:pt idx="7129">
                  <c:v>0.29906872059871586</c:v>
                </c:pt>
                <c:pt idx="7130">
                  <c:v>0.29906872059871586</c:v>
                </c:pt>
                <c:pt idx="7131">
                  <c:v>0.29906872059871586</c:v>
                </c:pt>
                <c:pt idx="7132">
                  <c:v>0.29906872059871586</c:v>
                </c:pt>
                <c:pt idx="7133">
                  <c:v>0.29906872059871586</c:v>
                </c:pt>
                <c:pt idx="7134">
                  <c:v>0.29906872059871586</c:v>
                </c:pt>
                <c:pt idx="7135">
                  <c:v>1.2225566790535383</c:v>
                </c:pt>
                <c:pt idx="7136">
                  <c:v>1.3641158734702641</c:v>
                </c:pt>
                <c:pt idx="7137">
                  <c:v>1.5056750678869895</c:v>
                </c:pt>
                <c:pt idx="7138">
                  <c:v>1.5056750678869895</c:v>
                </c:pt>
                <c:pt idx="7139">
                  <c:v>1.8016624743946881</c:v>
                </c:pt>
                <c:pt idx="7140">
                  <c:v>1.8016624743946881</c:v>
                </c:pt>
                <c:pt idx="7141">
                  <c:v>1.1968186437050428</c:v>
                </c:pt>
                <c:pt idx="7142">
                  <c:v>1.8016624743946881</c:v>
                </c:pt>
                <c:pt idx="7143">
                  <c:v>1.8016624743946881</c:v>
                </c:pt>
                <c:pt idx="7144">
                  <c:v>1.0616939581254412</c:v>
                </c:pt>
                <c:pt idx="7145">
                  <c:v>0.45313442514956948</c:v>
                </c:pt>
                <c:pt idx="7146">
                  <c:v>0.29906872059871586</c:v>
                </c:pt>
                <c:pt idx="7147">
                  <c:v>0.29906872059871586</c:v>
                </c:pt>
                <c:pt idx="7148">
                  <c:v>0.29906872059871586</c:v>
                </c:pt>
                <c:pt idx="7149">
                  <c:v>0.29906872059871586</c:v>
                </c:pt>
                <c:pt idx="7150">
                  <c:v>0.29906872059871586</c:v>
                </c:pt>
                <c:pt idx="7151">
                  <c:v>0.29906872059871586</c:v>
                </c:pt>
                <c:pt idx="7152">
                  <c:v>0.29929268673623671</c:v>
                </c:pt>
                <c:pt idx="7153">
                  <c:v>0.29929268673623671</c:v>
                </c:pt>
                <c:pt idx="7154">
                  <c:v>0.29929268673623671</c:v>
                </c:pt>
                <c:pt idx="7155">
                  <c:v>0.29929268673623671</c:v>
                </c:pt>
                <c:pt idx="7156">
                  <c:v>0.29929268673623671</c:v>
                </c:pt>
                <c:pt idx="7157">
                  <c:v>0.29929268673623671</c:v>
                </c:pt>
                <c:pt idx="7158">
                  <c:v>0.29929268673623671</c:v>
                </c:pt>
                <c:pt idx="7159">
                  <c:v>1.2234722254763131</c:v>
                </c:pt>
                <c:pt idx="7160">
                  <c:v>1.365137430531465</c:v>
                </c:pt>
                <c:pt idx="7161">
                  <c:v>1.5068026355866173</c:v>
                </c:pt>
                <c:pt idx="7162">
                  <c:v>1.5068026355866173</c:v>
                </c:pt>
                <c:pt idx="7163">
                  <c:v>1.8030117007019348</c:v>
                </c:pt>
                <c:pt idx="7164">
                  <c:v>1.8030117007019348</c:v>
                </c:pt>
                <c:pt idx="7165">
                  <c:v>1.1977149154662854</c:v>
                </c:pt>
                <c:pt idx="7166">
                  <c:v>1.8030117007019348</c:v>
                </c:pt>
                <c:pt idx="7167">
                  <c:v>1.8030117007019348</c:v>
                </c:pt>
                <c:pt idx="7168">
                  <c:v>1.0624890379136402</c:v>
                </c:pt>
                <c:pt idx="7169">
                  <c:v>0.45347376778217685</c:v>
                </c:pt>
                <c:pt idx="7170">
                  <c:v>0.29929268673623671</c:v>
                </c:pt>
                <c:pt idx="7171">
                  <c:v>0.29929268673623671</c:v>
                </c:pt>
                <c:pt idx="7172">
                  <c:v>0.29929268673623671</c:v>
                </c:pt>
                <c:pt idx="7173">
                  <c:v>0.29929268673623671</c:v>
                </c:pt>
                <c:pt idx="7174">
                  <c:v>0.29929268673623671</c:v>
                </c:pt>
                <c:pt idx="7175">
                  <c:v>0.29929268673623671</c:v>
                </c:pt>
                <c:pt idx="7176">
                  <c:v>0.46640001717156482</c:v>
                </c:pt>
                <c:pt idx="7177">
                  <c:v>0.28266667707367565</c:v>
                </c:pt>
                <c:pt idx="7178">
                  <c:v>0.28266667707367565</c:v>
                </c:pt>
                <c:pt idx="7179">
                  <c:v>0.28266667707367565</c:v>
                </c:pt>
                <c:pt idx="7180">
                  <c:v>0.28266667707367565</c:v>
                </c:pt>
                <c:pt idx="7181">
                  <c:v>0.28266667707367565</c:v>
                </c:pt>
                <c:pt idx="7182">
                  <c:v>0.28266667707367565</c:v>
                </c:pt>
                <c:pt idx="7183">
                  <c:v>1.2041600443338583</c:v>
                </c:pt>
                <c:pt idx="7184">
                  <c:v>1.5052000554173226</c:v>
                </c:pt>
                <c:pt idx="7185">
                  <c:v>1.6557200609590548</c:v>
                </c:pt>
                <c:pt idx="7186">
                  <c:v>1.6557200609590548</c:v>
                </c:pt>
                <c:pt idx="7187">
                  <c:v>1.9567600720425193</c:v>
                </c:pt>
                <c:pt idx="7188">
                  <c:v>1.9567600720425193</c:v>
                </c:pt>
                <c:pt idx="7189">
                  <c:v>1.3546800498755904</c:v>
                </c:pt>
                <c:pt idx="7190">
                  <c:v>1.9567600720425193</c:v>
                </c:pt>
                <c:pt idx="7191">
                  <c:v>1.5052000554173226</c:v>
                </c:pt>
                <c:pt idx="7192">
                  <c:v>0.70666669268418902</c:v>
                </c:pt>
                <c:pt idx="7193">
                  <c:v>0.46640001717156482</c:v>
                </c:pt>
                <c:pt idx="7194">
                  <c:v>0.29680001092735941</c:v>
                </c:pt>
                <c:pt idx="7195">
                  <c:v>0.28266667707367565</c:v>
                </c:pt>
                <c:pt idx="7196">
                  <c:v>0.28266667707367565</c:v>
                </c:pt>
                <c:pt idx="7197">
                  <c:v>0.28266667707367565</c:v>
                </c:pt>
                <c:pt idx="7198">
                  <c:v>0.28266667707367565</c:v>
                </c:pt>
                <c:pt idx="7199">
                  <c:v>0.28266667707367565</c:v>
                </c:pt>
                <c:pt idx="7200">
                  <c:v>0.1471721330328831</c:v>
                </c:pt>
                <c:pt idx="7201">
                  <c:v>0.13245491972959478</c:v>
                </c:pt>
                <c:pt idx="7202">
                  <c:v>0.13245491972959478</c:v>
                </c:pt>
                <c:pt idx="7203">
                  <c:v>0.13245491972959478</c:v>
                </c:pt>
                <c:pt idx="7204">
                  <c:v>0.13245491972959478</c:v>
                </c:pt>
                <c:pt idx="7205">
                  <c:v>0.13245491972959478</c:v>
                </c:pt>
                <c:pt idx="7206">
                  <c:v>0.13245491972959478</c:v>
                </c:pt>
                <c:pt idx="7207">
                  <c:v>0.13245491972959478</c:v>
                </c:pt>
                <c:pt idx="7208">
                  <c:v>0.13245491972959478</c:v>
                </c:pt>
                <c:pt idx="7209">
                  <c:v>0.13245491972959478</c:v>
                </c:pt>
                <c:pt idx="7210">
                  <c:v>0.13245491972959478</c:v>
                </c:pt>
                <c:pt idx="7211">
                  <c:v>0.13245491972959478</c:v>
                </c:pt>
                <c:pt idx="7212">
                  <c:v>0.13245491972959478</c:v>
                </c:pt>
                <c:pt idx="7213">
                  <c:v>0.13245491972959478</c:v>
                </c:pt>
                <c:pt idx="7214">
                  <c:v>0.13245491972959478</c:v>
                </c:pt>
                <c:pt idx="7215">
                  <c:v>0.13245491972959478</c:v>
                </c:pt>
                <c:pt idx="7216">
                  <c:v>0.13245491972959478</c:v>
                </c:pt>
                <c:pt idx="7217">
                  <c:v>0.13245491972959478</c:v>
                </c:pt>
                <c:pt idx="7218">
                  <c:v>0.13245491972959478</c:v>
                </c:pt>
                <c:pt idx="7219">
                  <c:v>0.13245491972959478</c:v>
                </c:pt>
                <c:pt idx="7220">
                  <c:v>0.13245491972959478</c:v>
                </c:pt>
                <c:pt idx="7221">
                  <c:v>0.13245491972959478</c:v>
                </c:pt>
                <c:pt idx="7222">
                  <c:v>0.13245491972959478</c:v>
                </c:pt>
                <c:pt idx="7223">
                  <c:v>0.13245491972959478</c:v>
                </c:pt>
                <c:pt idx="7224">
                  <c:v>0.14965941945425812</c:v>
                </c:pt>
                <c:pt idx="7225">
                  <c:v>0.14965941945425812</c:v>
                </c:pt>
                <c:pt idx="7226">
                  <c:v>0.14965941945425812</c:v>
                </c:pt>
                <c:pt idx="7227">
                  <c:v>0.14965941945425812</c:v>
                </c:pt>
                <c:pt idx="7228">
                  <c:v>0.14965941945425812</c:v>
                </c:pt>
                <c:pt idx="7229">
                  <c:v>0.14965941945425812</c:v>
                </c:pt>
                <c:pt idx="7230">
                  <c:v>0.14965941945425812</c:v>
                </c:pt>
                <c:pt idx="7231">
                  <c:v>0.14965941945425812</c:v>
                </c:pt>
                <c:pt idx="7232">
                  <c:v>0.14965941945425812</c:v>
                </c:pt>
                <c:pt idx="7233">
                  <c:v>0.14965941945425812</c:v>
                </c:pt>
                <c:pt idx="7234">
                  <c:v>0.14965941945425812</c:v>
                </c:pt>
                <c:pt idx="7235">
                  <c:v>0.14965941945425812</c:v>
                </c:pt>
                <c:pt idx="7236">
                  <c:v>0.14965941945425812</c:v>
                </c:pt>
                <c:pt idx="7237">
                  <c:v>0.14965941945425812</c:v>
                </c:pt>
                <c:pt idx="7238">
                  <c:v>0.14965941945425812</c:v>
                </c:pt>
                <c:pt idx="7239">
                  <c:v>0.14965941945425812</c:v>
                </c:pt>
                <c:pt idx="7240">
                  <c:v>0.14965941945425812</c:v>
                </c:pt>
                <c:pt idx="7241">
                  <c:v>0.14965941945425812</c:v>
                </c:pt>
                <c:pt idx="7242">
                  <c:v>0.14965941945425812</c:v>
                </c:pt>
                <c:pt idx="7243">
                  <c:v>0.14965941945425812</c:v>
                </c:pt>
                <c:pt idx="7244">
                  <c:v>0.14965941945425812</c:v>
                </c:pt>
                <c:pt idx="7245">
                  <c:v>0.14965941945425812</c:v>
                </c:pt>
                <c:pt idx="7246">
                  <c:v>0.14965941945425812</c:v>
                </c:pt>
                <c:pt idx="7247">
                  <c:v>0.14965941945425812</c:v>
                </c:pt>
                <c:pt idx="7248">
                  <c:v>0.29493270294572577</c:v>
                </c:pt>
                <c:pt idx="7249">
                  <c:v>0.29493270294572577</c:v>
                </c:pt>
                <c:pt idx="7250">
                  <c:v>0.29493270294572577</c:v>
                </c:pt>
                <c:pt idx="7251">
                  <c:v>0.29493270294572577</c:v>
                </c:pt>
                <c:pt idx="7252">
                  <c:v>0.29493270294572577</c:v>
                </c:pt>
                <c:pt idx="7253">
                  <c:v>0.29493270294572577</c:v>
                </c:pt>
                <c:pt idx="7254">
                  <c:v>0.29493270294572577</c:v>
                </c:pt>
                <c:pt idx="7255">
                  <c:v>1.2564133145487917</c:v>
                </c:pt>
                <c:pt idx="7256">
                  <c:v>1.4134649788673905</c:v>
                </c:pt>
                <c:pt idx="7257">
                  <c:v>1.5705166431859896</c:v>
                </c:pt>
                <c:pt idx="7258">
                  <c:v>1.5705166431859896</c:v>
                </c:pt>
                <c:pt idx="7259">
                  <c:v>1.8846199718231871</c:v>
                </c:pt>
                <c:pt idx="7260">
                  <c:v>1.8846199718231871</c:v>
                </c:pt>
                <c:pt idx="7261">
                  <c:v>1.2564133145487917</c:v>
                </c:pt>
                <c:pt idx="7262">
                  <c:v>1.8846199718231871</c:v>
                </c:pt>
                <c:pt idx="7263">
                  <c:v>1.8846199718231871</c:v>
                </c:pt>
                <c:pt idx="7264">
                  <c:v>1.0993616502301926</c:v>
                </c:pt>
                <c:pt idx="7265">
                  <c:v>0.31410332863719792</c:v>
                </c:pt>
                <c:pt idx="7266">
                  <c:v>0.30967933809301201</c:v>
                </c:pt>
                <c:pt idx="7267">
                  <c:v>0.30967933809301201</c:v>
                </c:pt>
                <c:pt idx="7268">
                  <c:v>0.30967933809301201</c:v>
                </c:pt>
                <c:pt idx="7269">
                  <c:v>0.30967933809301201</c:v>
                </c:pt>
                <c:pt idx="7270">
                  <c:v>0.30967933809301201</c:v>
                </c:pt>
                <c:pt idx="7271">
                  <c:v>0.30967933809301201</c:v>
                </c:pt>
                <c:pt idx="7272">
                  <c:v>0.19408596963382921</c:v>
                </c:pt>
                <c:pt idx="7273">
                  <c:v>0.29575004896583501</c:v>
                </c:pt>
                <c:pt idx="7274">
                  <c:v>0.29575004896583501</c:v>
                </c:pt>
                <c:pt idx="7275">
                  <c:v>0.29575004896583501</c:v>
                </c:pt>
                <c:pt idx="7276">
                  <c:v>0.29575004896583501</c:v>
                </c:pt>
                <c:pt idx="7277">
                  <c:v>0.29575004896583501</c:v>
                </c:pt>
                <c:pt idx="7278">
                  <c:v>0.29575004896583501</c:v>
                </c:pt>
                <c:pt idx="7279">
                  <c:v>1.2467713001715981</c:v>
                </c:pt>
                <c:pt idx="7280">
                  <c:v>1.3911342928230463</c:v>
                </c:pt>
                <c:pt idx="7281">
                  <c:v>1.5354972854744946</c:v>
                </c:pt>
                <c:pt idx="7282">
                  <c:v>1.5354972854744946</c:v>
                </c:pt>
                <c:pt idx="7283">
                  <c:v>1.83734717920025</c:v>
                </c:pt>
                <c:pt idx="7284">
                  <c:v>1.83734717920025</c:v>
                </c:pt>
                <c:pt idx="7285">
                  <c:v>1.2205234833258802</c:v>
                </c:pt>
                <c:pt idx="7286">
                  <c:v>1.83734717920025</c:v>
                </c:pt>
                <c:pt idx="7287">
                  <c:v>1.83734717920025</c:v>
                </c:pt>
                <c:pt idx="7288">
                  <c:v>1.0827224448858617</c:v>
                </c:pt>
                <c:pt idx="7289">
                  <c:v>0.4621094515091172</c:v>
                </c:pt>
                <c:pt idx="7290">
                  <c:v>0.30499223799601732</c:v>
                </c:pt>
                <c:pt idx="7291">
                  <c:v>0.30499223799601732</c:v>
                </c:pt>
                <c:pt idx="7292">
                  <c:v>0.30499223799601732</c:v>
                </c:pt>
                <c:pt idx="7293">
                  <c:v>0.30499223799601732</c:v>
                </c:pt>
                <c:pt idx="7294">
                  <c:v>0.30499223799601732</c:v>
                </c:pt>
                <c:pt idx="7295">
                  <c:v>0.30499223799601732</c:v>
                </c:pt>
                <c:pt idx="7296">
                  <c:v>0.3019802803864865</c:v>
                </c:pt>
                <c:pt idx="7297">
                  <c:v>0.3019802803864865</c:v>
                </c:pt>
                <c:pt idx="7298">
                  <c:v>0.3019802803864865</c:v>
                </c:pt>
                <c:pt idx="7299">
                  <c:v>0.3019802803864865</c:v>
                </c:pt>
                <c:pt idx="7300">
                  <c:v>0.3019802803864865</c:v>
                </c:pt>
                <c:pt idx="7301">
                  <c:v>0.3019802803864865</c:v>
                </c:pt>
                <c:pt idx="7302">
                  <c:v>0.3019802803864865</c:v>
                </c:pt>
                <c:pt idx="7303">
                  <c:v>1.2344587825496069</c:v>
                </c:pt>
                <c:pt idx="7304">
                  <c:v>1.3773961152658774</c:v>
                </c:pt>
                <c:pt idx="7305">
                  <c:v>1.5203334479821475</c:v>
                </c:pt>
                <c:pt idx="7306">
                  <c:v>1.5203334479821475</c:v>
                </c:pt>
                <c:pt idx="7307">
                  <c:v>1.8192024163888945</c:v>
                </c:pt>
                <c:pt idx="7308">
                  <c:v>1.8192024163888945</c:v>
                </c:pt>
                <c:pt idx="7309">
                  <c:v>1.2084701766011943</c:v>
                </c:pt>
                <c:pt idx="7310">
                  <c:v>1.8192024163888945</c:v>
                </c:pt>
                <c:pt idx="7311">
                  <c:v>1.8192024163888945</c:v>
                </c:pt>
                <c:pt idx="7312">
                  <c:v>1.0720299953720271</c:v>
                </c:pt>
                <c:pt idx="7313">
                  <c:v>0.45754587937346441</c:v>
                </c:pt>
                <c:pt idx="7314">
                  <c:v>0.3019802803864865</c:v>
                </c:pt>
                <c:pt idx="7315">
                  <c:v>0.3019802803864865</c:v>
                </c:pt>
                <c:pt idx="7316">
                  <c:v>0.3019802803864865</c:v>
                </c:pt>
                <c:pt idx="7317">
                  <c:v>0.3019802803864865</c:v>
                </c:pt>
                <c:pt idx="7318">
                  <c:v>0.3019802803864865</c:v>
                </c:pt>
                <c:pt idx="7319">
                  <c:v>0.3019802803864865</c:v>
                </c:pt>
                <c:pt idx="7320">
                  <c:v>0.30489184017425719</c:v>
                </c:pt>
                <c:pt idx="7321">
                  <c:v>0.30489184017425719</c:v>
                </c:pt>
                <c:pt idx="7322">
                  <c:v>0.30489184017425719</c:v>
                </c:pt>
                <c:pt idx="7323">
                  <c:v>0.30489184017425719</c:v>
                </c:pt>
                <c:pt idx="7324">
                  <c:v>0.30489184017425719</c:v>
                </c:pt>
                <c:pt idx="7325">
                  <c:v>0.30489184017425719</c:v>
                </c:pt>
                <c:pt idx="7326">
                  <c:v>0.30489184017425719</c:v>
                </c:pt>
                <c:pt idx="7327">
                  <c:v>1.2463608860456754</c:v>
                </c:pt>
                <c:pt idx="7328">
                  <c:v>1.3906763570614908</c:v>
                </c:pt>
                <c:pt idx="7329">
                  <c:v>1.5349918280773058</c:v>
                </c:pt>
                <c:pt idx="7330">
                  <c:v>1.5349918280773058</c:v>
                </c:pt>
                <c:pt idx="7331">
                  <c:v>1.8367423583831006</c:v>
                </c:pt>
                <c:pt idx="7332">
                  <c:v>1.8367423583831006</c:v>
                </c:pt>
                <c:pt idx="7333">
                  <c:v>1.2201217094973456</c:v>
                </c:pt>
                <c:pt idx="7334">
                  <c:v>1.8367423583831006</c:v>
                </c:pt>
                <c:pt idx="7335">
                  <c:v>1.8367423583831006</c:v>
                </c:pt>
                <c:pt idx="7336">
                  <c:v>1.0823660326186129</c:v>
                </c:pt>
                <c:pt idx="7337">
                  <c:v>0.46195733359735947</c:v>
                </c:pt>
                <c:pt idx="7338">
                  <c:v>0.30489184017425719</c:v>
                </c:pt>
                <c:pt idx="7339">
                  <c:v>0.30489184017425719</c:v>
                </c:pt>
                <c:pt idx="7340">
                  <c:v>0.30489184017425719</c:v>
                </c:pt>
                <c:pt idx="7341">
                  <c:v>0.30489184017425719</c:v>
                </c:pt>
                <c:pt idx="7342">
                  <c:v>0.30489184017425719</c:v>
                </c:pt>
                <c:pt idx="7343">
                  <c:v>0.30489184017425719</c:v>
                </c:pt>
                <c:pt idx="7344">
                  <c:v>0.47256240059466015</c:v>
                </c:pt>
                <c:pt idx="7345">
                  <c:v>0.28640145490585461</c:v>
                </c:pt>
                <c:pt idx="7346">
                  <c:v>0.28640145490585461</c:v>
                </c:pt>
                <c:pt idx="7347">
                  <c:v>0.28640145490585461</c:v>
                </c:pt>
                <c:pt idx="7348">
                  <c:v>0.28640145490585461</c:v>
                </c:pt>
                <c:pt idx="7349">
                  <c:v>0.28640145490585461</c:v>
                </c:pt>
                <c:pt idx="7350">
                  <c:v>0.28640145490585461</c:v>
                </c:pt>
                <c:pt idx="7351">
                  <c:v>1.2200701978989408</c:v>
                </c:pt>
                <c:pt idx="7352">
                  <c:v>1.5250877473736759</c:v>
                </c:pt>
                <c:pt idx="7353">
                  <c:v>1.6775965221110434</c:v>
                </c:pt>
                <c:pt idx="7354">
                  <c:v>1.6775965221110434</c:v>
                </c:pt>
                <c:pt idx="7355">
                  <c:v>1.9826140715857785</c:v>
                </c:pt>
                <c:pt idx="7356">
                  <c:v>1.9826140715857785</c:v>
                </c:pt>
                <c:pt idx="7357">
                  <c:v>1.3725789726363082</c:v>
                </c:pt>
                <c:pt idx="7358">
                  <c:v>1.9826140715857785</c:v>
                </c:pt>
                <c:pt idx="7359">
                  <c:v>1.5250877473736759</c:v>
                </c:pt>
                <c:pt idx="7360">
                  <c:v>0.71600363726463656</c:v>
                </c:pt>
                <c:pt idx="7361">
                  <c:v>0.47256240059466015</c:v>
                </c:pt>
                <c:pt idx="7362">
                  <c:v>0.30072152765114735</c:v>
                </c:pt>
                <c:pt idx="7363">
                  <c:v>0.28640145490585461</c:v>
                </c:pt>
                <c:pt idx="7364">
                  <c:v>0.28640145490585461</c:v>
                </c:pt>
                <c:pt idx="7365">
                  <c:v>0.28640145490585461</c:v>
                </c:pt>
                <c:pt idx="7366">
                  <c:v>0.28640145490585461</c:v>
                </c:pt>
                <c:pt idx="7367">
                  <c:v>0.28640145490585461</c:v>
                </c:pt>
                <c:pt idx="7368">
                  <c:v>0.17775514225628031</c:v>
                </c:pt>
                <c:pt idx="7369">
                  <c:v>0.15997962803065227</c:v>
                </c:pt>
                <c:pt idx="7370">
                  <c:v>0.15997962803065227</c:v>
                </c:pt>
                <c:pt idx="7371">
                  <c:v>0.15997962803065227</c:v>
                </c:pt>
                <c:pt idx="7372">
                  <c:v>0.15997962803065227</c:v>
                </c:pt>
                <c:pt idx="7373">
                  <c:v>0.15997962803065227</c:v>
                </c:pt>
                <c:pt idx="7374">
                  <c:v>0.15997962803065227</c:v>
                </c:pt>
                <c:pt idx="7375">
                  <c:v>0.15997962803065227</c:v>
                </c:pt>
                <c:pt idx="7376">
                  <c:v>0.15997962803065227</c:v>
                </c:pt>
                <c:pt idx="7377">
                  <c:v>0.15997962803065227</c:v>
                </c:pt>
                <c:pt idx="7378">
                  <c:v>0.15997962803065227</c:v>
                </c:pt>
                <c:pt idx="7379">
                  <c:v>0.15997962803065227</c:v>
                </c:pt>
                <c:pt idx="7380">
                  <c:v>0.15997962803065227</c:v>
                </c:pt>
                <c:pt idx="7381">
                  <c:v>0.15997962803065227</c:v>
                </c:pt>
                <c:pt idx="7382">
                  <c:v>0.15997962803065227</c:v>
                </c:pt>
                <c:pt idx="7383">
                  <c:v>0.15997962803065227</c:v>
                </c:pt>
                <c:pt idx="7384">
                  <c:v>0.15997962803065227</c:v>
                </c:pt>
                <c:pt idx="7385">
                  <c:v>0.15997962803065227</c:v>
                </c:pt>
                <c:pt idx="7386">
                  <c:v>0.15997962803065227</c:v>
                </c:pt>
                <c:pt idx="7387">
                  <c:v>0.15997962803065227</c:v>
                </c:pt>
                <c:pt idx="7388">
                  <c:v>0.15997962803065227</c:v>
                </c:pt>
                <c:pt idx="7389">
                  <c:v>0.15997962803065227</c:v>
                </c:pt>
                <c:pt idx="7390">
                  <c:v>0.15997962803065227</c:v>
                </c:pt>
                <c:pt idx="7391">
                  <c:v>0.15997962803065227</c:v>
                </c:pt>
                <c:pt idx="7392">
                  <c:v>0.14965941945425812</c:v>
                </c:pt>
                <c:pt idx="7393">
                  <c:v>0.14965941945425812</c:v>
                </c:pt>
                <c:pt idx="7394">
                  <c:v>0.14965941945425812</c:v>
                </c:pt>
                <c:pt idx="7395">
                  <c:v>0.14965941945425812</c:v>
                </c:pt>
                <c:pt idx="7396">
                  <c:v>0.14965941945425812</c:v>
                </c:pt>
                <c:pt idx="7397">
                  <c:v>0.14965941945425812</c:v>
                </c:pt>
                <c:pt idx="7398">
                  <c:v>0.14965941945425812</c:v>
                </c:pt>
                <c:pt idx="7399">
                  <c:v>0.14965941945425812</c:v>
                </c:pt>
                <c:pt idx="7400">
                  <c:v>0.14965941945425812</c:v>
                </c:pt>
                <c:pt idx="7401">
                  <c:v>0.14965941945425812</c:v>
                </c:pt>
                <c:pt idx="7402">
                  <c:v>0.14965941945425812</c:v>
                </c:pt>
                <c:pt idx="7403">
                  <c:v>0.14965941945425812</c:v>
                </c:pt>
                <c:pt idx="7404">
                  <c:v>0.14965941945425812</c:v>
                </c:pt>
                <c:pt idx="7405">
                  <c:v>0.14965941945425812</c:v>
                </c:pt>
                <c:pt idx="7406">
                  <c:v>0.14965941945425812</c:v>
                </c:pt>
                <c:pt idx="7407">
                  <c:v>0.14965941945425812</c:v>
                </c:pt>
                <c:pt idx="7408">
                  <c:v>0.14965941945425812</c:v>
                </c:pt>
                <c:pt idx="7409">
                  <c:v>0.14965941945425812</c:v>
                </c:pt>
                <c:pt idx="7410">
                  <c:v>0.14965941945425812</c:v>
                </c:pt>
                <c:pt idx="7411">
                  <c:v>0.14965941945425812</c:v>
                </c:pt>
                <c:pt idx="7412">
                  <c:v>0.14965941945425812</c:v>
                </c:pt>
                <c:pt idx="7413">
                  <c:v>0.14965941945425812</c:v>
                </c:pt>
                <c:pt idx="7414">
                  <c:v>0.14965941945425812</c:v>
                </c:pt>
                <c:pt idx="7415">
                  <c:v>0.14965941945425812</c:v>
                </c:pt>
                <c:pt idx="7416">
                  <c:v>0.29041951268139438</c:v>
                </c:pt>
                <c:pt idx="7417">
                  <c:v>0.29041951268139438</c:v>
                </c:pt>
                <c:pt idx="7418">
                  <c:v>0.29041951268139438</c:v>
                </c:pt>
                <c:pt idx="7419">
                  <c:v>0.29041951268139438</c:v>
                </c:pt>
                <c:pt idx="7420">
                  <c:v>0.29041951268139438</c:v>
                </c:pt>
                <c:pt idx="7421">
                  <c:v>0.29041951268139438</c:v>
                </c:pt>
                <c:pt idx="7422">
                  <c:v>0.29041951268139438</c:v>
                </c:pt>
                <c:pt idx="7423">
                  <c:v>1.2371871240227399</c:v>
                </c:pt>
                <c:pt idx="7424">
                  <c:v>1.3918355145255827</c:v>
                </c:pt>
                <c:pt idx="7425">
                  <c:v>1.5464839050284251</c:v>
                </c:pt>
                <c:pt idx="7426">
                  <c:v>1.5464839050284251</c:v>
                </c:pt>
                <c:pt idx="7427">
                  <c:v>1.8557806860341097</c:v>
                </c:pt>
                <c:pt idx="7428">
                  <c:v>1.8557806860341097</c:v>
                </c:pt>
                <c:pt idx="7429">
                  <c:v>1.2371871240227399</c:v>
                </c:pt>
                <c:pt idx="7430">
                  <c:v>1.8557806860341097</c:v>
                </c:pt>
                <c:pt idx="7431">
                  <c:v>1.8557806860341097</c:v>
                </c:pt>
                <c:pt idx="7432">
                  <c:v>1.0825387335198973</c:v>
                </c:pt>
                <c:pt idx="7433">
                  <c:v>0.30929678100568497</c:v>
                </c:pt>
                <c:pt idx="7434">
                  <c:v>0.30494048831546405</c:v>
                </c:pt>
                <c:pt idx="7435">
                  <c:v>0.30494048831546405</c:v>
                </c:pt>
                <c:pt idx="7436">
                  <c:v>0.30494048831546405</c:v>
                </c:pt>
                <c:pt idx="7437">
                  <c:v>0.30494048831546405</c:v>
                </c:pt>
                <c:pt idx="7438">
                  <c:v>0.30494048831546405</c:v>
                </c:pt>
                <c:pt idx="7439">
                  <c:v>0.30494048831546405</c:v>
                </c:pt>
                <c:pt idx="7440">
                  <c:v>0.19940406257754964</c:v>
                </c:pt>
                <c:pt idx="7441">
                  <c:v>0.30385380964198039</c:v>
                </c:pt>
                <c:pt idx="7442">
                  <c:v>0.30385380964198039</c:v>
                </c:pt>
                <c:pt idx="7443">
                  <c:v>0.30385380964198039</c:v>
                </c:pt>
                <c:pt idx="7444">
                  <c:v>0.30385380964198039</c:v>
                </c:pt>
                <c:pt idx="7445">
                  <c:v>0.30385380964198039</c:v>
                </c:pt>
                <c:pt idx="7446">
                  <c:v>0.30385380964198039</c:v>
                </c:pt>
                <c:pt idx="7447">
                  <c:v>1.2809337162719736</c:v>
                </c:pt>
                <c:pt idx="7448">
                  <c:v>1.4292523571034654</c:v>
                </c:pt>
                <c:pt idx="7449">
                  <c:v>1.577570997934957</c:v>
                </c:pt>
                <c:pt idx="7450">
                  <c:v>1.577570997934957</c:v>
                </c:pt>
                <c:pt idx="7451">
                  <c:v>1.8876917924008032</c:v>
                </c:pt>
                <c:pt idx="7452">
                  <c:v>1.8876917924008032</c:v>
                </c:pt>
                <c:pt idx="7453">
                  <c:v>1.2539666906662479</c:v>
                </c:pt>
                <c:pt idx="7454">
                  <c:v>1.8876917924008032</c:v>
                </c:pt>
                <c:pt idx="7455">
                  <c:v>1.8876917924008032</c:v>
                </c:pt>
                <c:pt idx="7456">
                  <c:v>1.1123898062361877</c:v>
                </c:pt>
                <c:pt idx="7457">
                  <c:v>0.47477157756559446</c:v>
                </c:pt>
                <c:pt idx="7458">
                  <c:v>0.31334924119329233</c:v>
                </c:pt>
                <c:pt idx="7459">
                  <c:v>0.31334924119329233</c:v>
                </c:pt>
                <c:pt idx="7460">
                  <c:v>0.31334924119329233</c:v>
                </c:pt>
                <c:pt idx="7461">
                  <c:v>0.31334924119329233</c:v>
                </c:pt>
                <c:pt idx="7462">
                  <c:v>0.31334924119329233</c:v>
                </c:pt>
                <c:pt idx="7463">
                  <c:v>0.31334924119329233</c:v>
                </c:pt>
                <c:pt idx="7464">
                  <c:v>0.30981909519971512</c:v>
                </c:pt>
                <c:pt idx="7465">
                  <c:v>0.30981909519971512</c:v>
                </c:pt>
                <c:pt idx="7466">
                  <c:v>0.30981909519971512</c:v>
                </c:pt>
                <c:pt idx="7467">
                  <c:v>0.30981909519971512</c:v>
                </c:pt>
                <c:pt idx="7468">
                  <c:v>0.30981909519971512</c:v>
                </c:pt>
                <c:pt idx="7469">
                  <c:v>0.30981909519971512</c:v>
                </c:pt>
                <c:pt idx="7470">
                  <c:v>0.30981909519971512</c:v>
                </c:pt>
                <c:pt idx="7471">
                  <c:v>1.2665029073467142</c:v>
                </c:pt>
                <c:pt idx="7472">
                  <c:v>1.413150612407913</c:v>
                </c:pt>
                <c:pt idx="7473">
                  <c:v>1.5597983174691115</c:v>
                </c:pt>
                <c:pt idx="7474">
                  <c:v>1.5597983174691115</c:v>
                </c:pt>
                <c:pt idx="7475">
                  <c:v>1.8664253371425261</c:v>
                </c:pt>
                <c:pt idx="7476">
                  <c:v>1.8664253371425261</c:v>
                </c:pt>
                <c:pt idx="7477">
                  <c:v>1.2398396882446783</c:v>
                </c:pt>
                <c:pt idx="7478">
                  <c:v>1.8664253371425261</c:v>
                </c:pt>
                <c:pt idx="7479">
                  <c:v>1.8664253371425261</c:v>
                </c:pt>
                <c:pt idx="7480">
                  <c:v>1.0998577879589886</c:v>
                </c:pt>
                <c:pt idx="7481">
                  <c:v>0.4694228715147199</c:v>
                </c:pt>
                <c:pt idx="7482">
                  <c:v>0.30981909519971512</c:v>
                </c:pt>
                <c:pt idx="7483">
                  <c:v>0.30981909519971512</c:v>
                </c:pt>
                <c:pt idx="7484">
                  <c:v>0.30981909519971512</c:v>
                </c:pt>
                <c:pt idx="7485">
                  <c:v>0.30981909519971512</c:v>
                </c:pt>
                <c:pt idx="7486">
                  <c:v>0.30981909519971512</c:v>
                </c:pt>
                <c:pt idx="7487">
                  <c:v>0.30981909519971512</c:v>
                </c:pt>
                <c:pt idx="7488">
                  <c:v>0.31743394387542295</c:v>
                </c:pt>
                <c:pt idx="7489">
                  <c:v>0.31743394387542295</c:v>
                </c:pt>
                <c:pt idx="7490">
                  <c:v>0.31743394387542295</c:v>
                </c:pt>
                <c:pt idx="7491">
                  <c:v>0.31743394387542295</c:v>
                </c:pt>
                <c:pt idx="7492">
                  <c:v>0.31743394387542295</c:v>
                </c:pt>
                <c:pt idx="7493">
                  <c:v>0.31743394387542295</c:v>
                </c:pt>
                <c:pt idx="7494">
                  <c:v>0.31743394387542295</c:v>
                </c:pt>
                <c:pt idx="7495">
                  <c:v>1.2976314857210471</c:v>
                </c:pt>
                <c:pt idx="7496">
                  <c:v>1.4478835524887474</c:v>
                </c:pt>
                <c:pt idx="7497">
                  <c:v>1.5981356192564478</c:v>
                </c:pt>
                <c:pt idx="7498">
                  <c:v>1.5981356192564478</c:v>
                </c:pt>
                <c:pt idx="7499">
                  <c:v>1.9122990315889117</c:v>
                </c:pt>
                <c:pt idx="7500">
                  <c:v>1.9122990315889117</c:v>
                </c:pt>
                <c:pt idx="7501">
                  <c:v>1.2703129281269201</c:v>
                </c:pt>
                <c:pt idx="7502">
                  <c:v>1.9122990315889117</c:v>
                </c:pt>
                <c:pt idx="7503">
                  <c:v>1.9122990315889117</c:v>
                </c:pt>
                <c:pt idx="7504">
                  <c:v>1.1268905007577514</c:v>
                </c:pt>
                <c:pt idx="7505">
                  <c:v>0.48096052102336817</c:v>
                </c:pt>
                <c:pt idx="7506">
                  <c:v>0.31743394387542295</c:v>
                </c:pt>
                <c:pt idx="7507">
                  <c:v>0.31743394387542295</c:v>
                </c:pt>
                <c:pt idx="7508">
                  <c:v>0.31743394387542295</c:v>
                </c:pt>
                <c:pt idx="7509">
                  <c:v>0.31743394387542295</c:v>
                </c:pt>
                <c:pt idx="7510">
                  <c:v>0.31743394387542295</c:v>
                </c:pt>
                <c:pt idx="7511">
                  <c:v>0.31743394387542295</c:v>
                </c:pt>
                <c:pt idx="7512">
                  <c:v>0.48214833036391963</c:v>
                </c:pt>
                <c:pt idx="7513">
                  <c:v>0.29221110931146649</c:v>
                </c:pt>
                <c:pt idx="7514">
                  <c:v>0.29221110931146649</c:v>
                </c:pt>
                <c:pt idx="7515">
                  <c:v>0.29221110931146649</c:v>
                </c:pt>
                <c:pt idx="7516">
                  <c:v>0.29221110931146649</c:v>
                </c:pt>
                <c:pt idx="7517">
                  <c:v>0.29221110931146649</c:v>
                </c:pt>
                <c:pt idx="7518">
                  <c:v>0.29221110931146649</c:v>
                </c:pt>
                <c:pt idx="7519">
                  <c:v>1.2448193256668469</c:v>
                </c:pt>
                <c:pt idx="7520">
                  <c:v>1.5560241570835587</c:v>
                </c:pt>
                <c:pt idx="7521">
                  <c:v>1.7116265727919147</c:v>
                </c:pt>
                <c:pt idx="7522">
                  <c:v>1.7116265727919147</c:v>
                </c:pt>
                <c:pt idx="7523">
                  <c:v>2.0228314042086262</c:v>
                </c:pt>
                <c:pt idx="7524">
                  <c:v>2.0228314042086262</c:v>
                </c:pt>
                <c:pt idx="7525">
                  <c:v>1.4004217413752027</c:v>
                </c:pt>
                <c:pt idx="7526">
                  <c:v>2.0228314042086262</c:v>
                </c:pt>
                <c:pt idx="7527">
                  <c:v>1.5560241570835587</c:v>
                </c:pt>
                <c:pt idx="7528">
                  <c:v>0.73052777327866614</c:v>
                </c:pt>
                <c:pt idx="7529">
                  <c:v>0.48214833036391963</c:v>
                </c:pt>
                <c:pt idx="7530">
                  <c:v>0.30682166477703976</c:v>
                </c:pt>
                <c:pt idx="7531">
                  <c:v>0.29221110931146649</c:v>
                </c:pt>
                <c:pt idx="7532">
                  <c:v>0.29221110931146649</c:v>
                </c:pt>
                <c:pt idx="7533">
                  <c:v>0.29221110931146649</c:v>
                </c:pt>
                <c:pt idx="7534">
                  <c:v>0.29221110931146649</c:v>
                </c:pt>
                <c:pt idx="7535">
                  <c:v>0.29221110931146649</c:v>
                </c:pt>
                <c:pt idx="7536">
                  <c:v>0.18649314489153665</c:v>
                </c:pt>
                <c:pt idx="7537">
                  <c:v>0.16784383040238296</c:v>
                </c:pt>
                <c:pt idx="7538">
                  <c:v>0.16784383040238296</c:v>
                </c:pt>
                <c:pt idx="7539">
                  <c:v>0.16784383040238296</c:v>
                </c:pt>
                <c:pt idx="7540">
                  <c:v>0.16784383040238296</c:v>
                </c:pt>
                <c:pt idx="7541">
                  <c:v>0.16784383040238296</c:v>
                </c:pt>
                <c:pt idx="7542">
                  <c:v>0.16784383040238296</c:v>
                </c:pt>
                <c:pt idx="7543">
                  <c:v>0.16784383040238296</c:v>
                </c:pt>
                <c:pt idx="7544">
                  <c:v>0.16784383040238296</c:v>
                </c:pt>
                <c:pt idx="7545">
                  <c:v>0.16784383040238296</c:v>
                </c:pt>
                <c:pt idx="7546">
                  <c:v>0.16784383040238296</c:v>
                </c:pt>
                <c:pt idx="7547">
                  <c:v>0.16784383040238296</c:v>
                </c:pt>
                <c:pt idx="7548">
                  <c:v>0.16784383040238296</c:v>
                </c:pt>
                <c:pt idx="7549">
                  <c:v>0.16784383040238296</c:v>
                </c:pt>
                <c:pt idx="7550">
                  <c:v>0.16784383040238296</c:v>
                </c:pt>
                <c:pt idx="7551">
                  <c:v>0.16784383040238296</c:v>
                </c:pt>
                <c:pt idx="7552">
                  <c:v>0.16784383040238296</c:v>
                </c:pt>
                <c:pt idx="7553">
                  <c:v>0.16784383040238296</c:v>
                </c:pt>
                <c:pt idx="7554">
                  <c:v>0.16784383040238296</c:v>
                </c:pt>
                <c:pt idx="7555">
                  <c:v>0.16784383040238296</c:v>
                </c:pt>
                <c:pt idx="7556">
                  <c:v>0.16784383040238296</c:v>
                </c:pt>
                <c:pt idx="7557">
                  <c:v>0.16784383040238296</c:v>
                </c:pt>
                <c:pt idx="7558">
                  <c:v>0.16784383040238296</c:v>
                </c:pt>
                <c:pt idx="7559">
                  <c:v>0.16784383040238296</c:v>
                </c:pt>
                <c:pt idx="7560">
                  <c:v>0.17257119053078651</c:v>
                </c:pt>
                <c:pt idx="7561">
                  <c:v>0.17257119053078651</c:v>
                </c:pt>
                <c:pt idx="7562">
                  <c:v>0.17257119053078651</c:v>
                </c:pt>
                <c:pt idx="7563">
                  <c:v>0.17257119053078651</c:v>
                </c:pt>
                <c:pt idx="7564">
                  <c:v>0.17257119053078651</c:v>
                </c:pt>
                <c:pt idx="7565">
                  <c:v>0.17257119053078651</c:v>
                </c:pt>
                <c:pt idx="7566">
                  <c:v>0.17257119053078651</c:v>
                </c:pt>
                <c:pt idx="7567">
                  <c:v>0.17257119053078651</c:v>
                </c:pt>
                <c:pt idx="7568">
                  <c:v>0.17257119053078651</c:v>
                </c:pt>
                <c:pt idx="7569">
                  <c:v>0.17257119053078651</c:v>
                </c:pt>
                <c:pt idx="7570">
                  <c:v>0.17257119053078651</c:v>
                </c:pt>
                <c:pt idx="7571">
                  <c:v>0.17257119053078651</c:v>
                </c:pt>
                <c:pt idx="7572">
                  <c:v>0.17257119053078651</c:v>
                </c:pt>
                <c:pt idx="7573">
                  <c:v>0.17257119053078651</c:v>
                </c:pt>
                <c:pt idx="7574">
                  <c:v>0.17257119053078651</c:v>
                </c:pt>
                <c:pt idx="7575">
                  <c:v>0.17257119053078651</c:v>
                </c:pt>
                <c:pt idx="7576">
                  <c:v>0.17257119053078651</c:v>
                </c:pt>
                <c:pt idx="7577">
                  <c:v>0.17257119053078651</c:v>
                </c:pt>
                <c:pt idx="7578">
                  <c:v>0.17257119053078651</c:v>
                </c:pt>
                <c:pt idx="7579">
                  <c:v>0.17257119053078651</c:v>
                </c:pt>
                <c:pt idx="7580">
                  <c:v>0.17257119053078651</c:v>
                </c:pt>
                <c:pt idx="7581">
                  <c:v>0.17257119053078651</c:v>
                </c:pt>
                <c:pt idx="7582">
                  <c:v>0.17257119053078651</c:v>
                </c:pt>
                <c:pt idx="7583">
                  <c:v>0.17257119053078651</c:v>
                </c:pt>
                <c:pt idx="7584">
                  <c:v>0.30739770462816468</c:v>
                </c:pt>
                <c:pt idx="7585">
                  <c:v>0.30739770462816468</c:v>
                </c:pt>
                <c:pt idx="7586">
                  <c:v>0.30739770462816468</c:v>
                </c:pt>
                <c:pt idx="7587">
                  <c:v>0.30739770462816468</c:v>
                </c:pt>
                <c:pt idx="7588">
                  <c:v>0.30739770462816468</c:v>
                </c:pt>
                <c:pt idx="7589">
                  <c:v>0.30739770462816468</c:v>
                </c:pt>
                <c:pt idx="7590">
                  <c:v>0.30739770462816468</c:v>
                </c:pt>
                <c:pt idx="7591">
                  <c:v>1.3095142217159814</c:v>
                </c:pt>
                <c:pt idx="7592">
                  <c:v>1.473203499430479</c:v>
                </c:pt>
                <c:pt idx="7593">
                  <c:v>1.6368927771449768</c:v>
                </c:pt>
                <c:pt idx="7594">
                  <c:v>1.6368927771449768</c:v>
                </c:pt>
                <c:pt idx="7595">
                  <c:v>1.964271332573972</c:v>
                </c:pt>
                <c:pt idx="7596">
                  <c:v>1.964271332573972</c:v>
                </c:pt>
                <c:pt idx="7597">
                  <c:v>1.3095142217159814</c:v>
                </c:pt>
                <c:pt idx="7598">
                  <c:v>1.964271332573972</c:v>
                </c:pt>
                <c:pt idx="7599">
                  <c:v>1.964271332573972</c:v>
                </c:pt>
                <c:pt idx="7600">
                  <c:v>1.1458249440014836</c:v>
                </c:pt>
                <c:pt idx="7601">
                  <c:v>0.32737855542899535</c:v>
                </c:pt>
                <c:pt idx="7602">
                  <c:v>0.32276758985957288</c:v>
                </c:pt>
                <c:pt idx="7603">
                  <c:v>0.32276758985957288</c:v>
                </c:pt>
                <c:pt idx="7604">
                  <c:v>0.32276758985957288</c:v>
                </c:pt>
                <c:pt idx="7605">
                  <c:v>0.32276758985957288</c:v>
                </c:pt>
                <c:pt idx="7606">
                  <c:v>0.32276758985957288</c:v>
                </c:pt>
                <c:pt idx="7607">
                  <c:v>0.32276758985957288</c:v>
                </c:pt>
                <c:pt idx="7608">
                  <c:v>0.19796674016032792</c:v>
                </c:pt>
                <c:pt idx="7609">
                  <c:v>0.30166360405383308</c:v>
                </c:pt>
                <c:pt idx="7610">
                  <c:v>0.30166360405383308</c:v>
                </c:pt>
                <c:pt idx="7611">
                  <c:v>0.30166360405383308</c:v>
                </c:pt>
                <c:pt idx="7612">
                  <c:v>0.30166360405383308</c:v>
                </c:pt>
                <c:pt idx="7613">
                  <c:v>0.30166360405383308</c:v>
                </c:pt>
                <c:pt idx="7614">
                  <c:v>0.30166360405383308</c:v>
                </c:pt>
                <c:pt idx="7615">
                  <c:v>1.2717006308394398</c:v>
                </c:pt>
                <c:pt idx="7616">
                  <c:v>1.4189501775682172</c:v>
                </c:pt>
                <c:pt idx="7617">
                  <c:v>1.5661997242969945</c:v>
                </c:pt>
                <c:pt idx="7618">
                  <c:v>1.5661997242969945</c:v>
                </c:pt>
                <c:pt idx="7619">
                  <c:v>1.8740851401844378</c:v>
                </c:pt>
                <c:pt idx="7620">
                  <c:v>1.8740851401844378</c:v>
                </c:pt>
                <c:pt idx="7621">
                  <c:v>1.2449279859796623</c:v>
                </c:pt>
                <c:pt idx="7622">
                  <c:v>1.8740851401844378</c:v>
                </c:pt>
                <c:pt idx="7623">
                  <c:v>1.8740851401844378</c:v>
                </c:pt>
                <c:pt idx="7624">
                  <c:v>1.1043716004658293</c:v>
                </c:pt>
                <c:pt idx="7625">
                  <c:v>0.47134938133411419</c:v>
                </c:pt>
                <c:pt idx="7626">
                  <c:v>0.31109059168051539</c:v>
                </c:pt>
                <c:pt idx="7627">
                  <c:v>0.31109059168051539</c:v>
                </c:pt>
                <c:pt idx="7628">
                  <c:v>0.31109059168051539</c:v>
                </c:pt>
                <c:pt idx="7629">
                  <c:v>0.31109059168051539</c:v>
                </c:pt>
                <c:pt idx="7630">
                  <c:v>0.31109059168051539</c:v>
                </c:pt>
                <c:pt idx="7631">
                  <c:v>0.31109059168051539</c:v>
                </c:pt>
                <c:pt idx="7632">
                  <c:v>0.30735546768698613</c:v>
                </c:pt>
                <c:pt idx="7633">
                  <c:v>0.30735546768698613</c:v>
                </c:pt>
                <c:pt idx="7634">
                  <c:v>0.30735546768698613</c:v>
                </c:pt>
                <c:pt idx="7635">
                  <c:v>0.30735546768698613</c:v>
                </c:pt>
                <c:pt idx="7636">
                  <c:v>0.30735546768698613</c:v>
                </c:pt>
                <c:pt idx="7637">
                  <c:v>0.30735546768698613</c:v>
                </c:pt>
                <c:pt idx="7638">
                  <c:v>0.30735546768698613</c:v>
                </c:pt>
                <c:pt idx="7639">
                  <c:v>1.2564318966961949</c:v>
                </c:pt>
                <c:pt idx="7640">
                  <c:v>1.4019134847347017</c:v>
                </c:pt>
                <c:pt idx="7641">
                  <c:v>1.5473950727732086</c:v>
                </c:pt>
                <c:pt idx="7642">
                  <c:v>1.5473950727732086</c:v>
                </c:pt>
                <c:pt idx="7643">
                  <c:v>1.8515838477628135</c:v>
                </c:pt>
                <c:pt idx="7644">
                  <c:v>1.8515838477628135</c:v>
                </c:pt>
                <c:pt idx="7645">
                  <c:v>1.229980698871012</c:v>
                </c:pt>
                <c:pt idx="7646">
                  <c:v>1.8515838477628135</c:v>
                </c:pt>
                <c:pt idx="7647">
                  <c:v>1.8515838477628135</c:v>
                </c:pt>
                <c:pt idx="7648">
                  <c:v>1.0911119102888007</c:v>
                </c:pt>
                <c:pt idx="7649">
                  <c:v>0.46569010255603971</c:v>
                </c:pt>
                <c:pt idx="7650">
                  <c:v>0.30735546768698613</c:v>
                </c:pt>
                <c:pt idx="7651">
                  <c:v>0.30735546768698613</c:v>
                </c:pt>
                <c:pt idx="7652">
                  <c:v>0.30735546768698613</c:v>
                </c:pt>
                <c:pt idx="7653">
                  <c:v>0.30735546768698613</c:v>
                </c:pt>
                <c:pt idx="7654">
                  <c:v>0.30735546768698613</c:v>
                </c:pt>
                <c:pt idx="7655">
                  <c:v>0.30735546768698613</c:v>
                </c:pt>
                <c:pt idx="7656">
                  <c:v>0.30802736609954862</c:v>
                </c:pt>
                <c:pt idx="7657">
                  <c:v>0.30802736609954862</c:v>
                </c:pt>
                <c:pt idx="7658">
                  <c:v>0.30802736609954862</c:v>
                </c:pt>
                <c:pt idx="7659">
                  <c:v>0.30802736609954862</c:v>
                </c:pt>
                <c:pt idx="7660">
                  <c:v>0.30802736609954862</c:v>
                </c:pt>
                <c:pt idx="7661">
                  <c:v>0.30802736609954862</c:v>
                </c:pt>
                <c:pt idx="7662">
                  <c:v>0.30802736609954862</c:v>
                </c:pt>
                <c:pt idx="7663">
                  <c:v>1.2591785359645185</c:v>
                </c:pt>
                <c:pt idx="7664">
                  <c:v>1.4049781559183048</c:v>
                </c:pt>
                <c:pt idx="7665">
                  <c:v>1.5507777758720913</c:v>
                </c:pt>
                <c:pt idx="7666">
                  <c:v>1.5507777758720913</c:v>
                </c:pt>
                <c:pt idx="7667">
                  <c:v>1.8556315266845533</c:v>
                </c:pt>
                <c:pt idx="7668">
                  <c:v>1.8556315266845533</c:v>
                </c:pt>
                <c:pt idx="7669">
                  <c:v>1.232669514154739</c:v>
                </c:pt>
                <c:pt idx="7670">
                  <c:v>1.8556315266845533</c:v>
                </c:pt>
                <c:pt idx="7671">
                  <c:v>1.8556315266845533</c:v>
                </c:pt>
                <c:pt idx="7672">
                  <c:v>1.0934971496533976</c:v>
                </c:pt>
                <c:pt idx="7673">
                  <c:v>0.46670813045386156</c:v>
                </c:pt>
                <c:pt idx="7674">
                  <c:v>0.30802736609954862</c:v>
                </c:pt>
                <c:pt idx="7675">
                  <c:v>0.30802736609954862</c:v>
                </c:pt>
                <c:pt idx="7676">
                  <c:v>0.30802736609954862</c:v>
                </c:pt>
                <c:pt idx="7677">
                  <c:v>0.30802736609954862</c:v>
                </c:pt>
                <c:pt idx="7678">
                  <c:v>0.30802736609954862</c:v>
                </c:pt>
                <c:pt idx="7679">
                  <c:v>0.30802736609954862</c:v>
                </c:pt>
                <c:pt idx="7680">
                  <c:v>0.48077891182545401</c:v>
                </c:pt>
                <c:pt idx="7681">
                  <c:v>0.29138115868209336</c:v>
                </c:pt>
                <c:pt idx="7682">
                  <c:v>0.29138115868209336</c:v>
                </c:pt>
                <c:pt idx="7683">
                  <c:v>0.29138115868209336</c:v>
                </c:pt>
                <c:pt idx="7684">
                  <c:v>0.29138115868209336</c:v>
                </c:pt>
                <c:pt idx="7685">
                  <c:v>0.29138115868209336</c:v>
                </c:pt>
                <c:pt idx="7686">
                  <c:v>0.29138115868209336</c:v>
                </c:pt>
                <c:pt idx="7687">
                  <c:v>1.2412837359857176</c:v>
                </c:pt>
                <c:pt idx="7688">
                  <c:v>1.5516046699821471</c:v>
                </c:pt>
                <c:pt idx="7689">
                  <c:v>1.7067651369803618</c:v>
                </c:pt>
                <c:pt idx="7690">
                  <c:v>1.7067651369803618</c:v>
                </c:pt>
                <c:pt idx="7691">
                  <c:v>2.0170860709767915</c:v>
                </c:pt>
                <c:pt idx="7692">
                  <c:v>2.0170860709767915</c:v>
                </c:pt>
                <c:pt idx="7693">
                  <c:v>1.3964442029839323</c:v>
                </c:pt>
                <c:pt idx="7694">
                  <c:v>2.0170860709767915</c:v>
                </c:pt>
                <c:pt idx="7695">
                  <c:v>1.5516046699821471</c:v>
                </c:pt>
                <c:pt idx="7696">
                  <c:v>0.72845289670523339</c:v>
                </c:pt>
                <c:pt idx="7697">
                  <c:v>0.48077891182545401</c:v>
                </c:pt>
                <c:pt idx="7698">
                  <c:v>0.30595021661619798</c:v>
                </c:pt>
                <c:pt idx="7699">
                  <c:v>0.29138115868209336</c:v>
                </c:pt>
                <c:pt idx="7700">
                  <c:v>0.29138115868209336</c:v>
                </c:pt>
                <c:pt idx="7701">
                  <c:v>0.29138115868209336</c:v>
                </c:pt>
                <c:pt idx="7702">
                  <c:v>0.29138115868209336</c:v>
                </c:pt>
                <c:pt idx="7703">
                  <c:v>0.29138115868209336</c:v>
                </c:pt>
                <c:pt idx="7704">
                  <c:v>0.21358095306083125</c:v>
                </c:pt>
                <c:pt idx="7705">
                  <c:v>0.19222285775474812</c:v>
                </c:pt>
                <c:pt idx="7706">
                  <c:v>0.19222285775474812</c:v>
                </c:pt>
                <c:pt idx="7707">
                  <c:v>0.19222285775474812</c:v>
                </c:pt>
                <c:pt idx="7708">
                  <c:v>0.19222285775474812</c:v>
                </c:pt>
                <c:pt idx="7709">
                  <c:v>0.19222285775474812</c:v>
                </c:pt>
                <c:pt idx="7710">
                  <c:v>0.19222285775474812</c:v>
                </c:pt>
                <c:pt idx="7711">
                  <c:v>0.19222285775474812</c:v>
                </c:pt>
                <c:pt idx="7712">
                  <c:v>0.19222285775474812</c:v>
                </c:pt>
                <c:pt idx="7713">
                  <c:v>0.19222285775474812</c:v>
                </c:pt>
                <c:pt idx="7714">
                  <c:v>0.19222285775474812</c:v>
                </c:pt>
                <c:pt idx="7715">
                  <c:v>0.19222285775474812</c:v>
                </c:pt>
                <c:pt idx="7716">
                  <c:v>0.19222285775474812</c:v>
                </c:pt>
                <c:pt idx="7717">
                  <c:v>0.19222285775474812</c:v>
                </c:pt>
                <c:pt idx="7718">
                  <c:v>0.19222285775474812</c:v>
                </c:pt>
                <c:pt idx="7719">
                  <c:v>0.19222285775474812</c:v>
                </c:pt>
                <c:pt idx="7720">
                  <c:v>0.19222285775474812</c:v>
                </c:pt>
                <c:pt idx="7721">
                  <c:v>0.19222285775474812</c:v>
                </c:pt>
                <c:pt idx="7722">
                  <c:v>0.19222285775474812</c:v>
                </c:pt>
                <c:pt idx="7723">
                  <c:v>0.19222285775474812</c:v>
                </c:pt>
                <c:pt idx="7724">
                  <c:v>0.19222285775474812</c:v>
                </c:pt>
                <c:pt idx="7725">
                  <c:v>0.19222285775474812</c:v>
                </c:pt>
                <c:pt idx="7726">
                  <c:v>0.19222285775474812</c:v>
                </c:pt>
                <c:pt idx="7727">
                  <c:v>0.19222285775474812</c:v>
                </c:pt>
                <c:pt idx="7728">
                  <c:v>0.20101338910854583</c:v>
                </c:pt>
                <c:pt idx="7729">
                  <c:v>0.20101338910854583</c:v>
                </c:pt>
                <c:pt idx="7730">
                  <c:v>0.20101338910854583</c:v>
                </c:pt>
                <c:pt idx="7731">
                  <c:v>0.20101338910854583</c:v>
                </c:pt>
                <c:pt idx="7732">
                  <c:v>0.20101338910854583</c:v>
                </c:pt>
                <c:pt idx="7733">
                  <c:v>0.20101338910854583</c:v>
                </c:pt>
                <c:pt idx="7734">
                  <c:v>0.20101338910854583</c:v>
                </c:pt>
                <c:pt idx="7735">
                  <c:v>0.20101338910854583</c:v>
                </c:pt>
                <c:pt idx="7736">
                  <c:v>0.20101338910854583</c:v>
                </c:pt>
                <c:pt idx="7737">
                  <c:v>0.20101338910854583</c:v>
                </c:pt>
                <c:pt idx="7738">
                  <c:v>0.20101338910854583</c:v>
                </c:pt>
                <c:pt idx="7739">
                  <c:v>0.20101338910854583</c:v>
                </c:pt>
                <c:pt idx="7740">
                  <c:v>0.20101338910854583</c:v>
                </c:pt>
                <c:pt idx="7741">
                  <c:v>0.20101338910854583</c:v>
                </c:pt>
                <c:pt idx="7742">
                  <c:v>0.20101338910854583</c:v>
                </c:pt>
                <c:pt idx="7743">
                  <c:v>0.20101338910854583</c:v>
                </c:pt>
                <c:pt idx="7744">
                  <c:v>0.20101338910854583</c:v>
                </c:pt>
                <c:pt idx="7745">
                  <c:v>0.20101338910854583</c:v>
                </c:pt>
                <c:pt idx="7746">
                  <c:v>0.20101338910854583</c:v>
                </c:pt>
                <c:pt idx="7747">
                  <c:v>0.20101338910854583</c:v>
                </c:pt>
                <c:pt idx="7748">
                  <c:v>0.20101338910854583</c:v>
                </c:pt>
                <c:pt idx="7749">
                  <c:v>0.20101338910854583</c:v>
                </c:pt>
                <c:pt idx="7750">
                  <c:v>0.20101338910854583</c:v>
                </c:pt>
                <c:pt idx="7751">
                  <c:v>0.20101338910854583</c:v>
                </c:pt>
                <c:pt idx="7752">
                  <c:v>0.29966080703216813</c:v>
                </c:pt>
                <c:pt idx="7753">
                  <c:v>0.29966080703216813</c:v>
                </c:pt>
                <c:pt idx="7754">
                  <c:v>0.29966080703216813</c:v>
                </c:pt>
                <c:pt idx="7755">
                  <c:v>0.29966080703216813</c:v>
                </c:pt>
                <c:pt idx="7756">
                  <c:v>0.29966080703216813</c:v>
                </c:pt>
                <c:pt idx="7757">
                  <c:v>0.29966080703216813</c:v>
                </c:pt>
                <c:pt idx="7758">
                  <c:v>0.29966080703216813</c:v>
                </c:pt>
                <c:pt idx="7759">
                  <c:v>1.2765550379570361</c:v>
                </c:pt>
                <c:pt idx="7760">
                  <c:v>1.4361244177016657</c:v>
                </c:pt>
                <c:pt idx="7761">
                  <c:v>1.5956937974462952</c:v>
                </c:pt>
                <c:pt idx="7762">
                  <c:v>1.5956937974462952</c:v>
                </c:pt>
                <c:pt idx="7763">
                  <c:v>1.9148325569355538</c:v>
                </c:pt>
                <c:pt idx="7764">
                  <c:v>1.9148325569355538</c:v>
                </c:pt>
                <c:pt idx="7765">
                  <c:v>1.2765550379570361</c:v>
                </c:pt>
                <c:pt idx="7766">
                  <c:v>1.9148325569355538</c:v>
                </c:pt>
                <c:pt idx="7767">
                  <c:v>1.9148325569355538</c:v>
                </c:pt>
                <c:pt idx="7768">
                  <c:v>1.1169856582124063</c:v>
                </c:pt>
                <c:pt idx="7769">
                  <c:v>0.31913875948925902</c:v>
                </c:pt>
                <c:pt idx="7770">
                  <c:v>0.31464384738377649</c:v>
                </c:pt>
                <c:pt idx="7771">
                  <c:v>0.31464384738377649</c:v>
                </c:pt>
                <c:pt idx="7772">
                  <c:v>0.31464384738377649</c:v>
                </c:pt>
                <c:pt idx="7773">
                  <c:v>0.31464384738377649</c:v>
                </c:pt>
                <c:pt idx="7774">
                  <c:v>0.31464384738377649</c:v>
                </c:pt>
                <c:pt idx="7775">
                  <c:v>0.31464384738377649</c:v>
                </c:pt>
                <c:pt idx="7776">
                  <c:v>0.20012272378616056</c:v>
                </c:pt>
                <c:pt idx="7777">
                  <c:v>0.30494891243605415</c:v>
                </c:pt>
                <c:pt idx="7778">
                  <c:v>0.30494891243605415</c:v>
                </c:pt>
                <c:pt idx="7779">
                  <c:v>0.30494891243605415</c:v>
                </c:pt>
                <c:pt idx="7780">
                  <c:v>0.30494891243605415</c:v>
                </c:pt>
                <c:pt idx="7781">
                  <c:v>0.30494891243605415</c:v>
                </c:pt>
                <c:pt idx="7782">
                  <c:v>0.30494891243605415</c:v>
                </c:pt>
                <c:pt idx="7783">
                  <c:v>1.2855502589882406</c:v>
                </c:pt>
                <c:pt idx="7784">
                  <c:v>1.4344034468710898</c:v>
                </c:pt>
                <c:pt idx="7785">
                  <c:v>1.5832566347539387</c:v>
                </c:pt>
                <c:pt idx="7786">
                  <c:v>1.5832566347539387</c:v>
                </c:pt>
                <c:pt idx="7787">
                  <c:v>1.8944951185089862</c:v>
                </c:pt>
                <c:pt idx="7788">
                  <c:v>1.8944951185089862</c:v>
                </c:pt>
                <c:pt idx="7789">
                  <c:v>1.2584860430095408</c:v>
                </c:pt>
                <c:pt idx="7790">
                  <c:v>1.8944951185089862</c:v>
                </c:pt>
                <c:pt idx="7791">
                  <c:v>1.8944951185089862</c:v>
                </c:pt>
                <c:pt idx="7792">
                  <c:v>1.1163989091213671</c:v>
                </c:pt>
                <c:pt idx="7793">
                  <c:v>0.47648267568133468</c:v>
                </c:pt>
                <c:pt idx="7794">
                  <c:v>0.31447856594968082</c:v>
                </c:pt>
                <c:pt idx="7795">
                  <c:v>0.31447856594968082</c:v>
                </c:pt>
                <c:pt idx="7796">
                  <c:v>0.31447856594968082</c:v>
                </c:pt>
                <c:pt idx="7797">
                  <c:v>0.31447856594968082</c:v>
                </c:pt>
                <c:pt idx="7798">
                  <c:v>0.31447856594968082</c:v>
                </c:pt>
                <c:pt idx="7799">
                  <c:v>0.31447856594968082</c:v>
                </c:pt>
                <c:pt idx="7800">
                  <c:v>0.32056946980071449</c:v>
                </c:pt>
                <c:pt idx="7801">
                  <c:v>0.32056946980071449</c:v>
                </c:pt>
                <c:pt idx="7802">
                  <c:v>0.32056946980071449</c:v>
                </c:pt>
                <c:pt idx="7803">
                  <c:v>0.32056946980071449</c:v>
                </c:pt>
                <c:pt idx="7804">
                  <c:v>0.32056946980071449</c:v>
                </c:pt>
                <c:pt idx="7805">
                  <c:v>0.32056946980071449</c:v>
                </c:pt>
                <c:pt idx="7806">
                  <c:v>0.32056946980071449</c:v>
                </c:pt>
                <c:pt idx="7807">
                  <c:v>1.3104491356398902</c:v>
                </c:pt>
                <c:pt idx="7808">
                  <c:v>1.4621853513455618</c:v>
                </c:pt>
                <c:pt idx="7809">
                  <c:v>1.6139215670512332</c:v>
                </c:pt>
                <c:pt idx="7810">
                  <c:v>1.6139215670512332</c:v>
                </c:pt>
                <c:pt idx="7811">
                  <c:v>1.9311881998903646</c:v>
                </c:pt>
                <c:pt idx="7812">
                  <c:v>1.9311881998903646</c:v>
                </c:pt>
                <c:pt idx="7813">
                  <c:v>1.2828607327843136</c:v>
                </c:pt>
                <c:pt idx="7814">
                  <c:v>1.9311881998903646</c:v>
                </c:pt>
                <c:pt idx="7815">
                  <c:v>1.9311881998903646</c:v>
                </c:pt>
                <c:pt idx="7816">
                  <c:v>1.1380216177925364</c:v>
                </c:pt>
                <c:pt idx="7817">
                  <c:v>0.48571131787987043</c:v>
                </c:pt>
                <c:pt idx="7818">
                  <c:v>0.32056946980071449</c:v>
                </c:pt>
                <c:pt idx="7819">
                  <c:v>0.32056946980071449</c:v>
                </c:pt>
                <c:pt idx="7820">
                  <c:v>0.32056946980071449</c:v>
                </c:pt>
                <c:pt idx="7821">
                  <c:v>0.32056946980071449</c:v>
                </c:pt>
                <c:pt idx="7822">
                  <c:v>0.32056946980071449</c:v>
                </c:pt>
                <c:pt idx="7823">
                  <c:v>0.32056946980071449</c:v>
                </c:pt>
                <c:pt idx="7824">
                  <c:v>0.32280913117592264</c:v>
                </c:pt>
                <c:pt idx="7825">
                  <c:v>0.32280913117592264</c:v>
                </c:pt>
                <c:pt idx="7826">
                  <c:v>0.32280913117592264</c:v>
                </c:pt>
                <c:pt idx="7827">
                  <c:v>0.32280913117592264</c:v>
                </c:pt>
                <c:pt idx="7828">
                  <c:v>0.32280913117592264</c:v>
                </c:pt>
                <c:pt idx="7829">
                  <c:v>0.32280913117592264</c:v>
                </c:pt>
                <c:pt idx="7830">
                  <c:v>0.32280913117592264</c:v>
                </c:pt>
                <c:pt idx="7831">
                  <c:v>1.3196045998676351</c:v>
                </c:pt>
                <c:pt idx="7832">
                  <c:v>1.472400921957572</c:v>
                </c:pt>
                <c:pt idx="7833">
                  <c:v>1.6251972440475089</c:v>
                </c:pt>
                <c:pt idx="7834">
                  <c:v>1.6251972440475089</c:v>
                </c:pt>
                <c:pt idx="7835">
                  <c:v>1.9446804629628311</c:v>
                </c:pt>
                <c:pt idx="7836">
                  <c:v>1.9446804629628311</c:v>
                </c:pt>
                <c:pt idx="7837">
                  <c:v>1.2918234503967378</c:v>
                </c:pt>
                <c:pt idx="7838">
                  <c:v>1.9446804629628311</c:v>
                </c:pt>
                <c:pt idx="7839">
                  <c:v>1.9446804629628311</c:v>
                </c:pt>
                <c:pt idx="7840">
                  <c:v>1.1459724156745255</c:v>
                </c:pt>
                <c:pt idx="7841">
                  <c:v>0.48910474420594341</c:v>
                </c:pt>
                <c:pt idx="7842">
                  <c:v>0.32280913117592264</c:v>
                </c:pt>
                <c:pt idx="7843">
                  <c:v>0.32280913117592264</c:v>
                </c:pt>
                <c:pt idx="7844">
                  <c:v>0.32280913117592264</c:v>
                </c:pt>
                <c:pt idx="7845">
                  <c:v>0.32280913117592264</c:v>
                </c:pt>
                <c:pt idx="7846">
                  <c:v>0.32280913117592264</c:v>
                </c:pt>
                <c:pt idx="7847">
                  <c:v>0.32280913117592264</c:v>
                </c:pt>
                <c:pt idx="7848">
                  <c:v>0.48796835915239845</c:v>
                </c:pt>
                <c:pt idx="7849">
                  <c:v>0.29573839948630215</c:v>
                </c:pt>
                <c:pt idx="7850">
                  <c:v>0.29573839948630215</c:v>
                </c:pt>
                <c:pt idx="7851">
                  <c:v>0.29573839948630215</c:v>
                </c:pt>
                <c:pt idx="7852">
                  <c:v>0.29573839948630215</c:v>
                </c:pt>
                <c:pt idx="7853">
                  <c:v>0.29573839948630215</c:v>
                </c:pt>
                <c:pt idx="7854">
                  <c:v>0.29573839948630215</c:v>
                </c:pt>
                <c:pt idx="7855">
                  <c:v>1.259845581811647</c:v>
                </c:pt>
                <c:pt idx="7856">
                  <c:v>1.5748069772645588</c:v>
                </c:pt>
                <c:pt idx="7857">
                  <c:v>1.7322876749910148</c:v>
                </c:pt>
                <c:pt idx="7858">
                  <c:v>1.7322876749910148</c:v>
                </c:pt>
                <c:pt idx="7859">
                  <c:v>2.0472490704439266</c:v>
                </c:pt>
                <c:pt idx="7860">
                  <c:v>2.0472490704439266</c:v>
                </c:pt>
                <c:pt idx="7861">
                  <c:v>1.417326279538103</c:v>
                </c:pt>
                <c:pt idx="7862">
                  <c:v>2.0472490704439266</c:v>
                </c:pt>
                <c:pt idx="7863">
                  <c:v>1.5748069772645588</c:v>
                </c:pt>
                <c:pt idx="7864">
                  <c:v>0.73934599871575535</c:v>
                </c:pt>
                <c:pt idx="7865">
                  <c:v>0.48796835915239845</c:v>
                </c:pt>
                <c:pt idx="7866">
                  <c:v>0.31052531946061723</c:v>
                </c:pt>
                <c:pt idx="7867">
                  <c:v>0.29573839948630215</c:v>
                </c:pt>
                <c:pt idx="7868">
                  <c:v>0.29573839948630215</c:v>
                </c:pt>
                <c:pt idx="7869">
                  <c:v>0.29573839948630215</c:v>
                </c:pt>
                <c:pt idx="7870">
                  <c:v>0.29573839948630215</c:v>
                </c:pt>
                <c:pt idx="7871">
                  <c:v>0.29573839948630215</c:v>
                </c:pt>
                <c:pt idx="7872">
                  <c:v>0.23804736043954899</c:v>
                </c:pt>
                <c:pt idx="7873">
                  <c:v>0.21424262439559411</c:v>
                </c:pt>
                <c:pt idx="7874">
                  <c:v>0.21424262439559411</c:v>
                </c:pt>
                <c:pt idx="7875">
                  <c:v>0.21424262439559411</c:v>
                </c:pt>
                <c:pt idx="7876">
                  <c:v>0.21424262439559411</c:v>
                </c:pt>
                <c:pt idx="7877">
                  <c:v>0.21424262439559411</c:v>
                </c:pt>
                <c:pt idx="7878">
                  <c:v>0.21424262439559411</c:v>
                </c:pt>
                <c:pt idx="7879">
                  <c:v>0.21424262439559411</c:v>
                </c:pt>
                <c:pt idx="7880">
                  <c:v>0.21424262439559411</c:v>
                </c:pt>
                <c:pt idx="7881">
                  <c:v>0.21424262439559411</c:v>
                </c:pt>
                <c:pt idx="7882">
                  <c:v>0.21424262439559411</c:v>
                </c:pt>
                <c:pt idx="7883">
                  <c:v>0.21424262439559411</c:v>
                </c:pt>
                <c:pt idx="7884">
                  <c:v>0.21424262439559411</c:v>
                </c:pt>
                <c:pt idx="7885">
                  <c:v>0.21424262439559411</c:v>
                </c:pt>
                <c:pt idx="7886">
                  <c:v>0.21424262439559411</c:v>
                </c:pt>
                <c:pt idx="7887">
                  <c:v>0.21424262439559411</c:v>
                </c:pt>
                <c:pt idx="7888">
                  <c:v>0.21424262439559411</c:v>
                </c:pt>
                <c:pt idx="7889">
                  <c:v>0.21424262439559411</c:v>
                </c:pt>
                <c:pt idx="7890">
                  <c:v>0.21424262439559411</c:v>
                </c:pt>
                <c:pt idx="7891">
                  <c:v>0.21424262439559411</c:v>
                </c:pt>
                <c:pt idx="7892">
                  <c:v>0.21424262439559411</c:v>
                </c:pt>
                <c:pt idx="7893">
                  <c:v>0.21424262439559411</c:v>
                </c:pt>
                <c:pt idx="7894">
                  <c:v>0.21424262439559411</c:v>
                </c:pt>
                <c:pt idx="7895">
                  <c:v>0.21424262439559411</c:v>
                </c:pt>
                <c:pt idx="7896">
                  <c:v>0.21918479375544764</c:v>
                </c:pt>
                <c:pt idx="7897">
                  <c:v>0.21918479375544764</c:v>
                </c:pt>
                <c:pt idx="7898">
                  <c:v>0.21918479375544764</c:v>
                </c:pt>
                <c:pt idx="7899">
                  <c:v>0.21918479375544764</c:v>
                </c:pt>
                <c:pt idx="7900">
                  <c:v>0.21918479375544764</c:v>
                </c:pt>
                <c:pt idx="7901">
                  <c:v>0.21918479375544764</c:v>
                </c:pt>
                <c:pt idx="7902">
                  <c:v>0.21918479375544764</c:v>
                </c:pt>
                <c:pt idx="7903">
                  <c:v>0.21918479375544764</c:v>
                </c:pt>
                <c:pt idx="7904">
                  <c:v>0.21918479375544764</c:v>
                </c:pt>
                <c:pt idx="7905">
                  <c:v>0.21918479375544764</c:v>
                </c:pt>
                <c:pt idx="7906">
                  <c:v>0.21918479375544764</c:v>
                </c:pt>
                <c:pt idx="7907">
                  <c:v>0.21918479375544764</c:v>
                </c:pt>
                <c:pt idx="7908">
                  <c:v>0.21918479375544764</c:v>
                </c:pt>
                <c:pt idx="7909">
                  <c:v>0.21918479375544764</c:v>
                </c:pt>
                <c:pt idx="7910">
                  <c:v>0.21918479375544764</c:v>
                </c:pt>
                <c:pt idx="7911">
                  <c:v>0.21918479375544764</c:v>
                </c:pt>
                <c:pt idx="7912">
                  <c:v>0.21918479375544764</c:v>
                </c:pt>
                <c:pt idx="7913">
                  <c:v>0.21918479375544764</c:v>
                </c:pt>
                <c:pt idx="7914">
                  <c:v>0.21918479375544764</c:v>
                </c:pt>
                <c:pt idx="7915">
                  <c:v>0.21918479375544764</c:v>
                </c:pt>
                <c:pt idx="7916">
                  <c:v>0.21918479375544764</c:v>
                </c:pt>
                <c:pt idx="7917">
                  <c:v>0.21918479375544764</c:v>
                </c:pt>
                <c:pt idx="7918">
                  <c:v>0.21918479375544764</c:v>
                </c:pt>
                <c:pt idx="7919">
                  <c:v>0.21918479375544764</c:v>
                </c:pt>
                <c:pt idx="7920">
                  <c:v>0.31019158431560795</c:v>
                </c:pt>
                <c:pt idx="7921">
                  <c:v>0.31019158431560795</c:v>
                </c:pt>
                <c:pt idx="7922">
                  <c:v>0.31019158431560795</c:v>
                </c:pt>
                <c:pt idx="7923">
                  <c:v>0.31019158431560795</c:v>
                </c:pt>
                <c:pt idx="7924">
                  <c:v>0.31019158431560795</c:v>
                </c:pt>
                <c:pt idx="7925">
                  <c:v>0.31019158431560795</c:v>
                </c:pt>
                <c:pt idx="7926">
                  <c:v>0.31019158431560795</c:v>
                </c:pt>
                <c:pt idx="7927">
                  <c:v>1.3214161491844898</c:v>
                </c:pt>
                <c:pt idx="7928">
                  <c:v>1.486593167832551</c:v>
                </c:pt>
                <c:pt idx="7929">
                  <c:v>1.6517701864806122</c:v>
                </c:pt>
                <c:pt idx="7930">
                  <c:v>1.6517701864806122</c:v>
                </c:pt>
                <c:pt idx="7931">
                  <c:v>1.9821242237767347</c:v>
                </c:pt>
                <c:pt idx="7932">
                  <c:v>1.9821242237767347</c:v>
                </c:pt>
                <c:pt idx="7933">
                  <c:v>1.3214161491844898</c:v>
                </c:pt>
                <c:pt idx="7934">
                  <c:v>1.9821242237767347</c:v>
                </c:pt>
                <c:pt idx="7935">
                  <c:v>1.9821242237767347</c:v>
                </c:pt>
                <c:pt idx="7936">
                  <c:v>1.1562391305364286</c:v>
                </c:pt>
                <c:pt idx="7937">
                  <c:v>0.33035403729612245</c:v>
                </c:pt>
                <c:pt idx="7938">
                  <c:v>0.32570116353138834</c:v>
                </c:pt>
                <c:pt idx="7939">
                  <c:v>0.32570116353138834</c:v>
                </c:pt>
                <c:pt idx="7940">
                  <c:v>0.32570116353138834</c:v>
                </c:pt>
                <c:pt idx="7941">
                  <c:v>0.32570116353138834</c:v>
                </c:pt>
                <c:pt idx="7942">
                  <c:v>0.32570116353138834</c:v>
                </c:pt>
                <c:pt idx="7943">
                  <c:v>0.32570116353138834</c:v>
                </c:pt>
                <c:pt idx="7944">
                  <c:v>0.20788426483915792</c:v>
                </c:pt>
                <c:pt idx="7945">
                  <c:v>0.31677602261205018</c:v>
                </c:pt>
                <c:pt idx="7946">
                  <c:v>0.31677602261205018</c:v>
                </c:pt>
                <c:pt idx="7947">
                  <c:v>0.31677602261205018</c:v>
                </c:pt>
                <c:pt idx="7948">
                  <c:v>0.31677602261205018</c:v>
                </c:pt>
                <c:pt idx="7949">
                  <c:v>0.31677602261205018</c:v>
                </c:pt>
                <c:pt idx="7950">
                  <c:v>0.31677602261205018</c:v>
                </c:pt>
                <c:pt idx="7951">
                  <c:v>1.3354089203239239</c:v>
                </c:pt>
                <c:pt idx="7952">
                  <c:v>1.490035216361431</c:v>
                </c:pt>
                <c:pt idx="7953">
                  <c:v>1.6446615123989379</c:v>
                </c:pt>
                <c:pt idx="7954">
                  <c:v>1.6446615123989379</c:v>
                </c:pt>
                <c:pt idx="7955">
                  <c:v>1.9679710404773616</c:v>
                </c:pt>
                <c:pt idx="7956">
                  <c:v>1.9679710404773616</c:v>
                </c:pt>
                <c:pt idx="7957">
                  <c:v>1.3072950483171044</c:v>
                </c:pt>
                <c:pt idx="7958">
                  <c:v>1.9679710404773616</c:v>
                </c:pt>
                <c:pt idx="7959">
                  <c:v>1.9679710404773616</c:v>
                </c:pt>
                <c:pt idx="7960">
                  <c:v>1.1596972202813025</c:v>
                </c:pt>
                <c:pt idx="7961">
                  <c:v>0.49496253533132845</c:v>
                </c:pt>
                <c:pt idx="7962">
                  <c:v>0.32667527331867674</c:v>
                </c:pt>
                <c:pt idx="7963">
                  <c:v>0.32667527331867674</c:v>
                </c:pt>
                <c:pt idx="7964">
                  <c:v>0.32667527331867674</c:v>
                </c:pt>
                <c:pt idx="7965">
                  <c:v>0.32667527331867674</c:v>
                </c:pt>
                <c:pt idx="7966">
                  <c:v>0.32667527331867674</c:v>
                </c:pt>
                <c:pt idx="7967">
                  <c:v>0.32667527331867674</c:v>
                </c:pt>
                <c:pt idx="7968">
                  <c:v>0.33377009227713555</c:v>
                </c:pt>
                <c:pt idx="7969">
                  <c:v>0.33377009227713555</c:v>
                </c:pt>
                <c:pt idx="7970">
                  <c:v>0.33377009227713555</c:v>
                </c:pt>
                <c:pt idx="7971">
                  <c:v>0.33377009227713555</c:v>
                </c:pt>
                <c:pt idx="7972">
                  <c:v>0.33377009227713555</c:v>
                </c:pt>
                <c:pt idx="7973">
                  <c:v>0.33377009227713555</c:v>
                </c:pt>
                <c:pt idx="7974">
                  <c:v>0.33377009227713555</c:v>
                </c:pt>
                <c:pt idx="7975">
                  <c:v>1.3644116802480477</c:v>
                </c:pt>
                <c:pt idx="7976">
                  <c:v>1.5223961905925587</c:v>
                </c:pt>
                <c:pt idx="7977">
                  <c:v>1.6803807009370697</c:v>
                </c:pt>
                <c:pt idx="7978">
                  <c:v>1.6803807009370697</c:v>
                </c:pt>
                <c:pt idx="7979">
                  <c:v>2.0107119498392287</c:v>
                </c:pt>
                <c:pt idx="7980">
                  <c:v>2.0107119498392287</c:v>
                </c:pt>
                <c:pt idx="7981">
                  <c:v>1.335687223821773</c:v>
                </c:pt>
                <c:pt idx="7982">
                  <c:v>2.0107119498392287</c:v>
                </c:pt>
                <c:pt idx="7983">
                  <c:v>2.0107119498392287</c:v>
                </c:pt>
                <c:pt idx="7984">
                  <c:v>1.1848838275838309</c:v>
                </c:pt>
                <c:pt idx="7985">
                  <c:v>0.50571226102596289</c:v>
                </c:pt>
                <c:pt idx="7986">
                  <c:v>0.33377009227713555</c:v>
                </c:pt>
                <c:pt idx="7987">
                  <c:v>0.33377009227713555</c:v>
                </c:pt>
                <c:pt idx="7988">
                  <c:v>0.33377009227713555</c:v>
                </c:pt>
                <c:pt idx="7989">
                  <c:v>0.33377009227713555</c:v>
                </c:pt>
                <c:pt idx="7990">
                  <c:v>0.33377009227713555</c:v>
                </c:pt>
                <c:pt idx="7991">
                  <c:v>0.33377009227713555</c:v>
                </c:pt>
                <c:pt idx="7992">
                  <c:v>0.3376695887594573</c:v>
                </c:pt>
                <c:pt idx="7993">
                  <c:v>0.3376695887594573</c:v>
                </c:pt>
                <c:pt idx="7994">
                  <c:v>0.3376695887594573</c:v>
                </c:pt>
                <c:pt idx="7995">
                  <c:v>0.3376695887594573</c:v>
                </c:pt>
                <c:pt idx="7996">
                  <c:v>0.3376695887594573</c:v>
                </c:pt>
                <c:pt idx="7997">
                  <c:v>0.3376695887594573</c:v>
                </c:pt>
                <c:pt idx="7998">
                  <c:v>0.3376695887594573</c:v>
                </c:pt>
                <c:pt idx="7999">
                  <c:v>1.380352349201539</c:v>
                </c:pt>
                <c:pt idx="8000">
                  <c:v>1.540182621214349</c:v>
                </c:pt>
                <c:pt idx="8001">
                  <c:v>1.7000128932271588</c:v>
                </c:pt>
                <c:pt idx="8002">
                  <c:v>1.7000128932271588</c:v>
                </c:pt>
                <c:pt idx="8003">
                  <c:v>2.0342034619812153</c:v>
                </c:pt>
                <c:pt idx="8004">
                  <c:v>2.0342034619812153</c:v>
                </c:pt>
                <c:pt idx="8005">
                  <c:v>1.3512922997446644</c:v>
                </c:pt>
                <c:pt idx="8006">
                  <c:v>2.0342034619812153</c:v>
                </c:pt>
                <c:pt idx="8007">
                  <c:v>2.0342034619812153</c:v>
                </c:pt>
                <c:pt idx="8008">
                  <c:v>1.1987270400960734</c:v>
                </c:pt>
                <c:pt idx="8009">
                  <c:v>0.51162058902948082</c:v>
                </c:pt>
                <c:pt idx="8010">
                  <c:v>0.3376695887594573</c:v>
                </c:pt>
                <c:pt idx="8011">
                  <c:v>0.3376695887594573</c:v>
                </c:pt>
                <c:pt idx="8012">
                  <c:v>0.3376695887594573</c:v>
                </c:pt>
                <c:pt idx="8013">
                  <c:v>0.3376695887594573</c:v>
                </c:pt>
                <c:pt idx="8014">
                  <c:v>0.3376695887594573</c:v>
                </c:pt>
                <c:pt idx="8015">
                  <c:v>0.3376695887594573</c:v>
                </c:pt>
                <c:pt idx="8016">
                  <c:v>0.51169115085586747</c:v>
                </c:pt>
                <c:pt idx="8017">
                  <c:v>0.31011584900355604</c:v>
                </c:pt>
                <c:pt idx="8018">
                  <c:v>0.31011584900355604</c:v>
                </c:pt>
                <c:pt idx="8019">
                  <c:v>0.31011584900355604</c:v>
                </c:pt>
                <c:pt idx="8020">
                  <c:v>0.31011584900355604</c:v>
                </c:pt>
                <c:pt idx="8021">
                  <c:v>0.31011584900355604</c:v>
                </c:pt>
                <c:pt idx="8022">
                  <c:v>0.31011584900355604</c:v>
                </c:pt>
                <c:pt idx="8023">
                  <c:v>1.3210935167551487</c:v>
                </c:pt>
                <c:pt idx="8024">
                  <c:v>1.651366895943936</c:v>
                </c:pt>
                <c:pt idx="8025">
                  <c:v>1.8165035855383294</c:v>
                </c:pt>
                <c:pt idx="8026">
                  <c:v>1.8165035855383294</c:v>
                </c:pt>
                <c:pt idx="8027">
                  <c:v>2.1467769647271169</c:v>
                </c:pt>
                <c:pt idx="8028">
                  <c:v>2.1467769647271169</c:v>
                </c:pt>
                <c:pt idx="8029">
                  <c:v>1.4862302063495423</c:v>
                </c:pt>
                <c:pt idx="8030">
                  <c:v>2.1467769647271169</c:v>
                </c:pt>
                <c:pt idx="8031">
                  <c:v>1.651366895943936</c:v>
                </c:pt>
                <c:pt idx="8032">
                  <c:v>0.77528962250889</c:v>
                </c:pt>
                <c:pt idx="8033">
                  <c:v>0.51169115085586747</c:v>
                </c:pt>
                <c:pt idx="8034">
                  <c:v>0.32562164145373379</c:v>
                </c:pt>
                <c:pt idx="8035">
                  <c:v>0.31011584900355604</c:v>
                </c:pt>
                <c:pt idx="8036">
                  <c:v>0.31011584900355604</c:v>
                </c:pt>
                <c:pt idx="8037">
                  <c:v>0.31011584900355604</c:v>
                </c:pt>
                <c:pt idx="8038">
                  <c:v>0.31011584900355604</c:v>
                </c:pt>
                <c:pt idx="8039">
                  <c:v>0.31011584900355604</c:v>
                </c:pt>
                <c:pt idx="8040">
                  <c:v>0.26251376781826663</c:v>
                </c:pt>
                <c:pt idx="8041">
                  <c:v>0.23626239103644001</c:v>
                </c:pt>
                <c:pt idx="8042">
                  <c:v>0.23626239103644001</c:v>
                </c:pt>
                <c:pt idx="8043">
                  <c:v>0.23626239103644001</c:v>
                </c:pt>
                <c:pt idx="8044">
                  <c:v>0.23626239103644001</c:v>
                </c:pt>
                <c:pt idx="8045">
                  <c:v>0.23626239103644001</c:v>
                </c:pt>
                <c:pt idx="8046">
                  <c:v>0.23626239103644001</c:v>
                </c:pt>
                <c:pt idx="8047">
                  <c:v>0.23626239103644001</c:v>
                </c:pt>
                <c:pt idx="8048">
                  <c:v>0.23626239103644001</c:v>
                </c:pt>
                <c:pt idx="8049">
                  <c:v>0.23626239103644001</c:v>
                </c:pt>
                <c:pt idx="8050">
                  <c:v>0.23626239103644001</c:v>
                </c:pt>
                <c:pt idx="8051">
                  <c:v>0.23626239103644001</c:v>
                </c:pt>
                <c:pt idx="8052">
                  <c:v>0.23626239103644001</c:v>
                </c:pt>
                <c:pt idx="8053">
                  <c:v>0.23626239103644001</c:v>
                </c:pt>
                <c:pt idx="8054">
                  <c:v>0.23626239103644001</c:v>
                </c:pt>
                <c:pt idx="8055">
                  <c:v>0.23626239103644001</c:v>
                </c:pt>
                <c:pt idx="8056">
                  <c:v>0.23626239103644001</c:v>
                </c:pt>
                <c:pt idx="8057">
                  <c:v>0.23626239103644001</c:v>
                </c:pt>
                <c:pt idx="8058">
                  <c:v>0.23626239103644001</c:v>
                </c:pt>
                <c:pt idx="8059">
                  <c:v>0.23626239103644001</c:v>
                </c:pt>
                <c:pt idx="8060">
                  <c:v>0.23626239103644001</c:v>
                </c:pt>
                <c:pt idx="8061">
                  <c:v>0.23626239103644001</c:v>
                </c:pt>
                <c:pt idx="8062">
                  <c:v>0.23626239103644001</c:v>
                </c:pt>
                <c:pt idx="8063">
                  <c:v>0.23626239103644001</c:v>
                </c:pt>
                <c:pt idx="8064">
                  <c:v>0.25078723661962476</c:v>
                </c:pt>
                <c:pt idx="8065">
                  <c:v>0.25078723661962476</c:v>
                </c:pt>
                <c:pt idx="8066">
                  <c:v>0.25078723661962476</c:v>
                </c:pt>
                <c:pt idx="8067">
                  <c:v>0.25078723661962476</c:v>
                </c:pt>
                <c:pt idx="8068">
                  <c:v>0.25078723661962476</c:v>
                </c:pt>
                <c:pt idx="8069">
                  <c:v>0.25078723661962476</c:v>
                </c:pt>
                <c:pt idx="8070">
                  <c:v>0.25078723661962476</c:v>
                </c:pt>
                <c:pt idx="8071">
                  <c:v>0.25078723661962476</c:v>
                </c:pt>
                <c:pt idx="8072">
                  <c:v>0.25078723661962476</c:v>
                </c:pt>
                <c:pt idx="8073">
                  <c:v>0.25078723661962476</c:v>
                </c:pt>
                <c:pt idx="8074">
                  <c:v>0.25078723661962476</c:v>
                </c:pt>
                <c:pt idx="8075">
                  <c:v>0.25078723661962476</c:v>
                </c:pt>
                <c:pt idx="8076">
                  <c:v>0.25078723661962476</c:v>
                </c:pt>
                <c:pt idx="8077">
                  <c:v>0.25078723661962476</c:v>
                </c:pt>
                <c:pt idx="8078">
                  <c:v>0.25078723661962476</c:v>
                </c:pt>
                <c:pt idx="8079">
                  <c:v>0.25078723661962476</c:v>
                </c:pt>
                <c:pt idx="8080">
                  <c:v>0.25078723661962476</c:v>
                </c:pt>
                <c:pt idx="8081">
                  <c:v>0.25078723661962476</c:v>
                </c:pt>
                <c:pt idx="8082">
                  <c:v>0.25078723661962476</c:v>
                </c:pt>
                <c:pt idx="8083">
                  <c:v>0.25078723661962476</c:v>
                </c:pt>
                <c:pt idx="8084">
                  <c:v>0.25078723661962476</c:v>
                </c:pt>
                <c:pt idx="8085">
                  <c:v>0.25078723661962476</c:v>
                </c:pt>
                <c:pt idx="8086">
                  <c:v>0.25078723661962476</c:v>
                </c:pt>
                <c:pt idx="8087">
                  <c:v>0.25078723661962476</c:v>
                </c:pt>
                <c:pt idx="8088">
                  <c:v>0.33852138801801651</c:v>
                </c:pt>
                <c:pt idx="8089">
                  <c:v>0.33852138801801651</c:v>
                </c:pt>
                <c:pt idx="8090">
                  <c:v>0.33852138801801651</c:v>
                </c:pt>
                <c:pt idx="8091">
                  <c:v>0.33852138801801651</c:v>
                </c:pt>
                <c:pt idx="8092">
                  <c:v>0.33852138801801651</c:v>
                </c:pt>
                <c:pt idx="8093">
                  <c:v>0.33852138801801651</c:v>
                </c:pt>
                <c:pt idx="8094">
                  <c:v>0.33852138801801651</c:v>
                </c:pt>
                <c:pt idx="8095">
                  <c:v>1.4421011129567503</c:v>
                </c:pt>
                <c:pt idx="8096">
                  <c:v>1.6223637520763439</c:v>
                </c:pt>
                <c:pt idx="8097">
                  <c:v>1.8026263911959379</c:v>
                </c:pt>
                <c:pt idx="8098">
                  <c:v>1.8026263911959379</c:v>
                </c:pt>
                <c:pt idx="8099">
                  <c:v>2.1631516694351252</c:v>
                </c:pt>
                <c:pt idx="8100">
                  <c:v>2.1631516694351252</c:v>
                </c:pt>
                <c:pt idx="8101">
                  <c:v>1.4421011129567503</c:v>
                </c:pt>
                <c:pt idx="8102">
                  <c:v>2.1631516694351252</c:v>
                </c:pt>
                <c:pt idx="8103">
                  <c:v>2.1631516694351252</c:v>
                </c:pt>
                <c:pt idx="8104">
                  <c:v>1.2618384738371562</c:v>
                </c:pt>
                <c:pt idx="8105">
                  <c:v>0.36052527823918756</c:v>
                </c:pt>
                <c:pt idx="8106">
                  <c:v>0.35544745741891731</c:v>
                </c:pt>
                <c:pt idx="8107">
                  <c:v>0.35544745741891731</c:v>
                </c:pt>
                <c:pt idx="8108">
                  <c:v>0.35544745741891731</c:v>
                </c:pt>
                <c:pt idx="8109">
                  <c:v>0.35544745741891731</c:v>
                </c:pt>
                <c:pt idx="8110">
                  <c:v>0.35544745741891731</c:v>
                </c:pt>
                <c:pt idx="8111">
                  <c:v>0.35544745741891731</c:v>
                </c:pt>
                <c:pt idx="8112">
                  <c:v>0.22014342049512689</c:v>
                </c:pt>
                <c:pt idx="8113">
                  <c:v>0.33545664075447912</c:v>
                </c:pt>
                <c:pt idx="8114">
                  <c:v>0.33545664075447912</c:v>
                </c:pt>
                <c:pt idx="8115">
                  <c:v>0.33545664075447912</c:v>
                </c:pt>
                <c:pt idx="8116">
                  <c:v>0.33545664075447912</c:v>
                </c:pt>
                <c:pt idx="8117">
                  <c:v>0.33545664075447912</c:v>
                </c:pt>
                <c:pt idx="8118">
                  <c:v>0.33545664075447912</c:v>
                </c:pt>
                <c:pt idx="8119">
                  <c:v>1.4141594011806005</c:v>
                </c:pt>
                <c:pt idx="8120">
                  <c:v>1.5779041739488808</c:v>
                </c:pt>
                <c:pt idx="8121">
                  <c:v>1.7416489467171608</c:v>
                </c:pt>
                <c:pt idx="8122">
                  <c:v>1.7416489467171608</c:v>
                </c:pt>
                <c:pt idx="8123">
                  <c:v>2.0840243806872012</c:v>
                </c:pt>
                <c:pt idx="8124">
                  <c:v>2.0840243806872012</c:v>
                </c:pt>
                <c:pt idx="8125">
                  <c:v>1.3843876243136408</c:v>
                </c:pt>
                <c:pt idx="8126">
                  <c:v>2.0840243806872012</c:v>
                </c:pt>
                <c:pt idx="8127">
                  <c:v>2.0840243806872012</c:v>
                </c:pt>
                <c:pt idx="8128">
                  <c:v>1.2280857957621005</c:v>
                </c:pt>
                <c:pt idx="8129">
                  <c:v>0.52415100117887348</c:v>
                </c:pt>
                <c:pt idx="8130">
                  <c:v>0.34593966077805655</c:v>
                </c:pt>
                <c:pt idx="8131">
                  <c:v>0.34593966077805655</c:v>
                </c:pt>
                <c:pt idx="8132">
                  <c:v>0.34593966077805655</c:v>
                </c:pt>
                <c:pt idx="8133">
                  <c:v>0.34593966077805655</c:v>
                </c:pt>
                <c:pt idx="8134">
                  <c:v>0.34593966077805655</c:v>
                </c:pt>
                <c:pt idx="8135">
                  <c:v>0.34593966077805655</c:v>
                </c:pt>
                <c:pt idx="8136">
                  <c:v>0.33377009227713555</c:v>
                </c:pt>
                <c:pt idx="8137">
                  <c:v>0.33377009227713555</c:v>
                </c:pt>
                <c:pt idx="8138">
                  <c:v>0.33377009227713555</c:v>
                </c:pt>
                <c:pt idx="8139">
                  <c:v>0.33377009227713555</c:v>
                </c:pt>
                <c:pt idx="8140">
                  <c:v>0.33377009227713555</c:v>
                </c:pt>
                <c:pt idx="8141">
                  <c:v>0.33377009227713555</c:v>
                </c:pt>
                <c:pt idx="8142">
                  <c:v>0.33377009227713555</c:v>
                </c:pt>
                <c:pt idx="8143">
                  <c:v>1.3644116802480477</c:v>
                </c:pt>
                <c:pt idx="8144">
                  <c:v>1.5223961905925587</c:v>
                </c:pt>
                <c:pt idx="8145">
                  <c:v>1.6803807009370697</c:v>
                </c:pt>
                <c:pt idx="8146">
                  <c:v>1.6803807009370697</c:v>
                </c:pt>
                <c:pt idx="8147">
                  <c:v>2.0107119498392287</c:v>
                </c:pt>
                <c:pt idx="8148">
                  <c:v>2.0107119498392287</c:v>
                </c:pt>
                <c:pt idx="8149">
                  <c:v>1.335687223821773</c:v>
                </c:pt>
                <c:pt idx="8150">
                  <c:v>2.0107119498392287</c:v>
                </c:pt>
                <c:pt idx="8151">
                  <c:v>2.0107119498392287</c:v>
                </c:pt>
                <c:pt idx="8152">
                  <c:v>1.1848838275838309</c:v>
                </c:pt>
                <c:pt idx="8153">
                  <c:v>0.50571226102596289</c:v>
                </c:pt>
                <c:pt idx="8154">
                  <c:v>0.33377009227713555</c:v>
                </c:pt>
                <c:pt idx="8155">
                  <c:v>0.33377009227713555</c:v>
                </c:pt>
                <c:pt idx="8156">
                  <c:v>0.33377009227713555</c:v>
                </c:pt>
                <c:pt idx="8157">
                  <c:v>0.33377009227713555</c:v>
                </c:pt>
                <c:pt idx="8158">
                  <c:v>0.33377009227713555</c:v>
                </c:pt>
                <c:pt idx="8159">
                  <c:v>0.33377009227713555</c:v>
                </c:pt>
                <c:pt idx="8160">
                  <c:v>0.32527275868865174</c:v>
                </c:pt>
                <c:pt idx="8161">
                  <c:v>0.32527275868865174</c:v>
                </c:pt>
                <c:pt idx="8162">
                  <c:v>0.32527275868865174</c:v>
                </c:pt>
                <c:pt idx="8163">
                  <c:v>0.32527275868865174</c:v>
                </c:pt>
                <c:pt idx="8164">
                  <c:v>0.32527275868865174</c:v>
                </c:pt>
                <c:pt idx="8165">
                  <c:v>0.32527275868865174</c:v>
                </c:pt>
                <c:pt idx="8166">
                  <c:v>0.32527275868865174</c:v>
                </c:pt>
                <c:pt idx="8167">
                  <c:v>1.3296756105181549</c:v>
                </c:pt>
                <c:pt idx="8168">
                  <c:v>1.4836380496307835</c:v>
                </c:pt>
                <c:pt idx="8169">
                  <c:v>1.6376004887434119</c:v>
                </c:pt>
                <c:pt idx="8170">
                  <c:v>1.6376004887434119</c:v>
                </c:pt>
                <c:pt idx="8171">
                  <c:v>1.959521952342544</c:v>
                </c:pt>
                <c:pt idx="8172">
                  <c:v>1.959521952342544</c:v>
                </c:pt>
                <c:pt idx="8173">
                  <c:v>1.3016824397704041</c:v>
                </c:pt>
                <c:pt idx="8174">
                  <c:v>1.959521952342544</c:v>
                </c:pt>
                <c:pt idx="8175">
                  <c:v>1.959521952342544</c:v>
                </c:pt>
                <c:pt idx="8176">
                  <c:v>1.1547182933447135</c:v>
                </c:pt>
                <c:pt idx="8177">
                  <c:v>0.49283751316462382</c:v>
                </c:pt>
                <c:pt idx="8178">
                  <c:v>0.32527275868865174</c:v>
                </c:pt>
                <c:pt idx="8179">
                  <c:v>0.32527275868865174</c:v>
                </c:pt>
                <c:pt idx="8180">
                  <c:v>0.32527275868865174</c:v>
                </c:pt>
                <c:pt idx="8181">
                  <c:v>0.32527275868865174</c:v>
                </c:pt>
                <c:pt idx="8182">
                  <c:v>0.32527275868865174</c:v>
                </c:pt>
                <c:pt idx="8183">
                  <c:v>0.32527275868865174</c:v>
                </c:pt>
                <c:pt idx="8184">
                  <c:v>0.51392643970606666</c:v>
                </c:pt>
                <c:pt idx="8185">
                  <c:v>0.31147056951882829</c:v>
                </c:pt>
                <c:pt idx="8186">
                  <c:v>0.31147056951882829</c:v>
                </c:pt>
                <c:pt idx="8187">
                  <c:v>0.31147056951882829</c:v>
                </c:pt>
                <c:pt idx="8188">
                  <c:v>0.31147056951882829</c:v>
                </c:pt>
                <c:pt idx="8189">
                  <c:v>0.31147056951882829</c:v>
                </c:pt>
                <c:pt idx="8190">
                  <c:v>0.31147056951882829</c:v>
                </c:pt>
                <c:pt idx="8191">
                  <c:v>1.3268646261502086</c:v>
                </c:pt>
                <c:pt idx="8192">
                  <c:v>1.6585807826877605</c:v>
                </c:pt>
                <c:pt idx="8193">
                  <c:v>1.8244388609565363</c:v>
                </c:pt>
                <c:pt idx="8194">
                  <c:v>1.8244388609565363</c:v>
                </c:pt>
                <c:pt idx="8195">
                  <c:v>2.1561550174940884</c:v>
                </c:pt>
                <c:pt idx="8196">
                  <c:v>2.1561550174940884</c:v>
                </c:pt>
                <c:pt idx="8197">
                  <c:v>1.4927227044189846</c:v>
                </c:pt>
                <c:pt idx="8198">
                  <c:v>2.1561550174940884</c:v>
                </c:pt>
                <c:pt idx="8199">
                  <c:v>1.6585807826877605</c:v>
                </c:pt>
                <c:pt idx="8200">
                  <c:v>0.7786764237970708</c:v>
                </c:pt>
                <c:pt idx="8201">
                  <c:v>0.51392643970606666</c:v>
                </c:pt>
                <c:pt idx="8202">
                  <c:v>0.32704409799476969</c:v>
                </c:pt>
                <c:pt idx="8203">
                  <c:v>0.31147056951882829</c:v>
                </c:pt>
                <c:pt idx="8204">
                  <c:v>0.31147056951882829</c:v>
                </c:pt>
                <c:pt idx="8205">
                  <c:v>0.31147056951882829</c:v>
                </c:pt>
                <c:pt idx="8206">
                  <c:v>0.31147056951882829</c:v>
                </c:pt>
                <c:pt idx="8207">
                  <c:v>0.31147056951882829</c:v>
                </c:pt>
                <c:pt idx="8208">
                  <c:v>0.25727096623711293</c:v>
                </c:pt>
                <c:pt idx="8209">
                  <c:v>0.23154386961340165</c:v>
                </c:pt>
                <c:pt idx="8210">
                  <c:v>0.23154386961340165</c:v>
                </c:pt>
                <c:pt idx="8211">
                  <c:v>0.23154386961340165</c:v>
                </c:pt>
                <c:pt idx="8212">
                  <c:v>0.23154386961340165</c:v>
                </c:pt>
                <c:pt idx="8213">
                  <c:v>0.23154386961340165</c:v>
                </c:pt>
                <c:pt idx="8214">
                  <c:v>0.23154386961340165</c:v>
                </c:pt>
                <c:pt idx="8215">
                  <c:v>0.23154386961340165</c:v>
                </c:pt>
                <c:pt idx="8216">
                  <c:v>0.23154386961340165</c:v>
                </c:pt>
                <c:pt idx="8217">
                  <c:v>0.23154386961340165</c:v>
                </c:pt>
                <c:pt idx="8218">
                  <c:v>0.23154386961340165</c:v>
                </c:pt>
                <c:pt idx="8219">
                  <c:v>0.23154386961340165</c:v>
                </c:pt>
                <c:pt idx="8220">
                  <c:v>0.23154386961340165</c:v>
                </c:pt>
                <c:pt idx="8221">
                  <c:v>0.23154386961340165</c:v>
                </c:pt>
                <c:pt idx="8222">
                  <c:v>0.23154386961340165</c:v>
                </c:pt>
                <c:pt idx="8223">
                  <c:v>0.23154386961340165</c:v>
                </c:pt>
                <c:pt idx="8224">
                  <c:v>0.23154386961340165</c:v>
                </c:pt>
                <c:pt idx="8225">
                  <c:v>0.23154386961340165</c:v>
                </c:pt>
                <c:pt idx="8226">
                  <c:v>0.23154386961340165</c:v>
                </c:pt>
                <c:pt idx="8227">
                  <c:v>0.23154386961340165</c:v>
                </c:pt>
                <c:pt idx="8228">
                  <c:v>0.23154386961340165</c:v>
                </c:pt>
                <c:pt idx="8229">
                  <c:v>0.23154386961340165</c:v>
                </c:pt>
                <c:pt idx="8230">
                  <c:v>0.23154386961340165</c:v>
                </c:pt>
                <c:pt idx="8231">
                  <c:v>0.23154386961340165</c:v>
                </c:pt>
                <c:pt idx="8232">
                  <c:v>0.20496369446656798</c:v>
                </c:pt>
                <c:pt idx="8233">
                  <c:v>0.20496369446656798</c:v>
                </c:pt>
                <c:pt idx="8234">
                  <c:v>0.20496369446656798</c:v>
                </c:pt>
                <c:pt idx="8235">
                  <c:v>0.20496369446656798</c:v>
                </c:pt>
                <c:pt idx="8236">
                  <c:v>0.20496369446656798</c:v>
                </c:pt>
                <c:pt idx="8237">
                  <c:v>0.20496369446656798</c:v>
                </c:pt>
                <c:pt idx="8238">
                  <c:v>0.20496369446656798</c:v>
                </c:pt>
                <c:pt idx="8239">
                  <c:v>0.20496369446656798</c:v>
                </c:pt>
                <c:pt idx="8240">
                  <c:v>0.20496369446656798</c:v>
                </c:pt>
                <c:pt idx="8241">
                  <c:v>0.20496369446656798</c:v>
                </c:pt>
                <c:pt idx="8242">
                  <c:v>0.20496369446656798</c:v>
                </c:pt>
                <c:pt idx="8243">
                  <c:v>0.20496369446656798</c:v>
                </c:pt>
                <c:pt idx="8244">
                  <c:v>0.20496369446656798</c:v>
                </c:pt>
                <c:pt idx="8245">
                  <c:v>0.20496369446656798</c:v>
                </c:pt>
                <c:pt idx="8246">
                  <c:v>0.20496369446656798</c:v>
                </c:pt>
                <c:pt idx="8247">
                  <c:v>0.20496369446656798</c:v>
                </c:pt>
                <c:pt idx="8248">
                  <c:v>0.20496369446656798</c:v>
                </c:pt>
                <c:pt idx="8249">
                  <c:v>0.20496369446656798</c:v>
                </c:pt>
                <c:pt idx="8250">
                  <c:v>0.20496369446656798</c:v>
                </c:pt>
                <c:pt idx="8251">
                  <c:v>0.20496369446656798</c:v>
                </c:pt>
                <c:pt idx="8252">
                  <c:v>0.20496369446656798</c:v>
                </c:pt>
                <c:pt idx="8253">
                  <c:v>0.20496369446656798</c:v>
                </c:pt>
                <c:pt idx="8254">
                  <c:v>0.20496369446656798</c:v>
                </c:pt>
                <c:pt idx="8255">
                  <c:v>0.20496369446656798</c:v>
                </c:pt>
                <c:pt idx="8256">
                  <c:v>0.31148106724827401</c:v>
                </c:pt>
                <c:pt idx="8257">
                  <c:v>0.31148106724827401</c:v>
                </c:pt>
                <c:pt idx="8258">
                  <c:v>0.31148106724827401</c:v>
                </c:pt>
                <c:pt idx="8259">
                  <c:v>0.31148106724827401</c:v>
                </c:pt>
                <c:pt idx="8260">
                  <c:v>0.31148106724827401</c:v>
                </c:pt>
                <c:pt idx="8261">
                  <c:v>0.31148106724827401</c:v>
                </c:pt>
                <c:pt idx="8262">
                  <c:v>0.31148106724827401</c:v>
                </c:pt>
                <c:pt idx="8263">
                  <c:v>1.3269093464776474</c:v>
                </c:pt>
                <c:pt idx="8264">
                  <c:v>1.492773014787353</c:v>
                </c:pt>
                <c:pt idx="8265">
                  <c:v>1.6586366830970589</c:v>
                </c:pt>
                <c:pt idx="8266">
                  <c:v>1.6586366830970589</c:v>
                </c:pt>
                <c:pt idx="8267">
                  <c:v>1.9903640197164707</c:v>
                </c:pt>
                <c:pt idx="8268">
                  <c:v>1.9903640197164707</c:v>
                </c:pt>
                <c:pt idx="8269">
                  <c:v>1.3269093464776474</c:v>
                </c:pt>
                <c:pt idx="8270">
                  <c:v>1.9903640197164707</c:v>
                </c:pt>
                <c:pt idx="8271">
                  <c:v>1.9903640197164707</c:v>
                </c:pt>
                <c:pt idx="8272">
                  <c:v>1.1610456781679412</c:v>
                </c:pt>
                <c:pt idx="8273">
                  <c:v>0.33172733661941184</c:v>
                </c:pt>
                <c:pt idx="8274">
                  <c:v>0.3270551206106877</c:v>
                </c:pt>
                <c:pt idx="8275">
                  <c:v>0.3270551206106877</c:v>
                </c:pt>
                <c:pt idx="8276">
                  <c:v>0.3270551206106877</c:v>
                </c:pt>
                <c:pt idx="8277">
                  <c:v>0.3270551206106877</c:v>
                </c:pt>
                <c:pt idx="8278">
                  <c:v>0.3270551206106877</c:v>
                </c:pt>
                <c:pt idx="8279">
                  <c:v>0.3270551206106877</c:v>
                </c:pt>
                <c:pt idx="8280">
                  <c:v>0.20328483310404835</c:v>
                </c:pt>
                <c:pt idx="8281">
                  <c:v>0.30976736472997851</c:v>
                </c:pt>
                <c:pt idx="8282">
                  <c:v>0.30976736472997851</c:v>
                </c:pt>
                <c:pt idx="8283">
                  <c:v>0.30976736472997851</c:v>
                </c:pt>
                <c:pt idx="8284">
                  <c:v>0.30976736472997851</c:v>
                </c:pt>
                <c:pt idx="8285">
                  <c:v>0.30976736472997851</c:v>
                </c:pt>
                <c:pt idx="8286">
                  <c:v>0.30976736472997851</c:v>
                </c:pt>
                <c:pt idx="8287">
                  <c:v>1.3058630469398154</c:v>
                </c:pt>
                <c:pt idx="8288">
                  <c:v>1.4570682418486363</c:v>
                </c:pt>
                <c:pt idx="8289">
                  <c:v>1.6082734367574572</c:v>
                </c:pt>
                <c:pt idx="8290">
                  <c:v>1.6082734367574572</c:v>
                </c:pt>
                <c:pt idx="8291">
                  <c:v>1.924429753384991</c:v>
                </c:pt>
                <c:pt idx="8292">
                  <c:v>1.924429753384991</c:v>
                </c:pt>
                <c:pt idx="8293">
                  <c:v>1.2783711933200299</c:v>
                </c:pt>
                <c:pt idx="8294">
                  <c:v>1.924429753384991</c:v>
                </c:pt>
                <c:pt idx="8295">
                  <c:v>1.924429753384991</c:v>
                </c:pt>
                <c:pt idx="8296">
                  <c:v>1.1340389618161555</c:v>
                </c:pt>
                <c:pt idx="8297">
                  <c:v>0.4840115073905914</c:v>
                </c:pt>
                <c:pt idx="8298">
                  <c:v>0.31944759487779029</c:v>
                </c:pt>
                <c:pt idx="8299">
                  <c:v>0.31944759487779029</c:v>
                </c:pt>
                <c:pt idx="8300">
                  <c:v>0.31944759487779029</c:v>
                </c:pt>
                <c:pt idx="8301">
                  <c:v>0.31944759487779029</c:v>
                </c:pt>
                <c:pt idx="8302">
                  <c:v>0.31944759487779029</c:v>
                </c:pt>
                <c:pt idx="8303">
                  <c:v>0.31944759487779029</c:v>
                </c:pt>
                <c:pt idx="8304">
                  <c:v>0.31720997773790216</c:v>
                </c:pt>
                <c:pt idx="8305">
                  <c:v>0.31720997773790216</c:v>
                </c:pt>
                <c:pt idx="8306">
                  <c:v>0.31720997773790216</c:v>
                </c:pt>
                <c:pt idx="8307">
                  <c:v>0.31720997773790216</c:v>
                </c:pt>
                <c:pt idx="8308">
                  <c:v>0.31720997773790216</c:v>
                </c:pt>
                <c:pt idx="8309">
                  <c:v>0.31720997773790216</c:v>
                </c:pt>
                <c:pt idx="8310">
                  <c:v>0.31720997773790216</c:v>
                </c:pt>
                <c:pt idx="8311">
                  <c:v>1.2967159392982728</c:v>
                </c:pt>
                <c:pt idx="8312">
                  <c:v>1.4468619954275466</c:v>
                </c:pt>
                <c:pt idx="8313">
                  <c:v>1.5970080515568201</c:v>
                </c:pt>
                <c:pt idx="8314">
                  <c:v>1.5970080515568201</c:v>
                </c:pt>
                <c:pt idx="8315">
                  <c:v>1.9109498052816651</c:v>
                </c:pt>
                <c:pt idx="8316">
                  <c:v>1.9109498052816651</c:v>
                </c:pt>
                <c:pt idx="8317">
                  <c:v>1.2694166563656777</c:v>
                </c:pt>
                <c:pt idx="8318">
                  <c:v>1.9109498052816651</c:v>
                </c:pt>
                <c:pt idx="8319">
                  <c:v>1.9109498052816651</c:v>
                </c:pt>
                <c:pt idx="8320">
                  <c:v>1.1260954209695526</c:v>
                </c:pt>
                <c:pt idx="8321">
                  <c:v>0.48062117839076091</c:v>
                </c:pt>
                <c:pt idx="8322">
                  <c:v>0.31720997773790216</c:v>
                </c:pt>
                <c:pt idx="8323">
                  <c:v>0.31720997773790216</c:v>
                </c:pt>
                <c:pt idx="8324">
                  <c:v>0.31720997773790216</c:v>
                </c:pt>
                <c:pt idx="8325">
                  <c:v>0.31720997773790216</c:v>
                </c:pt>
                <c:pt idx="8326">
                  <c:v>0.31720997773790216</c:v>
                </c:pt>
                <c:pt idx="8327">
                  <c:v>0.31720997773790216</c:v>
                </c:pt>
                <c:pt idx="8328">
                  <c:v>0.31967360525063115</c:v>
                </c:pt>
                <c:pt idx="8329">
                  <c:v>0.31967360525063115</c:v>
                </c:pt>
                <c:pt idx="8330">
                  <c:v>0.31967360525063115</c:v>
                </c:pt>
                <c:pt idx="8331">
                  <c:v>0.31967360525063115</c:v>
                </c:pt>
                <c:pt idx="8332">
                  <c:v>0.31967360525063115</c:v>
                </c:pt>
                <c:pt idx="8333">
                  <c:v>0.31967360525063115</c:v>
                </c:pt>
                <c:pt idx="8334">
                  <c:v>0.31967360525063115</c:v>
                </c:pt>
                <c:pt idx="8335">
                  <c:v>1.3067869499487921</c:v>
                </c:pt>
                <c:pt idx="8336">
                  <c:v>1.4580991231007576</c:v>
                </c:pt>
                <c:pt idx="8337">
                  <c:v>1.6094112962527229</c:v>
                </c:pt>
                <c:pt idx="8338">
                  <c:v>1.6094112962527229</c:v>
                </c:pt>
                <c:pt idx="8339">
                  <c:v>1.9257912946613776</c:v>
                </c:pt>
                <c:pt idx="8340">
                  <c:v>1.9257912946613776</c:v>
                </c:pt>
                <c:pt idx="8341">
                  <c:v>1.2792756457393439</c:v>
                </c:pt>
                <c:pt idx="8342">
                  <c:v>1.9257912946613776</c:v>
                </c:pt>
                <c:pt idx="8343">
                  <c:v>1.9257912946613776</c:v>
                </c:pt>
                <c:pt idx="8344">
                  <c:v>1.1348412986397407</c:v>
                </c:pt>
                <c:pt idx="8345">
                  <c:v>0.48435394734944115</c:v>
                </c:pt>
                <c:pt idx="8346">
                  <c:v>0.31967360525063115</c:v>
                </c:pt>
                <c:pt idx="8347">
                  <c:v>0.31967360525063115</c:v>
                </c:pt>
                <c:pt idx="8348">
                  <c:v>0.31967360525063115</c:v>
                </c:pt>
                <c:pt idx="8349">
                  <c:v>0.31967360525063115</c:v>
                </c:pt>
                <c:pt idx="8350">
                  <c:v>0.31967360525063115</c:v>
                </c:pt>
                <c:pt idx="8351">
                  <c:v>0.31967360525063115</c:v>
                </c:pt>
                <c:pt idx="8352">
                  <c:v>0.49276132403702827</c:v>
                </c:pt>
                <c:pt idx="8353">
                  <c:v>0.29864322668910803</c:v>
                </c:pt>
                <c:pt idx="8354">
                  <c:v>0.29864322668910803</c:v>
                </c:pt>
                <c:pt idx="8355">
                  <c:v>0.29864322668910803</c:v>
                </c:pt>
                <c:pt idx="8356">
                  <c:v>0.29864322668910803</c:v>
                </c:pt>
                <c:pt idx="8357">
                  <c:v>0.29864322668910803</c:v>
                </c:pt>
                <c:pt idx="8358">
                  <c:v>0.29864322668910803</c:v>
                </c:pt>
                <c:pt idx="8359">
                  <c:v>1.2722201456956002</c:v>
                </c:pt>
                <c:pt idx="8360">
                  <c:v>1.5902751821195</c:v>
                </c:pt>
                <c:pt idx="8361">
                  <c:v>1.7493027003314501</c:v>
                </c:pt>
                <c:pt idx="8362">
                  <c:v>1.7493027003314501</c:v>
                </c:pt>
                <c:pt idx="8363">
                  <c:v>2.06735773675535</c:v>
                </c:pt>
                <c:pt idx="8364">
                  <c:v>2.06735773675535</c:v>
                </c:pt>
                <c:pt idx="8365">
                  <c:v>1.4312476639075502</c:v>
                </c:pt>
                <c:pt idx="8366">
                  <c:v>2.06735773675535</c:v>
                </c:pt>
                <c:pt idx="8367">
                  <c:v>1.5902751821195</c:v>
                </c:pt>
                <c:pt idx="8368">
                  <c:v>0.74660806672277003</c:v>
                </c:pt>
                <c:pt idx="8369">
                  <c:v>0.49276132403702827</c:v>
                </c:pt>
                <c:pt idx="8370">
                  <c:v>0.31357538802356344</c:v>
                </c:pt>
                <c:pt idx="8371">
                  <c:v>0.29864322668910803</c:v>
                </c:pt>
                <c:pt idx="8372">
                  <c:v>0.29864322668910803</c:v>
                </c:pt>
                <c:pt idx="8373">
                  <c:v>0.29864322668910803</c:v>
                </c:pt>
                <c:pt idx="8374">
                  <c:v>0.29864322668910803</c:v>
                </c:pt>
                <c:pt idx="8375">
                  <c:v>0.29864322668910803</c:v>
                </c:pt>
                <c:pt idx="8376">
                  <c:v>0.20746435121615181</c:v>
                </c:pt>
                <c:pt idx="8377">
                  <c:v>0.18671791609453664</c:v>
                </c:pt>
                <c:pt idx="8378">
                  <c:v>0.18671791609453664</c:v>
                </c:pt>
                <c:pt idx="8379">
                  <c:v>0.18671791609453664</c:v>
                </c:pt>
                <c:pt idx="8380">
                  <c:v>0.18671791609453664</c:v>
                </c:pt>
                <c:pt idx="8381">
                  <c:v>0.18671791609453664</c:v>
                </c:pt>
                <c:pt idx="8382">
                  <c:v>0.18671791609453664</c:v>
                </c:pt>
                <c:pt idx="8383">
                  <c:v>0.18671791609453664</c:v>
                </c:pt>
                <c:pt idx="8384">
                  <c:v>0.18671791609453664</c:v>
                </c:pt>
                <c:pt idx="8385">
                  <c:v>0.18671791609453664</c:v>
                </c:pt>
                <c:pt idx="8386">
                  <c:v>0.18671791609453664</c:v>
                </c:pt>
                <c:pt idx="8387">
                  <c:v>0.18671791609453664</c:v>
                </c:pt>
                <c:pt idx="8388">
                  <c:v>0.18671791609453664</c:v>
                </c:pt>
                <c:pt idx="8389">
                  <c:v>0.18671791609453664</c:v>
                </c:pt>
                <c:pt idx="8390">
                  <c:v>0.18671791609453664</c:v>
                </c:pt>
                <c:pt idx="8391">
                  <c:v>0.18671791609453664</c:v>
                </c:pt>
                <c:pt idx="8392">
                  <c:v>0.18671791609453664</c:v>
                </c:pt>
                <c:pt idx="8393">
                  <c:v>0.18671791609453664</c:v>
                </c:pt>
                <c:pt idx="8394">
                  <c:v>0.18671791609453664</c:v>
                </c:pt>
                <c:pt idx="8395">
                  <c:v>0.18671791609453664</c:v>
                </c:pt>
                <c:pt idx="8396">
                  <c:v>0.18671791609453664</c:v>
                </c:pt>
                <c:pt idx="8397">
                  <c:v>0.18671791609453664</c:v>
                </c:pt>
                <c:pt idx="8398">
                  <c:v>0.18671791609453664</c:v>
                </c:pt>
                <c:pt idx="8399">
                  <c:v>0.18671791609453664</c:v>
                </c:pt>
                <c:pt idx="8400">
                  <c:v>0.17178112945918206</c:v>
                </c:pt>
                <c:pt idx="8401">
                  <c:v>0.17178112945918206</c:v>
                </c:pt>
                <c:pt idx="8402">
                  <c:v>0.17178112945918206</c:v>
                </c:pt>
                <c:pt idx="8403">
                  <c:v>0.17178112945918206</c:v>
                </c:pt>
                <c:pt idx="8404">
                  <c:v>0.17178112945918206</c:v>
                </c:pt>
                <c:pt idx="8405">
                  <c:v>0.17178112945918206</c:v>
                </c:pt>
                <c:pt idx="8406">
                  <c:v>0.17178112945918206</c:v>
                </c:pt>
                <c:pt idx="8407">
                  <c:v>0.17178112945918206</c:v>
                </c:pt>
                <c:pt idx="8408">
                  <c:v>0.17178112945918206</c:v>
                </c:pt>
                <c:pt idx="8409">
                  <c:v>0.17178112945918206</c:v>
                </c:pt>
                <c:pt idx="8410">
                  <c:v>0.17178112945918206</c:v>
                </c:pt>
                <c:pt idx="8411">
                  <c:v>0.17178112945918206</c:v>
                </c:pt>
                <c:pt idx="8412">
                  <c:v>0.17178112945918206</c:v>
                </c:pt>
                <c:pt idx="8413">
                  <c:v>0.17178112945918206</c:v>
                </c:pt>
                <c:pt idx="8414">
                  <c:v>0.17178112945918206</c:v>
                </c:pt>
                <c:pt idx="8415">
                  <c:v>0.17178112945918206</c:v>
                </c:pt>
                <c:pt idx="8416">
                  <c:v>0.17178112945918206</c:v>
                </c:pt>
                <c:pt idx="8417">
                  <c:v>0.17178112945918206</c:v>
                </c:pt>
                <c:pt idx="8418">
                  <c:v>0.17178112945918206</c:v>
                </c:pt>
                <c:pt idx="8419">
                  <c:v>0.17178112945918206</c:v>
                </c:pt>
                <c:pt idx="8420">
                  <c:v>0.17178112945918206</c:v>
                </c:pt>
                <c:pt idx="8421">
                  <c:v>0.17178112945918206</c:v>
                </c:pt>
                <c:pt idx="8422">
                  <c:v>0.17178112945918206</c:v>
                </c:pt>
                <c:pt idx="8423">
                  <c:v>0.17178112945918206</c:v>
                </c:pt>
                <c:pt idx="8424">
                  <c:v>0.30095028996483419</c:v>
                </c:pt>
                <c:pt idx="8425">
                  <c:v>0.30095028996483419</c:v>
                </c:pt>
                <c:pt idx="8426">
                  <c:v>0.30095028996483419</c:v>
                </c:pt>
                <c:pt idx="8427">
                  <c:v>0.30095028996483419</c:v>
                </c:pt>
                <c:pt idx="8428">
                  <c:v>0.30095028996483419</c:v>
                </c:pt>
                <c:pt idx="8429">
                  <c:v>0.30095028996483419</c:v>
                </c:pt>
                <c:pt idx="8430">
                  <c:v>0.30095028996483419</c:v>
                </c:pt>
                <c:pt idx="8431">
                  <c:v>1.2820482352501936</c:v>
                </c:pt>
                <c:pt idx="8432">
                  <c:v>1.4423042646564679</c:v>
                </c:pt>
                <c:pt idx="8433">
                  <c:v>1.6025602940627421</c:v>
                </c:pt>
                <c:pt idx="8434">
                  <c:v>1.6025602940627421</c:v>
                </c:pt>
                <c:pt idx="8435">
                  <c:v>1.9230723528752902</c:v>
                </c:pt>
                <c:pt idx="8436">
                  <c:v>1.9230723528752902</c:v>
                </c:pt>
                <c:pt idx="8437">
                  <c:v>1.2820482352501936</c:v>
                </c:pt>
                <c:pt idx="8438">
                  <c:v>1.9230723528752902</c:v>
                </c:pt>
                <c:pt idx="8439">
                  <c:v>1.9230723528752902</c:v>
                </c:pt>
                <c:pt idx="8440">
                  <c:v>1.1217922058439194</c:v>
                </c:pt>
                <c:pt idx="8441">
                  <c:v>0.32051205881254841</c:v>
                </c:pt>
                <c:pt idx="8442">
                  <c:v>0.3159978044630759</c:v>
                </c:pt>
                <c:pt idx="8443">
                  <c:v>0.3159978044630759</c:v>
                </c:pt>
                <c:pt idx="8444">
                  <c:v>0.3159978044630759</c:v>
                </c:pt>
                <c:pt idx="8445">
                  <c:v>0.3159978044630759</c:v>
                </c:pt>
                <c:pt idx="8446">
                  <c:v>0.3159978044630759</c:v>
                </c:pt>
                <c:pt idx="8447">
                  <c:v>0.3159978044630759</c:v>
                </c:pt>
                <c:pt idx="8448">
                  <c:v>0.20256617189543749</c:v>
                </c:pt>
                <c:pt idx="8449">
                  <c:v>0.3086722619359048</c:v>
                </c:pt>
                <c:pt idx="8450">
                  <c:v>0.3086722619359048</c:v>
                </c:pt>
                <c:pt idx="8451">
                  <c:v>0.3086722619359048</c:v>
                </c:pt>
                <c:pt idx="8452">
                  <c:v>0.3086722619359048</c:v>
                </c:pt>
                <c:pt idx="8453">
                  <c:v>0.3086722619359048</c:v>
                </c:pt>
                <c:pt idx="8454">
                  <c:v>0.3086722619359048</c:v>
                </c:pt>
                <c:pt idx="8455">
                  <c:v>1.3012465042235484</c:v>
                </c:pt>
                <c:pt idx="8456">
                  <c:v>1.4519171520810121</c:v>
                </c:pt>
                <c:pt idx="8457">
                  <c:v>1.6025877999384757</c:v>
                </c:pt>
                <c:pt idx="8458">
                  <c:v>1.6025877999384757</c:v>
                </c:pt>
                <c:pt idx="8459">
                  <c:v>1.9176264272768084</c:v>
                </c:pt>
                <c:pt idx="8460">
                  <c:v>1.9176264272768084</c:v>
                </c:pt>
                <c:pt idx="8461">
                  <c:v>1.273851840976737</c:v>
                </c:pt>
                <c:pt idx="8462">
                  <c:v>1.9176264272768084</c:v>
                </c:pt>
                <c:pt idx="8463">
                  <c:v>1.9176264272768084</c:v>
                </c:pt>
                <c:pt idx="8464">
                  <c:v>1.1300298589309765</c:v>
                </c:pt>
                <c:pt idx="8465">
                  <c:v>0.48230040927485118</c:v>
                </c:pt>
                <c:pt idx="8466">
                  <c:v>0.31831827012140179</c:v>
                </c:pt>
                <c:pt idx="8467">
                  <c:v>0.31831827012140179</c:v>
                </c:pt>
                <c:pt idx="8468">
                  <c:v>0.31831827012140179</c:v>
                </c:pt>
                <c:pt idx="8469">
                  <c:v>0.31831827012140179</c:v>
                </c:pt>
                <c:pt idx="8470">
                  <c:v>0.31831827012140179</c:v>
                </c:pt>
                <c:pt idx="8471">
                  <c:v>0.31831827012140179</c:v>
                </c:pt>
                <c:pt idx="8472">
                  <c:v>0.32460086027608925</c:v>
                </c:pt>
                <c:pt idx="8473">
                  <c:v>0.32460086027608925</c:v>
                </c:pt>
                <c:pt idx="8474">
                  <c:v>0.32460086027608925</c:v>
                </c:pt>
                <c:pt idx="8475">
                  <c:v>0.32460086027608925</c:v>
                </c:pt>
                <c:pt idx="8476">
                  <c:v>0.32460086027608925</c:v>
                </c:pt>
                <c:pt idx="8477">
                  <c:v>0.32460086027608925</c:v>
                </c:pt>
                <c:pt idx="8478">
                  <c:v>0.32460086027608925</c:v>
                </c:pt>
                <c:pt idx="8479">
                  <c:v>1.3269289712498313</c:v>
                </c:pt>
                <c:pt idx="8480">
                  <c:v>1.4805733784471804</c:v>
                </c:pt>
                <c:pt idx="8481">
                  <c:v>1.6342177856445292</c:v>
                </c:pt>
                <c:pt idx="8482">
                  <c:v>1.6342177856445292</c:v>
                </c:pt>
                <c:pt idx="8483">
                  <c:v>1.9554742734208037</c:v>
                </c:pt>
                <c:pt idx="8484">
                  <c:v>1.9554742734208037</c:v>
                </c:pt>
                <c:pt idx="8485">
                  <c:v>1.2989936244866769</c:v>
                </c:pt>
                <c:pt idx="8486">
                  <c:v>1.9554742734208037</c:v>
                </c:pt>
                <c:pt idx="8487">
                  <c:v>1.9554742734208037</c:v>
                </c:pt>
                <c:pt idx="8488">
                  <c:v>1.1523330539801167</c:v>
                </c:pt>
                <c:pt idx="8489">
                  <c:v>0.49181948526680186</c:v>
                </c:pt>
                <c:pt idx="8490">
                  <c:v>0.32460086027608925</c:v>
                </c:pt>
                <c:pt idx="8491">
                  <c:v>0.32460086027608925</c:v>
                </c:pt>
                <c:pt idx="8492">
                  <c:v>0.32460086027608925</c:v>
                </c:pt>
                <c:pt idx="8493">
                  <c:v>0.32460086027608925</c:v>
                </c:pt>
                <c:pt idx="8494">
                  <c:v>0.32460086027608925</c:v>
                </c:pt>
                <c:pt idx="8495">
                  <c:v>0.32460086027608925</c:v>
                </c:pt>
                <c:pt idx="8496">
                  <c:v>0.31541824863773565</c:v>
                </c:pt>
                <c:pt idx="8497">
                  <c:v>0.31541824863773565</c:v>
                </c:pt>
                <c:pt idx="8498">
                  <c:v>0.31541824863773565</c:v>
                </c:pt>
                <c:pt idx="8499">
                  <c:v>0.31541824863773565</c:v>
                </c:pt>
                <c:pt idx="8500">
                  <c:v>0.31541824863773565</c:v>
                </c:pt>
                <c:pt idx="8501">
                  <c:v>0.31541824863773565</c:v>
                </c:pt>
                <c:pt idx="8502">
                  <c:v>0.31541824863773565</c:v>
                </c:pt>
                <c:pt idx="8503">
                  <c:v>1.2893915679160768</c:v>
                </c:pt>
                <c:pt idx="8504">
                  <c:v>1.4386895389379386</c:v>
                </c:pt>
                <c:pt idx="8505">
                  <c:v>1.5879875099598002</c:v>
                </c:pt>
                <c:pt idx="8506">
                  <c:v>1.5879875099598002</c:v>
                </c:pt>
                <c:pt idx="8507">
                  <c:v>1.9001559948236924</c:v>
                </c:pt>
                <c:pt idx="8508">
                  <c:v>1.9001559948236924</c:v>
                </c:pt>
                <c:pt idx="8509">
                  <c:v>1.2622464822757384</c:v>
                </c:pt>
                <c:pt idx="8510">
                  <c:v>1.9001559948236924</c:v>
                </c:pt>
                <c:pt idx="8511">
                  <c:v>1.9001559948236924</c:v>
                </c:pt>
                <c:pt idx="8512">
                  <c:v>1.1197347826639616</c:v>
                </c:pt>
                <c:pt idx="8513">
                  <c:v>0.47790643732990262</c:v>
                </c:pt>
                <c:pt idx="8514">
                  <c:v>0.31541824863773565</c:v>
                </c:pt>
                <c:pt idx="8515">
                  <c:v>0.31541824863773565</c:v>
                </c:pt>
                <c:pt idx="8516">
                  <c:v>0.31541824863773565</c:v>
                </c:pt>
                <c:pt idx="8517">
                  <c:v>0.31541824863773565</c:v>
                </c:pt>
                <c:pt idx="8518">
                  <c:v>0.31541824863773565</c:v>
                </c:pt>
                <c:pt idx="8519">
                  <c:v>0.31541824863773565</c:v>
                </c:pt>
                <c:pt idx="8520">
                  <c:v>0.48214833036391963</c:v>
                </c:pt>
                <c:pt idx="8521">
                  <c:v>0.29221110931146649</c:v>
                </c:pt>
                <c:pt idx="8522">
                  <c:v>0.29221110931146649</c:v>
                </c:pt>
                <c:pt idx="8523">
                  <c:v>0.29221110931146649</c:v>
                </c:pt>
                <c:pt idx="8524">
                  <c:v>0.29221110931146649</c:v>
                </c:pt>
                <c:pt idx="8525">
                  <c:v>0.29221110931146649</c:v>
                </c:pt>
                <c:pt idx="8526">
                  <c:v>0.29221110931146649</c:v>
                </c:pt>
                <c:pt idx="8527">
                  <c:v>1.2448193256668469</c:v>
                </c:pt>
                <c:pt idx="8528">
                  <c:v>1.5560241570835587</c:v>
                </c:pt>
                <c:pt idx="8529">
                  <c:v>1.7116265727919147</c:v>
                </c:pt>
                <c:pt idx="8530">
                  <c:v>1.7116265727919147</c:v>
                </c:pt>
                <c:pt idx="8531">
                  <c:v>2.0228314042086262</c:v>
                </c:pt>
                <c:pt idx="8532">
                  <c:v>2.0228314042086262</c:v>
                </c:pt>
                <c:pt idx="8533">
                  <c:v>1.4004217413752027</c:v>
                </c:pt>
                <c:pt idx="8534">
                  <c:v>2.0228314042086262</c:v>
                </c:pt>
                <c:pt idx="8535">
                  <c:v>1.5560241570835587</c:v>
                </c:pt>
                <c:pt idx="8536">
                  <c:v>0.73052777327866614</c:v>
                </c:pt>
                <c:pt idx="8537">
                  <c:v>0.48214833036391963</c:v>
                </c:pt>
                <c:pt idx="8538">
                  <c:v>0.30682166477703976</c:v>
                </c:pt>
                <c:pt idx="8539">
                  <c:v>0.29221110931146649</c:v>
                </c:pt>
                <c:pt idx="8540">
                  <c:v>0.29221110931146649</c:v>
                </c:pt>
                <c:pt idx="8541">
                  <c:v>0.29221110931146649</c:v>
                </c:pt>
                <c:pt idx="8542">
                  <c:v>0.29221110931146649</c:v>
                </c:pt>
                <c:pt idx="8543">
                  <c:v>0.29221110931146649</c:v>
                </c:pt>
                <c:pt idx="8544">
                  <c:v>0.22319275595961321</c:v>
                </c:pt>
                <c:pt idx="8545">
                  <c:v>0.20087348036365194</c:v>
                </c:pt>
                <c:pt idx="8546">
                  <c:v>0.20087348036365194</c:v>
                </c:pt>
                <c:pt idx="8547">
                  <c:v>0.20087348036365194</c:v>
                </c:pt>
                <c:pt idx="8548">
                  <c:v>0.20087348036365194</c:v>
                </c:pt>
                <c:pt idx="8549">
                  <c:v>0.20087348036365194</c:v>
                </c:pt>
                <c:pt idx="8550">
                  <c:v>0.20087348036365194</c:v>
                </c:pt>
                <c:pt idx="8551">
                  <c:v>0.20087348036365194</c:v>
                </c:pt>
                <c:pt idx="8552">
                  <c:v>0.20087348036365194</c:v>
                </c:pt>
                <c:pt idx="8553">
                  <c:v>0.20087348036365194</c:v>
                </c:pt>
                <c:pt idx="8554">
                  <c:v>0.20087348036365194</c:v>
                </c:pt>
                <c:pt idx="8555">
                  <c:v>0.20087348036365194</c:v>
                </c:pt>
                <c:pt idx="8556">
                  <c:v>0.20087348036365194</c:v>
                </c:pt>
                <c:pt idx="8557">
                  <c:v>0.20087348036365194</c:v>
                </c:pt>
                <c:pt idx="8558">
                  <c:v>0.20087348036365194</c:v>
                </c:pt>
                <c:pt idx="8559">
                  <c:v>0.20087348036365194</c:v>
                </c:pt>
                <c:pt idx="8560">
                  <c:v>0.20087348036365194</c:v>
                </c:pt>
                <c:pt idx="8561">
                  <c:v>0.20087348036365194</c:v>
                </c:pt>
                <c:pt idx="8562">
                  <c:v>0.20087348036365194</c:v>
                </c:pt>
                <c:pt idx="8563">
                  <c:v>0.20087348036365194</c:v>
                </c:pt>
                <c:pt idx="8564">
                  <c:v>0.20087348036365194</c:v>
                </c:pt>
                <c:pt idx="8565">
                  <c:v>0.20087348036365194</c:v>
                </c:pt>
                <c:pt idx="8566">
                  <c:v>0.20087348036365194</c:v>
                </c:pt>
                <c:pt idx="8567">
                  <c:v>0.20087348036365194</c:v>
                </c:pt>
                <c:pt idx="8568">
                  <c:v>0.18284198446164404</c:v>
                </c:pt>
                <c:pt idx="8569">
                  <c:v>0.18284198446164404</c:v>
                </c:pt>
                <c:pt idx="8570">
                  <c:v>0.18284198446164404</c:v>
                </c:pt>
                <c:pt idx="8571">
                  <c:v>0.18284198446164404</c:v>
                </c:pt>
                <c:pt idx="8572">
                  <c:v>0.18284198446164404</c:v>
                </c:pt>
                <c:pt idx="8573">
                  <c:v>0.18284198446164404</c:v>
                </c:pt>
                <c:pt idx="8574">
                  <c:v>0.18284198446164404</c:v>
                </c:pt>
                <c:pt idx="8575">
                  <c:v>0.18284198446164404</c:v>
                </c:pt>
                <c:pt idx="8576">
                  <c:v>0.18284198446164404</c:v>
                </c:pt>
                <c:pt idx="8577">
                  <c:v>0.18284198446164404</c:v>
                </c:pt>
                <c:pt idx="8578">
                  <c:v>0.18284198446164404</c:v>
                </c:pt>
                <c:pt idx="8579">
                  <c:v>0.18284198446164404</c:v>
                </c:pt>
                <c:pt idx="8580">
                  <c:v>0.18284198446164404</c:v>
                </c:pt>
                <c:pt idx="8581">
                  <c:v>0.18284198446164404</c:v>
                </c:pt>
                <c:pt idx="8582">
                  <c:v>0.18284198446164404</c:v>
                </c:pt>
                <c:pt idx="8583">
                  <c:v>0.18284198446164404</c:v>
                </c:pt>
                <c:pt idx="8584">
                  <c:v>0.18284198446164404</c:v>
                </c:pt>
                <c:pt idx="8585">
                  <c:v>0.18284198446164404</c:v>
                </c:pt>
                <c:pt idx="8586">
                  <c:v>0.18284198446164404</c:v>
                </c:pt>
                <c:pt idx="8587">
                  <c:v>0.18284198446164404</c:v>
                </c:pt>
                <c:pt idx="8588">
                  <c:v>0.18284198446164404</c:v>
                </c:pt>
                <c:pt idx="8589">
                  <c:v>0.18284198446164404</c:v>
                </c:pt>
                <c:pt idx="8590">
                  <c:v>0.18284198446164404</c:v>
                </c:pt>
                <c:pt idx="8591">
                  <c:v>0.18284198446164404</c:v>
                </c:pt>
                <c:pt idx="8592">
                  <c:v>0.29364322001305959</c:v>
                </c:pt>
                <c:pt idx="8593">
                  <c:v>0.29364322001305959</c:v>
                </c:pt>
                <c:pt idx="8594">
                  <c:v>0.29364322001305959</c:v>
                </c:pt>
                <c:pt idx="8595">
                  <c:v>0.29364322001305959</c:v>
                </c:pt>
                <c:pt idx="8596">
                  <c:v>0.29364322001305959</c:v>
                </c:pt>
                <c:pt idx="8597">
                  <c:v>0.29364322001305959</c:v>
                </c:pt>
                <c:pt idx="8598">
                  <c:v>0.29364322001305959</c:v>
                </c:pt>
                <c:pt idx="8599">
                  <c:v>1.2509201172556341</c:v>
                </c:pt>
                <c:pt idx="8600">
                  <c:v>1.4072851319125883</c:v>
                </c:pt>
                <c:pt idx="8601">
                  <c:v>1.5636501465695425</c:v>
                </c:pt>
                <c:pt idx="8602">
                  <c:v>1.5636501465695425</c:v>
                </c:pt>
                <c:pt idx="8603">
                  <c:v>1.8763801758834509</c:v>
                </c:pt>
                <c:pt idx="8604">
                  <c:v>1.8763801758834509</c:v>
                </c:pt>
                <c:pt idx="8605">
                  <c:v>1.2509201172556341</c:v>
                </c:pt>
                <c:pt idx="8606">
                  <c:v>1.8763801758834509</c:v>
                </c:pt>
                <c:pt idx="8607">
                  <c:v>1.8763801758834509</c:v>
                </c:pt>
                <c:pt idx="8608">
                  <c:v>1.0945551025986797</c:v>
                </c:pt>
                <c:pt idx="8609">
                  <c:v>0.31273002931390853</c:v>
                </c:pt>
                <c:pt idx="8610">
                  <c:v>0.30832538101371265</c:v>
                </c:pt>
                <c:pt idx="8611">
                  <c:v>0.30832538101371265</c:v>
                </c:pt>
                <c:pt idx="8612">
                  <c:v>0.30832538101371265</c:v>
                </c:pt>
                <c:pt idx="8613">
                  <c:v>0.30832538101371265</c:v>
                </c:pt>
                <c:pt idx="8614">
                  <c:v>0.30832538101371265</c:v>
                </c:pt>
                <c:pt idx="8615">
                  <c:v>0.30832538101371265</c:v>
                </c:pt>
                <c:pt idx="8616">
                  <c:v>0.19739181119343921</c:v>
                </c:pt>
                <c:pt idx="8617">
                  <c:v>0.3007875218185741</c:v>
                </c:pt>
                <c:pt idx="8618">
                  <c:v>0.3007875218185741</c:v>
                </c:pt>
                <c:pt idx="8619">
                  <c:v>0.3007875218185741</c:v>
                </c:pt>
                <c:pt idx="8620">
                  <c:v>0.3007875218185741</c:v>
                </c:pt>
                <c:pt idx="8621">
                  <c:v>0.3007875218185741</c:v>
                </c:pt>
                <c:pt idx="8622">
                  <c:v>0.3007875218185741</c:v>
                </c:pt>
                <c:pt idx="8623">
                  <c:v>1.2680073966664263</c:v>
                </c:pt>
                <c:pt idx="8624">
                  <c:v>1.4148293057541177</c:v>
                </c:pt>
                <c:pt idx="8625">
                  <c:v>1.5616512148418094</c:v>
                </c:pt>
                <c:pt idx="8626">
                  <c:v>1.5616512148418094</c:v>
                </c:pt>
                <c:pt idx="8627">
                  <c:v>1.8686424792978913</c:v>
                </c:pt>
                <c:pt idx="8628">
                  <c:v>1.8686424792978913</c:v>
                </c:pt>
                <c:pt idx="8629">
                  <c:v>1.2413125041050277</c:v>
                </c:pt>
                <c:pt idx="8630">
                  <c:v>1.8686424792978913</c:v>
                </c:pt>
                <c:pt idx="8631">
                  <c:v>1.8686424792978913</c:v>
                </c:pt>
                <c:pt idx="8632">
                  <c:v>1.101164318157686</c:v>
                </c:pt>
                <c:pt idx="8633">
                  <c:v>0.46998050284152199</c:v>
                </c:pt>
                <c:pt idx="8634">
                  <c:v>0.31018713187540453</c:v>
                </c:pt>
                <c:pt idx="8635">
                  <c:v>0.31018713187540453</c:v>
                </c:pt>
                <c:pt idx="8636">
                  <c:v>0.31018713187540453</c:v>
                </c:pt>
                <c:pt idx="8637">
                  <c:v>0.31018713187540453</c:v>
                </c:pt>
                <c:pt idx="8638">
                  <c:v>0.31018713187540453</c:v>
                </c:pt>
                <c:pt idx="8639">
                  <c:v>0.31018713187540453</c:v>
                </c:pt>
                <c:pt idx="8640">
                  <c:v>0.31362651953756909</c:v>
                </c:pt>
                <c:pt idx="8641">
                  <c:v>0.31362651953756909</c:v>
                </c:pt>
                <c:pt idx="8642">
                  <c:v>0.31362651953756909</c:v>
                </c:pt>
                <c:pt idx="8643">
                  <c:v>0.31362651953756909</c:v>
                </c:pt>
                <c:pt idx="8644">
                  <c:v>0.31362651953756909</c:v>
                </c:pt>
                <c:pt idx="8645">
                  <c:v>0.31362651953756909</c:v>
                </c:pt>
                <c:pt idx="8646">
                  <c:v>0.31362651953756909</c:v>
                </c:pt>
                <c:pt idx="8647">
                  <c:v>1.282067196533881</c:v>
                </c:pt>
                <c:pt idx="8648">
                  <c:v>1.4305170824483302</c:v>
                </c:pt>
                <c:pt idx="8649">
                  <c:v>1.5789669683627796</c:v>
                </c:pt>
                <c:pt idx="8650">
                  <c:v>1.5789669683627796</c:v>
                </c:pt>
                <c:pt idx="8651">
                  <c:v>1.8893621843657189</c:v>
                </c:pt>
                <c:pt idx="8652">
                  <c:v>1.8893621843657189</c:v>
                </c:pt>
                <c:pt idx="8653">
                  <c:v>1.2550763081857992</c:v>
                </c:pt>
                <c:pt idx="8654">
                  <c:v>1.8893621843657189</c:v>
                </c:pt>
                <c:pt idx="8655">
                  <c:v>1.8893621843657189</c:v>
                </c:pt>
                <c:pt idx="8656">
                  <c:v>1.1133741443583705</c:v>
                </c:pt>
                <c:pt idx="8657">
                  <c:v>0.47519169626904406</c:v>
                </c:pt>
                <c:pt idx="8658">
                  <c:v>0.31362651953756909</c:v>
                </c:pt>
                <c:pt idx="8659">
                  <c:v>0.31362651953756909</c:v>
                </c:pt>
                <c:pt idx="8660">
                  <c:v>0.31362651953756909</c:v>
                </c:pt>
                <c:pt idx="8661">
                  <c:v>0.31362651953756909</c:v>
                </c:pt>
                <c:pt idx="8662">
                  <c:v>0.31362651953756909</c:v>
                </c:pt>
                <c:pt idx="8663">
                  <c:v>0.31362651953756909</c:v>
                </c:pt>
                <c:pt idx="8664">
                  <c:v>0.32258516503840184</c:v>
                </c:pt>
                <c:pt idx="8665">
                  <c:v>0.32258516503840184</c:v>
                </c:pt>
                <c:pt idx="8666">
                  <c:v>0.32258516503840184</c:v>
                </c:pt>
                <c:pt idx="8667">
                  <c:v>0.32258516503840184</c:v>
                </c:pt>
                <c:pt idx="8668">
                  <c:v>0.32258516503840184</c:v>
                </c:pt>
                <c:pt idx="8669">
                  <c:v>0.32258516503840184</c:v>
                </c:pt>
                <c:pt idx="8670">
                  <c:v>0.32258516503840184</c:v>
                </c:pt>
                <c:pt idx="8671">
                  <c:v>1.318689053444861</c:v>
                </c:pt>
                <c:pt idx="8672">
                  <c:v>1.4713793648963711</c:v>
                </c:pt>
                <c:pt idx="8673">
                  <c:v>1.6240696763478815</c:v>
                </c:pt>
                <c:pt idx="8674">
                  <c:v>1.6240696763478815</c:v>
                </c:pt>
                <c:pt idx="8675">
                  <c:v>1.9433312366555846</c:v>
                </c:pt>
                <c:pt idx="8676">
                  <c:v>1.9433312366555846</c:v>
                </c:pt>
                <c:pt idx="8677">
                  <c:v>1.2909271786354954</c:v>
                </c:pt>
                <c:pt idx="8678">
                  <c:v>1.9433312366555846</c:v>
                </c:pt>
                <c:pt idx="8679">
                  <c:v>1.9433312366555846</c:v>
                </c:pt>
                <c:pt idx="8680">
                  <c:v>1.1451773358863266</c:v>
                </c:pt>
                <c:pt idx="8681">
                  <c:v>0.4887654015733362</c:v>
                </c:pt>
                <c:pt idx="8682">
                  <c:v>0.32258516503840184</c:v>
                </c:pt>
                <c:pt idx="8683">
                  <c:v>0.32258516503840184</c:v>
                </c:pt>
                <c:pt idx="8684">
                  <c:v>0.32258516503840184</c:v>
                </c:pt>
                <c:pt idx="8685">
                  <c:v>0.32258516503840184</c:v>
                </c:pt>
                <c:pt idx="8686">
                  <c:v>0.32258516503840184</c:v>
                </c:pt>
                <c:pt idx="8687">
                  <c:v>0.32258516503840184</c:v>
                </c:pt>
                <c:pt idx="8688">
                  <c:v>0.47975184792160463</c:v>
                </c:pt>
                <c:pt idx="8689">
                  <c:v>0.29075869571006341</c:v>
                </c:pt>
                <c:pt idx="8690">
                  <c:v>0.29075869571006341</c:v>
                </c:pt>
                <c:pt idx="8691">
                  <c:v>0.29075869571006341</c:v>
                </c:pt>
                <c:pt idx="8692">
                  <c:v>0.29075869571006341</c:v>
                </c:pt>
                <c:pt idx="8693">
                  <c:v>0.29075869571006341</c:v>
                </c:pt>
                <c:pt idx="8694">
                  <c:v>0.29075869571006341</c:v>
                </c:pt>
                <c:pt idx="8695">
                  <c:v>1.2386320437248703</c:v>
                </c:pt>
                <c:pt idx="8696">
                  <c:v>1.548290054656088</c:v>
                </c:pt>
                <c:pt idx="8697">
                  <c:v>1.7031190601216966</c:v>
                </c:pt>
                <c:pt idx="8698">
                  <c:v>1.7031190601216966</c:v>
                </c:pt>
                <c:pt idx="8699">
                  <c:v>2.012777071052914</c:v>
                </c:pt>
                <c:pt idx="8700">
                  <c:v>2.012777071052914</c:v>
                </c:pt>
                <c:pt idx="8701">
                  <c:v>1.3934610491904791</c:v>
                </c:pt>
                <c:pt idx="8702">
                  <c:v>2.012777071052914</c:v>
                </c:pt>
                <c:pt idx="8703">
                  <c:v>1.548290054656088</c:v>
                </c:pt>
                <c:pt idx="8704">
                  <c:v>0.72689673927515863</c:v>
                </c:pt>
                <c:pt idx="8705">
                  <c:v>0.47975184792160463</c:v>
                </c:pt>
                <c:pt idx="8706">
                  <c:v>0.3052966304955666</c:v>
                </c:pt>
                <c:pt idx="8707">
                  <c:v>0.29075869571006341</c:v>
                </c:pt>
                <c:pt idx="8708">
                  <c:v>0.29075869571006341</c:v>
                </c:pt>
                <c:pt idx="8709">
                  <c:v>0.29075869571006341</c:v>
                </c:pt>
                <c:pt idx="8710">
                  <c:v>0.29075869571006341</c:v>
                </c:pt>
                <c:pt idx="8711">
                  <c:v>0.29075869571006341</c:v>
                </c:pt>
                <c:pt idx="8712">
                  <c:v>0.18474554436448537</c:v>
                </c:pt>
                <c:pt idx="8713">
                  <c:v>0.16627098992803682</c:v>
                </c:pt>
                <c:pt idx="8714">
                  <c:v>0.16627098992803682</c:v>
                </c:pt>
                <c:pt idx="8715">
                  <c:v>0.16627098992803682</c:v>
                </c:pt>
                <c:pt idx="8716">
                  <c:v>0.16627098992803682</c:v>
                </c:pt>
                <c:pt idx="8717">
                  <c:v>0.16627098992803682</c:v>
                </c:pt>
                <c:pt idx="8718">
                  <c:v>0.16627098992803682</c:v>
                </c:pt>
                <c:pt idx="8719">
                  <c:v>0.16627098992803682</c:v>
                </c:pt>
                <c:pt idx="8720">
                  <c:v>0.16627098992803682</c:v>
                </c:pt>
                <c:pt idx="8721">
                  <c:v>0.16627098992803682</c:v>
                </c:pt>
                <c:pt idx="8722">
                  <c:v>0.16627098992803682</c:v>
                </c:pt>
                <c:pt idx="8723">
                  <c:v>0.16627098992803682</c:v>
                </c:pt>
                <c:pt idx="8724">
                  <c:v>0.16627098992803682</c:v>
                </c:pt>
                <c:pt idx="8725">
                  <c:v>0.16627098992803682</c:v>
                </c:pt>
                <c:pt idx="8726">
                  <c:v>0.16627098992803682</c:v>
                </c:pt>
                <c:pt idx="8727">
                  <c:v>0.16627098992803682</c:v>
                </c:pt>
                <c:pt idx="8728">
                  <c:v>0.16627098992803682</c:v>
                </c:pt>
                <c:pt idx="8729">
                  <c:v>0.16627098992803682</c:v>
                </c:pt>
                <c:pt idx="8730">
                  <c:v>0.16627098992803682</c:v>
                </c:pt>
                <c:pt idx="8731">
                  <c:v>0.16627098992803682</c:v>
                </c:pt>
                <c:pt idx="8732">
                  <c:v>0.16627098992803682</c:v>
                </c:pt>
                <c:pt idx="8733">
                  <c:v>0.16627098992803682</c:v>
                </c:pt>
                <c:pt idx="8734">
                  <c:v>0.16627098992803682</c:v>
                </c:pt>
                <c:pt idx="8735">
                  <c:v>0.16627098992803682</c:v>
                </c:pt>
                <c:pt idx="8736">
                  <c:v>0.18995253410608393</c:v>
                </c:pt>
                <c:pt idx="8737">
                  <c:v>0.18995253410608393</c:v>
                </c:pt>
                <c:pt idx="8738">
                  <c:v>0.18995253410608393</c:v>
                </c:pt>
                <c:pt idx="8739">
                  <c:v>0.18995253410608393</c:v>
                </c:pt>
                <c:pt idx="8740">
                  <c:v>0.18995253410608393</c:v>
                </c:pt>
                <c:pt idx="8741">
                  <c:v>0.18995253410608393</c:v>
                </c:pt>
                <c:pt idx="8742">
                  <c:v>0.18995253410608393</c:v>
                </c:pt>
                <c:pt idx="8743">
                  <c:v>0.18995253410608393</c:v>
                </c:pt>
                <c:pt idx="8744">
                  <c:v>0.18995253410608393</c:v>
                </c:pt>
                <c:pt idx="8745">
                  <c:v>0.18995253410608393</c:v>
                </c:pt>
                <c:pt idx="8746">
                  <c:v>0.18995253410608393</c:v>
                </c:pt>
                <c:pt idx="8747">
                  <c:v>0.18995253410608393</c:v>
                </c:pt>
                <c:pt idx="8748">
                  <c:v>0.18995253410608393</c:v>
                </c:pt>
                <c:pt idx="8749">
                  <c:v>0.18995253410608393</c:v>
                </c:pt>
                <c:pt idx="8750">
                  <c:v>0.18995253410608393</c:v>
                </c:pt>
                <c:pt idx="8751">
                  <c:v>0.18995253410608393</c:v>
                </c:pt>
                <c:pt idx="8752">
                  <c:v>0.18995253410608393</c:v>
                </c:pt>
                <c:pt idx="8753">
                  <c:v>0.18995253410608393</c:v>
                </c:pt>
                <c:pt idx="8754">
                  <c:v>0.18995253410608393</c:v>
                </c:pt>
                <c:pt idx="8755">
                  <c:v>0.18995253410608393</c:v>
                </c:pt>
                <c:pt idx="8756">
                  <c:v>0.18995253410608393</c:v>
                </c:pt>
                <c:pt idx="8757">
                  <c:v>0.18995253410608393</c:v>
                </c:pt>
                <c:pt idx="8758">
                  <c:v>0.18995253410608393</c:v>
                </c:pt>
                <c:pt idx="8759">
                  <c:v>0.18995253410608393</c:v>
                </c:pt>
              </c:numCache>
            </c:numRef>
          </c:val>
          <c:extLst>
            <c:ext xmlns:c16="http://schemas.microsoft.com/office/drawing/2014/chart" uri="{C3380CC4-5D6E-409C-BE32-E72D297353CC}">
              <c16:uniqueId val="{00000003-2C0B-4701-B4D5-C67566BB76AF}"/>
            </c:ext>
          </c:extLst>
        </c:ser>
        <c:ser>
          <c:idx val="3"/>
          <c:order val="2"/>
          <c:tx>
            <c:strRef>
              <c:f>Bühler!$K$33</c:f>
              <c:strCache>
                <c:ptCount val="1"/>
                <c:pt idx="0">
                  <c:v>T3</c:v>
                </c:pt>
              </c:strCache>
            </c:strRef>
          </c:tx>
          <c:spPr>
            <a:solidFill>
              <a:schemeClr val="accent5">
                <a:lumMod val="60000"/>
                <a:lumOff val="40000"/>
              </a:schemeClr>
            </a:solidFill>
            <a:ln w="9525">
              <a:solidFill>
                <a:schemeClr val="accent5"/>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K$34:$K$8793</c:f>
              <c:numCache>
                <c:formatCode>General</c:formatCode>
                <c:ptCount val="8760"/>
                <c:pt idx="0">
                  <c:v>0.36568396892328808</c:v>
                </c:pt>
                <c:pt idx="1">
                  <c:v>0.36568396892328808</c:v>
                </c:pt>
                <c:pt idx="2">
                  <c:v>0.36568396892328808</c:v>
                </c:pt>
                <c:pt idx="3">
                  <c:v>0.36568396892328808</c:v>
                </c:pt>
                <c:pt idx="4">
                  <c:v>0.36568396892328808</c:v>
                </c:pt>
                <c:pt idx="5">
                  <c:v>0.36568396892328808</c:v>
                </c:pt>
                <c:pt idx="6">
                  <c:v>0.36568396892328808</c:v>
                </c:pt>
                <c:pt idx="7">
                  <c:v>0.36568396892328808</c:v>
                </c:pt>
                <c:pt idx="8">
                  <c:v>0.36568396892328808</c:v>
                </c:pt>
                <c:pt idx="9">
                  <c:v>0.36568396892328808</c:v>
                </c:pt>
                <c:pt idx="10">
                  <c:v>0.36568396892328808</c:v>
                </c:pt>
                <c:pt idx="11">
                  <c:v>0.36568396892328808</c:v>
                </c:pt>
                <c:pt idx="12">
                  <c:v>0.36568396892328808</c:v>
                </c:pt>
                <c:pt idx="13">
                  <c:v>0.36568396892328808</c:v>
                </c:pt>
                <c:pt idx="14">
                  <c:v>0.36568396892328808</c:v>
                </c:pt>
                <c:pt idx="15">
                  <c:v>0.36568396892328808</c:v>
                </c:pt>
                <c:pt idx="16">
                  <c:v>0.36568396892328808</c:v>
                </c:pt>
                <c:pt idx="17">
                  <c:v>0.36568396892328808</c:v>
                </c:pt>
                <c:pt idx="18">
                  <c:v>0.36568396892328808</c:v>
                </c:pt>
                <c:pt idx="19">
                  <c:v>0.36568396892328808</c:v>
                </c:pt>
                <c:pt idx="20">
                  <c:v>0.36568396892328808</c:v>
                </c:pt>
                <c:pt idx="21">
                  <c:v>0.36568396892328808</c:v>
                </c:pt>
                <c:pt idx="22">
                  <c:v>0.36568396892328808</c:v>
                </c:pt>
                <c:pt idx="23">
                  <c:v>0.36568396892328808</c:v>
                </c:pt>
                <c:pt idx="24">
                  <c:v>0.61651471983321748</c:v>
                </c:pt>
                <c:pt idx="25">
                  <c:v>0.61651471983321748</c:v>
                </c:pt>
                <c:pt idx="26">
                  <c:v>0.61651471983321748</c:v>
                </c:pt>
                <c:pt idx="27">
                  <c:v>0.61651471983321748</c:v>
                </c:pt>
                <c:pt idx="28">
                  <c:v>0.61651471983321748</c:v>
                </c:pt>
                <c:pt idx="29">
                  <c:v>0.61651471983321748</c:v>
                </c:pt>
                <c:pt idx="30">
                  <c:v>0.61651471983321748</c:v>
                </c:pt>
                <c:pt idx="31">
                  <c:v>2.6263527064895067</c:v>
                </c:pt>
                <c:pt idx="32">
                  <c:v>2.9546467948006949</c:v>
                </c:pt>
                <c:pt idx="33">
                  <c:v>3.2829408831118831</c:v>
                </c:pt>
                <c:pt idx="34">
                  <c:v>3.2829408831118831</c:v>
                </c:pt>
                <c:pt idx="35">
                  <c:v>3.9395290597342596</c:v>
                </c:pt>
                <c:pt idx="36">
                  <c:v>3.9395290597342596</c:v>
                </c:pt>
                <c:pt idx="37">
                  <c:v>2.6263527064895067</c:v>
                </c:pt>
                <c:pt idx="38">
                  <c:v>3.9395290597342596</c:v>
                </c:pt>
                <c:pt idx="39">
                  <c:v>3.9395290597342596</c:v>
                </c:pt>
                <c:pt idx="40">
                  <c:v>2.298058618178318</c:v>
                </c:pt>
                <c:pt idx="41">
                  <c:v>0.65658817662237667</c:v>
                </c:pt>
                <c:pt idx="42">
                  <c:v>0.64734045582487842</c:v>
                </c:pt>
                <c:pt idx="43">
                  <c:v>0.64734045582487842</c:v>
                </c:pt>
                <c:pt idx="44">
                  <c:v>0.64734045582487842</c:v>
                </c:pt>
                <c:pt idx="45">
                  <c:v>0.64734045582487842</c:v>
                </c:pt>
                <c:pt idx="46">
                  <c:v>0.64734045582487842</c:v>
                </c:pt>
                <c:pt idx="47">
                  <c:v>0.64734045582487842</c:v>
                </c:pt>
                <c:pt idx="48">
                  <c:v>0.40743205965842971</c:v>
                </c:pt>
                <c:pt idx="49">
                  <c:v>0.6208488528128453</c:v>
                </c:pt>
                <c:pt idx="50">
                  <c:v>0.6208488528128453</c:v>
                </c:pt>
                <c:pt idx="51">
                  <c:v>0.6208488528128453</c:v>
                </c:pt>
                <c:pt idx="52">
                  <c:v>0.6208488528128453</c:v>
                </c:pt>
                <c:pt idx="53">
                  <c:v>0.6208488528128453</c:v>
                </c:pt>
                <c:pt idx="54">
                  <c:v>0.6208488528128453</c:v>
                </c:pt>
                <c:pt idx="55">
                  <c:v>2.6172659451391511</c:v>
                </c:pt>
                <c:pt idx="56">
                  <c:v>2.9203177914184213</c:v>
                </c:pt>
                <c:pt idx="57">
                  <c:v>3.2233696376976915</c:v>
                </c:pt>
                <c:pt idx="58">
                  <c:v>3.2233696376976915</c:v>
                </c:pt>
                <c:pt idx="59">
                  <c:v>3.8570234980998017</c:v>
                </c:pt>
                <c:pt idx="60">
                  <c:v>3.8570234980998017</c:v>
                </c:pt>
                <c:pt idx="61">
                  <c:v>2.5621656094520109</c:v>
                </c:pt>
                <c:pt idx="62">
                  <c:v>3.8570234980998017</c:v>
                </c:pt>
                <c:pt idx="63">
                  <c:v>3.8570234980998017</c:v>
                </c:pt>
                <c:pt idx="64">
                  <c:v>2.2728888470945257</c:v>
                </c:pt>
                <c:pt idx="65">
                  <c:v>0.97007633252007075</c:v>
                </c:pt>
                <c:pt idx="66">
                  <c:v>0.6402503794632467</c:v>
                </c:pt>
                <c:pt idx="67">
                  <c:v>0.6402503794632467</c:v>
                </c:pt>
                <c:pt idx="68">
                  <c:v>0.6402503794632467</c:v>
                </c:pt>
                <c:pt idx="69">
                  <c:v>0.6402503794632467</c:v>
                </c:pt>
                <c:pt idx="70">
                  <c:v>0.6402503794632467</c:v>
                </c:pt>
                <c:pt idx="71">
                  <c:v>0.6402503794632467</c:v>
                </c:pt>
                <c:pt idx="72">
                  <c:v>0.63755548140109586</c:v>
                </c:pt>
                <c:pt idx="73">
                  <c:v>0.63755548140109586</c:v>
                </c:pt>
                <c:pt idx="74">
                  <c:v>0.63755548140109586</c:v>
                </c:pt>
                <c:pt idx="75">
                  <c:v>0.63755548140109586</c:v>
                </c:pt>
                <c:pt idx="76">
                  <c:v>0.63755548140109586</c:v>
                </c:pt>
                <c:pt idx="77">
                  <c:v>0.63755548140109586</c:v>
                </c:pt>
                <c:pt idx="78">
                  <c:v>0.63755548140109586</c:v>
                </c:pt>
                <c:pt idx="79">
                  <c:v>2.6062495285153884</c:v>
                </c:pt>
                <c:pt idx="80">
                  <c:v>2.9080257897119073</c:v>
                </c:pt>
                <c:pt idx="81">
                  <c:v>3.2098020509084262</c:v>
                </c:pt>
                <c:pt idx="82">
                  <c:v>3.2098020509084262</c:v>
                </c:pt>
                <c:pt idx="83">
                  <c:v>3.8407887788647828</c:v>
                </c:pt>
                <c:pt idx="84">
                  <c:v>3.8407887788647828</c:v>
                </c:pt>
                <c:pt idx="85">
                  <c:v>2.5513811173887486</c:v>
                </c:pt>
                <c:pt idx="86">
                  <c:v>3.8407887788647828</c:v>
                </c:pt>
                <c:pt idx="87">
                  <c:v>3.8407887788647828</c:v>
                </c:pt>
                <c:pt idx="88">
                  <c:v>2.2633219589738904</c:v>
                </c:pt>
                <c:pt idx="89">
                  <c:v>0.96599315363802407</c:v>
                </c:pt>
                <c:pt idx="90">
                  <c:v>0.63755548140109586</c:v>
                </c:pt>
                <c:pt idx="91">
                  <c:v>0.63755548140109586</c:v>
                </c:pt>
                <c:pt idx="92">
                  <c:v>0.63755548140109586</c:v>
                </c:pt>
                <c:pt idx="93">
                  <c:v>0.63755548140109586</c:v>
                </c:pt>
                <c:pt idx="94">
                  <c:v>0.63755548140109586</c:v>
                </c:pt>
                <c:pt idx="95">
                  <c:v>0.63755548140109586</c:v>
                </c:pt>
                <c:pt idx="96">
                  <c:v>0.61605473219909723</c:v>
                </c:pt>
                <c:pt idx="97">
                  <c:v>0.61605473219909723</c:v>
                </c:pt>
                <c:pt idx="98">
                  <c:v>0.61605473219909723</c:v>
                </c:pt>
                <c:pt idx="99">
                  <c:v>0.61605473219909723</c:v>
                </c:pt>
                <c:pt idx="100">
                  <c:v>0.61605473219909723</c:v>
                </c:pt>
                <c:pt idx="101">
                  <c:v>0.61605473219909723</c:v>
                </c:pt>
                <c:pt idx="102">
                  <c:v>0.61605473219909723</c:v>
                </c:pt>
                <c:pt idx="103">
                  <c:v>2.5183570719290369</c:v>
                </c:pt>
                <c:pt idx="104">
                  <c:v>2.8099563118366095</c:v>
                </c:pt>
                <c:pt idx="105">
                  <c:v>3.1015555517441826</c:v>
                </c:pt>
                <c:pt idx="106">
                  <c:v>3.1015555517441826</c:v>
                </c:pt>
                <c:pt idx="107">
                  <c:v>3.7112630533691067</c:v>
                </c:pt>
                <c:pt idx="108">
                  <c:v>3.7112630533691067</c:v>
                </c:pt>
                <c:pt idx="109">
                  <c:v>2.465339028309478</c:v>
                </c:pt>
                <c:pt idx="110">
                  <c:v>3.7112630533691067</c:v>
                </c:pt>
                <c:pt idx="111">
                  <c:v>3.7112630533691067</c:v>
                </c:pt>
                <c:pt idx="112">
                  <c:v>2.1869942993067952</c:v>
                </c:pt>
                <c:pt idx="113">
                  <c:v>0.93341626090772312</c:v>
                </c:pt>
                <c:pt idx="114">
                  <c:v>0.61605473219909723</c:v>
                </c:pt>
                <c:pt idx="115">
                  <c:v>0.61605473219909723</c:v>
                </c:pt>
                <c:pt idx="116">
                  <c:v>0.61605473219909723</c:v>
                </c:pt>
                <c:pt idx="117">
                  <c:v>0.61605473219909723</c:v>
                </c:pt>
                <c:pt idx="118">
                  <c:v>0.61605473219909723</c:v>
                </c:pt>
                <c:pt idx="119">
                  <c:v>0.61605473219909723</c:v>
                </c:pt>
                <c:pt idx="120">
                  <c:v>0.95060247534318276</c:v>
                </c:pt>
                <c:pt idx="121">
                  <c:v>0.57612271232920176</c:v>
                </c:pt>
                <c:pt idx="122">
                  <c:v>0.57612271232920176</c:v>
                </c:pt>
                <c:pt idx="123">
                  <c:v>0.57612271232920176</c:v>
                </c:pt>
                <c:pt idx="124">
                  <c:v>0.57612271232920176</c:v>
                </c:pt>
                <c:pt idx="125">
                  <c:v>0.57612271232920176</c:v>
                </c:pt>
                <c:pt idx="126">
                  <c:v>0.57612271232920176</c:v>
                </c:pt>
                <c:pt idx="127">
                  <c:v>2.4542827545223993</c:v>
                </c:pt>
                <c:pt idx="128">
                  <c:v>3.0678534431529991</c:v>
                </c:pt>
                <c:pt idx="129">
                  <c:v>3.3746387874682995</c:v>
                </c:pt>
                <c:pt idx="130">
                  <c:v>3.3746387874682995</c:v>
                </c:pt>
                <c:pt idx="131">
                  <c:v>3.9882094760988989</c:v>
                </c:pt>
                <c:pt idx="132">
                  <c:v>3.9882094760988989</c:v>
                </c:pt>
                <c:pt idx="133">
                  <c:v>2.7610680988376992</c:v>
                </c:pt>
                <c:pt idx="134">
                  <c:v>3.9882094760988989</c:v>
                </c:pt>
                <c:pt idx="135">
                  <c:v>3.0678534431529991</c:v>
                </c:pt>
                <c:pt idx="136">
                  <c:v>1.4403067808230043</c:v>
                </c:pt>
                <c:pt idx="137">
                  <c:v>0.95060247534318276</c:v>
                </c:pt>
                <c:pt idx="138">
                  <c:v>0.60492884794566182</c:v>
                </c:pt>
                <c:pt idx="139">
                  <c:v>0.57612271232920176</c:v>
                </c:pt>
                <c:pt idx="140">
                  <c:v>0.57612271232920176</c:v>
                </c:pt>
                <c:pt idx="141">
                  <c:v>0.57612271232920176</c:v>
                </c:pt>
                <c:pt idx="142">
                  <c:v>0.57612271232920176</c:v>
                </c:pt>
                <c:pt idx="143">
                  <c:v>0.57612271232920176</c:v>
                </c:pt>
                <c:pt idx="144">
                  <c:v>0.35900548556666323</c:v>
                </c:pt>
                <c:pt idx="145">
                  <c:v>0.32310493700999687</c:v>
                </c:pt>
                <c:pt idx="146">
                  <c:v>0.32310493700999687</c:v>
                </c:pt>
                <c:pt idx="147">
                  <c:v>0.32310493700999687</c:v>
                </c:pt>
                <c:pt idx="148">
                  <c:v>0.32310493700999687</c:v>
                </c:pt>
                <c:pt idx="149">
                  <c:v>0.32310493700999687</c:v>
                </c:pt>
                <c:pt idx="150">
                  <c:v>0.32310493700999687</c:v>
                </c:pt>
                <c:pt idx="151">
                  <c:v>0.32310493700999687</c:v>
                </c:pt>
                <c:pt idx="152">
                  <c:v>0.32310493700999687</c:v>
                </c:pt>
                <c:pt idx="153">
                  <c:v>0.32310493700999687</c:v>
                </c:pt>
                <c:pt idx="154">
                  <c:v>0.32310493700999687</c:v>
                </c:pt>
                <c:pt idx="155">
                  <c:v>0.32310493700999687</c:v>
                </c:pt>
                <c:pt idx="156">
                  <c:v>0.32310493700999687</c:v>
                </c:pt>
                <c:pt idx="157">
                  <c:v>0.32310493700999687</c:v>
                </c:pt>
                <c:pt idx="158">
                  <c:v>0.32310493700999687</c:v>
                </c:pt>
                <c:pt idx="159">
                  <c:v>0.32310493700999687</c:v>
                </c:pt>
                <c:pt idx="160">
                  <c:v>0.32310493700999687</c:v>
                </c:pt>
                <c:pt idx="161">
                  <c:v>0.32310493700999687</c:v>
                </c:pt>
                <c:pt idx="162">
                  <c:v>0.32310493700999687</c:v>
                </c:pt>
                <c:pt idx="163">
                  <c:v>0.32310493700999687</c:v>
                </c:pt>
                <c:pt idx="164">
                  <c:v>0.32310493700999687</c:v>
                </c:pt>
                <c:pt idx="165">
                  <c:v>0.32310493700999687</c:v>
                </c:pt>
                <c:pt idx="166">
                  <c:v>0.32310493700999687</c:v>
                </c:pt>
                <c:pt idx="167">
                  <c:v>0.32310493700999687</c:v>
                </c:pt>
                <c:pt idx="168">
                  <c:v>0.38780567892821205</c:v>
                </c:pt>
                <c:pt idx="169">
                  <c:v>0.38780567892821205</c:v>
                </c:pt>
                <c:pt idx="170">
                  <c:v>0.38780567892821205</c:v>
                </c:pt>
                <c:pt idx="171">
                  <c:v>0.38780567892821205</c:v>
                </c:pt>
                <c:pt idx="172">
                  <c:v>0.38780567892821205</c:v>
                </c:pt>
                <c:pt idx="173">
                  <c:v>0.38780567892821205</c:v>
                </c:pt>
                <c:pt idx="174">
                  <c:v>0.38780567892821205</c:v>
                </c:pt>
                <c:pt idx="175">
                  <c:v>0.38780567892821205</c:v>
                </c:pt>
                <c:pt idx="176">
                  <c:v>0.38780567892821205</c:v>
                </c:pt>
                <c:pt idx="177">
                  <c:v>0.38780567892821205</c:v>
                </c:pt>
                <c:pt idx="178">
                  <c:v>0.38780567892821205</c:v>
                </c:pt>
                <c:pt idx="179">
                  <c:v>0.38780567892821205</c:v>
                </c:pt>
                <c:pt idx="180">
                  <c:v>0.38780567892821205</c:v>
                </c:pt>
                <c:pt idx="181">
                  <c:v>0.38780567892821205</c:v>
                </c:pt>
                <c:pt idx="182">
                  <c:v>0.38780567892821205</c:v>
                </c:pt>
                <c:pt idx="183">
                  <c:v>0.38780567892821205</c:v>
                </c:pt>
                <c:pt idx="184">
                  <c:v>0.38780567892821205</c:v>
                </c:pt>
                <c:pt idx="185">
                  <c:v>0.38780567892821205</c:v>
                </c:pt>
                <c:pt idx="186">
                  <c:v>0.38780567892821205</c:v>
                </c:pt>
                <c:pt idx="187">
                  <c:v>0.38780567892821205</c:v>
                </c:pt>
                <c:pt idx="188">
                  <c:v>0.38780567892821205</c:v>
                </c:pt>
                <c:pt idx="189">
                  <c:v>0.38780567892821205</c:v>
                </c:pt>
                <c:pt idx="190">
                  <c:v>0.38780567892821205</c:v>
                </c:pt>
                <c:pt idx="191">
                  <c:v>0.38780567892821205</c:v>
                </c:pt>
                <c:pt idx="192">
                  <c:v>0.61823403041010583</c:v>
                </c:pt>
                <c:pt idx="193">
                  <c:v>0.61823403041010583</c:v>
                </c:pt>
                <c:pt idx="194">
                  <c:v>0.61823403041010583</c:v>
                </c:pt>
                <c:pt idx="195">
                  <c:v>0.61823403041010583</c:v>
                </c:pt>
                <c:pt idx="196">
                  <c:v>0.61823403041010583</c:v>
                </c:pt>
                <c:pt idx="197">
                  <c:v>0.61823403041010583</c:v>
                </c:pt>
                <c:pt idx="198">
                  <c:v>0.61823403041010583</c:v>
                </c:pt>
                <c:pt idx="199">
                  <c:v>2.6336769695470506</c:v>
                </c:pt>
                <c:pt idx="200">
                  <c:v>2.9628865907404318</c:v>
                </c:pt>
                <c:pt idx="201">
                  <c:v>3.2920962119338135</c:v>
                </c:pt>
                <c:pt idx="202">
                  <c:v>3.2920962119338135</c:v>
                </c:pt>
                <c:pt idx="203">
                  <c:v>3.9505154543205747</c:v>
                </c:pt>
                <c:pt idx="204">
                  <c:v>3.9505154543205747</c:v>
                </c:pt>
                <c:pt idx="205">
                  <c:v>2.6336769695470506</c:v>
                </c:pt>
                <c:pt idx="206">
                  <c:v>3.9505154543205747</c:v>
                </c:pt>
                <c:pt idx="207">
                  <c:v>3.9505154543205747</c:v>
                </c:pt>
                <c:pt idx="208">
                  <c:v>2.3044673483536688</c:v>
                </c:pt>
                <c:pt idx="209">
                  <c:v>0.65841924238676264</c:v>
                </c:pt>
                <c:pt idx="210">
                  <c:v>0.64914573193061098</c:v>
                </c:pt>
                <c:pt idx="211">
                  <c:v>0.64914573193061098</c:v>
                </c:pt>
                <c:pt idx="212">
                  <c:v>0.64914573193061098</c:v>
                </c:pt>
                <c:pt idx="213">
                  <c:v>0.64914573193061098</c:v>
                </c:pt>
                <c:pt idx="214">
                  <c:v>0.64914573193061098</c:v>
                </c:pt>
                <c:pt idx="215">
                  <c:v>0.64914573193061098</c:v>
                </c:pt>
                <c:pt idx="216">
                  <c:v>0.40743205965842971</c:v>
                </c:pt>
                <c:pt idx="217">
                  <c:v>0.6208488528128453</c:v>
                </c:pt>
                <c:pt idx="218">
                  <c:v>0.6208488528128453</c:v>
                </c:pt>
                <c:pt idx="219">
                  <c:v>0.6208488528128453</c:v>
                </c:pt>
                <c:pt idx="220">
                  <c:v>0.6208488528128453</c:v>
                </c:pt>
                <c:pt idx="221">
                  <c:v>0.6208488528128453</c:v>
                </c:pt>
                <c:pt idx="222">
                  <c:v>0.6208488528128453</c:v>
                </c:pt>
                <c:pt idx="223">
                  <c:v>2.6172659451391511</c:v>
                </c:pt>
                <c:pt idx="224">
                  <c:v>2.9203177914184213</c:v>
                </c:pt>
                <c:pt idx="225">
                  <c:v>3.2233696376976915</c:v>
                </c:pt>
                <c:pt idx="226">
                  <c:v>3.2233696376976915</c:v>
                </c:pt>
                <c:pt idx="227">
                  <c:v>3.8570234980998017</c:v>
                </c:pt>
                <c:pt idx="228">
                  <c:v>3.8570234980998017</c:v>
                </c:pt>
                <c:pt idx="229">
                  <c:v>2.5621656094520109</c:v>
                </c:pt>
                <c:pt idx="230">
                  <c:v>3.8570234980998017</c:v>
                </c:pt>
                <c:pt idx="231">
                  <c:v>3.8570234980998017</c:v>
                </c:pt>
                <c:pt idx="232">
                  <c:v>2.2728888470945257</c:v>
                </c:pt>
                <c:pt idx="233">
                  <c:v>0.97007633252007075</c:v>
                </c:pt>
                <c:pt idx="234">
                  <c:v>0.6402503794632467</c:v>
                </c:pt>
                <c:pt idx="235">
                  <c:v>0.6402503794632467</c:v>
                </c:pt>
                <c:pt idx="236">
                  <c:v>0.6402503794632467</c:v>
                </c:pt>
                <c:pt idx="237">
                  <c:v>0.6402503794632467</c:v>
                </c:pt>
                <c:pt idx="238">
                  <c:v>0.6402503794632467</c:v>
                </c:pt>
                <c:pt idx="239">
                  <c:v>0.6402503794632467</c:v>
                </c:pt>
                <c:pt idx="240">
                  <c:v>0.64606619462688697</c:v>
                </c:pt>
                <c:pt idx="241">
                  <c:v>0.64606619462688697</c:v>
                </c:pt>
                <c:pt idx="242">
                  <c:v>0.64606619462688697</c:v>
                </c:pt>
                <c:pt idx="243">
                  <c:v>0.64606619462688697</c:v>
                </c:pt>
                <c:pt idx="244">
                  <c:v>0.64606619462688697</c:v>
                </c:pt>
                <c:pt idx="245">
                  <c:v>0.64606619462688697</c:v>
                </c:pt>
                <c:pt idx="246">
                  <c:v>0.64606619462688697</c:v>
                </c:pt>
                <c:pt idx="247">
                  <c:v>2.6410402925808194</c:v>
                </c:pt>
                <c:pt idx="248">
                  <c:v>2.9468449580375462</c:v>
                </c:pt>
                <c:pt idx="249">
                  <c:v>3.252649623494273</c:v>
                </c:pt>
                <c:pt idx="250">
                  <c:v>3.252649623494273</c:v>
                </c:pt>
                <c:pt idx="251">
                  <c:v>3.8920593785401549</c:v>
                </c:pt>
                <c:pt idx="252">
                  <c:v>3.8920593785401549</c:v>
                </c:pt>
                <c:pt idx="253">
                  <c:v>2.5854394443159601</c:v>
                </c:pt>
                <c:pt idx="254">
                  <c:v>3.8920593785401549</c:v>
                </c:pt>
                <c:pt idx="255">
                  <c:v>3.8920593785401549</c:v>
                </c:pt>
                <c:pt idx="256">
                  <c:v>2.2935349909254485</c:v>
                </c:pt>
                <c:pt idx="257">
                  <c:v>0.97888817367710157</c:v>
                </c:pt>
                <c:pt idx="258">
                  <c:v>0.64606619462688697</c:v>
                </c:pt>
                <c:pt idx="259">
                  <c:v>0.64606619462688697</c:v>
                </c:pt>
                <c:pt idx="260">
                  <c:v>0.64606619462688697</c:v>
                </c:pt>
                <c:pt idx="261">
                  <c:v>0.64606619462688697</c:v>
                </c:pt>
                <c:pt idx="262">
                  <c:v>0.64606619462688697</c:v>
                </c:pt>
                <c:pt idx="263">
                  <c:v>0.64606619462688697</c:v>
                </c:pt>
                <c:pt idx="264">
                  <c:v>0.62501337769993004</c:v>
                </c:pt>
                <c:pt idx="265">
                  <c:v>0.62501337769993004</c:v>
                </c:pt>
                <c:pt idx="266">
                  <c:v>0.62501337769993004</c:v>
                </c:pt>
                <c:pt idx="267">
                  <c:v>0.62501337769993004</c:v>
                </c:pt>
                <c:pt idx="268">
                  <c:v>0.62501337769993004</c:v>
                </c:pt>
                <c:pt idx="269">
                  <c:v>0.62501337769993004</c:v>
                </c:pt>
                <c:pt idx="270">
                  <c:v>0.62501337769993004</c:v>
                </c:pt>
                <c:pt idx="271">
                  <c:v>2.5549789288400166</c:v>
                </c:pt>
                <c:pt idx="272">
                  <c:v>2.8508185942846502</c:v>
                </c:pt>
                <c:pt idx="273">
                  <c:v>3.1466582597292843</c:v>
                </c:pt>
                <c:pt idx="274">
                  <c:v>3.1466582597292843</c:v>
                </c:pt>
                <c:pt idx="275">
                  <c:v>3.7652321056589715</c:v>
                </c:pt>
                <c:pt idx="276">
                  <c:v>3.7652321056589715</c:v>
                </c:pt>
                <c:pt idx="277">
                  <c:v>2.5011898987591743</c:v>
                </c:pt>
                <c:pt idx="278">
                  <c:v>3.7652321056589715</c:v>
                </c:pt>
                <c:pt idx="279">
                  <c:v>3.7652321056589715</c:v>
                </c:pt>
                <c:pt idx="280">
                  <c:v>2.2187974908347514</c:v>
                </c:pt>
                <c:pt idx="281">
                  <c:v>0.94698996621201526</c:v>
                </c:pt>
                <c:pt idx="282">
                  <c:v>0.62501337769993004</c:v>
                </c:pt>
                <c:pt idx="283">
                  <c:v>0.62501337769993004</c:v>
                </c:pt>
                <c:pt idx="284">
                  <c:v>0.62501337769993004</c:v>
                </c:pt>
                <c:pt idx="285">
                  <c:v>0.62501337769993004</c:v>
                </c:pt>
                <c:pt idx="286">
                  <c:v>0.62501337769993004</c:v>
                </c:pt>
                <c:pt idx="287">
                  <c:v>0.62501337769993004</c:v>
                </c:pt>
                <c:pt idx="288">
                  <c:v>0.96498136999707196</c:v>
                </c:pt>
                <c:pt idx="289">
                  <c:v>0.58483719393761946</c:v>
                </c:pt>
                <c:pt idx="290">
                  <c:v>0.58483719393761946</c:v>
                </c:pt>
                <c:pt idx="291">
                  <c:v>0.58483719393761946</c:v>
                </c:pt>
                <c:pt idx="292">
                  <c:v>0.58483719393761946</c:v>
                </c:pt>
                <c:pt idx="293">
                  <c:v>0.58483719393761946</c:v>
                </c:pt>
                <c:pt idx="294">
                  <c:v>0.58483719393761946</c:v>
                </c:pt>
                <c:pt idx="295">
                  <c:v>2.4914064461742589</c:v>
                </c:pt>
                <c:pt idx="296">
                  <c:v>3.1142580577178234</c:v>
                </c:pt>
                <c:pt idx="297">
                  <c:v>3.4256838634896054</c:v>
                </c:pt>
                <c:pt idx="298">
                  <c:v>3.4256838634896054</c:v>
                </c:pt>
                <c:pt idx="299">
                  <c:v>4.0485354750331703</c:v>
                </c:pt>
                <c:pt idx="300">
                  <c:v>4.0485354750331703</c:v>
                </c:pt>
                <c:pt idx="301">
                  <c:v>2.8028322519460409</c:v>
                </c:pt>
                <c:pt idx="302">
                  <c:v>4.0485354750331703</c:v>
                </c:pt>
                <c:pt idx="303">
                  <c:v>3.1142580577178234</c:v>
                </c:pt>
                <c:pt idx="304">
                  <c:v>1.4620929848440485</c:v>
                </c:pt>
                <c:pt idx="305">
                  <c:v>0.96498136999707196</c:v>
                </c:pt>
                <c:pt idx="306">
                  <c:v>0.61407905363450033</c:v>
                </c:pt>
                <c:pt idx="307">
                  <c:v>0.58483719393761946</c:v>
                </c:pt>
                <c:pt idx="308">
                  <c:v>0.58483719393761946</c:v>
                </c:pt>
                <c:pt idx="309">
                  <c:v>0.58483719393761946</c:v>
                </c:pt>
                <c:pt idx="310">
                  <c:v>0.58483719393761946</c:v>
                </c:pt>
                <c:pt idx="311">
                  <c:v>0.58483719393761946</c:v>
                </c:pt>
                <c:pt idx="312">
                  <c:v>0.37123868925602194</c:v>
                </c:pt>
                <c:pt idx="313">
                  <c:v>0.33411482033041978</c:v>
                </c:pt>
                <c:pt idx="314">
                  <c:v>0.33411482033041978</c:v>
                </c:pt>
                <c:pt idx="315">
                  <c:v>0.33411482033041978</c:v>
                </c:pt>
                <c:pt idx="316">
                  <c:v>0.33411482033041978</c:v>
                </c:pt>
                <c:pt idx="317">
                  <c:v>0.33411482033041978</c:v>
                </c:pt>
                <c:pt idx="318">
                  <c:v>0.33411482033041978</c:v>
                </c:pt>
                <c:pt idx="319">
                  <c:v>0.33411482033041978</c:v>
                </c:pt>
                <c:pt idx="320">
                  <c:v>0.33411482033041978</c:v>
                </c:pt>
                <c:pt idx="321">
                  <c:v>0.33411482033041978</c:v>
                </c:pt>
                <c:pt idx="322">
                  <c:v>0.33411482033041978</c:v>
                </c:pt>
                <c:pt idx="323">
                  <c:v>0.33411482033041978</c:v>
                </c:pt>
                <c:pt idx="324">
                  <c:v>0.33411482033041978</c:v>
                </c:pt>
                <c:pt idx="325">
                  <c:v>0.33411482033041978</c:v>
                </c:pt>
                <c:pt idx="326">
                  <c:v>0.33411482033041978</c:v>
                </c:pt>
                <c:pt idx="327">
                  <c:v>0.33411482033041978</c:v>
                </c:pt>
                <c:pt idx="328">
                  <c:v>0.33411482033041978</c:v>
                </c:pt>
                <c:pt idx="329">
                  <c:v>0.33411482033041978</c:v>
                </c:pt>
                <c:pt idx="330">
                  <c:v>0.33411482033041978</c:v>
                </c:pt>
                <c:pt idx="331">
                  <c:v>0.33411482033041978</c:v>
                </c:pt>
                <c:pt idx="332">
                  <c:v>0.33411482033041978</c:v>
                </c:pt>
                <c:pt idx="333">
                  <c:v>0.33411482033041978</c:v>
                </c:pt>
                <c:pt idx="334">
                  <c:v>0.33411482033041978</c:v>
                </c:pt>
                <c:pt idx="335">
                  <c:v>0.33411482033041978</c:v>
                </c:pt>
                <c:pt idx="336">
                  <c:v>0.37990506821216785</c:v>
                </c:pt>
                <c:pt idx="337">
                  <c:v>0.37990506821216785</c:v>
                </c:pt>
                <c:pt idx="338">
                  <c:v>0.37990506821216785</c:v>
                </c:pt>
                <c:pt idx="339">
                  <c:v>0.37990506821216785</c:v>
                </c:pt>
                <c:pt idx="340">
                  <c:v>0.37990506821216785</c:v>
                </c:pt>
                <c:pt idx="341">
                  <c:v>0.37990506821216785</c:v>
                </c:pt>
                <c:pt idx="342">
                  <c:v>0.37990506821216785</c:v>
                </c:pt>
                <c:pt idx="343">
                  <c:v>0.37990506821216785</c:v>
                </c:pt>
                <c:pt idx="344">
                  <c:v>0.37990506821216785</c:v>
                </c:pt>
                <c:pt idx="345">
                  <c:v>0.37990506821216785</c:v>
                </c:pt>
                <c:pt idx="346">
                  <c:v>0.37990506821216785</c:v>
                </c:pt>
                <c:pt idx="347">
                  <c:v>0.37990506821216785</c:v>
                </c:pt>
                <c:pt idx="348">
                  <c:v>0.37990506821216785</c:v>
                </c:pt>
                <c:pt idx="349">
                  <c:v>0.37990506821216785</c:v>
                </c:pt>
                <c:pt idx="350">
                  <c:v>0.37990506821216785</c:v>
                </c:pt>
                <c:pt idx="351">
                  <c:v>0.37990506821216785</c:v>
                </c:pt>
                <c:pt idx="352">
                  <c:v>0.37990506821216785</c:v>
                </c:pt>
                <c:pt idx="353">
                  <c:v>0.37990506821216785</c:v>
                </c:pt>
                <c:pt idx="354">
                  <c:v>0.37990506821216785</c:v>
                </c:pt>
                <c:pt idx="355">
                  <c:v>0.37990506821216785</c:v>
                </c:pt>
                <c:pt idx="356">
                  <c:v>0.37990506821216785</c:v>
                </c:pt>
                <c:pt idx="357">
                  <c:v>0.37990506821216785</c:v>
                </c:pt>
                <c:pt idx="358">
                  <c:v>0.37990506821216785</c:v>
                </c:pt>
                <c:pt idx="359">
                  <c:v>0.37990506821216785</c:v>
                </c:pt>
                <c:pt idx="360">
                  <c:v>0.61823403041010583</c:v>
                </c:pt>
                <c:pt idx="361">
                  <c:v>0.61823403041010583</c:v>
                </c:pt>
                <c:pt idx="362">
                  <c:v>0.61823403041010583</c:v>
                </c:pt>
                <c:pt idx="363">
                  <c:v>0.61823403041010583</c:v>
                </c:pt>
                <c:pt idx="364">
                  <c:v>0.61823403041010583</c:v>
                </c:pt>
                <c:pt idx="365">
                  <c:v>0.61823403041010583</c:v>
                </c:pt>
                <c:pt idx="366">
                  <c:v>0.61823403041010583</c:v>
                </c:pt>
                <c:pt idx="367">
                  <c:v>2.6336769695470506</c:v>
                </c:pt>
                <c:pt idx="368">
                  <c:v>2.9628865907404318</c:v>
                </c:pt>
                <c:pt idx="369">
                  <c:v>3.2920962119338135</c:v>
                </c:pt>
                <c:pt idx="370">
                  <c:v>3.2920962119338135</c:v>
                </c:pt>
                <c:pt idx="371">
                  <c:v>3.9505154543205747</c:v>
                </c:pt>
                <c:pt idx="372">
                  <c:v>3.9505154543205747</c:v>
                </c:pt>
                <c:pt idx="373">
                  <c:v>2.6336769695470506</c:v>
                </c:pt>
                <c:pt idx="374">
                  <c:v>3.9505154543205747</c:v>
                </c:pt>
                <c:pt idx="375">
                  <c:v>3.9505154543205747</c:v>
                </c:pt>
                <c:pt idx="376">
                  <c:v>2.3044673483536688</c:v>
                </c:pt>
                <c:pt idx="377">
                  <c:v>0.65841924238676264</c:v>
                </c:pt>
                <c:pt idx="378">
                  <c:v>0.64914573193061098</c:v>
                </c:pt>
                <c:pt idx="379">
                  <c:v>0.64914573193061098</c:v>
                </c:pt>
                <c:pt idx="380">
                  <c:v>0.64914573193061098</c:v>
                </c:pt>
                <c:pt idx="381">
                  <c:v>0.64914573193061098</c:v>
                </c:pt>
                <c:pt idx="382">
                  <c:v>0.64914573193061098</c:v>
                </c:pt>
                <c:pt idx="383">
                  <c:v>0.64914573193061098</c:v>
                </c:pt>
                <c:pt idx="384">
                  <c:v>0.41576852967831585</c:v>
                </c:pt>
                <c:pt idx="385">
                  <c:v>0.63355204522410036</c:v>
                </c:pt>
                <c:pt idx="386">
                  <c:v>0.63355204522410036</c:v>
                </c:pt>
                <c:pt idx="387">
                  <c:v>0.63355204522410036</c:v>
                </c:pt>
                <c:pt idx="388">
                  <c:v>0.63355204522410036</c:v>
                </c:pt>
                <c:pt idx="389">
                  <c:v>0.63355204522410036</c:v>
                </c:pt>
                <c:pt idx="390">
                  <c:v>0.63355204522410036</c:v>
                </c:pt>
                <c:pt idx="391">
                  <c:v>2.6708178406478478</c:v>
                </c:pt>
                <c:pt idx="392">
                  <c:v>2.980070432722862</c:v>
                </c:pt>
                <c:pt idx="393">
                  <c:v>3.2893230247978757</c:v>
                </c:pt>
                <c:pt idx="394">
                  <c:v>3.2893230247978757</c:v>
                </c:pt>
                <c:pt idx="395">
                  <c:v>3.9359420809547232</c:v>
                </c:pt>
                <c:pt idx="396">
                  <c:v>3.9359420809547232</c:v>
                </c:pt>
                <c:pt idx="397">
                  <c:v>2.6145900966342088</c:v>
                </c:pt>
                <c:pt idx="398">
                  <c:v>3.9359420809547232</c:v>
                </c:pt>
                <c:pt idx="399">
                  <c:v>3.9359420809547232</c:v>
                </c:pt>
                <c:pt idx="400">
                  <c:v>2.319394440562605</c:v>
                </c:pt>
                <c:pt idx="401">
                  <c:v>0.98992507066265689</c:v>
                </c:pt>
                <c:pt idx="402">
                  <c:v>0.65335054663735348</c:v>
                </c:pt>
                <c:pt idx="403">
                  <c:v>0.65335054663735348</c:v>
                </c:pt>
                <c:pt idx="404">
                  <c:v>0.65335054663735348</c:v>
                </c:pt>
                <c:pt idx="405">
                  <c:v>0.65335054663735348</c:v>
                </c:pt>
                <c:pt idx="406">
                  <c:v>0.65335054663735348</c:v>
                </c:pt>
                <c:pt idx="407">
                  <c:v>0.65335054663735348</c:v>
                </c:pt>
                <c:pt idx="408">
                  <c:v>0.64517033007680369</c:v>
                </c:pt>
                <c:pt idx="409">
                  <c:v>0.64517033007680369</c:v>
                </c:pt>
                <c:pt idx="410">
                  <c:v>0.64517033007680369</c:v>
                </c:pt>
                <c:pt idx="411">
                  <c:v>0.64517033007680369</c:v>
                </c:pt>
                <c:pt idx="412">
                  <c:v>0.64517033007680369</c:v>
                </c:pt>
                <c:pt idx="413">
                  <c:v>0.64517033007680369</c:v>
                </c:pt>
                <c:pt idx="414">
                  <c:v>0.64517033007680369</c:v>
                </c:pt>
                <c:pt idx="415">
                  <c:v>2.637378106889722</c:v>
                </c:pt>
                <c:pt idx="416">
                  <c:v>2.9427587297927422</c:v>
                </c:pt>
                <c:pt idx="417">
                  <c:v>3.2481393526957629</c:v>
                </c:pt>
                <c:pt idx="418">
                  <c:v>3.2481393526957629</c:v>
                </c:pt>
                <c:pt idx="419">
                  <c:v>3.8866624733111692</c:v>
                </c:pt>
                <c:pt idx="420">
                  <c:v>3.8866624733111692</c:v>
                </c:pt>
                <c:pt idx="421">
                  <c:v>2.5818543572709909</c:v>
                </c:pt>
                <c:pt idx="422">
                  <c:v>3.8866624733111692</c:v>
                </c:pt>
                <c:pt idx="423">
                  <c:v>3.8866624733111692</c:v>
                </c:pt>
                <c:pt idx="424">
                  <c:v>2.2903546717726533</c:v>
                </c:pt>
                <c:pt idx="425">
                  <c:v>0.9775308031466724</c:v>
                </c:pt>
                <c:pt idx="426">
                  <c:v>0.64517033007680369</c:v>
                </c:pt>
                <c:pt idx="427">
                  <c:v>0.64517033007680369</c:v>
                </c:pt>
                <c:pt idx="428">
                  <c:v>0.64517033007680369</c:v>
                </c:pt>
                <c:pt idx="429">
                  <c:v>0.64517033007680369</c:v>
                </c:pt>
                <c:pt idx="430">
                  <c:v>0.64517033007680369</c:v>
                </c:pt>
                <c:pt idx="431">
                  <c:v>0.64517033007680369</c:v>
                </c:pt>
                <c:pt idx="432">
                  <c:v>0.64920172055217851</c:v>
                </c:pt>
                <c:pt idx="433">
                  <c:v>0.64920172055217851</c:v>
                </c:pt>
                <c:pt idx="434">
                  <c:v>0.64920172055217851</c:v>
                </c:pt>
                <c:pt idx="435">
                  <c:v>0.64920172055217851</c:v>
                </c:pt>
                <c:pt idx="436">
                  <c:v>0.64920172055217851</c:v>
                </c:pt>
                <c:pt idx="437">
                  <c:v>0.64920172055217851</c:v>
                </c:pt>
                <c:pt idx="438">
                  <c:v>0.64920172055217851</c:v>
                </c:pt>
                <c:pt idx="439">
                  <c:v>2.6538579424996627</c:v>
                </c:pt>
                <c:pt idx="440">
                  <c:v>2.9611467568943608</c:v>
                </c:pt>
                <c:pt idx="441">
                  <c:v>3.2684355712890585</c:v>
                </c:pt>
                <c:pt idx="442">
                  <c:v>3.2684355712890585</c:v>
                </c:pt>
                <c:pt idx="443">
                  <c:v>3.9109485468416074</c:v>
                </c:pt>
                <c:pt idx="444">
                  <c:v>3.9109485468416074</c:v>
                </c:pt>
                <c:pt idx="445">
                  <c:v>2.5979872489733538</c:v>
                </c:pt>
                <c:pt idx="446">
                  <c:v>3.9109485468416074</c:v>
                </c:pt>
                <c:pt idx="447">
                  <c:v>3.9109485468416074</c:v>
                </c:pt>
                <c:pt idx="448">
                  <c:v>2.3046661079602333</c:v>
                </c:pt>
                <c:pt idx="449">
                  <c:v>0.98363897053360372</c:v>
                </c:pt>
                <c:pt idx="450">
                  <c:v>0.64920172055217851</c:v>
                </c:pt>
                <c:pt idx="451">
                  <c:v>0.64920172055217851</c:v>
                </c:pt>
                <c:pt idx="452">
                  <c:v>0.64920172055217851</c:v>
                </c:pt>
                <c:pt idx="453">
                  <c:v>0.64920172055217851</c:v>
                </c:pt>
                <c:pt idx="454">
                  <c:v>0.64920172055217851</c:v>
                </c:pt>
                <c:pt idx="455">
                  <c:v>0.64920172055217851</c:v>
                </c:pt>
                <c:pt idx="456">
                  <c:v>1.0278528794121333</c:v>
                </c:pt>
                <c:pt idx="457">
                  <c:v>0.62294113903765658</c:v>
                </c:pt>
                <c:pt idx="458">
                  <c:v>0.62294113903765658</c:v>
                </c:pt>
                <c:pt idx="459">
                  <c:v>0.62294113903765658</c:v>
                </c:pt>
                <c:pt idx="460">
                  <c:v>0.62294113903765658</c:v>
                </c:pt>
                <c:pt idx="461">
                  <c:v>0.62294113903765658</c:v>
                </c:pt>
                <c:pt idx="462">
                  <c:v>0.62294113903765658</c:v>
                </c:pt>
                <c:pt idx="463">
                  <c:v>2.6537292523004172</c:v>
                </c:pt>
                <c:pt idx="464">
                  <c:v>3.3171615653755211</c:v>
                </c:pt>
                <c:pt idx="465">
                  <c:v>3.6488777219130726</c:v>
                </c:pt>
                <c:pt idx="466">
                  <c:v>3.6488777219130726</c:v>
                </c:pt>
                <c:pt idx="467">
                  <c:v>4.3123100349881769</c:v>
                </c:pt>
                <c:pt idx="468">
                  <c:v>4.3123100349881769</c:v>
                </c:pt>
                <c:pt idx="469">
                  <c:v>2.9854454088379692</c:v>
                </c:pt>
                <c:pt idx="470">
                  <c:v>4.3123100349881769</c:v>
                </c:pt>
                <c:pt idx="471">
                  <c:v>3.3171615653755211</c:v>
                </c:pt>
                <c:pt idx="472">
                  <c:v>1.5573528475941416</c:v>
                </c:pt>
                <c:pt idx="473">
                  <c:v>1.0278528794121333</c:v>
                </c:pt>
                <c:pt idx="474">
                  <c:v>0.65408819598953938</c:v>
                </c:pt>
                <c:pt idx="475">
                  <c:v>0.62294113903765658</c:v>
                </c:pt>
                <c:pt idx="476">
                  <c:v>0.62294113903765658</c:v>
                </c:pt>
                <c:pt idx="477">
                  <c:v>0.62294113903765658</c:v>
                </c:pt>
                <c:pt idx="478">
                  <c:v>0.62294113903765658</c:v>
                </c:pt>
                <c:pt idx="479">
                  <c:v>0.62294113903765658</c:v>
                </c:pt>
                <c:pt idx="480">
                  <c:v>0.51454193247422586</c:v>
                </c:pt>
                <c:pt idx="481">
                  <c:v>0.4630877392268033</c:v>
                </c:pt>
                <c:pt idx="482">
                  <c:v>0.4630877392268033</c:v>
                </c:pt>
                <c:pt idx="483">
                  <c:v>0.4630877392268033</c:v>
                </c:pt>
                <c:pt idx="484">
                  <c:v>0.4630877392268033</c:v>
                </c:pt>
                <c:pt idx="485">
                  <c:v>0.4630877392268033</c:v>
                </c:pt>
                <c:pt idx="486">
                  <c:v>0.4630877392268033</c:v>
                </c:pt>
                <c:pt idx="487">
                  <c:v>0.4630877392268033</c:v>
                </c:pt>
                <c:pt idx="488">
                  <c:v>0.4630877392268033</c:v>
                </c:pt>
                <c:pt idx="489">
                  <c:v>0.4630877392268033</c:v>
                </c:pt>
                <c:pt idx="490">
                  <c:v>0.4630877392268033</c:v>
                </c:pt>
                <c:pt idx="491">
                  <c:v>0.4630877392268033</c:v>
                </c:pt>
                <c:pt idx="492">
                  <c:v>0.4630877392268033</c:v>
                </c:pt>
                <c:pt idx="493">
                  <c:v>0.4630877392268033</c:v>
                </c:pt>
                <c:pt idx="494">
                  <c:v>0.4630877392268033</c:v>
                </c:pt>
                <c:pt idx="495">
                  <c:v>0.4630877392268033</c:v>
                </c:pt>
                <c:pt idx="496">
                  <c:v>0.4630877392268033</c:v>
                </c:pt>
                <c:pt idx="497">
                  <c:v>0.4630877392268033</c:v>
                </c:pt>
                <c:pt idx="498">
                  <c:v>0.4630877392268033</c:v>
                </c:pt>
                <c:pt idx="499">
                  <c:v>0.4630877392268033</c:v>
                </c:pt>
                <c:pt idx="500">
                  <c:v>0.4630877392268033</c:v>
                </c:pt>
                <c:pt idx="501">
                  <c:v>0.4630877392268033</c:v>
                </c:pt>
                <c:pt idx="502">
                  <c:v>0.4630877392268033</c:v>
                </c:pt>
                <c:pt idx="503">
                  <c:v>0.4630877392268033</c:v>
                </c:pt>
                <c:pt idx="504">
                  <c:v>0.46523166394544591</c:v>
                </c:pt>
                <c:pt idx="505">
                  <c:v>0.46523166394544591</c:v>
                </c:pt>
                <c:pt idx="506">
                  <c:v>0.46523166394544591</c:v>
                </c:pt>
                <c:pt idx="507">
                  <c:v>0.46523166394544591</c:v>
                </c:pt>
                <c:pt idx="508">
                  <c:v>0.46523166394544591</c:v>
                </c:pt>
                <c:pt idx="509">
                  <c:v>0.46523166394544591</c:v>
                </c:pt>
                <c:pt idx="510">
                  <c:v>0.46523166394544591</c:v>
                </c:pt>
                <c:pt idx="511">
                  <c:v>0.46523166394544591</c:v>
                </c:pt>
                <c:pt idx="512">
                  <c:v>0.46523166394544591</c:v>
                </c:pt>
                <c:pt idx="513">
                  <c:v>0.46523166394544591</c:v>
                </c:pt>
                <c:pt idx="514">
                  <c:v>0.46523166394544591</c:v>
                </c:pt>
                <c:pt idx="515">
                  <c:v>0.46523166394544591</c:v>
                </c:pt>
                <c:pt idx="516">
                  <c:v>0.46523166394544591</c:v>
                </c:pt>
                <c:pt idx="517">
                  <c:v>0.46523166394544591</c:v>
                </c:pt>
                <c:pt idx="518">
                  <c:v>0.46523166394544591</c:v>
                </c:pt>
                <c:pt idx="519">
                  <c:v>0.46523166394544591</c:v>
                </c:pt>
                <c:pt idx="520">
                  <c:v>0.46523166394544591</c:v>
                </c:pt>
                <c:pt idx="521">
                  <c:v>0.46523166394544591</c:v>
                </c:pt>
                <c:pt idx="522">
                  <c:v>0.46523166394544591</c:v>
                </c:pt>
                <c:pt idx="523">
                  <c:v>0.46523166394544591</c:v>
                </c:pt>
                <c:pt idx="524">
                  <c:v>0.46523166394544591</c:v>
                </c:pt>
                <c:pt idx="525">
                  <c:v>0.46523166394544591</c:v>
                </c:pt>
                <c:pt idx="526">
                  <c:v>0.46523166394544591</c:v>
                </c:pt>
                <c:pt idx="527">
                  <c:v>0.46523166394544591</c:v>
                </c:pt>
                <c:pt idx="528">
                  <c:v>0.63307561874358498</c:v>
                </c:pt>
                <c:pt idx="529">
                  <c:v>0.63307561874358498</c:v>
                </c:pt>
                <c:pt idx="530">
                  <c:v>0.63307561874358498</c:v>
                </c:pt>
                <c:pt idx="531">
                  <c:v>0.63307561874358498</c:v>
                </c:pt>
                <c:pt idx="532">
                  <c:v>0.63307561874358498</c:v>
                </c:pt>
                <c:pt idx="533">
                  <c:v>0.63307561874358498</c:v>
                </c:pt>
                <c:pt idx="534">
                  <c:v>0.63307561874358498</c:v>
                </c:pt>
                <c:pt idx="535">
                  <c:v>2.6969021358476724</c:v>
                </c:pt>
                <c:pt idx="536">
                  <c:v>3.0340149028286314</c:v>
                </c:pt>
                <c:pt idx="537">
                  <c:v>3.3711276698095909</c:v>
                </c:pt>
                <c:pt idx="538">
                  <c:v>3.3711276698095909</c:v>
                </c:pt>
                <c:pt idx="539">
                  <c:v>4.0453532037715085</c:v>
                </c:pt>
                <c:pt idx="540">
                  <c:v>4.0453532037715085</c:v>
                </c:pt>
                <c:pt idx="541">
                  <c:v>2.6969021358476724</c:v>
                </c:pt>
                <c:pt idx="542">
                  <c:v>4.0453532037715085</c:v>
                </c:pt>
                <c:pt idx="543">
                  <c:v>4.0453532037715085</c:v>
                </c:pt>
                <c:pt idx="544">
                  <c:v>2.3597893688667129</c:v>
                </c:pt>
                <c:pt idx="545">
                  <c:v>0.67422553396191809</c:v>
                </c:pt>
                <c:pt idx="546">
                  <c:v>0.66472939968076428</c:v>
                </c:pt>
                <c:pt idx="547">
                  <c:v>0.66472939968076428</c:v>
                </c:pt>
                <c:pt idx="548">
                  <c:v>0.66472939968076428</c:v>
                </c:pt>
                <c:pt idx="549">
                  <c:v>0.66472939968076428</c:v>
                </c:pt>
                <c:pt idx="550">
                  <c:v>0.66472939968076428</c:v>
                </c:pt>
                <c:pt idx="551">
                  <c:v>0.66472939968076428</c:v>
                </c:pt>
                <c:pt idx="552">
                  <c:v>0.41950556796309235</c:v>
                </c:pt>
                <c:pt idx="553">
                  <c:v>0.63924657975328369</c:v>
                </c:pt>
                <c:pt idx="554">
                  <c:v>0.63924657975328369</c:v>
                </c:pt>
                <c:pt idx="555">
                  <c:v>0.63924657975328369</c:v>
                </c:pt>
                <c:pt idx="556">
                  <c:v>0.63924657975328369</c:v>
                </c:pt>
                <c:pt idx="557">
                  <c:v>0.63924657975328369</c:v>
                </c:pt>
                <c:pt idx="558">
                  <c:v>0.63924657975328369</c:v>
                </c:pt>
                <c:pt idx="559">
                  <c:v>2.6948238627724361</c:v>
                </c:pt>
                <c:pt idx="560">
                  <c:v>3.0068560995145082</c:v>
                </c:pt>
                <c:pt idx="561">
                  <c:v>3.3188883362565798</c:v>
                </c:pt>
                <c:pt idx="562">
                  <c:v>3.3188883362565798</c:v>
                </c:pt>
                <c:pt idx="563">
                  <c:v>3.9713193767172745</c:v>
                </c:pt>
                <c:pt idx="564">
                  <c:v>3.9713193767172745</c:v>
                </c:pt>
                <c:pt idx="565">
                  <c:v>2.638090728819332</c:v>
                </c:pt>
                <c:pt idx="566">
                  <c:v>3.9713193767172745</c:v>
                </c:pt>
                <c:pt idx="567">
                  <c:v>3.9713193767172745</c:v>
                </c:pt>
                <c:pt idx="568">
                  <c:v>2.3402417755655369</c:v>
                </c:pt>
                <c:pt idx="569">
                  <c:v>0.99882278086450571</c:v>
                </c:pt>
                <c:pt idx="570">
                  <c:v>0.6592230353705737</c:v>
                </c:pt>
                <c:pt idx="571">
                  <c:v>0.6592230353705737</c:v>
                </c:pt>
                <c:pt idx="572">
                  <c:v>0.6592230353705737</c:v>
                </c:pt>
                <c:pt idx="573">
                  <c:v>0.6592230353705737</c:v>
                </c:pt>
                <c:pt idx="574">
                  <c:v>0.6592230353705737</c:v>
                </c:pt>
                <c:pt idx="575">
                  <c:v>0.6592230353705737</c:v>
                </c:pt>
                <c:pt idx="576">
                  <c:v>0.65592070467780306</c:v>
                </c:pt>
                <c:pt idx="577">
                  <c:v>0.65592070467780306</c:v>
                </c:pt>
                <c:pt idx="578">
                  <c:v>0.65592070467780306</c:v>
                </c:pt>
                <c:pt idx="579">
                  <c:v>0.65592070467780306</c:v>
                </c:pt>
                <c:pt idx="580">
                  <c:v>0.65592070467780306</c:v>
                </c:pt>
                <c:pt idx="581">
                  <c:v>0.65592070467780306</c:v>
                </c:pt>
                <c:pt idx="582">
                  <c:v>0.65592070467780306</c:v>
                </c:pt>
                <c:pt idx="583">
                  <c:v>2.6813243351828979</c:v>
                </c:pt>
                <c:pt idx="584">
                  <c:v>2.9917934687303913</c:v>
                </c:pt>
                <c:pt idx="585">
                  <c:v>3.3022626022778852</c:v>
                </c:pt>
                <c:pt idx="586">
                  <c:v>3.3022626022778852</c:v>
                </c:pt>
                <c:pt idx="587">
                  <c:v>3.9514253360590081</c:v>
                </c:pt>
                <c:pt idx="588">
                  <c:v>3.9514253360590081</c:v>
                </c:pt>
                <c:pt idx="589">
                  <c:v>2.6248754018106268</c:v>
                </c:pt>
                <c:pt idx="590">
                  <c:v>3.9514253360590081</c:v>
                </c:pt>
                <c:pt idx="591">
                  <c:v>3.9514253360590081</c:v>
                </c:pt>
                <c:pt idx="592">
                  <c:v>2.3285185016062009</c:v>
                </c:pt>
                <c:pt idx="593">
                  <c:v>0.99381924951182299</c:v>
                </c:pt>
                <c:pt idx="594">
                  <c:v>0.65592070467780306</c:v>
                </c:pt>
                <c:pt idx="595">
                  <c:v>0.65592070467780306</c:v>
                </c:pt>
                <c:pt idx="596">
                  <c:v>0.65592070467780306</c:v>
                </c:pt>
                <c:pt idx="597">
                  <c:v>0.65592070467780306</c:v>
                </c:pt>
                <c:pt idx="598">
                  <c:v>0.65592070467780306</c:v>
                </c:pt>
                <c:pt idx="599">
                  <c:v>0.65592070467780306</c:v>
                </c:pt>
                <c:pt idx="600">
                  <c:v>0.66948993279543179</c:v>
                </c:pt>
                <c:pt idx="601">
                  <c:v>0.66948993279543179</c:v>
                </c:pt>
                <c:pt idx="602">
                  <c:v>0.66948993279543179</c:v>
                </c:pt>
                <c:pt idx="603">
                  <c:v>0.66948993279543179</c:v>
                </c:pt>
                <c:pt idx="604">
                  <c:v>0.66948993279543179</c:v>
                </c:pt>
                <c:pt idx="605">
                  <c:v>0.66948993279543179</c:v>
                </c:pt>
                <c:pt idx="606">
                  <c:v>0.66948993279543179</c:v>
                </c:pt>
                <c:pt idx="607">
                  <c:v>2.7367936949728406</c:v>
                </c:pt>
                <c:pt idx="608">
                  <c:v>3.0536855964960119</c:v>
                </c:pt>
                <c:pt idx="609">
                  <c:v>3.3705774980191836</c:v>
                </c:pt>
                <c:pt idx="610">
                  <c:v>3.3705774980191836</c:v>
                </c:pt>
                <c:pt idx="611">
                  <c:v>4.0331696557494494</c:v>
                </c:pt>
                <c:pt idx="612">
                  <c:v>4.0331696557494494</c:v>
                </c:pt>
                <c:pt idx="613">
                  <c:v>2.6791769856049914</c:v>
                </c:pt>
                <c:pt idx="614">
                  <c:v>4.0331696557494494</c:v>
                </c:pt>
                <c:pt idx="615">
                  <c:v>4.0331696557494494</c:v>
                </c:pt>
                <c:pt idx="616">
                  <c:v>2.3766892614237829</c:v>
                </c:pt>
                <c:pt idx="617">
                  <c:v>1.0143786860536848</c:v>
                </c:pt>
                <c:pt idx="618">
                  <c:v>0.66948993279543179</c:v>
                </c:pt>
                <c:pt idx="619">
                  <c:v>0.66948993279543179</c:v>
                </c:pt>
                <c:pt idx="620">
                  <c:v>0.66948993279543179</c:v>
                </c:pt>
                <c:pt idx="621">
                  <c:v>0.66948993279543179</c:v>
                </c:pt>
                <c:pt idx="622">
                  <c:v>0.66948993279543179</c:v>
                </c:pt>
                <c:pt idx="623">
                  <c:v>0.66948993279543179</c:v>
                </c:pt>
                <c:pt idx="624">
                  <c:v>1.0412646125133287</c:v>
                </c:pt>
                <c:pt idx="625">
                  <c:v>0.63106946212929016</c:v>
                </c:pt>
                <c:pt idx="626">
                  <c:v>0.63106946212929016</c:v>
                </c:pt>
                <c:pt idx="627">
                  <c:v>0.63106946212929016</c:v>
                </c:pt>
                <c:pt idx="628">
                  <c:v>0.63106946212929016</c:v>
                </c:pt>
                <c:pt idx="629">
                  <c:v>0.63106946212929016</c:v>
                </c:pt>
                <c:pt idx="630">
                  <c:v>0.63106946212929016</c:v>
                </c:pt>
                <c:pt idx="631">
                  <c:v>2.6883559086707756</c:v>
                </c:pt>
                <c:pt idx="632">
                  <c:v>3.3604448858384695</c:v>
                </c:pt>
                <c:pt idx="633">
                  <c:v>3.696489374422316</c:v>
                </c:pt>
                <c:pt idx="634">
                  <c:v>3.696489374422316</c:v>
                </c:pt>
                <c:pt idx="635">
                  <c:v>4.3685783515900107</c:v>
                </c:pt>
                <c:pt idx="636">
                  <c:v>4.3685783515900107</c:v>
                </c:pt>
                <c:pt idx="637">
                  <c:v>3.0244003972546225</c:v>
                </c:pt>
                <c:pt idx="638">
                  <c:v>4.3685783515900107</c:v>
                </c:pt>
                <c:pt idx="639">
                  <c:v>3.3604448858384695</c:v>
                </c:pt>
                <c:pt idx="640">
                  <c:v>1.5776736553232253</c:v>
                </c:pt>
                <c:pt idx="641">
                  <c:v>1.0412646125133287</c:v>
                </c:pt>
                <c:pt idx="642">
                  <c:v>0.66262293523575455</c:v>
                </c:pt>
                <c:pt idx="643">
                  <c:v>0.63106946212929016</c:v>
                </c:pt>
                <c:pt idx="644">
                  <c:v>0.63106946212929016</c:v>
                </c:pt>
                <c:pt idx="645">
                  <c:v>0.63106946212929016</c:v>
                </c:pt>
                <c:pt idx="646">
                  <c:v>0.63106946212929016</c:v>
                </c:pt>
                <c:pt idx="647">
                  <c:v>0.63106946212929016</c:v>
                </c:pt>
                <c:pt idx="648">
                  <c:v>0.53027033721768713</c:v>
                </c:pt>
                <c:pt idx="649">
                  <c:v>0.47724330349591837</c:v>
                </c:pt>
                <c:pt idx="650">
                  <c:v>0.47724330349591837</c:v>
                </c:pt>
                <c:pt idx="651">
                  <c:v>0.47724330349591837</c:v>
                </c:pt>
                <c:pt idx="652">
                  <c:v>0.47724330349591837</c:v>
                </c:pt>
                <c:pt idx="653">
                  <c:v>0.47724330349591837</c:v>
                </c:pt>
                <c:pt idx="654">
                  <c:v>0.47724330349591837</c:v>
                </c:pt>
                <c:pt idx="655">
                  <c:v>0.47724330349591837</c:v>
                </c:pt>
                <c:pt idx="656">
                  <c:v>0.47724330349591837</c:v>
                </c:pt>
                <c:pt idx="657">
                  <c:v>0.47724330349591837</c:v>
                </c:pt>
                <c:pt idx="658">
                  <c:v>0.47724330349591837</c:v>
                </c:pt>
                <c:pt idx="659">
                  <c:v>0.47724330349591837</c:v>
                </c:pt>
                <c:pt idx="660">
                  <c:v>0.47724330349591837</c:v>
                </c:pt>
                <c:pt idx="661">
                  <c:v>0.47724330349591837</c:v>
                </c:pt>
                <c:pt idx="662">
                  <c:v>0.47724330349591837</c:v>
                </c:pt>
                <c:pt idx="663">
                  <c:v>0.47724330349591837</c:v>
                </c:pt>
                <c:pt idx="664">
                  <c:v>0.47724330349591837</c:v>
                </c:pt>
                <c:pt idx="665">
                  <c:v>0.47724330349591837</c:v>
                </c:pt>
                <c:pt idx="666">
                  <c:v>0.47724330349591837</c:v>
                </c:pt>
                <c:pt idx="667">
                  <c:v>0.47724330349591837</c:v>
                </c:pt>
                <c:pt idx="668">
                  <c:v>0.47724330349591837</c:v>
                </c:pt>
                <c:pt idx="669">
                  <c:v>0.47724330349591837</c:v>
                </c:pt>
                <c:pt idx="670">
                  <c:v>0.47724330349591837</c:v>
                </c:pt>
                <c:pt idx="671">
                  <c:v>0.47724330349591837</c:v>
                </c:pt>
                <c:pt idx="672">
                  <c:v>0.48893349609357861</c:v>
                </c:pt>
                <c:pt idx="673">
                  <c:v>0.48893349609357861</c:v>
                </c:pt>
                <c:pt idx="674">
                  <c:v>0.48893349609357861</c:v>
                </c:pt>
                <c:pt idx="675">
                  <c:v>0.48893349609357861</c:v>
                </c:pt>
                <c:pt idx="676">
                  <c:v>0.48893349609357861</c:v>
                </c:pt>
                <c:pt idx="677">
                  <c:v>0.48893349609357861</c:v>
                </c:pt>
                <c:pt idx="678">
                  <c:v>0.48893349609357861</c:v>
                </c:pt>
                <c:pt idx="679">
                  <c:v>0.48893349609357861</c:v>
                </c:pt>
                <c:pt idx="680">
                  <c:v>0.48893349609357861</c:v>
                </c:pt>
                <c:pt idx="681">
                  <c:v>0.48893349609357861</c:v>
                </c:pt>
                <c:pt idx="682">
                  <c:v>0.48893349609357861</c:v>
                </c:pt>
                <c:pt idx="683">
                  <c:v>0.48893349609357861</c:v>
                </c:pt>
                <c:pt idx="684">
                  <c:v>0.48893349609357861</c:v>
                </c:pt>
                <c:pt idx="685">
                  <c:v>0.48893349609357861</c:v>
                </c:pt>
                <c:pt idx="686">
                  <c:v>0.48893349609357861</c:v>
                </c:pt>
                <c:pt idx="687">
                  <c:v>0.48893349609357861</c:v>
                </c:pt>
                <c:pt idx="688">
                  <c:v>0.48893349609357861</c:v>
                </c:pt>
                <c:pt idx="689">
                  <c:v>0.48893349609357861</c:v>
                </c:pt>
                <c:pt idx="690">
                  <c:v>0.48893349609357861</c:v>
                </c:pt>
                <c:pt idx="691">
                  <c:v>0.48893349609357861</c:v>
                </c:pt>
                <c:pt idx="692">
                  <c:v>0.48893349609357861</c:v>
                </c:pt>
                <c:pt idx="693">
                  <c:v>0.48893349609357861</c:v>
                </c:pt>
                <c:pt idx="694">
                  <c:v>0.48893349609357861</c:v>
                </c:pt>
                <c:pt idx="695">
                  <c:v>0.48893349609357861</c:v>
                </c:pt>
                <c:pt idx="696">
                  <c:v>0.63026920444832257</c:v>
                </c:pt>
                <c:pt idx="697">
                  <c:v>0.63026920444832257</c:v>
                </c:pt>
                <c:pt idx="698">
                  <c:v>0.63026920444832257</c:v>
                </c:pt>
                <c:pt idx="699">
                  <c:v>0.63026920444832257</c:v>
                </c:pt>
                <c:pt idx="700">
                  <c:v>0.63026920444832257</c:v>
                </c:pt>
                <c:pt idx="701">
                  <c:v>0.63026920444832257</c:v>
                </c:pt>
                <c:pt idx="702">
                  <c:v>0.63026920444832257</c:v>
                </c:pt>
                <c:pt idx="703">
                  <c:v>2.6849468109498544</c:v>
                </c:pt>
                <c:pt idx="704">
                  <c:v>3.0205651623185861</c:v>
                </c:pt>
                <c:pt idx="705">
                  <c:v>3.3561835136873182</c:v>
                </c:pt>
                <c:pt idx="706">
                  <c:v>3.3561835136873182</c:v>
                </c:pt>
                <c:pt idx="707">
                  <c:v>4.0274202164247805</c:v>
                </c:pt>
                <c:pt idx="708">
                  <c:v>4.0274202164247805</c:v>
                </c:pt>
                <c:pt idx="709">
                  <c:v>2.6849468109498544</c:v>
                </c:pt>
                <c:pt idx="710">
                  <c:v>4.0274202164247805</c:v>
                </c:pt>
                <c:pt idx="711">
                  <c:v>4.0274202164247805</c:v>
                </c:pt>
                <c:pt idx="712">
                  <c:v>2.3493284595811219</c:v>
                </c:pt>
                <c:pt idx="713">
                  <c:v>0.67123670273746361</c:v>
                </c:pt>
                <c:pt idx="714">
                  <c:v>0.66178266467073865</c:v>
                </c:pt>
                <c:pt idx="715">
                  <c:v>0.66178266467073865</c:v>
                </c:pt>
                <c:pt idx="716">
                  <c:v>0.66178266467073865</c:v>
                </c:pt>
                <c:pt idx="717">
                  <c:v>0.66178266467073865</c:v>
                </c:pt>
                <c:pt idx="718">
                  <c:v>0.66178266467073865</c:v>
                </c:pt>
                <c:pt idx="719">
                  <c:v>0.66178266467073865</c:v>
                </c:pt>
                <c:pt idx="720">
                  <c:v>0.41490613622798284</c:v>
                </c:pt>
                <c:pt idx="721">
                  <c:v>0.63223792187121197</c:v>
                </c:pt>
                <c:pt idx="722">
                  <c:v>0.63223792187121197</c:v>
                </c:pt>
                <c:pt idx="723">
                  <c:v>0.63223792187121197</c:v>
                </c:pt>
                <c:pt idx="724">
                  <c:v>0.63223792187121197</c:v>
                </c:pt>
                <c:pt idx="725">
                  <c:v>0.63223792187121197</c:v>
                </c:pt>
                <c:pt idx="726">
                  <c:v>0.63223792187121197</c:v>
                </c:pt>
                <c:pt idx="727">
                  <c:v>2.6652779893883274</c:v>
                </c:pt>
                <c:pt idx="728">
                  <c:v>2.9738891250017132</c:v>
                </c:pt>
                <c:pt idx="729">
                  <c:v>3.2825002606150986</c:v>
                </c:pt>
                <c:pt idx="730">
                  <c:v>3.2825002606150986</c:v>
                </c:pt>
                <c:pt idx="731">
                  <c:v>3.9277780896249044</c:v>
                </c:pt>
                <c:pt idx="732">
                  <c:v>3.9277780896249044</c:v>
                </c:pt>
                <c:pt idx="733">
                  <c:v>2.6091668738222582</c:v>
                </c:pt>
                <c:pt idx="734">
                  <c:v>3.9277780896249044</c:v>
                </c:pt>
                <c:pt idx="735">
                  <c:v>3.9277780896249044</c:v>
                </c:pt>
                <c:pt idx="736">
                  <c:v>2.3145835171003899</c:v>
                </c:pt>
                <c:pt idx="737">
                  <c:v>0.98787175292376872</c:v>
                </c:pt>
                <c:pt idx="738">
                  <c:v>0.65199535692968735</c:v>
                </c:pt>
                <c:pt idx="739">
                  <c:v>0.65199535692968735</c:v>
                </c:pt>
                <c:pt idx="740">
                  <c:v>0.65199535692968735</c:v>
                </c:pt>
                <c:pt idx="741">
                  <c:v>0.65199535692968735</c:v>
                </c:pt>
                <c:pt idx="742">
                  <c:v>0.65199535692968735</c:v>
                </c:pt>
                <c:pt idx="743">
                  <c:v>0.65199535692968735</c:v>
                </c:pt>
                <c:pt idx="744">
                  <c:v>0.64248273642655385</c:v>
                </c:pt>
                <c:pt idx="745">
                  <c:v>0.64248273642655385</c:v>
                </c:pt>
                <c:pt idx="746">
                  <c:v>0.64248273642655385</c:v>
                </c:pt>
                <c:pt idx="747">
                  <c:v>0.64248273642655385</c:v>
                </c:pt>
                <c:pt idx="748">
                  <c:v>0.64248273642655385</c:v>
                </c:pt>
                <c:pt idx="749">
                  <c:v>0.64248273642655385</c:v>
                </c:pt>
                <c:pt idx="750">
                  <c:v>0.64248273642655385</c:v>
                </c:pt>
                <c:pt idx="751">
                  <c:v>2.6263915498164274</c:v>
                </c:pt>
                <c:pt idx="752">
                  <c:v>2.9305000450583298</c:v>
                </c:pt>
                <c:pt idx="753">
                  <c:v>3.2346085403002323</c:v>
                </c:pt>
                <c:pt idx="754">
                  <c:v>3.2346085403002323</c:v>
                </c:pt>
                <c:pt idx="755">
                  <c:v>3.8704717576242085</c:v>
                </c:pt>
                <c:pt idx="756">
                  <c:v>3.8704717576242085</c:v>
                </c:pt>
                <c:pt idx="757">
                  <c:v>2.5710990961360816</c:v>
                </c:pt>
                <c:pt idx="758">
                  <c:v>3.8704717576242085</c:v>
                </c:pt>
                <c:pt idx="759">
                  <c:v>3.8704717576242085</c:v>
                </c:pt>
                <c:pt idx="760">
                  <c:v>2.2808137143142662</c:v>
                </c:pt>
                <c:pt idx="761">
                  <c:v>0.97345869155538467</c:v>
                </c:pt>
                <c:pt idx="762">
                  <c:v>0.64248273642655385</c:v>
                </c:pt>
                <c:pt idx="763">
                  <c:v>0.64248273642655385</c:v>
                </c:pt>
                <c:pt idx="764">
                  <c:v>0.64248273642655385</c:v>
                </c:pt>
                <c:pt idx="765">
                  <c:v>0.64248273642655385</c:v>
                </c:pt>
                <c:pt idx="766">
                  <c:v>0.64248273642655385</c:v>
                </c:pt>
                <c:pt idx="767">
                  <c:v>0.64248273642655385</c:v>
                </c:pt>
                <c:pt idx="768">
                  <c:v>0.65188931420242824</c:v>
                </c:pt>
                <c:pt idx="769">
                  <c:v>0.65188931420242824</c:v>
                </c:pt>
                <c:pt idx="770">
                  <c:v>0.65188931420242824</c:v>
                </c:pt>
                <c:pt idx="771">
                  <c:v>0.65188931420242824</c:v>
                </c:pt>
                <c:pt idx="772">
                  <c:v>0.65188931420242824</c:v>
                </c:pt>
                <c:pt idx="773">
                  <c:v>0.65188931420242824</c:v>
                </c:pt>
                <c:pt idx="774">
                  <c:v>0.65188931420242824</c:v>
                </c:pt>
                <c:pt idx="775">
                  <c:v>2.6648444995729563</c:v>
                </c:pt>
                <c:pt idx="776">
                  <c:v>2.9734054416287727</c:v>
                </c:pt>
                <c:pt idx="777">
                  <c:v>3.2819663836845896</c:v>
                </c:pt>
                <c:pt idx="778">
                  <c:v>3.2819663836845896</c:v>
                </c:pt>
                <c:pt idx="779">
                  <c:v>3.9271392625285682</c:v>
                </c:pt>
                <c:pt idx="780">
                  <c:v>3.9271392625285682</c:v>
                </c:pt>
                <c:pt idx="781">
                  <c:v>2.6087425101082635</c:v>
                </c:pt>
                <c:pt idx="782">
                  <c:v>3.9271392625285682</c:v>
                </c:pt>
                <c:pt idx="783">
                  <c:v>3.9271392625285682</c:v>
                </c:pt>
                <c:pt idx="784">
                  <c:v>2.3142070654186204</c:v>
                </c:pt>
                <c:pt idx="785">
                  <c:v>0.98771108212489145</c:v>
                </c:pt>
                <c:pt idx="786">
                  <c:v>0.65188931420242824</c:v>
                </c:pt>
                <c:pt idx="787">
                  <c:v>0.65188931420242824</c:v>
                </c:pt>
                <c:pt idx="788">
                  <c:v>0.65188931420242824</c:v>
                </c:pt>
                <c:pt idx="789">
                  <c:v>0.65188931420242824</c:v>
                </c:pt>
                <c:pt idx="790">
                  <c:v>0.65188931420242824</c:v>
                </c:pt>
                <c:pt idx="791">
                  <c:v>0.65188931420242824</c:v>
                </c:pt>
                <c:pt idx="792">
                  <c:v>0.98757677588175474</c:v>
                </c:pt>
                <c:pt idx="793">
                  <c:v>0.59853137932227563</c:v>
                </c:pt>
                <c:pt idx="794">
                  <c:v>0.59853137932227563</c:v>
                </c:pt>
                <c:pt idx="795">
                  <c:v>0.59853137932227563</c:v>
                </c:pt>
                <c:pt idx="796">
                  <c:v>0.59853137932227563</c:v>
                </c:pt>
                <c:pt idx="797">
                  <c:v>0.59853137932227563</c:v>
                </c:pt>
                <c:pt idx="798">
                  <c:v>0.59853137932227563</c:v>
                </c:pt>
                <c:pt idx="799">
                  <c:v>2.5497436759128944</c:v>
                </c:pt>
                <c:pt idx="800">
                  <c:v>3.1871795948911177</c:v>
                </c:pt>
                <c:pt idx="801">
                  <c:v>3.5058975543802293</c:v>
                </c:pt>
                <c:pt idx="802">
                  <c:v>3.5058975543802293</c:v>
                </c:pt>
                <c:pt idx="803">
                  <c:v>4.143333473358453</c:v>
                </c:pt>
                <c:pt idx="804">
                  <c:v>4.143333473358453</c:v>
                </c:pt>
                <c:pt idx="805">
                  <c:v>2.8684616354020056</c:v>
                </c:pt>
                <c:pt idx="806">
                  <c:v>4.143333473358453</c:v>
                </c:pt>
                <c:pt idx="807">
                  <c:v>3.1871795948911177</c:v>
                </c:pt>
                <c:pt idx="808">
                  <c:v>1.4963284483056891</c:v>
                </c:pt>
                <c:pt idx="809">
                  <c:v>0.98757677588175474</c:v>
                </c:pt>
                <c:pt idx="810">
                  <c:v>0.62845794828838941</c:v>
                </c:pt>
                <c:pt idx="811">
                  <c:v>0.59853137932227563</c:v>
                </c:pt>
                <c:pt idx="812">
                  <c:v>0.59853137932227563</c:v>
                </c:pt>
                <c:pt idx="813">
                  <c:v>0.59853137932227563</c:v>
                </c:pt>
                <c:pt idx="814">
                  <c:v>0.59853137932227563</c:v>
                </c:pt>
                <c:pt idx="815">
                  <c:v>0.59853137932227563</c:v>
                </c:pt>
                <c:pt idx="816">
                  <c:v>0.44638551191922643</c:v>
                </c:pt>
                <c:pt idx="817">
                  <c:v>0.40174696072730387</c:v>
                </c:pt>
                <c:pt idx="818">
                  <c:v>0.40174696072730387</c:v>
                </c:pt>
                <c:pt idx="819">
                  <c:v>0.40174696072730387</c:v>
                </c:pt>
                <c:pt idx="820">
                  <c:v>0.40174696072730387</c:v>
                </c:pt>
                <c:pt idx="821">
                  <c:v>0.40174696072730387</c:v>
                </c:pt>
                <c:pt idx="822">
                  <c:v>0.40174696072730387</c:v>
                </c:pt>
                <c:pt idx="823">
                  <c:v>0.40174696072730387</c:v>
                </c:pt>
                <c:pt idx="824">
                  <c:v>0.40174696072730387</c:v>
                </c:pt>
                <c:pt idx="825">
                  <c:v>0.40174696072730387</c:v>
                </c:pt>
                <c:pt idx="826">
                  <c:v>0.40174696072730387</c:v>
                </c:pt>
                <c:pt idx="827">
                  <c:v>0.40174696072730387</c:v>
                </c:pt>
                <c:pt idx="828">
                  <c:v>0.40174696072730387</c:v>
                </c:pt>
                <c:pt idx="829">
                  <c:v>0.40174696072730387</c:v>
                </c:pt>
                <c:pt idx="830">
                  <c:v>0.40174696072730387</c:v>
                </c:pt>
                <c:pt idx="831">
                  <c:v>0.40174696072730387</c:v>
                </c:pt>
                <c:pt idx="832">
                  <c:v>0.40174696072730387</c:v>
                </c:pt>
                <c:pt idx="833">
                  <c:v>0.40174696072730387</c:v>
                </c:pt>
                <c:pt idx="834">
                  <c:v>0.40174696072730387</c:v>
                </c:pt>
                <c:pt idx="835">
                  <c:v>0.40174696072730387</c:v>
                </c:pt>
                <c:pt idx="836">
                  <c:v>0.40174696072730387</c:v>
                </c:pt>
                <c:pt idx="837">
                  <c:v>0.40174696072730387</c:v>
                </c:pt>
                <c:pt idx="838">
                  <c:v>0.40174696072730387</c:v>
                </c:pt>
                <c:pt idx="839">
                  <c:v>0.40174696072730387</c:v>
                </c:pt>
                <c:pt idx="840">
                  <c:v>0.47629251894790792</c:v>
                </c:pt>
                <c:pt idx="841">
                  <c:v>0.47629251894790792</c:v>
                </c:pt>
                <c:pt idx="842">
                  <c:v>0.47629251894790792</c:v>
                </c:pt>
                <c:pt idx="843">
                  <c:v>0.47629251894790792</c:v>
                </c:pt>
                <c:pt idx="844">
                  <c:v>0.47629251894790792</c:v>
                </c:pt>
                <c:pt idx="845">
                  <c:v>0.47629251894790792</c:v>
                </c:pt>
                <c:pt idx="846">
                  <c:v>0.47629251894790792</c:v>
                </c:pt>
                <c:pt idx="847">
                  <c:v>0.47629251894790792</c:v>
                </c:pt>
                <c:pt idx="848">
                  <c:v>0.47629251894790792</c:v>
                </c:pt>
                <c:pt idx="849">
                  <c:v>0.47629251894790792</c:v>
                </c:pt>
                <c:pt idx="850">
                  <c:v>0.47629251894790792</c:v>
                </c:pt>
                <c:pt idx="851">
                  <c:v>0.47629251894790792</c:v>
                </c:pt>
                <c:pt idx="852">
                  <c:v>0.47629251894790792</c:v>
                </c:pt>
                <c:pt idx="853">
                  <c:v>0.47629251894790792</c:v>
                </c:pt>
                <c:pt idx="854">
                  <c:v>0.47629251894790792</c:v>
                </c:pt>
                <c:pt idx="855">
                  <c:v>0.47629251894790792</c:v>
                </c:pt>
                <c:pt idx="856">
                  <c:v>0.47629251894790792</c:v>
                </c:pt>
                <c:pt idx="857">
                  <c:v>0.47629251894790792</c:v>
                </c:pt>
                <c:pt idx="858">
                  <c:v>0.47629251894790792</c:v>
                </c:pt>
                <c:pt idx="859">
                  <c:v>0.47629251894790792</c:v>
                </c:pt>
                <c:pt idx="860">
                  <c:v>0.47629251894790792</c:v>
                </c:pt>
                <c:pt idx="861">
                  <c:v>0.47629251894790792</c:v>
                </c:pt>
                <c:pt idx="862">
                  <c:v>0.47629251894790792</c:v>
                </c:pt>
                <c:pt idx="863">
                  <c:v>0.47629251894790792</c:v>
                </c:pt>
                <c:pt idx="864">
                  <c:v>0.67517183317252449</c:v>
                </c:pt>
                <c:pt idx="865">
                  <c:v>0.67517183317252449</c:v>
                </c:pt>
                <c:pt idx="866">
                  <c:v>0.67517183317252449</c:v>
                </c:pt>
                <c:pt idx="867">
                  <c:v>0.67517183317252449</c:v>
                </c:pt>
                <c:pt idx="868">
                  <c:v>0.67517183317252449</c:v>
                </c:pt>
                <c:pt idx="869">
                  <c:v>0.67517183317252449</c:v>
                </c:pt>
                <c:pt idx="870">
                  <c:v>0.67517183317252449</c:v>
                </c:pt>
                <c:pt idx="871">
                  <c:v>2.876232009314954</c:v>
                </c:pt>
                <c:pt idx="872">
                  <c:v>3.2357610104793233</c:v>
                </c:pt>
                <c:pt idx="873">
                  <c:v>3.5952900116436926</c:v>
                </c:pt>
                <c:pt idx="874">
                  <c:v>3.5952900116436926</c:v>
                </c:pt>
                <c:pt idx="875">
                  <c:v>4.3143480139724311</c:v>
                </c:pt>
                <c:pt idx="876">
                  <c:v>4.3143480139724311</c:v>
                </c:pt>
                <c:pt idx="877">
                  <c:v>2.876232009314954</c:v>
                </c:pt>
                <c:pt idx="878">
                  <c:v>4.3143480139724311</c:v>
                </c:pt>
                <c:pt idx="879">
                  <c:v>4.3143480139724311</c:v>
                </c:pt>
                <c:pt idx="880">
                  <c:v>2.5167030081505848</c:v>
                </c:pt>
                <c:pt idx="881">
                  <c:v>0.71905800232873851</c:v>
                </c:pt>
                <c:pt idx="882">
                  <c:v>0.70893042483115065</c:v>
                </c:pt>
                <c:pt idx="883">
                  <c:v>0.70893042483115065</c:v>
                </c:pt>
                <c:pt idx="884">
                  <c:v>0.70893042483115065</c:v>
                </c:pt>
                <c:pt idx="885">
                  <c:v>0.70893042483115065</c:v>
                </c:pt>
                <c:pt idx="886">
                  <c:v>0.70893042483115065</c:v>
                </c:pt>
                <c:pt idx="887">
                  <c:v>0.70893042483115065</c:v>
                </c:pt>
                <c:pt idx="888">
                  <c:v>0.4515482539760845</c:v>
                </c:pt>
                <c:pt idx="889">
                  <c:v>0.68807352986831927</c:v>
                </c:pt>
                <c:pt idx="890">
                  <c:v>0.68807352986831927</c:v>
                </c:pt>
                <c:pt idx="891">
                  <c:v>0.68807352986831927</c:v>
                </c:pt>
                <c:pt idx="892">
                  <c:v>0.68807352986831927</c:v>
                </c:pt>
                <c:pt idx="893">
                  <c:v>0.68807352986831927</c:v>
                </c:pt>
                <c:pt idx="894">
                  <c:v>0.68807352986831927</c:v>
                </c:pt>
                <c:pt idx="895">
                  <c:v>2.9006599743511328</c:v>
                </c:pt>
                <c:pt idx="896">
                  <c:v>3.2365258661181064</c:v>
                </c:pt>
                <c:pt idx="897">
                  <c:v>3.5723917578850797</c:v>
                </c:pt>
                <c:pt idx="898">
                  <c:v>3.5723917578850797</c:v>
                </c:pt>
                <c:pt idx="899">
                  <c:v>4.2746568043069333</c:v>
                </c:pt>
                <c:pt idx="900">
                  <c:v>4.2746568043069333</c:v>
                </c:pt>
                <c:pt idx="901">
                  <c:v>2.8395934485753198</c:v>
                </c:pt>
                <c:pt idx="902">
                  <c:v>4.2746568043069333</c:v>
                </c:pt>
                <c:pt idx="903">
                  <c:v>4.2746568043069333</c:v>
                </c:pt>
                <c:pt idx="904">
                  <c:v>2.5189941882523001</c:v>
                </c:pt>
                <c:pt idx="905">
                  <c:v>1.0751148904192489</c:v>
                </c:pt>
                <c:pt idx="906">
                  <c:v>0.70957582767670424</c:v>
                </c:pt>
                <c:pt idx="907">
                  <c:v>0.70957582767670424</c:v>
                </c:pt>
                <c:pt idx="908">
                  <c:v>0.70957582767670424</c:v>
                </c:pt>
                <c:pt idx="909">
                  <c:v>0.70957582767670424</c:v>
                </c:pt>
                <c:pt idx="910">
                  <c:v>0.70957582767670424</c:v>
                </c:pt>
                <c:pt idx="911">
                  <c:v>0.70957582767670424</c:v>
                </c:pt>
                <c:pt idx="912">
                  <c:v>0.69581153405110407</c:v>
                </c:pt>
                <c:pt idx="913">
                  <c:v>0.69581153405110407</c:v>
                </c:pt>
                <c:pt idx="914">
                  <c:v>0.69581153405110407</c:v>
                </c:pt>
                <c:pt idx="915">
                  <c:v>0.69581153405110407</c:v>
                </c:pt>
                <c:pt idx="916">
                  <c:v>0.69581153405110407</c:v>
                </c:pt>
                <c:pt idx="917">
                  <c:v>0.69581153405110407</c:v>
                </c:pt>
                <c:pt idx="918">
                  <c:v>0.69581153405110407</c:v>
                </c:pt>
                <c:pt idx="919">
                  <c:v>2.8443932104089069</c:v>
                </c:pt>
                <c:pt idx="920">
                  <c:v>3.1737440031930966</c:v>
                </c:pt>
                <c:pt idx="921">
                  <c:v>3.5030947959772858</c:v>
                </c:pt>
                <c:pt idx="922">
                  <c:v>3.5030947959772858</c:v>
                </c:pt>
                <c:pt idx="923">
                  <c:v>4.1917373627078627</c:v>
                </c:pt>
                <c:pt idx="924">
                  <c:v>4.1917373627078627</c:v>
                </c:pt>
                <c:pt idx="925">
                  <c:v>2.7845112480845091</c:v>
                </c:pt>
                <c:pt idx="926">
                  <c:v>4.1917373627078627</c:v>
                </c:pt>
                <c:pt idx="927">
                  <c:v>4.1917373627078627</c:v>
                </c:pt>
                <c:pt idx="928">
                  <c:v>2.4701309458814196</c:v>
                </c:pt>
                <c:pt idx="929">
                  <c:v>1.0542599000774306</c:v>
                </c:pt>
                <c:pt idx="930">
                  <c:v>0.69581153405110407</c:v>
                </c:pt>
                <c:pt idx="931">
                  <c:v>0.69581153405110407</c:v>
                </c:pt>
                <c:pt idx="932">
                  <c:v>0.69581153405110407</c:v>
                </c:pt>
                <c:pt idx="933">
                  <c:v>0.69581153405110407</c:v>
                </c:pt>
                <c:pt idx="934">
                  <c:v>0.69581153405110407</c:v>
                </c:pt>
                <c:pt idx="935">
                  <c:v>0.69581153405110407</c:v>
                </c:pt>
                <c:pt idx="936">
                  <c:v>0.68118842224239728</c:v>
                </c:pt>
                <c:pt idx="937">
                  <c:v>0.68118842224239728</c:v>
                </c:pt>
                <c:pt idx="938">
                  <c:v>0.68118842224239728</c:v>
                </c:pt>
                <c:pt idx="939">
                  <c:v>0.68118842224239728</c:v>
                </c:pt>
                <c:pt idx="940">
                  <c:v>0.68118842224239728</c:v>
                </c:pt>
                <c:pt idx="941">
                  <c:v>0.68118842224239728</c:v>
                </c:pt>
                <c:pt idx="942">
                  <c:v>0.68118842224239728</c:v>
                </c:pt>
                <c:pt idx="943">
                  <c:v>2.7846157018333155</c:v>
                </c:pt>
                <c:pt idx="944">
                  <c:v>3.1070448883613833</c:v>
                </c:pt>
                <c:pt idx="945">
                  <c:v>3.4294740748894519</c:v>
                </c:pt>
                <c:pt idx="946">
                  <c:v>3.4294740748894519</c:v>
                </c:pt>
                <c:pt idx="947">
                  <c:v>4.1036441921754117</c:v>
                </c:pt>
                <c:pt idx="948">
                  <c:v>4.1036441921754117</c:v>
                </c:pt>
                <c:pt idx="949">
                  <c:v>2.7259922133736669</c:v>
                </c:pt>
                <c:pt idx="950">
                  <c:v>4.1036441921754117</c:v>
                </c:pt>
                <c:pt idx="951">
                  <c:v>4.1036441921754117</c:v>
                </c:pt>
                <c:pt idx="952">
                  <c:v>2.4182188989605105</c:v>
                </c:pt>
                <c:pt idx="953">
                  <c:v>1.0321036700642385</c:v>
                </c:pt>
                <c:pt idx="954">
                  <c:v>0.68118842224239728</c:v>
                </c:pt>
                <c:pt idx="955">
                  <c:v>0.68118842224239728</c:v>
                </c:pt>
                <c:pt idx="956">
                  <c:v>0.68118842224239728</c:v>
                </c:pt>
                <c:pt idx="957">
                  <c:v>0.68118842224239728</c:v>
                </c:pt>
                <c:pt idx="958">
                  <c:v>0.68118842224239728</c:v>
                </c:pt>
                <c:pt idx="959">
                  <c:v>0.68118842224239728</c:v>
                </c:pt>
                <c:pt idx="960">
                  <c:v>1.0174215314445372</c:v>
                </c:pt>
                <c:pt idx="961">
                  <c:v>0.61661910996638625</c:v>
                </c:pt>
                <c:pt idx="962">
                  <c:v>0.61661910996638625</c:v>
                </c:pt>
                <c:pt idx="963">
                  <c:v>0.61661910996638625</c:v>
                </c:pt>
                <c:pt idx="964">
                  <c:v>0.61661910996638625</c:v>
                </c:pt>
                <c:pt idx="965">
                  <c:v>0.61661910996638625</c:v>
                </c:pt>
                <c:pt idx="966">
                  <c:v>0.61661910996638625</c:v>
                </c:pt>
                <c:pt idx="967">
                  <c:v>2.6267974084568051</c:v>
                </c:pt>
                <c:pt idx="968">
                  <c:v>3.2834967605710066</c:v>
                </c:pt>
                <c:pt idx="969">
                  <c:v>3.6118464366281069</c:v>
                </c:pt>
                <c:pt idx="970">
                  <c:v>3.6118464366281069</c:v>
                </c:pt>
                <c:pt idx="971">
                  <c:v>4.2685457887423084</c:v>
                </c:pt>
                <c:pt idx="972">
                  <c:v>4.2685457887423084</c:v>
                </c:pt>
                <c:pt idx="973">
                  <c:v>2.9551470845139058</c:v>
                </c:pt>
                <c:pt idx="974">
                  <c:v>4.2685457887423084</c:v>
                </c:pt>
                <c:pt idx="975">
                  <c:v>3.2834967605710066</c:v>
                </c:pt>
                <c:pt idx="976">
                  <c:v>1.5415477749159656</c:v>
                </c:pt>
                <c:pt idx="977">
                  <c:v>1.0174215314445372</c:v>
                </c:pt>
                <c:pt idx="978">
                  <c:v>0.64745006546470552</c:v>
                </c:pt>
                <c:pt idx="979">
                  <c:v>0.61661910996638625</c:v>
                </c:pt>
                <c:pt idx="980">
                  <c:v>0.61661910996638625</c:v>
                </c:pt>
                <c:pt idx="981">
                  <c:v>0.61661910996638625</c:v>
                </c:pt>
                <c:pt idx="982">
                  <c:v>0.61661910996638625</c:v>
                </c:pt>
                <c:pt idx="983">
                  <c:v>0.61661910996638625</c:v>
                </c:pt>
                <c:pt idx="984">
                  <c:v>0.45162831350038024</c:v>
                </c:pt>
                <c:pt idx="985">
                  <c:v>0.40646548215034217</c:v>
                </c:pt>
                <c:pt idx="986">
                  <c:v>0.40646548215034217</c:v>
                </c:pt>
                <c:pt idx="987">
                  <c:v>0.40646548215034217</c:v>
                </c:pt>
                <c:pt idx="988">
                  <c:v>0.40646548215034217</c:v>
                </c:pt>
                <c:pt idx="989">
                  <c:v>0.40646548215034217</c:v>
                </c:pt>
                <c:pt idx="990">
                  <c:v>0.40646548215034217</c:v>
                </c:pt>
                <c:pt idx="991">
                  <c:v>0.40646548215034217</c:v>
                </c:pt>
                <c:pt idx="992">
                  <c:v>0.40646548215034217</c:v>
                </c:pt>
                <c:pt idx="993">
                  <c:v>0.40646548215034217</c:v>
                </c:pt>
                <c:pt idx="994">
                  <c:v>0.40646548215034217</c:v>
                </c:pt>
                <c:pt idx="995">
                  <c:v>0.40646548215034217</c:v>
                </c:pt>
                <c:pt idx="996">
                  <c:v>0.40646548215034217</c:v>
                </c:pt>
                <c:pt idx="997">
                  <c:v>0.40646548215034217</c:v>
                </c:pt>
                <c:pt idx="998">
                  <c:v>0.40646548215034217</c:v>
                </c:pt>
                <c:pt idx="999">
                  <c:v>0.40646548215034217</c:v>
                </c:pt>
                <c:pt idx="1000">
                  <c:v>0.40646548215034217</c:v>
                </c:pt>
                <c:pt idx="1001">
                  <c:v>0.40646548215034217</c:v>
                </c:pt>
                <c:pt idx="1002">
                  <c:v>0.40646548215034217</c:v>
                </c:pt>
                <c:pt idx="1003">
                  <c:v>0.40646548215034217</c:v>
                </c:pt>
                <c:pt idx="1004">
                  <c:v>0.40646548215034217</c:v>
                </c:pt>
                <c:pt idx="1005">
                  <c:v>0.40646548215034217</c:v>
                </c:pt>
                <c:pt idx="1006">
                  <c:v>0.40646548215034217</c:v>
                </c:pt>
                <c:pt idx="1007">
                  <c:v>0.40646548215034217</c:v>
                </c:pt>
                <c:pt idx="1008">
                  <c:v>0.36094360249366148</c:v>
                </c:pt>
                <c:pt idx="1009">
                  <c:v>0.36094360249366148</c:v>
                </c:pt>
                <c:pt idx="1010">
                  <c:v>0.36094360249366148</c:v>
                </c:pt>
                <c:pt idx="1011">
                  <c:v>0.36094360249366148</c:v>
                </c:pt>
                <c:pt idx="1012">
                  <c:v>0.36094360249366148</c:v>
                </c:pt>
                <c:pt idx="1013">
                  <c:v>0.36094360249366148</c:v>
                </c:pt>
                <c:pt idx="1014">
                  <c:v>0.36094360249366148</c:v>
                </c:pt>
                <c:pt idx="1015">
                  <c:v>0.36094360249366148</c:v>
                </c:pt>
                <c:pt idx="1016">
                  <c:v>0.36094360249366148</c:v>
                </c:pt>
                <c:pt idx="1017">
                  <c:v>0.36094360249366148</c:v>
                </c:pt>
                <c:pt idx="1018">
                  <c:v>0.36094360249366148</c:v>
                </c:pt>
                <c:pt idx="1019">
                  <c:v>0.36094360249366148</c:v>
                </c:pt>
                <c:pt idx="1020">
                  <c:v>0.36094360249366148</c:v>
                </c:pt>
                <c:pt idx="1021">
                  <c:v>0.36094360249366148</c:v>
                </c:pt>
                <c:pt idx="1022">
                  <c:v>0.36094360249366148</c:v>
                </c:pt>
                <c:pt idx="1023">
                  <c:v>0.36094360249366148</c:v>
                </c:pt>
                <c:pt idx="1024">
                  <c:v>0.36094360249366148</c:v>
                </c:pt>
                <c:pt idx="1025">
                  <c:v>0.36094360249366148</c:v>
                </c:pt>
                <c:pt idx="1026">
                  <c:v>0.36094360249366148</c:v>
                </c:pt>
                <c:pt idx="1027">
                  <c:v>0.36094360249366148</c:v>
                </c:pt>
                <c:pt idx="1028">
                  <c:v>0.36094360249366148</c:v>
                </c:pt>
                <c:pt idx="1029">
                  <c:v>0.36094360249366148</c:v>
                </c:pt>
                <c:pt idx="1030">
                  <c:v>0.36094360249366148</c:v>
                </c:pt>
                <c:pt idx="1031">
                  <c:v>0.36094360249366148</c:v>
                </c:pt>
                <c:pt idx="1032">
                  <c:v>0.61264627103521929</c:v>
                </c:pt>
                <c:pt idx="1033">
                  <c:v>0.61264627103521929</c:v>
                </c:pt>
                <c:pt idx="1034">
                  <c:v>0.61264627103521929</c:v>
                </c:pt>
                <c:pt idx="1035">
                  <c:v>0.61264627103521929</c:v>
                </c:pt>
                <c:pt idx="1036">
                  <c:v>0.61264627103521929</c:v>
                </c:pt>
                <c:pt idx="1037">
                  <c:v>0.61264627103521929</c:v>
                </c:pt>
                <c:pt idx="1038">
                  <c:v>0.61264627103521929</c:v>
                </c:pt>
                <c:pt idx="1039">
                  <c:v>2.6098731146100338</c:v>
                </c:pt>
                <c:pt idx="1040">
                  <c:v>2.9361072539362882</c:v>
                </c:pt>
                <c:pt idx="1041">
                  <c:v>3.2623413932625422</c:v>
                </c:pt>
                <c:pt idx="1042">
                  <c:v>3.2623413932625422</c:v>
                </c:pt>
                <c:pt idx="1043">
                  <c:v>3.9148096719150507</c:v>
                </c:pt>
                <c:pt idx="1044">
                  <c:v>3.9148096719150507</c:v>
                </c:pt>
                <c:pt idx="1045">
                  <c:v>2.6098731146100338</c:v>
                </c:pt>
                <c:pt idx="1046">
                  <c:v>3.9148096719150507</c:v>
                </c:pt>
                <c:pt idx="1047">
                  <c:v>3.9148096719150507</c:v>
                </c:pt>
                <c:pt idx="1048">
                  <c:v>2.2836389752837798</c:v>
                </c:pt>
                <c:pt idx="1049">
                  <c:v>0.65246827865250845</c:v>
                </c:pt>
                <c:pt idx="1050">
                  <c:v>0.64327858458698017</c:v>
                </c:pt>
                <c:pt idx="1051">
                  <c:v>0.64327858458698017</c:v>
                </c:pt>
                <c:pt idx="1052">
                  <c:v>0.64327858458698017</c:v>
                </c:pt>
                <c:pt idx="1053">
                  <c:v>0.64327858458698017</c:v>
                </c:pt>
                <c:pt idx="1054">
                  <c:v>0.64327858458698017</c:v>
                </c:pt>
                <c:pt idx="1055">
                  <c:v>0.64327858458698017</c:v>
                </c:pt>
                <c:pt idx="1056">
                  <c:v>0.41116909794320622</c:v>
                </c:pt>
                <c:pt idx="1057">
                  <c:v>0.62654338734202863</c:v>
                </c:pt>
                <c:pt idx="1058">
                  <c:v>0.62654338734202863</c:v>
                </c:pt>
                <c:pt idx="1059">
                  <c:v>0.62654338734202863</c:v>
                </c:pt>
                <c:pt idx="1060">
                  <c:v>0.62654338734202863</c:v>
                </c:pt>
                <c:pt idx="1061">
                  <c:v>0.62654338734202863</c:v>
                </c:pt>
                <c:pt idx="1062">
                  <c:v>0.62654338734202863</c:v>
                </c:pt>
                <c:pt idx="1063">
                  <c:v>2.641271967263739</c:v>
                </c:pt>
                <c:pt idx="1064">
                  <c:v>2.947103458210067</c:v>
                </c:pt>
                <c:pt idx="1065">
                  <c:v>3.2529349491563946</c:v>
                </c:pt>
                <c:pt idx="1066">
                  <c:v>3.2529349491563946</c:v>
                </c:pt>
                <c:pt idx="1067">
                  <c:v>3.8924007938623522</c:v>
                </c:pt>
                <c:pt idx="1068">
                  <c:v>3.8924007938623522</c:v>
                </c:pt>
                <c:pt idx="1069">
                  <c:v>2.5856662416371341</c:v>
                </c:pt>
                <c:pt idx="1070">
                  <c:v>3.8924007938623522</c:v>
                </c:pt>
                <c:pt idx="1071">
                  <c:v>3.8924007938623522</c:v>
                </c:pt>
                <c:pt idx="1072">
                  <c:v>2.2937361820974576</c:v>
                </c:pt>
                <c:pt idx="1073">
                  <c:v>0.97897404272191968</c:v>
                </c:pt>
                <c:pt idx="1074">
                  <c:v>0.64612286819646692</c:v>
                </c:pt>
                <c:pt idx="1075">
                  <c:v>0.64612286819646692</c:v>
                </c:pt>
                <c:pt idx="1076">
                  <c:v>0.64612286819646692</c:v>
                </c:pt>
                <c:pt idx="1077">
                  <c:v>0.64612286819646692</c:v>
                </c:pt>
                <c:pt idx="1078">
                  <c:v>0.64612286819646692</c:v>
                </c:pt>
                <c:pt idx="1079">
                  <c:v>0.64612286819646692</c:v>
                </c:pt>
                <c:pt idx="1080">
                  <c:v>0.64964965282722009</c:v>
                </c:pt>
                <c:pt idx="1081">
                  <c:v>0.64964965282722009</c:v>
                </c:pt>
                <c:pt idx="1082">
                  <c:v>0.64964965282722009</c:v>
                </c:pt>
                <c:pt idx="1083">
                  <c:v>0.64964965282722009</c:v>
                </c:pt>
                <c:pt idx="1084">
                  <c:v>0.64964965282722009</c:v>
                </c:pt>
                <c:pt idx="1085">
                  <c:v>0.64964965282722009</c:v>
                </c:pt>
                <c:pt idx="1086">
                  <c:v>0.64964965282722009</c:v>
                </c:pt>
                <c:pt idx="1087">
                  <c:v>2.6556890353452118</c:v>
                </c:pt>
                <c:pt idx="1088">
                  <c:v>2.9631898710167626</c:v>
                </c:pt>
                <c:pt idx="1089">
                  <c:v>3.2706907066883137</c:v>
                </c:pt>
                <c:pt idx="1090">
                  <c:v>3.2706907066883137</c:v>
                </c:pt>
                <c:pt idx="1091">
                  <c:v>3.9136469994561014</c:v>
                </c:pt>
                <c:pt idx="1092">
                  <c:v>3.9136469994561014</c:v>
                </c:pt>
                <c:pt idx="1093">
                  <c:v>2.5997797924958386</c:v>
                </c:pt>
                <c:pt idx="1094">
                  <c:v>3.9136469994561014</c:v>
                </c:pt>
                <c:pt idx="1095">
                  <c:v>3.9136469994561014</c:v>
                </c:pt>
                <c:pt idx="1096">
                  <c:v>2.3062562675366314</c:v>
                </c:pt>
                <c:pt idx="1097">
                  <c:v>0.98431765579881836</c:v>
                </c:pt>
                <c:pt idx="1098">
                  <c:v>0.64964965282722009</c:v>
                </c:pt>
                <c:pt idx="1099">
                  <c:v>0.64964965282722009</c:v>
                </c:pt>
                <c:pt idx="1100">
                  <c:v>0.64964965282722009</c:v>
                </c:pt>
                <c:pt idx="1101">
                  <c:v>0.64964965282722009</c:v>
                </c:pt>
                <c:pt idx="1102">
                  <c:v>0.64964965282722009</c:v>
                </c:pt>
                <c:pt idx="1103">
                  <c:v>0.64964965282722009</c:v>
                </c:pt>
                <c:pt idx="1104">
                  <c:v>0.65233724647746993</c:v>
                </c:pt>
                <c:pt idx="1105">
                  <c:v>0.65233724647746993</c:v>
                </c:pt>
                <c:pt idx="1106">
                  <c:v>0.65233724647746993</c:v>
                </c:pt>
                <c:pt idx="1107">
                  <c:v>0.65233724647746993</c:v>
                </c:pt>
                <c:pt idx="1108">
                  <c:v>0.65233724647746993</c:v>
                </c:pt>
                <c:pt idx="1109">
                  <c:v>0.65233724647746993</c:v>
                </c:pt>
                <c:pt idx="1110">
                  <c:v>0.65233724647746993</c:v>
                </c:pt>
                <c:pt idx="1111">
                  <c:v>2.6666755924185055</c:v>
                </c:pt>
                <c:pt idx="1112">
                  <c:v>2.975448555751175</c:v>
                </c:pt>
                <c:pt idx="1113">
                  <c:v>3.284221519083844</c:v>
                </c:pt>
                <c:pt idx="1114">
                  <c:v>3.284221519083844</c:v>
                </c:pt>
                <c:pt idx="1115">
                  <c:v>3.9298377151430608</c:v>
                </c:pt>
                <c:pt idx="1116">
                  <c:v>3.9298377151430608</c:v>
                </c:pt>
                <c:pt idx="1117">
                  <c:v>2.6105350536307474</c:v>
                </c:pt>
                <c:pt idx="1118">
                  <c:v>3.9298377151430608</c:v>
                </c:pt>
                <c:pt idx="1119">
                  <c:v>3.9298377151430608</c:v>
                </c:pt>
                <c:pt idx="1120">
                  <c:v>2.3157972249950185</c:v>
                </c:pt>
                <c:pt idx="1121">
                  <c:v>0.98838976739010587</c:v>
                </c:pt>
                <c:pt idx="1122">
                  <c:v>0.65233724647746993</c:v>
                </c:pt>
                <c:pt idx="1123">
                  <c:v>0.65233724647746993</c:v>
                </c:pt>
                <c:pt idx="1124">
                  <c:v>0.65233724647746993</c:v>
                </c:pt>
                <c:pt idx="1125">
                  <c:v>0.65233724647746993</c:v>
                </c:pt>
                <c:pt idx="1126">
                  <c:v>0.65233724647746993</c:v>
                </c:pt>
                <c:pt idx="1127">
                  <c:v>0.65233724647746993</c:v>
                </c:pt>
                <c:pt idx="1128">
                  <c:v>0.96361195145860623</c:v>
                </c:pt>
                <c:pt idx="1129">
                  <c:v>0.58400724330824627</c:v>
                </c:pt>
                <c:pt idx="1130">
                  <c:v>0.58400724330824627</c:v>
                </c:pt>
                <c:pt idx="1131">
                  <c:v>0.58400724330824627</c:v>
                </c:pt>
                <c:pt idx="1132">
                  <c:v>0.58400724330824627</c:v>
                </c:pt>
                <c:pt idx="1133">
                  <c:v>0.58400724330824627</c:v>
                </c:pt>
                <c:pt idx="1134">
                  <c:v>0.58400724330824627</c:v>
                </c:pt>
                <c:pt idx="1135">
                  <c:v>2.4878708564931289</c:v>
                </c:pt>
                <c:pt idx="1136">
                  <c:v>3.1098385706164113</c:v>
                </c:pt>
                <c:pt idx="1137">
                  <c:v>3.4208224276780523</c:v>
                </c:pt>
                <c:pt idx="1138">
                  <c:v>3.4208224276780523</c:v>
                </c:pt>
                <c:pt idx="1139">
                  <c:v>4.0427901418013352</c:v>
                </c:pt>
                <c:pt idx="1140">
                  <c:v>4.0427901418013352</c:v>
                </c:pt>
                <c:pt idx="1141">
                  <c:v>2.7988547135547703</c:v>
                </c:pt>
                <c:pt idx="1142">
                  <c:v>4.0427901418013352</c:v>
                </c:pt>
                <c:pt idx="1143">
                  <c:v>3.1098385706164113</c:v>
                </c:pt>
                <c:pt idx="1144">
                  <c:v>1.4600181082706158</c:v>
                </c:pt>
                <c:pt idx="1145">
                  <c:v>0.96361195145860623</c:v>
                </c:pt>
                <c:pt idx="1146">
                  <c:v>0.61320760547365849</c:v>
                </c:pt>
                <c:pt idx="1147">
                  <c:v>0.58400724330824627</c:v>
                </c:pt>
                <c:pt idx="1148">
                  <c:v>0.58400724330824627</c:v>
                </c:pt>
                <c:pt idx="1149">
                  <c:v>0.58400724330824627</c:v>
                </c:pt>
                <c:pt idx="1150">
                  <c:v>0.58400724330824627</c:v>
                </c:pt>
                <c:pt idx="1151">
                  <c:v>0.58400724330824627</c:v>
                </c:pt>
                <c:pt idx="1152">
                  <c:v>0.273373059741151</c:v>
                </c:pt>
                <c:pt idx="1153">
                  <c:v>0.24603575376703593</c:v>
                </c:pt>
                <c:pt idx="1154">
                  <c:v>0.24603575376703593</c:v>
                </c:pt>
                <c:pt idx="1155">
                  <c:v>0.24603575376703593</c:v>
                </c:pt>
                <c:pt idx="1156">
                  <c:v>0.24603575376703593</c:v>
                </c:pt>
                <c:pt idx="1157">
                  <c:v>0.24603575376703593</c:v>
                </c:pt>
                <c:pt idx="1158">
                  <c:v>0.24603575376703593</c:v>
                </c:pt>
                <c:pt idx="1159">
                  <c:v>0.24603575376703593</c:v>
                </c:pt>
                <c:pt idx="1160">
                  <c:v>0.24603575376703593</c:v>
                </c:pt>
                <c:pt idx="1161">
                  <c:v>0.24603575376703593</c:v>
                </c:pt>
                <c:pt idx="1162">
                  <c:v>0.24603575376703593</c:v>
                </c:pt>
                <c:pt idx="1163">
                  <c:v>0.24603575376703593</c:v>
                </c:pt>
                <c:pt idx="1164">
                  <c:v>0.24603575376703593</c:v>
                </c:pt>
                <c:pt idx="1165">
                  <c:v>0.24603575376703593</c:v>
                </c:pt>
                <c:pt idx="1166">
                  <c:v>0.24603575376703593</c:v>
                </c:pt>
                <c:pt idx="1167">
                  <c:v>0.24603575376703593</c:v>
                </c:pt>
                <c:pt idx="1168">
                  <c:v>0.24603575376703593</c:v>
                </c:pt>
                <c:pt idx="1169">
                  <c:v>0.24603575376703593</c:v>
                </c:pt>
                <c:pt idx="1170">
                  <c:v>0.24603575376703593</c:v>
                </c:pt>
                <c:pt idx="1171">
                  <c:v>0.24603575376703593</c:v>
                </c:pt>
                <c:pt idx="1172">
                  <c:v>0.24603575376703593</c:v>
                </c:pt>
                <c:pt idx="1173">
                  <c:v>0.24603575376703593</c:v>
                </c:pt>
                <c:pt idx="1174">
                  <c:v>0.24603575376703593</c:v>
                </c:pt>
                <c:pt idx="1175">
                  <c:v>0.24603575376703593</c:v>
                </c:pt>
                <c:pt idx="1176">
                  <c:v>0.29457847247888974</c:v>
                </c:pt>
                <c:pt idx="1177">
                  <c:v>0.29457847247888974</c:v>
                </c:pt>
                <c:pt idx="1178">
                  <c:v>0.29457847247888974</c:v>
                </c:pt>
                <c:pt idx="1179">
                  <c:v>0.29457847247888974</c:v>
                </c:pt>
                <c:pt idx="1180">
                  <c:v>0.29457847247888974</c:v>
                </c:pt>
                <c:pt idx="1181">
                  <c:v>0.29457847247888974</c:v>
                </c:pt>
                <c:pt idx="1182">
                  <c:v>0.29457847247888974</c:v>
                </c:pt>
                <c:pt idx="1183">
                  <c:v>0.29457847247888974</c:v>
                </c:pt>
                <c:pt idx="1184">
                  <c:v>0.29457847247888974</c:v>
                </c:pt>
                <c:pt idx="1185">
                  <c:v>0.29457847247888974</c:v>
                </c:pt>
                <c:pt idx="1186">
                  <c:v>0.29457847247888974</c:v>
                </c:pt>
                <c:pt idx="1187">
                  <c:v>0.29457847247888974</c:v>
                </c:pt>
                <c:pt idx="1188">
                  <c:v>0.29457847247888974</c:v>
                </c:pt>
                <c:pt idx="1189">
                  <c:v>0.29457847247888974</c:v>
                </c:pt>
                <c:pt idx="1190">
                  <c:v>0.29457847247888974</c:v>
                </c:pt>
                <c:pt idx="1191">
                  <c:v>0.29457847247888974</c:v>
                </c:pt>
                <c:pt idx="1192">
                  <c:v>0.29457847247888974</c:v>
                </c:pt>
                <c:pt idx="1193">
                  <c:v>0.29457847247888974</c:v>
                </c:pt>
                <c:pt idx="1194">
                  <c:v>0.29457847247888974</c:v>
                </c:pt>
                <c:pt idx="1195">
                  <c:v>0.29457847247888974</c:v>
                </c:pt>
                <c:pt idx="1196">
                  <c:v>0.29457847247888974</c:v>
                </c:pt>
                <c:pt idx="1197">
                  <c:v>0.29457847247888974</c:v>
                </c:pt>
                <c:pt idx="1198">
                  <c:v>0.29457847247888974</c:v>
                </c:pt>
                <c:pt idx="1199">
                  <c:v>0.29457847247888974</c:v>
                </c:pt>
                <c:pt idx="1200">
                  <c:v>0.60361989050655673</c:v>
                </c:pt>
                <c:pt idx="1201">
                  <c:v>0.60361989050655673</c:v>
                </c:pt>
                <c:pt idx="1202">
                  <c:v>0.60361989050655673</c:v>
                </c:pt>
                <c:pt idx="1203">
                  <c:v>0.60361989050655673</c:v>
                </c:pt>
                <c:pt idx="1204">
                  <c:v>0.60361989050655673</c:v>
                </c:pt>
                <c:pt idx="1205">
                  <c:v>0.60361989050655673</c:v>
                </c:pt>
                <c:pt idx="1206">
                  <c:v>0.60361989050655673</c:v>
                </c:pt>
                <c:pt idx="1207">
                  <c:v>2.5714207335579311</c:v>
                </c:pt>
                <c:pt idx="1208">
                  <c:v>2.8928483252526727</c:v>
                </c:pt>
                <c:pt idx="1209">
                  <c:v>3.2142759169474142</c:v>
                </c:pt>
                <c:pt idx="1210">
                  <c:v>3.2142759169474142</c:v>
                </c:pt>
                <c:pt idx="1211">
                  <c:v>3.857131100336896</c:v>
                </c:pt>
                <c:pt idx="1212">
                  <c:v>3.857131100336896</c:v>
                </c:pt>
                <c:pt idx="1213">
                  <c:v>2.5714207335579311</c:v>
                </c:pt>
                <c:pt idx="1214">
                  <c:v>3.857131100336896</c:v>
                </c:pt>
                <c:pt idx="1215">
                  <c:v>3.857131100336896</c:v>
                </c:pt>
                <c:pt idx="1216">
                  <c:v>2.2499931418631895</c:v>
                </c:pt>
                <c:pt idx="1217">
                  <c:v>0.64285518338948278</c:v>
                </c:pt>
                <c:pt idx="1218">
                  <c:v>0.63380088503188436</c:v>
                </c:pt>
                <c:pt idx="1219">
                  <c:v>0.63380088503188436</c:v>
                </c:pt>
                <c:pt idx="1220">
                  <c:v>0.63380088503188436</c:v>
                </c:pt>
                <c:pt idx="1221">
                  <c:v>0.63380088503188436</c:v>
                </c:pt>
                <c:pt idx="1222">
                  <c:v>0.63380088503188436</c:v>
                </c:pt>
                <c:pt idx="1223">
                  <c:v>0.63380088503188436</c:v>
                </c:pt>
                <c:pt idx="1224">
                  <c:v>0.39305883548621234</c:v>
                </c:pt>
                <c:pt idx="1225">
                  <c:v>0.59894679693137132</c:v>
                </c:pt>
                <c:pt idx="1226">
                  <c:v>0.59894679693137132</c:v>
                </c:pt>
                <c:pt idx="1227">
                  <c:v>0.59894679693137132</c:v>
                </c:pt>
                <c:pt idx="1228">
                  <c:v>0.59894679693137132</c:v>
                </c:pt>
                <c:pt idx="1229">
                  <c:v>0.59894679693137132</c:v>
                </c:pt>
                <c:pt idx="1230">
                  <c:v>0.59894679693137132</c:v>
                </c:pt>
                <c:pt idx="1231">
                  <c:v>2.5249350908138117</c:v>
                </c:pt>
                <c:pt idx="1232">
                  <c:v>2.8172959960659378</c:v>
                </c:pt>
                <c:pt idx="1233">
                  <c:v>3.1096569013180635</c:v>
                </c:pt>
                <c:pt idx="1234">
                  <c:v>3.1096569013180635</c:v>
                </c:pt>
                <c:pt idx="1235">
                  <c:v>3.7209569759361436</c:v>
                </c:pt>
                <c:pt idx="1236">
                  <c:v>3.7209569759361436</c:v>
                </c:pt>
                <c:pt idx="1237">
                  <c:v>2.4717785625861528</c:v>
                </c:pt>
                <c:pt idx="1238">
                  <c:v>3.7209569759361436</c:v>
                </c:pt>
                <c:pt idx="1239">
                  <c:v>3.7209569759361436</c:v>
                </c:pt>
                <c:pt idx="1240">
                  <c:v>2.1927067893909418</c:v>
                </c:pt>
                <c:pt idx="1241">
                  <c:v>0.93585437020526763</c:v>
                </c:pt>
                <c:pt idx="1242">
                  <c:v>0.61766388433547659</c:v>
                </c:pt>
                <c:pt idx="1243">
                  <c:v>0.61766388433547659</c:v>
                </c:pt>
                <c:pt idx="1244">
                  <c:v>0.61766388433547659</c:v>
                </c:pt>
                <c:pt idx="1245">
                  <c:v>0.61766388433547659</c:v>
                </c:pt>
                <c:pt idx="1246">
                  <c:v>0.61766388433547659</c:v>
                </c:pt>
                <c:pt idx="1247">
                  <c:v>0.61766388433547659</c:v>
                </c:pt>
                <c:pt idx="1248">
                  <c:v>0.61112747717363924</c:v>
                </c:pt>
                <c:pt idx="1249">
                  <c:v>0.61112747717363924</c:v>
                </c:pt>
                <c:pt idx="1250">
                  <c:v>0.61112747717363924</c:v>
                </c:pt>
                <c:pt idx="1251">
                  <c:v>0.61112747717363924</c:v>
                </c:pt>
                <c:pt idx="1252">
                  <c:v>0.61112747717363924</c:v>
                </c:pt>
                <c:pt idx="1253">
                  <c:v>0.61112747717363924</c:v>
                </c:pt>
                <c:pt idx="1254">
                  <c:v>0.61112747717363924</c:v>
                </c:pt>
                <c:pt idx="1255">
                  <c:v>2.4982150506279974</c:v>
                </c:pt>
                <c:pt idx="1256">
                  <c:v>2.787482056490187</c:v>
                </c:pt>
                <c:pt idx="1257">
                  <c:v>3.0767490623523766</c:v>
                </c:pt>
                <c:pt idx="1258">
                  <c:v>3.0767490623523766</c:v>
                </c:pt>
                <c:pt idx="1259">
                  <c:v>3.681580074609681</c:v>
                </c:pt>
                <c:pt idx="1260">
                  <c:v>3.681580074609681</c:v>
                </c:pt>
                <c:pt idx="1261">
                  <c:v>2.4456210495621451</c:v>
                </c:pt>
                <c:pt idx="1262">
                  <c:v>3.681580074609681</c:v>
                </c:pt>
                <c:pt idx="1263">
                  <c:v>3.681580074609681</c:v>
                </c:pt>
                <c:pt idx="1264">
                  <c:v>2.1695025439664191</c:v>
                </c:pt>
                <c:pt idx="1265">
                  <c:v>0.92595072299036252</c:v>
                </c:pt>
                <c:pt idx="1266">
                  <c:v>0.61112747717363924</c:v>
                </c:pt>
                <c:pt idx="1267">
                  <c:v>0.61112747717363924</c:v>
                </c:pt>
                <c:pt idx="1268">
                  <c:v>0.61112747717363924</c:v>
                </c:pt>
                <c:pt idx="1269">
                  <c:v>0.61112747717363924</c:v>
                </c:pt>
                <c:pt idx="1270">
                  <c:v>0.61112747717363924</c:v>
                </c:pt>
                <c:pt idx="1271">
                  <c:v>0.61112747717363924</c:v>
                </c:pt>
                <c:pt idx="1272">
                  <c:v>0.62411751314984665</c:v>
                </c:pt>
                <c:pt idx="1273">
                  <c:v>0.62411751314984665</c:v>
                </c:pt>
                <c:pt idx="1274">
                  <c:v>0.62411751314984665</c:v>
                </c:pt>
                <c:pt idx="1275">
                  <c:v>0.62411751314984665</c:v>
                </c:pt>
                <c:pt idx="1276">
                  <c:v>0.62411751314984665</c:v>
                </c:pt>
                <c:pt idx="1277">
                  <c:v>0.62411751314984665</c:v>
                </c:pt>
                <c:pt idx="1278">
                  <c:v>0.62411751314984665</c:v>
                </c:pt>
                <c:pt idx="1279">
                  <c:v>2.5513167431489188</c:v>
                </c:pt>
                <c:pt idx="1280">
                  <c:v>2.8467323660398467</c:v>
                </c:pt>
                <c:pt idx="1281">
                  <c:v>3.1421479889307742</c:v>
                </c:pt>
                <c:pt idx="1282">
                  <c:v>3.1421479889307742</c:v>
                </c:pt>
                <c:pt idx="1283">
                  <c:v>3.7598352004299858</c:v>
                </c:pt>
                <c:pt idx="1284">
                  <c:v>3.7598352004299858</c:v>
                </c:pt>
                <c:pt idx="1285">
                  <c:v>2.4976048117142051</c:v>
                </c:pt>
                <c:pt idx="1286">
                  <c:v>3.7598352004299858</c:v>
                </c:pt>
                <c:pt idx="1287">
                  <c:v>3.7598352004299858</c:v>
                </c:pt>
                <c:pt idx="1288">
                  <c:v>2.2156171716819562</c:v>
                </c:pt>
                <c:pt idx="1289">
                  <c:v>0.94563259568158597</c:v>
                </c:pt>
                <c:pt idx="1290">
                  <c:v>0.62411751314984665</c:v>
                </c:pt>
                <c:pt idx="1291">
                  <c:v>0.62411751314984665</c:v>
                </c:pt>
                <c:pt idx="1292">
                  <c:v>0.62411751314984665</c:v>
                </c:pt>
                <c:pt idx="1293">
                  <c:v>0.62411751314984665</c:v>
                </c:pt>
                <c:pt idx="1294">
                  <c:v>0.62411751314984665</c:v>
                </c:pt>
                <c:pt idx="1295">
                  <c:v>0.62411751314984665</c:v>
                </c:pt>
                <c:pt idx="1296">
                  <c:v>0.93622358068929379</c:v>
                </c:pt>
                <c:pt idx="1297">
                  <c:v>0.56740823072078417</c:v>
                </c:pt>
                <c:pt idx="1298">
                  <c:v>0.56740823072078417</c:v>
                </c:pt>
                <c:pt idx="1299">
                  <c:v>0.56740823072078417</c:v>
                </c:pt>
                <c:pt idx="1300">
                  <c:v>0.56740823072078417</c:v>
                </c:pt>
                <c:pt idx="1301">
                  <c:v>0.56740823072078417</c:v>
                </c:pt>
                <c:pt idx="1302">
                  <c:v>0.56740823072078417</c:v>
                </c:pt>
                <c:pt idx="1303">
                  <c:v>2.4171590628705397</c:v>
                </c:pt>
                <c:pt idx="1304">
                  <c:v>3.0214488285881749</c:v>
                </c:pt>
                <c:pt idx="1305">
                  <c:v>3.3235937114469927</c:v>
                </c:pt>
                <c:pt idx="1306">
                  <c:v>3.3235937114469927</c:v>
                </c:pt>
                <c:pt idx="1307">
                  <c:v>3.9278834771646274</c:v>
                </c:pt>
                <c:pt idx="1308">
                  <c:v>3.9278834771646274</c:v>
                </c:pt>
                <c:pt idx="1309">
                  <c:v>2.7193039457293575</c:v>
                </c:pt>
                <c:pt idx="1310">
                  <c:v>3.9278834771646274</c:v>
                </c:pt>
                <c:pt idx="1311">
                  <c:v>3.0214488285881749</c:v>
                </c:pt>
                <c:pt idx="1312">
                  <c:v>1.4185205768019604</c:v>
                </c:pt>
                <c:pt idx="1313">
                  <c:v>0.93622358068929379</c:v>
                </c:pt>
                <c:pt idx="1314">
                  <c:v>0.59577864225682331</c:v>
                </c:pt>
                <c:pt idx="1315">
                  <c:v>0.56740823072078417</c:v>
                </c:pt>
                <c:pt idx="1316">
                  <c:v>0.56740823072078417</c:v>
                </c:pt>
                <c:pt idx="1317">
                  <c:v>0.56740823072078417</c:v>
                </c:pt>
                <c:pt idx="1318">
                  <c:v>0.56740823072078417</c:v>
                </c:pt>
                <c:pt idx="1319">
                  <c:v>0.56740823072078417</c:v>
                </c:pt>
                <c:pt idx="1320">
                  <c:v>0.38521949347243217</c:v>
                </c:pt>
                <c:pt idx="1321">
                  <c:v>0.34669754412518894</c:v>
                </c:pt>
                <c:pt idx="1322">
                  <c:v>0.34669754412518894</c:v>
                </c:pt>
                <c:pt idx="1323">
                  <c:v>0.34669754412518894</c:v>
                </c:pt>
                <c:pt idx="1324">
                  <c:v>0.34669754412518894</c:v>
                </c:pt>
                <c:pt idx="1325">
                  <c:v>0.34669754412518894</c:v>
                </c:pt>
                <c:pt idx="1326">
                  <c:v>0.34669754412518894</c:v>
                </c:pt>
                <c:pt idx="1327">
                  <c:v>0.34669754412518894</c:v>
                </c:pt>
                <c:pt idx="1328">
                  <c:v>0.34669754412518894</c:v>
                </c:pt>
                <c:pt idx="1329">
                  <c:v>0.34669754412518894</c:v>
                </c:pt>
                <c:pt idx="1330">
                  <c:v>0.34669754412518894</c:v>
                </c:pt>
                <c:pt idx="1331">
                  <c:v>0.34669754412518894</c:v>
                </c:pt>
                <c:pt idx="1332">
                  <c:v>0.34669754412518894</c:v>
                </c:pt>
                <c:pt idx="1333">
                  <c:v>0.34669754412518894</c:v>
                </c:pt>
                <c:pt idx="1334">
                  <c:v>0.34669754412518894</c:v>
                </c:pt>
                <c:pt idx="1335">
                  <c:v>0.34669754412518894</c:v>
                </c:pt>
                <c:pt idx="1336">
                  <c:v>0.34669754412518894</c:v>
                </c:pt>
                <c:pt idx="1337">
                  <c:v>0.34669754412518894</c:v>
                </c:pt>
                <c:pt idx="1338">
                  <c:v>0.34669754412518894</c:v>
                </c:pt>
                <c:pt idx="1339">
                  <c:v>0.34669754412518894</c:v>
                </c:pt>
                <c:pt idx="1340">
                  <c:v>0.34669754412518894</c:v>
                </c:pt>
                <c:pt idx="1341">
                  <c:v>0.34669754412518894</c:v>
                </c:pt>
                <c:pt idx="1342">
                  <c:v>0.34669754412518894</c:v>
                </c:pt>
                <c:pt idx="1343">
                  <c:v>0.34669754412518894</c:v>
                </c:pt>
                <c:pt idx="1344">
                  <c:v>0.44152983179731303</c:v>
                </c:pt>
                <c:pt idx="1345">
                  <c:v>0.44152983179731303</c:v>
                </c:pt>
                <c:pt idx="1346">
                  <c:v>0.44152983179731303</c:v>
                </c:pt>
                <c:pt idx="1347">
                  <c:v>0.44152983179731303</c:v>
                </c:pt>
                <c:pt idx="1348">
                  <c:v>0.44152983179731303</c:v>
                </c:pt>
                <c:pt idx="1349">
                  <c:v>0.44152983179731303</c:v>
                </c:pt>
                <c:pt idx="1350">
                  <c:v>0.44152983179731303</c:v>
                </c:pt>
                <c:pt idx="1351">
                  <c:v>0.44152983179731303</c:v>
                </c:pt>
                <c:pt idx="1352">
                  <c:v>0.44152983179731303</c:v>
                </c:pt>
                <c:pt idx="1353">
                  <c:v>0.44152983179731303</c:v>
                </c:pt>
                <c:pt idx="1354">
                  <c:v>0.44152983179731303</c:v>
                </c:pt>
                <c:pt idx="1355">
                  <c:v>0.44152983179731303</c:v>
                </c:pt>
                <c:pt idx="1356">
                  <c:v>0.44152983179731303</c:v>
                </c:pt>
                <c:pt idx="1357">
                  <c:v>0.44152983179731303</c:v>
                </c:pt>
                <c:pt idx="1358">
                  <c:v>0.44152983179731303</c:v>
                </c:pt>
                <c:pt idx="1359">
                  <c:v>0.44152983179731303</c:v>
                </c:pt>
                <c:pt idx="1360">
                  <c:v>0.44152983179731303</c:v>
                </c:pt>
                <c:pt idx="1361">
                  <c:v>0.44152983179731303</c:v>
                </c:pt>
                <c:pt idx="1362">
                  <c:v>0.44152983179731303</c:v>
                </c:pt>
                <c:pt idx="1363">
                  <c:v>0.44152983179731303</c:v>
                </c:pt>
                <c:pt idx="1364">
                  <c:v>0.44152983179731303</c:v>
                </c:pt>
                <c:pt idx="1365">
                  <c:v>0.44152983179731303</c:v>
                </c:pt>
                <c:pt idx="1366">
                  <c:v>0.44152983179731303</c:v>
                </c:pt>
                <c:pt idx="1367">
                  <c:v>0.44152983179731303</c:v>
                </c:pt>
                <c:pt idx="1368">
                  <c:v>0.63868844733411034</c:v>
                </c:pt>
                <c:pt idx="1369">
                  <c:v>0.63868844733411034</c:v>
                </c:pt>
                <c:pt idx="1370">
                  <c:v>0.63868844733411034</c:v>
                </c:pt>
                <c:pt idx="1371">
                  <c:v>0.63868844733411034</c:v>
                </c:pt>
                <c:pt idx="1372">
                  <c:v>0.63868844733411034</c:v>
                </c:pt>
                <c:pt idx="1373">
                  <c:v>0.63868844733411034</c:v>
                </c:pt>
                <c:pt idx="1374">
                  <c:v>0.63868844733411034</c:v>
                </c:pt>
                <c:pt idx="1375">
                  <c:v>2.72081278564331</c:v>
                </c:pt>
                <c:pt idx="1376">
                  <c:v>3.0609143838487238</c:v>
                </c:pt>
                <c:pt idx="1377">
                  <c:v>3.4010159820541372</c:v>
                </c:pt>
                <c:pt idx="1378">
                  <c:v>3.4010159820541372</c:v>
                </c:pt>
                <c:pt idx="1379">
                  <c:v>4.0812191784649645</c:v>
                </c:pt>
                <c:pt idx="1380">
                  <c:v>4.0812191784649645</c:v>
                </c:pt>
                <c:pt idx="1381">
                  <c:v>2.72081278564331</c:v>
                </c:pt>
                <c:pt idx="1382">
                  <c:v>4.0812191784649645</c:v>
                </c:pt>
                <c:pt idx="1383">
                  <c:v>4.0812191784649645</c:v>
                </c:pt>
                <c:pt idx="1384">
                  <c:v>2.3807111874378957</c:v>
                </c:pt>
                <c:pt idx="1385">
                  <c:v>0.68020319641082749</c:v>
                </c:pt>
                <c:pt idx="1386">
                  <c:v>0.67062286970081586</c:v>
                </c:pt>
                <c:pt idx="1387">
                  <c:v>0.67062286970081586</c:v>
                </c:pt>
                <c:pt idx="1388">
                  <c:v>0.67062286970081586</c:v>
                </c:pt>
                <c:pt idx="1389">
                  <c:v>0.67062286970081586</c:v>
                </c:pt>
                <c:pt idx="1390">
                  <c:v>0.67062286970081586</c:v>
                </c:pt>
                <c:pt idx="1391">
                  <c:v>0.67062286970081586</c:v>
                </c:pt>
                <c:pt idx="1392">
                  <c:v>0.42123035486375848</c:v>
                </c:pt>
                <c:pt idx="1393">
                  <c:v>0.64187482645906069</c:v>
                </c:pt>
                <c:pt idx="1394">
                  <c:v>0.64187482645906069</c:v>
                </c:pt>
                <c:pt idx="1395">
                  <c:v>0.64187482645906069</c:v>
                </c:pt>
                <c:pt idx="1396">
                  <c:v>0.64187482645906069</c:v>
                </c:pt>
                <c:pt idx="1397">
                  <c:v>0.64187482645906069</c:v>
                </c:pt>
                <c:pt idx="1398">
                  <c:v>0.64187482645906069</c:v>
                </c:pt>
                <c:pt idx="1399">
                  <c:v>2.7059035652914769</c:v>
                </c:pt>
                <c:pt idx="1400">
                  <c:v>3.0192187149568062</c:v>
                </c:pt>
                <c:pt idx="1401">
                  <c:v>3.3325338646221354</c:v>
                </c:pt>
                <c:pt idx="1402">
                  <c:v>3.3325338646221354</c:v>
                </c:pt>
                <c:pt idx="1403">
                  <c:v>3.9876473593769139</c:v>
                </c:pt>
                <c:pt idx="1404">
                  <c:v>3.9876473593769139</c:v>
                </c:pt>
                <c:pt idx="1405">
                  <c:v>2.6489371744432355</c:v>
                </c:pt>
                <c:pt idx="1406">
                  <c:v>3.9876473593769139</c:v>
                </c:pt>
                <c:pt idx="1407">
                  <c:v>3.9876473593769139</c:v>
                </c:pt>
                <c:pt idx="1408">
                  <c:v>2.3498636224899672</c:v>
                </c:pt>
                <c:pt idx="1409">
                  <c:v>1.0029294163422822</c:v>
                </c:pt>
                <c:pt idx="1410">
                  <c:v>0.66193341478590628</c:v>
                </c:pt>
                <c:pt idx="1411">
                  <c:v>0.66193341478590628</c:v>
                </c:pt>
                <c:pt idx="1412">
                  <c:v>0.66193341478590628</c:v>
                </c:pt>
                <c:pt idx="1413">
                  <c:v>0.66193341478590628</c:v>
                </c:pt>
                <c:pt idx="1414">
                  <c:v>0.66193341478590628</c:v>
                </c:pt>
                <c:pt idx="1415">
                  <c:v>0.66193341478590628</c:v>
                </c:pt>
                <c:pt idx="1416">
                  <c:v>0.65009758510226179</c:v>
                </c:pt>
                <c:pt idx="1417">
                  <c:v>0.65009758510226179</c:v>
                </c:pt>
                <c:pt idx="1418">
                  <c:v>0.65009758510226179</c:v>
                </c:pt>
                <c:pt idx="1419">
                  <c:v>0.65009758510226179</c:v>
                </c:pt>
                <c:pt idx="1420">
                  <c:v>0.65009758510226179</c:v>
                </c:pt>
                <c:pt idx="1421">
                  <c:v>0.65009758510226179</c:v>
                </c:pt>
                <c:pt idx="1422">
                  <c:v>0.65009758510226179</c:v>
                </c:pt>
                <c:pt idx="1423">
                  <c:v>2.6575201281907606</c:v>
                </c:pt>
                <c:pt idx="1424">
                  <c:v>2.9652329851391648</c:v>
                </c:pt>
                <c:pt idx="1425">
                  <c:v>3.2729458420875686</c:v>
                </c:pt>
                <c:pt idx="1426">
                  <c:v>3.2729458420875686</c:v>
                </c:pt>
                <c:pt idx="1427">
                  <c:v>3.9163454520705949</c:v>
                </c:pt>
                <c:pt idx="1428">
                  <c:v>3.9163454520705949</c:v>
                </c:pt>
                <c:pt idx="1429">
                  <c:v>2.6015723360183234</c:v>
                </c:pt>
                <c:pt idx="1430">
                  <c:v>3.9163454520705949</c:v>
                </c:pt>
                <c:pt idx="1431">
                  <c:v>3.9163454520705949</c:v>
                </c:pt>
                <c:pt idx="1432">
                  <c:v>2.3078464271130295</c:v>
                </c:pt>
                <c:pt idx="1433">
                  <c:v>0.984996341064033</c:v>
                </c:pt>
                <c:pt idx="1434">
                  <c:v>0.65009758510226179</c:v>
                </c:pt>
                <c:pt idx="1435">
                  <c:v>0.65009758510226179</c:v>
                </c:pt>
                <c:pt idx="1436">
                  <c:v>0.65009758510226179</c:v>
                </c:pt>
                <c:pt idx="1437">
                  <c:v>0.65009758510226179</c:v>
                </c:pt>
                <c:pt idx="1438">
                  <c:v>0.65009758510226179</c:v>
                </c:pt>
                <c:pt idx="1439">
                  <c:v>0.65009758510226179</c:v>
                </c:pt>
                <c:pt idx="1440">
                  <c:v>0.63845134595117914</c:v>
                </c:pt>
                <c:pt idx="1441">
                  <c:v>0.63845134595117914</c:v>
                </c:pt>
                <c:pt idx="1442">
                  <c:v>0.63845134595117914</c:v>
                </c:pt>
                <c:pt idx="1443">
                  <c:v>0.63845134595117914</c:v>
                </c:pt>
                <c:pt idx="1444">
                  <c:v>0.63845134595117914</c:v>
                </c:pt>
                <c:pt idx="1445">
                  <c:v>0.63845134595117914</c:v>
                </c:pt>
                <c:pt idx="1446">
                  <c:v>0.63845134595117914</c:v>
                </c:pt>
                <c:pt idx="1447">
                  <c:v>2.6099117142064867</c:v>
                </c:pt>
                <c:pt idx="1448">
                  <c:v>2.9121120179567117</c:v>
                </c:pt>
                <c:pt idx="1449">
                  <c:v>3.2143123217069367</c:v>
                </c:pt>
                <c:pt idx="1450">
                  <c:v>3.2143123217069367</c:v>
                </c:pt>
                <c:pt idx="1451">
                  <c:v>3.8461856840937694</c:v>
                </c:pt>
                <c:pt idx="1452">
                  <c:v>3.8461856840937694</c:v>
                </c:pt>
                <c:pt idx="1453">
                  <c:v>2.5549662044337187</c:v>
                </c:pt>
                <c:pt idx="1454">
                  <c:v>3.8461856840937694</c:v>
                </c:pt>
                <c:pt idx="1455">
                  <c:v>3.8461856840937694</c:v>
                </c:pt>
                <c:pt idx="1456">
                  <c:v>2.2665022781266861</c:v>
                </c:pt>
                <c:pt idx="1457">
                  <c:v>0.96735052416845335</c:v>
                </c:pt>
                <c:pt idx="1458">
                  <c:v>0.63845134595117914</c:v>
                </c:pt>
                <c:pt idx="1459">
                  <c:v>0.63845134595117914</c:v>
                </c:pt>
                <c:pt idx="1460">
                  <c:v>0.63845134595117914</c:v>
                </c:pt>
                <c:pt idx="1461">
                  <c:v>0.63845134595117914</c:v>
                </c:pt>
                <c:pt idx="1462">
                  <c:v>0.63845134595117914</c:v>
                </c:pt>
                <c:pt idx="1463">
                  <c:v>0.63845134595117914</c:v>
                </c:pt>
                <c:pt idx="1464">
                  <c:v>0.97593671830479689</c:v>
                </c:pt>
                <c:pt idx="1465">
                  <c:v>0.5914767989726043</c:v>
                </c:pt>
                <c:pt idx="1466">
                  <c:v>0.5914767989726043</c:v>
                </c:pt>
                <c:pt idx="1467">
                  <c:v>0.5914767989726043</c:v>
                </c:pt>
                <c:pt idx="1468">
                  <c:v>0.5914767989726043</c:v>
                </c:pt>
                <c:pt idx="1469">
                  <c:v>0.5914767989726043</c:v>
                </c:pt>
                <c:pt idx="1470">
                  <c:v>0.5914767989726043</c:v>
                </c:pt>
                <c:pt idx="1471">
                  <c:v>2.5196911636232939</c:v>
                </c:pt>
                <c:pt idx="1472">
                  <c:v>3.1496139545291175</c:v>
                </c:pt>
                <c:pt idx="1473">
                  <c:v>3.4645753499820295</c:v>
                </c:pt>
                <c:pt idx="1474">
                  <c:v>3.4645753499820295</c:v>
                </c:pt>
                <c:pt idx="1475">
                  <c:v>4.0944981408878531</c:v>
                </c:pt>
                <c:pt idx="1476">
                  <c:v>4.0944981408878531</c:v>
                </c:pt>
                <c:pt idx="1477">
                  <c:v>2.8346525590762059</c:v>
                </c:pt>
                <c:pt idx="1478">
                  <c:v>4.0944981408878531</c:v>
                </c:pt>
                <c:pt idx="1479">
                  <c:v>3.1496139545291175</c:v>
                </c:pt>
                <c:pt idx="1480">
                  <c:v>1.4786919974315107</c:v>
                </c:pt>
                <c:pt idx="1481">
                  <c:v>0.97593671830479689</c:v>
                </c:pt>
                <c:pt idx="1482">
                  <c:v>0.62105063892123447</c:v>
                </c:pt>
                <c:pt idx="1483">
                  <c:v>0.5914767989726043</c:v>
                </c:pt>
                <c:pt idx="1484">
                  <c:v>0.5914767989726043</c:v>
                </c:pt>
                <c:pt idx="1485">
                  <c:v>0.5914767989726043</c:v>
                </c:pt>
                <c:pt idx="1486">
                  <c:v>0.5914767989726043</c:v>
                </c:pt>
                <c:pt idx="1487">
                  <c:v>0.5914767989726043</c:v>
                </c:pt>
                <c:pt idx="1488">
                  <c:v>0.404443099269996</c:v>
                </c:pt>
                <c:pt idx="1489">
                  <c:v>0.36399878934299645</c:v>
                </c:pt>
                <c:pt idx="1490">
                  <c:v>0.36399878934299645</c:v>
                </c:pt>
                <c:pt idx="1491">
                  <c:v>0.36399878934299645</c:v>
                </c:pt>
                <c:pt idx="1492">
                  <c:v>0.36399878934299645</c:v>
                </c:pt>
                <c:pt idx="1493">
                  <c:v>0.36399878934299645</c:v>
                </c:pt>
                <c:pt idx="1494">
                  <c:v>0.36399878934299645</c:v>
                </c:pt>
                <c:pt idx="1495">
                  <c:v>0.36399878934299645</c:v>
                </c:pt>
                <c:pt idx="1496">
                  <c:v>0.36399878934299645</c:v>
                </c:pt>
                <c:pt idx="1497">
                  <c:v>0.36399878934299645</c:v>
                </c:pt>
                <c:pt idx="1498">
                  <c:v>0.36399878934299645</c:v>
                </c:pt>
                <c:pt idx="1499">
                  <c:v>0.36399878934299645</c:v>
                </c:pt>
                <c:pt idx="1500">
                  <c:v>0.36399878934299645</c:v>
                </c:pt>
                <c:pt idx="1501">
                  <c:v>0.36399878934299645</c:v>
                </c:pt>
                <c:pt idx="1502">
                  <c:v>0.36399878934299645</c:v>
                </c:pt>
                <c:pt idx="1503">
                  <c:v>0.36399878934299645</c:v>
                </c:pt>
                <c:pt idx="1504">
                  <c:v>0.36399878934299645</c:v>
                </c:pt>
                <c:pt idx="1505">
                  <c:v>0.36399878934299645</c:v>
                </c:pt>
                <c:pt idx="1506">
                  <c:v>0.36399878934299645</c:v>
                </c:pt>
                <c:pt idx="1507">
                  <c:v>0.36399878934299645</c:v>
                </c:pt>
                <c:pt idx="1508">
                  <c:v>0.36399878934299645</c:v>
                </c:pt>
                <c:pt idx="1509">
                  <c:v>0.36399878934299645</c:v>
                </c:pt>
                <c:pt idx="1510">
                  <c:v>0.36399878934299645</c:v>
                </c:pt>
                <c:pt idx="1511">
                  <c:v>0.36399878934299645</c:v>
                </c:pt>
                <c:pt idx="1512">
                  <c:v>0.40518702250350941</c:v>
                </c:pt>
                <c:pt idx="1513">
                  <c:v>0.40518702250350941</c:v>
                </c:pt>
                <c:pt idx="1514">
                  <c:v>0.40518702250350941</c:v>
                </c:pt>
                <c:pt idx="1515">
                  <c:v>0.40518702250350941</c:v>
                </c:pt>
                <c:pt idx="1516">
                  <c:v>0.40518702250350941</c:v>
                </c:pt>
                <c:pt idx="1517">
                  <c:v>0.40518702250350941</c:v>
                </c:pt>
                <c:pt idx="1518">
                  <c:v>0.40518702250350941</c:v>
                </c:pt>
                <c:pt idx="1519">
                  <c:v>0.40518702250350941</c:v>
                </c:pt>
                <c:pt idx="1520">
                  <c:v>0.40518702250350941</c:v>
                </c:pt>
                <c:pt idx="1521">
                  <c:v>0.40518702250350941</c:v>
                </c:pt>
                <c:pt idx="1522">
                  <c:v>0.40518702250350941</c:v>
                </c:pt>
                <c:pt idx="1523">
                  <c:v>0.40518702250350941</c:v>
                </c:pt>
                <c:pt idx="1524">
                  <c:v>0.40518702250350941</c:v>
                </c:pt>
                <c:pt idx="1525">
                  <c:v>0.40518702250350941</c:v>
                </c:pt>
                <c:pt idx="1526">
                  <c:v>0.40518702250350941</c:v>
                </c:pt>
                <c:pt idx="1527">
                  <c:v>0.40518702250350941</c:v>
                </c:pt>
                <c:pt idx="1528">
                  <c:v>0.40518702250350941</c:v>
                </c:pt>
                <c:pt idx="1529">
                  <c:v>0.40518702250350941</c:v>
                </c:pt>
                <c:pt idx="1530">
                  <c:v>0.40518702250350941</c:v>
                </c:pt>
                <c:pt idx="1531">
                  <c:v>0.40518702250350941</c:v>
                </c:pt>
                <c:pt idx="1532">
                  <c:v>0.40518702250350941</c:v>
                </c:pt>
                <c:pt idx="1533">
                  <c:v>0.40518702250350941</c:v>
                </c:pt>
                <c:pt idx="1534">
                  <c:v>0.40518702250350941</c:v>
                </c:pt>
                <c:pt idx="1535">
                  <c:v>0.40518702250350941</c:v>
                </c:pt>
                <c:pt idx="1536">
                  <c:v>0.61479540925632936</c:v>
                </c:pt>
                <c:pt idx="1537">
                  <c:v>0.61479540925632936</c:v>
                </c:pt>
                <c:pt idx="1538">
                  <c:v>0.61479540925632936</c:v>
                </c:pt>
                <c:pt idx="1539">
                  <c:v>0.61479540925632936</c:v>
                </c:pt>
                <c:pt idx="1540">
                  <c:v>0.61479540925632936</c:v>
                </c:pt>
                <c:pt idx="1541">
                  <c:v>0.61479540925632936</c:v>
                </c:pt>
                <c:pt idx="1542">
                  <c:v>0.61479540925632936</c:v>
                </c:pt>
                <c:pt idx="1543">
                  <c:v>2.6190284434319628</c:v>
                </c:pt>
                <c:pt idx="1544">
                  <c:v>2.946406998860958</c:v>
                </c:pt>
                <c:pt idx="1545">
                  <c:v>3.2737855542899537</c:v>
                </c:pt>
                <c:pt idx="1546">
                  <c:v>3.2737855542899537</c:v>
                </c:pt>
                <c:pt idx="1547">
                  <c:v>3.928542665147944</c:v>
                </c:pt>
                <c:pt idx="1548">
                  <c:v>3.928542665147944</c:v>
                </c:pt>
                <c:pt idx="1549">
                  <c:v>2.6190284434319628</c:v>
                </c:pt>
                <c:pt idx="1550">
                  <c:v>3.928542665147944</c:v>
                </c:pt>
                <c:pt idx="1551">
                  <c:v>3.928542665147944</c:v>
                </c:pt>
                <c:pt idx="1552">
                  <c:v>2.2916498880029672</c:v>
                </c:pt>
                <c:pt idx="1553">
                  <c:v>0.65475711085799071</c:v>
                </c:pt>
                <c:pt idx="1554">
                  <c:v>0.64553517971914576</c:v>
                </c:pt>
                <c:pt idx="1555">
                  <c:v>0.64553517971914576</c:v>
                </c:pt>
                <c:pt idx="1556">
                  <c:v>0.64553517971914576</c:v>
                </c:pt>
                <c:pt idx="1557">
                  <c:v>0.64553517971914576</c:v>
                </c:pt>
                <c:pt idx="1558">
                  <c:v>0.64553517971914576</c:v>
                </c:pt>
                <c:pt idx="1559">
                  <c:v>0.64553517971914576</c:v>
                </c:pt>
                <c:pt idx="1560">
                  <c:v>0.40714459517498541</c:v>
                </c:pt>
                <c:pt idx="1561">
                  <c:v>0.62041081169521584</c:v>
                </c:pt>
                <c:pt idx="1562">
                  <c:v>0.62041081169521584</c:v>
                </c:pt>
                <c:pt idx="1563">
                  <c:v>0.62041081169521584</c:v>
                </c:pt>
                <c:pt idx="1564">
                  <c:v>0.62041081169521584</c:v>
                </c:pt>
                <c:pt idx="1565">
                  <c:v>0.62041081169521584</c:v>
                </c:pt>
                <c:pt idx="1566">
                  <c:v>0.62041081169521584</c:v>
                </c:pt>
                <c:pt idx="1567">
                  <c:v>2.6154193280526439</c:v>
                </c:pt>
                <c:pt idx="1568">
                  <c:v>2.9182573555113716</c:v>
                </c:pt>
                <c:pt idx="1569">
                  <c:v>3.2210953829700988</c:v>
                </c:pt>
                <c:pt idx="1570">
                  <c:v>3.2210953829700988</c:v>
                </c:pt>
                <c:pt idx="1571">
                  <c:v>3.8543021676565279</c:v>
                </c:pt>
                <c:pt idx="1572">
                  <c:v>3.8543021676565279</c:v>
                </c:pt>
                <c:pt idx="1573">
                  <c:v>2.5603578685146937</c:v>
                </c:pt>
                <c:pt idx="1574">
                  <c:v>3.8543021676565279</c:v>
                </c:pt>
                <c:pt idx="1575">
                  <c:v>3.8543021676565279</c:v>
                </c:pt>
                <c:pt idx="1576">
                  <c:v>2.2712852059404542</c:v>
                </c:pt>
                <c:pt idx="1577">
                  <c:v>0.96939189327377473</c:v>
                </c:pt>
                <c:pt idx="1578">
                  <c:v>0.63979864956069132</c:v>
                </c:pt>
                <c:pt idx="1579">
                  <c:v>0.63979864956069132</c:v>
                </c:pt>
                <c:pt idx="1580">
                  <c:v>0.63979864956069132</c:v>
                </c:pt>
                <c:pt idx="1581">
                  <c:v>0.63979864956069132</c:v>
                </c:pt>
                <c:pt idx="1582">
                  <c:v>0.63979864956069132</c:v>
                </c:pt>
                <c:pt idx="1583">
                  <c:v>0.63979864956069132</c:v>
                </c:pt>
                <c:pt idx="1584">
                  <c:v>0.63038856500042961</c:v>
                </c:pt>
                <c:pt idx="1585">
                  <c:v>0.63038856500042961</c:v>
                </c:pt>
                <c:pt idx="1586">
                  <c:v>0.63038856500042961</c:v>
                </c:pt>
                <c:pt idx="1587">
                  <c:v>0.63038856500042961</c:v>
                </c:pt>
                <c:pt idx="1588">
                  <c:v>0.63038856500042961</c:v>
                </c:pt>
                <c:pt idx="1589">
                  <c:v>0.63038856500042961</c:v>
                </c:pt>
                <c:pt idx="1590">
                  <c:v>0.63038856500042961</c:v>
                </c:pt>
                <c:pt idx="1591">
                  <c:v>2.5769520429866044</c:v>
                </c:pt>
                <c:pt idx="1592">
                  <c:v>2.875335963753475</c:v>
                </c:pt>
                <c:pt idx="1593">
                  <c:v>3.1737198845203447</c:v>
                </c:pt>
                <c:pt idx="1594">
                  <c:v>3.1737198845203447</c:v>
                </c:pt>
                <c:pt idx="1595">
                  <c:v>3.7976135370328912</c:v>
                </c:pt>
                <c:pt idx="1596">
                  <c:v>3.7976135370328912</c:v>
                </c:pt>
                <c:pt idx="1597">
                  <c:v>2.5227004210289921</c:v>
                </c:pt>
                <c:pt idx="1598">
                  <c:v>3.7976135370328912</c:v>
                </c:pt>
                <c:pt idx="1599">
                  <c:v>3.7976135370328912</c:v>
                </c:pt>
                <c:pt idx="1600">
                  <c:v>2.2378794057515252</c:v>
                </c:pt>
                <c:pt idx="1601">
                  <c:v>0.95513418939459038</c:v>
                </c:pt>
                <c:pt idx="1602">
                  <c:v>0.63038856500042961</c:v>
                </c:pt>
                <c:pt idx="1603">
                  <c:v>0.63038856500042961</c:v>
                </c:pt>
                <c:pt idx="1604">
                  <c:v>0.63038856500042961</c:v>
                </c:pt>
                <c:pt idx="1605">
                  <c:v>0.63038856500042961</c:v>
                </c:pt>
                <c:pt idx="1606">
                  <c:v>0.63038856500042961</c:v>
                </c:pt>
                <c:pt idx="1607">
                  <c:v>0.63038856500042961</c:v>
                </c:pt>
                <c:pt idx="1608">
                  <c:v>0.61471093537397226</c:v>
                </c:pt>
                <c:pt idx="1609">
                  <c:v>0.61471093537397226</c:v>
                </c:pt>
                <c:pt idx="1610">
                  <c:v>0.61471093537397226</c:v>
                </c:pt>
                <c:pt idx="1611">
                  <c:v>0.61471093537397226</c:v>
                </c:pt>
                <c:pt idx="1612">
                  <c:v>0.61471093537397226</c:v>
                </c:pt>
                <c:pt idx="1613">
                  <c:v>0.61471093537397226</c:v>
                </c:pt>
                <c:pt idx="1614">
                  <c:v>0.61471093537397226</c:v>
                </c:pt>
                <c:pt idx="1615">
                  <c:v>2.5128637933923899</c:v>
                </c:pt>
                <c:pt idx="1616">
                  <c:v>2.8038269694694034</c:v>
                </c:pt>
                <c:pt idx="1617">
                  <c:v>3.0947901455464173</c:v>
                </c:pt>
                <c:pt idx="1618">
                  <c:v>3.0947901455464173</c:v>
                </c:pt>
                <c:pt idx="1619">
                  <c:v>3.703167695525627</c:v>
                </c:pt>
                <c:pt idx="1620">
                  <c:v>3.703167695525627</c:v>
                </c:pt>
                <c:pt idx="1621">
                  <c:v>2.459961397742024</c:v>
                </c:pt>
                <c:pt idx="1622">
                  <c:v>3.703167695525627</c:v>
                </c:pt>
                <c:pt idx="1623">
                  <c:v>3.703167695525627</c:v>
                </c:pt>
                <c:pt idx="1624">
                  <c:v>2.1822238205776014</c:v>
                </c:pt>
                <c:pt idx="1625">
                  <c:v>0.93138020511207942</c:v>
                </c:pt>
                <c:pt idx="1626">
                  <c:v>0.61471093537397226</c:v>
                </c:pt>
                <c:pt idx="1627">
                  <c:v>0.61471093537397226</c:v>
                </c:pt>
                <c:pt idx="1628">
                  <c:v>0.61471093537397226</c:v>
                </c:pt>
                <c:pt idx="1629">
                  <c:v>0.61471093537397226</c:v>
                </c:pt>
                <c:pt idx="1630">
                  <c:v>0.61471093537397226</c:v>
                </c:pt>
                <c:pt idx="1631">
                  <c:v>0.61471093537397226</c:v>
                </c:pt>
                <c:pt idx="1632">
                  <c:v>0.94444009192008771</c:v>
                </c:pt>
                <c:pt idx="1633">
                  <c:v>0.57238793449702274</c:v>
                </c:pt>
                <c:pt idx="1634">
                  <c:v>0.57238793449702274</c:v>
                </c:pt>
                <c:pt idx="1635">
                  <c:v>0.57238793449702274</c:v>
                </c:pt>
                <c:pt idx="1636">
                  <c:v>0.57238793449702274</c:v>
                </c:pt>
                <c:pt idx="1637">
                  <c:v>0.57238793449702274</c:v>
                </c:pt>
                <c:pt idx="1638">
                  <c:v>0.57238793449702274</c:v>
                </c:pt>
                <c:pt idx="1639">
                  <c:v>2.438372600957317</c:v>
                </c:pt>
                <c:pt idx="1640">
                  <c:v>3.0479657511966463</c:v>
                </c:pt>
                <c:pt idx="1641">
                  <c:v>3.3527623263163107</c:v>
                </c:pt>
                <c:pt idx="1642">
                  <c:v>3.3527623263163107</c:v>
                </c:pt>
                <c:pt idx="1643">
                  <c:v>3.9623554765556404</c:v>
                </c:pt>
                <c:pt idx="1644">
                  <c:v>3.9623554765556404</c:v>
                </c:pt>
                <c:pt idx="1645">
                  <c:v>2.7431691760769814</c:v>
                </c:pt>
                <c:pt idx="1646">
                  <c:v>3.9623554765556404</c:v>
                </c:pt>
                <c:pt idx="1647">
                  <c:v>3.0479657511966463</c:v>
                </c:pt>
                <c:pt idx="1648">
                  <c:v>1.4309698362425571</c:v>
                </c:pt>
                <c:pt idx="1649">
                  <c:v>0.94444009192008771</c:v>
                </c:pt>
                <c:pt idx="1650">
                  <c:v>0.60100733122187389</c:v>
                </c:pt>
                <c:pt idx="1651">
                  <c:v>0.57238793449702274</c:v>
                </c:pt>
                <c:pt idx="1652">
                  <c:v>0.57238793449702274</c:v>
                </c:pt>
                <c:pt idx="1653">
                  <c:v>0.57238793449702274</c:v>
                </c:pt>
                <c:pt idx="1654">
                  <c:v>0.57238793449702274</c:v>
                </c:pt>
                <c:pt idx="1655">
                  <c:v>0.57238793449702274</c:v>
                </c:pt>
                <c:pt idx="1656">
                  <c:v>0.38347189294538092</c:v>
                </c:pt>
                <c:pt idx="1657">
                  <c:v>0.34512470365084275</c:v>
                </c:pt>
                <c:pt idx="1658">
                  <c:v>0.34512470365084275</c:v>
                </c:pt>
                <c:pt idx="1659">
                  <c:v>0.34512470365084275</c:v>
                </c:pt>
                <c:pt idx="1660">
                  <c:v>0.34512470365084275</c:v>
                </c:pt>
                <c:pt idx="1661">
                  <c:v>0.34512470365084275</c:v>
                </c:pt>
                <c:pt idx="1662">
                  <c:v>0.34512470365084275</c:v>
                </c:pt>
                <c:pt idx="1663">
                  <c:v>0.34512470365084275</c:v>
                </c:pt>
                <c:pt idx="1664">
                  <c:v>0.34512470365084275</c:v>
                </c:pt>
                <c:pt idx="1665">
                  <c:v>0.34512470365084275</c:v>
                </c:pt>
                <c:pt idx="1666">
                  <c:v>0.34512470365084275</c:v>
                </c:pt>
                <c:pt idx="1667">
                  <c:v>0.34512470365084275</c:v>
                </c:pt>
                <c:pt idx="1668">
                  <c:v>0.34512470365084275</c:v>
                </c:pt>
                <c:pt idx="1669">
                  <c:v>0.34512470365084275</c:v>
                </c:pt>
                <c:pt idx="1670">
                  <c:v>0.34512470365084275</c:v>
                </c:pt>
                <c:pt idx="1671">
                  <c:v>0.34512470365084275</c:v>
                </c:pt>
                <c:pt idx="1672">
                  <c:v>0.34512470365084275</c:v>
                </c:pt>
                <c:pt idx="1673">
                  <c:v>0.34512470365084275</c:v>
                </c:pt>
                <c:pt idx="1674">
                  <c:v>0.34512470365084275</c:v>
                </c:pt>
                <c:pt idx="1675">
                  <c:v>0.34512470365084275</c:v>
                </c:pt>
                <c:pt idx="1676">
                  <c:v>0.34512470365084275</c:v>
                </c:pt>
                <c:pt idx="1677">
                  <c:v>0.34512470365084275</c:v>
                </c:pt>
                <c:pt idx="1678">
                  <c:v>0.34512470365084275</c:v>
                </c:pt>
                <c:pt idx="1679">
                  <c:v>0.34512470365084275</c:v>
                </c:pt>
                <c:pt idx="1680">
                  <c:v>0.39886653393067401</c:v>
                </c:pt>
                <c:pt idx="1681">
                  <c:v>0.39886653393067401</c:v>
                </c:pt>
                <c:pt idx="1682">
                  <c:v>0.39886653393067401</c:v>
                </c:pt>
                <c:pt idx="1683">
                  <c:v>0.39886653393067401</c:v>
                </c:pt>
                <c:pt idx="1684">
                  <c:v>0.39886653393067401</c:v>
                </c:pt>
                <c:pt idx="1685">
                  <c:v>0.39886653393067401</c:v>
                </c:pt>
                <c:pt idx="1686">
                  <c:v>0.39886653393067401</c:v>
                </c:pt>
                <c:pt idx="1687">
                  <c:v>0.39886653393067401</c:v>
                </c:pt>
                <c:pt idx="1688">
                  <c:v>0.39886653393067401</c:v>
                </c:pt>
                <c:pt idx="1689">
                  <c:v>0.39886653393067401</c:v>
                </c:pt>
                <c:pt idx="1690">
                  <c:v>0.39886653393067401</c:v>
                </c:pt>
                <c:pt idx="1691">
                  <c:v>0.39886653393067401</c:v>
                </c:pt>
                <c:pt idx="1692">
                  <c:v>0.39886653393067401</c:v>
                </c:pt>
                <c:pt idx="1693">
                  <c:v>0.39886653393067401</c:v>
                </c:pt>
                <c:pt idx="1694">
                  <c:v>0.39886653393067401</c:v>
                </c:pt>
                <c:pt idx="1695">
                  <c:v>0.39886653393067401</c:v>
                </c:pt>
                <c:pt idx="1696">
                  <c:v>0.39886653393067401</c:v>
                </c:pt>
                <c:pt idx="1697">
                  <c:v>0.39886653393067401</c:v>
                </c:pt>
                <c:pt idx="1698">
                  <c:v>0.39886653393067401</c:v>
                </c:pt>
                <c:pt idx="1699">
                  <c:v>0.39886653393067401</c:v>
                </c:pt>
                <c:pt idx="1700">
                  <c:v>0.39886653393067401</c:v>
                </c:pt>
                <c:pt idx="1701">
                  <c:v>0.39886653393067401</c:v>
                </c:pt>
                <c:pt idx="1702">
                  <c:v>0.39886653393067401</c:v>
                </c:pt>
                <c:pt idx="1703">
                  <c:v>0.39886653393067401</c:v>
                </c:pt>
                <c:pt idx="1704">
                  <c:v>0.59287419940100572</c:v>
                </c:pt>
                <c:pt idx="1705">
                  <c:v>0.59287419940100572</c:v>
                </c:pt>
                <c:pt idx="1706">
                  <c:v>0.59287419940100572</c:v>
                </c:pt>
                <c:pt idx="1707">
                  <c:v>0.59287419940100572</c:v>
                </c:pt>
                <c:pt idx="1708">
                  <c:v>0.59287419940100572</c:v>
                </c:pt>
                <c:pt idx="1709">
                  <c:v>0.59287419940100572</c:v>
                </c:pt>
                <c:pt idx="1710">
                  <c:v>0.59287419940100572</c:v>
                </c:pt>
                <c:pt idx="1711">
                  <c:v>2.5256440894482841</c:v>
                </c:pt>
                <c:pt idx="1712">
                  <c:v>2.8413496006293197</c:v>
                </c:pt>
                <c:pt idx="1713">
                  <c:v>3.1570551118103554</c:v>
                </c:pt>
                <c:pt idx="1714">
                  <c:v>3.1570551118103554</c:v>
                </c:pt>
                <c:pt idx="1715">
                  <c:v>3.7884661341724262</c:v>
                </c:pt>
                <c:pt idx="1716">
                  <c:v>3.7884661341724262</c:v>
                </c:pt>
                <c:pt idx="1717">
                  <c:v>2.5256440894482841</c:v>
                </c:pt>
                <c:pt idx="1718">
                  <c:v>3.7884661341724262</c:v>
                </c:pt>
                <c:pt idx="1719">
                  <c:v>3.7884661341724262</c:v>
                </c:pt>
                <c:pt idx="1720">
                  <c:v>2.2099385782672489</c:v>
                </c:pt>
                <c:pt idx="1721">
                  <c:v>0.63141102236207103</c:v>
                </c:pt>
                <c:pt idx="1722">
                  <c:v>0.622517909371056</c:v>
                </c:pt>
                <c:pt idx="1723">
                  <c:v>0.622517909371056</c:v>
                </c:pt>
                <c:pt idx="1724">
                  <c:v>0.622517909371056</c:v>
                </c:pt>
                <c:pt idx="1725">
                  <c:v>0.622517909371056</c:v>
                </c:pt>
                <c:pt idx="1726">
                  <c:v>0.622517909371056</c:v>
                </c:pt>
                <c:pt idx="1727">
                  <c:v>0.622517909371056</c:v>
                </c:pt>
                <c:pt idx="1728">
                  <c:v>0.39679587377098885</c:v>
                </c:pt>
                <c:pt idx="1729">
                  <c:v>0.60464133146055454</c:v>
                </c:pt>
                <c:pt idx="1730">
                  <c:v>0.60464133146055454</c:v>
                </c:pt>
                <c:pt idx="1731">
                  <c:v>0.60464133146055454</c:v>
                </c:pt>
                <c:pt idx="1732">
                  <c:v>0.60464133146055454</c:v>
                </c:pt>
                <c:pt idx="1733">
                  <c:v>0.60464133146055454</c:v>
                </c:pt>
                <c:pt idx="1734">
                  <c:v>0.60464133146055454</c:v>
                </c:pt>
                <c:pt idx="1735">
                  <c:v>2.5489411129383996</c:v>
                </c:pt>
                <c:pt idx="1736">
                  <c:v>2.8440816628575831</c:v>
                </c:pt>
                <c:pt idx="1737">
                  <c:v>3.1392222127767662</c:v>
                </c:pt>
                <c:pt idx="1738">
                  <c:v>3.1392222127767662</c:v>
                </c:pt>
                <c:pt idx="1739">
                  <c:v>3.7563342716986945</c:v>
                </c:pt>
                <c:pt idx="1740">
                  <c:v>3.7563342716986945</c:v>
                </c:pt>
                <c:pt idx="1741">
                  <c:v>2.4952791947712751</c:v>
                </c:pt>
                <c:pt idx="1742">
                  <c:v>3.7563342716986945</c:v>
                </c:pt>
                <c:pt idx="1743">
                  <c:v>3.7563342716986945</c:v>
                </c:pt>
                <c:pt idx="1744">
                  <c:v>2.2135541243938737</c:v>
                </c:pt>
                <c:pt idx="1745">
                  <c:v>0.94475208040711633</c:v>
                </c:pt>
                <c:pt idx="1746">
                  <c:v>0.6235363730686968</c:v>
                </c:pt>
                <c:pt idx="1747">
                  <c:v>0.6235363730686968</c:v>
                </c:pt>
                <c:pt idx="1748">
                  <c:v>0.6235363730686968</c:v>
                </c:pt>
                <c:pt idx="1749">
                  <c:v>0.6235363730686968</c:v>
                </c:pt>
                <c:pt idx="1750">
                  <c:v>0.6235363730686968</c:v>
                </c:pt>
                <c:pt idx="1751">
                  <c:v>0.6235363730686968</c:v>
                </c:pt>
                <c:pt idx="1752">
                  <c:v>0.63218029410059629</c:v>
                </c:pt>
                <c:pt idx="1753">
                  <c:v>0.63218029410059629</c:v>
                </c:pt>
                <c:pt idx="1754">
                  <c:v>0.63218029410059629</c:v>
                </c:pt>
                <c:pt idx="1755">
                  <c:v>0.63218029410059629</c:v>
                </c:pt>
                <c:pt idx="1756">
                  <c:v>0.63218029410059629</c:v>
                </c:pt>
                <c:pt idx="1757">
                  <c:v>0.63218029410059629</c:v>
                </c:pt>
                <c:pt idx="1758">
                  <c:v>0.63218029410059629</c:v>
                </c:pt>
                <c:pt idx="1759">
                  <c:v>2.5842764143688002</c:v>
                </c:pt>
                <c:pt idx="1760">
                  <c:v>2.883508420243083</c:v>
                </c:pt>
                <c:pt idx="1761">
                  <c:v>3.1827404261173653</c:v>
                </c:pt>
                <c:pt idx="1762">
                  <c:v>3.1827404261173653</c:v>
                </c:pt>
                <c:pt idx="1763">
                  <c:v>3.8084073474908644</c:v>
                </c:pt>
                <c:pt idx="1764">
                  <c:v>3.8084073474908644</c:v>
                </c:pt>
                <c:pt idx="1765">
                  <c:v>2.5298705951189313</c:v>
                </c:pt>
                <c:pt idx="1766">
                  <c:v>3.8084073474908644</c:v>
                </c:pt>
                <c:pt idx="1767">
                  <c:v>3.8084073474908644</c:v>
                </c:pt>
                <c:pt idx="1768">
                  <c:v>2.2442400440571166</c:v>
                </c:pt>
                <c:pt idx="1769">
                  <c:v>0.95784893045544883</c:v>
                </c:pt>
                <c:pt idx="1770">
                  <c:v>0.63218029410059629</c:v>
                </c:pt>
                <c:pt idx="1771">
                  <c:v>0.63218029410059629</c:v>
                </c:pt>
                <c:pt idx="1772">
                  <c:v>0.63218029410059629</c:v>
                </c:pt>
                <c:pt idx="1773">
                  <c:v>0.63218029410059629</c:v>
                </c:pt>
                <c:pt idx="1774">
                  <c:v>0.63218029410059629</c:v>
                </c:pt>
                <c:pt idx="1775">
                  <c:v>0.63218029410059629</c:v>
                </c:pt>
                <c:pt idx="1776">
                  <c:v>0.64427446552672052</c:v>
                </c:pt>
                <c:pt idx="1777">
                  <c:v>0.64427446552672052</c:v>
                </c:pt>
                <c:pt idx="1778">
                  <c:v>0.64427446552672052</c:v>
                </c:pt>
                <c:pt idx="1779">
                  <c:v>0.64427446552672052</c:v>
                </c:pt>
                <c:pt idx="1780">
                  <c:v>0.64427446552672052</c:v>
                </c:pt>
                <c:pt idx="1781">
                  <c:v>0.64427446552672052</c:v>
                </c:pt>
                <c:pt idx="1782">
                  <c:v>0.64427446552672052</c:v>
                </c:pt>
                <c:pt idx="1783">
                  <c:v>2.6337159211986236</c:v>
                </c:pt>
                <c:pt idx="1784">
                  <c:v>2.9386725015479382</c:v>
                </c:pt>
                <c:pt idx="1785">
                  <c:v>3.2436290818972529</c:v>
                </c:pt>
                <c:pt idx="1786">
                  <c:v>3.2436290818972529</c:v>
                </c:pt>
                <c:pt idx="1787">
                  <c:v>3.8812655680821826</c:v>
                </c:pt>
                <c:pt idx="1788">
                  <c:v>3.8812655680821826</c:v>
                </c:pt>
                <c:pt idx="1789">
                  <c:v>2.5782692702260217</c:v>
                </c:pt>
                <c:pt idx="1790">
                  <c:v>3.8812655680821826</c:v>
                </c:pt>
                <c:pt idx="1791">
                  <c:v>3.8812655680821826</c:v>
                </c:pt>
                <c:pt idx="1792">
                  <c:v>2.287174352619858</c:v>
                </c:pt>
                <c:pt idx="1793">
                  <c:v>0.97617343261624334</c:v>
                </c:pt>
                <c:pt idx="1794">
                  <c:v>0.64427446552672052</c:v>
                </c:pt>
                <c:pt idx="1795">
                  <c:v>0.64427446552672052</c:v>
                </c:pt>
                <c:pt idx="1796">
                  <c:v>0.64427446552672052</c:v>
                </c:pt>
                <c:pt idx="1797">
                  <c:v>0.64427446552672052</c:v>
                </c:pt>
                <c:pt idx="1798">
                  <c:v>0.64427446552672052</c:v>
                </c:pt>
                <c:pt idx="1799">
                  <c:v>0.64427446552672052</c:v>
                </c:pt>
                <c:pt idx="1800">
                  <c:v>0.9663507885355378</c:v>
                </c:pt>
                <c:pt idx="1801">
                  <c:v>0.58566714456699243</c:v>
                </c:pt>
                <c:pt idx="1802">
                  <c:v>0.58566714456699243</c:v>
                </c:pt>
                <c:pt idx="1803">
                  <c:v>0.58566714456699243</c:v>
                </c:pt>
                <c:pt idx="1804">
                  <c:v>0.58566714456699243</c:v>
                </c:pt>
                <c:pt idx="1805">
                  <c:v>0.58566714456699243</c:v>
                </c:pt>
                <c:pt idx="1806">
                  <c:v>0.58566714456699243</c:v>
                </c:pt>
                <c:pt idx="1807">
                  <c:v>2.494942035855388</c:v>
                </c:pt>
                <c:pt idx="1808">
                  <c:v>3.118677544819235</c:v>
                </c:pt>
                <c:pt idx="1809">
                  <c:v>3.4305452993011585</c:v>
                </c:pt>
                <c:pt idx="1810">
                  <c:v>3.4305452993011585</c:v>
                </c:pt>
                <c:pt idx="1811">
                  <c:v>4.0542808082650055</c:v>
                </c:pt>
                <c:pt idx="1812">
                  <c:v>4.0542808082650055</c:v>
                </c:pt>
                <c:pt idx="1813">
                  <c:v>2.8068097903373115</c:v>
                </c:pt>
                <c:pt idx="1814">
                  <c:v>4.0542808082650055</c:v>
                </c:pt>
                <c:pt idx="1815">
                  <c:v>3.118677544819235</c:v>
                </c:pt>
                <c:pt idx="1816">
                  <c:v>1.4641678614174813</c:v>
                </c:pt>
                <c:pt idx="1817">
                  <c:v>0.9663507885355378</c:v>
                </c:pt>
                <c:pt idx="1818">
                  <c:v>0.61495050179534205</c:v>
                </c:pt>
                <c:pt idx="1819">
                  <c:v>0.58566714456699243</c:v>
                </c:pt>
                <c:pt idx="1820">
                  <c:v>0.58566714456699243</c:v>
                </c:pt>
                <c:pt idx="1821">
                  <c:v>0.58566714456699243</c:v>
                </c:pt>
                <c:pt idx="1822">
                  <c:v>0.58566714456699243</c:v>
                </c:pt>
                <c:pt idx="1823">
                  <c:v>0.58566714456699243</c:v>
                </c:pt>
                <c:pt idx="1824">
                  <c:v>0.36075308609371443</c:v>
                </c:pt>
                <c:pt idx="1825">
                  <c:v>0.32467777748434296</c:v>
                </c:pt>
                <c:pt idx="1826">
                  <c:v>0.32467777748434296</c:v>
                </c:pt>
                <c:pt idx="1827">
                  <c:v>0.32467777748434296</c:v>
                </c:pt>
                <c:pt idx="1828">
                  <c:v>0.32467777748434296</c:v>
                </c:pt>
                <c:pt idx="1829">
                  <c:v>0.32467777748434296</c:v>
                </c:pt>
                <c:pt idx="1830">
                  <c:v>0.32467777748434296</c:v>
                </c:pt>
                <c:pt idx="1831">
                  <c:v>0.32467777748434296</c:v>
                </c:pt>
                <c:pt idx="1832">
                  <c:v>0.32467777748434296</c:v>
                </c:pt>
                <c:pt idx="1833">
                  <c:v>0.32467777748434296</c:v>
                </c:pt>
                <c:pt idx="1834">
                  <c:v>0.32467777748434296</c:v>
                </c:pt>
                <c:pt idx="1835">
                  <c:v>0.32467777748434296</c:v>
                </c:pt>
                <c:pt idx="1836">
                  <c:v>0.32467777748434296</c:v>
                </c:pt>
                <c:pt idx="1837">
                  <c:v>0.32467777748434296</c:v>
                </c:pt>
                <c:pt idx="1838">
                  <c:v>0.32467777748434296</c:v>
                </c:pt>
                <c:pt idx="1839">
                  <c:v>0.32467777748434296</c:v>
                </c:pt>
                <c:pt idx="1840">
                  <c:v>0.32467777748434296</c:v>
                </c:pt>
                <c:pt idx="1841">
                  <c:v>0.32467777748434296</c:v>
                </c:pt>
                <c:pt idx="1842">
                  <c:v>0.32467777748434296</c:v>
                </c:pt>
                <c:pt idx="1843">
                  <c:v>0.32467777748434296</c:v>
                </c:pt>
                <c:pt idx="1844">
                  <c:v>0.32467777748434296</c:v>
                </c:pt>
                <c:pt idx="1845">
                  <c:v>0.32467777748434296</c:v>
                </c:pt>
                <c:pt idx="1846">
                  <c:v>0.32467777748434296</c:v>
                </c:pt>
                <c:pt idx="1847">
                  <c:v>0.32467777748434296</c:v>
                </c:pt>
                <c:pt idx="1848">
                  <c:v>0.32776103748627561</c:v>
                </c:pt>
                <c:pt idx="1849">
                  <c:v>0.32776103748627561</c:v>
                </c:pt>
                <c:pt idx="1850">
                  <c:v>0.32776103748627561</c:v>
                </c:pt>
                <c:pt idx="1851">
                  <c:v>0.32776103748627561</c:v>
                </c:pt>
                <c:pt idx="1852">
                  <c:v>0.32776103748627561</c:v>
                </c:pt>
                <c:pt idx="1853">
                  <c:v>0.32776103748627561</c:v>
                </c:pt>
                <c:pt idx="1854">
                  <c:v>0.32776103748627561</c:v>
                </c:pt>
                <c:pt idx="1855">
                  <c:v>0.32776103748627561</c:v>
                </c:pt>
                <c:pt idx="1856">
                  <c:v>0.32776103748627561</c:v>
                </c:pt>
                <c:pt idx="1857">
                  <c:v>0.32776103748627561</c:v>
                </c:pt>
                <c:pt idx="1858">
                  <c:v>0.32776103748627561</c:v>
                </c:pt>
                <c:pt idx="1859">
                  <c:v>0.32776103748627561</c:v>
                </c:pt>
                <c:pt idx="1860">
                  <c:v>0.32776103748627561</c:v>
                </c:pt>
                <c:pt idx="1861">
                  <c:v>0.32776103748627561</c:v>
                </c:pt>
                <c:pt idx="1862">
                  <c:v>0.32776103748627561</c:v>
                </c:pt>
                <c:pt idx="1863">
                  <c:v>0.32776103748627561</c:v>
                </c:pt>
                <c:pt idx="1864">
                  <c:v>0.32776103748627561</c:v>
                </c:pt>
                <c:pt idx="1865">
                  <c:v>0.32776103748627561</c:v>
                </c:pt>
                <c:pt idx="1866">
                  <c:v>0.32776103748627561</c:v>
                </c:pt>
                <c:pt idx="1867">
                  <c:v>0.32776103748627561</c:v>
                </c:pt>
                <c:pt idx="1868">
                  <c:v>0.32776103748627561</c:v>
                </c:pt>
                <c:pt idx="1869">
                  <c:v>0.32776103748627561</c:v>
                </c:pt>
                <c:pt idx="1870">
                  <c:v>0.32776103748627561</c:v>
                </c:pt>
                <c:pt idx="1871">
                  <c:v>0.32776103748627561</c:v>
                </c:pt>
                <c:pt idx="1872">
                  <c:v>0.58728644002611918</c:v>
                </c:pt>
                <c:pt idx="1873">
                  <c:v>0.58728644002611918</c:v>
                </c:pt>
                <c:pt idx="1874">
                  <c:v>0.58728644002611918</c:v>
                </c:pt>
                <c:pt idx="1875">
                  <c:v>0.58728644002611918</c:v>
                </c:pt>
                <c:pt idx="1876">
                  <c:v>0.58728644002611918</c:v>
                </c:pt>
                <c:pt idx="1877">
                  <c:v>0.58728644002611918</c:v>
                </c:pt>
                <c:pt idx="1878">
                  <c:v>0.58728644002611918</c:v>
                </c:pt>
                <c:pt idx="1879">
                  <c:v>2.5018402345112682</c:v>
                </c:pt>
                <c:pt idx="1880">
                  <c:v>2.8145702638251766</c:v>
                </c:pt>
                <c:pt idx="1881">
                  <c:v>3.127300293139085</c:v>
                </c:pt>
                <c:pt idx="1882">
                  <c:v>3.127300293139085</c:v>
                </c:pt>
                <c:pt idx="1883">
                  <c:v>3.7527603517669017</c:v>
                </c:pt>
                <c:pt idx="1884">
                  <c:v>3.7527603517669017</c:v>
                </c:pt>
                <c:pt idx="1885">
                  <c:v>2.5018402345112682</c:v>
                </c:pt>
                <c:pt idx="1886">
                  <c:v>3.7527603517669017</c:v>
                </c:pt>
                <c:pt idx="1887">
                  <c:v>3.7527603517669017</c:v>
                </c:pt>
                <c:pt idx="1888">
                  <c:v>2.1891102051973594</c:v>
                </c:pt>
                <c:pt idx="1889">
                  <c:v>0.62546005862781706</c:v>
                </c:pt>
                <c:pt idx="1890">
                  <c:v>0.6166507620274253</c:v>
                </c:pt>
                <c:pt idx="1891">
                  <c:v>0.6166507620274253</c:v>
                </c:pt>
                <c:pt idx="1892">
                  <c:v>0.6166507620274253</c:v>
                </c:pt>
                <c:pt idx="1893">
                  <c:v>0.6166507620274253</c:v>
                </c:pt>
                <c:pt idx="1894">
                  <c:v>0.6166507620274253</c:v>
                </c:pt>
                <c:pt idx="1895">
                  <c:v>0.6166507620274253</c:v>
                </c:pt>
                <c:pt idx="1896">
                  <c:v>0.3898967261683246</c:v>
                </c:pt>
                <c:pt idx="1897">
                  <c:v>0.59412834463744701</c:v>
                </c:pt>
                <c:pt idx="1898">
                  <c:v>0.59412834463744701</c:v>
                </c:pt>
                <c:pt idx="1899">
                  <c:v>0.59412834463744701</c:v>
                </c:pt>
                <c:pt idx="1900">
                  <c:v>0.59412834463744701</c:v>
                </c:pt>
                <c:pt idx="1901">
                  <c:v>0.59412834463744701</c:v>
                </c:pt>
                <c:pt idx="1902">
                  <c:v>0.59412834463744701</c:v>
                </c:pt>
                <c:pt idx="1903">
                  <c:v>2.5046223028622374</c:v>
                </c:pt>
                <c:pt idx="1904">
                  <c:v>2.7946312010883916</c:v>
                </c:pt>
                <c:pt idx="1905">
                  <c:v>3.0846400993145453</c:v>
                </c:pt>
                <c:pt idx="1906">
                  <c:v>3.0846400993145453</c:v>
                </c:pt>
                <c:pt idx="1907">
                  <c:v>3.6910223410601395</c:v>
                </c:pt>
                <c:pt idx="1908">
                  <c:v>3.6910223410601395</c:v>
                </c:pt>
                <c:pt idx="1909">
                  <c:v>2.4518934122756639</c:v>
                </c:pt>
                <c:pt idx="1910">
                  <c:v>3.6910223410601395</c:v>
                </c:pt>
                <c:pt idx="1911">
                  <c:v>3.6910223410601395</c:v>
                </c:pt>
                <c:pt idx="1912">
                  <c:v>2.1750667366961536</c:v>
                </c:pt>
                <c:pt idx="1913">
                  <c:v>0.92832553849601107</c:v>
                </c:pt>
                <c:pt idx="1914">
                  <c:v>0.61269485540736723</c:v>
                </c:pt>
                <c:pt idx="1915">
                  <c:v>0.61269485540736723</c:v>
                </c:pt>
                <c:pt idx="1916">
                  <c:v>0.61269485540736723</c:v>
                </c:pt>
                <c:pt idx="1917">
                  <c:v>0.61269485540736723</c:v>
                </c:pt>
                <c:pt idx="1918">
                  <c:v>0.61269485540736723</c:v>
                </c:pt>
                <c:pt idx="1919">
                  <c:v>0.61269485540736723</c:v>
                </c:pt>
                <c:pt idx="1920">
                  <c:v>0.59724157664734834</c:v>
                </c:pt>
                <c:pt idx="1921">
                  <c:v>0.59724157664734834</c:v>
                </c:pt>
                <c:pt idx="1922">
                  <c:v>0.59724157664734834</c:v>
                </c:pt>
                <c:pt idx="1923">
                  <c:v>0.59724157664734834</c:v>
                </c:pt>
                <c:pt idx="1924">
                  <c:v>0.59724157664734834</c:v>
                </c:pt>
                <c:pt idx="1925">
                  <c:v>0.59724157664734834</c:v>
                </c:pt>
                <c:pt idx="1926">
                  <c:v>0.59724157664734834</c:v>
                </c:pt>
                <c:pt idx="1927">
                  <c:v>2.4414511724159782</c:v>
                </c:pt>
                <c:pt idx="1928">
                  <c:v>2.7241455186957233</c:v>
                </c:pt>
                <c:pt idx="1929">
                  <c:v>3.0068398649754684</c:v>
                </c:pt>
                <c:pt idx="1930">
                  <c:v>3.0068398649754684</c:v>
                </c:pt>
                <c:pt idx="1931">
                  <c:v>3.5979280435603895</c:v>
                </c:pt>
                <c:pt idx="1932">
                  <c:v>3.5979280435603895</c:v>
                </c:pt>
                <c:pt idx="1933">
                  <c:v>2.3900522003651159</c:v>
                </c:pt>
                <c:pt idx="1934">
                  <c:v>3.5979280435603895</c:v>
                </c:pt>
                <c:pt idx="1935">
                  <c:v>3.5979280435603895</c:v>
                </c:pt>
                <c:pt idx="1936">
                  <c:v>2.1202075970980867</c:v>
                </c:pt>
                <c:pt idx="1937">
                  <c:v>0.90491147976870978</c:v>
                </c:pt>
                <c:pt idx="1938">
                  <c:v>0.59724157664734834</c:v>
                </c:pt>
                <c:pt idx="1939">
                  <c:v>0.59724157664734834</c:v>
                </c:pt>
                <c:pt idx="1940">
                  <c:v>0.59724157664734834</c:v>
                </c:pt>
                <c:pt idx="1941">
                  <c:v>0.59724157664734834</c:v>
                </c:pt>
                <c:pt idx="1942">
                  <c:v>0.59724157664734834</c:v>
                </c:pt>
                <c:pt idx="1943">
                  <c:v>0.59724157664734834</c:v>
                </c:pt>
                <c:pt idx="1944">
                  <c:v>0.60127296712272316</c:v>
                </c:pt>
                <c:pt idx="1945">
                  <c:v>0.60127296712272316</c:v>
                </c:pt>
                <c:pt idx="1946">
                  <c:v>0.60127296712272316</c:v>
                </c:pt>
                <c:pt idx="1947">
                  <c:v>0.60127296712272316</c:v>
                </c:pt>
                <c:pt idx="1948">
                  <c:v>0.60127296712272316</c:v>
                </c:pt>
                <c:pt idx="1949">
                  <c:v>0.60127296712272316</c:v>
                </c:pt>
                <c:pt idx="1950">
                  <c:v>0.60127296712272316</c:v>
                </c:pt>
                <c:pt idx="1951">
                  <c:v>2.4579310080259189</c:v>
                </c:pt>
                <c:pt idx="1952">
                  <c:v>2.7425335457973419</c:v>
                </c:pt>
                <c:pt idx="1953">
                  <c:v>3.0271360835687644</c:v>
                </c:pt>
                <c:pt idx="1954">
                  <c:v>3.0271360835687644</c:v>
                </c:pt>
                <c:pt idx="1955">
                  <c:v>3.6222141170908286</c:v>
                </c:pt>
                <c:pt idx="1956">
                  <c:v>3.6222141170908286</c:v>
                </c:pt>
                <c:pt idx="1957">
                  <c:v>2.4061850920674788</c:v>
                </c:pt>
                <c:pt idx="1958">
                  <c:v>3.6222141170908286</c:v>
                </c:pt>
                <c:pt idx="1959">
                  <c:v>3.6222141170908286</c:v>
                </c:pt>
                <c:pt idx="1960">
                  <c:v>2.1345190332856672</c:v>
                </c:pt>
                <c:pt idx="1961">
                  <c:v>0.9110196471556411</c:v>
                </c:pt>
                <c:pt idx="1962">
                  <c:v>0.60127296712272316</c:v>
                </c:pt>
                <c:pt idx="1963">
                  <c:v>0.60127296712272316</c:v>
                </c:pt>
                <c:pt idx="1964">
                  <c:v>0.60127296712272316</c:v>
                </c:pt>
                <c:pt idx="1965">
                  <c:v>0.60127296712272316</c:v>
                </c:pt>
                <c:pt idx="1966">
                  <c:v>0.60127296712272316</c:v>
                </c:pt>
                <c:pt idx="1967">
                  <c:v>0.60127296712272316</c:v>
                </c:pt>
                <c:pt idx="1968">
                  <c:v>0.91020462845844696</c:v>
                </c:pt>
                <c:pt idx="1969">
                  <c:v>0.55163916876269514</c:v>
                </c:pt>
                <c:pt idx="1970">
                  <c:v>0.55163916876269514</c:v>
                </c:pt>
                <c:pt idx="1971">
                  <c:v>0.55163916876269514</c:v>
                </c:pt>
                <c:pt idx="1972">
                  <c:v>0.55163916876269514</c:v>
                </c:pt>
                <c:pt idx="1973">
                  <c:v>0.55163916876269514</c:v>
                </c:pt>
                <c:pt idx="1974">
                  <c:v>0.55163916876269514</c:v>
                </c:pt>
                <c:pt idx="1975">
                  <c:v>2.349982858929081</c:v>
                </c:pt>
                <c:pt idx="1976">
                  <c:v>2.9374785736613513</c:v>
                </c:pt>
                <c:pt idx="1977">
                  <c:v>3.2312264310274865</c:v>
                </c:pt>
                <c:pt idx="1978">
                  <c:v>3.2312264310274865</c:v>
                </c:pt>
                <c:pt idx="1979">
                  <c:v>3.8187221457597564</c:v>
                </c:pt>
                <c:pt idx="1980">
                  <c:v>3.8187221457597564</c:v>
                </c:pt>
                <c:pt idx="1981">
                  <c:v>2.6437307162952166</c:v>
                </c:pt>
                <c:pt idx="1982">
                  <c:v>3.8187221457597564</c:v>
                </c:pt>
                <c:pt idx="1983">
                  <c:v>2.9374785736613513</c:v>
                </c:pt>
                <c:pt idx="1984">
                  <c:v>1.3790979219067376</c:v>
                </c:pt>
                <c:pt idx="1985">
                  <c:v>0.91020462845844696</c:v>
                </c:pt>
                <c:pt idx="1986">
                  <c:v>0.57922112720082986</c:v>
                </c:pt>
                <c:pt idx="1987">
                  <c:v>0.55163916876269514</c:v>
                </c:pt>
                <c:pt idx="1988">
                  <c:v>0.55163916876269514</c:v>
                </c:pt>
                <c:pt idx="1989">
                  <c:v>0.55163916876269514</c:v>
                </c:pt>
                <c:pt idx="1990">
                  <c:v>0.55163916876269514</c:v>
                </c:pt>
                <c:pt idx="1991">
                  <c:v>0.55163916876269514</c:v>
                </c:pt>
                <c:pt idx="1992">
                  <c:v>0.29958706764692</c:v>
                </c:pt>
                <c:pt idx="1993">
                  <c:v>0.26962836088222802</c:v>
                </c:pt>
                <c:pt idx="1994">
                  <c:v>0.26962836088222802</c:v>
                </c:pt>
                <c:pt idx="1995">
                  <c:v>0.26962836088222802</c:v>
                </c:pt>
                <c:pt idx="1996">
                  <c:v>0.26962836088222802</c:v>
                </c:pt>
                <c:pt idx="1997">
                  <c:v>0.26962836088222802</c:v>
                </c:pt>
                <c:pt idx="1998">
                  <c:v>0.26962836088222802</c:v>
                </c:pt>
                <c:pt idx="1999">
                  <c:v>0.26962836088222802</c:v>
                </c:pt>
                <c:pt idx="2000">
                  <c:v>0.26962836088222802</c:v>
                </c:pt>
                <c:pt idx="2001">
                  <c:v>0.26962836088222802</c:v>
                </c:pt>
                <c:pt idx="2002">
                  <c:v>0.26962836088222802</c:v>
                </c:pt>
                <c:pt idx="2003">
                  <c:v>0.26962836088222802</c:v>
                </c:pt>
                <c:pt idx="2004">
                  <c:v>0.26962836088222802</c:v>
                </c:pt>
                <c:pt idx="2005">
                  <c:v>0.26962836088222802</c:v>
                </c:pt>
                <c:pt idx="2006">
                  <c:v>0.26962836088222802</c:v>
                </c:pt>
                <c:pt idx="2007">
                  <c:v>0.26962836088222802</c:v>
                </c:pt>
                <c:pt idx="2008">
                  <c:v>0.26962836088222802</c:v>
                </c:pt>
                <c:pt idx="2009">
                  <c:v>0.26962836088222802</c:v>
                </c:pt>
                <c:pt idx="2010">
                  <c:v>0.26962836088222802</c:v>
                </c:pt>
                <c:pt idx="2011">
                  <c:v>0.26962836088222802</c:v>
                </c:pt>
                <c:pt idx="2012">
                  <c:v>0.26962836088222802</c:v>
                </c:pt>
                <c:pt idx="2013">
                  <c:v>0.26962836088222802</c:v>
                </c:pt>
                <c:pt idx="2014">
                  <c:v>0.26962836088222802</c:v>
                </c:pt>
                <c:pt idx="2015">
                  <c:v>0.26962836088222802</c:v>
                </c:pt>
                <c:pt idx="2016">
                  <c:v>0.27403688461717463</c:v>
                </c:pt>
                <c:pt idx="2017">
                  <c:v>0.27403688461717463</c:v>
                </c:pt>
                <c:pt idx="2018">
                  <c:v>0.27403688461717463</c:v>
                </c:pt>
                <c:pt idx="2019">
                  <c:v>0.27403688461717463</c:v>
                </c:pt>
                <c:pt idx="2020">
                  <c:v>0.27403688461717463</c:v>
                </c:pt>
                <c:pt idx="2021">
                  <c:v>0.27403688461717463</c:v>
                </c:pt>
                <c:pt idx="2022">
                  <c:v>0.27403688461717463</c:v>
                </c:pt>
                <c:pt idx="2023">
                  <c:v>0.27403688461717463</c:v>
                </c:pt>
                <c:pt idx="2024">
                  <c:v>0.27403688461717463</c:v>
                </c:pt>
                <c:pt idx="2025">
                  <c:v>0.27403688461717463</c:v>
                </c:pt>
                <c:pt idx="2026">
                  <c:v>0.27403688461717463</c:v>
                </c:pt>
                <c:pt idx="2027">
                  <c:v>0.27403688461717463</c:v>
                </c:pt>
                <c:pt idx="2028">
                  <c:v>0.27403688461717463</c:v>
                </c:pt>
                <c:pt idx="2029">
                  <c:v>0.27403688461717463</c:v>
                </c:pt>
                <c:pt idx="2030">
                  <c:v>0.27403688461717463</c:v>
                </c:pt>
                <c:pt idx="2031">
                  <c:v>0.27403688461717463</c:v>
                </c:pt>
                <c:pt idx="2032">
                  <c:v>0.27403688461717463</c:v>
                </c:pt>
                <c:pt idx="2033">
                  <c:v>0.27403688461717463</c:v>
                </c:pt>
                <c:pt idx="2034">
                  <c:v>0.27403688461717463</c:v>
                </c:pt>
                <c:pt idx="2035">
                  <c:v>0.27403688461717463</c:v>
                </c:pt>
                <c:pt idx="2036">
                  <c:v>0.27403688461717463</c:v>
                </c:pt>
                <c:pt idx="2037">
                  <c:v>0.27403688461717463</c:v>
                </c:pt>
                <c:pt idx="2038">
                  <c:v>0.27403688461717463</c:v>
                </c:pt>
                <c:pt idx="2039">
                  <c:v>0.27403688461717463</c:v>
                </c:pt>
                <c:pt idx="2040">
                  <c:v>0.60705851166033276</c:v>
                </c:pt>
                <c:pt idx="2041">
                  <c:v>0.60705851166033276</c:v>
                </c:pt>
                <c:pt idx="2042">
                  <c:v>0.60705851166033276</c:v>
                </c:pt>
                <c:pt idx="2043">
                  <c:v>0.60705851166033276</c:v>
                </c:pt>
                <c:pt idx="2044">
                  <c:v>0.60705851166033276</c:v>
                </c:pt>
                <c:pt idx="2045">
                  <c:v>0.60705851166033276</c:v>
                </c:pt>
                <c:pt idx="2046">
                  <c:v>0.60705851166033276</c:v>
                </c:pt>
                <c:pt idx="2047">
                  <c:v>2.5860692596730175</c:v>
                </c:pt>
                <c:pt idx="2048">
                  <c:v>2.9093279171321451</c:v>
                </c:pt>
                <c:pt idx="2049">
                  <c:v>3.2325865745912719</c:v>
                </c:pt>
                <c:pt idx="2050">
                  <c:v>3.2325865745912719</c:v>
                </c:pt>
                <c:pt idx="2051">
                  <c:v>3.8791038895095262</c:v>
                </c:pt>
                <c:pt idx="2052">
                  <c:v>3.8791038895095262</c:v>
                </c:pt>
                <c:pt idx="2053">
                  <c:v>2.5860692596730175</c:v>
                </c:pt>
                <c:pt idx="2054">
                  <c:v>3.8791038895095262</c:v>
                </c:pt>
                <c:pt idx="2055">
                  <c:v>3.8791038895095262</c:v>
                </c:pt>
                <c:pt idx="2056">
                  <c:v>2.2628106022138903</c:v>
                </c:pt>
                <c:pt idx="2057">
                  <c:v>0.64651731491825437</c:v>
                </c:pt>
                <c:pt idx="2058">
                  <c:v>0.63741143724334937</c:v>
                </c:pt>
                <c:pt idx="2059">
                  <c:v>0.63741143724334937</c:v>
                </c:pt>
                <c:pt idx="2060">
                  <c:v>0.63741143724334937</c:v>
                </c:pt>
                <c:pt idx="2061">
                  <c:v>0.63741143724334937</c:v>
                </c:pt>
                <c:pt idx="2062">
                  <c:v>0.63741143724334937</c:v>
                </c:pt>
                <c:pt idx="2063">
                  <c:v>0.63741143724334937</c:v>
                </c:pt>
                <c:pt idx="2064">
                  <c:v>0.41519360071142719</c:v>
                </c:pt>
                <c:pt idx="2065">
                  <c:v>0.63267596298884154</c:v>
                </c:pt>
                <c:pt idx="2066">
                  <c:v>0.63267596298884154</c:v>
                </c:pt>
                <c:pt idx="2067">
                  <c:v>0.63267596298884154</c:v>
                </c:pt>
                <c:pt idx="2068">
                  <c:v>0.63267596298884154</c:v>
                </c:pt>
                <c:pt idx="2069">
                  <c:v>0.63267596298884154</c:v>
                </c:pt>
                <c:pt idx="2070">
                  <c:v>0.63267596298884154</c:v>
                </c:pt>
                <c:pt idx="2071">
                  <c:v>2.6671246064748346</c:v>
                </c:pt>
                <c:pt idx="2072">
                  <c:v>2.9759495609087629</c:v>
                </c:pt>
                <c:pt idx="2073">
                  <c:v>3.2847745153426917</c:v>
                </c:pt>
                <c:pt idx="2074">
                  <c:v>3.2847745153426917</c:v>
                </c:pt>
                <c:pt idx="2075">
                  <c:v>3.9304994200681778</c:v>
                </c:pt>
                <c:pt idx="2076">
                  <c:v>3.9304994200681778</c:v>
                </c:pt>
                <c:pt idx="2077">
                  <c:v>2.6109746147595749</c:v>
                </c:pt>
                <c:pt idx="2078">
                  <c:v>3.9304994200681778</c:v>
                </c:pt>
                <c:pt idx="2079">
                  <c:v>3.9304994200681778</c:v>
                </c:pt>
                <c:pt idx="2080">
                  <c:v>2.3161871582544618</c:v>
                </c:pt>
                <c:pt idx="2081">
                  <c:v>0.98855619217006496</c:v>
                </c:pt>
                <c:pt idx="2082">
                  <c:v>0.65244708683224284</c:v>
                </c:pt>
                <c:pt idx="2083">
                  <c:v>0.65244708683224284</c:v>
                </c:pt>
                <c:pt idx="2084">
                  <c:v>0.65244708683224284</c:v>
                </c:pt>
                <c:pt idx="2085">
                  <c:v>0.65244708683224284</c:v>
                </c:pt>
                <c:pt idx="2086">
                  <c:v>0.65244708683224284</c:v>
                </c:pt>
                <c:pt idx="2087">
                  <c:v>0.65244708683224284</c:v>
                </c:pt>
                <c:pt idx="2088">
                  <c:v>0.64561826235184527</c:v>
                </c:pt>
                <c:pt idx="2089">
                  <c:v>0.64561826235184527</c:v>
                </c:pt>
                <c:pt idx="2090">
                  <c:v>0.64561826235184527</c:v>
                </c:pt>
                <c:pt idx="2091">
                  <c:v>0.64561826235184527</c:v>
                </c:pt>
                <c:pt idx="2092">
                  <c:v>0.64561826235184527</c:v>
                </c:pt>
                <c:pt idx="2093">
                  <c:v>0.64561826235184527</c:v>
                </c:pt>
                <c:pt idx="2094">
                  <c:v>0.64561826235184527</c:v>
                </c:pt>
                <c:pt idx="2095">
                  <c:v>2.6392091997352702</c:v>
                </c:pt>
                <c:pt idx="2096">
                  <c:v>2.944801843915144</c:v>
                </c:pt>
                <c:pt idx="2097">
                  <c:v>3.2503944880950177</c:v>
                </c:pt>
                <c:pt idx="2098">
                  <c:v>3.2503944880950177</c:v>
                </c:pt>
                <c:pt idx="2099">
                  <c:v>3.8893609259256623</c:v>
                </c:pt>
                <c:pt idx="2100">
                  <c:v>3.8893609259256623</c:v>
                </c:pt>
                <c:pt idx="2101">
                  <c:v>2.5836469007934757</c:v>
                </c:pt>
                <c:pt idx="2102">
                  <c:v>3.8893609259256623</c:v>
                </c:pt>
                <c:pt idx="2103">
                  <c:v>3.8893609259256623</c:v>
                </c:pt>
                <c:pt idx="2104">
                  <c:v>2.2919448313490509</c:v>
                </c:pt>
                <c:pt idx="2105">
                  <c:v>0.97820948841188682</c:v>
                </c:pt>
                <c:pt idx="2106">
                  <c:v>0.64561826235184527</c:v>
                </c:pt>
                <c:pt idx="2107">
                  <c:v>0.64561826235184527</c:v>
                </c:pt>
                <c:pt idx="2108">
                  <c:v>0.64561826235184527</c:v>
                </c:pt>
                <c:pt idx="2109">
                  <c:v>0.64561826235184527</c:v>
                </c:pt>
                <c:pt idx="2110">
                  <c:v>0.64561826235184527</c:v>
                </c:pt>
                <c:pt idx="2111">
                  <c:v>0.64561826235184527</c:v>
                </c:pt>
                <c:pt idx="2112">
                  <c:v>0.62590924225001343</c:v>
                </c:pt>
                <c:pt idx="2113">
                  <c:v>0.62590924225001343</c:v>
                </c:pt>
                <c:pt idx="2114">
                  <c:v>0.62590924225001343</c:v>
                </c:pt>
                <c:pt idx="2115">
                  <c:v>0.62590924225001343</c:v>
                </c:pt>
                <c:pt idx="2116">
                  <c:v>0.62590924225001343</c:v>
                </c:pt>
                <c:pt idx="2117">
                  <c:v>0.62590924225001343</c:v>
                </c:pt>
                <c:pt idx="2118">
                  <c:v>0.62590924225001343</c:v>
                </c:pt>
                <c:pt idx="2119">
                  <c:v>2.558641114531115</c:v>
                </c:pt>
                <c:pt idx="2120">
                  <c:v>2.8549048225294547</c:v>
                </c:pt>
                <c:pt idx="2121">
                  <c:v>3.1511685305277943</c:v>
                </c:pt>
                <c:pt idx="2122">
                  <c:v>3.1511685305277943</c:v>
                </c:pt>
                <c:pt idx="2123">
                  <c:v>3.770629010887959</c:v>
                </c:pt>
                <c:pt idx="2124">
                  <c:v>3.770629010887959</c:v>
                </c:pt>
                <c:pt idx="2125">
                  <c:v>2.5047749858041444</c:v>
                </c:pt>
                <c:pt idx="2126">
                  <c:v>3.770629010887959</c:v>
                </c:pt>
                <c:pt idx="2127">
                  <c:v>3.770629010887959</c:v>
                </c:pt>
                <c:pt idx="2128">
                  <c:v>2.2219778099875471</c:v>
                </c:pt>
                <c:pt idx="2129">
                  <c:v>0.94834733674244442</c:v>
                </c:pt>
                <c:pt idx="2130">
                  <c:v>0.62590924225001343</c:v>
                </c:pt>
                <c:pt idx="2131">
                  <c:v>0.62590924225001343</c:v>
                </c:pt>
                <c:pt idx="2132">
                  <c:v>0.62590924225001343</c:v>
                </c:pt>
                <c:pt idx="2133">
                  <c:v>0.62590924225001343</c:v>
                </c:pt>
                <c:pt idx="2134">
                  <c:v>0.62590924225001343</c:v>
                </c:pt>
                <c:pt idx="2135">
                  <c:v>0.62590924225001343</c:v>
                </c:pt>
                <c:pt idx="2136">
                  <c:v>0.92663765092003436</c:v>
                </c:pt>
                <c:pt idx="2137">
                  <c:v>0.5615985763151724</c:v>
                </c:pt>
                <c:pt idx="2138">
                  <c:v>0.5615985763151724</c:v>
                </c:pt>
                <c:pt idx="2139">
                  <c:v>0.5615985763151724</c:v>
                </c:pt>
                <c:pt idx="2140">
                  <c:v>0.5615985763151724</c:v>
                </c:pt>
                <c:pt idx="2141">
                  <c:v>0.5615985763151724</c:v>
                </c:pt>
                <c:pt idx="2142">
                  <c:v>0.5615985763151724</c:v>
                </c:pt>
                <c:pt idx="2143">
                  <c:v>2.3924099351026342</c:v>
                </c:pt>
                <c:pt idx="2144">
                  <c:v>2.9905124188782928</c:v>
                </c:pt>
                <c:pt idx="2145">
                  <c:v>3.2895636607661221</c:v>
                </c:pt>
                <c:pt idx="2146">
                  <c:v>3.2895636607661221</c:v>
                </c:pt>
                <c:pt idx="2147">
                  <c:v>3.8876661445417806</c:v>
                </c:pt>
                <c:pt idx="2148">
                  <c:v>3.8876661445417806</c:v>
                </c:pt>
                <c:pt idx="2149">
                  <c:v>2.6914611769904635</c:v>
                </c:pt>
                <c:pt idx="2150">
                  <c:v>3.8876661445417806</c:v>
                </c:pt>
                <c:pt idx="2151">
                  <c:v>2.9905124188782928</c:v>
                </c:pt>
                <c:pt idx="2152">
                  <c:v>1.4039964407879311</c:v>
                </c:pt>
                <c:pt idx="2153">
                  <c:v>0.92663765092003436</c:v>
                </c:pt>
                <c:pt idx="2154">
                  <c:v>0.58967850513093101</c:v>
                </c:pt>
                <c:pt idx="2155">
                  <c:v>0.5615985763151724</c:v>
                </c:pt>
                <c:pt idx="2156">
                  <c:v>0.5615985763151724</c:v>
                </c:pt>
                <c:pt idx="2157">
                  <c:v>0.5615985763151724</c:v>
                </c:pt>
                <c:pt idx="2158">
                  <c:v>0.5615985763151724</c:v>
                </c:pt>
                <c:pt idx="2159">
                  <c:v>0.5615985763151724</c:v>
                </c:pt>
                <c:pt idx="2160">
                  <c:v>0.29783946711986881</c:v>
                </c:pt>
                <c:pt idx="2161">
                  <c:v>0.26805552040788189</c:v>
                </c:pt>
                <c:pt idx="2162">
                  <c:v>0.26805552040788189</c:v>
                </c:pt>
                <c:pt idx="2163">
                  <c:v>0.26805552040788189</c:v>
                </c:pt>
                <c:pt idx="2164">
                  <c:v>0.26805552040788189</c:v>
                </c:pt>
                <c:pt idx="2165">
                  <c:v>0.26805552040788189</c:v>
                </c:pt>
                <c:pt idx="2166">
                  <c:v>0.26805552040788189</c:v>
                </c:pt>
                <c:pt idx="2167">
                  <c:v>0.26805552040788189</c:v>
                </c:pt>
                <c:pt idx="2168">
                  <c:v>0.26805552040788189</c:v>
                </c:pt>
                <c:pt idx="2169">
                  <c:v>0.26805552040788189</c:v>
                </c:pt>
                <c:pt idx="2170">
                  <c:v>0.26805552040788189</c:v>
                </c:pt>
                <c:pt idx="2171">
                  <c:v>0.26805552040788189</c:v>
                </c:pt>
                <c:pt idx="2172">
                  <c:v>0.26805552040788189</c:v>
                </c:pt>
                <c:pt idx="2173">
                  <c:v>0.26805552040788189</c:v>
                </c:pt>
                <c:pt idx="2174">
                  <c:v>0.26805552040788189</c:v>
                </c:pt>
                <c:pt idx="2175">
                  <c:v>0.26805552040788189</c:v>
                </c:pt>
                <c:pt idx="2176">
                  <c:v>0.26805552040788189</c:v>
                </c:pt>
                <c:pt idx="2177">
                  <c:v>0.26805552040788189</c:v>
                </c:pt>
                <c:pt idx="2178">
                  <c:v>0.26805552040788189</c:v>
                </c:pt>
                <c:pt idx="2179">
                  <c:v>0.26805552040788189</c:v>
                </c:pt>
                <c:pt idx="2180">
                  <c:v>0.26805552040788189</c:v>
                </c:pt>
                <c:pt idx="2181">
                  <c:v>0.26805552040788189</c:v>
                </c:pt>
                <c:pt idx="2182">
                  <c:v>0.26805552040788189</c:v>
                </c:pt>
                <c:pt idx="2183">
                  <c:v>0.26805552040788189</c:v>
                </c:pt>
                <c:pt idx="2184">
                  <c:v>0.33250140391590216</c:v>
                </c:pt>
                <c:pt idx="2185">
                  <c:v>0.33250140391590216</c:v>
                </c:pt>
                <c:pt idx="2186">
                  <c:v>0.33250140391590216</c:v>
                </c:pt>
                <c:pt idx="2187">
                  <c:v>0.33250140391590216</c:v>
                </c:pt>
                <c:pt idx="2188">
                  <c:v>0.33250140391590216</c:v>
                </c:pt>
                <c:pt idx="2189">
                  <c:v>0.33250140391590216</c:v>
                </c:pt>
                <c:pt idx="2190">
                  <c:v>0.33250140391590216</c:v>
                </c:pt>
                <c:pt idx="2191">
                  <c:v>0.33250140391590216</c:v>
                </c:pt>
                <c:pt idx="2192">
                  <c:v>0.33250140391590216</c:v>
                </c:pt>
                <c:pt idx="2193">
                  <c:v>0.33250140391590216</c:v>
                </c:pt>
                <c:pt idx="2194">
                  <c:v>0.33250140391590216</c:v>
                </c:pt>
                <c:pt idx="2195">
                  <c:v>0.33250140391590216</c:v>
                </c:pt>
                <c:pt idx="2196">
                  <c:v>0.33250140391590216</c:v>
                </c:pt>
                <c:pt idx="2197">
                  <c:v>0.33250140391590216</c:v>
                </c:pt>
                <c:pt idx="2198">
                  <c:v>0.33250140391590216</c:v>
                </c:pt>
                <c:pt idx="2199">
                  <c:v>0.33250140391590216</c:v>
                </c:pt>
                <c:pt idx="2200">
                  <c:v>0.33250140391590216</c:v>
                </c:pt>
                <c:pt idx="2201">
                  <c:v>0.33250140391590216</c:v>
                </c:pt>
                <c:pt idx="2202">
                  <c:v>0.33250140391590216</c:v>
                </c:pt>
                <c:pt idx="2203">
                  <c:v>0.33250140391590216</c:v>
                </c:pt>
                <c:pt idx="2204">
                  <c:v>0.33250140391590216</c:v>
                </c:pt>
                <c:pt idx="2205">
                  <c:v>0.33250140391590216</c:v>
                </c:pt>
                <c:pt idx="2206">
                  <c:v>0.33250140391590216</c:v>
                </c:pt>
                <c:pt idx="2207">
                  <c:v>0.33250140391590216</c:v>
                </c:pt>
                <c:pt idx="2208">
                  <c:v>0.61866385805432778</c:v>
                </c:pt>
                <c:pt idx="2209">
                  <c:v>0.61866385805432778</c:v>
                </c:pt>
                <c:pt idx="2210">
                  <c:v>0.61866385805432778</c:v>
                </c:pt>
                <c:pt idx="2211">
                  <c:v>0.61866385805432778</c:v>
                </c:pt>
                <c:pt idx="2212">
                  <c:v>0.61866385805432778</c:v>
                </c:pt>
                <c:pt idx="2213">
                  <c:v>0.61866385805432778</c:v>
                </c:pt>
                <c:pt idx="2214">
                  <c:v>0.61866385805432778</c:v>
                </c:pt>
                <c:pt idx="2215">
                  <c:v>2.6355080353114366</c:v>
                </c:pt>
                <c:pt idx="2216">
                  <c:v>2.964946539725366</c:v>
                </c:pt>
                <c:pt idx="2217">
                  <c:v>3.294385044139295</c:v>
                </c:pt>
                <c:pt idx="2218">
                  <c:v>3.294385044139295</c:v>
                </c:pt>
                <c:pt idx="2219">
                  <c:v>3.9532620529671538</c:v>
                </c:pt>
                <c:pt idx="2220">
                  <c:v>3.9532620529671538</c:v>
                </c:pt>
                <c:pt idx="2221">
                  <c:v>2.6355080353114366</c:v>
                </c:pt>
                <c:pt idx="2222">
                  <c:v>3.9532620529671538</c:v>
                </c:pt>
                <c:pt idx="2223">
                  <c:v>3.9532620529671538</c:v>
                </c:pt>
                <c:pt idx="2224">
                  <c:v>2.3060695308975063</c:v>
                </c:pt>
                <c:pt idx="2225">
                  <c:v>0.65887700882785916</c:v>
                </c:pt>
                <c:pt idx="2226">
                  <c:v>0.64959705095704412</c:v>
                </c:pt>
                <c:pt idx="2227">
                  <c:v>0.64959705095704412</c:v>
                </c:pt>
                <c:pt idx="2228">
                  <c:v>0.64959705095704412</c:v>
                </c:pt>
                <c:pt idx="2229">
                  <c:v>0.64959705095704412</c:v>
                </c:pt>
                <c:pt idx="2230">
                  <c:v>0.64959705095704412</c:v>
                </c:pt>
                <c:pt idx="2231">
                  <c:v>0.64959705095704412</c:v>
                </c:pt>
                <c:pt idx="2232">
                  <c:v>0.41835571002931493</c:v>
                </c:pt>
                <c:pt idx="2233">
                  <c:v>0.63749441528276585</c:v>
                </c:pt>
                <c:pt idx="2234">
                  <c:v>0.63749441528276585</c:v>
                </c:pt>
                <c:pt idx="2235">
                  <c:v>0.63749441528276585</c:v>
                </c:pt>
                <c:pt idx="2236">
                  <c:v>0.63749441528276585</c:v>
                </c:pt>
                <c:pt idx="2237">
                  <c:v>0.63749441528276585</c:v>
                </c:pt>
                <c:pt idx="2238">
                  <c:v>0.63749441528276585</c:v>
                </c:pt>
                <c:pt idx="2239">
                  <c:v>2.6874373944264085</c:v>
                </c:pt>
                <c:pt idx="2240">
                  <c:v>2.9986143558863092</c:v>
                </c:pt>
                <c:pt idx="2241">
                  <c:v>3.3097913173462095</c:v>
                </c:pt>
                <c:pt idx="2242">
                  <c:v>3.3097913173462095</c:v>
                </c:pt>
                <c:pt idx="2243">
                  <c:v>3.9604340549441823</c:v>
                </c:pt>
                <c:pt idx="2244">
                  <c:v>3.9604340549441823</c:v>
                </c:pt>
                <c:pt idx="2245">
                  <c:v>2.6308597650700638</c:v>
                </c:pt>
                <c:pt idx="2246">
                  <c:v>3.9604340549441823</c:v>
                </c:pt>
                <c:pt idx="2247">
                  <c:v>3.9604340549441823</c:v>
                </c:pt>
                <c:pt idx="2248">
                  <c:v>2.3338272109492504</c:v>
                </c:pt>
                <c:pt idx="2249">
                  <c:v>0.99608502387932152</c:v>
                </c:pt>
                <c:pt idx="2250">
                  <c:v>0.65741611576035219</c:v>
                </c:pt>
                <c:pt idx="2251">
                  <c:v>0.65741611576035219</c:v>
                </c:pt>
                <c:pt idx="2252">
                  <c:v>0.65741611576035219</c:v>
                </c:pt>
                <c:pt idx="2253">
                  <c:v>0.65741611576035219</c:v>
                </c:pt>
                <c:pt idx="2254">
                  <c:v>0.65741611576035219</c:v>
                </c:pt>
                <c:pt idx="2255">
                  <c:v>0.65741611576035219</c:v>
                </c:pt>
                <c:pt idx="2256">
                  <c:v>0.65323311102755333</c:v>
                </c:pt>
                <c:pt idx="2257">
                  <c:v>0.65323311102755333</c:v>
                </c:pt>
                <c:pt idx="2258">
                  <c:v>0.65323311102755333</c:v>
                </c:pt>
                <c:pt idx="2259">
                  <c:v>0.65323311102755333</c:v>
                </c:pt>
                <c:pt idx="2260">
                  <c:v>0.65323311102755333</c:v>
                </c:pt>
                <c:pt idx="2261">
                  <c:v>0.65323311102755333</c:v>
                </c:pt>
                <c:pt idx="2262">
                  <c:v>0.65323311102755333</c:v>
                </c:pt>
                <c:pt idx="2263">
                  <c:v>2.6703377781096043</c:v>
                </c:pt>
                <c:pt idx="2264">
                  <c:v>2.9795347839959794</c:v>
                </c:pt>
                <c:pt idx="2265">
                  <c:v>3.2887317898823549</c:v>
                </c:pt>
                <c:pt idx="2266">
                  <c:v>3.2887317898823549</c:v>
                </c:pt>
                <c:pt idx="2267">
                  <c:v>3.9352346203720483</c:v>
                </c:pt>
                <c:pt idx="2268">
                  <c:v>3.9352346203720483</c:v>
                </c:pt>
                <c:pt idx="2269">
                  <c:v>2.614120140675718</c:v>
                </c:pt>
                <c:pt idx="2270">
                  <c:v>3.9352346203720483</c:v>
                </c:pt>
                <c:pt idx="2271">
                  <c:v>3.9352346203720483</c:v>
                </c:pt>
                <c:pt idx="2272">
                  <c:v>2.3189775441478142</c:v>
                </c:pt>
                <c:pt idx="2273">
                  <c:v>0.98974713792053537</c:v>
                </c:pt>
                <c:pt idx="2274">
                  <c:v>0.65323311102755333</c:v>
                </c:pt>
                <c:pt idx="2275">
                  <c:v>0.65323311102755333</c:v>
                </c:pt>
                <c:pt idx="2276">
                  <c:v>0.65323311102755333</c:v>
                </c:pt>
                <c:pt idx="2277">
                  <c:v>0.65323311102755333</c:v>
                </c:pt>
                <c:pt idx="2278">
                  <c:v>0.65323311102755333</c:v>
                </c:pt>
                <c:pt idx="2279">
                  <c:v>0.65323311102755333</c:v>
                </c:pt>
                <c:pt idx="2280">
                  <c:v>0.64113893960142898</c:v>
                </c:pt>
                <c:pt idx="2281">
                  <c:v>0.64113893960142898</c:v>
                </c:pt>
                <c:pt idx="2282">
                  <c:v>0.64113893960142898</c:v>
                </c:pt>
                <c:pt idx="2283">
                  <c:v>0.64113893960142898</c:v>
                </c:pt>
                <c:pt idx="2284">
                  <c:v>0.64113893960142898</c:v>
                </c:pt>
                <c:pt idx="2285">
                  <c:v>0.64113893960142898</c:v>
                </c:pt>
                <c:pt idx="2286">
                  <c:v>0.64113893960142898</c:v>
                </c:pt>
                <c:pt idx="2287">
                  <c:v>2.6208982712797804</c:v>
                </c:pt>
                <c:pt idx="2288">
                  <c:v>2.9243707026911236</c:v>
                </c:pt>
                <c:pt idx="2289">
                  <c:v>3.2278431341024665</c:v>
                </c:pt>
                <c:pt idx="2290">
                  <c:v>3.2278431341024665</c:v>
                </c:pt>
                <c:pt idx="2291">
                  <c:v>3.8623763997807292</c:v>
                </c:pt>
                <c:pt idx="2292">
                  <c:v>3.8623763997807292</c:v>
                </c:pt>
                <c:pt idx="2293">
                  <c:v>2.5657214655686271</c:v>
                </c:pt>
                <c:pt idx="2294">
                  <c:v>3.8623763997807292</c:v>
                </c:pt>
                <c:pt idx="2295">
                  <c:v>3.8623763997807292</c:v>
                </c:pt>
                <c:pt idx="2296">
                  <c:v>2.2760432355850728</c:v>
                </c:pt>
                <c:pt idx="2297">
                  <c:v>0.97142263575974086</c:v>
                </c:pt>
                <c:pt idx="2298">
                  <c:v>0.64113893960142898</c:v>
                </c:pt>
                <c:pt idx="2299">
                  <c:v>0.64113893960142898</c:v>
                </c:pt>
                <c:pt idx="2300">
                  <c:v>0.64113893960142898</c:v>
                </c:pt>
                <c:pt idx="2301">
                  <c:v>0.64113893960142898</c:v>
                </c:pt>
                <c:pt idx="2302">
                  <c:v>0.64113893960142898</c:v>
                </c:pt>
                <c:pt idx="2303">
                  <c:v>0.64113893960142898</c:v>
                </c:pt>
                <c:pt idx="2304">
                  <c:v>0.96977433488170173</c:v>
                </c:pt>
                <c:pt idx="2305">
                  <c:v>0.58774202114042517</c:v>
                </c:pt>
                <c:pt idx="2306">
                  <c:v>0.58774202114042517</c:v>
                </c:pt>
                <c:pt idx="2307">
                  <c:v>0.58774202114042517</c:v>
                </c:pt>
                <c:pt idx="2308">
                  <c:v>0.58774202114042517</c:v>
                </c:pt>
                <c:pt idx="2309">
                  <c:v>0.58774202114042517</c:v>
                </c:pt>
                <c:pt idx="2310">
                  <c:v>0.58774202114042517</c:v>
                </c:pt>
                <c:pt idx="2311">
                  <c:v>2.5037810100582112</c:v>
                </c:pt>
                <c:pt idx="2312">
                  <c:v>3.1297262625727642</c:v>
                </c:pt>
                <c:pt idx="2313">
                  <c:v>3.4426988888300407</c:v>
                </c:pt>
                <c:pt idx="2314">
                  <c:v>3.4426988888300407</c:v>
                </c:pt>
                <c:pt idx="2315">
                  <c:v>4.0686441413445928</c:v>
                </c:pt>
                <c:pt idx="2316">
                  <c:v>4.0686441413445928</c:v>
                </c:pt>
                <c:pt idx="2317">
                  <c:v>2.8167536363154881</c:v>
                </c:pt>
                <c:pt idx="2318">
                  <c:v>4.0686441413445928</c:v>
                </c:pt>
                <c:pt idx="2319">
                  <c:v>3.1297262625727642</c:v>
                </c:pt>
                <c:pt idx="2320">
                  <c:v>1.469355052851063</c:v>
                </c:pt>
                <c:pt idx="2321">
                  <c:v>0.96977433488170173</c:v>
                </c:pt>
                <c:pt idx="2322">
                  <c:v>0.61712912219744642</c:v>
                </c:pt>
                <c:pt idx="2323">
                  <c:v>0.58774202114042517</c:v>
                </c:pt>
                <c:pt idx="2324">
                  <c:v>0.58774202114042517</c:v>
                </c:pt>
                <c:pt idx="2325">
                  <c:v>0.58774202114042517</c:v>
                </c:pt>
                <c:pt idx="2326">
                  <c:v>0.58774202114042517</c:v>
                </c:pt>
                <c:pt idx="2327">
                  <c:v>0.58774202114042517</c:v>
                </c:pt>
                <c:pt idx="2328">
                  <c:v>0.45162831350038024</c:v>
                </c:pt>
                <c:pt idx="2329">
                  <c:v>0.40646548215034217</c:v>
                </c:pt>
                <c:pt idx="2330">
                  <c:v>0.40646548215034217</c:v>
                </c:pt>
                <c:pt idx="2331">
                  <c:v>0.40646548215034217</c:v>
                </c:pt>
                <c:pt idx="2332">
                  <c:v>0.40646548215034217</c:v>
                </c:pt>
                <c:pt idx="2333">
                  <c:v>0.40646548215034217</c:v>
                </c:pt>
                <c:pt idx="2334">
                  <c:v>0.40646548215034217</c:v>
                </c:pt>
                <c:pt idx="2335">
                  <c:v>0.40646548215034217</c:v>
                </c:pt>
                <c:pt idx="2336">
                  <c:v>0.40646548215034217</c:v>
                </c:pt>
                <c:pt idx="2337">
                  <c:v>0.40646548215034217</c:v>
                </c:pt>
                <c:pt idx="2338">
                  <c:v>0.40646548215034217</c:v>
                </c:pt>
                <c:pt idx="2339">
                  <c:v>0.40646548215034217</c:v>
                </c:pt>
                <c:pt idx="2340">
                  <c:v>0.40646548215034217</c:v>
                </c:pt>
                <c:pt idx="2341">
                  <c:v>0.40646548215034217</c:v>
                </c:pt>
                <c:pt idx="2342">
                  <c:v>0.40646548215034217</c:v>
                </c:pt>
                <c:pt idx="2343">
                  <c:v>0.40646548215034217</c:v>
                </c:pt>
                <c:pt idx="2344">
                  <c:v>0.40646548215034217</c:v>
                </c:pt>
                <c:pt idx="2345">
                  <c:v>0.40646548215034217</c:v>
                </c:pt>
                <c:pt idx="2346">
                  <c:v>0.40646548215034217</c:v>
                </c:pt>
                <c:pt idx="2347">
                  <c:v>0.40646548215034217</c:v>
                </c:pt>
                <c:pt idx="2348">
                  <c:v>0.40646548215034217</c:v>
                </c:pt>
                <c:pt idx="2349">
                  <c:v>0.40646548215034217</c:v>
                </c:pt>
                <c:pt idx="2350">
                  <c:v>0.40646548215034217</c:v>
                </c:pt>
                <c:pt idx="2351">
                  <c:v>0.40646548215034217</c:v>
                </c:pt>
                <c:pt idx="2352">
                  <c:v>0.36726409106649699</c:v>
                </c:pt>
                <c:pt idx="2353">
                  <c:v>0.36726409106649699</c:v>
                </c:pt>
                <c:pt idx="2354">
                  <c:v>0.36726409106649699</c:v>
                </c:pt>
                <c:pt idx="2355">
                  <c:v>0.36726409106649699</c:v>
                </c:pt>
                <c:pt idx="2356">
                  <c:v>0.36726409106649699</c:v>
                </c:pt>
                <c:pt idx="2357">
                  <c:v>0.36726409106649699</c:v>
                </c:pt>
                <c:pt idx="2358">
                  <c:v>0.36726409106649699</c:v>
                </c:pt>
                <c:pt idx="2359">
                  <c:v>0.36726409106649699</c:v>
                </c:pt>
                <c:pt idx="2360">
                  <c:v>0.36726409106649699</c:v>
                </c:pt>
                <c:pt idx="2361">
                  <c:v>0.36726409106649699</c:v>
                </c:pt>
                <c:pt idx="2362">
                  <c:v>0.36726409106649699</c:v>
                </c:pt>
                <c:pt idx="2363">
                  <c:v>0.36726409106649699</c:v>
                </c:pt>
                <c:pt idx="2364">
                  <c:v>0.36726409106649699</c:v>
                </c:pt>
                <c:pt idx="2365">
                  <c:v>0.36726409106649699</c:v>
                </c:pt>
                <c:pt idx="2366">
                  <c:v>0.36726409106649699</c:v>
                </c:pt>
                <c:pt idx="2367">
                  <c:v>0.36726409106649699</c:v>
                </c:pt>
                <c:pt idx="2368">
                  <c:v>0.36726409106649699</c:v>
                </c:pt>
                <c:pt idx="2369">
                  <c:v>0.36726409106649699</c:v>
                </c:pt>
                <c:pt idx="2370">
                  <c:v>0.36726409106649699</c:v>
                </c:pt>
                <c:pt idx="2371">
                  <c:v>0.36726409106649699</c:v>
                </c:pt>
                <c:pt idx="2372">
                  <c:v>0.36726409106649699</c:v>
                </c:pt>
                <c:pt idx="2373">
                  <c:v>0.36726409106649699</c:v>
                </c:pt>
                <c:pt idx="2374">
                  <c:v>0.36726409106649699</c:v>
                </c:pt>
                <c:pt idx="2375">
                  <c:v>0.36726409106649699</c:v>
                </c:pt>
                <c:pt idx="2376">
                  <c:v>0.59717247584322608</c:v>
                </c:pt>
                <c:pt idx="2377">
                  <c:v>0.59717247584322608</c:v>
                </c:pt>
                <c:pt idx="2378">
                  <c:v>0.59717247584322608</c:v>
                </c:pt>
                <c:pt idx="2379">
                  <c:v>0.59717247584322608</c:v>
                </c:pt>
                <c:pt idx="2380">
                  <c:v>0.59717247584322608</c:v>
                </c:pt>
                <c:pt idx="2381">
                  <c:v>0.59717247584322608</c:v>
                </c:pt>
                <c:pt idx="2382">
                  <c:v>0.59717247584322608</c:v>
                </c:pt>
                <c:pt idx="2383">
                  <c:v>2.5439547470921431</c:v>
                </c:pt>
                <c:pt idx="2384">
                  <c:v>2.8619490904786611</c:v>
                </c:pt>
                <c:pt idx="2385">
                  <c:v>3.1799434338651786</c:v>
                </c:pt>
                <c:pt idx="2386">
                  <c:v>3.1799434338651786</c:v>
                </c:pt>
                <c:pt idx="2387">
                  <c:v>3.8159321206382146</c:v>
                </c:pt>
                <c:pt idx="2388">
                  <c:v>3.8159321206382146</c:v>
                </c:pt>
                <c:pt idx="2389">
                  <c:v>2.5439547470921431</c:v>
                </c:pt>
                <c:pt idx="2390">
                  <c:v>3.8159321206382146</c:v>
                </c:pt>
                <c:pt idx="2391">
                  <c:v>3.8159321206382146</c:v>
                </c:pt>
                <c:pt idx="2392">
                  <c:v>2.2259604037056246</c:v>
                </c:pt>
                <c:pt idx="2393">
                  <c:v>0.63598868677303577</c:v>
                </c:pt>
                <c:pt idx="2394">
                  <c:v>0.62703109963538739</c:v>
                </c:pt>
                <c:pt idx="2395">
                  <c:v>0.62703109963538739</c:v>
                </c:pt>
                <c:pt idx="2396">
                  <c:v>0.62703109963538739</c:v>
                </c:pt>
                <c:pt idx="2397">
                  <c:v>0.62703109963538739</c:v>
                </c:pt>
                <c:pt idx="2398">
                  <c:v>0.62703109963538739</c:v>
                </c:pt>
                <c:pt idx="2399">
                  <c:v>0.62703109963538739</c:v>
                </c:pt>
                <c:pt idx="2400">
                  <c:v>0.40340755689020891</c:v>
                </c:pt>
                <c:pt idx="2401">
                  <c:v>0.61471627716603261</c:v>
                </c:pt>
                <c:pt idx="2402">
                  <c:v>0.61471627716603261</c:v>
                </c:pt>
                <c:pt idx="2403">
                  <c:v>0.61471627716603261</c:v>
                </c:pt>
                <c:pt idx="2404">
                  <c:v>0.61471627716603261</c:v>
                </c:pt>
                <c:pt idx="2405">
                  <c:v>0.61471627716603261</c:v>
                </c:pt>
                <c:pt idx="2406">
                  <c:v>0.61471627716603261</c:v>
                </c:pt>
                <c:pt idx="2407">
                  <c:v>2.5914133059280564</c:v>
                </c:pt>
                <c:pt idx="2408">
                  <c:v>2.8914716887197263</c:v>
                </c:pt>
                <c:pt idx="2409">
                  <c:v>3.1915300715113957</c:v>
                </c:pt>
                <c:pt idx="2410">
                  <c:v>3.1915300715113957</c:v>
                </c:pt>
                <c:pt idx="2411">
                  <c:v>3.8189248718939774</c:v>
                </c:pt>
                <c:pt idx="2412">
                  <c:v>3.8189248718939774</c:v>
                </c:pt>
                <c:pt idx="2413">
                  <c:v>2.5368572363295709</c:v>
                </c:pt>
                <c:pt idx="2414">
                  <c:v>3.8189248718939774</c:v>
                </c:pt>
                <c:pt idx="2415">
                  <c:v>3.8189248718939774</c:v>
                </c:pt>
                <c:pt idx="2416">
                  <c:v>2.2504378709375228</c:v>
                </c:pt>
                <c:pt idx="2417">
                  <c:v>0.96049418307192602</c:v>
                </c:pt>
                <c:pt idx="2418">
                  <c:v>0.63392616082747111</c:v>
                </c:pt>
                <c:pt idx="2419">
                  <c:v>0.63392616082747111</c:v>
                </c:pt>
                <c:pt idx="2420">
                  <c:v>0.63392616082747111</c:v>
                </c:pt>
                <c:pt idx="2421">
                  <c:v>0.63392616082747111</c:v>
                </c:pt>
                <c:pt idx="2422">
                  <c:v>0.63392616082747111</c:v>
                </c:pt>
                <c:pt idx="2423">
                  <c:v>0.63392616082747111</c:v>
                </c:pt>
                <c:pt idx="2424">
                  <c:v>0.62142991949959681</c:v>
                </c:pt>
                <c:pt idx="2425">
                  <c:v>0.62142991949959681</c:v>
                </c:pt>
                <c:pt idx="2426">
                  <c:v>0.62142991949959681</c:v>
                </c:pt>
                <c:pt idx="2427">
                  <c:v>0.62142991949959681</c:v>
                </c:pt>
                <c:pt idx="2428">
                  <c:v>0.62142991949959681</c:v>
                </c:pt>
                <c:pt idx="2429">
                  <c:v>0.62142991949959681</c:v>
                </c:pt>
                <c:pt idx="2430">
                  <c:v>0.62142991949959681</c:v>
                </c:pt>
                <c:pt idx="2431">
                  <c:v>2.5403301860756242</c:v>
                </c:pt>
                <c:pt idx="2432">
                  <c:v>2.8344736813054339</c:v>
                </c:pt>
                <c:pt idx="2433">
                  <c:v>3.1286171765352431</c:v>
                </c:pt>
                <c:pt idx="2434">
                  <c:v>3.1286171765352431</c:v>
                </c:pt>
                <c:pt idx="2435">
                  <c:v>3.7436444847430255</c:v>
                </c:pt>
                <c:pt idx="2436">
                  <c:v>3.7436444847430255</c:v>
                </c:pt>
                <c:pt idx="2437">
                  <c:v>2.4868495505792954</c:v>
                </c:pt>
                <c:pt idx="2438">
                  <c:v>3.7436444847430255</c:v>
                </c:pt>
                <c:pt idx="2439">
                  <c:v>3.7436444847430255</c:v>
                </c:pt>
                <c:pt idx="2440">
                  <c:v>2.2060762142235686</c:v>
                </c:pt>
                <c:pt idx="2441">
                  <c:v>0.94156048409029824</c:v>
                </c:pt>
                <c:pt idx="2442">
                  <c:v>0.62142991949959681</c:v>
                </c:pt>
                <c:pt idx="2443">
                  <c:v>0.62142991949959681</c:v>
                </c:pt>
                <c:pt idx="2444">
                  <c:v>0.62142991949959681</c:v>
                </c:pt>
                <c:pt idx="2445">
                  <c:v>0.62142991949959681</c:v>
                </c:pt>
                <c:pt idx="2446">
                  <c:v>0.62142991949959681</c:v>
                </c:pt>
                <c:pt idx="2447">
                  <c:v>0.62142991949959681</c:v>
                </c:pt>
                <c:pt idx="2448">
                  <c:v>0.61919025812438866</c:v>
                </c:pt>
                <c:pt idx="2449">
                  <c:v>0.61919025812438866</c:v>
                </c:pt>
                <c:pt idx="2450">
                  <c:v>0.61919025812438866</c:v>
                </c:pt>
                <c:pt idx="2451">
                  <c:v>0.61919025812438866</c:v>
                </c:pt>
                <c:pt idx="2452">
                  <c:v>0.61919025812438866</c:v>
                </c:pt>
                <c:pt idx="2453">
                  <c:v>0.61919025812438866</c:v>
                </c:pt>
                <c:pt idx="2454">
                  <c:v>0.61919025812438866</c:v>
                </c:pt>
                <c:pt idx="2455">
                  <c:v>2.5311747218478793</c:v>
                </c:pt>
                <c:pt idx="2456">
                  <c:v>2.8242581106934237</c:v>
                </c:pt>
                <c:pt idx="2457">
                  <c:v>3.1173414995389677</c:v>
                </c:pt>
                <c:pt idx="2458">
                  <c:v>3.1173414995389677</c:v>
                </c:pt>
                <c:pt idx="2459">
                  <c:v>3.7301522216705592</c:v>
                </c:pt>
                <c:pt idx="2460">
                  <c:v>3.7301522216705592</c:v>
                </c:pt>
                <c:pt idx="2461">
                  <c:v>2.4778868329668713</c:v>
                </c:pt>
                <c:pt idx="2462">
                  <c:v>3.7301522216705592</c:v>
                </c:pt>
                <c:pt idx="2463">
                  <c:v>3.7301522216705592</c:v>
                </c:pt>
                <c:pt idx="2464">
                  <c:v>2.1981254163415795</c:v>
                </c:pt>
                <c:pt idx="2465">
                  <c:v>0.93816705776422515</c:v>
                </c:pt>
                <c:pt idx="2466">
                  <c:v>0.61919025812438866</c:v>
                </c:pt>
                <c:pt idx="2467">
                  <c:v>0.61919025812438866</c:v>
                </c:pt>
                <c:pt idx="2468">
                  <c:v>0.61919025812438866</c:v>
                </c:pt>
                <c:pt idx="2469">
                  <c:v>0.61919025812438866</c:v>
                </c:pt>
                <c:pt idx="2470">
                  <c:v>0.61919025812438866</c:v>
                </c:pt>
                <c:pt idx="2471">
                  <c:v>0.61919025812438866</c:v>
                </c:pt>
                <c:pt idx="2472">
                  <c:v>0.98072968318942677</c:v>
                </c:pt>
                <c:pt idx="2473">
                  <c:v>0.59438162617541013</c:v>
                </c:pt>
                <c:pt idx="2474">
                  <c:v>0.59438162617541013</c:v>
                </c:pt>
                <c:pt idx="2475">
                  <c:v>0.59438162617541013</c:v>
                </c:pt>
                <c:pt idx="2476">
                  <c:v>0.59438162617541013</c:v>
                </c:pt>
                <c:pt idx="2477">
                  <c:v>0.59438162617541013</c:v>
                </c:pt>
                <c:pt idx="2478">
                  <c:v>0.59438162617541013</c:v>
                </c:pt>
                <c:pt idx="2479">
                  <c:v>2.5320657275072471</c:v>
                </c:pt>
                <c:pt idx="2480">
                  <c:v>3.1650821593840588</c:v>
                </c:pt>
                <c:pt idx="2481">
                  <c:v>3.4815903753224653</c:v>
                </c:pt>
                <c:pt idx="2482">
                  <c:v>3.4815903753224653</c:v>
                </c:pt>
                <c:pt idx="2483">
                  <c:v>4.1146068071992765</c:v>
                </c:pt>
                <c:pt idx="2484">
                  <c:v>4.1146068071992765</c:v>
                </c:pt>
                <c:pt idx="2485">
                  <c:v>2.8485739434456532</c:v>
                </c:pt>
                <c:pt idx="2486">
                  <c:v>4.1146068071992765</c:v>
                </c:pt>
                <c:pt idx="2487">
                  <c:v>3.1650821593840588</c:v>
                </c:pt>
                <c:pt idx="2488">
                  <c:v>1.4859540654385253</c:v>
                </c:pt>
                <c:pt idx="2489">
                  <c:v>0.98072968318942677</c:v>
                </c:pt>
                <c:pt idx="2490">
                  <c:v>0.62410070748418056</c:v>
                </c:pt>
                <c:pt idx="2491">
                  <c:v>0.59438162617541013</c:v>
                </c:pt>
                <c:pt idx="2492">
                  <c:v>0.59438162617541013</c:v>
                </c:pt>
                <c:pt idx="2493">
                  <c:v>0.59438162617541013</c:v>
                </c:pt>
                <c:pt idx="2494">
                  <c:v>0.59438162617541013</c:v>
                </c:pt>
                <c:pt idx="2495">
                  <c:v>0.59438162617541013</c:v>
                </c:pt>
                <c:pt idx="2496">
                  <c:v>0.42017150401345749</c:v>
                </c:pt>
                <c:pt idx="2497">
                  <c:v>0.37815435361211175</c:v>
                </c:pt>
                <c:pt idx="2498">
                  <c:v>0.37815435361211175</c:v>
                </c:pt>
                <c:pt idx="2499">
                  <c:v>0.37815435361211175</c:v>
                </c:pt>
                <c:pt idx="2500">
                  <c:v>0.37815435361211175</c:v>
                </c:pt>
                <c:pt idx="2501">
                  <c:v>0.37815435361211175</c:v>
                </c:pt>
                <c:pt idx="2502">
                  <c:v>0.37815435361211175</c:v>
                </c:pt>
                <c:pt idx="2503">
                  <c:v>0.37815435361211175</c:v>
                </c:pt>
                <c:pt idx="2504">
                  <c:v>0.37815435361211175</c:v>
                </c:pt>
                <c:pt idx="2505">
                  <c:v>0.37815435361211175</c:v>
                </c:pt>
                <c:pt idx="2506">
                  <c:v>0.37815435361211175</c:v>
                </c:pt>
                <c:pt idx="2507">
                  <c:v>0.37815435361211175</c:v>
                </c:pt>
                <c:pt idx="2508">
                  <c:v>0.37815435361211175</c:v>
                </c:pt>
                <c:pt idx="2509">
                  <c:v>0.37815435361211175</c:v>
                </c:pt>
                <c:pt idx="2510">
                  <c:v>0.37815435361211175</c:v>
                </c:pt>
                <c:pt idx="2511">
                  <c:v>0.37815435361211175</c:v>
                </c:pt>
                <c:pt idx="2512">
                  <c:v>0.37815435361211175</c:v>
                </c:pt>
                <c:pt idx="2513">
                  <c:v>0.37815435361211175</c:v>
                </c:pt>
                <c:pt idx="2514">
                  <c:v>0.37815435361211175</c:v>
                </c:pt>
                <c:pt idx="2515">
                  <c:v>0.37815435361211175</c:v>
                </c:pt>
                <c:pt idx="2516">
                  <c:v>0.37815435361211175</c:v>
                </c:pt>
                <c:pt idx="2517">
                  <c:v>0.37815435361211175</c:v>
                </c:pt>
                <c:pt idx="2518">
                  <c:v>0.37815435361211175</c:v>
                </c:pt>
                <c:pt idx="2519">
                  <c:v>0.37815435361211175</c:v>
                </c:pt>
                <c:pt idx="2520">
                  <c:v>0.33566164820231981</c:v>
                </c:pt>
                <c:pt idx="2521">
                  <c:v>0.33566164820231981</c:v>
                </c:pt>
                <c:pt idx="2522">
                  <c:v>0.33566164820231981</c:v>
                </c:pt>
                <c:pt idx="2523">
                  <c:v>0.33566164820231981</c:v>
                </c:pt>
                <c:pt idx="2524">
                  <c:v>0.33566164820231981</c:v>
                </c:pt>
                <c:pt idx="2525">
                  <c:v>0.33566164820231981</c:v>
                </c:pt>
                <c:pt idx="2526">
                  <c:v>0.33566164820231981</c:v>
                </c:pt>
                <c:pt idx="2527">
                  <c:v>0.33566164820231981</c:v>
                </c:pt>
                <c:pt idx="2528">
                  <c:v>0.33566164820231981</c:v>
                </c:pt>
                <c:pt idx="2529">
                  <c:v>0.33566164820231981</c:v>
                </c:pt>
                <c:pt idx="2530">
                  <c:v>0.33566164820231981</c:v>
                </c:pt>
                <c:pt idx="2531">
                  <c:v>0.33566164820231981</c:v>
                </c:pt>
                <c:pt idx="2532">
                  <c:v>0.33566164820231981</c:v>
                </c:pt>
                <c:pt idx="2533">
                  <c:v>0.33566164820231981</c:v>
                </c:pt>
                <c:pt idx="2534">
                  <c:v>0.33566164820231981</c:v>
                </c:pt>
                <c:pt idx="2535">
                  <c:v>0.33566164820231981</c:v>
                </c:pt>
                <c:pt idx="2536">
                  <c:v>0.33566164820231981</c:v>
                </c:pt>
                <c:pt idx="2537">
                  <c:v>0.33566164820231981</c:v>
                </c:pt>
                <c:pt idx="2538">
                  <c:v>0.33566164820231981</c:v>
                </c:pt>
                <c:pt idx="2539">
                  <c:v>0.33566164820231981</c:v>
                </c:pt>
                <c:pt idx="2540">
                  <c:v>0.33566164820231981</c:v>
                </c:pt>
                <c:pt idx="2541">
                  <c:v>0.33566164820231981</c:v>
                </c:pt>
                <c:pt idx="2542">
                  <c:v>0.33566164820231981</c:v>
                </c:pt>
                <c:pt idx="2543">
                  <c:v>0.33566164820231981</c:v>
                </c:pt>
                <c:pt idx="2544">
                  <c:v>0.58599695709345323</c:v>
                </c:pt>
                <c:pt idx="2545">
                  <c:v>0.58599695709345323</c:v>
                </c:pt>
                <c:pt idx="2546">
                  <c:v>0.58599695709345323</c:v>
                </c:pt>
                <c:pt idx="2547">
                  <c:v>0.58599695709345323</c:v>
                </c:pt>
                <c:pt idx="2548">
                  <c:v>0.58599695709345323</c:v>
                </c:pt>
                <c:pt idx="2549">
                  <c:v>0.58599695709345323</c:v>
                </c:pt>
                <c:pt idx="2550">
                  <c:v>0.58599695709345323</c:v>
                </c:pt>
                <c:pt idx="2551">
                  <c:v>2.4963470372181105</c:v>
                </c:pt>
                <c:pt idx="2552">
                  <c:v>2.8083904168703744</c:v>
                </c:pt>
                <c:pt idx="2553">
                  <c:v>3.1204337965226383</c:v>
                </c:pt>
                <c:pt idx="2554">
                  <c:v>3.1204337965226383</c:v>
                </c:pt>
                <c:pt idx="2555">
                  <c:v>3.7445205558271653</c:v>
                </c:pt>
                <c:pt idx="2556">
                  <c:v>3.7445205558271653</c:v>
                </c:pt>
                <c:pt idx="2557">
                  <c:v>2.4963470372181105</c:v>
                </c:pt>
                <c:pt idx="2558">
                  <c:v>3.7445205558271653</c:v>
                </c:pt>
                <c:pt idx="2559">
                  <c:v>3.7445205558271653</c:v>
                </c:pt>
                <c:pt idx="2560">
                  <c:v>2.1843036575658465</c:v>
                </c:pt>
                <c:pt idx="2561">
                  <c:v>0.62408675930452762</c:v>
                </c:pt>
                <c:pt idx="2562">
                  <c:v>0.61529680494812578</c:v>
                </c:pt>
                <c:pt idx="2563">
                  <c:v>0.61529680494812578</c:v>
                </c:pt>
                <c:pt idx="2564">
                  <c:v>0.61529680494812578</c:v>
                </c:pt>
                <c:pt idx="2565">
                  <c:v>0.61529680494812578</c:v>
                </c:pt>
                <c:pt idx="2566">
                  <c:v>0.61529680494812578</c:v>
                </c:pt>
                <c:pt idx="2567">
                  <c:v>0.61529680494812578</c:v>
                </c:pt>
                <c:pt idx="2568">
                  <c:v>0.39277137100276804</c:v>
                </c:pt>
                <c:pt idx="2569">
                  <c:v>0.59850875581374186</c:v>
                </c:pt>
                <c:pt idx="2570">
                  <c:v>0.59850875581374186</c:v>
                </c:pt>
                <c:pt idx="2571">
                  <c:v>0.59850875581374186</c:v>
                </c:pt>
                <c:pt idx="2572">
                  <c:v>0.59850875581374186</c:v>
                </c:pt>
                <c:pt idx="2573">
                  <c:v>0.59850875581374186</c:v>
                </c:pt>
                <c:pt idx="2574">
                  <c:v>0.59850875581374186</c:v>
                </c:pt>
                <c:pt idx="2575">
                  <c:v>2.5230884737273049</c:v>
                </c:pt>
                <c:pt idx="2576">
                  <c:v>2.8152355601588881</c:v>
                </c:pt>
                <c:pt idx="2577">
                  <c:v>3.1073826465904708</c:v>
                </c:pt>
                <c:pt idx="2578">
                  <c:v>3.1073826465904708</c:v>
                </c:pt>
                <c:pt idx="2579">
                  <c:v>3.7182356454928702</c:v>
                </c:pt>
                <c:pt idx="2580">
                  <c:v>3.7182356454928702</c:v>
                </c:pt>
                <c:pt idx="2581">
                  <c:v>2.4699708216488352</c:v>
                </c:pt>
                <c:pt idx="2582">
                  <c:v>3.7182356454928702</c:v>
                </c:pt>
                <c:pt idx="2583">
                  <c:v>3.7182356454928702</c:v>
                </c:pt>
                <c:pt idx="2584">
                  <c:v>2.1911031482368704</c:v>
                </c:pt>
                <c:pt idx="2585">
                  <c:v>0.93516993095897161</c:v>
                </c:pt>
                <c:pt idx="2586">
                  <c:v>0.61721215443292121</c:v>
                </c:pt>
                <c:pt idx="2587">
                  <c:v>0.61721215443292121</c:v>
                </c:pt>
                <c:pt idx="2588">
                  <c:v>0.61721215443292121</c:v>
                </c:pt>
                <c:pt idx="2589">
                  <c:v>0.61721215443292121</c:v>
                </c:pt>
                <c:pt idx="2590">
                  <c:v>0.61721215443292121</c:v>
                </c:pt>
                <c:pt idx="2591">
                  <c:v>0.61721215443292121</c:v>
                </c:pt>
                <c:pt idx="2592">
                  <c:v>0.62008612267447205</c:v>
                </c:pt>
                <c:pt idx="2593">
                  <c:v>0.62008612267447205</c:v>
                </c:pt>
                <c:pt idx="2594">
                  <c:v>0.62008612267447205</c:v>
                </c:pt>
                <c:pt idx="2595">
                  <c:v>0.62008612267447205</c:v>
                </c:pt>
                <c:pt idx="2596">
                  <c:v>0.62008612267447205</c:v>
                </c:pt>
                <c:pt idx="2597">
                  <c:v>0.62008612267447205</c:v>
                </c:pt>
                <c:pt idx="2598">
                  <c:v>0.62008612267447205</c:v>
                </c:pt>
                <c:pt idx="2599">
                  <c:v>2.5348369075389776</c:v>
                </c:pt>
                <c:pt idx="2600">
                  <c:v>2.8283443389382281</c:v>
                </c:pt>
                <c:pt idx="2601">
                  <c:v>3.1218517703374782</c:v>
                </c:pt>
                <c:pt idx="2602">
                  <c:v>3.1218517703374782</c:v>
                </c:pt>
                <c:pt idx="2603">
                  <c:v>3.7355491268995458</c:v>
                </c:pt>
                <c:pt idx="2604">
                  <c:v>3.7355491268995458</c:v>
                </c:pt>
                <c:pt idx="2605">
                  <c:v>2.4814719200118418</c:v>
                </c:pt>
                <c:pt idx="2606">
                  <c:v>3.7355491268995458</c:v>
                </c:pt>
                <c:pt idx="2607">
                  <c:v>3.7355491268995458</c:v>
                </c:pt>
                <c:pt idx="2608">
                  <c:v>2.2013057354943757</c:v>
                </c:pt>
                <c:pt idx="2609">
                  <c:v>0.93952442829465443</c:v>
                </c:pt>
                <c:pt idx="2610">
                  <c:v>0.62008612267447205</c:v>
                </c:pt>
                <c:pt idx="2611">
                  <c:v>0.62008612267447205</c:v>
                </c:pt>
                <c:pt idx="2612">
                  <c:v>0.62008612267447205</c:v>
                </c:pt>
                <c:pt idx="2613">
                  <c:v>0.62008612267447205</c:v>
                </c:pt>
                <c:pt idx="2614">
                  <c:v>0.62008612267447205</c:v>
                </c:pt>
                <c:pt idx="2615">
                  <c:v>0.62008612267447205</c:v>
                </c:pt>
                <c:pt idx="2616">
                  <c:v>0.61515886764901395</c:v>
                </c:pt>
                <c:pt idx="2617">
                  <c:v>0.61515886764901395</c:v>
                </c:pt>
                <c:pt idx="2618">
                  <c:v>0.61515886764901395</c:v>
                </c:pt>
                <c:pt idx="2619">
                  <c:v>0.61515886764901395</c:v>
                </c:pt>
                <c:pt idx="2620">
                  <c:v>0.61515886764901395</c:v>
                </c:pt>
                <c:pt idx="2621">
                  <c:v>0.61515886764901395</c:v>
                </c:pt>
                <c:pt idx="2622">
                  <c:v>0.61515886764901395</c:v>
                </c:pt>
                <c:pt idx="2623">
                  <c:v>2.514694886237939</c:v>
                </c:pt>
                <c:pt idx="2624">
                  <c:v>2.8058700835918056</c:v>
                </c:pt>
                <c:pt idx="2625">
                  <c:v>3.0970452809456721</c:v>
                </c:pt>
                <c:pt idx="2626">
                  <c:v>3.0970452809456721</c:v>
                </c:pt>
                <c:pt idx="2627">
                  <c:v>3.7058661481401201</c:v>
                </c:pt>
                <c:pt idx="2628">
                  <c:v>3.7058661481401201</c:v>
                </c:pt>
                <c:pt idx="2629">
                  <c:v>2.4617539412645084</c:v>
                </c:pt>
                <c:pt idx="2630">
                  <c:v>3.7058661481401201</c:v>
                </c:pt>
                <c:pt idx="2631">
                  <c:v>3.7058661481401201</c:v>
                </c:pt>
                <c:pt idx="2632">
                  <c:v>2.1838139801539991</c:v>
                </c:pt>
                <c:pt idx="2633">
                  <c:v>0.93205889037729384</c:v>
                </c:pt>
                <c:pt idx="2634">
                  <c:v>0.61515886764901395</c:v>
                </c:pt>
                <c:pt idx="2635">
                  <c:v>0.61515886764901395</c:v>
                </c:pt>
                <c:pt idx="2636">
                  <c:v>0.61515886764901395</c:v>
                </c:pt>
                <c:pt idx="2637">
                  <c:v>0.61515886764901395</c:v>
                </c:pt>
                <c:pt idx="2638">
                  <c:v>0.61515886764901395</c:v>
                </c:pt>
                <c:pt idx="2639">
                  <c:v>0.61515886764901395</c:v>
                </c:pt>
                <c:pt idx="2640">
                  <c:v>0.92526823238156874</c:v>
                </c:pt>
                <c:pt idx="2641">
                  <c:v>0.56076862568579922</c:v>
                </c:pt>
                <c:pt idx="2642">
                  <c:v>0.56076862568579922</c:v>
                </c:pt>
                <c:pt idx="2643">
                  <c:v>0.56076862568579922</c:v>
                </c:pt>
                <c:pt idx="2644">
                  <c:v>0.56076862568579922</c:v>
                </c:pt>
                <c:pt idx="2645">
                  <c:v>0.56076862568579922</c:v>
                </c:pt>
                <c:pt idx="2646">
                  <c:v>0.56076862568579922</c:v>
                </c:pt>
                <c:pt idx="2647">
                  <c:v>2.3888743454215047</c:v>
                </c:pt>
                <c:pt idx="2648">
                  <c:v>2.9860929317768807</c:v>
                </c:pt>
                <c:pt idx="2649">
                  <c:v>3.2847022249545694</c:v>
                </c:pt>
                <c:pt idx="2650">
                  <c:v>3.2847022249545694</c:v>
                </c:pt>
                <c:pt idx="2651">
                  <c:v>3.8819208113099455</c:v>
                </c:pt>
                <c:pt idx="2652">
                  <c:v>3.8819208113099455</c:v>
                </c:pt>
                <c:pt idx="2653">
                  <c:v>2.6874836385991929</c:v>
                </c:pt>
                <c:pt idx="2654">
                  <c:v>3.8819208113099455</c:v>
                </c:pt>
                <c:pt idx="2655">
                  <c:v>2.9860929317768807</c:v>
                </c:pt>
                <c:pt idx="2656">
                  <c:v>1.4019215642144982</c:v>
                </c:pt>
                <c:pt idx="2657">
                  <c:v>0.92526823238156874</c:v>
                </c:pt>
                <c:pt idx="2658">
                  <c:v>0.58880705697008917</c:v>
                </c:pt>
                <c:pt idx="2659">
                  <c:v>0.56076862568579922</c:v>
                </c:pt>
                <c:pt idx="2660">
                  <c:v>0.56076862568579922</c:v>
                </c:pt>
                <c:pt idx="2661">
                  <c:v>0.56076862568579922</c:v>
                </c:pt>
                <c:pt idx="2662">
                  <c:v>0.56076862568579922</c:v>
                </c:pt>
                <c:pt idx="2663">
                  <c:v>0.56076862568579922</c:v>
                </c:pt>
                <c:pt idx="2664">
                  <c:v>0.25240185341653593</c:v>
                </c:pt>
                <c:pt idx="2665">
                  <c:v>0.22716166807488228</c:v>
                </c:pt>
                <c:pt idx="2666">
                  <c:v>0.22716166807488228</c:v>
                </c:pt>
                <c:pt idx="2667">
                  <c:v>0.22716166807488228</c:v>
                </c:pt>
                <c:pt idx="2668">
                  <c:v>0.22716166807488228</c:v>
                </c:pt>
                <c:pt idx="2669">
                  <c:v>0.22716166807488228</c:v>
                </c:pt>
                <c:pt idx="2670">
                  <c:v>0.22716166807488228</c:v>
                </c:pt>
                <c:pt idx="2671">
                  <c:v>0.22716166807488228</c:v>
                </c:pt>
                <c:pt idx="2672">
                  <c:v>0.22716166807488228</c:v>
                </c:pt>
                <c:pt idx="2673">
                  <c:v>0.22716166807488228</c:v>
                </c:pt>
                <c:pt idx="2674">
                  <c:v>0.22716166807488228</c:v>
                </c:pt>
                <c:pt idx="2675">
                  <c:v>0.22716166807488228</c:v>
                </c:pt>
                <c:pt idx="2676">
                  <c:v>0.22716166807488228</c:v>
                </c:pt>
                <c:pt idx="2677">
                  <c:v>0.22716166807488228</c:v>
                </c:pt>
                <c:pt idx="2678">
                  <c:v>0.22716166807488228</c:v>
                </c:pt>
                <c:pt idx="2679">
                  <c:v>0.22716166807488228</c:v>
                </c:pt>
                <c:pt idx="2680">
                  <c:v>0.22716166807488228</c:v>
                </c:pt>
                <c:pt idx="2681">
                  <c:v>0.22716166807488228</c:v>
                </c:pt>
                <c:pt idx="2682">
                  <c:v>0.22716166807488228</c:v>
                </c:pt>
                <c:pt idx="2683">
                  <c:v>0.22716166807488228</c:v>
                </c:pt>
                <c:pt idx="2684">
                  <c:v>0.22716166807488228</c:v>
                </c:pt>
                <c:pt idx="2685">
                  <c:v>0.22716166807488228</c:v>
                </c:pt>
                <c:pt idx="2686">
                  <c:v>0.22716166807488228</c:v>
                </c:pt>
                <c:pt idx="2687">
                  <c:v>0.22716166807488228</c:v>
                </c:pt>
                <c:pt idx="2688">
                  <c:v>0.22100000545190424</c:v>
                </c:pt>
                <c:pt idx="2689">
                  <c:v>0.22100000545190424</c:v>
                </c:pt>
                <c:pt idx="2690">
                  <c:v>0.22100000545190424</c:v>
                </c:pt>
                <c:pt idx="2691">
                  <c:v>0.22100000545190424</c:v>
                </c:pt>
                <c:pt idx="2692">
                  <c:v>0.22100000545190424</c:v>
                </c:pt>
                <c:pt idx="2693">
                  <c:v>0.22100000545190424</c:v>
                </c:pt>
                <c:pt idx="2694">
                  <c:v>0.22100000545190424</c:v>
                </c:pt>
                <c:pt idx="2695">
                  <c:v>0.22100000545190424</c:v>
                </c:pt>
                <c:pt idx="2696">
                  <c:v>0.22100000545190424</c:v>
                </c:pt>
                <c:pt idx="2697">
                  <c:v>0.22100000545190424</c:v>
                </c:pt>
                <c:pt idx="2698">
                  <c:v>0.22100000545190424</c:v>
                </c:pt>
                <c:pt idx="2699">
                  <c:v>0.22100000545190424</c:v>
                </c:pt>
                <c:pt idx="2700">
                  <c:v>0.22100000545190424</c:v>
                </c:pt>
                <c:pt idx="2701">
                  <c:v>0.22100000545190424</c:v>
                </c:pt>
                <c:pt idx="2702">
                  <c:v>0.22100000545190424</c:v>
                </c:pt>
                <c:pt idx="2703">
                  <c:v>0.22100000545190424</c:v>
                </c:pt>
                <c:pt idx="2704">
                  <c:v>0.22100000545190424</c:v>
                </c:pt>
                <c:pt idx="2705">
                  <c:v>0.22100000545190424</c:v>
                </c:pt>
                <c:pt idx="2706">
                  <c:v>0.22100000545190424</c:v>
                </c:pt>
                <c:pt idx="2707">
                  <c:v>0.22100000545190424</c:v>
                </c:pt>
                <c:pt idx="2708">
                  <c:v>0.22100000545190424</c:v>
                </c:pt>
                <c:pt idx="2709">
                  <c:v>0.22100000545190424</c:v>
                </c:pt>
                <c:pt idx="2710">
                  <c:v>0.22100000545190424</c:v>
                </c:pt>
                <c:pt idx="2711">
                  <c:v>0.22100000545190424</c:v>
                </c:pt>
                <c:pt idx="2712">
                  <c:v>0.5765407489205685</c:v>
                </c:pt>
                <c:pt idx="2713">
                  <c:v>0.5765407489205685</c:v>
                </c:pt>
                <c:pt idx="2714">
                  <c:v>0.5765407489205685</c:v>
                </c:pt>
                <c:pt idx="2715">
                  <c:v>0.5765407489205685</c:v>
                </c:pt>
                <c:pt idx="2716">
                  <c:v>0.5765407489205685</c:v>
                </c:pt>
                <c:pt idx="2717">
                  <c:v>0.5765407489205685</c:v>
                </c:pt>
                <c:pt idx="2718">
                  <c:v>0.5765407489205685</c:v>
                </c:pt>
                <c:pt idx="2719">
                  <c:v>2.4560635904016217</c:v>
                </c:pt>
                <c:pt idx="2720">
                  <c:v>2.7630715392018241</c:v>
                </c:pt>
                <c:pt idx="2721">
                  <c:v>3.070079488002027</c:v>
                </c:pt>
                <c:pt idx="2722">
                  <c:v>3.070079488002027</c:v>
                </c:pt>
                <c:pt idx="2723">
                  <c:v>3.6840953856024319</c:v>
                </c:pt>
                <c:pt idx="2724">
                  <c:v>3.6840953856024319</c:v>
                </c:pt>
                <c:pt idx="2725">
                  <c:v>2.4560635904016217</c:v>
                </c:pt>
                <c:pt idx="2726">
                  <c:v>3.6840953856024319</c:v>
                </c:pt>
                <c:pt idx="2727">
                  <c:v>3.6840953856024319</c:v>
                </c:pt>
                <c:pt idx="2728">
                  <c:v>2.1490556416014188</c:v>
                </c:pt>
                <c:pt idx="2729">
                  <c:v>0.61401589760040542</c:v>
                </c:pt>
                <c:pt idx="2730">
                  <c:v>0.60536778636659694</c:v>
                </c:pt>
                <c:pt idx="2731">
                  <c:v>0.60536778636659694</c:v>
                </c:pt>
                <c:pt idx="2732">
                  <c:v>0.60536778636659694</c:v>
                </c:pt>
                <c:pt idx="2733">
                  <c:v>0.60536778636659694</c:v>
                </c:pt>
                <c:pt idx="2734">
                  <c:v>0.60536778636659694</c:v>
                </c:pt>
                <c:pt idx="2735">
                  <c:v>0.60536778636659694</c:v>
                </c:pt>
                <c:pt idx="2736">
                  <c:v>0.39392122893654535</c:v>
                </c:pt>
                <c:pt idx="2737">
                  <c:v>0.60026092028425959</c:v>
                </c:pt>
                <c:pt idx="2738">
                  <c:v>0.60026092028425959</c:v>
                </c:pt>
                <c:pt idx="2739">
                  <c:v>0.60026092028425959</c:v>
                </c:pt>
                <c:pt idx="2740">
                  <c:v>0.60026092028425959</c:v>
                </c:pt>
                <c:pt idx="2741">
                  <c:v>0.60026092028425959</c:v>
                </c:pt>
                <c:pt idx="2742">
                  <c:v>0.60026092028425959</c:v>
                </c:pt>
                <c:pt idx="2743">
                  <c:v>2.5304749420733317</c:v>
                </c:pt>
                <c:pt idx="2744">
                  <c:v>2.8234773037870862</c:v>
                </c:pt>
                <c:pt idx="2745">
                  <c:v>3.1164796655008407</c:v>
                </c:pt>
                <c:pt idx="2746">
                  <c:v>3.1164796655008407</c:v>
                </c:pt>
                <c:pt idx="2747">
                  <c:v>3.7291209672659629</c:v>
                </c:pt>
                <c:pt idx="2748">
                  <c:v>3.7291209672659629</c:v>
                </c:pt>
                <c:pt idx="2749">
                  <c:v>2.4772017853981039</c:v>
                </c:pt>
                <c:pt idx="2750">
                  <c:v>3.7291209672659629</c:v>
                </c:pt>
                <c:pt idx="2751">
                  <c:v>3.7291209672659629</c:v>
                </c:pt>
                <c:pt idx="2752">
                  <c:v>2.1975177128531564</c:v>
                </c:pt>
                <c:pt idx="2753">
                  <c:v>0.9379076879441558</c:v>
                </c:pt>
                <c:pt idx="2754">
                  <c:v>0.61901907404314271</c:v>
                </c:pt>
                <c:pt idx="2755">
                  <c:v>0.61901907404314271</c:v>
                </c:pt>
                <c:pt idx="2756">
                  <c:v>0.61901907404314271</c:v>
                </c:pt>
                <c:pt idx="2757">
                  <c:v>0.61901907404314271</c:v>
                </c:pt>
                <c:pt idx="2758">
                  <c:v>0.61901907404314271</c:v>
                </c:pt>
                <c:pt idx="2759">
                  <c:v>0.61901907404314271</c:v>
                </c:pt>
                <c:pt idx="2760">
                  <c:v>0.62366958087480506</c:v>
                </c:pt>
                <c:pt idx="2761">
                  <c:v>0.62366958087480506</c:v>
                </c:pt>
                <c:pt idx="2762">
                  <c:v>0.62366958087480506</c:v>
                </c:pt>
                <c:pt idx="2763">
                  <c:v>0.62366958087480506</c:v>
                </c:pt>
                <c:pt idx="2764">
                  <c:v>0.62366958087480506</c:v>
                </c:pt>
                <c:pt idx="2765">
                  <c:v>0.62366958087480506</c:v>
                </c:pt>
                <c:pt idx="2766">
                  <c:v>0.62366958087480506</c:v>
                </c:pt>
                <c:pt idx="2767">
                  <c:v>2.5494856503033696</c:v>
                </c:pt>
                <c:pt idx="2768">
                  <c:v>2.844689251917444</c:v>
                </c:pt>
                <c:pt idx="2769">
                  <c:v>3.1398928535315185</c:v>
                </c:pt>
                <c:pt idx="2770">
                  <c:v>3.1398928535315185</c:v>
                </c:pt>
                <c:pt idx="2771">
                  <c:v>3.7571367478154922</c:v>
                </c:pt>
                <c:pt idx="2772">
                  <c:v>3.7571367478154922</c:v>
                </c:pt>
                <c:pt idx="2773">
                  <c:v>2.4958122681917199</c:v>
                </c:pt>
                <c:pt idx="2774">
                  <c:v>3.7571367478154922</c:v>
                </c:pt>
                <c:pt idx="2775">
                  <c:v>3.7571367478154922</c:v>
                </c:pt>
                <c:pt idx="2776">
                  <c:v>2.2140270121055581</c:v>
                </c:pt>
                <c:pt idx="2777">
                  <c:v>0.94495391041637133</c:v>
                </c:pt>
                <c:pt idx="2778">
                  <c:v>0.62366958087480506</c:v>
                </c:pt>
                <c:pt idx="2779">
                  <c:v>0.62366958087480506</c:v>
                </c:pt>
                <c:pt idx="2780">
                  <c:v>0.62366958087480506</c:v>
                </c:pt>
                <c:pt idx="2781">
                  <c:v>0.62366958087480506</c:v>
                </c:pt>
                <c:pt idx="2782">
                  <c:v>0.62366958087480506</c:v>
                </c:pt>
                <c:pt idx="2783">
                  <c:v>0.62366958087480506</c:v>
                </c:pt>
                <c:pt idx="2784">
                  <c:v>0.61829439357430538</c:v>
                </c:pt>
                <c:pt idx="2785">
                  <c:v>0.61829439357430538</c:v>
                </c:pt>
                <c:pt idx="2786">
                  <c:v>0.61829439357430538</c:v>
                </c:pt>
                <c:pt idx="2787">
                  <c:v>0.61829439357430538</c:v>
                </c:pt>
                <c:pt idx="2788">
                  <c:v>0.61829439357430538</c:v>
                </c:pt>
                <c:pt idx="2789">
                  <c:v>0.61829439357430538</c:v>
                </c:pt>
                <c:pt idx="2790">
                  <c:v>0.61829439357430538</c:v>
                </c:pt>
                <c:pt idx="2791">
                  <c:v>2.527512536156781</c:v>
                </c:pt>
                <c:pt idx="2792">
                  <c:v>2.8201718824486193</c:v>
                </c:pt>
                <c:pt idx="2793">
                  <c:v>3.1128312287404571</c:v>
                </c:pt>
                <c:pt idx="2794">
                  <c:v>3.1128312287404571</c:v>
                </c:pt>
                <c:pt idx="2795">
                  <c:v>3.7247553164415725</c:v>
                </c:pt>
                <c:pt idx="2796">
                  <c:v>3.7247553164415725</c:v>
                </c:pt>
                <c:pt idx="2797">
                  <c:v>2.4743017459219017</c:v>
                </c:pt>
                <c:pt idx="2798">
                  <c:v>3.7247553164415725</c:v>
                </c:pt>
                <c:pt idx="2799">
                  <c:v>3.7247553164415725</c:v>
                </c:pt>
                <c:pt idx="2800">
                  <c:v>2.1949450971887838</c:v>
                </c:pt>
                <c:pt idx="2801">
                  <c:v>0.93680968723379598</c:v>
                </c:pt>
                <c:pt idx="2802">
                  <c:v>0.61829439357430538</c:v>
                </c:pt>
                <c:pt idx="2803">
                  <c:v>0.61829439357430538</c:v>
                </c:pt>
                <c:pt idx="2804">
                  <c:v>0.61829439357430538</c:v>
                </c:pt>
                <c:pt idx="2805">
                  <c:v>0.61829439357430538</c:v>
                </c:pt>
                <c:pt idx="2806">
                  <c:v>0.61829439357430538</c:v>
                </c:pt>
                <c:pt idx="2807">
                  <c:v>0.61829439357430538</c:v>
                </c:pt>
                <c:pt idx="2808">
                  <c:v>0.93211532507389716</c:v>
                </c:pt>
                <c:pt idx="2809">
                  <c:v>0.56491837883266494</c:v>
                </c:pt>
                <c:pt idx="2810">
                  <c:v>0.56491837883266494</c:v>
                </c:pt>
                <c:pt idx="2811">
                  <c:v>0.56491837883266494</c:v>
                </c:pt>
                <c:pt idx="2812">
                  <c:v>0.56491837883266494</c:v>
                </c:pt>
                <c:pt idx="2813">
                  <c:v>0.56491837883266494</c:v>
                </c:pt>
                <c:pt idx="2814">
                  <c:v>0.56491837883266494</c:v>
                </c:pt>
                <c:pt idx="2815">
                  <c:v>2.4065522938271524</c:v>
                </c:pt>
                <c:pt idx="2816">
                  <c:v>3.0081903672839405</c:v>
                </c:pt>
                <c:pt idx="2817">
                  <c:v>3.3090094040123343</c:v>
                </c:pt>
                <c:pt idx="2818">
                  <c:v>3.3090094040123343</c:v>
                </c:pt>
                <c:pt idx="2819">
                  <c:v>3.9106474774691229</c:v>
                </c:pt>
                <c:pt idx="2820">
                  <c:v>3.9106474774691229</c:v>
                </c:pt>
                <c:pt idx="2821">
                  <c:v>2.7073713305555462</c:v>
                </c:pt>
                <c:pt idx="2822">
                  <c:v>3.9106474774691229</c:v>
                </c:pt>
                <c:pt idx="2823">
                  <c:v>3.0081903672839405</c:v>
                </c:pt>
                <c:pt idx="2824">
                  <c:v>1.4122959470816623</c:v>
                </c:pt>
                <c:pt idx="2825">
                  <c:v>0.93211532507389716</c:v>
                </c:pt>
                <c:pt idx="2826">
                  <c:v>0.59316429777429813</c:v>
                </c:pt>
                <c:pt idx="2827">
                  <c:v>0.56491837883266494</c:v>
                </c:pt>
                <c:pt idx="2828">
                  <c:v>0.56491837883266494</c:v>
                </c:pt>
                <c:pt idx="2829">
                  <c:v>0.56491837883266494</c:v>
                </c:pt>
                <c:pt idx="2830">
                  <c:v>0.56491837883266494</c:v>
                </c:pt>
                <c:pt idx="2831">
                  <c:v>0.56491837883266494</c:v>
                </c:pt>
                <c:pt idx="2832">
                  <c:v>0.273373059741151</c:v>
                </c:pt>
                <c:pt idx="2833">
                  <c:v>0.24603575376703593</c:v>
                </c:pt>
                <c:pt idx="2834">
                  <c:v>0.24603575376703593</c:v>
                </c:pt>
                <c:pt idx="2835">
                  <c:v>0.24603575376703593</c:v>
                </c:pt>
                <c:pt idx="2836">
                  <c:v>0.24603575376703593</c:v>
                </c:pt>
                <c:pt idx="2837">
                  <c:v>0.24603575376703593</c:v>
                </c:pt>
                <c:pt idx="2838">
                  <c:v>0.24603575376703593</c:v>
                </c:pt>
                <c:pt idx="2839">
                  <c:v>0.24603575376703593</c:v>
                </c:pt>
                <c:pt idx="2840">
                  <c:v>0.24603575376703593</c:v>
                </c:pt>
                <c:pt idx="2841">
                  <c:v>0.24603575376703593</c:v>
                </c:pt>
                <c:pt idx="2842">
                  <c:v>0.24603575376703593</c:v>
                </c:pt>
                <c:pt idx="2843">
                  <c:v>0.24603575376703593</c:v>
                </c:pt>
                <c:pt idx="2844">
                  <c:v>0.24603575376703593</c:v>
                </c:pt>
                <c:pt idx="2845">
                  <c:v>0.24603575376703593</c:v>
                </c:pt>
                <c:pt idx="2846">
                  <c:v>0.24603575376703593</c:v>
                </c:pt>
                <c:pt idx="2847">
                  <c:v>0.24603575376703593</c:v>
                </c:pt>
                <c:pt idx="2848">
                  <c:v>0.24603575376703593</c:v>
                </c:pt>
                <c:pt idx="2849">
                  <c:v>0.24603575376703593</c:v>
                </c:pt>
                <c:pt idx="2850">
                  <c:v>0.24603575376703593</c:v>
                </c:pt>
                <c:pt idx="2851">
                  <c:v>0.24603575376703593</c:v>
                </c:pt>
                <c:pt idx="2852">
                  <c:v>0.24603575376703593</c:v>
                </c:pt>
                <c:pt idx="2853">
                  <c:v>0.24603575376703593</c:v>
                </c:pt>
                <c:pt idx="2854">
                  <c:v>0.24603575376703593</c:v>
                </c:pt>
                <c:pt idx="2855">
                  <c:v>0.24603575376703593</c:v>
                </c:pt>
                <c:pt idx="2856">
                  <c:v>0.25349529675545945</c:v>
                </c:pt>
                <c:pt idx="2857">
                  <c:v>0.25349529675545945</c:v>
                </c:pt>
                <c:pt idx="2858">
                  <c:v>0.25349529675545945</c:v>
                </c:pt>
                <c:pt idx="2859">
                  <c:v>0.25349529675545945</c:v>
                </c:pt>
                <c:pt idx="2860">
                  <c:v>0.25349529675545945</c:v>
                </c:pt>
                <c:pt idx="2861">
                  <c:v>0.25349529675545945</c:v>
                </c:pt>
                <c:pt idx="2862">
                  <c:v>0.25349529675545945</c:v>
                </c:pt>
                <c:pt idx="2863">
                  <c:v>0.25349529675545945</c:v>
                </c:pt>
                <c:pt idx="2864">
                  <c:v>0.25349529675545945</c:v>
                </c:pt>
                <c:pt idx="2865">
                  <c:v>0.25349529675545945</c:v>
                </c:pt>
                <c:pt idx="2866">
                  <c:v>0.25349529675545945</c:v>
                </c:pt>
                <c:pt idx="2867">
                  <c:v>0.25349529675545945</c:v>
                </c:pt>
                <c:pt idx="2868">
                  <c:v>0.25349529675545945</c:v>
                </c:pt>
                <c:pt idx="2869">
                  <c:v>0.25349529675545945</c:v>
                </c:pt>
                <c:pt idx="2870">
                  <c:v>0.25349529675545945</c:v>
                </c:pt>
                <c:pt idx="2871">
                  <c:v>0.25349529675545945</c:v>
                </c:pt>
                <c:pt idx="2872">
                  <c:v>0.25349529675545945</c:v>
                </c:pt>
                <c:pt idx="2873">
                  <c:v>0.25349529675545945</c:v>
                </c:pt>
                <c:pt idx="2874">
                  <c:v>0.25349529675545945</c:v>
                </c:pt>
                <c:pt idx="2875">
                  <c:v>0.25349529675545945</c:v>
                </c:pt>
                <c:pt idx="2876">
                  <c:v>0.25349529675545945</c:v>
                </c:pt>
                <c:pt idx="2877">
                  <c:v>0.25349529675545945</c:v>
                </c:pt>
                <c:pt idx="2878">
                  <c:v>0.25349529675545945</c:v>
                </c:pt>
                <c:pt idx="2879">
                  <c:v>0.25349529675545945</c:v>
                </c:pt>
                <c:pt idx="2880">
                  <c:v>0.58212850829545493</c:v>
                </c:pt>
                <c:pt idx="2881">
                  <c:v>0.58212850829545493</c:v>
                </c:pt>
                <c:pt idx="2882">
                  <c:v>0.58212850829545493</c:v>
                </c:pt>
                <c:pt idx="2883">
                  <c:v>0.58212850829545493</c:v>
                </c:pt>
                <c:pt idx="2884">
                  <c:v>0.58212850829545493</c:v>
                </c:pt>
                <c:pt idx="2885">
                  <c:v>0.58212850829545493</c:v>
                </c:pt>
                <c:pt idx="2886">
                  <c:v>0.58212850829545493</c:v>
                </c:pt>
                <c:pt idx="2887">
                  <c:v>2.479867445338638</c:v>
                </c:pt>
                <c:pt idx="2888">
                  <c:v>2.7898508760059673</c:v>
                </c:pt>
                <c:pt idx="2889">
                  <c:v>3.099834306673297</c:v>
                </c:pt>
                <c:pt idx="2890">
                  <c:v>3.099834306673297</c:v>
                </c:pt>
                <c:pt idx="2891">
                  <c:v>3.7198011680079559</c:v>
                </c:pt>
                <c:pt idx="2892">
                  <c:v>3.7198011680079559</c:v>
                </c:pt>
                <c:pt idx="2893">
                  <c:v>2.479867445338638</c:v>
                </c:pt>
                <c:pt idx="2894">
                  <c:v>3.7198011680079559</c:v>
                </c:pt>
                <c:pt idx="2895">
                  <c:v>3.7198011680079559</c:v>
                </c:pt>
                <c:pt idx="2896">
                  <c:v>2.1698840146713079</c:v>
                </c:pt>
                <c:pt idx="2897">
                  <c:v>0.6199668613346595</c:v>
                </c:pt>
                <c:pt idx="2898">
                  <c:v>0.61123493371022752</c:v>
                </c:pt>
                <c:pt idx="2899">
                  <c:v>0.61123493371022752</c:v>
                </c:pt>
                <c:pt idx="2900">
                  <c:v>0.61123493371022752</c:v>
                </c:pt>
                <c:pt idx="2901">
                  <c:v>0.61123493371022752</c:v>
                </c:pt>
                <c:pt idx="2902">
                  <c:v>0.61123493371022752</c:v>
                </c:pt>
                <c:pt idx="2903">
                  <c:v>0.61123493371022752</c:v>
                </c:pt>
                <c:pt idx="2904">
                  <c:v>0.38414743649943767</c:v>
                </c:pt>
                <c:pt idx="2905">
                  <c:v>0.58536752228485744</c:v>
                </c:pt>
                <c:pt idx="2906">
                  <c:v>0.58536752228485744</c:v>
                </c:pt>
                <c:pt idx="2907">
                  <c:v>0.58536752228485744</c:v>
                </c:pt>
                <c:pt idx="2908">
                  <c:v>0.58536752228485744</c:v>
                </c:pt>
                <c:pt idx="2909">
                  <c:v>0.58536752228485744</c:v>
                </c:pt>
                <c:pt idx="2910">
                  <c:v>0.58536752228485744</c:v>
                </c:pt>
                <c:pt idx="2911">
                  <c:v>2.4676899611321024</c:v>
                </c:pt>
                <c:pt idx="2912">
                  <c:v>2.7534224829473977</c:v>
                </c:pt>
                <c:pt idx="2913">
                  <c:v>3.0391550047626943</c:v>
                </c:pt>
                <c:pt idx="2914">
                  <c:v>3.0391550047626943</c:v>
                </c:pt>
                <c:pt idx="2915">
                  <c:v>3.6365957321946758</c:v>
                </c:pt>
                <c:pt idx="2916">
                  <c:v>3.6365957321946758</c:v>
                </c:pt>
                <c:pt idx="2917">
                  <c:v>2.415738593529321</c:v>
                </c:pt>
                <c:pt idx="2918">
                  <c:v>3.6365957321946758</c:v>
                </c:pt>
                <c:pt idx="2919">
                  <c:v>3.6365957321946758</c:v>
                </c:pt>
                <c:pt idx="2920">
                  <c:v>2.14299391361472</c:v>
                </c:pt>
                <c:pt idx="2921">
                  <c:v>0.91463675357008989</c:v>
                </c:pt>
                <c:pt idx="2922">
                  <c:v>0.60366025735625917</c:v>
                </c:pt>
                <c:pt idx="2923">
                  <c:v>0.60366025735625917</c:v>
                </c:pt>
                <c:pt idx="2924">
                  <c:v>0.60366025735625917</c:v>
                </c:pt>
                <c:pt idx="2925">
                  <c:v>0.60366025735625917</c:v>
                </c:pt>
                <c:pt idx="2926">
                  <c:v>0.60366025735625917</c:v>
                </c:pt>
                <c:pt idx="2927">
                  <c:v>0.60366025735625917</c:v>
                </c:pt>
                <c:pt idx="2928">
                  <c:v>0.60261676394784813</c:v>
                </c:pt>
                <c:pt idx="2929">
                  <c:v>0.60261676394784813</c:v>
                </c:pt>
                <c:pt idx="2930">
                  <c:v>0.60261676394784813</c:v>
                </c:pt>
                <c:pt idx="2931">
                  <c:v>0.60261676394784813</c:v>
                </c:pt>
                <c:pt idx="2932">
                  <c:v>0.60261676394784813</c:v>
                </c:pt>
                <c:pt idx="2933">
                  <c:v>0.60261676394784813</c:v>
                </c:pt>
                <c:pt idx="2934">
                  <c:v>0.60261676394784813</c:v>
                </c:pt>
                <c:pt idx="2935">
                  <c:v>2.4634242865625668</c:v>
                </c:pt>
                <c:pt idx="2936">
                  <c:v>2.7486628881645485</c:v>
                </c:pt>
                <c:pt idx="2937">
                  <c:v>3.0339014897665297</c:v>
                </c:pt>
                <c:pt idx="2938">
                  <c:v>3.0339014897665297</c:v>
                </c:pt>
                <c:pt idx="2939">
                  <c:v>3.6303094749343088</c:v>
                </c:pt>
                <c:pt idx="2940">
                  <c:v>3.6303094749343088</c:v>
                </c:pt>
                <c:pt idx="2941">
                  <c:v>2.4115627226349337</c:v>
                </c:pt>
                <c:pt idx="2942">
                  <c:v>3.6303094749343088</c:v>
                </c:pt>
                <c:pt idx="2943">
                  <c:v>3.6303094749343088</c:v>
                </c:pt>
                <c:pt idx="2944">
                  <c:v>2.139289512014861</c:v>
                </c:pt>
                <c:pt idx="2945">
                  <c:v>0.91305570295128502</c:v>
                </c:pt>
                <c:pt idx="2946">
                  <c:v>0.60261676394784813</c:v>
                </c:pt>
                <c:pt idx="2947">
                  <c:v>0.60261676394784813</c:v>
                </c:pt>
                <c:pt idx="2948">
                  <c:v>0.60261676394784813</c:v>
                </c:pt>
                <c:pt idx="2949">
                  <c:v>0.60261676394784813</c:v>
                </c:pt>
                <c:pt idx="2950">
                  <c:v>0.60261676394784813</c:v>
                </c:pt>
                <c:pt idx="2951">
                  <c:v>0.60261676394784813</c:v>
                </c:pt>
                <c:pt idx="2952">
                  <c:v>0.60351262849793119</c:v>
                </c:pt>
                <c:pt idx="2953">
                  <c:v>0.60351262849793119</c:v>
                </c:pt>
                <c:pt idx="2954">
                  <c:v>0.60351262849793119</c:v>
                </c:pt>
                <c:pt idx="2955">
                  <c:v>0.60351262849793119</c:v>
                </c:pt>
                <c:pt idx="2956">
                  <c:v>0.60351262849793119</c:v>
                </c:pt>
                <c:pt idx="2957">
                  <c:v>0.60351262849793119</c:v>
                </c:pt>
                <c:pt idx="2958">
                  <c:v>0.60351262849793119</c:v>
                </c:pt>
                <c:pt idx="2959">
                  <c:v>2.4670864722536638</c:v>
                </c:pt>
                <c:pt idx="2960">
                  <c:v>2.752749116409352</c:v>
                </c:pt>
                <c:pt idx="2961">
                  <c:v>3.0384117605650394</c:v>
                </c:pt>
                <c:pt idx="2962">
                  <c:v>3.0384117605650394</c:v>
                </c:pt>
                <c:pt idx="2963">
                  <c:v>3.6357063801632945</c:v>
                </c:pt>
                <c:pt idx="2964">
                  <c:v>3.6357063801632945</c:v>
                </c:pt>
                <c:pt idx="2965">
                  <c:v>2.4151478096799028</c:v>
                </c:pt>
                <c:pt idx="2966">
                  <c:v>3.6357063801632945</c:v>
                </c:pt>
                <c:pt idx="2967">
                  <c:v>3.6357063801632945</c:v>
                </c:pt>
                <c:pt idx="2968">
                  <c:v>2.1424698311676558</c:v>
                </c:pt>
                <c:pt idx="2969">
                  <c:v>0.91441307348171397</c:v>
                </c:pt>
                <c:pt idx="2970">
                  <c:v>0.60351262849793119</c:v>
                </c:pt>
                <c:pt idx="2971">
                  <c:v>0.60351262849793119</c:v>
                </c:pt>
                <c:pt idx="2972">
                  <c:v>0.60351262849793119</c:v>
                </c:pt>
                <c:pt idx="2973">
                  <c:v>0.60351262849793119</c:v>
                </c:pt>
                <c:pt idx="2974">
                  <c:v>0.60351262849793119</c:v>
                </c:pt>
                <c:pt idx="2975">
                  <c:v>0.60351262849793119</c:v>
                </c:pt>
                <c:pt idx="2976">
                  <c:v>0.90951991918921438</c:v>
                </c:pt>
                <c:pt idx="2977">
                  <c:v>0.55122419344800866</c:v>
                </c:pt>
                <c:pt idx="2978">
                  <c:v>0.55122419344800866</c:v>
                </c:pt>
                <c:pt idx="2979">
                  <c:v>0.55122419344800866</c:v>
                </c:pt>
                <c:pt idx="2980">
                  <c:v>0.55122419344800866</c:v>
                </c:pt>
                <c:pt idx="2981">
                  <c:v>0.55122419344800866</c:v>
                </c:pt>
                <c:pt idx="2982">
                  <c:v>0.55122419344800866</c:v>
                </c:pt>
                <c:pt idx="2983">
                  <c:v>2.3482150640885169</c:v>
                </c:pt>
                <c:pt idx="2984">
                  <c:v>2.9352688301106458</c:v>
                </c:pt>
                <c:pt idx="2985">
                  <c:v>3.2287957131217104</c:v>
                </c:pt>
                <c:pt idx="2986">
                  <c:v>3.2287957131217104</c:v>
                </c:pt>
                <c:pt idx="2987">
                  <c:v>3.8158494791438402</c:v>
                </c:pt>
                <c:pt idx="2988">
                  <c:v>3.8158494791438402</c:v>
                </c:pt>
                <c:pt idx="2989">
                  <c:v>2.6417419470995811</c:v>
                </c:pt>
                <c:pt idx="2990">
                  <c:v>3.8158494791438402</c:v>
                </c:pt>
                <c:pt idx="2991">
                  <c:v>2.9352688301106458</c:v>
                </c:pt>
                <c:pt idx="2992">
                  <c:v>1.3780604836200214</c:v>
                </c:pt>
                <c:pt idx="2993">
                  <c:v>0.90951991918921438</c:v>
                </c:pt>
                <c:pt idx="2994">
                  <c:v>0.57878540312040894</c:v>
                </c:pt>
                <c:pt idx="2995">
                  <c:v>0.55122419344800866</c:v>
                </c:pt>
                <c:pt idx="2996">
                  <c:v>0.55122419344800866</c:v>
                </c:pt>
                <c:pt idx="2997">
                  <c:v>0.55122419344800866</c:v>
                </c:pt>
                <c:pt idx="2998">
                  <c:v>0.55122419344800866</c:v>
                </c:pt>
                <c:pt idx="2999">
                  <c:v>0.55122419344800866</c:v>
                </c:pt>
                <c:pt idx="3000">
                  <c:v>0.2431073263034837</c:v>
                </c:pt>
                <c:pt idx="3001">
                  <c:v>0.21879659367313534</c:v>
                </c:pt>
                <c:pt idx="3002">
                  <c:v>0.21879659367313534</c:v>
                </c:pt>
                <c:pt idx="3003">
                  <c:v>0.21879659367313534</c:v>
                </c:pt>
                <c:pt idx="3004">
                  <c:v>0.21879659367313534</c:v>
                </c:pt>
                <c:pt idx="3005">
                  <c:v>0.21879659367313534</c:v>
                </c:pt>
                <c:pt idx="3006">
                  <c:v>0.21879659367313534</c:v>
                </c:pt>
                <c:pt idx="3007">
                  <c:v>0.21879659367313534</c:v>
                </c:pt>
                <c:pt idx="3008">
                  <c:v>0.21879659367313534</c:v>
                </c:pt>
                <c:pt idx="3009">
                  <c:v>0.21879659367313534</c:v>
                </c:pt>
                <c:pt idx="3010">
                  <c:v>0.21879659367313534</c:v>
                </c:pt>
                <c:pt idx="3011">
                  <c:v>0.21879659367313534</c:v>
                </c:pt>
                <c:pt idx="3012">
                  <c:v>0.21879659367313534</c:v>
                </c:pt>
                <c:pt idx="3013">
                  <c:v>0.21879659367313534</c:v>
                </c:pt>
                <c:pt idx="3014">
                  <c:v>0.21879659367313534</c:v>
                </c:pt>
                <c:pt idx="3015">
                  <c:v>0.21879659367313534</c:v>
                </c:pt>
                <c:pt idx="3016">
                  <c:v>0.21879659367313534</c:v>
                </c:pt>
                <c:pt idx="3017">
                  <c:v>0.21879659367313534</c:v>
                </c:pt>
                <c:pt idx="3018">
                  <c:v>0.21879659367313534</c:v>
                </c:pt>
                <c:pt idx="3019">
                  <c:v>0.21879659367313534</c:v>
                </c:pt>
                <c:pt idx="3020">
                  <c:v>0.21879659367313534</c:v>
                </c:pt>
                <c:pt idx="3021">
                  <c:v>0.21879659367313534</c:v>
                </c:pt>
                <c:pt idx="3022">
                  <c:v>0.21879659367313534</c:v>
                </c:pt>
                <c:pt idx="3023">
                  <c:v>0.21879659367313534</c:v>
                </c:pt>
                <c:pt idx="3024">
                  <c:v>0.22663322032090893</c:v>
                </c:pt>
                <c:pt idx="3025">
                  <c:v>0.22663322032090893</c:v>
                </c:pt>
                <c:pt idx="3026">
                  <c:v>0.22663322032090893</c:v>
                </c:pt>
                <c:pt idx="3027">
                  <c:v>0.22663322032090893</c:v>
                </c:pt>
                <c:pt idx="3028">
                  <c:v>0.22663322032090893</c:v>
                </c:pt>
                <c:pt idx="3029">
                  <c:v>0.22663322032090893</c:v>
                </c:pt>
                <c:pt idx="3030">
                  <c:v>0.22663322032090893</c:v>
                </c:pt>
                <c:pt idx="3031">
                  <c:v>0.22663322032090893</c:v>
                </c:pt>
                <c:pt idx="3032">
                  <c:v>0.22663322032090893</c:v>
                </c:pt>
                <c:pt idx="3033">
                  <c:v>0.22663322032090893</c:v>
                </c:pt>
                <c:pt idx="3034">
                  <c:v>0.22663322032090893</c:v>
                </c:pt>
                <c:pt idx="3035">
                  <c:v>0.22663322032090893</c:v>
                </c:pt>
                <c:pt idx="3036">
                  <c:v>0.22663322032090893</c:v>
                </c:pt>
                <c:pt idx="3037">
                  <c:v>0.22663322032090893</c:v>
                </c:pt>
                <c:pt idx="3038">
                  <c:v>0.22663322032090893</c:v>
                </c:pt>
                <c:pt idx="3039">
                  <c:v>0.22663322032090893</c:v>
                </c:pt>
                <c:pt idx="3040">
                  <c:v>0.22663322032090893</c:v>
                </c:pt>
                <c:pt idx="3041">
                  <c:v>0.22663322032090893</c:v>
                </c:pt>
                <c:pt idx="3042">
                  <c:v>0.22663322032090893</c:v>
                </c:pt>
                <c:pt idx="3043">
                  <c:v>0.22663322032090893</c:v>
                </c:pt>
                <c:pt idx="3044">
                  <c:v>0.22663322032090893</c:v>
                </c:pt>
                <c:pt idx="3045">
                  <c:v>0.22663322032090893</c:v>
                </c:pt>
                <c:pt idx="3046">
                  <c:v>0.22663322032090893</c:v>
                </c:pt>
                <c:pt idx="3047">
                  <c:v>0.22663322032090893</c:v>
                </c:pt>
                <c:pt idx="3048">
                  <c:v>0.58814609531456341</c:v>
                </c:pt>
                <c:pt idx="3049">
                  <c:v>0.58814609531456341</c:v>
                </c:pt>
                <c:pt idx="3050">
                  <c:v>0.58814609531456341</c:v>
                </c:pt>
                <c:pt idx="3051">
                  <c:v>0.58814609531456341</c:v>
                </c:pt>
                <c:pt idx="3052">
                  <c:v>0.58814609531456341</c:v>
                </c:pt>
                <c:pt idx="3053">
                  <c:v>0.58814609531456341</c:v>
                </c:pt>
                <c:pt idx="3054">
                  <c:v>0.58814609531456341</c:v>
                </c:pt>
                <c:pt idx="3055">
                  <c:v>2.50550236604004</c:v>
                </c:pt>
                <c:pt idx="3056">
                  <c:v>2.8186901617950451</c:v>
                </c:pt>
                <c:pt idx="3057">
                  <c:v>3.1318779575500506</c:v>
                </c:pt>
                <c:pt idx="3058">
                  <c:v>3.1318779575500506</c:v>
                </c:pt>
                <c:pt idx="3059">
                  <c:v>3.7582535490600595</c:v>
                </c:pt>
                <c:pt idx="3060">
                  <c:v>3.7582535490600595</c:v>
                </c:pt>
                <c:pt idx="3061">
                  <c:v>2.50550236604004</c:v>
                </c:pt>
                <c:pt idx="3062">
                  <c:v>3.7582535490600595</c:v>
                </c:pt>
                <c:pt idx="3063">
                  <c:v>3.7582535490600595</c:v>
                </c:pt>
                <c:pt idx="3064">
                  <c:v>2.1923145702850348</c:v>
                </c:pt>
                <c:pt idx="3065">
                  <c:v>0.62637559151000999</c:v>
                </c:pt>
                <c:pt idx="3066">
                  <c:v>0.61755340008029169</c:v>
                </c:pt>
                <c:pt idx="3067">
                  <c:v>0.61755340008029169</c:v>
                </c:pt>
                <c:pt idx="3068">
                  <c:v>0.61755340008029169</c:v>
                </c:pt>
                <c:pt idx="3069">
                  <c:v>0.61755340008029169</c:v>
                </c:pt>
                <c:pt idx="3070">
                  <c:v>0.61755340008029169</c:v>
                </c:pt>
                <c:pt idx="3071">
                  <c:v>0.61755340008029169</c:v>
                </c:pt>
                <c:pt idx="3072">
                  <c:v>0.3898967261683246</c:v>
                </c:pt>
                <c:pt idx="3073">
                  <c:v>0.59412834463744701</c:v>
                </c:pt>
                <c:pt idx="3074">
                  <c:v>0.59412834463744701</c:v>
                </c:pt>
                <c:pt idx="3075">
                  <c:v>0.59412834463744701</c:v>
                </c:pt>
                <c:pt idx="3076">
                  <c:v>0.59412834463744701</c:v>
                </c:pt>
                <c:pt idx="3077">
                  <c:v>0.59412834463744701</c:v>
                </c:pt>
                <c:pt idx="3078">
                  <c:v>0.59412834463744701</c:v>
                </c:pt>
                <c:pt idx="3079">
                  <c:v>2.5046223028622374</c:v>
                </c:pt>
                <c:pt idx="3080">
                  <c:v>2.7946312010883916</c:v>
                </c:pt>
                <c:pt idx="3081">
                  <c:v>3.0846400993145453</c:v>
                </c:pt>
                <c:pt idx="3082">
                  <c:v>3.0846400993145453</c:v>
                </c:pt>
                <c:pt idx="3083">
                  <c:v>3.6910223410601395</c:v>
                </c:pt>
                <c:pt idx="3084">
                  <c:v>3.6910223410601395</c:v>
                </c:pt>
                <c:pt idx="3085">
                  <c:v>2.4518934122756639</c:v>
                </c:pt>
                <c:pt idx="3086">
                  <c:v>3.6910223410601395</c:v>
                </c:pt>
                <c:pt idx="3087">
                  <c:v>3.6910223410601395</c:v>
                </c:pt>
                <c:pt idx="3088">
                  <c:v>2.1750667366961536</c:v>
                </c:pt>
                <c:pt idx="3089">
                  <c:v>0.92832553849601107</c:v>
                </c:pt>
                <c:pt idx="3090">
                  <c:v>0.61269485540736723</c:v>
                </c:pt>
                <c:pt idx="3091">
                  <c:v>0.61269485540736723</c:v>
                </c:pt>
                <c:pt idx="3092">
                  <c:v>0.61269485540736723</c:v>
                </c:pt>
                <c:pt idx="3093">
                  <c:v>0.61269485540736723</c:v>
                </c:pt>
                <c:pt idx="3094">
                  <c:v>0.61269485540736723</c:v>
                </c:pt>
                <c:pt idx="3095">
                  <c:v>0.61269485540736723</c:v>
                </c:pt>
                <c:pt idx="3096">
                  <c:v>0.60082503484768157</c:v>
                </c:pt>
                <c:pt idx="3097">
                  <c:v>0.60082503484768157</c:v>
                </c:pt>
                <c:pt idx="3098">
                  <c:v>0.60082503484768157</c:v>
                </c:pt>
                <c:pt idx="3099">
                  <c:v>0.60082503484768157</c:v>
                </c:pt>
                <c:pt idx="3100">
                  <c:v>0.60082503484768157</c:v>
                </c:pt>
                <c:pt idx="3101">
                  <c:v>0.60082503484768157</c:v>
                </c:pt>
                <c:pt idx="3102">
                  <c:v>0.60082503484768157</c:v>
                </c:pt>
                <c:pt idx="3103">
                  <c:v>2.4560999151803711</c:v>
                </c:pt>
                <c:pt idx="3104">
                  <c:v>2.7404904316749401</c:v>
                </c:pt>
                <c:pt idx="3105">
                  <c:v>3.0248809481695096</c:v>
                </c:pt>
                <c:pt idx="3106">
                  <c:v>3.0248809481695096</c:v>
                </c:pt>
                <c:pt idx="3107">
                  <c:v>3.6195156644763355</c:v>
                </c:pt>
                <c:pt idx="3108">
                  <c:v>3.6195156644763355</c:v>
                </c:pt>
                <c:pt idx="3109">
                  <c:v>2.4043925485449948</c:v>
                </c:pt>
                <c:pt idx="3110">
                  <c:v>3.6195156644763355</c:v>
                </c:pt>
                <c:pt idx="3111">
                  <c:v>3.6195156644763355</c:v>
                </c:pt>
                <c:pt idx="3112">
                  <c:v>2.1329288737092695</c:v>
                </c:pt>
                <c:pt idx="3113">
                  <c:v>0.91034096189042668</c:v>
                </c:pt>
                <c:pt idx="3114">
                  <c:v>0.60082503484768157</c:v>
                </c:pt>
                <c:pt idx="3115">
                  <c:v>0.60082503484768157</c:v>
                </c:pt>
                <c:pt idx="3116">
                  <c:v>0.60082503484768157</c:v>
                </c:pt>
                <c:pt idx="3117">
                  <c:v>0.60082503484768157</c:v>
                </c:pt>
                <c:pt idx="3118">
                  <c:v>0.60082503484768157</c:v>
                </c:pt>
                <c:pt idx="3119">
                  <c:v>0.60082503484768157</c:v>
                </c:pt>
                <c:pt idx="3120">
                  <c:v>0.59589777982222347</c:v>
                </c:pt>
                <c:pt idx="3121">
                  <c:v>0.59589777982222347</c:v>
                </c:pt>
                <c:pt idx="3122">
                  <c:v>0.59589777982222347</c:v>
                </c:pt>
                <c:pt idx="3123">
                  <c:v>0.59589777982222347</c:v>
                </c:pt>
                <c:pt idx="3124">
                  <c:v>0.59589777982222347</c:v>
                </c:pt>
                <c:pt idx="3125">
                  <c:v>0.59589777982222347</c:v>
                </c:pt>
                <c:pt idx="3126">
                  <c:v>0.59589777982222347</c:v>
                </c:pt>
                <c:pt idx="3127">
                  <c:v>2.4359578938793311</c:v>
                </c:pt>
                <c:pt idx="3128">
                  <c:v>2.7180161763285171</c:v>
                </c:pt>
                <c:pt idx="3129">
                  <c:v>3.0000744587777035</c:v>
                </c:pt>
                <c:pt idx="3130">
                  <c:v>3.0000744587777035</c:v>
                </c:pt>
                <c:pt idx="3131">
                  <c:v>3.5898326857169089</c:v>
                </c:pt>
                <c:pt idx="3132">
                  <c:v>3.5898326857169089</c:v>
                </c:pt>
                <c:pt idx="3133">
                  <c:v>2.384674569797661</c:v>
                </c:pt>
                <c:pt idx="3134">
                  <c:v>3.5898326857169089</c:v>
                </c:pt>
                <c:pt idx="3135">
                  <c:v>3.5898326857169089</c:v>
                </c:pt>
                <c:pt idx="3136">
                  <c:v>2.1154371183688934</c:v>
                </c:pt>
                <c:pt idx="3137">
                  <c:v>0.90287542397306586</c:v>
                </c:pt>
                <c:pt idx="3138">
                  <c:v>0.59589777982222347</c:v>
                </c:pt>
                <c:pt idx="3139">
                  <c:v>0.59589777982222347</c:v>
                </c:pt>
                <c:pt idx="3140">
                  <c:v>0.59589777982222347</c:v>
                </c:pt>
                <c:pt idx="3141">
                  <c:v>0.59589777982222347</c:v>
                </c:pt>
                <c:pt idx="3142">
                  <c:v>0.59589777982222347</c:v>
                </c:pt>
                <c:pt idx="3143">
                  <c:v>0.59589777982222347</c:v>
                </c:pt>
                <c:pt idx="3144">
                  <c:v>0.92321410457387043</c:v>
                </c:pt>
                <c:pt idx="3145">
                  <c:v>0.55952369974173966</c:v>
                </c:pt>
                <c:pt idx="3146">
                  <c:v>0.55952369974173966</c:v>
                </c:pt>
                <c:pt idx="3147">
                  <c:v>0.55952369974173966</c:v>
                </c:pt>
                <c:pt idx="3148">
                  <c:v>0.55952369974173966</c:v>
                </c:pt>
                <c:pt idx="3149">
                  <c:v>0.55952369974173966</c:v>
                </c:pt>
                <c:pt idx="3150">
                  <c:v>0.55952369974173966</c:v>
                </c:pt>
                <c:pt idx="3151">
                  <c:v>2.383570960899811</c:v>
                </c:pt>
                <c:pt idx="3152">
                  <c:v>2.9794637011247636</c:v>
                </c:pt>
                <c:pt idx="3153">
                  <c:v>3.2774100712372398</c:v>
                </c:pt>
                <c:pt idx="3154">
                  <c:v>3.2774100712372398</c:v>
                </c:pt>
                <c:pt idx="3155">
                  <c:v>3.8733028114621928</c:v>
                </c:pt>
                <c:pt idx="3156">
                  <c:v>3.8733028114621928</c:v>
                </c:pt>
                <c:pt idx="3157">
                  <c:v>2.6815173310122873</c:v>
                </c:pt>
                <c:pt idx="3158">
                  <c:v>3.8733028114621928</c:v>
                </c:pt>
                <c:pt idx="3159">
                  <c:v>2.9794637011247636</c:v>
                </c:pt>
                <c:pt idx="3160">
                  <c:v>1.3988092493543491</c:v>
                </c:pt>
                <c:pt idx="3161">
                  <c:v>0.92321410457387043</c:v>
                </c:pt>
                <c:pt idx="3162">
                  <c:v>0.58749988472882653</c:v>
                </c:pt>
                <c:pt idx="3163">
                  <c:v>0.55952369974173966</c:v>
                </c:pt>
                <c:pt idx="3164">
                  <c:v>0.55952369974173966</c:v>
                </c:pt>
                <c:pt idx="3165">
                  <c:v>0.55952369974173966</c:v>
                </c:pt>
                <c:pt idx="3166">
                  <c:v>0.55952369974173966</c:v>
                </c:pt>
                <c:pt idx="3167">
                  <c:v>0.55952369974173966</c:v>
                </c:pt>
                <c:pt idx="3168">
                  <c:v>0.32754867607974036</c:v>
                </c:pt>
                <c:pt idx="3169">
                  <c:v>0.29479380847176628</c:v>
                </c:pt>
                <c:pt idx="3170">
                  <c:v>0.29479380847176628</c:v>
                </c:pt>
                <c:pt idx="3171">
                  <c:v>0.29479380847176628</c:v>
                </c:pt>
                <c:pt idx="3172">
                  <c:v>0.29479380847176628</c:v>
                </c:pt>
                <c:pt idx="3173">
                  <c:v>0.29479380847176628</c:v>
                </c:pt>
                <c:pt idx="3174">
                  <c:v>0.29479380847176628</c:v>
                </c:pt>
                <c:pt idx="3175">
                  <c:v>0.29479380847176628</c:v>
                </c:pt>
                <c:pt idx="3176">
                  <c:v>0.29479380847176628</c:v>
                </c:pt>
                <c:pt idx="3177">
                  <c:v>0.29479380847176628</c:v>
                </c:pt>
                <c:pt idx="3178">
                  <c:v>0.29479380847176628</c:v>
                </c:pt>
                <c:pt idx="3179">
                  <c:v>0.29479380847176628</c:v>
                </c:pt>
                <c:pt idx="3180">
                  <c:v>0.29479380847176628</c:v>
                </c:pt>
                <c:pt idx="3181">
                  <c:v>0.29479380847176628</c:v>
                </c:pt>
                <c:pt idx="3182">
                  <c:v>0.29479380847176628</c:v>
                </c:pt>
                <c:pt idx="3183">
                  <c:v>0.29479380847176628</c:v>
                </c:pt>
                <c:pt idx="3184">
                  <c:v>0.29479380847176628</c:v>
                </c:pt>
                <c:pt idx="3185">
                  <c:v>0.29479380847176628</c:v>
                </c:pt>
                <c:pt idx="3186">
                  <c:v>0.29479380847176628</c:v>
                </c:pt>
                <c:pt idx="3187">
                  <c:v>0.29479380847176628</c:v>
                </c:pt>
                <c:pt idx="3188">
                  <c:v>0.29479380847176628</c:v>
                </c:pt>
                <c:pt idx="3189">
                  <c:v>0.29479380847176628</c:v>
                </c:pt>
                <c:pt idx="3190">
                  <c:v>0.29479380847176628</c:v>
                </c:pt>
                <c:pt idx="3191">
                  <c:v>0.29479380847176628</c:v>
                </c:pt>
                <c:pt idx="3192">
                  <c:v>0.30405920533814274</c:v>
                </c:pt>
                <c:pt idx="3193">
                  <c:v>0.30405920533814274</c:v>
                </c:pt>
                <c:pt idx="3194">
                  <c:v>0.30405920533814274</c:v>
                </c:pt>
                <c:pt idx="3195">
                  <c:v>0.30405920533814274</c:v>
                </c:pt>
                <c:pt idx="3196">
                  <c:v>0.30405920533814274</c:v>
                </c:pt>
                <c:pt idx="3197">
                  <c:v>0.30405920533814274</c:v>
                </c:pt>
                <c:pt idx="3198">
                  <c:v>0.30405920533814274</c:v>
                </c:pt>
                <c:pt idx="3199">
                  <c:v>0.30405920533814274</c:v>
                </c:pt>
                <c:pt idx="3200">
                  <c:v>0.30405920533814274</c:v>
                </c:pt>
                <c:pt idx="3201">
                  <c:v>0.30405920533814274</c:v>
                </c:pt>
                <c:pt idx="3202">
                  <c:v>0.30405920533814274</c:v>
                </c:pt>
                <c:pt idx="3203">
                  <c:v>0.30405920533814274</c:v>
                </c:pt>
                <c:pt idx="3204">
                  <c:v>0.30405920533814274</c:v>
                </c:pt>
                <c:pt idx="3205">
                  <c:v>0.30405920533814274</c:v>
                </c:pt>
                <c:pt idx="3206">
                  <c:v>0.30405920533814274</c:v>
                </c:pt>
                <c:pt idx="3207">
                  <c:v>0.30405920533814274</c:v>
                </c:pt>
                <c:pt idx="3208">
                  <c:v>0.30405920533814274</c:v>
                </c:pt>
                <c:pt idx="3209">
                  <c:v>0.30405920533814274</c:v>
                </c:pt>
                <c:pt idx="3210">
                  <c:v>0.30405920533814274</c:v>
                </c:pt>
                <c:pt idx="3211">
                  <c:v>0.30405920533814274</c:v>
                </c:pt>
                <c:pt idx="3212">
                  <c:v>0.30405920533814274</c:v>
                </c:pt>
                <c:pt idx="3213">
                  <c:v>0.30405920533814274</c:v>
                </c:pt>
                <c:pt idx="3214">
                  <c:v>0.30405920533814274</c:v>
                </c:pt>
                <c:pt idx="3215">
                  <c:v>0.30405920533814274</c:v>
                </c:pt>
                <c:pt idx="3216">
                  <c:v>0.57783023185323457</c:v>
                </c:pt>
                <c:pt idx="3217">
                  <c:v>0.57783023185323457</c:v>
                </c:pt>
                <c:pt idx="3218">
                  <c:v>0.57783023185323457</c:v>
                </c:pt>
                <c:pt idx="3219">
                  <c:v>0.57783023185323457</c:v>
                </c:pt>
                <c:pt idx="3220">
                  <c:v>0.57783023185323457</c:v>
                </c:pt>
                <c:pt idx="3221">
                  <c:v>0.57783023185323457</c:v>
                </c:pt>
                <c:pt idx="3222">
                  <c:v>0.57783023185323457</c:v>
                </c:pt>
                <c:pt idx="3223">
                  <c:v>2.461556787694779</c:v>
                </c:pt>
                <c:pt idx="3224">
                  <c:v>2.7692513861566264</c:v>
                </c:pt>
                <c:pt idx="3225">
                  <c:v>3.0769459846184737</c:v>
                </c:pt>
                <c:pt idx="3226">
                  <c:v>3.0769459846184737</c:v>
                </c:pt>
                <c:pt idx="3227">
                  <c:v>3.6923351815421674</c:v>
                </c:pt>
                <c:pt idx="3228">
                  <c:v>3.6923351815421674</c:v>
                </c:pt>
                <c:pt idx="3229">
                  <c:v>2.461556787694779</c:v>
                </c:pt>
                <c:pt idx="3230">
                  <c:v>3.6923351815421674</c:v>
                </c:pt>
                <c:pt idx="3231">
                  <c:v>3.6923351815421674</c:v>
                </c:pt>
                <c:pt idx="3232">
                  <c:v>2.1538621892329313</c:v>
                </c:pt>
                <c:pt idx="3233">
                  <c:v>0.61538919692369476</c:v>
                </c:pt>
                <c:pt idx="3234">
                  <c:v>0.60672174344589624</c:v>
                </c:pt>
                <c:pt idx="3235">
                  <c:v>0.60672174344589624</c:v>
                </c:pt>
                <c:pt idx="3236">
                  <c:v>0.60672174344589624</c:v>
                </c:pt>
                <c:pt idx="3237">
                  <c:v>0.60672174344589624</c:v>
                </c:pt>
                <c:pt idx="3238">
                  <c:v>0.60672174344589624</c:v>
                </c:pt>
                <c:pt idx="3239">
                  <c:v>0.60672174344589624</c:v>
                </c:pt>
                <c:pt idx="3240">
                  <c:v>0.3861596878835481</c:v>
                </c:pt>
                <c:pt idx="3241">
                  <c:v>0.58843381010826379</c:v>
                </c:pt>
                <c:pt idx="3242">
                  <c:v>0.58843381010826379</c:v>
                </c:pt>
                <c:pt idx="3243">
                  <c:v>0.58843381010826379</c:v>
                </c:pt>
                <c:pt idx="3244">
                  <c:v>0.58843381010826379</c:v>
                </c:pt>
                <c:pt idx="3245">
                  <c:v>0.58843381010826379</c:v>
                </c:pt>
                <c:pt idx="3246">
                  <c:v>0.58843381010826379</c:v>
                </c:pt>
                <c:pt idx="3247">
                  <c:v>2.4806162807376491</c:v>
                </c:pt>
                <c:pt idx="3248">
                  <c:v>2.7678455342967454</c:v>
                </c:pt>
                <c:pt idx="3249">
                  <c:v>3.0550747878558417</c:v>
                </c:pt>
                <c:pt idx="3250">
                  <c:v>3.0550747878558417</c:v>
                </c:pt>
                <c:pt idx="3251">
                  <c:v>3.6556450452975882</c:v>
                </c:pt>
                <c:pt idx="3252">
                  <c:v>3.6556450452975882</c:v>
                </c:pt>
                <c:pt idx="3253">
                  <c:v>2.4283927800905407</c:v>
                </c:pt>
                <c:pt idx="3254">
                  <c:v>3.6556450452975882</c:v>
                </c:pt>
                <c:pt idx="3255">
                  <c:v>3.6556450452975882</c:v>
                </c:pt>
                <c:pt idx="3256">
                  <c:v>2.1542194016932217</c:v>
                </c:pt>
                <c:pt idx="3257">
                  <c:v>0.91942782829416203</c:v>
                </c:pt>
                <c:pt idx="3258">
                  <c:v>0.60682236667414702</c:v>
                </c:pt>
                <c:pt idx="3259">
                  <c:v>0.60682236667414702</c:v>
                </c:pt>
                <c:pt idx="3260">
                  <c:v>0.60682236667414702</c:v>
                </c:pt>
                <c:pt idx="3261">
                  <c:v>0.60682236667414702</c:v>
                </c:pt>
                <c:pt idx="3262">
                  <c:v>0.60682236667414702</c:v>
                </c:pt>
                <c:pt idx="3263">
                  <c:v>0.60682236667414702</c:v>
                </c:pt>
                <c:pt idx="3264">
                  <c:v>0.61784646129926379</c:v>
                </c:pt>
                <c:pt idx="3265">
                  <c:v>0.61784646129926379</c:v>
                </c:pt>
                <c:pt idx="3266">
                  <c:v>0.61784646129926379</c:v>
                </c:pt>
                <c:pt idx="3267">
                  <c:v>0.61784646129926379</c:v>
                </c:pt>
                <c:pt idx="3268">
                  <c:v>0.61784646129926379</c:v>
                </c:pt>
                <c:pt idx="3269">
                  <c:v>0.61784646129926379</c:v>
                </c:pt>
                <c:pt idx="3270">
                  <c:v>0.61784646129926379</c:v>
                </c:pt>
                <c:pt idx="3271">
                  <c:v>2.5256814433112327</c:v>
                </c:pt>
                <c:pt idx="3272">
                  <c:v>2.8181287683262175</c:v>
                </c:pt>
                <c:pt idx="3273">
                  <c:v>3.1105760933412028</c:v>
                </c:pt>
                <c:pt idx="3274">
                  <c:v>3.1105760933412028</c:v>
                </c:pt>
                <c:pt idx="3275">
                  <c:v>3.7220568638270799</c:v>
                </c:pt>
                <c:pt idx="3276">
                  <c:v>3.7220568638270799</c:v>
                </c:pt>
                <c:pt idx="3277">
                  <c:v>2.4725092023994177</c:v>
                </c:pt>
                <c:pt idx="3278">
                  <c:v>3.7220568638270799</c:v>
                </c:pt>
                <c:pt idx="3279">
                  <c:v>3.7220568638270799</c:v>
                </c:pt>
                <c:pt idx="3280">
                  <c:v>2.1933549376123862</c:v>
                </c:pt>
                <c:pt idx="3281">
                  <c:v>0.93613100196858157</c:v>
                </c:pt>
                <c:pt idx="3282">
                  <c:v>0.61784646129926379</c:v>
                </c:pt>
                <c:pt idx="3283">
                  <c:v>0.61784646129926379</c:v>
                </c:pt>
                <c:pt idx="3284">
                  <c:v>0.61784646129926379</c:v>
                </c:pt>
                <c:pt idx="3285">
                  <c:v>0.61784646129926379</c:v>
                </c:pt>
                <c:pt idx="3286">
                  <c:v>0.61784646129926379</c:v>
                </c:pt>
                <c:pt idx="3287">
                  <c:v>0.61784646129926379</c:v>
                </c:pt>
                <c:pt idx="3288">
                  <c:v>0.61919025812438866</c:v>
                </c:pt>
                <c:pt idx="3289">
                  <c:v>0.61919025812438866</c:v>
                </c:pt>
                <c:pt idx="3290">
                  <c:v>0.61919025812438866</c:v>
                </c:pt>
                <c:pt idx="3291">
                  <c:v>0.61919025812438866</c:v>
                </c:pt>
                <c:pt idx="3292">
                  <c:v>0.61919025812438866</c:v>
                </c:pt>
                <c:pt idx="3293">
                  <c:v>0.61919025812438866</c:v>
                </c:pt>
                <c:pt idx="3294">
                  <c:v>0.61919025812438866</c:v>
                </c:pt>
                <c:pt idx="3295">
                  <c:v>2.5311747218478793</c:v>
                </c:pt>
                <c:pt idx="3296">
                  <c:v>2.8242581106934237</c:v>
                </c:pt>
                <c:pt idx="3297">
                  <c:v>3.1173414995389677</c:v>
                </c:pt>
                <c:pt idx="3298">
                  <c:v>3.1173414995389677</c:v>
                </c:pt>
                <c:pt idx="3299">
                  <c:v>3.7301522216705592</c:v>
                </c:pt>
                <c:pt idx="3300">
                  <c:v>3.7301522216705592</c:v>
                </c:pt>
                <c:pt idx="3301">
                  <c:v>2.4778868329668713</c:v>
                </c:pt>
                <c:pt idx="3302">
                  <c:v>3.7301522216705592</c:v>
                </c:pt>
                <c:pt idx="3303">
                  <c:v>3.7301522216705592</c:v>
                </c:pt>
                <c:pt idx="3304">
                  <c:v>2.1981254163415795</c:v>
                </c:pt>
                <c:pt idx="3305">
                  <c:v>0.93816705776422515</c:v>
                </c:pt>
                <c:pt idx="3306">
                  <c:v>0.61919025812438866</c:v>
                </c:pt>
                <c:pt idx="3307">
                  <c:v>0.61919025812438866</c:v>
                </c:pt>
                <c:pt idx="3308">
                  <c:v>0.61919025812438866</c:v>
                </c:pt>
                <c:pt idx="3309">
                  <c:v>0.61919025812438866</c:v>
                </c:pt>
                <c:pt idx="3310">
                  <c:v>0.61919025812438866</c:v>
                </c:pt>
                <c:pt idx="3311">
                  <c:v>0.61919025812438866</c:v>
                </c:pt>
                <c:pt idx="3312">
                  <c:v>0.92252939530463729</c:v>
                </c:pt>
                <c:pt idx="3313">
                  <c:v>0.55910872442705295</c:v>
                </c:pt>
                <c:pt idx="3314">
                  <c:v>0.55910872442705295</c:v>
                </c:pt>
                <c:pt idx="3315">
                  <c:v>0.55910872442705295</c:v>
                </c:pt>
                <c:pt idx="3316">
                  <c:v>0.55910872442705295</c:v>
                </c:pt>
                <c:pt idx="3317">
                  <c:v>0.55910872442705295</c:v>
                </c:pt>
                <c:pt idx="3318">
                  <c:v>0.55910872442705295</c:v>
                </c:pt>
                <c:pt idx="3319">
                  <c:v>2.3818031660592456</c:v>
                </c:pt>
                <c:pt idx="3320">
                  <c:v>2.9772539575740571</c:v>
                </c:pt>
                <c:pt idx="3321">
                  <c:v>3.2749793533314624</c:v>
                </c:pt>
                <c:pt idx="3322">
                  <c:v>3.2749793533314624</c:v>
                </c:pt>
                <c:pt idx="3323">
                  <c:v>3.8704301448462739</c:v>
                </c:pt>
                <c:pt idx="3324">
                  <c:v>3.8704301448462739</c:v>
                </c:pt>
                <c:pt idx="3325">
                  <c:v>2.6795285618166509</c:v>
                </c:pt>
                <c:pt idx="3326">
                  <c:v>3.8704301448462739</c:v>
                </c:pt>
                <c:pt idx="3327">
                  <c:v>2.9772539575740571</c:v>
                </c:pt>
                <c:pt idx="3328">
                  <c:v>1.3977718110676325</c:v>
                </c:pt>
                <c:pt idx="3329">
                  <c:v>0.92252939530463729</c:v>
                </c:pt>
                <c:pt idx="3330">
                  <c:v>0.5870641606484055</c:v>
                </c:pt>
                <c:pt idx="3331">
                  <c:v>0.55910872442705295</c:v>
                </c:pt>
                <c:pt idx="3332">
                  <c:v>0.55910872442705295</c:v>
                </c:pt>
                <c:pt idx="3333">
                  <c:v>0.55910872442705295</c:v>
                </c:pt>
                <c:pt idx="3334">
                  <c:v>0.55910872442705295</c:v>
                </c:pt>
                <c:pt idx="3335">
                  <c:v>0.55910872442705295</c:v>
                </c:pt>
                <c:pt idx="3336">
                  <c:v>0.24425938880590728</c:v>
                </c:pt>
                <c:pt idx="3337">
                  <c:v>0.21983344992531656</c:v>
                </c:pt>
                <c:pt idx="3338">
                  <c:v>0.21983344992531656</c:v>
                </c:pt>
                <c:pt idx="3339">
                  <c:v>0.21983344992531656</c:v>
                </c:pt>
                <c:pt idx="3340">
                  <c:v>0.21983344992531656</c:v>
                </c:pt>
                <c:pt idx="3341">
                  <c:v>0.21983344992531656</c:v>
                </c:pt>
                <c:pt idx="3342">
                  <c:v>0.21983344992531656</c:v>
                </c:pt>
                <c:pt idx="3343">
                  <c:v>0.21983344992531656</c:v>
                </c:pt>
                <c:pt idx="3344">
                  <c:v>0.21983344992531656</c:v>
                </c:pt>
                <c:pt idx="3345">
                  <c:v>0.21983344992531656</c:v>
                </c:pt>
                <c:pt idx="3346">
                  <c:v>0.21983344992531656</c:v>
                </c:pt>
                <c:pt idx="3347">
                  <c:v>0.21983344992531656</c:v>
                </c:pt>
                <c:pt idx="3348">
                  <c:v>0.21983344992531656</c:v>
                </c:pt>
                <c:pt idx="3349">
                  <c:v>0.21983344992531656</c:v>
                </c:pt>
                <c:pt idx="3350">
                  <c:v>0.21983344992531656</c:v>
                </c:pt>
                <c:pt idx="3351">
                  <c:v>0.21983344992531656</c:v>
                </c:pt>
                <c:pt idx="3352">
                  <c:v>0.21983344992531656</c:v>
                </c:pt>
                <c:pt idx="3353">
                  <c:v>0.21983344992531656</c:v>
                </c:pt>
                <c:pt idx="3354">
                  <c:v>0.21983344992531656</c:v>
                </c:pt>
                <c:pt idx="3355">
                  <c:v>0.21983344992531656</c:v>
                </c:pt>
                <c:pt idx="3356">
                  <c:v>0.21983344992531656</c:v>
                </c:pt>
                <c:pt idx="3357">
                  <c:v>0.21983344992531656</c:v>
                </c:pt>
                <c:pt idx="3358">
                  <c:v>0.21983344992531656</c:v>
                </c:pt>
                <c:pt idx="3359">
                  <c:v>0.21983344992531656</c:v>
                </c:pt>
                <c:pt idx="3360">
                  <c:v>0.2186934803168436</c:v>
                </c:pt>
                <c:pt idx="3361">
                  <c:v>0.2186934803168436</c:v>
                </c:pt>
                <c:pt idx="3362">
                  <c:v>0.2186934803168436</c:v>
                </c:pt>
                <c:pt idx="3363">
                  <c:v>0.2186934803168436</c:v>
                </c:pt>
                <c:pt idx="3364">
                  <c:v>0.2186934803168436</c:v>
                </c:pt>
                <c:pt idx="3365">
                  <c:v>0.2186934803168436</c:v>
                </c:pt>
                <c:pt idx="3366">
                  <c:v>0.2186934803168436</c:v>
                </c:pt>
                <c:pt idx="3367">
                  <c:v>0.2186934803168436</c:v>
                </c:pt>
                <c:pt idx="3368">
                  <c:v>0.2186934803168436</c:v>
                </c:pt>
                <c:pt idx="3369">
                  <c:v>0.2186934803168436</c:v>
                </c:pt>
                <c:pt idx="3370">
                  <c:v>0.2186934803168436</c:v>
                </c:pt>
                <c:pt idx="3371">
                  <c:v>0.2186934803168436</c:v>
                </c:pt>
                <c:pt idx="3372">
                  <c:v>0.2186934803168436</c:v>
                </c:pt>
                <c:pt idx="3373">
                  <c:v>0.2186934803168436</c:v>
                </c:pt>
                <c:pt idx="3374">
                  <c:v>0.2186934803168436</c:v>
                </c:pt>
                <c:pt idx="3375">
                  <c:v>0.2186934803168436</c:v>
                </c:pt>
                <c:pt idx="3376">
                  <c:v>0.2186934803168436</c:v>
                </c:pt>
                <c:pt idx="3377">
                  <c:v>0.2186934803168436</c:v>
                </c:pt>
                <c:pt idx="3378">
                  <c:v>0.2186934803168436</c:v>
                </c:pt>
                <c:pt idx="3379">
                  <c:v>0.2186934803168436</c:v>
                </c:pt>
                <c:pt idx="3380">
                  <c:v>0.2186934803168436</c:v>
                </c:pt>
                <c:pt idx="3381">
                  <c:v>0.2186934803168436</c:v>
                </c:pt>
                <c:pt idx="3382">
                  <c:v>0.2186934803168436</c:v>
                </c:pt>
                <c:pt idx="3383">
                  <c:v>0.2186934803168436</c:v>
                </c:pt>
                <c:pt idx="3384">
                  <c:v>0.54688264146924803</c:v>
                </c:pt>
                <c:pt idx="3385">
                  <c:v>0.54688264146924803</c:v>
                </c:pt>
                <c:pt idx="3386">
                  <c:v>0.54688264146924803</c:v>
                </c:pt>
                <c:pt idx="3387">
                  <c:v>0.54688264146924803</c:v>
                </c:pt>
                <c:pt idx="3388">
                  <c:v>0.54688264146924803</c:v>
                </c:pt>
                <c:pt idx="3389">
                  <c:v>0.54688264146924803</c:v>
                </c:pt>
                <c:pt idx="3390">
                  <c:v>0.54688264146924803</c:v>
                </c:pt>
                <c:pt idx="3391">
                  <c:v>2.3297200526589963</c:v>
                </c:pt>
                <c:pt idx="3392">
                  <c:v>2.6209350592413712</c:v>
                </c:pt>
                <c:pt idx="3393">
                  <c:v>2.9121500658237456</c:v>
                </c:pt>
                <c:pt idx="3394">
                  <c:v>2.9121500658237456</c:v>
                </c:pt>
                <c:pt idx="3395">
                  <c:v>3.494580078988494</c:v>
                </c:pt>
                <c:pt idx="3396">
                  <c:v>3.494580078988494</c:v>
                </c:pt>
                <c:pt idx="3397">
                  <c:v>2.3297200526589963</c:v>
                </c:pt>
                <c:pt idx="3398">
                  <c:v>3.494580078988494</c:v>
                </c:pt>
                <c:pt idx="3399">
                  <c:v>3.494580078988494</c:v>
                </c:pt>
                <c:pt idx="3400">
                  <c:v>2.0385050460766214</c:v>
                </c:pt>
                <c:pt idx="3401">
                  <c:v>0.58243001316474907</c:v>
                </c:pt>
                <c:pt idx="3402">
                  <c:v>0.57422677354271034</c:v>
                </c:pt>
                <c:pt idx="3403">
                  <c:v>0.57422677354271034</c:v>
                </c:pt>
                <c:pt idx="3404">
                  <c:v>0.57422677354271034</c:v>
                </c:pt>
                <c:pt idx="3405">
                  <c:v>0.57422677354271034</c:v>
                </c:pt>
                <c:pt idx="3406">
                  <c:v>0.57422677354271034</c:v>
                </c:pt>
                <c:pt idx="3407">
                  <c:v>0.57422677354271034</c:v>
                </c:pt>
                <c:pt idx="3408">
                  <c:v>0.36747449645966546</c:v>
                </c:pt>
                <c:pt idx="3409">
                  <c:v>0.55996113746234744</c:v>
                </c:pt>
                <c:pt idx="3410">
                  <c:v>0.55996113746234744</c:v>
                </c:pt>
                <c:pt idx="3411">
                  <c:v>0.55996113746234744</c:v>
                </c:pt>
                <c:pt idx="3412">
                  <c:v>0.55996113746234744</c:v>
                </c:pt>
                <c:pt idx="3413">
                  <c:v>0.55996113746234744</c:v>
                </c:pt>
                <c:pt idx="3414">
                  <c:v>0.55996113746234744</c:v>
                </c:pt>
                <c:pt idx="3415">
                  <c:v>2.3605861701147082</c:v>
                </c:pt>
                <c:pt idx="3416">
                  <c:v>2.6339172003385167</c:v>
                </c:pt>
                <c:pt idx="3417">
                  <c:v>2.9072482305623248</c:v>
                </c:pt>
                <c:pt idx="3418">
                  <c:v>2.9072482305623248</c:v>
                </c:pt>
                <c:pt idx="3419">
                  <c:v>3.4787585664848328</c:v>
                </c:pt>
                <c:pt idx="3420">
                  <c:v>3.4787585664848328</c:v>
                </c:pt>
                <c:pt idx="3421">
                  <c:v>2.3108896191649246</c:v>
                </c:pt>
                <c:pt idx="3422">
                  <c:v>3.4787585664848328</c:v>
                </c:pt>
                <c:pt idx="3423">
                  <c:v>3.4787585664848328</c:v>
                </c:pt>
                <c:pt idx="3424">
                  <c:v>2.0499827266785626</c:v>
                </c:pt>
                <c:pt idx="3425">
                  <c:v>0.87493927728491772</c:v>
                </c:pt>
                <c:pt idx="3426">
                  <c:v>0.57745992300804572</c:v>
                </c:pt>
                <c:pt idx="3427">
                  <c:v>0.57745992300804572</c:v>
                </c:pt>
                <c:pt idx="3428">
                  <c:v>0.57745992300804572</c:v>
                </c:pt>
                <c:pt idx="3429">
                  <c:v>0.57745992300804572</c:v>
                </c:pt>
                <c:pt idx="3430">
                  <c:v>0.57745992300804572</c:v>
                </c:pt>
                <c:pt idx="3431">
                  <c:v>0.57745992300804572</c:v>
                </c:pt>
                <c:pt idx="3432">
                  <c:v>0.58828293114651564</c:v>
                </c:pt>
                <c:pt idx="3433">
                  <c:v>0.58828293114651564</c:v>
                </c:pt>
                <c:pt idx="3434">
                  <c:v>0.58828293114651564</c:v>
                </c:pt>
                <c:pt idx="3435">
                  <c:v>0.58828293114651564</c:v>
                </c:pt>
                <c:pt idx="3436">
                  <c:v>0.58828293114651564</c:v>
                </c:pt>
                <c:pt idx="3437">
                  <c:v>0.58828293114651564</c:v>
                </c:pt>
                <c:pt idx="3438">
                  <c:v>0.58828293114651564</c:v>
                </c:pt>
                <c:pt idx="3439">
                  <c:v>2.4048293155049985</c:v>
                </c:pt>
                <c:pt idx="3440">
                  <c:v>2.6832832362476826</c:v>
                </c:pt>
                <c:pt idx="3441">
                  <c:v>2.9617371569903672</c:v>
                </c:pt>
                <c:pt idx="3442">
                  <c:v>2.9617371569903672</c:v>
                </c:pt>
                <c:pt idx="3443">
                  <c:v>3.5439589912705243</c:v>
                </c:pt>
                <c:pt idx="3444">
                  <c:v>3.5439589912705243</c:v>
                </c:pt>
                <c:pt idx="3445">
                  <c:v>2.3542013299154196</c:v>
                </c:pt>
                <c:pt idx="3446">
                  <c:v>3.5439589912705243</c:v>
                </c:pt>
                <c:pt idx="3447">
                  <c:v>3.5439589912705243</c:v>
                </c:pt>
                <c:pt idx="3448">
                  <c:v>2.0884044055701305</c:v>
                </c:pt>
                <c:pt idx="3449">
                  <c:v>0.89133777446441764</c:v>
                </c:pt>
                <c:pt idx="3450">
                  <c:v>0.58828293114651564</c:v>
                </c:pt>
                <c:pt idx="3451">
                  <c:v>0.58828293114651564</c:v>
                </c:pt>
                <c:pt idx="3452">
                  <c:v>0.58828293114651564</c:v>
                </c:pt>
                <c:pt idx="3453">
                  <c:v>0.58828293114651564</c:v>
                </c:pt>
                <c:pt idx="3454">
                  <c:v>0.58828293114651564</c:v>
                </c:pt>
                <c:pt idx="3455">
                  <c:v>0.58828293114651564</c:v>
                </c:pt>
                <c:pt idx="3456">
                  <c:v>0.5905225925217239</c:v>
                </c:pt>
                <c:pt idx="3457">
                  <c:v>0.5905225925217239</c:v>
                </c:pt>
                <c:pt idx="3458">
                  <c:v>0.5905225925217239</c:v>
                </c:pt>
                <c:pt idx="3459">
                  <c:v>0.5905225925217239</c:v>
                </c:pt>
                <c:pt idx="3460">
                  <c:v>0.5905225925217239</c:v>
                </c:pt>
                <c:pt idx="3461">
                  <c:v>0.5905225925217239</c:v>
                </c:pt>
                <c:pt idx="3462">
                  <c:v>0.5905225925217239</c:v>
                </c:pt>
                <c:pt idx="3463">
                  <c:v>2.4139847797327438</c:v>
                </c:pt>
                <c:pt idx="3464">
                  <c:v>2.6934988068596932</c:v>
                </c:pt>
                <c:pt idx="3465">
                  <c:v>2.9730128339866431</c:v>
                </c:pt>
                <c:pt idx="3466">
                  <c:v>2.9730128339866431</c:v>
                </c:pt>
                <c:pt idx="3467">
                  <c:v>3.557451254342991</c:v>
                </c:pt>
                <c:pt idx="3468">
                  <c:v>3.557451254342991</c:v>
                </c:pt>
                <c:pt idx="3469">
                  <c:v>2.3631640475278437</c:v>
                </c:pt>
                <c:pt idx="3470">
                  <c:v>3.557451254342991</c:v>
                </c:pt>
                <c:pt idx="3471">
                  <c:v>3.557451254342991</c:v>
                </c:pt>
                <c:pt idx="3472">
                  <c:v>2.09635520345212</c:v>
                </c:pt>
                <c:pt idx="3473">
                  <c:v>0.89473120079049073</c:v>
                </c:pt>
                <c:pt idx="3474">
                  <c:v>0.5905225925217239</c:v>
                </c:pt>
                <c:pt idx="3475">
                  <c:v>0.5905225925217239</c:v>
                </c:pt>
                <c:pt idx="3476">
                  <c:v>0.5905225925217239</c:v>
                </c:pt>
                <c:pt idx="3477">
                  <c:v>0.5905225925217239</c:v>
                </c:pt>
                <c:pt idx="3478">
                  <c:v>0.5905225925217239</c:v>
                </c:pt>
                <c:pt idx="3479">
                  <c:v>0.5905225925217239</c:v>
                </c:pt>
                <c:pt idx="3480">
                  <c:v>0.89445631526609215</c:v>
                </c:pt>
                <c:pt idx="3481">
                  <c:v>0.54209473652490436</c:v>
                </c:pt>
                <c:pt idx="3482">
                  <c:v>0.54209473652490436</c:v>
                </c:pt>
                <c:pt idx="3483">
                  <c:v>0.54209473652490436</c:v>
                </c:pt>
                <c:pt idx="3484">
                  <c:v>0.54209473652490436</c:v>
                </c:pt>
                <c:pt idx="3485">
                  <c:v>0.54209473652490436</c:v>
                </c:pt>
                <c:pt idx="3486">
                  <c:v>0.54209473652490436</c:v>
                </c:pt>
                <c:pt idx="3487">
                  <c:v>2.3093235775960923</c:v>
                </c:pt>
                <c:pt idx="3488">
                  <c:v>2.886654471995115</c:v>
                </c:pt>
                <c:pt idx="3489">
                  <c:v>3.1753199191946271</c:v>
                </c:pt>
                <c:pt idx="3490">
                  <c:v>3.1753199191946271</c:v>
                </c:pt>
                <c:pt idx="3491">
                  <c:v>3.7526508135936498</c:v>
                </c:pt>
                <c:pt idx="3492">
                  <c:v>3.7526508135936498</c:v>
                </c:pt>
                <c:pt idx="3493">
                  <c:v>2.5979890247956039</c:v>
                </c:pt>
                <c:pt idx="3494">
                  <c:v>3.7526508135936498</c:v>
                </c:pt>
                <c:pt idx="3495">
                  <c:v>2.886654471995115</c:v>
                </c:pt>
                <c:pt idx="3496">
                  <c:v>1.3552368413122609</c:v>
                </c:pt>
                <c:pt idx="3497">
                  <c:v>0.89445631526609215</c:v>
                </c:pt>
                <c:pt idx="3498">
                  <c:v>0.56919947335114951</c:v>
                </c:pt>
                <c:pt idx="3499">
                  <c:v>0.54209473652490436</c:v>
                </c:pt>
                <c:pt idx="3500">
                  <c:v>0.54209473652490436</c:v>
                </c:pt>
                <c:pt idx="3501">
                  <c:v>0.54209473652490436</c:v>
                </c:pt>
                <c:pt idx="3502">
                  <c:v>0.54209473652490436</c:v>
                </c:pt>
                <c:pt idx="3503">
                  <c:v>0.54209473652490436</c:v>
                </c:pt>
                <c:pt idx="3504">
                  <c:v>0.24376564773344001</c:v>
                </c:pt>
                <c:pt idx="3505">
                  <c:v>0.21938908296009602</c:v>
                </c:pt>
                <c:pt idx="3506">
                  <c:v>0.21938908296009602</c:v>
                </c:pt>
                <c:pt idx="3507">
                  <c:v>0.21938908296009602</c:v>
                </c:pt>
                <c:pt idx="3508">
                  <c:v>0.21938908296009602</c:v>
                </c:pt>
                <c:pt idx="3509">
                  <c:v>0.21938908296009602</c:v>
                </c:pt>
                <c:pt idx="3510">
                  <c:v>0.21938908296009602</c:v>
                </c:pt>
                <c:pt idx="3511">
                  <c:v>0.21938908296009602</c:v>
                </c:pt>
                <c:pt idx="3512">
                  <c:v>0.21938908296009602</c:v>
                </c:pt>
                <c:pt idx="3513">
                  <c:v>0.21938908296009602</c:v>
                </c:pt>
                <c:pt idx="3514">
                  <c:v>0.21938908296009602</c:v>
                </c:pt>
                <c:pt idx="3515">
                  <c:v>0.21938908296009602</c:v>
                </c:pt>
                <c:pt idx="3516">
                  <c:v>0.21938908296009602</c:v>
                </c:pt>
                <c:pt idx="3517">
                  <c:v>0.21938908296009602</c:v>
                </c:pt>
                <c:pt idx="3518">
                  <c:v>0.21938908296009602</c:v>
                </c:pt>
                <c:pt idx="3519">
                  <c:v>0.21938908296009602</c:v>
                </c:pt>
                <c:pt idx="3520">
                  <c:v>0.21938908296009602</c:v>
                </c:pt>
                <c:pt idx="3521">
                  <c:v>0.21938908296009602</c:v>
                </c:pt>
                <c:pt idx="3522">
                  <c:v>0.21938908296009602</c:v>
                </c:pt>
                <c:pt idx="3523">
                  <c:v>0.21938908296009602</c:v>
                </c:pt>
                <c:pt idx="3524">
                  <c:v>0.21938908296009602</c:v>
                </c:pt>
                <c:pt idx="3525">
                  <c:v>0.21938908296009602</c:v>
                </c:pt>
                <c:pt idx="3526">
                  <c:v>0.21938908296009602</c:v>
                </c:pt>
                <c:pt idx="3527">
                  <c:v>0.21938908296009602</c:v>
                </c:pt>
                <c:pt idx="3528">
                  <c:v>0.2206279852688299</c:v>
                </c:pt>
                <c:pt idx="3529">
                  <c:v>0.2206279852688299</c:v>
                </c:pt>
                <c:pt idx="3530">
                  <c:v>0.2206279852688299</c:v>
                </c:pt>
                <c:pt idx="3531">
                  <c:v>0.2206279852688299</c:v>
                </c:pt>
                <c:pt idx="3532">
                  <c:v>0.2206279852688299</c:v>
                </c:pt>
                <c:pt idx="3533">
                  <c:v>0.2206279852688299</c:v>
                </c:pt>
                <c:pt idx="3534">
                  <c:v>0.2206279852688299</c:v>
                </c:pt>
                <c:pt idx="3535">
                  <c:v>0.2206279852688299</c:v>
                </c:pt>
                <c:pt idx="3536">
                  <c:v>0.2206279852688299</c:v>
                </c:pt>
                <c:pt idx="3537">
                  <c:v>0.2206279852688299</c:v>
                </c:pt>
                <c:pt idx="3538">
                  <c:v>0.2206279852688299</c:v>
                </c:pt>
                <c:pt idx="3539">
                  <c:v>0.2206279852688299</c:v>
                </c:pt>
                <c:pt idx="3540">
                  <c:v>0.2206279852688299</c:v>
                </c:pt>
                <c:pt idx="3541">
                  <c:v>0.2206279852688299</c:v>
                </c:pt>
                <c:pt idx="3542">
                  <c:v>0.2206279852688299</c:v>
                </c:pt>
                <c:pt idx="3543">
                  <c:v>0.2206279852688299</c:v>
                </c:pt>
                <c:pt idx="3544">
                  <c:v>0.2206279852688299</c:v>
                </c:pt>
                <c:pt idx="3545">
                  <c:v>0.2206279852688299</c:v>
                </c:pt>
                <c:pt idx="3546">
                  <c:v>0.2206279852688299</c:v>
                </c:pt>
                <c:pt idx="3547">
                  <c:v>0.2206279852688299</c:v>
                </c:pt>
                <c:pt idx="3548">
                  <c:v>0.2206279852688299</c:v>
                </c:pt>
                <c:pt idx="3549">
                  <c:v>0.2206279852688299</c:v>
                </c:pt>
                <c:pt idx="3550">
                  <c:v>0.2206279852688299</c:v>
                </c:pt>
                <c:pt idx="3551">
                  <c:v>0.2206279852688299</c:v>
                </c:pt>
                <c:pt idx="3552">
                  <c:v>0.55848798786324294</c:v>
                </c:pt>
                <c:pt idx="3553">
                  <c:v>0.55848798786324294</c:v>
                </c:pt>
                <c:pt idx="3554">
                  <c:v>0.55848798786324294</c:v>
                </c:pt>
                <c:pt idx="3555">
                  <c:v>0.55848798786324294</c:v>
                </c:pt>
                <c:pt idx="3556">
                  <c:v>0.55848798786324294</c:v>
                </c:pt>
                <c:pt idx="3557">
                  <c:v>0.55848798786324294</c:v>
                </c:pt>
                <c:pt idx="3558">
                  <c:v>0.55848798786324294</c:v>
                </c:pt>
                <c:pt idx="3559">
                  <c:v>2.379158828297415</c:v>
                </c:pt>
                <c:pt idx="3560">
                  <c:v>2.6765536818345921</c:v>
                </c:pt>
                <c:pt idx="3561">
                  <c:v>2.9739485353717687</c:v>
                </c:pt>
                <c:pt idx="3562">
                  <c:v>2.9739485353717687</c:v>
                </c:pt>
                <c:pt idx="3563">
                  <c:v>3.568738242446122</c:v>
                </c:pt>
                <c:pt idx="3564">
                  <c:v>3.568738242446122</c:v>
                </c:pt>
                <c:pt idx="3565">
                  <c:v>2.379158828297415</c:v>
                </c:pt>
                <c:pt idx="3566">
                  <c:v>3.568738242446122</c:v>
                </c:pt>
                <c:pt idx="3567">
                  <c:v>3.568738242446122</c:v>
                </c:pt>
                <c:pt idx="3568">
                  <c:v>2.0817639747602379</c:v>
                </c:pt>
                <c:pt idx="3569">
                  <c:v>0.59478970707435375</c:v>
                </c:pt>
                <c:pt idx="3570">
                  <c:v>0.5864123872564051</c:v>
                </c:pt>
                <c:pt idx="3571">
                  <c:v>0.5864123872564051</c:v>
                </c:pt>
                <c:pt idx="3572">
                  <c:v>0.5864123872564051</c:v>
                </c:pt>
                <c:pt idx="3573">
                  <c:v>0.5864123872564051</c:v>
                </c:pt>
                <c:pt idx="3574">
                  <c:v>0.5864123872564051</c:v>
                </c:pt>
                <c:pt idx="3575">
                  <c:v>0.5864123872564051</c:v>
                </c:pt>
                <c:pt idx="3576">
                  <c:v>0.37121153474444196</c:v>
                </c:pt>
                <c:pt idx="3577">
                  <c:v>0.56565567199153066</c:v>
                </c:pt>
                <c:pt idx="3578">
                  <c:v>0.56565567199153066</c:v>
                </c:pt>
                <c:pt idx="3579">
                  <c:v>0.56565567199153066</c:v>
                </c:pt>
                <c:pt idx="3580">
                  <c:v>0.56565567199153066</c:v>
                </c:pt>
                <c:pt idx="3581">
                  <c:v>0.56565567199153066</c:v>
                </c:pt>
                <c:pt idx="3582">
                  <c:v>0.56565567199153066</c:v>
                </c:pt>
                <c:pt idx="3583">
                  <c:v>2.3845921922392961</c:v>
                </c:pt>
                <c:pt idx="3584">
                  <c:v>2.660702867130162</c:v>
                </c:pt>
                <c:pt idx="3585">
                  <c:v>2.9368135420210284</c:v>
                </c:pt>
                <c:pt idx="3586">
                  <c:v>2.9368135420210284</c:v>
                </c:pt>
                <c:pt idx="3587">
                  <c:v>3.5141358622473842</c:v>
                </c:pt>
                <c:pt idx="3588">
                  <c:v>3.5141358622473842</c:v>
                </c:pt>
                <c:pt idx="3589">
                  <c:v>2.3343902513500479</c:v>
                </c:pt>
                <c:pt idx="3590">
                  <c:v>3.5141358622473842</c:v>
                </c:pt>
                <c:pt idx="3591">
                  <c:v>3.5141358622473842</c:v>
                </c:pt>
                <c:pt idx="3592">
                  <c:v>2.0708300616814945</c:v>
                </c:pt>
                <c:pt idx="3593">
                  <c:v>0.88383698748676665</c:v>
                </c:pt>
                <c:pt idx="3594">
                  <c:v>0.58333241174126593</c:v>
                </c:pt>
                <c:pt idx="3595">
                  <c:v>0.58333241174126593</c:v>
                </c:pt>
                <c:pt idx="3596">
                  <c:v>0.58333241174126593</c:v>
                </c:pt>
                <c:pt idx="3597">
                  <c:v>0.58333241174126593</c:v>
                </c:pt>
                <c:pt idx="3598">
                  <c:v>0.58333241174126593</c:v>
                </c:pt>
                <c:pt idx="3599">
                  <c:v>0.58333241174126593</c:v>
                </c:pt>
                <c:pt idx="3600">
                  <c:v>0.57842842109559967</c:v>
                </c:pt>
                <c:pt idx="3601">
                  <c:v>0.57842842109559967</c:v>
                </c:pt>
                <c:pt idx="3602">
                  <c:v>0.57842842109559967</c:v>
                </c:pt>
                <c:pt idx="3603">
                  <c:v>0.57842842109559967</c:v>
                </c:pt>
                <c:pt idx="3604">
                  <c:v>0.57842842109559967</c:v>
                </c:pt>
                <c:pt idx="3605">
                  <c:v>0.57842842109559967</c:v>
                </c:pt>
                <c:pt idx="3606">
                  <c:v>0.57842842109559967</c:v>
                </c:pt>
                <c:pt idx="3607">
                  <c:v>2.3645452729029208</c:v>
                </c:pt>
                <c:pt idx="3608">
                  <c:v>2.6383347255548379</c:v>
                </c:pt>
                <c:pt idx="3609">
                  <c:v>2.9121241782067551</c:v>
                </c:pt>
                <c:pt idx="3610">
                  <c:v>2.9121241782067551</c:v>
                </c:pt>
                <c:pt idx="3611">
                  <c:v>3.484593033751672</c:v>
                </c:pt>
                <c:pt idx="3612">
                  <c:v>3.484593033751672</c:v>
                </c:pt>
                <c:pt idx="3613">
                  <c:v>2.3147653724207538</c:v>
                </c:pt>
                <c:pt idx="3614">
                  <c:v>3.484593033751672</c:v>
                </c:pt>
                <c:pt idx="3615">
                  <c:v>3.484593033751672</c:v>
                </c:pt>
                <c:pt idx="3616">
                  <c:v>2.0534208948893782</c:v>
                </c:pt>
                <c:pt idx="3617">
                  <c:v>0.87640669862969645</c:v>
                </c:pt>
                <c:pt idx="3618">
                  <c:v>0.57842842109559967</c:v>
                </c:pt>
                <c:pt idx="3619">
                  <c:v>0.57842842109559967</c:v>
                </c:pt>
                <c:pt idx="3620">
                  <c:v>0.57842842109559967</c:v>
                </c:pt>
                <c:pt idx="3621">
                  <c:v>0.57842842109559967</c:v>
                </c:pt>
                <c:pt idx="3622">
                  <c:v>0.57842842109559967</c:v>
                </c:pt>
                <c:pt idx="3623">
                  <c:v>0.57842842109559967</c:v>
                </c:pt>
                <c:pt idx="3624">
                  <c:v>0.57574082744534971</c:v>
                </c:pt>
                <c:pt idx="3625">
                  <c:v>0.57574082744534971</c:v>
                </c:pt>
                <c:pt idx="3626">
                  <c:v>0.57574082744534971</c:v>
                </c:pt>
                <c:pt idx="3627">
                  <c:v>0.57574082744534971</c:v>
                </c:pt>
                <c:pt idx="3628">
                  <c:v>0.57574082744534971</c:v>
                </c:pt>
                <c:pt idx="3629">
                  <c:v>0.57574082744534971</c:v>
                </c:pt>
                <c:pt idx="3630">
                  <c:v>0.57574082744534971</c:v>
                </c:pt>
                <c:pt idx="3631">
                  <c:v>2.3535587158296267</c:v>
                </c:pt>
                <c:pt idx="3632">
                  <c:v>2.6260760408204256</c:v>
                </c:pt>
                <c:pt idx="3633">
                  <c:v>2.8985933658112248</c:v>
                </c:pt>
                <c:pt idx="3634">
                  <c:v>2.8985933658112248</c:v>
                </c:pt>
                <c:pt idx="3635">
                  <c:v>3.468402318064713</c:v>
                </c:pt>
                <c:pt idx="3636">
                  <c:v>3.468402318064713</c:v>
                </c:pt>
                <c:pt idx="3637">
                  <c:v>2.3040101112858449</c:v>
                </c:pt>
                <c:pt idx="3638">
                  <c:v>3.468402318064713</c:v>
                </c:pt>
                <c:pt idx="3639">
                  <c:v>3.468402318064713</c:v>
                </c:pt>
                <c:pt idx="3640">
                  <c:v>2.0438799374309919</c:v>
                </c:pt>
                <c:pt idx="3641">
                  <c:v>0.87233458703840883</c:v>
                </c:pt>
                <c:pt idx="3642">
                  <c:v>0.57574082744534971</c:v>
                </c:pt>
                <c:pt idx="3643">
                  <c:v>0.57574082744534971</c:v>
                </c:pt>
                <c:pt idx="3644">
                  <c:v>0.57574082744534971</c:v>
                </c:pt>
                <c:pt idx="3645">
                  <c:v>0.57574082744534971</c:v>
                </c:pt>
                <c:pt idx="3646">
                  <c:v>0.57574082744534971</c:v>
                </c:pt>
                <c:pt idx="3647">
                  <c:v>0.57574082744534971</c:v>
                </c:pt>
                <c:pt idx="3648">
                  <c:v>0.87528445572757341</c:v>
                </c:pt>
                <c:pt idx="3649">
                  <c:v>0.53047542771368095</c:v>
                </c:pt>
                <c:pt idx="3650">
                  <c:v>0.53047542771368095</c:v>
                </c:pt>
                <c:pt idx="3651">
                  <c:v>0.53047542771368095</c:v>
                </c:pt>
                <c:pt idx="3652">
                  <c:v>0.53047542771368095</c:v>
                </c:pt>
                <c:pt idx="3653">
                  <c:v>0.53047542771368095</c:v>
                </c:pt>
                <c:pt idx="3654">
                  <c:v>0.53047542771368095</c:v>
                </c:pt>
                <c:pt idx="3655">
                  <c:v>2.2598253220602804</c:v>
                </c:pt>
                <c:pt idx="3656">
                  <c:v>2.8247816525753509</c:v>
                </c:pt>
                <c:pt idx="3657">
                  <c:v>3.1072598178328859</c:v>
                </c:pt>
                <c:pt idx="3658">
                  <c:v>3.1072598178328859</c:v>
                </c:pt>
                <c:pt idx="3659">
                  <c:v>3.6722161483479554</c:v>
                </c:pt>
                <c:pt idx="3660">
                  <c:v>3.6722161483479554</c:v>
                </c:pt>
                <c:pt idx="3661">
                  <c:v>2.5423034873178154</c:v>
                </c:pt>
                <c:pt idx="3662">
                  <c:v>3.6722161483479554</c:v>
                </c:pt>
                <c:pt idx="3663">
                  <c:v>2.8247816525753509</c:v>
                </c:pt>
                <c:pt idx="3664">
                  <c:v>1.3261885692842021</c:v>
                </c:pt>
                <c:pt idx="3665">
                  <c:v>0.87528445572757341</c:v>
                </c:pt>
                <c:pt idx="3666">
                  <c:v>0.55699919909936491</c:v>
                </c:pt>
                <c:pt idx="3667">
                  <c:v>0.53047542771368095</c:v>
                </c:pt>
                <c:pt idx="3668">
                  <c:v>0.53047542771368095</c:v>
                </c:pt>
                <c:pt idx="3669">
                  <c:v>0.53047542771368095</c:v>
                </c:pt>
                <c:pt idx="3670">
                  <c:v>0.53047542771368095</c:v>
                </c:pt>
                <c:pt idx="3671">
                  <c:v>0.53047542771368095</c:v>
                </c:pt>
                <c:pt idx="3672">
                  <c:v>0.24450625934214093</c:v>
                </c:pt>
                <c:pt idx="3673">
                  <c:v>0.22005563340792683</c:v>
                </c:pt>
                <c:pt idx="3674">
                  <c:v>0.22005563340792683</c:v>
                </c:pt>
                <c:pt idx="3675">
                  <c:v>0.22005563340792683</c:v>
                </c:pt>
                <c:pt idx="3676">
                  <c:v>0.22005563340792683</c:v>
                </c:pt>
                <c:pt idx="3677">
                  <c:v>0.22005563340792683</c:v>
                </c:pt>
                <c:pt idx="3678">
                  <c:v>0.22005563340792683</c:v>
                </c:pt>
                <c:pt idx="3679">
                  <c:v>0.22005563340792683</c:v>
                </c:pt>
                <c:pt idx="3680">
                  <c:v>0.22005563340792683</c:v>
                </c:pt>
                <c:pt idx="3681">
                  <c:v>0.22005563340792683</c:v>
                </c:pt>
                <c:pt idx="3682">
                  <c:v>0.22005563340792683</c:v>
                </c:pt>
                <c:pt idx="3683">
                  <c:v>0.22005563340792683</c:v>
                </c:pt>
                <c:pt idx="3684">
                  <c:v>0.22005563340792683</c:v>
                </c:pt>
                <c:pt idx="3685">
                  <c:v>0.22005563340792683</c:v>
                </c:pt>
                <c:pt idx="3686">
                  <c:v>0.22005563340792683</c:v>
                </c:pt>
                <c:pt idx="3687">
                  <c:v>0.22005563340792683</c:v>
                </c:pt>
                <c:pt idx="3688">
                  <c:v>0.22005563340792683</c:v>
                </c:pt>
                <c:pt idx="3689">
                  <c:v>0.22005563340792683</c:v>
                </c:pt>
                <c:pt idx="3690">
                  <c:v>0.22005563340792683</c:v>
                </c:pt>
                <c:pt idx="3691">
                  <c:v>0.22005563340792683</c:v>
                </c:pt>
                <c:pt idx="3692">
                  <c:v>0.22005563340792683</c:v>
                </c:pt>
                <c:pt idx="3693">
                  <c:v>0.22005563340792683</c:v>
                </c:pt>
                <c:pt idx="3694">
                  <c:v>0.22005563340792683</c:v>
                </c:pt>
                <c:pt idx="3695">
                  <c:v>0.22005563340792683</c:v>
                </c:pt>
                <c:pt idx="3696">
                  <c:v>0.22077679334205969</c:v>
                </c:pt>
                <c:pt idx="3697">
                  <c:v>0.22077679334205969</c:v>
                </c:pt>
                <c:pt idx="3698">
                  <c:v>0.22077679334205969</c:v>
                </c:pt>
                <c:pt idx="3699">
                  <c:v>0.22077679334205969</c:v>
                </c:pt>
                <c:pt idx="3700">
                  <c:v>0.22077679334205969</c:v>
                </c:pt>
                <c:pt idx="3701">
                  <c:v>0.22077679334205969</c:v>
                </c:pt>
                <c:pt idx="3702">
                  <c:v>0.22077679334205969</c:v>
                </c:pt>
                <c:pt idx="3703">
                  <c:v>0.22077679334205969</c:v>
                </c:pt>
                <c:pt idx="3704">
                  <c:v>0.22077679334205969</c:v>
                </c:pt>
                <c:pt idx="3705">
                  <c:v>0.22077679334205969</c:v>
                </c:pt>
                <c:pt idx="3706">
                  <c:v>0.22077679334205969</c:v>
                </c:pt>
                <c:pt idx="3707">
                  <c:v>0.22077679334205969</c:v>
                </c:pt>
                <c:pt idx="3708">
                  <c:v>0.22077679334205969</c:v>
                </c:pt>
                <c:pt idx="3709">
                  <c:v>0.22077679334205969</c:v>
                </c:pt>
                <c:pt idx="3710">
                  <c:v>0.22077679334205969</c:v>
                </c:pt>
                <c:pt idx="3711">
                  <c:v>0.22077679334205969</c:v>
                </c:pt>
                <c:pt idx="3712">
                  <c:v>0.22077679334205969</c:v>
                </c:pt>
                <c:pt idx="3713">
                  <c:v>0.22077679334205969</c:v>
                </c:pt>
                <c:pt idx="3714">
                  <c:v>0.22077679334205969</c:v>
                </c:pt>
                <c:pt idx="3715">
                  <c:v>0.22077679334205969</c:v>
                </c:pt>
                <c:pt idx="3716">
                  <c:v>0.22077679334205969</c:v>
                </c:pt>
                <c:pt idx="3717">
                  <c:v>0.22077679334205969</c:v>
                </c:pt>
                <c:pt idx="3718">
                  <c:v>0.22077679334205969</c:v>
                </c:pt>
                <c:pt idx="3719">
                  <c:v>0.22077679334205969</c:v>
                </c:pt>
                <c:pt idx="3720">
                  <c:v>0.56106695372857529</c:v>
                </c:pt>
                <c:pt idx="3721">
                  <c:v>0.56106695372857529</c:v>
                </c:pt>
                <c:pt idx="3722">
                  <c:v>0.56106695372857529</c:v>
                </c:pt>
                <c:pt idx="3723">
                  <c:v>0.56106695372857529</c:v>
                </c:pt>
                <c:pt idx="3724">
                  <c:v>0.56106695372857529</c:v>
                </c:pt>
                <c:pt idx="3725">
                  <c:v>0.56106695372857529</c:v>
                </c:pt>
                <c:pt idx="3726">
                  <c:v>0.56106695372857529</c:v>
                </c:pt>
                <c:pt idx="3727">
                  <c:v>2.3901452228837305</c:v>
                </c:pt>
                <c:pt idx="3728">
                  <c:v>2.6889133757441965</c:v>
                </c:pt>
                <c:pt idx="3729">
                  <c:v>2.9876815286046625</c:v>
                </c:pt>
                <c:pt idx="3730">
                  <c:v>2.9876815286046625</c:v>
                </c:pt>
                <c:pt idx="3731">
                  <c:v>3.5852178343255949</c:v>
                </c:pt>
                <c:pt idx="3732">
                  <c:v>3.5852178343255949</c:v>
                </c:pt>
                <c:pt idx="3733">
                  <c:v>2.3901452228837305</c:v>
                </c:pt>
                <c:pt idx="3734">
                  <c:v>3.5852178343255949</c:v>
                </c:pt>
                <c:pt idx="3735">
                  <c:v>3.5852178343255949</c:v>
                </c:pt>
                <c:pt idx="3736">
                  <c:v>2.0913770700232641</c:v>
                </c:pt>
                <c:pt idx="3737">
                  <c:v>0.59753630572093264</c:v>
                </c:pt>
                <c:pt idx="3738">
                  <c:v>0.58912030141500393</c:v>
                </c:pt>
                <c:pt idx="3739">
                  <c:v>0.58912030141500393</c:v>
                </c:pt>
                <c:pt idx="3740">
                  <c:v>0.58912030141500393</c:v>
                </c:pt>
                <c:pt idx="3741">
                  <c:v>0.58912030141500393</c:v>
                </c:pt>
                <c:pt idx="3742">
                  <c:v>0.58912030141500393</c:v>
                </c:pt>
                <c:pt idx="3743">
                  <c:v>0.58912030141500393</c:v>
                </c:pt>
                <c:pt idx="3744">
                  <c:v>0.37437364406232981</c:v>
                </c:pt>
                <c:pt idx="3745">
                  <c:v>0.57047412428545496</c:v>
                </c:pt>
                <c:pt idx="3746">
                  <c:v>0.57047412428545496</c:v>
                </c:pt>
                <c:pt idx="3747">
                  <c:v>0.57047412428545496</c:v>
                </c:pt>
                <c:pt idx="3748">
                  <c:v>0.57047412428545496</c:v>
                </c:pt>
                <c:pt idx="3749">
                  <c:v>0.57047412428545496</c:v>
                </c:pt>
                <c:pt idx="3750">
                  <c:v>0.57047412428545496</c:v>
                </c:pt>
                <c:pt idx="3751">
                  <c:v>2.4049049801908704</c:v>
                </c:pt>
                <c:pt idx="3752">
                  <c:v>2.6833676621077087</c:v>
                </c:pt>
                <c:pt idx="3753">
                  <c:v>2.9618303440245466</c:v>
                </c:pt>
                <c:pt idx="3754">
                  <c:v>2.9618303440245466</c:v>
                </c:pt>
                <c:pt idx="3755">
                  <c:v>3.5440704971233883</c:v>
                </c:pt>
                <c:pt idx="3756">
                  <c:v>3.5440704971233883</c:v>
                </c:pt>
                <c:pt idx="3757">
                  <c:v>2.3542754016605363</c:v>
                </c:pt>
                <c:pt idx="3758">
                  <c:v>3.5440704971233883</c:v>
                </c:pt>
                <c:pt idx="3759">
                  <c:v>3.5440704971233883</c:v>
                </c:pt>
                <c:pt idx="3760">
                  <c:v>2.0884701143762823</c:v>
                </c:pt>
                <c:pt idx="3761">
                  <c:v>0.89136581919602331</c:v>
                </c:pt>
                <c:pt idx="3762">
                  <c:v>0.5883014406693754</c:v>
                </c:pt>
                <c:pt idx="3763">
                  <c:v>0.5883014406693754</c:v>
                </c:pt>
                <c:pt idx="3764">
                  <c:v>0.5883014406693754</c:v>
                </c:pt>
                <c:pt idx="3765">
                  <c:v>0.5883014406693754</c:v>
                </c:pt>
                <c:pt idx="3766">
                  <c:v>0.5883014406693754</c:v>
                </c:pt>
                <c:pt idx="3767">
                  <c:v>0.5883014406693754</c:v>
                </c:pt>
                <c:pt idx="3768">
                  <c:v>0.58111601474584929</c:v>
                </c:pt>
                <c:pt idx="3769">
                  <c:v>0.58111601474584929</c:v>
                </c:pt>
                <c:pt idx="3770">
                  <c:v>0.58111601474584929</c:v>
                </c:pt>
                <c:pt idx="3771">
                  <c:v>0.58111601474584929</c:v>
                </c:pt>
                <c:pt idx="3772">
                  <c:v>0.58111601474584929</c:v>
                </c:pt>
                <c:pt idx="3773">
                  <c:v>0.58111601474584929</c:v>
                </c:pt>
                <c:pt idx="3774">
                  <c:v>0.58111601474584929</c:v>
                </c:pt>
                <c:pt idx="3775">
                  <c:v>2.3755318299762145</c:v>
                </c:pt>
                <c:pt idx="3776">
                  <c:v>2.6505934102892494</c:v>
                </c:pt>
                <c:pt idx="3777">
                  <c:v>2.9256549906022853</c:v>
                </c:pt>
                <c:pt idx="3778">
                  <c:v>2.9256549906022853</c:v>
                </c:pt>
                <c:pt idx="3779">
                  <c:v>3.5007837494386318</c:v>
                </c:pt>
                <c:pt idx="3780">
                  <c:v>3.5007837494386318</c:v>
                </c:pt>
                <c:pt idx="3781">
                  <c:v>2.3255206335556622</c:v>
                </c:pt>
                <c:pt idx="3782">
                  <c:v>3.5007837494386318</c:v>
                </c:pt>
                <c:pt idx="3783">
                  <c:v>3.5007837494386318</c:v>
                </c:pt>
                <c:pt idx="3784">
                  <c:v>2.0629618523477653</c:v>
                </c:pt>
                <c:pt idx="3785">
                  <c:v>0.88047881022098395</c:v>
                </c:pt>
                <c:pt idx="3786">
                  <c:v>0.58111601474584929</c:v>
                </c:pt>
                <c:pt idx="3787">
                  <c:v>0.58111601474584929</c:v>
                </c:pt>
                <c:pt idx="3788">
                  <c:v>0.58111601474584929</c:v>
                </c:pt>
                <c:pt idx="3789">
                  <c:v>0.58111601474584929</c:v>
                </c:pt>
                <c:pt idx="3790">
                  <c:v>0.58111601474584929</c:v>
                </c:pt>
                <c:pt idx="3791">
                  <c:v>0.58111601474584929</c:v>
                </c:pt>
                <c:pt idx="3792">
                  <c:v>0.58201187929593268</c:v>
                </c:pt>
                <c:pt idx="3793">
                  <c:v>0.58201187929593268</c:v>
                </c:pt>
                <c:pt idx="3794">
                  <c:v>0.58201187929593268</c:v>
                </c:pt>
                <c:pt idx="3795">
                  <c:v>0.58201187929593268</c:v>
                </c:pt>
                <c:pt idx="3796">
                  <c:v>0.58201187929593268</c:v>
                </c:pt>
                <c:pt idx="3797">
                  <c:v>0.58201187929593268</c:v>
                </c:pt>
                <c:pt idx="3798">
                  <c:v>0.58201187929593268</c:v>
                </c:pt>
                <c:pt idx="3799">
                  <c:v>2.3791940156673124</c:v>
                </c:pt>
                <c:pt idx="3800">
                  <c:v>2.6546796385340543</c:v>
                </c:pt>
                <c:pt idx="3801">
                  <c:v>2.9301652614007954</c:v>
                </c:pt>
                <c:pt idx="3802">
                  <c:v>2.9301652614007954</c:v>
                </c:pt>
                <c:pt idx="3803">
                  <c:v>3.5061806546676184</c:v>
                </c:pt>
                <c:pt idx="3804">
                  <c:v>3.5061806546676184</c:v>
                </c:pt>
                <c:pt idx="3805">
                  <c:v>2.3291057206006323</c:v>
                </c:pt>
                <c:pt idx="3806">
                  <c:v>3.5061806546676184</c:v>
                </c:pt>
                <c:pt idx="3807">
                  <c:v>3.5061806546676184</c:v>
                </c:pt>
                <c:pt idx="3808">
                  <c:v>2.066142171500561</c:v>
                </c:pt>
                <c:pt idx="3809">
                  <c:v>0.88183618075141312</c:v>
                </c:pt>
                <c:pt idx="3810">
                  <c:v>0.58201187929593268</c:v>
                </c:pt>
                <c:pt idx="3811">
                  <c:v>0.58201187929593268</c:v>
                </c:pt>
                <c:pt idx="3812">
                  <c:v>0.58201187929593268</c:v>
                </c:pt>
                <c:pt idx="3813">
                  <c:v>0.58201187929593268</c:v>
                </c:pt>
                <c:pt idx="3814">
                  <c:v>0.58201187929593268</c:v>
                </c:pt>
                <c:pt idx="3815">
                  <c:v>0.58201187929593268</c:v>
                </c:pt>
                <c:pt idx="3816">
                  <c:v>0.88418567622759991</c:v>
                </c:pt>
                <c:pt idx="3817">
                  <c:v>0.53587010680460612</c:v>
                </c:pt>
                <c:pt idx="3818">
                  <c:v>0.53587010680460612</c:v>
                </c:pt>
                <c:pt idx="3819">
                  <c:v>0.53587010680460612</c:v>
                </c:pt>
                <c:pt idx="3820">
                  <c:v>0.53587010680460612</c:v>
                </c:pt>
                <c:pt idx="3821">
                  <c:v>0.53587010680460612</c:v>
                </c:pt>
                <c:pt idx="3822">
                  <c:v>0.53587010680460612</c:v>
                </c:pt>
                <c:pt idx="3823">
                  <c:v>2.2828066549876218</c:v>
                </c:pt>
                <c:pt idx="3824">
                  <c:v>2.8535083187345269</c:v>
                </c:pt>
                <c:pt idx="3825">
                  <c:v>3.1388591506079795</c:v>
                </c:pt>
                <c:pt idx="3826">
                  <c:v>3.1388591506079795</c:v>
                </c:pt>
                <c:pt idx="3827">
                  <c:v>3.709560814354885</c:v>
                </c:pt>
                <c:pt idx="3828">
                  <c:v>3.709560814354885</c:v>
                </c:pt>
                <c:pt idx="3829">
                  <c:v>2.5681574868610744</c:v>
                </c:pt>
                <c:pt idx="3830">
                  <c:v>3.709560814354885</c:v>
                </c:pt>
                <c:pt idx="3831">
                  <c:v>2.8535083187345269</c:v>
                </c:pt>
                <c:pt idx="3832">
                  <c:v>1.3396752670115151</c:v>
                </c:pt>
                <c:pt idx="3833">
                  <c:v>0.88418567622759991</c:v>
                </c:pt>
                <c:pt idx="3834">
                  <c:v>0.56266361214483629</c:v>
                </c:pt>
                <c:pt idx="3835">
                  <c:v>0.53587010680460612</c:v>
                </c:pt>
                <c:pt idx="3836">
                  <c:v>0.53587010680460612</c:v>
                </c:pt>
                <c:pt idx="3837">
                  <c:v>0.53587010680460612</c:v>
                </c:pt>
                <c:pt idx="3838">
                  <c:v>0.53587010680460612</c:v>
                </c:pt>
                <c:pt idx="3839">
                  <c:v>0.53587010680460612</c:v>
                </c:pt>
                <c:pt idx="3840">
                  <c:v>0.2423667146947828</c:v>
                </c:pt>
                <c:pt idx="3841">
                  <c:v>0.21813004322530449</c:v>
                </c:pt>
                <c:pt idx="3842">
                  <c:v>0.21813004322530449</c:v>
                </c:pt>
                <c:pt idx="3843">
                  <c:v>0.21813004322530449</c:v>
                </c:pt>
                <c:pt idx="3844">
                  <c:v>0.21813004322530449</c:v>
                </c:pt>
                <c:pt idx="3845">
                  <c:v>0.21813004322530449</c:v>
                </c:pt>
                <c:pt idx="3846">
                  <c:v>0.21813004322530449</c:v>
                </c:pt>
                <c:pt idx="3847">
                  <c:v>0.21813004322530449</c:v>
                </c:pt>
                <c:pt idx="3848">
                  <c:v>0.21813004322530449</c:v>
                </c:pt>
                <c:pt idx="3849">
                  <c:v>0.21813004322530449</c:v>
                </c:pt>
                <c:pt idx="3850">
                  <c:v>0.21813004322530449</c:v>
                </c:pt>
                <c:pt idx="3851">
                  <c:v>0.21813004322530449</c:v>
                </c:pt>
                <c:pt idx="3852">
                  <c:v>0.21813004322530449</c:v>
                </c:pt>
                <c:pt idx="3853">
                  <c:v>0.21813004322530449</c:v>
                </c:pt>
                <c:pt idx="3854">
                  <c:v>0.21813004322530449</c:v>
                </c:pt>
                <c:pt idx="3855">
                  <c:v>0.21813004322530449</c:v>
                </c:pt>
                <c:pt idx="3856">
                  <c:v>0.21813004322530449</c:v>
                </c:pt>
                <c:pt idx="3857">
                  <c:v>0.21813004322530449</c:v>
                </c:pt>
                <c:pt idx="3858">
                  <c:v>0.21813004322530449</c:v>
                </c:pt>
                <c:pt idx="3859">
                  <c:v>0.21813004322530449</c:v>
                </c:pt>
                <c:pt idx="3860">
                  <c:v>0.21813004322530449</c:v>
                </c:pt>
                <c:pt idx="3861">
                  <c:v>0.21813004322530449</c:v>
                </c:pt>
                <c:pt idx="3862">
                  <c:v>0.21813004322530449</c:v>
                </c:pt>
                <c:pt idx="3863">
                  <c:v>0.21813004322530449</c:v>
                </c:pt>
                <c:pt idx="3864">
                  <c:v>0.21973513682945164</c:v>
                </c:pt>
                <c:pt idx="3865">
                  <c:v>0.21973513682945164</c:v>
                </c:pt>
                <c:pt idx="3866">
                  <c:v>0.21973513682945164</c:v>
                </c:pt>
                <c:pt idx="3867">
                  <c:v>0.21973513682945164</c:v>
                </c:pt>
                <c:pt idx="3868">
                  <c:v>0.21973513682945164</c:v>
                </c:pt>
                <c:pt idx="3869">
                  <c:v>0.21973513682945164</c:v>
                </c:pt>
                <c:pt idx="3870">
                  <c:v>0.21973513682945164</c:v>
                </c:pt>
                <c:pt idx="3871">
                  <c:v>0.21973513682945164</c:v>
                </c:pt>
                <c:pt idx="3872">
                  <c:v>0.21973513682945164</c:v>
                </c:pt>
                <c:pt idx="3873">
                  <c:v>0.21973513682945164</c:v>
                </c:pt>
                <c:pt idx="3874">
                  <c:v>0.21973513682945164</c:v>
                </c:pt>
                <c:pt idx="3875">
                  <c:v>0.21973513682945164</c:v>
                </c:pt>
                <c:pt idx="3876">
                  <c:v>0.21973513682945164</c:v>
                </c:pt>
                <c:pt idx="3877">
                  <c:v>0.21973513682945164</c:v>
                </c:pt>
                <c:pt idx="3878">
                  <c:v>0.21973513682945164</c:v>
                </c:pt>
                <c:pt idx="3879">
                  <c:v>0.21973513682945164</c:v>
                </c:pt>
                <c:pt idx="3880">
                  <c:v>0.21973513682945164</c:v>
                </c:pt>
                <c:pt idx="3881">
                  <c:v>0.21973513682945164</c:v>
                </c:pt>
                <c:pt idx="3882">
                  <c:v>0.21973513682945164</c:v>
                </c:pt>
                <c:pt idx="3883">
                  <c:v>0.21973513682945164</c:v>
                </c:pt>
                <c:pt idx="3884">
                  <c:v>0.21973513682945164</c:v>
                </c:pt>
                <c:pt idx="3885">
                  <c:v>0.21973513682945164</c:v>
                </c:pt>
                <c:pt idx="3886">
                  <c:v>0.21973513682945164</c:v>
                </c:pt>
                <c:pt idx="3887">
                  <c:v>0.21973513682945164</c:v>
                </c:pt>
                <c:pt idx="3888">
                  <c:v>0.55762833257479894</c:v>
                </c:pt>
                <c:pt idx="3889">
                  <c:v>0.55762833257479894</c:v>
                </c:pt>
                <c:pt idx="3890">
                  <c:v>0.55762833257479894</c:v>
                </c:pt>
                <c:pt idx="3891">
                  <c:v>0.55762833257479894</c:v>
                </c:pt>
                <c:pt idx="3892">
                  <c:v>0.55762833257479894</c:v>
                </c:pt>
                <c:pt idx="3893">
                  <c:v>0.55762833257479894</c:v>
                </c:pt>
                <c:pt idx="3894">
                  <c:v>0.55762833257479894</c:v>
                </c:pt>
                <c:pt idx="3895">
                  <c:v>2.3754966967686433</c:v>
                </c:pt>
                <c:pt idx="3896">
                  <c:v>2.6724337838647236</c:v>
                </c:pt>
                <c:pt idx="3897">
                  <c:v>2.969370870960804</c:v>
                </c:pt>
                <c:pt idx="3898">
                  <c:v>2.969370870960804</c:v>
                </c:pt>
                <c:pt idx="3899">
                  <c:v>3.5632450451529647</c:v>
                </c:pt>
                <c:pt idx="3900">
                  <c:v>3.5632450451529647</c:v>
                </c:pt>
                <c:pt idx="3901">
                  <c:v>2.3754966967686433</c:v>
                </c:pt>
                <c:pt idx="3902">
                  <c:v>3.5632450451529647</c:v>
                </c:pt>
                <c:pt idx="3903">
                  <c:v>3.5632450451529647</c:v>
                </c:pt>
                <c:pt idx="3904">
                  <c:v>2.0785596096725625</c:v>
                </c:pt>
                <c:pt idx="3905">
                  <c:v>0.59387417419216082</c:v>
                </c:pt>
                <c:pt idx="3906">
                  <c:v>0.58550974920353882</c:v>
                </c:pt>
                <c:pt idx="3907">
                  <c:v>0.58550974920353882</c:v>
                </c:pt>
                <c:pt idx="3908">
                  <c:v>0.58550974920353882</c:v>
                </c:pt>
                <c:pt idx="3909">
                  <c:v>0.58550974920353882</c:v>
                </c:pt>
                <c:pt idx="3910">
                  <c:v>0.58550974920353882</c:v>
                </c:pt>
                <c:pt idx="3911">
                  <c:v>0.58550974920353882</c:v>
                </c:pt>
                <c:pt idx="3912">
                  <c:v>0.37897307579743938</c:v>
                </c:pt>
                <c:pt idx="3913">
                  <c:v>0.5774827821675268</c:v>
                </c:pt>
                <c:pt idx="3914">
                  <c:v>0.5774827821675268</c:v>
                </c:pt>
                <c:pt idx="3915">
                  <c:v>0.5774827821675268</c:v>
                </c:pt>
                <c:pt idx="3916">
                  <c:v>0.5774827821675268</c:v>
                </c:pt>
                <c:pt idx="3917">
                  <c:v>0.5774827821675268</c:v>
                </c:pt>
                <c:pt idx="3918">
                  <c:v>0.5774827821675268</c:v>
                </c:pt>
                <c:pt idx="3919">
                  <c:v>2.4344508535749796</c:v>
                </c:pt>
                <c:pt idx="3920">
                  <c:v>2.7163346366205041</c:v>
                </c:pt>
                <c:pt idx="3921">
                  <c:v>2.9982184196660282</c:v>
                </c:pt>
                <c:pt idx="3922">
                  <c:v>2.9982184196660282</c:v>
                </c:pt>
                <c:pt idx="3923">
                  <c:v>3.5876117842157593</c:v>
                </c:pt>
                <c:pt idx="3924">
                  <c:v>3.5876117842157593</c:v>
                </c:pt>
                <c:pt idx="3925">
                  <c:v>2.3831992566576115</c:v>
                </c:pt>
                <c:pt idx="3926">
                  <c:v>3.5876117842157593</c:v>
                </c:pt>
                <c:pt idx="3927">
                  <c:v>3.5876117842157593</c:v>
                </c:pt>
                <c:pt idx="3928">
                  <c:v>2.1141283728414297</c:v>
                </c:pt>
                <c:pt idx="3929">
                  <c:v>0.90231684713676052</c:v>
                </c:pt>
                <c:pt idx="3930">
                  <c:v>0.59552911911026196</c:v>
                </c:pt>
                <c:pt idx="3931">
                  <c:v>0.59552911911026196</c:v>
                </c:pt>
                <c:pt idx="3932">
                  <c:v>0.59552911911026196</c:v>
                </c:pt>
                <c:pt idx="3933">
                  <c:v>0.59552911911026196</c:v>
                </c:pt>
                <c:pt idx="3934">
                  <c:v>0.59552911911026196</c:v>
                </c:pt>
                <c:pt idx="3935">
                  <c:v>0.59552911911026196</c:v>
                </c:pt>
                <c:pt idx="3936">
                  <c:v>0.58469947294618263</c:v>
                </c:pt>
                <c:pt idx="3937">
                  <c:v>0.58469947294618263</c:v>
                </c:pt>
                <c:pt idx="3938">
                  <c:v>0.58469947294618263</c:v>
                </c:pt>
                <c:pt idx="3939">
                  <c:v>0.58469947294618263</c:v>
                </c:pt>
                <c:pt idx="3940">
                  <c:v>0.58469947294618263</c:v>
                </c:pt>
                <c:pt idx="3941">
                  <c:v>0.58469947294618263</c:v>
                </c:pt>
                <c:pt idx="3942">
                  <c:v>0.58469947294618263</c:v>
                </c:pt>
                <c:pt idx="3943">
                  <c:v>2.3901805727406065</c:v>
                </c:pt>
                <c:pt idx="3944">
                  <c:v>2.6669383232684667</c:v>
                </c:pt>
                <c:pt idx="3945">
                  <c:v>2.9436960737963265</c:v>
                </c:pt>
                <c:pt idx="3946">
                  <c:v>2.9436960737963265</c:v>
                </c:pt>
                <c:pt idx="3947">
                  <c:v>3.5223713703545783</c:v>
                </c:pt>
                <c:pt idx="3948">
                  <c:v>3.5223713703545783</c:v>
                </c:pt>
                <c:pt idx="3949">
                  <c:v>2.3398609817355411</c:v>
                </c:pt>
                <c:pt idx="3950">
                  <c:v>3.5223713703545783</c:v>
                </c:pt>
                <c:pt idx="3951">
                  <c:v>3.5223713703545783</c:v>
                </c:pt>
                <c:pt idx="3952">
                  <c:v>2.0756831289589481</c:v>
                </c:pt>
                <c:pt idx="3953">
                  <c:v>0.88590829234270085</c:v>
                </c:pt>
                <c:pt idx="3954">
                  <c:v>0.58469947294618263</c:v>
                </c:pt>
                <c:pt idx="3955">
                  <c:v>0.58469947294618263</c:v>
                </c:pt>
                <c:pt idx="3956">
                  <c:v>0.58469947294618263</c:v>
                </c:pt>
                <c:pt idx="3957">
                  <c:v>0.58469947294618263</c:v>
                </c:pt>
                <c:pt idx="3958">
                  <c:v>0.58469947294618263</c:v>
                </c:pt>
                <c:pt idx="3959">
                  <c:v>0.58469947294618263</c:v>
                </c:pt>
                <c:pt idx="3960">
                  <c:v>0.58469947294618263</c:v>
                </c:pt>
                <c:pt idx="3961">
                  <c:v>0.58469947294618263</c:v>
                </c:pt>
                <c:pt idx="3962">
                  <c:v>0.58469947294618263</c:v>
                </c:pt>
                <c:pt idx="3963">
                  <c:v>0.58469947294618263</c:v>
                </c:pt>
                <c:pt idx="3964">
                  <c:v>0.58469947294618263</c:v>
                </c:pt>
                <c:pt idx="3965">
                  <c:v>0.58469947294618263</c:v>
                </c:pt>
                <c:pt idx="3966">
                  <c:v>0.58469947294618263</c:v>
                </c:pt>
                <c:pt idx="3967">
                  <c:v>2.3901805727406065</c:v>
                </c:pt>
                <c:pt idx="3968">
                  <c:v>2.6669383232684667</c:v>
                </c:pt>
                <c:pt idx="3969">
                  <c:v>2.9436960737963265</c:v>
                </c:pt>
                <c:pt idx="3970">
                  <c:v>2.9436960737963265</c:v>
                </c:pt>
                <c:pt idx="3971">
                  <c:v>3.5223713703545783</c:v>
                </c:pt>
                <c:pt idx="3972">
                  <c:v>3.5223713703545783</c:v>
                </c:pt>
                <c:pt idx="3973">
                  <c:v>2.3398609817355411</c:v>
                </c:pt>
                <c:pt idx="3974">
                  <c:v>3.5223713703545783</c:v>
                </c:pt>
                <c:pt idx="3975">
                  <c:v>3.5223713703545783</c:v>
                </c:pt>
                <c:pt idx="3976">
                  <c:v>2.0756831289589481</c:v>
                </c:pt>
                <c:pt idx="3977">
                  <c:v>0.88590829234270085</c:v>
                </c:pt>
                <c:pt idx="3978">
                  <c:v>0.58469947294618263</c:v>
                </c:pt>
                <c:pt idx="3979">
                  <c:v>0.58469947294618263</c:v>
                </c:pt>
                <c:pt idx="3980">
                  <c:v>0.58469947294618263</c:v>
                </c:pt>
                <c:pt idx="3981">
                  <c:v>0.58469947294618263</c:v>
                </c:pt>
                <c:pt idx="3982">
                  <c:v>0.58469947294618263</c:v>
                </c:pt>
                <c:pt idx="3983">
                  <c:v>0.58469947294618263</c:v>
                </c:pt>
                <c:pt idx="3984">
                  <c:v>0.88007742061220295</c:v>
                </c:pt>
                <c:pt idx="3985">
                  <c:v>0.53338025491648666</c:v>
                </c:pt>
                <c:pt idx="3986">
                  <c:v>0.53338025491648666</c:v>
                </c:pt>
                <c:pt idx="3987">
                  <c:v>0.53338025491648666</c:v>
                </c:pt>
                <c:pt idx="3988">
                  <c:v>0.53338025491648666</c:v>
                </c:pt>
                <c:pt idx="3989">
                  <c:v>0.53338025491648666</c:v>
                </c:pt>
                <c:pt idx="3990">
                  <c:v>0.53338025491648666</c:v>
                </c:pt>
                <c:pt idx="3991">
                  <c:v>2.2721998859442332</c:v>
                </c:pt>
                <c:pt idx="3992">
                  <c:v>2.8402498574302921</c:v>
                </c:pt>
                <c:pt idx="3993">
                  <c:v>3.1242748431733207</c:v>
                </c:pt>
                <c:pt idx="3994">
                  <c:v>3.1242748431733207</c:v>
                </c:pt>
                <c:pt idx="3995">
                  <c:v>3.6923248146593797</c:v>
                </c:pt>
                <c:pt idx="3996">
                  <c:v>3.6923248146593797</c:v>
                </c:pt>
                <c:pt idx="3997">
                  <c:v>2.5562248716872626</c:v>
                </c:pt>
                <c:pt idx="3998">
                  <c:v>3.6923248146593797</c:v>
                </c:pt>
                <c:pt idx="3999">
                  <c:v>2.8402498574302921</c:v>
                </c:pt>
                <c:pt idx="4000">
                  <c:v>1.3334506372912167</c:v>
                </c:pt>
                <c:pt idx="4001">
                  <c:v>0.88007742061220295</c:v>
                </c:pt>
                <c:pt idx="4002">
                  <c:v>0.560049267662311</c:v>
                </c:pt>
                <c:pt idx="4003">
                  <c:v>0.53338025491648666</c:v>
                </c:pt>
                <c:pt idx="4004">
                  <c:v>0.53338025491648666</c:v>
                </c:pt>
                <c:pt idx="4005">
                  <c:v>0.53338025491648666</c:v>
                </c:pt>
                <c:pt idx="4006">
                  <c:v>0.53338025491648666</c:v>
                </c:pt>
                <c:pt idx="4007">
                  <c:v>0.53338025491648666</c:v>
                </c:pt>
                <c:pt idx="4008">
                  <c:v>0.24195526380106014</c:v>
                </c:pt>
                <c:pt idx="4009">
                  <c:v>0.21775973742095411</c:v>
                </c:pt>
                <c:pt idx="4010">
                  <c:v>0.21775973742095411</c:v>
                </c:pt>
                <c:pt idx="4011">
                  <c:v>0.21775973742095411</c:v>
                </c:pt>
                <c:pt idx="4012">
                  <c:v>0.21775973742095411</c:v>
                </c:pt>
                <c:pt idx="4013">
                  <c:v>0.21775973742095411</c:v>
                </c:pt>
                <c:pt idx="4014">
                  <c:v>0.21775973742095411</c:v>
                </c:pt>
                <c:pt idx="4015">
                  <c:v>0.21775973742095411</c:v>
                </c:pt>
                <c:pt idx="4016">
                  <c:v>0.21775973742095411</c:v>
                </c:pt>
                <c:pt idx="4017">
                  <c:v>0.21775973742095411</c:v>
                </c:pt>
                <c:pt idx="4018">
                  <c:v>0.21775973742095411</c:v>
                </c:pt>
                <c:pt idx="4019">
                  <c:v>0.21775973742095411</c:v>
                </c:pt>
                <c:pt idx="4020">
                  <c:v>0.21775973742095411</c:v>
                </c:pt>
                <c:pt idx="4021">
                  <c:v>0.21775973742095411</c:v>
                </c:pt>
                <c:pt idx="4022">
                  <c:v>0.21775973742095411</c:v>
                </c:pt>
                <c:pt idx="4023">
                  <c:v>0.21775973742095411</c:v>
                </c:pt>
                <c:pt idx="4024">
                  <c:v>0.21775973742095411</c:v>
                </c:pt>
                <c:pt idx="4025">
                  <c:v>0.21775973742095411</c:v>
                </c:pt>
                <c:pt idx="4026">
                  <c:v>0.21775973742095411</c:v>
                </c:pt>
                <c:pt idx="4027">
                  <c:v>0.21775973742095411</c:v>
                </c:pt>
                <c:pt idx="4028">
                  <c:v>0.21775973742095411</c:v>
                </c:pt>
                <c:pt idx="4029">
                  <c:v>0.21775973742095411</c:v>
                </c:pt>
                <c:pt idx="4030">
                  <c:v>0.21775973742095411</c:v>
                </c:pt>
                <c:pt idx="4031">
                  <c:v>0.21775973742095411</c:v>
                </c:pt>
                <c:pt idx="4032">
                  <c:v>0.21757741976762074</c:v>
                </c:pt>
                <c:pt idx="4033">
                  <c:v>0.21757741976762074</c:v>
                </c:pt>
                <c:pt idx="4034">
                  <c:v>0.21757741976762074</c:v>
                </c:pt>
                <c:pt idx="4035">
                  <c:v>0.21757741976762074</c:v>
                </c:pt>
                <c:pt idx="4036">
                  <c:v>0.21757741976762074</c:v>
                </c:pt>
                <c:pt idx="4037">
                  <c:v>0.21757741976762074</c:v>
                </c:pt>
                <c:pt idx="4038">
                  <c:v>0.21757741976762074</c:v>
                </c:pt>
                <c:pt idx="4039">
                  <c:v>0.21757741976762074</c:v>
                </c:pt>
                <c:pt idx="4040">
                  <c:v>0.21757741976762074</c:v>
                </c:pt>
                <c:pt idx="4041">
                  <c:v>0.21757741976762074</c:v>
                </c:pt>
                <c:pt idx="4042">
                  <c:v>0.21757741976762074</c:v>
                </c:pt>
                <c:pt idx="4043">
                  <c:v>0.21757741976762074</c:v>
                </c:pt>
                <c:pt idx="4044">
                  <c:v>0.21757741976762074</c:v>
                </c:pt>
                <c:pt idx="4045">
                  <c:v>0.21757741976762074</c:v>
                </c:pt>
                <c:pt idx="4046">
                  <c:v>0.21757741976762074</c:v>
                </c:pt>
                <c:pt idx="4047">
                  <c:v>0.21757741976762074</c:v>
                </c:pt>
                <c:pt idx="4048">
                  <c:v>0.21757741976762074</c:v>
                </c:pt>
                <c:pt idx="4049">
                  <c:v>0.21757741976762074</c:v>
                </c:pt>
                <c:pt idx="4050">
                  <c:v>0.21757741976762074</c:v>
                </c:pt>
                <c:pt idx="4051">
                  <c:v>0.21757741976762074</c:v>
                </c:pt>
                <c:pt idx="4052">
                  <c:v>0.21757741976762074</c:v>
                </c:pt>
                <c:pt idx="4053">
                  <c:v>0.21757741976762074</c:v>
                </c:pt>
                <c:pt idx="4054">
                  <c:v>0.21757741976762074</c:v>
                </c:pt>
                <c:pt idx="4055">
                  <c:v>0.21757741976762074</c:v>
                </c:pt>
                <c:pt idx="4056">
                  <c:v>0.5365667780079193</c:v>
                </c:pt>
                <c:pt idx="4057">
                  <c:v>0.5365667780079193</c:v>
                </c:pt>
                <c:pt idx="4058">
                  <c:v>0.5365667780079193</c:v>
                </c:pt>
                <c:pt idx="4059">
                  <c:v>0.5365667780079193</c:v>
                </c:pt>
                <c:pt idx="4060">
                  <c:v>0.5365667780079193</c:v>
                </c:pt>
                <c:pt idx="4061">
                  <c:v>0.5365667780079193</c:v>
                </c:pt>
                <c:pt idx="4062">
                  <c:v>0.5365667780079193</c:v>
                </c:pt>
                <c:pt idx="4063">
                  <c:v>2.2857744743137363</c:v>
                </c:pt>
                <c:pt idx="4064">
                  <c:v>2.5714962836029533</c:v>
                </c:pt>
                <c:pt idx="4065">
                  <c:v>2.8572180928921704</c:v>
                </c:pt>
                <c:pt idx="4066">
                  <c:v>2.8572180928921704</c:v>
                </c:pt>
                <c:pt idx="4067">
                  <c:v>3.4286617114706042</c:v>
                </c:pt>
                <c:pt idx="4068">
                  <c:v>3.4286617114706042</c:v>
                </c:pt>
                <c:pt idx="4069">
                  <c:v>2.2857744743137363</c:v>
                </c:pt>
                <c:pt idx="4070">
                  <c:v>3.4286617114706042</c:v>
                </c:pt>
                <c:pt idx="4071">
                  <c:v>3.4286617114706042</c:v>
                </c:pt>
                <c:pt idx="4072">
                  <c:v>2.0000526650245192</c:v>
                </c:pt>
                <c:pt idx="4073">
                  <c:v>0.57144361857843406</c:v>
                </c:pt>
                <c:pt idx="4074">
                  <c:v>0.56339511690831523</c:v>
                </c:pt>
                <c:pt idx="4075">
                  <c:v>0.56339511690831523</c:v>
                </c:pt>
                <c:pt idx="4076">
                  <c:v>0.56339511690831523</c:v>
                </c:pt>
                <c:pt idx="4077">
                  <c:v>0.56339511690831523</c:v>
                </c:pt>
                <c:pt idx="4078">
                  <c:v>0.56339511690831523</c:v>
                </c:pt>
                <c:pt idx="4079">
                  <c:v>0.56339511690831523</c:v>
                </c:pt>
                <c:pt idx="4080">
                  <c:v>0.35137648538678196</c:v>
                </c:pt>
                <c:pt idx="4081">
                  <c:v>0.53543083487509646</c:v>
                </c:pt>
                <c:pt idx="4082">
                  <c:v>0.53543083487509646</c:v>
                </c:pt>
                <c:pt idx="4083">
                  <c:v>0.53543083487509646</c:v>
                </c:pt>
                <c:pt idx="4084">
                  <c:v>0.53543083487509646</c:v>
                </c:pt>
                <c:pt idx="4085">
                  <c:v>0.53543083487509646</c:v>
                </c:pt>
                <c:pt idx="4086">
                  <c:v>0.53543083487509646</c:v>
                </c:pt>
                <c:pt idx="4087">
                  <c:v>2.257175613270328</c:v>
                </c:pt>
                <c:pt idx="4088">
                  <c:v>2.5185327895437344</c:v>
                </c:pt>
                <c:pt idx="4089">
                  <c:v>2.7798899658171408</c:v>
                </c:pt>
                <c:pt idx="4090">
                  <c:v>2.7798899658171408</c:v>
                </c:pt>
                <c:pt idx="4091">
                  <c:v>3.3263640616615353</c:v>
                </c:pt>
                <c:pt idx="4092">
                  <c:v>3.3263640616615353</c:v>
                </c:pt>
                <c:pt idx="4093">
                  <c:v>2.2096561266751631</c:v>
                </c:pt>
                <c:pt idx="4094">
                  <c:v>3.3263640616615353</c:v>
                </c:pt>
                <c:pt idx="4095">
                  <c:v>3.3263640616615353</c:v>
                </c:pt>
                <c:pt idx="4096">
                  <c:v>1.9601788220505478</c:v>
                </c:pt>
                <c:pt idx="4097">
                  <c:v>0.83661067949233814</c:v>
                </c:pt>
                <c:pt idx="4098">
                  <c:v>0.55216304846494313</c:v>
                </c:pt>
                <c:pt idx="4099">
                  <c:v>0.55216304846494313</c:v>
                </c:pt>
                <c:pt idx="4100">
                  <c:v>0.55216304846494313</c:v>
                </c:pt>
                <c:pt idx="4101">
                  <c:v>0.55216304846494313</c:v>
                </c:pt>
                <c:pt idx="4102">
                  <c:v>0.55216304846494313</c:v>
                </c:pt>
                <c:pt idx="4103">
                  <c:v>0.55216304846494313</c:v>
                </c:pt>
                <c:pt idx="4104">
                  <c:v>0.54125004226714357</c:v>
                </c:pt>
                <c:pt idx="4105">
                  <c:v>0.54125004226714357</c:v>
                </c:pt>
                <c:pt idx="4106">
                  <c:v>0.54125004226714357</c:v>
                </c:pt>
                <c:pt idx="4107">
                  <c:v>0.54125004226714357</c:v>
                </c:pt>
                <c:pt idx="4108">
                  <c:v>0.54125004226714357</c:v>
                </c:pt>
                <c:pt idx="4109">
                  <c:v>0.54125004226714357</c:v>
                </c:pt>
                <c:pt idx="4110">
                  <c:v>0.54125004226714357</c:v>
                </c:pt>
                <c:pt idx="4111">
                  <c:v>2.212564566722353</c:v>
                </c:pt>
                <c:pt idx="4112">
                  <c:v>2.4687562533954681</c:v>
                </c:pt>
                <c:pt idx="4113">
                  <c:v>2.7249479400685828</c:v>
                </c:pt>
                <c:pt idx="4114">
                  <c:v>2.7249479400685828</c:v>
                </c:pt>
                <c:pt idx="4115">
                  <c:v>3.2606214667487317</c:v>
                </c:pt>
                <c:pt idx="4116">
                  <c:v>3.2606214667487317</c:v>
                </c:pt>
                <c:pt idx="4117">
                  <c:v>2.1659842600545147</c:v>
                </c:pt>
                <c:pt idx="4118">
                  <c:v>3.2606214667487317</c:v>
                </c:pt>
                <c:pt idx="4119">
                  <c:v>3.2606214667487317</c:v>
                </c:pt>
                <c:pt idx="4120">
                  <c:v>1.9214376500483599</c:v>
                </c:pt>
                <c:pt idx="4121">
                  <c:v>0.8200758216168843</c:v>
                </c:pt>
                <c:pt idx="4122">
                  <c:v>0.54125004226714357</c:v>
                </c:pt>
                <c:pt idx="4123">
                  <c:v>0.54125004226714357</c:v>
                </c:pt>
                <c:pt idx="4124">
                  <c:v>0.54125004226714357</c:v>
                </c:pt>
                <c:pt idx="4125">
                  <c:v>0.54125004226714357</c:v>
                </c:pt>
                <c:pt idx="4126">
                  <c:v>0.54125004226714357</c:v>
                </c:pt>
                <c:pt idx="4127">
                  <c:v>0.54125004226714357</c:v>
                </c:pt>
                <c:pt idx="4128">
                  <c:v>0.55065662004301796</c:v>
                </c:pt>
                <c:pt idx="4129">
                  <c:v>0.55065662004301796</c:v>
                </c:pt>
                <c:pt idx="4130">
                  <c:v>0.55065662004301796</c:v>
                </c:pt>
                <c:pt idx="4131">
                  <c:v>0.55065662004301796</c:v>
                </c:pt>
                <c:pt idx="4132">
                  <c:v>0.55065662004301796</c:v>
                </c:pt>
                <c:pt idx="4133">
                  <c:v>0.55065662004301796</c:v>
                </c:pt>
                <c:pt idx="4134">
                  <c:v>0.55065662004301796</c:v>
                </c:pt>
                <c:pt idx="4135">
                  <c:v>2.2510175164788824</c:v>
                </c:pt>
                <c:pt idx="4136">
                  <c:v>2.511661649965911</c:v>
                </c:pt>
                <c:pt idx="4137">
                  <c:v>2.7723057834529397</c:v>
                </c:pt>
                <c:pt idx="4138">
                  <c:v>2.7723057834529397</c:v>
                </c:pt>
                <c:pt idx="4139">
                  <c:v>3.3172889716530896</c:v>
                </c:pt>
                <c:pt idx="4140">
                  <c:v>3.3172889716530896</c:v>
                </c:pt>
                <c:pt idx="4141">
                  <c:v>2.2036276740266949</c:v>
                </c:pt>
                <c:pt idx="4142">
                  <c:v>3.3172889716530896</c:v>
                </c:pt>
                <c:pt idx="4143">
                  <c:v>3.3172889716530896</c:v>
                </c:pt>
                <c:pt idx="4144">
                  <c:v>1.9548310011527137</c:v>
                </c:pt>
                <c:pt idx="4145">
                  <c:v>0.83432821218639097</c:v>
                </c:pt>
                <c:pt idx="4146">
                  <c:v>0.55065662004301796</c:v>
                </c:pt>
                <c:pt idx="4147">
                  <c:v>0.55065662004301796</c:v>
                </c:pt>
                <c:pt idx="4148">
                  <c:v>0.55065662004301796</c:v>
                </c:pt>
                <c:pt idx="4149">
                  <c:v>0.55065662004301796</c:v>
                </c:pt>
                <c:pt idx="4150">
                  <c:v>0.55065662004301796</c:v>
                </c:pt>
                <c:pt idx="4151">
                  <c:v>0.55065662004301796</c:v>
                </c:pt>
                <c:pt idx="4152">
                  <c:v>0.85611259618905444</c:v>
                </c:pt>
                <c:pt idx="4153">
                  <c:v>0.51885611890245731</c:v>
                </c:pt>
                <c:pt idx="4154">
                  <c:v>0.51885611890245731</c:v>
                </c:pt>
                <c:pt idx="4155">
                  <c:v>0.51885611890245731</c:v>
                </c:pt>
                <c:pt idx="4156">
                  <c:v>0.51885611890245731</c:v>
                </c:pt>
                <c:pt idx="4157">
                  <c:v>0.51885611890245731</c:v>
                </c:pt>
                <c:pt idx="4158">
                  <c:v>0.51885611890245731</c:v>
                </c:pt>
                <c:pt idx="4159">
                  <c:v>2.2103270665244676</c:v>
                </c:pt>
                <c:pt idx="4160">
                  <c:v>2.7629088331555844</c:v>
                </c:pt>
                <c:pt idx="4161">
                  <c:v>3.0391997164711428</c:v>
                </c:pt>
                <c:pt idx="4162">
                  <c:v>3.0391997164711428</c:v>
                </c:pt>
                <c:pt idx="4163">
                  <c:v>3.5917814831022596</c:v>
                </c:pt>
                <c:pt idx="4164">
                  <c:v>3.5917814831022596</c:v>
                </c:pt>
                <c:pt idx="4165">
                  <c:v>2.486617949840026</c:v>
                </c:pt>
                <c:pt idx="4166">
                  <c:v>3.5917814831022596</c:v>
                </c:pt>
                <c:pt idx="4167">
                  <c:v>2.7629088331555844</c:v>
                </c:pt>
                <c:pt idx="4168">
                  <c:v>1.297140297256143</c:v>
                </c:pt>
                <c:pt idx="4169">
                  <c:v>0.85611259618905444</c:v>
                </c:pt>
                <c:pt idx="4170">
                  <c:v>0.54479892484758008</c:v>
                </c:pt>
                <c:pt idx="4171">
                  <c:v>0.51885611890245731</c:v>
                </c:pt>
                <c:pt idx="4172">
                  <c:v>0.51885611890245731</c:v>
                </c:pt>
                <c:pt idx="4173">
                  <c:v>0.51885611890245731</c:v>
                </c:pt>
                <c:pt idx="4174">
                  <c:v>0.51885611890245731</c:v>
                </c:pt>
                <c:pt idx="4175">
                  <c:v>0.51885611890245731</c:v>
                </c:pt>
                <c:pt idx="4176">
                  <c:v>0.2439302280909291</c:v>
                </c:pt>
                <c:pt idx="4177">
                  <c:v>0.21953720528183621</c:v>
                </c:pt>
                <c:pt idx="4178">
                  <c:v>0.21953720528183621</c:v>
                </c:pt>
                <c:pt idx="4179">
                  <c:v>0.21953720528183621</c:v>
                </c:pt>
                <c:pt idx="4180">
                  <c:v>0.21953720528183621</c:v>
                </c:pt>
                <c:pt idx="4181">
                  <c:v>0.21953720528183621</c:v>
                </c:pt>
                <c:pt idx="4182">
                  <c:v>0.21953720528183621</c:v>
                </c:pt>
                <c:pt idx="4183">
                  <c:v>0.21953720528183621</c:v>
                </c:pt>
                <c:pt idx="4184">
                  <c:v>0.21953720528183621</c:v>
                </c:pt>
                <c:pt idx="4185">
                  <c:v>0.21953720528183621</c:v>
                </c:pt>
                <c:pt idx="4186">
                  <c:v>0.21953720528183621</c:v>
                </c:pt>
                <c:pt idx="4187">
                  <c:v>0.21953720528183621</c:v>
                </c:pt>
                <c:pt idx="4188">
                  <c:v>0.21953720528183621</c:v>
                </c:pt>
                <c:pt idx="4189">
                  <c:v>0.21953720528183621</c:v>
                </c:pt>
                <c:pt idx="4190">
                  <c:v>0.21953720528183621</c:v>
                </c:pt>
                <c:pt idx="4191">
                  <c:v>0.21953720528183621</c:v>
                </c:pt>
                <c:pt idx="4192">
                  <c:v>0.21953720528183621</c:v>
                </c:pt>
                <c:pt idx="4193">
                  <c:v>0.21953720528183621</c:v>
                </c:pt>
                <c:pt idx="4194">
                  <c:v>0.21953720528183621</c:v>
                </c:pt>
                <c:pt idx="4195">
                  <c:v>0.21953720528183621</c:v>
                </c:pt>
                <c:pt idx="4196">
                  <c:v>0.21953720528183621</c:v>
                </c:pt>
                <c:pt idx="4197">
                  <c:v>0.21953720528183621</c:v>
                </c:pt>
                <c:pt idx="4198">
                  <c:v>0.21953720528183621</c:v>
                </c:pt>
                <c:pt idx="4199">
                  <c:v>0.21953720528183621</c:v>
                </c:pt>
                <c:pt idx="4200">
                  <c:v>0.21757741976762074</c:v>
                </c:pt>
                <c:pt idx="4201">
                  <c:v>0.21757741976762074</c:v>
                </c:pt>
                <c:pt idx="4202">
                  <c:v>0.21757741976762074</c:v>
                </c:pt>
                <c:pt idx="4203">
                  <c:v>0.21757741976762074</c:v>
                </c:pt>
                <c:pt idx="4204">
                  <c:v>0.21757741976762074</c:v>
                </c:pt>
                <c:pt idx="4205">
                  <c:v>0.21757741976762074</c:v>
                </c:pt>
                <c:pt idx="4206">
                  <c:v>0.21757741976762074</c:v>
                </c:pt>
                <c:pt idx="4207">
                  <c:v>0.21757741976762074</c:v>
                </c:pt>
                <c:pt idx="4208">
                  <c:v>0.21757741976762074</c:v>
                </c:pt>
                <c:pt idx="4209">
                  <c:v>0.21757741976762074</c:v>
                </c:pt>
                <c:pt idx="4210">
                  <c:v>0.21757741976762074</c:v>
                </c:pt>
                <c:pt idx="4211">
                  <c:v>0.21757741976762074</c:v>
                </c:pt>
                <c:pt idx="4212">
                  <c:v>0.21757741976762074</c:v>
                </c:pt>
                <c:pt idx="4213">
                  <c:v>0.21757741976762074</c:v>
                </c:pt>
                <c:pt idx="4214">
                  <c:v>0.21757741976762074</c:v>
                </c:pt>
                <c:pt idx="4215">
                  <c:v>0.21757741976762074</c:v>
                </c:pt>
                <c:pt idx="4216">
                  <c:v>0.21757741976762074</c:v>
                </c:pt>
                <c:pt idx="4217">
                  <c:v>0.21757741976762074</c:v>
                </c:pt>
                <c:pt idx="4218">
                  <c:v>0.21757741976762074</c:v>
                </c:pt>
                <c:pt idx="4219">
                  <c:v>0.21757741976762074</c:v>
                </c:pt>
                <c:pt idx="4220">
                  <c:v>0.21757741976762074</c:v>
                </c:pt>
                <c:pt idx="4221">
                  <c:v>0.21757741976762074</c:v>
                </c:pt>
                <c:pt idx="4222">
                  <c:v>0.21757741976762074</c:v>
                </c:pt>
                <c:pt idx="4223">
                  <c:v>0.21757741976762074</c:v>
                </c:pt>
                <c:pt idx="4224">
                  <c:v>0.53742643329636319</c:v>
                </c:pt>
                <c:pt idx="4225">
                  <c:v>0.53742643329636319</c:v>
                </c:pt>
                <c:pt idx="4226">
                  <c:v>0.53742643329636319</c:v>
                </c:pt>
                <c:pt idx="4227">
                  <c:v>0.53742643329636319</c:v>
                </c:pt>
                <c:pt idx="4228">
                  <c:v>0.53742643329636319</c:v>
                </c:pt>
                <c:pt idx="4229">
                  <c:v>0.53742643329636319</c:v>
                </c:pt>
                <c:pt idx="4230">
                  <c:v>0.53742643329636319</c:v>
                </c:pt>
                <c:pt idx="4231">
                  <c:v>2.2894366058425071</c:v>
                </c:pt>
                <c:pt idx="4232">
                  <c:v>2.5756161815728209</c:v>
                </c:pt>
                <c:pt idx="4233">
                  <c:v>2.8617957573031343</c:v>
                </c:pt>
                <c:pt idx="4234">
                  <c:v>2.8617957573031343</c:v>
                </c:pt>
                <c:pt idx="4235">
                  <c:v>3.4341549087637611</c:v>
                </c:pt>
                <c:pt idx="4236">
                  <c:v>3.4341549087637611</c:v>
                </c:pt>
                <c:pt idx="4237">
                  <c:v>2.2894366058425071</c:v>
                </c:pt>
                <c:pt idx="4238">
                  <c:v>3.4341549087637611</c:v>
                </c:pt>
                <c:pt idx="4239">
                  <c:v>3.4341549087637611</c:v>
                </c:pt>
                <c:pt idx="4240">
                  <c:v>2.0032570301121937</c:v>
                </c:pt>
                <c:pt idx="4241">
                  <c:v>0.57235915146062677</c:v>
                </c:pt>
                <c:pt idx="4242">
                  <c:v>0.56429775496118129</c:v>
                </c:pt>
                <c:pt idx="4243">
                  <c:v>0.56429775496118129</c:v>
                </c:pt>
                <c:pt idx="4244">
                  <c:v>0.56429775496118129</c:v>
                </c:pt>
                <c:pt idx="4245">
                  <c:v>0.56429775496118129</c:v>
                </c:pt>
                <c:pt idx="4246">
                  <c:v>0.56429775496118129</c:v>
                </c:pt>
                <c:pt idx="4247">
                  <c:v>0.56429775496118129</c:v>
                </c:pt>
                <c:pt idx="4248">
                  <c:v>0.3605753488570011</c:v>
                </c:pt>
                <c:pt idx="4249">
                  <c:v>0.54944815063923991</c:v>
                </c:pt>
                <c:pt idx="4250">
                  <c:v>0.54944815063923991</c:v>
                </c:pt>
                <c:pt idx="4251">
                  <c:v>0.54944815063923991</c:v>
                </c:pt>
                <c:pt idx="4252">
                  <c:v>0.54944815063923991</c:v>
                </c:pt>
                <c:pt idx="4253">
                  <c:v>0.54944815063923991</c:v>
                </c:pt>
                <c:pt idx="4254">
                  <c:v>0.54944815063923991</c:v>
                </c:pt>
                <c:pt idx="4255">
                  <c:v>2.3162673600385451</c:v>
                </c:pt>
                <c:pt idx="4256">
                  <c:v>2.5844667385693239</c:v>
                </c:pt>
                <c:pt idx="4257">
                  <c:v>2.8526661171001035</c:v>
                </c:pt>
                <c:pt idx="4258">
                  <c:v>2.8526661171001035</c:v>
                </c:pt>
                <c:pt idx="4259">
                  <c:v>3.4134466358462769</c:v>
                </c:pt>
                <c:pt idx="4260">
                  <c:v>3.4134466358462769</c:v>
                </c:pt>
                <c:pt idx="4261">
                  <c:v>2.267503836669313</c:v>
                </c:pt>
                <c:pt idx="4262">
                  <c:v>3.4134466358462769</c:v>
                </c:pt>
                <c:pt idx="4263">
                  <c:v>3.4134466358462769</c:v>
                </c:pt>
                <c:pt idx="4264">
                  <c:v>2.0114953389808417</c:v>
                </c:pt>
                <c:pt idx="4265">
                  <c:v>0.85851273537381234</c:v>
                </c:pt>
                <c:pt idx="4266">
                  <c:v>0.56661840534671604</c:v>
                </c:pt>
                <c:pt idx="4267">
                  <c:v>0.56661840534671604</c:v>
                </c:pt>
                <c:pt idx="4268">
                  <c:v>0.56661840534671604</c:v>
                </c:pt>
                <c:pt idx="4269">
                  <c:v>0.56661840534671604</c:v>
                </c:pt>
                <c:pt idx="4270">
                  <c:v>0.56661840534671604</c:v>
                </c:pt>
                <c:pt idx="4271">
                  <c:v>0.56661840534671604</c:v>
                </c:pt>
                <c:pt idx="4272">
                  <c:v>0.58201187929593268</c:v>
                </c:pt>
                <c:pt idx="4273">
                  <c:v>0.58201187929593268</c:v>
                </c:pt>
                <c:pt idx="4274">
                  <c:v>0.58201187929593268</c:v>
                </c:pt>
                <c:pt idx="4275">
                  <c:v>0.58201187929593268</c:v>
                </c:pt>
                <c:pt idx="4276">
                  <c:v>0.58201187929593268</c:v>
                </c:pt>
                <c:pt idx="4277">
                  <c:v>0.58201187929593268</c:v>
                </c:pt>
                <c:pt idx="4278">
                  <c:v>0.58201187929593268</c:v>
                </c:pt>
                <c:pt idx="4279">
                  <c:v>2.3791940156673124</c:v>
                </c:pt>
                <c:pt idx="4280">
                  <c:v>2.6546796385340543</c:v>
                </c:pt>
                <c:pt idx="4281">
                  <c:v>2.9301652614007954</c:v>
                </c:pt>
                <c:pt idx="4282">
                  <c:v>2.9301652614007954</c:v>
                </c:pt>
                <c:pt idx="4283">
                  <c:v>3.5061806546676184</c:v>
                </c:pt>
                <c:pt idx="4284">
                  <c:v>3.5061806546676184</c:v>
                </c:pt>
                <c:pt idx="4285">
                  <c:v>2.3291057206006323</c:v>
                </c:pt>
                <c:pt idx="4286">
                  <c:v>3.5061806546676184</c:v>
                </c:pt>
                <c:pt idx="4287">
                  <c:v>3.5061806546676184</c:v>
                </c:pt>
                <c:pt idx="4288">
                  <c:v>2.066142171500561</c:v>
                </c:pt>
                <c:pt idx="4289">
                  <c:v>0.88183618075141312</c:v>
                </c:pt>
                <c:pt idx="4290">
                  <c:v>0.58201187929593268</c:v>
                </c:pt>
                <c:pt idx="4291">
                  <c:v>0.58201187929593268</c:v>
                </c:pt>
                <c:pt idx="4292">
                  <c:v>0.58201187929593268</c:v>
                </c:pt>
                <c:pt idx="4293">
                  <c:v>0.58201187929593268</c:v>
                </c:pt>
                <c:pt idx="4294">
                  <c:v>0.58201187929593268</c:v>
                </c:pt>
                <c:pt idx="4295">
                  <c:v>0.58201187929593268</c:v>
                </c:pt>
                <c:pt idx="4296">
                  <c:v>0.56946977559476686</c:v>
                </c:pt>
                <c:pt idx="4297">
                  <c:v>0.56946977559476686</c:v>
                </c:pt>
                <c:pt idx="4298">
                  <c:v>0.56946977559476686</c:v>
                </c:pt>
                <c:pt idx="4299">
                  <c:v>0.56946977559476686</c:v>
                </c:pt>
                <c:pt idx="4300">
                  <c:v>0.56946977559476686</c:v>
                </c:pt>
                <c:pt idx="4301">
                  <c:v>0.56946977559476686</c:v>
                </c:pt>
                <c:pt idx="4302">
                  <c:v>0.56946977559476686</c:v>
                </c:pt>
                <c:pt idx="4303">
                  <c:v>2.3279234159919406</c:v>
                </c:pt>
                <c:pt idx="4304">
                  <c:v>2.5974724431067973</c:v>
                </c:pt>
                <c:pt idx="4305">
                  <c:v>2.8670214702216534</c:v>
                </c:pt>
                <c:pt idx="4306">
                  <c:v>2.8670214702216534</c:v>
                </c:pt>
                <c:pt idx="4307">
                  <c:v>3.4306239814618071</c:v>
                </c:pt>
                <c:pt idx="4308">
                  <c:v>3.4306239814618071</c:v>
                </c:pt>
                <c:pt idx="4309">
                  <c:v>2.2789145019710575</c:v>
                </c:pt>
                <c:pt idx="4310">
                  <c:v>3.4306239814618071</c:v>
                </c:pt>
                <c:pt idx="4311">
                  <c:v>3.4306239814618071</c:v>
                </c:pt>
                <c:pt idx="4312">
                  <c:v>2.021617703361422</c:v>
                </c:pt>
                <c:pt idx="4313">
                  <c:v>0.86283299332540431</c:v>
                </c:pt>
                <c:pt idx="4314">
                  <c:v>0.56946977559476686</c:v>
                </c:pt>
                <c:pt idx="4315">
                  <c:v>0.56946977559476686</c:v>
                </c:pt>
                <c:pt idx="4316">
                  <c:v>0.56946977559476686</c:v>
                </c:pt>
                <c:pt idx="4317">
                  <c:v>0.56946977559476686</c:v>
                </c:pt>
                <c:pt idx="4318">
                  <c:v>0.56946977559476686</c:v>
                </c:pt>
                <c:pt idx="4319">
                  <c:v>0.56946977559476686</c:v>
                </c:pt>
                <c:pt idx="4320">
                  <c:v>0.85542788691982163</c:v>
                </c:pt>
                <c:pt idx="4321">
                  <c:v>0.51844114358777071</c:v>
                </c:pt>
                <c:pt idx="4322">
                  <c:v>0.51844114358777071</c:v>
                </c:pt>
                <c:pt idx="4323">
                  <c:v>0.51844114358777071</c:v>
                </c:pt>
                <c:pt idx="4324">
                  <c:v>0.51844114358777071</c:v>
                </c:pt>
                <c:pt idx="4325">
                  <c:v>0.51844114358777071</c:v>
                </c:pt>
                <c:pt idx="4326">
                  <c:v>0.51844114358777071</c:v>
                </c:pt>
                <c:pt idx="4327">
                  <c:v>2.2085592716839035</c:v>
                </c:pt>
                <c:pt idx="4328">
                  <c:v>2.7606990896048789</c:v>
                </c:pt>
                <c:pt idx="4329">
                  <c:v>3.0367689985653672</c:v>
                </c:pt>
                <c:pt idx="4330">
                  <c:v>3.0367689985653672</c:v>
                </c:pt>
                <c:pt idx="4331">
                  <c:v>3.5889088164863434</c:v>
                </c:pt>
                <c:pt idx="4332">
                  <c:v>3.5889088164863434</c:v>
                </c:pt>
                <c:pt idx="4333">
                  <c:v>2.4846291806443914</c:v>
                </c:pt>
                <c:pt idx="4334">
                  <c:v>3.5889088164863434</c:v>
                </c:pt>
                <c:pt idx="4335">
                  <c:v>2.7606990896048789</c:v>
                </c:pt>
                <c:pt idx="4336">
                  <c:v>1.296102858969427</c:v>
                </c:pt>
                <c:pt idx="4337">
                  <c:v>0.85542788691982163</c:v>
                </c:pt>
                <c:pt idx="4338">
                  <c:v>0.54436320076715927</c:v>
                </c:pt>
                <c:pt idx="4339">
                  <c:v>0.51844114358777071</c:v>
                </c:pt>
                <c:pt idx="4340">
                  <c:v>0.51844114358777071</c:v>
                </c:pt>
                <c:pt idx="4341">
                  <c:v>0.51844114358777071</c:v>
                </c:pt>
                <c:pt idx="4342">
                  <c:v>0.51844114358777071</c:v>
                </c:pt>
                <c:pt idx="4343">
                  <c:v>0.51844114358777071</c:v>
                </c:pt>
                <c:pt idx="4344">
                  <c:v>0.24121465219235913</c:v>
                </c:pt>
                <c:pt idx="4345">
                  <c:v>0.21709318697312319</c:v>
                </c:pt>
                <c:pt idx="4346">
                  <c:v>0.21709318697312319</c:v>
                </c:pt>
                <c:pt idx="4347">
                  <c:v>0.21709318697312319</c:v>
                </c:pt>
                <c:pt idx="4348">
                  <c:v>0.21709318697312319</c:v>
                </c:pt>
                <c:pt idx="4349">
                  <c:v>0.21709318697312319</c:v>
                </c:pt>
                <c:pt idx="4350">
                  <c:v>0.21709318697312319</c:v>
                </c:pt>
                <c:pt idx="4351">
                  <c:v>0.21709318697312319</c:v>
                </c:pt>
                <c:pt idx="4352">
                  <c:v>0.21709318697312319</c:v>
                </c:pt>
                <c:pt idx="4353">
                  <c:v>0.21709318697312319</c:v>
                </c:pt>
                <c:pt idx="4354">
                  <c:v>0.21709318697312319</c:v>
                </c:pt>
                <c:pt idx="4355">
                  <c:v>0.21709318697312319</c:v>
                </c:pt>
                <c:pt idx="4356">
                  <c:v>0.21709318697312319</c:v>
                </c:pt>
                <c:pt idx="4357">
                  <c:v>0.21709318697312319</c:v>
                </c:pt>
                <c:pt idx="4358">
                  <c:v>0.21709318697312319</c:v>
                </c:pt>
                <c:pt idx="4359">
                  <c:v>0.21709318697312319</c:v>
                </c:pt>
                <c:pt idx="4360">
                  <c:v>0.21709318697312319</c:v>
                </c:pt>
                <c:pt idx="4361">
                  <c:v>0.21709318697312319</c:v>
                </c:pt>
                <c:pt idx="4362">
                  <c:v>0.21709318697312319</c:v>
                </c:pt>
                <c:pt idx="4363">
                  <c:v>0.21709318697312319</c:v>
                </c:pt>
                <c:pt idx="4364">
                  <c:v>0.21709318697312319</c:v>
                </c:pt>
                <c:pt idx="4365">
                  <c:v>0.21709318697312319</c:v>
                </c:pt>
                <c:pt idx="4366">
                  <c:v>0.21709318697312319</c:v>
                </c:pt>
                <c:pt idx="4367">
                  <c:v>0.21709318697312319</c:v>
                </c:pt>
                <c:pt idx="4368">
                  <c:v>0.21742861169439107</c:v>
                </c:pt>
                <c:pt idx="4369">
                  <c:v>0.21742861169439107</c:v>
                </c:pt>
                <c:pt idx="4370">
                  <c:v>0.21742861169439107</c:v>
                </c:pt>
                <c:pt idx="4371">
                  <c:v>0.21742861169439107</c:v>
                </c:pt>
                <c:pt idx="4372">
                  <c:v>0.21742861169439107</c:v>
                </c:pt>
                <c:pt idx="4373">
                  <c:v>0.21742861169439107</c:v>
                </c:pt>
                <c:pt idx="4374">
                  <c:v>0.21742861169439107</c:v>
                </c:pt>
                <c:pt idx="4375">
                  <c:v>0.21742861169439107</c:v>
                </c:pt>
                <c:pt idx="4376">
                  <c:v>0.21742861169439107</c:v>
                </c:pt>
                <c:pt idx="4377">
                  <c:v>0.21742861169439107</c:v>
                </c:pt>
                <c:pt idx="4378">
                  <c:v>0.21742861169439107</c:v>
                </c:pt>
                <c:pt idx="4379">
                  <c:v>0.21742861169439107</c:v>
                </c:pt>
                <c:pt idx="4380">
                  <c:v>0.21742861169439107</c:v>
                </c:pt>
                <c:pt idx="4381">
                  <c:v>0.21742861169439107</c:v>
                </c:pt>
                <c:pt idx="4382">
                  <c:v>0.21742861169439107</c:v>
                </c:pt>
                <c:pt idx="4383">
                  <c:v>0.21742861169439107</c:v>
                </c:pt>
                <c:pt idx="4384">
                  <c:v>0.21742861169439107</c:v>
                </c:pt>
                <c:pt idx="4385">
                  <c:v>0.21742861169439107</c:v>
                </c:pt>
                <c:pt idx="4386">
                  <c:v>0.21742861169439107</c:v>
                </c:pt>
                <c:pt idx="4387">
                  <c:v>0.21742861169439107</c:v>
                </c:pt>
                <c:pt idx="4388">
                  <c:v>0.21742861169439107</c:v>
                </c:pt>
                <c:pt idx="4389">
                  <c:v>0.21742861169439107</c:v>
                </c:pt>
                <c:pt idx="4390">
                  <c:v>0.21742861169439107</c:v>
                </c:pt>
                <c:pt idx="4391">
                  <c:v>0.21742861169439107</c:v>
                </c:pt>
                <c:pt idx="4392">
                  <c:v>0.54559315853658197</c:v>
                </c:pt>
                <c:pt idx="4393">
                  <c:v>0.54559315853658197</c:v>
                </c:pt>
                <c:pt idx="4394">
                  <c:v>0.54559315853658197</c:v>
                </c:pt>
                <c:pt idx="4395">
                  <c:v>0.54559315853658197</c:v>
                </c:pt>
                <c:pt idx="4396">
                  <c:v>0.54559315853658197</c:v>
                </c:pt>
                <c:pt idx="4397">
                  <c:v>0.54559315853658197</c:v>
                </c:pt>
                <c:pt idx="4398">
                  <c:v>0.54559315853658197</c:v>
                </c:pt>
                <c:pt idx="4399">
                  <c:v>2.3242268553658394</c:v>
                </c:pt>
                <c:pt idx="4400">
                  <c:v>2.6147552122865689</c:v>
                </c:pt>
                <c:pt idx="4401">
                  <c:v>2.9052835692072989</c:v>
                </c:pt>
                <c:pt idx="4402">
                  <c:v>2.9052835692072989</c:v>
                </c:pt>
                <c:pt idx="4403">
                  <c:v>3.486340283048758</c:v>
                </c:pt>
                <c:pt idx="4404">
                  <c:v>3.486340283048758</c:v>
                </c:pt>
                <c:pt idx="4405">
                  <c:v>2.3242268553658394</c:v>
                </c:pt>
                <c:pt idx="4406">
                  <c:v>3.486340283048758</c:v>
                </c:pt>
                <c:pt idx="4407">
                  <c:v>3.486340283048758</c:v>
                </c:pt>
                <c:pt idx="4408">
                  <c:v>2.033698498445109</c:v>
                </c:pt>
                <c:pt idx="4409">
                  <c:v>0.58105671384145985</c:v>
                </c:pt>
                <c:pt idx="4410">
                  <c:v>0.57287281646341104</c:v>
                </c:pt>
                <c:pt idx="4411">
                  <c:v>0.57287281646341104</c:v>
                </c:pt>
                <c:pt idx="4412">
                  <c:v>0.57287281646341104</c:v>
                </c:pt>
                <c:pt idx="4413">
                  <c:v>0.57287281646341104</c:v>
                </c:pt>
                <c:pt idx="4414">
                  <c:v>0.57287281646341104</c:v>
                </c:pt>
                <c:pt idx="4415">
                  <c:v>0.57287281646341104</c:v>
                </c:pt>
                <c:pt idx="4416">
                  <c:v>0.35856309747289056</c:v>
                </c:pt>
                <c:pt idx="4417">
                  <c:v>0.54638186281583334</c:v>
                </c:pt>
                <c:pt idx="4418">
                  <c:v>0.54638186281583334</c:v>
                </c:pt>
                <c:pt idx="4419">
                  <c:v>0.54638186281583334</c:v>
                </c:pt>
                <c:pt idx="4420">
                  <c:v>0.54638186281583334</c:v>
                </c:pt>
                <c:pt idx="4421">
                  <c:v>0.54638186281583334</c:v>
                </c:pt>
                <c:pt idx="4422">
                  <c:v>0.54638186281583334</c:v>
                </c:pt>
                <c:pt idx="4423">
                  <c:v>2.303341040432997</c:v>
                </c:pt>
                <c:pt idx="4424">
                  <c:v>2.5700436872199757</c:v>
                </c:pt>
                <c:pt idx="4425">
                  <c:v>2.8367463340069548</c:v>
                </c:pt>
                <c:pt idx="4426">
                  <c:v>2.8367463340069548</c:v>
                </c:pt>
                <c:pt idx="4427">
                  <c:v>3.3943973227433641</c:v>
                </c:pt>
                <c:pt idx="4428">
                  <c:v>3.3943973227433641</c:v>
                </c:pt>
                <c:pt idx="4429">
                  <c:v>2.2548496501080919</c:v>
                </c:pt>
                <c:pt idx="4430">
                  <c:v>3.3943973227433641</c:v>
                </c:pt>
                <c:pt idx="4431">
                  <c:v>3.3943973227433641</c:v>
                </c:pt>
                <c:pt idx="4432">
                  <c:v>2.00026985090234</c:v>
                </c:pt>
                <c:pt idx="4433">
                  <c:v>0.85372166064973953</c:v>
                </c:pt>
                <c:pt idx="4434">
                  <c:v>0.56345629602882807</c:v>
                </c:pt>
                <c:pt idx="4435">
                  <c:v>0.56345629602882807</c:v>
                </c:pt>
                <c:pt idx="4436">
                  <c:v>0.56345629602882807</c:v>
                </c:pt>
                <c:pt idx="4437">
                  <c:v>0.56345629602882807</c:v>
                </c:pt>
                <c:pt idx="4438">
                  <c:v>0.56345629602882807</c:v>
                </c:pt>
                <c:pt idx="4439">
                  <c:v>0.56345629602882807</c:v>
                </c:pt>
                <c:pt idx="4440">
                  <c:v>0.56185492691905892</c:v>
                </c:pt>
                <c:pt idx="4441">
                  <c:v>0.56185492691905892</c:v>
                </c:pt>
                <c:pt idx="4442">
                  <c:v>0.56185492691905892</c:v>
                </c:pt>
                <c:pt idx="4443">
                  <c:v>0.56185492691905892</c:v>
                </c:pt>
                <c:pt idx="4444">
                  <c:v>0.56185492691905892</c:v>
                </c:pt>
                <c:pt idx="4445">
                  <c:v>0.56185492691905892</c:v>
                </c:pt>
                <c:pt idx="4446">
                  <c:v>0.56185492691905892</c:v>
                </c:pt>
                <c:pt idx="4447">
                  <c:v>2.2967948376176075</c:v>
                </c:pt>
                <c:pt idx="4448">
                  <c:v>2.5627395030259619</c:v>
                </c:pt>
                <c:pt idx="4449">
                  <c:v>2.8286841684343171</c:v>
                </c:pt>
                <c:pt idx="4450">
                  <c:v>2.8286841684343171</c:v>
                </c:pt>
                <c:pt idx="4451">
                  <c:v>3.3847502870154216</c:v>
                </c:pt>
                <c:pt idx="4452">
                  <c:v>3.3847502870154216</c:v>
                </c:pt>
                <c:pt idx="4453">
                  <c:v>2.2484412620888157</c:v>
                </c:pt>
                <c:pt idx="4454">
                  <c:v>3.3847502870154216</c:v>
                </c:pt>
                <c:pt idx="4455">
                  <c:v>3.3847502870154216</c:v>
                </c:pt>
                <c:pt idx="4456">
                  <c:v>1.9945849905626589</c:v>
                </c:pt>
                <c:pt idx="4457">
                  <c:v>0.85129534381675598</c:v>
                </c:pt>
                <c:pt idx="4458">
                  <c:v>0.56185492691905892</c:v>
                </c:pt>
                <c:pt idx="4459">
                  <c:v>0.56185492691905892</c:v>
                </c:pt>
                <c:pt idx="4460">
                  <c:v>0.56185492691905892</c:v>
                </c:pt>
                <c:pt idx="4461">
                  <c:v>0.56185492691905892</c:v>
                </c:pt>
                <c:pt idx="4462">
                  <c:v>0.56185492691905892</c:v>
                </c:pt>
                <c:pt idx="4463">
                  <c:v>0.56185492691905892</c:v>
                </c:pt>
                <c:pt idx="4464">
                  <c:v>0.56946977559476686</c:v>
                </c:pt>
                <c:pt idx="4465">
                  <c:v>0.56946977559476686</c:v>
                </c:pt>
                <c:pt idx="4466">
                  <c:v>0.56946977559476686</c:v>
                </c:pt>
                <c:pt idx="4467">
                  <c:v>0.56946977559476686</c:v>
                </c:pt>
                <c:pt idx="4468">
                  <c:v>0.56946977559476686</c:v>
                </c:pt>
                <c:pt idx="4469">
                  <c:v>0.56946977559476686</c:v>
                </c:pt>
                <c:pt idx="4470">
                  <c:v>0.56946977559476686</c:v>
                </c:pt>
                <c:pt idx="4471">
                  <c:v>2.3279234159919406</c:v>
                </c:pt>
                <c:pt idx="4472">
                  <c:v>2.5974724431067973</c:v>
                </c:pt>
                <c:pt idx="4473">
                  <c:v>2.8670214702216534</c:v>
                </c:pt>
                <c:pt idx="4474">
                  <c:v>2.8670214702216534</c:v>
                </c:pt>
                <c:pt idx="4475">
                  <c:v>3.4306239814618071</c:v>
                </c:pt>
                <c:pt idx="4476">
                  <c:v>3.4306239814618071</c:v>
                </c:pt>
                <c:pt idx="4477">
                  <c:v>2.2789145019710575</c:v>
                </c:pt>
                <c:pt idx="4478">
                  <c:v>3.4306239814618071</c:v>
                </c:pt>
                <c:pt idx="4479">
                  <c:v>3.4306239814618071</c:v>
                </c:pt>
                <c:pt idx="4480">
                  <c:v>2.021617703361422</c:v>
                </c:pt>
                <c:pt idx="4481">
                  <c:v>0.86283299332540431</c:v>
                </c:pt>
                <c:pt idx="4482">
                  <c:v>0.56946977559476686</c:v>
                </c:pt>
                <c:pt idx="4483">
                  <c:v>0.56946977559476686</c:v>
                </c:pt>
                <c:pt idx="4484">
                  <c:v>0.56946977559476686</c:v>
                </c:pt>
                <c:pt idx="4485">
                  <c:v>0.56946977559476686</c:v>
                </c:pt>
                <c:pt idx="4486">
                  <c:v>0.56946977559476686</c:v>
                </c:pt>
                <c:pt idx="4487">
                  <c:v>0.56946977559476686</c:v>
                </c:pt>
                <c:pt idx="4488">
                  <c:v>0.86364439815061556</c:v>
                </c:pt>
                <c:pt idx="4489">
                  <c:v>0.5234208473640094</c:v>
                </c:pt>
                <c:pt idx="4490">
                  <c:v>0.5234208473640094</c:v>
                </c:pt>
                <c:pt idx="4491">
                  <c:v>0.5234208473640094</c:v>
                </c:pt>
                <c:pt idx="4492">
                  <c:v>0.5234208473640094</c:v>
                </c:pt>
                <c:pt idx="4493">
                  <c:v>0.5234208473640094</c:v>
                </c:pt>
                <c:pt idx="4494">
                  <c:v>0.5234208473640094</c:v>
                </c:pt>
                <c:pt idx="4495">
                  <c:v>2.2297728097706799</c:v>
                </c:pt>
                <c:pt idx="4496">
                  <c:v>2.7872160122133498</c:v>
                </c:pt>
                <c:pt idx="4497">
                  <c:v>3.0659376134346856</c:v>
                </c:pt>
                <c:pt idx="4498">
                  <c:v>3.0659376134346856</c:v>
                </c:pt>
                <c:pt idx="4499">
                  <c:v>3.6233808158773546</c:v>
                </c:pt>
                <c:pt idx="4500">
                  <c:v>3.6233808158773546</c:v>
                </c:pt>
                <c:pt idx="4501">
                  <c:v>2.5084944109920149</c:v>
                </c:pt>
                <c:pt idx="4502">
                  <c:v>3.6233808158773546</c:v>
                </c:pt>
                <c:pt idx="4503">
                  <c:v>2.7872160122133498</c:v>
                </c:pt>
                <c:pt idx="4504">
                  <c:v>1.3085521184100235</c:v>
                </c:pt>
                <c:pt idx="4505">
                  <c:v>0.86364439815061556</c:v>
                </c:pt>
                <c:pt idx="4506">
                  <c:v>0.54959188973220985</c:v>
                </c:pt>
                <c:pt idx="4507">
                  <c:v>0.5234208473640094</c:v>
                </c:pt>
                <c:pt idx="4508">
                  <c:v>0.5234208473640094</c:v>
                </c:pt>
                <c:pt idx="4509">
                  <c:v>0.5234208473640094</c:v>
                </c:pt>
                <c:pt idx="4510">
                  <c:v>0.5234208473640094</c:v>
                </c:pt>
                <c:pt idx="4511">
                  <c:v>0.5234208473640094</c:v>
                </c:pt>
                <c:pt idx="4512">
                  <c:v>0.23915739772374559</c:v>
                </c:pt>
                <c:pt idx="4513">
                  <c:v>0.21524165795137101</c:v>
                </c:pt>
                <c:pt idx="4514">
                  <c:v>0.21524165795137101</c:v>
                </c:pt>
                <c:pt idx="4515">
                  <c:v>0.21524165795137101</c:v>
                </c:pt>
                <c:pt idx="4516">
                  <c:v>0.21524165795137101</c:v>
                </c:pt>
                <c:pt idx="4517">
                  <c:v>0.21524165795137101</c:v>
                </c:pt>
                <c:pt idx="4518">
                  <c:v>0.21524165795137101</c:v>
                </c:pt>
                <c:pt idx="4519">
                  <c:v>0.21524165795137101</c:v>
                </c:pt>
                <c:pt idx="4520">
                  <c:v>0.21524165795137101</c:v>
                </c:pt>
                <c:pt idx="4521">
                  <c:v>0.21524165795137101</c:v>
                </c:pt>
                <c:pt idx="4522">
                  <c:v>0.21524165795137101</c:v>
                </c:pt>
                <c:pt idx="4523">
                  <c:v>0.21524165795137101</c:v>
                </c:pt>
                <c:pt idx="4524">
                  <c:v>0.21524165795137101</c:v>
                </c:pt>
                <c:pt idx="4525">
                  <c:v>0.21524165795137101</c:v>
                </c:pt>
                <c:pt idx="4526">
                  <c:v>0.21524165795137101</c:v>
                </c:pt>
                <c:pt idx="4527">
                  <c:v>0.21524165795137101</c:v>
                </c:pt>
                <c:pt idx="4528">
                  <c:v>0.21524165795137101</c:v>
                </c:pt>
                <c:pt idx="4529">
                  <c:v>0.21524165795137101</c:v>
                </c:pt>
                <c:pt idx="4530">
                  <c:v>0.21524165795137101</c:v>
                </c:pt>
                <c:pt idx="4531">
                  <c:v>0.21524165795137101</c:v>
                </c:pt>
                <c:pt idx="4532">
                  <c:v>0.21524165795137101</c:v>
                </c:pt>
                <c:pt idx="4533">
                  <c:v>0.21524165795137101</c:v>
                </c:pt>
                <c:pt idx="4534">
                  <c:v>0.21524165795137101</c:v>
                </c:pt>
                <c:pt idx="4535">
                  <c:v>0.21524165795137101</c:v>
                </c:pt>
                <c:pt idx="4536">
                  <c:v>0.2144524502297967</c:v>
                </c:pt>
                <c:pt idx="4537">
                  <c:v>0.2144524502297967</c:v>
                </c:pt>
                <c:pt idx="4538">
                  <c:v>0.2144524502297967</c:v>
                </c:pt>
                <c:pt idx="4539">
                  <c:v>0.2144524502297967</c:v>
                </c:pt>
                <c:pt idx="4540">
                  <c:v>0.2144524502297967</c:v>
                </c:pt>
                <c:pt idx="4541">
                  <c:v>0.2144524502297967</c:v>
                </c:pt>
                <c:pt idx="4542">
                  <c:v>0.2144524502297967</c:v>
                </c:pt>
                <c:pt idx="4543">
                  <c:v>0.2144524502297967</c:v>
                </c:pt>
                <c:pt idx="4544">
                  <c:v>0.2144524502297967</c:v>
                </c:pt>
                <c:pt idx="4545">
                  <c:v>0.2144524502297967</c:v>
                </c:pt>
                <c:pt idx="4546">
                  <c:v>0.2144524502297967</c:v>
                </c:pt>
                <c:pt idx="4547">
                  <c:v>0.2144524502297967</c:v>
                </c:pt>
                <c:pt idx="4548">
                  <c:v>0.2144524502297967</c:v>
                </c:pt>
                <c:pt idx="4549">
                  <c:v>0.2144524502297967</c:v>
                </c:pt>
                <c:pt idx="4550">
                  <c:v>0.2144524502297967</c:v>
                </c:pt>
                <c:pt idx="4551">
                  <c:v>0.2144524502297967</c:v>
                </c:pt>
                <c:pt idx="4552">
                  <c:v>0.2144524502297967</c:v>
                </c:pt>
                <c:pt idx="4553">
                  <c:v>0.2144524502297967</c:v>
                </c:pt>
                <c:pt idx="4554">
                  <c:v>0.2144524502297967</c:v>
                </c:pt>
                <c:pt idx="4555">
                  <c:v>0.2144524502297967</c:v>
                </c:pt>
                <c:pt idx="4556">
                  <c:v>0.2144524502297967</c:v>
                </c:pt>
                <c:pt idx="4557">
                  <c:v>0.2144524502297967</c:v>
                </c:pt>
                <c:pt idx="4558">
                  <c:v>0.2144524502297967</c:v>
                </c:pt>
                <c:pt idx="4559">
                  <c:v>0.2144524502297967</c:v>
                </c:pt>
                <c:pt idx="4560">
                  <c:v>0.51980349988325991</c:v>
                </c:pt>
                <c:pt idx="4561">
                  <c:v>0.51980349988325991</c:v>
                </c:pt>
                <c:pt idx="4562">
                  <c:v>0.51980349988325991</c:v>
                </c:pt>
                <c:pt idx="4563">
                  <c:v>0.51980349988325991</c:v>
                </c:pt>
                <c:pt idx="4564">
                  <c:v>0.51980349988325991</c:v>
                </c:pt>
                <c:pt idx="4565">
                  <c:v>0.51980349988325991</c:v>
                </c:pt>
                <c:pt idx="4566">
                  <c:v>0.51980349988325991</c:v>
                </c:pt>
                <c:pt idx="4567">
                  <c:v>2.2143629095026873</c:v>
                </c:pt>
                <c:pt idx="4568">
                  <c:v>2.4911582731905231</c:v>
                </c:pt>
                <c:pt idx="4569">
                  <c:v>2.7679536368783593</c:v>
                </c:pt>
                <c:pt idx="4570">
                  <c:v>2.7679536368783593</c:v>
                </c:pt>
                <c:pt idx="4571">
                  <c:v>3.3215443642540303</c:v>
                </c:pt>
                <c:pt idx="4572">
                  <c:v>3.3215443642540303</c:v>
                </c:pt>
                <c:pt idx="4573">
                  <c:v>2.2143629095026873</c:v>
                </c:pt>
                <c:pt idx="4574">
                  <c:v>3.3215443642540303</c:v>
                </c:pt>
                <c:pt idx="4575">
                  <c:v>3.3215443642540303</c:v>
                </c:pt>
                <c:pt idx="4576">
                  <c:v>1.9375675458148511</c:v>
                </c:pt>
                <c:pt idx="4577">
                  <c:v>0.55359072737567183</c:v>
                </c:pt>
                <c:pt idx="4578">
                  <c:v>0.54579367487742292</c:v>
                </c:pt>
                <c:pt idx="4579">
                  <c:v>0.54579367487742292</c:v>
                </c:pt>
                <c:pt idx="4580">
                  <c:v>0.54579367487742292</c:v>
                </c:pt>
                <c:pt idx="4581">
                  <c:v>0.54579367487742292</c:v>
                </c:pt>
                <c:pt idx="4582">
                  <c:v>0.54579367487742292</c:v>
                </c:pt>
                <c:pt idx="4583">
                  <c:v>0.54579367487742292</c:v>
                </c:pt>
                <c:pt idx="4584">
                  <c:v>0.34878930503578287</c:v>
                </c:pt>
                <c:pt idx="4585">
                  <c:v>0.53148846481643108</c:v>
                </c:pt>
                <c:pt idx="4586">
                  <c:v>0.53148846481643108</c:v>
                </c:pt>
                <c:pt idx="4587">
                  <c:v>0.53148846481643108</c:v>
                </c:pt>
                <c:pt idx="4588">
                  <c:v>0.53148846481643108</c:v>
                </c:pt>
                <c:pt idx="4589">
                  <c:v>0.53148846481643108</c:v>
                </c:pt>
                <c:pt idx="4590">
                  <c:v>0.53148846481643108</c:v>
                </c:pt>
                <c:pt idx="4591">
                  <c:v>2.2405560594917668</c:v>
                </c:pt>
                <c:pt idx="4592">
                  <c:v>2.4999888663802876</c:v>
                </c:pt>
                <c:pt idx="4593">
                  <c:v>2.7594216732688079</c:v>
                </c:pt>
                <c:pt idx="4594">
                  <c:v>2.7594216732688079</c:v>
                </c:pt>
                <c:pt idx="4595">
                  <c:v>3.3018720876720771</c:v>
                </c:pt>
                <c:pt idx="4596">
                  <c:v>3.3018720876720771</c:v>
                </c:pt>
                <c:pt idx="4597">
                  <c:v>2.1933864582393086</c:v>
                </c:pt>
                <c:pt idx="4598">
                  <c:v>3.3018720876720771</c:v>
                </c:pt>
                <c:pt idx="4599">
                  <c:v>3.3018720876720771</c:v>
                </c:pt>
                <c:pt idx="4600">
                  <c:v>1.9457460516639031</c:v>
                </c:pt>
                <c:pt idx="4601">
                  <c:v>0.83045072627567351</c:v>
                </c:pt>
                <c:pt idx="4602">
                  <c:v>0.54809747934194442</c:v>
                </c:pt>
                <c:pt idx="4603">
                  <c:v>0.54809747934194442</c:v>
                </c:pt>
                <c:pt idx="4604">
                  <c:v>0.54809747934194442</c:v>
                </c:pt>
                <c:pt idx="4605">
                  <c:v>0.54809747934194442</c:v>
                </c:pt>
                <c:pt idx="4606">
                  <c:v>0.54809747934194442</c:v>
                </c:pt>
                <c:pt idx="4607">
                  <c:v>0.54809747934194442</c:v>
                </c:pt>
                <c:pt idx="4608">
                  <c:v>0.54214590681722674</c:v>
                </c:pt>
                <c:pt idx="4609">
                  <c:v>0.54214590681722674</c:v>
                </c:pt>
                <c:pt idx="4610">
                  <c:v>0.54214590681722674</c:v>
                </c:pt>
                <c:pt idx="4611">
                  <c:v>0.54214590681722674</c:v>
                </c:pt>
                <c:pt idx="4612">
                  <c:v>0.54214590681722674</c:v>
                </c:pt>
                <c:pt idx="4613">
                  <c:v>0.54214590681722674</c:v>
                </c:pt>
                <c:pt idx="4614">
                  <c:v>0.54214590681722674</c:v>
                </c:pt>
                <c:pt idx="4615">
                  <c:v>2.2162267524134514</c:v>
                </c:pt>
                <c:pt idx="4616">
                  <c:v>2.4728424816402725</c:v>
                </c:pt>
                <c:pt idx="4617">
                  <c:v>2.7294582108670928</c:v>
                </c:pt>
                <c:pt idx="4618">
                  <c:v>2.7294582108670928</c:v>
                </c:pt>
                <c:pt idx="4619">
                  <c:v>3.2660183719777174</c:v>
                </c:pt>
                <c:pt idx="4620">
                  <c:v>3.2660183719777174</c:v>
                </c:pt>
                <c:pt idx="4621">
                  <c:v>2.1695693470994835</c:v>
                </c:pt>
                <c:pt idx="4622">
                  <c:v>3.2660183719777174</c:v>
                </c:pt>
                <c:pt idx="4623">
                  <c:v>3.2660183719777174</c:v>
                </c:pt>
                <c:pt idx="4624">
                  <c:v>1.9246179692011549</c:v>
                </c:pt>
                <c:pt idx="4625">
                  <c:v>0.82143319214731336</c:v>
                </c:pt>
                <c:pt idx="4626">
                  <c:v>0.54214590681722674</c:v>
                </c:pt>
                <c:pt idx="4627">
                  <c:v>0.54214590681722674</c:v>
                </c:pt>
                <c:pt idx="4628">
                  <c:v>0.54214590681722674</c:v>
                </c:pt>
                <c:pt idx="4629">
                  <c:v>0.54214590681722674</c:v>
                </c:pt>
                <c:pt idx="4630">
                  <c:v>0.54214590681722674</c:v>
                </c:pt>
                <c:pt idx="4631">
                  <c:v>0.54214590681722674</c:v>
                </c:pt>
                <c:pt idx="4632">
                  <c:v>0.55647973961855934</c:v>
                </c:pt>
                <c:pt idx="4633">
                  <c:v>0.55647973961855934</c:v>
                </c:pt>
                <c:pt idx="4634">
                  <c:v>0.55647973961855934</c:v>
                </c:pt>
                <c:pt idx="4635">
                  <c:v>0.55647973961855934</c:v>
                </c:pt>
                <c:pt idx="4636">
                  <c:v>0.55647973961855934</c:v>
                </c:pt>
                <c:pt idx="4637">
                  <c:v>0.55647973961855934</c:v>
                </c:pt>
                <c:pt idx="4638">
                  <c:v>0.55647973961855934</c:v>
                </c:pt>
                <c:pt idx="4639">
                  <c:v>2.2748217234710193</c:v>
                </c:pt>
                <c:pt idx="4640">
                  <c:v>2.5382221335571375</c:v>
                </c:pt>
                <c:pt idx="4641">
                  <c:v>2.8016225436432558</c:v>
                </c:pt>
                <c:pt idx="4642">
                  <c:v>2.8016225436432558</c:v>
                </c:pt>
                <c:pt idx="4643">
                  <c:v>3.3523688556415023</c:v>
                </c:pt>
                <c:pt idx="4644">
                  <c:v>3.3523688556415023</c:v>
                </c:pt>
                <c:pt idx="4645">
                  <c:v>2.2269307398189979</c:v>
                </c:pt>
                <c:pt idx="4646">
                  <c:v>3.3523688556415023</c:v>
                </c:pt>
                <c:pt idx="4647">
                  <c:v>3.3523688556415023</c:v>
                </c:pt>
                <c:pt idx="4648">
                  <c:v>1.9755030756458858</c:v>
                </c:pt>
                <c:pt idx="4649">
                  <c:v>0.84315112063418074</c:v>
                </c:pt>
                <c:pt idx="4650">
                  <c:v>0.55647973961855934</c:v>
                </c:pt>
                <c:pt idx="4651">
                  <c:v>0.55647973961855934</c:v>
                </c:pt>
                <c:pt idx="4652">
                  <c:v>0.55647973961855934</c:v>
                </c:pt>
                <c:pt idx="4653">
                  <c:v>0.55647973961855934</c:v>
                </c:pt>
                <c:pt idx="4654">
                  <c:v>0.55647973961855934</c:v>
                </c:pt>
                <c:pt idx="4655">
                  <c:v>0.55647973961855934</c:v>
                </c:pt>
                <c:pt idx="4656">
                  <c:v>0.84721137568902793</c:v>
                </c:pt>
                <c:pt idx="4657">
                  <c:v>0.51346143981153203</c:v>
                </c:pt>
                <c:pt idx="4658">
                  <c:v>0.51346143981153203</c:v>
                </c:pt>
                <c:pt idx="4659">
                  <c:v>0.51346143981153203</c:v>
                </c:pt>
                <c:pt idx="4660">
                  <c:v>0.51346143981153203</c:v>
                </c:pt>
                <c:pt idx="4661">
                  <c:v>0.51346143981153203</c:v>
                </c:pt>
                <c:pt idx="4662">
                  <c:v>0.51346143981153203</c:v>
                </c:pt>
                <c:pt idx="4663">
                  <c:v>2.1873457335971263</c:v>
                </c:pt>
                <c:pt idx="4664">
                  <c:v>2.7341821669964084</c:v>
                </c:pt>
                <c:pt idx="4665">
                  <c:v>3.0076003836960488</c:v>
                </c:pt>
                <c:pt idx="4666">
                  <c:v>3.0076003836960488</c:v>
                </c:pt>
                <c:pt idx="4667">
                  <c:v>3.5544368170953304</c:v>
                </c:pt>
                <c:pt idx="4668">
                  <c:v>3.5544368170953304</c:v>
                </c:pt>
                <c:pt idx="4669">
                  <c:v>2.4607639502967671</c:v>
                </c:pt>
                <c:pt idx="4670">
                  <c:v>3.5544368170953304</c:v>
                </c:pt>
                <c:pt idx="4671">
                  <c:v>2.7341821669964084</c:v>
                </c:pt>
                <c:pt idx="4672">
                  <c:v>1.2836535995288303</c:v>
                </c:pt>
                <c:pt idx="4673">
                  <c:v>0.84721137568902793</c:v>
                </c:pt>
                <c:pt idx="4674">
                  <c:v>0.5391345118021087</c:v>
                </c:pt>
                <c:pt idx="4675">
                  <c:v>0.51346143981153203</c:v>
                </c:pt>
                <c:pt idx="4676">
                  <c:v>0.51346143981153203</c:v>
                </c:pt>
                <c:pt idx="4677">
                  <c:v>0.51346143981153203</c:v>
                </c:pt>
                <c:pt idx="4678">
                  <c:v>0.51346143981153203</c:v>
                </c:pt>
                <c:pt idx="4679">
                  <c:v>0.51346143981153203</c:v>
                </c:pt>
                <c:pt idx="4680">
                  <c:v>0.23635953164643106</c:v>
                </c:pt>
                <c:pt idx="4681">
                  <c:v>0.21272357848178794</c:v>
                </c:pt>
                <c:pt idx="4682">
                  <c:v>0.21272357848178794</c:v>
                </c:pt>
                <c:pt idx="4683">
                  <c:v>0.21272357848178794</c:v>
                </c:pt>
                <c:pt idx="4684">
                  <c:v>0.21272357848178794</c:v>
                </c:pt>
                <c:pt idx="4685">
                  <c:v>0.21272357848178794</c:v>
                </c:pt>
                <c:pt idx="4686">
                  <c:v>0.21272357848178794</c:v>
                </c:pt>
                <c:pt idx="4687">
                  <c:v>0.21272357848178794</c:v>
                </c:pt>
                <c:pt idx="4688">
                  <c:v>0.21272357848178794</c:v>
                </c:pt>
                <c:pt idx="4689">
                  <c:v>0.21272357848178794</c:v>
                </c:pt>
                <c:pt idx="4690">
                  <c:v>0.21272357848178794</c:v>
                </c:pt>
                <c:pt idx="4691">
                  <c:v>0.21272357848178794</c:v>
                </c:pt>
                <c:pt idx="4692">
                  <c:v>0.21272357848178794</c:v>
                </c:pt>
                <c:pt idx="4693">
                  <c:v>0.21272357848178794</c:v>
                </c:pt>
                <c:pt idx="4694">
                  <c:v>0.21272357848178794</c:v>
                </c:pt>
                <c:pt idx="4695">
                  <c:v>0.21272357848178794</c:v>
                </c:pt>
                <c:pt idx="4696">
                  <c:v>0.21272357848178794</c:v>
                </c:pt>
                <c:pt idx="4697">
                  <c:v>0.21272357848178794</c:v>
                </c:pt>
                <c:pt idx="4698">
                  <c:v>0.21272357848178794</c:v>
                </c:pt>
                <c:pt idx="4699">
                  <c:v>0.21272357848178794</c:v>
                </c:pt>
                <c:pt idx="4700">
                  <c:v>0.21272357848178794</c:v>
                </c:pt>
                <c:pt idx="4701">
                  <c:v>0.21272357848178794</c:v>
                </c:pt>
                <c:pt idx="4702">
                  <c:v>0.21272357848178794</c:v>
                </c:pt>
                <c:pt idx="4703">
                  <c:v>0.21272357848178794</c:v>
                </c:pt>
                <c:pt idx="4704">
                  <c:v>0.21259234931442525</c:v>
                </c:pt>
                <c:pt idx="4705">
                  <c:v>0.21259234931442525</c:v>
                </c:pt>
                <c:pt idx="4706">
                  <c:v>0.21259234931442525</c:v>
                </c:pt>
                <c:pt idx="4707">
                  <c:v>0.21259234931442525</c:v>
                </c:pt>
                <c:pt idx="4708">
                  <c:v>0.21259234931442525</c:v>
                </c:pt>
                <c:pt idx="4709">
                  <c:v>0.21259234931442525</c:v>
                </c:pt>
                <c:pt idx="4710">
                  <c:v>0.21259234931442525</c:v>
                </c:pt>
                <c:pt idx="4711">
                  <c:v>0.21259234931442525</c:v>
                </c:pt>
                <c:pt idx="4712">
                  <c:v>0.21259234931442525</c:v>
                </c:pt>
                <c:pt idx="4713">
                  <c:v>0.21259234931442525</c:v>
                </c:pt>
                <c:pt idx="4714">
                  <c:v>0.21259234931442525</c:v>
                </c:pt>
                <c:pt idx="4715">
                  <c:v>0.21259234931442525</c:v>
                </c:pt>
                <c:pt idx="4716">
                  <c:v>0.21259234931442525</c:v>
                </c:pt>
                <c:pt idx="4717">
                  <c:v>0.21259234931442525</c:v>
                </c:pt>
                <c:pt idx="4718">
                  <c:v>0.21259234931442525</c:v>
                </c:pt>
                <c:pt idx="4719">
                  <c:v>0.21259234931442525</c:v>
                </c:pt>
                <c:pt idx="4720">
                  <c:v>0.21259234931442525</c:v>
                </c:pt>
                <c:pt idx="4721">
                  <c:v>0.21259234931442525</c:v>
                </c:pt>
                <c:pt idx="4722">
                  <c:v>0.21259234931442525</c:v>
                </c:pt>
                <c:pt idx="4723">
                  <c:v>0.21259234931442525</c:v>
                </c:pt>
                <c:pt idx="4724">
                  <c:v>0.21259234931442525</c:v>
                </c:pt>
                <c:pt idx="4725">
                  <c:v>0.21259234931442525</c:v>
                </c:pt>
                <c:pt idx="4726">
                  <c:v>0.21259234931442525</c:v>
                </c:pt>
                <c:pt idx="4727">
                  <c:v>0.21259234931442525</c:v>
                </c:pt>
                <c:pt idx="4728">
                  <c:v>0.52023332752748197</c:v>
                </c:pt>
                <c:pt idx="4729">
                  <c:v>0.52023332752748197</c:v>
                </c:pt>
                <c:pt idx="4730">
                  <c:v>0.52023332752748197</c:v>
                </c:pt>
                <c:pt idx="4731">
                  <c:v>0.52023332752748197</c:v>
                </c:pt>
                <c:pt idx="4732">
                  <c:v>0.52023332752748197</c:v>
                </c:pt>
                <c:pt idx="4733">
                  <c:v>0.52023332752748197</c:v>
                </c:pt>
                <c:pt idx="4734">
                  <c:v>0.52023332752748197</c:v>
                </c:pt>
                <c:pt idx="4735">
                  <c:v>2.216193975267073</c:v>
                </c:pt>
                <c:pt idx="4736">
                  <c:v>2.4932182221754573</c:v>
                </c:pt>
                <c:pt idx="4737">
                  <c:v>2.7702424690838412</c:v>
                </c:pt>
                <c:pt idx="4738">
                  <c:v>2.7702424690838412</c:v>
                </c:pt>
                <c:pt idx="4739">
                  <c:v>3.324290962900609</c:v>
                </c:pt>
                <c:pt idx="4740">
                  <c:v>3.324290962900609</c:v>
                </c:pt>
                <c:pt idx="4741">
                  <c:v>2.216193975267073</c:v>
                </c:pt>
                <c:pt idx="4742">
                  <c:v>3.324290962900609</c:v>
                </c:pt>
                <c:pt idx="4743">
                  <c:v>3.324290962900609</c:v>
                </c:pt>
                <c:pt idx="4744">
                  <c:v>1.9391697283586886</c:v>
                </c:pt>
                <c:pt idx="4745">
                  <c:v>0.55404849381676824</c:v>
                </c:pt>
                <c:pt idx="4746">
                  <c:v>0.54624499390385606</c:v>
                </c:pt>
                <c:pt idx="4747">
                  <c:v>0.54624499390385606</c:v>
                </c:pt>
                <c:pt idx="4748">
                  <c:v>0.54624499390385606</c:v>
                </c:pt>
                <c:pt idx="4749">
                  <c:v>0.54624499390385606</c:v>
                </c:pt>
                <c:pt idx="4750">
                  <c:v>0.54624499390385606</c:v>
                </c:pt>
                <c:pt idx="4751">
                  <c:v>0.54624499390385606</c:v>
                </c:pt>
                <c:pt idx="4752">
                  <c:v>0.34878930503578287</c:v>
                </c:pt>
                <c:pt idx="4753">
                  <c:v>0.53148846481643108</c:v>
                </c:pt>
                <c:pt idx="4754">
                  <c:v>0.53148846481643108</c:v>
                </c:pt>
                <c:pt idx="4755">
                  <c:v>0.53148846481643108</c:v>
                </c:pt>
                <c:pt idx="4756">
                  <c:v>0.53148846481643108</c:v>
                </c:pt>
                <c:pt idx="4757">
                  <c:v>0.53148846481643108</c:v>
                </c:pt>
                <c:pt idx="4758">
                  <c:v>0.53148846481643108</c:v>
                </c:pt>
                <c:pt idx="4759">
                  <c:v>2.2405560594917668</c:v>
                </c:pt>
                <c:pt idx="4760">
                  <c:v>2.4999888663802876</c:v>
                </c:pt>
                <c:pt idx="4761">
                  <c:v>2.7594216732688079</c:v>
                </c:pt>
                <c:pt idx="4762">
                  <c:v>2.7594216732688079</c:v>
                </c:pt>
                <c:pt idx="4763">
                  <c:v>3.3018720876720771</c:v>
                </c:pt>
                <c:pt idx="4764">
                  <c:v>3.3018720876720771</c:v>
                </c:pt>
                <c:pt idx="4765">
                  <c:v>2.1933864582393086</c:v>
                </c:pt>
                <c:pt idx="4766">
                  <c:v>3.3018720876720771</c:v>
                </c:pt>
                <c:pt idx="4767">
                  <c:v>3.3018720876720771</c:v>
                </c:pt>
                <c:pt idx="4768">
                  <c:v>1.9457460516639031</c:v>
                </c:pt>
                <c:pt idx="4769">
                  <c:v>0.83045072627567351</c:v>
                </c:pt>
                <c:pt idx="4770">
                  <c:v>0.54809747934194442</c:v>
                </c:pt>
                <c:pt idx="4771">
                  <c:v>0.54809747934194442</c:v>
                </c:pt>
                <c:pt idx="4772">
                  <c:v>0.54809747934194442</c:v>
                </c:pt>
                <c:pt idx="4773">
                  <c:v>0.54809747934194442</c:v>
                </c:pt>
                <c:pt idx="4774">
                  <c:v>0.54809747934194442</c:v>
                </c:pt>
                <c:pt idx="4775">
                  <c:v>0.54809747934194442</c:v>
                </c:pt>
                <c:pt idx="4776">
                  <c:v>0.54259383909226833</c:v>
                </c:pt>
                <c:pt idx="4777">
                  <c:v>0.54259383909226833</c:v>
                </c:pt>
                <c:pt idx="4778">
                  <c:v>0.54259383909226833</c:v>
                </c:pt>
                <c:pt idx="4779">
                  <c:v>0.54259383909226833</c:v>
                </c:pt>
                <c:pt idx="4780">
                  <c:v>0.54259383909226833</c:v>
                </c:pt>
                <c:pt idx="4781">
                  <c:v>0.54259383909226833</c:v>
                </c:pt>
                <c:pt idx="4782">
                  <c:v>0.54259383909226833</c:v>
                </c:pt>
                <c:pt idx="4783">
                  <c:v>2.2180578452590001</c:v>
                </c:pt>
                <c:pt idx="4784">
                  <c:v>2.4748855957626739</c:v>
                </c:pt>
                <c:pt idx="4785">
                  <c:v>2.7317133462663477</c:v>
                </c:pt>
                <c:pt idx="4786">
                  <c:v>2.7317133462663477</c:v>
                </c:pt>
                <c:pt idx="4787">
                  <c:v>3.2687168245922105</c:v>
                </c:pt>
                <c:pt idx="4788">
                  <c:v>3.2687168245922105</c:v>
                </c:pt>
                <c:pt idx="4789">
                  <c:v>2.1713618906219687</c:v>
                </c:pt>
                <c:pt idx="4790">
                  <c:v>3.2687168245922105</c:v>
                </c:pt>
                <c:pt idx="4791">
                  <c:v>3.2687168245922105</c:v>
                </c:pt>
                <c:pt idx="4792">
                  <c:v>1.9262081287775528</c:v>
                </c:pt>
                <c:pt idx="4793">
                  <c:v>0.822111877412528</c:v>
                </c:pt>
                <c:pt idx="4794">
                  <c:v>0.54259383909226833</c:v>
                </c:pt>
                <c:pt idx="4795">
                  <c:v>0.54259383909226833</c:v>
                </c:pt>
                <c:pt idx="4796">
                  <c:v>0.54259383909226833</c:v>
                </c:pt>
                <c:pt idx="4797">
                  <c:v>0.54259383909226833</c:v>
                </c:pt>
                <c:pt idx="4798">
                  <c:v>0.54259383909226833</c:v>
                </c:pt>
                <c:pt idx="4799">
                  <c:v>0.54259383909226833</c:v>
                </c:pt>
                <c:pt idx="4800">
                  <c:v>0.5537921459683095</c:v>
                </c:pt>
                <c:pt idx="4801">
                  <c:v>0.5537921459683095</c:v>
                </c:pt>
                <c:pt idx="4802">
                  <c:v>0.5537921459683095</c:v>
                </c:pt>
                <c:pt idx="4803">
                  <c:v>0.5537921459683095</c:v>
                </c:pt>
                <c:pt idx="4804">
                  <c:v>0.5537921459683095</c:v>
                </c:pt>
                <c:pt idx="4805">
                  <c:v>0.5537921459683095</c:v>
                </c:pt>
                <c:pt idx="4806">
                  <c:v>0.5537921459683095</c:v>
                </c:pt>
                <c:pt idx="4807">
                  <c:v>2.2638351663977252</c:v>
                </c:pt>
                <c:pt idx="4808">
                  <c:v>2.5259634488227252</c:v>
                </c:pt>
                <c:pt idx="4809">
                  <c:v>2.7880917312477251</c:v>
                </c:pt>
                <c:pt idx="4810">
                  <c:v>2.7880917312477251</c:v>
                </c:pt>
                <c:pt idx="4811">
                  <c:v>3.3361781399545429</c:v>
                </c:pt>
                <c:pt idx="4812">
                  <c:v>3.3361781399545429</c:v>
                </c:pt>
                <c:pt idx="4813">
                  <c:v>2.216175478684089</c:v>
                </c:pt>
                <c:pt idx="4814">
                  <c:v>3.3361781399545429</c:v>
                </c:pt>
                <c:pt idx="4815">
                  <c:v>3.3361781399545429</c:v>
                </c:pt>
                <c:pt idx="4816">
                  <c:v>1.9659621181874984</c:v>
                </c:pt>
                <c:pt idx="4817">
                  <c:v>0.83907900904289312</c:v>
                </c:pt>
                <c:pt idx="4818">
                  <c:v>0.5537921459683095</c:v>
                </c:pt>
                <c:pt idx="4819">
                  <c:v>0.5537921459683095</c:v>
                </c:pt>
                <c:pt idx="4820">
                  <c:v>0.5537921459683095</c:v>
                </c:pt>
                <c:pt idx="4821">
                  <c:v>0.5537921459683095</c:v>
                </c:pt>
                <c:pt idx="4822">
                  <c:v>0.5537921459683095</c:v>
                </c:pt>
                <c:pt idx="4823">
                  <c:v>0.5537921459683095</c:v>
                </c:pt>
                <c:pt idx="4824">
                  <c:v>0.8602208518044514</c:v>
                </c:pt>
                <c:pt idx="4825">
                  <c:v>0.52134597079057676</c:v>
                </c:pt>
                <c:pt idx="4826">
                  <c:v>0.52134597079057676</c:v>
                </c:pt>
                <c:pt idx="4827">
                  <c:v>0.52134597079057676</c:v>
                </c:pt>
                <c:pt idx="4828">
                  <c:v>0.52134597079057676</c:v>
                </c:pt>
                <c:pt idx="4829">
                  <c:v>0.52134597079057676</c:v>
                </c:pt>
                <c:pt idx="4830">
                  <c:v>0.52134597079057676</c:v>
                </c:pt>
                <c:pt idx="4831">
                  <c:v>2.2209338355678563</c:v>
                </c:pt>
                <c:pt idx="4832">
                  <c:v>2.7761672944598206</c:v>
                </c:pt>
                <c:pt idx="4833">
                  <c:v>3.0537840239058025</c:v>
                </c:pt>
                <c:pt idx="4834">
                  <c:v>3.0537840239058025</c:v>
                </c:pt>
                <c:pt idx="4835">
                  <c:v>3.6090174827977668</c:v>
                </c:pt>
                <c:pt idx="4836">
                  <c:v>3.6090174827977668</c:v>
                </c:pt>
                <c:pt idx="4837">
                  <c:v>2.4985505650138382</c:v>
                </c:pt>
                <c:pt idx="4838">
                  <c:v>3.6090174827977668</c:v>
                </c:pt>
                <c:pt idx="4839">
                  <c:v>2.7761672944598206</c:v>
                </c:pt>
                <c:pt idx="4840">
                  <c:v>1.3033649269764418</c:v>
                </c:pt>
                <c:pt idx="4841">
                  <c:v>0.8602208518044514</c:v>
                </c:pt>
                <c:pt idx="4842">
                  <c:v>0.54741326933010548</c:v>
                </c:pt>
                <c:pt idx="4843">
                  <c:v>0.52134597079057676</c:v>
                </c:pt>
                <c:pt idx="4844">
                  <c:v>0.52134597079057676</c:v>
                </c:pt>
                <c:pt idx="4845">
                  <c:v>0.52134597079057676</c:v>
                </c:pt>
                <c:pt idx="4846">
                  <c:v>0.52134597079057676</c:v>
                </c:pt>
                <c:pt idx="4847">
                  <c:v>0.52134597079057676</c:v>
                </c:pt>
                <c:pt idx="4848">
                  <c:v>0.23940426825997921</c:v>
                </c:pt>
                <c:pt idx="4849">
                  <c:v>0.21546384143398128</c:v>
                </c:pt>
                <c:pt idx="4850">
                  <c:v>0.21546384143398128</c:v>
                </c:pt>
                <c:pt idx="4851">
                  <c:v>0.21546384143398128</c:v>
                </c:pt>
                <c:pt idx="4852">
                  <c:v>0.21546384143398128</c:v>
                </c:pt>
                <c:pt idx="4853">
                  <c:v>0.21546384143398128</c:v>
                </c:pt>
                <c:pt idx="4854">
                  <c:v>0.21546384143398128</c:v>
                </c:pt>
                <c:pt idx="4855">
                  <c:v>0.21546384143398128</c:v>
                </c:pt>
                <c:pt idx="4856">
                  <c:v>0.21546384143398128</c:v>
                </c:pt>
                <c:pt idx="4857">
                  <c:v>0.21546384143398128</c:v>
                </c:pt>
                <c:pt idx="4858">
                  <c:v>0.21546384143398128</c:v>
                </c:pt>
                <c:pt idx="4859">
                  <c:v>0.21546384143398128</c:v>
                </c:pt>
                <c:pt idx="4860">
                  <c:v>0.21546384143398128</c:v>
                </c:pt>
                <c:pt idx="4861">
                  <c:v>0.21546384143398128</c:v>
                </c:pt>
                <c:pt idx="4862">
                  <c:v>0.21546384143398128</c:v>
                </c:pt>
                <c:pt idx="4863">
                  <c:v>0.21546384143398128</c:v>
                </c:pt>
                <c:pt idx="4864">
                  <c:v>0.21546384143398128</c:v>
                </c:pt>
                <c:pt idx="4865">
                  <c:v>0.21546384143398128</c:v>
                </c:pt>
                <c:pt idx="4866">
                  <c:v>0.21546384143398128</c:v>
                </c:pt>
                <c:pt idx="4867">
                  <c:v>0.21546384143398128</c:v>
                </c:pt>
                <c:pt idx="4868">
                  <c:v>0.21546384143398128</c:v>
                </c:pt>
                <c:pt idx="4869">
                  <c:v>0.21546384143398128</c:v>
                </c:pt>
                <c:pt idx="4870">
                  <c:v>0.21546384143398128</c:v>
                </c:pt>
                <c:pt idx="4871">
                  <c:v>0.21546384143398128</c:v>
                </c:pt>
                <c:pt idx="4872">
                  <c:v>0.21519649059594526</c:v>
                </c:pt>
                <c:pt idx="4873">
                  <c:v>0.21519649059594526</c:v>
                </c:pt>
                <c:pt idx="4874">
                  <c:v>0.21519649059594526</c:v>
                </c:pt>
                <c:pt idx="4875">
                  <c:v>0.21519649059594526</c:v>
                </c:pt>
                <c:pt idx="4876">
                  <c:v>0.21519649059594526</c:v>
                </c:pt>
                <c:pt idx="4877">
                  <c:v>0.21519649059594526</c:v>
                </c:pt>
                <c:pt idx="4878">
                  <c:v>0.21519649059594526</c:v>
                </c:pt>
                <c:pt idx="4879">
                  <c:v>0.21519649059594526</c:v>
                </c:pt>
                <c:pt idx="4880">
                  <c:v>0.21519649059594526</c:v>
                </c:pt>
                <c:pt idx="4881">
                  <c:v>0.21519649059594526</c:v>
                </c:pt>
                <c:pt idx="4882">
                  <c:v>0.21519649059594526</c:v>
                </c:pt>
                <c:pt idx="4883">
                  <c:v>0.21519649059594526</c:v>
                </c:pt>
                <c:pt idx="4884">
                  <c:v>0.21519649059594526</c:v>
                </c:pt>
                <c:pt idx="4885">
                  <c:v>0.21519649059594526</c:v>
                </c:pt>
                <c:pt idx="4886">
                  <c:v>0.21519649059594526</c:v>
                </c:pt>
                <c:pt idx="4887">
                  <c:v>0.21519649059594526</c:v>
                </c:pt>
                <c:pt idx="4888">
                  <c:v>0.21519649059594526</c:v>
                </c:pt>
                <c:pt idx="4889">
                  <c:v>0.21519649059594526</c:v>
                </c:pt>
                <c:pt idx="4890">
                  <c:v>0.21519649059594526</c:v>
                </c:pt>
                <c:pt idx="4891">
                  <c:v>0.21519649059594526</c:v>
                </c:pt>
                <c:pt idx="4892">
                  <c:v>0.21519649059594526</c:v>
                </c:pt>
                <c:pt idx="4893">
                  <c:v>0.21519649059594526</c:v>
                </c:pt>
                <c:pt idx="4894">
                  <c:v>0.21519649059594526</c:v>
                </c:pt>
                <c:pt idx="4895">
                  <c:v>0.21519649059594526</c:v>
                </c:pt>
                <c:pt idx="4896">
                  <c:v>0.51980349988325991</c:v>
                </c:pt>
                <c:pt idx="4897">
                  <c:v>0.51980349988325991</c:v>
                </c:pt>
                <c:pt idx="4898">
                  <c:v>0.51980349988325991</c:v>
                </c:pt>
                <c:pt idx="4899">
                  <c:v>0.51980349988325991</c:v>
                </c:pt>
                <c:pt idx="4900">
                  <c:v>0.51980349988325991</c:v>
                </c:pt>
                <c:pt idx="4901">
                  <c:v>0.51980349988325991</c:v>
                </c:pt>
                <c:pt idx="4902">
                  <c:v>0.51980349988325991</c:v>
                </c:pt>
                <c:pt idx="4903">
                  <c:v>2.2143629095026873</c:v>
                </c:pt>
                <c:pt idx="4904">
                  <c:v>2.4911582731905231</c:v>
                </c:pt>
                <c:pt idx="4905">
                  <c:v>2.7679536368783593</c:v>
                </c:pt>
                <c:pt idx="4906">
                  <c:v>2.7679536368783593</c:v>
                </c:pt>
                <c:pt idx="4907">
                  <c:v>3.3215443642540303</c:v>
                </c:pt>
                <c:pt idx="4908">
                  <c:v>3.3215443642540303</c:v>
                </c:pt>
                <c:pt idx="4909">
                  <c:v>2.2143629095026873</c:v>
                </c:pt>
                <c:pt idx="4910">
                  <c:v>3.3215443642540303</c:v>
                </c:pt>
                <c:pt idx="4911">
                  <c:v>3.3215443642540303</c:v>
                </c:pt>
                <c:pt idx="4912">
                  <c:v>1.9375675458148511</c:v>
                </c:pt>
                <c:pt idx="4913">
                  <c:v>0.55359072737567183</c:v>
                </c:pt>
                <c:pt idx="4914">
                  <c:v>0.54579367487742292</c:v>
                </c:pt>
                <c:pt idx="4915">
                  <c:v>0.54579367487742292</c:v>
                </c:pt>
                <c:pt idx="4916">
                  <c:v>0.54579367487742292</c:v>
                </c:pt>
                <c:pt idx="4917">
                  <c:v>0.54579367487742292</c:v>
                </c:pt>
                <c:pt idx="4918">
                  <c:v>0.54579367487742292</c:v>
                </c:pt>
                <c:pt idx="4919">
                  <c:v>0.54579367487742292</c:v>
                </c:pt>
                <c:pt idx="4920">
                  <c:v>0.36574970955899933</c:v>
                </c:pt>
                <c:pt idx="4921">
                  <c:v>0.55733289075657044</c:v>
                </c:pt>
                <c:pt idx="4922">
                  <c:v>0.55733289075657044</c:v>
                </c:pt>
                <c:pt idx="4923">
                  <c:v>0.55733289075657044</c:v>
                </c:pt>
                <c:pt idx="4924">
                  <c:v>0.55733289075657044</c:v>
                </c:pt>
                <c:pt idx="4925">
                  <c:v>0.55733289075657044</c:v>
                </c:pt>
                <c:pt idx="4926">
                  <c:v>0.55733289075657044</c:v>
                </c:pt>
                <c:pt idx="4927">
                  <c:v>2.3495064675956669</c:v>
                </c:pt>
                <c:pt idx="4928">
                  <c:v>2.6215545848962178</c:v>
                </c:pt>
                <c:pt idx="4929">
                  <c:v>2.8936027021967692</c:v>
                </c:pt>
                <c:pt idx="4930">
                  <c:v>2.8936027021967692</c:v>
                </c:pt>
                <c:pt idx="4931">
                  <c:v>3.4624305838251934</c:v>
                </c:pt>
                <c:pt idx="4932">
                  <c:v>3.4624305838251934</c:v>
                </c:pt>
                <c:pt idx="4933">
                  <c:v>2.3000431735410212</c:v>
                </c:pt>
                <c:pt idx="4934">
                  <c:v>3.4624305838251934</c:v>
                </c:pt>
                <c:pt idx="4935">
                  <c:v>3.4624305838251934</c:v>
                </c:pt>
                <c:pt idx="4936">
                  <c:v>2.0403608797541319</c:v>
                </c:pt>
                <c:pt idx="4937">
                  <c:v>0.87083264180714126</c:v>
                </c:pt>
                <c:pt idx="4938">
                  <c:v>0.57474954359271324</c:v>
                </c:pt>
                <c:pt idx="4939">
                  <c:v>0.57474954359271324</c:v>
                </c:pt>
                <c:pt idx="4940">
                  <c:v>0.57474954359271324</c:v>
                </c:pt>
                <c:pt idx="4941">
                  <c:v>0.57474954359271324</c:v>
                </c:pt>
                <c:pt idx="4942">
                  <c:v>0.57474954359271324</c:v>
                </c:pt>
                <c:pt idx="4943">
                  <c:v>0.57474954359271324</c:v>
                </c:pt>
                <c:pt idx="4944">
                  <c:v>0.58201187929593268</c:v>
                </c:pt>
                <c:pt idx="4945">
                  <c:v>0.58201187929593268</c:v>
                </c:pt>
                <c:pt idx="4946">
                  <c:v>0.58201187929593268</c:v>
                </c:pt>
                <c:pt idx="4947">
                  <c:v>0.58201187929593268</c:v>
                </c:pt>
                <c:pt idx="4948">
                  <c:v>0.58201187929593268</c:v>
                </c:pt>
                <c:pt idx="4949">
                  <c:v>0.58201187929593268</c:v>
                </c:pt>
                <c:pt idx="4950">
                  <c:v>0.58201187929593268</c:v>
                </c:pt>
                <c:pt idx="4951">
                  <c:v>2.3791940156673124</c:v>
                </c:pt>
                <c:pt idx="4952">
                  <c:v>2.6546796385340543</c:v>
                </c:pt>
                <c:pt idx="4953">
                  <c:v>2.9301652614007954</c:v>
                </c:pt>
                <c:pt idx="4954">
                  <c:v>2.9301652614007954</c:v>
                </c:pt>
                <c:pt idx="4955">
                  <c:v>3.5061806546676184</c:v>
                </c:pt>
                <c:pt idx="4956">
                  <c:v>3.5061806546676184</c:v>
                </c:pt>
                <c:pt idx="4957">
                  <c:v>2.3291057206006323</c:v>
                </c:pt>
                <c:pt idx="4958">
                  <c:v>3.5061806546676184</c:v>
                </c:pt>
                <c:pt idx="4959">
                  <c:v>3.5061806546676184</c:v>
                </c:pt>
                <c:pt idx="4960">
                  <c:v>2.066142171500561</c:v>
                </c:pt>
                <c:pt idx="4961">
                  <c:v>0.88183618075141312</c:v>
                </c:pt>
                <c:pt idx="4962">
                  <c:v>0.58201187929593268</c:v>
                </c:pt>
                <c:pt idx="4963">
                  <c:v>0.58201187929593268</c:v>
                </c:pt>
                <c:pt idx="4964">
                  <c:v>0.58201187929593268</c:v>
                </c:pt>
                <c:pt idx="4965">
                  <c:v>0.58201187929593268</c:v>
                </c:pt>
                <c:pt idx="4966">
                  <c:v>0.58201187929593268</c:v>
                </c:pt>
                <c:pt idx="4967">
                  <c:v>0.58201187929593268</c:v>
                </c:pt>
                <c:pt idx="4968">
                  <c:v>0.57842842109559967</c:v>
                </c:pt>
                <c:pt idx="4969">
                  <c:v>0.57842842109559967</c:v>
                </c:pt>
                <c:pt idx="4970">
                  <c:v>0.57842842109559967</c:v>
                </c:pt>
                <c:pt idx="4971">
                  <c:v>0.57842842109559967</c:v>
                </c:pt>
                <c:pt idx="4972">
                  <c:v>0.57842842109559967</c:v>
                </c:pt>
                <c:pt idx="4973">
                  <c:v>0.57842842109559967</c:v>
                </c:pt>
                <c:pt idx="4974">
                  <c:v>0.57842842109559967</c:v>
                </c:pt>
                <c:pt idx="4975">
                  <c:v>2.3645452729029208</c:v>
                </c:pt>
                <c:pt idx="4976">
                  <c:v>2.6383347255548379</c:v>
                </c:pt>
                <c:pt idx="4977">
                  <c:v>2.9121241782067551</c:v>
                </c:pt>
                <c:pt idx="4978">
                  <c:v>2.9121241782067551</c:v>
                </c:pt>
                <c:pt idx="4979">
                  <c:v>3.484593033751672</c:v>
                </c:pt>
                <c:pt idx="4980">
                  <c:v>3.484593033751672</c:v>
                </c:pt>
                <c:pt idx="4981">
                  <c:v>2.3147653724207538</c:v>
                </c:pt>
                <c:pt idx="4982">
                  <c:v>3.484593033751672</c:v>
                </c:pt>
                <c:pt idx="4983">
                  <c:v>3.484593033751672</c:v>
                </c:pt>
                <c:pt idx="4984">
                  <c:v>2.0534208948893782</c:v>
                </c:pt>
                <c:pt idx="4985">
                  <c:v>0.87640669862969645</c:v>
                </c:pt>
                <c:pt idx="4986">
                  <c:v>0.57842842109559967</c:v>
                </c:pt>
                <c:pt idx="4987">
                  <c:v>0.57842842109559967</c:v>
                </c:pt>
                <c:pt idx="4988">
                  <c:v>0.57842842109559967</c:v>
                </c:pt>
                <c:pt idx="4989">
                  <c:v>0.57842842109559967</c:v>
                </c:pt>
                <c:pt idx="4990">
                  <c:v>0.57842842109559967</c:v>
                </c:pt>
                <c:pt idx="4991">
                  <c:v>0.57842842109559967</c:v>
                </c:pt>
                <c:pt idx="4992">
                  <c:v>0.85405846838135602</c:v>
                </c:pt>
                <c:pt idx="4993">
                  <c:v>0.51761119295839753</c:v>
                </c:pt>
                <c:pt idx="4994">
                  <c:v>0.51761119295839753</c:v>
                </c:pt>
                <c:pt idx="4995">
                  <c:v>0.51761119295839753</c:v>
                </c:pt>
                <c:pt idx="4996">
                  <c:v>0.51761119295839753</c:v>
                </c:pt>
                <c:pt idx="4997">
                  <c:v>0.51761119295839753</c:v>
                </c:pt>
                <c:pt idx="4998">
                  <c:v>0.51761119295839753</c:v>
                </c:pt>
                <c:pt idx="4999">
                  <c:v>2.2050236820027735</c:v>
                </c:pt>
                <c:pt idx="5000">
                  <c:v>2.7562796025034664</c:v>
                </c:pt>
                <c:pt idx="5001">
                  <c:v>3.0319075627538132</c:v>
                </c:pt>
                <c:pt idx="5002">
                  <c:v>3.0319075627538132</c:v>
                </c:pt>
                <c:pt idx="5003">
                  <c:v>3.583163483254507</c:v>
                </c:pt>
                <c:pt idx="5004">
                  <c:v>3.583163483254507</c:v>
                </c:pt>
                <c:pt idx="5005">
                  <c:v>2.48065164225312</c:v>
                </c:pt>
                <c:pt idx="5006">
                  <c:v>3.583163483254507</c:v>
                </c:pt>
                <c:pt idx="5007">
                  <c:v>2.7562796025034664</c:v>
                </c:pt>
                <c:pt idx="5008">
                  <c:v>1.2940279823959937</c:v>
                </c:pt>
                <c:pt idx="5009">
                  <c:v>0.85405846838135602</c:v>
                </c:pt>
                <c:pt idx="5010">
                  <c:v>0.54349175260631732</c:v>
                </c:pt>
                <c:pt idx="5011">
                  <c:v>0.51761119295839753</c:v>
                </c:pt>
                <c:pt idx="5012">
                  <c:v>0.51761119295839753</c:v>
                </c:pt>
                <c:pt idx="5013">
                  <c:v>0.51761119295839753</c:v>
                </c:pt>
                <c:pt idx="5014">
                  <c:v>0.51761119295839753</c:v>
                </c:pt>
                <c:pt idx="5015">
                  <c:v>0.51761119295839753</c:v>
                </c:pt>
                <c:pt idx="5016">
                  <c:v>0.2375938843275992</c:v>
                </c:pt>
                <c:pt idx="5017">
                  <c:v>0.21383449589483927</c:v>
                </c:pt>
                <c:pt idx="5018">
                  <c:v>0.21383449589483927</c:v>
                </c:pt>
                <c:pt idx="5019">
                  <c:v>0.21383449589483927</c:v>
                </c:pt>
                <c:pt idx="5020">
                  <c:v>0.21383449589483927</c:v>
                </c:pt>
                <c:pt idx="5021">
                  <c:v>0.21383449589483927</c:v>
                </c:pt>
                <c:pt idx="5022">
                  <c:v>0.21383449589483927</c:v>
                </c:pt>
                <c:pt idx="5023">
                  <c:v>0.21383449589483927</c:v>
                </c:pt>
                <c:pt idx="5024">
                  <c:v>0.21383449589483927</c:v>
                </c:pt>
                <c:pt idx="5025">
                  <c:v>0.21383449589483927</c:v>
                </c:pt>
                <c:pt idx="5026">
                  <c:v>0.21383449589483927</c:v>
                </c:pt>
                <c:pt idx="5027">
                  <c:v>0.21383449589483927</c:v>
                </c:pt>
                <c:pt idx="5028">
                  <c:v>0.21383449589483927</c:v>
                </c:pt>
                <c:pt idx="5029">
                  <c:v>0.21383449589483927</c:v>
                </c:pt>
                <c:pt idx="5030">
                  <c:v>0.21383449589483927</c:v>
                </c:pt>
                <c:pt idx="5031">
                  <c:v>0.21383449589483927</c:v>
                </c:pt>
                <c:pt idx="5032">
                  <c:v>0.21383449589483927</c:v>
                </c:pt>
                <c:pt idx="5033">
                  <c:v>0.21383449589483927</c:v>
                </c:pt>
                <c:pt idx="5034">
                  <c:v>0.21383449589483927</c:v>
                </c:pt>
                <c:pt idx="5035">
                  <c:v>0.21383449589483927</c:v>
                </c:pt>
                <c:pt idx="5036">
                  <c:v>0.21383449589483927</c:v>
                </c:pt>
                <c:pt idx="5037">
                  <c:v>0.21383449589483927</c:v>
                </c:pt>
                <c:pt idx="5038">
                  <c:v>0.21383449589483927</c:v>
                </c:pt>
                <c:pt idx="5039">
                  <c:v>0.21383449589483927</c:v>
                </c:pt>
                <c:pt idx="5040">
                  <c:v>0.21661016729162763</c:v>
                </c:pt>
                <c:pt idx="5041">
                  <c:v>0.21661016729162763</c:v>
                </c:pt>
                <c:pt idx="5042">
                  <c:v>0.21661016729162763</c:v>
                </c:pt>
                <c:pt idx="5043">
                  <c:v>0.21661016729162763</c:v>
                </c:pt>
                <c:pt idx="5044">
                  <c:v>0.21661016729162763</c:v>
                </c:pt>
                <c:pt idx="5045">
                  <c:v>0.21661016729162763</c:v>
                </c:pt>
                <c:pt idx="5046">
                  <c:v>0.21661016729162763</c:v>
                </c:pt>
                <c:pt idx="5047">
                  <c:v>0.21661016729162763</c:v>
                </c:pt>
                <c:pt idx="5048">
                  <c:v>0.21661016729162763</c:v>
                </c:pt>
                <c:pt idx="5049">
                  <c:v>0.21661016729162763</c:v>
                </c:pt>
                <c:pt idx="5050">
                  <c:v>0.21661016729162763</c:v>
                </c:pt>
                <c:pt idx="5051">
                  <c:v>0.21661016729162763</c:v>
                </c:pt>
                <c:pt idx="5052">
                  <c:v>0.21661016729162763</c:v>
                </c:pt>
                <c:pt idx="5053">
                  <c:v>0.21661016729162763</c:v>
                </c:pt>
                <c:pt idx="5054">
                  <c:v>0.21661016729162763</c:v>
                </c:pt>
                <c:pt idx="5055">
                  <c:v>0.21661016729162763</c:v>
                </c:pt>
                <c:pt idx="5056">
                  <c:v>0.21661016729162763</c:v>
                </c:pt>
                <c:pt idx="5057">
                  <c:v>0.21661016729162763</c:v>
                </c:pt>
                <c:pt idx="5058">
                  <c:v>0.21661016729162763</c:v>
                </c:pt>
                <c:pt idx="5059">
                  <c:v>0.21661016729162763</c:v>
                </c:pt>
                <c:pt idx="5060">
                  <c:v>0.21661016729162763</c:v>
                </c:pt>
                <c:pt idx="5061">
                  <c:v>0.21661016729162763</c:v>
                </c:pt>
                <c:pt idx="5062">
                  <c:v>0.21661016729162763</c:v>
                </c:pt>
                <c:pt idx="5063">
                  <c:v>0.21661016729162763</c:v>
                </c:pt>
                <c:pt idx="5064">
                  <c:v>0.54215453738280572</c:v>
                </c:pt>
                <c:pt idx="5065">
                  <c:v>0.54215453738280572</c:v>
                </c:pt>
                <c:pt idx="5066">
                  <c:v>0.54215453738280572</c:v>
                </c:pt>
                <c:pt idx="5067">
                  <c:v>0.54215453738280572</c:v>
                </c:pt>
                <c:pt idx="5068">
                  <c:v>0.54215453738280572</c:v>
                </c:pt>
                <c:pt idx="5069">
                  <c:v>0.54215453738280572</c:v>
                </c:pt>
                <c:pt idx="5070">
                  <c:v>0.54215453738280572</c:v>
                </c:pt>
                <c:pt idx="5071">
                  <c:v>2.3095783292507521</c:v>
                </c:pt>
                <c:pt idx="5072">
                  <c:v>2.598275620407096</c:v>
                </c:pt>
                <c:pt idx="5073">
                  <c:v>2.8869729115634404</c:v>
                </c:pt>
                <c:pt idx="5074">
                  <c:v>2.8869729115634404</c:v>
                </c:pt>
                <c:pt idx="5075">
                  <c:v>3.4643674938761282</c:v>
                </c:pt>
                <c:pt idx="5076">
                  <c:v>3.4643674938761282</c:v>
                </c:pt>
                <c:pt idx="5077">
                  <c:v>2.3095783292507521</c:v>
                </c:pt>
                <c:pt idx="5078">
                  <c:v>3.4643674938761282</c:v>
                </c:pt>
                <c:pt idx="5079">
                  <c:v>3.4643674938761282</c:v>
                </c:pt>
                <c:pt idx="5080">
                  <c:v>2.0208810380944078</c:v>
                </c:pt>
                <c:pt idx="5081">
                  <c:v>0.57739458231268803</c:v>
                </c:pt>
                <c:pt idx="5082">
                  <c:v>0.56926226425194604</c:v>
                </c:pt>
                <c:pt idx="5083">
                  <c:v>0.56926226425194604</c:v>
                </c:pt>
                <c:pt idx="5084">
                  <c:v>0.56926226425194604</c:v>
                </c:pt>
                <c:pt idx="5085">
                  <c:v>0.56926226425194604</c:v>
                </c:pt>
                <c:pt idx="5086">
                  <c:v>0.56926226425194604</c:v>
                </c:pt>
                <c:pt idx="5087">
                  <c:v>0.56926226425194604</c:v>
                </c:pt>
                <c:pt idx="5088">
                  <c:v>0.36661210300933239</c:v>
                </c:pt>
                <c:pt idx="5089">
                  <c:v>0.55864701410945905</c:v>
                </c:pt>
                <c:pt idx="5090">
                  <c:v>0.55864701410945905</c:v>
                </c:pt>
                <c:pt idx="5091">
                  <c:v>0.55864701410945905</c:v>
                </c:pt>
                <c:pt idx="5092">
                  <c:v>0.55864701410945905</c:v>
                </c:pt>
                <c:pt idx="5093">
                  <c:v>0.55864701410945905</c:v>
                </c:pt>
                <c:pt idx="5094">
                  <c:v>0.55864701410945905</c:v>
                </c:pt>
                <c:pt idx="5095">
                  <c:v>2.3550463188551873</c:v>
                </c:pt>
                <c:pt idx="5096">
                  <c:v>2.6277358926173675</c:v>
                </c:pt>
                <c:pt idx="5097">
                  <c:v>2.9004254663795472</c:v>
                </c:pt>
                <c:pt idx="5098">
                  <c:v>2.9004254663795472</c:v>
                </c:pt>
                <c:pt idx="5099">
                  <c:v>3.470594575155014</c:v>
                </c:pt>
                <c:pt idx="5100">
                  <c:v>3.470594575155014</c:v>
                </c:pt>
                <c:pt idx="5101">
                  <c:v>2.3054663963529731</c:v>
                </c:pt>
                <c:pt idx="5102">
                  <c:v>3.470594575155014</c:v>
                </c:pt>
                <c:pt idx="5103">
                  <c:v>3.470594575155014</c:v>
                </c:pt>
                <c:pt idx="5104">
                  <c:v>2.0451718032163471</c:v>
                </c:pt>
                <c:pt idx="5105">
                  <c:v>0.87288595954602954</c:v>
                </c:pt>
                <c:pt idx="5106">
                  <c:v>0.57610473330037959</c:v>
                </c:pt>
                <c:pt idx="5107">
                  <c:v>0.57610473330037959</c:v>
                </c:pt>
                <c:pt idx="5108">
                  <c:v>0.57610473330037959</c:v>
                </c:pt>
                <c:pt idx="5109">
                  <c:v>0.57610473330037959</c:v>
                </c:pt>
                <c:pt idx="5110">
                  <c:v>0.57610473330037959</c:v>
                </c:pt>
                <c:pt idx="5111">
                  <c:v>0.57610473330037959</c:v>
                </c:pt>
                <c:pt idx="5112">
                  <c:v>0.56633424966947532</c:v>
                </c:pt>
                <c:pt idx="5113">
                  <c:v>0.56633424966947532</c:v>
                </c:pt>
                <c:pt idx="5114">
                  <c:v>0.56633424966947532</c:v>
                </c:pt>
                <c:pt idx="5115">
                  <c:v>0.56633424966947532</c:v>
                </c:pt>
                <c:pt idx="5116">
                  <c:v>0.56633424966947532</c:v>
                </c:pt>
                <c:pt idx="5117">
                  <c:v>0.56633424966947532</c:v>
                </c:pt>
                <c:pt idx="5118">
                  <c:v>0.56633424966947532</c:v>
                </c:pt>
                <c:pt idx="5119">
                  <c:v>2.3151057660730978</c:v>
                </c:pt>
                <c:pt idx="5120">
                  <c:v>2.5831706442499827</c:v>
                </c:pt>
                <c:pt idx="5121">
                  <c:v>2.851235522426868</c:v>
                </c:pt>
                <c:pt idx="5122">
                  <c:v>2.851235522426868</c:v>
                </c:pt>
                <c:pt idx="5123">
                  <c:v>3.4117348131603547</c:v>
                </c:pt>
                <c:pt idx="5124">
                  <c:v>3.4117348131603547</c:v>
                </c:pt>
                <c:pt idx="5125">
                  <c:v>2.2663666973136638</c:v>
                </c:pt>
                <c:pt idx="5126">
                  <c:v>3.4117348131603547</c:v>
                </c:pt>
                <c:pt idx="5127">
                  <c:v>3.4117348131603547</c:v>
                </c:pt>
                <c:pt idx="5128">
                  <c:v>2.0104865863266377</c:v>
                </c:pt>
                <c:pt idx="5129">
                  <c:v>0.85808219646890205</c:v>
                </c:pt>
                <c:pt idx="5130">
                  <c:v>0.56633424966947532</c:v>
                </c:pt>
                <c:pt idx="5131">
                  <c:v>0.56633424966947532</c:v>
                </c:pt>
                <c:pt idx="5132">
                  <c:v>0.56633424966947532</c:v>
                </c:pt>
                <c:pt idx="5133">
                  <c:v>0.56633424966947532</c:v>
                </c:pt>
                <c:pt idx="5134">
                  <c:v>0.56633424966947532</c:v>
                </c:pt>
                <c:pt idx="5135">
                  <c:v>0.56633424966947532</c:v>
                </c:pt>
                <c:pt idx="5136">
                  <c:v>0.56678218194451691</c:v>
                </c:pt>
                <c:pt idx="5137">
                  <c:v>0.56678218194451691</c:v>
                </c:pt>
                <c:pt idx="5138">
                  <c:v>0.56678218194451691</c:v>
                </c:pt>
                <c:pt idx="5139">
                  <c:v>0.56678218194451691</c:v>
                </c:pt>
                <c:pt idx="5140">
                  <c:v>0.56678218194451691</c:v>
                </c:pt>
                <c:pt idx="5141">
                  <c:v>0.56678218194451691</c:v>
                </c:pt>
                <c:pt idx="5142">
                  <c:v>0.56678218194451691</c:v>
                </c:pt>
                <c:pt idx="5143">
                  <c:v>2.3169368589186461</c:v>
                </c:pt>
                <c:pt idx="5144">
                  <c:v>2.5852137583723849</c:v>
                </c:pt>
                <c:pt idx="5145">
                  <c:v>2.8534906578261223</c:v>
                </c:pt>
                <c:pt idx="5146">
                  <c:v>2.8534906578261223</c:v>
                </c:pt>
                <c:pt idx="5147">
                  <c:v>3.4144332657748473</c:v>
                </c:pt>
                <c:pt idx="5148">
                  <c:v>3.4144332657748473</c:v>
                </c:pt>
                <c:pt idx="5149">
                  <c:v>2.2681592408361486</c:v>
                </c:pt>
                <c:pt idx="5150">
                  <c:v>3.4144332657748473</c:v>
                </c:pt>
                <c:pt idx="5151">
                  <c:v>3.4144332657748473</c:v>
                </c:pt>
                <c:pt idx="5152">
                  <c:v>2.0120767459030349</c:v>
                </c:pt>
                <c:pt idx="5153">
                  <c:v>0.85876088173411658</c:v>
                </c:pt>
                <c:pt idx="5154">
                  <c:v>0.56678218194451691</c:v>
                </c:pt>
                <c:pt idx="5155">
                  <c:v>0.56678218194451691</c:v>
                </c:pt>
                <c:pt idx="5156">
                  <c:v>0.56678218194451691</c:v>
                </c:pt>
                <c:pt idx="5157">
                  <c:v>0.56678218194451691</c:v>
                </c:pt>
                <c:pt idx="5158">
                  <c:v>0.56678218194451691</c:v>
                </c:pt>
                <c:pt idx="5159">
                  <c:v>0.56678218194451691</c:v>
                </c:pt>
                <c:pt idx="5160">
                  <c:v>0.88966335038146238</c:v>
                </c:pt>
                <c:pt idx="5161">
                  <c:v>0.53918990932209843</c:v>
                </c:pt>
                <c:pt idx="5162">
                  <c:v>0.53918990932209843</c:v>
                </c:pt>
                <c:pt idx="5163">
                  <c:v>0.53918990932209843</c:v>
                </c:pt>
                <c:pt idx="5164">
                  <c:v>0.53918990932209843</c:v>
                </c:pt>
                <c:pt idx="5165">
                  <c:v>0.53918990932209843</c:v>
                </c:pt>
                <c:pt idx="5166">
                  <c:v>0.53918990932209843</c:v>
                </c:pt>
                <c:pt idx="5167">
                  <c:v>2.2969490137121396</c:v>
                </c:pt>
                <c:pt idx="5168">
                  <c:v>2.8711862671401742</c:v>
                </c:pt>
                <c:pt idx="5169">
                  <c:v>3.1583048938541913</c:v>
                </c:pt>
                <c:pt idx="5170">
                  <c:v>3.1583048938541913</c:v>
                </c:pt>
                <c:pt idx="5171">
                  <c:v>3.7325421472822264</c:v>
                </c:pt>
                <c:pt idx="5172">
                  <c:v>3.7325421472822264</c:v>
                </c:pt>
                <c:pt idx="5173">
                  <c:v>2.5840676404261567</c:v>
                </c:pt>
                <c:pt idx="5174">
                  <c:v>3.7325421472822264</c:v>
                </c:pt>
                <c:pt idx="5175">
                  <c:v>2.8711862671401742</c:v>
                </c:pt>
                <c:pt idx="5176">
                  <c:v>1.3479747733052461</c:v>
                </c:pt>
                <c:pt idx="5177">
                  <c:v>0.88966335038146238</c:v>
                </c:pt>
                <c:pt idx="5178">
                  <c:v>0.5661494047882033</c:v>
                </c:pt>
                <c:pt idx="5179">
                  <c:v>0.53918990932209843</c:v>
                </c:pt>
                <c:pt idx="5180">
                  <c:v>0.53918990932209843</c:v>
                </c:pt>
                <c:pt idx="5181">
                  <c:v>0.53918990932209843</c:v>
                </c:pt>
                <c:pt idx="5182">
                  <c:v>0.53918990932209843</c:v>
                </c:pt>
                <c:pt idx="5183">
                  <c:v>0.53918990932209843</c:v>
                </c:pt>
                <c:pt idx="5184">
                  <c:v>0.24384793791218456</c:v>
                </c:pt>
                <c:pt idx="5185">
                  <c:v>0.2194631441209661</c:v>
                </c:pt>
                <c:pt idx="5186">
                  <c:v>0.2194631441209661</c:v>
                </c:pt>
                <c:pt idx="5187">
                  <c:v>0.2194631441209661</c:v>
                </c:pt>
                <c:pt idx="5188">
                  <c:v>0.2194631441209661</c:v>
                </c:pt>
                <c:pt idx="5189">
                  <c:v>0.2194631441209661</c:v>
                </c:pt>
                <c:pt idx="5190">
                  <c:v>0.2194631441209661</c:v>
                </c:pt>
                <c:pt idx="5191">
                  <c:v>0.2194631441209661</c:v>
                </c:pt>
                <c:pt idx="5192">
                  <c:v>0.2194631441209661</c:v>
                </c:pt>
                <c:pt idx="5193">
                  <c:v>0.2194631441209661</c:v>
                </c:pt>
                <c:pt idx="5194">
                  <c:v>0.2194631441209661</c:v>
                </c:pt>
                <c:pt idx="5195">
                  <c:v>0.2194631441209661</c:v>
                </c:pt>
                <c:pt idx="5196">
                  <c:v>0.2194631441209661</c:v>
                </c:pt>
                <c:pt idx="5197">
                  <c:v>0.2194631441209661</c:v>
                </c:pt>
                <c:pt idx="5198">
                  <c:v>0.2194631441209661</c:v>
                </c:pt>
                <c:pt idx="5199">
                  <c:v>0.2194631441209661</c:v>
                </c:pt>
                <c:pt idx="5200">
                  <c:v>0.2194631441209661</c:v>
                </c:pt>
                <c:pt idx="5201">
                  <c:v>0.2194631441209661</c:v>
                </c:pt>
                <c:pt idx="5202">
                  <c:v>0.2194631441209661</c:v>
                </c:pt>
                <c:pt idx="5203">
                  <c:v>0.2194631441209661</c:v>
                </c:pt>
                <c:pt idx="5204">
                  <c:v>0.2194631441209661</c:v>
                </c:pt>
                <c:pt idx="5205">
                  <c:v>0.2194631441209661</c:v>
                </c:pt>
                <c:pt idx="5206">
                  <c:v>0.2194631441209661</c:v>
                </c:pt>
                <c:pt idx="5207">
                  <c:v>0.2194631441209661</c:v>
                </c:pt>
                <c:pt idx="5208">
                  <c:v>0.22107440948851909</c:v>
                </c:pt>
                <c:pt idx="5209">
                  <c:v>0.22107440948851909</c:v>
                </c:pt>
                <c:pt idx="5210">
                  <c:v>0.22107440948851909</c:v>
                </c:pt>
                <c:pt idx="5211">
                  <c:v>0.22107440948851909</c:v>
                </c:pt>
                <c:pt idx="5212">
                  <c:v>0.22107440948851909</c:v>
                </c:pt>
                <c:pt idx="5213">
                  <c:v>0.22107440948851909</c:v>
                </c:pt>
                <c:pt idx="5214">
                  <c:v>0.22107440948851909</c:v>
                </c:pt>
                <c:pt idx="5215">
                  <c:v>0.22107440948851909</c:v>
                </c:pt>
                <c:pt idx="5216">
                  <c:v>0.22107440948851909</c:v>
                </c:pt>
                <c:pt idx="5217">
                  <c:v>0.22107440948851909</c:v>
                </c:pt>
                <c:pt idx="5218">
                  <c:v>0.22107440948851909</c:v>
                </c:pt>
                <c:pt idx="5219">
                  <c:v>0.22107440948851909</c:v>
                </c:pt>
                <c:pt idx="5220">
                  <c:v>0.22107440948851909</c:v>
                </c:pt>
                <c:pt idx="5221">
                  <c:v>0.22107440948851909</c:v>
                </c:pt>
                <c:pt idx="5222">
                  <c:v>0.22107440948851909</c:v>
                </c:pt>
                <c:pt idx="5223">
                  <c:v>0.22107440948851909</c:v>
                </c:pt>
                <c:pt idx="5224">
                  <c:v>0.22107440948851909</c:v>
                </c:pt>
                <c:pt idx="5225">
                  <c:v>0.22107440948851909</c:v>
                </c:pt>
                <c:pt idx="5226">
                  <c:v>0.22107440948851909</c:v>
                </c:pt>
                <c:pt idx="5227">
                  <c:v>0.22107440948851909</c:v>
                </c:pt>
                <c:pt idx="5228">
                  <c:v>0.22107440948851909</c:v>
                </c:pt>
                <c:pt idx="5229">
                  <c:v>0.22107440948851909</c:v>
                </c:pt>
                <c:pt idx="5230">
                  <c:v>0.22107440948851909</c:v>
                </c:pt>
                <c:pt idx="5231">
                  <c:v>0.22107440948851909</c:v>
                </c:pt>
                <c:pt idx="5232">
                  <c:v>0.57568109363212439</c:v>
                </c:pt>
                <c:pt idx="5233">
                  <c:v>0.57568109363212439</c:v>
                </c:pt>
                <c:pt idx="5234">
                  <c:v>0.57568109363212439</c:v>
                </c:pt>
                <c:pt idx="5235">
                  <c:v>0.57568109363212439</c:v>
                </c:pt>
                <c:pt idx="5236">
                  <c:v>0.57568109363212439</c:v>
                </c:pt>
                <c:pt idx="5237">
                  <c:v>0.57568109363212439</c:v>
                </c:pt>
                <c:pt idx="5238">
                  <c:v>0.57568109363212439</c:v>
                </c:pt>
                <c:pt idx="5239">
                  <c:v>2.4524014588728495</c:v>
                </c:pt>
                <c:pt idx="5240">
                  <c:v>2.7589516412319561</c:v>
                </c:pt>
                <c:pt idx="5241">
                  <c:v>3.0655018235910623</c:v>
                </c:pt>
                <c:pt idx="5242">
                  <c:v>3.0655018235910623</c:v>
                </c:pt>
                <c:pt idx="5243">
                  <c:v>3.6786021883092745</c:v>
                </c:pt>
                <c:pt idx="5244">
                  <c:v>3.6786021883092745</c:v>
                </c:pt>
                <c:pt idx="5245">
                  <c:v>2.4524014588728495</c:v>
                </c:pt>
                <c:pt idx="5246">
                  <c:v>3.6786021883092745</c:v>
                </c:pt>
                <c:pt idx="5247">
                  <c:v>3.6786021883092745</c:v>
                </c:pt>
                <c:pt idx="5248">
                  <c:v>2.145851276513743</c:v>
                </c:pt>
                <c:pt idx="5249">
                  <c:v>0.61310036471821239</c:v>
                </c:pt>
                <c:pt idx="5250">
                  <c:v>0.60446514831373055</c:v>
                </c:pt>
                <c:pt idx="5251">
                  <c:v>0.60446514831373055</c:v>
                </c:pt>
                <c:pt idx="5252">
                  <c:v>0.60446514831373055</c:v>
                </c:pt>
                <c:pt idx="5253">
                  <c:v>0.60446514831373055</c:v>
                </c:pt>
                <c:pt idx="5254">
                  <c:v>0.60446514831373055</c:v>
                </c:pt>
                <c:pt idx="5255">
                  <c:v>0.60446514831373055</c:v>
                </c:pt>
                <c:pt idx="5256">
                  <c:v>0.37437364406232981</c:v>
                </c:pt>
                <c:pt idx="5257">
                  <c:v>0.57047412428545496</c:v>
                </c:pt>
                <c:pt idx="5258">
                  <c:v>0.57047412428545496</c:v>
                </c:pt>
                <c:pt idx="5259">
                  <c:v>0.57047412428545496</c:v>
                </c:pt>
                <c:pt idx="5260">
                  <c:v>0.57047412428545496</c:v>
                </c:pt>
                <c:pt idx="5261">
                  <c:v>0.57047412428545496</c:v>
                </c:pt>
                <c:pt idx="5262">
                  <c:v>0.57047412428545496</c:v>
                </c:pt>
                <c:pt idx="5263">
                  <c:v>2.4049049801908704</c:v>
                </c:pt>
                <c:pt idx="5264">
                  <c:v>2.6833676621077087</c:v>
                </c:pt>
                <c:pt idx="5265">
                  <c:v>2.9618303440245466</c:v>
                </c:pt>
                <c:pt idx="5266">
                  <c:v>2.9618303440245466</c:v>
                </c:pt>
                <c:pt idx="5267">
                  <c:v>3.5440704971233883</c:v>
                </c:pt>
                <c:pt idx="5268">
                  <c:v>3.5440704971233883</c:v>
                </c:pt>
                <c:pt idx="5269">
                  <c:v>2.3542754016605363</c:v>
                </c:pt>
                <c:pt idx="5270">
                  <c:v>3.5440704971233883</c:v>
                </c:pt>
                <c:pt idx="5271">
                  <c:v>3.5440704971233883</c:v>
                </c:pt>
                <c:pt idx="5272">
                  <c:v>2.0884701143762823</c:v>
                </c:pt>
                <c:pt idx="5273">
                  <c:v>0.89136581919602331</c:v>
                </c:pt>
                <c:pt idx="5274">
                  <c:v>0.5883014406693754</c:v>
                </c:pt>
                <c:pt idx="5275">
                  <c:v>0.5883014406693754</c:v>
                </c:pt>
                <c:pt idx="5276">
                  <c:v>0.5883014406693754</c:v>
                </c:pt>
                <c:pt idx="5277">
                  <c:v>0.5883014406693754</c:v>
                </c:pt>
                <c:pt idx="5278">
                  <c:v>0.5883014406693754</c:v>
                </c:pt>
                <c:pt idx="5279">
                  <c:v>0.5883014406693754</c:v>
                </c:pt>
                <c:pt idx="5280">
                  <c:v>0.58649120204634908</c:v>
                </c:pt>
                <c:pt idx="5281">
                  <c:v>0.58649120204634908</c:v>
                </c:pt>
                <c:pt idx="5282">
                  <c:v>0.58649120204634908</c:v>
                </c:pt>
                <c:pt idx="5283">
                  <c:v>0.58649120204634908</c:v>
                </c:pt>
                <c:pt idx="5284">
                  <c:v>0.58649120204634908</c:v>
                </c:pt>
                <c:pt idx="5285">
                  <c:v>0.58649120204634908</c:v>
                </c:pt>
                <c:pt idx="5286">
                  <c:v>0.58649120204634908</c:v>
                </c:pt>
                <c:pt idx="5287">
                  <c:v>2.3975049441228027</c:v>
                </c:pt>
                <c:pt idx="5288">
                  <c:v>2.6751107797580747</c:v>
                </c:pt>
                <c:pt idx="5289">
                  <c:v>2.9527166153933466</c:v>
                </c:pt>
                <c:pt idx="5290">
                  <c:v>2.9527166153933466</c:v>
                </c:pt>
                <c:pt idx="5291">
                  <c:v>3.533165180812551</c:v>
                </c:pt>
                <c:pt idx="5292">
                  <c:v>3.533165180812551</c:v>
                </c:pt>
                <c:pt idx="5293">
                  <c:v>2.3470311558254804</c:v>
                </c:pt>
                <c:pt idx="5294">
                  <c:v>3.533165180812551</c:v>
                </c:pt>
                <c:pt idx="5295">
                  <c:v>3.533165180812551</c:v>
                </c:pt>
                <c:pt idx="5296">
                  <c:v>2.0820437672645391</c:v>
                </c:pt>
                <c:pt idx="5297">
                  <c:v>0.88862303340355919</c:v>
                </c:pt>
                <c:pt idx="5298">
                  <c:v>0.58649120204634908</c:v>
                </c:pt>
                <c:pt idx="5299">
                  <c:v>0.58649120204634908</c:v>
                </c:pt>
                <c:pt idx="5300">
                  <c:v>0.58649120204634908</c:v>
                </c:pt>
                <c:pt idx="5301">
                  <c:v>0.58649120204634908</c:v>
                </c:pt>
                <c:pt idx="5302">
                  <c:v>0.58649120204634908</c:v>
                </c:pt>
                <c:pt idx="5303">
                  <c:v>0.58649120204634908</c:v>
                </c:pt>
                <c:pt idx="5304">
                  <c:v>0.5860432697713075</c:v>
                </c:pt>
                <c:pt idx="5305">
                  <c:v>0.5860432697713075</c:v>
                </c:pt>
                <c:pt idx="5306">
                  <c:v>0.5860432697713075</c:v>
                </c:pt>
                <c:pt idx="5307">
                  <c:v>0.5860432697713075</c:v>
                </c:pt>
                <c:pt idx="5308">
                  <c:v>0.5860432697713075</c:v>
                </c:pt>
                <c:pt idx="5309">
                  <c:v>0.5860432697713075</c:v>
                </c:pt>
                <c:pt idx="5310">
                  <c:v>0.5860432697713075</c:v>
                </c:pt>
                <c:pt idx="5311">
                  <c:v>2.395673851277254</c:v>
                </c:pt>
                <c:pt idx="5312">
                  <c:v>2.6730676656356729</c:v>
                </c:pt>
                <c:pt idx="5313">
                  <c:v>2.9504614799940923</c:v>
                </c:pt>
                <c:pt idx="5314">
                  <c:v>2.9504614799940923</c:v>
                </c:pt>
                <c:pt idx="5315">
                  <c:v>3.5304667281980584</c:v>
                </c:pt>
                <c:pt idx="5316">
                  <c:v>3.5304667281980584</c:v>
                </c:pt>
                <c:pt idx="5317">
                  <c:v>2.345238612302996</c:v>
                </c:pt>
                <c:pt idx="5318">
                  <c:v>3.5304667281980584</c:v>
                </c:pt>
                <c:pt idx="5319">
                  <c:v>3.5304667281980584</c:v>
                </c:pt>
                <c:pt idx="5320">
                  <c:v>2.0804536076881415</c:v>
                </c:pt>
                <c:pt idx="5321">
                  <c:v>0.88794434813834455</c:v>
                </c:pt>
                <c:pt idx="5322">
                  <c:v>0.5860432697713075</c:v>
                </c:pt>
                <c:pt idx="5323">
                  <c:v>0.5860432697713075</c:v>
                </c:pt>
                <c:pt idx="5324">
                  <c:v>0.5860432697713075</c:v>
                </c:pt>
                <c:pt idx="5325">
                  <c:v>0.5860432697713075</c:v>
                </c:pt>
                <c:pt idx="5326">
                  <c:v>0.5860432697713075</c:v>
                </c:pt>
                <c:pt idx="5327">
                  <c:v>0.5860432697713075</c:v>
                </c:pt>
                <c:pt idx="5328">
                  <c:v>0.87939271134297015</c:v>
                </c:pt>
                <c:pt idx="5329">
                  <c:v>0.53296527960180007</c:v>
                </c:pt>
                <c:pt idx="5330">
                  <c:v>0.53296527960180007</c:v>
                </c:pt>
                <c:pt idx="5331">
                  <c:v>0.53296527960180007</c:v>
                </c:pt>
                <c:pt idx="5332">
                  <c:v>0.53296527960180007</c:v>
                </c:pt>
                <c:pt idx="5333">
                  <c:v>0.53296527960180007</c:v>
                </c:pt>
                <c:pt idx="5334">
                  <c:v>0.53296527960180007</c:v>
                </c:pt>
                <c:pt idx="5335">
                  <c:v>2.2704320911036682</c:v>
                </c:pt>
                <c:pt idx="5336">
                  <c:v>2.8380401138795852</c:v>
                </c:pt>
                <c:pt idx="5337">
                  <c:v>3.1218441252675446</c:v>
                </c:pt>
                <c:pt idx="5338">
                  <c:v>3.1218441252675446</c:v>
                </c:pt>
                <c:pt idx="5339">
                  <c:v>3.6894521480434617</c:v>
                </c:pt>
                <c:pt idx="5340">
                  <c:v>3.6894521480434617</c:v>
                </c:pt>
                <c:pt idx="5341">
                  <c:v>2.5542361024916271</c:v>
                </c:pt>
                <c:pt idx="5342">
                  <c:v>3.6894521480434617</c:v>
                </c:pt>
                <c:pt idx="5343">
                  <c:v>2.8380401138795852</c:v>
                </c:pt>
                <c:pt idx="5344">
                  <c:v>1.3324131990045005</c:v>
                </c:pt>
                <c:pt idx="5345">
                  <c:v>0.87939271134297015</c:v>
                </c:pt>
                <c:pt idx="5346">
                  <c:v>0.55961354358189008</c:v>
                </c:pt>
                <c:pt idx="5347">
                  <c:v>0.53296527960180007</c:v>
                </c:pt>
                <c:pt idx="5348">
                  <c:v>0.53296527960180007</c:v>
                </c:pt>
                <c:pt idx="5349">
                  <c:v>0.53296527960180007</c:v>
                </c:pt>
                <c:pt idx="5350">
                  <c:v>0.53296527960180007</c:v>
                </c:pt>
                <c:pt idx="5351">
                  <c:v>0.53296527960180007</c:v>
                </c:pt>
                <c:pt idx="5352">
                  <c:v>0.2398157191537019</c:v>
                </c:pt>
                <c:pt idx="5353">
                  <c:v>0.21583414723833169</c:v>
                </c:pt>
                <c:pt idx="5354">
                  <c:v>0.21583414723833169</c:v>
                </c:pt>
                <c:pt idx="5355">
                  <c:v>0.21583414723833169</c:v>
                </c:pt>
                <c:pt idx="5356">
                  <c:v>0.21583414723833169</c:v>
                </c:pt>
                <c:pt idx="5357">
                  <c:v>0.21583414723833169</c:v>
                </c:pt>
                <c:pt idx="5358">
                  <c:v>0.21583414723833169</c:v>
                </c:pt>
                <c:pt idx="5359">
                  <c:v>0.21583414723833169</c:v>
                </c:pt>
                <c:pt idx="5360">
                  <c:v>0.21583414723833169</c:v>
                </c:pt>
                <c:pt idx="5361">
                  <c:v>0.21583414723833169</c:v>
                </c:pt>
                <c:pt idx="5362">
                  <c:v>0.21583414723833169</c:v>
                </c:pt>
                <c:pt idx="5363">
                  <c:v>0.21583414723833169</c:v>
                </c:pt>
                <c:pt idx="5364">
                  <c:v>0.21583414723833169</c:v>
                </c:pt>
                <c:pt idx="5365">
                  <c:v>0.21583414723833169</c:v>
                </c:pt>
                <c:pt idx="5366">
                  <c:v>0.21583414723833169</c:v>
                </c:pt>
                <c:pt idx="5367">
                  <c:v>0.21583414723833169</c:v>
                </c:pt>
                <c:pt idx="5368">
                  <c:v>0.21583414723833169</c:v>
                </c:pt>
                <c:pt idx="5369">
                  <c:v>0.21583414723833169</c:v>
                </c:pt>
                <c:pt idx="5370">
                  <c:v>0.21583414723833169</c:v>
                </c:pt>
                <c:pt idx="5371">
                  <c:v>0.21583414723833169</c:v>
                </c:pt>
                <c:pt idx="5372">
                  <c:v>0.21583414723833169</c:v>
                </c:pt>
                <c:pt idx="5373">
                  <c:v>0.21583414723833169</c:v>
                </c:pt>
                <c:pt idx="5374">
                  <c:v>0.21583414723833169</c:v>
                </c:pt>
                <c:pt idx="5375">
                  <c:v>0.21583414723833169</c:v>
                </c:pt>
                <c:pt idx="5376">
                  <c:v>0.21489887444948585</c:v>
                </c:pt>
                <c:pt idx="5377">
                  <c:v>0.21489887444948585</c:v>
                </c:pt>
                <c:pt idx="5378">
                  <c:v>0.21489887444948585</c:v>
                </c:pt>
                <c:pt idx="5379">
                  <c:v>0.21489887444948585</c:v>
                </c:pt>
                <c:pt idx="5380">
                  <c:v>0.21489887444948585</c:v>
                </c:pt>
                <c:pt idx="5381">
                  <c:v>0.21489887444948585</c:v>
                </c:pt>
                <c:pt idx="5382">
                  <c:v>0.21489887444948585</c:v>
                </c:pt>
                <c:pt idx="5383">
                  <c:v>0.21489887444948585</c:v>
                </c:pt>
                <c:pt idx="5384">
                  <c:v>0.21489887444948585</c:v>
                </c:pt>
                <c:pt idx="5385">
                  <c:v>0.21489887444948585</c:v>
                </c:pt>
                <c:pt idx="5386">
                  <c:v>0.21489887444948585</c:v>
                </c:pt>
                <c:pt idx="5387">
                  <c:v>0.21489887444948585</c:v>
                </c:pt>
                <c:pt idx="5388">
                  <c:v>0.21489887444948585</c:v>
                </c:pt>
                <c:pt idx="5389">
                  <c:v>0.21489887444948585</c:v>
                </c:pt>
                <c:pt idx="5390">
                  <c:v>0.21489887444948585</c:v>
                </c:pt>
                <c:pt idx="5391">
                  <c:v>0.21489887444948585</c:v>
                </c:pt>
                <c:pt idx="5392">
                  <c:v>0.21489887444948585</c:v>
                </c:pt>
                <c:pt idx="5393">
                  <c:v>0.21489887444948585</c:v>
                </c:pt>
                <c:pt idx="5394">
                  <c:v>0.21489887444948585</c:v>
                </c:pt>
                <c:pt idx="5395">
                  <c:v>0.21489887444948585</c:v>
                </c:pt>
                <c:pt idx="5396">
                  <c:v>0.21489887444948585</c:v>
                </c:pt>
                <c:pt idx="5397">
                  <c:v>0.21489887444948585</c:v>
                </c:pt>
                <c:pt idx="5398">
                  <c:v>0.21489887444948585</c:v>
                </c:pt>
                <c:pt idx="5399">
                  <c:v>0.21489887444948585</c:v>
                </c:pt>
                <c:pt idx="5400">
                  <c:v>0.53011936334458865</c:v>
                </c:pt>
                <c:pt idx="5401">
                  <c:v>0.53011936334458865</c:v>
                </c:pt>
                <c:pt idx="5402">
                  <c:v>0.53011936334458865</c:v>
                </c:pt>
                <c:pt idx="5403">
                  <c:v>0.53011936334458865</c:v>
                </c:pt>
                <c:pt idx="5404">
                  <c:v>0.53011936334458865</c:v>
                </c:pt>
                <c:pt idx="5405">
                  <c:v>0.53011936334458865</c:v>
                </c:pt>
                <c:pt idx="5406">
                  <c:v>0.53011936334458865</c:v>
                </c:pt>
                <c:pt idx="5407">
                  <c:v>2.2583084878479478</c:v>
                </c:pt>
                <c:pt idx="5408">
                  <c:v>2.5405970488289413</c:v>
                </c:pt>
                <c:pt idx="5409">
                  <c:v>2.8228856098099349</c:v>
                </c:pt>
                <c:pt idx="5410">
                  <c:v>2.8228856098099349</c:v>
                </c:pt>
                <c:pt idx="5411">
                  <c:v>3.387462731771921</c:v>
                </c:pt>
                <c:pt idx="5412">
                  <c:v>3.387462731771921</c:v>
                </c:pt>
                <c:pt idx="5413">
                  <c:v>2.2583084878479478</c:v>
                </c:pt>
                <c:pt idx="5414">
                  <c:v>3.387462731771921</c:v>
                </c:pt>
                <c:pt idx="5415">
                  <c:v>3.387462731771921</c:v>
                </c:pt>
                <c:pt idx="5416">
                  <c:v>1.9760199268669545</c:v>
                </c:pt>
                <c:pt idx="5417">
                  <c:v>0.56457712196198695</c:v>
                </c:pt>
                <c:pt idx="5418">
                  <c:v>0.55662533151181814</c:v>
                </c:pt>
                <c:pt idx="5419">
                  <c:v>0.55662533151181814</c:v>
                </c:pt>
                <c:pt idx="5420">
                  <c:v>0.55662533151181814</c:v>
                </c:pt>
                <c:pt idx="5421">
                  <c:v>0.55662533151181814</c:v>
                </c:pt>
                <c:pt idx="5422">
                  <c:v>0.55662533151181814</c:v>
                </c:pt>
                <c:pt idx="5423">
                  <c:v>0.55662533151181814</c:v>
                </c:pt>
                <c:pt idx="5424">
                  <c:v>0.35252634332055943</c:v>
                </c:pt>
                <c:pt idx="5425">
                  <c:v>0.53718299934561431</c:v>
                </c:pt>
                <c:pt idx="5426">
                  <c:v>0.53718299934561431</c:v>
                </c:pt>
                <c:pt idx="5427">
                  <c:v>0.53718299934561431</c:v>
                </c:pt>
                <c:pt idx="5428">
                  <c:v>0.53718299934561431</c:v>
                </c:pt>
                <c:pt idx="5429">
                  <c:v>0.53718299934561431</c:v>
                </c:pt>
                <c:pt idx="5430">
                  <c:v>0.53718299934561431</c:v>
                </c:pt>
                <c:pt idx="5431">
                  <c:v>2.2645620816163552</c:v>
                </c:pt>
                <c:pt idx="5432">
                  <c:v>2.5267745331719333</c:v>
                </c:pt>
                <c:pt idx="5433">
                  <c:v>2.7889869847275111</c:v>
                </c:pt>
                <c:pt idx="5434">
                  <c:v>2.7889869847275111</c:v>
                </c:pt>
                <c:pt idx="5435">
                  <c:v>3.3372493834346288</c:v>
                </c:pt>
                <c:pt idx="5436">
                  <c:v>3.3372493834346288</c:v>
                </c:pt>
                <c:pt idx="5437">
                  <c:v>2.2168870904244318</c:v>
                </c:pt>
                <c:pt idx="5438">
                  <c:v>3.3372493834346288</c:v>
                </c:pt>
                <c:pt idx="5439">
                  <c:v>3.3372493834346288</c:v>
                </c:pt>
                <c:pt idx="5440">
                  <c:v>1.9665933866668348</c:v>
                </c:pt>
                <c:pt idx="5441">
                  <c:v>0.83934843647752255</c:v>
                </c:pt>
                <c:pt idx="5442">
                  <c:v>0.55396996807516474</c:v>
                </c:pt>
                <c:pt idx="5443">
                  <c:v>0.55396996807516474</c:v>
                </c:pt>
                <c:pt idx="5444">
                  <c:v>0.55396996807516474</c:v>
                </c:pt>
                <c:pt idx="5445">
                  <c:v>0.55396996807516474</c:v>
                </c:pt>
                <c:pt idx="5446">
                  <c:v>0.55396996807516474</c:v>
                </c:pt>
                <c:pt idx="5447">
                  <c:v>0.55396996807516474</c:v>
                </c:pt>
                <c:pt idx="5448">
                  <c:v>0.5488648909428514</c:v>
                </c:pt>
                <c:pt idx="5449">
                  <c:v>0.5488648909428514</c:v>
                </c:pt>
                <c:pt idx="5450">
                  <c:v>0.5488648909428514</c:v>
                </c:pt>
                <c:pt idx="5451">
                  <c:v>0.5488648909428514</c:v>
                </c:pt>
                <c:pt idx="5452">
                  <c:v>0.5488648909428514</c:v>
                </c:pt>
                <c:pt idx="5453">
                  <c:v>0.5488648909428514</c:v>
                </c:pt>
                <c:pt idx="5454">
                  <c:v>0.5488648909428514</c:v>
                </c:pt>
                <c:pt idx="5455">
                  <c:v>2.2436931450966862</c:v>
                </c:pt>
                <c:pt idx="5456">
                  <c:v>2.5034891934763031</c:v>
                </c:pt>
                <c:pt idx="5457">
                  <c:v>2.7632852418559195</c:v>
                </c:pt>
                <c:pt idx="5458">
                  <c:v>2.7632852418559195</c:v>
                </c:pt>
                <c:pt idx="5459">
                  <c:v>3.3064951611951163</c:v>
                </c:pt>
                <c:pt idx="5460">
                  <c:v>3.3064951611951163</c:v>
                </c:pt>
                <c:pt idx="5461">
                  <c:v>2.1964574999367561</c:v>
                </c:pt>
                <c:pt idx="5462">
                  <c:v>3.3064951611951163</c:v>
                </c:pt>
                <c:pt idx="5463">
                  <c:v>3.3064951611951163</c:v>
                </c:pt>
                <c:pt idx="5464">
                  <c:v>1.9484703628471221</c:v>
                </c:pt>
                <c:pt idx="5465">
                  <c:v>0.83161347112553252</c:v>
                </c:pt>
                <c:pt idx="5466">
                  <c:v>0.5488648909428514</c:v>
                </c:pt>
                <c:pt idx="5467">
                  <c:v>0.5488648909428514</c:v>
                </c:pt>
                <c:pt idx="5468">
                  <c:v>0.5488648909428514</c:v>
                </c:pt>
                <c:pt idx="5469">
                  <c:v>0.5488648909428514</c:v>
                </c:pt>
                <c:pt idx="5470">
                  <c:v>0.5488648909428514</c:v>
                </c:pt>
                <c:pt idx="5471">
                  <c:v>0.5488648909428514</c:v>
                </c:pt>
                <c:pt idx="5472">
                  <c:v>0.5623028591941005</c:v>
                </c:pt>
                <c:pt idx="5473">
                  <c:v>0.5623028591941005</c:v>
                </c:pt>
                <c:pt idx="5474">
                  <c:v>0.5623028591941005</c:v>
                </c:pt>
                <c:pt idx="5475">
                  <c:v>0.5623028591941005</c:v>
                </c:pt>
                <c:pt idx="5476">
                  <c:v>0.5623028591941005</c:v>
                </c:pt>
                <c:pt idx="5477">
                  <c:v>0.5623028591941005</c:v>
                </c:pt>
                <c:pt idx="5478">
                  <c:v>0.5623028591941005</c:v>
                </c:pt>
                <c:pt idx="5479">
                  <c:v>2.2986259304631562</c:v>
                </c:pt>
                <c:pt idx="5480">
                  <c:v>2.5647826171483641</c:v>
                </c:pt>
                <c:pt idx="5481">
                  <c:v>2.8309393038335715</c:v>
                </c:pt>
                <c:pt idx="5482">
                  <c:v>2.8309393038335715</c:v>
                </c:pt>
                <c:pt idx="5483">
                  <c:v>3.3874487396299151</c:v>
                </c:pt>
                <c:pt idx="5484">
                  <c:v>3.3874487396299151</c:v>
                </c:pt>
                <c:pt idx="5485">
                  <c:v>2.2502338056113</c:v>
                </c:pt>
                <c:pt idx="5486">
                  <c:v>3.3874487396299151</c:v>
                </c:pt>
                <c:pt idx="5487">
                  <c:v>3.3874487396299151</c:v>
                </c:pt>
                <c:pt idx="5488">
                  <c:v>1.9961751501390572</c:v>
                </c:pt>
                <c:pt idx="5489">
                  <c:v>0.85197402908197062</c:v>
                </c:pt>
                <c:pt idx="5490">
                  <c:v>0.5623028591941005</c:v>
                </c:pt>
                <c:pt idx="5491">
                  <c:v>0.5623028591941005</c:v>
                </c:pt>
                <c:pt idx="5492">
                  <c:v>0.5623028591941005</c:v>
                </c:pt>
                <c:pt idx="5493">
                  <c:v>0.5623028591941005</c:v>
                </c:pt>
                <c:pt idx="5494">
                  <c:v>0.5623028591941005</c:v>
                </c:pt>
                <c:pt idx="5495">
                  <c:v>0.5623028591941005</c:v>
                </c:pt>
                <c:pt idx="5496">
                  <c:v>0.84995021276595928</c:v>
                </c:pt>
                <c:pt idx="5497">
                  <c:v>0.5151213410702784</c:v>
                </c:pt>
                <c:pt idx="5498">
                  <c:v>0.5151213410702784</c:v>
                </c:pt>
                <c:pt idx="5499">
                  <c:v>0.5151213410702784</c:v>
                </c:pt>
                <c:pt idx="5500">
                  <c:v>0.5151213410702784</c:v>
                </c:pt>
                <c:pt idx="5501">
                  <c:v>0.5151213410702784</c:v>
                </c:pt>
                <c:pt idx="5502">
                  <c:v>0.5151213410702784</c:v>
                </c:pt>
                <c:pt idx="5503">
                  <c:v>2.1944169129593853</c:v>
                </c:pt>
                <c:pt idx="5504">
                  <c:v>2.743021141199232</c:v>
                </c:pt>
                <c:pt idx="5505">
                  <c:v>3.0173232553191554</c:v>
                </c:pt>
                <c:pt idx="5506">
                  <c:v>3.0173232553191554</c:v>
                </c:pt>
                <c:pt idx="5507">
                  <c:v>3.565927483559002</c:v>
                </c:pt>
                <c:pt idx="5508">
                  <c:v>3.565927483559002</c:v>
                </c:pt>
                <c:pt idx="5509">
                  <c:v>2.4687190270793087</c:v>
                </c:pt>
                <c:pt idx="5510">
                  <c:v>3.565927483559002</c:v>
                </c:pt>
                <c:pt idx="5511">
                  <c:v>2.743021141199232</c:v>
                </c:pt>
                <c:pt idx="5512">
                  <c:v>1.2878033526756958</c:v>
                </c:pt>
                <c:pt idx="5513">
                  <c:v>0.84995021276595928</c:v>
                </c:pt>
                <c:pt idx="5514">
                  <c:v>0.54087740812379215</c:v>
                </c:pt>
                <c:pt idx="5515">
                  <c:v>0.5151213410702784</c:v>
                </c:pt>
                <c:pt idx="5516">
                  <c:v>0.5151213410702784</c:v>
                </c:pt>
                <c:pt idx="5517">
                  <c:v>0.5151213410702784</c:v>
                </c:pt>
                <c:pt idx="5518">
                  <c:v>0.5151213410702784</c:v>
                </c:pt>
                <c:pt idx="5519">
                  <c:v>0.5151213410702784</c:v>
                </c:pt>
                <c:pt idx="5520">
                  <c:v>0.23734701379136561</c:v>
                </c:pt>
                <c:pt idx="5521">
                  <c:v>0.21361231241222908</c:v>
                </c:pt>
                <c:pt idx="5522">
                  <c:v>0.21361231241222908</c:v>
                </c:pt>
                <c:pt idx="5523">
                  <c:v>0.21361231241222908</c:v>
                </c:pt>
                <c:pt idx="5524">
                  <c:v>0.21361231241222908</c:v>
                </c:pt>
                <c:pt idx="5525">
                  <c:v>0.21361231241222908</c:v>
                </c:pt>
                <c:pt idx="5526">
                  <c:v>0.21361231241222908</c:v>
                </c:pt>
                <c:pt idx="5527">
                  <c:v>0.21361231241222908</c:v>
                </c:pt>
                <c:pt idx="5528">
                  <c:v>0.21361231241222908</c:v>
                </c:pt>
                <c:pt idx="5529">
                  <c:v>0.21361231241222908</c:v>
                </c:pt>
                <c:pt idx="5530">
                  <c:v>0.21361231241222908</c:v>
                </c:pt>
                <c:pt idx="5531">
                  <c:v>0.21361231241222908</c:v>
                </c:pt>
                <c:pt idx="5532">
                  <c:v>0.21361231241222908</c:v>
                </c:pt>
                <c:pt idx="5533">
                  <c:v>0.21361231241222908</c:v>
                </c:pt>
                <c:pt idx="5534">
                  <c:v>0.21361231241222908</c:v>
                </c:pt>
                <c:pt idx="5535">
                  <c:v>0.21361231241222908</c:v>
                </c:pt>
                <c:pt idx="5536">
                  <c:v>0.21361231241222908</c:v>
                </c:pt>
                <c:pt idx="5537">
                  <c:v>0.21361231241222908</c:v>
                </c:pt>
                <c:pt idx="5538">
                  <c:v>0.21361231241222908</c:v>
                </c:pt>
                <c:pt idx="5539">
                  <c:v>0.21361231241222908</c:v>
                </c:pt>
                <c:pt idx="5540">
                  <c:v>0.21361231241222908</c:v>
                </c:pt>
                <c:pt idx="5541">
                  <c:v>0.21361231241222908</c:v>
                </c:pt>
                <c:pt idx="5542">
                  <c:v>0.21361231241222908</c:v>
                </c:pt>
                <c:pt idx="5543">
                  <c:v>0.21361231241222908</c:v>
                </c:pt>
                <c:pt idx="5544">
                  <c:v>0.21326198564395898</c:v>
                </c:pt>
                <c:pt idx="5545">
                  <c:v>0.21326198564395898</c:v>
                </c:pt>
                <c:pt idx="5546">
                  <c:v>0.21326198564395898</c:v>
                </c:pt>
                <c:pt idx="5547">
                  <c:v>0.21326198564395898</c:v>
                </c:pt>
                <c:pt idx="5548">
                  <c:v>0.21326198564395898</c:v>
                </c:pt>
                <c:pt idx="5549">
                  <c:v>0.21326198564395898</c:v>
                </c:pt>
                <c:pt idx="5550">
                  <c:v>0.21326198564395898</c:v>
                </c:pt>
                <c:pt idx="5551">
                  <c:v>0.21326198564395898</c:v>
                </c:pt>
                <c:pt idx="5552">
                  <c:v>0.21326198564395898</c:v>
                </c:pt>
                <c:pt idx="5553">
                  <c:v>0.21326198564395898</c:v>
                </c:pt>
                <c:pt idx="5554">
                  <c:v>0.21326198564395898</c:v>
                </c:pt>
                <c:pt idx="5555">
                  <c:v>0.21326198564395898</c:v>
                </c:pt>
                <c:pt idx="5556">
                  <c:v>0.21326198564395898</c:v>
                </c:pt>
                <c:pt idx="5557">
                  <c:v>0.21326198564395898</c:v>
                </c:pt>
                <c:pt idx="5558">
                  <c:v>0.21326198564395898</c:v>
                </c:pt>
                <c:pt idx="5559">
                  <c:v>0.21326198564395898</c:v>
                </c:pt>
                <c:pt idx="5560">
                  <c:v>0.21326198564395898</c:v>
                </c:pt>
                <c:pt idx="5561">
                  <c:v>0.21326198564395898</c:v>
                </c:pt>
                <c:pt idx="5562">
                  <c:v>0.21326198564395898</c:v>
                </c:pt>
                <c:pt idx="5563">
                  <c:v>0.21326198564395898</c:v>
                </c:pt>
                <c:pt idx="5564">
                  <c:v>0.21326198564395898</c:v>
                </c:pt>
                <c:pt idx="5565">
                  <c:v>0.21326198564395898</c:v>
                </c:pt>
                <c:pt idx="5566">
                  <c:v>0.21326198564395898</c:v>
                </c:pt>
                <c:pt idx="5567">
                  <c:v>0.21326198564395898</c:v>
                </c:pt>
                <c:pt idx="5568">
                  <c:v>0.51679470637370573</c:v>
                </c:pt>
                <c:pt idx="5569">
                  <c:v>0.51679470637370573</c:v>
                </c:pt>
                <c:pt idx="5570">
                  <c:v>0.51679470637370573</c:v>
                </c:pt>
                <c:pt idx="5571">
                  <c:v>0.51679470637370573</c:v>
                </c:pt>
                <c:pt idx="5572">
                  <c:v>0.51679470637370573</c:v>
                </c:pt>
                <c:pt idx="5573">
                  <c:v>0.51679470637370573</c:v>
                </c:pt>
                <c:pt idx="5574">
                  <c:v>0.51679470637370573</c:v>
                </c:pt>
                <c:pt idx="5575">
                  <c:v>2.2015454491519866</c:v>
                </c:pt>
                <c:pt idx="5576">
                  <c:v>2.4767386302959848</c:v>
                </c:pt>
                <c:pt idx="5577">
                  <c:v>2.7519318114399827</c:v>
                </c:pt>
                <c:pt idx="5578">
                  <c:v>2.7519318114399827</c:v>
                </c:pt>
                <c:pt idx="5579">
                  <c:v>3.3023181737279788</c:v>
                </c:pt>
                <c:pt idx="5580">
                  <c:v>3.3023181737279788</c:v>
                </c:pt>
                <c:pt idx="5581">
                  <c:v>2.2015454491519866</c:v>
                </c:pt>
                <c:pt idx="5582">
                  <c:v>3.3023181737279788</c:v>
                </c:pt>
                <c:pt idx="5583">
                  <c:v>3.3023181737279788</c:v>
                </c:pt>
                <c:pt idx="5584">
                  <c:v>1.9263522680079876</c:v>
                </c:pt>
                <c:pt idx="5585">
                  <c:v>0.55038636228799664</c:v>
                </c:pt>
                <c:pt idx="5586">
                  <c:v>0.54263444169239095</c:v>
                </c:pt>
                <c:pt idx="5587">
                  <c:v>0.54263444169239095</c:v>
                </c:pt>
                <c:pt idx="5588">
                  <c:v>0.54263444169239095</c:v>
                </c:pt>
                <c:pt idx="5589">
                  <c:v>0.54263444169239095</c:v>
                </c:pt>
                <c:pt idx="5590">
                  <c:v>0.54263444169239095</c:v>
                </c:pt>
                <c:pt idx="5591">
                  <c:v>0.54263444169239095</c:v>
                </c:pt>
                <c:pt idx="5592">
                  <c:v>0.34304001536689588</c:v>
                </c:pt>
                <c:pt idx="5593">
                  <c:v>0.5227276424638414</c:v>
                </c:pt>
                <c:pt idx="5594">
                  <c:v>0.5227276424638414</c:v>
                </c:pt>
                <c:pt idx="5595">
                  <c:v>0.5227276424638414</c:v>
                </c:pt>
                <c:pt idx="5596">
                  <c:v>0.5227276424638414</c:v>
                </c:pt>
                <c:pt idx="5597">
                  <c:v>0.5227276424638414</c:v>
                </c:pt>
                <c:pt idx="5598">
                  <c:v>0.5227276424638414</c:v>
                </c:pt>
                <c:pt idx="5599">
                  <c:v>2.2036237177616309</c:v>
                </c:pt>
                <c:pt idx="5600">
                  <c:v>2.4587801482392937</c:v>
                </c:pt>
                <c:pt idx="5601">
                  <c:v>2.7139365787169565</c:v>
                </c:pt>
                <c:pt idx="5602">
                  <c:v>2.7139365787169565</c:v>
                </c:pt>
                <c:pt idx="5603">
                  <c:v>3.2474454788066138</c:v>
                </c:pt>
                <c:pt idx="5604">
                  <c:v>3.2474454788066138</c:v>
                </c:pt>
                <c:pt idx="5605">
                  <c:v>2.1572316394929647</c:v>
                </c:pt>
                <c:pt idx="5606">
                  <c:v>3.2474454788066138</c:v>
                </c:pt>
                <c:pt idx="5607">
                  <c:v>3.2474454788066138</c:v>
                </c:pt>
                <c:pt idx="5608">
                  <c:v>1.9136732285824691</c:v>
                </c:pt>
                <c:pt idx="5609">
                  <c:v>0.81676194134975211</c:v>
                </c:pt>
                <c:pt idx="5610">
                  <c:v>0.53906288129083624</c:v>
                </c:pt>
                <c:pt idx="5611">
                  <c:v>0.53906288129083624</c:v>
                </c:pt>
                <c:pt idx="5612">
                  <c:v>0.53906288129083624</c:v>
                </c:pt>
                <c:pt idx="5613">
                  <c:v>0.53906288129083624</c:v>
                </c:pt>
                <c:pt idx="5614">
                  <c:v>0.53906288129083624</c:v>
                </c:pt>
                <c:pt idx="5615">
                  <c:v>0.53906288129083624</c:v>
                </c:pt>
                <c:pt idx="5616">
                  <c:v>0.54080210999210188</c:v>
                </c:pt>
                <c:pt idx="5617">
                  <c:v>0.54080210999210188</c:v>
                </c:pt>
                <c:pt idx="5618">
                  <c:v>0.54080210999210188</c:v>
                </c:pt>
                <c:pt idx="5619">
                  <c:v>0.54080210999210188</c:v>
                </c:pt>
                <c:pt idx="5620">
                  <c:v>0.54080210999210188</c:v>
                </c:pt>
                <c:pt idx="5621">
                  <c:v>0.54080210999210188</c:v>
                </c:pt>
                <c:pt idx="5622">
                  <c:v>0.54080210999210188</c:v>
                </c:pt>
                <c:pt idx="5623">
                  <c:v>2.2107334738768039</c:v>
                </c:pt>
                <c:pt idx="5624">
                  <c:v>2.4667131392730663</c:v>
                </c:pt>
                <c:pt idx="5625">
                  <c:v>2.7226928046693275</c:v>
                </c:pt>
                <c:pt idx="5626">
                  <c:v>2.7226928046693275</c:v>
                </c:pt>
                <c:pt idx="5627">
                  <c:v>3.2579230141342377</c:v>
                </c:pt>
                <c:pt idx="5628">
                  <c:v>3.2579230141342377</c:v>
                </c:pt>
                <c:pt idx="5629">
                  <c:v>2.164191716532029</c:v>
                </c:pt>
                <c:pt idx="5630">
                  <c:v>3.2579230141342377</c:v>
                </c:pt>
                <c:pt idx="5631">
                  <c:v>3.2579230141342377</c:v>
                </c:pt>
                <c:pt idx="5632">
                  <c:v>1.9198474904719616</c:v>
                </c:pt>
                <c:pt idx="5633">
                  <c:v>0.81939713635166955</c:v>
                </c:pt>
                <c:pt idx="5634">
                  <c:v>0.54080210999210188</c:v>
                </c:pt>
                <c:pt idx="5635">
                  <c:v>0.54080210999210188</c:v>
                </c:pt>
                <c:pt idx="5636">
                  <c:v>0.54080210999210188</c:v>
                </c:pt>
                <c:pt idx="5637">
                  <c:v>0.54080210999210188</c:v>
                </c:pt>
                <c:pt idx="5638">
                  <c:v>0.54080210999210188</c:v>
                </c:pt>
                <c:pt idx="5639">
                  <c:v>0.54080210999210188</c:v>
                </c:pt>
                <c:pt idx="5640">
                  <c:v>0.544385568192435</c:v>
                </c:pt>
                <c:pt idx="5641">
                  <c:v>0.544385568192435</c:v>
                </c:pt>
                <c:pt idx="5642">
                  <c:v>0.544385568192435</c:v>
                </c:pt>
                <c:pt idx="5643">
                  <c:v>0.544385568192435</c:v>
                </c:pt>
                <c:pt idx="5644">
                  <c:v>0.544385568192435</c:v>
                </c:pt>
                <c:pt idx="5645">
                  <c:v>0.544385568192435</c:v>
                </c:pt>
                <c:pt idx="5646">
                  <c:v>0.544385568192435</c:v>
                </c:pt>
                <c:pt idx="5647">
                  <c:v>2.2253822166411963</c:v>
                </c:pt>
                <c:pt idx="5648">
                  <c:v>2.4830580522522818</c:v>
                </c:pt>
                <c:pt idx="5649">
                  <c:v>2.7407338878633682</c:v>
                </c:pt>
                <c:pt idx="5650">
                  <c:v>2.7407338878633682</c:v>
                </c:pt>
                <c:pt idx="5651">
                  <c:v>3.2795106350501837</c:v>
                </c:pt>
                <c:pt idx="5652">
                  <c:v>3.2795106350501837</c:v>
                </c:pt>
                <c:pt idx="5653">
                  <c:v>2.1785320647119075</c:v>
                </c:pt>
                <c:pt idx="5654">
                  <c:v>3.2795106350501837</c:v>
                </c:pt>
                <c:pt idx="5655">
                  <c:v>3.2795106350501837</c:v>
                </c:pt>
                <c:pt idx="5656">
                  <c:v>1.932568767083144</c:v>
                </c:pt>
                <c:pt idx="5657">
                  <c:v>0.82482661847338634</c:v>
                </c:pt>
                <c:pt idx="5658">
                  <c:v>0.544385568192435</c:v>
                </c:pt>
                <c:pt idx="5659">
                  <c:v>0.544385568192435</c:v>
                </c:pt>
                <c:pt idx="5660">
                  <c:v>0.544385568192435</c:v>
                </c:pt>
                <c:pt idx="5661">
                  <c:v>0.544385568192435</c:v>
                </c:pt>
                <c:pt idx="5662">
                  <c:v>0.544385568192435</c:v>
                </c:pt>
                <c:pt idx="5663">
                  <c:v>0.544385568192435</c:v>
                </c:pt>
                <c:pt idx="5664">
                  <c:v>0.8205077141889483</c:v>
                </c:pt>
                <c:pt idx="5665">
                  <c:v>0.49727740253875657</c:v>
                </c:pt>
                <c:pt idx="5666">
                  <c:v>0.49727740253875657</c:v>
                </c:pt>
                <c:pt idx="5667">
                  <c:v>0.49727740253875657</c:v>
                </c:pt>
                <c:pt idx="5668">
                  <c:v>0.49727740253875657</c:v>
                </c:pt>
                <c:pt idx="5669">
                  <c:v>0.49727740253875657</c:v>
                </c:pt>
                <c:pt idx="5670">
                  <c:v>0.49727740253875657</c:v>
                </c:pt>
                <c:pt idx="5671">
                  <c:v>2.1184017348151034</c:v>
                </c:pt>
                <c:pt idx="5672">
                  <c:v>2.6480021685188784</c:v>
                </c:pt>
                <c:pt idx="5673">
                  <c:v>2.9128023853707665</c:v>
                </c:pt>
                <c:pt idx="5674">
                  <c:v>2.9128023853707665</c:v>
                </c:pt>
                <c:pt idx="5675">
                  <c:v>3.4424028190745424</c:v>
                </c:pt>
                <c:pt idx="5676">
                  <c:v>3.4424028190745424</c:v>
                </c:pt>
                <c:pt idx="5677">
                  <c:v>2.3832019516669907</c:v>
                </c:pt>
                <c:pt idx="5678">
                  <c:v>3.4424028190745424</c:v>
                </c:pt>
                <c:pt idx="5679">
                  <c:v>2.6480021685188784</c:v>
                </c:pt>
                <c:pt idx="5680">
                  <c:v>1.2431935063468915</c:v>
                </c:pt>
                <c:pt idx="5681">
                  <c:v>0.8205077141889483</c:v>
                </c:pt>
                <c:pt idx="5682">
                  <c:v>0.52214127266569432</c:v>
                </c:pt>
                <c:pt idx="5683">
                  <c:v>0.49727740253875657</c:v>
                </c:pt>
                <c:pt idx="5684">
                  <c:v>0.49727740253875657</c:v>
                </c:pt>
                <c:pt idx="5685">
                  <c:v>0.49727740253875657</c:v>
                </c:pt>
                <c:pt idx="5686">
                  <c:v>0.49727740253875657</c:v>
                </c:pt>
                <c:pt idx="5687">
                  <c:v>0.49727740253875657</c:v>
                </c:pt>
                <c:pt idx="5688">
                  <c:v>0.23586579057396384</c:v>
                </c:pt>
                <c:pt idx="5689">
                  <c:v>0.21227921151656745</c:v>
                </c:pt>
                <c:pt idx="5690">
                  <c:v>0.21227921151656745</c:v>
                </c:pt>
                <c:pt idx="5691">
                  <c:v>0.21227921151656745</c:v>
                </c:pt>
                <c:pt idx="5692">
                  <c:v>0.21227921151656745</c:v>
                </c:pt>
                <c:pt idx="5693">
                  <c:v>0.21227921151656745</c:v>
                </c:pt>
                <c:pt idx="5694">
                  <c:v>0.21227921151656745</c:v>
                </c:pt>
                <c:pt idx="5695">
                  <c:v>0.21227921151656745</c:v>
                </c:pt>
                <c:pt idx="5696">
                  <c:v>0.21227921151656745</c:v>
                </c:pt>
                <c:pt idx="5697">
                  <c:v>0.21227921151656745</c:v>
                </c:pt>
                <c:pt idx="5698">
                  <c:v>0.21227921151656745</c:v>
                </c:pt>
                <c:pt idx="5699">
                  <c:v>0.21227921151656745</c:v>
                </c:pt>
                <c:pt idx="5700">
                  <c:v>0.21227921151656745</c:v>
                </c:pt>
                <c:pt idx="5701">
                  <c:v>0.21227921151656745</c:v>
                </c:pt>
                <c:pt idx="5702">
                  <c:v>0.21227921151656745</c:v>
                </c:pt>
                <c:pt idx="5703">
                  <c:v>0.21227921151656745</c:v>
                </c:pt>
                <c:pt idx="5704">
                  <c:v>0.21227921151656745</c:v>
                </c:pt>
                <c:pt idx="5705">
                  <c:v>0.21227921151656745</c:v>
                </c:pt>
                <c:pt idx="5706">
                  <c:v>0.21227921151656745</c:v>
                </c:pt>
                <c:pt idx="5707">
                  <c:v>0.21227921151656745</c:v>
                </c:pt>
                <c:pt idx="5708">
                  <c:v>0.21227921151656745</c:v>
                </c:pt>
                <c:pt idx="5709">
                  <c:v>0.21227921151656745</c:v>
                </c:pt>
                <c:pt idx="5710">
                  <c:v>0.21227921151656745</c:v>
                </c:pt>
                <c:pt idx="5711">
                  <c:v>0.21227921151656745</c:v>
                </c:pt>
                <c:pt idx="5712">
                  <c:v>0.21594053096209387</c:v>
                </c:pt>
                <c:pt idx="5713">
                  <c:v>0.21594053096209387</c:v>
                </c:pt>
                <c:pt idx="5714">
                  <c:v>0.21594053096209387</c:v>
                </c:pt>
                <c:pt idx="5715">
                  <c:v>0.21594053096209387</c:v>
                </c:pt>
                <c:pt idx="5716">
                  <c:v>0.21594053096209387</c:v>
                </c:pt>
                <c:pt idx="5717">
                  <c:v>0.21594053096209387</c:v>
                </c:pt>
                <c:pt idx="5718">
                  <c:v>0.21594053096209387</c:v>
                </c:pt>
                <c:pt idx="5719">
                  <c:v>0.21594053096209387</c:v>
                </c:pt>
                <c:pt idx="5720">
                  <c:v>0.21594053096209387</c:v>
                </c:pt>
                <c:pt idx="5721">
                  <c:v>0.21594053096209387</c:v>
                </c:pt>
                <c:pt idx="5722">
                  <c:v>0.21594053096209387</c:v>
                </c:pt>
                <c:pt idx="5723">
                  <c:v>0.21594053096209387</c:v>
                </c:pt>
                <c:pt idx="5724">
                  <c:v>0.21594053096209387</c:v>
                </c:pt>
                <c:pt idx="5725">
                  <c:v>0.21594053096209387</c:v>
                </c:pt>
                <c:pt idx="5726">
                  <c:v>0.21594053096209387</c:v>
                </c:pt>
                <c:pt idx="5727">
                  <c:v>0.21594053096209387</c:v>
                </c:pt>
                <c:pt idx="5728">
                  <c:v>0.21594053096209387</c:v>
                </c:pt>
                <c:pt idx="5729">
                  <c:v>0.21594053096209387</c:v>
                </c:pt>
                <c:pt idx="5730">
                  <c:v>0.21594053096209387</c:v>
                </c:pt>
                <c:pt idx="5731">
                  <c:v>0.21594053096209387</c:v>
                </c:pt>
                <c:pt idx="5732">
                  <c:v>0.21594053096209387</c:v>
                </c:pt>
                <c:pt idx="5733">
                  <c:v>0.21594053096209387</c:v>
                </c:pt>
                <c:pt idx="5734">
                  <c:v>0.21594053096209387</c:v>
                </c:pt>
                <c:pt idx="5735">
                  <c:v>0.21594053096209387</c:v>
                </c:pt>
                <c:pt idx="5736">
                  <c:v>0.54645281382502608</c:v>
                </c:pt>
                <c:pt idx="5737">
                  <c:v>0.54645281382502608</c:v>
                </c:pt>
                <c:pt idx="5738">
                  <c:v>0.54645281382502608</c:v>
                </c:pt>
                <c:pt idx="5739">
                  <c:v>0.54645281382502608</c:v>
                </c:pt>
                <c:pt idx="5740">
                  <c:v>0.54645281382502608</c:v>
                </c:pt>
                <c:pt idx="5741">
                  <c:v>0.54645281382502608</c:v>
                </c:pt>
                <c:pt idx="5742">
                  <c:v>0.54645281382502608</c:v>
                </c:pt>
                <c:pt idx="5743">
                  <c:v>2.3278889868946115</c:v>
                </c:pt>
                <c:pt idx="5744">
                  <c:v>2.6188751102564374</c:v>
                </c:pt>
                <c:pt idx="5745">
                  <c:v>2.9098612336182637</c:v>
                </c:pt>
                <c:pt idx="5746">
                  <c:v>2.9098612336182637</c:v>
                </c:pt>
                <c:pt idx="5747">
                  <c:v>3.4918334803419158</c:v>
                </c:pt>
                <c:pt idx="5748">
                  <c:v>3.4918334803419158</c:v>
                </c:pt>
                <c:pt idx="5749">
                  <c:v>2.3278889868946115</c:v>
                </c:pt>
                <c:pt idx="5750">
                  <c:v>3.4918334803419158</c:v>
                </c:pt>
                <c:pt idx="5751">
                  <c:v>3.4918334803419158</c:v>
                </c:pt>
                <c:pt idx="5752">
                  <c:v>2.0369028635327848</c:v>
                </c:pt>
                <c:pt idx="5753">
                  <c:v>0.58197224672365289</c:v>
                </c:pt>
                <c:pt idx="5754">
                  <c:v>0.57377545451627732</c:v>
                </c:pt>
                <c:pt idx="5755">
                  <c:v>0.57377545451627732</c:v>
                </c:pt>
                <c:pt idx="5756">
                  <c:v>0.57377545451627732</c:v>
                </c:pt>
                <c:pt idx="5757">
                  <c:v>0.57377545451627732</c:v>
                </c:pt>
                <c:pt idx="5758">
                  <c:v>0.57377545451627732</c:v>
                </c:pt>
                <c:pt idx="5759">
                  <c:v>0.57377545451627732</c:v>
                </c:pt>
                <c:pt idx="5760">
                  <c:v>0.37523603751266288</c:v>
                </c:pt>
                <c:pt idx="5761">
                  <c:v>0.57178824763834346</c:v>
                </c:pt>
                <c:pt idx="5762">
                  <c:v>0.57178824763834346</c:v>
                </c:pt>
                <c:pt idx="5763">
                  <c:v>0.57178824763834346</c:v>
                </c:pt>
                <c:pt idx="5764">
                  <c:v>0.57178824763834346</c:v>
                </c:pt>
                <c:pt idx="5765">
                  <c:v>0.57178824763834346</c:v>
                </c:pt>
                <c:pt idx="5766">
                  <c:v>0.57178824763834346</c:v>
                </c:pt>
                <c:pt idx="5767">
                  <c:v>2.4104448314503912</c:v>
                </c:pt>
                <c:pt idx="5768">
                  <c:v>2.6895489698288579</c:v>
                </c:pt>
                <c:pt idx="5769">
                  <c:v>2.9686531082073242</c:v>
                </c:pt>
                <c:pt idx="5770">
                  <c:v>2.9686531082073242</c:v>
                </c:pt>
                <c:pt idx="5771">
                  <c:v>3.552234488453208</c:v>
                </c:pt>
                <c:pt idx="5772">
                  <c:v>3.552234488453208</c:v>
                </c:pt>
                <c:pt idx="5773">
                  <c:v>2.3596986244724882</c:v>
                </c:pt>
                <c:pt idx="5774">
                  <c:v>3.552234488453208</c:v>
                </c:pt>
                <c:pt idx="5775">
                  <c:v>3.552234488453208</c:v>
                </c:pt>
                <c:pt idx="5776">
                  <c:v>2.0932810378384978</c:v>
                </c:pt>
                <c:pt idx="5777">
                  <c:v>0.89341913693491171</c:v>
                </c:pt>
                <c:pt idx="5778">
                  <c:v>0.58965663037704164</c:v>
                </c:pt>
                <c:pt idx="5779">
                  <c:v>0.58965663037704164</c:v>
                </c:pt>
                <c:pt idx="5780">
                  <c:v>0.58965663037704164</c:v>
                </c:pt>
                <c:pt idx="5781">
                  <c:v>0.58965663037704164</c:v>
                </c:pt>
                <c:pt idx="5782">
                  <c:v>0.58965663037704164</c:v>
                </c:pt>
                <c:pt idx="5783">
                  <c:v>0.58965663037704164</c:v>
                </c:pt>
                <c:pt idx="5784">
                  <c:v>0.59141845707180707</c:v>
                </c:pt>
                <c:pt idx="5785">
                  <c:v>0.59141845707180707</c:v>
                </c:pt>
                <c:pt idx="5786">
                  <c:v>0.59141845707180707</c:v>
                </c:pt>
                <c:pt idx="5787">
                  <c:v>0.59141845707180707</c:v>
                </c:pt>
                <c:pt idx="5788">
                  <c:v>0.59141845707180707</c:v>
                </c:pt>
                <c:pt idx="5789">
                  <c:v>0.59141845707180707</c:v>
                </c:pt>
                <c:pt idx="5790">
                  <c:v>0.59141845707180707</c:v>
                </c:pt>
                <c:pt idx="5791">
                  <c:v>2.4176469654238413</c:v>
                </c:pt>
                <c:pt idx="5792">
                  <c:v>2.6975850351044968</c:v>
                </c:pt>
                <c:pt idx="5793">
                  <c:v>2.9775231047851518</c:v>
                </c:pt>
                <c:pt idx="5794">
                  <c:v>2.9775231047851518</c:v>
                </c:pt>
                <c:pt idx="5795">
                  <c:v>3.5628481595719772</c:v>
                </c:pt>
                <c:pt idx="5796">
                  <c:v>3.5628481595719772</c:v>
                </c:pt>
                <c:pt idx="5797">
                  <c:v>2.3667491345728133</c:v>
                </c:pt>
                <c:pt idx="5798">
                  <c:v>3.5628481595719772</c:v>
                </c:pt>
                <c:pt idx="5799">
                  <c:v>3.5628481595719772</c:v>
                </c:pt>
                <c:pt idx="5800">
                  <c:v>2.0995355226049148</c:v>
                </c:pt>
                <c:pt idx="5801">
                  <c:v>0.89608857132091968</c:v>
                </c:pt>
                <c:pt idx="5802">
                  <c:v>0.59141845707180707</c:v>
                </c:pt>
                <c:pt idx="5803">
                  <c:v>0.59141845707180707</c:v>
                </c:pt>
                <c:pt idx="5804">
                  <c:v>0.59141845707180707</c:v>
                </c:pt>
                <c:pt idx="5805">
                  <c:v>0.59141845707180707</c:v>
                </c:pt>
                <c:pt idx="5806">
                  <c:v>0.59141845707180707</c:v>
                </c:pt>
                <c:pt idx="5807">
                  <c:v>0.59141845707180707</c:v>
                </c:pt>
                <c:pt idx="5808">
                  <c:v>0.58156394702089109</c:v>
                </c:pt>
                <c:pt idx="5809">
                  <c:v>0.58156394702089109</c:v>
                </c:pt>
                <c:pt idx="5810">
                  <c:v>0.58156394702089109</c:v>
                </c:pt>
                <c:pt idx="5811">
                  <c:v>0.58156394702089109</c:v>
                </c:pt>
                <c:pt idx="5812">
                  <c:v>0.58156394702089109</c:v>
                </c:pt>
                <c:pt idx="5813">
                  <c:v>0.58156394702089109</c:v>
                </c:pt>
                <c:pt idx="5814">
                  <c:v>0.58156394702089109</c:v>
                </c:pt>
                <c:pt idx="5815">
                  <c:v>2.3773629228217636</c:v>
                </c:pt>
                <c:pt idx="5816">
                  <c:v>2.6526365244116521</c:v>
                </c:pt>
                <c:pt idx="5817">
                  <c:v>2.9279101260015405</c:v>
                </c:pt>
                <c:pt idx="5818">
                  <c:v>2.9279101260015405</c:v>
                </c:pt>
                <c:pt idx="5819">
                  <c:v>3.5034822020531253</c:v>
                </c:pt>
                <c:pt idx="5820">
                  <c:v>3.5034822020531253</c:v>
                </c:pt>
                <c:pt idx="5821">
                  <c:v>2.3273131770781474</c:v>
                </c:pt>
                <c:pt idx="5822">
                  <c:v>3.5034822020531253</c:v>
                </c:pt>
                <c:pt idx="5823">
                  <c:v>3.5034822020531253</c:v>
                </c:pt>
                <c:pt idx="5824">
                  <c:v>2.0645520119241629</c:v>
                </c:pt>
                <c:pt idx="5825">
                  <c:v>0.88115749548619859</c:v>
                </c:pt>
                <c:pt idx="5826">
                  <c:v>0.58156394702089109</c:v>
                </c:pt>
                <c:pt idx="5827">
                  <c:v>0.58156394702089109</c:v>
                </c:pt>
                <c:pt idx="5828">
                  <c:v>0.58156394702089109</c:v>
                </c:pt>
                <c:pt idx="5829">
                  <c:v>0.58156394702089109</c:v>
                </c:pt>
                <c:pt idx="5830">
                  <c:v>0.58156394702089109</c:v>
                </c:pt>
                <c:pt idx="5831">
                  <c:v>0.58156394702089109</c:v>
                </c:pt>
                <c:pt idx="5832">
                  <c:v>0.87254561865064206</c:v>
                </c:pt>
                <c:pt idx="5833">
                  <c:v>0.52881552645493457</c:v>
                </c:pt>
                <c:pt idx="5834">
                  <c:v>0.52881552645493457</c:v>
                </c:pt>
                <c:pt idx="5835">
                  <c:v>0.52881552645493457</c:v>
                </c:pt>
                <c:pt idx="5836">
                  <c:v>0.52881552645493457</c:v>
                </c:pt>
                <c:pt idx="5837">
                  <c:v>0.52881552645493457</c:v>
                </c:pt>
                <c:pt idx="5838">
                  <c:v>0.52881552645493457</c:v>
                </c:pt>
                <c:pt idx="5839">
                  <c:v>2.2527541426980213</c:v>
                </c:pt>
                <c:pt idx="5840">
                  <c:v>2.8159426783725272</c:v>
                </c:pt>
                <c:pt idx="5841">
                  <c:v>3.0975369462097797</c:v>
                </c:pt>
                <c:pt idx="5842">
                  <c:v>3.0975369462097797</c:v>
                </c:pt>
                <c:pt idx="5843">
                  <c:v>3.6607254818842847</c:v>
                </c:pt>
                <c:pt idx="5844">
                  <c:v>3.6607254818842847</c:v>
                </c:pt>
                <c:pt idx="5845">
                  <c:v>2.5343484105352743</c:v>
                </c:pt>
                <c:pt idx="5846">
                  <c:v>3.6607254818842847</c:v>
                </c:pt>
                <c:pt idx="5847">
                  <c:v>2.8159426783725272</c:v>
                </c:pt>
                <c:pt idx="5848">
                  <c:v>1.3220388161373364</c:v>
                </c:pt>
                <c:pt idx="5849">
                  <c:v>0.87254561865064206</c:v>
                </c:pt>
                <c:pt idx="5850">
                  <c:v>0.55525630277768134</c:v>
                </c:pt>
                <c:pt idx="5851">
                  <c:v>0.52881552645493457</c:v>
                </c:pt>
                <c:pt idx="5852">
                  <c:v>0.52881552645493457</c:v>
                </c:pt>
                <c:pt idx="5853">
                  <c:v>0.52881552645493457</c:v>
                </c:pt>
                <c:pt idx="5854">
                  <c:v>0.52881552645493457</c:v>
                </c:pt>
                <c:pt idx="5855">
                  <c:v>0.52881552645493457</c:v>
                </c:pt>
                <c:pt idx="5856">
                  <c:v>0.24022717004742461</c:v>
                </c:pt>
                <c:pt idx="5857">
                  <c:v>0.21620445304268215</c:v>
                </c:pt>
                <c:pt idx="5858">
                  <c:v>0.21620445304268215</c:v>
                </c:pt>
                <c:pt idx="5859">
                  <c:v>0.21620445304268215</c:v>
                </c:pt>
                <c:pt idx="5860">
                  <c:v>0.21620445304268215</c:v>
                </c:pt>
                <c:pt idx="5861">
                  <c:v>0.21620445304268215</c:v>
                </c:pt>
                <c:pt idx="5862">
                  <c:v>0.21620445304268215</c:v>
                </c:pt>
                <c:pt idx="5863">
                  <c:v>0.21620445304268215</c:v>
                </c:pt>
                <c:pt idx="5864">
                  <c:v>0.21620445304268215</c:v>
                </c:pt>
                <c:pt idx="5865">
                  <c:v>0.21620445304268215</c:v>
                </c:pt>
                <c:pt idx="5866">
                  <c:v>0.21620445304268215</c:v>
                </c:pt>
                <c:pt idx="5867">
                  <c:v>0.21620445304268215</c:v>
                </c:pt>
                <c:pt idx="5868">
                  <c:v>0.21620445304268215</c:v>
                </c:pt>
                <c:pt idx="5869">
                  <c:v>0.21620445304268215</c:v>
                </c:pt>
                <c:pt idx="5870">
                  <c:v>0.21620445304268215</c:v>
                </c:pt>
                <c:pt idx="5871">
                  <c:v>0.21620445304268215</c:v>
                </c:pt>
                <c:pt idx="5872">
                  <c:v>0.21620445304268215</c:v>
                </c:pt>
                <c:pt idx="5873">
                  <c:v>0.21620445304268215</c:v>
                </c:pt>
                <c:pt idx="5874">
                  <c:v>0.21620445304268215</c:v>
                </c:pt>
                <c:pt idx="5875">
                  <c:v>0.21620445304268215</c:v>
                </c:pt>
                <c:pt idx="5876">
                  <c:v>0.21620445304268215</c:v>
                </c:pt>
                <c:pt idx="5877">
                  <c:v>0.21620445304268215</c:v>
                </c:pt>
                <c:pt idx="5878">
                  <c:v>0.21620445304268215</c:v>
                </c:pt>
                <c:pt idx="5879">
                  <c:v>0.21620445304268215</c:v>
                </c:pt>
                <c:pt idx="5880">
                  <c:v>0.21780063187746532</c:v>
                </c:pt>
                <c:pt idx="5881">
                  <c:v>0.21780063187746532</c:v>
                </c:pt>
                <c:pt idx="5882">
                  <c:v>0.21780063187746532</c:v>
                </c:pt>
                <c:pt idx="5883">
                  <c:v>0.21780063187746532</c:v>
                </c:pt>
                <c:pt idx="5884">
                  <c:v>0.21780063187746532</c:v>
                </c:pt>
                <c:pt idx="5885">
                  <c:v>0.21780063187746532</c:v>
                </c:pt>
                <c:pt idx="5886">
                  <c:v>0.21780063187746532</c:v>
                </c:pt>
                <c:pt idx="5887">
                  <c:v>0.21780063187746532</c:v>
                </c:pt>
                <c:pt idx="5888">
                  <c:v>0.21780063187746532</c:v>
                </c:pt>
                <c:pt idx="5889">
                  <c:v>0.21780063187746532</c:v>
                </c:pt>
                <c:pt idx="5890">
                  <c:v>0.21780063187746532</c:v>
                </c:pt>
                <c:pt idx="5891">
                  <c:v>0.21780063187746532</c:v>
                </c:pt>
                <c:pt idx="5892">
                  <c:v>0.21780063187746532</c:v>
                </c:pt>
                <c:pt idx="5893">
                  <c:v>0.21780063187746532</c:v>
                </c:pt>
                <c:pt idx="5894">
                  <c:v>0.21780063187746532</c:v>
                </c:pt>
                <c:pt idx="5895">
                  <c:v>0.21780063187746532</c:v>
                </c:pt>
                <c:pt idx="5896">
                  <c:v>0.21780063187746532</c:v>
                </c:pt>
                <c:pt idx="5897">
                  <c:v>0.21780063187746532</c:v>
                </c:pt>
                <c:pt idx="5898">
                  <c:v>0.21780063187746532</c:v>
                </c:pt>
                <c:pt idx="5899">
                  <c:v>0.21780063187746532</c:v>
                </c:pt>
                <c:pt idx="5900">
                  <c:v>0.21780063187746532</c:v>
                </c:pt>
                <c:pt idx="5901">
                  <c:v>0.21780063187746532</c:v>
                </c:pt>
                <c:pt idx="5902">
                  <c:v>0.21780063187746532</c:v>
                </c:pt>
                <c:pt idx="5903">
                  <c:v>0.21780063187746532</c:v>
                </c:pt>
                <c:pt idx="5904">
                  <c:v>0.55676867728635482</c:v>
                </c:pt>
                <c:pt idx="5905">
                  <c:v>0.55676867728635482</c:v>
                </c:pt>
                <c:pt idx="5906">
                  <c:v>0.55676867728635482</c:v>
                </c:pt>
                <c:pt idx="5907">
                  <c:v>0.55676867728635482</c:v>
                </c:pt>
                <c:pt idx="5908">
                  <c:v>0.55676867728635482</c:v>
                </c:pt>
                <c:pt idx="5909">
                  <c:v>0.55676867728635482</c:v>
                </c:pt>
                <c:pt idx="5910">
                  <c:v>0.55676867728635482</c:v>
                </c:pt>
                <c:pt idx="5911">
                  <c:v>2.3718345652398716</c:v>
                </c:pt>
                <c:pt idx="5912">
                  <c:v>2.6683138858948556</c:v>
                </c:pt>
                <c:pt idx="5913">
                  <c:v>2.9647932065498397</c:v>
                </c:pt>
                <c:pt idx="5914">
                  <c:v>2.9647932065498397</c:v>
                </c:pt>
                <c:pt idx="5915">
                  <c:v>3.5577518478598074</c:v>
                </c:pt>
                <c:pt idx="5916">
                  <c:v>3.5577518478598074</c:v>
                </c:pt>
                <c:pt idx="5917">
                  <c:v>2.3718345652398716</c:v>
                </c:pt>
                <c:pt idx="5918">
                  <c:v>3.5577518478598074</c:v>
                </c:pt>
                <c:pt idx="5919">
                  <c:v>3.5577518478598074</c:v>
                </c:pt>
                <c:pt idx="5920">
                  <c:v>2.0753552445848875</c:v>
                </c:pt>
                <c:pt idx="5921">
                  <c:v>0.59295864130996789</c:v>
                </c:pt>
                <c:pt idx="5922">
                  <c:v>0.58460711115067254</c:v>
                </c:pt>
                <c:pt idx="5923">
                  <c:v>0.58460711115067254</c:v>
                </c:pt>
                <c:pt idx="5924">
                  <c:v>0.58460711115067254</c:v>
                </c:pt>
                <c:pt idx="5925">
                  <c:v>0.58460711115067254</c:v>
                </c:pt>
                <c:pt idx="5926">
                  <c:v>0.58460711115067254</c:v>
                </c:pt>
                <c:pt idx="5927">
                  <c:v>0.58460711115067254</c:v>
                </c:pt>
                <c:pt idx="5928">
                  <c:v>0.37092407026099761</c:v>
                </c:pt>
                <c:pt idx="5929">
                  <c:v>0.56521763087390109</c:v>
                </c:pt>
                <c:pt idx="5930">
                  <c:v>0.56521763087390109</c:v>
                </c:pt>
                <c:pt idx="5931">
                  <c:v>0.56521763087390109</c:v>
                </c:pt>
                <c:pt idx="5932">
                  <c:v>0.56521763087390109</c:v>
                </c:pt>
                <c:pt idx="5933">
                  <c:v>0.56521763087390109</c:v>
                </c:pt>
                <c:pt idx="5934">
                  <c:v>0.56521763087390109</c:v>
                </c:pt>
                <c:pt idx="5935">
                  <c:v>2.3827455751527888</c:v>
                </c:pt>
                <c:pt idx="5936">
                  <c:v>2.6586424312231118</c:v>
                </c:pt>
                <c:pt idx="5937">
                  <c:v>2.9345392872934353</c:v>
                </c:pt>
                <c:pt idx="5938">
                  <c:v>2.9345392872934353</c:v>
                </c:pt>
                <c:pt idx="5939">
                  <c:v>3.5114145318041108</c:v>
                </c:pt>
                <c:pt idx="5940">
                  <c:v>3.5114145318041108</c:v>
                </c:pt>
                <c:pt idx="5941">
                  <c:v>2.3325825104127302</c:v>
                </c:pt>
                <c:pt idx="5942">
                  <c:v>3.5114145318041108</c:v>
                </c:pt>
                <c:pt idx="5943">
                  <c:v>3.5114145318041108</c:v>
                </c:pt>
                <c:pt idx="5944">
                  <c:v>2.0692264205274227</c:v>
                </c:pt>
                <c:pt idx="5945">
                  <c:v>0.88315254824047051</c:v>
                </c:pt>
                <c:pt idx="5946">
                  <c:v>0.58288068183871056</c:v>
                </c:pt>
                <c:pt idx="5947">
                  <c:v>0.58288068183871056</c:v>
                </c:pt>
                <c:pt idx="5948">
                  <c:v>0.58288068183871056</c:v>
                </c:pt>
                <c:pt idx="5949">
                  <c:v>0.58288068183871056</c:v>
                </c:pt>
                <c:pt idx="5950">
                  <c:v>0.58288068183871056</c:v>
                </c:pt>
                <c:pt idx="5951">
                  <c:v>0.58288068183871056</c:v>
                </c:pt>
                <c:pt idx="5952">
                  <c:v>0.57126150469493342</c:v>
                </c:pt>
                <c:pt idx="5953">
                  <c:v>0.57126150469493342</c:v>
                </c:pt>
                <c:pt idx="5954">
                  <c:v>0.57126150469493342</c:v>
                </c:pt>
                <c:pt idx="5955">
                  <c:v>0.57126150469493342</c:v>
                </c:pt>
                <c:pt idx="5956">
                  <c:v>0.57126150469493342</c:v>
                </c:pt>
                <c:pt idx="5957">
                  <c:v>0.57126150469493342</c:v>
                </c:pt>
                <c:pt idx="5958">
                  <c:v>0.57126150469493342</c:v>
                </c:pt>
                <c:pt idx="5959">
                  <c:v>2.3352477873741364</c:v>
                </c:pt>
                <c:pt idx="5960">
                  <c:v>2.6056448995964052</c:v>
                </c:pt>
                <c:pt idx="5961">
                  <c:v>2.876042011818674</c:v>
                </c:pt>
                <c:pt idx="5962">
                  <c:v>2.876042011818674</c:v>
                </c:pt>
                <c:pt idx="5963">
                  <c:v>3.4414177919197804</c:v>
                </c:pt>
                <c:pt idx="5964">
                  <c:v>3.4414177919197804</c:v>
                </c:pt>
                <c:pt idx="5965">
                  <c:v>2.2860846760609967</c:v>
                </c:pt>
                <c:pt idx="5966">
                  <c:v>3.4414177919197804</c:v>
                </c:pt>
                <c:pt idx="5967">
                  <c:v>3.4414177919197804</c:v>
                </c:pt>
                <c:pt idx="5968">
                  <c:v>2.0279783416670134</c:v>
                </c:pt>
                <c:pt idx="5969">
                  <c:v>0.86554773438626276</c:v>
                </c:pt>
                <c:pt idx="5970">
                  <c:v>0.57126150469493342</c:v>
                </c:pt>
                <c:pt idx="5971">
                  <c:v>0.57126150469493342</c:v>
                </c:pt>
                <c:pt idx="5972">
                  <c:v>0.57126150469493342</c:v>
                </c:pt>
                <c:pt idx="5973">
                  <c:v>0.57126150469493342</c:v>
                </c:pt>
                <c:pt idx="5974">
                  <c:v>0.57126150469493342</c:v>
                </c:pt>
                <c:pt idx="5975">
                  <c:v>0.57126150469493342</c:v>
                </c:pt>
                <c:pt idx="5976">
                  <c:v>0.56991770786980833</c:v>
                </c:pt>
                <c:pt idx="5977">
                  <c:v>0.56991770786980833</c:v>
                </c:pt>
                <c:pt idx="5978">
                  <c:v>0.56991770786980833</c:v>
                </c:pt>
                <c:pt idx="5979">
                  <c:v>0.56991770786980833</c:v>
                </c:pt>
                <c:pt idx="5980">
                  <c:v>0.56991770786980833</c:v>
                </c:pt>
                <c:pt idx="5981">
                  <c:v>0.56991770786980833</c:v>
                </c:pt>
                <c:pt idx="5982">
                  <c:v>0.56991770786980833</c:v>
                </c:pt>
                <c:pt idx="5983">
                  <c:v>2.3297545088374894</c:v>
                </c:pt>
                <c:pt idx="5984">
                  <c:v>2.5995155572291986</c:v>
                </c:pt>
                <c:pt idx="5985">
                  <c:v>2.8692766056209082</c:v>
                </c:pt>
                <c:pt idx="5986">
                  <c:v>2.8692766056209082</c:v>
                </c:pt>
                <c:pt idx="5987">
                  <c:v>3.4333224340763002</c:v>
                </c:pt>
                <c:pt idx="5988">
                  <c:v>3.4333224340763002</c:v>
                </c:pt>
                <c:pt idx="5989">
                  <c:v>2.2807070454935419</c:v>
                </c:pt>
                <c:pt idx="5990">
                  <c:v>3.4333224340763002</c:v>
                </c:pt>
                <c:pt idx="5991">
                  <c:v>3.4333224340763002</c:v>
                </c:pt>
                <c:pt idx="5992">
                  <c:v>2.0232078629378196</c:v>
                </c:pt>
                <c:pt idx="5993">
                  <c:v>0.86351167859061873</c:v>
                </c:pt>
                <c:pt idx="5994">
                  <c:v>0.56991770786980833</c:v>
                </c:pt>
                <c:pt idx="5995">
                  <c:v>0.56991770786980833</c:v>
                </c:pt>
                <c:pt idx="5996">
                  <c:v>0.56991770786980833</c:v>
                </c:pt>
                <c:pt idx="5997">
                  <c:v>0.56991770786980833</c:v>
                </c:pt>
                <c:pt idx="5998">
                  <c:v>0.56991770786980833</c:v>
                </c:pt>
                <c:pt idx="5999">
                  <c:v>0.56991770786980833</c:v>
                </c:pt>
                <c:pt idx="6000">
                  <c:v>0.86706794449677971</c:v>
                </c:pt>
                <c:pt idx="6001">
                  <c:v>0.52549572393744226</c:v>
                </c:pt>
                <c:pt idx="6002">
                  <c:v>0.52549572393744226</c:v>
                </c:pt>
                <c:pt idx="6003">
                  <c:v>0.52549572393744226</c:v>
                </c:pt>
                <c:pt idx="6004">
                  <c:v>0.52549572393744226</c:v>
                </c:pt>
                <c:pt idx="6005">
                  <c:v>0.52549572393744226</c:v>
                </c:pt>
                <c:pt idx="6006">
                  <c:v>0.52549572393744226</c:v>
                </c:pt>
                <c:pt idx="6007">
                  <c:v>2.2386117839735036</c:v>
                </c:pt>
                <c:pt idx="6008">
                  <c:v>2.7982647299668799</c:v>
                </c:pt>
                <c:pt idx="6009">
                  <c:v>3.0780912029635679</c:v>
                </c:pt>
                <c:pt idx="6010">
                  <c:v>3.0780912029635679</c:v>
                </c:pt>
                <c:pt idx="6011">
                  <c:v>3.6377441489569433</c:v>
                </c:pt>
                <c:pt idx="6012">
                  <c:v>3.6377441489569433</c:v>
                </c:pt>
                <c:pt idx="6013">
                  <c:v>2.5184382569701915</c:v>
                </c:pt>
                <c:pt idx="6014">
                  <c:v>3.6377441489569433</c:v>
                </c:pt>
                <c:pt idx="6015">
                  <c:v>2.7982647299668799</c:v>
                </c:pt>
                <c:pt idx="6016">
                  <c:v>1.3137393098436057</c:v>
                </c:pt>
                <c:pt idx="6017">
                  <c:v>0.86706794449677971</c:v>
                </c:pt>
                <c:pt idx="6018">
                  <c:v>0.55177051013431433</c:v>
                </c:pt>
                <c:pt idx="6019">
                  <c:v>0.52549572393744226</c:v>
                </c:pt>
                <c:pt idx="6020">
                  <c:v>0.52549572393744226</c:v>
                </c:pt>
                <c:pt idx="6021">
                  <c:v>0.52549572393744226</c:v>
                </c:pt>
                <c:pt idx="6022">
                  <c:v>0.52549572393744226</c:v>
                </c:pt>
                <c:pt idx="6023">
                  <c:v>0.52549572393744226</c:v>
                </c:pt>
                <c:pt idx="6024">
                  <c:v>0.23948655843872374</c:v>
                </c:pt>
                <c:pt idx="6025">
                  <c:v>0.21553790259485134</c:v>
                </c:pt>
                <c:pt idx="6026">
                  <c:v>0.21553790259485134</c:v>
                </c:pt>
                <c:pt idx="6027">
                  <c:v>0.21553790259485134</c:v>
                </c:pt>
                <c:pt idx="6028">
                  <c:v>0.21553790259485134</c:v>
                </c:pt>
                <c:pt idx="6029">
                  <c:v>0.21553790259485134</c:v>
                </c:pt>
                <c:pt idx="6030">
                  <c:v>0.21553790259485134</c:v>
                </c:pt>
                <c:pt idx="6031">
                  <c:v>0.21553790259485134</c:v>
                </c:pt>
                <c:pt idx="6032">
                  <c:v>0.21553790259485134</c:v>
                </c:pt>
                <c:pt idx="6033">
                  <c:v>0.21553790259485134</c:v>
                </c:pt>
                <c:pt idx="6034">
                  <c:v>0.21553790259485134</c:v>
                </c:pt>
                <c:pt idx="6035">
                  <c:v>0.21553790259485134</c:v>
                </c:pt>
                <c:pt idx="6036">
                  <c:v>0.21553790259485134</c:v>
                </c:pt>
                <c:pt idx="6037">
                  <c:v>0.21553790259485134</c:v>
                </c:pt>
                <c:pt idx="6038">
                  <c:v>0.21553790259485134</c:v>
                </c:pt>
                <c:pt idx="6039">
                  <c:v>0.21553790259485134</c:v>
                </c:pt>
                <c:pt idx="6040">
                  <c:v>0.21553790259485134</c:v>
                </c:pt>
                <c:pt idx="6041">
                  <c:v>0.21553790259485134</c:v>
                </c:pt>
                <c:pt idx="6042">
                  <c:v>0.21553790259485134</c:v>
                </c:pt>
                <c:pt idx="6043">
                  <c:v>0.21553790259485134</c:v>
                </c:pt>
                <c:pt idx="6044">
                  <c:v>0.21553790259485134</c:v>
                </c:pt>
                <c:pt idx="6045">
                  <c:v>0.21553790259485134</c:v>
                </c:pt>
                <c:pt idx="6046">
                  <c:v>0.21553790259485134</c:v>
                </c:pt>
                <c:pt idx="6047">
                  <c:v>0.21553790259485134</c:v>
                </c:pt>
                <c:pt idx="6048">
                  <c:v>0.21675897536485728</c:v>
                </c:pt>
                <c:pt idx="6049">
                  <c:v>0.21675897536485728</c:v>
                </c:pt>
                <c:pt idx="6050">
                  <c:v>0.21675897536485728</c:v>
                </c:pt>
                <c:pt idx="6051">
                  <c:v>0.21675897536485728</c:v>
                </c:pt>
                <c:pt idx="6052">
                  <c:v>0.21675897536485728</c:v>
                </c:pt>
                <c:pt idx="6053">
                  <c:v>0.21675897536485728</c:v>
                </c:pt>
                <c:pt idx="6054">
                  <c:v>0.21675897536485728</c:v>
                </c:pt>
                <c:pt idx="6055">
                  <c:v>0.21675897536485728</c:v>
                </c:pt>
                <c:pt idx="6056">
                  <c:v>0.21675897536485728</c:v>
                </c:pt>
                <c:pt idx="6057">
                  <c:v>0.21675897536485728</c:v>
                </c:pt>
                <c:pt idx="6058">
                  <c:v>0.21675897536485728</c:v>
                </c:pt>
                <c:pt idx="6059">
                  <c:v>0.21675897536485728</c:v>
                </c:pt>
                <c:pt idx="6060">
                  <c:v>0.21675897536485728</c:v>
                </c:pt>
                <c:pt idx="6061">
                  <c:v>0.21675897536485728</c:v>
                </c:pt>
                <c:pt idx="6062">
                  <c:v>0.21675897536485728</c:v>
                </c:pt>
                <c:pt idx="6063">
                  <c:v>0.21675897536485728</c:v>
                </c:pt>
                <c:pt idx="6064">
                  <c:v>0.21675897536485728</c:v>
                </c:pt>
                <c:pt idx="6065">
                  <c:v>0.21675897536485728</c:v>
                </c:pt>
                <c:pt idx="6066">
                  <c:v>0.21675897536485728</c:v>
                </c:pt>
                <c:pt idx="6067">
                  <c:v>0.21675897536485728</c:v>
                </c:pt>
                <c:pt idx="6068">
                  <c:v>0.21675897536485728</c:v>
                </c:pt>
                <c:pt idx="6069">
                  <c:v>0.21675897536485728</c:v>
                </c:pt>
                <c:pt idx="6070">
                  <c:v>0.21675897536485728</c:v>
                </c:pt>
                <c:pt idx="6071">
                  <c:v>0.21675897536485728</c:v>
                </c:pt>
                <c:pt idx="6072">
                  <c:v>0.53742643329636319</c:v>
                </c:pt>
                <c:pt idx="6073">
                  <c:v>0.53742643329636319</c:v>
                </c:pt>
                <c:pt idx="6074">
                  <c:v>0.53742643329636319</c:v>
                </c:pt>
                <c:pt idx="6075">
                  <c:v>0.53742643329636319</c:v>
                </c:pt>
                <c:pt idx="6076">
                  <c:v>0.53742643329636319</c:v>
                </c:pt>
                <c:pt idx="6077">
                  <c:v>0.53742643329636319</c:v>
                </c:pt>
                <c:pt idx="6078">
                  <c:v>0.53742643329636319</c:v>
                </c:pt>
                <c:pt idx="6079">
                  <c:v>2.2894366058425071</c:v>
                </c:pt>
                <c:pt idx="6080">
                  <c:v>2.5756161815728209</c:v>
                </c:pt>
                <c:pt idx="6081">
                  <c:v>2.8617957573031343</c:v>
                </c:pt>
                <c:pt idx="6082">
                  <c:v>2.8617957573031343</c:v>
                </c:pt>
                <c:pt idx="6083">
                  <c:v>3.4341549087637611</c:v>
                </c:pt>
                <c:pt idx="6084">
                  <c:v>3.4341549087637611</c:v>
                </c:pt>
                <c:pt idx="6085">
                  <c:v>2.2894366058425071</c:v>
                </c:pt>
                <c:pt idx="6086">
                  <c:v>3.4341549087637611</c:v>
                </c:pt>
                <c:pt idx="6087">
                  <c:v>3.4341549087637611</c:v>
                </c:pt>
                <c:pt idx="6088">
                  <c:v>2.0032570301121937</c:v>
                </c:pt>
                <c:pt idx="6089">
                  <c:v>0.57235915146062677</c:v>
                </c:pt>
                <c:pt idx="6090">
                  <c:v>0.56429775496118129</c:v>
                </c:pt>
                <c:pt idx="6091">
                  <c:v>0.56429775496118129</c:v>
                </c:pt>
                <c:pt idx="6092">
                  <c:v>0.56429775496118129</c:v>
                </c:pt>
                <c:pt idx="6093">
                  <c:v>0.56429775496118129</c:v>
                </c:pt>
                <c:pt idx="6094">
                  <c:v>0.56429775496118129</c:v>
                </c:pt>
                <c:pt idx="6095">
                  <c:v>0.56429775496118129</c:v>
                </c:pt>
                <c:pt idx="6096">
                  <c:v>0.35770070402255755</c:v>
                </c:pt>
                <c:pt idx="6097">
                  <c:v>0.54506773946294496</c:v>
                </c:pt>
                <c:pt idx="6098">
                  <c:v>0.54506773946294496</c:v>
                </c:pt>
                <c:pt idx="6099">
                  <c:v>0.54506773946294496</c:v>
                </c:pt>
                <c:pt idx="6100">
                  <c:v>0.54506773946294496</c:v>
                </c:pt>
                <c:pt idx="6101">
                  <c:v>0.54506773946294496</c:v>
                </c:pt>
                <c:pt idx="6102">
                  <c:v>0.54506773946294496</c:v>
                </c:pt>
                <c:pt idx="6103">
                  <c:v>2.2978011891734771</c:v>
                </c:pt>
                <c:pt idx="6104">
                  <c:v>2.5638623794988269</c:v>
                </c:pt>
                <c:pt idx="6105">
                  <c:v>2.8299235698241776</c:v>
                </c:pt>
                <c:pt idx="6106">
                  <c:v>2.8299235698241776</c:v>
                </c:pt>
                <c:pt idx="6107">
                  <c:v>3.3862333314135453</c:v>
                </c:pt>
                <c:pt idx="6108">
                  <c:v>3.3862333314135453</c:v>
                </c:pt>
                <c:pt idx="6109">
                  <c:v>2.2494264272961408</c:v>
                </c:pt>
                <c:pt idx="6110">
                  <c:v>3.3862333314135453</c:v>
                </c:pt>
                <c:pt idx="6111">
                  <c:v>3.3862333314135453</c:v>
                </c:pt>
                <c:pt idx="6112">
                  <c:v>1.9954589274401251</c:v>
                </c:pt>
                <c:pt idx="6113">
                  <c:v>0.85166834291085147</c:v>
                </c:pt>
                <c:pt idx="6114">
                  <c:v>0.56210110632116195</c:v>
                </c:pt>
                <c:pt idx="6115">
                  <c:v>0.56210110632116195</c:v>
                </c:pt>
                <c:pt idx="6116">
                  <c:v>0.56210110632116195</c:v>
                </c:pt>
                <c:pt idx="6117">
                  <c:v>0.56210110632116195</c:v>
                </c:pt>
                <c:pt idx="6118">
                  <c:v>0.56210110632116195</c:v>
                </c:pt>
                <c:pt idx="6119">
                  <c:v>0.56210110632116195</c:v>
                </c:pt>
                <c:pt idx="6120">
                  <c:v>0.55647973961855934</c:v>
                </c:pt>
                <c:pt idx="6121">
                  <c:v>0.55647973961855934</c:v>
                </c:pt>
                <c:pt idx="6122">
                  <c:v>0.55647973961855934</c:v>
                </c:pt>
                <c:pt idx="6123">
                  <c:v>0.55647973961855934</c:v>
                </c:pt>
                <c:pt idx="6124">
                  <c:v>0.55647973961855934</c:v>
                </c:pt>
                <c:pt idx="6125">
                  <c:v>0.55647973961855934</c:v>
                </c:pt>
                <c:pt idx="6126">
                  <c:v>0.55647973961855934</c:v>
                </c:pt>
                <c:pt idx="6127">
                  <c:v>2.2748217234710193</c:v>
                </c:pt>
                <c:pt idx="6128">
                  <c:v>2.5382221335571375</c:v>
                </c:pt>
                <c:pt idx="6129">
                  <c:v>2.8016225436432558</c:v>
                </c:pt>
                <c:pt idx="6130">
                  <c:v>2.8016225436432558</c:v>
                </c:pt>
                <c:pt idx="6131">
                  <c:v>3.3523688556415023</c:v>
                </c:pt>
                <c:pt idx="6132">
                  <c:v>3.3523688556415023</c:v>
                </c:pt>
                <c:pt idx="6133">
                  <c:v>2.2269307398189979</c:v>
                </c:pt>
                <c:pt idx="6134">
                  <c:v>3.3523688556415023</c:v>
                </c:pt>
                <c:pt idx="6135">
                  <c:v>3.3523688556415023</c:v>
                </c:pt>
                <c:pt idx="6136">
                  <c:v>1.9755030756458858</c:v>
                </c:pt>
                <c:pt idx="6137">
                  <c:v>0.84315112063418074</c:v>
                </c:pt>
                <c:pt idx="6138">
                  <c:v>0.55647973961855934</c:v>
                </c:pt>
                <c:pt idx="6139">
                  <c:v>0.55647973961855934</c:v>
                </c:pt>
                <c:pt idx="6140">
                  <c:v>0.55647973961855934</c:v>
                </c:pt>
                <c:pt idx="6141">
                  <c:v>0.55647973961855934</c:v>
                </c:pt>
                <c:pt idx="6142">
                  <c:v>0.55647973961855934</c:v>
                </c:pt>
                <c:pt idx="6143">
                  <c:v>0.55647973961855934</c:v>
                </c:pt>
                <c:pt idx="6144">
                  <c:v>0.571709436969975</c:v>
                </c:pt>
                <c:pt idx="6145">
                  <c:v>0.571709436969975</c:v>
                </c:pt>
                <c:pt idx="6146">
                  <c:v>0.571709436969975</c:v>
                </c:pt>
                <c:pt idx="6147">
                  <c:v>0.571709436969975</c:v>
                </c:pt>
                <c:pt idx="6148">
                  <c:v>0.571709436969975</c:v>
                </c:pt>
                <c:pt idx="6149">
                  <c:v>0.571709436969975</c:v>
                </c:pt>
                <c:pt idx="6150">
                  <c:v>0.571709436969975</c:v>
                </c:pt>
                <c:pt idx="6151">
                  <c:v>2.3370788802196856</c:v>
                </c:pt>
                <c:pt idx="6152">
                  <c:v>2.6076880137188074</c:v>
                </c:pt>
                <c:pt idx="6153">
                  <c:v>2.8782971472179288</c:v>
                </c:pt>
                <c:pt idx="6154">
                  <c:v>2.8782971472179288</c:v>
                </c:pt>
                <c:pt idx="6155">
                  <c:v>3.444116244534273</c:v>
                </c:pt>
                <c:pt idx="6156">
                  <c:v>3.444116244534273</c:v>
                </c:pt>
                <c:pt idx="6157">
                  <c:v>2.2878772195834816</c:v>
                </c:pt>
                <c:pt idx="6158">
                  <c:v>3.444116244534273</c:v>
                </c:pt>
                <c:pt idx="6159">
                  <c:v>3.444116244534273</c:v>
                </c:pt>
                <c:pt idx="6160">
                  <c:v>2.029568501243411</c:v>
                </c:pt>
                <c:pt idx="6161">
                  <c:v>0.8662264196514774</c:v>
                </c:pt>
                <c:pt idx="6162">
                  <c:v>0.571709436969975</c:v>
                </c:pt>
                <c:pt idx="6163">
                  <c:v>0.571709436969975</c:v>
                </c:pt>
                <c:pt idx="6164">
                  <c:v>0.571709436969975</c:v>
                </c:pt>
                <c:pt idx="6165">
                  <c:v>0.571709436969975</c:v>
                </c:pt>
                <c:pt idx="6166">
                  <c:v>0.571709436969975</c:v>
                </c:pt>
                <c:pt idx="6167">
                  <c:v>0.571709436969975</c:v>
                </c:pt>
                <c:pt idx="6168">
                  <c:v>0.88555509476606564</c:v>
                </c:pt>
                <c:pt idx="6169">
                  <c:v>0.53670005743397919</c:v>
                </c:pt>
                <c:pt idx="6170">
                  <c:v>0.53670005743397919</c:v>
                </c:pt>
                <c:pt idx="6171">
                  <c:v>0.53670005743397919</c:v>
                </c:pt>
                <c:pt idx="6172">
                  <c:v>0.53670005743397919</c:v>
                </c:pt>
                <c:pt idx="6173">
                  <c:v>0.53670005743397919</c:v>
                </c:pt>
                <c:pt idx="6174">
                  <c:v>0.53670005743397919</c:v>
                </c:pt>
                <c:pt idx="6175">
                  <c:v>2.2863422446687514</c:v>
                </c:pt>
                <c:pt idx="6176">
                  <c:v>2.857927805835939</c:v>
                </c:pt>
                <c:pt idx="6177">
                  <c:v>3.143720586419533</c:v>
                </c:pt>
                <c:pt idx="6178">
                  <c:v>3.143720586419533</c:v>
                </c:pt>
                <c:pt idx="6179">
                  <c:v>3.7153061475867202</c:v>
                </c:pt>
                <c:pt idx="6180">
                  <c:v>3.7153061475867202</c:v>
                </c:pt>
                <c:pt idx="6181">
                  <c:v>2.5721350252523454</c:v>
                </c:pt>
                <c:pt idx="6182">
                  <c:v>3.7153061475867202</c:v>
                </c:pt>
                <c:pt idx="6183">
                  <c:v>2.857927805835939</c:v>
                </c:pt>
                <c:pt idx="6184">
                  <c:v>1.3417501435849479</c:v>
                </c:pt>
                <c:pt idx="6185">
                  <c:v>0.88555509476606564</c:v>
                </c:pt>
                <c:pt idx="6186">
                  <c:v>0.56353506030567813</c:v>
                </c:pt>
                <c:pt idx="6187">
                  <c:v>0.53670005743397919</c:v>
                </c:pt>
                <c:pt idx="6188">
                  <c:v>0.53670005743397919</c:v>
                </c:pt>
                <c:pt idx="6189">
                  <c:v>0.53670005743397919</c:v>
                </c:pt>
                <c:pt idx="6190">
                  <c:v>0.53670005743397919</c:v>
                </c:pt>
                <c:pt idx="6191">
                  <c:v>0.53670005743397919</c:v>
                </c:pt>
                <c:pt idx="6192">
                  <c:v>0.24096778165612553</c:v>
                </c:pt>
                <c:pt idx="6193">
                  <c:v>0.216871003490513</c:v>
                </c:pt>
                <c:pt idx="6194">
                  <c:v>0.216871003490513</c:v>
                </c:pt>
                <c:pt idx="6195">
                  <c:v>0.216871003490513</c:v>
                </c:pt>
                <c:pt idx="6196">
                  <c:v>0.216871003490513</c:v>
                </c:pt>
                <c:pt idx="6197">
                  <c:v>0.216871003490513</c:v>
                </c:pt>
                <c:pt idx="6198">
                  <c:v>0.216871003490513</c:v>
                </c:pt>
                <c:pt idx="6199">
                  <c:v>0.216871003490513</c:v>
                </c:pt>
                <c:pt idx="6200">
                  <c:v>0.216871003490513</c:v>
                </c:pt>
                <c:pt idx="6201">
                  <c:v>0.216871003490513</c:v>
                </c:pt>
                <c:pt idx="6202">
                  <c:v>0.216871003490513</c:v>
                </c:pt>
                <c:pt idx="6203">
                  <c:v>0.216871003490513</c:v>
                </c:pt>
                <c:pt idx="6204">
                  <c:v>0.216871003490513</c:v>
                </c:pt>
                <c:pt idx="6205">
                  <c:v>0.216871003490513</c:v>
                </c:pt>
                <c:pt idx="6206">
                  <c:v>0.216871003490513</c:v>
                </c:pt>
                <c:pt idx="6207">
                  <c:v>0.216871003490513</c:v>
                </c:pt>
                <c:pt idx="6208">
                  <c:v>0.216871003490513</c:v>
                </c:pt>
                <c:pt idx="6209">
                  <c:v>0.216871003490513</c:v>
                </c:pt>
                <c:pt idx="6210">
                  <c:v>0.216871003490513</c:v>
                </c:pt>
                <c:pt idx="6211">
                  <c:v>0.216871003490513</c:v>
                </c:pt>
                <c:pt idx="6212">
                  <c:v>0.216871003490513</c:v>
                </c:pt>
                <c:pt idx="6213">
                  <c:v>0.216871003490513</c:v>
                </c:pt>
                <c:pt idx="6214">
                  <c:v>0.216871003490513</c:v>
                </c:pt>
                <c:pt idx="6215">
                  <c:v>0.216871003490513</c:v>
                </c:pt>
                <c:pt idx="6216">
                  <c:v>0.21750301573100586</c:v>
                </c:pt>
                <c:pt idx="6217">
                  <c:v>0.21750301573100586</c:v>
                </c:pt>
                <c:pt idx="6218">
                  <c:v>0.21750301573100586</c:v>
                </c:pt>
                <c:pt idx="6219">
                  <c:v>0.21750301573100586</c:v>
                </c:pt>
                <c:pt idx="6220">
                  <c:v>0.21750301573100586</c:v>
                </c:pt>
                <c:pt idx="6221">
                  <c:v>0.21750301573100586</c:v>
                </c:pt>
                <c:pt idx="6222">
                  <c:v>0.21750301573100586</c:v>
                </c:pt>
                <c:pt idx="6223">
                  <c:v>0.21750301573100586</c:v>
                </c:pt>
                <c:pt idx="6224">
                  <c:v>0.21750301573100586</c:v>
                </c:pt>
                <c:pt idx="6225">
                  <c:v>0.21750301573100586</c:v>
                </c:pt>
                <c:pt idx="6226">
                  <c:v>0.21750301573100586</c:v>
                </c:pt>
                <c:pt idx="6227">
                  <c:v>0.21750301573100586</c:v>
                </c:pt>
                <c:pt idx="6228">
                  <c:v>0.21750301573100586</c:v>
                </c:pt>
                <c:pt idx="6229">
                  <c:v>0.21750301573100586</c:v>
                </c:pt>
                <c:pt idx="6230">
                  <c:v>0.21750301573100586</c:v>
                </c:pt>
                <c:pt idx="6231">
                  <c:v>0.21750301573100586</c:v>
                </c:pt>
                <c:pt idx="6232">
                  <c:v>0.21750301573100586</c:v>
                </c:pt>
                <c:pt idx="6233">
                  <c:v>0.21750301573100586</c:v>
                </c:pt>
                <c:pt idx="6234">
                  <c:v>0.21750301573100586</c:v>
                </c:pt>
                <c:pt idx="6235">
                  <c:v>0.21750301573100586</c:v>
                </c:pt>
                <c:pt idx="6236">
                  <c:v>0.21750301573100586</c:v>
                </c:pt>
                <c:pt idx="6237">
                  <c:v>0.21750301573100586</c:v>
                </c:pt>
                <c:pt idx="6238">
                  <c:v>0.21750301573100586</c:v>
                </c:pt>
                <c:pt idx="6239">
                  <c:v>0.21750301573100586</c:v>
                </c:pt>
                <c:pt idx="6240">
                  <c:v>0.54301419267124973</c:v>
                </c:pt>
                <c:pt idx="6241">
                  <c:v>0.54301419267124973</c:v>
                </c:pt>
                <c:pt idx="6242">
                  <c:v>0.54301419267124973</c:v>
                </c:pt>
                <c:pt idx="6243">
                  <c:v>0.54301419267124973</c:v>
                </c:pt>
                <c:pt idx="6244">
                  <c:v>0.54301419267124973</c:v>
                </c:pt>
                <c:pt idx="6245">
                  <c:v>0.54301419267124973</c:v>
                </c:pt>
                <c:pt idx="6246">
                  <c:v>0.54301419267124973</c:v>
                </c:pt>
                <c:pt idx="6247">
                  <c:v>2.3132404607795238</c:v>
                </c:pt>
                <c:pt idx="6248">
                  <c:v>2.6023955183769645</c:v>
                </c:pt>
                <c:pt idx="6249">
                  <c:v>2.8915505759744047</c:v>
                </c:pt>
                <c:pt idx="6250">
                  <c:v>2.8915505759744047</c:v>
                </c:pt>
                <c:pt idx="6251">
                  <c:v>3.4698606911692851</c:v>
                </c:pt>
                <c:pt idx="6252">
                  <c:v>3.4698606911692851</c:v>
                </c:pt>
                <c:pt idx="6253">
                  <c:v>2.3132404607795238</c:v>
                </c:pt>
                <c:pt idx="6254">
                  <c:v>3.4698606911692851</c:v>
                </c:pt>
                <c:pt idx="6255">
                  <c:v>3.4698606911692851</c:v>
                </c:pt>
                <c:pt idx="6256">
                  <c:v>2.0240854031820832</c:v>
                </c:pt>
                <c:pt idx="6257">
                  <c:v>0.57831011519488096</c:v>
                </c:pt>
                <c:pt idx="6258">
                  <c:v>0.5701649023048122</c:v>
                </c:pt>
                <c:pt idx="6259">
                  <c:v>0.5701649023048122</c:v>
                </c:pt>
                <c:pt idx="6260">
                  <c:v>0.5701649023048122</c:v>
                </c:pt>
                <c:pt idx="6261">
                  <c:v>0.5701649023048122</c:v>
                </c:pt>
                <c:pt idx="6262">
                  <c:v>0.5701649023048122</c:v>
                </c:pt>
                <c:pt idx="6263">
                  <c:v>0.5701649023048122</c:v>
                </c:pt>
                <c:pt idx="6264">
                  <c:v>0.36804942542655411</c:v>
                </c:pt>
                <c:pt idx="6265">
                  <c:v>0.56083721969760625</c:v>
                </c:pt>
                <c:pt idx="6266">
                  <c:v>0.56083721969760625</c:v>
                </c:pt>
                <c:pt idx="6267">
                  <c:v>0.56083721969760625</c:v>
                </c:pt>
                <c:pt idx="6268">
                  <c:v>0.56083721969760625</c:v>
                </c:pt>
                <c:pt idx="6269">
                  <c:v>0.56083721969760625</c:v>
                </c:pt>
                <c:pt idx="6270">
                  <c:v>0.56083721969760625</c:v>
                </c:pt>
                <c:pt idx="6271">
                  <c:v>2.3642794042877209</c:v>
                </c:pt>
                <c:pt idx="6272">
                  <c:v>2.6380380721526149</c:v>
                </c:pt>
                <c:pt idx="6273">
                  <c:v>2.9117967400175093</c:v>
                </c:pt>
                <c:pt idx="6274">
                  <c:v>2.9117967400175093</c:v>
                </c:pt>
                <c:pt idx="6275">
                  <c:v>3.4842012273713787</c:v>
                </c:pt>
                <c:pt idx="6276">
                  <c:v>3.4842012273713787</c:v>
                </c:pt>
                <c:pt idx="6277">
                  <c:v>2.3145051010395585</c:v>
                </c:pt>
                <c:pt idx="6278">
                  <c:v>3.4842012273713787</c:v>
                </c:pt>
                <c:pt idx="6279">
                  <c:v>3.4842012273713787</c:v>
                </c:pt>
                <c:pt idx="6280">
                  <c:v>2.0531900089867055</c:v>
                </c:pt>
                <c:pt idx="6281">
                  <c:v>0.87630815577750987</c:v>
                </c:pt>
                <c:pt idx="6282">
                  <c:v>0.57836338281315647</c:v>
                </c:pt>
                <c:pt idx="6283">
                  <c:v>0.57836338281315647</c:v>
                </c:pt>
                <c:pt idx="6284">
                  <c:v>0.57836338281315647</c:v>
                </c:pt>
                <c:pt idx="6285">
                  <c:v>0.57836338281315647</c:v>
                </c:pt>
                <c:pt idx="6286">
                  <c:v>0.57836338281315647</c:v>
                </c:pt>
                <c:pt idx="6287">
                  <c:v>0.57836338281315647</c:v>
                </c:pt>
                <c:pt idx="6288">
                  <c:v>0.57215736924501659</c:v>
                </c:pt>
                <c:pt idx="6289">
                  <c:v>0.57215736924501659</c:v>
                </c:pt>
                <c:pt idx="6290">
                  <c:v>0.57215736924501659</c:v>
                </c:pt>
                <c:pt idx="6291">
                  <c:v>0.57215736924501659</c:v>
                </c:pt>
                <c:pt idx="6292">
                  <c:v>0.57215736924501659</c:v>
                </c:pt>
                <c:pt idx="6293">
                  <c:v>0.57215736924501659</c:v>
                </c:pt>
                <c:pt idx="6294">
                  <c:v>0.57215736924501659</c:v>
                </c:pt>
                <c:pt idx="6295">
                  <c:v>2.3389099730652347</c:v>
                </c:pt>
                <c:pt idx="6296">
                  <c:v>2.6097311278412088</c:v>
                </c:pt>
                <c:pt idx="6297">
                  <c:v>2.8805522826171841</c:v>
                </c:pt>
                <c:pt idx="6298">
                  <c:v>2.8805522826171841</c:v>
                </c:pt>
                <c:pt idx="6299">
                  <c:v>3.446814697148767</c:v>
                </c:pt>
                <c:pt idx="6300">
                  <c:v>3.446814697148767</c:v>
                </c:pt>
                <c:pt idx="6301">
                  <c:v>2.2896697631059664</c:v>
                </c:pt>
                <c:pt idx="6302">
                  <c:v>3.446814697148767</c:v>
                </c:pt>
                <c:pt idx="6303">
                  <c:v>3.446814697148767</c:v>
                </c:pt>
                <c:pt idx="6304">
                  <c:v>2.0311586608198091</c:v>
                </c:pt>
                <c:pt idx="6305">
                  <c:v>0.86690510491669182</c:v>
                </c:pt>
                <c:pt idx="6306">
                  <c:v>0.57215736924501659</c:v>
                </c:pt>
                <c:pt idx="6307">
                  <c:v>0.57215736924501659</c:v>
                </c:pt>
                <c:pt idx="6308">
                  <c:v>0.57215736924501659</c:v>
                </c:pt>
                <c:pt idx="6309">
                  <c:v>0.57215736924501659</c:v>
                </c:pt>
                <c:pt idx="6310">
                  <c:v>0.57215736924501659</c:v>
                </c:pt>
                <c:pt idx="6311">
                  <c:v>0.57215736924501659</c:v>
                </c:pt>
                <c:pt idx="6312">
                  <c:v>0.56499045284435045</c:v>
                </c:pt>
                <c:pt idx="6313">
                  <c:v>0.56499045284435045</c:v>
                </c:pt>
                <c:pt idx="6314">
                  <c:v>0.56499045284435045</c:v>
                </c:pt>
                <c:pt idx="6315">
                  <c:v>0.56499045284435045</c:v>
                </c:pt>
                <c:pt idx="6316">
                  <c:v>0.56499045284435045</c:v>
                </c:pt>
                <c:pt idx="6317">
                  <c:v>0.56499045284435045</c:v>
                </c:pt>
                <c:pt idx="6318">
                  <c:v>0.56499045284435045</c:v>
                </c:pt>
                <c:pt idx="6319">
                  <c:v>2.3096124875364508</c:v>
                </c:pt>
                <c:pt idx="6320">
                  <c:v>2.577041301882776</c:v>
                </c:pt>
                <c:pt idx="6321">
                  <c:v>2.8444701162291022</c:v>
                </c:pt>
                <c:pt idx="6322">
                  <c:v>2.8444701162291022</c:v>
                </c:pt>
                <c:pt idx="6323">
                  <c:v>3.4036394553168745</c:v>
                </c:pt>
                <c:pt idx="6324">
                  <c:v>3.4036394553168745</c:v>
                </c:pt>
                <c:pt idx="6325">
                  <c:v>2.2609890667462094</c:v>
                </c:pt>
                <c:pt idx="6326">
                  <c:v>3.4036394553168745</c:v>
                </c:pt>
                <c:pt idx="6327">
                  <c:v>3.4036394553168745</c:v>
                </c:pt>
                <c:pt idx="6328">
                  <c:v>2.0057161075974439</c:v>
                </c:pt>
                <c:pt idx="6329">
                  <c:v>0.85604614067325835</c:v>
                </c:pt>
                <c:pt idx="6330">
                  <c:v>0.56499045284435045</c:v>
                </c:pt>
                <c:pt idx="6331">
                  <c:v>0.56499045284435045</c:v>
                </c:pt>
                <c:pt idx="6332">
                  <c:v>0.56499045284435045</c:v>
                </c:pt>
                <c:pt idx="6333">
                  <c:v>0.56499045284435045</c:v>
                </c:pt>
                <c:pt idx="6334">
                  <c:v>0.56499045284435045</c:v>
                </c:pt>
                <c:pt idx="6335">
                  <c:v>0.56499045284435045</c:v>
                </c:pt>
                <c:pt idx="6336">
                  <c:v>0.86912207230447802</c:v>
                </c:pt>
                <c:pt idx="6337">
                  <c:v>0.52674064988150182</c:v>
                </c:pt>
                <c:pt idx="6338">
                  <c:v>0.52674064988150182</c:v>
                </c:pt>
                <c:pt idx="6339">
                  <c:v>0.52674064988150182</c:v>
                </c:pt>
                <c:pt idx="6340">
                  <c:v>0.52674064988150182</c:v>
                </c:pt>
                <c:pt idx="6341">
                  <c:v>0.52674064988150182</c:v>
                </c:pt>
                <c:pt idx="6342">
                  <c:v>0.52674064988150182</c:v>
                </c:pt>
                <c:pt idx="6343">
                  <c:v>2.2439151684951977</c:v>
                </c:pt>
                <c:pt idx="6344">
                  <c:v>2.8048939606189971</c:v>
                </c:pt>
                <c:pt idx="6345">
                  <c:v>3.0853833566808966</c:v>
                </c:pt>
                <c:pt idx="6346">
                  <c:v>3.0853833566808966</c:v>
                </c:pt>
                <c:pt idx="6347">
                  <c:v>3.646362148804696</c:v>
                </c:pt>
                <c:pt idx="6348">
                  <c:v>3.646362148804696</c:v>
                </c:pt>
                <c:pt idx="6349">
                  <c:v>2.5244045645570972</c:v>
                </c:pt>
                <c:pt idx="6350">
                  <c:v>3.646362148804696</c:v>
                </c:pt>
                <c:pt idx="6351">
                  <c:v>2.8048939606189971</c:v>
                </c:pt>
                <c:pt idx="6352">
                  <c:v>1.3168516247037545</c:v>
                </c:pt>
                <c:pt idx="6353">
                  <c:v>0.86912207230447802</c:v>
                </c:pt>
                <c:pt idx="6354">
                  <c:v>0.55307768237557675</c:v>
                </c:pt>
                <c:pt idx="6355">
                  <c:v>0.52674064988150182</c:v>
                </c:pt>
                <c:pt idx="6356">
                  <c:v>0.52674064988150182</c:v>
                </c:pt>
                <c:pt idx="6357">
                  <c:v>0.52674064988150182</c:v>
                </c:pt>
                <c:pt idx="6358">
                  <c:v>0.52674064988150182</c:v>
                </c:pt>
                <c:pt idx="6359">
                  <c:v>0.52674064988150182</c:v>
                </c:pt>
                <c:pt idx="6360">
                  <c:v>0.24425938880590728</c:v>
                </c:pt>
                <c:pt idx="6361">
                  <c:v>0.21983344992531656</c:v>
                </c:pt>
                <c:pt idx="6362">
                  <c:v>0.21983344992531656</c:v>
                </c:pt>
                <c:pt idx="6363">
                  <c:v>0.21983344992531656</c:v>
                </c:pt>
                <c:pt idx="6364">
                  <c:v>0.21983344992531656</c:v>
                </c:pt>
                <c:pt idx="6365">
                  <c:v>0.21983344992531656</c:v>
                </c:pt>
                <c:pt idx="6366">
                  <c:v>0.21983344992531656</c:v>
                </c:pt>
                <c:pt idx="6367">
                  <c:v>0.21983344992531656</c:v>
                </c:pt>
                <c:pt idx="6368">
                  <c:v>0.21983344992531656</c:v>
                </c:pt>
                <c:pt idx="6369">
                  <c:v>0.21983344992531656</c:v>
                </c:pt>
                <c:pt idx="6370">
                  <c:v>0.21983344992531656</c:v>
                </c:pt>
                <c:pt idx="6371">
                  <c:v>0.21983344992531656</c:v>
                </c:pt>
                <c:pt idx="6372">
                  <c:v>0.21983344992531656</c:v>
                </c:pt>
                <c:pt idx="6373">
                  <c:v>0.21983344992531656</c:v>
                </c:pt>
                <c:pt idx="6374">
                  <c:v>0.21983344992531656</c:v>
                </c:pt>
                <c:pt idx="6375">
                  <c:v>0.21983344992531656</c:v>
                </c:pt>
                <c:pt idx="6376">
                  <c:v>0.21983344992531656</c:v>
                </c:pt>
                <c:pt idx="6377">
                  <c:v>0.21983344992531656</c:v>
                </c:pt>
                <c:pt idx="6378">
                  <c:v>0.21983344992531656</c:v>
                </c:pt>
                <c:pt idx="6379">
                  <c:v>0.21983344992531656</c:v>
                </c:pt>
                <c:pt idx="6380">
                  <c:v>0.21983344992531656</c:v>
                </c:pt>
                <c:pt idx="6381">
                  <c:v>0.21983344992531656</c:v>
                </c:pt>
                <c:pt idx="6382">
                  <c:v>0.21983344992531656</c:v>
                </c:pt>
                <c:pt idx="6383">
                  <c:v>0.21983344992531656</c:v>
                </c:pt>
                <c:pt idx="6384">
                  <c:v>0.22821334246411787</c:v>
                </c:pt>
                <c:pt idx="6385">
                  <c:v>0.22821334246411787</c:v>
                </c:pt>
                <c:pt idx="6386">
                  <c:v>0.22821334246411787</c:v>
                </c:pt>
                <c:pt idx="6387">
                  <c:v>0.22821334246411787</c:v>
                </c:pt>
                <c:pt idx="6388">
                  <c:v>0.22821334246411787</c:v>
                </c:pt>
                <c:pt idx="6389">
                  <c:v>0.22821334246411787</c:v>
                </c:pt>
                <c:pt idx="6390">
                  <c:v>0.22821334246411787</c:v>
                </c:pt>
                <c:pt idx="6391">
                  <c:v>0.22821334246411787</c:v>
                </c:pt>
                <c:pt idx="6392">
                  <c:v>0.22821334246411787</c:v>
                </c:pt>
                <c:pt idx="6393">
                  <c:v>0.22821334246411787</c:v>
                </c:pt>
                <c:pt idx="6394">
                  <c:v>0.22821334246411787</c:v>
                </c:pt>
                <c:pt idx="6395">
                  <c:v>0.22821334246411787</c:v>
                </c:pt>
                <c:pt idx="6396">
                  <c:v>0.22821334246411787</c:v>
                </c:pt>
                <c:pt idx="6397">
                  <c:v>0.22821334246411787</c:v>
                </c:pt>
                <c:pt idx="6398">
                  <c:v>0.22821334246411787</c:v>
                </c:pt>
                <c:pt idx="6399">
                  <c:v>0.22821334246411787</c:v>
                </c:pt>
                <c:pt idx="6400">
                  <c:v>0.22821334246411787</c:v>
                </c:pt>
                <c:pt idx="6401">
                  <c:v>0.22821334246411787</c:v>
                </c:pt>
                <c:pt idx="6402">
                  <c:v>0.22821334246411787</c:v>
                </c:pt>
                <c:pt idx="6403">
                  <c:v>0.22821334246411787</c:v>
                </c:pt>
                <c:pt idx="6404">
                  <c:v>0.22821334246411787</c:v>
                </c:pt>
                <c:pt idx="6405">
                  <c:v>0.22821334246411787</c:v>
                </c:pt>
                <c:pt idx="6406">
                  <c:v>0.22821334246411787</c:v>
                </c:pt>
                <c:pt idx="6407">
                  <c:v>0.22821334246411787</c:v>
                </c:pt>
                <c:pt idx="6408">
                  <c:v>0.56364591959390753</c:v>
                </c:pt>
                <c:pt idx="6409">
                  <c:v>0.56364591959390753</c:v>
                </c:pt>
                <c:pt idx="6410">
                  <c:v>0.56364591959390753</c:v>
                </c:pt>
                <c:pt idx="6411">
                  <c:v>0.56364591959390753</c:v>
                </c:pt>
                <c:pt idx="6412">
                  <c:v>0.56364591959390753</c:v>
                </c:pt>
                <c:pt idx="6413">
                  <c:v>0.56364591959390753</c:v>
                </c:pt>
                <c:pt idx="6414">
                  <c:v>0.56364591959390753</c:v>
                </c:pt>
                <c:pt idx="6415">
                  <c:v>2.4011316174700452</c:v>
                </c:pt>
                <c:pt idx="6416">
                  <c:v>2.7012730696538014</c:v>
                </c:pt>
                <c:pt idx="6417">
                  <c:v>3.0014145218375572</c:v>
                </c:pt>
                <c:pt idx="6418">
                  <c:v>3.0014145218375572</c:v>
                </c:pt>
                <c:pt idx="6419">
                  <c:v>3.6016974262050678</c:v>
                </c:pt>
                <c:pt idx="6420">
                  <c:v>3.6016974262050678</c:v>
                </c:pt>
                <c:pt idx="6421">
                  <c:v>2.4011316174700452</c:v>
                </c:pt>
                <c:pt idx="6422">
                  <c:v>3.6016974262050678</c:v>
                </c:pt>
                <c:pt idx="6423">
                  <c:v>3.6016974262050678</c:v>
                </c:pt>
                <c:pt idx="6424">
                  <c:v>2.1009901652862895</c:v>
                </c:pt>
                <c:pt idx="6425">
                  <c:v>0.60028290436751131</c:v>
                </c:pt>
                <c:pt idx="6426">
                  <c:v>0.59182821557360277</c:v>
                </c:pt>
                <c:pt idx="6427">
                  <c:v>0.59182821557360277</c:v>
                </c:pt>
                <c:pt idx="6428">
                  <c:v>0.59182821557360277</c:v>
                </c:pt>
                <c:pt idx="6429">
                  <c:v>0.59182821557360277</c:v>
                </c:pt>
                <c:pt idx="6430">
                  <c:v>0.59182821557360277</c:v>
                </c:pt>
                <c:pt idx="6431">
                  <c:v>0.59182821557360277</c:v>
                </c:pt>
                <c:pt idx="6432">
                  <c:v>0.36891181887688712</c:v>
                </c:pt>
                <c:pt idx="6433">
                  <c:v>0.56215134305049475</c:v>
                </c:pt>
                <c:pt idx="6434">
                  <c:v>0.56215134305049475</c:v>
                </c:pt>
                <c:pt idx="6435">
                  <c:v>0.56215134305049475</c:v>
                </c:pt>
                <c:pt idx="6436">
                  <c:v>0.56215134305049475</c:v>
                </c:pt>
                <c:pt idx="6437">
                  <c:v>0.56215134305049475</c:v>
                </c:pt>
                <c:pt idx="6438">
                  <c:v>0.56215134305049475</c:v>
                </c:pt>
                <c:pt idx="6439">
                  <c:v>2.3698192555472413</c:v>
                </c:pt>
                <c:pt idx="6440">
                  <c:v>2.6442193798737641</c:v>
                </c:pt>
                <c:pt idx="6441">
                  <c:v>2.9186195042002874</c:v>
                </c:pt>
                <c:pt idx="6442">
                  <c:v>2.9186195042002874</c:v>
                </c:pt>
                <c:pt idx="6443">
                  <c:v>3.4923652187011984</c:v>
                </c:pt>
                <c:pt idx="6444">
                  <c:v>3.4923652187011984</c:v>
                </c:pt>
                <c:pt idx="6445">
                  <c:v>2.31992832385151</c:v>
                </c:pt>
                <c:pt idx="6446">
                  <c:v>3.4923652187011984</c:v>
                </c:pt>
                <c:pt idx="6447">
                  <c:v>3.4923652187011984</c:v>
                </c:pt>
                <c:pt idx="6448">
                  <c:v>2.0580009324489201</c:v>
                </c:pt>
                <c:pt idx="6449">
                  <c:v>0.87836147351639804</c:v>
                </c:pt>
                <c:pt idx="6450">
                  <c:v>0.57971857252082271</c:v>
                </c:pt>
                <c:pt idx="6451">
                  <c:v>0.57971857252082271</c:v>
                </c:pt>
                <c:pt idx="6452">
                  <c:v>0.57971857252082271</c:v>
                </c:pt>
                <c:pt idx="6453">
                  <c:v>0.57971857252082271</c:v>
                </c:pt>
                <c:pt idx="6454">
                  <c:v>0.57971857252082271</c:v>
                </c:pt>
                <c:pt idx="6455">
                  <c:v>0.57971857252082271</c:v>
                </c:pt>
                <c:pt idx="6456">
                  <c:v>0.57036564014485014</c:v>
                </c:pt>
                <c:pt idx="6457">
                  <c:v>0.57036564014485014</c:v>
                </c:pt>
                <c:pt idx="6458">
                  <c:v>0.57036564014485014</c:v>
                </c:pt>
                <c:pt idx="6459">
                  <c:v>0.57036564014485014</c:v>
                </c:pt>
                <c:pt idx="6460">
                  <c:v>0.57036564014485014</c:v>
                </c:pt>
                <c:pt idx="6461">
                  <c:v>0.57036564014485014</c:v>
                </c:pt>
                <c:pt idx="6462">
                  <c:v>0.57036564014485014</c:v>
                </c:pt>
                <c:pt idx="6463">
                  <c:v>2.3315856016830385</c:v>
                </c:pt>
                <c:pt idx="6464">
                  <c:v>2.6015586713516008</c:v>
                </c:pt>
                <c:pt idx="6465">
                  <c:v>2.8715317410201635</c:v>
                </c:pt>
                <c:pt idx="6466">
                  <c:v>2.8715317410201635</c:v>
                </c:pt>
                <c:pt idx="6467">
                  <c:v>3.4360208866907938</c:v>
                </c:pt>
                <c:pt idx="6468">
                  <c:v>3.4360208866907938</c:v>
                </c:pt>
                <c:pt idx="6469">
                  <c:v>2.2824995890160271</c:v>
                </c:pt>
                <c:pt idx="6470">
                  <c:v>3.4360208866907938</c:v>
                </c:pt>
                <c:pt idx="6471">
                  <c:v>3.4360208866907938</c:v>
                </c:pt>
                <c:pt idx="6472">
                  <c:v>2.0247980225142173</c:v>
                </c:pt>
                <c:pt idx="6473">
                  <c:v>0.86419036385583337</c:v>
                </c:pt>
                <c:pt idx="6474">
                  <c:v>0.57036564014485014</c:v>
                </c:pt>
                <c:pt idx="6475">
                  <c:v>0.57036564014485014</c:v>
                </c:pt>
                <c:pt idx="6476">
                  <c:v>0.57036564014485014</c:v>
                </c:pt>
                <c:pt idx="6477">
                  <c:v>0.57036564014485014</c:v>
                </c:pt>
                <c:pt idx="6478">
                  <c:v>0.57036564014485014</c:v>
                </c:pt>
                <c:pt idx="6479">
                  <c:v>0.57036564014485014</c:v>
                </c:pt>
                <c:pt idx="6480">
                  <c:v>0.56946977559476686</c:v>
                </c:pt>
                <c:pt idx="6481">
                  <c:v>0.56946977559476686</c:v>
                </c:pt>
                <c:pt idx="6482">
                  <c:v>0.56946977559476686</c:v>
                </c:pt>
                <c:pt idx="6483">
                  <c:v>0.56946977559476686</c:v>
                </c:pt>
                <c:pt idx="6484">
                  <c:v>0.56946977559476686</c:v>
                </c:pt>
                <c:pt idx="6485">
                  <c:v>0.56946977559476686</c:v>
                </c:pt>
                <c:pt idx="6486">
                  <c:v>0.56946977559476686</c:v>
                </c:pt>
                <c:pt idx="6487">
                  <c:v>2.3279234159919406</c:v>
                </c:pt>
                <c:pt idx="6488">
                  <c:v>2.5974724431067973</c:v>
                </c:pt>
                <c:pt idx="6489">
                  <c:v>2.8670214702216534</c:v>
                </c:pt>
                <c:pt idx="6490">
                  <c:v>2.8670214702216534</c:v>
                </c:pt>
                <c:pt idx="6491">
                  <c:v>3.4306239814618071</c:v>
                </c:pt>
                <c:pt idx="6492">
                  <c:v>3.4306239814618071</c:v>
                </c:pt>
                <c:pt idx="6493">
                  <c:v>2.2789145019710575</c:v>
                </c:pt>
                <c:pt idx="6494">
                  <c:v>3.4306239814618071</c:v>
                </c:pt>
                <c:pt idx="6495">
                  <c:v>3.4306239814618071</c:v>
                </c:pt>
                <c:pt idx="6496">
                  <c:v>2.021617703361422</c:v>
                </c:pt>
                <c:pt idx="6497">
                  <c:v>0.86283299332540431</c:v>
                </c:pt>
                <c:pt idx="6498">
                  <c:v>0.56946977559476686</c:v>
                </c:pt>
                <c:pt idx="6499">
                  <c:v>0.56946977559476686</c:v>
                </c:pt>
                <c:pt idx="6500">
                  <c:v>0.56946977559476686</c:v>
                </c:pt>
                <c:pt idx="6501">
                  <c:v>0.56946977559476686</c:v>
                </c:pt>
                <c:pt idx="6502">
                  <c:v>0.56946977559476686</c:v>
                </c:pt>
                <c:pt idx="6503">
                  <c:v>0.56946977559476686</c:v>
                </c:pt>
                <c:pt idx="6504">
                  <c:v>0.87802329280450453</c:v>
                </c:pt>
                <c:pt idx="6505">
                  <c:v>0.5321353289724271</c:v>
                </c:pt>
                <c:pt idx="6506">
                  <c:v>0.5321353289724271</c:v>
                </c:pt>
                <c:pt idx="6507">
                  <c:v>0.5321353289724271</c:v>
                </c:pt>
                <c:pt idx="6508">
                  <c:v>0.5321353289724271</c:v>
                </c:pt>
                <c:pt idx="6509">
                  <c:v>0.5321353289724271</c:v>
                </c:pt>
                <c:pt idx="6510">
                  <c:v>0.5321353289724271</c:v>
                </c:pt>
                <c:pt idx="6511">
                  <c:v>2.2668965014225391</c:v>
                </c:pt>
                <c:pt idx="6512">
                  <c:v>2.8336206267781741</c:v>
                </c:pt>
                <c:pt idx="6513">
                  <c:v>3.116982689455992</c:v>
                </c:pt>
                <c:pt idx="6514">
                  <c:v>3.116982689455992</c:v>
                </c:pt>
                <c:pt idx="6515">
                  <c:v>3.6837068148116261</c:v>
                </c:pt>
                <c:pt idx="6516">
                  <c:v>3.6837068148116261</c:v>
                </c:pt>
                <c:pt idx="6517">
                  <c:v>2.5502585641003566</c:v>
                </c:pt>
                <c:pt idx="6518">
                  <c:v>3.6837068148116261</c:v>
                </c:pt>
                <c:pt idx="6519">
                  <c:v>2.8336206267781741</c:v>
                </c:pt>
                <c:pt idx="6520">
                  <c:v>1.3303383224310676</c:v>
                </c:pt>
                <c:pt idx="6521">
                  <c:v>0.87802329280450453</c:v>
                </c:pt>
                <c:pt idx="6522">
                  <c:v>0.55874209542104836</c:v>
                </c:pt>
                <c:pt idx="6523">
                  <c:v>0.5321353289724271</c:v>
                </c:pt>
                <c:pt idx="6524">
                  <c:v>0.5321353289724271</c:v>
                </c:pt>
                <c:pt idx="6525">
                  <c:v>0.5321353289724271</c:v>
                </c:pt>
                <c:pt idx="6526">
                  <c:v>0.5321353289724271</c:v>
                </c:pt>
                <c:pt idx="6527">
                  <c:v>0.5321353289724271</c:v>
                </c:pt>
                <c:pt idx="6528">
                  <c:v>0.24261358523101642</c:v>
                </c:pt>
                <c:pt idx="6529">
                  <c:v>0.21835222670791476</c:v>
                </c:pt>
                <c:pt idx="6530">
                  <c:v>0.21835222670791476</c:v>
                </c:pt>
                <c:pt idx="6531">
                  <c:v>0.21835222670791476</c:v>
                </c:pt>
                <c:pt idx="6532">
                  <c:v>0.21835222670791476</c:v>
                </c:pt>
                <c:pt idx="6533">
                  <c:v>0.21835222670791476</c:v>
                </c:pt>
                <c:pt idx="6534">
                  <c:v>0.21835222670791476</c:v>
                </c:pt>
                <c:pt idx="6535">
                  <c:v>0.21835222670791476</c:v>
                </c:pt>
                <c:pt idx="6536">
                  <c:v>0.21835222670791476</c:v>
                </c:pt>
                <c:pt idx="6537">
                  <c:v>0.21835222670791476</c:v>
                </c:pt>
                <c:pt idx="6538">
                  <c:v>0.21835222670791476</c:v>
                </c:pt>
                <c:pt idx="6539">
                  <c:v>0.21835222670791476</c:v>
                </c:pt>
                <c:pt idx="6540">
                  <c:v>0.21835222670791476</c:v>
                </c:pt>
                <c:pt idx="6541">
                  <c:v>0.21835222670791476</c:v>
                </c:pt>
                <c:pt idx="6542">
                  <c:v>0.21835222670791476</c:v>
                </c:pt>
                <c:pt idx="6543">
                  <c:v>0.21835222670791476</c:v>
                </c:pt>
                <c:pt idx="6544">
                  <c:v>0.21835222670791476</c:v>
                </c:pt>
                <c:pt idx="6545">
                  <c:v>0.21835222670791476</c:v>
                </c:pt>
                <c:pt idx="6546">
                  <c:v>0.21835222670791476</c:v>
                </c:pt>
                <c:pt idx="6547">
                  <c:v>0.21835222670791476</c:v>
                </c:pt>
                <c:pt idx="6548">
                  <c:v>0.21835222670791476</c:v>
                </c:pt>
                <c:pt idx="6549">
                  <c:v>0.21835222670791476</c:v>
                </c:pt>
                <c:pt idx="6550">
                  <c:v>0.21835222670791476</c:v>
                </c:pt>
                <c:pt idx="6551">
                  <c:v>0.21835222670791476</c:v>
                </c:pt>
                <c:pt idx="6552">
                  <c:v>0.21988394490268132</c:v>
                </c:pt>
                <c:pt idx="6553">
                  <c:v>0.21988394490268132</c:v>
                </c:pt>
                <c:pt idx="6554">
                  <c:v>0.21988394490268132</c:v>
                </c:pt>
                <c:pt idx="6555">
                  <c:v>0.21988394490268132</c:v>
                </c:pt>
                <c:pt idx="6556">
                  <c:v>0.21988394490268132</c:v>
                </c:pt>
                <c:pt idx="6557">
                  <c:v>0.21988394490268132</c:v>
                </c:pt>
                <c:pt idx="6558">
                  <c:v>0.21988394490268132</c:v>
                </c:pt>
                <c:pt idx="6559">
                  <c:v>0.21988394490268132</c:v>
                </c:pt>
                <c:pt idx="6560">
                  <c:v>0.21988394490268132</c:v>
                </c:pt>
                <c:pt idx="6561">
                  <c:v>0.21988394490268132</c:v>
                </c:pt>
                <c:pt idx="6562">
                  <c:v>0.21988394490268132</c:v>
                </c:pt>
                <c:pt idx="6563">
                  <c:v>0.21988394490268132</c:v>
                </c:pt>
                <c:pt idx="6564">
                  <c:v>0.21988394490268132</c:v>
                </c:pt>
                <c:pt idx="6565">
                  <c:v>0.21988394490268132</c:v>
                </c:pt>
                <c:pt idx="6566">
                  <c:v>0.21988394490268132</c:v>
                </c:pt>
                <c:pt idx="6567">
                  <c:v>0.21988394490268132</c:v>
                </c:pt>
                <c:pt idx="6568">
                  <c:v>0.21988394490268132</c:v>
                </c:pt>
                <c:pt idx="6569">
                  <c:v>0.21988394490268132</c:v>
                </c:pt>
                <c:pt idx="6570">
                  <c:v>0.21988394490268132</c:v>
                </c:pt>
                <c:pt idx="6571">
                  <c:v>0.21988394490268132</c:v>
                </c:pt>
                <c:pt idx="6572">
                  <c:v>0.21988394490268132</c:v>
                </c:pt>
                <c:pt idx="6573">
                  <c:v>0.21988394490268132</c:v>
                </c:pt>
                <c:pt idx="6574">
                  <c:v>0.21988394490268132</c:v>
                </c:pt>
                <c:pt idx="6575">
                  <c:v>0.21988394490268132</c:v>
                </c:pt>
                <c:pt idx="6576">
                  <c:v>0.55333005613257857</c:v>
                </c:pt>
                <c:pt idx="6577">
                  <c:v>0.55333005613257857</c:v>
                </c:pt>
                <c:pt idx="6578">
                  <c:v>0.55333005613257857</c:v>
                </c:pt>
                <c:pt idx="6579">
                  <c:v>0.55333005613257857</c:v>
                </c:pt>
                <c:pt idx="6580">
                  <c:v>0.55333005613257857</c:v>
                </c:pt>
                <c:pt idx="6581">
                  <c:v>0.55333005613257857</c:v>
                </c:pt>
                <c:pt idx="6582">
                  <c:v>0.55333005613257857</c:v>
                </c:pt>
                <c:pt idx="6583">
                  <c:v>2.3571860391247847</c:v>
                </c:pt>
                <c:pt idx="6584">
                  <c:v>2.6518342940153827</c:v>
                </c:pt>
                <c:pt idx="6585">
                  <c:v>2.9464825489059803</c:v>
                </c:pt>
                <c:pt idx="6586">
                  <c:v>2.9464825489059803</c:v>
                </c:pt>
                <c:pt idx="6587">
                  <c:v>3.5357790586871753</c:v>
                </c:pt>
                <c:pt idx="6588">
                  <c:v>3.5357790586871753</c:v>
                </c:pt>
                <c:pt idx="6589">
                  <c:v>2.3571860391247847</c:v>
                </c:pt>
                <c:pt idx="6590">
                  <c:v>3.5357790586871753</c:v>
                </c:pt>
                <c:pt idx="6591">
                  <c:v>3.5357790586871753</c:v>
                </c:pt>
                <c:pt idx="6592">
                  <c:v>2.0625377842341863</c:v>
                </c:pt>
                <c:pt idx="6593">
                  <c:v>0.58929650978119619</c:v>
                </c:pt>
                <c:pt idx="6594">
                  <c:v>0.58099655893920743</c:v>
                </c:pt>
                <c:pt idx="6595">
                  <c:v>0.58099655893920743</c:v>
                </c:pt>
                <c:pt idx="6596">
                  <c:v>0.58099655893920743</c:v>
                </c:pt>
                <c:pt idx="6597">
                  <c:v>0.58099655893920743</c:v>
                </c:pt>
                <c:pt idx="6598">
                  <c:v>0.58099655893920743</c:v>
                </c:pt>
                <c:pt idx="6599">
                  <c:v>0.58099655893920743</c:v>
                </c:pt>
                <c:pt idx="6600">
                  <c:v>0.36977421232722024</c:v>
                </c:pt>
                <c:pt idx="6601">
                  <c:v>0.56346546640338324</c:v>
                </c:pt>
                <c:pt idx="6602">
                  <c:v>0.56346546640338324</c:v>
                </c:pt>
                <c:pt idx="6603">
                  <c:v>0.56346546640338324</c:v>
                </c:pt>
                <c:pt idx="6604">
                  <c:v>0.56346546640338324</c:v>
                </c:pt>
                <c:pt idx="6605">
                  <c:v>0.56346546640338324</c:v>
                </c:pt>
                <c:pt idx="6606">
                  <c:v>0.56346546640338324</c:v>
                </c:pt>
                <c:pt idx="6607">
                  <c:v>2.3753591068067625</c:v>
                </c:pt>
                <c:pt idx="6608">
                  <c:v>2.6504006875949138</c:v>
                </c:pt>
                <c:pt idx="6609">
                  <c:v>2.9254422683830654</c:v>
                </c:pt>
                <c:pt idx="6610">
                  <c:v>2.9254422683830654</c:v>
                </c:pt>
                <c:pt idx="6611">
                  <c:v>3.5005292100310181</c:v>
                </c:pt>
                <c:pt idx="6612">
                  <c:v>3.5005292100310181</c:v>
                </c:pt>
                <c:pt idx="6613">
                  <c:v>2.3253515466634624</c:v>
                </c:pt>
                <c:pt idx="6614">
                  <c:v>3.5005292100310181</c:v>
                </c:pt>
                <c:pt idx="6615">
                  <c:v>3.5005292100310181</c:v>
                </c:pt>
                <c:pt idx="6616">
                  <c:v>2.0628118559111357</c:v>
                </c:pt>
                <c:pt idx="6617">
                  <c:v>0.88041479125528632</c:v>
                </c:pt>
                <c:pt idx="6618">
                  <c:v>0.58107376222848894</c:v>
                </c:pt>
                <c:pt idx="6619">
                  <c:v>0.58107376222848894</c:v>
                </c:pt>
                <c:pt idx="6620">
                  <c:v>0.58107376222848894</c:v>
                </c:pt>
                <c:pt idx="6621">
                  <c:v>0.58107376222848894</c:v>
                </c:pt>
                <c:pt idx="6622">
                  <c:v>0.58107376222848894</c:v>
                </c:pt>
                <c:pt idx="6623">
                  <c:v>0.58107376222848894</c:v>
                </c:pt>
                <c:pt idx="6624">
                  <c:v>0.57842842109559967</c:v>
                </c:pt>
                <c:pt idx="6625">
                  <c:v>0.57842842109559967</c:v>
                </c:pt>
                <c:pt idx="6626">
                  <c:v>0.57842842109559967</c:v>
                </c:pt>
                <c:pt idx="6627">
                  <c:v>0.57842842109559967</c:v>
                </c:pt>
                <c:pt idx="6628">
                  <c:v>0.57842842109559967</c:v>
                </c:pt>
                <c:pt idx="6629">
                  <c:v>0.57842842109559967</c:v>
                </c:pt>
                <c:pt idx="6630">
                  <c:v>0.57842842109559967</c:v>
                </c:pt>
                <c:pt idx="6631">
                  <c:v>2.3645452729029208</c:v>
                </c:pt>
                <c:pt idx="6632">
                  <c:v>2.6383347255548379</c:v>
                </c:pt>
                <c:pt idx="6633">
                  <c:v>2.9121241782067551</c:v>
                </c:pt>
                <c:pt idx="6634">
                  <c:v>2.9121241782067551</c:v>
                </c:pt>
                <c:pt idx="6635">
                  <c:v>3.484593033751672</c:v>
                </c:pt>
                <c:pt idx="6636">
                  <c:v>3.484593033751672</c:v>
                </c:pt>
                <c:pt idx="6637">
                  <c:v>2.3147653724207538</c:v>
                </c:pt>
                <c:pt idx="6638">
                  <c:v>3.484593033751672</c:v>
                </c:pt>
                <c:pt idx="6639">
                  <c:v>3.484593033751672</c:v>
                </c:pt>
                <c:pt idx="6640">
                  <c:v>2.0534208948893782</c:v>
                </c:pt>
                <c:pt idx="6641">
                  <c:v>0.87640669862969645</c:v>
                </c:pt>
                <c:pt idx="6642">
                  <c:v>0.57842842109559967</c:v>
                </c:pt>
                <c:pt idx="6643">
                  <c:v>0.57842842109559967</c:v>
                </c:pt>
                <c:pt idx="6644">
                  <c:v>0.57842842109559967</c:v>
                </c:pt>
                <c:pt idx="6645">
                  <c:v>0.57842842109559967</c:v>
                </c:pt>
                <c:pt idx="6646">
                  <c:v>0.57842842109559967</c:v>
                </c:pt>
                <c:pt idx="6647">
                  <c:v>0.57842842109559967</c:v>
                </c:pt>
                <c:pt idx="6648">
                  <c:v>0.5945539829970985</c:v>
                </c:pt>
                <c:pt idx="6649">
                  <c:v>0.5945539829970985</c:v>
                </c:pt>
                <c:pt idx="6650">
                  <c:v>0.5945539829970985</c:v>
                </c:pt>
                <c:pt idx="6651">
                  <c:v>0.5945539829970985</c:v>
                </c:pt>
                <c:pt idx="6652">
                  <c:v>0.5945539829970985</c:v>
                </c:pt>
                <c:pt idx="6653">
                  <c:v>0.5945539829970985</c:v>
                </c:pt>
                <c:pt idx="6654">
                  <c:v>0.5945539829970985</c:v>
                </c:pt>
                <c:pt idx="6655">
                  <c:v>2.4304646153426841</c:v>
                </c:pt>
                <c:pt idx="6656">
                  <c:v>2.7118868339613114</c:v>
                </c:pt>
                <c:pt idx="6657">
                  <c:v>2.9933090525799382</c:v>
                </c:pt>
                <c:pt idx="6658">
                  <c:v>2.9933090525799382</c:v>
                </c:pt>
                <c:pt idx="6659">
                  <c:v>3.5817373278734297</c:v>
                </c:pt>
                <c:pt idx="6660">
                  <c:v>3.5817373278734297</c:v>
                </c:pt>
                <c:pt idx="6661">
                  <c:v>2.379296939230207</c:v>
                </c:pt>
                <c:pt idx="6662">
                  <c:v>3.5817373278734297</c:v>
                </c:pt>
                <c:pt idx="6663">
                  <c:v>3.5817373278734297</c:v>
                </c:pt>
                <c:pt idx="6664">
                  <c:v>2.1106666396396996</c:v>
                </c:pt>
                <c:pt idx="6665">
                  <c:v>0.90083936817742205</c:v>
                </c:pt>
                <c:pt idx="6666">
                  <c:v>0.5945539829970985</c:v>
                </c:pt>
                <c:pt idx="6667">
                  <c:v>0.5945539829970985</c:v>
                </c:pt>
                <c:pt idx="6668">
                  <c:v>0.5945539829970985</c:v>
                </c:pt>
                <c:pt idx="6669">
                  <c:v>0.5945539829970985</c:v>
                </c:pt>
                <c:pt idx="6670">
                  <c:v>0.5945539829970985</c:v>
                </c:pt>
                <c:pt idx="6671">
                  <c:v>0.5945539829970985</c:v>
                </c:pt>
                <c:pt idx="6672">
                  <c:v>0.90335753576611855</c:v>
                </c:pt>
                <c:pt idx="6673">
                  <c:v>0.54748941561582953</c:v>
                </c:pt>
                <c:pt idx="6674">
                  <c:v>0.54748941561582953</c:v>
                </c:pt>
                <c:pt idx="6675">
                  <c:v>0.54748941561582953</c:v>
                </c:pt>
                <c:pt idx="6676">
                  <c:v>0.54748941561582953</c:v>
                </c:pt>
                <c:pt idx="6677">
                  <c:v>0.54748941561582953</c:v>
                </c:pt>
                <c:pt idx="6678">
                  <c:v>0.54748941561582953</c:v>
                </c:pt>
                <c:pt idx="6679">
                  <c:v>2.3323049105234337</c:v>
                </c:pt>
                <c:pt idx="6680">
                  <c:v>2.9153811381542916</c:v>
                </c:pt>
                <c:pt idx="6681">
                  <c:v>3.2069192519697212</c:v>
                </c:pt>
                <c:pt idx="6682">
                  <c:v>3.2069192519697212</c:v>
                </c:pt>
                <c:pt idx="6683">
                  <c:v>3.789995479600579</c:v>
                </c:pt>
                <c:pt idx="6684">
                  <c:v>3.789995479600579</c:v>
                </c:pt>
                <c:pt idx="6685">
                  <c:v>2.6238430243388629</c:v>
                </c:pt>
                <c:pt idx="6686">
                  <c:v>3.789995479600579</c:v>
                </c:pt>
                <c:pt idx="6687">
                  <c:v>2.9153811381542916</c:v>
                </c:pt>
                <c:pt idx="6688">
                  <c:v>1.3687235390395738</c:v>
                </c:pt>
                <c:pt idx="6689">
                  <c:v>0.90335753576611855</c:v>
                </c:pt>
                <c:pt idx="6690">
                  <c:v>0.57486388639662089</c:v>
                </c:pt>
                <c:pt idx="6691">
                  <c:v>0.54748941561582953</c:v>
                </c:pt>
                <c:pt idx="6692">
                  <c:v>0.54748941561582953</c:v>
                </c:pt>
                <c:pt idx="6693">
                  <c:v>0.54748941561582953</c:v>
                </c:pt>
                <c:pt idx="6694">
                  <c:v>0.54748941561582953</c:v>
                </c:pt>
                <c:pt idx="6695">
                  <c:v>0.54748941561582953</c:v>
                </c:pt>
                <c:pt idx="6696">
                  <c:v>0.24351877719720638</c:v>
                </c:pt>
                <c:pt idx="6697">
                  <c:v>0.21916689947748574</c:v>
                </c:pt>
                <c:pt idx="6698">
                  <c:v>0.21916689947748574</c:v>
                </c:pt>
                <c:pt idx="6699">
                  <c:v>0.21916689947748574</c:v>
                </c:pt>
                <c:pt idx="6700">
                  <c:v>0.21916689947748574</c:v>
                </c:pt>
                <c:pt idx="6701">
                  <c:v>0.21916689947748574</c:v>
                </c:pt>
                <c:pt idx="6702">
                  <c:v>0.21916689947748574</c:v>
                </c:pt>
                <c:pt idx="6703">
                  <c:v>0.21916689947748574</c:v>
                </c:pt>
                <c:pt idx="6704">
                  <c:v>0.21916689947748574</c:v>
                </c:pt>
                <c:pt idx="6705">
                  <c:v>0.21916689947748574</c:v>
                </c:pt>
                <c:pt idx="6706">
                  <c:v>0.21916689947748574</c:v>
                </c:pt>
                <c:pt idx="6707">
                  <c:v>0.21916689947748574</c:v>
                </c:pt>
                <c:pt idx="6708">
                  <c:v>0.21916689947748574</c:v>
                </c:pt>
                <c:pt idx="6709">
                  <c:v>0.21916689947748574</c:v>
                </c:pt>
                <c:pt idx="6710">
                  <c:v>0.21916689947748574</c:v>
                </c:pt>
                <c:pt idx="6711">
                  <c:v>0.21916689947748574</c:v>
                </c:pt>
                <c:pt idx="6712">
                  <c:v>0.21916689947748574</c:v>
                </c:pt>
                <c:pt idx="6713">
                  <c:v>0.21916689947748574</c:v>
                </c:pt>
                <c:pt idx="6714">
                  <c:v>0.21916689947748574</c:v>
                </c:pt>
                <c:pt idx="6715">
                  <c:v>0.21916689947748574</c:v>
                </c:pt>
                <c:pt idx="6716">
                  <c:v>0.21916689947748574</c:v>
                </c:pt>
                <c:pt idx="6717">
                  <c:v>0.21916689947748574</c:v>
                </c:pt>
                <c:pt idx="6718">
                  <c:v>0.21916689947748574</c:v>
                </c:pt>
                <c:pt idx="6719">
                  <c:v>0.21916689947748574</c:v>
                </c:pt>
                <c:pt idx="6720">
                  <c:v>0.22189285389128252</c:v>
                </c:pt>
                <c:pt idx="6721">
                  <c:v>0.22189285389128252</c:v>
                </c:pt>
                <c:pt idx="6722">
                  <c:v>0.22189285389128252</c:v>
                </c:pt>
                <c:pt idx="6723">
                  <c:v>0.22189285389128252</c:v>
                </c:pt>
                <c:pt idx="6724">
                  <c:v>0.22189285389128252</c:v>
                </c:pt>
                <c:pt idx="6725">
                  <c:v>0.22189285389128252</c:v>
                </c:pt>
                <c:pt idx="6726">
                  <c:v>0.22189285389128252</c:v>
                </c:pt>
                <c:pt idx="6727">
                  <c:v>0.22189285389128252</c:v>
                </c:pt>
                <c:pt idx="6728">
                  <c:v>0.22189285389128252</c:v>
                </c:pt>
                <c:pt idx="6729">
                  <c:v>0.22189285389128252</c:v>
                </c:pt>
                <c:pt idx="6730">
                  <c:v>0.22189285389128252</c:v>
                </c:pt>
                <c:pt idx="6731">
                  <c:v>0.22189285389128252</c:v>
                </c:pt>
                <c:pt idx="6732">
                  <c:v>0.22189285389128252</c:v>
                </c:pt>
                <c:pt idx="6733">
                  <c:v>0.22189285389128252</c:v>
                </c:pt>
                <c:pt idx="6734">
                  <c:v>0.22189285389128252</c:v>
                </c:pt>
                <c:pt idx="6735">
                  <c:v>0.22189285389128252</c:v>
                </c:pt>
                <c:pt idx="6736">
                  <c:v>0.22189285389128252</c:v>
                </c:pt>
                <c:pt idx="6737">
                  <c:v>0.22189285389128252</c:v>
                </c:pt>
                <c:pt idx="6738">
                  <c:v>0.22189285389128252</c:v>
                </c:pt>
                <c:pt idx="6739">
                  <c:v>0.22189285389128252</c:v>
                </c:pt>
                <c:pt idx="6740">
                  <c:v>0.22189285389128252</c:v>
                </c:pt>
                <c:pt idx="6741">
                  <c:v>0.22189285389128252</c:v>
                </c:pt>
                <c:pt idx="6742">
                  <c:v>0.22189285389128252</c:v>
                </c:pt>
                <c:pt idx="6743">
                  <c:v>0.22189285389128252</c:v>
                </c:pt>
                <c:pt idx="6744">
                  <c:v>0.57826005949745662</c:v>
                </c:pt>
                <c:pt idx="6745">
                  <c:v>0.57826005949745662</c:v>
                </c:pt>
                <c:pt idx="6746">
                  <c:v>0.57826005949745662</c:v>
                </c:pt>
                <c:pt idx="6747">
                  <c:v>0.57826005949745662</c:v>
                </c:pt>
                <c:pt idx="6748">
                  <c:v>0.57826005949745662</c:v>
                </c:pt>
                <c:pt idx="6749">
                  <c:v>0.57826005949745662</c:v>
                </c:pt>
                <c:pt idx="6750">
                  <c:v>0.57826005949745662</c:v>
                </c:pt>
                <c:pt idx="6751">
                  <c:v>2.4633878534591651</c:v>
                </c:pt>
                <c:pt idx="6752">
                  <c:v>2.7713113351415606</c:v>
                </c:pt>
                <c:pt idx="6753">
                  <c:v>3.0792348168239565</c:v>
                </c:pt>
                <c:pt idx="6754">
                  <c:v>3.0792348168239565</c:v>
                </c:pt>
                <c:pt idx="6755">
                  <c:v>3.6950817801887474</c:v>
                </c:pt>
                <c:pt idx="6756">
                  <c:v>3.6950817801887474</c:v>
                </c:pt>
                <c:pt idx="6757">
                  <c:v>2.4633878534591651</c:v>
                </c:pt>
                <c:pt idx="6758">
                  <c:v>3.6950817801887474</c:v>
                </c:pt>
                <c:pt idx="6759">
                  <c:v>3.6950817801887474</c:v>
                </c:pt>
                <c:pt idx="6760">
                  <c:v>2.1554643717767688</c:v>
                </c:pt>
                <c:pt idx="6761">
                  <c:v>0.61584696336479128</c:v>
                </c:pt>
                <c:pt idx="6762">
                  <c:v>0.60717306247232938</c:v>
                </c:pt>
                <c:pt idx="6763">
                  <c:v>0.60717306247232938</c:v>
                </c:pt>
                <c:pt idx="6764">
                  <c:v>0.60717306247232938</c:v>
                </c:pt>
                <c:pt idx="6765">
                  <c:v>0.60717306247232938</c:v>
                </c:pt>
                <c:pt idx="6766">
                  <c:v>0.60717306247232938</c:v>
                </c:pt>
                <c:pt idx="6767">
                  <c:v>0.60717306247232938</c:v>
                </c:pt>
                <c:pt idx="6768">
                  <c:v>0.3806978626981054</c:v>
                </c:pt>
                <c:pt idx="6769">
                  <c:v>0.58011102887330357</c:v>
                </c:pt>
                <c:pt idx="6770">
                  <c:v>0.58011102887330357</c:v>
                </c:pt>
                <c:pt idx="6771">
                  <c:v>0.58011102887330357</c:v>
                </c:pt>
                <c:pt idx="6772">
                  <c:v>0.58011102887330357</c:v>
                </c:pt>
                <c:pt idx="6773">
                  <c:v>0.58011102887330357</c:v>
                </c:pt>
                <c:pt idx="6774">
                  <c:v>0.58011102887330357</c:v>
                </c:pt>
                <c:pt idx="6775">
                  <c:v>2.4455305560940199</c:v>
                </c:pt>
                <c:pt idx="6776">
                  <c:v>2.7286972520628017</c:v>
                </c:pt>
                <c:pt idx="6777">
                  <c:v>3.011863948031583</c:v>
                </c:pt>
                <c:pt idx="6778">
                  <c:v>3.011863948031583</c:v>
                </c:pt>
                <c:pt idx="6779">
                  <c:v>3.6039397668753983</c:v>
                </c:pt>
                <c:pt idx="6780">
                  <c:v>3.6039397668753983</c:v>
                </c:pt>
                <c:pt idx="6781">
                  <c:v>2.3940457022815145</c:v>
                </c:pt>
                <c:pt idx="6782">
                  <c:v>3.6039397668753983</c:v>
                </c:pt>
                <c:pt idx="6783">
                  <c:v>3.6039397668753983</c:v>
                </c:pt>
                <c:pt idx="6784">
                  <c:v>2.1237502197658595</c:v>
                </c:pt>
                <c:pt idx="6785">
                  <c:v>0.90642348261453687</c:v>
                </c:pt>
                <c:pt idx="6786">
                  <c:v>0.59823949852559433</c:v>
                </c:pt>
                <c:pt idx="6787">
                  <c:v>0.59823949852559433</c:v>
                </c:pt>
                <c:pt idx="6788">
                  <c:v>0.59823949852559433</c:v>
                </c:pt>
                <c:pt idx="6789">
                  <c:v>0.59823949852559433</c:v>
                </c:pt>
                <c:pt idx="6790">
                  <c:v>0.59823949852559433</c:v>
                </c:pt>
                <c:pt idx="6791">
                  <c:v>0.59823949852559433</c:v>
                </c:pt>
                <c:pt idx="6792">
                  <c:v>0.58693913432139067</c:v>
                </c:pt>
                <c:pt idx="6793">
                  <c:v>0.58693913432139067</c:v>
                </c:pt>
                <c:pt idx="6794">
                  <c:v>0.58693913432139067</c:v>
                </c:pt>
                <c:pt idx="6795">
                  <c:v>0.58693913432139067</c:v>
                </c:pt>
                <c:pt idx="6796">
                  <c:v>0.58693913432139067</c:v>
                </c:pt>
                <c:pt idx="6797">
                  <c:v>0.58693913432139067</c:v>
                </c:pt>
                <c:pt idx="6798">
                  <c:v>0.58693913432139067</c:v>
                </c:pt>
                <c:pt idx="6799">
                  <c:v>2.3993360369683514</c:v>
                </c:pt>
                <c:pt idx="6800">
                  <c:v>2.6771538938804764</c:v>
                </c:pt>
                <c:pt idx="6801">
                  <c:v>2.9549717507926014</c:v>
                </c:pt>
                <c:pt idx="6802">
                  <c:v>2.9549717507926014</c:v>
                </c:pt>
                <c:pt idx="6803">
                  <c:v>3.5358636334270441</c:v>
                </c:pt>
                <c:pt idx="6804">
                  <c:v>3.5358636334270441</c:v>
                </c:pt>
                <c:pt idx="6805">
                  <c:v>2.3488236993479652</c:v>
                </c:pt>
                <c:pt idx="6806">
                  <c:v>3.5358636334270441</c:v>
                </c:pt>
                <c:pt idx="6807">
                  <c:v>3.5358636334270441</c:v>
                </c:pt>
                <c:pt idx="6808">
                  <c:v>2.0836339268409367</c:v>
                </c:pt>
                <c:pt idx="6809">
                  <c:v>0.88930171866877383</c:v>
                </c:pt>
                <c:pt idx="6810">
                  <c:v>0.58693913432139067</c:v>
                </c:pt>
                <c:pt idx="6811">
                  <c:v>0.58693913432139067</c:v>
                </c:pt>
                <c:pt idx="6812">
                  <c:v>0.58693913432139067</c:v>
                </c:pt>
                <c:pt idx="6813">
                  <c:v>0.58693913432139067</c:v>
                </c:pt>
                <c:pt idx="6814">
                  <c:v>0.58693913432139067</c:v>
                </c:pt>
                <c:pt idx="6815">
                  <c:v>0.58693913432139067</c:v>
                </c:pt>
                <c:pt idx="6816">
                  <c:v>0.58290774384601596</c:v>
                </c:pt>
                <c:pt idx="6817">
                  <c:v>0.58290774384601596</c:v>
                </c:pt>
                <c:pt idx="6818">
                  <c:v>0.58290774384601596</c:v>
                </c:pt>
                <c:pt idx="6819">
                  <c:v>0.58290774384601596</c:v>
                </c:pt>
                <c:pt idx="6820">
                  <c:v>0.58290774384601596</c:v>
                </c:pt>
                <c:pt idx="6821">
                  <c:v>0.58290774384601596</c:v>
                </c:pt>
                <c:pt idx="6822">
                  <c:v>0.58290774384601596</c:v>
                </c:pt>
                <c:pt idx="6823">
                  <c:v>2.3828562013584107</c:v>
                </c:pt>
                <c:pt idx="6824">
                  <c:v>2.6587658667788583</c:v>
                </c:pt>
                <c:pt idx="6825">
                  <c:v>2.9346755321993059</c:v>
                </c:pt>
                <c:pt idx="6826">
                  <c:v>2.9346755321993059</c:v>
                </c:pt>
                <c:pt idx="6827">
                  <c:v>3.511577559896605</c:v>
                </c:pt>
                <c:pt idx="6828">
                  <c:v>3.511577559896605</c:v>
                </c:pt>
                <c:pt idx="6829">
                  <c:v>2.3326908076456023</c:v>
                </c:pt>
                <c:pt idx="6830">
                  <c:v>3.511577559896605</c:v>
                </c:pt>
                <c:pt idx="6831">
                  <c:v>3.511577559896605</c:v>
                </c:pt>
                <c:pt idx="6832">
                  <c:v>2.0693224906533567</c:v>
                </c:pt>
                <c:pt idx="6833">
                  <c:v>0.8831935512818424</c:v>
                </c:pt>
                <c:pt idx="6834">
                  <c:v>0.58290774384601596</c:v>
                </c:pt>
                <c:pt idx="6835">
                  <c:v>0.58290774384601596</c:v>
                </c:pt>
                <c:pt idx="6836">
                  <c:v>0.58290774384601596</c:v>
                </c:pt>
                <c:pt idx="6837">
                  <c:v>0.58290774384601596</c:v>
                </c:pt>
                <c:pt idx="6838">
                  <c:v>0.58290774384601596</c:v>
                </c:pt>
                <c:pt idx="6839">
                  <c:v>0.58290774384601596</c:v>
                </c:pt>
                <c:pt idx="6840">
                  <c:v>0.86980678157371083</c:v>
                </c:pt>
                <c:pt idx="6841">
                  <c:v>0.5271556251961883</c:v>
                </c:pt>
                <c:pt idx="6842">
                  <c:v>0.5271556251961883</c:v>
                </c:pt>
                <c:pt idx="6843">
                  <c:v>0.5271556251961883</c:v>
                </c:pt>
                <c:pt idx="6844">
                  <c:v>0.5271556251961883</c:v>
                </c:pt>
                <c:pt idx="6845">
                  <c:v>0.5271556251961883</c:v>
                </c:pt>
                <c:pt idx="6846">
                  <c:v>0.5271556251961883</c:v>
                </c:pt>
                <c:pt idx="6847">
                  <c:v>2.2456829633357627</c:v>
                </c:pt>
                <c:pt idx="6848">
                  <c:v>2.8071037041697031</c:v>
                </c:pt>
                <c:pt idx="6849">
                  <c:v>3.0878140745866731</c:v>
                </c:pt>
                <c:pt idx="6850">
                  <c:v>3.0878140745866731</c:v>
                </c:pt>
                <c:pt idx="6851">
                  <c:v>3.649234815420614</c:v>
                </c:pt>
                <c:pt idx="6852">
                  <c:v>3.649234815420614</c:v>
                </c:pt>
                <c:pt idx="6853">
                  <c:v>2.5263933337527327</c:v>
                </c:pt>
                <c:pt idx="6854">
                  <c:v>3.649234815420614</c:v>
                </c:pt>
                <c:pt idx="6855">
                  <c:v>2.8071037041697031</c:v>
                </c:pt>
                <c:pt idx="6856">
                  <c:v>1.3178890629904707</c:v>
                </c:pt>
                <c:pt idx="6857">
                  <c:v>0.86980678157371083</c:v>
                </c:pt>
                <c:pt idx="6858">
                  <c:v>0.55351340645599767</c:v>
                </c:pt>
                <c:pt idx="6859">
                  <c:v>0.5271556251961883</c:v>
                </c:pt>
                <c:pt idx="6860">
                  <c:v>0.5271556251961883</c:v>
                </c:pt>
                <c:pt idx="6861">
                  <c:v>0.5271556251961883</c:v>
                </c:pt>
                <c:pt idx="6862">
                  <c:v>0.5271556251961883</c:v>
                </c:pt>
                <c:pt idx="6863">
                  <c:v>0.5271556251961883</c:v>
                </c:pt>
                <c:pt idx="6864">
                  <c:v>0.24261358523101642</c:v>
                </c:pt>
                <c:pt idx="6865">
                  <c:v>0.21835222670791476</c:v>
                </c:pt>
                <c:pt idx="6866">
                  <c:v>0.21835222670791476</c:v>
                </c:pt>
                <c:pt idx="6867">
                  <c:v>0.21835222670791476</c:v>
                </c:pt>
                <c:pt idx="6868">
                  <c:v>0.21835222670791476</c:v>
                </c:pt>
                <c:pt idx="6869">
                  <c:v>0.21835222670791476</c:v>
                </c:pt>
                <c:pt idx="6870">
                  <c:v>0.21835222670791476</c:v>
                </c:pt>
                <c:pt idx="6871">
                  <c:v>0.21835222670791476</c:v>
                </c:pt>
                <c:pt idx="6872">
                  <c:v>0.21835222670791476</c:v>
                </c:pt>
                <c:pt idx="6873">
                  <c:v>0.21835222670791476</c:v>
                </c:pt>
                <c:pt idx="6874">
                  <c:v>0.21835222670791476</c:v>
                </c:pt>
                <c:pt idx="6875">
                  <c:v>0.21835222670791476</c:v>
                </c:pt>
                <c:pt idx="6876">
                  <c:v>0.21835222670791476</c:v>
                </c:pt>
                <c:pt idx="6877">
                  <c:v>0.21835222670791476</c:v>
                </c:pt>
                <c:pt idx="6878">
                  <c:v>0.21835222670791476</c:v>
                </c:pt>
                <c:pt idx="6879">
                  <c:v>0.21835222670791476</c:v>
                </c:pt>
                <c:pt idx="6880">
                  <c:v>0.21835222670791476</c:v>
                </c:pt>
                <c:pt idx="6881">
                  <c:v>0.21835222670791476</c:v>
                </c:pt>
                <c:pt idx="6882">
                  <c:v>0.21835222670791476</c:v>
                </c:pt>
                <c:pt idx="6883">
                  <c:v>0.21835222670791476</c:v>
                </c:pt>
                <c:pt idx="6884">
                  <c:v>0.21835222670791476</c:v>
                </c:pt>
                <c:pt idx="6885">
                  <c:v>0.21835222670791476</c:v>
                </c:pt>
                <c:pt idx="6886">
                  <c:v>0.21835222670791476</c:v>
                </c:pt>
                <c:pt idx="6887">
                  <c:v>0.21835222670791476</c:v>
                </c:pt>
                <c:pt idx="6888">
                  <c:v>0.23453383103695319</c:v>
                </c:pt>
                <c:pt idx="6889">
                  <c:v>0.23453383103695319</c:v>
                </c:pt>
                <c:pt idx="6890">
                  <c:v>0.23453383103695319</c:v>
                </c:pt>
                <c:pt idx="6891">
                  <c:v>0.23453383103695319</c:v>
                </c:pt>
                <c:pt idx="6892">
                  <c:v>0.23453383103695319</c:v>
                </c:pt>
                <c:pt idx="6893">
                  <c:v>0.23453383103695319</c:v>
                </c:pt>
                <c:pt idx="6894">
                  <c:v>0.23453383103695319</c:v>
                </c:pt>
                <c:pt idx="6895">
                  <c:v>0.23453383103695319</c:v>
                </c:pt>
                <c:pt idx="6896">
                  <c:v>0.23453383103695319</c:v>
                </c:pt>
                <c:pt idx="6897">
                  <c:v>0.23453383103695319</c:v>
                </c:pt>
                <c:pt idx="6898">
                  <c:v>0.23453383103695319</c:v>
                </c:pt>
                <c:pt idx="6899">
                  <c:v>0.23453383103695319</c:v>
                </c:pt>
                <c:pt idx="6900">
                  <c:v>0.23453383103695319</c:v>
                </c:pt>
                <c:pt idx="6901">
                  <c:v>0.23453383103695319</c:v>
                </c:pt>
                <c:pt idx="6902">
                  <c:v>0.23453383103695319</c:v>
                </c:pt>
                <c:pt idx="6903">
                  <c:v>0.23453383103695319</c:v>
                </c:pt>
                <c:pt idx="6904">
                  <c:v>0.23453383103695319</c:v>
                </c:pt>
                <c:pt idx="6905">
                  <c:v>0.23453383103695319</c:v>
                </c:pt>
                <c:pt idx="6906">
                  <c:v>0.23453383103695319</c:v>
                </c:pt>
                <c:pt idx="6907">
                  <c:v>0.23453383103695319</c:v>
                </c:pt>
                <c:pt idx="6908">
                  <c:v>0.23453383103695319</c:v>
                </c:pt>
                <c:pt idx="6909">
                  <c:v>0.23453383103695319</c:v>
                </c:pt>
                <c:pt idx="6910">
                  <c:v>0.23453383103695319</c:v>
                </c:pt>
                <c:pt idx="6911">
                  <c:v>0.23453383103695319</c:v>
                </c:pt>
                <c:pt idx="6912">
                  <c:v>0.60018126935278038</c:v>
                </c:pt>
                <c:pt idx="6913">
                  <c:v>0.60018126935278038</c:v>
                </c:pt>
                <c:pt idx="6914">
                  <c:v>0.60018126935278038</c:v>
                </c:pt>
                <c:pt idx="6915">
                  <c:v>0.60018126935278038</c:v>
                </c:pt>
                <c:pt idx="6916">
                  <c:v>0.60018126935278038</c:v>
                </c:pt>
                <c:pt idx="6917">
                  <c:v>0.60018126935278038</c:v>
                </c:pt>
                <c:pt idx="6918">
                  <c:v>0.60018126935278038</c:v>
                </c:pt>
                <c:pt idx="6919">
                  <c:v>2.5567722074428438</c:v>
                </c:pt>
                <c:pt idx="6920">
                  <c:v>2.8763687333731998</c:v>
                </c:pt>
                <c:pt idx="6921">
                  <c:v>3.1959652593035548</c:v>
                </c:pt>
                <c:pt idx="6922">
                  <c:v>3.1959652593035548</c:v>
                </c:pt>
                <c:pt idx="6923">
                  <c:v>3.8351583111642649</c:v>
                </c:pt>
                <c:pt idx="6924">
                  <c:v>3.8351583111642649</c:v>
                </c:pt>
                <c:pt idx="6925">
                  <c:v>2.5567722074428438</c:v>
                </c:pt>
                <c:pt idx="6926">
                  <c:v>3.8351583111642649</c:v>
                </c:pt>
                <c:pt idx="6927">
                  <c:v>3.8351583111642649</c:v>
                </c:pt>
                <c:pt idx="6928">
                  <c:v>2.2371756815124884</c:v>
                </c:pt>
                <c:pt idx="6929">
                  <c:v>0.63919305186071096</c:v>
                </c:pt>
                <c:pt idx="6930">
                  <c:v>0.63019033282041925</c:v>
                </c:pt>
                <c:pt idx="6931">
                  <c:v>0.63019033282041925</c:v>
                </c:pt>
                <c:pt idx="6932">
                  <c:v>0.63019033282041925</c:v>
                </c:pt>
                <c:pt idx="6933">
                  <c:v>0.63019033282041925</c:v>
                </c:pt>
                <c:pt idx="6934">
                  <c:v>0.63019033282041925</c:v>
                </c:pt>
                <c:pt idx="6935">
                  <c:v>0.63019033282041925</c:v>
                </c:pt>
                <c:pt idx="6936">
                  <c:v>0.40398248585709756</c:v>
                </c:pt>
                <c:pt idx="6937">
                  <c:v>0.61559235940129164</c:v>
                </c:pt>
                <c:pt idx="6938">
                  <c:v>0.61559235940129164</c:v>
                </c:pt>
                <c:pt idx="6939">
                  <c:v>0.61559235940129164</c:v>
                </c:pt>
                <c:pt idx="6940">
                  <c:v>0.61559235940129164</c:v>
                </c:pt>
                <c:pt idx="6941">
                  <c:v>0.61559235940129164</c:v>
                </c:pt>
                <c:pt idx="6942">
                  <c:v>0.61559235940129164</c:v>
                </c:pt>
                <c:pt idx="6943">
                  <c:v>2.59510654010107</c:v>
                </c:pt>
                <c:pt idx="6944">
                  <c:v>2.8955925605338253</c:v>
                </c:pt>
                <c:pt idx="6945">
                  <c:v>3.1960785809665815</c:v>
                </c:pt>
                <c:pt idx="6946">
                  <c:v>3.1960785809665815</c:v>
                </c:pt>
                <c:pt idx="6947">
                  <c:v>3.8243675327805238</c:v>
                </c:pt>
                <c:pt idx="6948">
                  <c:v>3.8243675327805238</c:v>
                </c:pt>
                <c:pt idx="6949">
                  <c:v>2.5404727182042053</c:v>
                </c:pt>
                <c:pt idx="6950">
                  <c:v>3.8243675327805238</c:v>
                </c:pt>
                <c:pt idx="6951">
                  <c:v>3.8243675327805238</c:v>
                </c:pt>
                <c:pt idx="6952">
                  <c:v>2.2536451532456665</c:v>
                </c:pt>
                <c:pt idx="6953">
                  <c:v>0.96186306156451817</c:v>
                </c:pt>
                <c:pt idx="6954">
                  <c:v>0.63482962063258197</c:v>
                </c:pt>
                <c:pt idx="6955">
                  <c:v>0.63482962063258197</c:v>
                </c:pt>
                <c:pt idx="6956">
                  <c:v>0.63482962063258197</c:v>
                </c:pt>
                <c:pt idx="6957">
                  <c:v>0.63482962063258197</c:v>
                </c:pt>
                <c:pt idx="6958">
                  <c:v>0.63482962063258197</c:v>
                </c:pt>
                <c:pt idx="6959">
                  <c:v>0.63482962063258197</c:v>
                </c:pt>
                <c:pt idx="6960">
                  <c:v>0.62859683590026305</c:v>
                </c:pt>
                <c:pt idx="6961">
                  <c:v>0.62859683590026305</c:v>
                </c:pt>
                <c:pt idx="6962">
                  <c:v>0.62859683590026305</c:v>
                </c:pt>
                <c:pt idx="6963">
                  <c:v>0.62859683590026305</c:v>
                </c:pt>
                <c:pt idx="6964">
                  <c:v>0.62859683590026305</c:v>
                </c:pt>
                <c:pt idx="6965">
                  <c:v>0.62859683590026305</c:v>
                </c:pt>
                <c:pt idx="6966">
                  <c:v>0.62859683590026305</c:v>
                </c:pt>
                <c:pt idx="6967">
                  <c:v>2.5696276716044091</c:v>
                </c:pt>
                <c:pt idx="6968">
                  <c:v>2.8671635072638666</c:v>
                </c:pt>
                <c:pt idx="6969">
                  <c:v>3.1646993429233246</c:v>
                </c:pt>
                <c:pt idx="6970">
                  <c:v>3.1646993429233246</c:v>
                </c:pt>
                <c:pt idx="6971">
                  <c:v>3.7868197265749179</c:v>
                </c:pt>
                <c:pt idx="6972">
                  <c:v>3.7868197265749179</c:v>
                </c:pt>
                <c:pt idx="6973">
                  <c:v>2.5155302469390528</c:v>
                </c:pt>
                <c:pt idx="6974">
                  <c:v>3.7868197265749179</c:v>
                </c:pt>
                <c:pt idx="6975">
                  <c:v>3.7868197265749179</c:v>
                </c:pt>
                <c:pt idx="6976">
                  <c:v>2.2315187674459342</c:v>
                </c:pt>
                <c:pt idx="6977">
                  <c:v>0.95241944833373193</c:v>
                </c:pt>
                <c:pt idx="6978">
                  <c:v>0.62859683590026305</c:v>
                </c:pt>
                <c:pt idx="6979">
                  <c:v>0.62859683590026305</c:v>
                </c:pt>
                <c:pt idx="6980">
                  <c:v>0.62859683590026305</c:v>
                </c:pt>
                <c:pt idx="6981">
                  <c:v>0.62859683590026305</c:v>
                </c:pt>
                <c:pt idx="6982">
                  <c:v>0.62859683590026305</c:v>
                </c:pt>
                <c:pt idx="6983">
                  <c:v>0.62859683590026305</c:v>
                </c:pt>
                <c:pt idx="6984">
                  <c:v>0.61247127399876411</c:v>
                </c:pt>
                <c:pt idx="6985">
                  <c:v>0.61247127399876411</c:v>
                </c:pt>
                <c:pt idx="6986">
                  <c:v>0.61247127399876411</c:v>
                </c:pt>
                <c:pt idx="6987">
                  <c:v>0.61247127399876411</c:v>
                </c:pt>
                <c:pt idx="6988">
                  <c:v>0.61247127399876411</c:v>
                </c:pt>
                <c:pt idx="6989">
                  <c:v>0.61247127399876411</c:v>
                </c:pt>
                <c:pt idx="6990">
                  <c:v>0.61247127399876411</c:v>
                </c:pt>
                <c:pt idx="6991">
                  <c:v>2.5037083291646445</c:v>
                </c:pt>
                <c:pt idx="6992">
                  <c:v>2.7936113988573932</c:v>
                </c:pt>
                <c:pt idx="6993">
                  <c:v>3.0835144685501419</c:v>
                </c:pt>
                <c:pt idx="6994">
                  <c:v>3.0835144685501419</c:v>
                </c:pt>
                <c:pt idx="6995">
                  <c:v>3.6896754324531602</c:v>
                </c:pt>
                <c:pt idx="6996">
                  <c:v>3.6896754324531602</c:v>
                </c:pt>
                <c:pt idx="6997">
                  <c:v>2.4509986801295995</c:v>
                </c:pt>
                <c:pt idx="6998">
                  <c:v>3.6896754324531602</c:v>
                </c:pt>
                <c:pt idx="6999">
                  <c:v>3.6896754324531602</c:v>
                </c:pt>
                <c:pt idx="7000">
                  <c:v>2.1742730226956124</c:v>
                </c:pt>
                <c:pt idx="7001">
                  <c:v>0.92798677878600633</c:v>
                </c:pt>
                <c:pt idx="7002">
                  <c:v>0.61247127399876411</c:v>
                </c:pt>
                <c:pt idx="7003">
                  <c:v>0.61247127399876411</c:v>
                </c:pt>
                <c:pt idx="7004">
                  <c:v>0.61247127399876411</c:v>
                </c:pt>
                <c:pt idx="7005">
                  <c:v>0.61247127399876411</c:v>
                </c:pt>
                <c:pt idx="7006">
                  <c:v>0.61247127399876411</c:v>
                </c:pt>
                <c:pt idx="7007">
                  <c:v>0.61247127399876411</c:v>
                </c:pt>
                <c:pt idx="7008">
                  <c:v>0.90130340795842023</c:v>
                </c:pt>
                <c:pt idx="7009">
                  <c:v>0.54624448967176986</c:v>
                </c:pt>
                <c:pt idx="7010">
                  <c:v>0.54624448967176986</c:v>
                </c:pt>
                <c:pt idx="7011">
                  <c:v>0.54624448967176986</c:v>
                </c:pt>
                <c:pt idx="7012">
                  <c:v>0.54624448967176986</c:v>
                </c:pt>
                <c:pt idx="7013">
                  <c:v>0.54624448967176986</c:v>
                </c:pt>
                <c:pt idx="7014">
                  <c:v>0.54624448967176986</c:v>
                </c:pt>
                <c:pt idx="7015">
                  <c:v>2.3270015260017396</c:v>
                </c:pt>
                <c:pt idx="7016">
                  <c:v>2.9087519075021744</c:v>
                </c:pt>
                <c:pt idx="7017">
                  <c:v>3.199627098252392</c:v>
                </c:pt>
                <c:pt idx="7018">
                  <c:v>3.199627098252392</c:v>
                </c:pt>
                <c:pt idx="7019">
                  <c:v>3.7813774797528263</c:v>
                </c:pt>
                <c:pt idx="7020">
                  <c:v>3.7813774797528263</c:v>
                </c:pt>
                <c:pt idx="7021">
                  <c:v>2.6178767167519572</c:v>
                </c:pt>
                <c:pt idx="7022">
                  <c:v>3.7813774797528263</c:v>
                </c:pt>
                <c:pt idx="7023">
                  <c:v>2.9087519075021744</c:v>
                </c:pt>
                <c:pt idx="7024">
                  <c:v>1.3656112241794247</c:v>
                </c:pt>
                <c:pt idx="7025">
                  <c:v>0.90130340795842023</c:v>
                </c:pt>
                <c:pt idx="7026">
                  <c:v>0.57355671415535836</c:v>
                </c:pt>
                <c:pt idx="7027">
                  <c:v>0.54624448967176986</c:v>
                </c:pt>
                <c:pt idx="7028">
                  <c:v>0.54624448967176986</c:v>
                </c:pt>
                <c:pt idx="7029">
                  <c:v>0.54624448967176986</c:v>
                </c:pt>
                <c:pt idx="7030">
                  <c:v>0.54624448967176986</c:v>
                </c:pt>
                <c:pt idx="7031">
                  <c:v>0.54624448967176986</c:v>
                </c:pt>
                <c:pt idx="7032">
                  <c:v>0.24294274594599458</c:v>
                </c:pt>
                <c:pt idx="7033">
                  <c:v>0.21864847135139509</c:v>
                </c:pt>
                <c:pt idx="7034">
                  <c:v>0.21864847135139509</c:v>
                </c:pt>
                <c:pt idx="7035">
                  <c:v>0.21864847135139509</c:v>
                </c:pt>
                <c:pt idx="7036">
                  <c:v>0.21864847135139509</c:v>
                </c:pt>
                <c:pt idx="7037">
                  <c:v>0.21864847135139509</c:v>
                </c:pt>
                <c:pt idx="7038">
                  <c:v>0.21864847135139509</c:v>
                </c:pt>
                <c:pt idx="7039">
                  <c:v>0.21864847135139509</c:v>
                </c:pt>
                <c:pt idx="7040">
                  <c:v>0.21864847135139509</c:v>
                </c:pt>
                <c:pt idx="7041">
                  <c:v>0.21864847135139509</c:v>
                </c:pt>
                <c:pt idx="7042">
                  <c:v>0.21864847135139509</c:v>
                </c:pt>
                <c:pt idx="7043">
                  <c:v>0.21864847135139509</c:v>
                </c:pt>
                <c:pt idx="7044">
                  <c:v>0.21864847135139509</c:v>
                </c:pt>
                <c:pt idx="7045">
                  <c:v>0.21864847135139509</c:v>
                </c:pt>
                <c:pt idx="7046">
                  <c:v>0.21864847135139509</c:v>
                </c:pt>
                <c:pt idx="7047">
                  <c:v>0.21864847135139509</c:v>
                </c:pt>
                <c:pt idx="7048">
                  <c:v>0.21864847135139509</c:v>
                </c:pt>
                <c:pt idx="7049">
                  <c:v>0.21864847135139509</c:v>
                </c:pt>
                <c:pt idx="7050">
                  <c:v>0.21864847135139509</c:v>
                </c:pt>
                <c:pt idx="7051">
                  <c:v>0.21864847135139509</c:v>
                </c:pt>
                <c:pt idx="7052">
                  <c:v>0.21864847135139509</c:v>
                </c:pt>
                <c:pt idx="7053">
                  <c:v>0.21864847135139509</c:v>
                </c:pt>
                <c:pt idx="7054">
                  <c:v>0.21864847135139509</c:v>
                </c:pt>
                <c:pt idx="7055">
                  <c:v>0.21864847135139509</c:v>
                </c:pt>
                <c:pt idx="7056">
                  <c:v>0.22181844985466764</c:v>
                </c:pt>
                <c:pt idx="7057">
                  <c:v>0.22181844985466764</c:v>
                </c:pt>
                <c:pt idx="7058">
                  <c:v>0.22181844985466764</c:v>
                </c:pt>
                <c:pt idx="7059">
                  <c:v>0.22181844985466764</c:v>
                </c:pt>
                <c:pt idx="7060">
                  <c:v>0.22181844985466764</c:v>
                </c:pt>
                <c:pt idx="7061">
                  <c:v>0.22181844985466764</c:v>
                </c:pt>
                <c:pt idx="7062">
                  <c:v>0.22181844985466764</c:v>
                </c:pt>
                <c:pt idx="7063">
                  <c:v>0.22181844985466764</c:v>
                </c:pt>
                <c:pt idx="7064">
                  <c:v>0.22181844985466764</c:v>
                </c:pt>
                <c:pt idx="7065">
                  <c:v>0.22181844985466764</c:v>
                </c:pt>
                <c:pt idx="7066">
                  <c:v>0.22181844985466764</c:v>
                </c:pt>
                <c:pt idx="7067">
                  <c:v>0.22181844985466764</c:v>
                </c:pt>
                <c:pt idx="7068">
                  <c:v>0.22181844985466764</c:v>
                </c:pt>
                <c:pt idx="7069">
                  <c:v>0.22181844985466764</c:v>
                </c:pt>
                <c:pt idx="7070">
                  <c:v>0.22181844985466764</c:v>
                </c:pt>
                <c:pt idx="7071">
                  <c:v>0.22181844985466764</c:v>
                </c:pt>
                <c:pt idx="7072">
                  <c:v>0.22181844985466764</c:v>
                </c:pt>
                <c:pt idx="7073">
                  <c:v>0.22181844985466764</c:v>
                </c:pt>
                <c:pt idx="7074">
                  <c:v>0.22181844985466764</c:v>
                </c:pt>
                <c:pt idx="7075">
                  <c:v>0.22181844985466764</c:v>
                </c:pt>
                <c:pt idx="7076">
                  <c:v>0.22181844985466764</c:v>
                </c:pt>
                <c:pt idx="7077">
                  <c:v>0.22181844985466764</c:v>
                </c:pt>
                <c:pt idx="7078">
                  <c:v>0.22181844985466764</c:v>
                </c:pt>
                <c:pt idx="7079">
                  <c:v>0.22181844985466764</c:v>
                </c:pt>
                <c:pt idx="7080">
                  <c:v>0.57911971478590052</c:v>
                </c:pt>
                <c:pt idx="7081">
                  <c:v>0.57911971478590052</c:v>
                </c:pt>
                <c:pt idx="7082">
                  <c:v>0.57911971478590052</c:v>
                </c:pt>
                <c:pt idx="7083">
                  <c:v>0.57911971478590052</c:v>
                </c:pt>
                <c:pt idx="7084">
                  <c:v>0.57911971478590052</c:v>
                </c:pt>
                <c:pt idx="7085">
                  <c:v>0.57911971478590052</c:v>
                </c:pt>
                <c:pt idx="7086">
                  <c:v>0.57911971478590052</c:v>
                </c:pt>
                <c:pt idx="7087">
                  <c:v>2.4670499849879364</c:v>
                </c:pt>
                <c:pt idx="7088">
                  <c:v>2.7754312331114281</c:v>
                </c:pt>
                <c:pt idx="7089">
                  <c:v>3.0838124812349204</c:v>
                </c:pt>
                <c:pt idx="7090">
                  <c:v>3.0838124812349204</c:v>
                </c:pt>
                <c:pt idx="7091">
                  <c:v>3.7005749774819039</c:v>
                </c:pt>
                <c:pt idx="7092">
                  <c:v>3.7005749774819039</c:v>
                </c:pt>
                <c:pt idx="7093">
                  <c:v>2.4670499849879364</c:v>
                </c:pt>
                <c:pt idx="7094">
                  <c:v>3.7005749774819039</c:v>
                </c:pt>
                <c:pt idx="7095">
                  <c:v>3.7005749774819039</c:v>
                </c:pt>
                <c:pt idx="7096">
                  <c:v>2.1586687368644442</c:v>
                </c:pt>
                <c:pt idx="7097">
                  <c:v>0.61676249624698409</c:v>
                </c:pt>
                <c:pt idx="7098">
                  <c:v>0.60807570052519555</c:v>
                </c:pt>
                <c:pt idx="7099">
                  <c:v>0.60807570052519555</c:v>
                </c:pt>
                <c:pt idx="7100">
                  <c:v>0.60807570052519555</c:v>
                </c:pt>
                <c:pt idx="7101">
                  <c:v>0.60807570052519555</c:v>
                </c:pt>
                <c:pt idx="7102">
                  <c:v>0.60807570052519555</c:v>
                </c:pt>
                <c:pt idx="7103">
                  <c:v>0.60807570052519555</c:v>
                </c:pt>
                <c:pt idx="7104">
                  <c:v>0.38960926168488019</c:v>
                </c:pt>
                <c:pt idx="7105">
                  <c:v>0.59369030351981744</c:v>
                </c:pt>
                <c:pt idx="7106">
                  <c:v>0.59369030351981744</c:v>
                </c:pt>
                <c:pt idx="7107">
                  <c:v>0.59369030351981744</c:v>
                </c:pt>
                <c:pt idx="7108">
                  <c:v>0.59369030351981744</c:v>
                </c:pt>
                <c:pt idx="7109">
                  <c:v>0.59369030351981744</c:v>
                </c:pt>
                <c:pt idx="7110">
                  <c:v>0.59369030351981744</c:v>
                </c:pt>
                <c:pt idx="7111">
                  <c:v>2.5027756857757306</c:v>
                </c:pt>
                <c:pt idx="7112">
                  <c:v>2.7925707651813414</c:v>
                </c:pt>
                <c:pt idx="7113">
                  <c:v>3.0823658445869526</c:v>
                </c:pt>
                <c:pt idx="7114">
                  <c:v>3.0823658445869526</c:v>
                </c:pt>
                <c:pt idx="7115">
                  <c:v>3.6883010106168661</c:v>
                </c:pt>
                <c:pt idx="7116">
                  <c:v>3.6883010106168661</c:v>
                </c:pt>
                <c:pt idx="7117">
                  <c:v>2.4500856713383468</c:v>
                </c:pt>
                <c:pt idx="7118">
                  <c:v>3.6883010106168661</c:v>
                </c:pt>
                <c:pt idx="7119">
                  <c:v>3.6883010106168661</c:v>
                </c:pt>
                <c:pt idx="7120">
                  <c:v>2.1734630955420817</c:v>
                </c:pt>
                <c:pt idx="7121">
                  <c:v>0.92764109924971483</c:v>
                </c:pt>
                <c:pt idx="7122">
                  <c:v>0.61224312550481175</c:v>
                </c:pt>
                <c:pt idx="7123">
                  <c:v>0.61224312550481175</c:v>
                </c:pt>
                <c:pt idx="7124">
                  <c:v>0.61224312550481175</c:v>
                </c:pt>
                <c:pt idx="7125">
                  <c:v>0.61224312550481175</c:v>
                </c:pt>
                <c:pt idx="7126">
                  <c:v>0.61224312550481175</c:v>
                </c:pt>
                <c:pt idx="7127">
                  <c:v>0.61224312550481175</c:v>
                </c:pt>
                <c:pt idx="7128">
                  <c:v>0.59813744119743173</c:v>
                </c:pt>
                <c:pt idx="7129">
                  <c:v>0.59813744119743173</c:v>
                </c:pt>
                <c:pt idx="7130">
                  <c:v>0.59813744119743173</c:v>
                </c:pt>
                <c:pt idx="7131">
                  <c:v>0.59813744119743173</c:v>
                </c:pt>
                <c:pt idx="7132">
                  <c:v>0.59813744119743173</c:v>
                </c:pt>
                <c:pt idx="7133">
                  <c:v>0.59813744119743173</c:v>
                </c:pt>
                <c:pt idx="7134">
                  <c:v>0.59813744119743173</c:v>
                </c:pt>
                <c:pt idx="7135">
                  <c:v>2.4451133581070765</c:v>
                </c:pt>
                <c:pt idx="7136">
                  <c:v>2.7282317469405282</c:v>
                </c:pt>
                <c:pt idx="7137">
                  <c:v>3.0113501357739789</c:v>
                </c:pt>
                <c:pt idx="7138">
                  <c:v>3.0113501357739789</c:v>
                </c:pt>
                <c:pt idx="7139">
                  <c:v>3.6033249487893761</c:v>
                </c:pt>
                <c:pt idx="7140">
                  <c:v>3.6033249487893761</c:v>
                </c:pt>
                <c:pt idx="7141">
                  <c:v>2.3936372874100855</c:v>
                </c:pt>
                <c:pt idx="7142">
                  <c:v>3.6033249487893761</c:v>
                </c:pt>
                <c:pt idx="7143">
                  <c:v>3.6033249487893761</c:v>
                </c:pt>
                <c:pt idx="7144">
                  <c:v>2.1233879162508824</c:v>
                </c:pt>
                <c:pt idx="7145">
                  <c:v>0.90626885029913895</c:v>
                </c:pt>
                <c:pt idx="7146">
                  <c:v>0.59813744119743173</c:v>
                </c:pt>
                <c:pt idx="7147">
                  <c:v>0.59813744119743173</c:v>
                </c:pt>
                <c:pt idx="7148">
                  <c:v>0.59813744119743173</c:v>
                </c:pt>
                <c:pt idx="7149">
                  <c:v>0.59813744119743173</c:v>
                </c:pt>
                <c:pt idx="7150">
                  <c:v>0.59813744119743173</c:v>
                </c:pt>
                <c:pt idx="7151">
                  <c:v>0.59813744119743173</c:v>
                </c:pt>
                <c:pt idx="7152">
                  <c:v>0.59858537347247343</c:v>
                </c:pt>
                <c:pt idx="7153">
                  <c:v>0.59858537347247343</c:v>
                </c:pt>
                <c:pt idx="7154">
                  <c:v>0.59858537347247343</c:v>
                </c:pt>
                <c:pt idx="7155">
                  <c:v>0.59858537347247343</c:v>
                </c:pt>
                <c:pt idx="7156">
                  <c:v>0.59858537347247343</c:v>
                </c:pt>
                <c:pt idx="7157">
                  <c:v>0.59858537347247343</c:v>
                </c:pt>
                <c:pt idx="7158">
                  <c:v>0.59858537347247343</c:v>
                </c:pt>
                <c:pt idx="7159">
                  <c:v>2.4469444509526261</c:v>
                </c:pt>
                <c:pt idx="7160">
                  <c:v>2.7302748610629299</c:v>
                </c:pt>
                <c:pt idx="7161">
                  <c:v>3.0136052711732346</c:v>
                </c:pt>
                <c:pt idx="7162">
                  <c:v>3.0136052711732346</c:v>
                </c:pt>
                <c:pt idx="7163">
                  <c:v>3.6060234014038697</c:v>
                </c:pt>
                <c:pt idx="7164">
                  <c:v>3.6060234014038697</c:v>
                </c:pt>
                <c:pt idx="7165">
                  <c:v>2.3954298309325708</c:v>
                </c:pt>
                <c:pt idx="7166">
                  <c:v>3.6060234014038697</c:v>
                </c:pt>
                <c:pt idx="7167">
                  <c:v>3.6060234014038697</c:v>
                </c:pt>
                <c:pt idx="7168">
                  <c:v>2.1249780758272805</c:v>
                </c:pt>
                <c:pt idx="7169">
                  <c:v>0.9069475355643537</c:v>
                </c:pt>
                <c:pt idx="7170">
                  <c:v>0.59858537347247343</c:v>
                </c:pt>
                <c:pt idx="7171">
                  <c:v>0.59858537347247343</c:v>
                </c:pt>
                <c:pt idx="7172">
                  <c:v>0.59858537347247343</c:v>
                </c:pt>
                <c:pt idx="7173">
                  <c:v>0.59858537347247343</c:v>
                </c:pt>
                <c:pt idx="7174">
                  <c:v>0.59858537347247343</c:v>
                </c:pt>
                <c:pt idx="7175">
                  <c:v>0.59858537347247343</c:v>
                </c:pt>
                <c:pt idx="7176">
                  <c:v>0.93280003434312964</c:v>
                </c:pt>
                <c:pt idx="7177">
                  <c:v>0.56533335414735131</c:v>
                </c:pt>
                <c:pt idx="7178">
                  <c:v>0.56533335414735131</c:v>
                </c:pt>
                <c:pt idx="7179">
                  <c:v>0.56533335414735131</c:v>
                </c:pt>
                <c:pt idx="7180">
                  <c:v>0.56533335414735131</c:v>
                </c:pt>
                <c:pt idx="7181">
                  <c:v>0.56533335414735131</c:v>
                </c:pt>
                <c:pt idx="7182">
                  <c:v>0.56533335414735131</c:v>
                </c:pt>
                <c:pt idx="7183">
                  <c:v>2.4083200886677165</c:v>
                </c:pt>
                <c:pt idx="7184">
                  <c:v>3.0104001108346452</c:v>
                </c:pt>
                <c:pt idx="7185">
                  <c:v>3.3114401219181095</c:v>
                </c:pt>
                <c:pt idx="7186">
                  <c:v>3.3114401219181095</c:v>
                </c:pt>
                <c:pt idx="7187">
                  <c:v>3.9135201440850387</c:v>
                </c:pt>
                <c:pt idx="7188">
                  <c:v>3.9135201440850387</c:v>
                </c:pt>
                <c:pt idx="7189">
                  <c:v>2.7093600997511809</c:v>
                </c:pt>
                <c:pt idx="7190">
                  <c:v>3.9135201440850387</c:v>
                </c:pt>
                <c:pt idx="7191">
                  <c:v>3.0104001108346452</c:v>
                </c:pt>
                <c:pt idx="7192">
                  <c:v>1.413333385368378</c:v>
                </c:pt>
                <c:pt idx="7193">
                  <c:v>0.93280003434312964</c:v>
                </c:pt>
                <c:pt idx="7194">
                  <c:v>0.59360002185471883</c:v>
                </c:pt>
                <c:pt idx="7195">
                  <c:v>0.56533335414735131</c:v>
                </c:pt>
                <c:pt idx="7196">
                  <c:v>0.56533335414735131</c:v>
                </c:pt>
                <c:pt idx="7197">
                  <c:v>0.56533335414735131</c:v>
                </c:pt>
                <c:pt idx="7198">
                  <c:v>0.56533335414735131</c:v>
                </c:pt>
                <c:pt idx="7199">
                  <c:v>0.56533335414735131</c:v>
                </c:pt>
                <c:pt idx="7200">
                  <c:v>0.29434426606576619</c:v>
                </c:pt>
                <c:pt idx="7201">
                  <c:v>0.26490983945918956</c:v>
                </c:pt>
                <c:pt idx="7202">
                  <c:v>0.26490983945918956</c:v>
                </c:pt>
                <c:pt idx="7203">
                  <c:v>0.26490983945918956</c:v>
                </c:pt>
                <c:pt idx="7204">
                  <c:v>0.26490983945918956</c:v>
                </c:pt>
                <c:pt idx="7205">
                  <c:v>0.26490983945918956</c:v>
                </c:pt>
                <c:pt idx="7206">
                  <c:v>0.26490983945918956</c:v>
                </c:pt>
                <c:pt idx="7207">
                  <c:v>0.26490983945918956</c:v>
                </c:pt>
                <c:pt idx="7208">
                  <c:v>0.26490983945918956</c:v>
                </c:pt>
                <c:pt idx="7209">
                  <c:v>0.26490983945918956</c:v>
                </c:pt>
                <c:pt idx="7210">
                  <c:v>0.26490983945918956</c:v>
                </c:pt>
                <c:pt idx="7211">
                  <c:v>0.26490983945918956</c:v>
                </c:pt>
                <c:pt idx="7212">
                  <c:v>0.26490983945918956</c:v>
                </c:pt>
                <c:pt idx="7213">
                  <c:v>0.26490983945918956</c:v>
                </c:pt>
                <c:pt idx="7214">
                  <c:v>0.26490983945918956</c:v>
                </c:pt>
                <c:pt idx="7215">
                  <c:v>0.26490983945918956</c:v>
                </c:pt>
                <c:pt idx="7216">
                  <c:v>0.26490983945918956</c:v>
                </c:pt>
                <c:pt idx="7217">
                  <c:v>0.26490983945918956</c:v>
                </c:pt>
                <c:pt idx="7218">
                  <c:v>0.26490983945918956</c:v>
                </c:pt>
                <c:pt idx="7219">
                  <c:v>0.26490983945918956</c:v>
                </c:pt>
                <c:pt idx="7220">
                  <c:v>0.26490983945918956</c:v>
                </c:pt>
                <c:pt idx="7221">
                  <c:v>0.26490983945918956</c:v>
                </c:pt>
                <c:pt idx="7222">
                  <c:v>0.26490983945918956</c:v>
                </c:pt>
                <c:pt idx="7223">
                  <c:v>0.26490983945918956</c:v>
                </c:pt>
                <c:pt idx="7224">
                  <c:v>0.29931883890851624</c:v>
                </c:pt>
                <c:pt idx="7225">
                  <c:v>0.29931883890851624</c:v>
                </c:pt>
                <c:pt idx="7226">
                  <c:v>0.29931883890851624</c:v>
                </c:pt>
                <c:pt idx="7227">
                  <c:v>0.29931883890851624</c:v>
                </c:pt>
                <c:pt idx="7228">
                  <c:v>0.29931883890851624</c:v>
                </c:pt>
                <c:pt idx="7229">
                  <c:v>0.29931883890851624</c:v>
                </c:pt>
                <c:pt idx="7230">
                  <c:v>0.29931883890851624</c:v>
                </c:pt>
                <c:pt idx="7231">
                  <c:v>0.29931883890851624</c:v>
                </c:pt>
                <c:pt idx="7232">
                  <c:v>0.29931883890851624</c:v>
                </c:pt>
                <c:pt idx="7233">
                  <c:v>0.29931883890851624</c:v>
                </c:pt>
                <c:pt idx="7234">
                  <c:v>0.29931883890851624</c:v>
                </c:pt>
                <c:pt idx="7235">
                  <c:v>0.29931883890851624</c:v>
                </c:pt>
                <c:pt idx="7236">
                  <c:v>0.29931883890851624</c:v>
                </c:pt>
                <c:pt idx="7237">
                  <c:v>0.29931883890851624</c:v>
                </c:pt>
                <c:pt idx="7238">
                  <c:v>0.29931883890851624</c:v>
                </c:pt>
                <c:pt idx="7239">
                  <c:v>0.29931883890851624</c:v>
                </c:pt>
                <c:pt idx="7240">
                  <c:v>0.29931883890851624</c:v>
                </c:pt>
                <c:pt idx="7241">
                  <c:v>0.29931883890851624</c:v>
                </c:pt>
                <c:pt idx="7242">
                  <c:v>0.29931883890851624</c:v>
                </c:pt>
                <c:pt idx="7243">
                  <c:v>0.29931883890851624</c:v>
                </c:pt>
                <c:pt idx="7244">
                  <c:v>0.29931883890851624</c:v>
                </c:pt>
                <c:pt idx="7245">
                  <c:v>0.29931883890851624</c:v>
                </c:pt>
                <c:pt idx="7246">
                  <c:v>0.29931883890851624</c:v>
                </c:pt>
                <c:pt idx="7247">
                  <c:v>0.29931883890851624</c:v>
                </c:pt>
                <c:pt idx="7248">
                  <c:v>0.58986540589145153</c:v>
                </c:pt>
                <c:pt idx="7249">
                  <c:v>0.58986540589145153</c:v>
                </c:pt>
                <c:pt idx="7250">
                  <c:v>0.58986540589145153</c:v>
                </c:pt>
                <c:pt idx="7251">
                  <c:v>0.58986540589145153</c:v>
                </c:pt>
                <c:pt idx="7252">
                  <c:v>0.58986540589145153</c:v>
                </c:pt>
                <c:pt idx="7253">
                  <c:v>0.58986540589145153</c:v>
                </c:pt>
                <c:pt idx="7254">
                  <c:v>0.58986540589145153</c:v>
                </c:pt>
                <c:pt idx="7255">
                  <c:v>2.5128266290975834</c:v>
                </c:pt>
                <c:pt idx="7256">
                  <c:v>2.8269299577347811</c:v>
                </c:pt>
                <c:pt idx="7257">
                  <c:v>3.1410332863719792</c:v>
                </c:pt>
                <c:pt idx="7258">
                  <c:v>3.1410332863719792</c:v>
                </c:pt>
                <c:pt idx="7259">
                  <c:v>3.7692399436463742</c:v>
                </c:pt>
                <c:pt idx="7260">
                  <c:v>3.7692399436463742</c:v>
                </c:pt>
                <c:pt idx="7261">
                  <c:v>2.5128266290975834</c:v>
                </c:pt>
                <c:pt idx="7262">
                  <c:v>3.7692399436463742</c:v>
                </c:pt>
                <c:pt idx="7263">
                  <c:v>3.7692399436463742</c:v>
                </c:pt>
                <c:pt idx="7264">
                  <c:v>2.1987233004603852</c:v>
                </c:pt>
                <c:pt idx="7265">
                  <c:v>0.62820665727439584</c:v>
                </c:pt>
                <c:pt idx="7266">
                  <c:v>0.61935867618602403</c:v>
                </c:pt>
                <c:pt idx="7267">
                  <c:v>0.61935867618602403</c:v>
                </c:pt>
                <c:pt idx="7268">
                  <c:v>0.61935867618602403</c:v>
                </c:pt>
                <c:pt idx="7269">
                  <c:v>0.61935867618602403</c:v>
                </c:pt>
                <c:pt idx="7270">
                  <c:v>0.61935867618602403</c:v>
                </c:pt>
                <c:pt idx="7271">
                  <c:v>0.61935867618602403</c:v>
                </c:pt>
                <c:pt idx="7272">
                  <c:v>0.38817193926765842</c:v>
                </c:pt>
                <c:pt idx="7273">
                  <c:v>0.59150009793167002</c:v>
                </c:pt>
                <c:pt idx="7274">
                  <c:v>0.59150009793167002</c:v>
                </c:pt>
                <c:pt idx="7275">
                  <c:v>0.59150009793167002</c:v>
                </c:pt>
                <c:pt idx="7276">
                  <c:v>0.59150009793167002</c:v>
                </c:pt>
                <c:pt idx="7277">
                  <c:v>0.59150009793167002</c:v>
                </c:pt>
                <c:pt idx="7278">
                  <c:v>0.59150009793167002</c:v>
                </c:pt>
                <c:pt idx="7279">
                  <c:v>2.4935426003431962</c:v>
                </c:pt>
                <c:pt idx="7280">
                  <c:v>2.7822685856460927</c:v>
                </c:pt>
                <c:pt idx="7281">
                  <c:v>3.0709945709489892</c:v>
                </c:pt>
                <c:pt idx="7282">
                  <c:v>3.0709945709489892</c:v>
                </c:pt>
                <c:pt idx="7283">
                  <c:v>3.6746943584005001</c:v>
                </c:pt>
                <c:pt idx="7284">
                  <c:v>3.6746943584005001</c:v>
                </c:pt>
                <c:pt idx="7285">
                  <c:v>2.4410469666517605</c:v>
                </c:pt>
                <c:pt idx="7286">
                  <c:v>3.6746943584005001</c:v>
                </c:pt>
                <c:pt idx="7287">
                  <c:v>3.6746943584005001</c:v>
                </c:pt>
                <c:pt idx="7288">
                  <c:v>2.1654448897717233</c:v>
                </c:pt>
                <c:pt idx="7289">
                  <c:v>0.92421890301823439</c:v>
                </c:pt>
                <c:pt idx="7290">
                  <c:v>0.60998447599203465</c:v>
                </c:pt>
                <c:pt idx="7291">
                  <c:v>0.60998447599203465</c:v>
                </c:pt>
                <c:pt idx="7292">
                  <c:v>0.60998447599203465</c:v>
                </c:pt>
                <c:pt idx="7293">
                  <c:v>0.60998447599203465</c:v>
                </c:pt>
                <c:pt idx="7294">
                  <c:v>0.60998447599203465</c:v>
                </c:pt>
                <c:pt idx="7295">
                  <c:v>0.60998447599203465</c:v>
                </c:pt>
                <c:pt idx="7296">
                  <c:v>0.603960560772973</c:v>
                </c:pt>
                <c:pt idx="7297">
                  <c:v>0.603960560772973</c:v>
                </c:pt>
                <c:pt idx="7298">
                  <c:v>0.603960560772973</c:v>
                </c:pt>
                <c:pt idx="7299">
                  <c:v>0.603960560772973</c:v>
                </c:pt>
                <c:pt idx="7300">
                  <c:v>0.603960560772973</c:v>
                </c:pt>
                <c:pt idx="7301">
                  <c:v>0.603960560772973</c:v>
                </c:pt>
                <c:pt idx="7302">
                  <c:v>0.603960560772973</c:v>
                </c:pt>
                <c:pt idx="7303">
                  <c:v>2.4689175650992139</c:v>
                </c:pt>
                <c:pt idx="7304">
                  <c:v>2.7547922305317547</c:v>
                </c:pt>
                <c:pt idx="7305">
                  <c:v>3.0406668959642951</c:v>
                </c:pt>
                <c:pt idx="7306">
                  <c:v>3.0406668959642951</c:v>
                </c:pt>
                <c:pt idx="7307">
                  <c:v>3.6384048327777889</c:v>
                </c:pt>
                <c:pt idx="7308">
                  <c:v>3.6384048327777889</c:v>
                </c:pt>
                <c:pt idx="7309">
                  <c:v>2.4169403532023885</c:v>
                </c:pt>
                <c:pt idx="7310">
                  <c:v>3.6384048327777889</c:v>
                </c:pt>
                <c:pt idx="7311">
                  <c:v>3.6384048327777889</c:v>
                </c:pt>
                <c:pt idx="7312">
                  <c:v>2.1440599907440543</c:v>
                </c:pt>
                <c:pt idx="7313">
                  <c:v>0.91509175874692883</c:v>
                </c:pt>
                <c:pt idx="7314">
                  <c:v>0.603960560772973</c:v>
                </c:pt>
                <c:pt idx="7315">
                  <c:v>0.603960560772973</c:v>
                </c:pt>
                <c:pt idx="7316">
                  <c:v>0.603960560772973</c:v>
                </c:pt>
                <c:pt idx="7317">
                  <c:v>0.603960560772973</c:v>
                </c:pt>
                <c:pt idx="7318">
                  <c:v>0.603960560772973</c:v>
                </c:pt>
                <c:pt idx="7319">
                  <c:v>0.603960560772973</c:v>
                </c:pt>
                <c:pt idx="7320">
                  <c:v>0.60978368034851438</c:v>
                </c:pt>
                <c:pt idx="7321">
                  <c:v>0.60978368034851438</c:v>
                </c:pt>
                <c:pt idx="7322">
                  <c:v>0.60978368034851438</c:v>
                </c:pt>
                <c:pt idx="7323">
                  <c:v>0.60978368034851438</c:v>
                </c:pt>
                <c:pt idx="7324">
                  <c:v>0.60978368034851438</c:v>
                </c:pt>
                <c:pt idx="7325">
                  <c:v>0.60978368034851438</c:v>
                </c:pt>
                <c:pt idx="7326">
                  <c:v>0.60978368034851438</c:v>
                </c:pt>
                <c:pt idx="7327">
                  <c:v>2.4927217720913508</c:v>
                </c:pt>
                <c:pt idx="7328">
                  <c:v>2.7813527141229817</c:v>
                </c:pt>
                <c:pt idx="7329">
                  <c:v>3.0699836561546117</c:v>
                </c:pt>
                <c:pt idx="7330">
                  <c:v>3.0699836561546117</c:v>
                </c:pt>
                <c:pt idx="7331">
                  <c:v>3.6734847167662013</c:v>
                </c:pt>
                <c:pt idx="7332">
                  <c:v>3.6734847167662013</c:v>
                </c:pt>
                <c:pt idx="7333">
                  <c:v>2.4402434189946911</c:v>
                </c:pt>
                <c:pt idx="7334">
                  <c:v>3.6734847167662013</c:v>
                </c:pt>
                <c:pt idx="7335">
                  <c:v>3.6734847167662013</c:v>
                </c:pt>
                <c:pt idx="7336">
                  <c:v>2.1647320652372257</c:v>
                </c:pt>
                <c:pt idx="7337">
                  <c:v>0.92391466719471893</c:v>
                </c:pt>
                <c:pt idx="7338">
                  <c:v>0.60978368034851438</c:v>
                </c:pt>
                <c:pt idx="7339">
                  <c:v>0.60978368034851438</c:v>
                </c:pt>
                <c:pt idx="7340">
                  <c:v>0.60978368034851438</c:v>
                </c:pt>
                <c:pt idx="7341">
                  <c:v>0.60978368034851438</c:v>
                </c:pt>
                <c:pt idx="7342">
                  <c:v>0.60978368034851438</c:v>
                </c:pt>
                <c:pt idx="7343">
                  <c:v>0.60978368034851438</c:v>
                </c:pt>
                <c:pt idx="7344">
                  <c:v>0.9451248011893203</c:v>
                </c:pt>
                <c:pt idx="7345">
                  <c:v>0.57280290981170923</c:v>
                </c:pt>
                <c:pt idx="7346">
                  <c:v>0.57280290981170923</c:v>
                </c:pt>
                <c:pt idx="7347">
                  <c:v>0.57280290981170923</c:v>
                </c:pt>
                <c:pt idx="7348">
                  <c:v>0.57280290981170923</c:v>
                </c:pt>
                <c:pt idx="7349">
                  <c:v>0.57280290981170923</c:v>
                </c:pt>
                <c:pt idx="7350">
                  <c:v>0.57280290981170923</c:v>
                </c:pt>
                <c:pt idx="7351">
                  <c:v>2.4401403957978816</c:v>
                </c:pt>
                <c:pt idx="7352">
                  <c:v>3.0501754947473518</c:v>
                </c:pt>
                <c:pt idx="7353">
                  <c:v>3.3551930442220868</c:v>
                </c:pt>
                <c:pt idx="7354">
                  <c:v>3.3551930442220868</c:v>
                </c:pt>
                <c:pt idx="7355">
                  <c:v>3.965228143171557</c:v>
                </c:pt>
                <c:pt idx="7356">
                  <c:v>3.965228143171557</c:v>
                </c:pt>
                <c:pt idx="7357">
                  <c:v>2.7451579452726165</c:v>
                </c:pt>
                <c:pt idx="7358">
                  <c:v>3.965228143171557</c:v>
                </c:pt>
                <c:pt idx="7359">
                  <c:v>3.0501754947473518</c:v>
                </c:pt>
                <c:pt idx="7360">
                  <c:v>1.4320072745292731</c:v>
                </c:pt>
                <c:pt idx="7361">
                  <c:v>0.9451248011893203</c:v>
                </c:pt>
                <c:pt idx="7362">
                  <c:v>0.60144305530229469</c:v>
                </c:pt>
                <c:pt idx="7363">
                  <c:v>0.57280290981170923</c:v>
                </c:pt>
                <c:pt idx="7364">
                  <c:v>0.57280290981170923</c:v>
                </c:pt>
                <c:pt idx="7365">
                  <c:v>0.57280290981170923</c:v>
                </c:pt>
                <c:pt idx="7366">
                  <c:v>0.57280290981170923</c:v>
                </c:pt>
                <c:pt idx="7367">
                  <c:v>0.57280290981170923</c:v>
                </c:pt>
                <c:pt idx="7368">
                  <c:v>0.35551028451256061</c:v>
                </c:pt>
                <c:pt idx="7369">
                  <c:v>0.31995925606130454</c:v>
                </c:pt>
                <c:pt idx="7370">
                  <c:v>0.31995925606130454</c:v>
                </c:pt>
                <c:pt idx="7371">
                  <c:v>0.31995925606130454</c:v>
                </c:pt>
                <c:pt idx="7372">
                  <c:v>0.31995925606130454</c:v>
                </c:pt>
                <c:pt idx="7373">
                  <c:v>0.31995925606130454</c:v>
                </c:pt>
                <c:pt idx="7374">
                  <c:v>0.31995925606130454</c:v>
                </c:pt>
                <c:pt idx="7375">
                  <c:v>0.31995925606130454</c:v>
                </c:pt>
                <c:pt idx="7376">
                  <c:v>0.31995925606130454</c:v>
                </c:pt>
                <c:pt idx="7377">
                  <c:v>0.31995925606130454</c:v>
                </c:pt>
                <c:pt idx="7378">
                  <c:v>0.31995925606130454</c:v>
                </c:pt>
                <c:pt idx="7379">
                  <c:v>0.31995925606130454</c:v>
                </c:pt>
                <c:pt idx="7380">
                  <c:v>0.31995925606130454</c:v>
                </c:pt>
                <c:pt idx="7381">
                  <c:v>0.31995925606130454</c:v>
                </c:pt>
                <c:pt idx="7382">
                  <c:v>0.31995925606130454</c:v>
                </c:pt>
                <c:pt idx="7383">
                  <c:v>0.31995925606130454</c:v>
                </c:pt>
                <c:pt idx="7384">
                  <c:v>0.31995925606130454</c:v>
                </c:pt>
                <c:pt idx="7385">
                  <c:v>0.31995925606130454</c:v>
                </c:pt>
                <c:pt idx="7386">
                  <c:v>0.31995925606130454</c:v>
                </c:pt>
                <c:pt idx="7387">
                  <c:v>0.31995925606130454</c:v>
                </c:pt>
                <c:pt idx="7388">
                  <c:v>0.31995925606130454</c:v>
                </c:pt>
                <c:pt idx="7389">
                  <c:v>0.31995925606130454</c:v>
                </c:pt>
                <c:pt idx="7390">
                  <c:v>0.31995925606130454</c:v>
                </c:pt>
                <c:pt idx="7391">
                  <c:v>0.31995925606130454</c:v>
                </c:pt>
                <c:pt idx="7392">
                  <c:v>0.29931883890851624</c:v>
                </c:pt>
                <c:pt idx="7393">
                  <c:v>0.29931883890851624</c:v>
                </c:pt>
                <c:pt idx="7394">
                  <c:v>0.29931883890851624</c:v>
                </c:pt>
                <c:pt idx="7395">
                  <c:v>0.29931883890851624</c:v>
                </c:pt>
                <c:pt idx="7396">
                  <c:v>0.29931883890851624</c:v>
                </c:pt>
                <c:pt idx="7397">
                  <c:v>0.29931883890851624</c:v>
                </c:pt>
                <c:pt idx="7398">
                  <c:v>0.29931883890851624</c:v>
                </c:pt>
                <c:pt idx="7399">
                  <c:v>0.29931883890851624</c:v>
                </c:pt>
                <c:pt idx="7400">
                  <c:v>0.29931883890851624</c:v>
                </c:pt>
                <c:pt idx="7401">
                  <c:v>0.29931883890851624</c:v>
                </c:pt>
                <c:pt idx="7402">
                  <c:v>0.29931883890851624</c:v>
                </c:pt>
                <c:pt idx="7403">
                  <c:v>0.29931883890851624</c:v>
                </c:pt>
                <c:pt idx="7404">
                  <c:v>0.29931883890851624</c:v>
                </c:pt>
                <c:pt idx="7405">
                  <c:v>0.29931883890851624</c:v>
                </c:pt>
                <c:pt idx="7406">
                  <c:v>0.29931883890851624</c:v>
                </c:pt>
                <c:pt idx="7407">
                  <c:v>0.29931883890851624</c:v>
                </c:pt>
                <c:pt idx="7408">
                  <c:v>0.29931883890851624</c:v>
                </c:pt>
                <c:pt idx="7409">
                  <c:v>0.29931883890851624</c:v>
                </c:pt>
                <c:pt idx="7410">
                  <c:v>0.29931883890851624</c:v>
                </c:pt>
                <c:pt idx="7411">
                  <c:v>0.29931883890851624</c:v>
                </c:pt>
                <c:pt idx="7412">
                  <c:v>0.29931883890851624</c:v>
                </c:pt>
                <c:pt idx="7413">
                  <c:v>0.29931883890851624</c:v>
                </c:pt>
                <c:pt idx="7414">
                  <c:v>0.29931883890851624</c:v>
                </c:pt>
                <c:pt idx="7415">
                  <c:v>0.29931883890851624</c:v>
                </c:pt>
                <c:pt idx="7416">
                  <c:v>0.58083902536278875</c:v>
                </c:pt>
                <c:pt idx="7417">
                  <c:v>0.58083902536278875</c:v>
                </c:pt>
                <c:pt idx="7418">
                  <c:v>0.58083902536278875</c:v>
                </c:pt>
                <c:pt idx="7419">
                  <c:v>0.58083902536278875</c:v>
                </c:pt>
                <c:pt idx="7420">
                  <c:v>0.58083902536278875</c:v>
                </c:pt>
                <c:pt idx="7421">
                  <c:v>0.58083902536278875</c:v>
                </c:pt>
                <c:pt idx="7422">
                  <c:v>0.58083902536278875</c:v>
                </c:pt>
                <c:pt idx="7423">
                  <c:v>2.4743742480454798</c:v>
                </c:pt>
                <c:pt idx="7424">
                  <c:v>2.7836710290511655</c:v>
                </c:pt>
                <c:pt idx="7425">
                  <c:v>3.0929678100568503</c:v>
                </c:pt>
                <c:pt idx="7426">
                  <c:v>3.0929678100568503</c:v>
                </c:pt>
                <c:pt idx="7427">
                  <c:v>3.7115613720682195</c:v>
                </c:pt>
                <c:pt idx="7428">
                  <c:v>3.7115613720682195</c:v>
                </c:pt>
                <c:pt idx="7429">
                  <c:v>2.4743742480454798</c:v>
                </c:pt>
                <c:pt idx="7430">
                  <c:v>3.7115613720682195</c:v>
                </c:pt>
                <c:pt idx="7431">
                  <c:v>3.7115613720682195</c:v>
                </c:pt>
                <c:pt idx="7432">
                  <c:v>2.1650774670397945</c:v>
                </c:pt>
                <c:pt idx="7433">
                  <c:v>0.61859356201136995</c:v>
                </c:pt>
                <c:pt idx="7434">
                  <c:v>0.60988097663092811</c:v>
                </c:pt>
                <c:pt idx="7435">
                  <c:v>0.60988097663092811</c:v>
                </c:pt>
                <c:pt idx="7436">
                  <c:v>0.60988097663092811</c:v>
                </c:pt>
                <c:pt idx="7437">
                  <c:v>0.60988097663092811</c:v>
                </c:pt>
                <c:pt idx="7438">
                  <c:v>0.60988097663092811</c:v>
                </c:pt>
                <c:pt idx="7439">
                  <c:v>0.60988097663092811</c:v>
                </c:pt>
                <c:pt idx="7440">
                  <c:v>0.39880812515509928</c:v>
                </c:pt>
                <c:pt idx="7441">
                  <c:v>0.60770761928396078</c:v>
                </c:pt>
                <c:pt idx="7442">
                  <c:v>0.60770761928396078</c:v>
                </c:pt>
                <c:pt idx="7443">
                  <c:v>0.60770761928396078</c:v>
                </c:pt>
                <c:pt idx="7444">
                  <c:v>0.60770761928396078</c:v>
                </c:pt>
                <c:pt idx="7445">
                  <c:v>0.60770761928396078</c:v>
                </c:pt>
                <c:pt idx="7446">
                  <c:v>0.60770761928396078</c:v>
                </c:pt>
                <c:pt idx="7447">
                  <c:v>2.5618674325439472</c:v>
                </c:pt>
                <c:pt idx="7448">
                  <c:v>2.8585047142069309</c:v>
                </c:pt>
                <c:pt idx="7449">
                  <c:v>3.1551419958699141</c:v>
                </c:pt>
                <c:pt idx="7450">
                  <c:v>3.1551419958699141</c:v>
                </c:pt>
                <c:pt idx="7451">
                  <c:v>3.7753835848016064</c:v>
                </c:pt>
                <c:pt idx="7452">
                  <c:v>3.7753835848016064</c:v>
                </c:pt>
                <c:pt idx="7453">
                  <c:v>2.5079333813324958</c:v>
                </c:pt>
                <c:pt idx="7454">
                  <c:v>3.7753835848016064</c:v>
                </c:pt>
                <c:pt idx="7455">
                  <c:v>3.7753835848016064</c:v>
                </c:pt>
                <c:pt idx="7456">
                  <c:v>2.2247796124723753</c:v>
                </c:pt>
                <c:pt idx="7457">
                  <c:v>0.94954315513118892</c:v>
                </c:pt>
                <c:pt idx="7458">
                  <c:v>0.62669848238658465</c:v>
                </c:pt>
                <c:pt idx="7459">
                  <c:v>0.62669848238658465</c:v>
                </c:pt>
                <c:pt idx="7460">
                  <c:v>0.62669848238658465</c:v>
                </c:pt>
                <c:pt idx="7461">
                  <c:v>0.62669848238658465</c:v>
                </c:pt>
                <c:pt idx="7462">
                  <c:v>0.62669848238658465</c:v>
                </c:pt>
                <c:pt idx="7463">
                  <c:v>0.62669848238658465</c:v>
                </c:pt>
                <c:pt idx="7464">
                  <c:v>0.61963819039943024</c:v>
                </c:pt>
                <c:pt idx="7465">
                  <c:v>0.61963819039943024</c:v>
                </c:pt>
                <c:pt idx="7466">
                  <c:v>0.61963819039943024</c:v>
                </c:pt>
                <c:pt idx="7467">
                  <c:v>0.61963819039943024</c:v>
                </c:pt>
                <c:pt idx="7468">
                  <c:v>0.61963819039943024</c:v>
                </c:pt>
                <c:pt idx="7469">
                  <c:v>0.61963819039943024</c:v>
                </c:pt>
                <c:pt idx="7470">
                  <c:v>0.61963819039943024</c:v>
                </c:pt>
                <c:pt idx="7471">
                  <c:v>2.5330058146934284</c:v>
                </c:pt>
                <c:pt idx="7472">
                  <c:v>2.8263012248158259</c:v>
                </c:pt>
                <c:pt idx="7473">
                  <c:v>3.1195966349382229</c:v>
                </c:pt>
                <c:pt idx="7474">
                  <c:v>3.1195966349382229</c:v>
                </c:pt>
                <c:pt idx="7475">
                  <c:v>3.7328506742850522</c:v>
                </c:pt>
                <c:pt idx="7476">
                  <c:v>3.7328506742850522</c:v>
                </c:pt>
                <c:pt idx="7477">
                  <c:v>2.4796793764893565</c:v>
                </c:pt>
                <c:pt idx="7478">
                  <c:v>3.7328506742850522</c:v>
                </c:pt>
                <c:pt idx="7479">
                  <c:v>3.7328506742850522</c:v>
                </c:pt>
                <c:pt idx="7480">
                  <c:v>2.1997155759179772</c:v>
                </c:pt>
                <c:pt idx="7481">
                  <c:v>0.93884574302943979</c:v>
                </c:pt>
                <c:pt idx="7482">
                  <c:v>0.61963819039943024</c:v>
                </c:pt>
                <c:pt idx="7483">
                  <c:v>0.61963819039943024</c:v>
                </c:pt>
                <c:pt idx="7484">
                  <c:v>0.61963819039943024</c:v>
                </c:pt>
                <c:pt idx="7485">
                  <c:v>0.61963819039943024</c:v>
                </c:pt>
                <c:pt idx="7486">
                  <c:v>0.61963819039943024</c:v>
                </c:pt>
                <c:pt idx="7487">
                  <c:v>0.61963819039943024</c:v>
                </c:pt>
                <c:pt idx="7488">
                  <c:v>0.63486788775084591</c:v>
                </c:pt>
                <c:pt idx="7489">
                  <c:v>0.63486788775084591</c:v>
                </c:pt>
                <c:pt idx="7490">
                  <c:v>0.63486788775084591</c:v>
                </c:pt>
                <c:pt idx="7491">
                  <c:v>0.63486788775084591</c:v>
                </c:pt>
                <c:pt idx="7492">
                  <c:v>0.63486788775084591</c:v>
                </c:pt>
                <c:pt idx="7493">
                  <c:v>0.63486788775084591</c:v>
                </c:pt>
                <c:pt idx="7494">
                  <c:v>0.63486788775084591</c:v>
                </c:pt>
                <c:pt idx="7495">
                  <c:v>2.5952629714420943</c:v>
                </c:pt>
                <c:pt idx="7496">
                  <c:v>2.8957671049774949</c:v>
                </c:pt>
                <c:pt idx="7497">
                  <c:v>3.1962712385128955</c:v>
                </c:pt>
                <c:pt idx="7498">
                  <c:v>3.1962712385128955</c:v>
                </c:pt>
                <c:pt idx="7499">
                  <c:v>3.8245980631778234</c:v>
                </c:pt>
                <c:pt idx="7500">
                  <c:v>3.8245980631778234</c:v>
                </c:pt>
                <c:pt idx="7501">
                  <c:v>2.5406258562538402</c:v>
                </c:pt>
                <c:pt idx="7502">
                  <c:v>3.8245980631778234</c:v>
                </c:pt>
                <c:pt idx="7503">
                  <c:v>3.8245980631778234</c:v>
                </c:pt>
                <c:pt idx="7504">
                  <c:v>2.2537810015155029</c:v>
                </c:pt>
                <c:pt idx="7505">
                  <c:v>0.96192104204673634</c:v>
                </c:pt>
                <c:pt idx="7506">
                  <c:v>0.63486788775084591</c:v>
                </c:pt>
                <c:pt idx="7507">
                  <c:v>0.63486788775084591</c:v>
                </c:pt>
                <c:pt idx="7508">
                  <c:v>0.63486788775084591</c:v>
                </c:pt>
                <c:pt idx="7509">
                  <c:v>0.63486788775084591</c:v>
                </c:pt>
                <c:pt idx="7510">
                  <c:v>0.63486788775084591</c:v>
                </c:pt>
                <c:pt idx="7511">
                  <c:v>0.63486788775084591</c:v>
                </c:pt>
                <c:pt idx="7512">
                  <c:v>0.96429666072783926</c:v>
                </c:pt>
                <c:pt idx="7513">
                  <c:v>0.58442221862293298</c:v>
                </c:pt>
                <c:pt idx="7514">
                  <c:v>0.58442221862293298</c:v>
                </c:pt>
                <c:pt idx="7515">
                  <c:v>0.58442221862293298</c:v>
                </c:pt>
                <c:pt idx="7516">
                  <c:v>0.58442221862293298</c:v>
                </c:pt>
                <c:pt idx="7517">
                  <c:v>0.58442221862293298</c:v>
                </c:pt>
                <c:pt idx="7518">
                  <c:v>0.58442221862293298</c:v>
                </c:pt>
                <c:pt idx="7519">
                  <c:v>2.4896386513336939</c:v>
                </c:pt>
                <c:pt idx="7520">
                  <c:v>3.1120483141671174</c:v>
                </c:pt>
                <c:pt idx="7521">
                  <c:v>3.4232531455838293</c:v>
                </c:pt>
                <c:pt idx="7522">
                  <c:v>3.4232531455838293</c:v>
                </c:pt>
                <c:pt idx="7523">
                  <c:v>4.0456628084172523</c:v>
                </c:pt>
                <c:pt idx="7524">
                  <c:v>4.0456628084172523</c:v>
                </c:pt>
                <c:pt idx="7525">
                  <c:v>2.8008434827504054</c:v>
                </c:pt>
                <c:pt idx="7526">
                  <c:v>4.0456628084172523</c:v>
                </c:pt>
                <c:pt idx="7527">
                  <c:v>3.1120483141671174</c:v>
                </c:pt>
                <c:pt idx="7528">
                  <c:v>1.4610555465573323</c:v>
                </c:pt>
                <c:pt idx="7529">
                  <c:v>0.96429666072783926</c:v>
                </c:pt>
                <c:pt idx="7530">
                  <c:v>0.61364332955407952</c:v>
                </c:pt>
                <c:pt idx="7531">
                  <c:v>0.58442221862293298</c:v>
                </c:pt>
                <c:pt idx="7532">
                  <c:v>0.58442221862293298</c:v>
                </c:pt>
                <c:pt idx="7533">
                  <c:v>0.58442221862293298</c:v>
                </c:pt>
                <c:pt idx="7534">
                  <c:v>0.58442221862293298</c:v>
                </c:pt>
                <c:pt idx="7535">
                  <c:v>0.58442221862293298</c:v>
                </c:pt>
                <c:pt idx="7536">
                  <c:v>0.3729862897830733</c:v>
                </c:pt>
                <c:pt idx="7537">
                  <c:v>0.33568766080476592</c:v>
                </c:pt>
                <c:pt idx="7538">
                  <c:v>0.33568766080476592</c:v>
                </c:pt>
                <c:pt idx="7539">
                  <c:v>0.33568766080476592</c:v>
                </c:pt>
                <c:pt idx="7540">
                  <c:v>0.33568766080476592</c:v>
                </c:pt>
                <c:pt idx="7541">
                  <c:v>0.33568766080476592</c:v>
                </c:pt>
                <c:pt idx="7542">
                  <c:v>0.33568766080476592</c:v>
                </c:pt>
                <c:pt idx="7543">
                  <c:v>0.33568766080476592</c:v>
                </c:pt>
                <c:pt idx="7544">
                  <c:v>0.33568766080476592</c:v>
                </c:pt>
                <c:pt idx="7545">
                  <c:v>0.33568766080476592</c:v>
                </c:pt>
                <c:pt idx="7546">
                  <c:v>0.33568766080476592</c:v>
                </c:pt>
                <c:pt idx="7547">
                  <c:v>0.33568766080476592</c:v>
                </c:pt>
                <c:pt idx="7548">
                  <c:v>0.33568766080476592</c:v>
                </c:pt>
                <c:pt idx="7549">
                  <c:v>0.33568766080476592</c:v>
                </c:pt>
                <c:pt idx="7550">
                  <c:v>0.33568766080476592</c:v>
                </c:pt>
                <c:pt idx="7551">
                  <c:v>0.33568766080476592</c:v>
                </c:pt>
                <c:pt idx="7552">
                  <c:v>0.33568766080476592</c:v>
                </c:pt>
                <c:pt idx="7553">
                  <c:v>0.33568766080476592</c:v>
                </c:pt>
                <c:pt idx="7554">
                  <c:v>0.33568766080476592</c:v>
                </c:pt>
                <c:pt idx="7555">
                  <c:v>0.33568766080476592</c:v>
                </c:pt>
                <c:pt idx="7556">
                  <c:v>0.33568766080476592</c:v>
                </c:pt>
                <c:pt idx="7557">
                  <c:v>0.33568766080476592</c:v>
                </c:pt>
                <c:pt idx="7558">
                  <c:v>0.33568766080476592</c:v>
                </c:pt>
                <c:pt idx="7559">
                  <c:v>0.33568766080476592</c:v>
                </c:pt>
                <c:pt idx="7560">
                  <c:v>0.34514238106157302</c:v>
                </c:pt>
                <c:pt idx="7561">
                  <c:v>0.34514238106157302</c:v>
                </c:pt>
                <c:pt idx="7562">
                  <c:v>0.34514238106157302</c:v>
                </c:pt>
                <c:pt idx="7563">
                  <c:v>0.34514238106157302</c:v>
                </c:pt>
                <c:pt idx="7564">
                  <c:v>0.34514238106157302</c:v>
                </c:pt>
                <c:pt idx="7565">
                  <c:v>0.34514238106157302</c:v>
                </c:pt>
                <c:pt idx="7566">
                  <c:v>0.34514238106157302</c:v>
                </c:pt>
                <c:pt idx="7567">
                  <c:v>0.34514238106157302</c:v>
                </c:pt>
                <c:pt idx="7568">
                  <c:v>0.34514238106157302</c:v>
                </c:pt>
                <c:pt idx="7569">
                  <c:v>0.34514238106157302</c:v>
                </c:pt>
                <c:pt idx="7570">
                  <c:v>0.34514238106157302</c:v>
                </c:pt>
                <c:pt idx="7571">
                  <c:v>0.34514238106157302</c:v>
                </c:pt>
                <c:pt idx="7572">
                  <c:v>0.34514238106157302</c:v>
                </c:pt>
                <c:pt idx="7573">
                  <c:v>0.34514238106157302</c:v>
                </c:pt>
                <c:pt idx="7574">
                  <c:v>0.34514238106157302</c:v>
                </c:pt>
                <c:pt idx="7575">
                  <c:v>0.34514238106157302</c:v>
                </c:pt>
                <c:pt idx="7576">
                  <c:v>0.34514238106157302</c:v>
                </c:pt>
                <c:pt idx="7577">
                  <c:v>0.34514238106157302</c:v>
                </c:pt>
                <c:pt idx="7578">
                  <c:v>0.34514238106157302</c:v>
                </c:pt>
                <c:pt idx="7579">
                  <c:v>0.34514238106157302</c:v>
                </c:pt>
                <c:pt idx="7580">
                  <c:v>0.34514238106157302</c:v>
                </c:pt>
                <c:pt idx="7581">
                  <c:v>0.34514238106157302</c:v>
                </c:pt>
                <c:pt idx="7582">
                  <c:v>0.34514238106157302</c:v>
                </c:pt>
                <c:pt idx="7583">
                  <c:v>0.34514238106157302</c:v>
                </c:pt>
                <c:pt idx="7584">
                  <c:v>0.61479540925632936</c:v>
                </c:pt>
                <c:pt idx="7585">
                  <c:v>0.61479540925632936</c:v>
                </c:pt>
                <c:pt idx="7586">
                  <c:v>0.61479540925632936</c:v>
                </c:pt>
                <c:pt idx="7587">
                  <c:v>0.61479540925632936</c:v>
                </c:pt>
                <c:pt idx="7588">
                  <c:v>0.61479540925632936</c:v>
                </c:pt>
                <c:pt idx="7589">
                  <c:v>0.61479540925632936</c:v>
                </c:pt>
                <c:pt idx="7590">
                  <c:v>0.61479540925632936</c:v>
                </c:pt>
                <c:pt idx="7591">
                  <c:v>2.6190284434319628</c:v>
                </c:pt>
                <c:pt idx="7592">
                  <c:v>2.946406998860958</c:v>
                </c:pt>
                <c:pt idx="7593">
                  <c:v>3.2737855542899537</c:v>
                </c:pt>
                <c:pt idx="7594">
                  <c:v>3.2737855542899537</c:v>
                </c:pt>
                <c:pt idx="7595">
                  <c:v>3.928542665147944</c:v>
                </c:pt>
                <c:pt idx="7596">
                  <c:v>3.928542665147944</c:v>
                </c:pt>
                <c:pt idx="7597">
                  <c:v>2.6190284434319628</c:v>
                </c:pt>
                <c:pt idx="7598">
                  <c:v>3.928542665147944</c:v>
                </c:pt>
                <c:pt idx="7599">
                  <c:v>3.928542665147944</c:v>
                </c:pt>
                <c:pt idx="7600">
                  <c:v>2.2916498880029672</c:v>
                </c:pt>
                <c:pt idx="7601">
                  <c:v>0.65475711085799071</c:v>
                </c:pt>
                <c:pt idx="7602">
                  <c:v>0.64553517971914576</c:v>
                </c:pt>
                <c:pt idx="7603">
                  <c:v>0.64553517971914576</c:v>
                </c:pt>
                <c:pt idx="7604">
                  <c:v>0.64553517971914576</c:v>
                </c:pt>
                <c:pt idx="7605">
                  <c:v>0.64553517971914576</c:v>
                </c:pt>
                <c:pt idx="7606">
                  <c:v>0.64553517971914576</c:v>
                </c:pt>
                <c:pt idx="7607">
                  <c:v>0.64553517971914576</c:v>
                </c:pt>
                <c:pt idx="7608">
                  <c:v>0.39593348032065584</c:v>
                </c:pt>
                <c:pt idx="7609">
                  <c:v>0.60332720810766616</c:v>
                </c:pt>
                <c:pt idx="7610">
                  <c:v>0.60332720810766616</c:v>
                </c:pt>
                <c:pt idx="7611">
                  <c:v>0.60332720810766616</c:v>
                </c:pt>
                <c:pt idx="7612">
                  <c:v>0.60332720810766616</c:v>
                </c:pt>
                <c:pt idx="7613">
                  <c:v>0.60332720810766616</c:v>
                </c:pt>
                <c:pt idx="7614">
                  <c:v>0.60332720810766616</c:v>
                </c:pt>
                <c:pt idx="7615">
                  <c:v>2.5434012616788797</c:v>
                </c:pt>
                <c:pt idx="7616">
                  <c:v>2.8379003551364343</c:v>
                </c:pt>
                <c:pt idx="7617">
                  <c:v>3.132399448593989</c:v>
                </c:pt>
                <c:pt idx="7618">
                  <c:v>3.132399448593989</c:v>
                </c:pt>
                <c:pt idx="7619">
                  <c:v>3.7481702803688757</c:v>
                </c:pt>
                <c:pt idx="7620">
                  <c:v>3.7481702803688757</c:v>
                </c:pt>
                <c:pt idx="7621">
                  <c:v>2.4898559719593245</c:v>
                </c:pt>
                <c:pt idx="7622">
                  <c:v>3.7481702803688757</c:v>
                </c:pt>
                <c:pt idx="7623">
                  <c:v>3.7481702803688757</c:v>
                </c:pt>
                <c:pt idx="7624">
                  <c:v>2.2087432009316585</c:v>
                </c:pt>
                <c:pt idx="7625">
                  <c:v>0.94269876266822838</c:v>
                </c:pt>
                <c:pt idx="7626">
                  <c:v>0.62218118336103079</c:v>
                </c:pt>
                <c:pt idx="7627">
                  <c:v>0.62218118336103079</c:v>
                </c:pt>
                <c:pt idx="7628">
                  <c:v>0.62218118336103079</c:v>
                </c:pt>
                <c:pt idx="7629">
                  <c:v>0.62218118336103079</c:v>
                </c:pt>
                <c:pt idx="7630">
                  <c:v>0.62218118336103079</c:v>
                </c:pt>
                <c:pt idx="7631">
                  <c:v>0.62218118336103079</c:v>
                </c:pt>
                <c:pt idx="7632">
                  <c:v>0.61471093537397226</c:v>
                </c:pt>
                <c:pt idx="7633">
                  <c:v>0.61471093537397226</c:v>
                </c:pt>
                <c:pt idx="7634">
                  <c:v>0.61471093537397226</c:v>
                </c:pt>
                <c:pt idx="7635">
                  <c:v>0.61471093537397226</c:v>
                </c:pt>
                <c:pt idx="7636">
                  <c:v>0.61471093537397226</c:v>
                </c:pt>
                <c:pt idx="7637">
                  <c:v>0.61471093537397226</c:v>
                </c:pt>
                <c:pt idx="7638">
                  <c:v>0.61471093537397226</c:v>
                </c:pt>
                <c:pt idx="7639">
                  <c:v>2.5128637933923899</c:v>
                </c:pt>
                <c:pt idx="7640">
                  <c:v>2.8038269694694034</c:v>
                </c:pt>
                <c:pt idx="7641">
                  <c:v>3.0947901455464173</c:v>
                </c:pt>
                <c:pt idx="7642">
                  <c:v>3.0947901455464173</c:v>
                </c:pt>
                <c:pt idx="7643">
                  <c:v>3.703167695525627</c:v>
                </c:pt>
                <c:pt idx="7644">
                  <c:v>3.703167695525627</c:v>
                </c:pt>
                <c:pt idx="7645">
                  <c:v>2.459961397742024</c:v>
                </c:pt>
                <c:pt idx="7646">
                  <c:v>3.703167695525627</c:v>
                </c:pt>
                <c:pt idx="7647">
                  <c:v>3.703167695525627</c:v>
                </c:pt>
                <c:pt idx="7648">
                  <c:v>2.1822238205776014</c:v>
                </c:pt>
                <c:pt idx="7649">
                  <c:v>0.93138020511207942</c:v>
                </c:pt>
                <c:pt idx="7650">
                  <c:v>0.61471093537397226</c:v>
                </c:pt>
                <c:pt idx="7651">
                  <c:v>0.61471093537397226</c:v>
                </c:pt>
                <c:pt idx="7652">
                  <c:v>0.61471093537397226</c:v>
                </c:pt>
                <c:pt idx="7653">
                  <c:v>0.61471093537397226</c:v>
                </c:pt>
                <c:pt idx="7654">
                  <c:v>0.61471093537397226</c:v>
                </c:pt>
                <c:pt idx="7655">
                  <c:v>0.61471093537397226</c:v>
                </c:pt>
                <c:pt idx="7656">
                  <c:v>0.61605473219909723</c:v>
                </c:pt>
                <c:pt idx="7657">
                  <c:v>0.61605473219909723</c:v>
                </c:pt>
                <c:pt idx="7658">
                  <c:v>0.61605473219909723</c:v>
                </c:pt>
                <c:pt idx="7659">
                  <c:v>0.61605473219909723</c:v>
                </c:pt>
                <c:pt idx="7660">
                  <c:v>0.61605473219909723</c:v>
                </c:pt>
                <c:pt idx="7661">
                  <c:v>0.61605473219909723</c:v>
                </c:pt>
                <c:pt idx="7662">
                  <c:v>0.61605473219909723</c:v>
                </c:pt>
                <c:pt idx="7663">
                  <c:v>2.5183570719290369</c:v>
                </c:pt>
                <c:pt idx="7664">
                  <c:v>2.8099563118366095</c:v>
                </c:pt>
                <c:pt idx="7665">
                  <c:v>3.1015555517441826</c:v>
                </c:pt>
                <c:pt idx="7666">
                  <c:v>3.1015555517441826</c:v>
                </c:pt>
                <c:pt idx="7667">
                  <c:v>3.7112630533691067</c:v>
                </c:pt>
                <c:pt idx="7668">
                  <c:v>3.7112630533691067</c:v>
                </c:pt>
                <c:pt idx="7669">
                  <c:v>2.465339028309478</c:v>
                </c:pt>
                <c:pt idx="7670">
                  <c:v>3.7112630533691067</c:v>
                </c:pt>
                <c:pt idx="7671">
                  <c:v>3.7112630533691067</c:v>
                </c:pt>
                <c:pt idx="7672">
                  <c:v>2.1869942993067952</c:v>
                </c:pt>
                <c:pt idx="7673">
                  <c:v>0.93341626090772312</c:v>
                </c:pt>
                <c:pt idx="7674">
                  <c:v>0.61605473219909723</c:v>
                </c:pt>
                <c:pt idx="7675">
                  <c:v>0.61605473219909723</c:v>
                </c:pt>
                <c:pt idx="7676">
                  <c:v>0.61605473219909723</c:v>
                </c:pt>
                <c:pt idx="7677">
                  <c:v>0.61605473219909723</c:v>
                </c:pt>
                <c:pt idx="7678">
                  <c:v>0.61605473219909723</c:v>
                </c:pt>
                <c:pt idx="7679">
                  <c:v>0.61605473219909723</c:v>
                </c:pt>
                <c:pt idx="7680">
                  <c:v>0.96155782365090803</c:v>
                </c:pt>
                <c:pt idx="7681">
                  <c:v>0.58276231736418671</c:v>
                </c:pt>
                <c:pt idx="7682">
                  <c:v>0.58276231736418671</c:v>
                </c:pt>
                <c:pt idx="7683">
                  <c:v>0.58276231736418671</c:v>
                </c:pt>
                <c:pt idx="7684">
                  <c:v>0.58276231736418671</c:v>
                </c:pt>
                <c:pt idx="7685">
                  <c:v>0.58276231736418671</c:v>
                </c:pt>
                <c:pt idx="7686">
                  <c:v>0.58276231736418671</c:v>
                </c:pt>
                <c:pt idx="7687">
                  <c:v>2.4825674719714352</c:v>
                </c:pt>
                <c:pt idx="7688">
                  <c:v>3.1032093399642942</c:v>
                </c:pt>
                <c:pt idx="7689">
                  <c:v>3.4135302739607236</c:v>
                </c:pt>
                <c:pt idx="7690">
                  <c:v>3.4135302739607236</c:v>
                </c:pt>
                <c:pt idx="7691">
                  <c:v>4.034172141953583</c:v>
                </c:pt>
                <c:pt idx="7692">
                  <c:v>4.034172141953583</c:v>
                </c:pt>
                <c:pt idx="7693">
                  <c:v>2.7928884059678647</c:v>
                </c:pt>
                <c:pt idx="7694">
                  <c:v>4.034172141953583</c:v>
                </c:pt>
                <c:pt idx="7695">
                  <c:v>3.1032093399642942</c:v>
                </c:pt>
                <c:pt idx="7696">
                  <c:v>1.4569057934104668</c:v>
                </c:pt>
                <c:pt idx="7697">
                  <c:v>0.96155782365090803</c:v>
                </c:pt>
                <c:pt idx="7698">
                  <c:v>0.61190043323239596</c:v>
                </c:pt>
                <c:pt idx="7699">
                  <c:v>0.58276231736418671</c:v>
                </c:pt>
                <c:pt idx="7700">
                  <c:v>0.58276231736418671</c:v>
                </c:pt>
                <c:pt idx="7701">
                  <c:v>0.58276231736418671</c:v>
                </c:pt>
                <c:pt idx="7702">
                  <c:v>0.58276231736418671</c:v>
                </c:pt>
                <c:pt idx="7703">
                  <c:v>0.58276231736418671</c:v>
                </c:pt>
                <c:pt idx="7704">
                  <c:v>0.42716190612166249</c:v>
                </c:pt>
                <c:pt idx="7705">
                  <c:v>0.38444571550949624</c:v>
                </c:pt>
                <c:pt idx="7706">
                  <c:v>0.38444571550949624</c:v>
                </c:pt>
                <c:pt idx="7707">
                  <c:v>0.38444571550949624</c:v>
                </c:pt>
                <c:pt idx="7708">
                  <c:v>0.38444571550949624</c:v>
                </c:pt>
                <c:pt idx="7709">
                  <c:v>0.38444571550949624</c:v>
                </c:pt>
                <c:pt idx="7710">
                  <c:v>0.38444571550949624</c:v>
                </c:pt>
                <c:pt idx="7711">
                  <c:v>0.38444571550949624</c:v>
                </c:pt>
                <c:pt idx="7712">
                  <c:v>0.38444571550949624</c:v>
                </c:pt>
                <c:pt idx="7713">
                  <c:v>0.38444571550949624</c:v>
                </c:pt>
                <c:pt idx="7714">
                  <c:v>0.38444571550949624</c:v>
                </c:pt>
                <c:pt idx="7715">
                  <c:v>0.38444571550949624</c:v>
                </c:pt>
                <c:pt idx="7716">
                  <c:v>0.38444571550949624</c:v>
                </c:pt>
                <c:pt idx="7717">
                  <c:v>0.38444571550949624</c:v>
                </c:pt>
                <c:pt idx="7718">
                  <c:v>0.38444571550949624</c:v>
                </c:pt>
                <c:pt idx="7719">
                  <c:v>0.38444571550949624</c:v>
                </c:pt>
                <c:pt idx="7720">
                  <c:v>0.38444571550949624</c:v>
                </c:pt>
                <c:pt idx="7721">
                  <c:v>0.38444571550949624</c:v>
                </c:pt>
                <c:pt idx="7722">
                  <c:v>0.38444571550949624</c:v>
                </c:pt>
                <c:pt idx="7723">
                  <c:v>0.38444571550949624</c:v>
                </c:pt>
                <c:pt idx="7724">
                  <c:v>0.38444571550949624</c:v>
                </c:pt>
                <c:pt idx="7725">
                  <c:v>0.38444571550949624</c:v>
                </c:pt>
                <c:pt idx="7726">
                  <c:v>0.38444571550949624</c:v>
                </c:pt>
                <c:pt idx="7727">
                  <c:v>0.38444571550949624</c:v>
                </c:pt>
                <c:pt idx="7728">
                  <c:v>0.40202677821709165</c:v>
                </c:pt>
                <c:pt idx="7729">
                  <c:v>0.40202677821709165</c:v>
                </c:pt>
                <c:pt idx="7730">
                  <c:v>0.40202677821709165</c:v>
                </c:pt>
                <c:pt idx="7731">
                  <c:v>0.40202677821709165</c:v>
                </c:pt>
                <c:pt idx="7732">
                  <c:v>0.40202677821709165</c:v>
                </c:pt>
                <c:pt idx="7733">
                  <c:v>0.40202677821709165</c:v>
                </c:pt>
                <c:pt idx="7734">
                  <c:v>0.40202677821709165</c:v>
                </c:pt>
                <c:pt idx="7735">
                  <c:v>0.40202677821709165</c:v>
                </c:pt>
                <c:pt idx="7736">
                  <c:v>0.40202677821709165</c:v>
                </c:pt>
                <c:pt idx="7737">
                  <c:v>0.40202677821709165</c:v>
                </c:pt>
                <c:pt idx="7738">
                  <c:v>0.40202677821709165</c:v>
                </c:pt>
                <c:pt idx="7739">
                  <c:v>0.40202677821709165</c:v>
                </c:pt>
                <c:pt idx="7740">
                  <c:v>0.40202677821709165</c:v>
                </c:pt>
                <c:pt idx="7741">
                  <c:v>0.40202677821709165</c:v>
                </c:pt>
                <c:pt idx="7742">
                  <c:v>0.40202677821709165</c:v>
                </c:pt>
                <c:pt idx="7743">
                  <c:v>0.40202677821709165</c:v>
                </c:pt>
                <c:pt idx="7744">
                  <c:v>0.40202677821709165</c:v>
                </c:pt>
                <c:pt idx="7745">
                  <c:v>0.40202677821709165</c:v>
                </c:pt>
                <c:pt idx="7746">
                  <c:v>0.40202677821709165</c:v>
                </c:pt>
                <c:pt idx="7747">
                  <c:v>0.40202677821709165</c:v>
                </c:pt>
                <c:pt idx="7748">
                  <c:v>0.40202677821709165</c:v>
                </c:pt>
                <c:pt idx="7749">
                  <c:v>0.40202677821709165</c:v>
                </c:pt>
                <c:pt idx="7750">
                  <c:v>0.40202677821709165</c:v>
                </c:pt>
                <c:pt idx="7751">
                  <c:v>0.40202677821709165</c:v>
                </c:pt>
                <c:pt idx="7752">
                  <c:v>0.59932161406433626</c:v>
                </c:pt>
                <c:pt idx="7753">
                  <c:v>0.59932161406433626</c:v>
                </c:pt>
                <c:pt idx="7754">
                  <c:v>0.59932161406433626</c:v>
                </c:pt>
                <c:pt idx="7755">
                  <c:v>0.59932161406433626</c:v>
                </c:pt>
                <c:pt idx="7756">
                  <c:v>0.59932161406433626</c:v>
                </c:pt>
                <c:pt idx="7757">
                  <c:v>0.59932161406433626</c:v>
                </c:pt>
                <c:pt idx="7758">
                  <c:v>0.59932161406433626</c:v>
                </c:pt>
                <c:pt idx="7759">
                  <c:v>2.5531100759140721</c:v>
                </c:pt>
                <c:pt idx="7760">
                  <c:v>2.8722488354033313</c:v>
                </c:pt>
                <c:pt idx="7761">
                  <c:v>3.1913875948925905</c:v>
                </c:pt>
                <c:pt idx="7762">
                  <c:v>3.1913875948925905</c:v>
                </c:pt>
                <c:pt idx="7763">
                  <c:v>3.8296651138711075</c:v>
                </c:pt>
                <c:pt idx="7764">
                  <c:v>3.8296651138711075</c:v>
                </c:pt>
                <c:pt idx="7765">
                  <c:v>2.5531100759140721</c:v>
                </c:pt>
                <c:pt idx="7766">
                  <c:v>3.8296651138711075</c:v>
                </c:pt>
                <c:pt idx="7767">
                  <c:v>3.8296651138711075</c:v>
                </c:pt>
                <c:pt idx="7768">
                  <c:v>2.2339713164248125</c:v>
                </c:pt>
                <c:pt idx="7769">
                  <c:v>0.63827751897851803</c:v>
                </c:pt>
                <c:pt idx="7770">
                  <c:v>0.62928769476755297</c:v>
                </c:pt>
                <c:pt idx="7771">
                  <c:v>0.62928769476755297</c:v>
                </c:pt>
                <c:pt idx="7772">
                  <c:v>0.62928769476755297</c:v>
                </c:pt>
                <c:pt idx="7773">
                  <c:v>0.62928769476755297</c:v>
                </c:pt>
                <c:pt idx="7774">
                  <c:v>0.62928769476755297</c:v>
                </c:pt>
                <c:pt idx="7775">
                  <c:v>0.62928769476755297</c:v>
                </c:pt>
                <c:pt idx="7776">
                  <c:v>0.40024544757232111</c:v>
                </c:pt>
                <c:pt idx="7777">
                  <c:v>0.60989782487210831</c:v>
                </c:pt>
                <c:pt idx="7778">
                  <c:v>0.60989782487210831</c:v>
                </c:pt>
                <c:pt idx="7779">
                  <c:v>0.60989782487210831</c:v>
                </c:pt>
                <c:pt idx="7780">
                  <c:v>0.60989782487210831</c:v>
                </c:pt>
                <c:pt idx="7781">
                  <c:v>0.60989782487210831</c:v>
                </c:pt>
                <c:pt idx="7782">
                  <c:v>0.60989782487210831</c:v>
                </c:pt>
                <c:pt idx="7783">
                  <c:v>2.5711005179764812</c:v>
                </c:pt>
                <c:pt idx="7784">
                  <c:v>2.8688068937421796</c:v>
                </c:pt>
                <c:pt idx="7785">
                  <c:v>3.1665132695078775</c:v>
                </c:pt>
                <c:pt idx="7786">
                  <c:v>3.1665132695078775</c:v>
                </c:pt>
                <c:pt idx="7787">
                  <c:v>3.7889902370179724</c:v>
                </c:pt>
                <c:pt idx="7788">
                  <c:v>3.7889902370179724</c:v>
                </c:pt>
                <c:pt idx="7789">
                  <c:v>2.5169720860190816</c:v>
                </c:pt>
                <c:pt idx="7790">
                  <c:v>3.7889902370179724</c:v>
                </c:pt>
                <c:pt idx="7791">
                  <c:v>3.7889902370179724</c:v>
                </c:pt>
                <c:pt idx="7792">
                  <c:v>2.2327978182427342</c:v>
                </c:pt>
                <c:pt idx="7793">
                  <c:v>0.95296535136266936</c:v>
                </c:pt>
                <c:pt idx="7794">
                  <c:v>0.62895713189936164</c:v>
                </c:pt>
                <c:pt idx="7795">
                  <c:v>0.62895713189936164</c:v>
                </c:pt>
                <c:pt idx="7796">
                  <c:v>0.62895713189936164</c:v>
                </c:pt>
                <c:pt idx="7797">
                  <c:v>0.62895713189936164</c:v>
                </c:pt>
                <c:pt idx="7798">
                  <c:v>0.62895713189936164</c:v>
                </c:pt>
                <c:pt idx="7799">
                  <c:v>0.62895713189936164</c:v>
                </c:pt>
                <c:pt idx="7800">
                  <c:v>0.64113893960142898</c:v>
                </c:pt>
                <c:pt idx="7801">
                  <c:v>0.64113893960142898</c:v>
                </c:pt>
                <c:pt idx="7802">
                  <c:v>0.64113893960142898</c:v>
                </c:pt>
                <c:pt idx="7803">
                  <c:v>0.64113893960142898</c:v>
                </c:pt>
                <c:pt idx="7804">
                  <c:v>0.64113893960142898</c:v>
                </c:pt>
                <c:pt idx="7805">
                  <c:v>0.64113893960142898</c:v>
                </c:pt>
                <c:pt idx="7806">
                  <c:v>0.64113893960142898</c:v>
                </c:pt>
                <c:pt idx="7807">
                  <c:v>2.6208982712797804</c:v>
                </c:pt>
                <c:pt idx="7808">
                  <c:v>2.9243707026911236</c:v>
                </c:pt>
                <c:pt idx="7809">
                  <c:v>3.2278431341024665</c:v>
                </c:pt>
                <c:pt idx="7810">
                  <c:v>3.2278431341024665</c:v>
                </c:pt>
                <c:pt idx="7811">
                  <c:v>3.8623763997807292</c:v>
                </c:pt>
                <c:pt idx="7812">
                  <c:v>3.8623763997807292</c:v>
                </c:pt>
                <c:pt idx="7813">
                  <c:v>2.5657214655686271</c:v>
                </c:pt>
                <c:pt idx="7814">
                  <c:v>3.8623763997807292</c:v>
                </c:pt>
                <c:pt idx="7815">
                  <c:v>3.8623763997807292</c:v>
                </c:pt>
                <c:pt idx="7816">
                  <c:v>2.2760432355850728</c:v>
                </c:pt>
                <c:pt idx="7817">
                  <c:v>0.97142263575974086</c:v>
                </c:pt>
                <c:pt idx="7818">
                  <c:v>0.64113893960142898</c:v>
                </c:pt>
                <c:pt idx="7819">
                  <c:v>0.64113893960142898</c:v>
                </c:pt>
                <c:pt idx="7820">
                  <c:v>0.64113893960142898</c:v>
                </c:pt>
                <c:pt idx="7821">
                  <c:v>0.64113893960142898</c:v>
                </c:pt>
                <c:pt idx="7822">
                  <c:v>0.64113893960142898</c:v>
                </c:pt>
                <c:pt idx="7823">
                  <c:v>0.64113893960142898</c:v>
                </c:pt>
                <c:pt idx="7824">
                  <c:v>0.64561826235184527</c:v>
                </c:pt>
                <c:pt idx="7825">
                  <c:v>0.64561826235184527</c:v>
                </c:pt>
                <c:pt idx="7826">
                  <c:v>0.64561826235184527</c:v>
                </c:pt>
                <c:pt idx="7827">
                  <c:v>0.64561826235184527</c:v>
                </c:pt>
                <c:pt idx="7828">
                  <c:v>0.64561826235184527</c:v>
                </c:pt>
                <c:pt idx="7829">
                  <c:v>0.64561826235184527</c:v>
                </c:pt>
                <c:pt idx="7830">
                  <c:v>0.64561826235184527</c:v>
                </c:pt>
                <c:pt idx="7831">
                  <c:v>2.6392091997352702</c:v>
                </c:pt>
                <c:pt idx="7832">
                  <c:v>2.944801843915144</c:v>
                </c:pt>
                <c:pt idx="7833">
                  <c:v>3.2503944880950177</c:v>
                </c:pt>
                <c:pt idx="7834">
                  <c:v>3.2503944880950177</c:v>
                </c:pt>
                <c:pt idx="7835">
                  <c:v>3.8893609259256623</c:v>
                </c:pt>
                <c:pt idx="7836">
                  <c:v>3.8893609259256623</c:v>
                </c:pt>
                <c:pt idx="7837">
                  <c:v>2.5836469007934757</c:v>
                </c:pt>
                <c:pt idx="7838">
                  <c:v>3.8893609259256623</c:v>
                </c:pt>
                <c:pt idx="7839">
                  <c:v>3.8893609259256623</c:v>
                </c:pt>
                <c:pt idx="7840">
                  <c:v>2.2919448313490509</c:v>
                </c:pt>
                <c:pt idx="7841">
                  <c:v>0.97820948841188682</c:v>
                </c:pt>
                <c:pt idx="7842">
                  <c:v>0.64561826235184527</c:v>
                </c:pt>
                <c:pt idx="7843">
                  <c:v>0.64561826235184527</c:v>
                </c:pt>
                <c:pt idx="7844">
                  <c:v>0.64561826235184527</c:v>
                </c:pt>
                <c:pt idx="7845">
                  <c:v>0.64561826235184527</c:v>
                </c:pt>
                <c:pt idx="7846">
                  <c:v>0.64561826235184527</c:v>
                </c:pt>
                <c:pt idx="7847">
                  <c:v>0.64561826235184527</c:v>
                </c:pt>
                <c:pt idx="7848">
                  <c:v>0.97593671830479689</c:v>
                </c:pt>
                <c:pt idx="7849">
                  <c:v>0.5914767989726043</c:v>
                </c:pt>
                <c:pt idx="7850">
                  <c:v>0.5914767989726043</c:v>
                </c:pt>
                <c:pt idx="7851">
                  <c:v>0.5914767989726043</c:v>
                </c:pt>
                <c:pt idx="7852">
                  <c:v>0.5914767989726043</c:v>
                </c:pt>
                <c:pt idx="7853">
                  <c:v>0.5914767989726043</c:v>
                </c:pt>
                <c:pt idx="7854">
                  <c:v>0.5914767989726043</c:v>
                </c:pt>
                <c:pt idx="7855">
                  <c:v>2.5196911636232939</c:v>
                </c:pt>
                <c:pt idx="7856">
                  <c:v>3.1496139545291175</c:v>
                </c:pt>
                <c:pt idx="7857">
                  <c:v>3.4645753499820295</c:v>
                </c:pt>
                <c:pt idx="7858">
                  <c:v>3.4645753499820295</c:v>
                </c:pt>
                <c:pt idx="7859">
                  <c:v>4.0944981408878531</c:v>
                </c:pt>
                <c:pt idx="7860">
                  <c:v>4.0944981408878531</c:v>
                </c:pt>
                <c:pt idx="7861">
                  <c:v>2.8346525590762059</c:v>
                </c:pt>
                <c:pt idx="7862">
                  <c:v>4.0944981408878531</c:v>
                </c:pt>
                <c:pt idx="7863">
                  <c:v>3.1496139545291175</c:v>
                </c:pt>
                <c:pt idx="7864">
                  <c:v>1.4786919974315107</c:v>
                </c:pt>
                <c:pt idx="7865">
                  <c:v>0.97593671830479689</c:v>
                </c:pt>
                <c:pt idx="7866">
                  <c:v>0.62105063892123447</c:v>
                </c:pt>
                <c:pt idx="7867">
                  <c:v>0.5914767989726043</c:v>
                </c:pt>
                <c:pt idx="7868">
                  <c:v>0.5914767989726043</c:v>
                </c:pt>
                <c:pt idx="7869">
                  <c:v>0.5914767989726043</c:v>
                </c:pt>
                <c:pt idx="7870">
                  <c:v>0.5914767989726043</c:v>
                </c:pt>
                <c:pt idx="7871">
                  <c:v>0.5914767989726043</c:v>
                </c:pt>
                <c:pt idx="7872">
                  <c:v>0.47609472087909799</c:v>
                </c:pt>
                <c:pt idx="7873">
                  <c:v>0.42848524879118821</c:v>
                </c:pt>
                <c:pt idx="7874">
                  <c:v>0.42848524879118821</c:v>
                </c:pt>
                <c:pt idx="7875">
                  <c:v>0.42848524879118821</c:v>
                </c:pt>
                <c:pt idx="7876">
                  <c:v>0.42848524879118821</c:v>
                </c:pt>
                <c:pt idx="7877">
                  <c:v>0.42848524879118821</c:v>
                </c:pt>
                <c:pt idx="7878">
                  <c:v>0.42848524879118821</c:v>
                </c:pt>
                <c:pt idx="7879">
                  <c:v>0.42848524879118821</c:v>
                </c:pt>
                <c:pt idx="7880">
                  <c:v>0.42848524879118821</c:v>
                </c:pt>
                <c:pt idx="7881">
                  <c:v>0.42848524879118821</c:v>
                </c:pt>
                <c:pt idx="7882">
                  <c:v>0.42848524879118821</c:v>
                </c:pt>
                <c:pt idx="7883">
                  <c:v>0.42848524879118821</c:v>
                </c:pt>
                <c:pt idx="7884">
                  <c:v>0.42848524879118821</c:v>
                </c:pt>
                <c:pt idx="7885">
                  <c:v>0.42848524879118821</c:v>
                </c:pt>
                <c:pt idx="7886">
                  <c:v>0.42848524879118821</c:v>
                </c:pt>
                <c:pt idx="7887">
                  <c:v>0.42848524879118821</c:v>
                </c:pt>
                <c:pt idx="7888">
                  <c:v>0.42848524879118821</c:v>
                </c:pt>
                <c:pt idx="7889">
                  <c:v>0.42848524879118821</c:v>
                </c:pt>
                <c:pt idx="7890">
                  <c:v>0.42848524879118821</c:v>
                </c:pt>
                <c:pt idx="7891">
                  <c:v>0.42848524879118821</c:v>
                </c:pt>
                <c:pt idx="7892">
                  <c:v>0.42848524879118821</c:v>
                </c:pt>
                <c:pt idx="7893">
                  <c:v>0.42848524879118821</c:v>
                </c:pt>
                <c:pt idx="7894">
                  <c:v>0.42848524879118821</c:v>
                </c:pt>
                <c:pt idx="7895">
                  <c:v>0.42848524879118821</c:v>
                </c:pt>
                <c:pt idx="7896">
                  <c:v>0.43836958751089528</c:v>
                </c:pt>
                <c:pt idx="7897">
                  <c:v>0.43836958751089528</c:v>
                </c:pt>
                <c:pt idx="7898">
                  <c:v>0.43836958751089528</c:v>
                </c:pt>
                <c:pt idx="7899">
                  <c:v>0.43836958751089528</c:v>
                </c:pt>
                <c:pt idx="7900">
                  <c:v>0.43836958751089528</c:v>
                </c:pt>
                <c:pt idx="7901">
                  <c:v>0.43836958751089528</c:v>
                </c:pt>
                <c:pt idx="7902">
                  <c:v>0.43836958751089528</c:v>
                </c:pt>
                <c:pt idx="7903">
                  <c:v>0.43836958751089528</c:v>
                </c:pt>
                <c:pt idx="7904">
                  <c:v>0.43836958751089528</c:v>
                </c:pt>
                <c:pt idx="7905">
                  <c:v>0.43836958751089528</c:v>
                </c:pt>
                <c:pt idx="7906">
                  <c:v>0.43836958751089528</c:v>
                </c:pt>
                <c:pt idx="7907">
                  <c:v>0.43836958751089528</c:v>
                </c:pt>
                <c:pt idx="7908">
                  <c:v>0.43836958751089528</c:v>
                </c:pt>
                <c:pt idx="7909">
                  <c:v>0.43836958751089528</c:v>
                </c:pt>
                <c:pt idx="7910">
                  <c:v>0.43836958751089528</c:v>
                </c:pt>
                <c:pt idx="7911">
                  <c:v>0.43836958751089528</c:v>
                </c:pt>
                <c:pt idx="7912">
                  <c:v>0.43836958751089528</c:v>
                </c:pt>
                <c:pt idx="7913">
                  <c:v>0.43836958751089528</c:v>
                </c:pt>
                <c:pt idx="7914">
                  <c:v>0.43836958751089528</c:v>
                </c:pt>
                <c:pt idx="7915">
                  <c:v>0.43836958751089528</c:v>
                </c:pt>
                <c:pt idx="7916">
                  <c:v>0.43836958751089528</c:v>
                </c:pt>
                <c:pt idx="7917">
                  <c:v>0.43836958751089528</c:v>
                </c:pt>
                <c:pt idx="7918">
                  <c:v>0.43836958751089528</c:v>
                </c:pt>
                <c:pt idx="7919">
                  <c:v>0.43836958751089528</c:v>
                </c:pt>
                <c:pt idx="7920">
                  <c:v>0.6203831686312159</c:v>
                </c:pt>
                <c:pt idx="7921">
                  <c:v>0.6203831686312159</c:v>
                </c:pt>
                <c:pt idx="7922">
                  <c:v>0.6203831686312159</c:v>
                </c:pt>
                <c:pt idx="7923">
                  <c:v>0.6203831686312159</c:v>
                </c:pt>
                <c:pt idx="7924">
                  <c:v>0.6203831686312159</c:v>
                </c:pt>
                <c:pt idx="7925">
                  <c:v>0.6203831686312159</c:v>
                </c:pt>
                <c:pt idx="7926">
                  <c:v>0.6203831686312159</c:v>
                </c:pt>
                <c:pt idx="7927">
                  <c:v>2.6428322983689796</c:v>
                </c:pt>
                <c:pt idx="7928">
                  <c:v>2.973186335665102</c:v>
                </c:pt>
                <c:pt idx="7929">
                  <c:v>3.3035403729612245</c:v>
                </c:pt>
                <c:pt idx="7930">
                  <c:v>3.3035403729612245</c:v>
                </c:pt>
                <c:pt idx="7931">
                  <c:v>3.9642484475534694</c:v>
                </c:pt>
                <c:pt idx="7932">
                  <c:v>3.9642484475534694</c:v>
                </c:pt>
                <c:pt idx="7933">
                  <c:v>2.6428322983689796</c:v>
                </c:pt>
                <c:pt idx="7934">
                  <c:v>3.9642484475534694</c:v>
                </c:pt>
                <c:pt idx="7935">
                  <c:v>3.9642484475534694</c:v>
                </c:pt>
                <c:pt idx="7936">
                  <c:v>2.3124782610728571</c:v>
                </c:pt>
                <c:pt idx="7937">
                  <c:v>0.6607080745922449</c:v>
                </c:pt>
                <c:pt idx="7938">
                  <c:v>0.65140232706277668</c:v>
                </c:pt>
                <c:pt idx="7939">
                  <c:v>0.65140232706277668</c:v>
                </c:pt>
                <c:pt idx="7940">
                  <c:v>0.65140232706277668</c:v>
                </c:pt>
                <c:pt idx="7941">
                  <c:v>0.65140232706277668</c:v>
                </c:pt>
                <c:pt idx="7942">
                  <c:v>0.65140232706277668</c:v>
                </c:pt>
                <c:pt idx="7943">
                  <c:v>0.65140232706277668</c:v>
                </c:pt>
                <c:pt idx="7944">
                  <c:v>0.41576852967831585</c:v>
                </c:pt>
                <c:pt idx="7945">
                  <c:v>0.63355204522410036</c:v>
                </c:pt>
                <c:pt idx="7946">
                  <c:v>0.63355204522410036</c:v>
                </c:pt>
                <c:pt idx="7947">
                  <c:v>0.63355204522410036</c:v>
                </c:pt>
                <c:pt idx="7948">
                  <c:v>0.63355204522410036</c:v>
                </c:pt>
                <c:pt idx="7949">
                  <c:v>0.63355204522410036</c:v>
                </c:pt>
                <c:pt idx="7950">
                  <c:v>0.63355204522410036</c:v>
                </c:pt>
                <c:pt idx="7951">
                  <c:v>2.6708178406478478</c:v>
                </c:pt>
                <c:pt idx="7952">
                  <c:v>2.980070432722862</c:v>
                </c:pt>
                <c:pt idx="7953">
                  <c:v>3.2893230247978757</c:v>
                </c:pt>
                <c:pt idx="7954">
                  <c:v>3.2893230247978757</c:v>
                </c:pt>
                <c:pt idx="7955">
                  <c:v>3.9359420809547232</c:v>
                </c:pt>
                <c:pt idx="7956">
                  <c:v>3.9359420809547232</c:v>
                </c:pt>
                <c:pt idx="7957">
                  <c:v>2.6145900966342088</c:v>
                </c:pt>
                <c:pt idx="7958">
                  <c:v>3.9359420809547232</c:v>
                </c:pt>
                <c:pt idx="7959">
                  <c:v>3.9359420809547232</c:v>
                </c:pt>
                <c:pt idx="7960">
                  <c:v>2.319394440562605</c:v>
                </c:pt>
                <c:pt idx="7961">
                  <c:v>0.98992507066265689</c:v>
                </c:pt>
                <c:pt idx="7962">
                  <c:v>0.65335054663735348</c:v>
                </c:pt>
                <c:pt idx="7963">
                  <c:v>0.65335054663735348</c:v>
                </c:pt>
                <c:pt idx="7964">
                  <c:v>0.65335054663735348</c:v>
                </c:pt>
                <c:pt idx="7965">
                  <c:v>0.65335054663735348</c:v>
                </c:pt>
                <c:pt idx="7966">
                  <c:v>0.65335054663735348</c:v>
                </c:pt>
                <c:pt idx="7967">
                  <c:v>0.65335054663735348</c:v>
                </c:pt>
                <c:pt idx="7968">
                  <c:v>0.66754018455427111</c:v>
                </c:pt>
                <c:pt idx="7969">
                  <c:v>0.66754018455427111</c:v>
                </c:pt>
                <c:pt idx="7970">
                  <c:v>0.66754018455427111</c:v>
                </c:pt>
                <c:pt idx="7971">
                  <c:v>0.66754018455427111</c:v>
                </c:pt>
                <c:pt idx="7972">
                  <c:v>0.66754018455427111</c:v>
                </c:pt>
                <c:pt idx="7973">
                  <c:v>0.66754018455427111</c:v>
                </c:pt>
                <c:pt idx="7974">
                  <c:v>0.66754018455427111</c:v>
                </c:pt>
                <c:pt idx="7975">
                  <c:v>2.7288233604960954</c:v>
                </c:pt>
                <c:pt idx="7976">
                  <c:v>3.0447923811851174</c:v>
                </c:pt>
                <c:pt idx="7977">
                  <c:v>3.3607614018741394</c:v>
                </c:pt>
                <c:pt idx="7978">
                  <c:v>3.3607614018741394</c:v>
                </c:pt>
                <c:pt idx="7979">
                  <c:v>4.0214238996784575</c:v>
                </c:pt>
                <c:pt idx="7980">
                  <c:v>4.0214238996784575</c:v>
                </c:pt>
                <c:pt idx="7981">
                  <c:v>2.6713744476435459</c:v>
                </c:pt>
                <c:pt idx="7982">
                  <c:v>4.0214238996784575</c:v>
                </c:pt>
                <c:pt idx="7983">
                  <c:v>4.0214238996784575</c:v>
                </c:pt>
                <c:pt idx="7984">
                  <c:v>2.3697676551676619</c:v>
                </c:pt>
                <c:pt idx="7985">
                  <c:v>1.0114245220519258</c:v>
                </c:pt>
                <c:pt idx="7986">
                  <c:v>0.66754018455427111</c:v>
                </c:pt>
                <c:pt idx="7987">
                  <c:v>0.66754018455427111</c:v>
                </c:pt>
                <c:pt idx="7988">
                  <c:v>0.66754018455427111</c:v>
                </c:pt>
                <c:pt idx="7989">
                  <c:v>0.66754018455427111</c:v>
                </c:pt>
                <c:pt idx="7990">
                  <c:v>0.66754018455427111</c:v>
                </c:pt>
                <c:pt idx="7991">
                  <c:v>0.66754018455427111</c:v>
                </c:pt>
                <c:pt idx="7992">
                  <c:v>0.67533917751891459</c:v>
                </c:pt>
                <c:pt idx="7993">
                  <c:v>0.67533917751891459</c:v>
                </c:pt>
                <c:pt idx="7994">
                  <c:v>0.67533917751891459</c:v>
                </c:pt>
                <c:pt idx="7995">
                  <c:v>0.67533917751891459</c:v>
                </c:pt>
                <c:pt idx="7996">
                  <c:v>0.67533917751891459</c:v>
                </c:pt>
                <c:pt idx="7997">
                  <c:v>0.67533917751891459</c:v>
                </c:pt>
                <c:pt idx="7998">
                  <c:v>0.67533917751891459</c:v>
                </c:pt>
                <c:pt idx="7999">
                  <c:v>2.7607046984030781</c:v>
                </c:pt>
                <c:pt idx="8000">
                  <c:v>3.080365242428698</c:v>
                </c:pt>
                <c:pt idx="8001">
                  <c:v>3.4000257864543175</c:v>
                </c:pt>
                <c:pt idx="8002">
                  <c:v>3.4000257864543175</c:v>
                </c:pt>
                <c:pt idx="8003">
                  <c:v>4.0684069239624305</c:v>
                </c:pt>
                <c:pt idx="8004">
                  <c:v>4.0684069239624305</c:v>
                </c:pt>
                <c:pt idx="8005">
                  <c:v>2.7025845994893287</c:v>
                </c:pt>
                <c:pt idx="8006">
                  <c:v>4.0684069239624305</c:v>
                </c:pt>
                <c:pt idx="8007">
                  <c:v>4.0684069239624305</c:v>
                </c:pt>
                <c:pt idx="8008">
                  <c:v>2.3974540801921469</c:v>
                </c:pt>
                <c:pt idx="8009">
                  <c:v>1.0232411780589616</c:v>
                </c:pt>
                <c:pt idx="8010">
                  <c:v>0.67533917751891459</c:v>
                </c:pt>
                <c:pt idx="8011">
                  <c:v>0.67533917751891459</c:v>
                </c:pt>
                <c:pt idx="8012">
                  <c:v>0.67533917751891459</c:v>
                </c:pt>
                <c:pt idx="8013">
                  <c:v>0.67533917751891459</c:v>
                </c:pt>
                <c:pt idx="8014">
                  <c:v>0.67533917751891459</c:v>
                </c:pt>
                <c:pt idx="8015">
                  <c:v>0.67533917751891459</c:v>
                </c:pt>
                <c:pt idx="8016">
                  <c:v>1.0233823017117349</c:v>
                </c:pt>
                <c:pt idx="8017">
                  <c:v>0.62023169800711209</c:v>
                </c:pt>
                <c:pt idx="8018">
                  <c:v>0.62023169800711209</c:v>
                </c:pt>
                <c:pt idx="8019">
                  <c:v>0.62023169800711209</c:v>
                </c:pt>
                <c:pt idx="8020">
                  <c:v>0.62023169800711209</c:v>
                </c:pt>
                <c:pt idx="8021">
                  <c:v>0.62023169800711209</c:v>
                </c:pt>
                <c:pt idx="8022">
                  <c:v>0.62023169800711209</c:v>
                </c:pt>
                <c:pt idx="8023">
                  <c:v>2.6421870335102975</c:v>
                </c:pt>
                <c:pt idx="8024">
                  <c:v>3.3027337918878721</c:v>
                </c:pt>
                <c:pt idx="8025">
                  <c:v>3.6330071710766587</c:v>
                </c:pt>
                <c:pt idx="8026">
                  <c:v>3.6330071710766587</c:v>
                </c:pt>
                <c:pt idx="8027">
                  <c:v>4.2935539294542338</c:v>
                </c:pt>
                <c:pt idx="8028">
                  <c:v>4.2935539294542338</c:v>
                </c:pt>
                <c:pt idx="8029">
                  <c:v>2.9724604126990846</c:v>
                </c:pt>
                <c:pt idx="8030">
                  <c:v>4.2935539294542338</c:v>
                </c:pt>
                <c:pt idx="8031">
                  <c:v>3.3027337918878721</c:v>
                </c:pt>
                <c:pt idx="8032">
                  <c:v>1.55057924501778</c:v>
                </c:pt>
                <c:pt idx="8033">
                  <c:v>1.0233823017117349</c:v>
                </c:pt>
                <c:pt idx="8034">
                  <c:v>0.65124328290746758</c:v>
                </c:pt>
                <c:pt idx="8035">
                  <c:v>0.62023169800711209</c:v>
                </c:pt>
                <c:pt idx="8036">
                  <c:v>0.62023169800711209</c:v>
                </c:pt>
                <c:pt idx="8037">
                  <c:v>0.62023169800711209</c:v>
                </c:pt>
                <c:pt idx="8038">
                  <c:v>0.62023169800711209</c:v>
                </c:pt>
                <c:pt idx="8039">
                  <c:v>0.62023169800711209</c:v>
                </c:pt>
                <c:pt idx="8040">
                  <c:v>0.52502753563653326</c:v>
                </c:pt>
                <c:pt idx="8041">
                  <c:v>0.47252478207288001</c:v>
                </c:pt>
                <c:pt idx="8042">
                  <c:v>0.47252478207288001</c:v>
                </c:pt>
                <c:pt idx="8043">
                  <c:v>0.47252478207288001</c:v>
                </c:pt>
                <c:pt idx="8044">
                  <c:v>0.47252478207288001</c:v>
                </c:pt>
                <c:pt idx="8045">
                  <c:v>0.47252478207288001</c:v>
                </c:pt>
                <c:pt idx="8046">
                  <c:v>0.47252478207288001</c:v>
                </c:pt>
                <c:pt idx="8047">
                  <c:v>0.47252478207288001</c:v>
                </c:pt>
                <c:pt idx="8048">
                  <c:v>0.47252478207288001</c:v>
                </c:pt>
                <c:pt idx="8049">
                  <c:v>0.47252478207288001</c:v>
                </c:pt>
                <c:pt idx="8050">
                  <c:v>0.47252478207288001</c:v>
                </c:pt>
                <c:pt idx="8051">
                  <c:v>0.47252478207288001</c:v>
                </c:pt>
                <c:pt idx="8052">
                  <c:v>0.47252478207288001</c:v>
                </c:pt>
                <c:pt idx="8053">
                  <c:v>0.47252478207288001</c:v>
                </c:pt>
                <c:pt idx="8054">
                  <c:v>0.47252478207288001</c:v>
                </c:pt>
                <c:pt idx="8055">
                  <c:v>0.47252478207288001</c:v>
                </c:pt>
                <c:pt idx="8056">
                  <c:v>0.47252478207288001</c:v>
                </c:pt>
                <c:pt idx="8057">
                  <c:v>0.47252478207288001</c:v>
                </c:pt>
                <c:pt idx="8058">
                  <c:v>0.47252478207288001</c:v>
                </c:pt>
                <c:pt idx="8059">
                  <c:v>0.47252478207288001</c:v>
                </c:pt>
                <c:pt idx="8060">
                  <c:v>0.47252478207288001</c:v>
                </c:pt>
                <c:pt idx="8061">
                  <c:v>0.47252478207288001</c:v>
                </c:pt>
                <c:pt idx="8062">
                  <c:v>0.47252478207288001</c:v>
                </c:pt>
                <c:pt idx="8063">
                  <c:v>0.47252478207288001</c:v>
                </c:pt>
                <c:pt idx="8064">
                  <c:v>0.50157447323924953</c:v>
                </c:pt>
                <c:pt idx="8065">
                  <c:v>0.50157447323924953</c:v>
                </c:pt>
                <c:pt idx="8066">
                  <c:v>0.50157447323924953</c:v>
                </c:pt>
                <c:pt idx="8067">
                  <c:v>0.50157447323924953</c:v>
                </c:pt>
                <c:pt idx="8068">
                  <c:v>0.50157447323924953</c:v>
                </c:pt>
                <c:pt idx="8069">
                  <c:v>0.50157447323924953</c:v>
                </c:pt>
                <c:pt idx="8070">
                  <c:v>0.50157447323924953</c:v>
                </c:pt>
                <c:pt idx="8071">
                  <c:v>0.50157447323924953</c:v>
                </c:pt>
                <c:pt idx="8072">
                  <c:v>0.50157447323924953</c:v>
                </c:pt>
                <c:pt idx="8073">
                  <c:v>0.50157447323924953</c:v>
                </c:pt>
                <c:pt idx="8074">
                  <c:v>0.50157447323924953</c:v>
                </c:pt>
                <c:pt idx="8075">
                  <c:v>0.50157447323924953</c:v>
                </c:pt>
                <c:pt idx="8076">
                  <c:v>0.50157447323924953</c:v>
                </c:pt>
                <c:pt idx="8077">
                  <c:v>0.50157447323924953</c:v>
                </c:pt>
                <c:pt idx="8078">
                  <c:v>0.50157447323924953</c:v>
                </c:pt>
                <c:pt idx="8079">
                  <c:v>0.50157447323924953</c:v>
                </c:pt>
                <c:pt idx="8080">
                  <c:v>0.50157447323924953</c:v>
                </c:pt>
                <c:pt idx="8081">
                  <c:v>0.50157447323924953</c:v>
                </c:pt>
                <c:pt idx="8082">
                  <c:v>0.50157447323924953</c:v>
                </c:pt>
                <c:pt idx="8083">
                  <c:v>0.50157447323924953</c:v>
                </c:pt>
                <c:pt idx="8084">
                  <c:v>0.50157447323924953</c:v>
                </c:pt>
                <c:pt idx="8085">
                  <c:v>0.50157447323924953</c:v>
                </c:pt>
                <c:pt idx="8086">
                  <c:v>0.50157447323924953</c:v>
                </c:pt>
                <c:pt idx="8087">
                  <c:v>0.50157447323924953</c:v>
                </c:pt>
                <c:pt idx="8088">
                  <c:v>0.67704277603603302</c:v>
                </c:pt>
                <c:pt idx="8089">
                  <c:v>0.67704277603603302</c:v>
                </c:pt>
                <c:pt idx="8090">
                  <c:v>0.67704277603603302</c:v>
                </c:pt>
                <c:pt idx="8091">
                  <c:v>0.67704277603603302</c:v>
                </c:pt>
                <c:pt idx="8092">
                  <c:v>0.67704277603603302</c:v>
                </c:pt>
                <c:pt idx="8093">
                  <c:v>0.67704277603603302</c:v>
                </c:pt>
                <c:pt idx="8094">
                  <c:v>0.67704277603603302</c:v>
                </c:pt>
                <c:pt idx="8095">
                  <c:v>2.8842022259135005</c:v>
                </c:pt>
                <c:pt idx="8096">
                  <c:v>3.2447275041526877</c:v>
                </c:pt>
                <c:pt idx="8097">
                  <c:v>3.6052527823918759</c:v>
                </c:pt>
                <c:pt idx="8098">
                  <c:v>3.6052527823918759</c:v>
                </c:pt>
                <c:pt idx="8099">
                  <c:v>4.3263033388702503</c:v>
                </c:pt>
                <c:pt idx="8100">
                  <c:v>4.3263033388702503</c:v>
                </c:pt>
                <c:pt idx="8101">
                  <c:v>2.8842022259135005</c:v>
                </c:pt>
                <c:pt idx="8102">
                  <c:v>4.3263033388702503</c:v>
                </c:pt>
                <c:pt idx="8103">
                  <c:v>4.3263033388702503</c:v>
                </c:pt>
                <c:pt idx="8104">
                  <c:v>2.5236769476743124</c:v>
                </c:pt>
                <c:pt idx="8105">
                  <c:v>0.72105055647837513</c:v>
                </c:pt>
                <c:pt idx="8106">
                  <c:v>0.71089491483783462</c:v>
                </c:pt>
                <c:pt idx="8107">
                  <c:v>0.71089491483783462</c:v>
                </c:pt>
                <c:pt idx="8108">
                  <c:v>0.71089491483783462</c:v>
                </c:pt>
                <c:pt idx="8109">
                  <c:v>0.71089491483783462</c:v>
                </c:pt>
                <c:pt idx="8110">
                  <c:v>0.71089491483783462</c:v>
                </c:pt>
                <c:pt idx="8111">
                  <c:v>0.71089491483783462</c:v>
                </c:pt>
                <c:pt idx="8112">
                  <c:v>0.44028684099025378</c:v>
                </c:pt>
                <c:pt idx="8113">
                  <c:v>0.67091328150895824</c:v>
                </c:pt>
                <c:pt idx="8114">
                  <c:v>0.67091328150895824</c:v>
                </c:pt>
                <c:pt idx="8115">
                  <c:v>0.67091328150895824</c:v>
                </c:pt>
                <c:pt idx="8116">
                  <c:v>0.67091328150895824</c:v>
                </c:pt>
                <c:pt idx="8117">
                  <c:v>0.67091328150895824</c:v>
                </c:pt>
                <c:pt idx="8118">
                  <c:v>0.67091328150895824</c:v>
                </c:pt>
                <c:pt idx="8119">
                  <c:v>2.8283188023612009</c:v>
                </c:pt>
                <c:pt idx="8120">
                  <c:v>3.1558083478977617</c:v>
                </c:pt>
                <c:pt idx="8121">
                  <c:v>3.4832978934343215</c:v>
                </c:pt>
                <c:pt idx="8122">
                  <c:v>3.4832978934343215</c:v>
                </c:pt>
                <c:pt idx="8123">
                  <c:v>4.1680487613744024</c:v>
                </c:pt>
                <c:pt idx="8124">
                  <c:v>4.1680487613744024</c:v>
                </c:pt>
                <c:pt idx="8125">
                  <c:v>2.7687752486272816</c:v>
                </c:pt>
                <c:pt idx="8126">
                  <c:v>4.1680487613744024</c:v>
                </c:pt>
                <c:pt idx="8127">
                  <c:v>4.1680487613744024</c:v>
                </c:pt>
                <c:pt idx="8128">
                  <c:v>2.4561715915242011</c:v>
                </c:pt>
                <c:pt idx="8129">
                  <c:v>1.048302002357747</c:v>
                </c:pt>
                <c:pt idx="8130">
                  <c:v>0.69187932155611309</c:v>
                </c:pt>
                <c:pt idx="8131">
                  <c:v>0.69187932155611309</c:v>
                </c:pt>
                <c:pt idx="8132">
                  <c:v>0.69187932155611309</c:v>
                </c:pt>
                <c:pt idx="8133">
                  <c:v>0.69187932155611309</c:v>
                </c:pt>
                <c:pt idx="8134">
                  <c:v>0.69187932155611309</c:v>
                </c:pt>
                <c:pt idx="8135">
                  <c:v>0.69187932155611309</c:v>
                </c:pt>
                <c:pt idx="8136">
                  <c:v>0.66754018455427111</c:v>
                </c:pt>
                <c:pt idx="8137">
                  <c:v>0.66754018455427111</c:v>
                </c:pt>
                <c:pt idx="8138">
                  <c:v>0.66754018455427111</c:v>
                </c:pt>
                <c:pt idx="8139">
                  <c:v>0.66754018455427111</c:v>
                </c:pt>
                <c:pt idx="8140">
                  <c:v>0.66754018455427111</c:v>
                </c:pt>
                <c:pt idx="8141">
                  <c:v>0.66754018455427111</c:v>
                </c:pt>
                <c:pt idx="8142">
                  <c:v>0.66754018455427111</c:v>
                </c:pt>
                <c:pt idx="8143">
                  <c:v>2.7288233604960954</c:v>
                </c:pt>
                <c:pt idx="8144">
                  <c:v>3.0447923811851174</c:v>
                </c:pt>
                <c:pt idx="8145">
                  <c:v>3.3607614018741394</c:v>
                </c:pt>
                <c:pt idx="8146">
                  <c:v>3.3607614018741394</c:v>
                </c:pt>
                <c:pt idx="8147">
                  <c:v>4.0214238996784575</c:v>
                </c:pt>
                <c:pt idx="8148">
                  <c:v>4.0214238996784575</c:v>
                </c:pt>
                <c:pt idx="8149">
                  <c:v>2.6713744476435459</c:v>
                </c:pt>
                <c:pt idx="8150">
                  <c:v>4.0214238996784575</c:v>
                </c:pt>
                <c:pt idx="8151">
                  <c:v>4.0214238996784575</c:v>
                </c:pt>
                <c:pt idx="8152">
                  <c:v>2.3697676551676619</c:v>
                </c:pt>
                <c:pt idx="8153">
                  <c:v>1.0114245220519258</c:v>
                </c:pt>
                <c:pt idx="8154">
                  <c:v>0.66754018455427111</c:v>
                </c:pt>
                <c:pt idx="8155">
                  <c:v>0.66754018455427111</c:v>
                </c:pt>
                <c:pt idx="8156">
                  <c:v>0.66754018455427111</c:v>
                </c:pt>
                <c:pt idx="8157">
                  <c:v>0.66754018455427111</c:v>
                </c:pt>
                <c:pt idx="8158">
                  <c:v>0.66754018455427111</c:v>
                </c:pt>
                <c:pt idx="8159">
                  <c:v>0.66754018455427111</c:v>
                </c:pt>
                <c:pt idx="8160">
                  <c:v>0.65054551737730348</c:v>
                </c:pt>
                <c:pt idx="8161">
                  <c:v>0.65054551737730348</c:v>
                </c:pt>
                <c:pt idx="8162">
                  <c:v>0.65054551737730348</c:v>
                </c:pt>
                <c:pt idx="8163">
                  <c:v>0.65054551737730348</c:v>
                </c:pt>
                <c:pt idx="8164">
                  <c:v>0.65054551737730348</c:v>
                </c:pt>
                <c:pt idx="8165">
                  <c:v>0.65054551737730348</c:v>
                </c:pt>
                <c:pt idx="8166">
                  <c:v>0.65054551737730348</c:v>
                </c:pt>
                <c:pt idx="8167">
                  <c:v>2.6593512210363097</c:v>
                </c:pt>
                <c:pt idx="8168">
                  <c:v>2.967276099261567</c:v>
                </c:pt>
                <c:pt idx="8169">
                  <c:v>3.2752009774868238</c:v>
                </c:pt>
                <c:pt idx="8170">
                  <c:v>3.2752009774868238</c:v>
                </c:pt>
                <c:pt idx="8171">
                  <c:v>3.919043904685088</c:v>
                </c:pt>
                <c:pt idx="8172">
                  <c:v>3.919043904685088</c:v>
                </c:pt>
                <c:pt idx="8173">
                  <c:v>2.6033648795408082</c:v>
                </c:pt>
                <c:pt idx="8174">
                  <c:v>3.919043904685088</c:v>
                </c:pt>
                <c:pt idx="8175">
                  <c:v>3.919043904685088</c:v>
                </c:pt>
                <c:pt idx="8176">
                  <c:v>2.3094365866894271</c:v>
                </c:pt>
                <c:pt idx="8177">
                  <c:v>0.98567502632924764</c:v>
                </c:pt>
                <c:pt idx="8178">
                  <c:v>0.65054551737730348</c:v>
                </c:pt>
                <c:pt idx="8179">
                  <c:v>0.65054551737730348</c:v>
                </c:pt>
                <c:pt idx="8180">
                  <c:v>0.65054551737730348</c:v>
                </c:pt>
                <c:pt idx="8181">
                  <c:v>0.65054551737730348</c:v>
                </c:pt>
                <c:pt idx="8182">
                  <c:v>0.65054551737730348</c:v>
                </c:pt>
                <c:pt idx="8183">
                  <c:v>0.65054551737730348</c:v>
                </c:pt>
                <c:pt idx="8184">
                  <c:v>1.0278528794121333</c:v>
                </c:pt>
                <c:pt idx="8185">
                  <c:v>0.62294113903765658</c:v>
                </c:pt>
                <c:pt idx="8186">
                  <c:v>0.62294113903765658</c:v>
                </c:pt>
                <c:pt idx="8187">
                  <c:v>0.62294113903765658</c:v>
                </c:pt>
                <c:pt idx="8188">
                  <c:v>0.62294113903765658</c:v>
                </c:pt>
                <c:pt idx="8189">
                  <c:v>0.62294113903765658</c:v>
                </c:pt>
                <c:pt idx="8190">
                  <c:v>0.62294113903765658</c:v>
                </c:pt>
                <c:pt idx="8191">
                  <c:v>2.6537292523004172</c:v>
                </c:pt>
                <c:pt idx="8192">
                  <c:v>3.3171615653755211</c:v>
                </c:pt>
                <c:pt idx="8193">
                  <c:v>3.6488777219130726</c:v>
                </c:pt>
                <c:pt idx="8194">
                  <c:v>3.6488777219130726</c:v>
                </c:pt>
                <c:pt idx="8195">
                  <c:v>4.3123100349881769</c:v>
                </c:pt>
                <c:pt idx="8196">
                  <c:v>4.3123100349881769</c:v>
                </c:pt>
                <c:pt idx="8197">
                  <c:v>2.9854454088379692</c:v>
                </c:pt>
                <c:pt idx="8198">
                  <c:v>4.3123100349881769</c:v>
                </c:pt>
                <c:pt idx="8199">
                  <c:v>3.3171615653755211</c:v>
                </c:pt>
                <c:pt idx="8200">
                  <c:v>1.5573528475941416</c:v>
                </c:pt>
                <c:pt idx="8201">
                  <c:v>1.0278528794121333</c:v>
                </c:pt>
                <c:pt idx="8202">
                  <c:v>0.65408819598953938</c:v>
                </c:pt>
                <c:pt idx="8203">
                  <c:v>0.62294113903765658</c:v>
                </c:pt>
                <c:pt idx="8204">
                  <c:v>0.62294113903765658</c:v>
                </c:pt>
                <c:pt idx="8205">
                  <c:v>0.62294113903765658</c:v>
                </c:pt>
                <c:pt idx="8206">
                  <c:v>0.62294113903765658</c:v>
                </c:pt>
                <c:pt idx="8207">
                  <c:v>0.62294113903765658</c:v>
                </c:pt>
                <c:pt idx="8208">
                  <c:v>0.51454193247422586</c:v>
                </c:pt>
                <c:pt idx="8209">
                  <c:v>0.4630877392268033</c:v>
                </c:pt>
                <c:pt idx="8210">
                  <c:v>0.4630877392268033</c:v>
                </c:pt>
                <c:pt idx="8211">
                  <c:v>0.4630877392268033</c:v>
                </c:pt>
                <c:pt idx="8212">
                  <c:v>0.4630877392268033</c:v>
                </c:pt>
                <c:pt idx="8213">
                  <c:v>0.4630877392268033</c:v>
                </c:pt>
                <c:pt idx="8214">
                  <c:v>0.4630877392268033</c:v>
                </c:pt>
                <c:pt idx="8215">
                  <c:v>0.4630877392268033</c:v>
                </c:pt>
                <c:pt idx="8216">
                  <c:v>0.4630877392268033</c:v>
                </c:pt>
                <c:pt idx="8217">
                  <c:v>0.4630877392268033</c:v>
                </c:pt>
                <c:pt idx="8218">
                  <c:v>0.4630877392268033</c:v>
                </c:pt>
                <c:pt idx="8219">
                  <c:v>0.4630877392268033</c:v>
                </c:pt>
                <c:pt idx="8220">
                  <c:v>0.4630877392268033</c:v>
                </c:pt>
                <c:pt idx="8221">
                  <c:v>0.4630877392268033</c:v>
                </c:pt>
                <c:pt idx="8222">
                  <c:v>0.4630877392268033</c:v>
                </c:pt>
                <c:pt idx="8223">
                  <c:v>0.4630877392268033</c:v>
                </c:pt>
                <c:pt idx="8224">
                  <c:v>0.4630877392268033</c:v>
                </c:pt>
                <c:pt idx="8225">
                  <c:v>0.4630877392268033</c:v>
                </c:pt>
                <c:pt idx="8226">
                  <c:v>0.4630877392268033</c:v>
                </c:pt>
                <c:pt idx="8227">
                  <c:v>0.4630877392268033</c:v>
                </c:pt>
                <c:pt idx="8228">
                  <c:v>0.4630877392268033</c:v>
                </c:pt>
                <c:pt idx="8229">
                  <c:v>0.4630877392268033</c:v>
                </c:pt>
                <c:pt idx="8230">
                  <c:v>0.4630877392268033</c:v>
                </c:pt>
                <c:pt idx="8231">
                  <c:v>0.4630877392268033</c:v>
                </c:pt>
                <c:pt idx="8232">
                  <c:v>0.40992738893313596</c:v>
                </c:pt>
                <c:pt idx="8233">
                  <c:v>0.40992738893313596</c:v>
                </c:pt>
                <c:pt idx="8234">
                  <c:v>0.40992738893313596</c:v>
                </c:pt>
                <c:pt idx="8235">
                  <c:v>0.40992738893313596</c:v>
                </c:pt>
                <c:pt idx="8236">
                  <c:v>0.40992738893313596</c:v>
                </c:pt>
                <c:pt idx="8237">
                  <c:v>0.40992738893313596</c:v>
                </c:pt>
                <c:pt idx="8238">
                  <c:v>0.40992738893313596</c:v>
                </c:pt>
                <c:pt idx="8239">
                  <c:v>0.40992738893313596</c:v>
                </c:pt>
                <c:pt idx="8240">
                  <c:v>0.40992738893313596</c:v>
                </c:pt>
                <c:pt idx="8241">
                  <c:v>0.40992738893313596</c:v>
                </c:pt>
                <c:pt idx="8242">
                  <c:v>0.40992738893313596</c:v>
                </c:pt>
                <c:pt idx="8243">
                  <c:v>0.40992738893313596</c:v>
                </c:pt>
                <c:pt idx="8244">
                  <c:v>0.40992738893313596</c:v>
                </c:pt>
                <c:pt idx="8245">
                  <c:v>0.40992738893313596</c:v>
                </c:pt>
                <c:pt idx="8246">
                  <c:v>0.40992738893313596</c:v>
                </c:pt>
                <c:pt idx="8247">
                  <c:v>0.40992738893313596</c:v>
                </c:pt>
                <c:pt idx="8248">
                  <c:v>0.40992738893313596</c:v>
                </c:pt>
                <c:pt idx="8249">
                  <c:v>0.40992738893313596</c:v>
                </c:pt>
                <c:pt idx="8250">
                  <c:v>0.40992738893313596</c:v>
                </c:pt>
                <c:pt idx="8251">
                  <c:v>0.40992738893313596</c:v>
                </c:pt>
                <c:pt idx="8252">
                  <c:v>0.40992738893313596</c:v>
                </c:pt>
                <c:pt idx="8253">
                  <c:v>0.40992738893313596</c:v>
                </c:pt>
                <c:pt idx="8254">
                  <c:v>0.40992738893313596</c:v>
                </c:pt>
                <c:pt idx="8255">
                  <c:v>0.40992738893313596</c:v>
                </c:pt>
                <c:pt idx="8256">
                  <c:v>0.62296213449654803</c:v>
                </c:pt>
                <c:pt idx="8257">
                  <c:v>0.62296213449654803</c:v>
                </c:pt>
                <c:pt idx="8258">
                  <c:v>0.62296213449654803</c:v>
                </c:pt>
                <c:pt idx="8259">
                  <c:v>0.62296213449654803</c:v>
                </c:pt>
                <c:pt idx="8260">
                  <c:v>0.62296213449654803</c:v>
                </c:pt>
                <c:pt idx="8261">
                  <c:v>0.62296213449654803</c:v>
                </c:pt>
                <c:pt idx="8262">
                  <c:v>0.62296213449654803</c:v>
                </c:pt>
                <c:pt idx="8263">
                  <c:v>2.6538186929552947</c:v>
                </c:pt>
                <c:pt idx="8264">
                  <c:v>2.9855460295747061</c:v>
                </c:pt>
                <c:pt idx="8265">
                  <c:v>3.3172733661941178</c:v>
                </c:pt>
                <c:pt idx="8266">
                  <c:v>3.3172733661941178</c:v>
                </c:pt>
                <c:pt idx="8267">
                  <c:v>3.9807280394329414</c:v>
                </c:pt>
                <c:pt idx="8268">
                  <c:v>3.9807280394329414</c:v>
                </c:pt>
                <c:pt idx="8269">
                  <c:v>2.6538186929552947</c:v>
                </c:pt>
                <c:pt idx="8270">
                  <c:v>3.9807280394329414</c:v>
                </c:pt>
                <c:pt idx="8271">
                  <c:v>3.9807280394329414</c:v>
                </c:pt>
                <c:pt idx="8272">
                  <c:v>2.3220913563358825</c:v>
                </c:pt>
                <c:pt idx="8273">
                  <c:v>0.66345467323882368</c:v>
                </c:pt>
                <c:pt idx="8274">
                  <c:v>0.6541102412213754</c:v>
                </c:pt>
                <c:pt idx="8275">
                  <c:v>0.6541102412213754</c:v>
                </c:pt>
                <c:pt idx="8276">
                  <c:v>0.6541102412213754</c:v>
                </c:pt>
                <c:pt idx="8277">
                  <c:v>0.6541102412213754</c:v>
                </c:pt>
                <c:pt idx="8278">
                  <c:v>0.6541102412213754</c:v>
                </c:pt>
                <c:pt idx="8279">
                  <c:v>0.6541102412213754</c:v>
                </c:pt>
                <c:pt idx="8280">
                  <c:v>0.4065696662080967</c:v>
                </c:pt>
                <c:pt idx="8281">
                  <c:v>0.61953472945995702</c:v>
                </c:pt>
                <c:pt idx="8282">
                  <c:v>0.61953472945995702</c:v>
                </c:pt>
                <c:pt idx="8283">
                  <c:v>0.61953472945995702</c:v>
                </c:pt>
                <c:pt idx="8284">
                  <c:v>0.61953472945995702</c:v>
                </c:pt>
                <c:pt idx="8285">
                  <c:v>0.61953472945995702</c:v>
                </c:pt>
                <c:pt idx="8286">
                  <c:v>0.61953472945995702</c:v>
                </c:pt>
                <c:pt idx="8287">
                  <c:v>2.6117260938796307</c:v>
                </c:pt>
                <c:pt idx="8288">
                  <c:v>2.9141364836972725</c:v>
                </c:pt>
                <c:pt idx="8289">
                  <c:v>3.2165468735149143</c:v>
                </c:pt>
                <c:pt idx="8290">
                  <c:v>3.2165468735149143</c:v>
                </c:pt>
                <c:pt idx="8291">
                  <c:v>3.848859506769982</c:v>
                </c:pt>
                <c:pt idx="8292">
                  <c:v>3.848859506769982</c:v>
                </c:pt>
                <c:pt idx="8293">
                  <c:v>2.5567423866400598</c:v>
                </c:pt>
                <c:pt idx="8294">
                  <c:v>3.848859506769982</c:v>
                </c:pt>
                <c:pt idx="8295">
                  <c:v>3.848859506769982</c:v>
                </c:pt>
                <c:pt idx="8296">
                  <c:v>2.268077923632311</c:v>
                </c:pt>
                <c:pt idx="8297">
                  <c:v>0.9680230147811828</c:v>
                </c:pt>
                <c:pt idx="8298">
                  <c:v>0.63889518975558057</c:v>
                </c:pt>
                <c:pt idx="8299">
                  <c:v>0.63889518975558057</c:v>
                </c:pt>
                <c:pt idx="8300">
                  <c:v>0.63889518975558057</c:v>
                </c:pt>
                <c:pt idx="8301">
                  <c:v>0.63889518975558057</c:v>
                </c:pt>
                <c:pt idx="8302">
                  <c:v>0.63889518975558057</c:v>
                </c:pt>
                <c:pt idx="8303">
                  <c:v>0.63889518975558057</c:v>
                </c:pt>
                <c:pt idx="8304">
                  <c:v>0.63441995547580432</c:v>
                </c:pt>
                <c:pt idx="8305">
                  <c:v>0.63441995547580432</c:v>
                </c:pt>
                <c:pt idx="8306">
                  <c:v>0.63441995547580432</c:v>
                </c:pt>
                <c:pt idx="8307">
                  <c:v>0.63441995547580432</c:v>
                </c:pt>
                <c:pt idx="8308">
                  <c:v>0.63441995547580432</c:v>
                </c:pt>
                <c:pt idx="8309">
                  <c:v>0.63441995547580432</c:v>
                </c:pt>
                <c:pt idx="8310">
                  <c:v>0.63441995547580432</c:v>
                </c:pt>
                <c:pt idx="8311">
                  <c:v>2.5934318785965456</c:v>
                </c:pt>
                <c:pt idx="8312">
                  <c:v>2.8937239908550931</c:v>
                </c:pt>
                <c:pt idx="8313">
                  <c:v>3.1940161031136403</c:v>
                </c:pt>
                <c:pt idx="8314">
                  <c:v>3.1940161031136403</c:v>
                </c:pt>
                <c:pt idx="8315">
                  <c:v>3.8218996105633303</c:v>
                </c:pt>
                <c:pt idx="8316">
                  <c:v>3.8218996105633303</c:v>
                </c:pt>
                <c:pt idx="8317">
                  <c:v>2.5388333127313554</c:v>
                </c:pt>
                <c:pt idx="8318">
                  <c:v>3.8218996105633303</c:v>
                </c:pt>
                <c:pt idx="8319">
                  <c:v>3.8218996105633303</c:v>
                </c:pt>
                <c:pt idx="8320">
                  <c:v>2.2521908419391052</c:v>
                </c:pt>
                <c:pt idx="8321">
                  <c:v>0.96124235678152181</c:v>
                </c:pt>
                <c:pt idx="8322">
                  <c:v>0.63441995547580432</c:v>
                </c:pt>
                <c:pt idx="8323">
                  <c:v>0.63441995547580432</c:v>
                </c:pt>
                <c:pt idx="8324">
                  <c:v>0.63441995547580432</c:v>
                </c:pt>
                <c:pt idx="8325">
                  <c:v>0.63441995547580432</c:v>
                </c:pt>
                <c:pt idx="8326">
                  <c:v>0.63441995547580432</c:v>
                </c:pt>
                <c:pt idx="8327">
                  <c:v>0.63441995547580432</c:v>
                </c:pt>
                <c:pt idx="8328">
                  <c:v>0.63934721050126231</c:v>
                </c:pt>
                <c:pt idx="8329">
                  <c:v>0.63934721050126231</c:v>
                </c:pt>
                <c:pt idx="8330">
                  <c:v>0.63934721050126231</c:v>
                </c:pt>
                <c:pt idx="8331">
                  <c:v>0.63934721050126231</c:v>
                </c:pt>
                <c:pt idx="8332">
                  <c:v>0.63934721050126231</c:v>
                </c:pt>
                <c:pt idx="8333">
                  <c:v>0.63934721050126231</c:v>
                </c:pt>
                <c:pt idx="8334">
                  <c:v>0.63934721050126231</c:v>
                </c:pt>
                <c:pt idx="8335">
                  <c:v>2.6135738998975842</c:v>
                </c:pt>
                <c:pt idx="8336">
                  <c:v>2.9161982462015152</c:v>
                </c:pt>
                <c:pt idx="8337">
                  <c:v>3.2188225925054459</c:v>
                </c:pt>
                <c:pt idx="8338">
                  <c:v>3.2188225925054459</c:v>
                </c:pt>
                <c:pt idx="8339">
                  <c:v>3.8515825893227551</c:v>
                </c:pt>
                <c:pt idx="8340">
                  <c:v>3.8515825893227551</c:v>
                </c:pt>
                <c:pt idx="8341">
                  <c:v>2.5585512914786879</c:v>
                </c:pt>
                <c:pt idx="8342">
                  <c:v>3.8515825893227551</c:v>
                </c:pt>
                <c:pt idx="8343">
                  <c:v>3.8515825893227551</c:v>
                </c:pt>
                <c:pt idx="8344">
                  <c:v>2.2696825972794814</c:v>
                </c:pt>
                <c:pt idx="8345">
                  <c:v>0.9687078946988823</c:v>
                </c:pt>
                <c:pt idx="8346">
                  <c:v>0.63934721050126231</c:v>
                </c:pt>
                <c:pt idx="8347">
                  <c:v>0.63934721050126231</c:v>
                </c:pt>
                <c:pt idx="8348">
                  <c:v>0.63934721050126231</c:v>
                </c:pt>
                <c:pt idx="8349">
                  <c:v>0.63934721050126231</c:v>
                </c:pt>
                <c:pt idx="8350">
                  <c:v>0.63934721050126231</c:v>
                </c:pt>
                <c:pt idx="8351">
                  <c:v>0.63934721050126231</c:v>
                </c:pt>
                <c:pt idx="8352">
                  <c:v>0.98552264807405654</c:v>
                </c:pt>
                <c:pt idx="8353">
                  <c:v>0.59728645337821606</c:v>
                </c:pt>
                <c:pt idx="8354">
                  <c:v>0.59728645337821606</c:v>
                </c:pt>
                <c:pt idx="8355">
                  <c:v>0.59728645337821606</c:v>
                </c:pt>
                <c:pt idx="8356">
                  <c:v>0.59728645337821606</c:v>
                </c:pt>
                <c:pt idx="8357">
                  <c:v>0.59728645337821606</c:v>
                </c:pt>
                <c:pt idx="8358">
                  <c:v>0.59728645337821606</c:v>
                </c:pt>
                <c:pt idx="8359">
                  <c:v>2.5444402913912003</c:v>
                </c:pt>
                <c:pt idx="8360">
                  <c:v>3.1805503642390001</c:v>
                </c:pt>
                <c:pt idx="8361">
                  <c:v>3.4986054006629002</c:v>
                </c:pt>
                <c:pt idx="8362">
                  <c:v>3.4986054006629002</c:v>
                </c:pt>
                <c:pt idx="8363">
                  <c:v>4.1347154735106999</c:v>
                </c:pt>
                <c:pt idx="8364">
                  <c:v>4.1347154735106999</c:v>
                </c:pt>
                <c:pt idx="8365">
                  <c:v>2.8624953278151004</c:v>
                </c:pt>
                <c:pt idx="8366">
                  <c:v>4.1347154735106999</c:v>
                </c:pt>
                <c:pt idx="8367">
                  <c:v>3.1805503642390001</c:v>
                </c:pt>
                <c:pt idx="8368">
                  <c:v>1.4932161334455401</c:v>
                </c:pt>
                <c:pt idx="8369">
                  <c:v>0.98552264807405654</c:v>
                </c:pt>
                <c:pt idx="8370">
                  <c:v>0.62715077604712688</c:v>
                </c:pt>
                <c:pt idx="8371">
                  <c:v>0.59728645337821606</c:v>
                </c:pt>
                <c:pt idx="8372">
                  <c:v>0.59728645337821606</c:v>
                </c:pt>
                <c:pt idx="8373">
                  <c:v>0.59728645337821606</c:v>
                </c:pt>
                <c:pt idx="8374">
                  <c:v>0.59728645337821606</c:v>
                </c:pt>
                <c:pt idx="8375">
                  <c:v>0.59728645337821606</c:v>
                </c:pt>
                <c:pt idx="8376">
                  <c:v>0.41492870243230362</c:v>
                </c:pt>
                <c:pt idx="8377">
                  <c:v>0.37343583218907328</c:v>
                </c:pt>
                <c:pt idx="8378">
                  <c:v>0.37343583218907328</c:v>
                </c:pt>
                <c:pt idx="8379">
                  <c:v>0.37343583218907328</c:v>
                </c:pt>
                <c:pt idx="8380">
                  <c:v>0.37343583218907328</c:v>
                </c:pt>
                <c:pt idx="8381">
                  <c:v>0.37343583218907328</c:v>
                </c:pt>
                <c:pt idx="8382">
                  <c:v>0.37343583218907328</c:v>
                </c:pt>
                <c:pt idx="8383">
                  <c:v>0.37343583218907328</c:v>
                </c:pt>
                <c:pt idx="8384">
                  <c:v>0.37343583218907328</c:v>
                </c:pt>
                <c:pt idx="8385">
                  <c:v>0.37343583218907328</c:v>
                </c:pt>
                <c:pt idx="8386">
                  <c:v>0.37343583218907328</c:v>
                </c:pt>
                <c:pt idx="8387">
                  <c:v>0.37343583218907328</c:v>
                </c:pt>
                <c:pt idx="8388">
                  <c:v>0.37343583218907328</c:v>
                </c:pt>
                <c:pt idx="8389">
                  <c:v>0.37343583218907328</c:v>
                </c:pt>
                <c:pt idx="8390">
                  <c:v>0.37343583218907328</c:v>
                </c:pt>
                <c:pt idx="8391">
                  <c:v>0.37343583218907328</c:v>
                </c:pt>
                <c:pt idx="8392">
                  <c:v>0.37343583218907328</c:v>
                </c:pt>
                <c:pt idx="8393">
                  <c:v>0.37343583218907328</c:v>
                </c:pt>
                <c:pt idx="8394">
                  <c:v>0.37343583218907328</c:v>
                </c:pt>
                <c:pt idx="8395">
                  <c:v>0.37343583218907328</c:v>
                </c:pt>
                <c:pt idx="8396">
                  <c:v>0.37343583218907328</c:v>
                </c:pt>
                <c:pt idx="8397">
                  <c:v>0.37343583218907328</c:v>
                </c:pt>
                <c:pt idx="8398">
                  <c:v>0.37343583218907328</c:v>
                </c:pt>
                <c:pt idx="8399">
                  <c:v>0.37343583218907328</c:v>
                </c:pt>
                <c:pt idx="8400">
                  <c:v>0.34356225891836412</c:v>
                </c:pt>
                <c:pt idx="8401">
                  <c:v>0.34356225891836412</c:v>
                </c:pt>
                <c:pt idx="8402">
                  <c:v>0.34356225891836412</c:v>
                </c:pt>
                <c:pt idx="8403">
                  <c:v>0.34356225891836412</c:v>
                </c:pt>
                <c:pt idx="8404">
                  <c:v>0.34356225891836412</c:v>
                </c:pt>
                <c:pt idx="8405">
                  <c:v>0.34356225891836412</c:v>
                </c:pt>
                <c:pt idx="8406">
                  <c:v>0.34356225891836412</c:v>
                </c:pt>
                <c:pt idx="8407">
                  <c:v>0.34356225891836412</c:v>
                </c:pt>
                <c:pt idx="8408">
                  <c:v>0.34356225891836412</c:v>
                </c:pt>
                <c:pt idx="8409">
                  <c:v>0.34356225891836412</c:v>
                </c:pt>
                <c:pt idx="8410">
                  <c:v>0.34356225891836412</c:v>
                </c:pt>
                <c:pt idx="8411">
                  <c:v>0.34356225891836412</c:v>
                </c:pt>
                <c:pt idx="8412">
                  <c:v>0.34356225891836412</c:v>
                </c:pt>
                <c:pt idx="8413">
                  <c:v>0.34356225891836412</c:v>
                </c:pt>
                <c:pt idx="8414">
                  <c:v>0.34356225891836412</c:v>
                </c:pt>
                <c:pt idx="8415">
                  <c:v>0.34356225891836412</c:v>
                </c:pt>
                <c:pt idx="8416">
                  <c:v>0.34356225891836412</c:v>
                </c:pt>
                <c:pt idx="8417">
                  <c:v>0.34356225891836412</c:v>
                </c:pt>
                <c:pt idx="8418">
                  <c:v>0.34356225891836412</c:v>
                </c:pt>
                <c:pt idx="8419">
                  <c:v>0.34356225891836412</c:v>
                </c:pt>
                <c:pt idx="8420">
                  <c:v>0.34356225891836412</c:v>
                </c:pt>
                <c:pt idx="8421">
                  <c:v>0.34356225891836412</c:v>
                </c:pt>
                <c:pt idx="8422">
                  <c:v>0.34356225891836412</c:v>
                </c:pt>
                <c:pt idx="8423">
                  <c:v>0.34356225891836412</c:v>
                </c:pt>
                <c:pt idx="8424">
                  <c:v>0.60190057992966839</c:v>
                </c:pt>
                <c:pt idx="8425">
                  <c:v>0.60190057992966839</c:v>
                </c:pt>
                <c:pt idx="8426">
                  <c:v>0.60190057992966839</c:v>
                </c:pt>
                <c:pt idx="8427">
                  <c:v>0.60190057992966839</c:v>
                </c:pt>
                <c:pt idx="8428">
                  <c:v>0.60190057992966839</c:v>
                </c:pt>
                <c:pt idx="8429">
                  <c:v>0.60190057992966839</c:v>
                </c:pt>
                <c:pt idx="8430">
                  <c:v>0.60190057992966839</c:v>
                </c:pt>
                <c:pt idx="8431">
                  <c:v>2.5640964705003872</c:v>
                </c:pt>
                <c:pt idx="8432">
                  <c:v>2.8846085293129358</c:v>
                </c:pt>
                <c:pt idx="8433">
                  <c:v>3.2051205881254843</c:v>
                </c:pt>
                <c:pt idx="8434">
                  <c:v>3.2051205881254843</c:v>
                </c:pt>
                <c:pt idx="8435">
                  <c:v>3.8461447057505804</c:v>
                </c:pt>
                <c:pt idx="8436">
                  <c:v>3.8461447057505804</c:v>
                </c:pt>
                <c:pt idx="8437">
                  <c:v>2.5640964705003872</c:v>
                </c:pt>
                <c:pt idx="8438">
                  <c:v>3.8461447057505804</c:v>
                </c:pt>
                <c:pt idx="8439">
                  <c:v>3.8461447057505804</c:v>
                </c:pt>
                <c:pt idx="8440">
                  <c:v>2.2435844116878387</c:v>
                </c:pt>
                <c:pt idx="8441">
                  <c:v>0.64102411762509681</c:v>
                </c:pt>
                <c:pt idx="8442">
                  <c:v>0.63199560892615181</c:v>
                </c:pt>
                <c:pt idx="8443">
                  <c:v>0.63199560892615181</c:v>
                </c:pt>
                <c:pt idx="8444">
                  <c:v>0.63199560892615181</c:v>
                </c:pt>
                <c:pt idx="8445">
                  <c:v>0.63199560892615181</c:v>
                </c:pt>
                <c:pt idx="8446">
                  <c:v>0.63199560892615181</c:v>
                </c:pt>
                <c:pt idx="8447">
                  <c:v>0.63199560892615181</c:v>
                </c:pt>
                <c:pt idx="8448">
                  <c:v>0.40513234379087498</c:v>
                </c:pt>
                <c:pt idx="8449">
                  <c:v>0.6173445238718096</c:v>
                </c:pt>
                <c:pt idx="8450">
                  <c:v>0.6173445238718096</c:v>
                </c:pt>
                <c:pt idx="8451">
                  <c:v>0.6173445238718096</c:v>
                </c:pt>
                <c:pt idx="8452">
                  <c:v>0.6173445238718096</c:v>
                </c:pt>
                <c:pt idx="8453">
                  <c:v>0.6173445238718096</c:v>
                </c:pt>
                <c:pt idx="8454">
                  <c:v>0.6173445238718096</c:v>
                </c:pt>
                <c:pt idx="8455">
                  <c:v>2.6024930084470967</c:v>
                </c:pt>
                <c:pt idx="8456">
                  <c:v>2.9038343041620243</c:v>
                </c:pt>
                <c:pt idx="8457">
                  <c:v>3.2051755998769513</c:v>
                </c:pt>
                <c:pt idx="8458">
                  <c:v>3.2051755998769513</c:v>
                </c:pt>
                <c:pt idx="8459">
                  <c:v>3.8352528545536169</c:v>
                </c:pt>
                <c:pt idx="8460">
                  <c:v>3.8352528545536169</c:v>
                </c:pt>
                <c:pt idx="8461">
                  <c:v>2.547703681953474</c:v>
                </c:pt>
                <c:pt idx="8462">
                  <c:v>3.8352528545536169</c:v>
                </c:pt>
                <c:pt idx="8463">
                  <c:v>3.8352528545536169</c:v>
                </c:pt>
                <c:pt idx="8464">
                  <c:v>2.260059717861953</c:v>
                </c:pt>
                <c:pt idx="8465">
                  <c:v>0.96460081854970237</c:v>
                </c:pt>
                <c:pt idx="8466">
                  <c:v>0.63663654024280358</c:v>
                </c:pt>
                <c:pt idx="8467">
                  <c:v>0.63663654024280358</c:v>
                </c:pt>
                <c:pt idx="8468">
                  <c:v>0.63663654024280358</c:v>
                </c:pt>
                <c:pt idx="8469">
                  <c:v>0.63663654024280358</c:v>
                </c:pt>
                <c:pt idx="8470">
                  <c:v>0.63663654024280358</c:v>
                </c:pt>
                <c:pt idx="8471">
                  <c:v>0.63663654024280358</c:v>
                </c:pt>
                <c:pt idx="8472">
                  <c:v>0.64920172055217851</c:v>
                </c:pt>
                <c:pt idx="8473">
                  <c:v>0.64920172055217851</c:v>
                </c:pt>
                <c:pt idx="8474">
                  <c:v>0.64920172055217851</c:v>
                </c:pt>
                <c:pt idx="8475">
                  <c:v>0.64920172055217851</c:v>
                </c:pt>
                <c:pt idx="8476">
                  <c:v>0.64920172055217851</c:v>
                </c:pt>
                <c:pt idx="8477">
                  <c:v>0.64920172055217851</c:v>
                </c:pt>
                <c:pt idx="8478">
                  <c:v>0.64920172055217851</c:v>
                </c:pt>
                <c:pt idx="8479">
                  <c:v>2.6538579424996627</c:v>
                </c:pt>
                <c:pt idx="8480">
                  <c:v>2.9611467568943608</c:v>
                </c:pt>
                <c:pt idx="8481">
                  <c:v>3.2684355712890585</c:v>
                </c:pt>
                <c:pt idx="8482">
                  <c:v>3.2684355712890585</c:v>
                </c:pt>
                <c:pt idx="8483">
                  <c:v>3.9109485468416074</c:v>
                </c:pt>
                <c:pt idx="8484">
                  <c:v>3.9109485468416074</c:v>
                </c:pt>
                <c:pt idx="8485">
                  <c:v>2.5979872489733538</c:v>
                </c:pt>
                <c:pt idx="8486">
                  <c:v>3.9109485468416074</c:v>
                </c:pt>
                <c:pt idx="8487">
                  <c:v>3.9109485468416074</c:v>
                </c:pt>
                <c:pt idx="8488">
                  <c:v>2.3046661079602333</c:v>
                </c:pt>
                <c:pt idx="8489">
                  <c:v>0.98363897053360372</c:v>
                </c:pt>
                <c:pt idx="8490">
                  <c:v>0.64920172055217851</c:v>
                </c:pt>
                <c:pt idx="8491">
                  <c:v>0.64920172055217851</c:v>
                </c:pt>
                <c:pt idx="8492">
                  <c:v>0.64920172055217851</c:v>
                </c:pt>
                <c:pt idx="8493">
                  <c:v>0.64920172055217851</c:v>
                </c:pt>
                <c:pt idx="8494">
                  <c:v>0.64920172055217851</c:v>
                </c:pt>
                <c:pt idx="8495">
                  <c:v>0.64920172055217851</c:v>
                </c:pt>
                <c:pt idx="8496">
                  <c:v>0.63083649727547131</c:v>
                </c:pt>
                <c:pt idx="8497">
                  <c:v>0.63083649727547131</c:v>
                </c:pt>
                <c:pt idx="8498">
                  <c:v>0.63083649727547131</c:v>
                </c:pt>
                <c:pt idx="8499">
                  <c:v>0.63083649727547131</c:v>
                </c:pt>
                <c:pt idx="8500">
                  <c:v>0.63083649727547131</c:v>
                </c:pt>
                <c:pt idx="8501">
                  <c:v>0.63083649727547131</c:v>
                </c:pt>
                <c:pt idx="8502">
                  <c:v>0.63083649727547131</c:v>
                </c:pt>
                <c:pt idx="8503">
                  <c:v>2.5787831358321536</c:v>
                </c:pt>
                <c:pt idx="8504">
                  <c:v>2.8773790778758772</c:v>
                </c:pt>
                <c:pt idx="8505">
                  <c:v>3.1759750199196004</c:v>
                </c:pt>
                <c:pt idx="8506">
                  <c:v>3.1759750199196004</c:v>
                </c:pt>
                <c:pt idx="8507">
                  <c:v>3.8003119896473847</c:v>
                </c:pt>
                <c:pt idx="8508">
                  <c:v>3.8003119896473847</c:v>
                </c:pt>
                <c:pt idx="8509">
                  <c:v>2.5244929645514769</c:v>
                </c:pt>
                <c:pt idx="8510">
                  <c:v>3.8003119896473847</c:v>
                </c:pt>
                <c:pt idx="8511">
                  <c:v>3.8003119896473847</c:v>
                </c:pt>
                <c:pt idx="8512">
                  <c:v>2.2394695653279233</c:v>
                </c:pt>
                <c:pt idx="8513">
                  <c:v>0.95581287465980524</c:v>
                </c:pt>
                <c:pt idx="8514">
                  <c:v>0.63083649727547131</c:v>
                </c:pt>
                <c:pt idx="8515">
                  <c:v>0.63083649727547131</c:v>
                </c:pt>
                <c:pt idx="8516">
                  <c:v>0.63083649727547131</c:v>
                </c:pt>
                <c:pt idx="8517">
                  <c:v>0.63083649727547131</c:v>
                </c:pt>
                <c:pt idx="8518">
                  <c:v>0.63083649727547131</c:v>
                </c:pt>
                <c:pt idx="8519">
                  <c:v>0.63083649727547131</c:v>
                </c:pt>
                <c:pt idx="8520">
                  <c:v>0.96429666072783926</c:v>
                </c:pt>
                <c:pt idx="8521">
                  <c:v>0.58442221862293298</c:v>
                </c:pt>
                <c:pt idx="8522">
                  <c:v>0.58442221862293298</c:v>
                </c:pt>
                <c:pt idx="8523">
                  <c:v>0.58442221862293298</c:v>
                </c:pt>
                <c:pt idx="8524">
                  <c:v>0.58442221862293298</c:v>
                </c:pt>
                <c:pt idx="8525">
                  <c:v>0.58442221862293298</c:v>
                </c:pt>
                <c:pt idx="8526">
                  <c:v>0.58442221862293298</c:v>
                </c:pt>
                <c:pt idx="8527">
                  <c:v>2.4896386513336939</c:v>
                </c:pt>
                <c:pt idx="8528">
                  <c:v>3.1120483141671174</c:v>
                </c:pt>
                <c:pt idx="8529">
                  <c:v>3.4232531455838293</c:v>
                </c:pt>
                <c:pt idx="8530">
                  <c:v>3.4232531455838293</c:v>
                </c:pt>
                <c:pt idx="8531">
                  <c:v>4.0456628084172523</c:v>
                </c:pt>
                <c:pt idx="8532">
                  <c:v>4.0456628084172523</c:v>
                </c:pt>
                <c:pt idx="8533">
                  <c:v>2.8008434827504054</c:v>
                </c:pt>
                <c:pt idx="8534">
                  <c:v>4.0456628084172523</c:v>
                </c:pt>
                <c:pt idx="8535">
                  <c:v>3.1120483141671174</c:v>
                </c:pt>
                <c:pt idx="8536">
                  <c:v>1.4610555465573323</c:v>
                </c:pt>
                <c:pt idx="8537">
                  <c:v>0.96429666072783926</c:v>
                </c:pt>
                <c:pt idx="8538">
                  <c:v>0.61364332955407952</c:v>
                </c:pt>
                <c:pt idx="8539">
                  <c:v>0.58442221862293298</c:v>
                </c:pt>
                <c:pt idx="8540">
                  <c:v>0.58442221862293298</c:v>
                </c:pt>
                <c:pt idx="8541">
                  <c:v>0.58442221862293298</c:v>
                </c:pt>
                <c:pt idx="8542">
                  <c:v>0.58442221862293298</c:v>
                </c:pt>
                <c:pt idx="8543">
                  <c:v>0.58442221862293298</c:v>
                </c:pt>
                <c:pt idx="8544">
                  <c:v>0.44638551191922643</c:v>
                </c:pt>
                <c:pt idx="8545">
                  <c:v>0.40174696072730387</c:v>
                </c:pt>
                <c:pt idx="8546">
                  <c:v>0.40174696072730387</c:v>
                </c:pt>
                <c:pt idx="8547">
                  <c:v>0.40174696072730387</c:v>
                </c:pt>
                <c:pt idx="8548">
                  <c:v>0.40174696072730387</c:v>
                </c:pt>
                <c:pt idx="8549">
                  <c:v>0.40174696072730387</c:v>
                </c:pt>
                <c:pt idx="8550">
                  <c:v>0.40174696072730387</c:v>
                </c:pt>
                <c:pt idx="8551">
                  <c:v>0.40174696072730387</c:v>
                </c:pt>
                <c:pt idx="8552">
                  <c:v>0.40174696072730387</c:v>
                </c:pt>
                <c:pt idx="8553">
                  <c:v>0.40174696072730387</c:v>
                </c:pt>
                <c:pt idx="8554">
                  <c:v>0.40174696072730387</c:v>
                </c:pt>
                <c:pt idx="8555">
                  <c:v>0.40174696072730387</c:v>
                </c:pt>
                <c:pt idx="8556">
                  <c:v>0.40174696072730387</c:v>
                </c:pt>
                <c:pt idx="8557">
                  <c:v>0.40174696072730387</c:v>
                </c:pt>
                <c:pt idx="8558">
                  <c:v>0.40174696072730387</c:v>
                </c:pt>
                <c:pt idx="8559">
                  <c:v>0.40174696072730387</c:v>
                </c:pt>
                <c:pt idx="8560">
                  <c:v>0.40174696072730387</c:v>
                </c:pt>
                <c:pt idx="8561">
                  <c:v>0.40174696072730387</c:v>
                </c:pt>
                <c:pt idx="8562">
                  <c:v>0.40174696072730387</c:v>
                </c:pt>
                <c:pt idx="8563">
                  <c:v>0.40174696072730387</c:v>
                </c:pt>
                <c:pt idx="8564">
                  <c:v>0.40174696072730387</c:v>
                </c:pt>
                <c:pt idx="8565">
                  <c:v>0.40174696072730387</c:v>
                </c:pt>
                <c:pt idx="8566">
                  <c:v>0.40174696072730387</c:v>
                </c:pt>
                <c:pt idx="8567">
                  <c:v>0.40174696072730387</c:v>
                </c:pt>
                <c:pt idx="8568">
                  <c:v>0.36568396892328808</c:v>
                </c:pt>
                <c:pt idx="8569">
                  <c:v>0.36568396892328808</c:v>
                </c:pt>
                <c:pt idx="8570">
                  <c:v>0.36568396892328808</c:v>
                </c:pt>
                <c:pt idx="8571">
                  <c:v>0.36568396892328808</c:v>
                </c:pt>
                <c:pt idx="8572">
                  <c:v>0.36568396892328808</c:v>
                </c:pt>
                <c:pt idx="8573">
                  <c:v>0.36568396892328808</c:v>
                </c:pt>
                <c:pt idx="8574">
                  <c:v>0.36568396892328808</c:v>
                </c:pt>
                <c:pt idx="8575">
                  <c:v>0.36568396892328808</c:v>
                </c:pt>
                <c:pt idx="8576">
                  <c:v>0.36568396892328808</c:v>
                </c:pt>
                <c:pt idx="8577">
                  <c:v>0.36568396892328808</c:v>
                </c:pt>
                <c:pt idx="8578">
                  <c:v>0.36568396892328808</c:v>
                </c:pt>
                <c:pt idx="8579">
                  <c:v>0.36568396892328808</c:v>
                </c:pt>
                <c:pt idx="8580">
                  <c:v>0.36568396892328808</c:v>
                </c:pt>
                <c:pt idx="8581">
                  <c:v>0.36568396892328808</c:v>
                </c:pt>
                <c:pt idx="8582">
                  <c:v>0.36568396892328808</c:v>
                </c:pt>
                <c:pt idx="8583">
                  <c:v>0.36568396892328808</c:v>
                </c:pt>
                <c:pt idx="8584">
                  <c:v>0.36568396892328808</c:v>
                </c:pt>
                <c:pt idx="8585">
                  <c:v>0.36568396892328808</c:v>
                </c:pt>
                <c:pt idx="8586">
                  <c:v>0.36568396892328808</c:v>
                </c:pt>
                <c:pt idx="8587">
                  <c:v>0.36568396892328808</c:v>
                </c:pt>
                <c:pt idx="8588">
                  <c:v>0.36568396892328808</c:v>
                </c:pt>
                <c:pt idx="8589">
                  <c:v>0.36568396892328808</c:v>
                </c:pt>
                <c:pt idx="8590">
                  <c:v>0.36568396892328808</c:v>
                </c:pt>
                <c:pt idx="8591">
                  <c:v>0.36568396892328808</c:v>
                </c:pt>
                <c:pt idx="8592">
                  <c:v>0.58728644002611918</c:v>
                </c:pt>
                <c:pt idx="8593">
                  <c:v>0.58728644002611918</c:v>
                </c:pt>
                <c:pt idx="8594">
                  <c:v>0.58728644002611918</c:v>
                </c:pt>
                <c:pt idx="8595">
                  <c:v>0.58728644002611918</c:v>
                </c:pt>
                <c:pt idx="8596">
                  <c:v>0.58728644002611918</c:v>
                </c:pt>
                <c:pt idx="8597">
                  <c:v>0.58728644002611918</c:v>
                </c:pt>
                <c:pt idx="8598">
                  <c:v>0.58728644002611918</c:v>
                </c:pt>
                <c:pt idx="8599">
                  <c:v>2.5018402345112682</c:v>
                </c:pt>
                <c:pt idx="8600">
                  <c:v>2.8145702638251766</c:v>
                </c:pt>
                <c:pt idx="8601">
                  <c:v>3.127300293139085</c:v>
                </c:pt>
                <c:pt idx="8602">
                  <c:v>3.127300293139085</c:v>
                </c:pt>
                <c:pt idx="8603">
                  <c:v>3.7527603517669017</c:v>
                </c:pt>
                <c:pt idx="8604">
                  <c:v>3.7527603517669017</c:v>
                </c:pt>
                <c:pt idx="8605">
                  <c:v>2.5018402345112682</c:v>
                </c:pt>
                <c:pt idx="8606">
                  <c:v>3.7527603517669017</c:v>
                </c:pt>
                <c:pt idx="8607">
                  <c:v>3.7527603517669017</c:v>
                </c:pt>
                <c:pt idx="8608">
                  <c:v>2.1891102051973594</c:v>
                </c:pt>
                <c:pt idx="8609">
                  <c:v>0.62546005862781706</c:v>
                </c:pt>
                <c:pt idx="8610">
                  <c:v>0.6166507620274253</c:v>
                </c:pt>
                <c:pt idx="8611">
                  <c:v>0.6166507620274253</c:v>
                </c:pt>
                <c:pt idx="8612">
                  <c:v>0.6166507620274253</c:v>
                </c:pt>
                <c:pt idx="8613">
                  <c:v>0.6166507620274253</c:v>
                </c:pt>
                <c:pt idx="8614">
                  <c:v>0.6166507620274253</c:v>
                </c:pt>
                <c:pt idx="8615">
                  <c:v>0.6166507620274253</c:v>
                </c:pt>
                <c:pt idx="8616">
                  <c:v>0.39478362238687842</c:v>
                </c:pt>
                <c:pt idx="8617">
                  <c:v>0.6015750436371482</c:v>
                </c:pt>
                <c:pt idx="8618">
                  <c:v>0.6015750436371482</c:v>
                </c:pt>
                <c:pt idx="8619">
                  <c:v>0.6015750436371482</c:v>
                </c:pt>
                <c:pt idx="8620">
                  <c:v>0.6015750436371482</c:v>
                </c:pt>
                <c:pt idx="8621">
                  <c:v>0.6015750436371482</c:v>
                </c:pt>
                <c:pt idx="8622">
                  <c:v>0.6015750436371482</c:v>
                </c:pt>
                <c:pt idx="8623">
                  <c:v>2.5360147933328525</c:v>
                </c:pt>
                <c:pt idx="8624">
                  <c:v>2.8296586115082354</c:v>
                </c:pt>
                <c:pt idx="8625">
                  <c:v>3.1233024296836187</c:v>
                </c:pt>
                <c:pt idx="8626">
                  <c:v>3.1233024296836187</c:v>
                </c:pt>
                <c:pt idx="8627">
                  <c:v>3.7372849585957826</c:v>
                </c:pt>
                <c:pt idx="8628">
                  <c:v>3.7372849585957826</c:v>
                </c:pt>
                <c:pt idx="8629">
                  <c:v>2.4826250082100554</c:v>
                </c:pt>
                <c:pt idx="8630">
                  <c:v>3.7372849585957826</c:v>
                </c:pt>
                <c:pt idx="8631">
                  <c:v>3.7372849585957826</c:v>
                </c:pt>
                <c:pt idx="8632">
                  <c:v>2.202328636315372</c:v>
                </c:pt>
                <c:pt idx="8633">
                  <c:v>0.93996100568304397</c:v>
                </c:pt>
                <c:pt idx="8634">
                  <c:v>0.62037426375080906</c:v>
                </c:pt>
                <c:pt idx="8635">
                  <c:v>0.62037426375080906</c:v>
                </c:pt>
                <c:pt idx="8636">
                  <c:v>0.62037426375080906</c:v>
                </c:pt>
                <c:pt idx="8637">
                  <c:v>0.62037426375080906</c:v>
                </c:pt>
                <c:pt idx="8638">
                  <c:v>0.62037426375080906</c:v>
                </c:pt>
                <c:pt idx="8639">
                  <c:v>0.62037426375080906</c:v>
                </c:pt>
                <c:pt idx="8640">
                  <c:v>0.62725303907513819</c:v>
                </c:pt>
                <c:pt idx="8641">
                  <c:v>0.62725303907513819</c:v>
                </c:pt>
                <c:pt idx="8642">
                  <c:v>0.62725303907513819</c:v>
                </c:pt>
                <c:pt idx="8643">
                  <c:v>0.62725303907513819</c:v>
                </c:pt>
                <c:pt idx="8644">
                  <c:v>0.62725303907513819</c:v>
                </c:pt>
                <c:pt idx="8645">
                  <c:v>0.62725303907513819</c:v>
                </c:pt>
                <c:pt idx="8646">
                  <c:v>0.62725303907513819</c:v>
                </c:pt>
                <c:pt idx="8647">
                  <c:v>2.564134393067762</c:v>
                </c:pt>
                <c:pt idx="8648">
                  <c:v>2.8610341648966604</c:v>
                </c:pt>
                <c:pt idx="8649">
                  <c:v>3.1579339367255592</c:v>
                </c:pt>
                <c:pt idx="8650">
                  <c:v>3.1579339367255592</c:v>
                </c:pt>
                <c:pt idx="8651">
                  <c:v>3.7787243687314378</c:v>
                </c:pt>
                <c:pt idx="8652">
                  <c:v>3.7787243687314378</c:v>
                </c:pt>
                <c:pt idx="8653">
                  <c:v>2.5101526163715984</c:v>
                </c:pt>
                <c:pt idx="8654">
                  <c:v>3.7787243687314378</c:v>
                </c:pt>
                <c:pt idx="8655">
                  <c:v>3.7787243687314378</c:v>
                </c:pt>
                <c:pt idx="8656">
                  <c:v>2.2267482887167409</c:v>
                </c:pt>
                <c:pt idx="8657">
                  <c:v>0.95038339253808812</c:v>
                </c:pt>
                <c:pt idx="8658">
                  <c:v>0.62725303907513819</c:v>
                </c:pt>
                <c:pt idx="8659">
                  <c:v>0.62725303907513819</c:v>
                </c:pt>
                <c:pt idx="8660">
                  <c:v>0.62725303907513819</c:v>
                </c:pt>
                <c:pt idx="8661">
                  <c:v>0.62725303907513819</c:v>
                </c:pt>
                <c:pt idx="8662">
                  <c:v>0.62725303907513819</c:v>
                </c:pt>
                <c:pt idx="8663">
                  <c:v>0.62725303907513819</c:v>
                </c:pt>
                <c:pt idx="8664">
                  <c:v>0.64517033007680369</c:v>
                </c:pt>
                <c:pt idx="8665">
                  <c:v>0.64517033007680369</c:v>
                </c:pt>
                <c:pt idx="8666">
                  <c:v>0.64517033007680369</c:v>
                </c:pt>
                <c:pt idx="8667">
                  <c:v>0.64517033007680369</c:v>
                </c:pt>
                <c:pt idx="8668">
                  <c:v>0.64517033007680369</c:v>
                </c:pt>
                <c:pt idx="8669">
                  <c:v>0.64517033007680369</c:v>
                </c:pt>
                <c:pt idx="8670">
                  <c:v>0.64517033007680369</c:v>
                </c:pt>
                <c:pt idx="8671">
                  <c:v>2.637378106889722</c:v>
                </c:pt>
                <c:pt idx="8672">
                  <c:v>2.9427587297927422</c:v>
                </c:pt>
                <c:pt idx="8673">
                  <c:v>3.2481393526957629</c:v>
                </c:pt>
                <c:pt idx="8674">
                  <c:v>3.2481393526957629</c:v>
                </c:pt>
                <c:pt idx="8675">
                  <c:v>3.8866624733111692</c:v>
                </c:pt>
                <c:pt idx="8676">
                  <c:v>3.8866624733111692</c:v>
                </c:pt>
                <c:pt idx="8677">
                  <c:v>2.5818543572709909</c:v>
                </c:pt>
                <c:pt idx="8678">
                  <c:v>3.8866624733111692</c:v>
                </c:pt>
                <c:pt idx="8679">
                  <c:v>3.8866624733111692</c:v>
                </c:pt>
                <c:pt idx="8680">
                  <c:v>2.2903546717726533</c:v>
                </c:pt>
                <c:pt idx="8681">
                  <c:v>0.9775308031466724</c:v>
                </c:pt>
                <c:pt idx="8682">
                  <c:v>0.64517033007680369</c:v>
                </c:pt>
                <c:pt idx="8683">
                  <c:v>0.64517033007680369</c:v>
                </c:pt>
                <c:pt idx="8684">
                  <c:v>0.64517033007680369</c:v>
                </c:pt>
                <c:pt idx="8685">
                  <c:v>0.64517033007680369</c:v>
                </c:pt>
                <c:pt idx="8686">
                  <c:v>0.64517033007680369</c:v>
                </c:pt>
                <c:pt idx="8687">
                  <c:v>0.64517033007680369</c:v>
                </c:pt>
                <c:pt idx="8688">
                  <c:v>0.95950369584320927</c:v>
                </c:pt>
                <c:pt idx="8689">
                  <c:v>0.58151739142012682</c:v>
                </c:pt>
                <c:pt idx="8690">
                  <c:v>0.58151739142012682</c:v>
                </c:pt>
                <c:pt idx="8691">
                  <c:v>0.58151739142012682</c:v>
                </c:pt>
                <c:pt idx="8692">
                  <c:v>0.58151739142012682</c:v>
                </c:pt>
                <c:pt idx="8693">
                  <c:v>0.58151739142012682</c:v>
                </c:pt>
                <c:pt idx="8694">
                  <c:v>0.58151739142012682</c:v>
                </c:pt>
                <c:pt idx="8695">
                  <c:v>2.4772640874497407</c:v>
                </c:pt>
                <c:pt idx="8696">
                  <c:v>3.0965801093121761</c:v>
                </c:pt>
                <c:pt idx="8697">
                  <c:v>3.4062381202433931</c:v>
                </c:pt>
                <c:pt idx="8698">
                  <c:v>3.4062381202433931</c:v>
                </c:pt>
                <c:pt idx="8699">
                  <c:v>4.0255541421058281</c:v>
                </c:pt>
                <c:pt idx="8700">
                  <c:v>4.0255541421058281</c:v>
                </c:pt>
                <c:pt idx="8701">
                  <c:v>2.7869220983809582</c:v>
                </c:pt>
                <c:pt idx="8702">
                  <c:v>4.0255541421058281</c:v>
                </c:pt>
                <c:pt idx="8703">
                  <c:v>3.0965801093121761</c:v>
                </c:pt>
                <c:pt idx="8704">
                  <c:v>1.4537934785503173</c:v>
                </c:pt>
                <c:pt idx="8705">
                  <c:v>0.95950369584320927</c:v>
                </c:pt>
                <c:pt idx="8706">
                  <c:v>0.6105932609911332</c:v>
                </c:pt>
                <c:pt idx="8707">
                  <c:v>0.58151739142012682</c:v>
                </c:pt>
                <c:pt idx="8708">
                  <c:v>0.58151739142012682</c:v>
                </c:pt>
                <c:pt idx="8709">
                  <c:v>0.58151739142012682</c:v>
                </c:pt>
                <c:pt idx="8710">
                  <c:v>0.58151739142012682</c:v>
                </c:pt>
                <c:pt idx="8711">
                  <c:v>0.58151739142012682</c:v>
                </c:pt>
                <c:pt idx="8712">
                  <c:v>0.36949108872897074</c:v>
                </c:pt>
                <c:pt idx="8713">
                  <c:v>0.33254197985607364</c:v>
                </c:pt>
                <c:pt idx="8714">
                  <c:v>0.33254197985607364</c:v>
                </c:pt>
                <c:pt idx="8715">
                  <c:v>0.33254197985607364</c:v>
                </c:pt>
                <c:pt idx="8716">
                  <c:v>0.33254197985607364</c:v>
                </c:pt>
                <c:pt idx="8717">
                  <c:v>0.33254197985607364</c:v>
                </c:pt>
                <c:pt idx="8718">
                  <c:v>0.33254197985607364</c:v>
                </c:pt>
                <c:pt idx="8719">
                  <c:v>0.33254197985607364</c:v>
                </c:pt>
                <c:pt idx="8720">
                  <c:v>0.33254197985607364</c:v>
                </c:pt>
                <c:pt idx="8721">
                  <c:v>0.33254197985607364</c:v>
                </c:pt>
                <c:pt idx="8722">
                  <c:v>0.33254197985607364</c:v>
                </c:pt>
                <c:pt idx="8723">
                  <c:v>0.33254197985607364</c:v>
                </c:pt>
                <c:pt idx="8724">
                  <c:v>0.33254197985607364</c:v>
                </c:pt>
                <c:pt idx="8725">
                  <c:v>0.33254197985607364</c:v>
                </c:pt>
                <c:pt idx="8726">
                  <c:v>0.33254197985607364</c:v>
                </c:pt>
                <c:pt idx="8727">
                  <c:v>0.33254197985607364</c:v>
                </c:pt>
                <c:pt idx="8728">
                  <c:v>0.33254197985607364</c:v>
                </c:pt>
                <c:pt idx="8729">
                  <c:v>0.33254197985607364</c:v>
                </c:pt>
                <c:pt idx="8730">
                  <c:v>0.33254197985607364</c:v>
                </c:pt>
                <c:pt idx="8731">
                  <c:v>0.33254197985607364</c:v>
                </c:pt>
                <c:pt idx="8732">
                  <c:v>0.33254197985607364</c:v>
                </c:pt>
                <c:pt idx="8733">
                  <c:v>0.33254197985607364</c:v>
                </c:pt>
                <c:pt idx="8734">
                  <c:v>0.33254197985607364</c:v>
                </c:pt>
                <c:pt idx="8735">
                  <c:v>0.33254197985607364</c:v>
                </c:pt>
                <c:pt idx="8736">
                  <c:v>0.37990506821216785</c:v>
                </c:pt>
                <c:pt idx="8737">
                  <c:v>0.37990506821216785</c:v>
                </c:pt>
                <c:pt idx="8738">
                  <c:v>0.37990506821216785</c:v>
                </c:pt>
                <c:pt idx="8739">
                  <c:v>0.37990506821216785</c:v>
                </c:pt>
                <c:pt idx="8740">
                  <c:v>0.37990506821216785</c:v>
                </c:pt>
                <c:pt idx="8741">
                  <c:v>0.37990506821216785</c:v>
                </c:pt>
                <c:pt idx="8742">
                  <c:v>0.37990506821216785</c:v>
                </c:pt>
                <c:pt idx="8743">
                  <c:v>0.37990506821216785</c:v>
                </c:pt>
                <c:pt idx="8744">
                  <c:v>0.37990506821216785</c:v>
                </c:pt>
                <c:pt idx="8745">
                  <c:v>0.37990506821216785</c:v>
                </c:pt>
                <c:pt idx="8746">
                  <c:v>0.37990506821216785</c:v>
                </c:pt>
                <c:pt idx="8747">
                  <c:v>0.37990506821216785</c:v>
                </c:pt>
                <c:pt idx="8748">
                  <c:v>0.37990506821216785</c:v>
                </c:pt>
                <c:pt idx="8749">
                  <c:v>0.37990506821216785</c:v>
                </c:pt>
                <c:pt idx="8750">
                  <c:v>0.37990506821216785</c:v>
                </c:pt>
                <c:pt idx="8751">
                  <c:v>0.37990506821216785</c:v>
                </c:pt>
                <c:pt idx="8752">
                  <c:v>0.37990506821216785</c:v>
                </c:pt>
                <c:pt idx="8753">
                  <c:v>0.37990506821216785</c:v>
                </c:pt>
                <c:pt idx="8754">
                  <c:v>0.37990506821216785</c:v>
                </c:pt>
                <c:pt idx="8755">
                  <c:v>0.37990506821216785</c:v>
                </c:pt>
                <c:pt idx="8756">
                  <c:v>0.37990506821216785</c:v>
                </c:pt>
                <c:pt idx="8757">
                  <c:v>0.37990506821216785</c:v>
                </c:pt>
                <c:pt idx="8758">
                  <c:v>0.37990506821216785</c:v>
                </c:pt>
                <c:pt idx="8759">
                  <c:v>0.37990506821216785</c:v>
                </c:pt>
              </c:numCache>
            </c:numRef>
          </c:val>
          <c:extLst>
            <c:ext xmlns:c16="http://schemas.microsoft.com/office/drawing/2014/chart" uri="{C3380CC4-5D6E-409C-BE32-E72D297353CC}">
              <c16:uniqueId val="{00000002-2C0B-4701-B4D5-C67566BB76AF}"/>
            </c:ext>
          </c:extLst>
        </c:ser>
        <c:ser>
          <c:idx val="2"/>
          <c:order val="3"/>
          <c:tx>
            <c:strRef>
              <c:f>Bühler!$J$33</c:f>
              <c:strCache>
                <c:ptCount val="1"/>
                <c:pt idx="0">
                  <c:v>T2</c:v>
                </c:pt>
              </c:strCache>
            </c:strRef>
          </c:tx>
          <c:spPr>
            <a:solidFill>
              <a:schemeClr val="accent5">
                <a:lumMod val="40000"/>
                <a:lumOff val="60000"/>
              </a:schemeClr>
            </a:solidFill>
            <a:ln w="9525">
              <a:solidFill>
                <a:schemeClr val="accent5">
                  <a:lumMod val="60000"/>
                  <a:lumOff val="40000"/>
                </a:schemeClr>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J$34:$J$8793</c:f>
              <c:numCache>
                <c:formatCode>General</c:formatCode>
                <c:ptCount val="8760"/>
                <c:pt idx="0">
                  <c:v>13.369338263156882</c:v>
                </c:pt>
                <c:pt idx="1">
                  <c:v>13.385892977083174</c:v>
                </c:pt>
                <c:pt idx="2">
                  <c:v>13.385892977083174</c:v>
                </c:pt>
                <c:pt idx="3">
                  <c:v>13.385892977083174</c:v>
                </c:pt>
                <c:pt idx="4">
                  <c:v>13.385892977083174</c:v>
                </c:pt>
                <c:pt idx="5">
                  <c:v>13.415691462150496</c:v>
                </c:pt>
                <c:pt idx="6">
                  <c:v>13.442179004432562</c:v>
                </c:pt>
                <c:pt idx="7">
                  <c:v>13.475288432285144</c:v>
                </c:pt>
                <c:pt idx="8">
                  <c:v>13.475288432285144</c:v>
                </c:pt>
                <c:pt idx="9">
                  <c:v>13.475288432285144</c:v>
                </c:pt>
                <c:pt idx="10">
                  <c:v>13.475288432285144</c:v>
                </c:pt>
                <c:pt idx="11">
                  <c:v>13.475288432285144</c:v>
                </c:pt>
                <c:pt idx="12">
                  <c:v>13.475288432285144</c:v>
                </c:pt>
                <c:pt idx="13">
                  <c:v>13.475288432285144</c:v>
                </c:pt>
                <c:pt idx="14">
                  <c:v>13.475288432285144</c:v>
                </c:pt>
                <c:pt idx="15">
                  <c:v>13.452111832788336</c:v>
                </c:pt>
                <c:pt idx="16">
                  <c:v>13.448800890003078</c:v>
                </c:pt>
                <c:pt idx="17">
                  <c:v>13.422313347721014</c:v>
                </c:pt>
                <c:pt idx="18">
                  <c:v>13.412380519365238</c:v>
                </c:pt>
                <c:pt idx="19">
                  <c:v>13.389203919868431</c:v>
                </c:pt>
                <c:pt idx="20">
                  <c:v>13.369338263156882</c:v>
                </c:pt>
                <c:pt idx="21">
                  <c:v>13.356094492015849</c:v>
                </c:pt>
                <c:pt idx="22">
                  <c:v>13.356094492015849</c:v>
                </c:pt>
                <c:pt idx="23">
                  <c:v>13.356094492015849</c:v>
                </c:pt>
                <c:pt idx="24">
                  <c:v>13.687922157655834</c:v>
                </c:pt>
                <c:pt idx="25">
                  <c:v>13.687922157655834</c:v>
                </c:pt>
                <c:pt idx="26">
                  <c:v>13.687922157655834</c:v>
                </c:pt>
                <c:pt idx="27">
                  <c:v>13.687922157655834</c:v>
                </c:pt>
                <c:pt idx="28">
                  <c:v>13.687922157655834</c:v>
                </c:pt>
                <c:pt idx="29">
                  <c:v>13.687922157655834</c:v>
                </c:pt>
                <c:pt idx="30">
                  <c:v>13.687922157655834</c:v>
                </c:pt>
                <c:pt idx="31">
                  <c:v>58.537582754219059</c:v>
                </c:pt>
                <c:pt idx="32">
                  <c:v>65.854780598496433</c:v>
                </c:pt>
                <c:pt idx="33">
                  <c:v>73.171978442773806</c:v>
                </c:pt>
                <c:pt idx="34">
                  <c:v>73.171978442773806</c:v>
                </c:pt>
                <c:pt idx="35">
                  <c:v>87.806374131328568</c:v>
                </c:pt>
                <c:pt idx="36">
                  <c:v>87.806374131328568</c:v>
                </c:pt>
                <c:pt idx="37">
                  <c:v>58.537582754219059</c:v>
                </c:pt>
                <c:pt idx="38">
                  <c:v>87.806374131328568</c:v>
                </c:pt>
                <c:pt idx="39">
                  <c:v>87.806374131328568</c:v>
                </c:pt>
                <c:pt idx="40">
                  <c:v>55.335382732160987</c:v>
                </c:pt>
                <c:pt idx="41">
                  <c:v>22.927456433717076</c:v>
                </c:pt>
                <c:pt idx="42">
                  <c:v>15.665152830373811</c:v>
                </c:pt>
                <c:pt idx="43">
                  <c:v>15.665152830373811</c:v>
                </c:pt>
                <c:pt idx="44">
                  <c:v>15.665152830373811</c:v>
                </c:pt>
                <c:pt idx="45">
                  <c:v>15.665152830373811</c:v>
                </c:pt>
                <c:pt idx="46">
                  <c:v>15.665152830373811</c:v>
                </c:pt>
                <c:pt idx="47">
                  <c:v>15.665152830373811</c:v>
                </c:pt>
                <c:pt idx="48">
                  <c:v>9.9779929332883377</c:v>
                </c:pt>
                <c:pt idx="49">
                  <c:v>13.670515333646755</c:v>
                </c:pt>
                <c:pt idx="50">
                  <c:v>13.670515333646755</c:v>
                </c:pt>
                <c:pt idx="51">
                  <c:v>13.670515333646755</c:v>
                </c:pt>
                <c:pt idx="52">
                  <c:v>13.670515333646755</c:v>
                </c:pt>
                <c:pt idx="53">
                  <c:v>13.670515333646755</c:v>
                </c:pt>
                <c:pt idx="54">
                  <c:v>13.670515333646755</c:v>
                </c:pt>
                <c:pt idx="55">
                  <c:v>53.7201015455597</c:v>
                </c:pt>
                <c:pt idx="56">
                  <c:v>59.940323829782386</c:v>
                </c:pt>
                <c:pt idx="57">
                  <c:v>66.160546114005101</c:v>
                </c:pt>
                <c:pt idx="58">
                  <c:v>66.160546114005101</c:v>
                </c:pt>
                <c:pt idx="59">
                  <c:v>79.166465435561648</c:v>
                </c:pt>
                <c:pt idx="60">
                  <c:v>79.166465435561648</c:v>
                </c:pt>
                <c:pt idx="61">
                  <c:v>52.589152039337378</c:v>
                </c:pt>
                <c:pt idx="62">
                  <c:v>79.166465435561648</c:v>
                </c:pt>
                <c:pt idx="63">
                  <c:v>79.166465435561648</c:v>
                </c:pt>
                <c:pt idx="64">
                  <c:v>49.717283518218728</c:v>
                </c:pt>
                <c:pt idx="65">
                  <c:v>25.041045492671895</c:v>
                </c:pt>
                <c:pt idx="66">
                  <c:v>14.006199188224791</c:v>
                </c:pt>
                <c:pt idx="67">
                  <c:v>14.006199188224791</c:v>
                </c:pt>
                <c:pt idx="68">
                  <c:v>14.006199188224791</c:v>
                </c:pt>
                <c:pt idx="69">
                  <c:v>14.006199188224791</c:v>
                </c:pt>
                <c:pt idx="70">
                  <c:v>14.006199188224791</c:v>
                </c:pt>
                <c:pt idx="71">
                  <c:v>14.006199188224791</c:v>
                </c:pt>
                <c:pt idx="72">
                  <c:v>14.522941947449478</c:v>
                </c:pt>
                <c:pt idx="73">
                  <c:v>14.522941947449478</c:v>
                </c:pt>
                <c:pt idx="74">
                  <c:v>14.522941947449478</c:v>
                </c:pt>
                <c:pt idx="75">
                  <c:v>14.522941947449478</c:v>
                </c:pt>
                <c:pt idx="76">
                  <c:v>14.522941947449478</c:v>
                </c:pt>
                <c:pt idx="77">
                  <c:v>14.522941947449478</c:v>
                </c:pt>
                <c:pt idx="78">
                  <c:v>14.522941947449478</c:v>
                </c:pt>
                <c:pt idx="79">
                  <c:v>54.957959830151616</c:v>
                </c:pt>
                <c:pt idx="80">
                  <c:v>61.321513073642869</c:v>
                </c:pt>
                <c:pt idx="81">
                  <c:v>67.685066317134115</c:v>
                </c:pt>
                <c:pt idx="82">
                  <c:v>67.685066317134115</c:v>
                </c:pt>
                <c:pt idx="83">
                  <c:v>80.990677644433973</c:v>
                </c:pt>
                <c:pt idx="84">
                  <c:v>80.990677644433973</c:v>
                </c:pt>
                <c:pt idx="85">
                  <c:v>53.800950149516851</c:v>
                </c:pt>
                <c:pt idx="86">
                  <c:v>80.990677644433973</c:v>
                </c:pt>
                <c:pt idx="87">
                  <c:v>80.990677644433973</c:v>
                </c:pt>
                <c:pt idx="88">
                  <c:v>51.035327155351773</c:v>
                </c:pt>
                <c:pt idx="89">
                  <c:v>25.916467714303497</c:v>
                </c:pt>
                <c:pt idx="90">
                  <c:v>14.522941947449478</c:v>
                </c:pt>
                <c:pt idx="91">
                  <c:v>14.522941947449478</c:v>
                </c:pt>
                <c:pt idx="92">
                  <c:v>14.522941947449478</c:v>
                </c:pt>
                <c:pt idx="93">
                  <c:v>14.522941947449478</c:v>
                </c:pt>
                <c:pt idx="94">
                  <c:v>14.522941947449478</c:v>
                </c:pt>
                <c:pt idx="95">
                  <c:v>14.522941947449478</c:v>
                </c:pt>
                <c:pt idx="96">
                  <c:v>10.438199873736398</c:v>
                </c:pt>
                <c:pt idx="97">
                  <c:v>10.438199873736398</c:v>
                </c:pt>
                <c:pt idx="98">
                  <c:v>10.438199873736398</c:v>
                </c:pt>
                <c:pt idx="99">
                  <c:v>10.438199873736398</c:v>
                </c:pt>
                <c:pt idx="100">
                  <c:v>10.438199873736398</c:v>
                </c:pt>
                <c:pt idx="101">
                  <c:v>10.438199873736398</c:v>
                </c:pt>
                <c:pt idx="102">
                  <c:v>10.438199873736398</c:v>
                </c:pt>
                <c:pt idx="103">
                  <c:v>41.253870751311858</c:v>
                </c:pt>
                <c:pt idx="104">
                  <c:v>46.03063473304271</c:v>
                </c:pt>
                <c:pt idx="105">
                  <c:v>50.807398714773562</c:v>
                </c:pt>
                <c:pt idx="106">
                  <c:v>50.807398714773562</c:v>
                </c:pt>
                <c:pt idx="107">
                  <c:v>60.795177949301682</c:v>
                </c:pt>
                <c:pt idx="108">
                  <c:v>60.795177949301682</c:v>
                </c:pt>
                <c:pt idx="109">
                  <c:v>40.385368209178971</c:v>
                </c:pt>
                <c:pt idx="110">
                  <c:v>60.795177949301682</c:v>
                </c:pt>
                <c:pt idx="111">
                  <c:v>60.795177949301682</c:v>
                </c:pt>
                <c:pt idx="112">
                  <c:v>36.888260911605848</c:v>
                </c:pt>
                <c:pt idx="113">
                  <c:v>17.071736329591708</c:v>
                </c:pt>
                <c:pt idx="114">
                  <c:v>10.438199873736398</c:v>
                </c:pt>
                <c:pt idx="115">
                  <c:v>10.438199873736398</c:v>
                </c:pt>
                <c:pt idx="116">
                  <c:v>10.438199873736398</c:v>
                </c:pt>
                <c:pt idx="117">
                  <c:v>10.438199873736398</c:v>
                </c:pt>
                <c:pt idx="118">
                  <c:v>10.438199873736398</c:v>
                </c:pt>
                <c:pt idx="119">
                  <c:v>10.438199873736398</c:v>
                </c:pt>
                <c:pt idx="120">
                  <c:v>16.705538784653815</c:v>
                </c:pt>
                <c:pt idx="121">
                  <c:v>10.759883202733649</c:v>
                </c:pt>
                <c:pt idx="122">
                  <c:v>10.759883202733649</c:v>
                </c:pt>
                <c:pt idx="123">
                  <c:v>10.759883202733649</c:v>
                </c:pt>
                <c:pt idx="124">
                  <c:v>10.759883202733649</c:v>
                </c:pt>
                <c:pt idx="125">
                  <c:v>10.759883202733649</c:v>
                </c:pt>
                <c:pt idx="126">
                  <c:v>10.759883202733649</c:v>
                </c:pt>
                <c:pt idx="127">
                  <c:v>43.336865019173217</c:v>
                </c:pt>
                <c:pt idx="128">
                  <c:v>54.171081273966529</c:v>
                </c:pt>
                <c:pt idx="129">
                  <c:v>59.588189401363181</c:v>
                </c:pt>
                <c:pt idx="130">
                  <c:v>59.588189401363181</c:v>
                </c:pt>
                <c:pt idx="131">
                  <c:v>70.422405656156485</c:v>
                </c:pt>
                <c:pt idx="132">
                  <c:v>70.422405656156485</c:v>
                </c:pt>
                <c:pt idx="133">
                  <c:v>48.753973146569876</c:v>
                </c:pt>
                <c:pt idx="134">
                  <c:v>70.422405656156485</c:v>
                </c:pt>
                <c:pt idx="135">
                  <c:v>54.717325405405504</c:v>
                </c:pt>
                <c:pt idx="136">
                  <c:v>28.070231145631929</c:v>
                </c:pt>
                <c:pt idx="137">
                  <c:v>19.46277106715532</c:v>
                </c:pt>
                <c:pt idx="138">
                  <c:v>11.217241324419813</c:v>
                </c:pt>
                <c:pt idx="139">
                  <c:v>10.759883202733649</c:v>
                </c:pt>
                <c:pt idx="140">
                  <c:v>10.759883202733649</c:v>
                </c:pt>
                <c:pt idx="141">
                  <c:v>10.759883202733649</c:v>
                </c:pt>
                <c:pt idx="142">
                  <c:v>10.759883202733649</c:v>
                </c:pt>
                <c:pt idx="143">
                  <c:v>10.759883202733649</c:v>
                </c:pt>
                <c:pt idx="144">
                  <c:v>11.453278953368949</c:v>
                </c:pt>
                <c:pt idx="145">
                  <c:v>10.764172670629126</c:v>
                </c:pt>
                <c:pt idx="146">
                  <c:v>10.764172670629126</c:v>
                </c:pt>
                <c:pt idx="147">
                  <c:v>10.764172670629126</c:v>
                </c:pt>
                <c:pt idx="148">
                  <c:v>10.764172670629126</c:v>
                </c:pt>
                <c:pt idx="149">
                  <c:v>10.784578035108646</c:v>
                </c:pt>
                <c:pt idx="150">
                  <c:v>10.811105008932023</c:v>
                </c:pt>
                <c:pt idx="151">
                  <c:v>10.829469836963591</c:v>
                </c:pt>
                <c:pt idx="152">
                  <c:v>10.829469836963591</c:v>
                </c:pt>
                <c:pt idx="153">
                  <c:v>10.829469836963591</c:v>
                </c:pt>
                <c:pt idx="154">
                  <c:v>10.829469836963591</c:v>
                </c:pt>
                <c:pt idx="155">
                  <c:v>10.829469836963591</c:v>
                </c:pt>
                <c:pt idx="156">
                  <c:v>10.829469836963591</c:v>
                </c:pt>
                <c:pt idx="157">
                  <c:v>10.829469836963591</c:v>
                </c:pt>
                <c:pt idx="158">
                  <c:v>10.829469836963591</c:v>
                </c:pt>
                <c:pt idx="159">
                  <c:v>10.815186081827926</c:v>
                </c:pt>
                <c:pt idx="160">
                  <c:v>10.802942863140213</c:v>
                </c:pt>
                <c:pt idx="161">
                  <c:v>10.790699644452502</c:v>
                </c:pt>
                <c:pt idx="162">
                  <c:v>10.786618571556598</c:v>
                </c:pt>
                <c:pt idx="163">
                  <c:v>10.766213207077078</c:v>
                </c:pt>
                <c:pt idx="164">
                  <c:v>10.743767306149605</c:v>
                </c:pt>
                <c:pt idx="165">
                  <c:v>10.743767306149605</c:v>
                </c:pt>
                <c:pt idx="166">
                  <c:v>10.743767306149605</c:v>
                </c:pt>
                <c:pt idx="167">
                  <c:v>10.743767306149605</c:v>
                </c:pt>
                <c:pt idx="168">
                  <c:v>14.762080689006781</c:v>
                </c:pt>
                <c:pt idx="169">
                  <c:v>14.781305694173005</c:v>
                </c:pt>
                <c:pt idx="170">
                  <c:v>14.781305694173005</c:v>
                </c:pt>
                <c:pt idx="171">
                  <c:v>14.781305694173005</c:v>
                </c:pt>
                <c:pt idx="172">
                  <c:v>14.781305694173005</c:v>
                </c:pt>
                <c:pt idx="173">
                  <c:v>14.815910703472209</c:v>
                </c:pt>
                <c:pt idx="174">
                  <c:v>14.846670711738168</c:v>
                </c:pt>
                <c:pt idx="175">
                  <c:v>14.885120722070617</c:v>
                </c:pt>
                <c:pt idx="176">
                  <c:v>14.885120722070617</c:v>
                </c:pt>
                <c:pt idx="177">
                  <c:v>14.885120722070617</c:v>
                </c:pt>
                <c:pt idx="178">
                  <c:v>14.885120722070617</c:v>
                </c:pt>
                <c:pt idx="179">
                  <c:v>14.885120722070617</c:v>
                </c:pt>
                <c:pt idx="180">
                  <c:v>14.885120722070617</c:v>
                </c:pt>
                <c:pt idx="181">
                  <c:v>14.885120722070617</c:v>
                </c:pt>
                <c:pt idx="182">
                  <c:v>14.885120722070617</c:v>
                </c:pt>
                <c:pt idx="183">
                  <c:v>14.858205714837903</c:v>
                </c:pt>
                <c:pt idx="184">
                  <c:v>14.854360713804658</c:v>
                </c:pt>
                <c:pt idx="185">
                  <c:v>14.823600705538698</c:v>
                </c:pt>
                <c:pt idx="186">
                  <c:v>14.812065702438964</c:v>
                </c:pt>
                <c:pt idx="187">
                  <c:v>14.78515069520625</c:v>
                </c:pt>
                <c:pt idx="188">
                  <c:v>14.762080689006781</c:v>
                </c:pt>
                <c:pt idx="189">
                  <c:v>14.746700684873801</c:v>
                </c:pt>
                <c:pt idx="190">
                  <c:v>14.746700684873801</c:v>
                </c:pt>
                <c:pt idx="191">
                  <c:v>14.746700684873801</c:v>
                </c:pt>
                <c:pt idx="192">
                  <c:v>13.958442012747712</c:v>
                </c:pt>
                <c:pt idx="193">
                  <c:v>13.958442012747712</c:v>
                </c:pt>
                <c:pt idx="194">
                  <c:v>13.958442012747712</c:v>
                </c:pt>
                <c:pt idx="195">
                  <c:v>13.958442012747712</c:v>
                </c:pt>
                <c:pt idx="196">
                  <c:v>13.958442012747712</c:v>
                </c:pt>
                <c:pt idx="197">
                  <c:v>13.958442012747712</c:v>
                </c:pt>
                <c:pt idx="198">
                  <c:v>13.958442012747712</c:v>
                </c:pt>
                <c:pt idx="199">
                  <c:v>59.701112004959654</c:v>
                </c:pt>
                <c:pt idx="200">
                  <c:v>67.163751005579613</c:v>
                </c:pt>
                <c:pt idx="201">
                  <c:v>74.626390006199586</c:v>
                </c:pt>
                <c:pt idx="202">
                  <c:v>74.626390006199586</c:v>
                </c:pt>
                <c:pt idx="203">
                  <c:v>89.551668007439474</c:v>
                </c:pt>
                <c:pt idx="204">
                  <c:v>89.551668007439474</c:v>
                </c:pt>
                <c:pt idx="205">
                  <c:v>59.701112004959654</c:v>
                </c:pt>
                <c:pt idx="206">
                  <c:v>89.551668007439474</c:v>
                </c:pt>
                <c:pt idx="207">
                  <c:v>89.551668007439474</c:v>
                </c:pt>
                <c:pt idx="208">
                  <c:v>56.554924184950885</c:v>
                </c:pt>
                <c:pt idx="209">
                  <c:v>23.624332870977419</c:v>
                </c:pt>
                <c:pt idx="210">
                  <c:v>16.012490537944934</c:v>
                </c:pt>
                <c:pt idx="211">
                  <c:v>16.012490537944934</c:v>
                </c:pt>
                <c:pt idx="212">
                  <c:v>16.012490537944934</c:v>
                </c:pt>
                <c:pt idx="213">
                  <c:v>16.012490537944934</c:v>
                </c:pt>
                <c:pt idx="214">
                  <c:v>16.012490537944934</c:v>
                </c:pt>
                <c:pt idx="215">
                  <c:v>16.012490537944934</c:v>
                </c:pt>
                <c:pt idx="216">
                  <c:v>9.9779929332883377</c:v>
                </c:pt>
                <c:pt idx="217">
                  <c:v>13.670515333646755</c:v>
                </c:pt>
                <c:pt idx="218">
                  <c:v>13.670515333646755</c:v>
                </c:pt>
                <c:pt idx="219">
                  <c:v>13.670515333646755</c:v>
                </c:pt>
                <c:pt idx="220">
                  <c:v>13.670515333646755</c:v>
                </c:pt>
                <c:pt idx="221">
                  <c:v>13.670515333646755</c:v>
                </c:pt>
                <c:pt idx="222">
                  <c:v>13.670515333646755</c:v>
                </c:pt>
                <c:pt idx="223">
                  <c:v>53.7201015455597</c:v>
                </c:pt>
                <c:pt idx="224">
                  <c:v>59.940323829782386</c:v>
                </c:pt>
                <c:pt idx="225">
                  <c:v>66.160546114005101</c:v>
                </c:pt>
                <c:pt idx="226">
                  <c:v>66.160546114005101</c:v>
                </c:pt>
                <c:pt idx="227">
                  <c:v>79.166465435561648</c:v>
                </c:pt>
                <c:pt idx="228">
                  <c:v>79.166465435561648</c:v>
                </c:pt>
                <c:pt idx="229">
                  <c:v>52.589152039337378</c:v>
                </c:pt>
                <c:pt idx="230">
                  <c:v>79.166465435561648</c:v>
                </c:pt>
                <c:pt idx="231">
                  <c:v>79.166465435561648</c:v>
                </c:pt>
                <c:pt idx="232">
                  <c:v>49.717283518218728</c:v>
                </c:pt>
                <c:pt idx="233">
                  <c:v>25.041045492671895</c:v>
                </c:pt>
                <c:pt idx="234">
                  <c:v>14.006199188224791</c:v>
                </c:pt>
                <c:pt idx="235">
                  <c:v>14.006199188224791</c:v>
                </c:pt>
                <c:pt idx="236">
                  <c:v>14.006199188224791</c:v>
                </c:pt>
                <c:pt idx="237">
                  <c:v>14.006199188224791</c:v>
                </c:pt>
                <c:pt idx="238">
                  <c:v>14.006199188224791</c:v>
                </c:pt>
                <c:pt idx="239">
                  <c:v>14.006199188224791</c:v>
                </c:pt>
                <c:pt idx="240">
                  <c:v>16.13981901829424</c:v>
                </c:pt>
                <c:pt idx="241">
                  <c:v>16.13981901829424</c:v>
                </c:pt>
                <c:pt idx="242">
                  <c:v>16.13981901829424</c:v>
                </c:pt>
                <c:pt idx="243">
                  <c:v>16.13981901829424</c:v>
                </c:pt>
                <c:pt idx="244">
                  <c:v>16.13981901829424</c:v>
                </c:pt>
                <c:pt idx="245">
                  <c:v>16.13981901829424</c:v>
                </c:pt>
                <c:pt idx="246">
                  <c:v>16.13981901829424</c:v>
                </c:pt>
                <c:pt idx="247">
                  <c:v>60.382495090525687</c:v>
                </c:pt>
                <c:pt idx="248">
                  <c:v>67.374152416797102</c:v>
                </c:pt>
                <c:pt idx="249">
                  <c:v>74.365809743068496</c:v>
                </c:pt>
                <c:pt idx="250">
                  <c:v>74.365809743068496</c:v>
                </c:pt>
                <c:pt idx="251">
                  <c:v>88.9847296070905</c:v>
                </c:pt>
                <c:pt idx="252">
                  <c:v>88.9847296070905</c:v>
                </c:pt>
                <c:pt idx="253">
                  <c:v>59.111284667567261</c:v>
                </c:pt>
                <c:pt idx="254">
                  <c:v>88.9847296070905</c:v>
                </c:pt>
                <c:pt idx="255">
                  <c:v>88.9847296070905</c:v>
                </c:pt>
                <c:pt idx="256">
                  <c:v>56.635207543501195</c:v>
                </c:pt>
                <c:pt idx="257">
                  <c:v>29.417507220751915</c:v>
                </c:pt>
                <c:pt idx="258">
                  <c:v>16.13981901829424</c:v>
                </c:pt>
                <c:pt idx="259">
                  <c:v>16.13981901829424</c:v>
                </c:pt>
                <c:pt idx="260">
                  <c:v>16.13981901829424</c:v>
                </c:pt>
                <c:pt idx="261">
                  <c:v>16.13981901829424</c:v>
                </c:pt>
                <c:pt idx="262">
                  <c:v>16.13981901829424</c:v>
                </c:pt>
                <c:pt idx="263">
                  <c:v>16.13981901829424</c:v>
                </c:pt>
                <c:pt idx="264">
                  <c:v>12.140175737783514</c:v>
                </c:pt>
                <c:pt idx="265">
                  <c:v>12.140175737783514</c:v>
                </c:pt>
                <c:pt idx="266">
                  <c:v>12.140175737783514</c:v>
                </c:pt>
                <c:pt idx="267">
                  <c:v>12.140175737783514</c:v>
                </c:pt>
                <c:pt idx="268">
                  <c:v>12.140175737783514</c:v>
                </c:pt>
                <c:pt idx="269">
                  <c:v>12.140175737783514</c:v>
                </c:pt>
                <c:pt idx="270">
                  <c:v>12.140175737783514</c:v>
                </c:pt>
                <c:pt idx="271">
                  <c:v>46.963907867495095</c:v>
                </c:pt>
                <c:pt idx="272">
                  <c:v>52.401834041626103</c:v>
                </c:pt>
                <c:pt idx="273">
                  <c:v>57.83976021575711</c:v>
                </c:pt>
                <c:pt idx="274">
                  <c:v>57.83976021575711</c:v>
                </c:pt>
                <c:pt idx="275">
                  <c:v>69.209969488940132</c:v>
                </c:pt>
                <c:pt idx="276">
                  <c:v>69.209969488940132</c:v>
                </c:pt>
                <c:pt idx="277">
                  <c:v>45.975194017653095</c:v>
                </c:pt>
                <c:pt idx="278">
                  <c:v>69.209969488940132</c:v>
                </c:pt>
                <c:pt idx="279">
                  <c:v>69.209969488940132</c:v>
                </c:pt>
                <c:pt idx="280">
                  <c:v>42.782871846499987</c:v>
                </c:pt>
                <c:pt idx="281">
                  <c:v>20.757041073221622</c:v>
                </c:pt>
                <c:pt idx="282">
                  <c:v>12.140175737783514</c:v>
                </c:pt>
                <c:pt idx="283">
                  <c:v>12.140175737783514</c:v>
                </c:pt>
                <c:pt idx="284">
                  <c:v>12.140175737783514</c:v>
                </c:pt>
                <c:pt idx="285">
                  <c:v>12.140175737783514</c:v>
                </c:pt>
                <c:pt idx="286">
                  <c:v>12.140175737783514</c:v>
                </c:pt>
                <c:pt idx="287">
                  <c:v>12.140175737783514</c:v>
                </c:pt>
                <c:pt idx="288">
                  <c:v>18.883616527202133</c:v>
                </c:pt>
                <c:pt idx="289">
                  <c:v>12.453579537632823</c:v>
                </c:pt>
                <c:pt idx="290">
                  <c:v>12.453579537632823</c:v>
                </c:pt>
                <c:pt idx="291">
                  <c:v>12.453579537632823</c:v>
                </c:pt>
                <c:pt idx="292">
                  <c:v>12.453579537632823</c:v>
                </c:pt>
                <c:pt idx="293">
                  <c:v>12.453579537632823</c:v>
                </c:pt>
                <c:pt idx="294">
                  <c:v>12.453579537632823</c:v>
                </c:pt>
                <c:pt idx="295">
                  <c:v>49.081539477590731</c:v>
                </c:pt>
                <c:pt idx="296">
                  <c:v>61.351924346988412</c:v>
                </c:pt>
                <c:pt idx="297">
                  <c:v>67.487116781687249</c:v>
                </c:pt>
                <c:pt idx="298">
                  <c:v>67.487116781687249</c:v>
                </c:pt>
                <c:pt idx="299">
                  <c:v>79.757501651084922</c:v>
                </c:pt>
                <c:pt idx="300">
                  <c:v>79.757501651084922</c:v>
                </c:pt>
                <c:pt idx="301">
                  <c:v>55.216731912289561</c:v>
                </c:pt>
                <c:pt idx="302">
                  <c:v>79.757501651084922</c:v>
                </c:pt>
                <c:pt idx="303">
                  <c:v>62.219432632540084</c:v>
                </c:pt>
                <c:pt idx="304">
                  <c:v>32.992895170264219</c:v>
                </c:pt>
                <c:pt idx="305">
                  <c:v>23.262467873320119</c:v>
                </c:pt>
                <c:pt idx="306">
                  <c:v>12.948197767599693</c:v>
                </c:pt>
                <c:pt idx="307">
                  <c:v>12.453579537632823</c:v>
                </c:pt>
                <c:pt idx="308">
                  <c:v>12.453579537632823</c:v>
                </c:pt>
                <c:pt idx="309">
                  <c:v>12.453579537632823</c:v>
                </c:pt>
                <c:pt idx="310">
                  <c:v>12.453579537632823</c:v>
                </c:pt>
                <c:pt idx="311">
                  <c:v>12.453579537632823</c:v>
                </c:pt>
                <c:pt idx="312">
                  <c:v>12.17751680638807</c:v>
                </c:pt>
                <c:pt idx="313">
                  <c:v>11.460542044915355</c:v>
                </c:pt>
                <c:pt idx="314">
                  <c:v>11.460542044915355</c:v>
                </c:pt>
                <c:pt idx="315">
                  <c:v>11.460542044915355</c:v>
                </c:pt>
                <c:pt idx="316">
                  <c:v>11.460542044915355</c:v>
                </c:pt>
                <c:pt idx="317">
                  <c:v>11.483296932420339</c:v>
                </c:pt>
                <c:pt idx="318">
                  <c:v>11.51287828617682</c:v>
                </c:pt>
                <c:pt idx="319">
                  <c:v>11.533357684931305</c:v>
                </c:pt>
                <c:pt idx="320">
                  <c:v>11.533357684931305</c:v>
                </c:pt>
                <c:pt idx="321">
                  <c:v>11.533357684931305</c:v>
                </c:pt>
                <c:pt idx="322">
                  <c:v>11.533357684931305</c:v>
                </c:pt>
                <c:pt idx="323">
                  <c:v>11.533357684931305</c:v>
                </c:pt>
                <c:pt idx="324">
                  <c:v>11.533357684931305</c:v>
                </c:pt>
                <c:pt idx="325">
                  <c:v>11.533357684931305</c:v>
                </c:pt>
                <c:pt idx="326">
                  <c:v>11.533357684931305</c:v>
                </c:pt>
                <c:pt idx="327">
                  <c:v>11.517429263677815</c:v>
                </c:pt>
                <c:pt idx="328">
                  <c:v>11.503776331174825</c:v>
                </c:pt>
                <c:pt idx="329">
                  <c:v>11.490123398671834</c:v>
                </c:pt>
                <c:pt idx="330">
                  <c:v>11.485572421170838</c:v>
                </c:pt>
                <c:pt idx="331">
                  <c:v>11.462817533665852</c:v>
                </c:pt>
                <c:pt idx="332">
                  <c:v>11.437787157410369</c:v>
                </c:pt>
                <c:pt idx="333">
                  <c:v>11.437787157410369</c:v>
                </c:pt>
                <c:pt idx="334">
                  <c:v>11.437787157410369</c:v>
                </c:pt>
                <c:pt idx="335">
                  <c:v>11.437787157410369</c:v>
                </c:pt>
                <c:pt idx="336">
                  <c:v>14.264672679774675</c:v>
                </c:pt>
                <c:pt idx="337">
                  <c:v>14.282944009498065</c:v>
                </c:pt>
                <c:pt idx="338">
                  <c:v>14.282944009498065</c:v>
                </c:pt>
                <c:pt idx="339">
                  <c:v>14.282944009498065</c:v>
                </c:pt>
                <c:pt idx="340">
                  <c:v>14.282944009498065</c:v>
                </c:pt>
                <c:pt idx="341">
                  <c:v>14.315832403000169</c:v>
                </c:pt>
                <c:pt idx="342">
                  <c:v>14.345066530557595</c:v>
                </c:pt>
                <c:pt idx="343">
                  <c:v>14.381609190004376</c:v>
                </c:pt>
                <c:pt idx="344">
                  <c:v>14.381609190004376</c:v>
                </c:pt>
                <c:pt idx="345">
                  <c:v>14.381609190004376</c:v>
                </c:pt>
                <c:pt idx="346">
                  <c:v>14.381609190004376</c:v>
                </c:pt>
                <c:pt idx="347">
                  <c:v>14.381609190004376</c:v>
                </c:pt>
                <c:pt idx="348">
                  <c:v>14.381609190004376</c:v>
                </c:pt>
                <c:pt idx="349">
                  <c:v>14.381609190004376</c:v>
                </c:pt>
                <c:pt idx="350">
                  <c:v>14.381609190004376</c:v>
                </c:pt>
                <c:pt idx="351">
                  <c:v>14.35602932839163</c:v>
                </c:pt>
                <c:pt idx="352">
                  <c:v>14.352375062446951</c:v>
                </c:pt>
                <c:pt idx="353">
                  <c:v>14.323140934889526</c:v>
                </c:pt>
                <c:pt idx="354">
                  <c:v>14.312178137055492</c:v>
                </c:pt>
                <c:pt idx="355">
                  <c:v>14.286598275442744</c:v>
                </c:pt>
                <c:pt idx="356">
                  <c:v>14.264672679774675</c:v>
                </c:pt>
                <c:pt idx="357">
                  <c:v>14.250055615995961</c:v>
                </c:pt>
                <c:pt idx="358">
                  <c:v>14.250055615995961</c:v>
                </c:pt>
                <c:pt idx="359">
                  <c:v>14.250055615995961</c:v>
                </c:pt>
                <c:pt idx="360">
                  <c:v>13.958442012747712</c:v>
                </c:pt>
                <c:pt idx="361">
                  <c:v>13.958442012747712</c:v>
                </c:pt>
                <c:pt idx="362">
                  <c:v>13.958442012747712</c:v>
                </c:pt>
                <c:pt idx="363">
                  <c:v>13.958442012747712</c:v>
                </c:pt>
                <c:pt idx="364">
                  <c:v>13.958442012747712</c:v>
                </c:pt>
                <c:pt idx="365">
                  <c:v>13.958442012747712</c:v>
                </c:pt>
                <c:pt idx="366">
                  <c:v>13.958442012747712</c:v>
                </c:pt>
                <c:pt idx="367">
                  <c:v>59.701112004959654</c:v>
                </c:pt>
                <c:pt idx="368">
                  <c:v>67.163751005579613</c:v>
                </c:pt>
                <c:pt idx="369">
                  <c:v>74.626390006199586</c:v>
                </c:pt>
                <c:pt idx="370">
                  <c:v>74.626390006199586</c:v>
                </c:pt>
                <c:pt idx="371">
                  <c:v>89.551668007439474</c:v>
                </c:pt>
                <c:pt idx="372">
                  <c:v>89.551668007439474</c:v>
                </c:pt>
                <c:pt idx="373">
                  <c:v>59.701112004959654</c:v>
                </c:pt>
                <c:pt idx="374">
                  <c:v>89.551668007439474</c:v>
                </c:pt>
                <c:pt idx="375">
                  <c:v>89.551668007439474</c:v>
                </c:pt>
                <c:pt idx="376">
                  <c:v>56.554924184950885</c:v>
                </c:pt>
                <c:pt idx="377">
                  <c:v>23.624332870977419</c:v>
                </c:pt>
                <c:pt idx="378">
                  <c:v>16.012490537944934</c:v>
                </c:pt>
                <c:pt idx="379">
                  <c:v>16.012490537944934</c:v>
                </c:pt>
                <c:pt idx="380">
                  <c:v>16.012490537944934</c:v>
                </c:pt>
                <c:pt idx="381">
                  <c:v>16.012490537944934</c:v>
                </c:pt>
                <c:pt idx="382">
                  <c:v>16.012490537944934</c:v>
                </c:pt>
                <c:pt idx="383">
                  <c:v>16.012490537944934</c:v>
                </c:pt>
                <c:pt idx="384">
                  <c:v>12.003423037168728</c:v>
                </c:pt>
                <c:pt idx="385">
                  <c:v>16.069357320058433</c:v>
                </c:pt>
                <c:pt idx="386">
                  <c:v>16.069357320058433</c:v>
                </c:pt>
                <c:pt idx="387">
                  <c:v>16.069357320058433</c:v>
                </c:pt>
                <c:pt idx="388">
                  <c:v>16.069357320058433</c:v>
                </c:pt>
                <c:pt idx="389">
                  <c:v>16.069357320058433</c:v>
                </c:pt>
                <c:pt idx="390">
                  <c:v>16.069357320058433</c:v>
                </c:pt>
                <c:pt idx="391">
                  <c:v>62.080488171038809</c:v>
                </c:pt>
                <c:pt idx="392">
                  <c:v>69.268755222422257</c:v>
                </c:pt>
                <c:pt idx="393">
                  <c:v>76.457022273805691</c:v>
                </c:pt>
                <c:pt idx="394">
                  <c:v>76.457022273805691</c:v>
                </c:pt>
                <c:pt idx="395">
                  <c:v>91.48703519942562</c:v>
                </c:pt>
                <c:pt idx="396">
                  <c:v>91.48703519942562</c:v>
                </c:pt>
                <c:pt idx="397">
                  <c:v>60.773530525332724</c:v>
                </c:pt>
                <c:pt idx="398">
                  <c:v>91.48703519942562</c:v>
                </c:pt>
                <c:pt idx="399">
                  <c:v>91.48703519942562</c:v>
                </c:pt>
                <c:pt idx="400">
                  <c:v>58.351565747669611</c:v>
                </c:pt>
                <c:pt idx="401">
                  <c:v>30.438924526678285</c:v>
                </c:pt>
                <c:pt idx="402">
                  <c:v>16.438987709412043</c:v>
                </c:pt>
                <c:pt idx="403">
                  <c:v>16.438987709412043</c:v>
                </c:pt>
                <c:pt idx="404">
                  <c:v>16.438987709412043</c:v>
                </c:pt>
                <c:pt idx="405">
                  <c:v>16.438987709412043</c:v>
                </c:pt>
                <c:pt idx="406">
                  <c:v>16.438987709412043</c:v>
                </c:pt>
                <c:pt idx="407">
                  <c:v>16.438987709412043</c:v>
                </c:pt>
                <c:pt idx="408">
                  <c:v>15.969621431889529</c:v>
                </c:pt>
                <c:pt idx="409">
                  <c:v>15.969621431889529</c:v>
                </c:pt>
                <c:pt idx="410">
                  <c:v>15.969621431889529</c:v>
                </c:pt>
                <c:pt idx="411">
                  <c:v>15.969621431889529</c:v>
                </c:pt>
                <c:pt idx="412">
                  <c:v>15.969621431889529</c:v>
                </c:pt>
                <c:pt idx="413">
                  <c:v>15.969621431889529</c:v>
                </c:pt>
                <c:pt idx="414">
                  <c:v>15.969621431889529</c:v>
                </c:pt>
                <c:pt idx="415">
                  <c:v>59.811491378907377</c:v>
                </c:pt>
                <c:pt idx="416">
                  <c:v>66.737032485938755</c:v>
                </c:pt>
                <c:pt idx="417">
                  <c:v>73.662573592970134</c:v>
                </c:pt>
                <c:pt idx="418">
                  <c:v>73.662573592970134</c:v>
                </c:pt>
                <c:pt idx="419">
                  <c:v>88.143250453126655</c:v>
                </c:pt>
                <c:pt idx="420">
                  <c:v>88.143250453126655</c:v>
                </c:pt>
                <c:pt idx="421">
                  <c:v>58.552302086719848</c:v>
                </c:pt>
                <c:pt idx="422">
                  <c:v>88.143250453126655</c:v>
                </c:pt>
                <c:pt idx="423">
                  <c:v>88.143250453126655</c:v>
                </c:pt>
                <c:pt idx="424">
                  <c:v>56.045746450011791</c:v>
                </c:pt>
                <c:pt idx="425">
                  <c:v>29.048976746388924</c:v>
                </c:pt>
                <c:pt idx="426">
                  <c:v>15.969621431889529</c:v>
                </c:pt>
                <c:pt idx="427">
                  <c:v>15.969621431889529</c:v>
                </c:pt>
                <c:pt idx="428">
                  <c:v>15.969621431889529</c:v>
                </c:pt>
                <c:pt idx="429">
                  <c:v>15.969621431889529</c:v>
                </c:pt>
                <c:pt idx="430">
                  <c:v>15.969621431889529</c:v>
                </c:pt>
                <c:pt idx="431">
                  <c:v>15.969621431889529</c:v>
                </c:pt>
                <c:pt idx="432">
                  <c:v>16.735510570710733</c:v>
                </c:pt>
                <c:pt idx="433">
                  <c:v>16.735510570710733</c:v>
                </c:pt>
                <c:pt idx="434">
                  <c:v>16.735510570710733</c:v>
                </c:pt>
                <c:pt idx="435">
                  <c:v>16.735510570710733</c:v>
                </c:pt>
                <c:pt idx="436">
                  <c:v>16.735510570710733</c:v>
                </c:pt>
                <c:pt idx="437">
                  <c:v>16.735510570710733</c:v>
                </c:pt>
                <c:pt idx="438">
                  <c:v>16.735510570710733</c:v>
                </c:pt>
                <c:pt idx="439">
                  <c:v>62.381008081189833</c:v>
                </c:pt>
                <c:pt idx="440">
                  <c:v>69.604072174801288</c:v>
                </c:pt>
                <c:pt idx="441">
                  <c:v>76.827136268412744</c:v>
                </c:pt>
                <c:pt idx="442">
                  <c:v>76.827136268412744</c:v>
                </c:pt>
                <c:pt idx="443">
                  <c:v>91.929906645963953</c:v>
                </c:pt>
                <c:pt idx="444">
                  <c:v>91.929906645963953</c:v>
                </c:pt>
                <c:pt idx="445">
                  <c:v>61.067723700533207</c:v>
                </c:pt>
                <c:pt idx="446">
                  <c:v>91.929906645963953</c:v>
                </c:pt>
                <c:pt idx="447">
                  <c:v>91.929906645963953</c:v>
                </c:pt>
                <c:pt idx="448">
                  <c:v>58.698321370714147</c:v>
                </c:pt>
                <c:pt idx="449">
                  <c:v>30.707363881022392</c:v>
                </c:pt>
                <c:pt idx="450">
                  <c:v>16.735510570710733</c:v>
                </c:pt>
                <c:pt idx="451">
                  <c:v>16.735510570710733</c:v>
                </c:pt>
                <c:pt idx="452">
                  <c:v>16.735510570710733</c:v>
                </c:pt>
                <c:pt idx="453">
                  <c:v>16.735510570710733</c:v>
                </c:pt>
                <c:pt idx="454">
                  <c:v>16.735510570710733</c:v>
                </c:pt>
                <c:pt idx="455">
                  <c:v>16.735510570710733</c:v>
                </c:pt>
                <c:pt idx="456">
                  <c:v>26.556520527744429</c:v>
                </c:pt>
                <c:pt idx="457">
                  <c:v>18.402700240200407</c:v>
                </c:pt>
                <c:pt idx="458">
                  <c:v>18.402700240200407</c:v>
                </c:pt>
                <c:pt idx="459">
                  <c:v>18.402700240200407</c:v>
                </c:pt>
                <c:pt idx="460">
                  <c:v>18.402700240200407</c:v>
                </c:pt>
                <c:pt idx="461">
                  <c:v>18.402700240200407</c:v>
                </c:pt>
                <c:pt idx="462">
                  <c:v>18.402700240200407</c:v>
                </c:pt>
                <c:pt idx="463">
                  <c:v>69.313153158030161</c:v>
                </c:pt>
                <c:pt idx="464">
                  <c:v>86.641441447537716</c:v>
                </c:pt>
                <c:pt idx="465">
                  <c:v>95.305585592291465</c:v>
                </c:pt>
                <c:pt idx="466">
                  <c:v>95.305585592291465</c:v>
                </c:pt>
                <c:pt idx="467">
                  <c:v>112.63387388179902</c:v>
                </c:pt>
                <c:pt idx="468">
                  <c:v>112.63387388179902</c:v>
                </c:pt>
                <c:pt idx="469">
                  <c:v>77.977297302783938</c:v>
                </c:pt>
                <c:pt idx="470">
                  <c:v>112.63387388179902</c:v>
                </c:pt>
                <c:pt idx="471">
                  <c:v>88.625725125957331</c:v>
                </c:pt>
                <c:pt idx="472">
                  <c:v>50.258787054257368</c:v>
                </c:pt>
                <c:pt idx="473">
                  <c:v>36.572428618814939</c:v>
                </c:pt>
                <c:pt idx="474">
                  <c:v>19.029917185396101</c:v>
                </c:pt>
                <c:pt idx="475">
                  <c:v>18.402700240200407</c:v>
                </c:pt>
                <c:pt idx="476">
                  <c:v>18.402700240200407</c:v>
                </c:pt>
                <c:pt idx="477">
                  <c:v>18.402700240200407</c:v>
                </c:pt>
                <c:pt idx="478">
                  <c:v>18.402700240200407</c:v>
                </c:pt>
                <c:pt idx="479">
                  <c:v>18.402700240200407</c:v>
                </c:pt>
                <c:pt idx="480">
                  <c:v>20.661445941754948</c:v>
                </c:pt>
                <c:pt idx="481">
                  <c:v>19.618011857982641</c:v>
                </c:pt>
                <c:pt idx="482">
                  <c:v>19.618011857982641</c:v>
                </c:pt>
                <c:pt idx="483">
                  <c:v>19.618011857982641</c:v>
                </c:pt>
                <c:pt idx="484">
                  <c:v>19.618011857982641</c:v>
                </c:pt>
                <c:pt idx="485">
                  <c:v>19.668289729500206</c:v>
                </c:pt>
                <c:pt idx="486">
                  <c:v>19.733650962473039</c:v>
                </c:pt>
                <c:pt idx="487">
                  <c:v>19.778901046838847</c:v>
                </c:pt>
                <c:pt idx="488">
                  <c:v>19.778901046838847</c:v>
                </c:pt>
                <c:pt idx="489">
                  <c:v>19.778901046838847</c:v>
                </c:pt>
                <c:pt idx="490">
                  <c:v>19.778901046838847</c:v>
                </c:pt>
                <c:pt idx="491">
                  <c:v>19.778901046838847</c:v>
                </c:pt>
                <c:pt idx="492">
                  <c:v>19.778901046838847</c:v>
                </c:pt>
                <c:pt idx="493">
                  <c:v>19.778901046838847</c:v>
                </c:pt>
                <c:pt idx="494">
                  <c:v>19.778901046838847</c:v>
                </c:pt>
                <c:pt idx="495">
                  <c:v>19.74370653677655</c:v>
                </c:pt>
                <c:pt idx="496">
                  <c:v>19.713539813866014</c:v>
                </c:pt>
                <c:pt idx="497">
                  <c:v>19.683373090955474</c:v>
                </c:pt>
                <c:pt idx="498">
                  <c:v>19.673317516651963</c:v>
                </c:pt>
                <c:pt idx="499">
                  <c:v>19.623039645134398</c:v>
                </c:pt>
                <c:pt idx="500">
                  <c:v>19.567733986465079</c:v>
                </c:pt>
                <c:pt idx="501">
                  <c:v>19.567733986465079</c:v>
                </c:pt>
                <c:pt idx="502">
                  <c:v>19.567733986465079</c:v>
                </c:pt>
                <c:pt idx="503">
                  <c:v>19.567733986465079</c:v>
                </c:pt>
                <c:pt idx="504">
                  <c:v>19.636679179481419</c:v>
                </c:pt>
                <c:pt idx="505">
                  <c:v>19.665250203987409</c:v>
                </c:pt>
                <c:pt idx="506">
                  <c:v>19.665250203987409</c:v>
                </c:pt>
                <c:pt idx="507">
                  <c:v>19.665250203987409</c:v>
                </c:pt>
                <c:pt idx="508">
                  <c:v>19.665250203987409</c:v>
                </c:pt>
                <c:pt idx="509">
                  <c:v>19.716678048098196</c:v>
                </c:pt>
                <c:pt idx="510">
                  <c:v>19.76239168730778</c:v>
                </c:pt>
                <c:pt idx="511">
                  <c:v>19.819533736319762</c:v>
                </c:pt>
                <c:pt idx="512">
                  <c:v>19.819533736319762</c:v>
                </c:pt>
                <c:pt idx="513">
                  <c:v>19.819533736319762</c:v>
                </c:pt>
                <c:pt idx="514">
                  <c:v>19.819533736319762</c:v>
                </c:pt>
                <c:pt idx="515">
                  <c:v>19.819533736319762</c:v>
                </c:pt>
                <c:pt idx="516">
                  <c:v>19.819533736319762</c:v>
                </c:pt>
                <c:pt idx="517">
                  <c:v>19.819533736319762</c:v>
                </c:pt>
                <c:pt idx="518">
                  <c:v>19.819533736319762</c:v>
                </c:pt>
                <c:pt idx="519">
                  <c:v>19.779534302011374</c:v>
                </c:pt>
                <c:pt idx="520">
                  <c:v>19.773820097110178</c:v>
                </c:pt>
                <c:pt idx="521">
                  <c:v>19.728106457900591</c:v>
                </c:pt>
                <c:pt idx="522">
                  <c:v>19.710963843196996</c:v>
                </c:pt>
                <c:pt idx="523">
                  <c:v>19.670964408888608</c:v>
                </c:pt>
                <c:pt idx="524">
                  <c:v>19.636679179481419</c:v>
                </c:pt>
                <c:pt idx="525">
                  <c:v>19.613822359876625</c:v>
                </c:pt>
                <c:pt idx="526">
                  <c:v>19.613822359876625</c:v>
                </c:pt>
                <c:pt idx="527">
                  <c:v>19.613822359876625</c:v>
                </c:pt>
                <c:pt idx="528">
                  <c:v>16.066916724190207</c:v>
                </c:pt>
                <c:pt idx="529">
                  <c:v>16.066916724190207</c:v>
                </c:pt>
                <c:pt idx="530">
                  <c:v>16.066916724190207</c:v>
                </c:pt>
                <c:pt idx="531">
                  <c:v>16.066916724190207</c:v>
                </c:pt>
                <c:pt idx="532">
                  <c:v>16.066916724190207</c:v>
                </c:pt>
                <c:pt idx="533">
                  <c:v>16.066916724190207</c:v>
                </c:pt>
                <c:pt idx="534">
                  <c:v>16.066916724190207</c:v>
                </c:pt>
                <c:pt idx="535">
                  <c:v>68.769352953086056</c:v>
                </c:pt>
                <c:pt idx="536">
                  <c:v>77.365522072221808</c:v>
                </c:pt>
                <c:pt idx="537">
                  <c:v>85.961691191357573</c:v>
                </c:pt>
                <c:pt idx="538">
                  <c:v>85.961691191357573</c:v>
                </c:pt>
                <c:pt idx="539">
                  <c:v>103.15402942962908</c:v>
                </c:pt>
                <c:pt idx="540">
                  <c:v>103.15402942962908</c:v>
                </c:pt>
                <c:pt idx="541">
                  <c:v>68.769352953086056</c:v>
                </c:pt>
                <c:pt idx="542">
                  <c:v>103.15402942962908</c:v>
                </c:pt>
                <c:pt idx="543">
                  <c:v>103.15402942962908</c:v>
                </c:pt>
                <c:pt idx="544">
                  <c:v>66.050898542098494</c:v>
                </c:pt>
                <c:pt idx="545">
                  <c:v>29.037847573466749</c:v>
                </c:pt>
                <c:pt idx="546">
                  <c:v>18.716900897825592</c:v>
                </c:pt>
                <c:pt idx="547">
                  <c:v>18.716900897825592</c:v>
                </c:pt>
                <c:pt idx="548">
                  <c:v>18.716900897825592</c:v>
                </c:pt>
                <c:pt idx="549">
                  <c:v>18.716900897825592</c:v>
                </c:pt>
                <c:pt idx="550">
                  <c:v>18.716900897825592</c:v>
                </c:pt>
                <c:pt idx="551">
                  <c:v>18.716900897825592</c:v>
                </c:pt>
                <c:pt idx="552">
                  <c:v>12.911374463046144</c:v>
                </c:pt>
                <c:pt idx="553">
                  <c:v>17.144700279484361</c:v>
                </c:pt>
                <c:pt idx="554">
                  <c:v>17.144700279484361</c:v>
                </c:pt>
                <c:pt idx="555">
                  <c:v>17.144700279484361</c:v>
                </c:pt>
                <c:pt idx="556">
                  <c:v>17.144700279484361</c:v>
                </c:pt>
                <c:pt idx="557">
                  <c:v>17.144700279484361</c:v>
                </c:pt>
                <c:pt idx="558">
                  <c:v>17.144700279484361</c:v>
                </c:pt>
                <c:pt idx="559">
                  <c:v>65.828247692805306</c:v>
                </c:pt>
                <c:pt idx="560">
                  <c:v>73.450465846709079</c:v>
                </c:pt>
                <c:pt idx="561">
                  <c:v>81.072684000612853</c:v>
                </c:pt>
                <c:pt idx="562">
                  <c:v>81.072684000612853</c:v>
                </c:pt>
                <c:pt idx="563">
                  <c:v>97.010049231502563</c:v>
                </c:pt>
                <c:pt idx="564">
                  <c:v>97.010049231502563</c:v>
                </c:pt>
                <c:pt idx="565">
                  <c:v>64.442389846640978</c:v>
                </c:pt>
                <c:pt idx="566">
                  <c:v>97.010049231502563</c:v>
                </c:pt>
                <c:pt idx="567">
                  <c:v>97.010049231502563</c:v>
                </c:pt>
                <c:pt idx="568">
                  <c:v>62.22210605742346</c:v>
                </c:pt>
                <c:pt idx="569">
                  <c:v>32.858663403991486</c:v>
                </c:pt>
                <c:pt idx="570">
                  <c:v>17.529548080978742</c:v>
                </c:pt>
                <c:pt idx="571">
                  <c:v>17.529548080978742</c:v>
                </c:pt>
                <c:pt idx="572">
                  <c:v>17.529548080978742</c:v>
                </c:pt>
                <c:pt idx="573">
                  <c:v>17.529548080978742</c:v>
                </c:pt>
                <c:pt idx="574">
                  <c:v>17.529548080978742</c:v>
                </c:pt>
                <c:pt idx="575">
                  <c:v>17.529548080978742</c:v>
                </c:pt>
                <c:pt idx="576">
                  <c:v>18.011992468746072</c:v>
                </c:pt>
                <c:pt idx="577">
                  <c:v>18.011992468746072</c:v>
                </c:pt>
                <c:pt idx="578">
                  <c:v>18.011992468746072</c:v>
                </c:pt>
                <c:pt idx="579">
                  <c:v>18.011992468746072</c:v>
                </c:pt>
                <c:pt idx="580">
                  <c:v>18.011992468746072</c:v>
                </c:pt>
                <c:pt idx="581">
                  <c:v>18.011992468746072</c:v>
                </c:pt>
                <c:pt idx="582">
                  <c:v>18.011992468746072</c:v>
                </c:pt>
                <c:pt idx="583">
                  <c:v>66.663535918327256</c:v>
                </c:pt>
                <c:pt idx="584">
                  <c:v>74.382471656238849</c:v>
                </c:pt>
                <c:pt idx="585">
                  <c:v>82.101407394150442</c:v>
                </c:pt>
                <c:pt idx="586">
                  <c:v>82.101407394150442</c:v>
                </c:pt>
                <c:pt idx="587">
                  <c:v>98.241000300692818</c:v>
                </c:pt>
                <c:pt idx="588">
                  <c:v>98.241000300692818</c:v>
                </c:pt>
                <c:pt idx="589">
                  <c:v>65.260093056888792</c:v>
                </c:pt>
                <c:pt idx="590">
                  <c:v>98.241000300692818</c:v>
                </c:pt>
                <c:pt idx="591">
                  <c:v>98.241000300692818</c:v>
                </c:pt>
                <c:pt idx="592">
                  <c:v>63.119279571884746</c:v>
                </c:pt>
                <c:pt idx="593">
                  <c:v>33.471342438744827</c:v>
                </c:pt>
                <c:pt idx="594">
                  <c:v>18.011992468746072</c:v>
                </c:pt>
                <c:pt idx="595">
                  <c:v>18.011992468746072</c:v>
                </c:pt>
                <c:pt idx="596">
                  <c:v>18.011992468746072</c:v>
                </c:pt>
                <c:pt idx="597">
                  <c:v>18.011992468746072</c:v>
                </c:pt>
                <c:pt idx="598">
                  <c:v>18.011992468746072</c:v>
                </c:pt>
                <c:pt idx="599">
                  <c:v>18.011992468746072</c:v>
                </c:pt>
                <c:pt idx="600">
                  <c:v>19.342420038218442</c:v>
                </c:pt>
                <c:pt idx="601">
                  <c:v>19.342420038218442</c:v>
                </c:pt>
                <c:pt idx="602">
                  <c:v>19.342420038218442</c:v>
                </c:pt>
                <c:pt idx="603">
                  <c:v>19.342420038218442</c:v>
                </c:pt>
                <c:pt idx="604">
                  <c:v>19.342420038218442</c:v>
                </c:pt>
                <c:pt idx="605">
                  <c:v>19.342420038218442</c:v>
                </c:pt>
                <c:pt idx="606">
                  <c:v>19.342420038218442</c:v>
                </c:pt>
                <c:pt idx="607">
                  <c:v>71.166587121430013</c:v>
                </c:pt>
                <c:pt idx="608">
                  <c:v>79.406928788121917</c:v>
                </c:pt>
                <c:pt idx="609">
                  <c:v>87.647270454813821</c:v>
                </c:pt>
                <c:pt idx="610">
                  <c:v>87.647270454813821</c:v>
                </c:pt>
                <c:pt idx="611">
                  <c:v>104.87707575789688</c:v>
                </c:pt>
                <c:pt idx="612">
                  <c:v>104.87707575789688</c:v>
                </c:pt>
                <c:pt idx="613">
                  <c:v>69.668343182031492</c:v>
                </c:pt>
                <c:pt idx="614">
                  <c:v>104.87707575789688</c:v>
                </c:pt>
                <c:pt idx="615">
                  <c:v>104.87707575789688</c:v>
                </c:pt>
                <c:pt idx="616">
                  <c:v>67.731744906656829</c:v>
                </c:pt>
                <c:pt idx="617">
                  <c:v>36.31705686228095</c:v>
                </c:pt>
                <c:pt idx="618">
                  <c:v>19.342420038218442</c:v>
                </c:pt>
                <c:pt idx="619">
                  <c:v>19.342420038218442</c:v>
                </c:pt>
                <c:pt idx="620">
                  <c:v>19.342420038218442</c:v>
                </c:pt>
                <c:pt idx="621">
                  <c:v>19.342420038218442</c:v>
                </c:pt>
                <c:pt idx="622">
                  <c:v>19.342420038218442</c:v>
                </c:pt>
                <c:pt idx="623">
                  <c:v>19.342420038218442</c:v>
                </c:pt>
                <c:pt idx="624">
                  <c:v>27.54707104612303</c:v>
                </c:pt>
                <c:pt idx="625">
                  <c:v>19.163169266932542</c:v>
                </c:pt>
                <c:pt idx="626">
                  <c:v>19.163169266932542</c:v>
                </c:pt>
                <c:pt idx="627">
                  <c:v>19.163169266932542</c:v>
                </c:pt>
                <c:pt idx="628">
                  <c:v>19.163169266932542</c:v>
                </c:pt>
                <c:pt idx="629">
                  <c:v>19.163169266932542</c:v>
                </c:pt>
                <c:pt idx="630">
                  <c:v>19.163169266932542</c:v>
                </c:pt>
                <c:pt idx="631">
                  <c:v>71.922548956943501</c:v>
                </c:pt>
                <c:pt idx="632">
                  <c:v>89.903186196179377</c:v>
                </c:pt>
                <c:pt idx="633">
                  <c:v>98.8935048157973</c:v>
                </c:pt>
                <c:pt idx="634">
                  <c:v>98.8935048157973</c:v>
                </c:pt>
                <c:pt idx="635">
                  <c:v>116.87414205503319</c:v>
                </c:pt>
                <c:pt idx="636">
                  <c:v>116.87414205503319</c:v>
                </c:pt>
                <c:pt idx="637">
                  <c:v>80.912867576561439</c:v>
                </c:pt>
                <c:pt idx="638">
                  <c:v>116.87414205503319</c:v>
                </c:pt>
                <c:pt idx="639">
                  <c:v>92.025154512075872</c:v>
                </c:pt>
                <c:pt idx="640">
                  <c:v>52.454998129966711</c:v>
                </c:pt>
                <c:pt idx="641">
                  <c:v>38.257958735886319</c:v>
                </c:pt>
                <c:pt idx="642">
                  <c:v>19.808084788408731</c:v>
                </c:pt>
                <c:pt idx="643">
                  <c:v>19.163169266932542</c:v>
                </c:pt>
                <c:pt idx="644">
                  <c:v>19.163169266932542</c:v>
                </c:pt>
                <c:pt idx="645">
                  <c:v>19.163169266932542</c:v>
                </c:pt>
                <c:pt idx="646">
                  <c:v>19.163169266932542</c:v>
                </c:pt>
                <c:pt idx="647">
                  <c:v>19.163169266932542</c:v>
                </c:pt>
                <c:pt idx="648">
                  <c:v>21.592608895636676</c:v>
                </c:pt>
                <c:pt idx="649">
                  <c:v>20.513343910636365</c:v>
                </c:pt>
                <c:pt idx="650">
                  <c:v>20.513343910636365</c:v>
                </c:pt>
                <c:pt idx="651">
                  <c:v>20.513343910636365</c:v>
                </c:pt>
                <c:pt idx="652">
                  <c:v>20.513343910636365</c:v>
                </c:pt>
                <c:pt idx="653">
                  <c:v>20.566642597472384</c:v>
                </c:pt>
                <c:pt idx="654">
                  <c:v>20.635930890359205</c:v>
                </c:pt>
                <c:pt idx="655">
                  <c:v>20.683899708511621</c:v>
                </c:pt>
                <c:pt idx="656">
                  <c:v>20.683899708511621</c:v>
                </c:pt>
                <c:pt idx="657">
                  <c:v>20.683899708511621</c:v>
                </c:pt>
                <c:pt idx="658">
                  <c:v>20.683899708511621</c:v>
                </c:pt>
                <c:pt idx="659">
                  <c:v>20.683899708511621</c:v>
                </c:pt>
                <c:pt idx="660">
                  <c:v>20.683899708511621</c:v>
                </c:pt>
                <c:pt idx="661">
                  <c:v>20.683899708511621</c:v>
                </c:pt>
                <c:pt idx="662">
                  <c:v>20.683899708511621</c:v>
                </c:pt>
                <c:pt idx="663">
                  <c:v>20.646590627726408</c:v>
                </c:pt>
                <c:pt idx="664">
                  <c:v>20.614611415624797</c:v>
                </c:pt>
                <c:pt idx="665">
                  <c:v>20.58263220352319</c:v>
                </c:pt>
                <c:pt idx="666">
                  <c:v>20.571972466155984</c:v>
                </c:pt>
                <c:pt idx="667">
                  <c:v>20.518673779319968</c:v>
                </c:pt>
                <c:pt idx="668">
                  <c:v>20.460045223800346</c:v>
                </c:pt>
                <c:pt idx="669">
                  <c:v>20.460045223800346</c:v>
                </c:pt>
                <c:pt idx="670">
                  <c:v>20.460045223800346</c:v>
                </c:pt>
                <c:pt idx="671">
                  <c:v>20.460045223800346</c:v>
                </c:pt>
                <c:pt idx="672">
                  <c:v>21.128903207177732</c:v>
                </c:pt>
                <c:pt idx="673">
                  <c:v>21.160335258012225</c:v>
                </c:pt>
                <c:pt idx="674">
                  <c:v>21.160335258012225</c:v>
                </c:pt>
                <c:pt idx="675">
                  <c:v>21.160335258012225</c:v>
                </c:pt>
                <c:pt idx="676">
                  <c:v>21.160335258012225</c:v>
                </c:pt>
                <c:pt idx="677">
                  <c:v>21.21691294951431</c:v>
                </c:pt>
                <c:pt idx="678">
                  <c:v>21.267204230849497</c:v>
                </c:pt>
                <c:pt idx="679">
                  <c:v>21.330068332518479</c:v>
                </c:pt>
                <c:pt idx="680">
                  <c:v>21.330068332518479</c:v>
                </c:pt>
                <c:pt idx="681">
                  <c:v>21.330068332518479</c:v>
                </c:pt>
                <c:pt idx="682">
                  <c:v>21.330068332518479</c:v>
                </c:pt>
                <c:pt idx="683">
                  <c:v>21.330068332518479</c:v>
                </c:pt>
                <c:pt idx="684">
                  <c:v>21.330068332518479</c:v>
                </c:pt>
                <c:pt idx="685">
                  <c:v>21.330068332518479</c:v>
                </c:pt>
                <c:pt idx="686">
                  <c:v>21.330068332518479</c:v>
                </c:pt>
                <c:pt idx="687">
                  <c:v>21.286063461350192</c:v>
                </c:pt>
                <c:pt idx="688">
                  <c:v>21.279777051183292</c:v>
                </c:pt>
                <c:pt idx="689">
                  <c:v>21.229485769848107</c:v>
                </c:pt>
                <c:pt idx="690">
                  <c:v>21.210626539347412</c:v>
                </c:pt>
                <c:pt idx="691">
                  <c:v>21.166621668179122</c:v>
                </c:pt>
                <c:pt idx="692">
                  <c:v>21.128903207177732</c:v>
                </c:pt>
                <c:pt idx="693">
                  <c:v>21.10375756651014</c:v>
                </c:pt>
                <c:pt idx="694">
                  <c:v>21.10375756651014</c:v>
                </c:pt>
                <c:pt idx="695">
                  <c:v>21.10375756651014</c:v>
                </c:pt>
                <c:pt idx="696">
                  <c:v>15.852080998390857</c:v>
                </c:pt>
                <c:pt idx="697">
                  <c:v>15.852080998390857</c:v>
                </c:pt>
                <c:pt idx="698">
                  <c:v>15.852080998390857</c:v>
                </c:pt>
                <c:pt idx="699">
                  <c:v>15.852080998390857</c:v>
                </c:pt>
                <c:pt idx="700">
                  <c:v>15.852080998390857</c:v>
                </c:pt>
                <c:pt idx="701">
                  <c:v>15.852080998390857</c:v>
                </c:pt>
                <c:pt idx="702">
                  <c:v>15.852080998390857</c:v>
                </c:pt>
                <c:pt idx="703">
                  <c:v>67.845816760143904</c:v>
                </c:pt>
                <c:pt idx="704">
                  <c:v>76.326543855161901</c:v>
                </c:pt>
                <c:pt idx="705">
                  <c:v>84.807270950179884</c:v>
                </c:pt>
                <c:pt idx="706">
                  <c:v>84.807270950179884</c:v>
                </c:pt>
                <c:pt idx="707">
                  <c:v>101.76872514021585</c:v>
                </c:pt>
                <c:pt idx="708">
                  <c:v>101.76872514021585</c:v>
                </c:pt>
                <c:pt idx="709">
                  <c:v>67.845816760143904</c:v>
                </c:pt>
                <c:pt idx="710">
                  <c:v>101.76872514021585</c:v>
                </c:pt>
                <c:pt idx="711">
                  <c:v>101.76872514021585</c:v>
                </c:pt>
                <c:pt idx="712">
                  <c:v>65.091714354480203</c:v>
                </c:pt>
                <c:pt idx="713">
                  <c:v>28.502467931799821</c:v>
                </c:pt>
                <c:pt idx="714">
                  <c:v>18.443854490942783</c:v>
                </c:pt>
                <c:pt idx="715">
                  <c:v>18.443854490942783</c:v>
                </c:pt>
                <c:pt idx="716">
                  <c:v>18.443854490942783</c:v>
                </c:pt>
                <c:pt idx="717">
                  <c:v>18.443854490942783</c:v>
                </c:pt>
                <c:pt idx="718">
                  <c:v>18.443854490942783</c:v>
                </c:pt>
                <c:pt idx="719">
                  <c:v>18.443854490942783</c:v>
                </c:pt>
                <c:pt idx="720">
                  <c:v>11.793895785043169</c:v>
                </c:pt>
                <c:pt idx="721">
                  <c:v>15.821201252498604</c:v>
                </c:pt>
                <c:pt idx="722">
                  <c:v>15.821201252498604</c:v>
                </c:pt>
                <c:pt idx="723">
                  <c:v>15.821201252498604</c:v>
                </c:pt>
                <c:pt idx="724">
                  <c:v>15.821201252498604</c:v>
                </c:pt>
                <c:pt idx="725">
                  <c:v>15.821201252498604</c:v>
                </c:pt>
                <c:pt idx="726">
                  <c:v>15.821201252498604</c:v>
                </c:pt>
                <c:pt idx="727">
                  <c:v>61.215620589092694</c:v>
                </c:pt>
                <c:pt idx="728">
                  <c:v>68.303745078356059</c:v>
                </c:pt>
                <c:pt idx="729">
                  <c:v>75.391869567619423</c:v>
                </c:pt>
                <c:pt idx="730">
                  <c:v>75.391869567619423</c:v>
                </c:pt>
                <c:pt idx="731">
                  <c:v>90.212493499715549</c:v>
                </c:pt>
                <c:pt idx="732">
                  <c:v>90.212493499715549</c:v>
                </c:pt>
                <c:pt idx="733">
                  <c:v>59.926870681953901</c:v>
                </c:pt>
                <c:pt idx="734">
                  <c:v>90.212493499715549</c:v>
                </c:pt>
                <c:pt idx="735">
                  <c:v>90.212493499715549</c:v>
                </c:pt>
                <c:pt idx="736">
                  <c:v>57.45836413772642</c:v>
                </c:pt>
                <c:pt idx="737">
                  <c:v>29.88052324729831</c:v>
                </c:pt>
                <c:pt idx="738">
                  <c:v>16.187319931358189</c:v>
                </c:pt>
                <c:pt idx="739">
                  <c:v>16.187319931358189</c:v>
                </c:pt>
                <c:pt idx="740">
                  <c:v>16.187319931358189</c:v>
                </c:pt>
                <c:pt idx="741">
                  <c:v>16.187319931358189</c:v>
                </c:pt>
                <c:pt idx="742">
                  <c:v>16.187319931358189</c:v>
                </c:pt>
                <c:pt idx="743">
                  <c:v>16.187319931358189</c:v>
                </c:pt>
                <c:pt idx="744">
                  <c:v>15.459028672675394</c:v>
                </c:pt>
                <c:pt idx="745">
                  <c:v>15.459028672675394</c:v>
                </c:pt>
                <c:pt idx="746">
                  <c:v>15.459028672675394</c:v>
                </c:pt>
                <c:pt idx="747">
                  <c:v>15.459028672675394</c:v>
                </c:pt>
                <c:pt idx="748">
                  <c:v>15.459028672675394</c:v>
                </c:pt>
                <c:pt idx="749">
                  <c:v>15.459028672675394</c:v>
                </c:pt>
                <c:pt idx="750">
                  <c:v>15.459028672675394</c:v>
                </c:pt>
                <c:pt idx="751">
                  <c:v>58.098480244052404</c:v>
                </c:pt>
                <c:pt idx="752">
                  <c:v>64.825672693363742</c:v>
                </c:pt>
                <c:pt idx="753">
                  <c:v>71.552865142675088</c:v>
                </c:pt>
                <c:pt idx="754">
                  <c:v>71.552865142675088</c:v>
                </c:pt>
                <c:pt idx="755">
                  <c:v>85.618812991235131</c:v>
                </c:pt>
                <c:pt idx="756">
                  <c:v>85.618812991235131</c:v>
                </c:pt>
                <c:pt idx="757">
                  <c:v>56.875354344177616</c:v>
                </c:pt>
                <c:pt idx="758">
                  <c:v>85.618812991235131</c:v>
                </c:pt>
                <c:pt idx="759">
                  <c:v>85.618812991235131</c:v>
                </c:pt>
                <c:pt idx="760">
                  <c:v>54.277363169543548</c:v>
                </c:pt>
                <c:pt idx="761">
                  <c:v>27.943385323299957</c:v>
                </c:pt>
                <c:pt idx="762">
                  <c:v>15.459028672675394</c:v>
                </c:pt>
                <c:pt idx="763">
                  <c:v>15.459028672675394</c:v>
                </c:pt>
                <c:pt idx="764">
                  <c:v>15.459028672675394</c:v>
                </c:pt>
                <c:pt idx="765">
                  <c:v>15.459028672675394</c:v>
                </c:pt>
                <c:pt idx="766">
                  <c:v>15.459028672675394</c:v>
                </c:pt>
                <c:pt idx="767">
                  <c:v>15.459028672675394</c:v>
                </c:pt>
                <c:pt idx="768">
                  <c:v>17.246103329924864</c:v>
                </c:pt>
                <c:pt idx="769">
                  <c:v>17.246103329924864</c:v>
                </c:pt>
                <c:pt idx="770">
                  <c:v>17.246103329924864</c:v>
                </c:pt>
                <c:pt idx="771">
                  <c:v>17.246103329924864</c:v>
                </c:pt>
                <c:pt idx="772">
                  <c:v>17.246103329924864</c:v>
                </c:pt>
                <c:pt idx="773">
                  <c:v>17.246103329924864</c:v>
                </c:pt>
                <c:pt idx="774">
                  <c:v>17.246103329924864</c:v>
                </c:pt>
                <c:pt idx="775">
                  <c:v>64.094019216044799</c:v>
                </c:pt>
                <c:pt idx="776">
                  <c:v>71.515431967376315</c:v>
                </c:pt>
                <c:pt idx="777">
                  <c:v>78.936844718707817</c:v>
                </c:pt>
                <c:pt idx="778">
                  <c:v>78.936844718707817</c:v>
                </c:pt>
                <c:pt idx="779">
                  <c:v>94.454344107855519</c:v>
                </c:pt>
                <c:pt idx="780">
                  <c:v>94.454344107855519</c:v>
                </c:pt>
                <c:pt idx="781">
                  <c:v>62.74467144307544</c:v>
                </c:pt>
                <c:pt idx="782">
                  <c:v>94.454344107855519</c:v>
                </c:pt>
                <c:pt idx="783">
                  <c:v>94.454344107855519</c:v>
                </c:pt>
                <c:pt idx="784">
                  <c:v>60.46670465118239</c:v>
                </c:pt>
                <c:pt idx="785">
                  <c:v>31.812955304111366</c:v>
                </c:pt>
                <c:pt idx="786">
                  <c:v>17.246103329924864</c:v>
                </c:pt>
                <c:pt idx="787">
                  <c:v>17.246103329924864</c:v>
                </c:pt>
                <c:pt idx="788">
                  <c:v>17.246103329924864</c:v>
                </c:pt>
                <c:pt idx="789">
                  <c:v>17.246103329924864</c:v>
                </c:pt>
                <c:pt idx="790">
                  <c:v>17.246103329924864</c:v>
                </c:pt>
                <c:pt idx="791">
                  <c:v>17.246103329924864</c:v>
                </c:pt>
                <c:pt idx="792">
                  <c:v>22.306310122635196</c:v>
                </c:pt>
                <c:pt idx="793">
                  <c:v>15.115102349617239</c:v>
                </c:pt>
                <c:pt idx="794">
                  <c:v>15.115102349617239</c:v>
                </c:pt>
                <c:pt idx="795">
                  <c:v>15.115102349617239</c:v>
                </c:pt>
                <c:pt idx="796">
                  <c:v>15.115102349617239</c:v>
                </c:pt>
                <c:pt idx="797">
                  <c:v>15.115102349617239</c:v>
                </c:pt>
                <c:pt idx="798">
                  <c:v>15.115102349617239</c:v>
                </c:pt>
                <c:pt idx="799">
                  <c:v>58.108885055103926</c:v>
                </c:pt>
                <c:pt idx="800">
                  <c:v>72.636106318879911</c:v>
                </c:pt>
                <c:pt idx="801">
                  <c:v>79.89971695076791</c:v>
                </c:pt>
                <c:pt idx="802">
                  <c:v>79.89971695076791</c:v>
                </c:pt>
                <c:pt idx="803">
                  <c:v>94.426938214543867</c:v>
                </c:pt>
                <c:pt idx="804">
                  <c:v>94.426938214543867</c:v>
                </c:pt>
                <c:pt idx="805">
                  <c:v>65.372495686991925</c:v>
                </c:pt>
                <c:pt idx="806">
                  <c:v>94.426938214543867</c:v>
                </c:pt>
                <c:pt idx="807">
                  <c:v>74.008458275180118</c:v>
                </c:pt>
                <c:pt idx="808">
                  <c:v>40.728510066114964</c:v>
                </c:pt>
                <c:pt idx="809">
                  <c:v>29.233419997293367</c:v>
                </c:pt>
                <c:pt idx="810">
                  <c:v>15.668272178310925</c:v>
                </c:pt>
                <c:pt idx="811">
                  <c:v>15.115102349617239</c:v>
                </c:pt>
                <c:pt idx="812">
                  <c:v>15.115102349617239</c:v>
                </c:pt>
                <c:pt idx="813">
                  <c:v>15.115102349617239</c:v>
                </c:pt>
                <c:pt idx="814">
                  <c:v>15.115102349617239</c:v>
                </c:pt>
                <c:pt idx="815">
                  <c:v>15.115102349617239</c:v>
                </c:pt>
                <c:pt idx="816">
                  <c:v>16.626406474934114</c:v>
                </c:pt>
                <c:pt idx="817">
                  <c:v>15.738239629816492</c:v>
                </c:pt>
                <c:pt idx="818">
                  <c:v>15.738239629816492</c:v>
                </c:pt>
                <c:pt idx="819">
                  <c:v>15.738239629816492</c:v>
                </c:pt>
                <c:pt idx="820">
                  <c:v>15.738239629816492</c:v>
                </c:pt>
                <c:pt idx="821">
                  <c:v>15.775427301620757</c:v>
                </c:pt>
                <c:pt idx="822">
                  <c:v>15.823771274966299</c:v>
                </c:pt>
                <c:pt idx="823">
                  <c:v>15.857240179590137</c:v>
                </c:pt>
                <c:pt idx="824">
                  <c:v>15.857240179590137</c:v>
                </c:pt>
                <c:pt idx="825">
                  <c:v>15.857240179590137</c:v>
                </c:pt>
                <c:pt idx="826">
                  <c:v>15.857240179590137</c:v>
                </c:pt>
                <c:pt idx="827">
                  <c:v>15.857240179590137</c:v>
                </c:pt>
                <c:pt idx="828">
                  <c:v>15.857240179590137</c:v>
                </c:pt>
                <c:pt idx="829">
                  <c:v>15.857240179590137</c:v>
                </c:pt>
                <c:pt idx="830">
                  <c:v>15.857240179590137</c:v>
                </c:pt>
                <c:pt idx="831">
                  <c:v>15.831208809327153</c:v>
                </c:pt>
                <c:pt idx="832">
                  <c:v>15.808896206244594</c:v>
                </c:pt>
                <c:pt idx="833">
                  <c:v>15.786583603162036</c:v>
                </c:pt>
                <c:pt idx="834">
                  <c:v>15.779146068801182</c:v>
                </c:pt>
                <c:pt idx="835">
                  <c:v>15.741958396996919</c:v>
                </c:pt>
                <c:pt idx="836">
                  <c:v>15.701051958012229</c:v>
                </c:pt>
                <c:pt idx="837">
                  <c:v>15.701051958012229</c:v>
                </c:pt>
                <c:pt idx="838">
                  <c:v>15.701051958012229</c:v>
                </c:pt>
                <c:pt idx="839">
                  <c:v>15.701051958012229</c:v>
                </c:pt>
                <c:pt idx="840">
                  <c:v>20.333050392406371</c:v>
                </c:pt>
                <c:pt idx="841">
                  <c:v>20.362956562532329</c:v>
                </c:pt>
                <c:pt idx="842">
                  <c:v>20.362956562532329</c:v>
                </c:pt>
                <c:pt idx="843">
                  <c:v>20.362956562532329</c:v>
                </c:pt>
                <c:pt idx="844">
                  <c:v>20.362956562532329</c:v>
                </c:pt>
                <c:pt idx="845">
                  <c:v>20.416787668759053</c:v>
                </c:pt>
                <c:pt idx="846">
                  <c:v>20.464637540960585</c:v>
                </c:pt>
                <c:pt idx="847">
                  <c:v>20.524449881212501</c:v>
                </c:pt>
                <c:pt idx="848">
                  <c:v>20.524449881212501</c:v>
                </c:pt>
                <c:pt idx="849">
                  <c:v>20.524449881212501</c:v>
                </c:pt>
                <c:pt idx="850">
                  <c:v>20.524449881212501</c:v>
                </c:pt>
                <c:pt idx="851">
                  <c:v>20.524449881212501</c:v>
                </c:pt>
                <c:pt idx="852">
                  <c:v>20.524449881212501</c:v>
                </c:pt>
                <c:pt idx="853">
                  <c:v>20.524449881212501</c:v>
                </c:pt>
                <c:pt idx="854">
                  <c:v>20.524449881212501</c:v>
                </c:pt>
                <c:pt idx="855">
                  <c:v>20.482581243036162</c:v>
                </c:pt>
                <c:pt idx="856">
                  <c:v>20.476600009010969</c:v>
                </c:pt>
                <c:pt idx="857">
                  <c:v>20.428750136809438</c:v>
                </c:pt>
                <c:pt idx="858">
                  <c:v>20.41080643473386</c:v>
                </c:pt>
                <c:pt idx="859">
                  <c:v>20.368937796557521</c:v>
                </c:pt>
                <c:pt idx="860">
                  <c:v>20.333050392406371</c:v>
                </c:pt>
                <c:pt idx="861">
                  <c:v>20.309125456305605</c:v>
                </c:pt>
                <c:pt idx="862">
                  <c:v>20.309125456305605</c:v>
                </c:pt>
                <c:pt idx="863">
                  <c:v>20.309125456305605</c:v>
                </c:pt>
                <c:pt idx="864">
                  <c:v>19.289452611180547</c:v>
                </c:pt>
                <c:pt idx="865">
                  <c:v>19.289452611180547</c:v>
                </c:pt>
                <c:pt idx="866">
                  <c:v>19.289452611180547</c:v>
                </c:pt>
                <c:pt idx="867">
                  <c:v>19.289452611180547</c:v>
                </c:pt>
                <c:pt idx="868">
                  <c:v>19.289452611180547</c:v>
                </c:pt>
                <c:pt idx="869">
                  <c:v>19.289452611180547</c:v>
                </c:pt>
                <c:pt idx="870">
                  <c:v>19.289452611180547</c:v>
                </c:pt>
                <c:pt idx="871">
                  <c:v>82.622395847218471</c:v>
                </c:pt>
                <c:pt idx="872">
                  <c:v>92.950195328120785</c:v>
                </c:pt>
                <c:pt idx="873">
                  <c:v>103.2779948090231</c:v>
                </c:pt>
                <c:pt idx="874">
                  <c:v>103.2779948090231</c:v>
                </c:pt>
                <c:pt idx="875">
                  <c:v>123.9335937708277</c:v>
                </c:pt>
                <c:pt idx="876">
                  <c:v>123.9335937708277</c:v>
                </c:pt>
                <c:pt idx="877">
                  <c:v>82.622395847218471</c:v>
                </c:pt>
                <c:pt idx="878">
                  <c:v>123.9335937708277</c:v>
                </c:pt>
                <c:pt idx="879">
                  <c:v>123.9335937708277</c:v>
                </c:pt>
                <c:pt idx="880">
                  <c:v>80.438661356372933</c:v>
                </c:pt>
                <c:pt idx="881">
                  <c:v>37.068542198470752</c:v>
                </c:pt>
                <c:pt idx="882">
                  <c:v>22.812597001067758</c:v>
                </c:pt>
                <c:pt idx="883">
                  <c:v>22.812597001067758</c:v>
                </c:pt>
                <c:pt idx="884">
                  <c:v>22.812597001067758</c:v>
                </c:pt>
                <c:pt idx="885">
                  <c:v>22.812597001067758</c:v>
                </c:pt>
                <c:pt idx="886">
                  <c:v>22.812597001067758</c:v>
                </c:pt>
                <c:pt idx="887">
                  <c:v>22.812597001067758</c:v>
                </c:pt>
                <c:pt idx="888">
                  <c:v>16.880535516641846</c:v>
                </c:pt>
                <c:pt idx="889">
                  <c:v>21.889013857830523</c:v>
                </c:pt>
                <c:pt idx="890">
                  <c:v>21.889013857830523</c:v>
                </c:pt>
                <c:pt idx="891">
                  <c:v>21.889013857830523</c:v>
                </c:pt>
                <c:pt idx="892">
                  <c:v>21.889013857830523</c:v>
                </c:pt>
                <c:pt idx="893">
                  <c:v>21.889013857830523</c:v>
                </c:pt>
                <c:pt idx="894">
                  <c:v>21.889013857830523</c:v>
                </c:pt>
                <c:pt idx="895">
                  <c:v>82.505296714906393</c:v>
                </c:pt>
                <c:pt idx="896">
                  <c:v>92.058541597685036</c:v>
                </c:pt>
                <c:pt idx="897">
                  <c:v>101.61178648046368</c:v>
                </c:pt>
                <c:pt idx="898">
                  <c:v>101.61178648046368</c:v>
                </c:pt>
                <c:pt idx="899">
                  <c:v>121.58675305354629</c:v>
                </c:pt>
                <c:pt idx="900">
                  <c:v>121.58675305354629</c:v>
                </c:pt>
                <c:pt idx="901">
                  <c:v>80.768343099855741</c:v>
                </c:pt>
                <c:pt idx="902">
                  <c:v>121.58675305354629</c:v>
                </c:pt>
                <c:pt idx="903">
                  <c:v>121.58675305354629</c:v>
                </c:pt>
                <c:pt idx="904">
                  <c:v>79.310567081432993</c:v>
                </c:pt>
                <c:pt idx="905">
                  <c:v>43.400372806815909</c:v>
                </c:pt>
                <c:pt idx="906">
                  <c:v>22.344330070665858</c:v>
                </c:pt>
                <c:pt idx="907">
                  <c:v>22.344330070665858</c:v>
                </c:pt>
                <c:pt idx="908">
                  <c:v>22.344330070665858</c:v>
                </c:pt>
                <c:pt idx="909">
                  <c:v>22.344330070665858</c:v>
                </c:pt>
                <c:pt idx="910">
                  <c:v>22.344330070665858</c:v>
                </c:pt>
                <c:pt idx="911">
                  <c:v>22.344330070665858</c:v>
                </c:pt>
                <c:pt idx="912">
                  <c:v>21.752128464589738</c:v>
                </c:pt>
                <c:pt idx="913">
                  <c:v>21.752128464589738</c:v>
                </c:pt>
                <c:pt idx="914">
                  <c:v>21.752128464589738</c:v>
                </c:pt>
                <c:pt idx="915">
                  <c:v>21.752128464589738</c:v>
                </c:pt>
                <c:pt idx="916">
                  <c:v>21.752128464589738</c:v>
                </c:pt>
                <c:pt idx="917">
                  <c:v>21.752128464589738</c:v>
                </c:pt>
                <c:pt idx="918">
                  <c:v>21.752128464589738</c:v>
                </c:pt>
                <c:pt idx="919">
                  <c:v>79.33314729605155</c:v>
                </c:pt>
                <c:pt idx="920">
                  <c:v>88.519090667173316</c:v>
                </c:pt>
                <c:pt idx="921">
                  <c:v>97.705034038295082</c:v>
                </c:pt>
                <c:pt idx="922">
                  <c:v>97.705034038295082</c:v>
                </c:pt>
                <c:pt idx="923">
                  <c:v>116.91200654154964</c:v>
                </c:pt>
                <c:pt idx="924">
                  <c:v>116.91200654154964</c:v>
                </c:pt>
                <c:pt idx="925">
                  <c:v>77.662975774029405</c:v>
                </c:pt>
                <c:pt idx="926">
                  <c:v>116.91200654154964</c:v>
                </c:pt>
                <c:pt idx="927">
                  <c:v>116.91200654154964</c:v>
                </c:pt>
                <c:pt idx="928">
                  <c:v>76.087215253936193</c:v>
                </c:pt>
                <c:pt idx="929">
                  <c:v>41.461977372102069</c:v>
                </c:pt>
                <c:pt idx="930">
                  <c:v>21.752128464589738</c:v>
                </c:pt>
                <c:pt idx="931">
                  <c:v>21.752128464589738</c:v>
                </c:pt>
                <c:pt idx="932">
                  <c:v>21.752128464589738</c:v>
                </c:pt>
                <c:pt idx="933">
                  <c:v>21.752128464589738</c:v>
                </c:pt>
                <c:pt idx="934">
                  <c:v>21.752128464589738</c:v>
                </c:pt>
                <c:pt idx="935">
                  <c:v>21.752128464589738</c:v>
                </c:pt>
                <c:pt idx="936">
                  <c:v>20.413401561050129</c:v>
                </c:pt>
                <c:pt idx="937">
                  <c:v>20.413401561050129</c:v>
                </c:pt>
                <c:pt idx="938">
                  <c:v>20.413401561050129</c:v>
                </c:pt>
                <c:pt idx="939">
                  <c:v>20.413401561050129</c:v>
                </c:pt>
                <c:pt idx="940">
                  <c:v>20.413401561050129</c:v>
                </c:pt>
                <c:pt idx="941">
                  <c:v>20.413401561050129</c:v>
                </c:pt>
                <c:pt idx="942">
                  <c:v>20.413401561050129</c:v>
                </c:pt>
                <c:pt idx="943">
                  <c:v>74.796169421261808</c:v>
                </c:pt>
                <c:pt idx="944">
                  <c:v>83.456778512144766</c:v>
                </c:pt>
                <c:pt idx="945">
                  <c:v>92.117387603027709</c:v>
                </c:pt>
                <c:pt idx="946">
                  <c:v>92.117387603027709</c:v>
                </c:pt>
                <c:pt idx="947">
                  <c:v>110.22593388396477</c:v>
                </c:pt>
                <c:pt idx="948">
                  <c:v>110.22593388396477</c:v>
                </c:pt>
                <c:pt idx="949">
                  <c:v>73.221513222919469</c:v>
                </c:pt>
                <c:pt idx="950">
                  <c:v>110.22593388396477</c:v>
                </c:pt>
                <c:pt idx="951">
                  <c:v>110.22593388396477</c:v>
                </c:pt>
                <c:pt idx="952">
                  <c:v>71.445287283225426</c:v>
                </c:pt>
                <c:pt idx="953">
                  <c:v>38.603688199979231</c:v>
                </c:pt>
                <c:pt idx="954">
                  <c:v>20.413401561050129</c:v>
                </c:pt>
                <c:pt idx="955">
                  <c:v>20.413401561050129</c:v>
                </c:pt>
                <c:pt idx="956">
                  <c:v>20.413401561050129</c:v>
                </c:pt>
                <c:pt idx="957">
                  <c:v>20.413401561050129</c:v>
                </c:pt>
                <c:pt idx="958">
                  <c:v>20.413401561050129</c:v>
                </c:pt>
                <c:pt idx="959">
                  <c:v>20.413401561050129</c:v>
                </c:pt>
                <c:pt idx="960">
                  <c:v>25.786092346783295</c:v>
                </c:pt>
                <c:pt idx="961">
                  <c:v>17.811224330519856</c:v>
                </c:pt>
                <c:pt idx="962">
                  <c:v>17.811224330519856</c:v>
                </c:pt>
                <c:pt idx="963">
                  <c:v>17.811224330519856</c:v>
                </c:pt>
                <c:pt idx="964">
                  <c:v>17.811224330519856</c:v>
                </c:pt>
                <c:pt idx="965">
                  <c:v>17.811224330519856</c:v>
                </c:pt>
                <c:pt idx="966">
                  <c:v>17.811224330519856</c:v>
                </c:pt>
                <c:pt idx="967">
                  <c:v>67.283623092208686</c:v>
                </c:pt>
                <c:pt idx="968">
                  <c:v>84.10452886526086</c:v>
                </c:pt>
                <c:pt idx="969">
                  <c:v>92.514981751786934</c:v>
                </c:pt>
                <c:pt idx="970">
                  <c:v>92.514981751786934</c:v>
                </c:pt>
                <c:pt idx="971">
                  <c:v>109.33588752483911</c:v>
                </c:pt>
                <c:pt idx="972">
                  <c:v>109.33588752483911</c:v>
                </c:pt>
                <c:pt idx="973">
                  <c:v>75.694075978734773</c:v>
                </c:pt>
                <c:pt idx="974">
                  <c:v>109.33588752483911</c:v>
                </c:pt>
                <c:pt idx="975">
                  <c:v>85.981724492309581</c:v>
                </c:pt>
                <c:pt idx="976">
                  <c:v>48.550622884261216</c:v>
                </c:pt>
                <c:pt idx="977">
                  <c:v>35.261460749981651</c:v>
                </c:pt>
                <c:pt idx="978">
                  <c:v>18.424675716386275</c:v>
                </c:pt>
                <c:pt idx="979">
                  <c:v>17.811224330519856</c:v>
                </c:pt>
                <c:pt idx="980">
                  <c:v>17.811224330519856</c:v>
                </c:pt>
                <c:pt idx="981">
                  <c:v>17.811224330519856</c:v>
                </c:pt>
                <c:pt idx="982">
                  <c:v>17.811224330519856</c:v>
                </c:pt>
                <c:pt idx="983">
                  <c:v>17.811224330519856</c:v>
                </c:pt>
                <c:pt idx="984">
                  <c:v>16.93679412622803</c:v>
                </c:pt>
                <c:pt idx="985">
                  <c:v>16.036683647367735</c:v>
                </c:pt>
                <c:pt idx="986">
                  <c:v>16.036683647367735</c:v>
                </c:pt>
                <c:pt idx="987">
                  <c:v>16.036683647367735</c:v>
                </c:pt>
                <c:pt idx="988">
                  <c:v>16.036683647367735</c:v>
                </c:pt>
                <c:pt idx="989">
                  <c:v>16.074878257611484</c:v>
                </c:pt>
                <c:pt idx="990">
                  <c:v>16.124531250928356</c:v>
                </c:pt>
                <c:pt idx="991">
                  <c:v>16.158906400147728</c:v>
                </c:pt>
                <c:pt idx="992">
                  <c:v>16.158906400147728</c:v>
                </c:pt>
                <c:pt idx="993">
                  <c:v>16.158906400147728</c:v>
                </c:pt>
                <c:pt idx="994">
                  <c:v>16.158906400147728</c:v>
                </c:pt>
                <c:pt idx="995">
                  <c:v>16.158906400147728</c:v>
                </c:pt>
                <c:pt idx="996">
                  <c:v>16.158906400147728</c:v>
                </c:pt>
                <c:pt idx="997">
                  <c:v>16.158906400147728</c:v>
                </c:pt>
                <c:pt idx="998">
                  <c:v>16.158906400147728</c:v>
                </c:pt>
                <c:pt idx="999">
                  <c:v>16.132170172977105</c:v>
                </c:pt>
                <c:pt idx="1000">
                  <c:v>16.109253406830856</c:v>
                </c:pt>
                <c:pt idx="1001">
                  <c:v>16.086336640684607</c:v>
                </c:pt>
                <c:pt idx="1002">
                  <c:v>16.078697718635858</c:v>
                </c:pt>
                <c:pt idx="1003">
                  <c:v>16.040503108392109</c:v>
                </c:pt>
                <c:pt idx="1004">
                  <c:v>15.998489037123985</c:v>
                </c:pt>
                <c:pt idx="1005">
                  <c:v>15.998489037123985</c:v>
                </c:pt>
                <c:pt idx="1006">
                  <c:v>15.998489037123985</c:v>
                </c:pt>
                <c:pt idx="1007">
                  <c:v>15.998489037123985</c:v>
                </c:pt>
                <c:pt idx="1008">
                  <c:v>13.07089345761762</c:v>
                </c:pt>
                <c:pt idx="1009">
                  <c:v>13.08687596627821</c:v>
                </c:pt>
                <c:pt idx="1010">
                  <c:v>13.08687596627821</c:v>
                </c:pt>
                <c:pt idx="1011">
                  <c:v>13.08687596627821</c:v>
                </c:pt>
                <c:pt idx="1012">
                  <c:v>13.08687596627821</c:v>
                </c:pt>
                <c:pt idx="1013">
                  <c:v>13.115644481867275</c:v>
                </c:pt>
                <c:pt idx="1014">
                  <c:v>13.141216495724219</c:v>
                </c:pt>
                <c:pt idx="1015">
                  <c:v>13.173181513045401</c:v>
                </c:pt>
                <c:pt idx="1016">
                  <c:v>13.173181513045401</c:v>
                </c:pt>
                <c:pt idx="1017">
                  <c:v>13.173181513045401</c:v>
                </c:pt>
                <c:pt idx="1018">
                  <c:v>13.173181513045401</c:v>
                </c:pt>
                <c:pt idx="1019">
                  <c:v>13.173181513045401</c:v>
                </c:pt>
                <c:pt idx="1020">
                  <c:v>13.173181513045401</c:v>
                </c:pt>
                <c:pt idx="1021">
                  <c:v>13.173181513045401</c:v>
                </c:pt>
                <c:pt idx="1022">
                  <c:v>13.173181513045401</c:v>
                </c:pt>
                <c:pt idx="1023">
                  <c:v>13.150806000920575</c:v>
                </c:pt>
                <c:pt idx="1024">
                  <c:v>13.147609499188455</c:v>
                </c:pt>
                <c:pt idx="1025">
                  <c:v>13.122037485331511</c:v>
                </c:pt>
                <c:pt idx="1026">
                  <c:v>13.112447980135157</c:v>
                </c:pt>
                <c:pt idx="1027">
                  <c:v>13.090072468010328</c:v>
                </c:pt>
                <c:pt idx="1028">
                  <c:v>13.07089345761762</c:v>
                </c:pt>
                <c:pt idx="1029">
                  <c:v>13.058107450689148</c:v>
                </c:pt>
                <c:pt idx="1030">
                  <c:v>13.058107450689148</c:v>
                </c:pt>
                <c:pt idx="1031">
                  <c:v>13.058107450689148</c:v>
                </c:pt>
                <c:pt idx="1032">
                  <c:v>13.079252483699108</c:v>
                </c:pt>
                <c:pt idx="1033">
                  <c:v>13.079252483699108</c:v>
                </c:pt>
                <c:pt idx="1034">
                  <c:v>13.079252483699108</c:v>
                </c:pt>
                <c:pt idx="1035">
                  <c:v>13.079252483699108</c:v>
                </c:pt>
                <c:pt idx="1036">
                  <c:v>13.079252483699108</c:v>
                </c:pt>
                <c:pt idx="1037">
                  <c:v>13.079252483699108</c:v>
                </c:pt>
                <c:pt idx="1038">
                  <c:v>13.079252483699108</c:v>
                </c:pt>
                <c:pt idx="1039">
                  <c:v>55.919641940052685</c:v>
                </c:pt>
                <c:pt idx="1040">
                  <c:v>62.909597182559274</c:v>
                </c:pt>
                <c:pt idx="1041">
                  <c:v>69.899552425065863</c:v>
                </c:pt>
                <c:pt idx="1042">
                  <c:v>69.899552425065863</c:v>
                </c:pt>
                <c:pt idx="1043">
                  <c:v>83.879462910079027</c:v>
                </c:pt>
                <c:pt idx="1044">
                  <c:v>83.879462910079027</c:v>
                </c:pt>
                <c:pt idx="1045">
                  <c:v>55.919641940052685</c:v>
                </c:pt>
                <c:pt idx="1046">
                  <c:v>83.879462910079027</c:v>
                </c:pt>
                <c:pt idx="1047">
                  <c:v>83.879462910079027</c:v>
                </c:pt>
                <c:pt idx="1048">
                  <c:v>52.591414463383714</c:v>
                </c:pt>
                <c:pt idx="1049">
                  <c:v>21.3594844498813</c:v>
                </c:pt>
                <c:pt idx="1050">
                  <c:v>14.883642988338792</c:v>
                </c:pt>
                <c:pt idx="1051">
                  <c:v>14.883642988338792</c:v>
                </c:pt>
                <c:pt idx="1052">
                  <c:v>14.883642988338792</c:v>
                </c:pt>
                <c:pt idx="1053">
                  <c:v>14.883642988338792</c:v>
                </c:pt>
                <c:pt idx="1054">
                  <c:v>14.883642988338792</c:v>
                </c:pt>
                <c:pt idx="1055">
                  <c:v>14.883642988338792</c:v>
                </c:pt>
                <c:pt idx="1056">
                  <c:v>10.885944359165753</c:v>
                </c:pt>
                <c:pt idx="1057">
                  <c:v>14.745858293072677</c:v>
                </c:pt>
                <c:pt idx="1058">
                  <c:v>14.745858293072677</c:v>
                </c:pt>
                <c:pt idx="1059">
                  <c:v>14.745858293072677</c:v>
                </c:pt>
                <c:pt idx="1060">
                  <c:v>14.745858293072677</c:v>
                </c:pt>
                <c:pt idx="1061">
                  <c:v>14.745858293072677</c:v>
                </c:pt>
                <c:pt idx="1062">
                  <c:v>14.745858293072677</c:v>
                </c:pt>
                <c:pt idx="1063">
                  <c:v>57.467861067326183</c:v>
                </c:pt>
                <c:pt idx="1064">
                  <c:v>64.122034454069222</c:v>
                </c:pt>
                <c:pt idx="1065">
                  <c:v>70.776207840812248</c:v>
                </c:pt>
                <c:pt idx="1066">
                  <c:v>70.776207840812248</c:v>
                </c:pt>
                <c:pt idx="1067">
                  <c:v>84.689479467638591</c:v>
                </c:pt>
                <c:pt idx="1068">
                  <c:v>84.689479467638591</c:v>
                </c:pt>
                <c:pt idx="1069">
                  <c:v>56.258011360645632</c:v>
                </c:pt>
                <c:pt idx="1070">
                  <c:v>84.689479467638591</c:v>
                </c:pt>
                <c:pt idx="1071">
                  <c:v>84.689479467638591</c:v>
                </c:pt>
                <c:pt idx="1072">
                  <c:v>53.587823827972571</c:v>
                </c:pt>
                <c:pt idx="1073">
                  <c:v>27.460784369985099</c:v>
                </c:pt>
                <c:pt idx="1074">
                  <c:v>15.096759559791488</c:v>
                </c:pt>
                <c:pt idx="1075">
                  <c:v>15.096759559791488</c:v>
                </c:pt>
                <c:pt idx="1076">
                  <c:v>15.096759559791488</c:v>
                </c:pt>
                <c:pt idx="1077">
                  <c:v>15.096759559791488</c:v>
                </c:pt>
                <c:pt idx="1078">
                  <c:v>15.096759559791488</c:v>
                </c:pt>
                <c:pt idx="1079">
                  <c:v>15.096759559791488</c:v>
                </c:pt>
                <c:pt idx="1080">
                  <c:v>16.820609363913089</c:v>
                </c:pt>
                <c:pt idx="1081">
                  <c:v>16.820609363913089</c:v>
                </c:pt>
                <c:pt idx="1082">
                  <c:v>16.820609363913089</c:v>
                </c:pt>
                <c:pt idx="1083">
                  <c:v>16.820609363913089</c:v>
                </c:pt>
                <c:pt idx="1084">
                  <c:v>16.820609363913089</c:v>
                </c:pt>
                <c:pt idx="1085">
                  <c:v>16.820609363913089</c:v>
                </c:pt>
                <c:pt idx="1086">
                  <c:v>16.820609363913089</c:v>
                </c:pt>
                <c:pt idx="1087">
                  <c:v>62.666509936998999</c:v>
                </c:pt>
                <c:pt idx="1088">
                  <c:v>69.922632140230462</c:v>
                </c:pt>
                <c:pt idx="1089">
                  <c:v>77.178754343461932</c:v>
                </c:pt>
                <c:pt idx="1090">
                  <c:v>77.178754343461932</c:v>
                </c:pt>
                <c:pt idx="1091">
                  <c:v>92.350646222945898</c:v>
                </c:pt>
                <c:pt idx="1092">
                  <c:v>92.350646222945898</c:v>
                </c:pt>
                <c:pt idx="1093">
                  <c:v>61.347214990956907</c:v>
                </c:pt>
                <c:pt idx="1094">
                  <c:v>92.350646222945898</c:v>
                </c:pt>
                <c:pt idx="1095">
                  <c:v>92.350646222945898</c:v>
                </c:pt>
                <c:pt idx="1096">
                  <c:v>58.99305191745885</c:v>
                </c:pt>
                <c:pt idx="1097">
                  <c:v>30.891629118203888</c:v>
                </c:pt>
                <c:pt idx="1098">
                  <c:v>16.820609363913089</c:v>
                </c:pt>
                <c:pt idx="1099">
                  <c:v>16.820609363913089</c:v>
                </c:pt>
                <c:pt idx="1100">
                  <c:v>16.820609363913089</c:v>
                </c:pt>
                <c:pt idx="1101">
                  <c:v>16.820609363913089</c:v>
                </c:pt>
                <c:pt idx="1102">
                  <c:v>16.820609363913089</c:v>
                </c:pt>
                <c:pt idx="1103">
                  <c:v>16.820609363913089</c:v>
                </c:pt>
                <c:pt idx="1104">
                  <c:v>17.331202123127227</c:v>
                </c:pt>
                <c:pt idx="1105">
                  <c:v>17.331202123127227</c:v>
                </c:pt>
                <c:pt idx="1106">
                  <c:v>17.331202123127227</c:v>
                </c:pt>
                <c:pt idx="1107">
                  <c:v>17.331202123127227</c:v>
                </c:pt>
                <c:pt idx="1108">
                  <c:v>17.331202123127227</c:v>
                </c:pt>
                <c:pt idx="1109">
                  <c:v>17.331202123127227</c:v>
                </c:pt>
                <c:pt idx="1110">
                  <c:v>17.331202123127227</c:v>
                </c:pt>
                <c:pt idx="1111">
                  <c:v>64.379521071853972</c:v>
                </c:pt>
                <c:pt idx="1112">
                  <c:v>71.833991932805489</c:v>
                </c:pt>
                <c:pt idx="1113">
                  <c:v>79.288462793757006</c:v>
                </c:pt>
                <c:pt idx="1114">
                  <c:v>79.288462793757006</c:v>
                </c:pt>
                <c:pt idx="1115">
                  <c:v>94.875083684837435</c:v>
                </c:pt>
                <c:pt idx="1116">
                  <c:v>94.875083684837435</c:v>
                </c:pt>
                <c:pt idx="1117">
                  <c:v>63.024162733499146</c:v>
                </c:pt>
                <c:pt idx="1118">
                  <c:v>94.875083684837435</c:v>
                </c:pt>
                <c:pt idx="1119">
                  <c:v>94.875083684837435</c:v>
                </c:pt>
                <c:pt idx="1120">
                  <c:v>60.761435197927099</c:v>
                </c:pt>
                <c:pt idx="1121">
                  <c:v>31.997220541292862</c:v>
                </c:pt>
                <c:pt idx="1122">
                  <c:v>17.331202123127227</c:v>
                </c:pt>
                <c:pt idx="1123">
                  <c:v>17.331202123127227</c:v>
                </c:pt>
                <c:pt idx="1124">
                  <c:v>17.331202123127227</c:v>
                </c:pt>
                <c:pt idx="1125">
                  <c:v>17.331202123127227</c:v>
                </c:pt>
                <c:pt idx="1126">
                  <c:v>17.331202123127227</c:v>
                </c:pt>
                <c:pt idx="1127">
                  <c:v>17.331202123127227</c:v>
                </c:pt>
                <c:pt idx="1128">
                  <c:v>18.676180551721338</c:v>
                </c:pt>
                <c:pt idx="1129">
                  <c:v>12.292275124785281</c:v>
                </c:pt>
                <c:pt idx="1130">
                  <c:v>12.292275124785281</c:v>
                </c:pt>
                <c:pt idx="1131">
                  <c:v>12.292275124785281</c:v>
                </c:pt>
                <c:pt idx="1132">
                  <c:v>12.292275124785281</c:v>
                </c:pt>
                <c:pt idx="1133">
                  <c:v>12.292275124785281</c:v>
                </c:pt>
                <c:pt idx="1134">
                  <c:v>12.292275124785281</c:v>
                </c:pt>
                <c:pt idx="1135">
                  <c:v>48.534427624408096</c:v>
                </c:pt>
                <c:pt idx="1136">
                  <c:v>60.668034530510127</c:v>
                </c:pt>
                <c:pt idx="1137">
                  <c:v>66.734837983561135</c:v>
                </c:pt>
                <c:pt idx="1138">
                  <c:v>66.734837983561135</c:v>
                </c:pt>
                <c:pt idx="1139">
                  <c:v>78.868444889663166</c:v>
                </c:pt>
                <c:pt idx="1140">
                  <c:v>78.868444889663166</c:v>
                </c:pt>
                <c:pt idx="1141">
                  <c:v>54.601231077459119</c:v>
                </c:pt>
                <c:pt idx="1142">
                  <c:v>78.868444889663166</c:v>
                </c:pt>
                <c:pt idx="1143">
                  <c:v>61.504946229955834</c:v>
                </c:pt>
                <c:pt idx="1144">
                  <c:v>32.52407002506115</c:v>
                </c:pt>
                <c:pt idx="1145">
                  <c:v>22.900591987018704</c:v>
                </c:pt>
                <c:pt idx="1146">
                  <c:v>12.78334477301113</c:v>
                </c:pt>
                <c:pt idx="1147">
                  <c:v>12.292275124785281</c:v>
                </c:pt>
                <c:pt idx="1148">
                  <c:v>12.292275124785281</c:v>
                </c:pt>
                <c:pt idx="1149">
                  <c:v>12.292275124785281</c:v>
                </c:pt>
                <c:pt idx="1150">
                  <c:v>12.292275124785281</c:v>
                </c:pt>
                <c:pt idx="1151">
                  <c:v>12.292275124785281</c:v>
                </c:pt>
                <c:pt idx="1152">
                  <c:v>6.3860228474560268</c:v>
                </c:pt>
                <c:pt idx="1153">
                  <c:v>5.8942900731997305</c:v>
                </c:pt>
                <c:pt idx="1154">
                  <c:v>5.8942900731997305</c:v>
                </c:pt>
                <c:pt idx="1155">
                  <c:v>5.8942900731997305</c:v>
                </c:pt>
                <c:pt idx="1156">
                  <c:v>5.8942900731997305</c:v>
                </c:pt>
                <c:pt idx="1157">
                  <c:v>5.8993958551776426</c:v>
                </c:pt>
                <c:pt idx="1158">
                  <c:v>5.9060333717489293</c:v>
                </c:pt>
                <c:pt idx="1159">
                  <c:v>5.9106285755290511</c:v>
                </c:pt>
                <c:pt idx="1160">
                  <c:v>5.9106285755290511</c:v>
                </c:pt>
                <c:pt idx="1161">
                  <c:v>5.9106285755290511</c:v>
                </c:pt>
                <c:pt idx="1162">
                  <c:v>5.9106285755290511</c:v>
                </c:pt>
                <c:pt idx="1163">
                  <c:v>5.9106285755290511</c:v>
                </c:pt>
                <c:pt idx="1164">
                  <c:v>5.9106285755290511</c:v>
                </c:pt>
                <c:pt idx="1165">
                  <c:v>5.9106285755290511</c:v>
                </c:pt>
                <c:pt idx="1166">
                  <c:v>5.9106285755290511</c:v>
                </c:pt>
                <c:pt idx="1167">
                  <c:v>5.9070545281445117</c:v>
                </c:pt>
                <c:pt idx="1168">
                  <c:v>5.9039910589577644</c:v>
                </c:pt>
                <c:pt idx="1169">
                  <c:v>5.9009275897710172</c:v>
                </c:pt>
                <c:pt idx="1170">
                  <c:v>5.8999064333754347</c:v>
                </c:pt>
                <c:pt idx="1171">
                  <c:v>5.8948006513975217</c:v>
                </c:pt>
                <c:pt idx="1172">
                  <c:v>5.8891842912218175</c:v>
                </c:pt>
                <c:pt idx="1173">
                  <c:v>5.8891842912218175</c:v>
                </c:pt>
                <c:pt idx="1174">
                  <c:v>5.8891842912218175</c:v>
                </c:pt>
                <c:pt idx="1175">
                  <c:v>5.8891842912218175</c:v>
                </c:pt>
                <c:pt idx="1176">
                  <c:v>8.8926661800679305</c:v>
                </c:pt>
                <c:pt idx="1177">
                  <c:v>8.9006378150087215</c:v>
                </c:pt>
                <c:pt idx="1178">
                  <c:v>8.9006378150087215</c:v>
                </c:pt>
                <c:pt idx="1179">
                  <c:v>8.9006378150087215</c:v>
                </c:pt>
                <c:pt idx="1180">
                  <c:v>8.9006378150087215</c:v>
                </c:pt>
                <c:pt idx="1181">
                  <c:v>8.9149867579021436</c:v>
                </c:pt>
                <c:pt idx="1182">
                  <c:v>8.9277413738074074</c:v>
                </c:pt>
                <c:pt idx="1183">
                  <c:v>8.9436846436889894</c:v>
                </c:pt>
                <c:pt idx="1184">
                  <c:v>8.9436846436889894</c:v>
                </c:pt>
                <c:pt idx="1185">
                  <c:v>8.9436846436889894</c:v>
                </c:pt>
                <c:pt idx="1186">
                  <c:v>8.9436846436889894</c:v>
                </c:pt>
                <c:pt idx="1187">
                  <c:v>8.9436846436889894</c:v>
                </c:pt>
                <c:pt idx="1188">
                  <c:v>8.9436846436889894</c:v>
                </c:pt>
                <c:pt idx="1189">
                  <c:v>8.9436846436889894</c:v>
                </c:pt>
                <c:pt idx="1190">
                  <c:v>8.9436846436889894</c:v>
                </c:pt>
                <c:pt idx="1191">
                  <c:v>8.932524354771882</c:v>
                </c:pt>
                <c:pt idx="1192">
                  <c:v>8.9309300277837238</c:v>
                </c:pt>
                <c:pt idx="1193">
                  <c:v>8.91817541187846</c:v>
                </c:pt>
                <c:pt idx="1194">
                  <c:v>8.9133924309139854</c:v>
                </c:pt>
                <c:pt idx="1195">
                  <c:v>8.902232141996878</c:v>
                </c:pt>
                <c:pt idx="1196">
                  <c:v>8.8926661800679305</c:v>
                </c:pt>
                <c:pt idx="1197">
                  <c:v>8.8862888721152977</c:v>
                </c:pt>
                <c:pt idx="1198">
                  <c:v>8.8862888721152977</c:v>
                </c:pt>
                <c:pt idx="1199">
                  <c:v>8.8862888721152977</c:v>
                </c:pt>
                <c:pt idx="1200">
                  <c:v>11.659023244466752</c:v>
                </c:pt>
                <c:pt idx="1201">
                  <c:v>11.659023244466752</c:v>
                </c:pt>
                <c:pt idx="1202">
                  <c:v>11.659023244466752</c:v>
                </c:pt>
                <c:pt idx="1203">
                  <c:v>11.659023244466752</c:v>
                </c:pt>
                <c:pt idx="1204">
                  <c:v>11.659023244466752</c:v>
                </c:pt>
                <c:pt idx="1205">
                  <c:v>11.659023244466752</c:v>
                </c:pt>
                <c:pt idx="1206">
                  <c:v>11.659023244466752</c:v>
                </c:pt>
                <c:pt idx="1207">
                  <c:v>49.811113373664512</c:v>
                </c:pt>
                <c:pt idx="1208">
                  <c:v>56.037502545372575</c:v>
                </c:pt>
                <c:pt idx="1209">
                  <c:v>62.263891717080639</c:v>
                </c:pt>
                <c:pt idx="1210">
                  <c:v>62.263891717080639</c:v>
                </c:pt>
                <c:pt idx="1211">
                  <c:v>74.716670060496767</c:v>
                </c:pt>
                <c:pt idx="1212">
                  <c:v>74.716670060496767</c:v>
                </c:pt>
                <c:pt idx="1213">
                  <c:v>49.811113373664512</c:v>
                </c:pt>
                <c:pt idx="1214">
                  <c:v>74.716670060496767</c:v>
                </c:pt>
                <c:pt idx="1215">
                  <c:v>74.716670060496767</c:v>
                </c:pt>
                <c:pt idx="1216">
                  <c:v>46.18882183623672</c:v>
                </c:pt>
                <c:pt idx="1217">
                  <c:v>17.700883154264506</c:v>
                </c:pt>
                <c:pt idx="1218">
                  <c:v>13.060120023590407</c:v>
                </c:pt>
                <c:pt idx="1219">
                  <c:v>13.060120023590407</c:v>
                </c:pt>
                <c:pt idx="1220">
                  <c:v>13.060120023590407</c:v>
                </c:pt>
                <c:pt idx="1221">
                  <c:v>13.060120023590407</c:v>
                </c:pt>
                <c:pt idx="1222">
                  <c:v>13.060120023590407</c:v>
                </c:pt>
                <c:pt idx="1223">
                  <c:v>13.060120023590407</c:v>
                </c:pt>
                <c:pt idx="1224">
                  <c:v>6.485872064529044</c:v>
                </c:pt>
                <c:pt idx="1225">
                  <c:v>9.5345808743162728</c:v>
                </c:pt>
                <c:pt idx="1226">
                  <c:v>9.5345808743162728</c:v>
                </c:pt>
                <c:pt idx="1227">
                  <c:v>9.5345808743162728</c:v>
                </c:pt>
                <c:pt idx="1228">
                  <c:v>9.5345808743162728</c:v>
                </c:pt>
                <c:pt idx="1229">
                  <c:v>9.5345808743162728</c:v>
                </c:pt>
                <c:pt idx="1230">
                  <c:v>9.5345808743162728</c:v>
                </c:pt>
                <c:pt idx="1231">
                  <c:v>39.305641846457767</c:v>
                </c:pt>
                <c:pt idx="1232">
                  <c:v>43.856821428679197</c:v>
                </c:pt>
                <c:pt idx="1233">
                  <c:v>48.408001010900627</c:v>
                </c:pt>
                <c:pt idx="1234">
                  <c:v>48.408001010900627</c:v>
                </c:pt>
                <c:pt idx="1235">
                  <c:v>57.924103773727239</c:v>
                </c:pt>
                <c:pt idx="1236">
                  <c:v>57.924103773727239</c:v>
                </c:pt>
                <c:pt idx="1237">
                  <c:v>38.478154649690246</c:v>
                </c:pt>
                <c:pt idx="1238">
                  <c:v>57.924103773727239</c:v>
                </c:pt>
                <c:pt idx="1239">
                  <c:v>57.924103773727239</c:v>
                </c:pt>
                <c:pt idx="1240">
                  <c:v>34.830590019165491</c:v>
                </c:pt>
                <c:pt idx="1241">
                  <c:v>15.734357503005715</c:v>
                </c:pt>
                <c:pt idx="1242">
                  <c:v>9.8117362206605652</c:v>
                </c:pt>
                <c:pt idx="1243">
                  <c:v>9.8117362206605652</c:v>
                </c:pt>
                <c:pt idx="1244">
                  <c:v>9.8117362206605652</c:v>
                </c:pt>
                <c:pt idx="1245">
                  <c:v>9.8117362206605652</c:v>
                </c:pt>
                <c:pt idx="1246">
                  <c:v>9.8117362206605652</c:v>
                </c:pt>
                <c:pt idx="1247">
                  <c:v>9.8117362206605652</c:v>
                </c:pt>
                <c:pt idx="1248">
                  <c:v>9.5844115881816521</c:v>
                </c:pt>
                <c:pt idx="1249">
                  <c:v>9.5844115881816521</c:v>
                </c:pt>
                <c:pt idx="1250">
                  <c:v>9.5844115881816521</c:v>
                </c:pt>
                <c:pt idx="1251">
                  <c:v>9.5844115881816521</c:v>
                </c:pt>
                <c:pt idx="1252">
                  <c:v>9.5844115881816521</c:v>
                </c:pt>
                <c:pt idx="1253">
                  <c:v>9.5844115881816521</c:v>
                </c:pt>
                <c:pt idx="1254">
                  <c:v>9.5844115881816521</c:v>
                </c:pt>
                <c:pt idx="1255">
                  <c:v>38.340082538705147</c:v>
                </c:pt>
                <c:pt idx="1256">
                  <c:v>42.779460516871005</c:v>
                </c:pt>
                <c:pt idx="1257">
                  <c:v>47.21883849503687</c:v>
                </c:pt>
                <c:pt idx="1258">
                  <c:v>47.21883849503687</c:v>
                </c:pt>
                <c:pt idx="1259">
                  <c:v>56.501174267565482</c:v>
                </c:pt>
                <c:pt idx="1260">
                  <c:v>56.501174267565482</c:v>
                </c:pt>
                <c:pt idx="1261">
                  <c:v>37.532922906311356</c:v>
                </c:pt>
                <c:pt idx="1262">
                  <c:v>56.501174267565482</c:v>
                </c:pt>
                <c:pt idx="1263">
                  <c:v>56.501174267565482</c:v>
                </c:pt>
                <c:pt idx="1264">
                  <c:v>33.92542235399852</c:v>
                </c:pt>
                <c:pt idx="1265">
                  <c:v>15.266818761608233</c:v>
                </c:pt>
                <c:pt idx="1266">
                  <c:v>9.5844115881816521</c:v>
                </c:pt>
                <c:pt idx="1267">
                  <c:v>9.5844115881816521</c:v>
                </c:pt>
                <c:pt idx="1268">
                  <c:v>9.5844115881816521</c:v>
                </c:pt>
                <c:pt idx="1269">
                  <c:v>9.5844115881816521</c:v>
                </c:pt>
                <c:pt idx="1270">
                  <c:v>9.5844115881816521</c:v>
                </c:pt>
                <c:pt idx="1271">
                  <c:v>9.5844115881816521</c:v>
                </c:pt>
                <c:pt idx="1272">
                  <c:v>11.969978151378802</c:v>
                </c:pt>
                <c:pt idx="1273">
                  <c:v>11.969978151378802</c:v>
                </c:pt>
                <c:pt idx="1274">
                  <c:v>11.969978151378802</c:v>
                </c:pt>
                <c:pt idx="1275">
                  <c:v>11.969978151378802</c:v>
                </c:pt>
                <c:pt idx="1276">
                  <c:v>11.969978151378802</c:v>
                </c:pt>
                <c:pt idx="1277">
                  <c:v>11.969978151378802</c:v>
                </c:pt>
                <c:pt idx="1278">
                  <c:v>11.969978151378802</c:v>
                </c:pt>
                <c:pt idx="1279">
                  <c:v>46.392904155876778</c:v>
                </c:pt>
                <c:pt idx="1280">
                  <c:v>51.76471411076777</c:v>
                </c:pt>
                <c:pt idx="1281">
                  <c:v>57.136524065658769</c:v>
                </c:pt>
                <c:pt idx="1282">
                  <c:v>57.136524065658769</c:v>
                </c:pt>
                <c:pt idx="1283">
                  <c:v>68.368490334976286</c:v>
                </c:pt>
                <c:pt idx="1284">
                  <c:v>68.368490334976286</c:v>
                </c:pt>
                <c:pt idx="1285">
                  <c:v>45.416211436805682</c:v>
                </c:pt>
                <c:pt idx="1286">
                  <c:v>68.368490334976286</c:v>
                </c:pt>
                <c:pt idx="1287">
                  <c:v>68.368490334976286</c:v>
                </c:pt>
                <c:pt idx="1288">
                  <c:v>42.193410753010575</c:v>
                </c:pt>
                <c:pt idx="1289">
                  <c:v>20.38851059885863</c:v>
                </c:pt>
                <c:pt idx="1290">
                  <c:v>11.969978151378802</c:v>
                </c:pt>
                <c:pt idx="1291">
                  <c:v>11.969978151378802</c:v>
                </c:pt>
                <c:pt idx="1292">
                  <c:v>11.969978151378802</c:v>
                </c:pt>
                <c:pt idx="1293">
                  <c:v>11.969978151378802</c:v>
                </c:pt>
                <c:pt idx="1294">
                  <c:v>11.969978151378802</c:v>
                </c:pt>
                <c:pt idx="1295">
                  <c:v>11.969978151378802</c:v>
                </c:pt>
                <c:pt idx="1296">
                  <c:v>14.527461042105502</c:v>
                </c:pt>
                <c:pt idx="1297">
                  <c:v>9.0661868678344728</c:v>
                </c:pt>
                <c:pt idx="1298">
                  <c:v>9.0661868678344728</c:v>
                </c:pt>
                <c:pt idx="1299">
                  <c:v>9.0661868678344728</c:v>
                </c:pt>
                <c:pt idx="1300">
                  <c:v>9.0661868678344728</c:v>
                </c:pt>
                <c:pt idx="1301">
                  <c:v>9.0661868678344728</c:v>
                </c:pt>
                <c:pt idx="1302">
                  <c:v>9.0661868678344728</c:v>
                </c:pt>
                <c:pt idx="1303">
                  <c:v>37.592190560755718</c:v>
                </c:pt>
                <c:pt idx="1304">
                  <c:v>46.990238200944653</c:v>
                </c:pt>
                <c:pt idx="1305">
                  <c:v>51.68926202103912</c:v>
                </c:pt>
                <c:pt idx="1306">
                  <c:v>51.68926202103912</c:v>
                </c:pt>
                <c:pt idx="1307">
                  <c:v>61.087309661228041</c:v>
                </c:pt>
                <c:pt idx="1308">
                  <c:v>61.087309661228041</c:v>
                </c:pt>
                <c:pt idx="1309">
                  <c:v>42.291214380850185</c:v>
                </c:pt>
                <c:pt idx="1310">
                  <c:v>61.087309661228041</c:v>
                </c:pt>
                <c:pt idx="1311">
                  <c:v>47.215218178270931</c:v>
                </c:pt>
                <c:pt idx="1312">
                  <c:v>23.147567120999639</c:v>
                </c:pt>
                <c:pt idx="1313">
                  <c:v>15.663074260990525</c:v>
                </c:pt>
                <c:pt idx="1314">
                  <c:v>9.4862848812399374</c:v>
                </c:pt>
                <c:pt idx="1315">
                  <c:v>9.0661868678344728</c:v>
                </c:pt>
                <c:pt idx="1316">
                  <c:v>9.0661868678344728</c:v>
                </c:pt>
                <c:pt idx="1317">
                  <c:v>9.0661868678344728</c:v>
                </c:pt>
                <c:pt idx="1318">
                  <c:v>9.0661868678344728</c:v>
                </c:pt>
                <c:pt idx="1319">
                  <c:v>9.0661868678344728</c:v>
                </c:pt>
                <c:pt idx="1320">
                  <c:v>13.005217209838499</c:v>
                </c:pt>
                <c:pt idx="1321">
                  <c:v>12.256392758385337</c:v>
                </c:pt>
                <c:pt idx="1322">
                  <c:v>12.256392758385337</c:v>
                </c:pt>
                <c:pt idx="1323">
                  <c:v>12.256392758385337</c:v>
                </c:pt>
                <c:pt idx="1324">
                  <c:v>12.256392758385337</c:v>
                </c:pt>
                <c:pt idx="1325">
                  <c:v>12.28183281506228</c:v>
                </c:pt>
                <c:pt idx="1326">
                  <c:v>12.314904888742307</c:v>
                </c:pt>
                <c:pt idx="1327">
                  <c:v>12.337800939751556</c:v>
                </c:pt>
                <c:pt idx="1328">
                  <c:v>12.337800939751556</c:v>
                </c:pt>
                <c:pt idx="1329">
                  <c:v>12.337800939751556</c:v>
                </c:pt>
                <c:pt idx="1330">
                  <c:v>12.337800939751556</c:v>
                </c:pt>
                <c:pt idx="1331">
                  <c:v>12.337800939751556</c:v>
                </c:pt>
                <c:pt idx="1332">
                  <c:v>12.337800939751556</c:v>
                </c:pt>
                <c:pt idx="1333">
                  <c:v>12.337800939751556</c:v>
                </c:pt>
                <c:pt idx="1334">
                  <c:v>12.337800939751556</c:v>
                </c:pt>
                <c:pt idx="1335">
                  <c:v>12.319992900077697</c:v>
                </c:pt>
                <c:pt idx="1336">
                  <c:v>12.30472886607153</c:v>
                </c:pt>
                <c:pt idx="1337">
                  <c:v>12.289464832065365</c:v>
                </c:pt>
                <c:pt idx="1338">
                  <c:v>12.284376820729975</c:v>
                </c:pt>
                <c:pt idx="1339">
                  <c:v>12.258936764053033</c:v>
                </c:pt>
                <c:pt idx="1340">
                  <c:v>12.230952701708395</c:v>
                </c:pt>
                <c:pt idx="1341">
                  <c:v>12.230952701708395</c:v>
                </c:pt>
                <c:pt idx="1342">
                  <c:v>12.230952701708395</c:v>
                </c:pt>
                <c:pt idx="1343">
                  <c:v>12.230952701708395</c:v>
                </c:pt>
                <c:pt idx="1344">
                  <c:v>18.144455151785102</c:v>
                </c:pt>
                <c:pt idx="1345">
                  <c:v>18.170165149962596</c:v>
                </c:pt>
                <c:pt idx="1346">
                  <c:v>18.170165149962596</c:v>
                </c:pt>
                <c:pt idx="1347">
                  <c:v>18.170165149962596</c:v>
                </c:pt>
                <c:pt idx="1348">
                  <c:v>18.170165149962596</c:v>
                </c:pt>
                <c:pt idx="1349">
                  <c:v>18.216443146682078</c:v>
                </c:pt>
                <c:pt idx="1350">
                  <c:v>18.257579143766065</c:v>
                </c:pt>
                <c:pt idx="1351">
                  <c:v>18.308999140121049</c:v>
                </c:pt>
                <c:pt idx="1352">
                  <c:v>18.308999140121049</c:v>
                </c:pt>
                <c:pt idx="1353">
                  <c:v>18.308999140121049</c:v>
                </c:pt>
                <c:pt idx="1354">
                  <c:v>18.308999140121049</c:v>
                </c:pt>
                <c:pt idx="1355">
                  <c:v>18.308999140121049</c:v>
                </c:pt>
                <c:pt idx="1356">
                  <c:v>18.308999140121049</c:v>
                </c:pt>
                <c:pt idx="1357">
                  <c:v>18.308999140121049</c:v>
                </c:pt>
                <c:pt idx="1358">
                  <c:v>18.308999140121049</c:v>
                </c:pt>
                <c:pt idx="1359">
                  <c:v>18.273005142672559</c:v>
                </c:pt>
                <c:pt idx="1360">
                  <c:v>18.267863143037061</c:v>
                </c:pt>
                <c:pt idx="1361">
                  <c:v>18.226727145953074</c:v>
                </c:pt>
                <c:pt idx="1362">
                  <c:v>18.21130114704658</c:v>
                </c:pt>
                <c:pt idx="1363">
                  <c:v>18.175307149598094</c:v>
                </c:pt>
                <c:pt idx="1364">
                  <c:v>18.144455151785102</c:v>
                </c:pt>
                <c:pt idx="1365">
                  <c:v>18.123887153243111</c:v>
                </c:pt>
                <c:pt idx="1366">
                  <c:v>18.123887153243111</c:v>
                </c:pt>
                <c:pt idx="1367">
                  <c:v>18.123887153243111</c:v>
                </c:pt>
                <c:pt idx="1368">
                  <c:v>16.496588175788922</c:v>
                </c:pt>
                <c:pt idx="1369">
                  <c:v>16.496588175788922</c:v>
                </c:pt>
                <c:pt idx="1370">
                  <c:v>16.496588175788922</c:v>
                </c:pt>
                <c:pt idx="1371">
                  <c:v>16.496588175788922</c:v>
                </c:pt>
                <c:pt idx="1372">
                  <c:v>16.496588175788922</c:v>
                </c:pt>
                <c:pt idx="1373">
                  <c:v>16.496588175788922</c:v>
                </c:pt>
                <c:pt idx="1374">
                  <c:v>16.496588175788922</c:v>
                </c:pt>
                <c:pt idx="1375">
                  <c:v>70.616425338970373</c:v>
                </c:pt>
                <c:pt idx="1376">
                  <c:v>79.443478506341677</c:v>
                </c:pt>
                <c:pt idx="1377">
                  <c:v>88.270531673712966</c:v>
                </c:pt>
                <c:pt idx="1378">
                  <c:v>88.270531673712966</c:v>
                </c:pt>
                <c:pt idx="1379">
                  <c:v>105.92463800845556</c:v>
                </c:pt>
                <c:pt idx="1380">
                  <c:v>105.92463800845556</c:v>
                </c:pt>
                <c:pt idx="1381">
                  <c:v>70.616425338970373</c:v>
                </c:pt>
                <c:pt idx="1382">
                  <c:v>105.92463800845556</c:v>
                </c:pt>
                <c:pt idx="1383">
                  <c:v>105.92463800845556</c:v>
                </c:pt>
                <c:pt idx="1384">
                  <c:v>67.969266917335091</c:v>
                </c:pt>
                <c:pt idx="1385">
                  <c:v>30.10860685680062</c:v>
                </c:pt>
                <c:pt idx="1386">
                  <c:v>19.262993711591214</c:v>
                </c:pt>
                <c:pt idx="1387">
                  <c:v>19.262993711591214</c:v>
                </c:pt>
                <c:pt idx="1388">
                  <c:v>19.262993711591214</c:v>
                </c:pt>
                <c:pt idx="1389">
                  <c:v>19.262993711591214</c:v>
                </c:pt>
                <c:pt idx="1390">
                  <c:v>19.262993711591214</c:v>
                </c:pt>
                <c:pt idx="1391">
                  <c:v>19.262993711591214</c:v>
                </c:pt>
                <c:pt idx="1392">
                  <c:v>13.330428967297259</c:v>
                </c:pt>
                <c:pt idx="1393">
                  <c:v>17.641012414604017</c:v>
                </c:pt>
                <c:pt idx="1394">
                  <c:v>17.641012414604017</c:v>
                </c:pt>
                <c:pt idx="1395">
                  <c:v>17.641012414604017</c:v>
                </c:pt>
                <c:pt idx="1396">
                  <c:v>17.641012414604017</c:v>
                </c:pt>
                <c:pt idx="1397">
                  <c:v>17.641012414604017</c:v>
                </c:pt>
                <c:pt idx="1398">
                  <c:v>17.641012414604017</c:v>
                </c:pt>
                <c:pt idx="1399">
                  <c:v>67.557982856697521</c:v>
                </c:pt>
                <c:pt idx="1400">
                  <c:v>75.380486134841462</c:v>
                </c:pt>
                <c:pt idx="1401">
                  <c:v>83.202989412985403</c:v>
                </c:pt>
                <c:pt idx="1402">
                  <c:v>83.202989412985403</c:v>
                </c:pt>
                <c:pt idx="1403">
                  <c:v>99.559132630922676</c:v>
                </c:pt>
                <c:pt idx="1404">
                  <c:v>99.559132630922676</c:v>
                </c:pt>
                <c:pt idx="1405">
                  <c:v>66.135709533398639</c:v>
                </c:pt>
                <c:pt idx="1406">
                  <c:v>99.559132630922676</c:v>
                </c:pt>
                <c:pt idx="1407">
                  <c:v>99.559132630922676</c:v>
                </c:pt>
                <c:pt idx="1408">
                  <c:v>64.008509277309841</c:v>
                </c:pt>
                <c:pt idx="1409">
                  <c:v>33.975465962751429</c:v>
                </c:pt>
                <c:pt idx="1410">
                  <c:v>18.032883637086449</c:v>
                </c:pt>
                <c:pt idx="1411">
                  <c:v>18.032883637086449</c:v>
                </c:pt>
                <c:pt idx="1412">
                  <c:v>18.032883637086449</c:v>
                </c:pt>
                <c:pt idx="1413">
                  <c:v>18.032883637086449</c:v>
                </c:pt>
                <c:pt idx="1414">
                  <c:v>18.032883637086449</c:v>
                </c:pt>
                <c:pt idx="1415">
                  <c:v>18.032883637086449</c:v>
                </c:pt>
                <c:pt idx="1416">
                  <c:v>16.905708157115441</c:v>
                </c:pt>
                <c:pt idx="1417">
                  <c:v>16.905708157115441</c:v>
                </c:pt>
                <c:pt idx="1418">
                  <c:v>16.905708157115441</c:v>
                </c:pt>
                <c:pt idx="1419">
                  <c:v>16.905708157115441</c:v>
                </c:pt>
                <c:pt idx="1420">
                  <c:v>16.905708157115441</c:v>
                </c:pt>
                <c:pt idx="1421">
                  <c:v>16.905708157115441</c:v>
                </c:pt>
                <c:pt idx="1422">
                  <c:v>16.905708157115441</c:v>
                </c:pt>
                <c:pt idx="1423">
                  <c:v>62.952011792808158</c:v>
                </c:pt>
                <c:pt idx="1424">
                  <c:v>70.241192105659636</c:v>
                </c:pt>
                <c:pt idx="1425">
                  <c:v>77.530372418511107</c:v>
                </c:pt>
                <c:pt idx="1426">
                  <c:v>77.530372418511107</c:v>
                </c:pt>
                <c:pt idx="1427">
                  <c:v>92.771385799927799</c:v>
                </c:pt>
                <c:pt idx="1428">
                  <c:v>92.771385799927799</c:v>
                </c:pt>
                <c:pt idx="1429">
                  <c:v>61.626706281380621</c:v>
                </c:pt>
                <c:pt idx="1430">
                  <c:v>92.771385799927799</c:v>
                </c:pt>
                <c:pt idx="1431">
                  <c:v>92.771385799927799</c:v>
                </c:pt>
                <c:pt idx="1432">
                  <c:v>59.287782464203559</c:v>
                </c:pt>
                <c:pt idx="1433">
                  <c:v>31.07589435538538</c:v>
                </c:pt>
                <c:pt idx="1434">
                  <c:v>16.905708157115441</c:v>
                </c:pt>
                <c:pt idx="1435">
                  <c:v>16.905708157115441</c:v>
                </c:pt>
                <c:pt idx="1436">
                  <c:v>16.905708157115441</c:v>
                </c:pt>
                <c:pt idx="1437">
                  <c:v>16.905708157115441</c:v>
                </c:pt>
                <c:pt idx="1438">
                  <c:v>16.905708157115441</c:v>
                </c:pt>
                <c:pt idx="1439">
                  <c:v>16.905708157115441</c:v>
                </c:pt>
                <c:pt idx="1440">
                  <c:v>14.693139533854191</c:v>
                </c:pt>
                <c:pt idx="1441">
                  <c:v>14.693139533854191</c:v>
                </c:pt>
                <c:pt idx="1442">
                  <c:v>14.693139533854191</c:v>
                </c:pt>
                <c:pt idx="1443">
                  <c:v>14.693139533854191</c:v>
                </c:pt>
                <c:pt idx="1444">
                  <c:v>14.693139533854191</c:v>
                </c:pt>
                <c:pt idx="1445">
                  <c:v>14.693139533854191</c:v>
                </c:pt>
                <c:pt idx="1446">
                  <c:v>14.693139533854191</c:v>
                </c:pt>
                <c:pt idx="1447">
                  <c:v>55.528963541769947</c:v>
                </c:pt>
                <c:pt idx="1448">
                  <c:v>61.958633004501216</c:v>
                </c:pt>
                <c:pt idx="1449">
                  <c:v>68.388302467232478</c:v>
                </c:pt>
                <c:pt idx="1450">
                  <c:v>68.388302467232478</c:v>
                </c:pt>
                <c:pt idx="1451">
                  <c:v>81.832156798397818</c:v>
                </c:pt>
                <c:pt idx="1452">
                  <c:v>81.832156798397818</c:v>
                </c:pt>
                <c:pt idx="1453">
                  <c:v>54.359932730364271</c:v>
                </c:pt>
                <c:pt idx="1454">
                  <c:v>81.832156798397818</c:v>
                </c:pt>
                <c:pt idx="1455">
                  <c:v>81.832156798397818</c:v>
                </c:pt>
                <c:pt idx="1456">
                  <c:v>51.624788248841192</c:v>
                </c:pt>
                <c:pt idx="1457">
                  <c:v>26.284998188666492</c:v>
                </c:pt>
                <c:pt idx="1458">
                  <c:v>14.693139533854191</c:v>
                </c:pt>
                <c:pt idx="1459">
                  <c:v>14.693139533854191</c:v>
                </c:pt>
                <c:pt idx="1460">
                  <c:v>14.693139533854191</c:v>
                </c:pt>
                <c:pt idx="1461">
                  <c:v>14.693139533854191</c:v>
                </c:pt>
                <c:pt idx="1462">
                  <c:v>14.693139533854191</c:v>
                </c:pt>
                <c:pt idx="1463">
                  <c:v>14.693139533854191</c:v>
                </c:pt>
                <c:pt idx="1464">
                  <c:v>20.543104331048465</c:v>
                </c:pt>
                <c:pt idx="1465">
                  <c:v>13.744014840413147</c:v>
                </c:pt>
                <c:pt idx="1466">
                  <c:v>13.744014840413147</c:v>
                </c:pt>
                <c:pt idx="1467">
                  <c:v>13.744014840413147</c:v>
                </c:pt>
                <c:pt idx="1468">
                  <c:v>13.744014840413147</c:v>
                </c:pt>
                <c:pt idx="1469">
                  <c:v>13.744014840413147</c:v>
                </c:pt>
                <c:pt idx="1470">
                  <c:v>13.744014840413147</c:v>
                </c:pt>
                <c:pt idx="1471">
                  <c:v>53.458434303051675</c:v>
                </c:pt>
                <c:pt idx="1472">
                  <c:v>66.82304287881459</c:v>
                </c:pt>
                <c:pt idx="1473">
                  <c:v>73.505347166696055</c:v>
                </c:pt>
                <c:pt idx="1474">
                  <c:v>73.505347166696055</c:v>
                </c:pt>
                <c:pt idx="1475">
                  <c:v>86.869955742458984</c:v>
                </c:pt>
                <c:pt idx="1476">
                  <c:v>86.869955742458984</c:v>
                </c:pt>
                <c:pt idx="1477">
                  <c:v>60.14073859093314</c:v>
                </c:pt>
                <c:pt idx="1478">
                  <c:v>86.869955742458984</c:v>
                </c:pt>
                <c:pt idx="1479">
                  <c:v>67.935323853214044</c:v>
                </c:pt>
                <c:pt idx="1480">
                  <c:v>36.743496331888821</c:v>
                </c:pt>
                <c:pt idx="1481">
                  <c:v>26.157474963731389</c:v>
                </c:pt>
                <c:pt idx="1482">
                  <c:v>14.267021724308171</c:v>
                </c:pt>
                <c:pt idx="1483">
                  <c:v>13.744014840413147</c:v>
                </c:pt>
                <c:pt idx="1484">
                  <c:v>13.744014840413147</c:v>
                </c:pt>
                <c:pt idx="1485">
                  <c:v>13.744014840413147</c:v>
                </c:pt>
                <c:pt idx="1486">
                  <c:v>13.744014840413147</c:v>
                </c:pt>
                <c:pt idx="1487">
                  <c:v>13.744014840413147</c:v>
                </c:pt>
                <c:pt idx="1488">
                  <c:v>14.143305264582835</c:v>
                </c:pt>
                <c:pt idx="1489">
                  <c:v>13.350687489406555</c:v>
                </c:pt>
                <c:pt idx="1490">
                  <c:v>13.350687489406555</c:v>
                </c:pt>
                <c:pt idx="1491">
                  <c:v>13.350687489406555</c:v>
                </c:pt>
                <c:pt idx="1492">
                  <c:v>13.350687489406555</c:v>
                </c:pt>
                <c:pt idx="1493">
                  <c:v>13.379819653694941</c:v>
                </c:pt>
                <c:pt idx="1494">
                  <c:v>13.417691467269846</c:v>
                </c:pt>
                <c:pt idx="1495">
                  <c:v>13.443910415129393</c:v>
                </c:pt>
                <c:pt idx="1496">
                  <c:v>13.443910415129393</c:v>
                </c:pt>
                <c:pt idx="1497">
                  <c:v>13.443910415129393</c:v>
                </c:pt>
                <c:pt idx="1498">
                  <c:v>13.443910415129393</c:v>
                </c:pt>
                <c:pt idx="1499">
                  <c:v>13.443910415129393</c:v>
                </c:pt>
                <c:pt idx="1500">
                  <c:v>13.443910415129393</c:v>
                </c:pt>
                <c:pt idx="1501">
                  <c:v>13.443910415129393</c:v>
                </c:pt>
                <c:pt idx="1502">
                  <c:v>13.443910415129393</c:v>
                </c:pt>
                <c:pt idx="1503">
                  <c:v>13.423517900127521</c:v>
                </c:pt>
                <c:pt idx="1504">
                  <c:v>13.40603860155449</c:v>
                </c:pt>
                <c:pt idx="1505">
                  <c:v>13.388559302981458</c:v>
                </c:pt>
                <c:pt idx="1506">
                  <c:v>13.38273287012378</c:v>
                </c:pt>
                <c:pt idx="1507">
                  <c:v>13.353600705835394</c:v>
                </c:pt>
                <c:pt idx="1508">
                  <c:v>13.321555325118167</c:v>
                </c:pt>
                <c:pt idx="1509">
                  <c:v>13.321555325118167</c:v>
                </c:pt>
                <c:pt idx="1510">
                  <c:v>13.321555325118167</c:v>
                </c:pt>
                <c:pt idx="1511">
                  <c:v>13.321555325118167</c:v>
                </c:pt>
                <c:pt idx="1512">
                  <c:v>15.856378309317414</c:v>
                </c:pt>
                <c:pt idx="1513">
                  <c:v>15.877701400457871</c:v>
                </c:pt>
                <c:pt idx="1514">
                  <c:v>15.877701400457871</c:v>
                </c:pt>
                <c:pt idx="1515">
                  <c:v>15.877701400457871</c:v>
                </c:pt>
                <c:pt idx="1516">
                  <c:v>15.877701400457871</c:v>
                </c:pt>
                <c:pt idx="1517">
                  <c:v>15.916082964510696</c:v>
                </c:pt>
                <c:pt idx="1518">
                  <c:v>15.950199910335428</c:v>
                </c:pt>
                <c:pt idx="1519">
                  <c:v>15.992846092616343</c:v>
                </c:pt>
                <c:pt idx="1520">
                  <c:v>15.992846092616343</c:v>
                </c:pt>
                <c:pt idx="1521">
                  <c:v>15.992846092616343</c:v>
                </c:pt>
                <c:pt idx="1522">
                  <c:v>15.992846092616343</c:v>
                </c:pt>
                <c:pt idx="1523">
                  <c:v>15.992846092616343</c:v>
                </c:pt>
                <c:pt idx="1524">
                  <c:v>15.992846092616343</c:v>
                </c:pt>
                <c:pt idx="1525">
                  <c:v>15.992846092616343</c:v>
                </c:pt>
                <c:pt idx="1526">
                  <c:v>15.992846092616343</c:v>
                </c:pt>
                <c:pt idx="1527">
                  <c:v>15.962993765019704</c:v>
                </c:pt>
                <c:pt idx="1528">
                  <c:v>15.958729146791612</c:v>
                </c:pt>
                <c:pt idx="1529">
                  <c:v>15.924612200966878</c:v>
                </c:pt>
                <c:pt idx="1530">
                  <c:v>15.911818346282605</c:v>
                </c:pt>
                <c:pt idx="1531">
                  <c:v>15.881966018685963</c:v>
                </c:pt>
                <c:pt idx="1532">
                  <c:v>15.856378309317414</c:v>
                </c:pt>
                <c:pt idx="1533">
                  <c:v>15.839319836405048</c:v>
                </c:pt>
                <c:pt idx="1534">
                  <c:v>15.839319836405048</c:v>
                </c:pt>
                <c:pt idx="1535">
                  <c:v>15.839319836405048</c:v>
                </c:pt>
                <c:pt idx="1536">
                  <c:v>13.417402302563955</c:v>
                </c:pt>
                <c:pt idx="1537">
                  <c:v>13.417402302563955</c:v>
                </c:pt>
                <c:pt idx="1538">
                  <c:v>13.417402302563955</c:v>
                </c:pt>
                <c:pt idx="1539">
                  <c:v>13.417402302563955</c:v>
                </c:pt>
                <c:pt idx="1540">
                  <c:v>13.417402302563955</c:v>
                </c:pt>
                <c:pt idx="1541">
                  <c:v>13.417402302563955</c:v>
                </c:pt>
                <c:pt idx="1542">
                  <c:v>13.417402302563955</c:v>
                </c:pt>
                <c:pt idx="1543">
                  <c:v>57.374053503478436</c:v>
                </c:pt>
                <c:pt idx="1544">
                  <c:v>64.545810191413238</c:v>
                </c:pt>
                <c:pt idx="1545">
                  <c:v>71.717566879348041</c:v>
                </c:pt>
                <c:pt idx="1546">
                  <c:v>71.717566879348041</c:v>
                </c:pt>
                <c:pt idx="1547">
                  <c:v>86.061080255217647</c:v>
                </c:pt>
                <c:pt idx="1548">
                  <c:v>86.061080255217647</c:v>
                </c:pt>
                <c:pt idx="1549">
                  <c:v>57.374053503478436</c:v>
                </c:pt>
                <c:pt idx="1550">
                  <c:v>86.061080255217647</c:v>
                </c:pt>
                <c:pt idx="1551">
                  <c:v>86.061080255217647</c:v>
                </c:pt>
                <c:pt idx="1552">
                  <c:v>54.115841279371075</c:v>
                </c:pt>
                <c:pt idx="1553">
                  <c:v>22.230579996456733</c:v>
                </c:pt>
                <c:pt idx="1554">
                  <c:v>15.31781512280269</c:v>
                </c:pt>
                <c:pt idx="1555">
                  <c:v>15.31781512280269</c:v>
                </c:pt>
                <c:pt idx="1556">
                  <c:v>15.31781512280269</c:v>
                </c:pt>
                <c:pt idx="1557">
                  <c:v>15.31781512280269</c:v>
                </c:pt>
                <c:pt idx="1558">
                  <c:v>15.31781512280269</c:v>
                </c:pt>
                <c:pt idx="1559">
                  <c:v>15.31781512280269</c:v>
                </c:pt>
                <c:pt idx="1560">
                  <c:v>9.9081505159131531</c:v>
                </c:pt>
                <c:pt idx="1561">
                  <c:v>13.587796644460145</c:v>
                </c:pt>
                <c:pt idx="1562">
                  <c:v>13.587796644460145</c:v>
                </c:pt>
                <c:pt idx="1563">
                  <c:v>13.587796644460145</c:v>
                </c:pt>
                <c:pt idx="1564">
                  <c:v>13.587796644460145</c:v>
                </c:pt>
                <c:pt idx="1565">
                  <c:v>13.587796644460145</c:v>
                </c:pt>
                <c:pt idx="1566">
                  <c:v>13.587796644460145</c:v>
                </c:pt>
                <c:pt idx="1567">
                  <c:v>53.431812351577655</c:v>
                </c:pt>
                <c:pt idx="1568">
                  <c:v>59.618653781760329</c:v>
                </c:pt>
                <c:pt idx="1569">
                  <c:v>65.805495211943011</c:v>
                </c:pt>
                <c:pt idx="1570">
                  <c:v>65.805495211943011</c:v>
                </c:pt>
                <c:pt idx="1571">
                  <c:v>78.741618202324972</c:v>
                </c:pt>
                <c:pt idx="1572">
                  <c:v>78.741618202324972</c:v>
                </c:pt>
                <c:pt idx="1573">
                  <c:v>52.306932091544439</c:v>
                </c:pt>
                <c:pt idx="1574">
                  <c:v>78.741618202324972</c:v>
                </c:pt>
                <c:pt idx="1575">
                  <c:v>78.741618202324972</c:v>
                </c:pt>
                <c:pt idx="1576">
                  <c:v>49.41954964823767</c:v>
                </c:pt>
                <c:pt idx="1577">
                  <c:v>24.854911732878573</c:v>
                </c:pt>
                <c:pt idx="1578">
                  <c:v>13.922309928873506</c:v>
                </c:pt>
                <c:pt idx="1579">
                  <c:v>13.922309928873506</c:v>
                </c:pt>
                <c:pt idx="1580">
                  <c:v>13.922309928873506</c:v>
                </c:pt>
                <c:pt idx="1581">
                  <c:v>13.922309928873506</c:v>
                </c:pt>
                <c:pt idx="1582">
                  <c:v>13.922309928873506</c:v>
                </c:pt>
                <c:pt idx="1583">
                  <c:v>13.922309928873506</c:v>
                </c:pt>
                <c:pt idx="1584">
                  <c:v>13.161361256211784</c:v>
                </c:pt>
                <c:pt idx="1585">
                  <c:v>13.161361256211784</c:v>
                </c:pt>
                <c:pt idx="1586">
                  <c:v>13.161361256211784</c:v>
                </c:pt>
                <c:pt idx="1587">
                  <c:v>13.161361256211784</c:v>
                </c:pt>
                <c:pt idx="1588">
                  <c:v>13.161361256211784</c:v>
                </c:pt>
                <c:pt idx="1589">
                  <c:v>13.161361256211784</c:v>
                </c:pt>
                <c:pt idx="1590">
                  <c:v>13.161361256211784</c:v>
                </c:pt>
                <c:pt idx="1591">
                  <c:v>50.389930137205027</c:v>
                </c:pt>
                <c:pt idx="1592">
                  <c:v>56.224553626776142</c:v>
                </c:pt>
                <c:pt idx="1593">
                  <c:v>62.05917711634725</c:v>
                </c:pt>
                <c:pt idx="1594">
                  <c:v>62.05917711634725</c:v>
                </c:pt>
                <c:pt idx="1595">
                  <c:v>74.258844412723207</c:v>
                </c:pt>
                <c:pt idx="1596">
                  <c:v>74.258844412723207</c:v>
                </c:pt>
                <c:pt idx="1597">
                  <c:v>49.32908950273756</c:v>
                </c:pt>
                <c:pt idx="1598">
                  <c:v>74.258844412723207</c:v>
                </c:pt>
                <c:pt idx="1599">
                  <c:v>74.258844412723207</c:v>
                </c:pt>
                <c:pt idx="1600">
                  <c:v>46.319638407436464</c:v>
                </c:pt>
                <c:pt idx="1601">
                  <c:v>22.96822391939957</c:v>
                </c:pt>
                <c:pt idx="1602">
                  <c:v>13.161361256211784</c:v>
                </c:pt>
                <c:pt idx="1603">
                  <c:v>13.161361256211784</c:v>
                </c:pt>
                <c:pt idx="1604">
                  <c:v>13.161361256211784</c:v>
                </c:pt>
                <c:pt idx="1605">
                  <c:v>13.161361256211784</c:v>
                </c:pt>
                <c:pt idx="1606">
                  <c:v>13.161361256211784</c:v>
                </c:pt>
                <c:pt idx="1607">
                  <c:v>13.161361256211784</c:v>
                </c:pt>
                <c:pt idx="1608">
                  <c:v>10.182903494129329</c:v>
                </c:pt>
                <c:pt idx="1609">
                  <c:v>10.182903494129329</c:v>
                </c:pt>
                <c:pt idx="1610">
                  <c:v>10.182903494129329</c:v>
                </c:pt>
                <c:pt idx="1611">
                  <c:v>10.182903494129329</c:v>
                </c:pt>
                <c:pt idx="1612">
                  <c:v>10.182903494129329</c:v>
                </c:pt>
                <c:pt idx="1613">
                  <c:v>10.182903494129329</c:v>
                </c:pt>
                <c:pt idx="1614">
                  <c:v>10.182903494129329</c:v>
                </c:pt>
                <c:pt idx="1615">
                  <c:v>40.397365183884361</c:v>
                </c:pt>
                <c:pt idx="1616">
                  <c:v>45.074954836755197</c:v>
                </c:pt>
                <c:pt idx="1617">
                  <c:v>49.752544489626018</c:v>
                </c:pt>
                <c:pt idx="1618">
                  <c:v>49.752544489626018</c:v>
                </c:pt>
                <c:pt idx="1619">
                  <c:v>59.532959218355906</c:v>
                </c:pt>
                <c:pt idx="1620">
                  <c:v>59.532959218355906</c:v>
                </c:pt>
                <c:pt idx="1621">
                  <c:v>39.546894337907851</c:v>
                </c:pt>
                <c:pt idx="1622">
                  <c:v>59.532959218355906</c:v>
                </c:pt>
                <c:pt idx="1623">
                  <c:v>59.532959218355906</c:v>
                </c:pt>
                <c:pt idx="1624">
                  <c:v>36.004069271371726</c:v>
                </c:pt>
                <c:pt idx="1625">
                  <c:v>16.518940618047218</c:v>
                </c:pt>
                <c:pt idx="1626">
                  <c:v>10.182903494129329</c:v>
                </c:pt>
                <c:pt idx="1627">
                  <c:v>10.182903494129329</c:v>
                </c:pt>
                <c:pt idx="1628">
                  <c:v>10.182903494129329</c:v>
                </c:pt>
                <c:pt idx="1629">
                  <c:v>10.182903494129329</c:v>
                </c:pt>
                <c:pt idx="1630">
                  <c:v>10.182903494129329</c:v>
                </c:pt>
                <c:pt idx="1631">
                  <c:v>10.182903494129329</c:v>
                </c:pt>
                <c:pt idx="1632">
                  <c:v>15.772076894990256</c:v>
                </c:pt>
                <c:pt idx="1633">
                  <c:v>10.034013344919718</c:v>
                </c:pt>
                <c:pt idx="1634">
                  <c:v>10.034013344919718</c:v>
                </c:pt>
                <c:pt idx="1635">
                  <c:v>10.034013344919718</c:v>
                </c:pt>
                <c:pt idx="1636">
                  <c:v>10.034013344919718</c:v>
                </c:pt>
                <c:pt idx="1637">
                  <c:v>10.034013344919718</c:v>
                </c:pt>
                <c:pt idx="1638">
                  <c:v>10.034013344919718</c:v>
                </c:pt>
                <c:pt idx="1639">
                  <c:v>40.874861679851442</c:v>
                </c:pt>
                <c:pt idx="1640">
                  <c:v>51.093577099814297</c:v>
                </c:pt>
                <c:pt idx="1641">
                  <c:v>56.202934809795728</c:v>
                </c:pt>
                <c:pt idx="1642">
                  <c:v>56.202934809795728</c:v>
                </c:pt>
                <c:pt idx="1643">
                  <c:v>66.421650229758598</c:v>
                </c:pt>
                <c:pt idx="1644">
                  <c:v>66.421650229758598</c:v>
                </c:pt>
                <c:pt idx="1645">
                  <c:v>45.984219389832873</c:v>
                </c:pt>
                <c:pt idx="1646">
                  <c:v>66.421650229758598</c:v>
                </c:pt>
                <c:pt idx="1647">
                  <c:v>51.502136593776406</c:v>
                </c:pt>
                <c:pt idx="1648">
                  <c:v>25.960517992218094</c:v>
                </c:pt>
                <c:pt idx="1649">
                  <c:v>17.834329578798982</c:v>
                </c:pt>
                <c:pt idx="1650">
                  <c:v>10.475402848771296</c:v>
                </c:pt>
                <c:pt idx="1651">
                  <c:v>10.034013344919718</c:v>
                </c:pt>
                <c:pt idx="1652">
                  <c:v>10.034013344919718</c:v>
                </c:pt>
                <c:pt idx="1653">
                  <c:v>10.034013344919718</c:v>
                </c:pt>
                <c:pt idx="1654">
                  <c:v>10.034013344919718</c:v>
                </c:pt>
                <c:pt idx="1655">
                  <c:v>10.034013344919718</c:v>
                </c:pt>
                <c:pt idx="1656">
                  <c:v>12.901754659407196</c:v>
                </c:pt>
                <c:pt idx="1657">
                  <c:v>12.15691141920159</c:v>
                </c:pt>
                <c:pt idx="1658">
                  <c:v>12.15691141920159</c:v>
                </c:pt>
                <c:pt idx="1659">
                  <c:v>12.15691141920159</c:v>
                </c:pt>
                <c:pt idx="1660">
                  <c:v>12.15691141920159</c:v>
                </c:pt>
                <c:pt idx="1661">
                  <c:v>12.182015829732038</c:v>
                </c:pt>
                <c:pt idx="1662">
                  <c:v>12.21465156342162</c:v>
                </c:pt>
                <c:pt idx="1663">
                  <c:v>12.237245532899024</c:v>
                </c:pt>
                <c:pt idx="1664">
                  <c:v>12.237245532899024</c:v>
                </c:pt>
                <c:pt idx="1665">
                  <c:v>12.237245532899024</c:v>
                </c:pt>
                <c:pt idx="1666">
                  <c:v>12.237245532899024</c:v>
                </c:pt>
                <c:pt idx="1667">
                  <c:v>12.237245532899024</c:v>
                </c:pt>
                <c:pt idx="1668">
                  <c:v>12.237245532899024</c:v>
                </c:pt>
                <c:pt idx="1669">
                  <c:v>12.237245532899024</c:v>
                </c:pt>
                <c:pt idx="1670">
                  <c:v>12.237245532899024</c:v>
                </c:pt>
                <c:pt idx="1671">
                  <c:v>12.21967244552771</c:v>
                </c:pt>
                <c:pt idx="1672">
                  <c:v>12.204609799209441</c:v>
                </c:pt>
                <c:pt idx="1673">
                  <c:v>12.189547152891173</c:v>
                </c:pt>
                <c:pt idx="1674">
                  <c:v>12.184526270785083</c:v>
                </c:pt>
                <c:pt idx="1675">
                  <c:v>12.159421860254634</c:v>
                </c:pt>
                <c:pt idx="1676">
                  <c:v>12.13180700867114</c:v>
                </c:pt>
                <c:pt idx="1677">
                  <c:v>12.13180700867114</c:v>
                </c:pt>
                <c:pt idx="1678">
                  <c:v>12.13180700867114</c:v>
                </c:pt>
                <c:pt idx="1679">
                  <c:v>12.13180700867114</c:v>
                </c:pt>
                <c:pt idx="1680">
                  <c:v>15.458451901931729</c:v>
                </c:pt>
                <c:pt idx="1681">
                  <c:v>15.47901205271792</c:v>
                </c:pt>
                <c:pt idx="1682">
                  <c:v>15.47901205271792</c:v>
                </c:pt>
                <c:pt idx="1683">
                  <c:v>15.47901205271792</c:v>
                </c:pt>
                <c:pt idx="1684">
                  <c:v>15.47901205271792</c:v>
                </c:pt>
                <c:pt idx="1685">
                  <c:v>15.516020324133065</c:v>
                </c:pt>
                <c:pt idx="1686">
                  <c:v>15.54891656539097</c:v>
                </c:pt>
                <c:pt idx="1687">
                  <c:v>15.590036866963352</c:v>
                </c:pt>
                <c:pt idx="1688">
                  <c:v>15.590036866963352</c:v>
                </c:pt>
                <c:pt idx="1689">
                  <c:v>15.590036866963352</c:v>
                </c:pt>
                <c:pt idx="1690">
                  <c:v>15.590036866963352</c:v>
                </c:pt>
                <c:pt idx="1691">
                  <c:v>15.590036866963352</c:v>
                </c:pt>
                <c:pt idx="1692">
                  <c:v>15.590036866963352</c:v>
                </c:pt>
                <c:pt idx="1693">
                  <c:v>15.590036866963352</c:v>
                </c:pt>
                <c:pt idx="1694">
                  <c:v>15.590036866963352</c:v>
                </c:pt>
                <c:pt idx="1695">
                  <c:v>15.561252655862685</c:v>
                </c:pt>
                <c:pt idx="1696">
                  <c:v>15.557140625705445</c:v>
                </c:pt>
                <c:pt idx="1697">
                  <c:v>15.52424438444754</c:v>
                </c:pt>
                <c:pt idx="1698">
                  <c:v>15.511908293975825</c:v>
                </c:pt>
                <c:pt idx="1699">
                  <c:v>15.483124082875158</c:v>
                </c:pt>
                <c:pt idx="1700">
                  <c:v>15.458451901931729</c:v>
                </c:pt>
                <c:pt idx="1701">
                  <c:v>15.442003781302777</c:v>
                </c:pt>
                <c:pt idx="1702">
                  <c:v>15.442003781302777</c:v>
                </c:pt>
                <c:pt idx="1703">
                  <c:v>15.442003781302777</c:v>
                </c:pt>
                <c:pt idx="1704">
                  <c:v>9.9682741501425145</c:v>
                </c:pt>
                <c:pt idx="1705">
                  <c:v>9.9682741501425145</c:v>
                </c:pt>
                <c:pt idx="1706">
                  <c:v>9.9682741501425145</c:v>
                </c:pt>
                <c:pt idx="1707">
                  <c:v>9.9682741501425145</c:v>
                </c:pt>
                <c:pt idx="1708">
                  <c:v>9.9682741501425145</c:v>
                </c:pt>
                <c:pt idx="1709">
                  <c:v>9.9682741501425145</c:v>
                </c:pt>
                <c:pt idx="1710">
                  <c:v>9.9682741501425145</c:v>
                </c:pt>
                <c:pt idx="1711">
                  <c:v>42.539055556535722</c:v>
                </c:pt>
                <c:pt idx="1712">
                  <c:v>47.856437501102683</c:v>
                </c:pt>
                <c:pt idx="1713">
                  <c:v>53.17381944566965</c:v>
                </c:pt>
                <c:pt idx="1714">
                  <c:v>53.17381944566965</c:v>
                </c:pt>
                <c:pt idx="1715">
                  <c:v>63.808583334803572</c:v>
                </c:pt>
                <c:pt idx="1716">
                  <c:v>63.808583334803572</c:v>
                </c:pt>
                <c:pt idx="1717">
                  <c:v>42.539055556535722</c:v>
                </c:pt>
                <c:pt idx="1718">
                  <c:v>63.808583334803572</c:v>
                </c:pt>
                <c:pt idx="1719">
                  <c:v>63.808583334803572</c:v>
                </c:pt>
                <c:pt idx="1720">
                  <c:v>38.566687756299828</c:v>
                </c:pt>
                <c:pt idx="1721">
                  <c:v>13.345405421387362</c:v>
                </c:pt>
                <c:pt idx="1722">
                  <c:v>10.889259351270896</c:v>
                </c:pt>
                <c:pt idx="1723">
                  <c:v>10.889259351270896</c:v>
                </c:pt>
                <c:pt idx="1724">
                  <c:v>10.889259351270896</c:v>
                </c:pt>
                <c:pt idx="1725">
                  <c:v>10.889259351270896</c:v>
                </c:pt>
                <c:pt idx="1726">
                  <c:v>10.889259351270896</c:v>
                </c:pt>
                <c:pt idx="1727">
                  <c:v>10.889259351270896</c:v>
                </c:pt>
                <c:pt idx="1728">
                  <c:v>7.3938234904064597</c:v>
                </c:pt>
                <c:pt idx="1729">
                  <c:v>10.609923833742195</c:v>
                </c:pt>
                <c:pt idx="1730">
                  <c:v>10.609923833742195</c:v>
                </c:pt>
                <c:pt idx="1731">
                  <c:v>10.609923833742195</c:v>
                </c:pt>
                <c:pt idx="1732">
                  <c:v>10.609923833742195</c:v>
                </c:pt>
                <c:pt idx="1733">
                  <c:v>10.609923833742195</c:v>
                </c:pt>
                <c:pt idx="1734">
                  <c:v>10.609923833742195</c:v>
                </c:pt>
                <c:pt idx="1735">
                  <c:v>43.053401368224264</c:v>
                </c:pt>
                <c:pt idx="1736">
                  <c:v>48.038532052966019</c:v>
                </c:pt>
                <c:pt idx="1737">
                  <c:v>53.023662737707781</c:v>
                </c:pt>
                <c:pt idx="1738">
                  <c:v>53.023662737707781</c:v>
                </c:pt>
                <c:pt idx="1739">
                  <c:v>63.447117805804183</c:v>
                </c:pt>
                <c:pt idx="1740">
                  <c:v>63.447117805804183</c:v>
                </c:pt>
                <c:pt idx="1741">
                  <c:v>42.147013970998486</c:v>
                </c:pt>
                <c:pt idx="1742">
                  <c:v>63.447117805804183</c:v>
                </c:pt>
                <c:pt idx="1743">
                  <c:v>63.447117805804183</c:v>
                </c:pt>
                <c:pt idx="1744">
                  <c:v>38.701130328919334</c:v>
                </c:pt>
                <c:pt idx="1745">
                  <c:v>18.154096380318919</c:v>
                </c:pt>
                <c:pt idx="1746">
                  <c:v>10.902296592227264</c:v>
                </c:pt>
                <c:pt idx="1747">
                  <c:v>10.902296592227264</c:v>
                </c:pt>
                <c:pt idx="1748">
                  <c:v>10.902296592227264</c:v>
                </c:pt>
                <c:pt idx="1749">
                  <c:v>10.902296592227264</c:v>
                </c:pt>
                <c:pt idx="1750">
                  <c:v>10.902296592227264</c:v>
                </c:pt>
                <c:pt idx="1751">
                  <c:v>10.902296592227264</c:v>
                </c:pt>
                <c:pt idx="1752">
                  <c:v>13.501756429021208</c:v>
                </c:pt>
                <c:pt idx="1753">
                  <c:v>13.501756429021208</c:v>
                </c:pt>
                <c:pt idx="1754">
                  <c:v>13.501756429021208</c:v>
                </c:pt>
                <c:pt idx="1755">
                  <c:v>13.501756429021208</c:v>
                </c:pt>
                <c:pt idx="1756">
                  <c:v>13.501756429021208</c:v>
                </c:pt>
                <c:pt idx="1757">
                  <c:v>13.501756429021208</c:v>
                </c:pt>
                <c:pt idx="1758">
                  <c:v>13.501756429021208</c:v>
                </c:pt>
                <c:pt idx="1759">
                  <c:v>51.531937560441669</c:v>
                </c:pt>
                <c:pt idx="1760">
                  <c:v>57.498793488492822</c:v>
                </c:pt>
                <c:pt idx="1761">
                  <c:v>63.465649416543968</c:v>
                </c:pt>
                <c:pt idx="1762">
                  <c:v>63.465649416543968</c:v>
                </c:pt>
                <c:pt idx="1763">
                  <c:v>75.941802720650884</c:v>
                </c:pt>
                <c:pt idx="1764">
                  <c:v>75.941802720650884</c:v>
                </c:pt>
                <c:pt idx="1765">
                  <c:v>50.447054664432386</c:v>
                </c:pt>
                <c:pt idx="1766">
                  <c:v>75.941802720650884</c:v>
                </c:pt>
                <c:pt idx="1767">
                  <c:v>75.941802720650884</c:v>
                </c:pt>
                <c:pt idx="1768">
                  <c:v>47.498560594415288</c:v>
                </c:pt>
                <c:pt idx="1769">
                  <c:v>23.705284868125553</c:v>
                </c:pt>
                <c:pt idx="1770">
                  <c:v>13.501756429021208</c:v>
                </c:pt>
                <c:pt idx="1771">
                  <c:v>13.501756429021208</c:v>
                </c:pt>
                <c:pt idx="1772">
                  <c:v>13.501756429021208</c:v>
                </c:pt>
                <c:pt idx="1773">
                  <c:v>13.501756429021208</c:v>
                </c:pt>
                <c:pt idx="1774">
                  <c:v>13.501756429021208</c:v>
                </c:pt>
                <c:pt idx="1775">
                  <c:v>13.501756429021208</c:v>
                </c:pt>
                <c:pt idx="1776">
                  <c:v>15.799423845484819</c:v>
                </c:pt>
                <c:pt idx="1777">
                  <c:v>15.799423845484819</c:v>
                </c:pt>
                <c:pt idx="1778">
                  <c:v>15.799423845484819</c:v>
                </c:pt>
                <c:pt idx="1779">
                  <c:v>15.799423845484819</c:v>
                </c:pt>
                <c:pt idx="1780">
                  <c:v>15.799423845484819</c:v>
                </c:pt>
                <c:pt idx="1781">
                  <c:v>15.799423845484819</c:v>
                </c:pt>
                <c:pt idx="1782">
                  <c:v>15.799423845484819</c:v>
                </c:pt>
                <c:pt idx="1783">
                  <c:v>59.240487667289045</c:v>
                </c:pt>
                <c:pt idx="1784">
                  <c:v>66.099912555080422</c:v>
                </c:pt>
                <c:pt idx="1785">
                  <c:v>72.959337442871785</c:v>
                </c:pt>
                <c:pt idx="1786">
                  <c:v>72.959337442871785</c:v>
                </c:pt>
                <c:pt idx="1787">
                  <c:v>87.301771299162809</c:v>
                </c:pt>
                <c:pt idx="1788">
                  <c:v>87.301771299162809</c:v>
                </c:pt>
                <c:pt idx="1789">
                  <c:v>57.993319505872449</c:v>
                </c:pt>
                <c:pt idx="1790">
                  <c:v>87.301771299162809</c:v>
                </c:pt>
                <c:pt idx="1791">
                  <c:v>87.301771299162809</c:v>
                </c:pt>
                <c:pt idx="1792">
                  <c:v>55.456285356522379</c:v>
                </c:pt>
                <c:pt idx="1793">
                  <c:v>28.680446272025939</c:v>
                </c:pt>
                <c:pt idx="1794">
                  <c:v>15.799423845484819</c:v>
                </c:pt>
                <c:pt idx="1795">
                  <c:v>15.799423845484819</c:v>
                </c:pt>
                <c:pt idx="1796">
                  <c:v>15.799423845484819</c:v>
                </c:pt>
                <c:pt idx="1797">
                  <c:v>15.799423845484819</c:v>
                </c:pt>
                <c:pt idx="1798">
                  <c:v>15.799423845484819</c:v>
                </c:pt>
                <c:pt idx="1799">
                  <c:v>15.799423845484819</c:v>
                </c:pt>
                <c:pt idx="1800">
                  <c:v>19.091052502682924</c:v>
                </c:pt>
                <c:pt idx="1801">
                  <c:v>12.614883950480362</c:v>
                </c:pt>
                <c:pt idx="1802">
                  <c:v>12.614883950480362</c:v>
                </c:pt>
                <c:pt idx="1803">
                  <c:v>12.614883950480362</c:v>
                </c:pt>
                <c:pt idx="1804">
                  <c:v>12.614883950480362</c:v>
                </c:pt>
                <c:pt idx="1805">
                  <c:v>12.614883950480362</c:v>
                </c:pt>
                <c:pt idx="1806">
                  <c:v>12.614883950480362</c:v>
                </c:pt>
                <c:pt idx="1807">
                  <c:v>49.628651330773337</c:v>
                </c:pt>
                <c:pt idx="1808">
                  <c:v>62.035814163466675</c:v>
                </c:pt>
                <c:pt idx="1809">
                  <c:v>68.239395579813333</c:v>
                </c:pt>
                <c:pt idx="1810">
                  <c:v>68.239395579813333</c:v>
                </c:pt>
                <c:pt idx="1811">
                  <c:v>80.646558412506664</c:v>
                </c:pt>
                <c:pt idx="1812">
                  <c:v>80.646558412506664</c:v>
                </c:pt>
                <c:pt idx="1813">
                  <c:v>55.83223274712001</c:v>
                </c:pt>
                <c:pt idx="1814">
                  <c:v>80.646558412506664</c:v>
                </c:pt>
                <c:pt idx="1815">
                  <c:v>62.933919035124326</c:v>
                </c:pt>
                <c:pt idx="1816">
                  <c:v>33.461720315467289</c:v>
                </c:pt>
                <c:pt idx="1817">
                  <c:v>23.624343759621524</c:v>
                </c:pt>
                <c:pt idx="1818">
                  <c:v>13.113050762188251</c:v>
                </c:pt>
                <c:pt idx="1819">
                  <c:v>12.614883950480362</c:v>
                </c:pt>
                <c:pt idx="1820">
                  <c:v>12.614883950480362</c:v>
                </c:pt>
                <c:pt idx="1821">
                  <c:v>12.614883950480362</c:v>
                </c:pt>
                <c:pt idx="1822">
                  <c:v>12.614883950480362</c:v>
                </c:pt>
                <c:pt idx="1823">
                  <c:v>12.614883950480362</c:v>
                </c:pt>
                <c:pt idx="1824">
                  <c:v>11.556741503800252</c:v>
                </c:pt>
                <c:pt idx="1825">
                  <c:v>10.863654009812873</c:v>
                </c:pt>
                <c:pt idx="1826">
                  <c:v>10.863654009812873</c:v>
                </c:pt>
                <c:pt idx="1827">
                  <c:v>10.863654009812873</c:v>
                </c:pt>
                <c:pt idx="1828">
                  <c:v>10.863654009812873</c:v>
                </c:pt>
                <c:pt idx="1829">
                  <c:v>10.884395020438888</c:v>
                </c:pt>
                <c:pt idx="1830">
                  <c:v>10.911358334252707</c:v>
                </c:pt>
                <c:pt idx="1831">
                  <c:v>10.930025243816122</c:v>
                </c:pt>
                <c:pt idx="1832">
                  <c:v>10.930025243816122</c:v>
                </c:pt>
                <c:pt idx="1833">
                  <c:v>10.930025243816122</c:v>
                </c:pt>
                <c:pt idx="1834">
                  <c:v>10.930025243816122</c:v>
                </c:pt>
                <c:pt idx="1835">
                  <c:v>10.930025243816122</c:v>
                </c:pt>
                <c:pt idx="1836">
                  <c:v>10.930025243816122</c:v>
                </c:pt>
                <c:pt idx="1837">
                  <c:v>10.930025243816122</c:v>
                </c:pt>
                <c:pt idx="1838">
                  <c:v>10.930025243816122</c:v>
                </c:pt>
                <c:pt idx="1839">
                  <c:v>10.91550653637791</c:v>
                </c:pt>
                <c:pt idx="1840">
                  <c:v>10.9030619300023</c:v>
                </c:pt>
                <c:pt idx="1841">
                  <c:v>10.890617323626692</c:v>
                </c:pt>
                <c:pt idx="1842">
                  <c:v>10.886469121501488</c:v>
                </c:pt>
                <c:pt idx="1843">
                  <c:v>10.865728110875473</c:v>
                </c:pt>
                <c:pt idx="1844">
                  <c:v>10.842912999186856</c:v>
                </c:pt>
                <c:pt idx="1845">
                  <c:v>10.842912999186856</c:v>
                </c:pt>
                <c:pt idx="1846">
                  <c:v>10.842912999186856</c:v>
                </c:pt>
                <c:pt idx="1847">
                  <c:v>10.842912999186856</c:v>
                </c:pt>
                <c:pt idx="1848">
                  <c:v>10.981779818842773</c:v>
                </c:pt>
                <c:pt idx="1849">
                  <c:v>10.993756890643464</c:v>
                </c:pt>
                <c:pt idx="1850">
                  <c:v>10.993756890643464</c:v>
                </c:pt>
                <c:pt idx="1851">
                  <c:v>10.993756890643464</c:v>
                </c:pt>
                <c:pt idx="1852">
                  <c:v>10.993756890643464</c:v>
                </c:pt>
                <c:pt idx="1853">
                  <c:v>11.015315619884706</c:v>
                </c:pt>
                <c:pt idx="1854">
                  <c:v>11.034478934765811</c:v>
                </c:pt>
                <c:pt idx="1855">
                  <c:v>11.058433078367193</c:v>
                </c:pt>
                <c:pt idx="1856">
                  <c:v>11.058433078367193</c:v>
                </c:pt>
                <c:pt idx="1857">
                  <c:v>11.058433078367193</c:v>
                </c:pt>
                <c:pt idx="1858">
                  <c:v>11.058433078367193</c:v>
                </c:pt>
                <c:pt idx="1859">
                  <c:v>11.058433078367193</c:v>
                </c:pt>
                <c:pt idx="1860">
                  <c:v>11.058433078367193</c:v>
                </c:pt>
                <c:pt idx="1861">
                  <c:v>11.058433078367193</c:v>
                </c:pt>
                <c:pt idx="1862">
                  <c:v>11.058433078367193</c:v>
                </c:pt>
                <c:pt idx="1863">
                  <c:v>11.041665177846227</c:v>
                </c:pt>
                <c:pt idx="1864">
                  <c:v>11.039269763486088</c:v>
                </c:pt>
                <c:pt idx="1865">
                  <c:v>11.020106448604983</c:v>
                </c:pt>
                <c:pt idx="1866">
                  <c:v>11.012920205524569</c:v>
                </c:pt>
                <c:pt idx="1867">
                  <c:v>10.996152305003601</c:v>
                </c:pt>
                <c:pt idx="1868">
                  <c:v>10.981779818842773</c:v>
                </c:pt>
                <c:pt idx="1869">
                  <c:v>10.97219816140222</c:v>
                </c:pt>
                <c:pt idx="1870">
                  <c:v>10.97219816140222</c:v>
                </c:pt>
                <c:pt idx="1871">
                  <c:v>10.97219816140222</c:v>
                </c:pt>
                <c:pt idx="1872">
                  <c:v>9.0890846210939102</c:v>
                </c:pt>
                <c:pt idx="1873">
                  <c:v>9.0890846210939102</c:v>
                </c:pt>
                <c:pt idx="1874">
                  <c:v>9.0890846210939102</c:v>
                </c:pt>
                <c:pt idx="1875">
                  <c:v>9.0890846210939102</c:v>
                </c:pt>
                <c:pt idx="1876">
                  <c:v>9.0890846210939102</c:v>
                </c:pt>
                <c:pt idx="1877">
                  <c:v>9.0890846210939102</c:v>
                </c:pt>
                <c:pt idx="1878">
                  <c:v>9.0890846210939102</c:v>
                </c:pt>
                <c:pt idx="1879">
                  <c:v>38.757585491628745</c:v>
                </c:pt>
                <c:pt idx="1880">
                  <c:v>43.602283678082337</c:v>
                </c:pt>
                <c:pt idx="1881">
                  <c:v>48.446981864535928</c:v>
                </c:pt>
                <c:pt idx="1882">
                  <c:v>48.446981864535928</c:v>
                </c:pt>
                <c:pt idx="1883">
                  <c:v>58.136378237443104</c:v>
                </c:pt>
                <c:pt idx="1884">
                  <c:v>58.136378237443104</c:v>
                </c:pt>
                <c:pt idx="1885">
                  <c:v>38.757585491628745</c:v>
                </c:pt>
                <c:pt idx="1886">
                  <c:v>58.136378237443104</c:v>
                </c:pt>
                <c:pt idx="1887">
                  <c:v>58.136378237443104</c:v>
                </c:pt>
                <c:pt idx="1888">
                  <c:v>34.603178034732636</c:v>
                </c:pt>
                <c:pt idx="1889">
                  <c:v>11.080557000291243</c:v>
                </c:pt>
                <c:pt idx="1890">
                  <c:v>9.7604118016647501</c:v>
                </c:pt>
                <c:pt idx="1891">
                  <c:v>9.7604118016647501</c:v>
                </c:pt>
                <c:pt idx="1892">
                  <c:v>9.7604118016647501</c:v>
                </c:pt>
                <c:pt idx="1893">
                  <c:v>9.7604118016647501</c:v>
                </c:pt>
                <c:pt idx="1894">
                  <c:v>9.7604118016647501</c:v>
                </c:pt>
                <c:pt idx="1895">
                  <c:v>9.7604118016647501</c:v>
                </c:pt>
                <c:pt idx="1896">
                  <c:v>6.1156058832196667</c:v>
                </c:pt>
                <c:pt idx="1897">
                  <c:v>9.0226757030812355</c:v>
                </c:pt>
                <c:pt idx="1898">
                  <c:v>9.0226757030812355</c:v>
                </c:pt>
                <c:pt idx="1899">
                  <c:v>9.0226757030812355</c:v>
                </c:pt>
                <c:pt idx="1900">
                  <c:v>9.0226757030812355</c:v>
                </c:pt>
                <c:pt idx="1901">
                  <c:v>9.0226757030812355</c:v>
                </c:pt>
                <c:pt idx="1902">
                  <c:v>9.0226757030812355</c:v>
                </c:pt>
                <c:pt idx="1903">
                  <c:v>37.280958667388177</c:v>
                </c:pt>
                <c:pt idx="1904">
                  <c:v>41.597701249927866</c:v>
                </c:pt>
                <c:pt idx="1905">
                  <c:v>45.914443832467548</c:v>
                </c:pt>
                <c:pt idx="1906">
                  <c:v>45.914443832467548</c:v>
                </c:pt>
                <c:pt idx="1907">
                  <c:v>54.940360141414153</c:v>
                </c:pt>
                <c:pt idx="1908">
                  <c:v>54.940360141414153</c:v>
                </c:pt>
                <c:pt idx="1909">
                  <c:v>36.496096379653686</c:v>
                </c:pt>
                <c:pt idx="1910">
                  <c:v>54.940360141414153</c:v>
                </c:pt>
                <c:pt idx="1911">
                  <c:v>54.940360141414153</c:v>
                </c:pt>
                <c:pt idx="1912">
                  <c:v>32.96777696808163</c:v>
                </c:pt>
                <c:pt idx="1913">
                  <c:v>14.808990526507028</c:v>
                </c:pt>
                <c:pt idx="1914">
                  <c:v>9.2869547776141026</c:v>
                </c:pt>
                <c:pt idx="1915">
                  <c:v>9.2869547776141026</c:v>
                </c:pt>
                <c:pt idx="1916">
                  <c:v>9.2869547776141026</c:v>
                </c:pt>
                <c:pt idx="1917">
                  <c:v>9.2869547776141026</c:v>
                </c:pt>
                <c:pt idx="1918">
                  <c:v>9.2869547776141026</c:v>
                </c:pt>
                <c:pt idx="1919">
                  <c:v>9.2869547776141026</c:v>
                </c:pt>
                <c:pt idx="1920">
                  <c:v>8.2219748138117694</c:v>
                </c:pt>
                <c:pt idx="1921">
                  <c:v>8.2219748138117694</c:v>
                </c:pt>
                <c:pt idx="1922">
                  <c:v>8.2219748138117694</c:v>
                </c:pt>
                <c:pt idx="1923">
                  <c:v>8.2219748138117694</c:v>
                </c:pt>
                <c:pt idx="1924">
                  <c:v>8.2219748138117694</c:v>
                </c:pt>
                <c:pt idx="1925">
                  <c:v>8.2219748138117694</c:v>
                </c:pt>
                <c:pt idx="1926">
                  <c:v>8.2219748138117694</c:v>
                </c:pt>
                <c:pt idx="1927">
                  <c:v>33.003874128679307</c:v>
                </c:pt>
                <c:pt idx="1928">
                  <c:v>36.825375343579012</c:v>
                </c:pt>
                <c:pt idx="1929">
                  <c:v>40.646876558478723</c:v>
                </c:pt>
                <c:pt idx="1930">
                  <c:v>40.646876558478723</c:v>
                </c:pt>
                <c:pt idx="1931">
                  <c:v>48.637288189632663</c:v>
                </c:pt>
                <c:pt idx="1932">
                  <c:v>48.637288189632663</c:v>
                </c:pt>
                <c:pt idx="1933">
                  <c:v>32.309055725970261</c:v>
                </c:pt>
                <c:pt idx="1934">
                  <c:v>48.637288189632663</c:v>
                </c:pt>
                <c:pt idx="1935">
                  <c:v>48.637288189632663</c:v>
                </c:pt>
                <c:pt idx="1936">
                  <c:v>29.116335981971542</c:v>
                </c:pt>
                <c:pt idx="1937">
                  <c:v>12.995597044683112</c:v>
                </c:pt>
                <c:pt idx="1938">
                  <c:v>8.2219748138117694</c:v>
                </c:pt>
                <c:pt idx="1939">
                  <c:v>8.2219748138117694</c:v>
                </c:pt>
                <c:pt idx="1940">
                  <c:v>8.2219748138117694</c:v>
                </c:pt>
                <c:pt idx="1941">
                  <c:v>8.2219748138117694</c:v>
                </c:pt>
                <c:pt idx="1942">
                  <c:v>8.2219748138117694</c:v>
                </c:pt>
                <c:pt idx="1943">
                  <c:v>8.2219748138117694</c:v>
                </c:pt>
                <c:pt idx="1944">
                  <c:v>8.6175209741127023</c:v>
                </c:pt>
                <c:pt idx="1945">
                  <c:v>8.6175209741127023</c:v>
                </c:pt>
                <c:pt idx="1946">
                  <c:v>8.6175209741127023</c:v>
                </c:pt>
                <c:pt idx="1947">
                  <c:v>8.6175209741127023</c:v>
                </c:pt>
                <c:pt idx="1948">
                  <c:v>8.6175209741127023</c:v>
                </c:pt>
                <c:pt idx="1949">
                  <c:v>8.6175209741127023</c:v>
                </c:pt>
                <c:pt idx="1950">
                  <c:v>8.6175209741127023</c:v>
                </c:pt>
                <c:pt idx="1951">
                  <c:v>34.553095925138408</c:v>
                </c:pt>
                <c:pt idx="1952">
                  <c:v>38.553980716470228</c:v>
                </c:pt>
                <c:pt idx="1953">
                  <c:v>42.554865507802056</c:v>
                </c:pt>
                <c:pt idx="1954">
                  <c:v>42.554865507802056</c:v>
                </c:pt>
                <c:pt idx="1955">
                  <c:v>50.920351889677661</c:v>
                </c:pt>
                <c:pt idx="1956">
                  <c:v>50.920351889677661</c:v>
                </c:pt>
                <c:pt idx="1957">
                  <c:v>33.825662326714443</c:v>
                </c:pt>
                <c:pt idx="1958">
                  <c:v>50.920351889677661</c:v>
                </c:pt>
                <c:pt idx="1959">
                  <c:v>50.920351889677661</c:v>
                </c:pt>
                <c:pt idx="1960">
                  <c:v>30.512522348043888</c:v>
                </c:pt>
                <c:pt idx="1961">
                  <c:v>13.654983994758146</c:v>
                </c:pt>
                <c:pt idx="1962">
                  <c:v>8.6175209741127023</c:v>
                </c:pt>
                <c:pt idx="1963">
                  <c:v>8.6175209741127023</c:v>
                </c:pt>
                <c:pt idx="1964">
                  <c:v>8.6175209741127023</c:v>
                </c:pt>
                <c:pt idx="1965">
                  <c:v>8.6175209741127023</c:v>
                </c:pt>
                <c:pt idx="1966">
                  <c:v>8.6175209741127023</c:v>
                </c:pt>
                <c:pt idx="1967">
                  <c:v>8.6175209741127023</c:v>
                </c:pt>
                <c:pt idx="1968">
                  <c:v>12.055718837929286</c:v>
                </c:pt>
                <c:pt idx="1969">
                  <c:v>7.4709443536900366</c:v>
                </c:pt>
                <c:pt idx="1970">
                  <c:v>7.4709443536900366</c:v>
                </c:pt>
                <c:pt idx="1971">
                  <c:v>7.4709443536900366</c:v>
                </c:pt>
                <c:pt idx="1972">
                  <c:v>7.4709443536900366</c:v>
                </c:pt>
                <c:pt idx="1973">
                  <c:v>7.4709443536900366</c:v>
                </c:pt>
                <c:pt idx="1974">
                  <c:v>7.4709443536900366</c:v>
                </c:pt>
                <c:pt idx="1975">
                  <c:v>31.179048308884084</c:v>
                </c:pt>
                <c:pt idx="1976">
                  <c:v>38.973810386105107</c:v>
                </c:pt>
                <c:pt idx="1977">
                  <c:v>42.871191424715619</c:v>
                </c:pt>
                <c:pt idx="1978">
                  <c:v>42.871191424715619</c:v>
                </c:pt>
                <c:pt idx="1979">
                  <c:v>50.665953501936634</c:v>
                </c:pt>
                <c:pt idx="1980">
                  <c:v>50.665953501936634</c:v>
                </c:pt>
                <c:pt idx="1981">
                  <c:v>35.076429347494596</c:v>
                </c:pt>
                <c:pt idx="1982">
                  <c:v>50.665953501936634</c:v>
                </c:pt>
                <c:pt idx="1983">
                  <c:v>39.115203097242691</c:v>
                </c:pt>
                <c:pt idx="1984">
                  <c:v>18.980345265234206</c:v>
                </c:pt>
                <c:pt idx="1985">
                  <c:v>12.76941537986187</c:v>
                </c:pt>
                <c:pt idx="1986">
                  <c:v>7.823619314016133</c:v>
                </c:pt>
                <c:pt idx="1987">
                  <c:v>7.4709443536900366</c:v>
                </c:pt>
                <c:pt idx="1988">
                  <c:v>7.4709443536900366</c:v>
                </c:pt>
                <c:pt idx="1989">
                  <c:v>7.4709443536900366</c:v>
                </c:pt>
                <c:pt idx="1990">
                  <c:v>7.4709443536900366</c:v>
                </c:pt>
                <c:pt idx="1991">
                  <c:v>7.4709443536900366</c:v>
                </c:pt>
                <c:pt idx="1992">
                  <c:v>7.9355522387046324</c:v>
                </c:pt>
                <c:pt idx="1993">
                  <c:v>7.3818071383817152</c:v>
                </c:pt>
                <c:pt idx="1994">
                  <c:v>7.3818071383817152</c:v>
                </c:pt>
                <c:pt idx="1995">
                  <c:v>7.3818071383817152</c:v>
                </c:pt>
                <c:pt idx="1996">
                  <c:v>7.3818071383817152</c:v>
                </c:pt>
                <c:pt idx="1997">
                  <c:v>7.3908005338804097</c:v>
                </c:pt>
                <c:pt idx="1998">
                  <c:v>7.4024919480287128</c:v>
                </c:pt>
                <c:pt idx="1999">
                  <c:v>7.4105860039775386</c:v>
                </c:pt>
                <c:pt idx="2000">
                  <c:v>7.4105860039775386</c:v>
                </c:pt>
                <c:pt idx="2001">
                  <c:v>7.4105860039775386</c:v>
                </c:pt>
                <c:pt idx="2002">
                  <c:v>7.4105860039775386</c:v>
                </c:pt>
                <c:pt idx="2003">
                  <c:v>7.4105860039775386</c:v>
                </c:pt>
                <c:pt idx="2004">
                  <c:v>7.4105860039775386</c:v>
                </c:pt>
                <c:pt idx="2005">
                  <c:v>7.4105860039775386</c:v>
                </c:pt>
                <c:pt idx="2006">
                  <c:v>7.4105860039775386</c:v>
                </c:pt>
                <c:pt idx="2007">
                  <c:v>7.4042906271284519</c:v>
                </c:pt>
                <c:pt idx="2008">
                  <c:v>7.3988945898292355</c:v>
                </c:pt>
                <c:pt idx="2009">
                  <c:v>7.3934985525300183</c:v>
                </c:pt>
                <c:pt idx="2010">
                  <c:v>7.3916998734302792</c:v>
                </c:pt>
                <c:pt idx="2011">
                  <c:v>7.3827064779315847</c:v>
                </c:pt>
                <c:pt idx="2012">
                  <c:v>7.3728137428830198</c:v>
                </c:pt>
                <c:pt idx="2013">
                  <c:v>7.3728137428830198</c:v>
                </c:pt>
                <c:pt idx="2014">
                  <c:v>7.3728137428830198</c:v>
                </c:pt>
                <c:pt idx="2015">
                  <c:v>7.3728137428830198</c:v>
                </c:pt>
                <c:pt idx="2016">
                  <c:v>7.5994053560644526</c:v>
                </c:pt>
                <c:pt idx="2017">
                  <c:v>7.6048974348538767</c:v>
                </c:pt>
                <c:pt idx="2018">
                  <c:v>7.6048974348538767</c:v>
                </c:pt>
                <c:pt idx="2019">
                  <c:v>7.6048974348538767</c:v>
                </c:pt>
                <c:pt idx="2020">
                  <c:v>7.6048974348538767</c:v>
                </c:pt>
                <c:pt idx="2021">
                  <c:v>7.6147831766748393</c:v>
                </c:pt>
                <c:pt idx="2022">
                  <c:v>7.623570502737917</c:v>
                </c:pt>
                <c:pt idx="2023">
                  <c:v>7.6345546603167636</c:v>
                </c:pt>
                <c:pt idx="2024">
                  <c:v>7.6345546603167636</c:v>
                </c:pt>
                <c:pt idx="2025">
                  <c:v>7.6345546603167636</c:v>
                </c:pt>
                <c:pt idx="2026">
                  <c:v>7.6345546603167636</c:v>
                </c:pt>
                <c:pt idx="2027">
                  <c:v>7.6345546603167636</c:v>
                </c:pt>
                <c:pt idx="2028">
                  <c:v>7.6345546603167636</c:v>
                </c:pt>
                <c:pt idx="2029">
                  <c:v>7.6345546603167636</c:v>
                </c:pt>
                <c:pt idx="2030">
                  <c:v>7.6345546603167636</c:v>
                </c:pt>
                <c:pt idx="2031">
                  <c:v>7.6268657500115706</c:v>
                </c:pt>
                <c:pt idx="2032">
                  <c:v>7.6257673342536858</c:v>
                </c:pt>
                <c:pt idx="2033">
                  <c:v>7.6169800081906081</c:v>
                </c:pt>
                <c:pt idx="2034">
                  <c:v>7.6136847609169545</c:v>
                </c:pt>
                <c:pt idx="2035">
                  <c:v>7.6059958506117615</c:v>
                </c:pt>
                <c:pt idx="2036">
                  <c:v>7.5994053560644526</c:v>
                </c:pt>
                <c:pt idx="2037">
                  <c:v>7.5950116930329141</c:v>
                </c:pt>
                <c:pt idx="2038">
                  <c:v>7.5950116930329141</c:v>
                </c:pt>
                <c:pt idx="2039">
                  <c:v>7.5950116930329141</c:v>
                </c:pt>
                <c:pt idx="2040">
                  <c:v>12.200062954650503</c:v>
                </c:pt>
                <c:pt idx="2041">
                  <c:v>12.200062954650503</c:v>
                </c:pt>
                <c:pt idx="2042">
                  <c:v>12.200062954650503</c:v>
                </c:pt>
                <c:pt idx="2043">
                  <c:v>12.200062954650503</c:v>
                </c:pt>
                <c:pt idx="2044">
                  <c:v>12.200062954650503</c:v>
                </c:pt>
                <c:pt idx="2045">
                  <c:v>12.200062954650503</c:v>
                </c:pt>
                <c:pt idx="2046">
                  <c:v>12.200062954650503</c:v>
                </c:pt>
                <c:pt idx="2047">
                  <c:v>52.138171875145716</c:v>
                </c:pt>
                <c:pt idx="2048">
                  <c:v>58.655443359538928</c:v>
                </c:pt>
                <c:pt idx="2049">
                  <c:v>65.172714843932141</c:v>
                </c:pt>
                <c:pt idx="2050">
                  <c:v>65.172714843932141</c:v>
                </c:pt>
                <c:pt idx="2051">
                  <c:v>78.207257812718566</c:v>
                </c:pt>
                <c:pt idx="2052">
                  <c:v>78.207257812718566</c:v>
                </c:pt>
                <c:pt idx="2053">
                  <c:v>52.138171875145716</c:v>
                </c:pt>
                <c:pt idx="2054">
                  <c:v>78.207257812718566</c:v>
                </c:pt>
                <c:pt idx="2055">
                  <c:v>78.207257812718566</c:v>
                </c:pt>
                <c:pt idx="2056">
                  <c:v>48.627904741816522</c:v>
                </c:pt>
                <c:pt idx="2057">
                  <c:v>19.094636028785189</c:v>
                </c:pt>
                <c:pt idx="2058">
                  <c:v>13.754795438732646</c:v>
                </c:pt>
                <c:pt idx="2059">
                  <c:v>13.754795438732646</c:v>
                </c:pt>
                <c:pt idx="2060">
                  <c:v>13.754795438732646</c:v>
                </c:pt>
                <c:pt idx="2061">
                  <c:v>13.754795438732646</c:v>
                </c:pt>
                <c:pt idx="2062">
                  <c:v>13.754795438732646</c:v>
                </c:pt>
                <c:pt idx="2063">
                  <c:v>13.754795438732646</c:v>
                </c:pt>
                <c:pt idx="2064">
                  <c:v>11.863738202418357</c:v>
                </c:pt>
                <c:pt idx="2065">
                  <c:v>15.903919941685217</c:v>
                </c:pt>
                <c:pt idx="2066">
                  <c:v>15.903919941685217</c:v>
                </c:pt>
                <c:pt idx="2067">
                  <c:v>15.903919941685217</c:v>
                </c:pt>
                <c:pt idx="2068">
                  <c:v>15.903919941685217</c:v>
                </c:pt>
                <c:pt idx="2069">
                  <c:v>15.903919941685217</c:v>
                </c:pt>
                <c:pt idx="2070">
                  <c:v>15.903919941685217</c:v>
                </c:pt>
                <c:pt idx="2071">
                  <c:v>61.503909783074732</c:v>
                </c:pt>
                <c:pt idx="2072">
                  <c:v>68.62541512637813</c:v>
                </c:pt>
                <c:pt idx="2073">
                  <c:v>75.746920469681527</c:v>
                </c:pt>
                <c:pt idx="2074">
                  <c:v>75.746920469681527</c:v>
                </c:pt>
                <c:pt idx="2075">
                  <c:v>90.637340732952225</c:v>
                </c:pt>
                <c:pt idx="2076">
                  <c:v>90.637340732952225</c:v>
                </c:pt>
                <c:pt idx="2077">
                  <c:v>60.209090629746839</c:v>
                </c:pt>
                <c:pt idx="2078">
                  <c:v>90.637340732952225</c:v>
                </c:pt>
                <c:pt idx="2079">
                  <c:v>90.637340732952225</c:v>
                </c:pt>
                <c:pt idx="2080">
                  <c:v>57.756098007707493</c:v>
                </c:pt>
                <c:pt idx="2081">
                  <c:v>30.066657007091635</c:v>
                </c:pt>
                <c:pt idx="2082">
                  <c:v>16.271209190709474</c:v>
                </c:pt>
                <c:pt idx="2083">
                  <c:v>16.271209190709474</c:v>
                </c:pt>
                <c:pt idx="2084">
                  <c:v>16.271209190709474</c:v>
                </c:pt>
                <c:pt idx="2085">
                  <c:v>16.271209190709474</c:v>
                </c:pt>
                <c:pt idx="2086">
                  <c:v>16.271209190709474</c:v>
                </c:pt>
                <c:pt idx="2087">
                  <c:v>16.271209190709474</c:v>
                </c:pt>
                <c:pt idx="2088">
                  <c:v>16.054720225091884</c:v>
                </c:pt>
                <c:pt idx="2089">
                  <c:v>16.054720225091884</c:v>
                </c:pt>
                <c:pt idx="2090">
                  <c:v>16.054720225091884</c:v>
                </c:pt>
                <c:pt idx="2091">
                  <c:v>16.054720225091884</c:v>
                </c:pt>
                <c:pt idx="2092">
                  <c:v>16.054720225091884</c:v>
                </c:pt>
                <c:pt idx="2093">
                  <c:v>16.054720225091884</c:v>
                </c:pt>
                <c:pt idx="2094">
                  <c:v>16.054720225091884</c:v>
                </c:pt>
                <c:pt idx="2095">
                  <c:v>60.096993234716528</c:v>
                </c:pt>
                <c:pt idx="2096">
                  <c:v>67.055592451367929</c:v>
                </c:pt>
                <c:pt idx="2097">
                  <c:v>74.014191668019322</c:v>
                </c:pt>
                <c:pt idx="2098">
                  <c:v>74.014191668019322</c:v>
                </c:pt>
                <c:pt idx="2099">
                  <c:v>88.563990030108585</c:v>
                </c:pt>
                <c:pt idx="2100">
                  <c:v>88.563990030108585</c:v>
                </c:pt>
                <c:pt idx="2101">
                  <c:v>58.831793377143562</c:v>
                </c:pt>
                <c:pt idx="2102">
                  <c:v>88.563990030108585</c:v>
                </c:pt>
                <c:pt idx="2103">
                  <c:v>88.563990030108585</c:v>
                </c:pt>
                <c:pt idx="2104">
                  <c:v>56.340476996756493</c:v>
                </c:pt>
                <c:pt idx="2105">
                  <c:v>29.233241983570423</c:v>
                </c:pt>
                <c:pt idx="2106">
                  <c:v>16.054720225091884</c:v>
                </c:pt>
                <c:pt idx="2107">
                  <c:v>16.054720225091884</c:v>
                </c:pt>
                <c:pt idx="2108">
                  <c:v>16.054720225091884</c:v>
                </c:pt>
                <c:pt idx="2109">
                  <c:v>16.054720225091884</c:v>
                </c:pt>
                <c:pt idx="2110">
                  <c:v>16.054720225091884</c:v>
                </c:pt>
                <c:pt idx="2111">
                  <c:v>16.054720225091884</c:v>
                </c:pt>
                <c:pt idx="2112">
                  <c:v>12.310373324188225</c:v>
                </c:pt>
                <c:pt idx="2113">
                  <c:v>12.310373324188225</c:v>
                </c:pt>
                <c:pt idx="2114">
                  <c:v>12.310373324188225</c:v>
                </c:pt>
                <c:pt idx="2115">
                  <c:v>12.310373324188225</c:v>
                </c:pt>
                <c:pt idx="2116">
                  <c:v>12.310373324188225</c:v>
                </c:pt>
                <c:pt idx="2117">
                  <c:v>12.310373324188225</c:v>
                </c:pt>
                <c:pt idx="2118">
                  <c:v>12.310373324188225</c:v>
                </c:pt>
                <c:pt idx="2119">
                  <c:v>47.534911579113412</c:v>
                </c:pt>
                <c:pt idx="2120">
                  <c:v>53.038953972484443</c:v>
                </c:pt>
                <c:pt idx="2121">
                  <c:v>58.542996365855473</c:v>
                </c:pt>
                <c:pt idx="2122">
                  <c:v>58.542996365855473</c:v>
                </c:pt>
                <c:pt idx="2123">
                  <c:v>70.051448642903978</c:v>
                </c:pt>
                <c:pt idx="2124">
                  <c:v>70.051448642903978</c:v>
                </c:pt>
                <c:pt idx="2125">
                  <c:v>46.534176598500501</c:v>
                </c:pt>
                <c:pt idx="2126">
                  <c:v>70.051448642903978</c:v>
                </c:pt>
                <c:pt idx="2127">
                  <c:v>70.051448642903978</c:v>
                </c:pt>
                <c:pt idx="2128">
                  <c:v>43.372332939989398</c:v>
                </c:pt>
                <c:pt idx="2129">
                  <c:v>21.12557154758461</c:v>
                </c:pt>
                <c:pt idx="2130">
                  <c:v>12.310373324188225</c:v>
                </c:pt>
                <c:pt idx="2131">
                  <c:v>12.310373324188225</c:v>
                </c:pt>
                <c:pt idx="2132">
                  <c:v>12.310373324188225</c:v>
                </c:pt>
                <c:pt idx="2133">
                  <c:v>12.310373324188225</c:v>
                </c:pt>
                <c:pt idx="2134">
                  <c:v>12.310373324188225</c:v>
                </c:pt>
                <c:pt idx="2135">
                  <c:v>12.310373324188225</c:v>
                </c:pt>
                <c:pt idx="2136">
                  <c:v>13.591734545887654</c:v>
                </c:pt>
                <c:pt idx="2137">
                  <c:v>8.4533813100493873</c:v>
                </c:pt>
                <c:pt idx="2138">
                  <c:v>8.4533813100493873</c:v>
                </c:pt>
                <c:pt idx="2139">
                  <c:v>8.4533813100493873</c:v>
                </c:pt>
                <c:pt idx="2140">
                  <c:v>8.4533813100493873</c:v>
                </c:pt>
                <c:pt idx="2141">
                  <c:v>8.4533813100493873</c:v>
                </c:pt>
                <c:pt idx="2142">
                  <c:v>8.4533813100493873</c:v>
                </c:pt>
                <c:pt idx="2143">
                  <c:v>35.161482682038894</c:v>
                </c:pt>
                <c:pt idx="2144">
                  <c:v>43.951853352548618</c:v>
                </c:pt>
                <c:pt idx="2145">
                  <c:v>48.347038687803476</c:v>
                </c:pt>
                <c:pt idx="2146">
                  <c:v>48.347038687803476</c:v>
                </c:pt>
                <c:pt idx="2147">
                  <c:v>57.137409358313199</c:v>
                </c:pt>
                <c:pt idx="2148">
                  <c:v>57.137409358313199</c:v>
                </c:pt>
                <c:pt idx="2149">
                  <c:v>39.556668017293752</c:v>
                </c:pt>
                <c:pt idx="2150">
                  <c:v>57.137409358313199</c:v>
                </c:pt>
                <c:pt idx="2151">
                  <c:v>44.137541613828283</c:v>
                </c:pt>
                <c:pt idx="2152">
                  <c:v>21.531356692151324</c:v>
                </c:pt>
                <c:pt idx="2153">
                  <c:v>14.529018150442159</c:v>
                </c:pt>
                <c:pt idx="2154">
                  <c:v>8.8486392512677163</c:v>
                </c:pt>
                <c:pt idx="2155">
                  <c:v>8.4533813100493873</c:v>
                </c:pt>
                <c:pt idx="2156">
                  <c:v>8.4533813100493873</c:v>
                </c:pt>
                <c:pt idx="2157">
                  <c:v>8.4533813100493873</c:v>
                </c:pt>
                <c:pt idx="2158">
                  <c:v>8.4533813100493873</c:v>
                </c:pt>
                <c:pt idx="2159">
                  <c:v>8.4533813100493873</c:v>
                </c:pt>
                <c:pt idx="2160">
                  <c:v>7.832089688273328</c:v>
                </c:pt>
                <c:pt idx="2161">
                  <c:v>7.2823257991979666</c:v>
                </c:pt>
                <c:pt idx="2162">
                  <c:v>7.2823257991979666</c:v>
                </c:pt>
                <c:pt idx="2163">
                  <c:v>7.2823257991979666</c:v>
                </c:pt>
                <c:pt idx="2164">
                  <c:v>7.2823257991979666</c:v>
                </c:pt>
                <c:pt idx="2165">
                  <c:v>7.2909835485501668</c:v>
                </c:pt>
                <c:pt idx="2166">
                  <c:v>7.3022386227080265</c:v>
                </c:pt>
                <c:pt idx="2167">
                  <c:v>7.3100305971250066</c:v>
                </c:pt>
                <c:pt idx="2168">
                  <c:v>7.3100305971250066</c:v>
                </c:pt>
                <c:pt idx="2169">
                  <c:v>7.3100305971250066</c:v>
                </c:pt>
                <c:pt idx="2170">
                  <c:v>7.3100305971250066</c:v>
                </c:pt>
                <c:pt idx="2171">
                  <c:v>7.3100305971250066</c:v>
                </c:pt>
                <c:pt idx="2172">
                  <c:v>7.3100305971250066</c:v>
                </c:pt>
                <c:pt idx="2173">
                  <c:v>7.3100305971250066</c:v>
                </c:pt>
                <c:pt idx="2174">
                  <c:v>7.3100305971250066</c:v>
                </c:pt>
                <c:pt idx="2175">
                  <c:v>7.3039701725784667</c:v>
                </c:pt>
                <c:pt idx="2176">
                  <c:v>7.2987755229671469</c:v>
                </c:pt>
                <c:pt idx="2177">
                  <c:v>7.2935808733558263</c:v>
                </c:pt>
                <c:pt idx="2178">
                  <c:v>7.2918493234853869</c:v>
                </c:pt>
                <c:pt idx="2179">
                  <c:v>7.2831915741331867</c:v>
                </c:pt>
                <c:pt idx="2180">
                  <c:v>7.2736680498457664</c:v>
                </c:pt>
                <c:pt idx="2181">
                  <c:v>7.2736680498457664</c:v>
                </c:pt>
                <c:pt idx="2182">
                  <c:v>7.2736680498457664</c:v>
                </c:pt>
                <c:pt idx="2183">
                  <c:v>7.2736680498457664</c:v>
                </c:pt>
                <c:pt idx="2184">
                  <c:v>11.280224624382038</c:v>
                </c:pt>
                <c:pt idx="2185">
                  <c:v>11.292773901448427</c:v>
                </c:pt>
                <c:pt idx="2186">
                  <c:v>11.292773901448427</c:v>
                </c:pt>
                <c:pt idx="2187">
                  <c:v>11.292773901448427</c:v>
                </c:pt>
                <c:pt idx="2188">
                  <c:v>11.292773901448427</c:v>
                </c:pt>
                <c:pt idx="2189">
                  <c:v>11.315362600167932</c:v>
                </c:pt>
                <c:pt idx="2190">
                  <c:v>11.335441443474156</c:v>
                </c:pt>
                <c:pt idx="2191">
                  <c:v>11.360539997606937</c:v>
                </c:pt>
                <c:pt idx="2192">
                  <c:v>11.360539997606937</c:v>
                </c:pt>
                <c:pt idx="2193">
                  <c:v>11.360539997606937</c:v>
                </c:pt>
                <c:pt idx="2194">
                  <c:v>11.360539997606937</c:v>
                </c:pt>
                <c:pt idx="2195">
                  <c:v>11.360539997606937</c:v>
                </c:pt>
                <c:pt idx="2196">
                  <c:v>11.360539997606937</c:v>
                </c:pt>
                <c:pt idx="2197">
                  <c:v>11.360539997606937</c:v>
                </c:pt>
                <c:pt idx="2198">
                  <c:v>11.360539997606937</c:v>
                </c:pt>
                <c:pt idx="2199">
                  <c:v>11.34297100971399</c:v>
                </c:pt>
                <c:pt idx="2200">
                  <c:v>11.340461154300712</c:v>
                </c:pt>
                <c:pt idx="2201">
                  <c:v>11.320382310994487</c:v>
                </c:pt>
                <c:pt idx="2202">
                  <c:v>11.312852744754654</c:v>
                </c:pt>
                <c:pt idx="2203">
                  <c:v>11.295283756861707</c:v>
                </c:pt>
                <c:pt idx="2204">
                  <c:v>11.280224624382038</c:v>
                </c:pt>
                <c:pt idx="2205">
                  <c:v>11.270185202728925</c:v>
                </c:pt>
                <c:pt idx="2206">
                  <c:v>11.270185202728925</c:v>
                </c:pt>
                <c:pt idx="2207">
                  <c:v>11.270185202728925</c:v>
                </c:pt>
                <c:pt idx="2208">
                  <c:v>14.026071976520681</c:v>
                </c:pt>
                <c:pt idx="2209">
                  <c:v>14.026071976520681</c:v>
                </c:pt>
                <c:pt idx="2210">
                  <c:v>14.026071976520681</c:v>
                </c:pt>
                <c:pt idx="2211">
                  <c:v>14.026071976520681</c:v>
                </c:pt>
                <c:pt idx="2212">
                  <c:v>14.026071976520681</c:v>
                </c:pt>
                <c:pt idx="2213">
                  <c:v>14.026071976520681</c:v>
                </c:pt>
                <c:pt idx="2214">
                  <c:v>14.026071976520681</c:v>
                </c:pt>
                <c:pt idx="2215">
                  <c:v>59.99199431764481</c:v>
                </c:pt>
                <c:pt idx="2216">
                  <c:v>67.490993607350404</c:v>
                </c:pt>
                <c:pt idx="2217">
                  <c:v>74.989992897056013</c:v>
                </c:pt>
                <c:pt idx="2218">
                  <c:v>74.989992897056013</c:v>
                </c:pt>
                <c:pt idx="2219">
                  <c:v>89.987991476467215</c:v>
                </c:pt>
                <c:pt idx="2220">
                  <c:v>89.987991476467215</c:v>
                </c:pt>
                <c:pt idx="2221">
                  <c:v>59.99199431764481</c:v>
                </c:pt>
                <c:pt idx="2222">
                  <c:v>89.987991476467215</c:v>
                </c:pt>
                <c:pt idx="2223">
                  <c:v>89.987991476467215</c:v>
                </c:pt>
                <c:pt idx="2224">
                  <c:v>56.859809548148363</c:v>
                </c:pt>
                <c:pt idx="2225">
                  <c:v>23.798551980292508</c:v>
                </c:pt>
                <c:pt idx="2226">
                  <c:v>16.099324964837713</c:v>
                </c:pt>
                <c:pt idx="2227">
                  <c:v>16.099324964837713</c:v>
                </c:pt>
                <c:pt idx="2228">
                  <c:v>16.099324964837713</c:v>
                </c:pt>
                <c:pt idx="2229">
                  <c:v>16.099324964837713</c:v>
                </c:pt>
                <c:pt idx="2230">
                  <c:v>16.099324964837713</c:v>
                </c:pt>
                <c:pt idx="2231">
                  <c:v>16.099324964837713</c:v>
                </c:pt>
                <c:pt idx="2232">
                  <c:v>12.632004793545399</c:v>
                </c:pt>
                <c:pt idx="2233">
                  <c:v>16.813825522737918</c:v>
                </c:pt>
                <c:pt idx="2234">
                  <c:v>16.813825522737918</c:v>
                </c:pt>
                <c:pt idx="2235">
                  <c:v>16.813825522737918</c:v>
                </c:pt>
                <c:pt idx="2236">
                  <c:v>16.813825522737918</c:v>
                </c:pt>
                <c:pt idx="2237">
                  <c:v>16.813825522737918</c:v>
                </c:pt>
                <c:pt idx="2238">
                  <c:v>16.813825522737918</c:v>
                </c:pt>
                <c:pt idx="2239">
                  <c:v>64.675090916877139</c:v>
                </c:pt>
                <c:pt idx="2240">
                  <c:v>72.163785654620824</c:v>
                </c:pt>
                <c:pt idx="2241">
                  <c:v>79.652480392364495</c:v>
                </c:pt>
                <c:pt idx="2242">
                  <c:v>79.652480392364495</c:v>
                </c:pt>
                <c:pt idx="2243">
                  <c:v>95.310660298555803</c:v>
                </c:pt>
                <c:pt idx="2244">
                  <c:v>95.310660298555803</c:v>
                </c:pt>
                <c:pt idx="2245">
                  <c:v>63.313510055469216</c:v>
                </c:pt>
                <c:pt idx="2246">
                  <c:v>95.310660298555803</c:v>
                </c:pt>
                <c:pt idx="2247">
                  <c:v>95.310660298555803</c:v>
                </c:pt>
                <c:pt idx="2248">
                  <c:v>61.031170577499203</c:v>
                </c:pt>
                <c:pt idx="2249">
                  <c:v>32.114128364818193</c:v>
                </c:pt>
                <c:pt idx="2250">
                  <c:v>17.193991043573604</c:v>
                </c:pt>
                <c:pt idx="2251">
                  <c:v>17.193991043573604</c:v>
                </c:pt>
                <c:pt idx="2252">
                  <c:v>17.193991043573604</c:v>
                </c:pt>
                <c:pt idx="2253">
                  <c:v>17.193991043573604</c:v>
                </c:pt>
                <c:pt idx="2254">
                  <c:v>17.193991043573604</c:v>
                </c:pt>
                <c:pt idx="2255">
                  <c:v>17.193991043573604</c:v>
                </c:pt>
                <c:pt idx="2256">
                  <c:v>17.501399709531938</c:v>
                </c:pt>
                <c:pt idx="2257">
                  <c:v>17.501399709531938</c:v>
                </c:pt>
                <c:pt idx="2258">
                  <c:v>17.501399709531938</c:v>
                </c:pt>
                <c:pt idx="2259">
                  <c:v>17.501399709531938</c:v>
                </c:pt>
                <c:pt idx="2260">
                  <c:v>17.501399709531938</c:v>
                </c:pt>
                <c:pt idx="2261">
                  <c:v>17.501399709531938</c:v>
                </c:pt>
                <c:pt idx="2262">
                  <c:v>17.501399709531938</c:v>
                </c:pt>
                <c:pt idx="2263">
                  <c:v>64.950524783472304</c:v>
                </c:pt>
                <c:pt idx="2264">
                  <c:v>72.471111863663836</c:v>
                </c:pt>
                <c:pt idx="2265">
                  <c:v>79.991698943855368</c:v>
                </c:pt>
                <c:pt idx="2266">
                  <c:v>79.991698943855368</c:v>
                </c:pt>
                <c:pt idx="2267">
                  <c:v>95.716562838801295</c:v>
                </c:pt>
                <c:pt idx="2268">
                  <c:v>95.716562838801295</c:v>
                </c:pt>
                <c:pt idx="2269">
                  <c:v>63.583145314346567</c:v>
                </c:pt>
                <c:pt idx="2270">
                  <c:v>95.716562838801295</c:v>
                </c:pt>
                <c:pt idx="2271">
                  <c:v>95.716562838801295</c:v>
                </c:pt>
                <c:pt idx="2272">
                  <c:v>61.350896291416518</c:v>
                </c:pt>
                <c:pt idx="2273">
                  <c:v>32.365751015655853</c:v>
                </c:pt>
                <c:pt idx="2274">
                  <c:v>17.501399709531938</c:v>
                </c:pt>
                <c:pt idx="2275">
                  <c:v>17.501399709531938</c:v>
                </c:pt>
                <c:pt idx="2276">
                  <c:v>17.501399709531938</c:v>
                </c:pt>
                <c:pt idx="2277">
                  <c:v>17.501399709531938</c:v>
                </c:pt>
                <c:pt idx="2278">
                  <c:v>17.501399709531938</c:v>
                </c:pt>
                <c:pt idx="2279">
                  <c:v>17.501399709531938</c:v>
                </c:pt>
                <c:pt idx="2280">
                  <c:v>15.203732293068326</c:v>
                </c:pt>
                <c:pt idx="2281">
                  <c:v>15.203732293068326</c:v>
                </c:pt>
                <c:pt idx="2282">
                  <c:v>15.203732293068326</c:v>
                </c:pt>
                <c:pt idx="2283">
                  <c:v>15.203732293068326</c:v>
                </c:pt>
                <c:pt idx="2284">
                  <c:v>15.203732293068326</c:v>
                </c:pt>
                <c:pt idx="2285">
                  <c:v>15.203732293068326</c:v>
                </c:pt>
                <c:pt idx="2286">
                  <c:v>15.203732293068326</c:v>
                </c:pt>
                <c:pt idx="2287">
                  <c:v>57.241974676624913</c:v>
                </c:pt>
                <c:pt idx="2288">
                  <c:v>63.869992797076222</c:v>
                </c:pt>
                <c:pt idx="2289">
                  <c:v>70.498010917527537</c:v>
                </c:pt>
                <c:pt idx="2290">
                  <c:v>70.498010917527537</c:v>
                </c:pt>
                <c:pt idx="2291">
                  <c:v>84.356594260289356</c:v>
                </c:pt>
                <c:pt idx="2292">
                  <c:v>84.356594260289356</c:v>
                </c:pt>
                <c:pt idx="2293">
                  <c:v>56.036880472906503</c:v>
                </c:pt>
                <c:pt idx="2294">
                  <c:v>84.356594260289356</c:v>
                </c:pt>
                <c:pt idx="2295">
                  <c:v>84.356594260289356</c:v>
                </c:pt>
                <c:pt idx="2296">
                  <c:v>53.39317152930942</c:v>
                </c:pt>
                <c:pt idx="2297">
                  <c:v>27.390589611755466</c:v>
                </c:pt>
                <c:pt idx="2298">
                  <c:v>15.203732293068326</c:v>
                </c:pt>
                <c:pt idx="2299">
                  <c:v>15.203732293068326</c:v>
                </c:pt>
                <c:pt idx="2300">
                  <c:v>15.203732293068326</c:v>
                </c:pt>
                <c:pt idx="2301">
                  <c:v>15.203732293068326</c:v>
                </c:pt>
                <c:pt idx="2302">
                  <c:v>15.203732293068326</c:v>
                </c:pt>
                <c:pt idx="2303">
                  <c:v>15.203732293068326</c:v>
                </c:pt>
                <c:pt idx="2304">
                  <c:v>19.609642441384906</c:v>
                </c:pt>
                <c:pt idx="2305">
                  <c:v>13.018144982599214</c:v>
                </c:pt>
                <c:pt idx="2306">
                  <c:v>13.018144982599214</c:v>
                </c:pt>
                <c:pt idx="2307">
                  <c:v>13.018144982599214</c:v>
                </c:pt>
                <c:pt idx="2308">
                  <c:v>13.018144982599214</c:v>
                </c:pt>
                <c:pt idx="2309">
                  <c:v>13.018144982599214</c:v>
                </c:pt>
                <c:pt idx="2310">
                  <c:v>13.018144982599214</c:v>
                </c:pt>
                <c:pt idx="2311">
                  <c:v>50.996430963729892</c:v>
                </c:pt>
                <c:pt idx="2312">
                  <c:v>63.745538704662358</c:v>
                </c:pt>
                <c:pt idx="2313">
                  <c:v>70.120092575128595</c:v>
                </c:pt>
                <c:pt idx="2314">
                  <c:v>70.120092575128595</c:v>
                </c:pt>
                <c:pt idx="2315">
                  <c:v>82.869200316061068</c:v>
                </c:pt>
                <c:pt idx="2316">
                  <c:v>82.869200316061068</c:v>
                </c:pt>
                <c:pt idx="2317">
                  <c:v>57.370984834196122</c:v>
                </c:pt>
                <c:pt idx="2318">
                  <c:v>82.869200316061068</c:v>
                </c:pt>
                <c:pt idx="2319">
                  <c:v>64.720135041584939</c:v>
                </c:pt>
                <c:pt idx="2320">
                  <c:v>34.633783178474985</c:v>
                </c:pt>
                <c:pt idx="2321">
                  <c:v>24.529033475375048</c:v>
                </c:pt>
                <c:pt idx="2322">
                  <c:v>13.525183248659649</c:v>
                </c:pt>
                <c:pt idx="2323">
                  <c:v>13.018144982599214</c:v>
                </c:pt>
                <c:pt idx="2324">
                  <c:v>13.018144982599214</c:v>
                </c:pt>
                <c:pt idx="2325">
                  <c:v>13.018144982599214</c:v>
                </c:pt>
                <c:pt idx="2326">
                  <c:v>13.018144982599214</c:v>
                </c:pt>
                <c:pt idx="2327">
                  <c:v>13.018144982599214</c:v>
                </c:pt>
                <c:pt idx="2328">
                  <c:v>16.93679412622803</c:v>
                </c:pt>
                <c:pt idx="2329">
                  <c:v>16.036683647367735</c:v>
                </c:pt>
                <c:pt idx="2330">
                  <c:v>16.036683647367735</c:v>
                </c:pt>
                <c:pt idx="2331">
                  <c:v>16.036683647367735</c:v>
                </c:pt>
                <c:pt idx="2332">
                  <c:v>16.036683647367735</c:v>
                </c:pt>
                <c:pt idx="2333">
                  <c:v>16.074878257611484</c:v>
                </c:pt>
                <c:pt idx="2334">
                  <c:v>16.124531250928356</c:v>
                </c:pt>
                <c:pt idx="2335">
                  <c:v>16.158906400147728</c:v>
                </c:pt>
                <c:pt idx="2336">
                  <c:v>16.158906400147728</c:v>
                </c:pt>
                <c:pt idx="2337">
                  <c:v>16.158906400147728</c:v>
                </c:pt>
                <c:pt idx="2338">
                  <c:v>16.158906400147728</c:v>
                </c:pt>
                <c:pt idx="2339">
                  <c:v>16.158906400147728</c:v>
                </c:pt>
                <c:pt idx="2340">
                  <c:v>16.158906400147728</c:v>
                </c:pt>
                <c:pt idx="2341">
                  <c:v>16.158906400147728</c:v>
                </c:pt>
                <c:pt idx="2342">
                  <c:v>16.158906400147728</c:v>
                </c:pt>
                <c:pt idx="2343">
                  <c:v>16.132170172977105</c:v>
                </c:pt>
                <c:pt idx="2344">
                  <c:v>16.109253406830856</c:v>
                </c:pt>
                <c:pt idx="2345">
                  <c:v>16.086336640684607</c:v>
                </c:pt>
                <c:pt idx="2346">
                  <c:v>16.078697718635858</c:v>
                </c:pt>
                <c:pt idx="2347">
                  <c:v>16.040503108392109</c:v>
                </c:pt>
                <c:pt idx="2348">
                  <c:v>15.998489037123985</c:v>
                </c:pt>
                <c:pt idx="2349">
                  <c:v>15.998489037123985</c:v>
                </c:pt>
                <c:pt idx="2350">
                  <c:v>15.998489037123985</c:v>
                </c:pt>
                <c:pt idx="2351">
                  <c:v>15.998489037123985</c:v>
                </c:pt>
                <c:pt idx="2352">
                  <c:v>13.468819865003306</c:v>
                </c:pt>
                <c:pt idx="2353">
                  <c:v>13.485565314018164</c:v>
                </c:pt>
                <c:pt idx="2354">
                  <c:v>13.485565314018164</c:v>
                </c:pt>
                <c:pt idx="2355">
                  <c:v>13.485565314018164</c:v>
                </c:pt>
                <c:pt idx="2356">
                  <c:v>13.485565314018164</c:v>
                </c:pt>
                <c:pt idx="2357">
                  <c:v>13.515707122244907</c:v>
                </c:pt>
                <c:pt idx="2358">
                  <c:v>13.542499840668679</c:v>
                </c:pt>
                <c:pt idx="2359">
                  <c:v>13.575990738698394</c:v>
                </c:pt>
                <c:pt idx="2360">
                  <c:v>13.575990738698394</c:v>
                </c:pt>
                <c:pt idx="2361">
                  <c:v>13.575990738698394</c:v>
                </c:pt>
                <c:pt idx="2362">
                  <c:v>13.575990738698394</c:v>
                </c:pt>
                <c:pt idx="2363">
                  <c:v>13.575990738698394</c:v>
                </c:pt>
                <c:pt idx="2364">
                  <c:v>13.575990738698394</c:v>
                </c:pt>
                <c:pt idx="2365">
                  <c:v>13.575990738698394</c:v>
                </c:pt>
                <c:pt idx="2366">
                  <c:v>13.575990738698394</c:v>
                </c:pt>
                <c:pt idx="2367">
                  <c:v>13.552547110077594</c:v>
                </c:pt>
                <c:pt idx="2368">
                  <c:v>13.549198020274622</c:v>
                </c:pt>
                <c:pt idx="2369">
                  <c:v>13.522405301850849</c:v>
                </c:pt>
                <c:pt idx="2370">
                  <c:v>13.512358032441934</c:v>
                </c:pt>
                <c:pt idx="2371">
                  <c:v>13.488914403821134</c:v>
                </c:pt>
                <c:pt idx="2372">
                  <c:v>13.468819865003306</c:v>
                </c:pt>
                <c:pt idx="2373">
                  <c:v>13.455423505791419</c:v>
                </c:pt>
                <c:pt idx="2374">
                  <c:v>13.455423505791419</c:v>
                </c:pt>
                <c:pt idx="2375">
                  <c:v>13.455423505791419</c:v>
                </c:pt>
                <c:pt idx="2376">
                  <c:v>10.64457378787221</c:v>
                </c:pt>
                <c:pt idx="2377">
                  <c:v>10.64457378787221</c:v>
                </c:pt>
                <c:pt idx="2378">
                  <c:v>10.64457378787221</c:v>
                </c:pt>
                <c:pt idx="2379">
                  <c:v>10.64457378787221</c:v>
                </c:pt>
                <c:pt idx="2380">
                  <c:v>10.64457378787221</c:v>
                </c:pt>
                <c:pt idx="2381">
                  <c:v>10.64457378787221</c:v>
                </c:pt>
                <c:pt idx="2382">
                  <c:v>10.64457378787221</c:v>
                </c:pt>
                <c:pt idx="2383">
                  <c:v>45.447878683387231</c:v>
                </c:pt>
                <c:pt idx="2384">
                  <c:v>51.12886351881064</c:v>
                </c:pt>
                <c:pt idx="2385">
                  <c:v>56.809848354234042</c:v>
                </c:pt>
                <c:pt idx="2386">
                  <c:v>56.809848354234042</c:v>
                </c:pt>
                <c:pt idx="2387">
                  <c:v>68.171818025080853</c:v>
                </c:pt>
                <c:pt idx="2388">
                  <c:v>68.171818025080853</c:v>
                </c:pt>
                <c:pt idx="2389">
                  <c:v>45.447878683387231</c:v>
                </c:pt>
                <c:pt idx="2390">
                  <c:v>68.171818025080853</c:v>
                </c:pt>
                <c:pt idx="2391">
                  <c:v>68.171818025080853</c:v>
                </c:pt>
                <c:pt idx="2392">
                  <c:v>41.615541388274572</c:v>
                </c:pt>
                <c:pt idx="2393">
                  <c:v>15.087596514538216</c:v>
                </c:pt>
                <c:pt idx="2394">
                  <c:v>11.757603620198699</c:v>
                </c:pt>
                <c:pt idx="2395">
                  <c:v>11.757603620198699</c:v>
                </c:pt>
                <c:pt idx="2396">
                  <c:v>11.757603620198699</c:v>
                </c:pt>
                <c:pt idx="2397">
                  <c:v>11.757603620198699</c:v>
                </c:pt>
                <c:pt idx="2398">
                  <c:v>11.757603620198699</c:v>
                </c:pt>
                <c:pt idx="2399">
                  <c:v>11.757603620198699</c:v>
                </c:pt>
                <c:pt idx="2400">
                  <c:v>9.0001990900357356</c:v>
                </c:pt>
                <c:pt idx="2401">
                  <c:v>12.51245368503422</c:v>
                </c:pt>
                <c:pt idx="2402">
                  <c:v>12.51245368503422</c:v>
                </c:pt>
                <c:pt idx="2403">
                  <c:v>12.51245368503422</c:v>
                </c:pt>
                <c:pt idx="2404">
                  <c:v>12.51245368503422</c:v>
                </c:pt>
                <c:pt idx="2405">
                  <c:v>12.51245368503422</c:v>
                </c:pt>
                <c:pt idx="2406">
                  <c:v>12.51245368503422</c:v>
                </c:pt>
                <c:pt idx="2407">
                  <c:v>49.684052829811158</c:v>
                </c:pt>
                <c:pt idx="2408">
                  <c:v>55.4369431574735</c:v>
                </c:pt>
                <c:pt idx="2409">
                  <c:v>61.18983348513585</c:v>
                </c:pt>
                <c:pt idx="2410">
                  <c:v>61.18983348513585</c:v>
                </c:pt>
                <c:pt idx="2411">
                  <c:v>73.218604170248014</c:v>
                </c:pt>
                <c:pt idx="2412">
                  <c:v>73.218604170248014</c:v>
                </c:pt>
                <c:pt idx="2413">
                  <c:v>48.638072770236192</c:v>
                </c:pt>
                <c:pt idx="2414">
                  <c:v>73.218604170248014</c:v>
                </c:pt>
                <c:pt idx="2415">
                  <c:v>73.218604170248014</c:v>
                </c:pt>
                <c:pt idx="2416">
                  <c:v>45.549009338483827</c:v>
                </c:pt>
                <c:pt idx="2417">
                  <c:v>22.435172855565366</c:v>
                </c:pt>
                <c:pt idx="2418">
                  <c:v>12.831749557306809</c:v>
                </c:pt>
                <c:pt idx="2419">
                  <c:v>12.831749557306809</c:v>
                </c:pt>
                <c:pt idx="2420">
                  <c:v>12.831749557306809</c:v>
                </c:pt>
                <c:pt idx="2421">
                  <c:v>12.831749557306809</c:v>
                </c:pt>
                <c:pt idx="2422">
                  <c:v>12.831749557306809</c:v>
                </c:pt>
                <c:pt idx="2423">
                  <c:v>12.831749557306809</c:v>
                </c:pt>
                <c:pt idx="2424">
                  <c:v>11.459385392164666</c:v>
                </c:pt>
                <c:pt idx="2425">
                  <c:v>11.459385392164666</c:v>
                </c:pt>
                <c:pt idx="2426">
                  <c:v>11.459385392164666</c:v>
                </c:pt>
                <c:pt idx="2427">
                  <c:v>11.459385392164666</c:v>
                </c:pt>
                <c:pt idx="2428">
                  <c:v>11.459385392164666</c:v>
                </c:pt>
                <c:pt idx="2429">
                  <c:v>11.459385392164666</c:v>
                </c:pt>
                <c:pt idx="2430">
                  <c:v>11.459385392164666</c:v>
                </c:pt>
                <c:pt idx="2431">
                  <c:v>44.67989302102179</c:v>
                </c:pt>
                <c:pt idx="2432">
                  <c:v>49.853354318192743</c:v>
                </c:pt>
                <c:pt idx="2433">
                  <c:v>55.026815615363674</c:v>
                </c:pt>
                <c:pt idx="2434">
                  <c:v>55.026815615363674</c:v>
                </c:pt>
                <c:pt idx="2435">
                  <c:v>65.844052873084749</c:v>
                </c:pt>
                <c:pt idx="2436">
                  <c:v>65.844052873084749</c:v>
                </c:pt>
                <c:pt idx="2437">
                  <c:v>43.739263694263435</c:v>
                </c:pt>
                <c:pt idx="2438">
                  <c:v>65.844052873084749</c:v>
                </c:pt>
                <c:pt idx="2439">
                  <c:v>65.844052873084749</c:v>
                </c:pt>
                <c:pt idx="2440">
                  <c:v>40.425027472542325</c:v>
                </c:pt>
                <c:pt idx="2441">
                  <c:v>19.282919175769649</c:v>
                </c:pt>
                <c:pt idx="2442">
                  <c:v>11.459385392164666</c:v>
                </c:pt>
                <c:pt idx="2443">
                  <c:v>11.459385392164666</c:v>
                </c:pt>
                <c:pt idx="2444">
                  <c:v>11.459385392164666</c:v>
                </c:pt>
                <c:pt idx="2445">
                  <c:v>11.459385392164666</c:v>
                </c:pt>
                <c:pt idx="2446">
                  <c:v>11.459385392164666</c:v>
                </c:pt>
                <c:pt idx="2447">
                  <c:v>11.459385392164666</c:v>
                </c:pt>
                <c:pt idx="2448">
                  <c:v>11.033891426152886</c:v>
                </c:pt>
                <c:pt idx="2449">
                  <c:v>11.033891426152886</c:v>
                </c:pt>
                <c:pt idx="2450">
                  <c:v>11.033891426152886</c:v>
                </c:pt>
                <c:pt idx="2451">
                  <c:v>11.033891426152886</c:v>
                </c:pt>
                <c:pt idx="2452">
                  <c:v>11.033891426152886</c:v>
                </c:pt>
                <c:pt idx="2453">
                  <c:v>11.033891426152886</c:v>
                </c:pt>
                <c:pt idx="2454">
                  <c:v>11.033891426152886</c:v>
                </c:pt>
                <c:pt idx="2455">
                  <c:v>43.252383741975983</c:v>
                </c:pt>
                <c:pt idx="2456">
                  <c:v>48.260554491046889</c:v>
                </c:pt>
                <c:pt idx="2457">
                  <c:v>53.268725240117796</c:v>
                </c:pt>
                <c:pt idx="2458">
                  <c:v>53.268725240117796</c:v>
                </c:pt>
                <c:pt idx="2459">
                  <c:v>63.740354988175127</c:v>
                </c:pt>
                <c:pt idx="2460">
                  <c:v>63.740354988175127</c:v>
                </c:pt>
                <c:pt idx="2461">
                  <c:v>42.34180724214491</c:v>
                </c:pt>
                <c:pt idx="2462">
                  <c:v>63.740354988175127</c:v>
                </c:pt>
                <c:pt idx="2463">
                  <c:v>63.740354988175127</c:v>
                </c:pt>
                <c:pt idx="2464">
                  <c:v>38.951374738818785</c:v>
                </c:pt>
                <c:pt idx="2465">
                  <c:v>18.361592989862171</c:v>
                </c:pt>
                <c:pt idx="2466">
                  <c:v>11.033891426152886</c:v>
                </c:pt>
                <c:pt idx="2467">
                  <c:v>11.033891426152886</c:v>
                </c:pt>
                <c:pt idx="2468">
                  <c:v>11.033891426152886</c:v>
                </c:pt>
                <c:pt idx="2469">
                  <c:v>11.033891426152886</c:v>
                </c:pt>
                <c:pt idx="2470">
                  <c:v>11.033891426152886</c:v>
                </c:pt>
                <c:pt idx="2471">
                  <c:v>11.033891426152886</c:v>
                </c:pt>
                <c:pt idx="2472">
                  <c:v>21.269130245231239</c:v>
                </c:pt>
                <c:pt idx="2473">
                  <c:v>14.308580285379536</c:v>
                </c:pt>
                <c:pt idx="2474">
                  <c:v>14.308580285379536</c:v>
                </c:pt>
                <c:pt idx="2475">
                  <c:v>14.308580285379536</c:v>
                </c:pt>
                <c:pt idx="2476">
                  <c:v>14.308580285379536</c:v>
                </c:pt>
                <c:pt idx="2477">
                  <c:v>14.308580285379536</c:v>
                </c:pt>
                <c:pt idx="2478">
                  <c:v>14.308580285379536</c:v>
                </c:pt>
                <c:pt idx="2479">
                  <c:v>55.373325789190844</c:v>
                </c:pt>
                <c:pt idx="2480">
                  <c:v>69.216657236488558</c:v>
                </c:pt>
                <c:pt idx="2481">
                  <c:v>76.138322960137415</c:v>
                </c:pt>
                <c:pt idx="2482">
                  <c:v>76.138322960137415</c:v>
                </c:pt>
                <c:pt idx="2483">
                  <c:v>89.98165440743513</c:v>
                </c:pt>
                <c:pt idx="2484">
                  <c:v>89.98165440743513</c:v>
                </c:pt>
                <c:pt idx="2485">
                  <c:v>62.294991512839701</c:v>
                </c:pt>
                <c:pt idx="2486">
                  <c:v>89.98165440743513</c:v>
                </c:pt>
                <c:pt idx="2487">
                  <c:v>70.436026262258906</c:v>
                </c:pt>
                <c:pt idx="2488">
                  <c:v>38.384384340099587</c:v>
                </c:pt>
                <c:pt idx="2489">
                  <c:v>27.424040565786321</c:v>
                </c:pt>
                <c:pt idx="2490">
                  <c:v>14.844007205368129</c:v>
                </c:pt>
                <c:pt idx="2491">
                  <c:v>14.308580285379536</c:v>
                </c:pt>
                <c:pt idx="2492">
                  <c:v>14.308580285379536</c:v>
                </c:pt>
                <c:pt idx="2493">
                  <c:v>14.308580285379536</c:v>
                </c:pt>
                <c:pt idx="2494">
                  <c:v>14.308580285379536</c:v>
                </c:pt>
                <c:pt idx="2495">
                  <c:v>14.308580285379536</c:v>
                </c:pt>
                <c:pt idx="2496">
                  <c:v>15.074468218464569</c:v>
                </c:pt>
                <c:pt idx="2497">
                  <c:v>14.246019542060282</c:v>
                </c:pt>
                <c:pt idx="2498">
                  <c:v>14.246019542060282</c:v>
                </c:pt>
                <c:pt idx="2499">
                  <c:v>14.246019542060282</c:v>
                </c:pt>
                <c:pt idx="2500">
                  <c:v>14.246019542060282</c:v>
                </c:pt>
                <c:pt idx="2501">
                  <c:v>14.278172521667123</c:v>
                </c:pt>
                <c:pt idx="2502">
                  <c:v>14.319971395156017</c:v>
                </c:pt>
                <c:pt idx="2503">
                  <c:v>14.348909076802173</c:v>
                </c:pt>
                <c:pt idx="2504">
                  <c:v>14.348909076802173</c:v>
                </c:pt>
                <c:pt idx="2505">
                  <c:v>14.348909076802173</c:v>
                </c:pt>
                <c:pt idx="2506">
                  <c:v>14.348909076802173</c:v>
                </c:pt>
                <c:pt idx="2507">
                  <c:v>14.348909076802173</c:v>
                </c:pt>
                <c:pt idx="2508">
                  <c:v>14.348909076802173</c:v>
                </c:pt>
                <c:pt idx="2509">
                  <c:v>14.348909076802173</c:v>
                </c:pt>
                <c:pt idx="2510">
                  <c:v>14.348909076802173</c:v>
                </c:pt>
                <c:pt idx="2511">
                  <c:v>14.326401991077384</c:v>
                </c:pt>
                <c:pt idx="2512">
                  <c:v>14.307110203313281</c:v>
                </c:pt>
                <c:pt idx="2513">
                  <c:v>14.287818415549175</c:v>
                </c:pt>
                <c:pt idx="2514">
                  <c:v>14.281387819627808</c:v>
                </c:pt>
                <c:pt idx="2515">
                  <c:v>14.249234840020966</c:v>
                </c:pt>
                <c:pt idx="2516">
                  <c:v>14.213866562453441</c:v>
                </c:pt>
                <c:pt idx="2517">
                  <c:v>14.213866562453441</c:v>
                </c:pt>
                <c:pt idx="2518">
                  <c:v>14.213866562453441</c:v>
                </c:pt>
                <c:pt idx="2519">
                  <c:v>14.213866562453441</c:v>
                </c:pt>
                <c:pt idx="2520">
                  <c:v>11.479187828074879</c:v>
                </c:pt>
                <c:pt idx="2521">
                  <c:v>11.492118575318404</c:v>
                </c:pt>
                <c:pt idx="2522">
                  <c:v>11.492118575318404</c:v>
                </c:pt>
                <c:pt idx="2523">
                  <c:v>11.492118575318404</c:v>
                </c:pt>
                <c:pt idx="2524">
                  <c:v>11.492118575318404</c:v>
                </c:pt>
                <c:pt idx="2525">
                  <c:v>11.515393920356747</c:v>
                </c:pt>
                <c:pt idx="2526">
                  <c:v>11.536083115946386</c:v>
                </c:pt>
                <c:pt idx="2527">
                  <c:v>11.561944610433434</c:v>
                </c:pt>
                <c:pt idx="2528">
                  <c:v>11.561944610433434</c:v>
                </c:pt>
                <c:pt idx="2529">
                  <c:v>11.561944610433434</c:v>
                </c:pt>
                <c:pt idx="2530">
                  <c:v>11.561944610433434</c:v>
                </c:pt>
                <c:pt idx="2531">
                  <c:v>11.561944610433434</c:v>
                </c:pt>
                <c:pt idx="2532">
                  <c:v>11.561944610433434</c:v>
                </c:pt>
                <c:pt idx="2533">
                  <c:v>11.561944610433434</c:v>
                </c:pt>
                <c:pt idx="2534">
                  <c:v>11.561944610433434</c:v>
                </c:pt>
                <c:pt idx="2535">
                  <c:v>11.543841564292499</c:v>
                </c:pt>
                <c:pt idx="2536">
                  <c:v>11.541255414843794</c:v>
                </c:pt>
                <c:pt idx="2537">
                  <c:v>11.520566219254157</c:v>
                </c:pt>
                <c:pt idx="2538">
                  <c:v>11.512807770908042</c:v>
                </c:pt>
                <c:pt idx="2539">
                  <c:v>11.494704724767109</c:v>
                </c:pt>
                <c:pt idx="2540">
                  <c:v>11.479187828074879</c:v>
                </c:pt>
                <c:pt idx="2541">
                  <c:v>11.468843230280061</c:v>
                </c:pt>
                <c:pt idx="2542">
                  <c:v>11.468843230280061</c:v>
                </c:pt>
                <c:pt idx="2543">
                  <c:v>11.468843230280061</c:v>
                </c:pt>
                <c:pt idx="2544">
                  <c:v>8.9676426427819713</c:v>
                </c:pt>
                <c:pt idx="2545">
                  <c:v>8.9676426427819713</c:v>
                </c:pt>
                <c:pt idx="2546">
                  <c:v>8.9676426427819713</c:v>
                </c:pt>
                <c:pt idx="2547">
                  <c:v>8.9676426427819713</c:v>
                </c:pt>
                <c:pt idx="2548">
                  <c:v>8.9676426427819713</c:v>
                </c:pt>
                <c:pt idx="2549">
                  <c:v>8.9676426427819713</c:v>
                </c:pt>
                <c:pt idx="2550">
                  <c:v>8.9676426427819713</c:v>
                </c:pt>
                <c:pt idx="2551">
                  <c:v>38.239236975153602</c:v>
                </c:pt>
                <c:pt idx="2552">
                  <c:v>43.019141597047806</c:v>
                </c:pt>
                <c:pt idx="2553">
                  <c:v>47.79904621894201</c:v>
                </c:pt>
                <c:pt idx="2554">
                  <c:v>47.79904621894201</c:v>
                </c:pt>
                <c:pt idx="2555">
                  <c:v>57.358855462730403</c:v>
                </c:pt>
                <c:pt idx="2556">
                  <c:v>57.358855462730403</c:v>
                </c:pt>
                <c:pt idx="2557">
                  <c:v>38.239236975153602</c:v>
                </c:pt>
                <c:pt idx="2558">
                  <c:v>57.358855462730403</c:v>
                </c:pt>
                <c:pt idx="2559">
                  <c:v>57.358855462730403</c:v>
                </c:pt>
                <c:pt idx="2560">
                  <c:v>34.131394972115608</c:v>
                </c:pt>
                <c:pt idx="2561">
                  <c:v>10.914234291751475</c:v>
                </c:pt>
                <c:pt idx="2562">
                  <c:v>9.6271708850597992</c:v>
                </c:pt>
                <c:pt idx="2563">
                  <c:v>9.6271708850597992</c:v>
                </c:pt>
                <c:pt idx="2564">
                  <c:v>9.6271708850597992</c:v>
                </c:pt>
                <c:pt idx="2565">
                  <c:v>9.6271708850597992</c:v>
                </c:pt>
                <c:pt idx="2566">
                  <c:v>9.6271708850597992</c:v>
                </c:pt>
                <c:pt idx="2567">
                  <c:v>9.6271708850597992</c:v>
                </c:pt>
                <c:pt idx="2568">
                  <c:v>6.4160296471538567</c:v>
                </c:pt>
                <c:pt idx="2569">
                  <c:v>9.4518621851296611</c:v>
                </c:pt>
                <c:pt idx="2570">
                  <c:v>9.4518621851296611</c:v>
                </c:pt>
                <c:pt idx="2571">
                  <c:v>9.4518621851296611</c:v>
                </c:pt>
                <c:pt idx="2572">
                  <c:v>9.4518621851296611</c:v>
                </c:pt>
                <c:pt idx="2573">
                  <c:v>9.4518621851296611</c:v>
                </c:pt>
                <c:pt idx="2574">
                  <c:v>9.4518621851296611</c:v>
                </c:pt>
                <c:pt idx="2575">
                  <c:v>39.017352652475729</c:v>
                </c:pt>
                <c:pt idx="2576">
                  <c:v>43.535151380657126</c:v>
                </c:pt>
                <c:pt idx="2577">
                  <c:v>48.05295010883853</c:v>
                </c:pt>
                <c:pt idx="2578">
                  <c:v>48.05295010883853</c:v>
                </c:pt>
                <c:pt idx="2579">
                  <c:v>57.499256540490549</c:v>
                </c:pt>
                <c:pt idx="2580">
                  <c:v>57.499256540490549</c:v>
                </c:pt>
                <c:pt idx="2581">
                  <c:v>38.195934701897286</c:v>
                </c:pt>
                <c:pt idx="2582">
                  <c:v>57.499256540490549</c:v>
                </c:pt>
                <c:pt idx="2583">
                  <c:v>57.499256540490549</c:v>
                </c:pt>
                <c:pt idx="2584">
                  <c:v>34.532856149184425</c:v>
                </c:pt>
                <c:pt idx="2585">
                  <c:v>15.548223743212386</c:v>
                </c:pt>
                <c:pt idx="2586">
                  <c:v>9.7278469613092788</c:v>
                </c:pt>
                <c:pt idx="2587">
                  <c:v>9.7278469613092788</c:v>
                </c:pt>
                <c:pt idx="2588">
                  <c:v>9.7278469613092788</c:v>
                </c:pt>
                <c:pt idx="2589">
                  <c:v>9.7278469613092788</c:v>
                </c:pt>
                <c:pt idx="2590">
                  <c:v>9.7278469613092788</c:v>
                </c:pt>
                <c:pt idx="2591">
                  <c:v>9.7278469613092788</c:v>
                </c:pt>
                <c:pt idx="2592">
                  <c:v>11.204089012557599</c:v>
                </c:pt>
                <c:pt idx="2593">
                  <c:v>11.204089012557599</c:v>
                </c:pt>
                <c:pt idx="2594">
                  <c:v>11.204089012557599</c:v>
                </c:pt>
                <c:pt idx="2595">
                  <c:v>11.204089012557599</c:v>
                </c:pt>
                <c:pt idx="2596">
                  <c:v>11.204089012557599</c:v>
                </c:pt>
                <c:pt idx="2597">
                  <c:v>11.204089012557599</c:v>
                </c:pt>
                <c:pt idx="2598">
                  <c:v>11.204089012557599</c:v>
                </c:pt>
                <c:pt idx="2599">
                  <c:v>43.8233874535943</c:v>
                </c:pt>
                <c:pt idx="2600">
                  <c:v>48.897674421905229</c:v>
                </c:pt>
                <c:pt idx="2601">
                  <c:v>53.971961390216158</c:v>
                </c:pt>
                <c:pt idx="2602">
                  <c:v>53.971961390216158</c:v>
                </c:pt>
                <c:pt idx="2603">
                  <c:v>64.581834142138987</c:v>
                </c:pt>
                <c:pt idx="2604">
                  <c:v>64.581834142138987</c:v>
                </c:pt>
                <c:pt idx="2605">
                  <c:v>42.900789822992323</c:v>
                </c:pt>
                <c:pt idx="2606">
                  <c:v>64.581834142138987</c:v>
                </c:pt>
                <c:pt idx="2607">
                  <c:v>64.581834142138987</c:v>
                </c:pt>
                <c:pt idx="2608">
                  <c:v>39.540835832308218</c:v>
                </c:pt>
                <c:pt idx="2609">
                  <c:v>18.730123464225166</c:v>
                </c:pt>
                <c:pt idx="2610">
                  <c:v>11.204089012557599</c:v>
                </c:pt>
                <c:pt idx="2611">
                  <c:v>11.204089012557599</c:v>
                </c:pt>
                <c:pt idx="2612">
                  <c:v>11.204089012557599</c:v>
                </c:pt>
                <c:pt idx="2613">
                  <c:v>11.204089012557599</c:v>
                </c:pt>
                <c:pt idx="2614">
                  <c:v>11.204089012557599</c:v>
                </c:pt>
                <c:pt idx="2615">
                  <c:v>11.204089012557599</c:v>
                </c:pt>
                <c:pt idx="2616">
                  <c:v>10.268002287331687</c:v>
                </c:pt>
                <c:pt idx="2617">
                  <c:v>10.268002287331687</c:v>
                </c:pt>
                <c:pt idx="2618">
                  <c:v>10.268002287331687</c:v>
                </c:pt>
                <c:pt idx="2619">
                  <c:v>10.268002287331687</c:v>
                </c:pt>
                <c:pt idx="2620">
                  <c:v>10.268002287331687</c:v>
                </c:pt>
                <c:pt idx="2621">
                  <c:v>10.268002287331687</c:v>
                </c:pt>
                <c:pt idx="2622">
                  <c:v>10.268002287331687</c:v>
                </c:pt>
                <c:pt idx="2623">
                  <c:v>40.682867039693534</c:v>
                </c:pt>
                <c:pt idx="2624">
                  <c:v>45.393514802184363</c:v>
                </c:pt>
                <c:pt idx="2625">
                  <c:v>50.104162564675192</c:v>
                </c:pt>
                <c:pt idx="2626">
                  <c:v>50.104162564675192</c:v>
                </c:pt>
                <c:pt idx="2627">
                  <c:v>59.953698795337843</c:v>
                </c:pt>
                <c:pt idx="2628">
                  <c:v>59.953698795337843</c:v>
                </c:pt>
                <c:pt idx="2629">
                  <c:v>39.826385628331558</c:v>
                </c:pt>
                <c:pt idx="2630">
                  <c:v>59.953698795337843</c:v>
                </c:pt>
                <c:pt idx="2631">
                  <c:v>59.953698795337843</c:v>
                </c:pt>
                <c:pt idx="2632">
                  <c:v>36.298799818116436</c:v>
                </c:pt>
                <c:pt idx="2633">
                  <c:v>16.703205855228717</c:v>
                </c:pt>
                <c:pt idx="2634">
                  <c:v>10.268002287331687</c:v>
                </c:pt>
                <c:pt idx="2635">
                  <c:v>10.268002287331687</c:v>
                </c:pt>
                <c:pt idx="2636">
                  <c:v>10.268002287331687</c:v>
                </c:pt>
                <c:pt idx="2637">
                  <c:v>10.268002287331687</c:v>
                </c:pt>
                <c:pt idx="2638">
                  <c:v>10.268002287331687</c:v>
                </c:pt>
                <c:pt idx="2639">
                  <c:v>10.268002287331687</c:v>
                </c:pt>
                <c:pt idx="2640">
                  <c:v>13.463733236891123</c:v>
                </c:pt>
                <c:pt idx="2641">
                  <c:v>8.3715115636861075</c:v>
                </c:pt>
                <c:pt idx="2642">
                  <c:v>8.3715115636861075</c:v>
                </c:pt>
                <c:pt idx="2643">
                  <c:v>8.3715115636861075</c:v>
                </c:pt>
                <c:pt idx="2644">
                  <c:v>8.3715115636861075</c:v>
                </c:pt>
                <c:pt idx="2645">
                  <c:v>8.3715115636861075</c:v>
                </c:pt>
                <c:pt idx="2646">
                  <c:v>8.3715115636861075</c:v>
                </c:pt>
                <c:pt idx="2647">
                  <c:v>34.829613150942656</c:v>
                </c:pt>
                <c:pt idx="2648">
                  <c:v>43.537016438678322</c:v>
                </c:pt>
                <c:pt idx="2649">
                  <c:v>47.890718082546158</c:v>
                </c:pt>
                <c:pt idx="2650">
                  <c:v>47.890718082546158</c:v>
                </c:pt>
                <c:pt idx="2651">
                  <c:v>56.598121370281817</c:v>
                </c:pt>
                <c:pt idx="2652">
                  <c:v>56.598121370281817</c:v>
                </c:pt>
                <c:pt idx="2653">
                  <c:v>39.183314794810485</c:v>
                </c:pt>
                <c:pt idx="2654">
                  <c:v>56.598121370281817</c:v>
                </c:pt>
                <c:pt idx="2655">
                  <c:v>43.719013404112815</c:v>
                </c:pt>
                <c:pt idx="2656">
                  <c:v>21.318772406574897</c:v>
                </c:pt>
                <c:pt idx="2657">
                  <c:v>14.382384586227134</c:v>
                </c:pt>
                <c:pt idx="2658">
                  <c:v>8.7632209231634164</c:v>
                </c:pt>
                <c:pt idx="2659">
                  <c:v>8.3715115636861075</c:v>
                </c:pt>
                <c:pt idx="2660">
                  <c:v>8.3715115636861075</c:v>
                </c:pt>
                <c:pt idx="2661">
                  <c:v>8.3715115636861075</c:v>
                </c:pt>
                <c:pt idx="2662">
                  <c:v>8.3715115636861075</c:v>
                </c:pt>
                <c:pt idx="2663">
                  <c:v>8.3715115636861075</c:v>
                </c:pt>
                <c:pt idx="2664">
                  <c:v>5.4943031214076736</c:v>
                </c:pt>
                <c:pt idx="2665">
                  <c:v>5.0572273541818937</c:v>
                </c:pt>
                <c:pt idx="2666">
                  <c:v>5.0572273541818937</c:v>
                </c:pt>
                <c:pt idx="2667">
                  <c:v>5.0572273541818937</c:v>
                </c:pt>
                <c:pt idx="2668">
                  <c:v>5.0572273541818937</c:v>
                </c:pt>
                <c:pt idx="2669">
                  <c:v>5.0617466184317896</c:v>
                </c:pt>
                <c:pt idx="2670">
                  <c:v>5.0676216619566548</c:v>
                </c:pt>
                <c:pt idx="2671">
                  <c:v>5.0716889997815615</c:v>
                </c:pt>
                <c:pt idx="2672">
                  <c:v>5.0716889997815615</c:v>
                </c:pt>
                <c:pt idx="2673">
                  <c:v>5.0716889997815615</c:v>
                </c:pt>
                <c:pt idx="2674">
                  <c:v>5.0716889997815615</c:v>
                </c:pt>
                <c:pt idx="2675">
                  <c:v>5.0716889997815615</c:v>
                </c:pt>
                <c:pt idx="2676">
                  <c:v>5.0716889997815615</c:v>
                </c:pt>
                <c:pt idx="2677">
                  <c:v>5.0716889997815615</c:v>
                </c:pt>
                <c:pt idx="2678">
                  <c:v>5.0716889997815615</c:v>
                </c:pt>
                <c:pt idx="2679">
                  <c:v>5.0685255148066339</c:v>
                </c:pt>
                <c:pt idx="2680">
                  <c:v>5.0658139562566964</c:v>
                </c:pt>
                <c:pt idx="2681">
                  <c:v>5.0631023977067589</c:v>
                </c:pt>
                <c:pt idx="2682">
                  <c:v>5.0621985448567797</c:v>
                </c:pt>
                <c:pt idx="2683">
                  <c:v>5.0576792806068829</c:v>
                </c:pt>
                <c:pt idx="2684">
                  <c:v>5.0527080899319969</c:v>
                </c:pt>
                <c:pt idx="2685">
                  <c:v>5.0527080899319969</c:v>
                </c:pt>
                <c:pt idx="2686">
                  <c:v>5.0527080899319969</c:v>
                </c:pt>
                <c:pt idx="2687">
                  <c:v>5.0527080899319969</c:v>
                </c:pt>
                <c:pt idx="2688">
                  <c:v>4.7226040892709413</c:v>
                </c:pt>
                <c:pt idx="2689">
                  <c:v>4.7247278226332101</c:v>
                </c:pt>
                <c:pt idx="2690">
                  <c:v>4.7247278226332101</c:v>
                </c:pt>
                <c:pt idx="2691">
                  <c:v>4.7247278226332101</c:v>
                </c:pt>
                <c:pt idx="2692">
                  <c:v>4.7247278226332101</c:v>
                </c:pt>
                <c:pt idx="2693">
                  <c:v>4.7285505426852934</c:v>
                </c:pt>
                <c:pt idx="2694">
                  <c:v>4.7319485160649224</c:v>
                </c:pt>
                <c:pt idx="2695">
                  <c:v>4.7361959827894591</c:v>
                </c:pt>
                <c:pt idx="2696">
                  <c:v>4.7361959827894591</c:v>
                </c:pt>
                <c:pt idx="2697">
                  <c:v>4.7361959827894591</c:v>
                </c:pt>
                <c:pt idx="2698">
                  <c:v>4.7361959827894591</c:v>
                </c:pt>
                <c:pt idx="2699">
                  <c:v>4.7361959827894591</c:v>
                </c:pt>
                <c:pt idx="2700">
                  <c:v>4.7361959827894591</c:v>
                </c:pt>
                <c:pt idx="2701">
                  <c:v>4.7361959827894591</c:v>
                </c:pt>
                <c:pt idx="2702">
                  <c:v>4.7361959827894591</c:v>
                </c:pt>
                <c:pt idx="2703">
                  <c:v>4.7332227560822835</c:v>
                </c:pt>
                <c:pt idx="2704">
                  <c:v>4.7327980094098301</c:v>
                </c:pt>
                <c:pt idx="2705">
                  <c:v>4.7294000360302002</c:v>
                </c:pt>
                <c:pt idx="2706">
                  <c:v>4.7281257960128391</c:v>
                </c:pt>
                <c:pt idx="2707">
                  <c:v>4.7251525693056635</c:v>
                </c:pt>
                <c:pt idx="2708">
                  <c:v>4.7226040892709413</c:v>
                </c:pt>
                <c:pt idx="2709">
                  <c:v>4.7209051025811268</c:v>
                </c:pt>
                <c:pt idx="2710">
                  <c:v>4.7209051025811268</c:v>
                </c:pt>
                <c:pt idx="2711">
                  <c:v>4.7209051025811268</c:v>
                </c:pt>
                <c:pt idx="2712">
                  <c:v>8.0770681351610829</c:v>
                </c:pt>
                <c:pt idx="2713">
                  <c:v>8.0770681351610829</c:v>
                </c:pt>
                <c:pt idx="2714">
                  <c:v>8.0770681351610829</c:v>
                </c:pt>
                <c:pt idx="2715">
                  <c:v>8.0770681351610829</c:v>
                </c:pt>
                <c:pt idx="2716">
                  <c:v>8.0770681351610829</c:v>
                </c:pt>
                <c:pt idx="2717">
                  <c:v>8.0770681351610829</c:v>
                </c:pt>
                <c:pt idx="2718">
                  <c:v>8.0770681351610829</c:v>
                </c:pt>
                <c:pt idx="2719">
                  <c:v>34.438014521002579</c:v>
                </c:pt>
                <c:pt idx="2720">
                  <c:v>38.7427663361279</c:v>
                </c:pt>
                <c:pt idx="2721">
                  <c:v>43.047518151253222</c:v>
                </c:pt>
                <c:pt idx="2722">
                  <c:v>43.047518151253222</c:v>
                </c:pt>
                <c:pt idx="2723">
                  <c:v>51.657021781503857</c:v>
                </c:pt>
                <c:pt idx="2724">
                  <c:v>51.657021781503857</c:v>
                </c:pt>
                <c:pt idx="2725">
                  <c:v>34.438014521002579</c:v>
                </c:pt>
                <c:pt idx="2726">
                  <c:v>51.657021781503857</c:v>
                </c:pt>
                <c:pt idx="2727">
                  <c:v>51.657021781503857</c:v>
                </c:pt>
                <c:pt idx="2728">
                  <c:v>30.671652512924023</c:v>
                </c:pt>
                <c:pt idx="2729">
                  <c:v>9.6945344291265094</c:v>
                </c:pt>
                <c:pt idx="2730">
                  <c:v>8.6500708299568156</c:v>
                </c:pt>
                <c:pt idx="2731">
                  <c:v>8.6500708299568156</c:v>
                </c:pt>
                <c:pt idx="2732">
                  <c:v>8.6500708299568156</c:v>
                </c:pt>
                <c:pt idx="2733">
                  <c:v>8.6500708299568156</c:v>
                </c:pt>
                <c:pt idx="2734">
                  <c:v>8.6500708299568156</c:v>
                </c:pt>
                <c:pt idx="2735">
                  <c:v>8.6500708299568156</c:v>
                </c:pt>
                <c:pt idx="2736">
                  <c:v>6.6953993166546022</c:v>
                </c:pt>
                <c:pt idx="2737">
                  <c:v>9.7827369418760988</c:v>
                </c:pt>
                <c:pt idx="2738">
                  <c:v>9.7827369418760988</c:v>
                </c:pt>
                <c:pt idx="2739">
                  <c:v>9.7827369418760988</c:v>
                </c:pt>
                <c:pt idx="2740">
                  <c:v>9.7827369418760988</c:v>
                </c:pt>
                <c:pt idx="2741">
                  <c:v>9.7827369418760988</c:v>
                </c:pt>
                <c:pt idx="2742">
                  <c:v>9.7827369418760988</c:v>
                </c:pt>
                <c:pt idx="2743">
                  <c:v>40.170509428403882</c:v>
                </c:pt>
                <c:pt idx="2744">
                  <c:v>44.821831572745388</c:v>
                </c:pt>
                <c:pt idx="2745">
                  <c:v>49.473153717086895</c:v>
                </c:pt>
                <c:pt idx="2746">
                  <c:v>49.473153717086895</c:v>
                </c:pt>
                <c:pt idx="2747">
                  <c:v>59.198645473437303</c:v>
                </c:pt>
                <c:pt idx="2748">
                  <c:v>59.198645473437303</c:v>
                </c:pt>
                <c:pt idx="2749">
                  <c:v>39.324814493069063</c:v>
                </c:pt>
                <c:pt idx="2750">
                  <c:v>59.198645473437303</c:v>
                </c:pt>
                <c:pt idx="2751">
                  <c:v>59.198645473437303</c:v>
                </c:pt>
                <c:pt idx="2752">
                  <c:v>35.723791629108689</c:v>
                </c:pt>
                <c:pt idx="2753">
                  <c:v>16.292758782385686</c:v>
                </c:pt>
                <c:pt idx="2754">
                  <c:v>10.063403998714417</c:v>
                </c:pt>
                <c:pt idx="2755">
                  <c:v>10.063403998714417</c:v>
                </c:pt>
                <c:pt idx="2756">
                  <c:v>10.063403998714417</c:v>
                </c:pt>
                <c:pt idx="2757">
                  <c:v>10.063403998714417</c:v>
                </c:pt>
                <c:pt idx="2758">
                  <c:v>10.063403998714417</c:v>
                </c:pt>
                <c:pt idx="2759">
                  <c:v>10.063403998714417</c:v>
                </c:pt>
                <c:pt idx="2760">
                  <c:v>11.884879358176445</c:v>
                </c:pt>
                <c:pt idx="2761">
                  <c:v>11.884879358176445</c:v>
                </c:pt>
                <c:pt idx="2762">
                  <c:v>11.884879358176445</c:v>
                </c:pt>
                <c:pt idx="2763">
                  <c:v>11.884879358176445</c:v>
                </c:pt>
                <c:pt idx="2764">
                  <c:v>11.884879358176445</c:v>
                </c:pt>
                <c:pt idx="2765">
                  <c:v>11.884879358176445</c:v>
                </c:pt>
                <c:pt idx="2766">
                  <c:v>11.884879358176445</c:v>
                </c:pt>
                <c:pt idx="2767">
                  <c:v>46.107402300067612</c:v>
                </c:pt>
                <c:pt idx="2768">
                  <c:v>51.446154145338582</c:v>
                </c:pt>
                <c:pt idx="2769">
                  <c:v>56.784905990609573</c:v>
                </c:pt>
                <c:pt idx="2770">
                  <c:v>56.784905990609573</c:v>
                </c:pt>
                <c:pt idx="2771">
                  <c:v>67.94775075799437</c:v>
                </c:pt>
                <c:pt idx="2772">
                  <c:v>67.94775075799437</c:v>
                </c:pt>
                <c:pt idx="2773">
                  <c:v>45.136720146381968</c:v>
                </c:pt>
                <c:pt idx="2774">
                  <c:v>67.94775075799437</c:v>
                </c:pt>
                <c:pt idx="2775">
                  <c:v>67.94775075799437</c:v>
                </c:pt>
                <c:pt idx="2776">
                  <c:v>41.898680206265865</c:v>
                </c:pt>
                <c:pt idx="2777">
                  <c:v>20.204245361677131</c:v>
                </c:pt>
                <c:pt idx="2778">
                  <c:v>11.884879358176445</c:v>
                </c:pt>
                <c:pt idx="2779">
                  <c:v>11.884879358176445</c:v>
                </c:pt>
                <c:pt idx="2780">
                  <c:v>11.884879358176445</c:v>
                </c:pt>
                <c:pt idx="2781">
                  <c:v>11.884879358176445</c:v>
                </c:pt>
                <c:pt idx="2782">
                  <c:v>11.884879358176445</c:v>
                </c:pt>
                <c:pt idx="2783">
                  <c:v>11.884879358176445</c:v>
                </c:pt>
                <c:pt idx="2784">
                  <c:v>10.863693839748175</c:v>
                </c:pt>
                <c:pt idx="2785">
                  <c:v>10.863693839748175</c:v>
                </c:pt>
                <c:pt idx="2786">
                  <c:v>10.863693839748175</c:v>
                </c:pt>
                <c:pt idx="2787">
                  <c:v>10.863693839748175</c:v>
                </c:pt>
                <c:pt idx="2788">
                  <c:v>10.863693839748175</c:v>
                </c:pt>
                <c:pt idx="2789">
                  <c:v>10.863693839748175</c:v>
                </c:pt>
                <c:pt idx="2790">
                  <c:v>10.863693839748175</c:v>
                </c:pt>
                <c:pt idx="2791">
                  <c:v>42.681380030357651</c:v>
                </c:pt>
                <c:pt idx="2792">
                  <c:v>47.623434560188549</c:v>
                </c:pt>
                <c:pt idx="2793">
                  <c:v>52.56548909001944</c:v>
                </c:pt>
                <c:pt idx="2794">
                  <c:v>52.56548909001944</c:v>
                </c:pt>
                <c:pt idx="2795">
                  <c:v>62.898875834211282</c:v>
                </c:pt>
                <c:pt idx="2796">
                  <c:v>62.898875834211282</c:v>
                </c:pt>
                <c:pt idx="2797">
                  <c:v>41.782824661297497</c:v>
                </c:pt>
                <c:pt idx="2798">
                  <c:v>62.898875834211282</c:v>
                </c:pt>
                <c:pt idx="2799">
                  <c:v>62.898875834211282</c:v>
                </c:pt>
                <c:pt idx="2800">
                  <c:v>38.361913645329373</c:v>
                </c:pt>
                <c:pt idx="2801">
                  <c:v>17.993062515499179</c:v>
                </c:pt>
                <c:pt idx="2802">
                  <c:v>10.863693839748175</c:v>
                </c:pt>
                <c:pt idx="2803">
                  <c:v>10.863693839748175</c:v>
                </c:pt>
                <c:pt idx="2804">
                  <c:v>10.863693839748175</c:v>
                </c:pt>
                <c:pt idx="2805">
                  <c:v>10.863693839748175</c:v>
                </c:pt>
                <c:pt idx="2806">
                  <c:v>10.863693839748175</c:v>
                </c:pt>
                <c:pt idx="2807">
                  <c:v>10.863693839748175</c:v>
                </c:pt>
                <c:pt idx="2808">
                  <c:v>14.103739781873781</c:v>
                </c:pt>
                <c:pt idx="2809">
                  <c:v>8.7808602955025066</c:v>
                </c:pt>
                <c:pt idx="2810">
                  <c:v>8.7808602955025066</c:v>
                </c:pt>
                <c:pt idx="2811">
                  <c:v>8.7808602955025066</c:v>
                </c:pt>
                <c:pt idx="2812">
                  <c:v>8.7808602955025066</c:v>
                </c:pt>
                <c:pt idx="2813">
                  <c:v>8.7808602955025066</c:v>
                </c:pt>
                <c:pt idx="2814">
                  <c:v>8.7808602955025066</c:v>
                </c:pt>
                <c:pt idx="2815">
                  <c:v>36.488960806423826</c:v>
                </c:pt>
                <c:pt idx="2816">
                  <c:v>45.611201008029781</c:v>
                </c:pt>
                <c:pt idx="2817">
                  <c:v>50.172321108832762</c:v>
                </c:pt>
                <c:pt idx="2818">
                  <c:v>50.172321108832762</c:v>
                </c:pt>
                <c:pt idx="2819">
                  <c:v>59.294561310438723</c:v>
                </c:pt>
                <c:pt idx="2820">
                  <c:v>59.294561310438723</c:v>
                </c:pt>
                <c:pt idx="2821">
                  <c:v>41.050080907226807</c:v>
                </c:pt>
                <c:pt idx="2822">
                  <c:v>59.294561310438723</c:v>
                </c:pt>
                <c:pt idx="2823">
                  <c:v>45.811654452690142</c:v>
                </c:pt>
                <c:pt idx="2824">
                  <c:v>22.381693834457032</c:v>
                </c:pt>
                <c:pt idx="2825">
                  <c:v>15.115552407302259</c:v>
                </c:pt>
                <c:pt idx="2826">
                  <c:v>9.1903125636849126</c:v>
                </c:pt>
                <c:pt idx="2827">
                  <c:v>8.7808602955025066</c:v>
                </c:pt>
                <c:pt idx="2828">
                  <c:v>8.7808602955025066</c:v>
                </c:pt>
                <c:pt idx="2829">
                  <c:v>8.7808602955025066</c:v>
                </c:pt>
                <c:pt idx="2830">
                  <c:v>8.7808602955025066</c:v>
                </c:pt>
                <c:pt idx="2831">
                  <c:v>8.7808602955025066</c:v>
                </c:pt>
                <c:pt idx="2832">
                  <c:v>6.3860228474560268</c:v>
                </c:pt>
                <c:pt idx="2833">
                  <c:v>5.8942900731997305</c:v>
                </c:pt>
                <c:pt idx="2834">
                  <c:v>5.8942900731997305</c:v>
                </c:pt>
                <c:pt idx="2835">
                  <c:v>5.8942900731997305</c:v>
                </c:pt>
                <c:pt idx="2836">
                  <c:v>5.8942900731997305</c:v>
                </c:pt>
                <c:pt idx="2837">
                  <c:v>5.8993958551776426</c:v>
                </c:pt>
                <c:pt idx="2838">
                  <c:v>5.9060333717489293</c:v>
                </c:pt>
                <c:pt idx="2839">
                  <c:v>5.9106285755290511</c:v>
                </c:pt>
                <c:pt idx="2840">
                  <c:v>5.9106285755290511</c:v>
                </c:pt>
                <c:pt idx="2841">
                  <c:v>5.9106285755290511</c:v>
                </c:pt>
                <c:pt idx="2842">
                  <c:v>5.9106285755290511</c:v>
                </c:pt>
                <c:pt idx="2843">
                  <c:v>5.9106285755290511</c:v>
                </c:pt>
                <c:pt idx="2844">
                  <c:v>5.9106285755290511</c:v>
                </c:pt>
                <c:pt idx="2845">
                  <c:v>5.9106285755290511</c:v>
                </c:pt>
                <c:pt idx="2846">
                  <c:v>5.9106285755290511</c:v>
                </c:pt>
                <c:pt idx="2847">
                  <c:v>5.9070545281445117</c:v>
                </c:pt>
                <c:pt idx="2848">
                  <c:v>5.9039910589577644</c:v>
                </c:pt>
                <c:pt idx="2849">
                  <c:v>5.9009275897710172</c:v>
                </c:pt>
                <c:pt idx="2850">
                  <c:v>5.8999064333754347</c:v>
                </c:pt>
                <c:pt idx="2851">
                  <c:v>5.8948006513975217</c:v>
                </c:pt>
                <c:pt idx="2852">
                  <c:v>5.8891842912218175</c:v>
                </c:pt>
                <c:pt idx="2853">
                  <c:v>5.8891842912218175</c:v>
                </c:pt>
                <c:pt idx="2854">
                  <c:v>5.8891842912218175</c:v>
                </c:pt>
                <c:pt idx="2855">
                  <c:v>5.8891842912218175</c:v>
                </c:pt>
                <c:pt idx="2856">
                  <c:v>6.306144532060979</c:v>
                </c:pt>
                <c:pt idx="2857">
                  <c:v>6.3091570546990354</c:v>
                </c:pt>
                <c:pt idx="2858">
                  <c:v>6.3091570546990354</c:v>
                </c:pt>
                <c:pt idx="2859">
                  <c:v>6.3091570546990354</c:v>
                </c:pt>
                <c:pt idx="2860">
                  <c:v>6.3091570546990354</c:v>
                </c:pt>
                <c:pt idx="2861">
                  <c:v>6.3145795954475377</c:v>
                </c:pt>
                <c:pt idx="2862">
                  <c:v>6.3193996316684284</c:v>
                </c:pt>
                <c:pt idx="2863">
                  <c:v>6.3254246769445421</c:v>
                </c:pt>
                <c:pt idx="2864">
                  <c:v>6.3254246769445421</c:v>
                </c:pt>
                <c:pt idx="2865">
                  <c:v>6.3254246769445421</c:v>
                </c:pt>
                <c:pt idx="2866">
                  <c:v>6.3254246769445421</c:v>
                </c:pt>
                <c:pt idx="2867">
                  <c:v>6.3254246769445421</c:v>
                </c:pt>
                <c:pt idx="2868">
                  <c:v>6.3254246769445421</c:v>
                </c:pt>
                <c:pt idx="2869">
                  <c:v>6.3254246769445421</c:v>
                </c:pt>
                <c:pt idx="2870">
                  <c:v>6.3254246769445421</c:v>
                </c:pt>
                <c:pt idx="2871">
                  <c:v>6.3212071452512628</c:v>
                </c:pt>
                <c:pt idx="2872">
                  <c:v>6.3206046407236514</c:v>
                </c:pt>
                <c:pt idx="2873">
                  <c:v>6.3157846045027606</c:v>
                </c:pt>
                <c:pt idx="2874">
                  <c:v>6.3139770909199262</c:v>
                </c:pt>
                <c:pt idx="2875">
                  <c:v>6.3097595592266469</c:v>
                </c:pt>
                <c:pt idx="2876">
                  <c:v>6.306144532060979</c:v>
                </c:pt>
                <c:pt idx="2877">
                  <c:v>6.3037345139505332</c:v>
                </c:pt>
                <c:pt idx="2878">
                  <c:v>6.3037345139505332</c:v>
                </c:pt>
                <c:pt idx="2879">
                  <c:v>6.3037345139505332</c:v>
                </c:pt>
                <c:pt idx="2880">
                  <c:v>8.6033167078461528</c:v>
                </c:pt>
                <c:pt idx="2881">
                  <c:v>8.6033167078461528</c:v>
                </c:pt>
                <c:pt idx="2882">
                  <c:v>8.6033167078461528</c:v>
                </c:pt>
                <c:pt idx="2883">
                  <c:v>8.6033167078461528</c:v>
                </c:pt>
                <c:pt idx="2884">
                  <c:v>8.6033167078461528</c:v>
                </c:pt>
                <c:pt idx="2885">
                  <c:v>8.6033167078461528</c:v>
                </c:pt>
                <c:pt idx="2886">
                  <c:v>8.6033167078461528</c:v>
                </c:pt>
                <c:pt idx="2887">
                  <c:v>36.684191425728187</c:v>
                </c:pt>
                <c:pt idx="2888">
                  <c:v>41.269715353944214</c:v>
                </c:pt>
                <c:pt idx="2889">
                  <c:v>45.855239282160234</c:v>
                </c:pt>
                <c:pt idx="2890">
                  <c:v>45.855239282160234</c:v>
                </c:pt>
                <c:pt idx="2891">
                  <c:v>55.026287138592267</c:v>
                </c:pt>
                <c:pt idx="2892">
                  <c:v>55.026287138592267</c:v>
                </c:pt>
                <c:pt idx="2893">
                  <c:v>36.684191425728187</c:v>
                </c:pt>
                <c:pt idx="2894">
                  <c:v>55.026287138592267</c:v>
                </c:pt>
                <c:pt idx="2895">
                  <c:v>55.026287138592267</c:v>
                </c:pt>
                <c:pt idx="2896">
                  <c:v>32.716045784264502</c:v>
                </c:pt>
                <c:pt idx="2897">
                  <c:v>10.415266166132172</c:v>
                </c:pt>
                <c:pt idx="2898">
                  <c:v>9.2274481352449431</c:v>
                </c:pt>
                <c:pt idx="2899">
                  <c:v>9.2274481352449431</c:v>
                </c:pt>
                <c:pt idx="2900">
                  <c:v>9.2274481352449431</c:v>
                </c:pt>
                <c:pt idx="2901">
                  <c:v>9.2274481352449431</c:v>
                </c:pt>
                <c:pt idx="2902">
                  <c:v>9.2274481352449431</c:v>
                </c:pt>
                <c:pt idx="2903">
                  <c:v>9.2274481352449431</c:v>
                </c:pt>
                <c:pt idx="2904">
                  <c:v>5.5147583553512867</c:v>
                </c:pt>
                <c:pt idx="2905">
                  <c:v>8.1643027389843787</c:v>
                </c:pt>
                <c:pt idx="2906">
                  <c:v>8.1643027389843787</c:v>
                </c:pt>
                <c:pt idx="2907">
                  <c:v>8.1643027389843787</c:v>
                </c:pt>
                <c:pt idx="2908">
                  <c:v>8.1643027389843787</c:v>
                </c:pt>
                <c:pt idx="2909">
                  <c:v>8.1643027389843787</c:v>
                </c:pt>
                <c:pt idx="2910">
                  <c:v>8.1643027389843787</c:v>
                </c:pt>
                <c:pt idx="2911">
                  <c:v>33.808170697213079</c:v>
                </c:pt>
                <c:pt idx="2912">
                  <c:v>37.722800988469324</c:v>
                </c:pt>
                <c:pt idx="2913">
                  <c:v>41.637431279725575</c:v>
                </c:pt>
                <c:pt idx="2914">
                  <c:v>41.637431279725575</c:v>
                </c:pt>
                <c:pt idx="2915">
                  <c:v>49.822567343261369</c:v>
                </c:pt>
                <c:pt idx="2916">
                  <c:v>49.822567343261369</c:v>
                </c:pt>
                <c:pt idx="2917">
                  <c:v>33.096419735166485</c:v>
                </c:pt>
                <c:pt idx="2918">
                  <c:v>49.822567343261369</c:v>
                </c:pt>
                <c:pt idx="2919">
                  <c:v>49.822567343261369</c:v>
                </c:pt>
                <c:pt idx="2920">
                  <c:v>29.837618605876045</c:v>
                </c:pt>
                <c:pt idx="2921">
                  <c:v>13.330524093096312</c:v>
                </c:pt>
                <c:pt idx="2922">
                  <c:v>8.4051704102237501</c:v>
                </c:pt>
                <c:pt idx="2923">
                  <c:v>8.4051704102237501</c:v>
                </c:pt>
                <c:pt idx="2924">
                  <c:v>8.4051704102237501</c:v>
                </c:pt>
                <c:pt idx="2925">
                  <c:v>8.4051704102237501</c:v>
                </c:pt>
                <c:pt idx="2926">
                  <c:v>8.4051704102237501</c:v>
                </c:pt>
                <c:pt idx="2927">
                  <c:v>8.4051704102237501</c:v>
                </c:pt>
                <c:pt idx="2928">
                  <c:v>8.7493696942130157</c:v>
                </c:pt>
                <c:pt idx="2929">
                  <c:v>8.7493696942130157</c:v>
                </c:pt>
                <c:pt idx="2930">
                  <c:v>8.7493696942130157</c:v>
                </c:pt>
                <c:pt idx="2931">
                  <c:v>8.7493696942130157</c:v>
                </c:pt>
                <c:pt idx="2932">
                  <c:v>8.7493696942130157</c:v>
                </c:pt>
                <c:pt idx="2933">
                  <c:v>8.7493696942130157</c:v>
                </c:pt>
                <c:pt idx="2934">
                  <c:v>8.7493696942130157</c:v>
                </c:pt>
                <c:pt idx="2935">
                  <c:v>35.069503190624793</c:v>
                </c:pt>
                <c:pt idx="2936">
                  <c:v>39.130182507433986</c:v>
                </c:pt>
                <c:pt idx="2937">
                  <c:v>43.190861824243171</c:v>
                </c:pt>
                <c:pt idx="2938">
                  <c:v>43.190861824243171</c:v>
                </c:pt>
                <c:pt idx="2939">
                  <c:v>51.681373123026013</c:v>
                </c:pt>
                <c:pt idx="2940">
                  <c:v>51.681373123026013</c:v>
                </c:pt>
                <c:pt idx="2941">
                  <c:v>34.331197860295845</c:v>
                </c:pt>
                <c:pt idx="2942">
                  <c:v>51.681373123026013</c:v>
                </c:pt>
                <c:pt idx="2943">
                  <c:v>51.681373123026013</c:v>
                </c:pt>
                <c:pt idx="2944">
                  <c:v>30.97791780340134</c:v>
                </c:pt>
                <c:pt idx="2945">
                  <c:v>13.874779644783159</c:v>
                </c:pt>
                <c:pt idx="2946">
                  <c:v>8.7493696942130157</c:v>
                </c:pt>
                <c:pt idx="2947">
                  <c:v>8.7493696942130157</c:v>
                </c:pt>
                <c:pt idx="2948">
                  <c:v>8.7493696942130157</c:v>
                </c:pt>
                <c:pt idx="2949">
                  <c:v>8.7493696942130157</c:v>
                </c:pt>
                <c:pt idx="2950">
                  <c:v>8.7493696942130157</c:v>
                </c:pt>
                <c:pt idx="2951">
                  <c:v>8.7493696942130157</c:v>
                </c:pt>
                <c:pt idx="2952">
                  <c:v>8.837268840946555</c:v>
                </c:pt>
                <c:pt idx="2953">
                  <c:v>8.837268840946555</c:v>
                </c:pt>
                <c:pt idx="2954">
                  <c:v>8.837268840946555</c:v>
                </c:pt>
                <c:pt idx="2955">
                  <c:v>8.837268840946555</c:v>
                </c:pt>
                <c:pt idx="2956">
                  <c:v>8.837268840946555</c:v>
                </c:pt>
                <c:pt idx="2957">
                  <c:v>8.837268840946555</c:v>
                </c:pt>
                <c:pt idx="2958">
                  <c:v>8.837268840946555</c:v>
                </c:pt>
                <c:pt idx="2959">
                  <c:v>35.413774700949027</c:v>
                </c:pt>
                <c:pt idx="2960">
                  <c:v>39.514317034743137</c:v>
                </c:pt>
                <c:pt idx="2961">
                  <c:v>43.614859368537232</c:v>
                </c:pt>
                <c:pt idx="2962">
                  <c:v>43.614859368537232</c:v>
                </c:pt>
                <c:pt idx="2963">
                  <c:v>52.188720611924893</c:v>
                </c:pt>
                <c:pt idx="2964">
                  <c:v>52.188720611924893</c:v>
                </c:pt>
                <c:pt idx="2965">
                  <c:v>34.668221549350108</c:v>
                </c:pt>
                <c:pt idx="2966">
                  <c:v>52.188720611924893</c:v>
                </c:pt>
                <c:pt idx="2967">
                  <c:v>52.188720611924893</c:v>
                </c:pt>
                <c:pt idx="2968">
                  <c:v>31.288181440306296</c:v>
                </c:pt>
                <c:pt idx="2969">
                  <c:v>14.021310078133165</c:v>
                </c:pt>
                <c:pt idx="2970">
                  <c:v>8.837268840946555</c:v>
                </c:pt>
                <c:pt idx="2971">
                  <c:v>8.837268840946555</c:v>
                </c:pt>
                <c:pt idx="2972">
                  <c:v>8.837268840946555</c:v>
                </c:pt>
                <c:pt idx="2973">
                  <c:v>8.837268840946555</c:v>
                </c:pt>
                <c:pt idx="2974">
                  <c:v>8.837268840946555</c:v>
                </c:pt>
                <c:pt idx="2975">
                  <c:v>8.837268840946555</c:v>
                </c:pt>
                <c:pt idx="2976">
                  <c:v>11.991718183431026</c:v>
                </c:pt>
                <c:pt idx="2977">
                  <c:v>7.4300094805083994</c:v>
                </c:pt>
                <c:pt idx="2978">
                  <c:v>7.4300094805083994</c:v>
                </c:pt>
                <c:pt idx="2979">
                  <c:v>7.4300094805083994</c:v>
                </c:pt>
                <c:pt idx="2980">
                  <c:v>7.4300094805083994</c:v>
                </c:pt>
                <c:pt idx="2981">
                  <c:v>7.4300094805083994</c:v>
                </c:pt>
                <c:pt idx="2982">
                  <c:v>7.4300094805083994</c:v>
                </c:pt>
                <c:pt idx="2983">
                  <c:v>31.013113543335976</c:v>
                </c:pt>
                <c:pt idx="2984">
                  <c:v>38.76639192916997</c:v>
                </c:pt>
                <c:pt idx="2985">
                  <c:v>42.64303112208696</c:v>
                </c:pt>
                <c:pt idx="2986">
                  <c:v>42.64303112208696</c:v>
                </c:pt>
                <c:pt idx="2987">
                  <c:v>50.396309507920961</c:v>
                </c:pt>
                <c:pt idx="2988">
                  <c:v>50.396309507920961</c:v>
                </c:pt>
                <c:pt idx="2989">
                  <c:v>34.889752736252966</c:v>
                </c:pt>
                <c:pt idx="2990">
                  <c:v>50.396309507920961</c:v>
                </c:pt>
                <c:pt idx="2991">
                  <c:v>38.905938992384968</c:v>
                </c:pt>
                <c:pt idx="2992">
                  <c:v>18.874053122446</c:v>
                </c:pt>
                <c:pt idx="2993">
                  <c:v>12.696098597754363</c:v>
                </c:pt>
                <c:pt idx="2994">
                  <c:v>7.7809101499639839</c:v>
                </c:pt>
                <c:pt idx="2995">
                  <c:v>7.4300094805083994</c:v>
                </c:pt>
                <c:pt idx="2996">
                  <c:v>7.4300094805083994</c:v>
                </c:pt>
                <c:pt idx="2997">
                  <c:v>7.4300094805083994</c:v>
                </c:pt>
                <c:pt idx="2998">
                  <c:v>7.4300094805083994</c:v>
                </c:pt>
                <c:pt idx="2999">
                  <c:v>7.4300094805083994</c:v>
                </c:pt>
                <c:pt idx="3000">
                  <c:v>4.8816205481772572</c:v>
                </c:pt>
                <c:pt idx="3001">
                  <c:v>4.4790310888314693</c:v>
                </c:pt>
                <c:pt idx="3002">
                  <c:v>4.4790310888314693</c:v>
                </c:pt>
                <c:pt idx="3003">
                  <c:v>4.4790310888314693</c:v>
                </c:pt>
                <c:pt idx="3004">
                  <c:v>4.4790310888314693</c:v>
                </c:pt>
                <c:pt idx="3005">
                  <c:v>4.4819863058066556</c:v>
                </c:pt>
                <c:pt idx="3006">
                  <c:v>4.4858280878743972</c:v>
                </c:pt>
                <c:pt idx="3007">
                  <c:v>4.4884877831520642</c:v>
                </c:pt>
                <c:pt idx="3008">
                  <c:v>4.4884877831520642</c:v>
                </c:pt>
                <c:pt idx="3009">
                  <c:v>4.4884877831520642</c:v>
                </c:pt>
                <c:pt idx="3010">
                  <c:v>4.4884877831520642</c:v>
                </c:pt>
                <c:pt idx="3011">
                  <c:v>4.4884877831520642</c:v>
                </c:pt>
                <c:pt idx="3012">
                  <c:v>4.4884877831520642</c:v>
                </c:pt>
                <c:pt idx="3013">
                  <c:v>4.4884877831520642</c:v>
                </c:pt>
                <c:pt idx="3014">
                  <c:v>4.4884877831520642</c:v>
                </c:pt>
                <c:pt idx="3015">
                  <c:v>4.4864191312694341</c:v>
                </c:pt>
                <c:pt idx="3016">
                  <c:v>4.4846460010843225</c:v>
                </c:pt>
                <c:pt idx="3017">
                  <c:v>4.4828728708992109</c:v>
                </c:pt>
                <c:pt idx="3018">
                  <c:v>4.482281827504174</c:v>
                </c:pt>
                <c:pt idx="3019">
                  <c:v>4.4793266105289877</c:v>
                </c:pt>
                <c:pt idx="3020">
                  <c:v>4.4760758718562839</c:v>
                </c:pt>
                <c:pt idx="3021">
                  <c:v>4.4760758718562839</c:v>
                </c:pt>
                <c:pt idx="3022">
                  <c:v>4.4760758718562839</c:v>
                </c:pt>
                <c:pt idx="3023">
                  <c:v>4.4760758718562839</c:v>
                </c:pt>
                <c:pt idx="3024">
                  <c:v>5.023681081860417</c:v>
                </c:pt>
                <c:pt idx="3025">
                  <c:v>5.0262214351957111</c:v>
                </c:pt>
                <c:pt idx="3026">
                  <c:v>5.0262214351957111</c:v>
                </c:pt>
                <c:pt idx="3027">
                  <c:v>5.0262214351957111</c:v>
                </c:pt>
                <c:pt idx="3028">
                  <c:v>5.0262214351957111</c:v>
                </c:pt>
                <c:pt idx="3029">
                  <c:v>5.0307940711992405</c:v>
                </c:pt>
                <c:pt idx="3030">
                  <c:v>5.034858636535712</c:v>
                </c:pt>
                <c:pt idx="3031">
                  <c:v>5.0399393432063002</c:v>
                </c:pt>
                <c:pt idx="3032">
                  <c:v>5.0399393432063002</c:v>
                </c:pt>
                <c:pt idx="3033">
                  <c:v>5.0399393432063002</c:v>
                </c:pt>
                <c:pt idx="3034">
                  <c:v>5.0399393432063002</c:v>
                </c:pt>
                <c:pt idx="3035">
                  <c:v>5.0399393432063002</c:v>
                </c:pt>
                <c:pt idx="3036">
                  <c:v>5.0399393432063002</c:v>
                </c:pt>
                <c:pt idx="3037">
                  <c:v>5.0399393432063002</c:v>
                </c:pt>
                <c:pt idx="3038">
                  <c:v>5.0399393432063002</c:v>
                </c:pt>
                <c:pt idx="3039">
                  <c:v>5.0363828485368884</c:v>
                </c:pt>
                <c:pt idx="3040">
                  <c:v>5.0358747778698296</c:v>
                </c:pt>
                <c:pt idx="3041">
                  <c:v>5.0318102125333581</c:v>
                </c:pt>
                <c:pt idx="3042">
                  <c:v>5.0302860005321817</c:v>
                </c:pt>
                <c:pt idx="3043">
                  <c:v>5.0267295058627699</c:v>
                </c:pt>
                <c:pt idx="3044">
                  <c:v>5.023681081860417</c:v>
                </c:pt>
                <c:pt idx="3045">
                  <c:v>5.0216487991921817</c:v>
                </c:pt>
                <c:pt idx="3046">
                  <c:v>5.0216487991921817</c:v>
                </c:pt>
                <c:pt idx="3047">
                  <c:v>5.0216487991921817</c:v>
                </c:pt>
                <c:pt idx="3048">
                  <c:v>9.2243445486398503</c:v>
                </c:pt>
                <c:pt idx="3049">
                  <c:v>9.2243445486398503</c:v>
                </c:pt>
                <c:pt idx="3050">
                  <c:v>9.2243445486398503</c:v>
                </c:pt>
                <c:pt idx="3051">
                  <c:v>9.2243445486398503</c:v>
                </c:pt>
                <c:pt idx="3052">
                  <c:v>9.2243445486398503</c:v>
                </c:pt>
                <c:pt idx="3053">
                  <c:v>9.2243445486398503</c:v>
                </c:pt>
                <c:pt idx="3054">
                  <c:v>9.2243445486398503</c:v>
                </c:pt>
                <c:pt idx="3055">
                  <c:v>39.339350116999057</c:v>
                </c:pt>
                <c:pt idx="3056">
                  <c:v>44.256768881623934</c:v>
                </c:pt>
                <c:pt idx="3057">
                  <c:v>49.174187646248818</c:v>
                </c:pt>
                <c:pt idx="3058">
                  <c:v>49.174187646248818</c:v>
                </c:pt>
                <c:pt idx="3059">
                  <c:v>59.009025175498579</c:v>
                </c:pt>
                <c:pt idx="3060">
                  <c:v>59.009025175498579</c:v>
                </c:pt>
                <c:pt idx="3061">
                  <c:v>39.339350116999057</c:v>
                </c:pt>
                <c:pt idx="3062">
                  <c:v>59.009025175498579</c:v>
                </c:pt>
                <c:pt idx="3063">
                  <c:v>59.009025175498579</c:v>
                </c:pt>
                <c:pt idx="3064">
                  <c:v>35.212948761127599</c:v>
                </c:pt>
                <c:pt idx="3065">
                  <c:v>11.42899521892142</c:v>
                </c:pt>
                <c:pt idx="3066">
                  <c:v>9.934080655450316</c:v>
                </c:pt>
                <c:pt idx="3067">
                  <c:v>9.934080655450316</c:v>
                </c:pt>
                <c:pt idx="3068">
                  <c:v>9.934080655450316</c:v>
                </c:pt>
                <c:pt idx="3069">
                  <c:v>9.934080655450316</c:v>
                </c:pt>
                <c:pt idx="3070">
                  <c:v>9.934080655450316</c:v>
                </c:pt>
                <c:pt idx="3071">
                  <c:v>9.934080655450316</c:v>
                </c:pt>
                <c:pt idx="3072">
                  <c:v>6.1156058832196667</c:v>
                </c:pt>
                <c:pt idx="3073">
                  <c:v>9.0226757030812355</c:v>
                </c:pt>
                <c:pt idx="3074">
                  <c:v>9.0226757030812355</c:v>
                </c:pt>
                <c:pt idx="3075">
                  <c:v>9.0226757030812355</c:v>
                </c:pt>
                <c:pt idx="3076">
                  <c:v>9.0226757030812355</c:v>
                </c:pt>
                <c:pt idx="3077">
                  <c:v>9.0226757030812355</c:v>
                </c:pt>
                <c:pt idx="3078">
                  <c:v>9.0226757030812355</c:v>
                </c:pt>
                <c:pt idx="3079">
                  <c:v>37.280958667388177</c:v>
                </c:pt>
                <c:pt idx="3080">
                  <c:v>41.597701249927866</c:v>
                </c:pt>
                <c:pt idx="3081">
                  <c:v>45.914443832467548</c:v>
                </c:pt>
                <c:pt idx="3082">
                  <c:v>45.914443832467548</c:v>
                </c:pt>
                <c:pt idx="3083">
                  <c:v>54.940360141414153</c:v>
                </c:pt>
                <c:pt idx="3084">
                  <c:v>54.940360141414153</c:v>
                </c:pt>
                <c:pt idx="3085">
                  <c:v>36.496096379653686</c:v>
                </c:pt>
                <c:pt idx="3086">
                  <c:v>54.940360141414153</c:v>
                </c:pt>
                <c:pt idx="3087">
                  <c:v>54.940360141414153</c:v>
                </c:pt>
                <c:pt idx="3088">
                  <c:v>32.96777696808163</c:v>
                </c:pt>
                <c:pt idx="3089">
                  <c:v>14.808990526507028</c:v>
                </c:pt>
                <c:pt idx="3090">
                  <c:v>9.2869547776141026</c:v>
                </c:pt>
                <c:pt idx="3091">
                  <c:v>9.2869547776141026</c:v>
                </c:pt>
                <c:pt idx="3092">
                  <c:v>9.2869547776141026</c:v>
                </c:pt>
                <c:pt idx="3093">
                  <c:v>9.2869547776141026</c:v>
                </c:pt>
                <c:pt idx="3094">
                  <c:v>9.2869547776141026</c:v>
                </c:pt>
                <c:pt idx="3095">
                  <c:v>9.2869547776141026</c:v>
                </c:pt>
                <c:pt idx="3096">
                  <c:v>8.57357140074593</c:v>
                </c:pt>
                <c:pt idx="3097">
                  <c:v>8.57357140074593</c:v>
                </c:pt>
                <c:pt idx="3098">
                  <c:v>8.57357140074593</c:v>
                </c:pt>
                <c:pt idx="3099">
                  <c:v>8.57357140074593</c:v>
                </c:pt>
                <c:pt idx="3100">
                  <c:v>8.57357140074593</c:v>
                </c:pt>
                <c:pt idx="3101">
                  <c:v>8.57357140074593</c:v>
                </c:pt>
                <c:pt idx="3102">
                  <c:v>8.57357140074593</c:v>
                </c:pt>
                <c:pt idx="3103">
                  <c:v>34.380960169976298</c:v>
                </c:pt>
                <c:pt idx="3104">
                  <c:v>38.361913452815649</c:v>
                </c:pt>
                <c:pt idx="3105">
                  <c:v>42.342866735655022</c:v>
                </c:pt>
                <c:pt idx="3106">
                  <c:v>42.342866735655022</c:v>
                </c:pt>
                <c:pt idx="3107">
                  <c:v>50.666678145228218</c:v>
                </c:pt>
                <c:pt idx="3108">
                  <c:v>50.666678145228218</c:v>
                </c:pt>
                <c:pt idx="3109">
                  <c:v>33.657150482187319</c:v>
                </c:pt>
                <c:pt idx="3110">
                  <c:v>50.666678145228218</c:v>
                </c:pt>
                <c:pt idx="3111">
                  <c:v>50.666678145228218</c:v>
                </c:pt>
                <c:pt idx="3112">
                  <c:v>30.357390529591406</c:v>
                </c:pt>
                <c:pt idx="3113">
                  <c:v>13.581718778083143</c:v>
                </c:pt>
                <c:pt idx="3114">
                  <c:v>8.57357140074593</c:v>
                </c:pt>
                <c:pt idx="3115">
                  <c:v>8.57357140074593</c:v>
                </c:pt>
                <c:pt idx="3116">
                  <c:v>8.57357140074593</c:v>
                </c:pt>
                <c:pt idx="3117">
                  <c:v>8.57357140074593</c:v>
                </c:pt>
                <c:pt idx="3118">
                  <c:v>8.57357140074593</c:v>
                </c:pt>
                <c:pt idx="3119">
                  <c:v>8.57357140074593</c:v>
                </c:pt>
                <c:pt idx="3120">
                  <c:v>8.0901260937114579</c:v>
                </c:pt>
                <c:pt idx="3121">
                  <c:v>8.0901260937114579</c:v>
                </c:pt>
                <c:pt idx="3122">
                  <c:v>8.0901260937114579</c:v>
                </c:pt>
                <c:pt idx="3123">
                  <c:v>8.0901260937114579</c:v>
                </c:pt>
                <c:pt idx="3124">
                  <c:v>8.0901260937114579</c:v>
                </c:pt>
                <c:pt idx="3125">
                  <c:v>8.0901260937114579</c:v>
                </c:pt>
                <c:pt idx="3126">
                  <c:v>8.0901260937114579</c:v>
                </c:pt>
                <c:pt idx="3127">
                  <c:v>32.487466863192928</c:v>
                </c:pt>
                <c:pt idx="3128">
                  <c:v>36.249173552615261</c:v>
                </c:pt>
                <c:pt idx="3129">
                  <c:v>40.010880242037608</c:v>
                </c:pt>
                <c:pt idx="3130">
                  <c:v>40.010880242037608</c:v>
                </c:pt>
                <c:pt idx="3131">
                  <c:v>47.876266956284304</c:v>
                </c:pt>
                <c:pt idx="3132">
                  <c:v>47.876266956284304</c:v>
                </c:pt>
                <c:pt idx="3133">
                  <c:v>31.803520192388863</c:v>
                </c:pt>
                <c:pt idx="3134">
                  <c:v>47.876266956284304</c:v>
                </c:pt>
                <c:pt idx="3135">
                  <c:v>47.876266956284304</c:v>
                </c:pt>
                <c:pt idx="3136">
                  <c:v>28.650940526614093</c:v>
                </c:pt>
                <c:pt idx="3137">
                  <c:v>12.775801394658098</c:v>
                </c:pt>
                <c:pt idx="3138">
                  <c:v>8.0901260937114579</c:v>
                </c:pt>
                <c:pt idx="3139">
                  <c:v>8.0901260937114579</c:v>
                </c:pt>
                <c:pt idx="3140">
                  <c:v>8.0901260937114579</c:v>
                </c:pt>
                <c:pt idx="3141">
                  <c:v>8.0901260937114579</c:v>
                </c:pt>
                <c:pt idx="3142">
                  <c:v>8.0901260937114579</c:v>
                </c:pt>
                <c:pt idx="3143">
                  <c:v>8.0901260937114579</c:v>
                </c:pt>
                <c:pt idx="3144">
                  <c:v>13.27173127339633</c:v>
                </c:pt>
                <c:pt idx="3145">
                  <c:v>8.2487069441411904</c:v>
                </c:pt>
                <c:pt idx="3146">
                  <c:v>8.2487069441411904</c:v>
                </c:pt>
                <c:pt idx="3147">
                  <c:v>8.2487069441411904</c:v>
                </c:pt>
                <c:pt idx="3148">
                  <c:v>8.2487069441411904</c:v>
                </c:pt>
                <c:pt idx="3149">
                  <c:v>8.2487069441411904</c:v>
                </c:pt>
                <c:pt idx="3150">
                  <c:v>8.2487069441411904</c:v>
                </c:pt>
                <c:pt idx="3151">
                  <c:v>34.331808854298309</c:v>
                </c:pt>
                <c:pt idx="3152">
                  <c:v>42.914761067872888</c:v>
                </c:pt>
                <c:pt idx="3153">
                  <c:v>47.206237174660174</c:v>
                </c:pt>
                <c:pt idx="3154">
                  <c:v>47.206237174660174</c:v>
                </c:pt>
                <c:pt idx="3155">
                  <c:v>55.789189388234753</c:v>
                </c:pt>
                <c:pt idx="3156">
                  <c:v>55.789189388234753</c:v>
                </c:pt>
                <c:pt idx="3157">
                  <c:v>38.623284961085602</c:v>
                </c:pt>
                <c:pt idx="3158">
                  <c:v>55.789189388234753</c:v>
                </c:pt>
                <c:pt idx="3159">
                  <c:v>43.091221089539616</c:v>
                </c:pt>
                <c:pt idx="3160">
                  <c:v>20.999895978210265</c:v>
                </c:pt>
                <c:pt idx="3161">
                  <c:v>14.162434239904602</c:v>
                </c:pt>
                <c:pt idx="3162">
                  <c:v>8.63509343100697</c:v>
                </c:pt>
                <c:pt idx="3163">
                  <c:v>8.2487069441411904</c:v>
                </c:pt>
                <c:pt idx="3164">
                  <c:v>8.2487069441411904</c:v>
                </c:pt>
                <c:pt idx="3165">
                  <c:v>8.2487069441411904</c:v>
                </c:pt>
                <c:pt idx="3166">
                  <c:v>8.2487069441411904</c:v>
                </c:pt>
                <c:pt idx="3167">
                  <c:v>8.2487069441411904</c:v>
                </c:pt>
                <c:pt idx="3168">
                  <c:v>9.5909530456054863</c:v>
                </c:pt>
                <c:pt idx="3169">
                  <c:v>8.9735085653216711</c:v>
                </c:pt>
                <c:pt idx="3170">
                  <c:v>8.9735085653216711</c:v>
                </c:pt>
                <c:pt idx="3171">
                  <c:v>8.9735085653216711</c:v>
                </c:pt>
                <c:pt idx="3172">
                  <c:v>8.9735085653216711</c:v>
                </c:pt>
                <c:pt idx="3173">
                  <c:v>8.9878722991642839</c:v>
                </c:pt>
                <c:pt idx="3174">
                  <c:v>9.0065451531596814</c:v>
                </c:pt>
                <c:pt idx="3175">
                  <c:v>9.019472513618032</c:v>
                </c:pt>
                <c:pt idx="3176">
                  <c:v>9.019472513618032</c:v>
                </c:pt>
                <c:pt idx="3177">
                  <c:v>9.019472513618032</c:v>
                </c:pt>
                <c:pt idx="3178">
                  <c:v>9.019472513618032</c:v>
                </c:pt>
                <c:pt idx="3179">
                  <c:v>9.019472513618032</c:v>
                </c:pt>
                <c:pt idx="3180">
                  <c:v>9.019472513618032</c:v>
                </c:pt>
                <c:pt idx="3181">
                  <c:v>9.019472513618032</c:v>
                </c:pt>
                <c:pt idx="3182">
                  <c:v>9.019472513618032</c:v>
                </c:pt>
                <c:pt idx="3183">
                  <c:v>9.009417899928204</c:v>
                </c:pt>
                <c:pt idx="3184">
                  <c:v>9.0007996596226363</c:v>
                </c:pt>
                <c:pt idx="3185">
                  <c:v>8.9921814193170686</c:v>
                </c:pt>
                <c:pt idx="3186">
                  <c:v>8.989308672548546</c:v>
                </c:pt>
                <c:pt idx="3187">
                  <c:v>8.9749449387059332</c:v>
                </c:pt>
                <c:pt idx="3188">
                  <c:v>8.9591448314790583</c:v>
                </c:pt>
                <c:pt idx="3189">
                  <c:v>8.9591448314790583</c:v>
                </c:pt>
                <c:pt idx="3190">
                  <c:v>8.9591448314790583</c:v>
                </c:pt>
                <c:pt idx="3191">
                  <c:v>8.9591448314790583</c:v>
                </c:pt>
                <c:pt idx="3192">
                  <c:v>9.4895557911464543</c:v>
                </c:pt>
                <c:pt idx="3193">
                  <c:v>9.4986718366186462</c:v>
                </c:pt>
                <c:pt idx="3194">
                  <c:v>9.4986718366186462</c:v>
                </c:pt>
                <c:pt idx="3195">
                  <c:v>9.4986718366186462</c:v>
                </c:pt>
                <c:pt idx="3196">
                  <c:v>9.4986718366186462</c:v>
                </c:pt>
                <c:pt idx="3197">
                  <c:v>9.5150807184685888</c:v>
                </c:pt>
                <c:pt idx="3198">
                  <c:v>9.5296663912240938</c:v>
                </c:pt>
                <c:pt idx="3199">
                  <c:v>9.547898482168474</c:v>
                </c:pt>
                <c:pt idx="3200">
                  <c:v>9.547898482168474</c:v>
                </c:pt>
                <c:pt idx="3201">
                  <c:v>9.547898482168474</c:v>
                </c:pt>
                <c:pt idx="3202">
                  <c:v>9.547898482168474</c:v>
                </c:pt>
                <c:pt idx="3203">
                  <c:v>9.547898482168474</c:v>
                </c:pt>
                <c:pt idx="3204">
                  <c:v>9.547898482168474</c:v>
                </c:pt>
                <c:pt idx="3205">
                  <c:v>9.547898482168474</c:v>
                </c:pt>
                <c:pt idx="3206">
                  <c:v>9.547898482168474</c:v>
                </c:pt>
                <c:pt idx="3207">
                  <c:v>9.5351360185074068</c:v>
                </c:pt>
                <c:pt idx="3208">
                  <c:v>9.5333128094129691</c:v>
                </c:pt>
                <c:pt idx="3209">
                  <c:v>9.5187271366574642</c:v>
                </c:pt>
                <c:pt idx="3210">
                  <c:v>9.5132575093741494</c:v>
                </c:pt>
                <c:pt idx="3211">
                  <c:v>9.5004950457130839</c:v>
                </c:pt>
                <c:pt idx="3212">
                  <c:v>9.4895557911464543</c:v>
                </c:pt>
                <c:pt idx="3213">
                  <c:v>9.4822629547687018</c:v>
                </c:pt>
                <c:pt idx="3214">
                  <c:v>9.4822629547687018</c:v>
                </c:pt>
                <c:pt idx="3215">
                  <c:v>9.4822629547687018</c:v>
                </c:pt>
                <c:pt idx="3216">
                  <c:v>8.1985101134730218</c:v>
                </c:pt>
                <c:pt idx="3217">
                  <c:v>8.1985101134730218</c:v>
                </c:pt>
                <c:pt idx="3218">
                  <c:v>8.1985101134730218</c:v>
                </c:pt>
                <c:pt idx="3219">
                  <c:v>8.1985101134730218</c:v>
                </c:pt>
                <c:pt idx="3220">
                  <c:v>8.1985101134730218</c:v>
                </c:pt>
                <c:pt idx="3221">
                  <c:v>8.1985101134730218</c:v>
                </c:pt>
                <c:pt idx="3222">
                  <c:v>8.1985101134730218</c:v>
                </c:pt>
                <c:pt idx="3223">
                  <c:v>34.956363037477715</c:v>
                </c:pt>
                <c:pt idx="3224">
                  <c:v>39.325908417162438</c:v>
                </c:pt>
                <c:pt idx="3225">
                  <c:v>43.695453796847154</c:v>
                </c:pt>
                <c:pt idx="3226">
                  <c:v>43.695453796847154</c:v>
                </c:pt>
                <c:pt idx="3227">
                  <c:v>52.434544556216572</c:v>
                </c:pt>
                <c:pt idx="3228">
                  <c:v>52.434544556216572</c:v>
                </c:pt>
                <c:pt idx="3229">
                  <c:v>34.956363037477715</c:v>
                </c:pt>
                <c:pt idx="3230">
                  <c:v>52.434544556216572</c:v>
                </c:pt>
                <c:pt idx="3231">
                  <c:v>52.434544556216572</c:v>
                </c:pt>
                <c:pt idx="3232">
                  <c:v>31.143435575541055</c:v>
                </c:pt>
                <c:pt idx="3233">
                  <c:v>9.8608571376662777</c:v>
                </c:pt>
                <c:pt idx="3234">
                  <c:v>8.7833117465617701</c:v>
                </c:pt>
                <c:pt idx="3235">
                  <c:v>8.7833117465617701</c:v>
                </c:pt>
                <c:pt idx="3236">
                  <c:v>8.7833117465617701</c:v>
                </c:pt>
                <c:pt idx="3237">
                  <c:v>8.7833117465617701</c:v>
                </c:pt>
                <c:pt idx="3238">
                  <c:v>8.7833117465617701</c:v>
                </c:pt>
                <c:pt idx="3239">
                  <c:v>8.7833117465617701</c:v>
                </c:pt>
                <c:pt idx="3240">
                  <c:v>5.7250549901052192</c:v>
                </c:pt>
                <c:pt idx="3241">
                  <c:v>8.4647332764182774</c:v>
                </c:pt>
                <c:pt idx="3242">
                  <c:v>8.4647332764182774</c:v>
                </c:pt>
                <c:pt idx="3243">
                  <c:v>8.4647332764182774</c:v>
                </c:pt>
                <c:pt idx="3244">
                  <c:v>8.4647332764182774</c:v>
                </c:pt>
                <c:pt idx="3245">
                  <c:v>8.4647332764182774</c:v>
                </c:pt>
                <c:pt idx="3246">
                  <c:v>8.4647332764182774</c:v>
                </c:pt>
                <c:pt idx="3247">
                  <c:v>35.023646486774361</c:v>
                </c:pt>
                <c:pt idx="3248">
                  <c:v>39.079016079979809</c:v>
                </c:pt>
                <c:pt idx="3249">
                  <c:v>43.134385673185271</c:v>
                </c:pt>
                <c:pt idx="3250">
                  <c:v>43.134385673185271</c:v>
                </c:pt>
                <c:pt idx="3251">
                  <c:v>51.613794822614842</c:v>
                </c:pt>
                <c:pt idx="3252">
                  <c:v>51.613794822614842</c:v>
                </c:pt>
                <c:pt idx="3253">
                  <c:v>34.286306560737003</c:v>
                </c:pt>
                <c:pt idx="3254">
                  <c:v>51.613794822614842</c:v>
                </c:pt>
                <c:pt idx="3255">
                  <c:v>51.613794822614842</c:v>
                </c:pt>
                <c:pt idx="3256">
                  <c:v>30.933174032648001</c:v>
                </c:pt>
                <c:pt idx="3257">
                  <c:v>13.847987344790059</c:v>
                </c:pt>
                <c:pt idx="3258">
                  <c:v>8.7137949388103735</c:v>
                </c:pt>
                <c:pt idx="3259">
                  <c:v>8.7137949388103735</c:v>
                </c:pt>
                <c:pt idx="3260">
                  <c:v>8.7137949388103735</c:v>
                </c:pt>
                <c:pt idx="3261">
                  <c:v>8.7137949388103735</c:v>
                </c:pt>
                <c:pt idx="3262">
                  <c:v>8.7137949388103735</c:v>
                </c:pt>
                <c:pt idx="3263">
                  <c:v>8.7137949388103735</c:v>
                </c:pt>
                <c:pt idx="3264">
                  <c:v>10.778595046545821</c:v>
                </c:pt>
                <c:pt idx="3265">
                  <c:v>10.778595046545821</c:v>
                </c:pt>
                <c:pt idx="3266">
                  <c:v>10.778595046545821</c:v>
                </c:pt>
                <c:pt idx="3267">
                  <c:v>10.778595046545821</c:v>
                </c:pt>
                <c:pt idx="3268">
                  <c:v>10.778595046545821</c:v>
                </c:pt>
                <c:pt idx="3269">
                  <c:v>10.778595046545821</c:v>
                </c:pt>
                <c:pt idx="3270">
                  <c:v>10.778595046545821</c:v>
                </c:pt>
                <c:pt idx="3271">
                  <c:v>42.3958781745485</c:v>
                </c:pt>
                <c:pt idx="3272">
                  <c:v>47.304874594759383</c:v>
                </c:pt>
                <c:pt idx="3273">
                  <c:v>52.213871014970266</c:v>
                </c:pt>
                <c:pt idx="3274">
                  <c:v>52.213871014970266</c:v>
                </c:pt>
                <c:pt idx="3275">
                  <c:v>62.478136257229366</c:v>
                </c:pt>
                <c:pt idx="3276">
                  <c:v>62.478136257229366</c:v>
                </c:pt>
                <c:pt idx="3277">
                  <c:v>41.503333370873797</c:v>
                </c:pt>
                <c:pt idx="3278">
                  <c:v>62.478136257229366</c:v>
                </c:pt>
                <c:pt idx="3279">
                  <c:v>62.478136257229366</c:v>
                </c:pt>
                <c:pt idx="3280">
                  <c:v>38.067183098584685</c:v>
                </c:pt>
                <c:pt idx="3281">
                  <c:v>17.808797278317691</c:v>
                </c:pt>
                <c:pt idx="3282">
                  <c:v>10.778595046545821</c:v>
                </c:pt>
                <c:pt idx="3283">
                  <c:v>10.778595046545821</c:v>
                </c:pt>
                <c:pt idx="3284">
                  <c:v>10.778595046545821</c:v>
                </c:pt>
                <c:pt idx="3285">
                  <c:v>10.778595046545821</c:v>
                </c:pt>
                <c:pt idx="3286">
                  <c:v>10.778595046545821</c:v>
                </c:pt>
                <c:pt idx="3287">
                  <c:v>10.778595046545821</c:v>
                </c:pt>
                <c:pt idx="3288">
                  <c:v>11.033891426152886</c:v>
                </c:pt>
                <c:pt idx="3289">
                  <c:v>11.033891426152886</c:v>
                </c:pt>
                <c:pt idx="3290">
                  <c:v>11.033891426152886</c:v>
                </c:pt>
                <c:pt idx="3291">
                  <c:v>11.033891426152886</c:v>
                </c:pt>
                <c:pt idx="3292">
                  <c:v>11.033891426152886</c:v>
                </c:pt>
                <c:pt idx="3293">
                  <c:v>11.033891426152886</c:v>
                </c:pt>
                <c:pt idx="3294">
                  <c:v>11.033891426152886</c:v>
                </c:pt>
                <c:pt idx="3295">
                  <c:v>43.252383741975983</c:v>
                </c:pt>
                <c:pt idx="3296">
                  <c:v>48.260554491046889</c:v>
                </c:pt>
                <c:pt idx="3297">
                  <c:v>53.268725240117796</c:v>
                </c:pt>
                <c:pt idx="3298">
                  <c:v>53.268725240117796</c:v>
                </c:pt>
                <c:pt idx="3299">
                  <c:v>63.740354988175127</c:v>
                </c:pt>
                <c:pt idx="3300">
                  <c:v>63.740354988175127</c:v>
                </c:pt>
                <c:pt idx="3301">
                  <c:v>42.34180724214491</c:v>
                </c:pt>
                <c:pt idx="3302">
                  <c:v>63.740354988175127</c:v>
                </c:pt>
                <c:pt idx="3303">
                  <c:v>63.740354988175127</c:v>
                </c:pt>
                <c:pt idx="3304">
                  <c:v>38.951374738818785</c:v>
                </c:pt>
                <c:pt idx="3305">
                  <c:v>18.361592989862171</c:v>
                </c:pt>
                <c:pt idx="3306">
                  <c:v>11.033891426152886</c:v>
                </c:pt>
                <c:pt idx="3307">
                  <c:v>11.033891426152886</c:v>
                </c:pt>
                <c:pt idx="3308">
                  <c:v>11.033891426152886</c:v>
                </c:pt>
                <c:pt idx="3309">
                  <c:v>11.033891426152886</c:v>
                </c:pt>
                <c:pt idx="3310">
                  <c:v>11.033891426152886</c:v>
                </c:pt>
                <c:pt idx="3311">
                  <c:v>11.033891426152886</c:v>
                </c:pt>
                <c:pt idx="3312">
                  <c:v>13.20773061889806</c:v>
                </c:pt>
                <c:pt idx="3313">
                  <c:v>8.2077720709595496</c:v>
                </c:pt>
                <c:pt idx="3314">
                  <c:v>8.2077720709595496</c:v>
                </c:pt>
                <c:pt idx="3315">
                  <c:v>8.2077720709595496</c:v>
                </c:pt>
                <c:pt idx="3316">
                  <c:v>8.2077720709595496</c:v>
                </c:pt>
                <c:pt idx="3317">
                  <c:v>8.2077720709595496</c:v>
                </c:pt>
                <c:pt idx="3318">
                  <c:v>8.2077720709595496</c:v>
                </c:pt>
                <c:pt idx="3319">
                  <c:v>34.165874088750186</c:v>
                </c:pt>
                <c:pt idx="3320">
                  <c:v>42.707342610937737</c:v>
                </c:pt>
                <c:pt idx="3321">
                  <c:v>46.978076872031508</c:v>
                </c:pt>
                <c:pt idx="3322">
                  <c:v>46.978076872031508</c:v>
                </c:pt>
                <c:pt idx="3323">
                  <c:v>55.519545394219051</c:v>
                </c:pt>
                <c:pt idx="3324">
                  <c:v>55.519545394219051</c:v>
                </c:pt>
                <c:pt idx="3325">
                  <c:v>38.436608349843958</c:v>
                </c:pt>
                <c:pt idx="3326">
                  <c:v>55.519545394219051</c:v>
                </c:pt>
                <c:pt idx="3327">
                  <c:v>42.881956984681885</c:v>
                </c:pt>
                <c:pt idx="3328">
                  <c:v>20.893603835422045</c:v>
                </c:pt>
                <c:pt idx="3329">
                  <c:v>14.089117457797084</c:v>
                </c:pt>
                <c:pt idx="3330">
                  <c:v>8.5923842669548183</c:v>
                </c:pt>
                <c:pt idx="3331">
                  <c:v>8.2077720709595496</c:v>
                </c:pt>
                <c:pt idx="3332">
                  <c:v>8.2077720709595496</c:v>
                </c:pt>
                <c:pt idx="3333">
                  <c:v>8.2077720709595496</c:v>
                </c:pt>
                <c:pt idx="3334">
                  <c:v>8.2077720709595496</c:v>
                </c:pt>
                <c:pt idx="3335">
                  <c:v>8.2077720709595496</c:v>
                </c:pt>
                <c:pt idx="3336">
                  <c:v>5.0904684757316883</c:v>
                </c:pt>
                <c:pt idx="3337">
                  <c:v>4.6787113265117917</c:v>
                </c:pt>
                <c:pt idx="3338">
                  <c:v>4.6787113265117917</c:v>
                </c:pt>
                <c:pt idx="3339">
                  <c:v>4.6787113265117917</c:v>
                </c:pt>
                <c:pt idx="3340">
                  <c:v>4.6787113265117917</c:v>
                </c:pt>
                <c:pt idx="3341">
                  <c:v>4.6823508141696628</c:v>
                </c:pt>
                <c:pt idx="3342">
                  <c:v>4.6870821481248957</c:v>
                </c:pt>
                <c:pt idx="3343">
                  <c:v>4.6903576870169807</c:v>
                </c:pt>
                <c:pt idx="3344">
                  <c:v>4.6903576870169807</c:v>
                </c:pt>
                <c:pt idx="3345">
                  <c:v>4.6903576870169807</c:v>
                </c:pt>
                <c:pt idx="3346">
                  <c:v>4.6903576870169807</c:v>
                </c:pt>
                <c:pt idx="3347">
                  <c:v>4.6903576870169807</c:v>
                </c:pt>
                <c:pt idx="3348">
                  <c:v>4.6903576870169807</c:v>
                </c:pt>
                <c:pt idx="3349">
                  <c:v>4.6903576870169807</c:v>
                </c:pt>
                <c:pt idx="3350">
                  <c:v>4.6903576870169807</c:v>
                </c:pt>
                <c:pt idx="3351">
                  <c:v>4.6878100456564704</c:v>
                </c:pt>
                <c:pt idx="3352">
                  <c:v>4.685626353061747</c:v>
                </c:pt>
                <c:pt idx="3353">
                  <c:v>4.6834426604670245</c:v>
                </c:pt>
                <c:pt idx="3354">
                  <c:v>4.6827147629354497</c:v>
                </c:pt>
                <c:pt idx="3355">
                  <c:v>4.6790752752775786</c:v>
                </c:pt>
                <c:pt idx="3356">
                  <c:v>4.6750718388539196</c:v>
                </c:pt>
                <c:pt idx="3357">
                  <c:v>4.6750718388539196</c:v>
                </c:pt>
                <c:pt idx="3358">
                  <c:v>4.6750718388539196</c:v>
                </c:pt>
                <c:pt idx="3359">
                  <c:v>4.6750718388539196</c:v>
                </c:pt>
                <c:pt idx="3360">
                  <c:v>4.2803568084685972</c:v>
                </c:pt>
                <c:pt idx="3361">
                  <c:v>4.281619527219946</c:v>
                </c:pt>
                <c:pt idx="3362">
                  <c:v>4.281619527219946</c:v>
                </c:pt>
                <c:pt idx="3363">
                  <c:v>4.281619527219946</c:v>
                </c:pt>
                <c:pt idx="3364">
                  <c:v>4.281619527219946</c:v>
                </c:pt>
                <c:pt idx="3365">
                  <c:v>4.2838924209723732</c:v>
                </c:pt>
                <c:pt idx="3366">
                  <c:v>4.2859127709745302</c:v>
                </c:pt>
                <c:pt idx="3367">
                  <c:v>4.2884382084772277</c:v>
                </c:pt>
                <c:pt idx="3368">
                  <c:v>4.2884382084772277</c:v>
                </c:pt>
                <c:pt idx="3369">
                  <c:v>4.2884382084772277</c:v>
                </c:pt>
                <c:pt idx="3370">
                  <c:v>4.2884382084772277</c:v>
                </c:pt>
                <c:pt idx="3371">
                  <c:v>4.2884382084772277</c:v>
                </c:pt>
                <c:pt idx="3372">
                  <c:v>4.2884382084772277</c:v>
                </c:pt>
                <c:pt idx="3373">
                  <c:v>4.2884382084772277</c:v>
                </c:pt>
                <c:pt idx="3374">
                  <c:v>4.2884382084772277</c:v>
                </c:pt>
                <c:pt idx="3375">
                  <c:v>4.2866704022253392</c:v>
                </c:pt>
                <c:pt idx="3376">
                  <c:v>4.2864178584750698</c:v>
                </c:pt>
                <c:pt idx="3377">
                  <c:v>4.284397508472912</c:v>
                </c:pt>
                <c:pt idx="3378">
                  <c:v>4.2836398772221038</c:v>
                </c:pt>
                <c:pt idx="3379">
                  <c:v>4.2818720709702154</c:v>
                </c:pt>
                <c:pt idx="3380">
                  <c:v>4.2803568084685972</c:v>
                </c:pt>
                <c:pt idx="3381">
                  <c:v>4.2793466334675188</c:v>
                </c:pt>
                <c:pt idx="3382">
                  <c:v>4.2793466334675188</c:v>
                </c:pt>
                <c:pt idx="3383">
                  <c:v>4.2793466334675188</c:v>
                </c:pt>
                <c:pt idx="3384">
                  <c:v>6.5499808420535599</c:v>
                </c:pt>
                <c:pt idx="3385">
                  <c:v>6.5499808420535599</c:v>
                </c:pt>
                <c:pt idx="3386">
                  <c:v>6.5499808420535599</c:v>
                </c:pt>
                <c:pt idx="3387">
                  <c:v>6.5499808420535599</c:v>
                </c:pt>
                <c:pt idx="3388">
                  <c:v>6.5499808420535599</c:v>
                </c:pt>
                <c:pt idx="3389">
                  <c:v>6.5499808420535599</c:v>
                </c:pt>
                <c:pt idx="3390">
                  <c:v>6.5499808420535599</c:v>
                </c:pt>
                <c:pt idx="3391">
                  <c:v>27.909491808440148</c:v>
                </c:pt>
                <c:pt idx="3392">
                  <c:v>31.39817828449517</c:v>
                </c:pt>
                <c:pt idx="3393">
                  <c:v>34.886864760550189</c:v>
                </c:pt>
                <c:pt idx="3394">
                  <c:v>34.886864760550189</c:v>
                </c:pt>
                <c:pt idx="3395">
                  <c:v>41.86423771266022</c:v>
                </c:pt>
                <c:pt idx="3396">
                  <c:v>41.86423771266022</c:v>
                </c:pt>
                <c:pt idx="3397">
                  <c:v>27.909491808440148</c:v>
                </c:pt>
                <c:pt idx="3398">
                  <c:v>41.86423771266022</c:v>
                </c:pt>
                <c:pt idx="3399">
                  <c:v>41.86423771266022</c:v>
                </c:pt>
                <c:pt idx="3400">
                  <c:v>24.539948593302313</c:v>
                </c:pt>
                <c:pt idx="3401">
                  <c:v>7.2174854243032929</c:v>
                </c:pt>
                <c:pt idx="3402">
                  <c:v>6.9149118665133615</c:v>
                </c:pt>
                <c:pt idx="3403">
                  <c:v>6.9149118665133615</c:v>
                </c:pt>
                <c:pt idx="3404">
                  <c:v>6.9149118665133615</c:v>
                </c:pt>
                <c:pt idx="3405">
                  <c:v>6.9149118665133615</c:v>
                </c:pt>
                <c:pt idx="3406">
                  <c:v>6.9149118665133615</c:v>
                </c:pt>
                <c:pt idx="3407">
                  <c:v>6.9149118665133615</c:v>
                </c:pt>
                <c:pt idx="3408">
                  <c:v>4.5153586035478499</c:v>
                </c:pt>
                <c:pt idx="3409">
                  <c:v>6.8073001206499635</c:v>
                </c:pt>
                <c:pt idx="3410">
                  <c:v>6.8073001206499635</c:v>
                </c:pt>
                <c:pt idx="3411">
                  <c:v>6.8073001206499635</c:v>
                </c:pt>
                <c:pt idx="3412">
                  <c:v>6.8073001206499635</c:v>
                </c:pt>
                <c:pt idx="3413">
                  <c:v>6.8073001206499635</c:v>
                </c:pt>
                <c:pt idx="3414">
                  <c:v>6.8073001206499635</c:v>
                </c:pt>
                <c:pt idx="3415">
                  <c:v>28.510349148424591</c:v>
                </c:pt>
                <c:pt idx="3416">
                  <c:v>31.811547470873755</c:v>
                </c:pt>
                <c:pt idx="3417">
                  <c:v>35.112745793322915</c:v>
                </c:pt>
                <c:pt idx="3418">
                  <c:v>35.112745793322915</c:v>
                </c:pt>
                <c:pt idx="3419">
                  <c:v>42.015251376625713</c:v>
                </c:pt>
                <c:pt idx="3420">
                  <c:v>42.015251376625713</c:v>
                </c:pt>
                <c:pt idx="3421">
                  <c:v>27.910131271615654</c:v>
                </c:pt>
                <c:pt idx="3422">
                  <c:v>42.015251376625713</c:v>
                </c:pt>
                <c:pt idx="3423">
                  <c:v>42.015251376625713</c:v>
                </c:pt>
                <c:pt idx="3424">
                  <c:v>24.905361924841369</c:v>
                </c:pt>
                <c:pt idx="3425">
                  <c:v>10.812157338621583</c:v>
                </c:pt>
                <c:pt idx="3426">
                  <c:v>7.0156584403865194</c:v>
                </c:pt>
                <c:pt idx="3427">
                  <c:v>7.0156584403865194</c:v>
                </c:pt>
                <c:pt idx="3428">
                  <c:v>7.0156584403865194</c:v>
                </c:pt>
                <c:pt idx="3429">
                  <c:v>7.0156584403865194</c:v>
                </c:pt>
                <c:pt idx="3430">
                  <c:v>7.0156584403865194</c:v>
                </c:pt>
                <c:pt idx="3431">
                  <c:v>7.0156584403865194</c:v>
                </c:pt>
                <c:pt idx="3432">
                  <c:v>7.5583966163066698</c:v>
                </c:pt>
                <c:pt idx="3433">
                  <c:v>7.5583966163066698</c:v>
                </c:pt>
                <c:pt idx="3434">
                  <c:v>7.5583966163066698</c:v>
                </c:pt>
                <c:pt idx="3435">
                  <c:v>7.5583966163066698</c:v>
                </c:pt>
                <c:pt idx="3436">
                  <c:v>7.5583966163066698</c:v>
                </c:pt>
                <c:pt idx="3437">
                  <c:v>7.5583966163066698</c:v>
                </c:pt>
                <c:pt idx="3438">
                  <c:v>7.5583966163066698</c:v>
                </c:pt>
                <c:pt idx="3439">
                  <c:v>30.441742361803751</c:v>
                </c:pt>
                <c:pt idx="3440">
                  <c:v>33.966575687907351</c:v>
                </c:pt>
                <c:pt idx="3441">
                  <c:v>37.491409014010948</c:v>
                </c:pt>
                <c:pt idx="3442">
                  <c:v>37.491409014010948</c:v>
                </c:pt>
                <c:pt idx="3443">
                  <c:v>44.86151505950027</c:v>
                </c:pt>
                <c:pt idx="3444">
                  <c:v>44.86151505950027</c:v>
                </c:pt>
                <c:pt idx="3445">
                  <c:v>29.800863575239468</c:v>
                </c:pt>
                <c:pt idx="3446">
                  <c:v>44.86151505950027</c:v>
                </c:pt>
                <c:pt idx="3447">
                  <c:v>44.86151505950027</c:v>
                </c:pt>
                <c:pt idx="3448">
                  <c:v>26.778416720819479</c:v>
                </c:pt>
                <c:pt idx="3449">
                  <c:v>11.856676453350168</c:v>
                </c:pt>
                <c:pt idx="3450">
                  <c:v>7.5583966163066698</c:v>
                </c:pt>
                <c:pt idx="3451">
                  <c:v>7.5583966163066698</c:v>
                </c:pt>
                <c:pt idx="3452">
                  <c:v>7.5583966163066698</c:v>
                </c:pt>
                <c:pt idx="3453">
                  <c:v>7.5583966163066698</c:v>
                </c:pt>
                <c:pt idx="3454">
                  <c:v>7.5583966163066698</c:v>
                </c:pt>
                <c:pt idx="3455">
                  <c:v>7.5583966163066698</c:v>
                </c:pt>
                <c:pt idx="3456">
                  <c:v>7.6435111894965777</c:v>
                </c:pt>
                <c:pt idx="3457">
                  <c:v>7.6435111894965777</c:v>
                </c:pt>
                <c:pt idx="3458">
                  <c:v>7.6435111894965777</c:v>
                </c:pt>
                <c:pt idx="3459">
                  <c:v>7.6435111894965777</c:v>
                </c:pt>
                <c:pt idx="3460">
                  <c:v>7.6435111894965777</c:v>
                </c:pt>
                <c:pt idx="3461">
                  <c:v>7.6435111894965777</c:v>
                </c:pt>
                <c:pt idx="3462">
                  <c:v>7.6435111894965777</c:v>
                </c:pt>
                <c:pt idx="3463">
                  <c:v>30.752056552385039</c:v>
                </c:pt>
                <c:pt idx="3464">
                  <c:v>34.312820995292782</c:v>
                </c:pt>
                <c:pt idx="3465">
                  <c:v>37.873585438200521</c:v>
                </c:pt>
                <c:pt idx="3466">
                  <c:v>37.873585438200521</c:v>
                </c:pt>
                <c:pt idx="3467">
                  <c:v>45.318820182462161</c:v>
                </c:pt>
                <c:pt idx="3468">
                  <c:v>45.318820182462161</c:v>
                </c:pt>
                <c:pt idx="3469">
                  <c:v>30.104644835492724</c:v>
                </c:pt>
                <c:pt idx="3470">
                  <c:v>45.318820182462161</c:v>
                </c:pt>
                <c:pt idx="3471">
                  <c:v>45.318820182462161</c:v>
                </c:pt>
                <c:pt idx="3472">
                  <c:v>27.076127620645895</c:v>
                </c:pt>
                <c:pt idx="3473">
                  <c:v>12.019012697870727</c:v>
                </c:pt>
                <c:pt idx="3474">
                  <c:v>7.6435111894965777</c:v>
                </c:pt>
                <c:pt idx="3475">
                  <c:v>7.6435111894965777</c:v>
                </c:pt>
                <c:pt idx="3476">
                  <c:v>7.6435111894965777</c:v>
                </c:pt>
                <c:pt idx="3477">
                  <c:v>7.6435111894965777</c:v>
                </c:pt>
                <c:pt idx="3478">
                  <c:v>7.6435111894965777</c:v>
                </c:pt>
                <c:pt idx="3479">
                  <c:v>7.6435111894965777</c:v>
                </c:pt>
                <c:pt idx="3480">
                  <c:v>11.201105136694464</c:v>
                </c:pt>
                <c:pt idx="3481">
                  <c:v>6.9036249082246179</c:v>
                </c:pt>
                <c:pt idx="3482">
                  <c:v>6.9036249082246179</c:v>
                </c:pt>
                <c:pt idx="3483">
                  <c:v>6.9036249082246179</c:v>
                </c:pt>
                <c:pt idx="3484">
                  <c:v>6.9036249082246179</c:v>
                </c:pt>
                <c:pt idx="3485">
                  <c:v>6.9036249082246179</c:v>
                </c:pt>
                <c:pt idx="3486">
                  <c:v>6.9036249082246179</c:v>
                </c:pt>
                <c:pt idx="3487">
                  <c:v>28.956566737931755</c:v>
                </c:pt>
                <c:pt idx="3488">
                  <c:v>36.195708422414697</c:v>
                </c:pt>
                <c:pt idx="3489">
                  <c:v>39.815279264656162</c:v>
                </c:pt>
                <c:pt idx="3490">
                  <c:v>39.815279264656162</c:v>
                </c:pt>
                <c:pt idx="3491">
                  <c:v>47.054420949139107</c:v>
                </c:pt>
                <c:pt idx="3492">
                  <c:v>47.054420949139107</c:v>
                </c:pt>
                <c:pt idx="3493">
                  <c:v>32.576137580173224</c:v>
                </c:pt>
                <c:pt idx="3494">
                  <c:v>47.054420949139107</c:v>
                </c:pt>
                <c:pt idx="3495">
                  <c:v>36.294651231332793</c:v>
                </c:pt>
                <c:pt idx="3496">
                  <c:v>17.471082575386031</c:v>
                </c:pt>
                <c:pt idx="3497">
                  <c:v>11.700530743614374</c:v>
                </c:pt>
                <c:pt idx="3498">
                  <c:v>7.2342003104146047</c:v>
                </c:pt>
                <c:pt idx="3499">
                  <c:v>6.9036249082246179</c:v>
                </c:pt>
                <c:pt idx="3500">
                  <c:v>6.9036249082246179</c:v>
                </c:pt>
                <c:pt idx="3501">
                  <c:v>6.9036249082246179</c:v>
                </c:pt>
                <c:pt idx="3502">
                  <c:v>6.9036249082246179</c:v>
                </c:pt>
                <c:pt idx="3503">
                  <c:v>6.9036249082246179</c:v>
                </c:pt>
                <c:pt idx="3504">
                  <c:v>5.0009622210655023</c:v>
                </c:pt>
                <c:pt idx="3505">
                  <c:v>4.5931340817916526</c:v>
                </c:pt>
                <c:pt idx="3506">
                  <c:v>4.5931340817916526</c:v>
                </c:pt>
                <c:pt idx="3507">
                  <c:v>4.5931340817916526</c:v>
                </c:pt>
                <c:pt idx="3508">
                  <c:v>4.5931340817916526</c:v>
                </c:pt>
                <c:pt idx="3509">
                  <c:v>4.5964803105855161</c:v>
                </c:pt>
                <c:pt idx="3510">
                  <c:v>4.6008304080175391</c:v>
                </c:pt>
                <c:pt idx="3511">
                  <c:v>4.6038420139320158</c:v>
                </c:pt>
                <c:pt idx="3512">
                  <c:v>4.6038420139320158</c:v>
                </c:pt>
                <c:pt idx="3513">
                  <c:v>4.6038420139320158</c:v>
                </c:pt>
                <c:pt idx="3514">
                  <c:v>4.6038420139320158</c:v>
                </c:pt>
                <c:pt idx="3515">
                  <c:v>4.6038420139320158</c:v>
                </c:pt>
                <c:pt idx="3516">
                  <c:v>4.6038420139320158</c:v>
                </c:pt>
                <c:pt idx="3517">
                  <c:v>4.6038420139320158</c:v>
                </c:pt>
                <c:pt idx="3518">
                  <c:v>4.6038420139320158</c:v>
                </c:pt>
                <c:pt idx="3519">
                  <c:v>4.6014996537763118</c:v>
                </c:pt>
                <c:pt idx="3520">
                  <c:v>4.5994919164999937</c:v>
                </c:pt>
                <c:pt idx="3521">
                  <c:v>4.5974841792236756</c:v>
                </c:pt>
                <c:pt idx="3522">
                  <c:v>4.5968149334649029</c:v>
                </c:pt>
                <c:pt idx="3523">
                  <c:v>4.5934687046710394</c:v>
                </c:pt>
                <c:pt idx="3524">
                  <c:v>4.5897878529977891</c:v>
                </c:pt>
                <c:pt idx="3525">
                  <c:v>4.5897878529977891</c:v>
                </c:pt>
                <c:pt idx="3526">
                  <c:v>4.5897878529977891</c:v>
                </c:pt>
                <c:pt idx="3527">
                  <c:v>4.5897878529977891</c:v>
                </c:pt>
                <c:pt idx="3528">
                  <c:v>4.6512738826899174</c:v>
                </c:pt>
                <c:pt idx="3529">
                  <c:v>4.6532587427278438</c:v>
                </c:pt>
                <c:pt idx="3530">
                  <c:v>4.6532587427278438</c:v>
                </c:pt>
                <c:pt idx="3531">
                  <c:v>4.6532587427278438</c:v>
                </c:pt>
                <c:pt idx="3532">
                  <c:v>4.6532587427278438</c:v>
                </c:pt>
                <c:pt idx="3533">
                  <c:v>4.6568314907961117</c:v>
                </c:pt>
                <c:pt idx="3534">
                  <c:v>4.6600072668567938</c:v>
                </c:pt>
                <c:pt idx="3535">
                  <c:v>4.6639769869326466</c:v>
                </c:pt>
                <c:pt idx="3536">
                  <c:v>4.6639769869326466</c:v>
                </c:pt>
                <c:pt idx="3537">
                  <c:v>4.6639769869326466</c:v>
                </c:pt>
                <c:pt idx="3538">
                  <c:v>4.6639769869326466</c:v>
                </c:pt>
                <c:pt idx="3539">
                  <c:v>4.6639769869326466</c:v>
                </c:pt>
                <c:pt idx="3540">
                  <c:v>4.6639769869326466</c:v>
                </c:pt>
                <c:pt idx="3541">
                  <c:v>4.6639769869326466</c:v>
                </c:pt>
                <c:pt idx="3542">
                  <c:v>4.6639769869326466</c:v>
                </c:pt>
                <c:pt idx="3543">
                  <c:v>4.6611981828795503</c:v>
                </c:pt>
                <c:pt idx="3544">
                  <c:v>4.6608012108719645</c:v>
                </c:pt>
                <c:pt idx="3545">
                  <c:v>4.6576254348112824</c:v>
                </c:pt>
                <c:pt idx="3546">
                  <c:v>4.6564345187885259</c:v>
                </c:pt>
                <c:pt idx="3547">
                  <c:v>4.6536557147354296</c:v>
                </c:pt>
                <c:pt idx="3548">
                  <c:v>4.6512738826899174</c:v>
                </c:pt>
                <c:pt idx="3549">
                  <c:v>4.6496859946595759</c:v>
                </c:pt>
                <c:pt idx="3550">
                  <c:v>4.6496859946595759</c:v>
                </c:pt>
                <c:pt idx="3551">
                  <c:v>4.6496859946595759</c:v>
                </c:pt>
                <c:pt idx="3552">
                  <c:v>6.945323715885273</c:v>
                </c:pt>
                <c:pt idx="3553">
                  <c:v>6.945323715885273</c:v>
                </c:pt>
                <c:pt idx="3554">
                  <c:v>6.945323715885273</c:v>
                </c:pt>
                <c:pt idx="3555">
                  <c:v>6.945323715885273</c:v>
                </c:pt>
                <c:pt idx="3556">
                  <c:v>6.945323715885273</c:v>
                </c:pt>
                <c:pt idx="3557">
                  <c:v>6.945323715885273</c:v>
                </c:pt>
                <c:pt idx="3558">
                  <c:v>6.945323715885273</c:v>
                </c:pt>
                <c:pt idx="3559">
                  <c:v>29.602703650759747</c:v>
                </c:pt>
                <c:pt idx="3560">
                  <c:v>33.303041607104717</c:v>
                </c:pt>
                <c:pt idx="3561">
                  <c:v>37.003379563449684</c:v>
                </c:pt>
                <c:pt idx="3562">
                  <c:v>37.003379563449684</c:v>
                </c:pt>
                <c:pt idx="3563">
                  <c:v>44.404055476139611</c:v>
                </c:pt>
                <c:pt idx="3564">
                  <c:v>44.404055476139611</c:v>
                </c:pt>
                <c:pt idx="3565">
                  <c:v>29.602703650759747</c:v>
                </c:pt>
                <c:pt idx="3566">
                  <c:v>44.404055476139611</c:v>
                </c:pt>
                <c:pt idx="3567">
                  <c:v>44.404055476139611</c:v>
                </c:pt>
                <c:pt idx="3568">
                  <c:v>26.185561951643542</c:v>
                </c:pt>
                <c:pt idx="3569">
                  <c:v>7.9714085996720394</c:v>
                </c:pt>
                <c:pt idx="3570">
                  <c:v>7.3815634384334006</c:v>
                </c:pt>
                <c:pt idx="3571">
                  <c:v>7.3815634384334006</c:v>
                </c:pt>
                <c:pt idx="3572">
                  <c:v>7.3815634384334006</c:v>
                </c:pt>
                <c:pt idx="3573">
                  <c:v>7.3815634384334006</c:v>
                </c:pt>
                <c:pt idx="3574">
                  <c:v>7.3815634384334006</c:v>
                </c:pt>
                <c:pt idx="3575">
                  <c:v>7.3815634384334006</c:v>
                </c:pt>
                <c:pt idx="3576">
                  <c:v>4.6812640309136153</c:v>
                </c:pt>
                <c:pt idx="3577">
                  <c:v>7.0229256471244517</c:v>
                </c:pt>
                <c:pt idx="3578">
                  <c:v>7.0229256471244517</c:v>
                </c:pt>
                <c:pt idx="3579">
                  <c:v>7.0229256471244517</c:v>
                </c:pt>
                <c:pt idx="3580">
                  <c:v>7.0229256471244517</c:v>
                </c:pt>
                <c:pt idx="3581">
                  <c:v>7.0229256471244517</c:v>
                </c:pt>
                <c:pt idx="3582">
                  <c:v>7.0229256471244517</c:v>
                </c:pt>
                <c:pt idx="3583">
                  <c:v>29.324581646681402</c:v>
                </c:pt>
                <c:pt idx="3584">
                  <c:v>32.720059521560302</c:v>
                </c:pt>
                <c:pt idx="3585">
                  <c:v>36.115537396439201</c:v>
                </c:pt>
                <c:pt idx="3586">
                  <c:v>36.115537396439201</c:v>
                </c:pt>
                <c:pt idx="3587">
                  <c:v>43.215172953004171</c:v>
                </c:pt>
                <c:pt idx="3588">
                  <c:v>43.215172953004171</c:v>
                </c:pt>
                <c:pt idx="3589">
                  <c:v>28.707222033067055</c:v>
                </c:pt>
                <c:pt idx="3590">
                  <c:v>43.215172953004171</c:v>
                </c:pt>
                <c:pt idx="3591">
                  <c:v>43.215172953004171</c:v>
                </c:pt>
                <c:pt idx="3592">
                  <c:v>25.686764083491276</c:v>
                </c:pt>
                <c:pt idx="3593">
                  <c:v>11.23829036379407</c:v>
                </c:pt>
                <c:pt idx="3594">
                  <c:v>7.2358039758708905</c:v>
                </c:pt>
                <c:pt idx="3595">
                  <c:v>7.2358039758708905</c:v>
                </c:pt>
                <c:pt idx="3596">
                  <c:v>7.2358039758708905</c:v>
                </c:pt>
                <c:pt idx="3597">
                  <c:v>7.2358039758708905</c:v>
                </c:pt>
                <c:pt idx="3598">
                  <c:v>7.2358039758708905</c:v>
                </c:pt>
                <c:pt idx="3599">
                  <c:v>7.2358039758708905</c:v>
                </c:pt>
                <c:pt idx="3600">
                  <c:v>7.183892494271074</c:v>
                </c:pt>
                <c:pt idx="3601">
                  <c:v>7.183892494271074</c:v>
                </c:pt>
                <c:pt idx="3602">
                  <c:v>7.183892494271074</c:v>
                </c:pt>
                <c:pt idx="3603">
                  <c:v>7.183892494271074</c:v>
                </c:pt>
                <c:pt idx="3604">
                  <c:v>7.183892494271074</c:v>
                </c:pt>
                <c:pt idx="3605">
                  <c:v>7.183892494271074</c:v>
                </c:pt>
                <c:pt idx="3606">
                  <c:v>7.183892494271074</c:v>
                </c:pt>
                <c:pt idx="3607">
                  <c:v>29.076359923246095</c:v>
                </c:pt>
                <c:pt idx="3608">
                  <c:v>32.443096335411433</c:v>
                </c:pt>
                <c:pt idx="3609">
                  <c:v>35.80983274757677</c:v>
                </c:pt>
                <c:pt idx="3610">
                  <c:v>35.80983274757677</c:v>
                </c:pt>
                <c:pt idx="3611">
                  <c:v>42.849372518467931</c:v>
                </c:pt>
                <c:pt idx="3612">
                  <c:v>42.849372518467931</c:v>
                </c:pt>
                <c:pt idx="3613">
                  <c:v>28.464226030125126</c:v>
                </c:pt>
                <c:pt idx="3614">
                  <c:v>42.849372518467931</c:v>
                </c:pt>
                <c:pt idx="3615">
                  <c:v>42.849372518467931</c:v>
                </c:pt>
                <c:pt idx="3616">
                  <c:v>25.468488761583256</c:v>
                </c:pt>
                <c:pt idx="3617">
                  <c:v>11.142396977459709</c:v>
                </c:pt>
                <c:pt idx="3618">
                  <c:v>7.183892494271074</c:v>
                </c:pt>
                <c:pt idx="3619">
                  <c:v>7.183892494271074</c:v>
                </c:pt>
                <c:pt idx="3620">
                  <c:v>7.183892494271074</c:v>
                </c:pt>
                <c:pt idx="3621">
                  <c:v>7.183892494271074</c:v>
                </c:pt>
                <c:pt idx="3622">
                  <c:v>7.183892494271074</c:v>
                </c:pt>
                <c:pt idx="3623">
                  <c:v>7.183892494271074</c:v>
                </c:pt>
                <c:pt idx="3624">
                  <c:v>7.081755006443184</c:v>
                </c:pt>
                <c:pt idx="3625">
                  <c:v>7.081755006443184</c:v>
                </c:pt>
                <c:pt idx="3626">
                  <c:v>7.081755006443184</c:v>
                </c:pt>
                <c:pt idx="3627">
                  <c:v>7.081755006443184</c:v>
                </c:pt>
                <c:pt idx="3628">
                  <c:v>7.081755006443184</c:v>
                </c:pt>
                <c:pt idx="3629">
                  <c:v>7.081755006443184</c:v>
                </c:pt>
                <c:pt idx="3630">
                  <c:v>7.081755006443184</c:v>
                </c:pt>
                <c:pt idx="3631">
                  <c:v>28.703982894548552</c:v>
                </c:pt>
                <c:pt idx="3632">
                  <c:v>32.027601966548914</c:v>
                </c:pt>
                <c:pt idx="3633">
                  <c:v>35.351221038549276</c:v>
                </c:pt>
                <c:pt idx="3634">
                  <c:v>35.351221038549276</c:v>
                </c:pt>
                <c:pt idx="3635">
                  <c:v>42.300606370913655</c:v>
                </c:pt>
                <c:pt idx="3636">
                  <c:v>42.300606370913655</c:v>
                </c:pt>
                <c:pt idx="3637">
                  <c:v>28.099688517821214</c:v>
                </c:pt>
                <c:pt idx="3638">
                  <c:v>42.300606370913655</c:v>
                </c:pt>
                <c:pt idx="3639">
                  <c:v>42.300606370913655</c:v>
                </c:pt>
                <c:pt idx="3640">
                  <c:v>25.111235681791563</c:v>
                </c:pt>
                <c:pt idx="3641">
                  <c:v>10.947593484035039</c:v>
                </c:pt>
                <c:pt idx="3642">
                  <c:v>7.081755006443184</c:v>
                </c:pt>
                <c:pt idx="3643">
                  <c:v>7.081755006443184</c:v>
                </c:pt>
                <c:pt idx="3644">
                  <c:v>7.081755006443184</c:v>
                </c:pt>
                <c:pt idx="3645">
                  <c:v>7.081755006443184</c:v>
                </c:pt>
                <c:pt idx="3646">
                  <c:v>7.081755006443184</c:v>
                </c:pt>
                <c:pt idx="3647">
                  <c:v>7.081755006443184</c:v>
                </c:pt>
                <c:pt idx="3648">
                  <c:v>10.561569334896896</c:v>
                </c:pt>
                <c:pt idx="3649">
                  <c:v>6.4559227162016546</c:v>
                </c:pt>
                <c:pt idx="3650">
                  <c:v>6.4559227162016546</c:v>
                </c:pt>
                <c:pt idx="3651">
                  <c:v>6.4559227162016546</c:v>
                </c:pt>
                <c:pt idx="3652">
                  <c:v>6.4559227162016546</c:v>
                </c:pt>
                <c:pt idx="3653">
                  <c:v>6.4559227162016546</c:v>
                </c:pt>
                <c:pt idx="3654">
                  <c:v>6.4559227162016546</c:v>
                </c:pt>
                <c:pt idx="3655">
                  <c:v>27.285893637672636</c:v>
                </c:pt>
                <c:pt idx="3656">
                  <c:v>34.107367047090797</c:v>
                </c:pt>
                <c:pt idx="3657">
                  <c:v>37.518103751799877</c:v>
                </c:pt>
                <c:pt idx="3658">
                  <c:v>37.518103751799877</c:v>
                </c:pt>
                <c:pt idx="3659">
                  <c:v>44.339577161218031</c:v>
                </c:pt>
                <c:pt idx="3660">
                  <c:v>44.339577161218031</c:v>
                </c:pt>
                <c:pt idx="3661">
                  <c:v>30.696630342381713</c:v>
                </c:pt>
                <c:pt idx="3662">
                  <c:v>44.339577161218031</c:v>
                </c:pt>
                <c:pt idx="3663">
                  <c:v>34.154631714176467</c:v>
                </c:pt>
                <c:pt idx="3664">
                  <c:v>16.241088219973431</c:v>
                </c:pt>
                <c:pt idx="3665">
                  <c:v>10.800143368757899</c:v>
                </c:pt>
                <c:pt idx="3666">
                  <c:v>6.7717416868705183</c:v>
                </c:pt>
                <c:pt idx="3667">
                  <c:v>6.4559227162016546</c:v>
                </c:pt>
                <c:pt idx="3668">
                  <c:v>6.4559227162016546</c:v>
                </c:pt>
                <c:pt idx="3669">
                  <c:v>6.4559227162016546</c:v>
                </c:pt>
                <c:pt idx="3670">
                  <c:v>6.4559227162016546</c:v>
                </c:pt>
                <c:pt idx="3671">
                  <c:v>6.4559227162016546</c:v>
                </c:pt>
                <c:pt idx="3672">
                  <c:v>5.1352216030647808</c:v>
                </c:pt>
                <c:pt idx="3673">
                  <c:v>4.7214999488718608</c:v>
                </c:pt>
                <c:pt idx="3674">
                  <c:v>4.7214999488718608</c:v>
                </c:pt>
                <c:pt idx="3675">
                  <c:v>4.7214999488718608</c:v>
                </c:pt>
                <c:pt idx="3676">
                  <c:v>4.7214999488718608</c:v>
                </c:pt>
                <c:pt idx="3677">
                  <c:v>4.7252860659617362</c:v>
                </c:pt>
                <c:pt idx="3678">
                  <c:v>4.7302080181785753</c:v>
                </c:pt>
                <c:pt idx="3679">
                  <c:v>4.7336155235594628</c:v>
                </c:pt>
                <c:pt idx="3680">
                  <c:v>4.7336155235594628</c:v>
                </c:pt>
                <c:pt idx="3681">
                  <c:v>4.7336155235594628</c:v>
                </c:pt>
                <c:pt idx="3682">
                  <c:v>4.7336155235594628</c:v>
                </c:pt>
                <c:pt idx="3683">
                  <c:v>4.7336155235594628</c:v>
                </c:pt>
                <c:pt idx="3684">
                  <c:v>4.7336155235594628</c:v>
                </c:pt>
                <c:pt idx="3685">
                  <c:v>4.7336155235594628</c:v>
                </c:pt>
                <c:pt idx="3686">
                  <c:v>4.7336155235594628</c:v>
                </c:pt>
                <c:pt idx="3687">
                  <c:v>4.7309652415965502</c:v>
                </c:pt>
                <c:pt idx="3688">
                  <c:v>4.7286935713426246</c:v>
                </c:pt>
                <c:pt idx="3689">
                  <c:v>4.726421901088699</c:v>
                </c:pt>
                <c:pt idx="3690">
                  <c:v>4.7256646776707241</c:v>
                </c:pt>
                <c:pt idx="3691">
                  <c:v>4.7218785605808486</c:v>
                </c:pt>
                <c:pt idx="3692">
                  <c:v>4.7177138317819853</c:v>
                </c:pt>
                <c:pt idx="3693">
                  <c:v>4.7177138317819853</c:v>
                </c:pt>
                <c:pt idx="3694">
                  <c:v>4.7177138317819853</c:v>
                </c:pt>
                <c:pt idx="3695">
                  <c:v>4.7177138317819853</c:v>
                </c:pt>
                <c:pt idx="3696">
                  <c:v>4.6798059653223278</c:v>
                </c:pt>
                <c:pt idx="3697">
                  <c:v>4.6818463746899912</c:v>
                </c:pt>
                <c:pt idx="3698">
                  <c:v>4.6818463746899912</c:v>
                </c:pt>
                <c:pt idx="3699">
                  <c:v>4.6818463746899912</c:v>
                </c:pt>
                <c:pt idx="3700">
                  <c:v>4.6818463746899912</c:v>
                </c:pt>
                <c:pt idx="3701">
                  <c:v>4.6855191115517849</c:v>
                </c:pt>
                <c:pt idx="3702">
                  <c:v>4.6887837665400465</c:v>
                </c:pt>
                <c:pt idx="3703">
                  <c:v>4.6928645852753732</c:v>
                </c:pt>
                <c:pt idx="3704">
                  <c:v>4.6928645852753732</c:v>
                </c:pt>
                <c:pt idx="3705">
                  <c:v>4.6928645852753732</c:v>
                </c:pt>
                <c:pt idx="3706">
                  <c:v>4.6928645852753732</c:v>
                </c:pt>
                <c:pt idx="3707">
                  <c:v>4.6928645852753732</c:v>
                </c:pt>
                <c:pt idx="3708">
                  <c:v>4.6928645852753732</c:v>
                </c:pt>
                <c:pt idx="3709">
                  <c:v>4.6928645852753732</c:v>
                </c:pt>
                <c:pt idx="3710">
                  <c:v>4.6928645852753732</c:v>
                </c:pt>
                <c:pt idx="3711">
                  <c:v>4.6900080121606447</c:v>
                </c:pt>
                <c:pt idx="3712">
                  <c:v>4.6895999302871116</c:v>
                </c:pt>
                <c:pt idx="3713">
                  <c:v>4.6863352752988501</c:v>
                </c:pt>
                <c:pt idx="3714">
                  <c:v>4.6851110296782528</c:v>
                </c:pt>
                <c:pt idx="3715">
                  <c:v>4.6822544565635242</c:v>
                </c:pt>
                <c:pt idx="3716">
                  <c:v>4.6798059653223278</c:v>
                </c:pt>
                <c:pt idx="3717">
                  <c:v>4.6781736378281975</c:v>
                </c:pt>
                <c:pt idx="3718">
                  <c:v>4.6781736378281975</c:v>
                </c:pt>
                <c:pt idx="3719">
                  <c:v>4.6781736378281975</c:v>
                </c:pt>
                <c:pt idx="3720">
                  <c:v>7.0331776878478767</c:v>
                </c:pt>
                <c:pt idx="3721">
                  <c:v>7.0331776878478767</c:v>
                </c:pt>
                <c:pt idx="3722">
                  <c:v>7.0331776878478767</c:v>
                </c:pt>
                <c:pt idx="3723">
                  <c:v>7.0331776878478767</c:v>
                </c:pt>
                <c:pt idx="3724">
                  <c:v>7.0331776878478767</c:v>
                </c:pt>
                <c:pt idx="3725">
                  <c:v>7.0331776878478767</c:v>
                </c:pt>
                <c:pt idx="3726">
                  <c:v>7.0331776878478767</c:v>
                </c:pt>
                <c:pt idx="3727">
                  <c:v>29.978972949052991</c:v>
                </c:pt>
                <c:pt idx="3728">
                  <c:v>33.72634456768462</c:v>
                </c:pt>
                <c:pt idx="3729">
                  <c:v>37.473716186316246</c:v>
                </c:pt>
                <c:pt idx="3730">
                  <c:v>37.473716186316246</c:v>
                </c:pt>
                <c:pt idx="3731">
                  <c:v>44.968459423579482</c:v>
                </c:pt>
                <c:pt idx="3732">
                  <c:v>44.968459423579482</c:v>
                </c:pt>
                <c:pt idx="3733">
                  <c:v>29.978972949052991</c:v>
                </c:pt>
                <c:pt idx="3734">
                  <c:v>44.968459423579482</c:v>
                </c:pt>
                <c:pt idx="3735">
                  <c:v>44.968459423579482</c:v>
                </c:pt>
                <c:pt idx="3736">
                  <c:v>26.551253809052699</c:v>
                </c:pt>
                <c:pt idx="3737">
                  <c:v>8.1389470830873165</c:v>
                </c:pt>
                <c:pt idx="3738">
                  <c:v>7.4852637877489645</c:v>
                </c:pt>
                <c:pt idx="3739">
                  <c:v>7.4852637877489645</c:v>
                </c:pt>
                <c:pt idx="3740">
                  <c:v>7.4852637877489645</c:v>
                </c:pt>
                <c:pt idx="3741">
                  <c:v>7.4852637877489645</c:v>
                </c:pt>
                <c:pt idx="3742">
                  <c:v>7.4852637877489645</c:v>
                </c:pt>
                <c:pt idx="3743">
                  <c:v>7.4852637877489645</c:v>
                </c:pt>
                <c:pt idx="3744">
                  <c:v>4.8216455463769554</c:v>
                </c:pt>
                <c:pt idx="3745">
                  <c:v>7.2053780156797878</c:v>
                </c:pt>
                <c:pt idx="3746">
                  <c:v>7.2053780156797878</c:v>
                </c:pt>
                <c:pt idx="3747">
                  <c:v>7.2053780156797878</c:v>
                </c:pt>
                <c:pt idx="3748">
                  <c:v>7.2053780156797878</c:v>
                </c:pt>
                <c:pt idx="3749">
                  <c:v>7.2053780156797878</c:v>
                </c:pt>
                <c:pt idx="3750">
                  <c:v>7.2053780156797878</c:v>
                </c:pt>
                <c:pt idx="3751">
                  <c:v>30.013547606744851</c:v>
                </c:pt>
                <c:pt idx="3752">
                  <c:v>33.488800487525843</c:v>
                </c:pt>
                <c:pt idx="3753">
                  <c:v>36.964053368306828</c:v>
                </c:pt>
                <c:pt idx="3754">
                  <c:v>36.964053368306828</c:v>
                </c:pt>
                <c:pt idx="3755">
                  <c:v>44.230491209939792</c:v>
                </c:pt>
                <c:pt idx="3756">
                  <c:v>44.230491209939792</c:v>
                </c:pt>
                <c:pt idx="3757">
                  <c:v>29.381683446602857</c:v>
                </c:pt>
                <c:pt idx="3758">
                  <c:v>44.230491209939792</c:v>
                </c:pt>
                <c:pt idx="3759">
                  <c:v>44.230491209939792</c:v>
                </c:pt>
                <c:pt idx="3760">
                  <c:v>26.347950525425816</c:v>
                </c:pt>
                <c:pt idx="3761">
                  <c:v>11.598864462016941</c:v>
                </c:pt>
                <c:pt idx="3762">
                  <c:v>7.4220809674345904</c:v>
                </c:pt>
                <c:pt idx="3763">
                  <c:v>7.4220809674345904</c:v>
                </c:pt>
                <c:pt idx="3764">
                  <c:v>7.4220809674345904</c:v>
                </c:pt>
                <c:pt idx="3765">
                  <c:v>7.4220809674345904</c:v>
                </c:pt>
                <c:pt idx="3766">
                  <c:v>7.4220809674345904</c:v>
                </c:pt>
                <c:pt idx="3767">
                  <c:v>7.4220809674345904</c:v>
                </c:pt>
                <c:pt idx="3768">
                  <c:v>7.2860299820989622</c:v>
                </c:pt>
                <c:pt idx="3769">
                  <c:v>7.2860299820989622</c:v>
                </c:pt>
                <c:pt idx="3770">
                  <c:v>7.2860299820989622</c:v>
                </c:pt>
                <c:pt idx="3771">
                  <c:v>7.2860299820989622</c:v>
                </c:pt>
                <c:pt idx="3772">
                  <c:v>7.2860299820989622</c:v>
                </c:pt>
                <c:pt idx="3773">
                  <c:v>7.2860299820989622</c:v>
                </c:pt>
                <c:pt idx="3774">
                  <c:v>7.2860299820989622</c:v>
                </c:pt>
                <c:pt idx="3775">
                  <c:v>29.448736951943633</c:v>
                </c:pt>
                <c:pt idx="3776">
                  <c:v>32.858590704273951</c:v>
                </c:pt>
                <c:pt idx="3777">
                  <c:v>36.268444456604271</c:v>
                </c:pt>
                <c:pt idx="3778">
                  <c:v>36.268444456604271</c:v>
                </c:pt>
                <c:pt idx="3779">
                  <c:v>43.398138666022206</c:v>
                </c:pt>
                <c:pt idx="3780">
                  <c:v>43.398138666022206</c:v>
                </c:pt>
                <c:pt idx="3781">
                  <c:v>28.82876354242903</c:v>
                </c:pt>
                <c:pt idx="3782">
                  <c:v>43.398138666022206</c:v>
                </c:pt>
                <c:pt idx="3783">
                  <c:v>43.398138666022206</c:v>
                </c:pt>
                <c:pt idx="3784">
                  <c:v>25.825741841374946</c:v>
                </c:pt>
                <c:pt idx="3785">
                  <c:v>11.337200470884378</c:v>
                </c:pt>
                <c:pt idx="3786">
                  <c:v>7.2860299820989622</c:v>
                </c:pt>
                <c:pt idx="3787">
                  <c:v>7.2860299820989622</c:v>
                </c:pt>
                <c:pt idx="3788">
                  <c:v>7.2860299820989622</c:v>
                </c:pt>
                <c:pt idx="3789">
                  <c:v>7.2860299820989622</c:v>
                </c:pt>
                <c:pt idx="3790">
                  <c:v>7.2860299820989622</c:v>
                </c:pt>
                <c:pt idx="3791">
                  <c:v>7.2860299820989622</c:v>
                </c:pt>
                <c:pt idx="3792">
                  <c:v>7.3200758113749265</c:v>
                </c:pt>
                <c:pt idx="3793">
                  <c:v>7.3200758113749265</c:v>
                </c:pt>
                <c:pt idx="3794">
                  <c:v>7.3200758113749265</c:v>
                </c:pt>
                <c:pt idx="3795">
                  <c:v>7.3200758113749265</c:v>
                </c:pt>
                <c:pt idx="3796">
                  <c:v>7.3200758113749265</c:v>
                </c:pt>
                <c:pt idx="3797">
                  <c:v>7.3200758113749265</c:v>
                </c:pt>
                <c:pt idx="3798">
                  <c:v>7.3200758113749265</c:v>
                </c:pt>
                <c:pt idx="3799">
                  <c:v>29.57286262817615</c:v>
                </c:pt>
                <c:pt idx="3800">
                  <c:v>32.997088827228133</c:v>
                </c:pt>
                <c:pt idx="3801">
                  <c:v>36.421315026280105</c:v>
                </c:pt>
                <c:pt idx="3802">
                  <c:v>36.421315026280105</c:v>
                </c:pt>
                <c:pt idx="3803">
                  <c:v>43.581060715206959</c:v>
                </c:pt>
                <c:pt idx="3804">
                  <c:v>43.581060715206959</c:v>
                </c:pt>
                <c:pt idx="3805">
                  <c:v>28.950276046530341</c:v>
                </c:pt>
                <c:pt idx="3806">
                  <c:v>43.581060715206959</c:v>
                </c:pt>
                <c:pt idx="3807">
                  <c:v>43.581060715206959</c:v>
                </c:pt>
                <c:pt idx="3808">
                  <c:v>25.944826201305521</c:v>
                </c:pt>
                <c:pt idx="3809">
                  <c:v>11.4021349686926</c:v>
                </c:pt>
                <c:pt idx="3810">
                  <c:v>7.3200758113749265</c:v>
                </c:pt>
                <c:pt idx="3811">
                  <c:v>7.3200758113749265</c:v>
                </c:pt>
                <c:pt idx="3812">
                  <c:v>7.3200758113749265</c:v>
                </c:pt>
                <c:pt idx="3813">
                  <c:v>7.3200758113749265</c:v>
                </c:pt>
                <c:pt idx="3814">
                  <c:v>7.3200758113749265</c:v>
                </c:pt>
                <c:pt idx="3815">
                  <c:v>7.3200758113749265</c:v>
                </c:pt>
                <c:pt idx="3816">
                  <c:v>10.858496671445767</c:v>
                </c:pt>
                <c:pt idx="3817">
                  <c:v>6.6637844482123159</c:v>
                </c:pt>
                <c:pt idx="3818">
                  <c:v>6.6637844482123159</c:v>
                </c:pt>
                <c:pt idx="3819">
                  <c:v>6.6637844482123159</c:v>
                </c:pt>
                <c:pt idx="3820">
                  <c:v>6.6637844482123159</c:v>
                </c:pt>
                <c:pt idx="3821">
                  <c:v>6.6637844482123159</c:v>
                </c:pt>
                <c:pt idx="3822">
                  <c:v>6.6637844482123159</c:v>
                </c:pt>
                <c:pt idx="3823">
                  <c:v>28.061563291364369</c:v>
                </c:pt>
                <c:pt idx="3824">
                  <c:v>35.076954114205463</c:v>
                </c:pt>
                <c:pt idx="3825">
                  <c:v>38.584649525626006</c:v>
                </c:pt>
                <c:pt idx="3826">
                  <c:v>38.584649525626006</c:v>
                </c:pt>
                <c:pt idx="3827">
                  <c:v>45.600040348467104</c:v>
                </c:pt>
                <c:pt idx="3828">
                  <c:v>45.600040348467104</c:v>
                </c:pt>
                <c:pt idx="3829">
                  <c:v>31.569258702784914</c:v>
                </c:pt>
                <c:pt idx="3830">
                  <c:v>45.600040348467104</c:v>
                </c:pt>
                <c:pt idx="3831">
                  <c:v>35.148212204284761</c:v>
                </c:pt>
                <c:pt idx="3832">
                  <c:v>16.812157027843565</c:v>
                </c:pt>
                <c:pt idx="3833">
                  <c:v>11.218180364226976</c:v>
                </c:pt>
                <c:pt idx="3834">
                  <c:v>6.9864546192302734</c:v>
                </c:pt>
                <c:pt idx="3835">
                  <c:v>6.6637844482123159</c:v>
                </c:pt>
                <c:pt idx="3836">
                  <c:v>6.6637844482123159</c:v>
                </c:pt>
                <c:pt idx="3837">
                  <c:v>6.6637844482123159</c:v>
                </c:pt>
                <c:pt idx="3838">
                  <c:v>6.6637844482123159</c:v>
                </c:pt>
                <c:pt idx="3839">
                  <c:v>6.6637844482123159</c:v>
                </c:pt>
                <c:pt idx="3840">
                  <c:v>4.7473611661779795</c:v>
                </c:pt>
                <c:pt idx="3841">
                  <c:v>4.3506652217512611</c:v>
                </c:pt>
                <c:pt idx="3842">
                  <c:v>4.3506652217512611</c:v>
                </c:pt>
                <c:pt idx="3843">
                  <c:v>4.3506652217512611</c:v>
                </c:pt>
                <c:pt idx="3844">
                  <c:v>4.3506652217512611</c:v>
                </c:pt>
                <c:pt idx="3845">
                  <c:v>4.3531805504304346</c:v>
                </c:pt>
                <c:pt idx="3846">
                  <c:v>4.3564504777133601</c:v>
                </c:pt>
                <c:pt idx="3847">
                  <c:v>4.3587142735246163</c:v>
                </c:pt>
                <c:pt idx="3848">
                  <c:v>4.3587142735246163</c:v>
                </c:pt>
                <c:pt idx="3849">
                  <c:v>4.3587142735246163</c:v>
                </c:pt>
                <c:pt idx="3850">
                  <c:v>4.3587142735246163</c:v>
                </c:pt>
                <c:pt idx="3851">
                  <c:v>4.3587142735246163</c:v>
                </c:pt>
                <c:pt idx="3852">
                  <c:v>4.3587142735246163</c:v>
                </c:pt>
                <c:pt idx="3853">
                  <c:v>4.3587142735246163</c:v>
                </c:pt>
                <c:pt idx="3854">
                  <c:v>4.3587142735246163</c:v>
                </c:pt>
                <c:pt idx="3855">
                  <c:v>4.3569535434491948</c:v>
                </c:pt>
                <c:pt idx="3856">
                  <c:v>4.3554443462416907</c:v>
                </c:pt>
                <c:pt idx="3857">
                  <c:v>4.3539351490341867</c:v>
                </c:pt>
                <c:pt idx="3858">
                  <c:v>4.353432083298352</c:v>
                </c:pt>
                <c:pt idx="3859">
                  <c:v>4.3509167546191785</c:v>
                </c:pt>
                <c:pt idx="3860">
                  <c:v>4.3481498930720868</c:v>
                </c:pt>
                <c:pt idx="3861">
                  <c:v>4.3481498930720868</c:v>
                </c:pt>
                <c:pt idx="3862">
                  <c:v>4.3481498930720868</c:v>
                </c:pt>
                <c:pt idx="3863">
                  <c:v>4.3481498930720868</c:v>
                </c:pt>
                <c:pt idx="3864">
                  <c:v>4.4800813868954625</c:v>
                </c:pt>
                <c:pt idx="3865">
                  <c:v>4.4817329509549682</c:v>
                </c:pt>
                <c:pt idx="3866">
                  <c:v>4.4817329509549682</c:v>
                </c:pt>
                <c:pt idx="3867">
                  <c:v>4.4817329509549682</c:v>
                </c:pt>
                <c:pt idx="3868">
                  <c:v>4.4817329509549682</c:v>
                </c:pt>
                <c:pt idx="3869">
                  <c:v>4.4847057662620795</c:v>
                </c:pt>
                <c:pt idx="3870">
                  <c:v>4.4873482687572883</c:v>
                </c:pt>
                <c:pt idx="3871">
                  <c:v>4.4906513968763004</c:v>
                </c:pt>
                <c:pt idx="3872">
                  <c:v>4.4906513968763004</c:v>
                </c:pt>
                <c:pt idx="3873">
                  <c:v>4.4906513968763004</c:v>
                </c:pt>
                <c:pt idx="3874">
                  <c:v>4.4906513968763004</c:v>
                </c:pt>
                <c:pt idx="3875">
                  <c:v>4.4906513968763004</c:v>
                </c:pt>
                <c:pt idx="3876">
                  <c:v>4.4906513968763004</c:v>
                </c:pt>
                <c:pt idx="3877">
                  <c:v>4.4906513968763004</c:v>
                </c:pt>
                <c:pt idx="3878">
                  <c:v>4.4906513968763004</c:v>
                </c:pt>
                <c:pt idx="3879">
                  <c:v>4.4883392071929924</c:v>
                </c:pt>
                <c:pt idx="3880">
                  <c:v>4.4880088943810907</c:v>
                </c:pt>
                <c:pt idx="3881">
                  <c:v>4.485366391885881</c:v>
                </c:pt>
                <c:pt idx="3882">
                  <c:v>4.4843754534501779</c:v>
                </c:pt>
                <c:pt idx="3883">
                  <c:v>4.4820632637668698</c:v>
                </c:pt>
                <c:pt idx="3884">
                  <c:v>4.4800813868954625</c:v>
                </c:pt>
                <c:pt idx="3885">
                  <c:v>4.4787601356478577</c:v>
                </c:pt>
                <c:pt idx="3886">
                  <c:v>4.4787601356478577</c:v>
                </c:pt>
                <c:pt idx="3887">
                  <c:v>4.4787601356478577</c:v>
                </c:pt>
                <c:pt idx="3888">
                  <c:v>6.9160390585644063</c:v>
                </c:pt>
                <c:pt idx="3889">
                  <c:v>6.9160390585644063</c:v>
                </c:pt>
                <c:pt idx="3890">
                  <c:v>6.9160390585644063</c:v>
                </c:pt>
                <c:pt idx="3891">
                  <c:v>6.9160390585644063</c:v>
                </c:pt>
                <c:pt idx="3892">
                  <c:v>6.9160390585644063</c:v>
                </c:pt>
                <c:pt idx="3893">
                  <c:v>6.9160390585644063</c:v>
                </c:pt>
                <c:pt idx="3894">
                  <c:v>6.9160390585644063</c:v>
                </c:pt>
                <c:pt idx="3895">
                  <c:v>29.477280551328665</c:v>
                </c:pt>
                <c:pt idx="3896">
                  <c:v>33.161940620244749</c:v>
                </c:pt>
                <c:pt idx="3897">
                  <c:v>36.846600689160823</c:v>
                </c:pt>
                <c:pt idx="3898">
                  <c:v>36.846600689160823</c:v>
                </c:pt>
                <c:pt idx="3899">
                  <c:v>44.215920826992992</c:v>
                </c:pt>
                <c:pt idx="3900">
                  <c:v>44.215920826992992</c:v>
                </c:pt>
                <c:pt idx="3901">
                  <c:v>29.477280551328665</c:v>
                </c:pt>
                <c:pt idx="3902">
                  <c:v>44.215920826992992</c:v>
                </c:pt>
                <c:pt idx="3903">
                  <c:v>44.215920826992992</c:v>
                </c:pt>
                <c:pt idx="3904">
                  <c:v>26.063664665840484</c:v>
                </c:pt>
                <c:pt idx="3905">
                  <c:v>7.9155624385336134</c:v>
                </c:pt>
                <c:pt idx="3906">
                  <c:v>7.346996655328212</c:v>
                </c:pt>
                <c:pt idx="3907">
                  <c:v>7.346996655328212</c:v>
                </c:pt>
                <c:pt idx="3908">
                  <c:v>7.346996655328212</c:v>
                </c:pt>
                <c:pt idx="3909">
                  <c:v>7.346996655328212</c:v>
                </c:pt>
                <c:pt idx="3910">
                  <c:v>7.346996655328212</c:v>
                </c:pt>
                <c:pt idx="3911">
                  <c:v>7.346996655328212</c:v>
                </c:pt>
                <c:pt idx="3912">
                  <c:v>5.0258368415963606</c:v>
                </c:pt>
                <c:pt idx="3913">
                  <c:v>7.4707632790330054</c:v>
                </c:pt>
                <c:pt idx="3914">
                  <c:v>7.4707632790330054</c:v>
                </c:pt>
                <c:pt idx="3915">
                  <c:v>7.4707632790330054</c:v>
                </c:pt>
                <c:pt idx="3916">
                  <c:v>7.4707632790330054</c:v>
                </c:pt>
                <c:pt idx="3917">
                  <c:v>7.4707632790330054</c:v>
                </c:pt>
                <c:pt idx="3918">
                  <c:v>7.4707632790330054</c:v>
                </c:pt>
                <c:pt idx="3919">
                  <c:v>31.015679912291699</c:v>
                </c:pt>
                <c:pt idx="3920">
                  <c:v>34.606969165293897</c:v>
                </c:pt>
                <c:pt idx="3921">
                  <c:v>38.198258418296092</c:v>
                </c:pt>
                <c:pt idx="3922">
                  <c:v>38.198258418296092</c:v>
                </c:pt>
                <c:pt idx="3923">
                  <c:v>45.707317765482507</c:v>
                </c:pt>
                <c:pt idx="3924">
                  <c:v>45.707317765482507</c:v>
                </c:pt>
                <c:pt idx="3925">
                  <c:v>30.362718229927665</c:v>
                </c:pt>
                <c:pt idx="3926">
                  <c:v>45.707317765482507</c:v>
                </c:pt>
                <c:pt idx="3927">
                  <c:v>45.707317765482507</c:v>
                </c:pt>
                <c:pt idx="3928">
                  <c:v>27.309676259148794</c:v>
                </c:pt>
                <c:pt idx="3929">
                  <c:v>12.123335877613847</c:v>
                </c:pt>
                <c:pt idx="3930">
                  <c:v>7.6930293187999732</c:v>
                </c:pt>
                <c:pt idx="3931">
                  <c:v>7.6930293187999732</c:v>
                </c:pt>
                <c:pt idx="3932">
                  <c:v>7.6930293187999732</c:v>
                </c:pt>
                <c:pt idx="3933">
                  <c:v>7.6930293187999732</c:v>
                </c:pt>
                <c:pt idx="3934">
                  <c:v>7.6930293187999732</c:v>
                </c:pt>
                <c:pt idx="3935">
                  <c:v>7.6930293187999732</c:v>
                </c:pt>
                <c:pt idx="3936">
                  <c:v>7.4222132992028156</c:v>
                </c:pt>
                <c:pt idx="3937">
                  <c:v>7.4222132992028156</c:v>
                </c:pt>
                <c:pt idx="3938">
                  <c:v>7.4222132992028156</c:v>
                </c:pt>
                <c:pt idx="3939">
                  <c:v>7.4222132992028156</c:v>
                </c:pt>
                <c:pt idx="3940">
                  <c:v>7.4222132992028156</c:v>
                </c:pt>
                <c:pt idx="3941">
                  <c:v>7.4222132992028156</c:v>
                </c:pt>
                <c:pt idx="3942">
                  <c:v>7.4222132992028156</c:v>
                </c:pt>
                <c:pt idx="3943">
                  <c:v>29.945239656873696</c:v>
                </c:pt>
                <c:pt idx="3944">
                  <c:v>33.412583196090658</c:v>
                </c:pt>
                <c:pt idx="3945">
                  <c:v>36.879926735307606</c:v>
                </c:pt>
                <c:pt idx="3946">
                  <c:v>36.879926735307606</c:v>
                </c:pt>
                <c:pt idx="3947">
                  <c:v>44.129826862761227</c:v>
                </c:pt>
                <c:pt idx="3948">
                  <c:v>44.129826862761227</c:v>
                </c:pt>
                <c:pt idx="3949">
                  <c:v>29.314813558834249</c:v>
                </c:pt>
                <c:pt idx="3950">
                  <c:v>44.129826862761227</c:v>
                </c:pt>
                <c:pt idx="3951">
                  <c:v>44.129826862761227</c:v>
                </c:pt>
                <c:pt idx="3952">
                  <c:v>26.302079281097214</c:v>
                </c:pt>
                <c:pt idx="3953">
                  <c:v>11.596938462117272</c:v>
                </c:pt>
                <c:pt idx="3954">
                  <c:v>7.4222132992028156</c:v>
                </c:pt>
                <c:pt idx="3955">
                  <c:v>7.4222132992028156</c:v>
                </c:pt>
                <c:pt idx="3956">
                  <c:v>7.4222132992028156</c:v>
                </c:pt>
                <c:pt idx="3957">
                  <c:v>7.4222132992028156</c:v>
                </c:pt>
                <c:pt idx="3958">
                  <c:v>7.4222132992028156</c:v>
                </c:pt>
                <c:pt idx="3959">
                  <c:v>7.4222132992028156</c:v>
                </c:pt>
                <c:pt idx="3960">
                  <c:v>7.4222132992028156</c:v>
                </c:pt>
                <c:pt idx="3961">
                  <c:v>7.4222132992028156</c:v>
                </c:pt>
                <c:pt idx="3962">
                  <c:v>7.4222132992028156</c:v>
                </c:pt>
                <c:pt idx="3963">
                  <c:v>7.4222132992028156</c:v>
                </c:pt>
                <c:pt idx="3964">
                  <c:v>7.4222132992028156</c:v>
                </c:pt>
                <c:pt idx="3965">
                  <c:v>7.4222132992028156</c:v>
                </c:pt>
                <c:pt idx="3966">
                  <c:v>7.4222132992028156</c:v>
                </c:pt>
                <c:pt idx="3967">
                  <c:v>29.945239656873696</c:v>
                </c:pt>
                <c:pt idx="3968">
                  <c:v>33.412583196090658</c:v>
                </c:pt>
                <c:pt idx="3969">
                  <c:v>36.879926735307606</c:v>
                </c:pt>
                <c:pt idx="3970">
                  <c:v>36.879926735307606</c:v>
                </c:pt>
                <c:pt idx="3971">
                  <c:v>44.129826862761227</c:v>
                </c:pt>
                <c:pt idx="3972">
                  <c:v>44.129826862761227</c:v>
                </c:pt>
                <c:pt idx="3973">
                  <c:v>29.314813558834249</c:v>
                </c:pt>
                <c:pt idx="3974">
                  <c:v>44.129826862761227</c:v>
                </c:pt>
                <c:pt idx="3975">
                  <c:v>44.129826862761227</c:v>
                </c:pt>
                <c:pt idx="3976">
                  <c:v>26.302079281097214</c:v>
                </c:pt>
                <c:pt idx="3977">
                  <c:v>11.596938462117272</c:v>
                </c:pt>
                <c:pt idx="3978">
                  <c:v>7.4222132992028156</c:v>
                </c:pt>
                <c:pt idx="3979">
                  <c:v>7.4222132992028156</c:v>
                </c:pt>
                <c:pt idx="3980">
                  <c:v>7.4222132992028156</c:v>
                </c:pt>
                <c:pt idx="3981">
                  <c:v>7.4222132992028156</c:v>
                </c:pt>
                <c:pt idx="3982">
                  <c:v>7.4222132992028156</c:v>
                </c:pt>
                <c:pt idx="3983">
                  <c:v>7.4222132992028156</c:v>
                </c:pt>
                <c:pt idx="3984">
                  <c:v>10.721453285346287</c:v>
                </c:pt>
                <c:pt idx="3985">
                  <c:v>6.5678482642073952</c:v>
                </c:pt>
                <c:pt idx="3986">
                  <c:v>6.5678482642073952</c:v>
                </c:pt>
                <c:pt idx="3987">
                  <c:v>6.5678482642073952</c:v>
                </c:pt>
                <c:pt idx="3988">
                  <c:v>6.5678482642073952</c:v>
                </c:pt>
                <c:pt idx="3989">
                  <c:v>6.5678482642073952</c:v>
                </c:pt>
                <c:pt idx="3990">
                  <c:v>6.5678482642073952</c:v>
                </c:pt>
                <c:pt idx="3991">
                  <c:v>27.703561912737413</c:v>
                </c:pt>
                <c:pt idx="3992">
                  <c:v>34.629452390921777</c:v>
                </c:pt>
                <c:pt idx="3993">
                  <c:v>38.092397630013942</c:v>
                </c:pt>
                <c:pt idx="3994">
                  <c:v>38.092397630013942</c:v>
                </c:pt>
                <c:pt idx="3995">
                  <c:v>45.018288108198298</c:v>
                </c:pt>
                <c:pt idx="3996">
                  <c:v>45.018288108198298</c:v>
                </c:pt>
                <c:pt idx="3997">
                  <c:v>31.166507151829592</c:v>
                </c:pt>
                <c:pt idx="3998">
                  <c:v>45.018288108198298</c:v>
                </c:pt>
                <c:pt idx="3999">
                  <c:v>34.689636593465551</c:v>
                </c:pt>
                <c:pt idx="4000">
                  <c:v>16.548586808826581</c:v>
                </c:pt>
                <c:pt idx="4001">
                  <c:v>11.025240212472017</c:v>
                </c:pt>
                <c:pt idx="4002">
                  <c:v>6.8873563427565401</c:v>
                </c:pt>
                <c:pt idx="4003">
                  <c:v>6.5678482642073952</c:v>
                </c:pt>
                <c:pt idx="4004">
                  <c:v>6.5678482642073952</c:v>
                </c:pt>
                <c:pt idx="4005">
                  <c:v>6.5678482642073952</c:v>
                </c:pt>
                <c:pt idx="4006">
                  <c:v>6.5678482642073952</c:v>
                </c:pt>
                <c:pt idx="4007">
                  <c:v>6.5678482642073952</c:v>
                </c:pt>
                <c:pt idx="4008">
                  <c:v>4.6727726206228271</c:v>
                </c:pt>
                <c:pt idx="4009">
                  <c:v>4.2793508511511478</c:v>
                </c:pt>
                <c:pt idx="4010">
                  <c:v>4.2793508511511478</c:v>
                </c:pt>
                <c:pt idx="4011">
                  <c:v>4.2793508511511478</c:v>
                </c:pt>
                <c:pt idx="4012">
                  <c:v>4.2793508511511478</c:v>
                </c:pt>
                <c:pt idx="4013">
                  <c:v>4.2816217974436483</c:v>
                </c:pt>
                <c:pt idx="4014">
                  <c:v>4.2845740276238979</c:v>
                </c:pt>
                <c:pt idx="4015">
                  <c:v>4.2866178792871485</c:v>
                </c:pt>
                <c:pt idx="4016">
                  <c:v>4.2866178792871485</c:v>
                </c:pt>
                <c:pt idx="4017">
                  <c:v>4.2866178792871485</c:v>
                </c:pt>
                <c:pt idx="4018">
                  <c:v>4.2866178792871485</c:v>
                </c:pt>
                <c:pt idx="4019">
                  <c:v>4.2866178792871485</c:v>
                </c:pt>
                <c:pt idx="4020">
                  <c:v>4.2866178792871485</c:v>
                </c:pt>
                <c:pt idx="4021">
                  <c:v>4.2866178792871485</c:v>
                </c:pt>
                <c:pt idx="4022">
                  <c:v>4.2866178792871485</c:v>
                </c:pt>
                <c:pt idx="4023">
                  <c:v>4.2850282168823979</c:v>
                </c:pt>
                <c:pt idx="4024">
                  <c:v>4.2836656491068981</c:v>
                </c:pt>
                <c:pt idx="4025">
                  <c:v>4.2823030813313983</c:v>
                </c:pt>
                <c:pt idx="4026">
                  <c:v>4.2818488920728983</c:v>
                </c:pt>
                <c:pt idx="4027">
                  <c:v>4.2795779457803977</c:v>
                </c:pt>
                <c:pt idx="4028">
                  <c:v>4.2770799048586481</c:v>
                </c:pt>
                <c:pt idx="4029">
                  <c:v>4.2770799048586481</c:v>
                </c:pt>
                <c:pt idx="4030">
                  <c:v>4.2770799048586481</c:v>
                </c:pt>
                <c:pt idx="4031">
                  <c:v>4.2770799048586481</c:v>
                </c:pt>
                <c:pt idx="4032">
                  <c:v>4.0663661887255271</c:v>
                </c:pt>
                <c:pt idx="4033">
                  <c:v>4.0672122875038497</c:v>
                </c:pt>
                <c:pt idx="4034">
                  <c:v>4.0672122875038497</c:v>
                </c:pt>
                <c:pt idx="4035">
                  <c:v>4.0672122875038497</c:v>
                </c:pt>
                <c:pt idx="4036">
                  <c:v>4.0672122875038497</c:v>
                </c:pt>
                <c:pt idx="4037">
                  <c:v>4.0687352653048308</c:v>
                </c:pt>
                <c:pt idx="4038">
                  <c:v>4.070089023350147</c:v>
                </c:pt>
                <c:pt idx="4039">
                  <c:v>4.0717812209067921</c:v>
                </c:pt>
                <c:pt idx="4040">
                  <c:v>4.0717812209067921</c:v>
                </c:pt>
                <c:pt idx="4041">
                  <c:v>4.0717812209067921</c:v>
                </c:pt>
                <c:pt idx="4042">
                  <c:v>4.0717812209067921</c:v>
                </c:pt>
                <c:pt idx="4043">
                  <c:v>4.0717812209067921</c:v>
                </c:pt>
                <c:pt idx="4044">
                  <c:v>4.0717812209067921</c:v>
                </c:pt>
                <c:pt idx="4045">
                  <c:v>4.0717812209067921</c:v>
                </c:pt>
                <c:pt idx="4046">
                  <c:v>4.0717812209067921</c:v>
                </c:pt>
                <c:pt idx="4047">
                  <c:v>4.0705966826171407</c:v>
                </c:pt>
                <c:pt idx="4048">
                  <c:v>4.0704274628614758</c:v>
                </c:pt>
                <c:pt idx="4049">
                  <c:v>4.0690737048161596</c:v>
                </c:pt>
                <c:pt idx="4050">
                  <c:v>4.0685660455491659</c:v>
                </c:pt>
                <c:pt idx="4051">
                  <c:v>4.0673815072595145</c:v>
                </c:pt>
                <c:pt idx="4052">
                  <c:v>4.0663661887255271</c:v>
                </c:pt>
                <c:pt idx="4053">
                  <c:v>4.0656893097028695</c:v>
                </c:pt>
                <c:pt idx="4054">
                  <c:v>4.0656893097028695</c:v>
                </c:pt>
                <c:pt idx="4055">
                  <c:v>4.0656893097028695</c:v>
                </c:pt>
                <c:pt idx="4056">
                  <c:v>6.2149215057391523</c:v>
                </c:pt>
                <c:pt idx="4057">
                  <c:v>6.2149215057391523</c:v>
                </c:pt>
                <c:pt idx="4058">
                  <c:v>6.2149215057391523</c:v>
                </c:pt>
                <c:pt idx="4059">
                  <c:v>6.2149215057391523</c:v>
                </c:pt>
                <c:pt idx="4060">
                  <c:v>6.2149215057391523</c:v>
                </c:pt>
                <c:pt idx="4061">
                  <c:v>6.2149215057391523</c:v>
                </c:pt>
                <c:pt idx="4062">
                  <c:v>6.2149215057391523</c:v>
                </c:pt>
                <c:pt idx="4063">
                  <c:v>26.47556561444879</c:v>
                </c:pt>
                <c:pt idx="4064">
                  <c:v>29.785011316254888</c:v>
                </c:pt>
                <c:pt idx="4065">
                  <c:v>33.094457018060986</c:v>
                </c:pt>
                <c:pt idx="4066">
                  <c:v>33.094457018060986</c:v>
                </c:pt>
                <c:pt idx="4067">
                  <c:v>39.713348421673182</c:v>
                </c:pt>
                <c:pt idx="4068">
                  <c:v>39.713348421673182</c:v>
                </c:pt>
                <c:pt idx="4069">
                  <c:v>26.47556561444879</c:v>
                </c:pt>
                <c:pt idx="4070">
                  <c:v>39.713348421673182</c:v>
                </c:pt>
                <c:pt idx="4071">
                  <c:v>39.713348421673182</c:v>
                </c:pt>
                <c:pt idx="4072">
                  <c:v>23.166119912642692</c:v>
                </c:pt>
                <c:pt idx="4073">
                  <c:v>6.6188914036121975</c:v>
                </c:pt>
                <c:pt idx="4074">
                  <c:v>6.5256675810261102</c:v>
                </c:pt>
                <c:pt idx="4075">
                  <c:v>6.5256675810261102</c:v>
                </c:pt>
                <c:pt idx="4076">
                  <c:v>6.5256675810261102</c:v>
                </c:pt>
                <c:pt idx="4077">
                  <c:v>6.5256675810261102</c:v>
                </c:pt>
                <c:pt idx="4078">
                  <c:v>6.5256675810261102</c:v>
                </c:pt>
                <c:pt idx="4079">
                  <c:v>6.5256675810261102</c:v>
                </c:pt>
                <c:pt idx="4080">
                  <c:v>3.9666377455735549</c:v>
                </c:pt>
                <c:pt idx="4081">
                  <c:v>6.0444003742073225</c:v>
                </c:pt>
                <c:pt idx="4082">
                  <c:v>6.0444003742073225</c:v>
                </c:pt>
                <c:pt idx="4083">
                  <c:v>6.0444003742073225</c:v>
                </c:pt>
                <c:pt idx="4084">
                  <c:v>6.0444003742073225</c:v>
                </c:pt>
                <c:pt idx="4085">
                  <c:v>6.0444003742073225</c:v>
                </c:pt>
                <c:pt idx="4086">
                  <c:v>6.0444003742073225</c:v>
                </c:pt>
                <c:pt idx="4087">
                  <c:v>25.480925327517742</c:v>
                </c:pt>
                <c:pt idx="4088">
                  <c:v>28.431348260177693</c:v>
                </c:pt>
                <c:pt idx="4089">
                  <c:v>31.38177119283764</c:v>
                </c:pt>
                <c:pt idx="4090">
                  <c:v>31.38177119283764</c:v>
                </c:pt>
                <c:pt idx="4091">
                  <c:v>37.550837324762981</c:v>
                </c:pt>
                <c:pt idx="4092">
                  <c:v>37.550837324762981</c:v>
                </c:pt>
                <c:pt idx="4093">
                  <c:v>24.944484794306838</c:v>
                </c:pt>
                <c:pt idx="4094">
                  <c:v>37.550837324762981</c:v>
                </c:pt>
                <c:pt idx="4095">
                  <c:v>37.550837324762981</c:v>
                </c:pt>
                <c:pt idx="4096">
                  <c:v>22.128171994949618</c:v>
                </c:pt>
                <c:pt idx="4097">
                  <c:v>9.4443755846989408</c:v>
                </c:pt>
                <c:pt idx="4098">
                  <c:v>6.2332878859013015</c:v>
                </c:pt>
                <c:pt idx="4099">
                  <c:v>6.2332878859013015</c:v>
                </c:pt>
                <c:pt idx="4100">
                  <c:v>6.2332878859013015</c:v>
                </c:pt>
                <c:pt idx="4101">
                  <c:v>6.2332878859013015</c:v>
                </c:pt>
                <c:pt idx="4102">
                  <c:v>6.2332878859013015</c:v>
                </c:pt>
                <c:pt idx="4103">
                  <c:v>6.2332878859013015</c:v>
                </c:pt>
                <c:pt idx="4104">
                  <c:v>6.0216018039773251</c:v>
                </c:pt>
                <c:pt idx="4105">
                  <c:v>6.0216018039773251</c:v>
                </c:pt>
                <c:pt idx="4106">
                  <c:v>6.0216018039773251</c:v>
                </c:pt>
                <c:pt idx="4107">
                  <c:v>6.0216018039773251</c:v>
                </c:pt>
                <c:pt idx="4108">
                  <c:v>6.0216018039773251</c:v>
                </c:pt>
                <c:pt idx="4109">
                  <c:v>6.0216018039773251</c:v>
                </c:pt>
                <c:pt idx="4110">
                  <c:v>6.0216018039773251</c:v>
                </c:pt>
                <c:pt idx="4111">
                  <c:v>24.615578283531544</c:v>
                </c:pt>
                <c:pt idx="4112">
                  <c:v>27.465803137414149</c:v>
                </c:pt>
                <c:pt idx="4113">
                  <c:v>30.31602799129675</c:v>
                </c:pt>
                <c:pt idx="4114">
                  <c:v>30.31602799129675</c:v>
                </c:pt>
                <c:pt idx="4115">
                  <c:v>36.275589049414911</c:v>
                </c:pt>
                <c:pt idx="4116">
                  <c:v>36.275589049414911</c:v>
                </c:pt>
                <c:pt idx="4117">
                  <c:v>24.097355582825621</c:v>
                </c:pt>
                <c:pt idx="4118">
                  <c:v>36.275589049414911</c:v>
                </c:pt>
                <c:pt idx="4119">
                  <c:v>36.275589049414911</c:v>
                </c:pt>
                <c:pt idx="4120">
                  <c:v>21.376686404119503</c:v>
                </c:pt>
                <c:pt idx="4121">
                  <c:v>9.1236390969353423</c:v>
                </c:pt>
                <c:pt idx="4122">
                  <c:v>6.0216018039773251</c:v>
                </c:pt>
                <c:pt idx="4123">
                  <c:v>6.0216018039773251</c:v>
                </c:pt>
                <c:pt idx="4124">
                  <c:v>6.0216018039773251</c:v>
                </c:pt>
                <c:pt idx="4125">
                  <c:v>6.0216018039773251</c:v>
                </c:pt>
                <c:pt idx="4126">
                  <c:v>6.0216018039773251</c:v>
                </c:pt>
                <c:pt idx="4127">
                  <c:v>6.0216018039773251</c:v>
                </c:pt>
                <c:pt idx="4128">
                  <c:v>6.2605274114346869</c:v>
                </c:pt>
                <c:pt idx="4129">
                  <c:v>6.2605274114346869</c:v>
                </c:pt>
                <c:pt idx="4130">
                  <c:v>6.2605274114346869</c:v>
                </c:pt>
                <c:pt idx="4131">
                  <c:v>6.2605274114346869</c:v>
                </c:pt>
                <c:pt idx="4132">
                  <c:v>6.2605274114346869</c:v>
                </c:pt>
                <c:pt idx="4133">
                  <c:v>6.2605274114346869</c:v>
                </c:pt>
                <c:pt idx="4134">
                  <c:v>6.2605274114346869</c:v>
                </c:pt>
                <c:pt idx="4135">
                  <c:v>25.592277206137553</c:v>
                </c:pt>
                <c:pt idx="4136">
                  <c:v>28.555593514216639</c:v>
                </c:pt>
                <c:pt idx="4137">
                  <c:v>31.518909822295726</c:v>
                </c:pt>
                <c:pt idx="4138">
                  <c:v>31.518909822295726</c:v>
                </c:pt>
                <c:pt idx="4139">
                  <c:v>37.714934830097441</c:v>
                </c:pt>
                <c:pt idx="4140">
                  <c:v>37.714934830097441</c:v>
                </c:pt>
                <c:pt idx="4141">
                  <c:v>25.053492422850443</c:v>
                </c:pt>
                <c:pt idx="4142">
                  <c:v>37.714934830097441</c:v>
                </c:pt>
                <c:pt idx="4143">
                  <c:v>37.714934830097441</c:v>
                </c:pt>
                <c:pt idx="4144">
                  <c:v>22.224872310593138</c:v>
                </c:pt>
                <c:pt idx="4145">
                  <c:v>9.4856475930828594</c:v>
                </c:pt>
                <c:pt idx="4146">
                  <c:v>6.2605274114346869</c:v>
                </c:pt>
                <c:pt idx="4147">
                  <c:v>6.2605274114346869</c:v>
                </c:pt>
                <c:pt idx="4148">
                  <c:v>6.2605274114346869</c:v>
                </c:pt>
                <c:pt idx="4149">
                  <c:v>6.2605274114346869</c:v>
                </c:pt>
                <c:pt idx="4150">
                  <c:v>6.2605274114346869</c:v>
                </c:pt>
                <c:pt idx="4151">
                  <c:v>6.2605274114346869</c:v>
                </c:pt>
                <c:pt idx="4152">
                  <c:v>9.935063791875459</c:v>
                </c:pt>
                <c:pt idx="4153">
                  <c:v>6.0212507829548239</c:v>
                </c:pt>
                <c:pt idx="4154">
                  <c:v>6.0212507829548239</c:v>
                </c:pt>
                <c:pt idx="4155">
                  <c:v>6.0212507829548239</c:v>
                </c:pt>
                <c:pt idx="4156">
                  <c:v>6.0212507829548239</c:v>
                </c:pt>
                <c:pt idx="4157">
                  <c:v>6.0212507829548239</c:v>
                </c:pt>
                <c:pt idx="4158">
                  <c:v>6.0212507829548239</c:v>
                </c:pt>
                <c:pt idx="4159">
                  <c:v>25.650528335387545</c:v>
                </c:pt>
                <c:pt idx="4160">
                  <c:v>32.063160419234435</c:v>
                </c:pt>
                <c:pt idx="4161">
                  <c:v>35.269476461157879</c:v>
                </c:pt>
                <c:pt idx="4162">
                  <c:v>35.269476461157879</c:v>
                </c:pt>
                <c:pt idx="4163">
                  <c:v>41.682108545004759</c:v>
                </c:pt>
                <c:pt idx="4164">
                  <c:v>41.682108545004759</c:v>
                </c:pt>
                <c:pt idx="4165">
                  <c:v>28.856844377310985</c:v>
                </c:pt>
                <c:pt idx="4166">
                  <c:v>41.682108545004759</c:v>
                </c:pt>
                <c:pt idx="4167">
                  <c:v>32.063160419234435</c:v>
                </c:pt>
                <c:pt idx="4168">
                  <c:v>15.053126957387057</c:v>
                </c:pt>
                <c:pt idx="4169">
                  <c:v>9.935063791875459</c:v>
                </c:pt>
                <c:pt idx="4170">
                  <c:v>6.3223133221025645</c:v>
                </c:pt>
                <c:pt idx="4171">
                  <c:v>6.0212507829548239</c:v>
                </c:pt>
                <c:pt idx="4172">
                  <c:v>6.0212507829548239</c:v>
                </c:pt>
                <c:pt idx="4173">
                  <c:v>6.0212507829548239</c:v>
                </c:pt>
                <c:pt idx="4174">
                  <c:v>6.0212507829548239</c:v>
                </c:pt>
                <c:pt idx="4175">
                  <c:v>6.0212507829548239</c:v>
                </c:pt>
                <c:pt idx="4176">
                  <c:v>5.0307976392875648</c:v>
                </c:pt>
                <c:pt idx="4177">
                  <c:v>4.6216598300316987</c:v>
                </c:pt>
                <c:pt idx="4178">
                  <c:v>4.6216598300316987</c:v>
                </c:pt>
                <c:pt idx="4179">
                  <c:v>4.6216598300316987</c:v>
                </c:pt>
                <c:pt idx="4180">
                  <c:v>4.6216598300316987</c:v>
                </c:pt>
                <c:pt idx="4181">
                  <c:v>4.6251038117802317</c:v>
                </c:pt>
                <c:pt idx="4182">
                  <c:v>4.6295809880533243</c:v>
                </c:pt>
                <c:pt idx="4183">
                  <c:v>4.6326805716270041</c:v>
                </c:pt>
                <c:pt idx="4184">
                  <c:v>4.6326805716270041</c:v>
                </c:pt>
                <c:pt idx="4185">
                  <c:v>4.6326805716270041</c:v>
                </c:pt>
                <c:pt idx="4186">
                  <c:v>4.6326805716270041</c:v>
                </c:pt>
                <c:pt idx="4187">
                  <c:v>4.6326805716270041</c:v>
                </c:pt>
                <c:pt idx="4188">
                  <c:v>4.6326805716270041</c:v>
                </c:pt>
                <c:pt idx="4189">
                  <c:v>4.6326805716270041</c:v>
                </c:pt>
                <c:pt idx="4190">
                  <c:v>4.6326805716270041</c:v>
                </c:pt>
                <c:pt idx="4191">
                  <c:v>4.6302697844030316</c:v>
                </c:pt>
                <c:pt idx="4192">
                  <c:v>4.6282033953539115</c:v>
                </c:pt>
                <c:pt idx="4193">
                  <c:v>4.6261370063047922</c:v>
                </c:pt>
                <c:pt idx="4194">
                  <c:v>4.6254482099550849</c:v>
                </c:pt>
                <c:pt idx="4195">
                  <c:v>4.6220042282065528</c:v>
                </c:pt>
                <c:pt idx="4196">
                  <c:v>4.6182158482831666</c:v>
                </c:pt>
                <c:pt idx="4197">
                  <c:v>4.6182158482831666</c:v>
                </c:pt>
                <c:pt idx="4198">
                  <c:v>4.6182158482831666</c:v>
                </c:pt>
                <c:pt idx="4199">
                  <c:v>4.6182158482831666</c:v>
                </c:pt>
                <c:pt idx="4200">
                  <c:v>4.0663661887255271</c:v>
                </c:pt>
                <c:pt idx="4201">
                  <c:v>4.0672122875038497</c:v>
                </c:pt>
                <c:pt idx="4202">
                  <c:v>4.0672122875038497</c:v>
                </c:pt>
                <c:pt idx="4203">
                  <c:v>4.0672122875038497</c:v>
                </c:pt>
                <c:pt idx="4204">
                  <c:v>4.0672122875038497</c:v>
                </c:pt>
                <c:pt idx="4205">
                  <c:v>4.0687352653048308</c:v>
                </c:pt>
                <c:pt idx="4206">
                  <c:v>4.070089023350147</c:v>
                </c:pt>
                <c:pt idx="4207">
                  <c:v>4.0717812209067921</c:v>
                </c:pt>
                <c:pt idx="4208">
                  <c:v>4.0717812209067921</c:v>
                </c:pt>
                <c:pt idx="4209">
                  <c:v>4.0717812209067921</c:v>
                </c:pt>
                <c:pt idx="4210">
                  <c:v>4.0717812209067921</c:v>
                </c:pt>
                <c:pt idx="4211">
                  <c:v>4.0717812209067921</c:v>
                </c:pt>
                <c:pt idx="4212">
                  <c:v>4.0717812209067921</c:v>
                </c:pt>
                <c:pt idx="4213">
                  <c:v>4.0717812209067921</c:v>
                </c:pt>
                <c:pt idx="4214">
                  <c:v>4.0717812209067921</c:v>
                </c:pt>
                <c:pt idx="4215">
                  <c:v>4.0705966826171407</c:v>
                </c:pt>
                <c:pt idx="4216">
                  <c:v>4.0704274628614758</c:v>
                </c:pt>
                <c:pt idx="4217">
                  <c:v>4.0690737048161596</c:v>
                </c:pt>
                <c:pt idx="4218">
                  <c:v>4.0685660455491659</c:v>
                </c:pt>
                <c:pt idx="4219">
                  <c:v>4.0673815072595145</c:v>
                </c:pt>
                <c:pt idx="4220">
                  <c:v>4.0663661887255271</c:v>
                </c:pt>
                <c:pt idx="4221">
                  <c:v>4.0656893097028695</c:v>
                </c:pt>
                <c:pt idx="4222">
                  <c:v>4.0656893097028695</c:v>
                </c:pt>
                <c:pt idx="4223">
                  <c:v>4.0656893097028695</c:v>
                </c:pt>
                <c:pt idx="4224">
                  <c:v>6.2367566159024053</c:v>
                </c:pt>
                <c:pt idx="4225">
                  <c:v>6.2367566159024053</c:v>
                </c:pt>
                <c:pt idx="4226">
                  <c:v>6.2367566159024053</c:v>
                </c:pt>
                <c:pt idx="4227">
                  <c:v>6.2367566159024053</c:v>
                </c:pt>
                <c:pt idx="4228">
                  <c:v>6.2367566159024053</c:v>
                </c:pt>
                <c:pt idx="4229">
                  <c:v>6.2367566159024053</c:v>
                </c:pt>
                <c:pt idx="4230">
                  <c:v>6.2367566159024053</c:v>
                </c:pt>
                <c:pt idx="4231">
                  <c:v>26.568583183744245</c:v>
                </c:pt>
                <c:pt idx="4232">
                  <c:v>29.889656081712275</c:v>
                </c:pt>
                <c:pt idx="4233">
                  <c:v>33.210728979680312</c:v>
                </c:pt>
                <c:pt idx="4234">
                  <c:v>33.210728979680312</c:v>
                </c:pt>
                <c:pt idx="4235">
                  <c:v>39.852874775616371</c:v>
                </c:pt>
                <c:pt idx="4236">
                  <c:v>39.852874775616371</c:v>
                </c:pt>
                <c:pt idx="4237">
                  <c:v>26.568583183744245</c:v>
                </c:pt>
                <c:pt idx="4238">
                  <c:v>39.852874775616371</c:v>
                </c:pt>
                <c:pt idx="4239">
                  <c:v>39.852874775616371</c:v>
                </c:pt>
                <c:pt idx="4240">
                  <c:v>23.247510285776212</c:v>
                </c:pt>
                <c:pt idx="4241">
                  <c:v>6.6421457959360612</c:v>
                </c:pt>
                <c:pt idx="4242">
                  <c:v>6.5485944466975248</c:v>
                </c:pt>
                <c:pt idx="4243">
                  <c:v>6.5485944466975248</c:v>
                </c:pt>
                <c:pt idx="4244">
                  <c:v>6.5485944466975248</c:v>
                </c:pt>
                <c:pt idx="4245">
                  <c:v>6.5485944466975248</c:v>
                </c:pt>
                <c:pt idx="4246">
                  <c:v>6.5485944466975248</c:v>
                </c:pt>
                <c:pt idx="4247">
                  <c:v>6.5485944466975248</c:v>
                </c:pt>
                <c:pt idx="4248">
                  <c:v>4.2090716607187426</c:v>
                </c:pt>
                <c:pt idx="4249">
                  <c:v>6.4092222256201365</c:v>
                </c:pt>
                <c:pt idx="4250">
                  <c:v>6.4092222256201365</c:v>
                </c:pt>
                <c:pt idx="4251">
                  <c:v>6.4092222256201365</c:v>
                </c:pt>
                <c:pt idx="4252">
                  <c:v>6.4092222256201365</c:v>
                </c:pt>
                <c:pt idx="4253">
                  <c:v>6.4092222256201365</c:v>
                </c:pt>
                <c:pt idx="4254">
                  <c:v>6.4092222256201365</c:v>
                </c:pt>
                <c:pt idx="4255">
                  <c:v>27.007150690104321</c:v>
                </c:pt>
                <c:pt idx="4256">
                  <c:v>30.134294454221664</c:v>
                </c:pt>
                <c:pt idx="4257">
                  <c:v>33.261438218339009</c:v>
                </c:pt>
                <c:pt idx="4258">
                  <c:v>33.261438218339009</c:v>
                </c:pt>
                <c:pt idx="4259">
                  <c:v>39.800011543311633</c:v>
                </c:pt>
                <c:pt idx="4260">
                  <c:v>39.800011543311633</c:v>
                </c:pt>
                <c:pt idx="4261">
                  <c:v>26.438579096628441</c:v>
                </c:pt>
                <c:pt idx="4262">
                  <c:v>39.800011543311633</c:v>
                </c:pt>
                <c:pt idx="4263">
                  <c:v>39.800011543311633</c:v>
                </c:pt>
                <c:pt idx="4264">
                  <c:v>23.462773324256901</c:v>
                </c:pt>
                <c:pt idx="4265">
                  <c:v>10.025450215226224</c:v>
                </c:pt>
                <c:pt idx="4266">
                  <c:v>6.609235913338444</c:v>
                </c:pt>
                <c:pt idx="4267">
                  <c:v>6.609235913338444</c:v>
                </c:pt>
                <c:pt idx="4268">
                  <c:v>6.609235913338444</c:v>
                </c:pt>
                <c:pt idx="4269">
                  <c:v>6.609235913338444</c:v>
                </c:pt>
                <c:pt idx="4270">
                  <c:v>6.609235913338444</c:v>
                </c:pt>
                <c:pt idx="4271">
                  <c:v>6.609235913338444</c:v>
                </c:pt>
                <c:pt idx="4272">
                  <c:v>7.3200758113749265</c:v>
                </c:pt>
                <c:pt idx="4273">
                  <c:v>7.3200758113749265</c:v>
                </c:pt>
                <c:pt idx="4274">
                  <c:v>7.3200758113749265</c:v>
                </c:pt>
                <c:pt idx="4275">
                  <c:v>7.3200758113749265</c:v>
                </c:pt>
                <c:pt idx="4276">
                  <c:v>7.3200758113749265</c:v>
                </c:pt>
                <c:pt idx="4277">
                  <c:v>7.3200758113749265</c:v>
                </c:pt>
                <c:pt idx="4278">
                  <c:v>7.3200758113749265</c:v>
                </c:pt>
                <c:pt idx="4279">
                  <c:v>29.57286262817615</c:v>
                </c:pt>
                <c:pt idx="4280">
                  <c:v>32.997088827228133</c:v>
                </c:pt>
                <c:pt idx="4281">
                  <c:v>36.421315026280105</c:v>
                </c:pt>
                <c:pt idx="4282">
                  <c:v>36.421315026280105</c:v>
                </c:pt>
                <c:pt idx="4283">
                  <c:v>43.581060715206959</c:v>
                </c:pt>
                <c:pt idx="4284">
                  <c:v>43.581060715206959</c:v>
                </c:pt>
                <c:pt idx="4285">
                  <c:v>28.950276046530341</c:v>
                </c:pt>
                <c:pt idx="4286">
                  <c:v>43.581060715206959</c:v>
                </c:pt>
                <c:pt idx="4287">
                  <c:v>43.581060715206959</c:v>
                </c:pt>
                <c:pt idx="4288">
                  <c:v>25.944826201305521</c:v>
                </c:pt>
                <c:pt idx="4289">
                  <c:v>11.4021349686926</c:v>
                </c:pt>
                <c:pt idx="4290">
                  <c:v>7.3200758113749265</c:v>
                </c:pt>
                <c:pt idx="4291">
                  <c:v>7.3200758113749265</c:v>
                </c:pt>
                <c:pt idx="4292">
                  <c:v>7.3200758113749265</c:v>
                </c:pt>
                <c:pt idx="4293">
                  <c:v>7.3200758113749265</c:v>
                </c:pt>
                <c:pt idx="4294">
                  <c:v>7.3200758113749265</c:v>
                </c:pt>
                <c:pt idx="4295">
                  <c:v>7.3200758113749265</c:v>
                </c:pt>
                <c:pt idx="4296">
                  <c:v>6.8434342015114424</c:v>
                </c:pt>
                <c:pt idx="4297">
                  <c:v>6.8434342015114424</c:v>
                </c:pt>
                <c:pt idx="4298">
                  <c:v>6.8434342015114424</c:v>
                </c:pt>
                <c:pt idx="4299">
                  <c:v>6.8434342015114424</c:v>
                </c:pt>
                <c:pt idx="4300">
                  <c:v>6.8434342015114424</c:v>
                </c:pt>
                <c:pt idx="4301">
                  <c:v>6.8434342015114424</c:v>
                </c:pt>
                <c:pt idx="4302">
                  <c:v>6.8434342015114424</c:v>
                </c:pt>
                <c:pt idx="4303">
                  <c:v>27.835103160920955</c:v>
                </c:pt>
                <c:pt idx="4304">
                  <c:v>31.0581151058697</c:v>
                </c:pt>
                <c:pt idx="4305">
                  <c:v>34.281127050818448</c:v>
                </c:pt>
                <c:pt idx="4306">
                  <c:v>34.281127050818448</c:v>
                </c:pt>
                <c:pt idx="4307">
                  <c:v>41.020152026620359</c:v>
                </c:pt>
                <c:pt idx="4308">
                  <c:v>41.020152026620359</c:v>
                </c:pt>
                <c:pt idx="4309">
                  <c:v>27.24910098911209</c:v>
                </c:pt>
                <c:pt idx="4310">
                  <c:v>41.020152026620359</c:v>
                </c:pt>
                <c:pt idx="4311">
                  <c:v>41.020152026620359</c:v>
                </c:pt>
                <c:pt idx="4312">
                  <c:v>24.277645162277601</c:v>
                </c:pt>
                <c:pt idx="4313">
                  <c:v>10.493051999377474</c:v>
                </c:pt>
                <c:pt idx="4314">
                  <c:v>6.8434342015114424</c:v>
                </c:pt>
                <c:pt idx="4315">
                  <c:v>6.8434342015114424</c:v>
                </c:pt>
                <c:pt idx="4316">
                  <c:v>6.8434342015114424</c:v>
                </c:pt>
                <c:pt idx="4317">
                  <c:v>6.8434342015114424</c:v>
                </c:pt>
                <c:pt idx="4318">
                  <c:v>6.8434342015114424</c:v>
                </c:pt>
                <c:pt idx="4319">
                  <c:v>6.8434342015114424</c:v>
                </c:pt>
                <c:pt idx="4320">
                  <c:v>9.9176722832969908</c:v>
                </c:pt>
                <c:pt idx="4321">
                  <c:v>6.0107104747254496</c:v>
                </c:pt>
                <c:pt idx="4322">
                  <c:v>6.0107104747254496</c:v>
                </c:pt>
                <c:pt idx="4323">
                  <c:v>6.0107104747254496</c:v>
                </c:pt>
                <c:pt idx="4324">
                  <c:v>6.0107104747254496</c:v>
                </c:pt>
                <c:pt idx="4325">
                  <c:v>6.0107104747254496</c:v>
                </c:pt>
                <c:pt idx="4326">
                  <c:v>6.0107104747254496</c:v>
                </c:pt>
                <c:pt idx="4327">
                  <c:v>25.605626622330416</c:v>
                </c:pt>
                <c:pt idx="4328">
                  <c:v>32.007033277913017</c:v>
                </c:pt>
                <c:pt idx="4329">
                  <c:v>35.207736605704326</c:v>
                </c:pt>
                <c:pt idx="4330">
                  <c:v>35.207736605704326</c:v>
                </c:pt>
                <c:pt idx="4331">
                  <c:v>41.609143261286924</c:v>
                </c:pt>
                <c:pt idx="4332">
                  <c:v>41.609143261286924</c:v>
                </c:pt>
                <c:pt idx="4333">
                  <c:v>28.806329950121714</c:v>
                </c:pt>
                <c:pt idx="4334">
                  <c:v>41.609143261286924</c:v>
                </c:pt>
                <c:pt idx="4335">
                  <c:v>32.007033277913017</c:v>
                </c:pt>
                <c:pt idx="4336">
                  <c:v>15.026776186813626</c:v>
                </c:pt>
                <c:pt idx="4337">
                  <c:v>9.9176722832969908</c:v>
                </c:pt>
                <c:pt idx="4338">
                  <c:v>6.3112459984617217</c:v>
                </c:pt>
                <c:pt idx="4339">
                  <c:v>6.0107104747254496</c:v>
                </c:pt>
                <c:pt idx="4340">
                  <c:v>6.0107104747254496</c:v>
                </c:pt>
                <c:pt idx="4341">
                  <c:v>6.0107104747254496</c:v>
                </c:pt>
                <c:pt idx="4342">
                  <c:v>6.0107104747254496</c:v>
                </c:pt>
                <c:pt idx="4343">
                  <c:v>6.0107104747254496</c:v>
                </c:pt>
                <c:pt idx="4344">
                  <c:v>4.5385132386235494</c:v>
                </c:pt>
                <c:pt idx="4345">
                  <c:v>4.1509849840709387</c:v>
                </c:pt>
                <c:pt idx="4346">
                  <c:v>4.1509849840709387</c:v>
                </c:pt>
                <c:pt idx="4347">
                  <c:v>4.1509849840709387</c:v>
                </c:pt>
                <c:pt idx="4348">
                  <c:v>4.1509849840709387</c:v>
                </c:pt>
                <c:pt idx="4349">
                  <c:v>4.1528160420674274</c:v>
                </c:pt>
                <c:pt idx="4350">
                  <c:v>4.1551964174628608</c:v>
                </c:pt>
                <c:pt idx="4351">
                  <c:v>4.1568443696597006</c:v>
                </c:pt>
                <c:pt idx="4352">
                  <c:v>4.1568443696597006</c:v>
                </c:pt>
                <c:pt idx="4353">
                  <c:v>4.1568443696597006</c:v>
                </c:pt>
                <c:pt idx="4354">
                  <c:v>4.1568443696597006</c:v>
                </c:pt>
                <c:pt idx="4355">
                  <c:v>4.1568443696597006</c:v>
                </c:pt>
                <c:pt idx="4356">
                  <c:v>4.1568443696597006</c:v>
                </c:pt>
                <c:pt idx="4357">
                  <c:v>4.1568443696597006</c:v>
                </c:pt>
                <c:pt idx="4358">
                  <c:v>4.1568443696597006</c:v>
                </c:pt>
                <c:pt idx="4359">
                  <c:v>4.1555626290621586</c:v>
                </c:pt>
                <c:pt idx="4360">
                  <c:v>4.1544639942642663</c:v>
                </c:pt>
                <c:pt idx="4361">
                  <c:v>4.1533653594663731</c:v>
                </c:pt>
                <c:pt idx="4362">
                  <c:v>4.1529991478670754</c:v>
                </c:pt>
                <c:pt idx="4363">
                  <c:v>4.1511680898705876</c:v>
                </c:pt>
                <c:pt idx="4364">
                  <c:v>4.149153926074451</c:v>
                </c:pt>
                <c:pt idx="4365">
                  <c:v>4.149153926074451</c:v>
                </c:pt>
                <c:pt idx="4366">
                  <c:v>4.149153926074451</c:v>
                </c:pt>
                <c:pt idx="4367">
                  <c:v>4.149153926074451</c:v>
                </c:pt>
                <c:pt idx="4368">
                  <c:v>4.0378341060931175</c:v>
                </c:pt>
                <c:pt idx="4369">
                  <c:v>4.038624655541704</c:v>
                </c:pt>
                <c:pt idx="4370">
                  <c:v>4.038624655541704</c:v>
                </c:pt>
                <c:pt idx="4371">
                  <c:v>4.038624655541704</c:v>
                </c:pt>
                <c:pt idx="4372">
                  <c:v>4.038624655541704</c:v>
                </c:pt>
                <c:pt idx="4373">
                  <c:v>4.0400476445491584</c:v>
                </c:pt>
                <c:pt idx="4374">
                  <c:v>4.0413125236668961</c:v>
                </c:pt>
                <c:pt idx="4375">
                  <c:v>4.0428936225640673</c:v>
                </c:pt>
                <c:pt idx="4376">
                  <c:v>4.0428936225640673</c:v>
                </c:pt>
                <c:pt idx="4377">
                  <c:v>4.0428936225640673</c:v>
                </c:pt>
                <c:pt idx="4378">
                  <c:v>4.0428936225640673</c:v>
                </c:pt>
                <c:pt idx="4379">
                  <c:v>4.0428936225640673</c:v>
                </c:pt>
                <c:pt idx="4380">
                  <c:v>4.0428936225640673</c:v>
                </c:pt>
                <c:pt idx="4381">
                  <c:v>4.0428936225640673</c:v>
                </c:pt>
                <c:pt idx="4382">
                  <c:v>4.0428936225640673</c:v>
                </c:pt>
                <c:pt idx="4383">
                  <c:v>4.0417868533360473</c:v>
                </c:pt>
                <c:pt idx="4384">
                  <c:v>4.0416287434463296</c:v>
                </c:pt>
                <c:pt idx="4385">
                  <c:v>4.0403638643285928</c:v>
                </c:pt>
                <c:pt idx="4386">
                  <c:v>4.0398895346594408</c:v>
                </c:pt>
                <c:pt idx="4387">
                  <c:v>4.0387827654314208</c:v>
                </c:pt>
                <c:pt idx="4388">
                  <c:v>4.0378341060931175</c:v>
                </c:pt>
                <c:pt idx="4389">
                  <c:v>4.0372016665342487</c:v>
                </c:pt>
                <c:pt idx="4390">
                  <c:v>4.0372016665342487</c:v>
                </c:pt>
                <c:pt idx="4391">
                  <c:v>4.0372016665342487</c:v>
                </c:pt>
                <c:pt idx="4392">
                  <c:v>6.5060538560722598</c:v>
                </c:pt>
                <c:pt idx="4393">
                  <c:v>6.5060538560722598</c:v>
                </c:pt>
                <c:pt idx="4394">
                  <c:v>6.5060538560722598</c:v>
                </c:pt>
                <c:pt idx="4395">
                  <c:v>6.5060538560722598</c:v>
                </c:pt>
                <c:pt idx="4396">
                  <c:v>6.5060538560722598</c:v>
                </c:pt>
                <c:pt idx="4397">
                  <c:v>6.5060538560722598</c:v>
                </c:pt>
                <c:pt idx="4398">
                  <c:v>6.5060538560722598</c:v>
                </c:pt>
                <c:pt idx="4399">
                  <c:v>27.721357159293529</c:v>
                </c:pt>
                <c:pt idx="4400">
                  <c:v>31.186526804205219</c:v>
                </c:pt>
                <c:pt idx="4401">
                  <c:v>34.651696449116905</c:v>
                </c:pt>
                <c:pt idx="4402">
                  <c:v>34.651696449116905</c:v>
                </c:pt>
                <c:pt idx="4403">
                  <c:v>41.582035738940277</c:v>
                </c:pt>
                <c:pt idx="4404">
                  <c:v>41.582035738940277</c:v>
                </c:pt>
                <c:pt idx="4405">
                  <c:v>27.721357159293529</c:v>
                </c:pt>
                <c:pt idx="4406">
                  <c:v>41.582035738940277</c:v>
                </c:pt>
                <c:pt idx="4407">
                  <c:v>41.582035738940277</c:v>
                </c:pt>
                <c:pt idx="4408">
                  <c:v>24.357102664597736</c:v>
                </c:pt>
                <c:pt idx="4409">
                  <c:v>7.1337161825956548</c:v>
                </c:pt>
                <c:pt idx="4410">
                  <c:v>6.8630616918555791</c:v>
                </c:pt>
                <c:pt idx="4411">
                  <c:v>6.8630616918555791</c:v>
                </c:pt>
                <c:pt idx="4412">
                  <c:v>6.8630616918555791</c:v>
                </c:pt>
                <c:pt idx="4413">
                  <c:v>6.8630616918555791</c:v>
                </c:pt>
                <c:pt idx="4414">
                  <c:v>6.8630616918555791</c:v>
                </c:pt>
                <c:pt idx="4415">
                  <c:v>6.8630616918555791</c:v>
                </c:pt>
                <c:pt idx="4416">
                  <c:v>4.1491765709727124</c:v>
                </c:pt>
                <c:pt idx="4417">
                  <c:v>6.3225547748155631</c:v>
                </c:pt>
                <c:pt idx="4418">
                  <c:v>6.3225547748155631</c:v>
                </c:pt>
                <c:pt idx="4419">
                  <c:v>6.3225547748155631</c:v>
                </c:pt>
                <c:pt idx="4420">
                  <c:v>6.3225547748155631</c:v>
                </c:pt>
                <c:pt idx="4421">
                  <c:v>6.3225547748155631</c:v>
                </c:pt>
                <c:pt idx="4422">
                  <c:v>6.3225547748155631</c:v>
                </c:pt>
                <c:pt idx="4423">
                  <c:v>26.653519972581854</c:v>
                </c:pt>
                <c:pt idx="4424">
                  <c:v>29.7397170220387</c:v>
                </c:pt>
                <c:pt idx="4425">
                  <c:v>32.825914071495546</c:v>
                </c:pt>
                <c:pt idx="4426">
                  <c:v>32.825914071495546</c:v>
                </c:pt>
                <c:pt idx="4427">
                  <c:v>39.278871538541679</c:v>
                </c:pt>
                <c:pt idx="4428">
                  <c:v>39.278871538541679</c:v>
                </c:pt>
                <c:pt idx="4429">
                  <c:v>26.092393236316973</c:v>
                </c:pt>
                <c:pt idx="4430">
                  <c:v>39.278871538541679</c:v>
                </c:pt>
                <c:pt idx="4431">
                  <c:v>39.278871538541679</c:v>
                </c:pt>
                <c:pt idx="4432">
                  <c:v>23.146477870926347</c:v>
                </c:pt>
                <c:pt idx="4433">
                  <c:v>9.8789918356493178</c:v>
                </c:pt>
                <c:pt idx="4434">
                  <c:v>6.5201346115285492</c:v>
                </c:pt>
                <c:pt idx="4435">
                  <c:v>6.5201346115285492</c:v>
                </c:pt>
                <c:pt idx="4436">
                  <c:v>6.5201346115285492</c:v>
                </c:pt>
                <c:pt idx="4437">
                  <c:v>6.5201346115285492</c:v>
                </c:pt>
                <c:pt idx="4438">
                  <c:v>6.5201346115285492</c:v>
                </c:pt>
                <c:pt idx="4439">
                  <c:v>6.5201346115285492</c:v>
                </c:pt>
                <c:pt idx="4440">
                  <c:v>6.5540446526657536</c:v>
                </c:pt>
                <c:pt idx="4441">
                  <c:v>6.5540446526657536</c:v>
                </c:pt>
                <c:pt idx="4442">
                  <c:v>6.5540446526657536</c:v>
                </c:pt>
                <c:pt idx="4443">
                  <c:v>6.5540446526657536</c:v>
                </c:pt>
                <c:pt idx="4444">
                  <c:v>6.5540446526657536</c:v>
                </c:pt>
                <c:pt idx="4445">
                  <c:v>6.5540446526657536</c:v>
                </c:pt>
                <c:pt idx="4446">
                  <c:v>6.5540446526657536</c:v>
                </c:pt>
                <c:pt idx="4447">
                  <c:v>26.780034912944579</c:v>
                </c:pt>
                <c:pt idx="4448">
                  <c:v>29.880881060759219</c:v>
                </c:pt>
                <c:pt idx="4449">
                  <c:v>32.981727208573865</c:v>
                </c:pt>
                <c:pt idx="4450">
                  <c:v>32.981727208573865</c:v>
                </c:pt>
                <c:pt idx="4451">
                  <c:v>39.46531460854991</c:v>
                </c:pt>
                <c:pt idx="4452">
                  <c:v>39.46531460854991</c:v>
                </c:pt>
                <c:pt idx="4453">
                  <c:v>26.216244704251011</c:v>
                </c:pt>
                <c:pt idx="4454">
                  <c:v>39.46531460854991</c:v>
                </c:pt>
                <c:pt idx="4455">
                  <c:v>39.46531460854991</c:v>
                </c:pt>
                <c:pt idx="4456">
                  <c:v>23.265428102867784</c:v>
                </c:pt>
                <c:pt idx="4457">
                  <c:v>9.941108768007572</c:v>
                </c:pt>
                <c:pt idx="4458">
                  <c:v>6.5540446526657536</c:v>
                </c:pt>
                <c:pt idx="4459">
                  <c:v>6.5540446526657536</c:v>
                </c:pt>
                <c:pt idx="4460">
                  <c:v>6.5540446526657536</c:v>
                </c:pt>
                <c:pt idx="4461">
                  <c:v>6.5540446526657536</c:v>
                </c:pt>
                <c:pt idx="4462">
                  <c:v>6.5540446526657536</c:v>
                </c:pt>
                <c:pt idx="4463">
                  <c:v>6.5540446526657536</c:v>
                </c:pt>
                <c:pt idx="4464">
                  <c:v>6.8434342015114424</c:v>
                </c:pt>
                <c:pt idx="4465">
                  <c:v>6.8434342015114424</c:v>
                </c:pt>
                <c:pt idx="4466">
                  <c:v>6.8434342015114424</c:v>
                </c:pt>
                <c:pt idx="4467">
                  <c:v>6.8434342015114424</c:v>
                </c:pt>
                <c:pt idx="4468">
                  <c:v>6.8434342015114424</c:v>
                </c:pt>
                <c:pt idx="4469">
                  <c:v>6.8434342015114424</c:v>
                </c:pt>
                <c:pt idx="4470">
                  <c:v>6.8434342015114424</c:v>
                </c:pt>
                <c:pt idx="4471">
                  <c:v>27.835103160920955</c:v>
                </c:pt>
                <c:pt idx="4472">
                  <c:v>31.0581151058697</c:v>
                </c:pt>
                <c:pt idx="4473">
                  <c:v>34.281127050818448</c:v>
                </c:pt>
                <c:pt idx="4474">
                  <c:v>34.281127050818448</c:v>
                </c:pt>
                <c:pt idx="4475">
                  <c:v>41.020152026620359</c:v>
                </c:pt>
                <c:pt idx="4476">
                  <c:v>41.020152026620359</c:v>
                </c:pt>
                <c:pt idx="4477">
                  <c:v>27.24910098911209</c:v>
                </c:pt>
                <c:pt idx="4478">
                  <c:v>41.020152026620359</c:v>
                </c:pt>
                <c:pt idx="4479">
                  <c:v>41.020152026620359</c:v>
                </c:pt>
                <c:pt idx="4480">
                  <c:v>24.277645162277601</c:v>
                </c:pt>
                <c:pt idx="4481">
                  <c:v>10.493051999377474</c:v>
                </c:pt>
                <c:pt idx="4482">
                  <c:v>6.8434342015114424</c:v>
                </c:pt>
                <c:pt idx="4483">
                  <c:v>6.8434342015114424</c:v>
                </c:pt>
                <c:pt idx="4484">
                  <c:v>6.8434342015114424</c:v>
                </c:pt>
                <c:pt idx="4485">
                  <c:v>6.8434342015114424</c:v>
                </c:pt>
                <c:pt idx="4486">
                  <c:v>6.8434342015114424</c:v>
                </c:pt>
                <c:pt idx="4487">
                  <c:v>6.8434342015114424</c:v>
                </c:pt>
                <c:pt idx="4488">
                  <c:v>10.173279740948372</c:v>
                </c:pt>
                <c:pt idx="4489">
                  <c:v>6.1841035281877126</c:v>
                </c:pt>
                <c:pt idx="4490">
                  <c:v>6.1841035281877126</c:v>
                </c:pt>
                <c:pt idx="4491">
                  <c:v>6.1841035281877126</c:v>
                </c:pt>
                <c:pt idx="4492">
                  <c:v>6.1841035281877126</c:v>
                </c:pt>
                <c:pt idx="4493">
                  <c:v>6.1841035281877126</c:v>
                </c:pt>
                <c:pt idx="4494">
                  <c:v>6.1841035281877126</c:v>
                </c:pt>
                <c:pt idx="4495">
                  <c:v>26.271556398229595</c:v>
                </c:pt>
                <c:pt idx="4496">
                  <c:v>32.83944549778699</c:v>
                </c:pt>
                <c:pt idx="4497">
                  <c:v>36.123390047565692</c:v>
                </c:pt>
                <c:pt idx="4498">
                  <c:v>36.123390047565692</c:v>
                </c:pt>
                <c:pt idx="4499">
                  <c:v>42.69127914712309</c:v>
                </c:pt>
                <c:pt idx="4500">
                  <c:v>42.69127914712309</c:v>
                </c:pt>
                <c:pt idx="4501">
                  <c:v>29.555500948008294</c:v>
                </c:pt>
                <c:pt idx="4502">
                  <c:v>42.69127914712309</c:v>
                </c:pt>
                <c:pt idx="4503">
                  <c:v>32.855334150188689</c:v>
                </c:pt>
                <c:pt idx="4504">
                  <c:v>15.494305932758634</c:v>
                </c:pt>
                <c:pt idx="4505">
                  <c:v>10.253479605452181</c:v>
                </c:pt>
                <c:pt idx="4506">
                  <c:v>6.4909632368616093</c:v>
                </c:pt>
                <c:pt idx="4507">
                  <c:v>6.1841035281877126</c:v>
                </c:pt>
                <c:pt idx="4508">
                  <c:v>6.1841035281877126</c:v>
                </c:pt>
                <c:pt idx="4509">
                  <c:v>6.1841035281877126</c:v>
                </c:pt>
                <c:pt idx="4510">
                  <c:v>6.1841035281877126</c:v>
                </c:pt>
                <c:pt idx="4511">
                  <c:v>6.1841035281877126</c:v>
                </c:pt>
                <c:pt idx="4512">
                  <c:v>4.1655705108477799</c:v>
                </c:pt>
                <c:pt idx="4513">
                  <c:v>3.7944131310703639</c:v>
                </c:pt>
                <c:pt idx="4514">
                  <c:v>3.7944131310703639</c:v>
                </c:pt>
                <c:pt idx="4515">
                  <c:v>3.7944131310703639</c:v>
                </c:pt>
                <c:pt idx="4516">
                  <c:v>3.7944131310703639</c:v>
                </c:pt>
                <c:pt idx="4517">
                  <c:v>3.7950222771334845</c:v>
                </c:pt>
                <c:pt idx="4518">
                  <c:v>3.795814167015541</c:v>
                </c:pt>
                <c:pt idx="4519">
                  <c:v>3.7963623984723496</c:v>
                </c:pt>
                <c:pt idx="4520">
                  <c:v>3.7963623984723496</c:v>
                </c:pt>
                <c:pt idx="4521">
                  <c:v>3.7963623984723496</c:v>
                </c:pt>
                <c:pt idx="4522">
                  <c:v>3.7963623984723496</c:v>
                </c:pt>
                <c:pt idx="4523">
                  <c:v>3.7963623984723496</c:v>
                </c:pt>
                <c:pt idx="4524">
                  <c:v>3.7963623984723496</c:v>
                </c:pt>
                <c:pt idx="4525">
                  <c:v>3.7963623984723496</c:v>
                </c:pt>
                <c:pt idx="4526">
                  <c:v>3.7963623984723496</c:v>
                </c:pt>
                <c:pt idx="4527">
                  <c:v>3.7959359962281649</c:v>
                </c:pt>
                <c:pt idx="4528">
                  <c:v>3.7955705085902927</c:v>
                </c:pt>
                <c:pt idx="4529">
                  <c:v>3.7952050209524204</c:v>
                </c:pt>
                <c:pt idx="4530">
                  <c:v>3.7950831917397965</c:v>
                </c:pt>
                <c:pt idx="4531">
                  <c:v>3.7944740456766759</c:v>
                </c:pt>
                <c:pt idx="4532">
                  <c:v>3.7938039850072434</c:v>
                </c:pt>
                <c:pt idx="4533">
                  <c:v>3.7938039850072434</c:v>
                </c:pt>
                <c:pt idx="4534">
                  <c:v>3.7938039850072434</c:v>
                </c:pt>
                <c:pt idx="4535">
                  <c:v>3.7938039850072434</c:v>
                </c:pt>
                <c:pt idx="4536">
                  <c:v>3.4691791637510598</c:v>
                </c:pt>
                <c:pt idx="4537">
                  <c:v>3.4691791637510598</c:v>
                </c:pt>
                <c:pt idx="4538">
                  <c:v>3.4691791637510598</c:v>
                </c:pt>
                <c:pt idx="4539">
                  <c:v>3.4691791637510598</c:v>
                </c:pt>
                <c:pt idx="4540">
                  <c:v>3.4691791637510598</c:v>
                </c:pt>
                <c:pt idx="4541">
                  <c:v>3.4691791637510598</c:v>
                </c:pt>
                <c:pt idx="4542">
                  <c:v>3.4691791637510598</c:v>
                </c:pt>
                <c:pt idx="4543">
                  <c:v>3.4691791637510598</c:v>
                </c:pt>
                <c:pt idx="4544">
                  <c:v>3.4691791637510598</c:v>
                </c:pt>
                <c:pt idx="4545">
                  <c:v>3.4691791637510598</c:v>
                </c:pt>
                <c:pt idx="4546">
                  <c:v>3.4691791637510598</c:v>
                </c:pt>
                <c:pt idx="4547">
                  <c:v>3.4691791637510598</c:v>
                </c:pt>
                <c:pt idx="4548">
                  <c:v>3.4691791637510598</c:v>
                </c:pt>
                <c:pt idx="4549">
                  <c:v>3.4691791637510598</c:v>
                </c:pt>
                <c:pt idx="4550">
                  <c:v>3.4691791637510598</c:v>
                </c:pt>
                <c:pt idx="4551">
                  <c:v>3.4691791637510598</c:v>
                </c:pt>
                <c:pt idx="4552">
                  <c:v>3.4691791637510598</c:v>
                </c:pt>
                <c:pt idx="4553">
                  <c:v>3.4691791637510598</c:v>
                </c:pt>
                <c:pt idx="4554">
                  <c:v>3.4691791637510598</c:v>
                </c:pt>
                <c:pt idx="4555">
                  <c:v>3.4691791637510598</c:v>
                </c:pt>
                <c:pt idx="4556">
                  <c:v>3.4691791637510598</c:v>
                </c:pt>
                <c:pt idx="4557">
                  <c:v>3.4691791637510598</c:v>
                </c:pt>
                <c:pt idx="4558">
                  <c:v>3.4691791637510598</c:v>
                </c:pt>
                <c:pt idx="4559">
                  <c:v>3.4691791637510598</c:v>
                </c:pt>
                <c:pt idx="4560">
                  <c:v>5.7891368575557038</c:v>
                </c:pt>
                <c:pt idx="4561">
                  <c:v>5.7891368575557038</c:v>
                </c:pt>
                <c:pt idx="4562">
                  <c:v>5.7891368575557038</c:v>
                </c:pt>
                <c:pt idx="4563">
                  <c:v>5.7891368575557038</c:v>
                </c:pt>
                <c:pt idx="4564">
                  <c:v>5.7891368575557038</c:v>
                </c:pt>
                <c:pt idx="4565">
                  <c:v>5.7891368575557038</c:v>
                </c:pt>
                <c:pt idx="4566">
                  <c:v>5.7891368575557038</c:v>
                </c:pt>
                <c:pt idx="4567">
                  <c:v>24.661723013187292</c:v>
                </c:pt>
                <c:pt idx="4568">
                  <c:v>27.744438389835707</c:v>
                </c:pt>
                <c:pt idx="4569">
                  <c:v>30.827153766484116</c:v>
                </c:pt>
                <c:pt idx="4570">
                  <c:v>30.827153766484116</c:v>
                </c:pt>
                <c:pt idx="4571">
                  <c:v>36.992584519780934</c:v>
                </c:pt>
                <c:pt idx="4572">
                  <c:v>36.992584519780934</c:v>
                </c:pt>
                <c:pt idx="4573">
                  <c:v>24.661723013187292</c:v>
                </c:pt>
                <c:pt idx="4574">
                  <c:v>36.992584519780934</c:v>
                </c:pt>
                <c:pt idx="4575">
                  <c:v>36.992584519780934</c:v>
                </c:pt>
                <c:pt idx="4576">
                  <c:v>21.579007636538879</c:v>
                </c:pt>
                <c:pt idx="4577">
                  <c:v>6.1654307532968229</c:v>
                </c:pt>
                <c:pt idx="4578">
                  <c:v>6.0785937004334887</c:v>
                </c:pt>
                <c:pt idx="4579">
                  <c:v>6.0785937004334887</c:v>
                </c:pt>
                <c:pt idx="4580">
                  <c:v>6.0785937004334887</c:v>
                </c:pt>
                <c:pt idx="4581">
                  <c:v>6.0785937004334887</c:v>
                </c:pt>
                <c:pt idx="4582">
                  <c:v>6.0785937004334887</c:v>
                </c:pt>
                <c:pt idx="4583">
                  <c:v>6.0785937004334887</c:v>
                </c:pt>
                <c:pt idx="4584">
                  <c:v>3.9009237684298581</c:v>
                </c:pt>
                <c:pt idx="4585">
                  <c:v>5.9442647899883561</c:v>
                </c:pt>
                <c:pt idx="4586">
                  <c:v>5.9442647899883561</c:v>
                </c:pt>
                <c:pt idx="4587">
                  <c:v>5.9442647899883561</c:v>
                </c:pt>
                <c:pt idx="4588">
                  <c:v>5.9442647899883561</c:v>
                </c:pt>
                <c:pt idx="4589">
                  <c:v>5.9442647899883561</c:v>
                </c:pt>
                <c:pt idx="4590">
                  <c:v>5.9442647899883561</c:v>
                </c:pt>
                <c:pt idx="4591">
                  <c:v>25.058791255294658</c:v>
                </c:pt>
                <c:pt idx="4592">
                  <c:v>27.960335505907729</c:v>
                </c:pt>
                <c:pt idx="4593">
                  <c:v>30.861879756520793</c:v>
                </c:pt>
                <c:pt idx="4594">
                  <c:v>30.861879756520793</c:v>
                </c:pt>
                <c:pt idx="4595">
                  <c:v>36.928745007802654</c:v>
                </c:pt>
                <c:pt idx="4596">
                  <c:v>36.928745007802654</c:v>
                </c:pt>
                <c:pt idx="4597">
                  <c:v>24.531237755183191</c:v>
                </c:pt>
                <c:pt idx="4598">
                  <c:v>36.928745007802654</c:v>
                </c:pt>
                <c:pt idx="4599">
                  <c:v>36.928745007802654</c:v>
                </c:pt>
                <c:pt idx="4600">
                  <c:v>21.761581879597998</c:v>
                </c:pt>
                <c:pt idx="4601">
                  <c:v>9.2879137343568061</c:v>
                </c:pt>
                <c:pt idx="4602">
                  <c:v>6.1300230646754912</c:v>
                </c:pt>
                <c:pt idx="4603">
                  <c:v>6.1300230646754912</c:v>
                </c:pt>
                <c:pt idx="4604">
                  <c:v>6.1300230646754912</c:v>
                </c:pt>
                <c:pt idx="4605">
                  <c:v>6.1300230646754912</c:v>
                </c:pt>
                <c:pt idx="4606">
                  <c:v>6.1300230646754912</c:v>
                </c:pt>
                <c:pt idx="4607">
                  <c:v>6.1300230646754912</c:v>
                </c:pt>
                <c:pt idx="4608">
                  <c:v>6.0443566237351689</c:v>
                </c:pt>
                <c:pt idx="4609">
                  <c:v>6.0443566237351689</c:v>
                </c:pt>
                <c:pt idx="4610">
                  <c:v>6.0443566237351689</c:v>
                </c:pt>
                <c:pt idx="4611">
                  <c:v>6.0443566237351689</c:v>
                </c:pt>
                <c:pt idx="4612">
                  <c:v>6.0443566237351689</c:v>
                </c:pt>
                <c:pt idx="4613">
                  <c:v>6.0443566237351689</c:v>
                </c:pt>
                <c:pt idx="4614">
                  <c:v>6.0443566237351689</c:v>
                </c:pt>
                <c:pt idx="4615">
                  <c:v>24.708597228541642</c:v>
                </c:pt>
                <c:pt idx="4616">
                  <c:v>27.569592697109623</c:v>
                </c:pt>
                <c:pt idx="4617">
                  <c:v>30.430588165677602</c:v>
                </c:pt>
                <c:pt idx="4618">
                  <c:v>30.430588165677602</c:v>
                </c:pt>
                <c:pt idx="4619">
                  <c:v>36.412669599956104</c:v>
                </c:pt>
                <c:pt idx="4620">
                  <c:v>36.412669599956104</c:v>
                </c:pt>
                <c:pt idx="4621">
                  <c:v>24.18841623425655</c:v>
                </c:pt>
                <c:pt idx="4622">
                  <c:v>36.412669599956104</c:v>
                </c:pt>
                <c:pt idx="4623">
                  <c:v>36.412669599956104</c:v>
                </c:pt>
                <c:pt idx="4624">
                  <c:v>21.457466014259847</c:v>
                </c:pt>
                <c:pt idx="4625">
                  <c:v>9.1581160965684383</c:v>
                </c:pt>
                <c:pt idx="4626">
                  <c:v>6.0443566237351689</c:v>
                </c:pt>
                <c:pt idx="4627">
                  <c:v>6.0443566237351689</c:v>
                </c:pt>
                <c:pt idx="4628">
                  <c:v>6.0443566237351689</c:v>
                </c:pt>
                <c:pt idx="4629">
                  <c:v>6.0443566237351689</c:v>
                </c:pt>
                <c:pt idx="4630">
                  <c:v>6.0443566237351689</c:v>
                </c:pt>
                <c:pt idx="4631">
                  <c:v>6.0443566237351689</c:v>
                </c:pt>
                <c:pt idx="4632">
                  <c:v>6.4084337398606728</c:v>
                </c:pt>
                <c:pt idx="4633">
                  <c:v>6.4084337398606728</c:v>
                </c:pt>
                <c:pt idx="4634">
                  <c:v>6.4084337398606728</c:v>
                </c:pt>
                <c:pt idx="4635">
                  <c:v>6.4084337398606728</c:v>
                </c:pt>
                <c:pt idx="4636">
                  <c:v>6.4084337398606728</c:v>
                </c:pt>
                <c:pt idx="4637">
                  <c:v>6.4084337398606728</c:v>
                </c:pt>
                <c:pt idx="4638">
                  <c:v>6.4084337398606728</c:v>
                </c:pt>
                <c:pt idx="4639">
                  <c:v>26.196900348703174</c:v>
                </c:pt>
                <c:pt idx="4640">
                  <c:v>29.230225652237223</c:v>
                </c:pt>
                <c:pt idx="4641">
                  <c:v>32.263550955771279</c:v>
                </c:pt>
                <c:pt idx="4642">
                  <c:v>32.263550955771279</c:v>
                </c:pt>
                <c:pt idx="4643">
                  <c:v>38.605958408615201</c:v>
                </c:pt>
                <c:pt idx="4644">
                  <c:v>38.605958408615201</c:v>
                </c:pt>
                <c:pt idx="4645">
                  <c:v>25.645386657151526</c:v>
                </c:pt>
                <c:pt idx="4646">
                  <c:v>38.605958408615201</c:v>
                </c:pt>
                <c:pt idx="4647">
                  <c:v>38.605958408615201</c:v>
                </c:pt>
                <c:pt idx="4648">
                  <c:v>22.749939776505393</c:v>
                </c:pt>
                <c:pt idx="4649">
                  <c:v>9.7097480906979889</c:v>
                </c:pt>
                <c:pt idx="4650">
                  <c:v>6.4084337398606728</c:v>
                </c:pt>
                <c:pt idx="4651">
                  <c:v>6.4084337398606728</c:v>
                </c:pt>
                <c:pt idx="4652">
                  <c:v>6.4084337398606728</c:v>
                </c:pt>
                <c:pt idx="4653">
                  <c:v>6.4084337398606728</c:v>
                </c:pt>
                <c:pt idx="4654">
                  <c:v>6.4084337398606728</c:v>
                </c:pt>
                <c:pt idx="4655">
                  <c:v>6.4084337398606728</c:v>
                </c:pt>
                <c:pt idx="4656">
                  <c:v>9.7089741803553888</c:v>
                </c:pt>
                <c:pt idx="4657">
                  <c:v>5.8842267759729632</c:v>
                </c:pt>
                <c:pt idx="4658">
                  <c:v>5.8842267759729632</c:v>
                </c:pt>
                <c:pt idx="4659">
                  <c:v>5.8842267759729632</c:v>
                </c:pt>
                <c:pt idx="4660">
                  <c:v>5.8842267759729632</c:v>
                </c:pt>
                <c:pt idx="4661">
                  <c:v>5.8842267759729632</c:v>
                </c:pt>
                <c:pt idx="4662">
                  <c:v>5.8842267759729632</c:v>
                </c:pt>
                <c:pt idx="4663">
                  <c:v>25.066806065644819</c:v>
                </c:pt>
                <c:pt idx="4664">
                  <c:v>31.333507582056022</c:v>
                </c:pt>
                <c:pt idx="4665">
                  <c:v>34.466858340261624</c:v>
                </c:pt>
                <c:pt idx="4666">
                  <c:v>34.466858340261624</c:v>
                </c:pt>
                <c:pt idx="4667">
                  <c:v>40.733559856672827</c:v>
                </c:pt>
                <c:pt idx="4668">
                  <c:v>40.733559856672827</c:v>
                </c:pt>
                <c:pt idx="4669">
                  <c:v>28.200156823850421</c:v>
                </c:pt>
                <c:pt idx="4670">
                  <c:v>40.733559856672827</c:v>
                </c:pt>
                <c:pt idx="4671">
                  <c:v>31.333507582056022</c:v>
                </c:pt>
                <c:pt idx="4672">
                  <c:v>14.710566939932406</c:v>
                </c:pt>
                <c:pt idx="4673">
                  <c:v>9.7089741803553888</c:v>
                </c:pt>
                <c:pt idx="4674">
                  <c:v>6.1784381147716108</c:v>
                </c:pt>
                <c:pt idx="4675">
                  <c:v>5.8842267759729632</c:v>
                </c:pt>
                <c:pt idx="4676">
                  <c:v>5.8842267759729632</c:v>
                </c:pt>
                <c:pt idx="4677">
                  <c:v>5.8842267759729632</c:v>
                </c:pt>
                <c:pt idx="4678">
                  <c:v>5.8842267759729632</c:v>
                </c:pt>
                <c:pt idx="4679">
                  <c:v>5.8842267759729632</c:v>
                </c:pt>
                <c:pt idx="4680">
                  <c:v>3.6605789748218771</c:v>
                </c:pt>
                <c:pt idx="4681">
                  <c:v>3.3137912930712434</c:v>
                </c:pt>
                <c:pt idx="4682">
                  <c:v>3.3137912930712434</c:v>
                </c:pt>
                <c:pt idx="4683">
                  <c:v>3.3137912930712434</c:v>
                </c:pt>
                <c:pt idx="4684">
                  <c:v>3.3137912930712434</c:v>
                </c:pt>
                <c:pt idx="4685">
                  <c:v>3.3137912930712434</c:v>
                </c:pt>
                <c:pt idx="4686">
                  <c:v>3.3137912930712434</c:v>
                </c:pt>
                <c:pt idx="4687">
                  <c:v>3.3137912930712434</c:v>
                </c:pt>
                <c:pt idx="4688">
                  <c:v>3.3137912930712434</c:v>
                </c:pt>
                <c:pt idx="4689">
                  <c:v>3.3137912930712434</c:v>
                </c:pt>
                <c:pt idx="4690">
                  <c:v>3.3137912930712434</c:v>
                </c:pt>
                <c:pt idx="4691">
                  <c:v>3.3137912930712434</c:v>
                </c:pt>
                <c:pt idx="4692">
                  <c:v>3.3137912930712434</c:v>
                </c:pt>
                <c:pt idx="4693">
                  <c:v>3.3137912930712434</c:v>
                </c:pt>
                <c:pt idx="4694">
                  <c:v>3.3137912930712434</c:v>
                </c:pt>
                <c:pt idx="4695">
                  <c:v>3.3137912930712434</c:v>
                </c:pt>
                <c:pt idx="4696">
                  <c:v>3.3137912930712434</c:v>
                </c:pt>
                <c:pt idx="4697">
                  <c:v>3.3137912930712434</c:v>
                </c:pt>
                <c:pt idx="4698">
                  <c:v>3.3137912930712434</c:v>
                </c:pt>
                <c:pt idx="4699">
                  <c:v>3.3137912930712434</c:v>
                </c:pt>
                <c:pt idx="4700">
                  <c:v>3.3137912930712434</c:v>
                </c:pt>
                <c:pt idx="4701">
                  <c:v>3.3137912930712434</c:v>
                </c:pt>
                <c:pt idx="4702">
                  <c:v>3.3137912930712434</c:v>
                </c:pt>
                <c:pt idx="4703">
                  <c:v>3.3137912930712434</c:v>
                </c:pt>
                <c:pt idx="4704">
                  <c:v>3.1168332039005442</c:v>
                </c:pt>
                <c:pt idx="4705">
                  <c:v>3.1168332039005442</c:v>
                </c:pt>
                <c:pt idx="4706">
                  <c:v>3.1168332039005442</c:v>
                </c:pt>
                <c:pt idx="4707">
                  <c:v>3.1168332039005442</c:v>
                </c:pt>
                <c:pt idx="4708">
                  <c:v>3.1168332039005442</c:v>
                </c:pt>
                <c:pt idx="4709">
                  <c:v>3.1168332039005442</c:v>
                </c:pt>
                <c:pt idx="4710">
                  <c:v>3.1168332039005442</c:v>
                </c:pt>
                <c:pt idx="4711">
                  <c:v>3.1168332039005442</c:v>
                </c:pt>
                <c:pt idx="4712">
                  <c:v>3.1168332039005442</c:v>
                </c:pt>
                <c:pt idx="4713">
                  <c:v>3.1168332039005442</c:v>
                </c:pt>
                <c:pt idx="4714">
                  <c:v>3.1168332039005442</c:v>
                </c:pt>
                <c:pt idx="4715">
                  <c:v>3.1168332039005442</c:v>
                </c:pt>
                <c:pt idx="4716">
                  <c:v>3.1168332039005442</c:v>
                </c:pt>
                <c:pt idx="4717">
                  <c:v>3.1168332039005442</c:v>
                </c:pt>
                <c:pt idx="4718">
                  <c:v>3.1168332039005442</c:v>
                </c:pt>
                <c:pt idx="4719">
                  <c:v>3.1168332039005442</c:v>
                </c:pt>
                <c:pt idx="4720">
                  <c:v>3.1168332039005442</c:v>
                </c:pt>
                <c:pt idx="4721">
                  <c:v>3.1168332039005442</c:v>
                </c:pt>
                <c:pt idx="4722">
                  <c:v>3.1168332039005442</c:v>
                </c:pt>
                <c:pt idx="4723">
                  <c:v>3.1168332039005442</c:v>
                </c:pt>
                <c:pt idx="4724">
                  <c:v>3.1168332039005442</c:v>
                </c:pt>
                <c:pt idx="4725">
                  <c:v>3.1168332039005442</c:v>
                </c:pt>
                <c:pt idx="4726">
                  <c:v>3.1168332039005442</c:v>
                </c:pt>
                <c:pt idx="4727">
                  <c:v>3.1168332039005442</c:v>
                </c:pt>
                <c:pt idx="4728">
                  <c:v>5.8000544126373299</c:v>
                </c:pt>
                <c:pt idx="4729">
                  <c:v>5.8000544126373299</c:v>
                </c:pt>
                <c:pt idx="4730">
                  <c:v>5.8000544126373299</c:v>
                </c:pt>
                <c:pt idx="4731">
                  <c:v>5.8000544126373299</c:v>
                </c:pt>
                <c:pt idx="4732">
                  <c:v>5.8000544126373299</c:v>
                </c:pt>
                <c:pt idx="4733">
                  <c:v>5.8000544126373299</c:v>
                </c:pt>
                <c:pt idx="4734">
                  <c:v>5.8000544126373299</c:v>
                </c:pt>
                <c:pt idx="4735">
                  <c:v>24.708231797835023</c:v>
                </c:pt>
                <c:pt idx="4736">
                  <c:v>27.796760772564401</c:v>
                </c:pt>
                <c:pt idx="4737">
                  <c:v>30.885289747293779</c:v>
                </c:pt>
                <c:pt idx="4738">
                  <c:v>30.885289747293779</c:v>
                </c:pt>
                <c:pt idx="4739">
                  <c:v>37.062347696752532</c:v>
                </c:pt>
                <c:pt idx="4740">
                  <c:v>37.062347696752532</c:v>
                </c:pt>
                <c:pt idx="4741">
                  <c:v>24.708231797835023</c:v>
                </c:pt>
                <c:pt idx="4742">
                  <c:v>37.062347696752532</c:v>
                </c:pt>
                <c:pt idx="4743">
                  <c:v>37.062347696752532</c:v>
                </c:pt>
                <c:pt idx="4744">
                  <c:v>21.619702823105641</c:v>
                </c:pt>
                <c:pt idx="4745">
                  <c:v>6.1770579494587556</c:v>
                </c:pt>
                <c:pt idx="4746">
                  <c:v>6.0900571332691955</c:v>
                </c:pt>
                <c:pt idx="4747">
                  <c:v>6.0900571332691955</c:v>
                </c:pt>
                <c:pt idx="4748">
                  <c:v>6.0900571332691955</c:v>
                </c:pt>
                <c:pt idx="4749">
                  <c:v>6.0900571332691955</c:v>
                </c:pt>
                <c:pt idx="4750">
                  <c:v>6.0900571332691955</c:v>
                </c:pt>
                <c:pt idx="4751">
                  <c:v>6.0900571332691955</c:v>
                </c:pt>
                <c:pt idx="4752">
                  <c:v>3.9009237684298581</c:v>
                </c:pt>
                <c:pt idx="4753">
                  <c:v>5.9442647899883561</c:v>
                </c:pt>
                <c:pt idx="4754">
                  <c:v>5.9442647899883561</c:v>
                </c:pt>
                <c:pt idx="4755">
                  <c:v>5.9442647899883561</c:v>
                </c:pt>
                <c:pt idx="4756">
                  <c:v>5.9442647899883561</c:v>
                </c:pt>
                <c:pt idx="4757">
                  <c:v>5.9442647899883561</c:v>
                </c:pt>
                <c:pt idx="4758">
                  <c:v>5.9442647899883561</c:v>
                </c:pt>
                <c:pt idx="4759">
                  <c:v>25.058791255294658</c:v>
                </c:pt>
                <c:pt idx="4760">
                  <c:v>27.960335505907729</c:v>
                </c:pt>
                <c:pt idx="4761">
                  <c:v>30.861879756520793</c:v>
                </c:pt>
                <c:pt idx="4762">
                  <c:v>30.861879756520793</c:v>
                </c:pt>
                <c:pt idx="4763">
                  <c:v>36.928745007802654</c:v>
                </c:pt>
                <c:pt idx="4764">
                  <c:v>36.928745007802654</c:v>
                </c:pt>
                <c:pt idx="4765">
                  <c:v>24.531237755183191</c:v>
                </c:pt>
                <c:pt idx="4766">
                  <c:v>36.928745007802654</c:v>
                </c:pt>
                <c:pt idx="4767">
                  <c:v>36.928745007802654</c:v>
                </c:pt>
                <c:pt idx="4768">
                  <c:v>21.761581879597998</c:v>
                </c:pt>
                <c:pt idx="4769">
                  <c:v>9.2879137343568061</c:v>
                </c:pt>
                <c:pt idx="4770">
                  <c:v>6.1300230646754912</c:v>
                </c:pt>
                <c:pt idx="4771">
                  <c:v>6.1300230646754912</c:v>
                </c:pt>
                <c:pt idx="4772">
                  <c:v>6.1300230646754912</c:v>
                </c:pt>
                <c:pt idx="4773">
                  <c:v>6.1300230646754912</c:v>
                </c:pt>
                <c:pt idx="4774">
                  <c:v>6.1300230646754912</c:v>
                </c:pt>
                <c:pt idx="4775">
                  <c:v>6.1300230646754912</c:v>
                </c:pt>
                <c:pt idx="4776">
                  <c:v>6.0557340336140904</c:v>
                </c:pt>
                <c:pt idx="4777">
                  <c:v>6.0557340336140904</c:v>
                </c:pt>
                <c:pt idx="4778">
                  <c:v>6.0557340336140904</c:v>
                </c:pt>
                <c:pt idx="4779">
                  <c:v>6.0557340336140904</c:v>
                </c:pt>
                <c:pt idx="4780">
                  <c:v>6.0557340336140904</c:v>
                </c:pt>
                <c:pt idx="4781">
                  <c:v>6.0557340336140904</c:v>
                </c:pt>
                <c:pt idx="4782">
                  <c:v>6.0557340336140904</c:v>
                </c:pt>
                <c:pt idx="4783">
                  <c:v>24.755106701046689</c:v>
                </c:pt>
                <c:pt idx="4784">
                  <c:v>27.621487476957363</c:v>
                </c:pt>
                <c:pt idx="4785">
                  <c:v>30.487868252868033</c:v>
                </c:pt>
                <c:pt idx="4786">
                  <c:v>30.487868252868033</c:v>
                </c:pt>
                <c:pt idx="4787">
                  <c:v>36.481209875226696</c:v>
                </c:pt>
                <c:pt idx="4788">
                  <c:v>36.481209875226696</c:v>
                </c:pt>
                <c:pt idx="4789">
                  <c:v>24.233946559972022</c:v>
                </c:pt>
                <c:pt idx="4790">
                  <c:v>36.481209875226696</c:v>
                </c:pt>
                <c:pt idx="4791">
                  <c:v>36.481209875226696</c:v>
                </c:pt>
                <c:pt idx="4792">
                  <c:v>21.49785581933002</c:v>
                </c:pt>
                <c:pt idx="4793">
                  <c:v>9.1753545963849881</c:v>
                </c:pt>
                <c:pt idx="4794">
                  <c:v>6.0557340336140904</c:v>
                </c:pt>
                <c:pt idx="4795">
                  <c:v>6.0557340336140904</c:v>
                </c:pt>
                <c:pt idx="4796">
                  <c:v>6.0557340336140904</c:v>
                </c:pt>
                <c:pt idx="4797">
                  <c:v>6.0557340336140904</c:v>
                </c:pt>
                <c:pt idx="4798">
                  <c:v>6.0557340336140904</c:v>
                </c:pt>
                <c:pt idx="4799">
                  <c:v>6.0557340336140904</c:v>
                </c:pt>
                <c:pt idx="4800">
                  <c:v>6.3401692805871406</c:v>
                </c:pt>
                <c:pt idx="4801">
                  <c:v>6.3401692805871406</c:v>
                </c:pt>
                <c:pt idx="4802">
                  <c:v>6.3401692805871406</c:v>
                </c:pt>
                <c:pt idx="4803">
                  <c:v>6.3401692805871406</c:v>
                </c:pt>
                <c:pt idx="4804">
                  <c:v>6.3401692805871406</c:v>
                </c:pt>
                <c:pt idx="4805">
                  <c:v>6.3401692805871406</c:v>
                </c:pt>
                <c:pt idx="4806">
                  <c:v>6.3401692805871406</c:v>
                </c:pt>
                <c:pt idx="4807">
                  <c:v>25.917843513672885</c:v>
                </c:pt>
                <c:pt idx="4808">
                  <c:v>28.918856973150803</c:v>
                </c:pt>
                <c:pt idx="4809">
                  <c:v>31.919870432628713</c:v>
                </c:pt>
                <c:pt idx="4810">
                  <c:v>31.919870432628713</c:v>
                </c:pt>
                <c:pt idx="4811">
                  <c:v>38.194716756991625</c:v>
                </c:pt>
                <c:pt idx="4812">
                  <c:v>38.194716756991625</c:v>
                </c:pt>
                <c:pt idx="4813">
                  <c:v>25.372204702858721</c:v>
                </c:pt>
                <c:pt idx="4814">
                  <c:v>38.194716756991625</c:v>
                </c:pt>
                <c:pt idx="4815">
                  <c:v>38.194716756991625</c:v>
                </c:pt>
                <c:pt idx="4816">
                  <c:v>22.507600946084349</c:v>
                </c:pt>
                <c:pt idx="4817">
                  <c:v>9.6063170917986991</c:v>
                </c:pt>
                <c:pt idx="4818">
                  <c:v>6.3401692805871406</c:v>
                </c:pt>
                <c:pt idx="4819">
                  <c:v>6.3401692805871406</c:v>
                </c:pt>
                <c:pt idx="4820">
                  <c:v>6.3401692805871406</c:v>
                </c:pt>
                <c:pt idx="4821">
                  <c:v>6.3401692805871406</c:v>
                </c:pt>
                <c:pt idx="4822">
                  <c:v>6.3401692805871406</c:v>
                </c:pt>
                <c:pt idx="4823">
                  <c:v>6.3401692805871406</c:v>
                </c:pt>
                <c:pt idx="4824">
                  <c:v>10.059076919198805</c:v>
                </c:pt>
                <c:pt idx="4825">
                  <c:v>6.1041567081836128</c:v>
                </c:pt>
                <c:pt idx="4826">
                  <c:v>6.1041567081836128</c:v>
                </c:pt>
                <c:pt idx="4827">
                  <c:v>6.1041567081836128</c:v>
                </c:pt>
                <c:pt idx="4828">
                  <c:v>6.1041567081836128</c:v>
                </c:pt>
                <c:pt idx="4829">
                  <c:v>6.1041567081836128</c:v>
                </c:pt>
                <c:pt idx="4830">
                  <c:v>6.1041567081836128</c:v>
                </c:pt>
                <c:pt idx="4831">
                  <c:v>25.973221916040465</c:v>
                </c:pt>
                <c:pt idx="4832">
                  <c:v>32.466527395050583</c:v>
                </c:pt>
                <c:pt idx="4833">
                  <c:v>35.71318013455565</c:v>
                </c:pt>
                <c:pt idx="4834">
                  <c:v>35.71318013455565</c:v>
                </c:pt>
                <c:pt idx="4835">
                  <c:v>42.206485613565768</c:v>
                </c:pt>
                <c:pt idx="4836">
                  <c:v>42.206485613565768</c:v>
                </c:pt>
                <c:pt idx="4837">
                  <c:v>29.219874655545528</c:v>
                </c:pt>
                <c:pt idx="4838">
                  <c:v>42.206485613565768</c:v>
                </c:pt>
                <c:pt idx="4839">
                  <c:v>32.473187807839352</c:v>
                </c:pt>
                <c:pt idx="4840">
                  <c:v>15.274664083577816</c:v>
                </c:pt>
                <c:pt idx="4841">
                  <c:v>10.092696145656381</c:v>
                </c:pt>
                <c:pt idx="4842">
                  <c:v>6.4083813398001652</c:v>
                </c:pt>
                <c:pt idx="4843">
                  <c:v>6.1041567081836128</c:v>
                </c:pt>
                <c:pt idx="4844">
                  <c:v>6.1041567081836128</c:v>
                </c:pt>
                <c:pt idx="4845">
                  <c:v>6.1041567081836128</c:v>
                </c:pt>
                <c:pt idx="4846">
                  <c:v>6.1041567081836128</c:v>
                </c:pt>
                <c:pt idx="4847">
                  <c:v>6.1041567081836128</c:v>
                </c:pt>
                <c:pt idx="4848">
                  <c:v>4.2103236381808724</c:v>
                </c:pt>
                <c:pt idx="4849">
                  <c:v>3.8372017534304335</c:v>
                </c:pt>
                <c:pt idx="4850">
                  <c:v>3.8372017534304335</c:v>
                </c:pt>
                <c:pt idx="4851">
                  <c:v>3.8372017534304335</c:v>
                </c:pt>
                <c:pt idx="4852">
                  <c:v>3.8372017534304335</c:v>
                </c:pt>
                <c:pt idx="4853">
                  <c:v>3.8379575289255579</c:v>
                </c:pt>
                <c:pt idx="4854">
                  <c:v>3.8389400370692202</c:v>
                </c:pt>
                <c:pt idx="4855">
                  <c:v>3.8396202350148321</c:v>
                </c:pt>
                <c:pt idx="4856">
                  <c:v>3.8396202350148321</c:v>
                </c:pt>
                <c:pt idx="4857">
                  <c:v>3.8396202350148321</c:v>
                </c:pt>
                <c:pt idx="4858">
                  <c:v>3.8396202350148321</c:v>
                </c:pt>
                <c:pt idx="4859">
                  <c:v>3.8396202350148321</c:v>
                </c:pt>
                <c:pt idx="4860">
                  <c:v>3.8396202350148321</c:v>
                </c:pt>
                <c:pt idx="4861">
                  <c:v>3.8396202350148321</c:v>
                </c:pt>
                <c:pt idx="4862">
                  <c:v>3.8396202350148321</c:v>
                </c:pt>
                <c:pt idx="4863">
                  <c:v>3.8390911921682447</c:v>
                </c:pt>
                <c:pt idx="4864">
                  <c:v>3.8386377268711702</c:v>
                </c:pt>
                <c:pt idx="4865">
                  <c:v>3.8381842615740953</c:v>
                </c:pt>
                <c:pt idx="4866">
                  <c:v>3.8380331064750703</c:v>
                </c:pt>
                <c:pt idx="4867">
                  <c:v>3.8372773309799459</c:v>
                </c:pt>
                <c:pt idx="4868">
                  <c:v>3.8364459779353091</c:v>
                </c:pt>
                <c:pt idx="4869">
                  <c:v>3.8364459779353091</c:v>
                </c:pt>
                <c:pt idx="4870">
                  <c:v>3.8364459779353091</c:v>
                </c:pt>
                <c:pt idx="4871">
                  <c:v>3.8364459779353091</c:v>
                </c:pt>
                <c:pt idx="4872">
                  <c:v>3.6101175476912664</c:v>
                </c:pt>
                <c:pt idx="4873">
                  <c:v>3.6101175476912664</c:v>
                </c:pt>
                <c:pt idx="4874">
                  <c:v>3.6101175476912664</c:v>
                </c:pt>
                <c:pt idx="4875">
                  <c:v>3.6101175476912664</c:v>
                </c:pt>
                <c:pt idx="4876">
                  <c:v>3.6101175476912664</c:v>
                </c:pt>
                <c:pt idx="4877">
                  <c:v>3.6101175476912664</c:v>
                </c:pt>
                <c:pt idx="4878">
                  <c:v>3.6101175476912664</c:v>
                </c:pt>
                <c:pt idx="4879">
                  <c:v>3.6101175476912664</c:v>
                </c:pt>
                <c:pt idx="4880">
                  <c:v>3.6101175476912664</c:v>
                </c:pt>
                <c:pt idx="4881">
                  <c:v>3.6101175476912664</c:v>
                </c:pt>
                <c:pt idx="4882">
                  <c:v>3.6101175476912664</c:v>
                </c:pt>
                <c:pt idx="4883">
                  <c:v>3.6101175476912664</c:v>
                </c:pt>
                <c:pt idx="4884">
                  <c:v>3.6101175476912664</c:v>
                </c:pt>
                <c:pt idx="4885">
                  <c:v>3.6101175476912664</c:v>
                </c:pt>
                <c:pt idx="4886">
                  <c:v>3.6101175476912664</c:v>
                </c:pt>
                <c:pt idx="4887">
                  <c:v>3.6101175476912664</c:v>
                </c:pt>
                <c:pt idx="4888">
                  <c:v>3.6101175476912664</c:v>
                </c:pt>
                <c:pt idx="4889">
                  <c:v>3.6101175476912664</c:v>
                </c:pt>
                <c:pt idx="4890">
                  <c:v>3.6101175476912664</c:v>
                </c:pt>
                <c:pt idx="4891">
                  <c:v>3.6101175476912664</c:v>
                </c:pt>
                <c:pt idx="4892">
                  <c:v>3.6101175476912664</c:v>
                </c:pt>
                <c:pt idx="4893">
                  <c:v>3.6101175476912664</c:v>
                </c:pt>
                <c:pt idx="4894">
                  <c:v>3.6101175476912664</c:v>
                </c:pt>
                <c:pt idx="4895">
                  <c:v>3.6101175476912664</c:v>
                </c:pt>
                <c:pt idx="4896">
                  <c:v>5.7891368575557038</c:v>
                </c:pt>
                <c:pt idx="4897">
                  <c:v>5.7891368575557038</c:v>
                </c:pt>
                <c:pt idx="4898">
                  <c:v>5.7891368575557038</c:v>
                </c:pt>
                <c:pt idx="4899">
                  <c:v>5.7891368575557038</c:v>
                </c:pt>
                <c:pt idx="4900">
                  <c:v>5.7891368575557038</c:v>
                </c:pt>
                <c:pt idx="4901">
                  <c:v>5.7891368575557038</c:v>
                </c:pt>
                <c:pt idx="4902">
                  <c:v>5.7891368575557038</c:v>
                </c:pt>
                <c:pt idx="4903">
                  <c:v>24.661723013187292</c:v>
                </c:pt>
                <c:pt idx="4904">
                  <c:v>27.744438389835707</c:v>
                </c:pt>
                <c:pt idx="4905">
                  <c:v>30.827153766484116</c:v>
                </c:pt>
                <c:pt idx="4906">
                  <c:v>30.827153766484116</c:v>
                </c:pt>
                <c:pt idx="4907">
                  <c:v>36.992584519780934</c:v>
                </c:pt>
                <c:pt idx="4908">
                  <c:v>36.992584519780934</c:v>
                </c:pt>
                <c:pt idx="4909">
                  <c:v>24.661723013187292</c:v>
                </c:pt>
                <c:pt idx="4910">
                  <c:v>36.992584519780934</c:v>
                </c:pt>
                <c:pt idx="4911">
                  <c:v>36.992584519780934</c:v>
                </c:pt>
                <c:pt idx="4912">
                  <c:v>21.579007636538879</c:v>
                </c:pt>
                <c:pt idx="4913">
                  <c:v>6.1654307532968229</c:v>
                </c:pt>
                <c:pt idx="4914">
                  <c:v>6.0785937004334887</c:v>
                </c:pt>
                <c:pt idx="4915">
                  <c:v>6.0785937004334887</c:v>
                </c:pt>
                <c:pt idx="4916">
                  <c:v>6.0785937004334887</c:v>
                </c:pt>
                <c:pt idx="4917">
                  <c:v>6.0785937004334887</c:v>
                </c:pt>
                <c:pt idx="4918">
                  <c:v>6.0785937004334887</c:v>
                </c:pt>
                <c:pt idx="4919">
                  <c:v>6.0785937004334887</c:v>
                </c:pt>
                <c:pt idx="4920">
                  <c:v>4.4387868678405731</c:v>
                </c:pt>
                <c:pt idx="4921">
                  <c:v>6.7077806468925054</c:v>
                </c:pt>
                <c:pt idx="4922">
                  <c:v>6.7077806468925054</c:v>
                </c:pt>
                <c:pt idx="4923">
                  <c:v>6.7077806468925054</c:v>
                </c:pt>
                <c:pt idx="4924">
                  <c:v>6.7077806468925054</c:v>
                </c:pt>
                <c:pt idx="4925">
                  <c:v>6.7077806468925054</c:v>
                </c:pt>
                <c:pt idx="4926">
                  <c:v>6.7077806468925054</c:v>
                </c:pt>
                <c:pt idx="4927">
                  <c:v>28.13454953384452</c:v>
                </c:pt>
                <c:pt idx="4928">
                  <c:v>31.39223421671073</c:v>
                </c:pt>
                <c:pt idx="4929">
                  <c:v>34.649918899576946</c:v>
                </c:pt>
                <c:pt idx="4930">
                  <c:v>34.649918899576946</c:v>
                </c:pt>
                <c:pt idx="4931">
                  <c:v>41.461441418297191</c:v>
                </c:pt>
                <c:pt idx="4932">
                  <c:v>41.461441418297191</c:v>
                </c:pt>
                <c:pt idx="4933">
                  <c:v>27.542243227868845</c:v>
                </c:pt>
                <c:pt idx="4934">
                  <c:v>41.461441418297191</c:v>
                </c:pt>
                <c:pt idx="4935">
                  <c:v>41.461441418297191</c:v>
                </c:pt>
                <c:pt idx="4936">
                  <c:v>24.544714774695247</c:v>
                </c:pt>
                <c:pt idx="4937">
                  <c:v>10.615480557772742</c:v>
                </c:pt>
                <c:pt idx="4938">
                  <c:v>6.9140528086244997</c:v>
                </c:pt>
                <c:pt idx="4939">
                  <c:v>6.9140528086244997</c:v>
                </c:pt>
                <c:pt idx="4940">
                  <c:v>6.9140528086244997</c:v>
                </c:pt>
                <c:pt idx="4941">
                  <c:v>6.9140528086244997</c:v>
                </c:pt>
                <c:pt idx="4942">
                  <c:v>6.9140528086244997</c:v>
                </c:pt>
                <c:pt idx="4943">
                  <c:v>6.9140528086244997</c:v>
                </c:pt>
                <c:pt idx="4944">
                  <c:v>7.3200758113749265</c:v>
                </c:pt>
                <c:pt idx="4945">
                  <c:v>7.3200758113749265</c:v>
                </c:pt>
                <c:pt idx="4946">
                  <c:v>7.3200758113749265</c:v>
                </c:pt>
                <c:pt idx="4947">
                  <c:v>7.3200758113749265</c:v>
                </c:pt>
                <c:pt idx="4948">
                  <c:v>7.3200758113749265</c:v>
                </c:pt>
                <c:pt idx="4949">
                  <c:v>7.3200758113749265</c:v>
                </c:pt>
                <c:pt idx="4950">
                  <c:v>7.3200758113749265</c:v>
                </c:pt>
                <c:pt idx="4951">
                  <c:v>29.57286262817615</c:v>
                </c:pt>
                <c:pt idx="4952">
                  <c:v>32.997088827228133</c:v>
                </c:pt>
                <c:pt idx="4953">
                  <c:v>36.421315026280105</c:v>
                </c:pt>
                <c:pt idx="4954">
                  <c:v>36.421315026280105</c:v>
                </c:pt>
                <c:pt idx="4955">
                  <c:v>43.581060715206959</c:v>
                </c:pt>
                <c:pt idx="4956">
                  <c:v>43.581060715206959</c:v>
                </c:pt>
                <c:pt idx="4957">
                  <c:v>28.950276046530341</c:v>
                </c:pt>
                <c:pt idx="4958">
                  <c:v>43.581060715206959</c:v>
                </c:pt>
                <c:pt idx="4959">
                  <c:v>43.581060715206959</c:v>
                </c:pt>
                <c:pt idx="4960">
                  <c:v>25.944826201305521</c:v>
                </c:pt>
                <c:pt idx="4961">
                  <c:v>11.4021349686926</c:v>
                </c:pt>
                <c:pt idx="4962">
                  <c:v>7.3200758113749265</c:v>
                </c:pt>
                <c:pt idx="4963">
                  <c:v>7.3200758113749265</c:v>
                </c:pt>
                <c:pt idx="4964">
                  <c:v>7.3200758113749265</c:v>
                </c:pt>
                <c:pt idx="4965">
                  <c:v>7.3200758113749265</c:v>
                </c:pt>
                <c:pt idx="4966">
                  <c:v>7.3200758113749265</c:v>
                </c:pt>
                <c:pt idx="4967">
                  <c:v>7.3200758113749265</c:v>
                </c:pt>
                <c:pt idx="4968">
                  <c:v>7.183892494271074</c:v>
                </c:pt>
                <c:pt idx="4969">
                  <c:v>7.183892494271074</c:v>
                </c:pt>
                <c:pt idx="4970">
                  <c:v>7.183892494271074</c:v>
                </c:pt>
                <c:pt idx="4971">
                  <c:v>7.183892494271074</c:v>
                </c:pt>
                <c:pt idx="4972">
                  <c:v>7.183892494271074</c:v>
                </c:pt>
                <c:pt idx="4973">
                  <c:v>7.183892494271074</c:v>
                </c:pt>
                <c:pt idx="4974">
                  <c:v>7.183892494271074</c:v>
                </c:pt>
                <c:pt idx="4975">
                  <c:v>29.076359923246095</c:v>
                </c:pt>
                <c:pt idx="4976">
                  <c:v>32.443096335411433</c:v>
                </c:pt>
                <c:pt idx="4977">
                  <c:v>35.80983274757677</c:v>
                </c:pt>
                <c:pt idx="4978">
                  <c:v>35.80983274757677</c:v>
                </c:pt>
                <c:pt idx="4979">
                  <c:v>42.849372518467931</c:v>
                </c:pt>
                <c:pt idx="4980">
                  <c:v>42.849372518467931</c:v>
                </c:pt>
                <c:pt idx="4981">
                  <c:v>28.464226030125126</c:v>
                </c:pt>
                <c:pt idx="4982">
                  <c:v>42.849372518467931</c:v>
                </c:pt>
                <c:pt idx="4983">
                  <c:v>42.849372518467931</c:v>
                </c:pt>
                <c:pt idx="4984">
                  <c:v>25.468488761583256</c:v>
                </c:pt>
                <c:pt idx="4985">
                  <c:v>11.142396977459709</c:v>
                </c:pt>
                <c:pt idx="4986">
                  <c:v>7.183892494271074</c:v>
                </c:pt>
                <c:pt idx="4987">
                  <c:v>7.183892494271074</c:v>
                </c:pt>
                <c:pt idx="4988">
                  <c:v>7.183892494271074</c:v>
                </c:pt>
                <c:pt idx="4989">
                  <c:v>7.183892494271074</c:v>
                </c:pt>
                <c:pt idx="4990">
                  <c:v>7.183892494271074</c:v>
                </c:pt>
                <c:pt idx="4991">
                  <c:v>7.183892494271074</c:v>
                </c:pt>
                <c:pt idx="4992">
                  <c:v>9.882889266140058</c:v>
                </c:pt>
                <c:pt idx="4993">
                  <c:v>5.9896298582667011</c:v>
                </c:pt>
                <c:pt idx="4994">
                  <c:v>5.9896298582667011</c:v>
                </c:pt>
                <c:pt idx="4995">
                  <c:v>5.9896298582667011</c:v>
                </c:pt>
                <c:pt idx="4996">
                  <c:v>5.9896298582667011</c:v>
                </c:pt>
                <c:pt idx="4997">
                  <c:v>5.9896298582667011</c:v>
                </c:pt>
                <c:pt idx="4998">
                  <c:v>5.9896298582667011</c:v>
                </c:pt>
                <c:pt idx="4999">
                  <c:v>25.515823196216147</c:v>
                </c:pt>
                <c:pt idx="5000">
                  <c:v>31.89477899527018</c:v>
                </c:pt>
                <c:pt idx="5001">
                  <c:v>35.0842568947972</c:v>
                </c:pt>
                <c:pt idx="5002">
                  <c:v>35.0842568947972</c:v>
                </c:pt>
                <c:pt idx="5003">
                  <c:v>41.46321269385124</c:v>
                </c:pt>
                <c:pt idx="5004">
                  <c:v>41.46321269385124</c:v>
                </c:pt>
                <c:pt idx="5005">
                  <c:v>28.705301095743167</c:v>
                </c:pt>
                <c:pt idx="5006">
                  <c:v>41.46321269385124</c:v>
                </c:pt>
                <c:pt idx="5007">
                  <c:v>31.89477899527018</c:v>
                </c:pt>
                <c:pt idx="5008">
                  <c:v>14.974074645666752</c:v>
                </c:pt>
                <c:pt idx="5009">
                  <c:v>9.882889266140058</c:v>
                </c:pt>
                <c:pt idx="5010">
                  <c:v>6.2891113511800354</c:v>
                </c:pt>
                <c:pt idx="5011">
                  <c:v>5.9896298582667011</c:v>
                </c:pt>
                <c:pt idx="5012">
                  <c:v>5.9896298582667011</c:v>
                </c:pt>
                <c:pt idx="5013">
                  <c:v>5.9896298582667011</c:v>
                </c:pt>
                <c:pt idx="5014">
                  <c:v>5.9896298582667011</c:v>
                </c:pt>
                <c:pt idx="5015">
                  <c:v>5.9896298582667011</c:v>
                </c:pt>
                <c:pt idx="5016">
                  <c:v>3.8828050024512959</c:v>
                </c:pt>
                <c:pt idx="5017">
                  <c:v>3.5247285015155048</c:v>
                </c:pt>
                <c:pt idx="5018">
                  <c:v>3.5247285015155048</c:v>
                </c:pt>
                <c:pt idx="5019">
                  <c:v>3.5247285015155048</c:v>
                </c:pt>
                <c:pt idx="5020">
                  <c:v>3.5247285015155048</c:v>
                </c:pt>
                <c:pt idx="5021">
                  <c:v>3.5247285015155048</c:v>
                </c:pt>
                <c:pt idx="5022">
                  <c:v>3.5247285015155048</c:v>
                </c:pt>
                <c:pt idx="5023">
                  <c:v>3.5247285015155048</c:v>
                </c:pt>
                <c:pt idx="5024">
                  <c:v>3.5247285015155048</c:v>
                </c:pt>
                <c:pt idx="5025">
                  <c:v>3.5247285015155048</c:v>
                </c:pt>
                <c:pt idx="5026">
                  <c:v>3.5247285015155048</c:v>
                </c:pt>
                <c:pt idx="5027">
                  <c:v>3.5247285015155048</c:v>
                </c:pt>
                <c:pt idx="5028">
                  <c:v>3.5247285015155048</c:v>
                </c:pt>
                <c:pt idx="5029">
                  <c:v>3.5247285015155048</c:v>
                </c:pt>
                <c:pt idx="5030">
                  <c:v>3.5247285015155048</c:v>
                </c:pt>
                <c:pt idx="5031">
                  <c:v>3.5247285015155048</c:v>
                </c:pt>
                <c:pt idx="5032">
                  <c:v>3.5247285015155048</c:v>
                </c:pt>
                <c:pt idx="5033">
                  <c:v>3.5247285015155048</c:v>
                </c:pt>
                <c:pt idx="5034">
                  <c:v>3.5247285015155048</c:v>
                </c:pt>
                <c:pt idx="5035">
                  <c:v>3.5247285015155048</c:v>
                </c:pt>
                <c:pt idx="5036">
                  <c:v>3.5247285015155048</c:v>
                </c:pt>
                <c:pt idx="5037">
                  <c:v>3.5247285015155048</c:v>
                </c:pt>
                <c:pt idx="5038">
                  <c:v>3.5247285015155048</c:v>
                </c:pt>
                <c:pt idx="5039">
                  <c:v>3.5247285015155048</c:v>
                </c:pt>
                <c:pt idx="5040">
                  <c:v>3.8809076516148684</c:v>
                </c:pt>
                <c:pt idx="5041">
                  <c:v>3.8813926797499021</c:v>
                </c:pt>
                <c:pt idx="5042">
                  <c:v>3.8813926797499021</c:v>
                </c:pt>
                <c:pt idx="5043">
                  <c:v>3.8813926797499021</c:v>
                </c:pt>
                <c:pt idx="5044">
                  <c:v>3.8813926797499021</c:v>
                </c:pt>
                <c:pt idx="5045">
                  <c:v>3.8822657303929624</c:v>
                </c:pt>
                <c:pt idx="5046">
                  <c:v>3.8830417754090161</c:v>
                </c:pt>
                <c:pt idx="5047">
                  <c:v>3.8840118316790835</c:v>
                </c:pt>
                <c:pt idx="5048">
                  <c:v>3.8840118316790835</c:v>
                </c:pt>
                <c:pt idx="5049">
                  <c:v>3.8840118316790835</c:v>
                </c:pt>
                <c:pt idx="5050">
                  <c:v>3.8840118316790835</c:v>
                </c:pt>
                <c:pt idx="5051">
                  <c:v>3.8840118316790835</c:v>
                </c:pt>
                <c:pt idx="5052">
                  <c:v>3.8840118316790835</c:v>
                </c:pt>
                <c:pt idx="5053">
                  <c:v>3.8840118316790835</c:v>
                </c:pt>
                <c:pt idx="5054">
                  <c:v>3.8840118316790835</c:v>
                </c:pt>
                <c:pt idx="5055">
                  <c:v>3.8833327922900365</c:v>
                </c:pt>
                <c:pt idx="5056">
                  <c:v>3.8832357866630298</c:v>
                </c:pt>
                <c:pt idx="5057">
                  <c:v>3.8824597416469757</c:v>
                </c:pt>
                <c:pt idx="5058">
                  <c:v>3.8821687247659558</c:v>
                </c:pt>
                <c:pt idx="5059">
                  <c:v>3.8814896853769087</c:v>
                </c:pt>
                <c:pt idx="5060">
                  <c:v>3.8809076516148684</c:v>
                </c:pt>
                <c:pt idx="5061">
                  <c:v>3.8805196291068413</c:v>
                </c:pt>
                <c:pt idx="5062">
                  <c:v>3.8805196291068413</c:v>
                </c:pt>
                <c:pt idx="5063">
                  <c:v>3.8805196291068413</c:v>
                </c:pt>
                <c:pt idx="5064">
                  <c:v>6.3889152267887894</c:v>
                </c:pt>
                <c:pt idx="5065">
                  <c:v>6.3889152267887894</c:v>
                </c:pt>
                <c:pt idx="5066">
                  <c:v>6.3889152267887894</c:v>
                </c:pt>
                <c:pt idx="5067">
                  <c:v>6.3889152267887894</c:v>
                </c:pt>
                <c:pt idx="5068">
                  <c:v>6.3889152267887894</c:v>
                </c:pt>
                <c:pt idx="5069">
                  <c:v>6.3889152267887894</c:v>
                </c:pt>
                <c:pt idx="5070">
                  <c:v>6.3889152267887894</c:v>
                </c:pt>
                <c:pt idx="5071">
                  <c:v>27.219664761569202</c:v>
                </c:pt>
                <c:pt idx="5072">
                  <c:v>30.622122856765358</c:v>
                </c:pt>
                <c:pt idx="5073">
                  <c:v>34.024580951961504</c:v>
                </c:pt>
                <c:pt idx="5074">
                  <c:v>34.024580951961504</c:v>
                </c:pt>
                <c:pt idx="5075">
                  <c:v>40.829497142353802</c:v>
                </c:pt>
                <c:pt idx="5076">
                  <c:v>40.829497142353802</c:v>
                </c:pt>
                <c:pt idx="5077">
                  <c:v>27.219664761569202</c:v>
                </c:pt>
                <c:pt idx="5078">
                  <c:v>40.829497142353802</c:v>
                </c:pt>
                <c:pt idx="5079">
                  <c:v>40.829497142353802</c:v>
                </c:pt>
                <c:pt idx="5080">
                  <c:v>23.869513521385521</c:v>
                </c:pt>
                <c:pt idx="5081">
                  <c:v>6.9103315380419517</c:v>
                </c:pt>
                <c:pt idx="5082">
                  <c:v>6.7247945594348275</c:v>
                </c:pt>
                <c:pt idx="5083">
                  <c:v>6.7247945594348275</c:v>
                </c:pt>
                <c:pt idx="5084">
                  <c:v>6.7247945594348275</c:v>
                </c:pt>
                <c:pt idx="5085">
                  <c:v>6.7247945594348275</c:v>
                </c:pt>
                <c:pt idx="5086">
                  <c:v>6.7247945594348275</c:v>
                </c:pt>
                <c:pt idx="5087">
                  <c:v>6.7247945594348275</c:v>
                </c:pt>
                <c:pt idx="5088">
                  <c:v>4.477072735694211</c:v>
                </c:pt>
                <c:pt idx="5089">
                  <c:v>6.7575403837712358</c:v>
                </c:pt>
                <c:pt idx="5090">
                  <c:v>6.7575403837712358</c:v>
                </c:pt>
                <c:pt idx="5091">
                  <c:v>6.7575403837712358</c:v>
                </c:pt>
                <c:pt idx="5092">
                  <c:v>6.7575403837712358</c:v>
                </c:pt>
                <c:pt idx="5093">
                  <c:v>6.7575403837712358</c:v>
                </c:pt>
                <c:pt idx="5094">
                  <c:v>6.7575403837712358</c:v>
                </c:pt>
                <c:pt idx="5095">
                  <c:v>28.322449341134554</c:v>
                </c:pt>
                <c:pt idx="5096">
                  <c:v>31.601890843792248</c:v>
                </c:pt>
                <c:pt idx="5097">
                  <c:v>34.881332346449931</c:v>
                </c:pt>
                <c:pt idx="5098">
                  <c:v>34.881332346449931</c:v>
                </c:pt>
                <c:pt idx="5099">
                  <c:v>41.738346397461456</c:v>
                </c:pt>
                <c:pt idx="5100">
                  <c:v>41.738346397461456</c:v>
                </c:pt>
                <c:pt idx="5101">
                  <c:v>27.726187249742253</c:v>
                </c:pt>
                <c:pt idx="5102">
                  <c:v>41.738346397461456</c:v>
                </c:pt>
                <c:pt idx="5103">
                  <c:v>41.738346397461456</c:v>
                </c:pt>
                <c:pt idx="5104">
                  <c:v>24.725038349768305</c:v>
                </c:pt>
                <c:pt idx="5105">
                  <c:v>10.713818948197163</c:v>
                </c:pt>
                <c:pt idx="5106">
                  <c:v>6.9648556245055095</c:v>
                </c:pt>
                <c:pt idx="5107">
                  <c:v>6.9648556245055095</c:v>
                </c:pt>
                <c:pt idx="5108">
                  <c:v>6.9648556245055095</c:v>
                </c:pt>
                <c:pt idx="5109">
                  <c:v>6.9648556245055095</c:v>
                </c:pt>
                <c:pt idx="5110">
                  <c:v>6.9648556245055095</c:v>
                </c:pt>
                <c:pt idx="5111">
                  <c:v>6.9648556245055095</c:v>
                </c:pt>
                <c:pt idx="5112">
                  <c:v>6.7242737990455694</c:v>
                </c:pt>
                <c:pt idx="5113">
                  <c:v>6.7242737990455694</c:v>
                </c:pt>
                <c:pt idx="5114">
                  <c:v>6.7242737990455694</c:v>
                </c:pt>
                <c:pt idx="5115">
                  <c:v>6.7242737990455694</c:v>
                </c:pt>
                <c:pt idx="5116">
                  <c:v>6.7242737990455694</c:v>
                </c:pt>
                <c:pt idx="5117">
                  <c:v>6.7242737990455694</c:v>
                </c:pt>
                <c:pt idx="5118">
                  <c:v>6.7242737990455694</c:v>
                </c:pt>
                <c:pt idx="5119">
                  <c:v>27.400663294107154</c:v>
                </c:pt>
                <c:pt idx="5120">
                  <c:v>30.573371675530087</c:v>
                </c:pt>
                <c:pt idx="5121">
                  <c:v>33.746080056953026</c:v>
                </c:pt>
                <c:pt idx="5122">
                  <c:v>33.746080056953026</c:v>
                </c:pt>
                <c:pt idx="5123">
                  <c:v>40.3799248544737</c:v>
                </c:pt>
                <c:pt idx="5124">
                  <c:v>40.3799248544737</c:v>
                </c:pt>
                <c:pt idx="5125">
                  <c:v>26.82380722475753</c:v>
                </c:pt>
                <c:pt idx="5126">
                  <c:v>40.3799248544737</c:v>
                </c:pt>
                <c:pt idx="5127">
                  <c:v>40.3799248544737</c:v>
                </c:pt>
                <c:pt idx="5128">
                  <c:v>23.860849902520616</c:v>
                </c:pt>
                <c:pt idx="5129">
                  <c:v>10.265781257048689</c:v>
                </c:pt>
                <c:pt idx="5130">
                  <c:v>6.7242737990455694</c:v>
                </c:pt>
                <c:pt idx="5131">
                  <c:v>6.7242737990455694</c:v>
                </c:pt>
                <c:pt idx="5132">
                  <c:v>6.7242737990455694</c:v>
                </c:pt>
                <c:pt idx="5133">
                  <c:v>6.7242737990455694</c:v>
                </c:pt>
                <c:pt idx="5134">
                  <c:v>6.7242737990455694</c:v>
                </c:pt>
                <c:pt idx="5135">
                  <c:v>6.7242737990455694</c:v>
                </c:pt>
                <c:pt idx="5136">
                  <c:v>6.7412967136835515</c:v>
                </c:pt>
                <c:pt idx="5137">
                  <c:v>6.7412967136835515</c:v>
                </c:pt>
                <c:pt idx="5138">
                  <c:v>6.7412967136835515</c:v>
                </c:pt>
                <c:pt idx="5139">
                  <c:v>6.7412967136835515</c:v>
                </c:pt>
                <c:pt idx="5140">
                  <c:v>6.7412967136835515</c:v>
                </c:pt>
                <c:pt idx="5141">
                  <c:v>6.7412967136835515</c:v>
                </c:pt>
                <c:pt idx="5142">
                  <c:v>6.7412967136835515</c:v>
                </c:pt>
                <c:pt idx="5143">
                  <c:v>27.462726132223409</c:v>
                </c:pt>
                <c:pt idx="5144">
                  <c:v>30.642620737007178</c:v>
                </c:pt>
                <c:pt idx="5145">
                  <c:v>33.822515341790947</c:v>
                </c:pt>
                <c:pt idx="5146">
                  <c:v>33.822515341790947</c:v>
                </c:pt>
                <c:pt idx="5147">
                  <c:v>40.471385879066084</c:v>
                </c:pt>
                <c:pt idx="5148">
                  <c:v>40.471385879066084</c:v>
                </c:pt>
                <c:pt idx="5149">
                  <c:v>26.884563476808186</c:v>
                </c:pt>
                <c:pt idx="5150">
                  <c:v>40.471385879066084</c:v>
                </c:pt>
                <c:pt idx="5151">
                  <c:v>40.471385879066084</c:v>
                </c:pt>
                <c:pt idx="5152">
                  <c:v>23.9203920824859</c:v>
                </c:pt>
                <c:pt idx="5153">
                  <c:v>10.298248505952802</c:v>
                </c:pt>
                <c:pt idx="5154">
                  <c:v>6.7412967136835515</c:v>
                </c:pt>
                <c:pt idx="5155">
                  <c:v>6.7412967136835515</c:v>
                </c:pt>
                <c:pt idx="5156">
                  <c:v>6.7412967136835515</c:v>
                </c:pt>
                <c:pt idx="5157">
                  <c:v>6.7412967136835515</c:v>
                </c:pt>
                <c:pt idx="5158">
                  <c:v>6.7412967136835515</c:v>
                </c:pt>
                <c:pt idx="5159">
                  <c:v>6.7412967136835515</c:v>
                </c:pt>
                <c:pt idx="5160">
                  <c:v>11.041221186245071</c:v>
                </c:pt>
                <c:pt idx="5161">
                  <c:v>6.7916993602188764</c:v>
                </c:pt>
                <c:pt idx="5162">
                  <c:v>6.7916993602188764</c:v>
                </c:pt>
                <c:pt idx="5163">
                  <c:v>6.7916993602188764</c:v>
                </c:pt>
                <c:pt idx="5164">
                  <c:v>6.7916993602188764</c:v>
                </c:pt>
                <c:pt idx="5165">
                  <c:v>6.7916993602188764</c:v>
                </c:pt>
                <c:pt idx="5166">
                  <c:v>6.7916993602188764</c:v>
                </c:pt>
                <c:pt idx="5167">
                  <c:v>28.538898462866978</c:v>
                </c:pt>
                <c:pt idx="5168">
                  <c:v>35.673623078583717</c:v>
                </c:pt>
                <c:pt idx="5169">
                  <c:v>39.240985386442091</c:v>
                </c:pt>
                <c:pt idx="5170">
                  <c:v>39.240985386442091</c:v>
                </c:pt>
                <c:pt idx="5171">
                  <c:v>46.37571000215884</c:v>
                </c:pt>
                <c:pt idx="5172">
                  <c:v>46.37571000215884</c:v>
                </c:pt>
                <c:pt idx="5173">
                  <c:v>32.106260770725342</c:v>
                </c:pt>
                <c:pt idx="5174">
                  <c:v>46.37571000215884</c:v>
                </c:pt>
                <c:pt idx="5175">
                  <c:v>35.75964635204371</c:v>
                </c:pt>
                <c:pt idx="5176">
                  <c:v>17.163583986532881</c:v>
                </c:pt>
                <c:pt idx="5177">
                  <c:v>11.475433899900255</c:v>
                </c:pt>
                <c:pt idx="5178">
                  <c:v>7.1185856545285828</c:v>
                </c:pt>
                <c:pt idx="5179">
                  <c:v>6.7916993602188764</c:v>
                </c:pt>
                <c:pt idx="5180">
                  <c:v>6.7916993602188764</c:v>
                </c:pt>
                <c:pt idx="5181">
                  <c:v>6.7916993602188764</c:v>
                </c:pt>
                <c:pt idx="5182">
                  <c:v>6.7916993602188764</c:v>
                </c:pt>
                <c:pt idx="5183">
                  <c:v>6.7916993602188764</c:v>
                </c:pt>
                <c:pt idx="5184">
                  <c:v>5.0158799301765331</c:v>
                </c:pt>
                <c:pt idx="5185">
                  <c:v>4.6073969559116756</c:v>
                </c:pt>
                <c:pt idx="5186">
                  <c:v>4.6073969559116756</c:v>
                </c:pt>
                <c:pt idx="5187">
                  <c:v>4.6073969559116756</c:v>
                </c:pt>
                <c:pt idx="5188">
                  <c:v>4.6073969559116756</c:v>
                </c:pt>
                <c:pt idx="5189">
                  <c:v>4.6107920611828739</c:v>
                </c:pt>
                <c:pt idx="5190">
                  <c:v>4.6152056980354317</c:v>
                </c:pt>
                <c:pt idx="5191">
                  <c:v>4.6182612927795095</c:v>
                </c:pt>
                <c:pt idx="5192">
                  <c:v>4.6182612927795095</c:v>
                </c:pt>
                <c:pt idx="5193">
                  <c:v>4.6182612927795095</c:v>
                </c:pt>
                <c:pt idx="5194">
                  <c:v>4.6182612927795095</c:v>
                </c:pt>
                <c:pt idx="5195">
                  <c:v>4.6182612927795095</c:v>
                </c:pt>
                <c:pt idx="5196">
                  <c:v>4.6182612927795095</c:v>
                </c:pt>
                <c:pt idx="5197">
                  <c:v>4.6182612927795095</c:v>
                </c:pt>
                <c:pt idx="5198">
                  <c:v>4.6182612927795095</c:v>
                </c:pt>
                <c:pt idx="5199">
                  <c:v>4.6158847190896708</c:v>
                </c:pt>
                <c:pt idx="5200">
                  <c:v>4.6138476559269517</c:v>
                </c:pt>
                <c:pt idx="5201">
                  <c:v>4.6118105927642334</c:v>
                </c:pt>
                <c:pt idx="5202">
                  <c:v>4.6111315717099934</c:v>
                </c:pt>
                <c:pt idx="5203">
                  <c:v>4.6077364664387952</c:v>
                </c:pt>
                <c:pt idx="5204">
                  <c:v>4.6040018506404774</c:v>
                </c:pt>
                <c:pt idx="5205">
                  <c:v>4.6040018506404774</c:v>
                </c:pt>
                <c:pt idx="5206">
                  <c:v>4.6040018506404774</c:v>
                </c:pt>
                <c:pt idx="5207">
                  <c:v>4.6040018506404774</c:v>
                </c:pt>
                <c:pt idx="5208">
                  <c:v>4.7368701305871461</c:v>
                </c:pt>
                <c:pt idx="5209">
                  <c:v>4.7390216386142834</c:v>
                </c:pt>
                <c:pt idx="5210">
                  <c:v>4.7390216386142834</c:v>
                </c:pt>
                <c:pt idx="5211">
                  <c:v>4.7390216386142834</c:v>
                </c:pt>
                <c:pt idx="5212">
                  <c:v>4.7390216386142834</c:v>
                </c:pt>
                <c:pt idx="5213">
                  <c:v>4.7428943530631296</c:v>
                </c:pt>
                <c:pt idx="5214">
                  <c:v>4.7463367659065483</c:v>
                </c:pt>
                <c:pt idx="5215">
                  <c:v>4.7506397819608219</c:v>
                </c:pt>
                <c:pt idx="5216">
                  <c:v>4.7506397819608219</c:v>
                </c:pt>
                <c:pt idx="5217">
                  <c:v>4.7506397819608219</c:v>
                </c:pt>
                <c:pt idx="5218">
                  <c:v>4.7506397819608219</c:v>
                </c:pt>
                <c:pt idx="5219">
                  <c:v>4.7506397819608219</c:v>
                </c:pt>
                <c:pt idx="5220">
                  <c:v>4.7506397819608219</c:v>
                </c:pt>
                <c:pt idx="5221">
                  <c:v>4.7506397819608219</c:v>
                </c:pt>
                <c:pt idx="5222">
                  <c:v>4.7506397819608219</c:v>
                </c:pt>
                <c:pt idx="5223">
                  <c:v>4.7476276707228307</c:v>
                </c:pt>
                <c:pt idx="5224">
                  <c:v>4.7471973691174032</c:v>
                </c:pt>
                <c:pt idx="5225">
                  <c:v>4.7437549562739836</c:v>
                </c:pt>
                <c:pt idx="5226">
                  <c:v>4.7424640514577021</c:v>
                </c:pt>
                <c:pt idx="5227">
                  <c:v>4.7394519402197099</c:v>
                </c:pt>
                <c:pt idx="5228">
                  <c:v>4.7368701305871461</c:v>
                </c:pt>
                <c:pt idx="5229">
                  <c:v>4.7351489241654363</c:v>
                </c:pt>
                <c:pt idx="5230">
                  <c:v>4.7351489241654363</c:v>
                </c:pt>
                <c:pt idx="5231">
                  <c:v>4.7351489241654363</c:v>
                </c:pt>
                <c:pt idx="5232">
                  <c:v>7.9961068162864555</c:v>
                </c:pt>
                <c:pt idx="5233">
                  <c:v>7.9961068162864555</c:v>
                </c:pt>
                <c:pt idx="5234">
                  <c:v>7.9961068162864555</c:v>
                </c:pt>
                <c:pt idx="5235">
                  <c:v>7.9961068162864555</c:v>
                </c:pt>
                <c:pt idx="5236">
                  <c:v>7.9961068162864555</c:v>
                </c:pt>
                <c:pt idx="5237">
                  <c:v>7.9961068162864555</c:v>
                </c:pt>
                <c:pt idx="5238">
                  <c:v>7.9961068162864555</c:v>
                </c:pt>
                <c:pt idx="5239">
                  <c:v>34.092448843352486</c:v>
                </c:pt>
                <c:pt idx="5240">
                  <c:v>38.354004948771546</c:v>
                </c:pt>
                <c:pt idx="5241">
                  <c:v>42.615561054190607</c:v>
                </c:pt>
                <c:pt idx="5242">
                  <c:v>42.615561054190607</c:v>
                </c:pt>
                <c:pt idx="5243">
                  <c:v>51.138673265028729</c:v>
                </c:pt>
                <c:pt idx="5244">
                  <c:v>51.138673265028729</c:v>
                </c:pt>
                <c:pt idx="5245">
                  <c:v>34.092448843352486</c:v>
                </c:pt>
                <c:pt idx="5246">
                  <c:v>51.138673265028729</c:v>
                </c:pt>
                <c:pt idx="5247">
                  <c:v>51.138673265028729</c:v>
                </c:pt>
                <c:pt idx="5248">
                  <c:v>30.357130471179332</c:v>
                </c:pt>
                <c:pt idx="5249">
                  <c:v>9.5836526234333324</c:v>
                </c:pt>
                <c:pt idx="5250">
                  <c:v>8.5612435522201835</c:v>
                </c:pt>
                <c:pt idx="5251">
                  <c:v>8.5612435522201835</c:v>
                </c:pt>
                <c:pt idx="5252">
                  <c:v>8.5612435522201835</c:v>
                </c:pt>
                <c:pt idx="5253">
                  <c:v>8.5612435522201835</c:v>
                </c:pt>
                <c:pt idx="5254">
                  <c:v>8.5612435522201835</c:v>
                </c:pt>
                <c:pt idx="5255">
                  <c:v>8.5612435522201835</c:v>
                </c:pt>
                <c:pt idx="5256">
                  <c:v>4.8216455463769554</c:v>
                </c:pt>
                <c:pt idx="5257">
                  <c:v>7.2053780156797878</c:v>
                </c:pt>
                <c:pt idx="5258">
                  <c:v>7.2053780156797878</c:v>
                </c:pt>
                <c:pt idx="5259">
                  <c:v>7.2053780156797878</c:v>
                </c:pt>
                <c:pt idx="5260">
                  <c:v>7.2053780156797878</c:v>
                </c:pt>
                <c:pt idx="5261">
                  <c:v>7.2053780156797878</c:v>
                </c:pt>
                <c:pt idx="5262">
                  <c:v>7.2053780156797878</c:v>
                </c:pt>
                <c:pt idx="5263">
                  <c:v>30.013547606744851</c:v>
                </c:pt>
                <c:pt idx="5264">
                  <c:v>33.488800487525843</c:v>
                </c:pt>
                <c:pt idx="5265">
                  <c:v>36.964053368306828</c:v>
                </c:pt>
                <c:pt idx="5266">
                  <c:v>36.964053368306828</c:v>
                </c:pt>
                <c:pt idx="5267">
                  <c:v>44.230491209939792</c:v>
                </c:pt>
                <c:pt idx="5268">
                  <c:v>44.230491209939792</c:v>
                </c:pt>
                <c:pt idx="5269">
                  <c:v>29.381683446602857</c:v>
                </c:pt>
                <c:pt idx="5270">
                  <c:v>44.230491209939792</c:v>
                </c:pt>
                <c:pt idx="5271">
                  <c:v>44.230491209939792</c:v>
                </c:pt>
                <c:pt idx="5272">
                  <c:v>26.347950525425816</c:v>
                </c:pt>
                <c:pt idx="5273">
                  <c:v>11.598864462016941</c:v>
                </c:pt>
                <c:pt idx="5274">
                  <c:v>7.4220809674345904</c:v>
                </c:pt>
                <c:pt idx="5275">
                  <c:v>7.4220809674345904</c:v>
                </c:pt>
                <c:pt idx="5276">
                  <c:v>7.4220809674345904</c:v>
                </c:pt>
                <c:pt idx="5277">
                  <c:v>7.4220809674345904</c:v>
                </c:pt>
                <c:pt idx="5278">
                  <c:v>7.4220809674345904</c:v>
                </c:pt>
                <c:pt idx="5279">
                  <c:v>7.4220809674345904</c:v>
                </c:pt>
                <c:pt idx="5280">
                  <c:v>7.4903049577547431</c:v>
                </c:pt>
                <c:pt idx="5281">
                  <c:v>7.4903049577547431</c:v>
                </c:pt>
                <c:pt idx="5282">
                  <c:v>7.4903049577547431</c:v>
                </c:pt>
                <c:pt idx="5283">
                  <c:v>7.4903049577547431</c:v>
                </c:pt>
                <c:pt idx="5284">
                  <c:v>7.4903049577547431</c:v>
                </c:pt>
                <c:pt idx="5285">
                  <c:v>7.4903049577547431</c:v>
                </c:pt>
                <c:pt idx="5286">
                  <c:v>7.4903049577547431</c:v>
                </c:pt>
                <c:pt idx="5287">
                  <c:v>30.193491009338722</c:v>
                </c:pt>
                <c:pt idx="5288">
                  <c:v>33.689579441998994</c:v>
                </c:pt>
                <c:pt idx="5289">
                  <c:v>37.185667874659273</c:v>
                </c:pt>
                <c:pt idx="5290">
                  <c:v>37.185667874659273</c:v>
                </c:pt>
                <c:pt idx="5291">
                  <c:v>44.495670961130749</c:v>
                </c:pt>
                <c:pt idx="5292">
                  <c:v>44.495670961130749</c:v>
                </c:pt>
                <c:pt idx="5293">
                  <c:v>29.557838567036853</c:v>
                </c:pt>
                <c:pt idx="5294">
                  <c:v>44.495670961130749</c:v>
                </c:pt>
                <c:pt idx="5295">
                  <c:v>44.495670961130749</c:v>
                </c:pt>
                <c:pt idx="5296">
                  <c:v>26.540248000958343</c:v>
                </c:pt>
                <c:pt idx="5297">
                  <c:v>11.726807457733722</c:v>
                </c:pt>
                <c:pt idx="5298">
                  <c:v>7.4903049577547431</c:v>
                </c:pt>
                <c:pt idx="5299">
                  <c:v>7.4903049577547431</c:v>
                </c:pt>
                <c:pt idx="5300">
                  <c:v>7.4903049577547431</c:v>
                </c:pt>
                <c:pt idx="5301">
                  <c:v>7.4903049577547431</c:v>
                </c:pt>
                <c:pt idx="5302">
                  <c:v>7.4903049577547431</c:v>
                </c:pt>
                <c:pt idx="5303">
                  <c:v>7.4903049577547431</c:v>
                </c:pt>
                <c:pt idx="5304">
                  <c:v>7.473282043116761</c:v>
                </c:pt>
                <c:pt idx="5305">
                  <c:v>7.473282043116761</c:v>
                </c:pt>
                <c:pt idx="5306">
                  <c:v>7.473282043116761</c:v>
                </c:pt>
                <c:pt idx="5307">
                  <c:v>7.473282043116761</c:v>
                </c:pt>
                <c:pt idx="5308">
                  <c:v>7.473282043116761</c:v>
                </c:pt>
                <c:pt idx="5309">
                  <c:v>7.473282043116761</c:v>
                </c:pt>
                <c:pt idx="5310">
                  <c:v>7.473282043116761</c:v>
                </c:pt>
                <c:pt idx="5311">
                  <c:v>30.131428171222467</c:v>
                </c:pt>
                <c:pt idx="5312">
                  <c:v>33.620330380521914</c:v>
                </c:pt>
                <c:pt idx="5313">
                  <c:v>37.109232589821353</c:v>
                </c:pt>
                <c:pt idx="5314">
                  <c:v>37.109232589821353</c:v>
                </c:pt>
                <c:pt idx="5315">
                  <c:v>44.404209936538372</c:v>
                </c:pt>
                <c:pt idx="5316">
                  <c:v>44.404209936538372</c:v>
                </c:pt>
                <c:pt idx="5317">
                  <c:v>29.497082314986201</c:v>
                </c:pt>
                <c:pt idx="5318">
                  <c:v>44.404209936538372</c:v>
                </c:pt>
                <c:pt idx="5319">
                  <c:v>44.404209936538372</c:v>
                </c:pt>
                <c:pt idx="5320">
                  <c:v>26.480705820993066</c:v>
                </c:pt>
                <c:pt idx="5321">
                  <c:v>11.694340208829608</c:v>
                </c:pt>
                <c:pt idx="5322">
                  <c:v>7.473282043116761</c:v>
                </c:pt>
                <c:pt idx="5323">
                  <c:v>7.473282043116761</c:v>
                </c:pt>
                <c:pt idx="5324">
                  <c:v>7.473282043116761</c:v>
                </c:pt>
                <c:pt idx="5325">
                  <c:v>7.473282043116761</c:v>
                </c:pt>
                <c:pt idx="5326">
                  <c:v>7.473282043116761</c:v>
                </c:pt>
                <c:pt idx="5327">
                  <c:v>7.473282043116761</c:v>
                </c:pt>
                <c:pt idx="5328">
                  <c:v>10.698612720996373</c:v>
                </c:pt>
                <c:pt idx="5329">
                  <c:v>6.5518589002065735</c:v>
                </c:pt>
                <c:pt idx="5330">
                  <c:v>6.5518589002065735</c:v>
                </c:pt>
                <c:pt idx="5331">
                  <c:v>6.5518589002065735</c:v>
                </c:pt>
                <c:pt idx="5332">
                  <c:v>6.5518589002065735</c:v>
                </c:pt>
                <c:pt idx="5333">
                  <c:v>6.5518589002065735</c:v>
                </c:pt>
                <c:pt idx="5334">
                  <c:v>6.5518589002065735</c:v>
                </c:pt>
                <c:pt idx="5335">
                  <c:v>27.643895016299584</c:v>
                </c:pt>
                <c:pt idx="5336">
                  <c:v>34.554868770374483</c:v>
                </c:pt>
                <c:pt idx="5337">
                  <c:v>38.010355647411934</c:v>
                </c:pt>
                <c:pt idx="5338">
                  <c:v>38.010355647411934</c:v>
                </c:pt>
                <c:pt idx="5339">
                  <c:v>44.921329401486837</c:v>
                </c:pt>
                <c:pt idx="5340">
                  <c:v>44.921329401486837</c:v>
                </c:pt>
                <c:pt idx="5341">
                  <c:v>31.099381893337036</c:v>
                </c:pt>
                <c:pt idx="5342">
                  <c:v>44.921329401486837</c:v>
                </c:pt>
                <c:pt idx="5343">
                  <c:v>34.61320732499567</c:v>
                </c:pt>
                <c:pt idx="5344">
                  <c:v>16.504658438990418</c:v>
                </c:pt>
                <c:pt idx="5345">
                  <c:v>10.993083520512856</c:v>
                </c:pt>
                <c:pt idx="5346">
                  <c:v>6.8708399633442507</c:v>
                </c:pt>
                <c:pt idx="5347">
                  <c:v>6.5518589002065735</c:v>
                </c:pt>
                <c:pt idx="5348">
                  <c:v>6.5518589002065735</c:v>
                </c:pt>
                <c:pt idx="5349">
                  <c:v>6.5518589002065735</c:v>
                </c:pt>
                <c:pt idx="5350">
                  <c:v>6.5518589002065735</c:v>
                </c:pt>
                <c:pt idx="5351">
                  <c:v>6.5518589002065735</c:v>
                </c:pt>
                <c:pt idx="5352">
                  <c:v>4.2849121837360258</c:v>
                </c:pt>
                <c:pt idx="5353">
                  <c:v>3.9085161240305482</c:v>
                </c:pt>
                <c:pt idx="5354">
                  <c:v>3.9085161240305482</c:v>
                </c:pt>
                <c:pt idx="5355">
                  <c:v>3.9085161240305482</c:v>
                </c:pt>
                <c:pt idx="5356">
                  <c:v>3.9085161240305482</c:v>
                </c:pt>
                <c:pt idx="5357">
                  <c:v>3.9095162819123463</c:v>
                </c:pt>
                <c:pt idx="5358">
                  <c:v>3.9108164871586837</c:v>
                </c:pt>
                <c:pt idx="5359">
                  <c:v>3.911716629252302</c:v>
                </c:pt>
                <c:pt idx="5360">
                  <c:v>3.911716629252302</c:v>
                </c:pt>
                <c:pt idx="5361">
                  <c:v>3.911716629252302</c:v>
                </c:pt>
                <c:pt idx="5362">
                  <c:v>3.911716629252302</c:v>
                </c:pt>
                <c:pt idx="5363">
                  <c:v>3.911716629252302</c:v>
                </c:pt>
                <c:pt idx="5364">
                  <c:v>3.911716629252302</c:v>
                </c:pt>
                <c:pt idx="5365">
                  <c:v>3.911716629252302</c:v>
                </c:pt>
                <c:pt idx="5366">
                  <c:v>3.911716629252302</c:v>
                </c:pt>
                <c:pt idx="5367">
                  <c:v>3.9110165187350434</c:v>
                </c:pt>
                <c:pt idx="5368">
                  <c:v>3.9104164240059647</c:v>
                </c:pt>
                <c:pt idx="5369">
                  <c:v>3.9098163292768859</c:v>
                </c:pt>
                <c:pt idx="5370">
                  <c:v>3.9096162977005262</c:v>
                </c:pt>
                <c:pt idx="5371">
                  <c:v>3.908616139818728</c:v>
                </c:pt>
                <c:pt idx="5372">
                  <c:v>3.9075159661487504</c:v>
                </c:pt>
                <c:pt idx="5373">
                  <c:v>3.9075159661487504</c:v>
                </c:pt>
                <c:pt idx="5374">
                  <c:v>3.9075159661487504</c:v>
                </c:pt>
                <c:pt idx="5375">
                  <c:v>3.9075159661487504</c:v>
                </c:pt>
                <c:pt idx="5376">
                  <c:v>3.5537421941151845</c:v>
                </c:pt>
                <c:pt idx="5377">
                  <c:v>3.5537421941151845</c:v>
                </c:pt>
                <c:pt idx="5378">
                  <c:v>3.5537421941151845</c:v>
                </c:pt>
                <c:pt idx="5379">
                  <c:v>3.5537421941151845</c:v>
                </c:pt>
                <c:pt idx="5380">
                  <c:v>3.5537421941151845</c:v>
                </c:pt>
                <c:pt idx="5381">
                  <c:v>3.5537421941151845</c:v>
                </c:pt>
                <c:pt idx="5382">
                  <c:v>3.5537421941151845</c:v>
                </c:pt>
                <c:pt idx="5383">
                  <c:v>3.5537421941151845</c:v>
                </c:pt>
                <c:pt idx="5384">
                  <c:v>3.5537421941151845</c:v>
                </c:pt>
                <c:pt idx="5385">
                  <c:v>3.5537421941151845</c:v>
                </c:pt>
                <c:pt idx="5386">
                  <c:v>3.5537421941151845</c:v>
                </c:pt>
                <c:pt idx="5387">
                  <c:v>3.5537421941151845</c:v>
                </c:pt>
                <c:pt idx="5388">
                  <c:v>3.5537421941151845</c:v>
                </c:pt>
                <c:pt idx="5389">
                  <c:v>3.5537421941151845</c:v>
                </c:pt>
                <c:pt idx="5390">
                  <c:v>3.5537421941151845</c:v>
                </c:pt>
                <c:pt idx="5391">
                  <c:v>3.5537421941151845</c:v>
                </c:pt>
                <c:pt idx="5392">
                  <c:v>3.5537421941151845</c:v>
                </c:pt>
                <c:pt idx="5393">
                  <c:v>3.5537421941151845</c:v>
                </c:pt>
                <c:pt idx="5394">
                  <c:v>3.5537421941151845</c:v>
                </c:pt>
                <c:pt idx="5395">
                  <c:v>3.5537421941151845</c:v>
                </c:pt>
                <c:pt idx="5396">
                  <c:v>3.5537421941151845</c:v>
                </c:pt>
                <c:pt idx="5397">
                  <c:v>3.5537421941151845</c:v>
                </c:pt>
                <c:pt idx="5398">
                  <c:v>3.5537421941151845</c:v>
                </c:pt>
                <c:pt idx="5399">
                  <c:v>3.5537421941151845</c:v>
                </c:pt>
                <c:pt idx="5400">
                  <c:v>6.0511581795147489</c:v>
                </c:pt>
                <c:pt idx="5401">
                  <c:v>6.0511581795147489</c:v>
                </c:pt>
                <c:pt idx="5402">
                  <c:v>6.0511581795147489</c:v>
                </c:pt>
                <c:pt idx="5403">
                  <c:v>6.0511581795147489</c:v>
                </c:pt>
                <c:pt idx="5404">
                  <c:v>6.0511581795147489</c:v>
                </c:pt>
                <c:pt idx="5405">
                  <c:v>6.0511581795147489</c:v>
                </c:pt>
                <c:pt idx="5406">
                  <c:v>6.0511581795147489</c:v>
                </c:pt>
                <c:pt idx="5407">
                  <c:v>25.777933844732829</c:v>
                </c:pt>
                <c:pt idx="5408">
                  <c:v>29.00017557532443</c:v>
                </c:pt>
                <c:pt idx="5409">
                  <c:v>32.222417305916039</c:v>
                </c:pt>
                <c:pt idx="5410">
                  <c:v>32.222417305916039</c:v>
                </c:pt>
                <c:pt idx="5411">
                  <c:v>38.666900767099236</c:v>
                </c:pt>
                <c:pt idx="5412">
                  <c:v>38.666900767099236</c:v>
                </c:pt>
                <c:pt idx="5413">
                  <c:v>25.777933844732829</c:v>
                </c:pt>
                <c:pt idx="5414">
                  <c:v>38.666900767099236</c:v>
                </c:pt>
                <c:pt idx="5415">
                  <c:v>38.666900767099236</c:v>
                </c:pt>
                <c:pt idx="5416">
                  <c:v>22.555692114141223</c:v>
                </c:pt>
                <c:pt idx="5417">
                  <c:v>6.4444834611832071</c:v>
                </c:pt>
                <c:pt idx="5418">
                  <c:v>6.3537160884904864</c:v>
                </c:pt>
                <c:pt idx="5419">
                  <c:v>6.3537160884904864</c:v>
                </c:pt>
                <c:pt idx="5420">
                  <c:v>6.3537160884904864</c:v>
                </c:pt>
                <c:pt idx="5421">
                  <c:v>6.3537160884904864</c:v>
                </c:pt>
                <c:pt idx="5422">
                  <c:v>6.3537160884904864</c:v>
                </c:pt>
                <c:pt idx="5423">
                  <c:v>6.3537160884904864</c:v>
                </c:pt>
                <c:pt idx="5424">
                  <c:v>3.9958439576374207</c:v>
                </c:pt>
                <c:pt idx="5425">
                  <c:v>6.0889050783046414</c:v>
                </c:pt>
                <c:pt idx="5426">
                  <c:v>6.0889050783046414</c:v>
                </c:pt>
                <c:pt idx="5427">
                  <c:v>6.0889050783046414</c:v>
                </c:pt>
                <c:pt idx="5428">
                  <c:v>6.0889050783046414</c:v>
                </c:pt>
                <c:pt idx="5429">
                  <c:v>6.0889050783046414</c:v>
                </c:pt>
                <c:pt idx="5430">
                  <c:v>6.0889050783046414</c:v>
                </c:pt>
                <c:pt idx="5431">
                  <c:v>25.668540470728001</c:v>
                </c:pt>
                <c:pt idx="5432">
                  <c:v>28.640687262075456</c:v>
                </c:pt>
                <c:pt idx="5433">
                  <c:v>31.612834053422905</c:v>
                </c:pt>
                <c:pt idx="5434">
                  <c:v>31.612834053422905</c:v>
                </c:pt>
                <c:pt idx="5435">
                  <c:v>37.827322798967579</c:v>
                </c:pt>
                <c:pt idx="5436">
                  <c:v>37.827322798967579</c:v>
                </c:pt>
                <c:pt idx="5437">
                  <c:v>25.12815014502846</c:v>
                </c:pt>
                <c:pt idx="5438">
                  <c:v>37.827322798967579</c:v>
                </c:pt>
                <c:pt idx="5439">
                  <c:v>37.827322798967579</c:v>
                </c:pt>
                <c:pt idx="5440">
                  <c:v>22.291100935105895</c:v>
                </c:pt>
                <c:pt idx="5441">
                  <c:v>9.5139141848510036</c:v>
                </c:pt>
                <c:pt idx="5442">
                  <c:v>6.2791833620016613</c:v>
                </c:pt>
                <c:pt idx="5443">
                  <c:v>6.2791833620016613</c:v>
                </c:pt>
                <c:pt idx="5444">
                  <c:v>6.2791833620016613</c:v>
                </c:pt>
                <c:pt idx="5445">
                  <c:v>6.2791833620016613</c:v>
                </c:pt>
                <c:pt idx="5446">
                  <c:v>6.2791833620016613</c:v>
                </c:pt>
                <c:pt idx="5447">
                  <c:v>6.2791833620016613</c:v>
                </c:pt>
                <c:pt idx="5448">
                  <c:v>6.2150177719189994</c:v>
                </c:pt>
                <c:pt idx="5449">
                  <c:v>6.2150177719189994</c:v>
                </c:pt>
                <c:pt idx="5450">
                  <c:v>6.2150177719189994</c:v>
                </c:pt>
                <c:pt idx="5451">
                  <c:v>6.2150177719189994</c:v>
                </c:pt>
                <c:pt idx="5452">
                  <c:v>6.2150177719189994</c:v>
                </c:pt>
                <c:pt idx="5453">
                  <c:v>6.2150177719189994</c:v>
                </c:pt>
                <c:pt idx="5454">
                  <c:v>6.2150177719189994</c:v>
                </c:pt>
                <c:pt idx="5455">
                  <c:v>25.406239316117357</c:v>
                </c:pt>
                <c:pt idx="5456">
                  <c:v>28.34801439482569</c:v>
                </c:pt>
                <c:pt idx="5457">
                  <c:v>31.289789473534015</c:v>
                </c:pt>
                <c:pt idx="5458">
                  <c:v>31.289789473534015</c:v>
                </c:pt>
                <c:pt idx="5459">
                  <c:v>37.440773729015056</c:v>
                </c:pt>
                <c:pt idx="5460">
                  <c:v>37.440773729015056</c:v>
                </c:pt>
                <c:pt idx="5461">
                  <c:v>24.871371119988574</c:v>
                </c:pt>
                <c:pt idx="5462">
                  <c:v>37.440773729015056</c:v>
                </c:pt>
                <c:pt idx="5463">
                  <c:v>37.440773729015056</c:v>
                </c:pt>
                <c:pt idx="5464">
                  <c:v>22.063313090312441</c:v>
                </c:pt>
                <c:pt idx="5465">
                  <c:v>9.4166935938166656</c:v>
                </c:pt>
                <c:pt idx="5466">
                  <c:v>6.2150177719189994</c:v>
                </c:pt>
                <c:pt idx="5467">
                  <c:v>6.2150177719189994</c:v>
                </c:pt>
                <c:pt idx="5468">
                  <c:v>6.2150177719189994</c:v>
                </c:pt>
                <c:pt idx="5469">
                  <c:v>6.2150177719189994</c:v>
                </c:pt>
                <c:pt idx="5470">
                  <c:v>6.2150177719189994</c:v>
                </c:pt>
                <c:pt idx="5471">
                  <c:v>6.2150177719189994</c:v>
                </c:pt>
                <c:pt idx="5472">
                  <c:v>6.5710675673037349</c:v>
                </c:pt>
                <c:pt idx="5473">
                  <c:v>6.5710675673037349</c:v>
                </c:pt>
                <c:pt idx="5474">
                  <c:v>6.5710675673037349</c:v>
                </c:pt>
                <c:pt idx="5475">
                  <c:v>6.5710675673037349</c:v>
                </c:pt>
                <c:pt idx="5476">
                  <c:v>6.5710675673037349</c:v>
                </c:pt>
                <c:pt idx="5477">
                  <c:v>6.5710675673037349</c:v>
                </c:pt>
                <c:pt idx="5478">
                  <c:v>6.5710675673037349</c:v>
                </c:pt>
                <c:pt idx="5479">
                  <c:v>26.842097751060841</c:v>
                </c:pt>
                <c:pt idx="5480">
                  <c:v>29.950130122236306</c:v>
                </c:pt>
                <c:pt idx="5481">
                  <c:v>33.058162493411771</c:v>
                </c:pt>
                <c:pt idx="5482">
                  <c:v>33.058162493411771</c:v>
                </c:pt>
                <c:pt idx="5483">
                  <c:v>39.556775633142301</c:v>
                </c:pt>
                <c:pt idx="5484">
                  <c:v>39.556775633142301</c:v>
                </c:pt>
                <c:pt idx="5485">
                  <c:v>26.277000956301666</c:v>
                </c:pt>
                <c:pt idx="5486">
                  <c:v>39.556775633142301</c:v>
                </c:pt>
                <c:pt idx="5487">
                  <c:v>39.556775633142301</c:v>
                </c:pt>
                <c:pt idx="5488">
                  <c:v>23.324970282833075</c:v>
                </c:pt>
                <c:pt idx="5489">
                  <c:v>9.9735760169116841</c:v>
                </c:pt>
                <c:pt idx="5490">
                  <c:v>6.5710675673037349</c:v>
                </c:pt>
                <c:pt idx="5491">
                  <c:v>6.5710675673037349</c:v>
                </c:pt>
                <c:pt idx="5492">
                  <c:v>6.5710675673037349</c:v>
                </c:pt>
                <c:pt idx="5493">
                  <c:v>6.5710675673037349</c:v>
                </c:pt>
                <c:pt idx="5494">
                  <c:v>6.5710675673037349</c:v>
                </c:pt>
                <c:pt idx="5495">
                  <c:v>6.5710675673037349</c:v>
                </c:pt>
                <c:pt idx="5496">
                  <c:v>9.7785402146692562</c:v>
                </c:pt>
                <c:pt idx="5497">
                  <c:v>5.9263880088904584</c:v>
                </c:pt>
                <c:pt idx="5498">
                  <c:v>5.9263880088904584</c:v>
                </c:pt>
                <c:pt idx="5499">
                  <c:v>5.9263880088904584</c:v>
                </c:pt>
                <c:pt idx="5500">
                  <c:v>5.9263880088904584</c:v>
                </c:pt>
                <c:pt idx="5501">
                  <c:v>5.9263880088904584</c:v>
                </c:pt>
                <c:pt idx="5502">
                  <c:v>5.9263880088904584</c:v>
                </c:pt>
                <c:pt idx="5503">
                  <c:v>25.24641291787335</c:v>
                </c:pt>
                <c:pt idx="5504">
                  <c:v>31.558016147341689</c:v>
                </c:pt>
                <c:pt idx="5505">
                  <c:v>34.713817762075863</c:v>
                </c:pt>
                <c:pt idx="5506">
                  <c:v>34.713817762075863</c:v>
                </c:pt>
                <c:pt idx="5507">
                  <c:v>41.025420991544195</c:v>
                </c:pt>
                <c:pt idx="5508">
                  <c:v>41.025420991544195</c:v>
                </c:pt>
                <c:pt idx="5509">
                  <c:v>28.40221453260752</c:v>
                </c:pt>
                <c:pt idx="5510">
                  <c:v>41.025420991544195</c:v>
                </c:pt>
                <c:pt idx="5511">
                  <c:v>31.558016147341689</c:v>
                </c:pt>
                <c:pt idx="5512">
                  <c:v>14.815970022226145</c:v>
                </c:pt>
                <c:pt idx="5513">
                  <c:v>9.7785402146692562</c:v>
                </c:pt>
                <c:pt idx="5514">
                  <c:v>6.2227074093349808</c:v>
                </c:pt>
                <c:pt idx="5515">
                  <c:v>5.9263880088904584</c:v>
                </c:pt>
                <c:pt idx="5516">
                  <c:v>5.9263880088904584</c:v>
                </c:pt>
                <c:pt idx="5517">
                  <c:v>5.9263880088904584</c:v>
                </c:pt>
                <c:pt idx="5518">
                  <c:v>5.9263880088904584</c:v>
                </c:pt>
                <c:pt idx="5519">
                  <c:v>5.9263880088904584</c:v>
                </c:pt>
                <c:pt idx="5520">
                  <c:v>3.8383597969254124</c:v>
                </c:pt>
                <c:pt idx="5521">
                  <c:v>3.4825410598266537</c:v>
                </c:pt>
                <c:pt idx="5522">
                  <c:v>3.4825410598266537</c:v>
                </c:pt>
                <c:pt idx="5523">
                  <c:v>3.4825410598266537</c:v>
                </c:pt>
                <c:pt idx="5524">
                  <c:v>3.4825410598266537</c:v>
                </c:pt>
                <c:pt idx="5525">
                  <c:v>3.4825410598266537</c:v>
                </c:pt>
                <c:pt idx="5526">
                  <c:v>3.4825410598266537</c:v>
                </c:pt>
                <c:pt idx="5527">
                  <c:v>3.4825410598266537</c:v>
                </c:pt>
                <c:pt idx="5528">
                  <c:v>3.4825410598266537</c:v>
                </c:pt>
                <c:pt idx="5529">
                  <c:v>3.4825410598266537</c:v>
                </c:pt>
                <c:pt idx="5530">
                  <c:v>3.4825410598266537</c:v>
                </c:pt>
                <c:pt idx="5531">
                  <c:v>3.4825410598266537</c:v>
                </c:pt>
                <c:pt idx="5532">
                  <c:v>3.4825410598266537</c:v>
                </c:pt>
                <c:pt idx="5533">
                  <c:v>3.4825410598266537</c:v>
                </c:pt>
                <c:pt idx="5534">
                  <c:v>3.4825410598266537</c:v>
                </c:pt>
                <c:pt idx="5535">
                  <c:v>3.4825410598266537</c:v>
                </c:pt>
                <c:pt idx="5536">
                  <c:v>3.4825410598266537</c:v>
                </c:pt>
                <c:pt idx="5537">
                  <c:v>3.4825410598266537</c:v>
                </c:pt>
                <c:pt idx="5538">
                  <c:v>3.4825410598266537</c:v>
                </c:pt>
                <c:pt idx="5539">
                  <c:v>3.4825410598266537</c:v>
                </c:pt>
                <c:pt idx="5540">
                  <c:v>3.4825410598266537</c:v>
                </c:pt>
                <c:pt idx="5541">
                  <c:v>3.4825410598266537</c:v>
                </c:pt>
                <c:pt idx="5542">
                  <c:v>3.4825410598266537</c:v>
                </c:pt>
                <c:pt idx="5543">
                  <c:v>3.4825410598266537</c:v>
                </c:pt>
                <c:pt idx="5544">
                  <c:v>3.2436777494467308</c:v>
                </c:pt>
                <c:pt idx="5545">
                  <c:v>3.2436777494467308</c:v>
                </c:pt>
                <c:pt idx="5546">
                  <c:v>3.2436777494467308</c:v>
                </c:pt>
                <c:pt idx="5547">
                  <c:v>3.2436777494467308</c:v>
                </c:pt>
                <c:pt idx="5548">
                  <c:v>3.2436777494467308</c:v>
                </c:pt>
                <c:pt idx="5549">
                  <c:v>3.2436777494467308</c:v>
                </c:pt>
                <c:pt idx="5550">
                  <c:v>3.2436777494467308</c:v>
                </c:pt>
                <c:pt idx="5551">
                  <c:v>3.2436777494467308</c:v>
                </c:pt>
                <c:pt idx="5552">
                  <c:v>3.2436777494467308</c:v>
                </c:pt>
                <c:pt idx="5553">
                  <c:v>3.2436777494467308</c:v>
                </c:pt>
                <c:pt idx="5554">
                  <c:v>3.2436777494467308</c:v>
                </c:pt>
                <c:pt idx="5555">
                  <c:v>3.2436777494467308</c:v>
                </c:pt>
                <c:pt idx="5556">
                  <c:v>3.2436777494467308</c:v>
                </c:pt>
                <c:pt idx="5557">
                  <c:v>3.2436777494467308</c:v>
                </c:pt>
                <c:pt idx="5558">
                  <c:v>3.2436777494467308</c:v>
                </c:pt>
                <c:pt idx="5559">
                  <c:v>3.2436777494467308</c:v>
                </c:pt>
                <c:pt idx="5560">
                  <c:v>3.2436777494467308</c:v>
                </c:pt>
                <c:pt idx="5561">
                  <c:v>3.2436777494467308</c:v>
                </c:pt>
                <c:pt idx="5562">
                  <c:v>3.2436777494467308</c:v>
                </c:pt>
                <c:pt idx="5563">
                  <c:v>3.2436777494467308</c:v>
                </c:pt>
                <c:pt idx="5564">
                  <c:v>3.2436777494467308</c:v>
                </c:pt>
                <c:pt idx="5565">
                  <c:v>3.2436777494467308</c:v>
                </c:pt>
                <c:pt idx="5566">
                  <c:v>3.2436777494467308</c:v>
                </c:pt>
                <c:pt idx="5567">
                  <c:v>3.2436777494467308</c:v>
                </c:pt>
                <c:pt idx="5568">
                  <c:v>5.7127139719843143</c:v>
                </c:pt>
                <c:pt idx="5569">
                  <c:v>5.7127139719843143</c:v>
                </c:pt>
                <c:pt idx="5570">
                  <c:v>5.7127139719843143</c:v>
                </c:pt>
                <c:pt idx="5571">
                  <c:v>5.7127139719843143</c:v>
                </c:pt>
                <c:pt idx="5572">
                  <c:v>5.7127139719843143</c:v>
                </c:pt>
                <c:pt idx="5573">
                  <c:v>5.7127139719843143</c:v>
                </c:pt>
                <c:pt idx="5574">
                  <c:v>5.7127139719843143</c:v>
                </c:pt>
                <c:pt idx="5575">
                  <c:v>24.336161520653178</c:v>
                </c:pt>
                <c:pt idx="5576">
                  <c:v>27.378181710734829</c:v>
                </c:pt>
                <c:pt idx="5577">
                  <c:v>30.420201900816473</c:v>
                </c:pt>
                <c:pt idx="5578">
                  <c:v>30.420201900816473</c:v>
                </c:pt>
                <c:pt idx="5579">
                  <c:v>36.504242280979767</c:v>
                </c:pt>
                <c:pt idx="5580">
                  <c:v>36.504242280979767</c:v>
                </c:pt>
                <c:pt idx="5581">
                  <c:v>24.336161520653178</c:v>
                </c:pt>
                <c:pt idx="5582">
                  <c:v>36.504242280979767</c:v>
                </c:pt>
                <c:pt idx="5583">
                  <c:v>36.504242280979767</c:v>
                </c:pt>
                <c:pt idx="5584">
                  <c:v>21.294141330571527</c:v>
                </c:pt>
                <c:pt idx="5585">
                  <c:v>6.0840403801632945</c:v>
                </c:pt>
                <c:pt idx="5586">
                  <c:v>5.9983496705835302</c:v>
                </c:pt>
                <c:pt idx="5587">
                  <c:v>5.9983496705835302</c:v>
                </c:pt>
                <c:pt idx="5588">
                  <c:v>5.9983496705835302</c:v>
                </c:pt>
                <c:pt idx="5589">
                  <c:v>5.9983496705835302</c:v>
                </c:pt>
                <c:pt idx="5590">
                  <c:v>5.9983496705835302</c:v>
                </c:pt>
                <c:pt idx="5591">
                  <c:v>5.9983496705835302</c:v>
                </c:pt>
                <c:pt idx="5592">
                  <c:v>3.7548927081105314</c:v>
                </c:pt>
                <c:pt idx="5593">
                  <c:v>5.7217412695017638</c:v>
                </c:pt>
                <c:pt idx="5594">
                  <c:v>5.7217412695017638</c:v>
                </c:pt>
                <c:pt idx="5595">
                  <c:v>5.7217412695017638</c:v>
                </c:pt>
                <c:pt idx="5596">
                  <c:v>5.7217412695017638</c:v>
                </c:pt>
                <c:pt idx="5597">
                  <c:v>5.7217412695017638</c:v>
                </c:pt>
                <c:pt idx="5598">
                  <c:v>5.7217412695017638</c:v>
                </c:pt>
                <c:pt idx="5599">
                  <c:v>24.120715539243367</c:v>
                </c:pt>
                <c:pt idx="5600">
                  <c:v>26.913640496418914</c:v>
                </c:pt>
                <c:pt idx="5601">
                  <c:v>29.706565453594465</c:v>
                </c:pt>
                <c:pt idx="5602">
                  <c:v>29.706565453594465</c:v>
                </c:pt>
                <c:pt idx="5603">
                  <c:v>35.54631763677969</c:v>
                </c:pt>
                <c:pt idx="5604">
                  <c:v>35.54631763677969</c:v>
                </c:pt>
                <c:pt idx="5605">
                  <c:v>23.612911001575082</c:v>
                </c:pt>
                <c:pt idx="5606">
                  <c:v>35.54631763677969</c:v>
                </c:pt>
                <c:pt idx="5607">
                  <c:v>35.54631763677969</c:v>
                </c:pt>
                <c:pt idx="5608">
                  <c:v>20.946937178816608</c:v>
                </c:pt>
                <c:pt idx="5609">
                  <c:v>8.9402207335965045</c:v>
                </c:pt>
                <c:pt idx="5610">
                  <c:v>5.9005456841736912</c:v>
                </c:pt>
                <c:pt idx="5611">
                  <c:v>5.9005456841736912</c:v>
                </c:pt>
                <c:pt idx="5612">
                  <c:v>5.9005456841736912</c:v>
                </c:pt>
                <c:pt idx="5613">
                  <c:v>5.9005456841736912</c:v>
                </c:pt>
                <c:pt idx="5614">
                  <c:v>5.9005456841736912</c:v>
                </c:pt>
                <c:pt idx="5615">
                  <c:v>5.9005456841736912</c:v>
                </c:pt>
                <c:pt idx="5616">
                  <c:v>6.0102243940984019</c:v>
                </c:pt>
                <c:pt idx="5617">
                  <c:v>6.0102243940984019</c:v>
                </c:pt>
                <c:pt idx="5618">
                  <c:v>6.0102243940984019</c:v>
                </c:pt>
                <c:pt idx="5619">
                  <c:v>6.0102243940984019</c:v>
                </c:pt>
                <c:pt idx="5620">
                  <c:v>6.0102243940984019</c:v>
                </c:pt>
                <c:pt idx="5621">
                  <c:v>6.0102243940984019</c:v>
                </c:pt>
                <c:pt idx="5622">
                  <c:v>6.0102243940984019</c:v>
                </c:pt>
                <c:pt idx="5623">
                  <c:v>24.569068811026494</c:v>
                </c:pt>
                <c:pt idx="5624">
                  <c:v>27.413908357566413</c:v>
                </c:pt>
                <c:pt idx="5625">
                  <c:v>30.258747904106322</c:v>
                </c:pt>
                <c:pt idx="5626">
                  <c:v>30.258747904106322</c:v>
                </c:pt>
                <c:pt idx="5627">
                  <c:v>36.207048774144312</c:v>
                </c:pt>
                <c:pt idx="5628">
                  <c:v>36.207048774144312</c:v>
                </c:pt>
                <c:pt idx="5629">
                  <c:v>24.051825257110149</c:v>
                </c:pt>
                <c:pt idx="5630">
                  <c:v>36.207048774144312</c:v>
                </c:pt>
                <c:pt idx="5631">
                  <c:v>36.207048774144312</c:v>
                </c:pt>
                <c:pt idx="5632">
                  <c:v>21.336296599049327</c:v>
                </c:pt>
                <c:pt idx="5633">
                  <c:v>9.1064005971187925</c:v>
                </c:pt>
                <c:pt idx="5634">
                  <c:v>6.0102243940984019</c:v>
                </c:pt>
                <c:pt idx="5635">
                  <c:v>6.0102243940984019</c:v>
                </c:pt>
                <c:pt idx="5636">
                  <c:v>6.0102243940984019</c:v>
                </c:pt>
                <c:pt idx="5637">
                  <c:v>6.0102243940984019</c:v>
                </c:pt>
                <c:pt idx="5638">
                  <c:v>6.0102243940984019</c:v>
                </c:pt>
                <c:pt idx="5639">
                  <c:v>6.0102243940984019</c:v>
                </c:pt>
                <c:pt idx="5640">
                  <c:v>6.1012436731297797</c:v>
                </c:pt>
                <c:pt idx="5641">
                  <c:v>6.1012436731297797</c:v>
                </c:pt>
                <c:pt idx="5642">
                  <c:v>6.1012436731297797</c:v>
                </c:pt>
                <c:pt idx="5643">
                  <c:v>6.1012436731297797</c:v>
                </c:pt>
                <c:pt idx="5644">
                  <c:v>6.1012436731297797</c:v>
                </c:pt>
                <c:pt idx="5645">
                  <c:v>6.1012436731297797</c:v>
                </c:pt>
                <c:pt idx="5646">
                  <c:v>6.1012436731297797</c:v>
                </c:pt>
                <c:pt idx="5647">
                  <c:v>24.94114459106688</c:v>
                </c:pt>
                <c:pt idx="5648">
                  <c:v>27.829066596348305</c:v>
                </c:pt>
                <c:pt idx="5649">
                  <c:v>30.716988601629744</c:v>
                </c:pt>
                <c:pt idx="5650">
                  <c:v>30.716988601629744</c:v>
                </c:pt>
                <c:pt idx="5651">
                  <c:v>36.755370976309081</c:v>
                </c:pt>
                <c:pt idx="5652">
                  <c:v>36.755370976309081</c:v>
                </c:pt>
                <c:pt idx="5653">
                  <c:v>24.416067862833891</c:v>
                </c:pt>
                <c:pt idx="5654">
                  <c:v>36.755370976309081</c:v>
                </c:pt>
                <c:pt idx="5655">
                  <c:v>36.755370976309081</c:v>
                </c:pt>
                <c:pt idx="5656">
                  <c:v>21.659415039610714</c:v>
                </c:pt>
                <c:pt idx="5657">
                  <c:v>9.2443085956511784</c:v>
                </c:pt>
                <c:pt idx="5658">
                  <c:v>6.1012436731297797</c:v>
                </c:pt>
                <c:pt idx="5659">
                  <c:v>6.1012436731297797</c:v>
                </c:pt>
                <c:pt idx="5660">
                  <c:v>6.1012436731297797</c:v>
                </c:pt>
                <c:pt idx="5661">
                  <c:v>6.1012436731297797</c:v>
                </c:pt>
                <c:pt idx="5662">
                  <c:v>6.1012436731297797</c:v>
                </c:pt>
                <c:pt idx="5663">
                  <c:v>6.1012436731297797</c:v>
                </c:pt>
                <c:pt idx="5664">
                  <c:v>9.0307053457951767</c:v>
                </c:pt>
                <c:pt idx="5665">
                  <c:v>5.4731547550273802</c:v>
                </c:pt>
                <c:pt idx="5666">
                  <c:v>5.4731547550273802</c:v>
                </c:pt>
                <c:pt idx="5667">
                  <c:v>5.4731547550273802</c:v>
                </c:pt>
                <c:pt idx="5668">
                  <c:v>5.4731547550273802</c:v>
                </c:pt>
                <c:pt idx="5669">
                  <c:v>5.4731547550273802</c:v>
                </c:pt>
                <c:pt idx="5670">
                  <c:v>5.4731547550273802</c:v>
                </c:pt>
                <c:pt idx="5671">
                  <c:v>23.315639256416638</c:v>
                </c:pt>
                <c:pt idx="5672">
                  <c:v>29.144549070520796</c:v>
                </c:pt>
                <c:pt idx="5673">
                  <c:v>32.059003977572878</c:v>
                </c:pt>
                <c:pt idx="5674">
                  <c:v>32.059003977572878</c:v>
                </c:pt>
                <c:pt idx="5675">
                  <c:v>37.887913791677036</c:v>
                </c:pt>
                <c:pt idx="5676">
                  <c:v>37.887913791677036</c:v>
                </c:pt>
                <c:pt idx="5677">
                  <c:v>26.230094163468721</c:v>
                </c:pt>
                <c:pt idx="5678">
                  <c:v>37.887913791677036</c:v>
                </c:pt>
                <c:pt idx="5679">
                  <c:v>29.144549070520796</c:v>
                </c:pt>
                <c:pt idx="5680">
                  <c:v>13.682886887568452</c:v>
                </c:pt>
                <c:pt idx="5681">
                  <c:v>9.0307053457951767</c:v>
                </c:pt>
                <c:pt idx="5682">
                  <c:v>5.7468124927787478</c:v>
                </c:pt>
                <c:pt idx="5683">
                  <c:v>5.4731547550273802</c:v>
                </c:pt>
                <c:pt idx="5684">
                  <c:v>5.4731547550273802</c:v>
                </c:pt>
                <c:pt idx="5685">
                  <c:v>5.4731547550273802</c:v>
                </c:pt>
                <c:pt idx="5686">
                  <c:v>5.4731547550273802</c:v>
                </c:pt>
                <c:pt idx="5687">
                  <c:v>5.4731547550273802</c:v>
                </c:pt>
                <c:pt idx="5688">
                  <c:v>3.5716885637701106</c:v>
                </c:pt>
                <c:pt idx="5689">
                  <c:v>3.2294164096935396</c:v>
                </c:pt>
                <c:pt idx="5690">
                  <c:v>3.2294164096935396</c:v>
                </c:pt>
                <c:pt idx="5691">
                  <c:v>3.2294164096935396</c:v>
                </c:pt>
                <c:pt idx="5692">
                  <c:v>3.2294164096935396</c:v>
                </c:pt>
                <c:pt idx="5693">
                  <c:v>3.2294164096935396</c:v>
                </c:pt>
                <c:pt idx="5694">
                  <c:v>3.2294164096935396</c:v>
                </c:pt>
                <c:pt idx="5695">
                  <c:v>3.2294164096935396</c:v>
                </c:pt>
                <c:pt idx="5696">
                  <c:v>3.2294164096935396</c:v>
                </c:pt>
                <c:pt idx="5697">
                  <c:v>3.2294164096935396</c:v>
                </c:pt>
                <c:pt idx="5698">
                  <c:v>3.2294164096935396</c:v>
                </c:pt>
                <c:pt idx="5699">
                  <c:v>3.2294164096935396</c:v>
                </c:pt>
                <c:pt idx="5700">
                  <c:v>3.2294164096935396</c:v>
                </c:pt>
                <c:pt idx="5701">
                  <c:v>3.2294164096935396</c:v>
                </c:pt>
                <c:pt idx="5702">
                  <c:v>3.2294164096935396</c:v>
                </c:pt>
                <c:pt idx="5703">
                  <c:v>3.2294164096935396</c:v>
                </c:pt>
                <c:pt idx="5704">
                  <c:v>3.2294164096935396</c:v>
                </c:pt>
                <c:pt idx="5705">
                  <c:v>3.2294164096935396</c:v>
                </c:pt>
                <c:pt idx="5706">
                  <c:v>3.2294164096935396</c:v>
                </c:pt>
                <c:pt idx="5707">
                  <c:v>3.2294164096935396</c:v>
                </c:pt>
                <c:pt idx="5708">
                  <c:v>3.2294164096935396</c:v>
                </c:pt>
                <c:pt idx="5709">
                  <c:v>3.2294164096935396</c:v>
                </c:pt>
                <c:pt idx="5710">
                  <c:v>3.2294164096935396</c:v>
                </c:pt>
                <c:pt idx="5711">
                  <c:v>3.2294164096935396</c:v>
                </c:pt>
                <c:pt idx="5712">
                  <c:v>3.7525132797690253</c:v>
                </c:pt>
                <c:pt idx="5713">
                  <c:v>3.7527483359202436</c:v>
                </c:pt>
                <c:pt idx="5714">
                  <c:v>3.7527483359202436</c:v>
                </c:pt>
                <c:pt idx="5715">
                  <c:v>3.7527483359202436</c:v>
                </c:pt>
                <c:pt idx="5716">
                  <c:v>3.7527483359202436</c:v>
                </c:pt>
                <c:pt idx="5717">
                  <c:v>3.753171436992436</c:v>
                </c:pt>
                <c:pt idx="5718">
                  <c:v>3.7535475268343852</c:v>
                </c:pt>
                <c:pt idx="5719">
                  <c:v>3.7540176391368214</c:v>
                </c:pt>
                <c:pt idx="5720">
                  <c:v>3.7540176391368214</c:v>
                </c:pt>
                <c:pt idx="5721">
                  <c:v>3.7540176391368214</c:v>
                </c:pt>
                <c:pt idx="5722">
                  <c:v>3.7540176391368214</c:v>
                </c:pt>
                <c:pt idx="5723">
                  <c:v>3.7540176391368214</c:v>
                </c:pt>
                <c:pt idx="5724">
                  <c:v>3.7540176391368214</c:v>
                </c:pt>
                <c:pt idx="5725">
                  <c:v>3.7540176391368214</c:v>
                </c:pt>
                <c:pt idx="5726">
                  <c:v>3.7540176391368214</c:v>
                </c:pt>
                <c:pt idx="5727">
                  <c:v>3.753688560525116</c:v>
                </c:pt>
                <c:pt idx="5728">
                  <c:v>3.7536415492948723</c:v>
                </c:pt>
                <c:pt idx="5729">
                  <c:v>3.7532654594529231</c:v>
                </c:pt>
                <c:pt idx="5730">
                  <c:v>3.7531244257621923</c:v>
                </c:pt>
                <c:pt idx="5731">
                  <c:v>3.7527953471504869</c:v>
                </c:pt>
                <c:pt idx="5732">
                  <c:v>3.7525132797690253</c:v>
                </c:pt>
                <c:pt idx="5733">
                  <c:v>3.7523252348480507</c:v>
                </c:pt>
                <c:pt idx="5734">
                  <c:v>3.7523252348480507</c:v>
                </c:pt>
                <c:pt idx="5735">
                  <c:v>3.7523252348480507</c:v>
                </c:pt>
                <c:pt idx="5736">
                  <c:v>6.5353385133931283</c:v>
                </c:pt>
                <c:pt idx="5737">
                  <c:v>6.5353385133931283</c:v>
                </c:pt>
                <c:pt idx="5738">
                  <c:v>6.5353385133931283</c:v>
                </c:pt>
                <c:pt idx="5739">
                  <c:v>6.5353385133931283</c:v>
                </c:pt>
                <c:pt idx="5740">
                  <c:v>6.5353385133931283</c:v>
                </c:pt>
                <c:pt idx="5741">
                  <c:v>6.5353385133931283</c:v>
                </c:pt>
                <c:pt idx="5742">
                  <c:v>6.5353385133931283</c:v>
                </c:pt>
                <c:pt idx="5743">
                  <c:v>27.846780258724618</c:v>
                </c:pt>
                <c:pt idx="5744">
                  <c:v>31.32762779106519</c:v>
                </c:pt>
                <c:pt idx="5745">
                  <c:v>34.808475323405766</c:v>
                </c:pt>
                <c:pt idx="5746">
                  <c:v>34.808475323405766</c:v>
                </c:pt>
                <c:pt idx="5747">
                  <c:v>41.77017038808691</c:v>
                </c:pt>
                <c:pt idx="5748">
                  <c:v>41.77017038808691</c:v>
                </c:pt>
                <c:pt idx="5749">
                  <c:v>27.846780258724618</c:v>
                </c:pt>
                <c:pt idx="5750">
                  <c:v>41.77017038808691</c:v>
                </c:pt>
                <c:pt idx="5751">
                  <c:v>41.77017038808691</c:v>
                </c:pt>
                <c:pt idx="5752">
                  <c:v>24.478999950400791</c:v>
                </c:pt>
                <c:pt idx="5753">
                  <c:v>7.1895623437340825</c:v>
                </c:pt>
                <c:pt idx="5754">
                  <c:v>6.8976284749607686</c:v>
                </c:pt>
                <c:pt idx="5755">
                  <c:v>6.8976284749607686</c:v>
                </c:pt>
                <c:pt idx="5756">
                  <c:v>6.8976284749607686</c:v>
                </c:pt>
                <c:pt idx="5757">
                  <c:v>6.8976284749607686</c:v>
                </c:pt>
                <c:pt idx="5758">
                  <c:v>6.8976284749607686</c:v>
                </c:pt>
                <c:pt idx="5759">
                  <c:v>6.8976284749607686</c:v>
                </c:pt>
                <c:pt idx="5760">
                  <c:v>4.8599314142305943</c:v>
                </c:pt>
                <c:pt idx="5761">
                  <c:v>7.2551377525585172</c:v>
                </c:pt>
                <c:pt idx="5762">
                  <c:v>7.2551377525585172</c:v>
                </c:pt>
                <c:pt idx="5763">
                  <c:v>7.2551377525585172</c:v>
                </c:pt>
                <c:pt idx="5764">
                  <c:v>7.2551377525585172</c:v>
                </c:pt>
                <c:pt idx="5765">
                  <c:v>7.2551377525585172</c:v>
                </c:pt>
                <c:pt idx="5766">
                  <c:v>7.2551377525585172</c:v>
                </c:pt>
                <c:pt idx="5767">
                  <c:v>30.201447414034888</c:v>
                </c:pt>
                <c:pt idx="5768">
                  <c:v>33.698457114607358</c:v>
                </c:pt>
                <c:pt idx="5769">
                  <c:v>37.195466815179813</c:v>
                </c:pt>
                <c:pt idx="5770">
                  <c:v>37.195466815179813</c:v>
                </c:pt>
                <c:pt idx="5771">
                  <c:v>44.507396189104043</c:v>
                </c:pt>
                <c:pt idx="5772">
                  <c:v>44.507396189104043</c:v>
                </c:pt>
                <c:pt idx="5773">
                  <c:v>29.565627468476265</c:v>
                </c:pt>
                <c:pt idx="5774">
                  <c:v>44.507396189104043</c:v>
                </c:pt>
                <c:pt idx="5775">
                  <c:v>44.507396189104043</c:v>
                </c:pt>
                <c:pt idx="5776">
                  <c:v>26.528274100498876</c:v>
                </c:pt>
                <c:pt idx="5777">
                  <c:v>11.697202852441363</c:v>
                </c:pt>
                <c:pt idx="5778">
                  <c:v>7.4728837833156003</c:v>
                </c:pt>
                <c:pt idx="5779">
                  <c:v>7.4728837833156003</c:v>
                </c:pt>
                <c:pt idx="5780">
                  <c:v>7.4728837833156003</c:v>
                </c:pt>
                <c:pt idx="5781">
                  <c:v>7.4728837833156003</c:v>
                </c:pt>
                <c:pt idx="5782">
                  <c:v>7.4728837833156003</c:v>
                </c:pt>
                <c:pt idx="5783">
                  <c:v>7.4728837833156003</c:v>
                </c:pt>
                <c:pt idx="5784">
                  <c:v>7.677557018772541</c:v>
                </c:pt>
                <c:pt idx="5785">
                  <c:v>7.677557018772541</c:v>
                </c:pt>
                <c:pt idx="5786">
                  <c:v>7.677557018772541</c:v>
                </c:pt>
                <c:pt idx="5787">
                  <c:v>7.677557018772541</c:v>
                </c:pt>
                <c:pt idx="5788">
                  <c:v>7.677557018772541</c:v>
                </c:pt>
                <c:pt idx="5789">
                  <c:v>7.677557018772541</c:v>
                </c:pt>
                <c:pt idx="5790">
                  <c:v>7.677557018772541</c:v>
                </c:pt>
                <c:pt idx="5791">
                  <c:v>30.876182228617544</c:v>
                </c:pt>
                <c:pt idx="5792">
                  <c:v>34.45131911824695</c:v>
                </c:pt>
                <c:pt idx="5793">
                  <c:v>38.026456007876355</c:v>
                </c:pt>
                <c:pt idx="5794">
                  <c:v>38.026456007876355</c:v>
                </c:pt>
                <c:pt idx="5795">
                  <c:v>45.501742231646922</c:v>
                </c:pt>
                <c:pt idx="5796">
                  <c:v>45.501742231646922</c:v>
                </c:pt>
                <c:pt idx="5797">
                  <c:v>30.226157339594021</c:v>
                </c:pt>
                <c:pt idx="5798">
                  <c:v>45.501742231646922</c:v>
                </c:pt>
                <c:pt idx="5799">
                  <c:v>45.501742231646922</c:v>
                </c:pt>
                <c:pt idx="5800">
                  <c:v>27.195211980576456</c:v>
                </c:pt>
                <c:pt idx="5801">
                  <c:v>12.083947195678949</c:v>
                </c:pt>
                <c:pt idx="5802">
                  <c:v>7.677557018772541</c:v>
                </c:pt>
                <c:pt idx="5803">
                  <c:v>7.677557018772541</c:v>
                </c:pt>
                <c:pt idx="5804">
                  <c:v>7.677557018772541</c:v>
                </c:pt>
                <c:pt idx="5805">
                  <c:v>7.677557018772541</c:v>
                </c:pt>
                <c:pt idx="5806">
                  <c:v>7.677557018772541</c:v>
                </c:pt>
                <c:pt idx="5807">
                  <c:v>7.677557018772541</c:v>
                </c:pt>
                <c:pt idx="5808">
                  <c:v>7.3030528967369452</c:v>
                </c:pt>
                <c:pt idx="5809">
                  <c:v>7.3030528967369452</c:v>
                </c:pt>
                <c:pt idx="5810">
                  <c:v>7.3030528967369452</c:v>
                </c:pt>
                <c:pt idx="5811">
                  <c:v>7.3030528967369452</c:v>
                </c:pt>
                <c:pt idx="5812">
                  <c:v>7.3030528967369452</c:v>
                </c:pt>
                <c:pt idx="5813">
                  <c:v>7.3030528967369452</c:v>
                </c:pt>
                <c:pt idx="5814">
                  <c:v>7.3030528967369452</c:v>
                </c:pt>
                <c:pt idx="5815">
                  <c:v>29.510799790059892</c:v>
                </c:pt>
                <c:pt idx="5816">
                  <c:v>32.927839765751038</c:v>
                </c:pt>
                <c:pt idx="5817">
                  <c:v>36.344879741442192</c:v>
                </c:pt>
                <c:pt idx="5818">
                  <c:v>36.344879741442192</c:v>
                </c:pt>
                <c:pt idx="5819">
                  <c:v>43.489599690614575</c:v>
                </c:pt>
                <c:pt idx="5820">
                  <c:v>43.489599690614575</c:v>
                </c:pt>
                <c:pt idx="5821">
                  <c:v>28.889519794479682</c:v>
                </c:pt>
                <c:pt idx="5822">
                  <c:v>43.489599690614575</c:v>
                </c:pt>
                <c:pt idx="5823">
                  <c:v>43.489599690614575</c:v>
                </c:pt>
                <c:pt idx="5824">
                  <c:v>25.88528402134023</c:v>
                </c:pt>
                <c:pt idx="5825">
                  <c:v>11.36966771978849</c:v>
                </c:pt>
                <c:pt idx="5826">
                  <c:v>7.3030528967369452</c:v>
                </c:pt>
                <c:pt idx="5827">
                  <c:v>7.3030528967369452</c:v>
                </c:pt>
                <c:pt idx="5828">
                  <c:v>7.3030528967369452</c:v>
                </c:pt>
                <c:pt idx="5829">
                  <c:v>7.3030528967369452</c:v>
                </c:pt>
                <c:pt idx="5830">
                  <c:v>7.3030528967369452</c:v>
                </c:pt>
                <c:pt idx="5831">
                  <c:v>7.3030528967369452</c:v>
                </c:pt>
                <c:pt idx="5832">
                  <c:v>10.470207077497243</c:v>
                </c:pt>
                <c:pt idx="5833">
                  <c:v>6.391965260198373</c:v>
                </c:pt>
                <c:pt idx="5834">
                  <c:v>6.391965260198373</c:v>
                </c:pt>
                <c:pt idx="5835">
                  <c:v>6.391965260198373</c:v>
                </c:pt>
                <c:pt idx="5836">
                  <c:v>6.391965260198373</c:v>
                </c:pt>
                <c:pt idx="5837">
                  <c:v>6.391965260198373</c:v>
                </c:pt>
                <c:pt idx="5838">
                  <c:v>6.391965260198373</c:v>
                </c:pt>
                <c:pt idx="5839">
                  <c:v>27.047226051921331</c:v>
                </c:pt>
                <c:pt idx="5840">
                  <c:v>33.809032564901663</c:v>
                </c:pt>
                <c:pt idx="5841">
                  <c:v>37.189935821391835</c:v>
                </c:pt>
                <c:pt idx="5842">
                  <c:v>37.189935821391835</c:v>
                </c:pt>
                <c:pt idx="5843">
                  <c:v>43.951742334372156</c:v>
                </c:pt>
                <c:pt idx="5844">
                  <c:v>43.951742334372156</c:v>
                </c:pt>
                <c:pt idx="5845">
                  <c:v>30.428129308411496</c:v>
                </c:pt>
                <c:pt idx="5846">
                  <c:v>43.951742334372156</c:v>
                </c:pt>
                <c:pt idx="5847">
                  <c:v>33.848914640296989</c:v>
                </c:pt>
                <c:pt idx="5848">
                  <c:v>16.065374740628769</c:v>
                </c:pt>
                <c:pt idx="5849">
                  <c:v>10.671516600921258</c:v>
                </c:pt>
                <c:pt idx="5850">
                  <c:v>6.7056761692213636</c:v>
                </c:pt>
                <c:pt idx="5851">
                  <c:v>6.391965260198373</c:v>
                </c:pt>
                <c:pt idx="5852">
                  <c:v>6.391965260198373</c:v>
                </c:pt>
                <c:pt idx="5853">
                  <c:v>6.391965260198373</c:v>
                </c:pt>
                <c:pt idx="5854">
                  <c:v>6.391965260198373</c:v>
                </c:pt>
                <c:pt idx="5855">
                  <c:v>6.391965260198373</c:v>
                </c:pt>
                <c:pt idx="5856">
                  <c:v>4.3595007292911792</c:v>
                </c:pt>
                <c:pt idx="5857">
                  <c:v>3.9798304946306629</c:v>
                </c:pt>
                <c:pt idx="5858">
                  <c:v>3.9798304946306629</c:v>
                </c:pt>
                <c:pt idx="5859">
                  <c:v>3.9798304946306629</c:v>
                </c:pt>
                <c:pt idx="5860">
                  <c:v>3.9798304946306629</c:v>
                </c:pt>
                <c:pt idx="5861">
                  <c:v>3.9810750348991344</c:v>
                </c:pt>
                <c:pt idx="5862">
                  <c:v>3.9826929372481477</c:v>
                </c:pt>
                <c:pt idx="5863">
                  <c:v>3.983813023489772</c:v>
                </c:pt>
                <c:pt idx="5864">
                  <c:v>3.983813023489772</c:v>
                </c:pt>
                <c:pt idx="5865">
                  <c:v>3.983813023489772</c:v>
                </c:pt>
                <c:pt idx="5866">
                  <c:v>3.983813023489772</c:v>
                </c:pt>
                <c:pt idx="5867">
                  <c:v>3.983813023489772</c:v>
                </c:pt>
                <c:pt idx="5868">
                  <c:v>3.983813023489772</c:v>
                </c:pt>
                <c:pt idx="5869">
                  <c:v>3.983813023489772</c:v>
                </c:pt>
                <c:pt idx="5870">
                  <c:v>3.983813023489772</c:v>
                </c:pt>
                <c:pt idx="5871">
                  <c:v>3.9829418453018417</c:v>
                </c:pt>
                <c:pt idx="5872">
                  <c:v>3.9821951211407591</c:v>
                </c:pt>
                <c:pt idx="5873">
                  <c:v>3.9814483969796761</c:v>
                </c:pt>
                <c:pt idx="5874">
                  <c:v>3.9811994889259816</c:v>
                </c:pt>
                <c:pt idx="5875">
                  <c:v>3.9799549486575101</c:v>
                </c:pt>
                <c:pt idx="5876">
                  <c:v>3.9785859543621918</c:v>
                </c:pt>
                <c:pt idx="5877">
                  <c:v>3.9785859543621918</c:v>
                </c:pt>
                <c:pt idx="5878">
                  <c:v>3.9785859543621918</c:v>
                </c:pt>
                <c:pt idx="5879">
                  <c:v>3.9785859543621918</c:v>
                </c:pt>
                <c:pt idx="5880">
                  <c:v>4.1091643126741415</c:v>
                </c:pt>
                <c:pt idx="5881">
                  <c:v>4.1100937354470695</c:v>
                </c:pt>
                <c:pt idx="5882">
                  <c:v>4.1100937354470695</c:v>
                </c:pt>
                <c:pt idx="5883">
                  <c:v>4.1100937354470695</c:v>
                </c:pt>
                <c:pt idx="5884">
                  <c:v>4.1100937354470695</c:v>
                </c:pt>
                <c:pt idx="5885">
                  <c:v>4.1117666964383393</c:v>
                </c:pt>
                <c:pt idx="5886">
                  <c:v>4.1132537728750238</c:v>
                </c:pt>
                <c:pt idx="5887">
                  <c:v>4.1151126184208797</c:v>
                </c:pt>
                <c:pt idx="5888">
                  <c:v>4.1151126184208797</c:v>
                </c:pt>
                <c:pt idx="5889">
                  <c:v>4.1151126184208797</c:v>
                </c:pt>
                <c:pt idx="5890">
                  <c:v>4.1151126184208797</c:v>
                </c:pt>
                <c:pt idx="5891">
                  <c:v>4.1151126184208797</c:v>
                </c:pt>
                <c:pt idx="5892">
                  <c:v>4.1151126184208797</c:v>
                </c:pt>
                <c:pt idx="5893">
                  <c:v>4.1151126184208797</c:v>
                </c:pt>
                <c:pt idx="5894">
                  <c:v>4.1151126184208797</c:v>
                </c:pt>
                <c:pt idx="5895">
                  <c:v>4.1138114265387804</c:v>
                </c:pt>
                <c:pt idx="5896">
                  <c:v>4.1136255419841952</c:v>
                </c:pt>
                <c:pt idx="5897">
                  <c:v>4.1121384655475106</c:v>
                </c:pt>
                <c:pt idx="5898">
                  <c:v>4.111580811883754</c:v>
                </c:pt>
                <c:pt idx="5899">
                  <c:v>4.1102796200016547</c:v>
                </c:pt>
                <c:pt idx="5900">
                  <c:v>4.1091643126741415</c:v>
                </c:pt>
                <c:pt idx="5901">
                  <c:v>4.1084207744557997</c:v>
                </c:pt>
                <c:pt idx="5902">
                  <c:v>4.1084207744557997</c:v>
                </c:pt>
                <c:pt idx="5903">
                  <c:v>4.1084207744557997</c:v>
                </c:pt>
                <c:pt idx="5904">
                  <c:v>6.8867544012435387</c:v>
                </c:pt>
                <c:pt idx="5905">
                  <c:v>6.8867544012435387</c:v>
                </c:pt>
                <c:pt idx="5906">
                  <c:v>6.8867544012435387</c:v>
                </c:pt>
                <c:pt idx="5907">
                  <c:v>6.8867544012435387</c:v>
                </c:pt>
                <c:pt idx="5908">
                  <c:v>6.8867544012435387</c:v>
                </c:pt>
                <c:pt idx="5909">
                  <c:v>6.8867544012435387</c:v>
                </c:pt>
                <c:pt idx="5910">
                  <c:v>6.8867544012435387</c:v>
                </c:pt>
                <c:pt idx="5911">
                  <c:v>29.351857451897583</c:v>
                </c:pt>
                <c:pt idx="5912">
                  <c:v>33.020839633384789</c:v>
                </c:pt>
                <c:pt idx="5913">
                  <c:v>36.689821814871983</c:v>
                </c:pt>
                <c:pt idx="5914">
                  <c:v>36.689821814871983</c:v>
                </c:pt>
                <c:pt idx="5915">
                  <c:v>44.027786177846373</c:v>
                </c:pt>
                <c:pt idx="5916">
                  <c:v>44.027786177846373</c:v>
                </c:pt>
                <c:pt idx="5917">
                  <c:v>29.351857451897583</c:v>
                </c:pt>
                <c:pt idx="5918">
                  <c:v>44.027786177846373</c:v>
                </c:pt>
                <c:pt idx="5919">
                  <c:v>44.027786177846373</c:v>
                </c:pt>
                <c:pt idx="5920">
                  <c:v>25.941767380037433</c:v>
                </c:pt>
                <c:pt idx="5921">
                  <c:v>7.8597162773951874</c:v>
                </c:pt>
                <c:pt idx="5922">
                  <c:v>7.3124298722230243</c:v>
                </c:pt>
                <c:pt idx="5923">
                  <c:v>7.3124298722230243</c:v>
                </c:pt>
                <c:pt idx="5924">
                  <c:v>7.3124298722230243</c:v>
                </c:pt>
                <c:pt idx="5925">
                  <c:v>7.3124298722230243</c:v>
                </c:pt>
                <c:pt idx="5926">
                  <c:v>7.3124298722230243</c:v>
                </c:pt>
                <c:pt idx="5927">
                  <c:v>7.3124298722230243</c:v>
                </c:pt>
                <c:pt idx="5928">
                  <c:v>4.6685020749624035</c:v>
                </c:pt>
                <c:pt idx="5929">
                  <c:v>7.0063390681648761</c:v>
                </c:pt>
                <c:pt idx="5930">
                  <c:v>7.0063390681648761</c:v>
                </c:pt>
                <c:pt idx="5931">
                  <c:v>7.0063390681648761</c:v>
                </c:pt>
                <c:pt idx="5932">
                  <c:v>7.0063390681648761</c:v>
                </c:pt>
                <c:pt idx="5933">
                  <c:v>7.0063390681648761</c:v>
                </c:pt>
                <c:pt idx="5934">
                  <c:v>7.0063390681648761</c:v>
                </c:pt>
                <c:pt idx="5935">
                  <c:v>29.261948377584723</c:v>
                </c:pt>
                <c:pt idx="5936">
                  <c:v>32.650173979199792</c:v>
                </c:pt>
                <c:pt idx="5937">
                  <c:v>36.038399580814868</c:v>
                </c:pt>
                <c:pt idx="5938">
                  <c:v>36.038399580814868</c:v>
                </c:pt>
                <c:pt idx="5939">
                  <c:v>43.122871293282749</c:v>
                </c:pt>
                <c:pt idx="5940">
                  <c:v>43.122871293282749</c:v>
                </c:pt>
                <c:pt idx="5941">
                  <c:v>28.645907359109252</c:v>
                </c:pt>
                <c:pt idx="5942">
                  <c:v>43.122871293282749</c:v>
                </c:pt>
                <c:pt idx="5943">
                  <c:v>43.122871293282749</c:v>
                </c:pt>
                <c:pt idx="5944">
                  <c:v>25.626656225133594</c:v>
                </c:pt>
                <c:pt idx="5945">
                  <c:v>11.205510900319263</c:v>
                </c:pt>
                <c:pt idx="5946">
                  <c:v>7.2188697039105554</c:v>
                </c:pt>
                <c:pt idx="5947">
                  <c:v>7.2188697039105554</c:v>
                </c:pt>
                <c:pt idx="5948">
                  <c:v>7.2188697039105554</c:v>
                </c:pt>
                <c:pt idx="5949">
                  <c:v>7.2188697039105554</c:v>
                </c:pt>
                <c:pt idx="5950">
                  <c:v>7.2188697039105554</c:v>
                </c:pt>
                <c:pt idx="5951">
                  <c:v>7.2188697039105554</c:v>
                </c:pt>
                <c:pt idx="5952">
                  <c:v>6.9115258600633682</c:v>
                </c:pt>
                <c:pt idx="5953">
                  <c:v>6.9115258600633682</c:v>
                </c:pt>
                <c:pt idx="5954">
                  <c:v>6.9115258600633682</c:v>
                </c:pt>
                <c:pt idx="5955">
                  <c:v>6.9115258600633682</c:v>
                </c:pt>
                <c:pt idx="5956">
                  <c:v>6.9115258600633682</c:v>
                </c:pt>
                <c:pt idx="5957">
                  <c:v>6.9115258600633682</c:v>
                </c:pt>
                <c:pt idx="5958">
                  <c:v>6.9115258600633682</c:v>
                </c:pt>
                <c:pt idx="5959">
                  <c:v>28.083354513385984</c:v>
                </c:pt>
                <c:pt idx="5960">
                  <c:v>31.335111351778046</c:v>
                </c:pt>
                <c:pt idx="5961">
                  <c:v>34.586868190170115</c:v>
                </c:pt>
                <c:pt idx="5962">
                  <c:v>34.586868190170115</c:v>
                </c:pt>
                <c:pt idx="5963">
                  <c:v>41.385996124989873</c:v>
                </c:pt>
                <c:pt idx="5964">
                  <c:v>41.385996124989873</c:v>
                </c:pt>
                <c:pt idx="5965">
                  <c:v>27.492125997314702</c:v>
                </c:pt>
                <c:pt idx="5966">
                  <c:v>41.385996124989873</c:v>
                </c:pt>
                <c:pt idx="5967">
                  <c:v>41.385996124989873</c:v>
                </c:pt>
                <c:pt idx="5968">
                  <c:v>24.51581388213873</c:v>
                </c:pt>
                <c:pt idx="5969">
                  <c:v>10.622920994993921</c:v>
                </c:pt>
                <c:pt idx="5970">
                  <c:v>6.9115258600633682</c:v>
                </c:pt>
                <c:pt idx="5971">
                  <c:v>6.9115258600633682</c:v>
                </c:pt>
                <c:pt idx="5972">
                  <c:v>6.9115258600633682</c:v>
                </c:pt>
                <c:pt idx="5973">
                  <c:v>6.9115258600633682</c:v>
                </c:pt>
                <c:pt idx="5974">
                  <c:v>6.9115258600633682</c:v>
                </c:pt>
                <c:pt idx="5975">
                  <c:v>6.9115258600633682</c:v>
                </c:pt>
                <c:pt idx="5976">
                  <c:v>6.8604571161494219</c:v>
                </c:pt>
                <c:pt idx="5977">
                  <c:v>6.8604571161494219</c:v>
                </c:pt>
                <c:pt idx="5978">
                  <c:v>6.8604571161494219</c:v>
                </c:pt>
                <c:pt idx="5979">
                  <c:v>6.8604571161494219</c:v>
                </c:pt>
                <c:pt idx="5980">
                  <c:v>6.8604571161494219</c:v>
                </c:pt>
                <c:pt idx="5981">
                  <c:v>6.8604571161494219</c:v>
                </c:pt>
                <c:pt idx="5982">
                  <c:v>6.8604571161494219</c:v>
                </c:pt>
                <c:pt idx="5983">
                  <c:v>27.897165999037206</c:v>
                </c:pt>
                <c:pt idx="5984">
                  <c:v>31.12736416734678</c:v>
                </c:pt>
                <c:pt idx="5985">
                  <c:v>34.357562335656354</c:v>
                </c:pt>
                <c:pt idx="5986">
                  <c:v>34.357562335656354</c:v>
                </c:pt>
                <c:pt idx="5987">
                  <c:v>41.111613051212728</c:v>
                </c:pt>
                <c:pt idx="5988">
                  <c:v>41.111613051212728</c:v>
                </c:pt>
                <c:pt idx="5989">
                  <c:v>27.309857241162742</c:v>
                </c:pt>
                <c:pt idx="5990">
                  <c:v>41.111613051212728</c:v>
                </c:pt>
                <c:pt idx="5991">
                  <c:v>41.111613051212728</c:v>
                </c:pt>
                <c:pt idx="5992">
                  <c:v>24.337187342242878</c:v>
                </c:pt>
                <c:pt idx="5993">
                  <c:v>10.525519248281583</c:v>
                </c:pt>
                <c:pt idx="5994">
                  <c:v>6.8604571161494219</c:v>
                </c:pt>
                <c:pt idx="5995">
                  <c:v>6.8604571161494219</c:v>
                </c:pt>
                <c:pt idx="5996">
                  <c:v>6.8604571161494219</c:v>
                </c:pt>
                <c:pt idx="5997">
                  <c:v>6.8604571161494219</c:v>
                </c:pt>
                <c:pt idx="5998">
                  <c:v>6.8604571161494219</c:v>
                </c:pt>
                <c:pt idx="5999">
                  <c:v>6.8604571161494219</c:v>
                </c:pt>
                <c:pt idx="6000">
                  <c:v>10.287482562697939</c:v>
                </c:pt>
                <c:pt idx="6001">
                  <c:v>6.2640503481918133</c:v>
                </c:pt>
                <c:pt idx="6002">
                  <c:v>6.2640503481918133</c:v>
                </c:pt>
                <c:pt idx="6003">
                  <c:v>6.2640503481918133</c:v>
                </c:pt>
                <c:pt idx="6004">
                  <c:v>6.2640503481918133</c:v>
                </c:pt>
                <c:pt idx="6005">
                  <c:v>6.2640503481918133</c:v>
                </c:pt>
                <c:pt idx="6006">
                  <c:v>6.2640503481918133</c:v>
                </c:pt>
                <c:pt idx="6007">
                  <c:v>26.569890880418725</c:v>
                </c:pt>
                <c:pt idx="6008">
                  <c:v>33.21236360052341</c:v>
                </c:pt>
                <c:pt idx="6009">
                  <c:v>36.533599960575749</c:v>
                </c:pt>
                <c:pt idx="6010">
                  <c:v>36.533599960575749</c:v>
                </c:pt>
                <c:pt idx="6011">
                  <c:v>43.176072680680427</c:v>
                </c:pt>
                <c:pt idx="6012">
                  <c:v>43.176072680680427</c:v>
                </c:pt>
                <c:pt idx="6013">
                  <c:v>29.891127240471068</c:v>
                </c:pt>
                <c:pt idx="6014">
                  <c:v>43.176072680680427</c:v>
                </c:pt>
                <c:pt idx="6015">
                  <c:v>33.23748049253804</c:v>
                </c:pt>
                <c:pt idx="6016">
                  <c:v>15.713947781939456</c:v>
                </c:pt>
                <c:pt idx="6017">
                  <c:v>10.414263065247981</c:v>
                </c:pt>
                <c:pt idx="6018">
                  <c:v>6.5735451339230542</c:v>
                </c:pt>
                <c:pt idx="6019">
                  <c:v>6.2640503481918133</c:v>
                </c:pt>
                <c:pt idx="6020">
                  <c:v>6.2640503481918133</c:v>
                </c:pt>
                <c:pt idx="6021">
                  <c:v>6.2640503481918133</c:v>
                </c:pt>
                <c:pt idx="6022">
                  <c:v>6.2640503481918133</c:v>
                </c:pt>
                <c:pt idx="6023">
                  <c:v>6.2640503481918133</c:v>
                </c:pt>
                <c:pt idx="6024">
                  <c:v>4.2252413472919024</c:v>
                </c:pt>
                <c:pt idx="6025">
                  <c:v>3.8514646275504556</c:v>
                </c:pt>
                <c:pt idx="6026">
                  <c:v>3.8514646275504556</c:v>
                </c:pt>
                <c:pt idx="6027">
                  <c:v>3.8514646275504556</c:v>
                </c:pt>
                <c:pt idx="6028">
                  <c:v>3.8514646275504556</c:v>
                </c:pt>
                <c:pt idx="6029">
                  <c:v>3.8522692795229148</c:v>
                </c:pt>
                <c:pt idx="6030">
                  <c:v>3.8533153270871119</c:v>
                </c:pt>
                <c:pt idx="6031">
                  <c:v>3.8540395138623254</c:v>
                </c:pt>
                <c:pt idx="6032">
                  <c:v>3.8540395138623254</c:v>
                </c:pt>
                <c:pt idx="6033">
                  <c:v>3.8540395138623254</c:v>
                </c:pt>
                <c:pt idx="6034">
                  <c:v>3.8540395138623254</c:v>
                </c:pt>
                <c:pt idx="6035">
                  <c:v>3.8540395138623254</c:v>
                </c:pt>
                <c:pt idx="6036">
                  <c:v>3.8540395138623254</c:v>
                </c:pt>
                <c:pt idx="6037">
                  <c:v>3.8540395138623254</c:v>
                </c:pt>
                <c:pt idx="6038">
                  <c:v>3.8540395138623254</c:v>
                </c:pt>
                <c:pt idx="6039">
                  <c:v>3.8534762574816037</c:v>
                </c:pt>
                <c:pt idx="6040">
                  <c:v>3.8529934662981282</c:v>
                </c:pt>
                <c:pt idx="6041">
                  <c:v>3.8525106751146527</c:v>
                </c:pt>
                <c:pt idx="6042">
                  <c:v>3.8523497447201609</c:v>
                </c:pt>
                <c:pt idx="6043">
                  <c:v>3.8515450927477017</c:v>
                </c:pt>
                <c:pt idx="6044">
                  <c:v>3.8506599755779964</c:v>
                </c:pt>
                <c:pt idx="6045">
                  <c:v>3.8506599755779964</c:v>
                </c:pt>
                <c:pt idx="6046">
                  <c:v>3.8506599755779964</c:v>
                </c:pt>
                <c:pt idx="6047">
                  <c:v>3.8506599755779964</c:v>
                </c:pt>
                <c:pt idx="6048">
                  <c:v>3.9094397342472766</c:v>
                </c:pt>
                <c:pt idx="6049">
                  <c:v>3.9099803117120469</c:v>
                </c:pt>
                <c:pt idx="6050">
                  <c:v>3.9099803117120469</c:v>
                </c:pt>
                <c:pt idx="6051">
                  <c:v>3.9099803117120469</c:v>
                </c:pt>
                <c:pt idx="6052">
                  <c:v>3.9099803117120469</c:v>
                </c:pt>
                <c:pt idx="6053">
                  <c:v>3.9109533511486334</c:v>
                </c:pt>
                <c:pt idx="6054">
                  <c:v>3.9118182750922661</c:v>
                </c:pt>
                <c:pt idx="6055">
                  <c:v>3.912899430021807</c:v>
                </c:pt>
                <c:pt idx="6056">
                  <c:v>3.912899430021807</c:v>
                </c:pt>
                <c:pt idx="6057">
                  <c:v>3.912899430021807</c:v>
                </c:pt>
                <c:pt idx="6058">
                  <c:v>3.912899430021807</c:v>
                </c:pt>
                <c:pt idx="6059">
                  <c:v>3.912899430021807</c:v>
                </c:pt>
                <c:pt idx="6060">
                  <c:v>3.912899430021807</c:v>
                </c:pt>
                <c:pt idx="6061">
                  <c:v>3.912899430021807</c:v>
                </c:pt>
                <c:pt idx="6062">
                  <c:v>3.912899430021807</c:v>
                </c:pt>
                <c:pt idx="6063">
                  <c:v>3.9121426215711286</c:v>
                </c:pt>
                <c:pt idx="6064">
                  <c:v>3.9120345060781743</c:v>
                </c:pt>
                <c:pt idx="6065">
                  <c:v>3.9111695821345416</c:v>
                </c:pt>
                <c:pt idx="6066">
                  <c:v>3.9108452356556795</c:v>
                </c:pt>
                <c:pt idx="6067">
                  <c:v>3.9100884272050012</c:v>
                </c:pt>
                <c:pt idx="6068">
                  <c:v>3.9094397342472766</c:v>
                </c:pt>
                <c:pt idx="6069">
                  <c:v>3.9090072722754603</c:v>
                </c:pt>
                <c:pt idx="6070">
                  <c:v>3.9090072722754603</c:v>
                </c:pt>
                <c:pt idx="6071">
                  <c:v>3.9090072722754603</c:v>
                </c:pt>
                <c:pt idx="6072">
                  <c:v>6.2367566159024053</c:v>
                </c:pt>
                <c:pt idx="6073">
                  <c:v>6.2367566159024053</c:v>
                </c:pt>
                <c:pt idx="6074">
                  <c:v>6.2367566159024053</c:v>
                </c:pt>
                <c:pt idx="6075">
                  <c:v>6.2367566159024053</c:v>
                </c:pt>
                <c:pt idx="6076">
                  <c:v>6.2367566159024053</c:v>
                </c:pt>
                <c:pt idx="6077">
                  <c:v>6.2367566159024053</c:v>
                </c:pt>
                <c:pt idx="6078">
                  <c:v>6.2367566159024053</c:v>
                </c:pt>
                <c:pt idx="6079">
                  <c:v>26.568583183744245</c:v>
                </c:pt>
                <c:pt idx="6080">
                  <c:v>29.889656081712275</c:v>
                </c:pt>
                <c:pt idx="6081">
                  <c:v>33.210728979680312</c:v>
                </c:pt>
                <c:pt idx="6082">
                  <c:v>33.210728979680312</c:v>
                </c:pt>
                <c:pt idx="6083">
                  <c:v>39.852874775616371</c:v>
                </c:pt>
                <c:pt idx="6084">
                  <c:v>39.852874775616371</c:v>
                </c:pt>
                <c:pt idx="6085">
                  <c:v>26.568583183744245</c:v>
                </c:pt>
                <c:pt idx="6086">
                  <c:v>39.852874775616371</c:v>
                </c:pt>
                <c:pt idx="6087">
                  <c:v>39.852874775616371</c:v>
                </c:pt>
                <c:pt idx="6088">
                  <c:v>23.247510285776212</c:v>
                </c:pt>
                <c:pt idx="6089">
                  <c:v>6.6421457959360612</c:v>
                </c:pt>
                <c:pt idx="6090">
                  <c:v>6.5485944466975248</c:v>
                </c:pt>
                <c:pt idx="6091">
                  <c:v>6.5485944466975248</c:v>
                </c:pt>
                <c:pt idx="6092">
                  <c:v>6.5485944466975248</c:v>
                </c:pt>
                <c:pt idx="6093">
                  <c:v>6.5485944466975248</c:v>
                </c:pt>
                <c:pt idx="6094">
                  <c:v>6.5485944466975248</c:v>
                </c:pt>
                <c:pt idx="6095">
                  <c:v>6.5485944466975248</c:v>
                </c:pt>
                <c:pt idx="6096">
                  <c:v>4.1272719119248134</c:v>
                </c:pt>
                <c:pt idx="6097">
                  <c:v>6.2891762467425734</c:v>
                </c:pt>
                <c:pt idx="6098">
                  <c:v>6.2891762467425734</c:v>
                </c:pt>
                <c:pt idx="6099">
                  <c:v>6.2891762467425734</c:v>
                </c:pt>
                <c:pt idx="6100">
                  <c:v>6.2891762467425734</c:v>
                </c:pt>
                <c:pt idx="6101">
                  <c:v>6.2891762467425734</c:v>
                </c:pt>
                <c:pt idx="6102">
                  <c:v>6.2891762467425734</c:v>
                </c:pt>
                <c:pt idx="6103">
                  <c:v>26.512808615174158</c:v>
                </c:pt>
                <c:pt idx="6104">
                  <c:v>29.58271277061538</c:v>
                </c:pt>
                <c:pt idx="6105">
                  <c:v>32.652616926056602</c:v>
                </c:pt>
                <c:pt idx="6106">
                  <c:v>32.652616926056602</c:v>
                </c:pt>
                <c:pt idx="6107">
                  <c:v>39.071507432888239</c:v>
                </c:pt>
                <c:pt idx="6108">
                  <c:v>39.071507432888239</c:v>
                </c:pt>
                <c:pt idx="6109">
                  <c:v>25.954644223275757</c:v>
                </c:pt>
                <c:pt idx="6110">
                  <c:v>39.071507432888239</c:v>
                </c:pt>
                <c:pt idx="6111">
                  <c:v>39.071507432888239</c:v>
                </c:pt>
                <c:pt idx="6112">
                  <c:v>23.024281165809143</c:v>
                </c:pt>
                <c:pt idx="6113">
                  <c:v>9.8268378855352712</c:v>
                </c:pt>
                <c:pt idx="6114">
                  <c:v>6.4857130044532791</c:v>
                </c:pt>
                <c:pt idx="6115">
                  <c:v>6.4857130044532791</c:v>
                </c:pt>
                <c:pt idx="6116">
                  <c:v>6.4857130044532791</c:v>
                </c:pt>
                <c:pt idx="6117">
                  <c:v>6.4857130044532791</c:v>
                </c:pt>
                <c:pt idx="6118">
                  <c:v>6.4857130044532791</c:v>
                </c:pt>
                <c:pt idx="6119">
                  <c:v>6.4857130044532791</c:v>
                </c:pt>
                <c:pt idx="6120">
                  <c:v>6.4084337398606728</c:v>
                </c:pt>
                <c:pt idx="6121">
                  <c:v>6.4084337398606728</c:v>
                </c:pt>
                <c:pt idx="6122">
                  <c:v>6.4084337398606728</c:v>
                </c:pt>
                <c:pt idx="6123">
                  <c:v>6.4084337398606728</c:v>
                </c:pt>
                <c:pt idx="6124">
                  <c:v>6.4084337398606728</c:v>
                </c:pt>
                <c:pt idx="6125">
                  <c:v>6.4084337398606728</c:v>
                </c:pt>
                <c:pt idx="6126">
                  <c:v>6.4084337398606728</c:v>
                </c:pt>
                <c:pt idx="6127">
                  <c:v>26.196900348703174</c:v>
                </c:pt>
                <c:pt idx="6128">
                  <c:v>29.230225652237223</c:v>
                </c:pt>
                <c:pt idx="6129">
                  <c:v>32.263550955771279</c:v>
                </c:pt>
                <c:pt idx="6130">
                  <c:v>32.263550955771279</c:v>
                </c:pt>
                <c:pt idx="6131">
                  <c:v>38.605958408615201</c:v>
                </c:pt>
                <c:pt idx="6132">
                  <c:v>38.605958408615201</c:v>
                </c:pt>
                <c:pt idx="6133">
                  <c:v>25.645386657151526</c:v>
                </c:pt>
                <c:pt idx="6134">
                  <c:v>38.605958408615201</c:v>
                </c:pt>
                <c:pt idx="6135">
                  <c:v>38.605958408615201</c:v>
                </c:pt>
                <c:pt idx="6136">
                  <c:v>22.749939776505393</c:v>
                </c:pt>
                <c:pt idx="6137">
                  <c:v>9.7097480906979889</c:v>
                </c:pt>
                <c:pt idx="6138">
                  <c:v>6.4084337398606728</c:v>
                </c:pt>
                <c:pt idx="6139">
                  <c:v>6.4084337398606728</c:v>
                </c:pt>
                <c:pt idx="6140">
                  <c:v>6.4084337398606728</c:v>
                </c:pt>
                <c:pt idx="6141">
                  <c:v>6.4084337398606728</c:v>
                </c:pt>
                <c:pt idx="6142">
                  <c:v>6.4084337398606728</c:v>
                </c:pt>
                <c:pt idx="6143">
                  <c:v>6.4084337398606728</c:v>
                </c:pt>
                <c:pt idx="6144">
                  <c:v>6.9285487747013494</c:v>
                </c:pt>
                <c:pt idx="6145">
                  <c:v>6.9285487747013494</c:v>
                </c:pt>
                <c:pt idx="6146">
                  <c:v>6.9285487747013494</c:v>
                </c:pt>
                <c:pt idx="6147">
                  <c:v>6.9285487747013494</c:v>
                </c:pt>
                <c:pt idx="6148">
                  <c:v>6.9285487747013494</c:v>
                </c:pt>
                <c:pt idx="6149">
                  <c:v>6.9285487747013494</c:v>
                </c:pt>
                <c:pt idx="6150">
                  <c:v>6.9285487747013494</c:v>
                </c:pt>
                <c:pt idx="6151">
                  <c:v>28.145417351502239</c:v>
                </c:pt>
                <c:pt idx="6152">
                  <c:v>31.404360413255137</c:v>
                </c:pt>
                <c:pt idx="6153">
                  <c:v>34.663303475008021</c:v>
                </c:pt>
                <c:pt idx="6154">
                  <c:v>34.663303475008021</c:v>
                </c:pt>
                <c:pt idx="6155">
                  <c:v>41.477457149582243</c:v>
                </c:pt>
                <c:pt idx="6156">
                  <c:v>41.477457149582243</c:v>
                </c:pt>
                <c:pt idx="6157">
                  <c:v>27.55288224936535</c:v>
                </c:pt>
                <c:pt idx="6158">
                  <c:v>41.477457149582243</c:v>
                </c:pt>
                <c:pt idx="6159">
                  <c:v>41.477457149582243</c:v>
                </c:pt>
                <c:pt idx="6160">
                  <c:v>24.57535606210401</c:v>
                </c:pt>
                <c:pt idx="6161">
                  <c:v>10.655388243898033</c:v>
                </c:pt>
                <c:pt idx="6162">
                  <c:v>6.9285487747013494</c:v>
                </c:pt>
                <c:pt idx="6163">
                  <c:v>6.9285487747013494</c:v>
                </c:pt>
                <c:pt idx="6164">
                  <c:v>6.9285487747013494</c:v>
                </c:pt>
                <c:pt idx="6165">
                  <c:v>6.9285487747013494</c:v>
                </c:pt>
                <c:pt idx="6166">
                  <c:v>6.9285487747013494</c:v>
                </c:pt>
                <c:pt idx="6167">
                  <c:v>6.9285487747013494</c:v>
                </c:pt>
                <c:pt idx="6168">
                  <c:v>10.904177800145593</c:v>
                </c:pt>
                <c:pt idx="6169">
                  <c:v>6.6957631762139567</c:v>
                </c:pt>
                <c:pt idx="6170">
                  <c:v>6.6957631762139567</c:v>
                </c:pt>
                <c:pt idx="6171">
                  <c:v>6.6957631762139567</c:v>
                </c:pt>
                <c:pt idx="6172">
                  <c:v>6.6957631762139567</c:v>
                </c:pt>
                <c:pt idx="6173">
                  <c:v>6.6957631762139567</c:v>
                </c:pt>
                <c:pt idx="6174">
                  <c:v>6.6957631762139567</c:v>
                </c:pt>
                <c:pt idx="6175">
                  <c:v>28.180897084240019</c:v>
                </c:pt>
                <c:pt idx="6176">
                  <c:v>35.226121355300023</c:v>
                </c:pt>
                <c:pt idx="6177">
                  <c:v>38.748733490830027</c:v>
                </c:pt>
                <c:pt idx="6178">
                  <c:v>38.748733490830027</c:v>
                </c:pt>
                <c:pt idx="6179">
                  <c:v>45.793957761890027</c:v>
                </c:pt>
                <c:pt idx="6180">
                  <c:v>45.793957761890027</c:v>
                </c:pt>
                <c:pt idx="6181">
                  <c:v>31.703509219770023</c:v>
                </c:pt>
                <c:pt idx="6182">
                  <c:v>45.793957761890027</c:v>
                </c:pt>
                <c:pt idx="6183">
                  <c:v>35.301070741224493</c:v>
                </c:pt>
                <c:pt idx="6184">
                  <c:v>16.900013767515894</c:v>
                </c:pt>
                <c:pt idx="6185">
                  <c:v>11.282493748145297</c:v>
                </c:pt>
                <c:pt idx="6186">
                  <c:v>7.0194873780548512</c:v>
                </c:pt>
                <c:pt idx="6187">
                  <c:v>6.6957631762139567</c:v>
                </c:pt>
                <c:pt idx="6188">
                  <c:v>6.6957631762139567</c:v>
                </c:pt>
                <c:pt idx="6189">
                  <c:v>6.6957631762139567</c:v>
                </c:pt>
                <c:pt idx="6190">
                  <c:v>6.6957631762139567</c:v>
                </c:pt>
                <c:pt idx="6191">
                  <c:v>6.6957631762139567</c:v>
                </c:pt>
                <c:pt idx="6192">
                  <c:v>4.4937601112904568</c:v>
                </c:pt>
                <c:pt idx="6193">
                  <c:v>4.1081963617108705</c:v>
                </c:pt>
                <c:pt idx="6194">
                  <c:v>4.1081963617108705</c:v>
                </c:pt>
                <c:pt idx="6195">
                  <c:v>4.1081963617108705</c:v>
                </c:pt>
                <c:pt idx="6196">
                  <c:v>4.1081963617108705</c:v>
                </c:pt>
                <c:pt idx="6197">
                  <c:v>4.109880790275354</c:v>
                </c:pt>
                <c:pt idx="6198">
                  <c:v>4.112070547409183</c:v>
                </c:pt>
                <c:pt idx="6199">
                  <c:v>4.1135865331172186</c:v>
                </c:pt>
                <c:pt idx="6200">
                  <c:v>4.1135865331172186</c:v>
                </c:pt>
                <c:pt idx="6201">
                  <c:v>4.1135865331172186</c:v>
                </c:pt>
                <c:pt idx="6202">
                  <c:v>4.1135865331172186</c:v>
                </c:pt>
                <c:pt idx="6203">
                  <c:v>4.1135865331172186</c:v>
                </c:pt>
                <c:pt idx="6204">
                  <c:v>4.1135865331172186</c:v>
                </c:pt>
                <c:pt idx="6205">
                  <c:v>4.1135865331172186</c:v>
                </c:pt>
                <c:pt idx="6206">
                  <c:v>4.1135865331172186</c:v>
                </c:pt>
                <c:pt idx="6207">
                  <c:v>4.1124074331220797</c:v>
                </c:pt>
                <c:pt idx="6208">
                  <c:v>4.1113967759833896</c:v>
                </c:pt>
                <c:pt idx="6209">
                  <c:v>4.1103861188446995</c:v>
                </c:pt>
                <c:pt idx="6210">
                  <c:v>4.1100492331318028</c:v>
                </c:pt>
                <c:pt idx="6211">
                  <c:v>4.1083648045673185</c:v>
                </c:pt>
                <c:pt idx="6212">
                  <c:v>4.1065119331463871</c:v>
                </c:pt>
                <c:pt idx="6213">
                  <c:v>4.1065119331463871</c:v>
                </c:pt>
                <c:pt idx="6214">
                  <c:v>4.1065119331463871</c:v>
                </c:pt>
                <c:pt idx="6215">
                  <c:v>4.1065119331463871</c:v>
                </c:pt>
                <c:pt idx="6216">
                  <c:v>4.0521001474093223</c:v>
                </c:pt>
                <c:pt idx="6217">
                  <c:v>4.0529184715227773</c:v>
                </c:pt>
                <c:pt idx="6218">
                  <c:v>4.0529184715227773</c:v>
                </c:pt>
                <c:pt idx="6219">
                  <c:v>4.0529184715227773</c:v>
                </c:pt>
                <c:pt idx="6220">
                  <c:v>4.0529184715227773</c:v>
                </c:pt>
                <c:pt idx="6221">
                  <c:v>4.0543914549269946</c:v>
                </c:pt>
                <c:pt idx="6222">
                  <c:v>4.0557007735085211</c:v>
                </c:pt>
                <c:pt idx="6223">
                  <c:v>4.0573374217354301</c:v>
                </c:pt>
                <c:pt idx="6224">
                  <c:v>4.0573374217354301</c:v>
                </c:pt>
                <c:pt idx="6225">
                  <c:v>4.0573374217354301</c:v>
                </c:pt>
                <c:pt idx="6226">
                  <c:v>4.0573374217354301</c:v>
                </c:pt>
                <c:pt idx="6227">
                  <c:v>4.0573374217354301</c:v>
                </c:pt>
                <c:pt idx="6228">
                  <c:v>4.0573374217354301</c:v>
                </c:pt>
                <c:pt idx="6229">
                  <c:v>4.0573374217354301</c:v>
                </c:pt>
                <c:pt idx="6230">
                  <c:v>4.0573374217354301</c:v>
                </c:pt>
                <c:pt idx="6231">
                  <c:v>4.0561917679765935</c:v>
                </c:pt>
                <c:pt idx="6232">
                  <c:v>4.0560281031539027</c:v>
                </c:pt>
                <c:pt idx="6233">
                  <c:v>4.0547187845723762</c:v>
                </c:pt>
                <c:pt idx="6234">
                  <c:v>4.0542277901043038</c:v>
                </c:pt>
                <c:pt idx="6235">
                  <c:v>4.0530821363454681</c:v>
                </c:pt>
                <c:pt idx="6236">
                  <c:v>4.0521001474093223</c:v>
                </c:pt>
                <c:pt idx="6237">
                  <c:v>4.0514454881185591</c:v>
                </c:pt>
                <c:pt idx="6238">
                  <c:v>4.0514454881185591</c:v>
                </c:pt>
                <c:pt idx="6239">
                  <c:v>4.0514454881185591</c:v>
                </c:pt>
                <c:pt idx="6240">
                  <c:v>6.4181998841096561</c:v>
                </c:pt>
                <c:pt idx="6241">
                  <c:v>6.4181998841096561</c:v>
                </c:pt>
                <c:pt idx="6242">
                  <c:v>6.4181998841096561</c:v>
                </c:pt>
                <c:pt idx="6243">
                  <c:v>6.4181998841096561</c:v>
                </c:pt>
                <c:pt idx="6244">
                  <c:v>6.4181998841096561</c:v>
                </c:pt>
                <c:pt idx="6245">
                  <c:v>6.4181998841096561</c:v>
                </c:pt>
                <c:pt idx="6246">
                  <c:v>6.4181998841096561</c:v>
                </c:pt>
                <c:pt idx="6247">
                  <c:v>27.345087861000284</c:v>
                </c:pt>
                <c:pt idx="6248">
                  <c:v>30.763223843625319</c:v>
                </c:pt>
                <c:pt idx="6249">
                  <c:v>34.181359826250358</c:v>
                </c:pt>
                <c:pt idx="6250">
                  <c:v>34.181359826250358</c:v>
                </c:pt>
                <c:pt idx="6251">
                  <c:v>41.01763179150042</c:v>
                </c:pt>
                <c:pt idx="6252">
                  <c:v>41.01763179150042</c:v>
                </c:pt>
                <c:pt idx="6253">
                  <c:v>27.345087861000284</c:v>
                </c:pt>
                <c:pt idx="6254">
                  <c:v>41.01763179150042</c:v>
                </c:pt>
                <c:pt idx="6255">
                  <c:v>41.01763179150042</c:v>
                </c:pt>
                <c:pt idx="6256">
                  <c:v>23.991410807188576</c:v>
                </c:pt>
                <c:pt idx="6257">
                  <c:v>6.9661776991803777</c:v>
                </c:pt>
                <c:pt idx="6258">
                  <c:v>6.7593613425400152</c:v>
                </c:pt>
                <c:pt idx="6259">
                  <c:v>6.7593613425400152</c:v>
                </c:pt>
                <c:pt idx="6260">
                  <c:v>6.7593613425400152</c:v>
                </c:pt>
                <c:pt idx="6261">
                  <c:v>6.7593613425400152</c:v>
                </c:pt>
                <c:pt idx="6262">
                  <c:v>6.7593613425400152</c:v>
                </c:pt>
                <c:pt idx="6263">
                  <c:v>6.7593613425400152</c:v>
                </c:pt>
                <c:pt idx="6264">
                  <c:v>4.5408825154502743</c:v>
                </c:pt>
                <c:pt idx="6265">
                  <c:v>6.8404732785691129</c:v>
                </c:pt>
                <c:pt idx="6266">
                  <c:v>6.8404732785691129</c:v>
                </c:pt>
                <c:pt idx="6267">
                  <c:v>6.8404732785691129</c:v>
                </c:pt>
                <c:pt idx="6268">
                  <c:v>6.8404732785691129</c:v>
                </c:pt>
                <c:pt idx="6269">
                  <c:v>6.8404732785691129</c:v>
                </c:pt>
                <c:pt idx="6270">
                  <c:v>6.8404732785691129</c:v>
                </c:pt>
                <c:pt idx="6271">
                  <c:v>28.635615686617935</c:v>
                </c:pt>
                <c:pt idx="6272">
                  <c:v>31.951318555594753</c:v>
                </c:pt>
                <c:pt idx="6273">
                  <c:v>35.267021424571574</c:v>
                </c:pt>
                <c:pt idx="6274">
                  <c:v>35.267021424571574</c:v>
                </c:pt>
                <c:pt idx="6275">
                  <c:v>42.199854696068549</c:v>
                </c:pt>
                <c:pt idx="6276">
                  <c:v>42.199854696068549</c:v>
                </c:pt>
                <c:pt idx="6277">
                  <c:v>28.032760619531249</c:v>
                </c:pt>
                <c:pt idx="6278">
                  <c:v>42.199854696068549</c:v>
                </c:pt>
                <c:pt idx="6279">
                  <c:v>42.199854696068549</c:v>
                </c:pt>
                <c:pt idx="6280">
                  <c:v>25.025577641556737</c:v>
                </c:pt>
                <c:pt idx="6281">
                  <c:v>10.877716265571197</c:v>
                </c:pt>
                <c:pt idx="6282">
                  <c:v>7.0495269843071897</c:v>
                </c:pt>
                <c:pt idx="6283">
                  <c:v>7.0495269843071897</c:v>
                </c:pt>
                <c:pt idx="6284">
                  <c:v>7.0495269843071897</c:v>
                </c:pt>
                <c:pt idx="6285">
                  <c:v>7.0495269843071897</c:v>
                </c:pt>
                <c:pt idx="6286">
                  <c:v>7.0495269843071897</c:v>
                </c:pt>
                <c:pt idx="6287">
                  <c:v>7.0495269843071897</c:v>
                </c:pt>
                <c:pt idx="6288">
                  <c:v>6.9455716893393307</c:v>
                </c:pt>
                <c:pt idx="6289">
                  <c:v>6.9455716893393307</c:v>
                </c:pt>
                <c:pt idx="6290">
                  <c:v>6.9455716893393307</c:v>
                </c:pt>
                <c:pt idx="6291">
                  <c:v>6.9455716893393307</c:v>
                </c:pt>
                <c:pt idx="6292">
                  <c:v>6.9455716893393307</c:v>
                </c:pt>
                <c:pt idx="6293">
                  <c:v>6.9455716893393307</c:v>
                </c:pt>
                <c:pt idx="6294">
                  <c:v>6.9455716893393307</c:v>
                </c:pt>
                <c:pt idx="6295">
                  <c:v>28.207480189618501</c:v>
                </c:pt>
                <c:pt idx="6296">
                  <c:v>31.473609474732218</c:v>
                </c:pt>
                <c:pt idx="6297">
                  <c:v>34.739738759845942</c:v>
                </c:pt>
                <c:pt idx="6298">
                  <c:v>34.739738759845942</c:v>
                </c:pt>
                <c:pt idx="6299">
                  <c:v>41.568918174174627</c:v>
                </c:pt>
                <c:pt idx="6300">
                  <c:v>41.568918174174627</c:v>
                </c:pt>
                <c:pt idx="6301">
                  <c:v>27.613638501416002</c:v>
                </c:pt>
                <c:pt idx="6302">
                  <c:v>41.568918174174627</c:v>
                </c:pt>
                <c:pt idx="6303">
                  <c:v>41.568918174174627</c:v>
                </c:pt>
                <c:pt idx="6304">
                  <c:v>24.634898242069294</c:v>
                </c:pt>
                <c:pt idx="6305">
                  <c:v>10.687855492802143</c:v>
                </c:pt>
                <c:pt idx="6306">
                  <c:v>6.9455716893393307</c:v>
                </c:pt>
                <c:pt idx="6307">
                  <c:v>6.9455716893393307</c:v>
                </c:pt>
                <c:pt idx="6308">
                  <c:v>6.9455716893393307</c:v>
                </c:pt>
                <c:pt idx="6309">
                  <c:v>6.9455716893393307</c:v>
                </c:pt>
                <c:pt idx="6310">
                  <c:v>6.9455716893393307</c:v>
                </c:pt>
                <c:pt idx="6311">
                  <c:v>6.9455716893393307</c:v>
                </c:pt>
                <c:pt idx="6312">
                  <c:v>6.6732050551316249</c:v>
                </c:pt>
                <c:pt idx="6313">
                  <c:v>6.6732050551316249</c:v>
                </c:pt>
                <c:pt idx="6314">
                  <c:v>6.6732050551316249</c:v>
                </c:pt>
                <c:pt idx="6315">
                  <c:v>6.6732050551316249</c:v>
                </c:pt>
                <c:pt idx="6316">
                  <c:v>6.6732050551316249</c:v>
                </c:pt>
                <c:pt idx="6317">
                  <c:v>6.6732050551316249</c:v>
                </c:pt>
                <c:pt idx="6318">
                  <c:v>6.6732050551316249</c:v>
                </c:pt>
                <c:pt idx="6319">
                  <c:v>27.214474779758387</c:v>
                </c:pt>
                <c:pt idx="6320">
                  <c:v>30.365624491098828</c:v>
                </c:pt>
                <c:pt idx="6321">
                  <c:v>33.516774202439272</c:v>
                </c:pt>
                <c:pt idx="6322">
                  <c:v>33.516774202439272</c:v>
                </c:pt>
                <c:pt idx="6323">
                  <c:v>40.105541780696569</c:v>
                </c:pt>
                <c:pt idx="6324">
                  <c:v>40.105541780696569</c:v>
                </c:pt>
                <c:pt idx="6325">
                  <c:v>26.641538468605578</c:v>
                </c:pt>
                <c:pt idx="6326">
                  <c:v>40.105541780696569</c:v>
                </c:pt>
                <c:pt idx="6327">
                  <c:v>40.105541780696569</c:v>
                </c:pt>
                <c:pt idx="6328">
                  <c:v>23.682223362624768</c:v>
                </c:pt>
                <c:pt idx="6329">
                  <c:v>10.168379510336354</c:v>
                </c:pt>
                <c:pt idx="6330">
                  <c:v>6.6732050551316249</c:v>
                </c:pt>
                <c:pt idx="6331">
                  <c:v>6.6732050551316249</c:v>
                </c:pt>
                <c:pt idx="6332">
                  <c:v>6.6732050551316249</c:v>
                </c:pt>
                <c:pt idx="6333">
                  <c:v>6.6732050551316249</c:v>
                </c:pt>
                <c:pt idx="6334">
                  <c:v>6.6732050551316249</c:v>
                </c:pt>
                <c:pt idx="6335">
                  <c:v>6.6732050551316249</c:v>
                </c:pt>
                <c:pt idx="6336">
                  <c:v>10.356004255747676</c:v>
                </c:pt>
                <c:pt idx="6337">
                  <c:v>6.3120184401942732</c:v>
                </c:pt>
                <c:pt idx="6338">
                  <c:v>6.3120184401942732</c:v>
                </c:pt>
                <c:pt idx="6339">
                  <c:v>6.3120184401942732</c:v>
                </c:pt>
                <c:pt idx="6340">
                  <c:v>6.3120184401942732</c:v>
                </c:pt>
                <c:pt idx="6341">
                  <c:v>6.3120184401942732</c:v>
                </c:pt>
                <c:pt idx="6342">
                  <c:v>6.3120184401942732</c:v>
                </c:pt>
                <c:pt idx="6343">
                  <c:v>26.748891569732201</c:v>
                </c:pt>
                <c:pt idx="6344">
                  <c:v>33.43611446216525</c:v>
                </c:pt>
                <c:pt idx="6345">
                  <c:v>36.779725908381771</c:v>
                </c:pt>
                <c:pt idx="6346">
                  <c:v>36.779725908381771</c:v>
                </c:pt>
                <c:pt idx="6347">
                  <c:v>43.466948800814826</c:v>
                </c:pt>
                <c:pt idx="6348">
                  <c:v>43.466948800814826</c:v>
                </c:pt>
                <c:pt idx="6349">
                  <c:v>30.092503015948726</c:v>
                </c:pt>
                <c:pt idx="6350">
                  <c:v>43.466948800814826</c:v>
                </c:pt>
                <c:pt idx="6351">
                  <c:v>33.466768297947638</c:v>
                </c:pt>
                <c:pt idx="6352">
                  <c:v>15.845732891447945</c:v>
                </c:pt>
                <c:pt idx="6353">
                  <c:v>10.510733141125458</c:v>
                </c:pt>
                <c:pt idx="6354">
                  <c:v>6.6230942721599178</c:v>
                </c:pt>
                <c:pt idx="6355">
                  <c:v>6.3120184401942732</c:v>
                </c:pt>
                <c:pt idx="6356">
                  <c:v>6.3120184401942732</c:v>
                </c:pt>
                <c:pt idx="6357">
                  <c:v>6.3120184401942732</c:v>
                </c:pt>
                <c:pt idx="6358">
                  <c:v>6.3120184401942732</c:v>
                </c:pt>
                <c:pt idx="6359">
                  <c:v>6.3120184401942732</c:v>
                </c:pt>
                <c:pt idx="6360">
                  <c:v>5.0904684757316883</c:v>
                </c:pt>
                <c:pt idx="6361">
                  <c:v>4.6787113265117917</c:v>
                </c:pt>
                <c:pt idx="6362">
                  <c:v>4.6787113265117917</c:v>
                </c:pt>
                <c:pt idx="6363">
                  <c:v>4.6787113265117917</c:v>
                </c:pt>
                <c:pt idx="6364">
                  <c:v>4.6787113265117917</c:v>
                </c:pt>
                <c:pt idx="6365">
                  <c:v>4.6823508141696628</c:v>
                </c:pt>
                <c:pt idx="6366">
                  <c:v>4.6870821481248957</c:v>
                </c:pt>
                <c:pt idx="6367">
                  <c:v>4.6903576870169807</c:v>
                </c:pt>
                <c:pt idx="6368">
                  <c:v>4.6903576870169807</c:v>
                </c:pt>
                <c:pt idx="6369">
                  <c:v>4.6903576870169807</c:v>
                </c:pt>
                <c:pt idx="6370">
                  <c:v>4.6903576870169807</c:v>
                </c:pt>
                <c:pt idx="6371">
                  <c:v>4.6903576870169807</c:v>
                </c:pt>
                <c:pt idx="6372">
                  <c:v>4.6903576870169807</c:v>
                </c:pt>
                <c:pt idx="6373">
                  <c:v>4.6903576870169807</c:v>
                </c:pt>
                <c:pt idx="6374">
                  <c:v>4.6903576870169807</c:v>
                </c:pt>
                <c:pt idx="6375">
                  <c:v>4.6878100456564704</c:v>
                </c:pt>
                <c:pt idx="6376">
                  <c:v>4.685626353061747</c:v>
                </c:pt>
                <c:pt idx="6377">
                  <c:v>4.6834426604670245</c:v>
                </c:pt>
                <c:pt idx="6378">
                  <c:v>4.6827147629354497</c:v>
                </c:pt>
                <c:pt idx="6379">
                  <c:v>4.6790752752775786</c:v>
                </c:pt>
                <c:pt idx="6380">
                  <c:v>4.6750718388539196</c:v>
                </c:pt>
                <c:pt idx="6381">
                  <c:v>4.6750718388539196</c:v>
                </c:pt>
                <c:pt idx="6382">
                  <c:v>4.6750718388539196</c:v>
                </c:pt>
                <c:pt idx="6383">
                  <c:v>4.6750718388539196</c:v>
                </c:pt>
                <c:pt idx="6384">
                  <c:v>5.0732088600135601</c:v>
                </c:pt>
                <c:pt idx="6385">
                  <c:v>5.0757769880137227</c:v>
                </c:pt>
                <c:pt idx="6386">
                  <c:v>5.0757769880137227</c:v>
                </c:pt>
                <c:pt idx="6387">
                  <c:v>5.0757769880137227</c:v>
                </c:pt>
                <c:pt idx="6388">
                  <c:v>5.0757769880137227</c:v>
                </c:pt>
                <c:pt idx="6389">
                  <c:v>5.080399618414015</c:v>
                </c:pt>
                <c:pt idx="6390">
                  <c:v>5.0845086232142753</c:v>
                </c:pt>
                <c:pt idx="6391">
                  <c:v>5.0896448792146005</c:v>
                </c:pt>
                <c:pt idx="6392">
                  <c:v>5.0896448792146005</c:v>
                </c:pt>
                <c:pt idx="6393">
                  <c:v>5.0896448792146005</c:v>
                </c:pt>
                <c:pt idx="6394">
                  <c:v>5.0896448792146005</c:v>
                </c:pt>
                <c:pt idx="6395">
                  <c:v>5.0896448792146005</c:v>
                </c:pt>
                <c:pt idx="6396">
                  <c:v>5.0896448792146005</c:v>
                </c:pt>
                <c:pt idx="6397">
                  <c:v>5.0896448792146005</c:v>
                </c:pt>
                <c:pt idx="6398">
                  <c:v>5.0896448792146005</c:v>
                </c:pt>
                <c:pt idx="6399">
                  <c:v>5.0860495000143731</c:v>
                </c:pt>
                <c:pt idx="6400">
                  <c:v>5.0855358744143411</c:v>
                </c:pt>
                <c:pt idx="6401">
                  <c:v>5.0814268696140807</c:v>
                </c:pt>
                <c:pt idx="6402">
                  <c:v>5.079885992813983</c:v>
                </c:pt>
                <c:pt idx="6403">
                  <c:v>5.0762906136137556</c:v>
                </c:pt>
                <c:pt idx="6404">
                  <c:v>5.0732088600135601</c:v>
                </c:pt>
                <c:pt idx="6405">
                  <c:v>5.0711543576134295</c:v>
                </c:pt>
                <c:pt idx="6406">
                  <c:v>5.0711543576134295</c:v>
                </c:pt>
                <c:pt idx="6407">
                  <c:v>5.0711543576134295</c:v>
                </c:pt>
                <c:pt idx="6408">
                  <c:v>7.1210316598104795</c:v>
                </c:pt>
                <c:pt idx="6409">
                  <c:v>7.1210316598104795</c:v>
                </c:pt>
                <c:pt idx="6410">
                  <c:v>7.1210316598104795</c:v>
                </c:pt>
                <c:pt idx="6411">
                  <c:v>7.1210316598104795</c:v>
                </c:pt>
                <c:pt idx="6412">
                  <c:v>7.1210316598104795</c:v>
                </c:pt>
                <c:pt idx="6413">
                  <c:v>7.1210316598104795</c:v>
                </c:pt>
                <c:pt idx="6414">
                  <c:v>7.1210316598104795</c:v>
                </c:pt>
                <c:pt idx="6415">
                  <c:v>30.355242247346236</c:v>
                </c:pt>
                <c:pt idx="6416">
                  <c:v>34.149647528264516</c:v>
                </c:pt>
                <c:pt idx="6417">
                  <c:v>37.9440528091828</c:v>
                </c:pt>
                <c:pt idx="6418">
                  <c:v>37.9440528091828</c:v>
                </c:pt>
                <c:pt idx="6419">
                  <c:v>45.532863371019346</c:v>
                </c:pt>
                <c:pt idx="6420">
                  <c:v>45.532863371019346</c:v>
                </c:pt>
                <c:pt idx="6421">
                  <c:v>30.355242247346236</c:v>
                </c:pt>
                <c:pt idx="6422">
                  <c:v>45.532863371019346</c:v>
                </c:pt>
                <c:pt idx="6423">
                  <c:v>45.532863371019346</c:v>
                </c:pt>
                <c:pt idx="6424">
                  <c:v>26.91694566646186</c:v>
                </c:pt>
                <c:pt idx="6425">
                  <c:v>8.3064855665025945</c:v>
                </c:pt>
                <c:pt idx="6426">
                  <c:v>7.5889641370645293</c:v>
                </c:pt>
                <c:pt idx="6427">
                  <c:v>7.5889641370645293</c:v>
                </c:pt>
                <c:pt idx="6428">
                  <c:v>7.5889641370645293</c:v>
                </c:pt>
                <c:pt idx="6429">
                  <c:v>7.5889641370645293</c:v>
                </c:pt>
                <c:pt idx="6430">
                  <c:v>7.5889641370645293</c:v>
                </c:pt>
                <c:pt idx="6431">
                  <c:v>7.5889641370645293</c:v>
                </c:pt>
                <c:pt idx="6432">
                  <c:v>4.5791683833039123</c:v>
                </c:pt>
                <c:pt idx="6433">
                  <c:v>6.8902330154478424</c:v>
                </c:pt>
                <c:pt idx="6434">
                  <c:v>6.8902330154478424</c:v>
                </c:pt>
                <c:pt idx="6435">
                  <c:v>6.8902330154478424</c:v>
                </c:pt>
                <c:pt idx="6436">
                  <c:v>6.8902330154478424</c:v>
                </c:pt>
                <c:pt idx="6437">
                  <c:v>6.8902330154478424</c:v>
                </c:pt>
                <c:pt idx="6438">
                  <c:v>6.8902330154478424</c:v>
                </c:pt>
                <c:pt idx="6439">
                  <c:v>28.823515493907976</c:v>
                </c:pt>
                <c:pt idx="6440">
                  <c:v>32.160975182676268</c:v>
                </c:pt>
                <c:pt idx="6441">
                  <c:v>35.498434871444559</c:v>
                </c:pt>
                <c:pt idx="6442">
                  <c:v>35.498434871444559</c:v>
                </c:pt>
                <c:pt idx="6443">
                  <c:v>42.476759675232813</c:v>
                </c:pt>
                <c:pt idx="6444">
                  <c:v>42.476759675232813</c:v>
                </c:pt>
                <c:pt idx="6445">
                  <c:v>28.216704641404647</c:v>
                </c:pt>
                <c:pt idx="6446">
                  <c:v>42.476759675232813</c:v>
                </c:pt>
                <c:pt idx="6447">
                  <c:v>42.476759675232813</c:v>
                </c:pt>
                <c:pt idx="6448">
                  <c:v>25.20590121662979</c:v>
                </c:pt>
                <c:pt idx="6449">
                  <c:v>10.976054655995615</c:v>
                </c:pt>
                <c:pt idx="6450">
                  <c:v>7.1003298001881987</c:v>
                </c:pt>
                <c:pt idx="6451">
                  <c:v>7.1003298001881987</c:v>
                </c:pt>
                <c:pt idx="6452">
                  <c:v>7.1003298001881987</c:v>
                </c:pt>
                <c:pt idx="6453">
                  <c:v>7.1003298001881987</c:v>
                </c:pt>
                <c:pt idx="6454">
                  <c:v>7.1003298001881987</c:v>
                </c:pt>
                <c:pt idx="6455">
                  <c:v>7.1003298001881987</c:v>
                </c:pt>
                <c:pt idx="6456">
                  <c:v>6.8774800307874049</c:v>
                </c:pt>
                <c:pt idx="6457">
                  <c:v>6.8774800307874049</c:v>
                </c:pt>
                <c:pt idx="6458">
                  <c:v>6.8774800307874049</c:v>
                </c:pt>
                <c:pt idx="6459">
                  <c:v>6.8774800307874049</c:v>
                </c:pt>
                <c:pt idx="6460">
                  <c:v>6.8774800307874049</c:v>
                </c:pt>
                <c:pt idx="6461">
                  <c:v>6.8774800307874049</c:v>
                </c:pt>
                <c:pt idx="6462">
                  <c:v>6.8774800307874049</c:v>
                </c:pt>
                <c:pt idx="6463">
                  <c:v>27.959228837153468</c:v>
                </c:pt>
                <c:pt idx="6464">
                  <c:v>31.196613228823871</c:v>
                </c:pt>
                <c:pt idx="6465">
                  <c:v>34.433997620494281</c:v>
                </c:pt>
                <c:pt idx="6466">
                  <c:v>34.433997620494281</c:v>
                </c:pt>
                <c:pt idx="6467">
                  <c:v>41.203074075805112</c:v>
                </c:pt>
                <c:pt idx="6468">
                  <c:v>41.203074075805112</c:v>
                </c:pt>
                <c:pt idx="6469">
                  <c:v>27.370613493213398</c:v>
                </c:pt>
                <c:pt idx="6470">
                  <c:v>41.203074075805112</c:v>
                </c:pt>
                <c:pt idx="6471">
                  <c:v>41.203074075805112</c:v>
                </c:pt>
                <c:pt idx="6472">
                  <c:v>24.396729522208158</c:v>
                </c:pt>
                <c:pt idx="6473">
                  <c:v>10.557986497185697</c:v>
                </c:pt>
                <c:pt idx="6474">
                  <c:v>6.8774800307874049</c:v>
                </c:pt>
                <c:pt idx="6475">
                  <c:v>6.8774800307874049</c:v>
                </c:pt>
                <c:pt idx="6476">
                  <c:v>6.8774800307874049</c:v>
                </c:pt>
                <c:pt idx="6477">
                  <c:v>6.8774800307874049</c:v>
                </c:pt>
                <c:pt idx="6478">
                  <c:v>6.8774800307874049</c:v>
                </c:pt>
                <c:pt idx="6479">
                  <c:v>6.8774800307874049</c:v>
                </c:pt>
                <c:pt idx="6480">
                  <c:v>6.8434342015114424</c:v>
                </c:pt>
                <c:pt idx="6481">
                  <c:v>6.8434342015114424</c:v>
                </c:pt>
                <c:pt idx="6482">
                  <c:v>6.8434342015114424</c:v>
                </c:pt>
                <c:pt idx="6483">
                  <c:v>6.8434342015114424</c:v>
                </c:pt>
                <c:pt idx="6484">
                  <c:v>6.8434342015114424</c:v>
                </c:pt>
                <c:pt idx="6485">
                  <c:v>6.8434342015114424</c:v>
                </c:pt>
                <c:pt idx="6486">
                  <c:v>6.8434342015114424</c:v>
                </c:pt>
                <c:pt idx="6487">
                  <c:v>27.835103160920955</c:v>
                </c:pt>
                <c:pt idx="6488">
                  <c:v>31.0581151058697</c:v>
                </c:pt>
                <c:pt idx="6489">
                  <c:v>34.281127050818448</c:v>
                </c:pt>
                <c:pt idx="6490">
                  <c:v>34.281127050818448</c:v>
                </c:pt>
                <c:pt idx="6491">
                  <c:v>41.020152026620359</c:v>
                </c:pt>
                <c:pt idx="6492">
                  <c:v>41.020152026620359</c:v>
                </c:pt>
                <c:pt idx="6493">
                  <c:v>27.24910098911209</c:v>
                </c:pt>
                <c:pt idx="6494">
                  <c:v>41.020152026620359</c:v>
                </c:pt>
                <c:pt idx="6495">
                  <c:v>41.020152026620359</c:v>
                </c:pt>
                <c:pt idx="6496">
                  <c:v>24.277645162277601</c:v>
                </c:pt>
                <c:pt idx="6497">
                  <c:v>10.493051999377474</c:v>
                </c:pt>
                <c:pt idx="6498">
                  <c:v>6.8434342015114424</c:v>
                </c:pt>
                <c:pt idx="6499">
                  <c:v>6.8434342015114424</c:v>
                </c:pt>
                <c:pt idx="6500">
                  <c:v>6.8434342015114424</c:v>
                </c:pt>
                <c:pt idx="6501">
                  <c:v>6.8434342015114424</c:v>
                </c:pt>
                <c:pt idx="6502">
                  <c:v>6.8434342015114424</c:v>
                </c:pt>
                <c:pt idx="6503">
                  <c:v>6.8434342015114424</c:v>
                </c:pt>
                <c:pt idx="6504">
                  <c:v>10.652931592296547</c:v>
                </c:pt>
                <c:pt idx="6505">
                  <c:v>6.5198801722049344</c:v>
                </c:pt>
                <c:pt idx="6506">
                  <c:v>6.5198801722049344</c:v>
                </c:pt>
                <c:pt idx="6507">
                  <c:v>6.5198801722049344</c:v>
                </c:pt>
                <c:pt idx="6508">
                  <c:v>6.5198801722049344</c:v>
                </c:pt>
                <c:pt idx="6509">
                  <c:v>6.5198801722049344</c:v>
                </c:pt>
                <c:pt idx="6510">
                  <c:v>6.5198801722049344</c:v>
                </c:pt>
                <c:pt idx="6511">
                  <c:v>27.524561223423937</c:v>
                </c:pt>
                <c:pt idx="6512">
                  <c:v>34.405701529279924</c:v>
                </c:pt>
                <c:pt idx="6513">
                  <c:v>37.84627168220792</c:v>
                </c:pt>
                <c:pt idx="6514">
                  <c:v>37.84627168220792</c:v>
                </c:pt>
                <c:pt idx="6515">
                  <c:v>44.727411988063899</c:v>
                </c:pt>
                <c:pt idx="6516">
                  <c:v>44.727411988063899</c:v>
                </c:pt>
                <c:pt idx="6517">
                  <c:v>30.96513137635193</c:v>
                </c:pt>
                <c:pt idx="6518">
                  <c:v>44.727411988063899</c:v>
                </c:pt>
                <c:pt idx="6519">
                  <c:v>34.460348788055938</c:v>
                </c:pt>
                <c:pt idx="6520">
                  <c:v>16.416801699318086</c:v>
                </c:pt>
                <c:pt idx="6521">
                  <c:v>10.928770136594535</c:v>
                </c:pt>
                <c:pt idx="6522">
                  <c:v>6.8378072045196729</c:v>
                </c:pt>
                <c:pt idx="6523">
                  <c:v>6.5198801722049344</c:v>
                </c:pt>
                <c:pt idx="6524">
                  <c:v>6.5198801722049344</c:v>
                </c:pt>
                <c:pt idx="6525">
                  <c:v>6.5198801722049344</c:v>
                </c:pt>
                <c:pt idx="6526">
                  <c:v>6.5198801722049344</c:v>
                </c:pt>
                <c:pt idx="6527">
                  <c:v>6.5198801722049344</c:v>
                </c:pt>
                <c:pt idx="6528">
                  <c:v>4.7921142935110721</c:v>
                </c:pt>
                <c:pt idx="6529">
                  <c:v>4.3934538441113302</c:v>
                </c:pt>
                <c:pt idx="6530">
                  <c:v>4.3934538441113302</c:v>
                </c:pt>
                <c:pt idx="6531">
                  <c:v>4.3934538441113302</c:v>
                </c:pt>
                <c:pt idx="6532">
                  <c:v>4.3934538441113302</c:v>
                </c:pt>
                <c:pt idx="6533">
                  <c:v>4.396115802222508</c:v>
                </c:pt>
                <c:pt idx="6534">
                  <c:v>4.3995763477670389</c:v>
                </c:pt>
                <c:pt idx="6535">
                  <c:v>4.4019721100670992</c:v>
                </c:pt>
                <c:pt idx="6536">
                  <c:v>4.4019721100670992</c:v>
                </c:pt>
                <c:pt idx="6537">
                  <c:v>4.4019721100670992</c:v>
                </c:pt>
                <c:pt idx="6538">
                  <c:v>4.4019721100670992</c:v>
                </c:pt>
                <c:pt idx="6539">
                  <c:v>4.4019721100670992</c:v>
                </c:pt>
                <c:pt idx="6540">
                  <c:v>4.4019721100670992</c:v>
                </c:pt>
                <c:pt idx="6541">
                  <c:v>4.4019721100670992</c:v>
                </c:pt>
                <c:pt idx="6542">
                  <c:v>4.4019721100670992</c:v>
                </c:pt>
                <c:pt idx="6543">
                  <c:v>4.4001087393892746</c:v>
                </c:pt>
                <c:pt idx="6544">
                  <c:v>4.3985115645225683</c:v>
                </c:pt>
                <c:pt idx="6545">
                  <c:v>4.3969143896558611</c:v>
                </c:pt>
                <c:pt idx="6546">
                  <c:v>4.3963819980336263</c:v>
                </c:pt>
                <c:pt idx="6547">
                  <c:v>4.3937200399224485</c:v>
                </c:pt>
                <c:pt idx="6548">
                  <c:v>4.3907918860001525</c:v>
                </c:pt>
                <c:pt idx="6549">
                  <c:v>4.3907918860001525</c:v>
                </c:pt>
                <c:pt idx="6550">
                  <c:v>4.3907918860001525</c:v>
                </c:pt>
                <c:pt idx="6551">
                  <c:v>4.3907918860001525</c:v>
                </c:pt>
                <c:pt idx="6552">
                  <c:v>4.5086134695278712</c:v>
                </c:pt>
                <c:pt idx="6553">
                  <c:v>4.5103205829171138</c:v>
                </c:pt>
                <c:pt idx="6554">
                  <c:v>4.5103205829171138</c:v>
                </c:pt>
                <c:pt idx="6555">
                  <c:v>4.5103205829171138</c:v>
                </c:pt>
                <c:pt idx="6556">
                  <c:v>4.5103205829171138</c:v>
                </c:pt>
                <c:pt idx="6557">
                  <c:v>4.5133933870177509</c:v>
                </c:pt>
                <c:pt idx="6558">
                  <c:v>4.5161247684405392</c:v>
                </c:pt>
                <c:pt idx="6559">
                  <c:v>4.5195389952190244</c:v>
                </c:pt>
                <c:pt idx="6560">
                  <c:v>4.5195389952190244</c:v>
                </c:pt>
                <c:pt idx="6561">
                  <c:v>4.5195389952190244</c:v>
                </c:pt>
                <c:pt idx="6562">
                  <c:v>4.5195389952190244</c:v>
                </c:pt>
                <c:pt idx="6563">
                  <c:v>4.5195389952190244</c:v>
                </c:pt>
                <c:pt idx="6564">
                  <c:v>4.5195389952190244</c:v>
                </c:pt>
                <c:pt idx="6565">
                  <c:v>4.5195389952190244</c:v>
                </c:pt>
                <c:pt idx="6566">
                  <c:v>4.5195389952190244</c:v>
                </c:pt>
                <c:pt idx="6567">
                  <c:v>4.5171490364740849</c:v>
                </c:pt>
                <c:pt idx="6568">
                  <c:v>4.5168076137962361</c:v>
                </c:pt>
                <c:pt idx="6569">
                  <c:v>4.5140762323734478</c:v>
                </c:pt>
                <c:pt idx="6570">
                  <c:v>4.5130519643399021</c:v>
                </c:pt>
                <c:pt idx="6571">
                  <c:v>4.5106620055949627</c:v>
                </c:pt>
                <c:pt idx="6572">
                  <c:v>4.5086134695278712</c:v>
                </c:pt>
                <c:pt idx="6573">
                  <c:v>4.5072477788164775</c:v>
                </c:pt>
                <c:pt idx="6574">
                  <c:v>4.5072477788164775</c:v>
                </c:pt>
                <c:pt idx="6575">
                  <c:v>4.5072477788164775</c:v>
                </c:pt>
                <c:pt idx="6576">
                  <c:v>6.7696157719600683</c:v>
                </c:pt>
                <c:pt idx="6577">
                  <c:v>6.7696157719600683</c:v>
                </c:pt>
                <c:pt idx="6578">
                  <c:v>6.7696157719600683</c:v>
                </c:pt>
                <c:pt idx="6579">
                  <c:v>6.7696157719600683</c:v>
                </c:pt>
                <c:pt idx="6580">
                  <c:v>6.7696157719600683</c:v>
                </c:pt>
                <c:pt idx="6581">
                  <c:v>6.7696157719600683</c:v>
                </c:pt>
                <c:pt idx="6582">
                  <c:v>6.7696157719600683</c:v>
                </c:pt>
                <c:pt idx="6583">
                  <c:v>28.85016505417326</c:v>
                </c:pt>
                <c:pt idx="6584">
                  <c:v>32.456435685944918</c:v>
                </c:pt>
                <c:pt idx="6585">
                  <c:v>36.062706317716561</c:v>
                </c:pt>
                <c:pt idx="6586">
                  <c:v>36.062706317716561</c:v>
                </c:pt>
                <c:pt idx="6587">
                  <c:v>43.275247581259876</c:v>
                </c:pt>
                <c:pt idx="6588">
                  <c:v>43.275247581259876</c:v>
                </c:pt>
                <c:pt idx="6589">
                  <c:v>28.85016505417326</c:v>
                </c:pt>
                <c:pt idx="6590">
                  <c:v>43.275247581259876</c:v>
                </c:pt>
                <c:pt idx="6591">
                  <c:v>43.275247581259876</c:v>
                </c:pt>
                <c:pt idx="6592">
                  <c:v>25.454178236825218</c:v>
                </c:pt>
                <c:pt idx="6593">
                  <c:v>7.6363316328414861</c:v>
                </c:pt>
                <c:pt idx="6594">
                  <c:v>7.1741627398022709</c:v>
                </c:pt>
                <c:pt idx="6595">
                  <c:v>7.1741627398022709</c:v>
                </c:pt>
                <c:pt idx="6596">
                  <c:v>7.1741627398022709</c:v>
                </c:pt>
                <c:pt idx="6597">
                  <c:v>7.1741627398022709</c:v>
                </c:pt>
                <c:pt idx="6598">
                  <c:v>7.1741627398022709</c:v>
                </c:pt>
                <c:pt idx="6599">
                  <c:v>7.1741627398022709</c:v>
                </c:pt>
                <c:pt idx="6600">
                  <c:v>4.617454251157552</c:v>
                </c:pt>
                <c:pt idx="6601">
                  <c:v>6.939992752326571</c:v>
                </c:pt>
                <c:pt idx="6602">
                  <c:v>6.939992752326571</c:v>
                </c:pt>
                <c:pt idx="6603">
                  <c:v>6.939992752326571</c:v>
                </c:pt>
                <c:pt idx="6604">
                  <c:v>6.939992752326571</c:v>
                </c:pt>
                <c:pt idx="6605">
                  <c:v>6.939992752326571</c:v>
                </c:pt>
                <c:pt idx="6606">
                  <c:v>6.939992752326571</c:v>
                </c:pt>
                <c:pt idx="6607">
                  <c:v>29.011415301198014</c:v>
                </c:pt>
                <c:pt idx="6608">
                  <c:v>32.370631809757782</c:v>
                </c:pt>
                <c:pt idx="6609">
                  <c:v>35.729848318317558</c:v>
                </c:pt>
                <c:pt idx="6610">
                  <c:v>35.729848318317558</c:v>
                </c:pt>
                <c:pt idx="6611">
                  <c:v>42.75366465439707</c:v>
                </c:pt>
                <c:pt idx="6612">
                  <c:v>42.75366465439707</c:v>
                </c:pt>
                <c:pt idx="6613">
                  <c:v>28.400648663278055</c:v>
                </c:pt>
                <c:pt idx="6614">
                  <c:v>42.75366465439707</c:v>
                </c:pt>
                <c:pt idx="6615">
                  <c:v>42.75366465439707</c:v>
                </c:pt>
                <c:pt idx="6616">
                  <c:v>25.386224791702851</c:v>
                </c:pt>
                <c:pt idx="6617">
                  <c:v>11.074393046420036</c:v>
                </c:pt>
                <c:pt idx="6618">
                  <c:v>7.1511326160692095</c:v>
                </c:pt>
                <c:pt idx="6619">
                  <c:v>7.1511326160692095</c:v>
                </c:pt>
                <c:pt idx="6620">
                  <c:v>7.1511326160692095</c:v>
                </c:pt>
                <c:pt idx="6621">
                  <c:v>7.1511326160692095</c:v>
                </c:pt>
                <c:pt idx="6622">
                  <c:v>7.1511326160692095</c:v>
                </c:pt>
                <c:pt idx="6623">
                  <c:v>7.1511326160692095</c:v>
                </c:pt>
                <c:pt idx="6624">
                  <c:v>7.183892494271074</c:v>
                </c:pt>
                <c:pt idx="6625">
                  <c:v>7.183892494271074</c:v>
                </c:pt>
                <c:pt idx="6626">
                  <c:v>7.183892494271074</c:v>
                </c:pt>
                <c:pt idx="6627">
                  <c:v>7.183892494271074</c:v>
                </c:pt>
                <c:pt idx="6628">
                  <c:v>7.183892494271074</c:v>
                </c:pt>
                <c:pt idx="6629">
                  <c:v>7.183892494271074</c:v>
                </c:pt>
                <c:pt idx="6630">
                  <c:v>7.183892494271074</c:v>
                </c:pt>
                <c:pt idx="6631">
                  <c:v>29.076359923246095</c:v>
                </c:pt>
                <c:pt idx="6632">
                  <c:v>32.443096335411433</c:v>
                </c:pt>
                <c:pt idx="6633">
                  <c:v>35.80983274757677</c:v>
                </c:pt>
                <c:pt idx="6634">
                  <c:v>35.80983274757677</c:v>
                </c:pt>
                <c:pt idx="6635">
                  <c:v>42.849372518467931</c:v>
                </c:pt>
                <c:pt idx="6636">
                  <c:v>42.849372518467931</c:v>
                </c:pt>
                <c:pt idx="6637">
                  <c:v>28.464226030125126</c:v>
                </c:pt>
                <c:pt idx="6638">
                  <c:v>42.849372518467931</c:v>
                </c:pt>
                <c:pt idx="6639">
                  <c:v>42.849372518467931</c:v>
                </c:pt>
                <c:pt idx="6640">
                  <c:v>25.468488761583256</c:v>
                </c:pt>
                <c:pt idx="6641">
                  <c:v>11.142396977459709</c:v>
                </c:pt>
                <c:pt idx="6642">
                  <c:v>7.183892494271074</c:v>
                </c:pt>
                <c:pt idx="6643">
                  <c:v>7.183892494271074</c:v>
                </c:pt>
                <c:pt idx="6644">
                  <c:v>7.183892494271074</c:v>
                </c:pt>
                <c:pt idx="6645">
                  <c:v>7.183892494271074</c:v>
                </c:pt>
                <c:pt idx="6646">
                  <c:v>7.183892494271074</c:v>
                </c:pt>
                <c:pt idx="6647">
                  <c:v>7.183892494271074</c:v>
                </c:pt>
                <c:pt idx="6648">
                  <c:v>7.9582773736111454</c:v>
                </c:pt>
                <c:pt idx="6649">
                  <c:v>7.9582773736111454</c:v>
                </c:pt>
                <c:pt idx="6650">
                  <c:v>7.9582773736111454</c:v>
                </c:pt>
                <c:pt idx="6651">
                  <c:v>7.9582773736111454</c:v>
                </c:pt>
                <c:pt idx="6652">
                  <c:v>7.9582773736111454</c:v>
                </c:pt>
                <c:pt idx="6653">
                  <c:v>7.9582773736111454</c:v>
                </c:pt>
                <c:pt idx="6654">
                  <c:v>7.9582773736111454</c:v>
                </c:pt>
                <c:pt idx="6655">
                  <c:v>31.971059597706557</c:v>
                </c:pt>
                <c:pt idx="6656">
                  <c:v>35.672971761651525</c:v>
                </c:pt>
                <c:pt idx="6657">
                  <c:v>39.374883925596492</c:v>
                </c:pt>
                <c:pt idx="6658">
                  <c:v>39.374883925596492</c:v>
                </c:pt>
                <c:pt idx="6659">
                  <c:v>47.115245722935974</c:v>
                </c:pt>
                <c:pt idx="6660">
                  <c:v>47.115245722935974</c:v>
                </c:pt>
                <c:pt idx="6661">
                  <c:v>31.297984658807469</c:v>
                </c:pt>
                <c:pt idx="6662">
                  <c:v>47.115245722935974</c:v>
                </c:pt>
                <c:pt idx="6663">
                  <c:v>47.115245722935974</c:v>
                </c:pt>
                <c:pt idx="6664">
                  <c:v>28.185545071256637</c:v>
                </c:pt>
                <c:pt idx="6665">
                  <c:v>12.556005744633088</c:v>
                </c:pt>
                <c:pt idx="6666">
                  <c:v>7.9582773736111454</c:v>
                </c:pt>
                <c:pt idx="6667">
                  <c:v>7.9582773736111454</c:v>
                </c:pt>
                <c:pt idx="6668">
                  <c:v>7.9582773736111454</c:v>
                </c:pt>
                <c:pt idx="6669">
                  <c:v>7.9582773736111454</c:v>
                </c:pt>
                <c:pt idx="6670">
                  <c:v>7.9582773736111454</c:v>
                </c:pt>
                <c:pt idx="6671">
                  <c:v>7.9582773736111454</c:v>
                </c:pt>
                <c:pt idx="6672">
                  <c:v>11.498032473243333</c:v>
                </c:pt>
                <c:pt idx="6673">
                  <c:v>7.1114866402352774</c:v>
                </c:pt>
                <c:pt idx="6674">
                  <c:v>7.1114866402352774</c:v>
                </c:pt>
                <c:pt idx="6675">
                  <c:v>7.1114866402352774</c:v>
                </c:pt>
                <c:pt idx="6676">
                  <c:v>7.1114866402352774</c:v>
                </c:pt>
                <c:pt idx="6677">
                  <c:v>7.1114866402352774</c:v>
                </c:pt>
                <c:pt idx="6678">
                  <c:v>7.1114866402352774</c:v>
                </c:pt>
                <c:pt idx="6679">
                  <c:v>29.732236391623491</c:v>
                </c:pt>
                <c:pt idx="6680">
                  <c:v>37.165295489529356</c:v>
                </c:pt>
                <c:pt idx="6681">
                  <c:v>40.881825038482297</c:v>
                </c:pt>
                <c:pt idx="6682">
                  <c:v>40.881825038482297</c:v>
                </c:pt>
                <c:pt idx="6683">
                  <c:v>48.314884136388166</c:v>
                </c:pt>
                <c:pt idx="6684">
                  <c:v>48.314884136388166</c:v>
                </c:pt>
                <c:pt idx="6685">
                  <c:v>33.448765940576422</c:v>
                </c:pt>
                <c:pt idx="6686">
                  <c:v>48.314884136388166</c:v>
                </c:pt>
                <c:pt idx="6687">
                  <c:v>37.288231721441079</c:v>
                </c:pt>
                <c:pt idx="6688">
                  <c:v>18.042151383256169</c:v>
                </c:pt>
                <c:pt idx="6689">
                  <c:v>12.118567739083449</c:v>
                </c:pt>
                <c:pt idx="6690">
                  <c:v>7.4489132427743572</c:v>
                </c:pt>
                <c:pt idx="6691">
                  <c:v>7.1114866402352774</c:v>
                </c:pt>
                <c:pt idx="6692">
                  <c:v>7.1114866402352774</c:v>
                </c:pt>
                <c:pt idx="6693">
                  <c:v>7.1114866402352774</c:v>
                </c:pt>
                <c:pt idx="6694">
                  <c:v>7.1114866402352774</c:v>
                </c:pt>
                <c:pt idx="6695">
                  <c:v>7.1114866402352774</c:v>
                </c:pt>
                <c:pt idx="6696">
                  <c:v>4.9562090937324106</c:v>
                </c:pt>
                <c:pt idx="6697">
                  <c:v>4.5503454594315844</c:v>
                </c:pt>
                <c:pt idx="6698">
                  <c:v>4.5503454594315844</c:v>
                </c:pt>
                <c:pt idx="6699">
                  <c:v>4.5503454594315844</c:v>
                </c:pt>
                <c:pt idx="6700">
                  <c:v>4.5503454594315844</c:v>
                </c:pt>
                <c:pt idx="6701">
                  <c:v>4.5535450587934436</c:v>
                </c:pt>
                <c:pt idx="6702">
                  <c:v>4.5577045379638612</c:v>
                </c:pt>
                <c:pt idx="6703">
                  <c:v>4.5605841773895346</c:v>
                </c:pt>
                <c:pt idx="6704">
                  <c:v>4.5605841773895346</c:v>
                </c:pt>
                <c:pt idx="6705">
                  <c:v>4.5605841773895346</c:v>
                </c:pt>
                <c:pt idx="6706">
                  <c:v>4.5605841773895346</c:v>
                </c:pt>
                <c:pt idx="6707">
                  <c:v>4.5605841773895346</c:v>
                </c:pt>
                <c:pt idx="6708">
                  <c:v>4.5605841773895346</c:v>
                </c:pt>
                <c:pt idx="6709">
                  <c:v>4.5605841773895346</c:v>
                </c:pt>
                <c:pt idx="6710">
                  <c:v>4.5605841773895346</c:v>
                </c:pt>
                <c:pt idx="6711">
                  <c:v>4.5583444578362329</c:v>
                </c:pt>
                <c:pt idx="6712">
                  <c:v>4.556424698219117</c:v>
                </c:pt>
                <c:pt idx="6713">
                  <c:v>4.5545049386020011</c:v>
                </c:pt>
                <c:pt idx="6714">
                  <c:v>4.5538650187296295</c:v>
                </c:pt>
                <c:pt idx="6715">
                  <c:v>4.5506654193677702</c:v>
                </c:pt>
                <c:pt idx="6716">
                  <c:v>4.5471458600697252</c:v>
                </c:pt>
                <c:pt idx="6717">
                  <c:v>4.5471458600697252</c:v>
                </c:pt>
                <c:pt idx="6718">
                  <c:v>4.5471458600697252</c:v>
                </c:pt>
                <c:pt idx="6719">
                  <c:v>4.5471458600697252</c:v>
                </c:pt>
                <c:pt idx="6720">
                  <c:v>4.8937965850653971</c:v>
                </c:pt>
                <c:pt idx="6721">
                  <c:v>4.8962536144060858</c:v>
                </c:pt>
                <c:pt idx="6722">
                  <c:v>4.8962536144060858</c:v>
                </c:pt>
                <c:pt idx="6723">
                  <c:v>4.8962536144060858</c:v>
                </c:pt>
                <c:pt idx="6724">
                  <c:v>4.8962536144060858</c:v>
                </c:pt>
                <c:pt idx="6725">
                  <c:v>4.9006762672193265</c:v>
                </c:pt>
                <c:pt idx="6726">
                  <c:v>4.9046075141644287</c:v>
                </c:pt>
                <c:pt idx="6727">
                  <c:v>4.909521572845807</c:v>
                </c:pt>
                <c:pt idx="6728">
                  <c:v>4.909521572845807</c:v>
                </c:pt>
                <c:pt idx="6729">
                  <c:v>4.909521572845807</c:v>
                </c:pt>
                <c:pt idx="6730">
                  <c:v>4.909521572845807</c:v>
                </c:pt>
                <c:pt idx="6731">
                  <c:v>4.909521572845807</c:v>
                </c:pt>
                <c:pt idx="6732">
                  <c:v>4.909521572845807</c:v>
                </c:pt>
                <c:pt idx="6733">
                  <c:v>4.909521572845807</c:v>
                </c:pt>
                <c:pt idx="6734">
                  <c:v>4.909521572845807</c:v>
                </c:pt>
                <c:pt idx="6735">
                  <c:v>4.9060817317688423</c:v>
                </c:pt>
                <c:pt idx="6736">
                  <c:v>4.9055903259007048</c:v>
                </c:pt>
                <c:pt idx="6737">
                  <c:v>4.9016590789556025</c:v>
                </c:pt>
                <c:pt idx="6738">
                  <c:v>4.9001848613511889</c:v>
                </c:pt>
                <c:pt idx="6739">
                  <c:v>4.8967450202742242</c:v>
                </c:pt>
                <c:pt idx="6740">
                  <c:v>4.8937965850653971</c:v>
                </c:pt>
                <c:pt idx="6741">
                  <c:v>4.8918309615928459</c:v>
                </c:pt>
                <c:pt idx="6742">
                  <c:v>4.8918309615928459</c:v>
                </c:pt>
                <c:pt idx="6743">
                  <c:v>4.8918309615928459</c:v>
                </c:pt>
                <c:pt idx="6744">
                  <c:v>8.2389907729103342</c:v>
                </c:pt>
                <c:pt idx="6745">
                  <c:v>8.2389907729103342</c:v>
                </c:pt>
                <c:pt idx="6746">
                  <c:v>8.2389907729103342</c:v>
                </c:pt>
                <c:pt idx="6747">
                  <c:v>8.2389907729103342</c:v>
                </c:pt>
                <c:pt idx="6748">
                  <c:v>8.2389907729103342</c:v>
                </c:pt>
                <c:pt idx="6749">
                  <c:v>8.2389907729103342</c:v>
                </c:pt>
                <c:pt idx="6750">
                  <c:v>8.2389907729103342</c:v>
                </c:pt>
                <c:pt idx="6751">
                  <c:v>35.129145876302772</c:v>
                </c:pt>
                <c:pt idx="6752">
                  <c:v>39.520289110840615</c:v>
                </c:pt>
                <c:pt idx="6753">
                  <c:v>43.911432345378465</c:v>
                </c:pt>
                <c:pt idx="6754">
                  <c:v>43.911432345378465</c:v>
                </c:pt>
                <c:pt idx="6755">
                  <c:v>52.693718814454144</c:v>
                </c:pt>
                <c:pt idx="6756">
                  <c:v>52.693718814454144</c:v>
                </c:pt>
                <c:pt idx="6757">
                  <c:v>35.129145876302772</c:v>
                </c:pt>
                <c:pt idx="6758">
                  <c:v>52.693718814454144</c:v>
                </c:pt>
                <c:pt idx="6759">
                  <c:v>52.693718814454144</c:v>
                </c:pt>
                <c:pt idx="6760">
                  <c:v>31.300696596413403</c:v>
                </c:pt>
                <c:pt idx="6761">
                  <c:v>9.9162980405128689</c:v>
                </c:pt>
                <c:pt idx="6762">
                  <c:v>8.8277253854300852</c:v>
                </c:pt>
                <c:pt idx="6763">
                  <c:v>8.8277253854300852</c:v>
                </c:pt>
                <c:pt idx="6764">
                  <c:v>8.8277253854300852</c:v>
                </c:pt>
                <c:pt idx="6765">
                  <c:v>8.8277253854300852</c:v>
                </c:pt>
                <c:pt idx="6766">
                  <c:v>8.8277253854300852</c:v>
                </c:pt>
                <c:pt idx="6767">
                  <c:v>8.8277253854300852</c:v>
                </c:pt>
                <c:pt idx="6768">
                  <c:v>5.1542498386302569</c:v>
                </c:pt>
                <c:pt idx="6769">
                  <c:v>7.6492789605262645</c:v>
                </c:pt>
                <c:pt idx="6770">
                  <c:v>7.6492789605262645</c:v>
                </c:pt>
                <c:pt idx="6771">
                  <c:v>7.6492789605262645</c:v>
                </c:pt>
                <c:pt idx="6772">
                  <c:v>7.6492789605262645</c:v>
                </c:pt>
                <c:pt idx="6773">
                  <c:v>7.6492789605262645</c:v>
                </c:pt>
                <c:pt idx="6774">
                  <c:v>7.6492789605262645</c:v>
                </c:pt>
                <c:pt idx="6775">
                  <c:v>31.724497915108003</c:v>
                </c:pt>
                <c:pt idx="6776">
                  <c:v>35.397860831594201</c:v>
                </c:pt>
                <c:pt idx="6777">
                  <c:v>39.071223748080385</c:v>
                </c:pt>
                <c:pt idx="6778">
                  <c:v>39.071223748080385</c:v>
                </c:pt>
                <c:pt idx="6779">
                  <c:v>46.751891664369687</c:v>
                </c:pt>
                <c:pt idx="6780">
                  <c:v>46.751891664369687</c:v>
                </c:pt>
                <c:pt idx="6781">
                  <c:v>31.056613748474152</c:v>
                </c:pt>
                <c:pt idx="6782">
                  <c:v>46.751891664369687</c:v>
                </c:pt>
                <c:pt idx="6783">
                  <c:v>46.751891664369687</c:v>
                </c:pt>
                <c:pt idx="6784">
                  <c:v>27.959523588552692</c:v>
                </c:pt>
                <c:pt idx="6785">
                  <c:v>12.443444233049879</c:v>
                </c:pt>
                <c:pt idx="6786">
                  <c:v>7.8760997897895377</c:v>
                </c:pt>
                <c:pt idx="6787">
                  <c:v>7.8760997897895377</c:v>
                </c:pt>
                <c:pt idx="6788">
                  <c:v>7.8760997897895377</c:v>
                </c:pt>
                <c:pt idx="6789">
                  <c:v>7.8760997897895377</c:v>
                </c:pt>
                <c:pt idx="6790">
                  <c:v>7.8760997897895377</c:v>
                </c:pt>
                <c:pt idx="6791">
                  <c:v>7.8760997897895377</c:v>
                </c:pt>
                <c:pt idx="6792">
                  <c:v>7.5073278723927253</c:v>
                </c:pt>
                <c:pt idx="6793">
                  <c:v>7.5073278723927253</c:v>
                </c:pt>
                <c:pt idx="6794">
                  <c:v>7.5073278723927253</c:v>
                </c:pt>
                <c:pt idx="6795">
                  <c:v>7.5073278723927253</c:v>
                </c:pt>
                <c:pt idx="6796">
                  <c:v>7.5073278723927253</c:v>
                </c:pt>
                <c:pt idx="6797">
                  <c:v>7.5073278723927253</c:v>
                </c:pt>
                <c:pt idx="6798">
                  <c:v>7.5073278723927253</c:v>
                </c:pt>
                <c:pt idx="6799">
                  <c:v>30.25555384745498</c:v>
                </c:pt>
                <c:pt idx="6800">
                  <c:v>33.758828503476082</c:v>
                </c:pt>
                <c:pt idx="6801">
                  <c:v>37.262103159497187</c:v>
                </c:pt>
                <c:pt idx="6802">
                  <c:v>37.262103159497187</c:v>
                </c:pt>
                <c:pt idx="6803">
                  <c:v>44.587131985723133</c:v>
                </c:pt>
                <c:pt idx="6804">
                  <c:v>44.587131985723133</c:v>
                </c:pt>
                <c:pt idx="6805">
                  <c:v>29.618594819087505</c:v>
                </c:pt>
                <c:pt idx="6806">
                  <c:v>44.587131985723133</c:v>
                </c:pt>
                <c:pt idx="6807">
                  <c:v>44.587131985723133</c:v>
                </c:pt>
                <c:pt idx="6808">
                  <c:v>26.599790180923627</c:v>
                </c:pt>
                <c:pt idx="6809">
                  <c:v>11.759274706637832</c:v>
                </c:pt>
                <c:pt idx="6810">
                  <c:v>7.5073278723927253</c:v>
                </c:pt>
                <c:pt idx="6811">
                  <c:v>7.5073278723927253</c:v>
                </c:pt>
                <c:pt idx="6812">
                  <c:v>7.5073278723927253</c:v>
                </c:pt>
                <c:pt idx="6813">
                  <c:v>7.5073278723927253</c:v>
                </c:pt>
                <c:pt idx="6814">
                  <c:v>7.5073278723927253</c:v>
                </c:pt>
                <c:pt idx="6815">
                  <c:v>7.5073278723927253</c:v>
                </c:pt>
                <c:pt idx="6816">
                  <c:v>7.3541216406508907</c:v>
                </c:pt>
                <c:pt idx="6817">
                  <c:v>7.3541216406508907</c:v>
                </c:pt>
                <c:pt idx="6818">
                  <c:v>7.3541216406508907</c:v>
                </c:pt>
                <c:pt idx="6819">
                  <c:v>7.3541216406508907</c:v>
                </c:pt>
                <c:pt idx="6820">
                  <c:v>7.3541216406508907</c:v>
                </c:pt>
                <c:pt idx="6821">
                  <c:v>7.3541216406508907</c:v>
                </c:pt>
                <c:pt idx="6822">
                  <c:v>7.3541216406508907</c:v>
                </c:pt>
                <c:pt idx="6823">
                  <c:v>29.69698830440867</c:v>
                </c:pt>
                <c:pt idx="6824">
                  <c:v>33.135586950182301</c:v>
                </c:pt>
                <c:pt idx="6825">
                  <c:v>36.574185595955946</c:v>
                </c:pt>
                <c:pt idx="6826">
                  <c:v>36.574185595955946</c:v>
                </c:pt>
                <c:pt idx="6827">
                  <c:v>43.763982764391713</c:v>
                </c:pt>
                <c:pt idx="6828">
                  <c:v>43.763982764391713</c:v>
                </c:pt>
                <c:pt idx="6829">
                  <c:v>29.071788550631645</c:v>
                </c:pt>
                <c:pt idx="6830">
                  <c:v>43.763982764391713</c:v>
                </c:pt>
                <c:pt idx="6831">
                  <c:v>43.763982764391713</c:v>
                </c:pt>
                <c:pt idx="6832">
                  <c:v>26.063910561236085</c:v>
                </c:pt>
                <c:pt idx="6833">
                  <c:v>11.467069466500828</c:v>
                </c:pt>
                <c:pt idx="6834">
                  <c:v>7.3541216406508907</c:v>
                </c:pt>
                <c:pt idx="6835">
                  <c:v>7.3541216406508907</c:v>
                </c:pt>
                <c:pt idx="6836">
                  <c:v>7.3541216406508907</c:v>
                </c:pt>
                <c:pt idx="6837">
                  <c:v>7.3541216406508907</c:v>
                </c:pt>
                <c:pt idx="6838">
                  <c:v>7.3541216406508907</c:v>
                </c:pt>
                <c:pt idx="6839">
                  <c:v>7.3541216406508907</c:v>
                </c:pt>
                <c:pt idx="6840">
                  <c:v>10.378844820097589</c:v>
                </c:pt>
                <c:pt idx="6841">
                  <c:v>6.3280078041950913</c:v>
                </c:pt>
                <c:pt idx="6842">
                  <c:v>6.3280078041950913</c:v>
                </c:pt>
                <c:pt idx="6843">
                  <c:v>6.3280078041950913</c:v>
                </c:pt>
                <c:pt idx="6844">
                  <c:v>6.3280078041950913</c:v>
                </c:pt>
                <c:pt idx="6845">
                  <c:v>6.3280078041950913</c:v>
                </c:pt>
                <c:pt idx="6846">
                  <c:v>6.3280078041950913</c:v>
                </c:pt>
                <c:pt idx="6847">
                  <c:v>26.808558466170023</c:v>
                </c:pt>
                <c:pt idx="6848">
                  <c:v>33.51069808271253</c:v>
                </c:pt>
                <c:pt idx="6849">
                  <c:v>36.861767890983785</c:v>
                </c:pt>
                <c:pt idx="6850">
                  <c:v>36.861767890983785</c:v>
                </c:pt>
                <c:pt idx="6851">
                  <c:v>43.563907507526288</c:v>
                </c:pt>
                <c:pt idx="6852">
                  <c:v>43.563907507526288</c:v>
                </c:pt>
                <c:pt idx="6853">
                  <c:v>30.159628274441275</c:v>
                </c:pt>
                <c:pt idx="6854">
                  <c:v>43.563907507526288</c:v>
                </c:pt>
                <c:pt idx="6855">
                  <c:v>33.543197566417511</c:v>
                </c:pt>
                <c:pt idx="6856">
                  <c:v>15.889661261284111</c:v>
                </c:pt>
                <c:pt idx="6857">
                  <c:v>10.542889833084617</c:v>
                </c:pt>
                <c:pt idx="6858">
                  <c:v>6.6396106515722062</c:v>
                </c:pt>
                <c:pt idx="6859">
                  <c:v>6.3280078041950913</c:v>
                </c:pt>
                <c:pt idx="6860">
                  <c:v>6.3280078041950913</c:v>
                </c:pt>
                <c:pt idx="6861">
                  <c:v>6.3280078041950913</c:v>
                </c:pt>
                <c:pt idx="6862">
                  <c:v>6.3280078041950913</c:v>
                </c:pt>
                <c:pt idx="6863">
                  <c:v>6.3280078041950913</c:v>
                </c:pt>
                <c:pt idx="6864">
                  <c:v>4.7921142935110721</c:v>
                </c:pt>
                <c:pt idx="6865">
                  <c:v>4.3934538441113302</c:v>
                </c:pt>
                <c:pt idx="6866">
                  <c:v>4.3934538441113302</c:v>
                </c:pt>
                <c:pt idx="6867">
                  <c:v>4.3934538441113302</c:v>
                </c:pt>
                <c:pt idx="6868">
                  <c:v>4.3934538441113302</c:v>
                </c:pt>
                <c:pt idx="6869">
                  <c:v>4.396115802222508</c:v>
                </c:pt>
                <c:pt idx="6870">
                  <c:v>4.3995763477670389</c:v>
                </c:pt>
                <c:pt idx="6871">
                  <c:v>4.4019721100670992</c:v>
                </c:pt>
                <c:pt idx="6872">
                  <c:v>4.4019721100670992</c:v>
                </c:pt>
                <c:pt idx="6873">
                  <c:v>4.4019721100670992</c:v>
                </c:pt>
                <c:pt idx="6874">
                  <c:v>4.4019721100670992</c:v>
                </c:pt>
                <c:pt idx="6875">
                  <c:v>4.4019721100670992</c:v>
                </c:pt>
                <c:pt idx="6876">
                  <c:v>4.4019721100670992</c:v>
                </c:pt>
                <c:pt idx="6877">
                  <c:v>4.4019721100670992</c:v>
                </c:pt>
                <c:pt idx="6878">
                  <c:v>4.4019721100670992</c:v>
                </c:pt>
                <c:pt idx="6879">
                  <c:v>4.4001087393892746</c:v>
                </c:pt>
                <c:pt idx="6880">
                  <c:v>4.3985115645225683</c:v>
                </c:pt>
                <c:pt idx="6881">
                  <c:v>4.3969143896558611</c:v>
                </c:pt>
                <c:pt idx="6882">
                  <c:v>4.3963819980336263</c:v>
                </c:pt>
                <c:pt idx="6883">
                  <c:v>4.3937200399224485</c:v>
                </c:pt>
                <c:pt idx="6884">
                  <c:v>4.3907918860001525</c:v>
                </c:pt>
                <c:pt idx="6885">
                  <c:v>4.3907918860001525</c:v>
                </c:pt>
                <c:pt idx="6886">
                  <c:v>4.3907918860001525</c:v>
                </c:pt>
                <c:pt idx="6887">
                  <c:v>4.3907918860001525</c:v>
                </c:pt>
                <c:pt idx="6888">
                  <c:v>5.2713199726261264</c:v>
                </c:pt>
                <c:pt idx="6889">
                  <c:v>5.2739991992857629</c:v>
                </c:pt>
                <c:pt idx="6890">
                  <c:v>5.2739991992857629</c:v>
                </c:pt>
                <c:pt idx="6891">
                  <c:v>5.2739991992857629</c:v>
                </c:pt>
                <c:pt idx="6892">
                  <c:v>5.2739991992857629</c:v>
                </c:pt>
                <c:pt idx="6893">
                  <c:v>5.2788218072731077</c:v>
                </c:pt>
                <c:pt idx="6894">
                  <c:v>5.2831085699285252</c:v>
                </c:pt>
                <c:pt idx="6895">
                  <c:v>5.2884670232477982</c:v>
                </c:pt>
                <c:pt idx="6896">
                  <c:v>5.2884670232477982</c:v>
                </c:pt>
                <c:pt idx="6897">
                  <c:v>5.2884670232477982</c:v>
                </c:pt>
                <c:pt idx="6898">
                  <c:v>5.2884670232477982</c:v>
                </c:pt>
                <c:pt idx="6899">
                  <c:v>5.2884670232477982</c:v>
                </c:pt>
                <c:pt idx="6900">
                  <c:v>5.2884670232477982</c:v>
                </c:pt>
                <c:pt idx="6901">
                  <c:v>5.2884670232477982</c:v>
                </c:pt>
                <c:pt idx="6902">
                  <c:v>5.2884670232477982</c:v>
                </c:pt>
                <c:pt idx="6903">
                  <c:v>5.2847161059243071</c:v>
                </c:pt>
                <c:pt idx="6904">
                  <c:v>5.2841802605923798</c:v>
                </c:pt>
                <c:pt idx="6905">
                  <c:v>5.2798934979369623</c:v>
                </c:pt>
                <c:pt idx="6906">
                  <c:v>5.2782859619411804</c:v>
                </c:pt>
                <c:pt idx="6907">
                  <c:v>5.2745350446176893</c:v>
                </c:pt>
                <c:pt idx="6908">
                  <c:v>5.2713199726261264</c:v>
                </c:pt>
                <c:pt idx="6909">
                  <c:v>5.2691765912984172</c:v>
                </c:pt>
                <c:pt idx="6910">
                  <c:v>5.2691765912984172</c:v>
                </c:pt>
                <c:pt idx="6911">
                  <c:v>5.2691765912984172</c:v>
                </c:pt>
                <c:pt idx="6912">
                  <c:v>11.117983534282995</c:v>
                </c:pt>
                <c:pt idx="6913">
                  <c:v>11.117983534282995</c:v>
                </c:pt>
                <c:pt idx="6914">
                  <c:v>11.117983534282995</c:v>
                </c:pt>
                <c:pt idx="6915">
                  <c:v>11.117983534282995</c:v>
                </c:pt>
                <c:pt idx="6916">
                  <c:v>11.117983534282995</c:v>
                </c:pt>
                <c:pt idx="6917">
                  <c:v>11.117983534282995</c:v>
                </c:pt>
                <c:pt idx="6918">
                  <c:v>11.117983534282995</c:v>
                </c:pt>
                <c:pt idx="6919">
                  <c:v>47.484054872183293</c:v>
                </c:pt>
                <c:pt idx="6920">
                  <c:v>53.419561731206201</c:v>
                </c:pt>
                <c:pt idx="6921">
                  <c:v>59.355068590229116</c:v>
                </c:pt>
                <c:pt idx="6922">
                  <c:v>59.355068590229116</c:v>
                </c:pt>
                <c:pt idx="6923">
                  <c:v>71.226082308274925</c:v>
                </c:pt>
                <c:pt idx="6924">
                  <c:v>71.226082308274925</c:v>
                </c:pt>
                <c:pt idx="6925">
                  <c:v>47.484054872183293</c:v>
                </c:pt>
                <c:pt idx="6926">
                  <c:v>71.226082308274925</c:v>
                </c:pt>
                <c:pt idx="6927">
                  <c:v>71.226082308274925</c:v>
                </c:pt>
                <c:pt idx="6928">
                  <c:v>43.74973893065691</c:v>
                </c:pt>
                <c:pt idx="6929">
                  <c:v>16.307130279743816</c:v>
                </c:pt>
                <c:pt idx="6930">
                  <c:v>12.365444608448161</c:v>
                </c:pt>
                <c:pt idx="6931">
                  <c:v>12.365444608448161</c:v>
                </c:pt>
                <c:pt idx="6932">
                  <c:v>12.365444608448161</c:v>
                </c:pt>
                <c:pt idx="6933">
                  <c:v>12.365444608448161</c:v>
                </c:pt>
                <c:pt idx="6934">
                  <c:v>12.365444608448161</c:v>
                </c:pt>
                <c:pt idx="6935">
                  <c:v>12.365444608448161</c:v>
                </c:pt>
                <c:pt idx="6936">
                  <c:v>9.1398839247861066</c:v>
                </c:pt>
                <c:pt idx="6937">
                  <c:v>12.67789106340744</c:v>
                </c:pt>
                <c:pt idx="6938">
                  <c:v>12.67789106340744</c:v>
                </c:pt>
                <c:pt idx="6939">
                  <c:v>12.67789106340744</c:v>
                </c:pt>
                <c:pt idx="6940">
                  <c:v>12.67789106340744</c:v>
                </c:pt>
                <c:pt idx="6941">
                  <c:v>12.67789106340744</c:v>
                </c:pt>
                <c:pt idx="6942">
                  <c:v>12.67789106340744</c:v>
                </c:pt>
                <c:pt idx="6943">
                  <c:v>50.260631217775241</c:v>
                </c:pt>
                <c:pt idx="6944">
                  <c:v>56.080283253517635</c:v>
                </c:pt>
                <c:pt idx="6945">
                  <c:v>61.899935289260029</c:v>
                </c:pt>
                <c:pt idx="6946">
                  <c:v>61.899935289260029</c:v>
                </c:pt>
                <c:pt idx="6947">
                  <c:v>74.068298636721394</c:v>
                </c:pt>
                <c:pt idx="6948">
                  <c:v>74.068298636721394</c:v>
                </c:pt>
                <c:pt idx="6949">
                  <c:v>49.20251266582207</c:v>
                </c:pt>
                <c:pt idx="6950">
                  <c:v>74.068298636721394</c:v>
                </c:pt>
                <c:pt idx="6951">
                  <c:v>74.068298636721394</c:v>
                </c:pt>
                <c:pt idx="6952">
                  <c:v>46.144477078445966</c:v>
                </c:pt>
                <c:pt idx="6953">
                  <c:v>22.807440375152012</c:v>
                </c:pt>
                <c:pt idx="6954">
                  <c:v>12.999528076009378</c:v>
                </c:pt>
                <c:pt idx="6955">
                  <c:v>12.999528076009378</c:v>
                </c:pt>
                <c:pt idx="6956">
                  <c:v>12.999528076009378</c:v>
                </c:pt>
                <c:pt idx="6957">
                  <c:v>12.999528076009378</c:v>
                </c:pt>
                <c:pt idx="6958">
                  <c:v>12.999528076009378</c:v>
                </c:pt>
                <c:pt idx="6959">
                  <c:v>12.999528076009378</c:v>
                </c:pt>
                <c:pt idx="6960">
                  <c:v>12.820966083402363</c:v>
                </c:pt>
                <c:pt idx="6961">
                  <c:v>12.820966083402363</c:v>
                </c:pt>
                <c:pt idx="6962">
                  <c:v>12.820966083402363</c:v>
                </c:pt>
                <c:pt idx="6963">
                  <c:v>12.820966083402363</c:v>
                </c:pt>
                <c:pt idx="6964">
                  <c:v>12.820966083402363</c:v>
                </c:pt>
                <c:pt idx="6965">
                  <c:v>12.820966083402363</c:v>
                </c:pt>
                <c:pt idx="6966">
                  <c:v>12.820966083402363</c:v>
                </c:pt>
                <c:pt idx="6967">
                  <c:v>49.247922713968393</c:v>
                </c:pt>
                <c:pt idx="6968">
                  <c:v>54.95031376505947</c:v>
                </c:pt>
                <c:pt idx="6969">
                  <c:v>60.652704816150546</c:v>
                </c:pt>
                <c:pt idx="6970">
                  <c:v>60.652704816150546</c:v>
                </c:pt>
                <c:pt idx="6971">
                  <c:v>72.575886104795515</c:v>
                </c:pt>
                <c:pt idx="6972">
                  <c:v>72.575886104795515</c:v>
                </c:pt>
                <c:pt idx="6973">
                  <c:v>48.211124341042741</c:v>
                </c:pt>
                <c:pt idx="6974">
                  <c:v>72.575886104795515</c:v>
                </c:pt>
                <c:pt idx="6975">
                  <c:v>72.575886104795515</c:v>
                </c:pt>
                <c:pt idx="6976">
                  <c:v>45.140716220457648</c:v>
                </c:pt>
                <c:pt idx="6977">
                  <c:v>22.231162970673587</c:v>
                </c:pt>
                <c:pt idx="6978">
                  <c:v>12.820966083402363</c:v>
                </c:pt>
                <c:pt idx="6979">
                  <c:v>12.820966083402363</c:v>
                </c:pt>
                <c:pt idx="6980">
                  <c:v>12.820966083402363</c:v>
                </c:pt>
                <c:pt idx="6981">
                  <c:v>12.820966083402363</c:v>
                </c:pt>
                <c:pt idx="6982">
                  <c:v>12.820966083402363</c:v>
                </c:pt>
                <c:pt idx="6983">
                  <c:v>12.820966083402363</c:v>
                </c:pt>
                <c:pt idx="6984">
                  <c:v>9.7574095281175488</c:v>
                </c:pt>
                <c:pt idx="6985">
                  <c:v>9.7574095281175488</c:v>
                </c:pt>
                <c:pt idx="6986">
                  <c:v>9.7574095281175488</c:v>
                </c:pt>
                <c:pt idx="6987">
                  <c:v>9.7574095281175488</c:v>
                </c:pt>
                <c:pt idx="6988">
                  <c:v>9.7574095281175488</c:v>
                </c:pt>
                <c:pt idx="6989">
                  <c:v>9.7574095281175488</c:v>
                </c:pt>
                <c:pt idx="6990">
                  <c:v>9.7574095281175488</c:v>
                </c:pt>
                <c:pt idx="6991">
                  <c:v>38.969855904838546</c:v>
                </c:pt>
                <c:pt idx="6992">
                  <c:v>43.482155009609336</c:v>
                </c:pt>
                <c:pt idx="6993">
                  <c:v>47.994454114380119</c:v>
                </c:pt>
                <c:pt idx="6994">
                  <c:v>47.994454114380119</c:v>
                </c:pt>
                <c:pt idx="6995">
                  <c:v>57.429261333446284</c:v>
                </c:pt>
                <c:pt idx="6996">
                  <c:v>57.429261333446284</c:v>
                </c:pt>
                <c:pt idx="6997">
                  <c:v>38.149437885789325</c:v>
                </c:pt>
                <c:pt idx="6998">
                  <c:v>57.429261333446284</c:v>
                </c:pt>
                <c:pt idx="6999">
                  <c:v>57.429261333446284</c:v>
                </c:pt>
                <c:pt idx="7000">
                  <c:v>34.530416537648193</c:v>
                </c:pt>
                <c:pt idx="7001">
                  <c:v>15.597614432139739</c:v>
                </c:pt>
                <c:pt idx="7002">
                  <c:v>9.7574095281175488</c:v>
                </c:pt>
                <c:pt idx="7003">
                  <c:v>9.7574095281175488</c:v>
                </c:pt>
                <c:pt idx="7004">
                  <c:v>9.7574095281175488</c:v>
                </c:pt>
                <c:pt idx="7005">
                  <c:v>9.7574095281175488</c:v>
                </c:pt>
                <c:pt idx="7006">
                  <c:v>9.7574095281175488</c:v>
                </c:pt>
                <c:pt idx="7007">
                  <c:v>9.7574095281175488</c:v>
                </c:pt>
                <c:pt idx="7008">
                  <c:v>11.429510780193596</c:v>
                </c:pt>
                <c:pt idx="7009">
                  <c:v>7.0635185482328176</c:v>
                </c:pt>
                <c:pt idx="7010">
                  <c:v>7.0635185482328176</c:v>
                </c:pt>
                <c:pt idx="7011">
                  <c:v>7.0635185482328176</c:v>
                </c:pt>
                <c:pt idx="7012">
                  <c:v>7.0635185482328176</c:v>
                </c:pt>
                <c:pt idx="7013">
                  <c:v>7.0635185482328176</c:v>
                </c:pt>
                <c:pt idx="7014">
                  <c:v>7.0635185482328176</c:v>
                </c:pt>
                <c:pt idx="7015">
                  <c:v>29.553235702310015</c:v>
                </c:pt>
                <c:pt idx="7016">
                  <c:v>36.941544627887524</c:v>
                </c:pt>
                <c:pt idx="7017">
                  <c:v>40.635699090676269</c:v>
                </c:pt>
                <c:pt idx="7018">
                  <c:v>40.635699090676269</c:v>
                </c:pt>
                <c:pt idx="7019">
                  <c:v>48.024008016253774</c:v>
                </c:pt>
                <c:pt idx="7020">
                  <c:v>48.024008016253774</c:v>
                </c:pt>
                <c:pt idx="7021">
                  <c:v>33.247390165098764</c:v>
                </c:pt>
                <c:pt idx="7022">
                  <c:v>48.024008016253774</c:v>
                </c:pt>
                <c:pt idx="7023">
                  <c:v>37.058943916031481</c:v>
                </c:pt>
                <c:pt idx="7024">
                  <c:v>17.91036627374768</c:v>
                </c:pt>
                <c:pt idx="7025">
                  <c:v>12.022097663205974</c:v>
                </c:pt>
                <c:pt idx="7026">
                  <c:v>7.3993641045374945</c:v>
                </c:pt>
                <c:pt idx="7027">
                  <c:v>7.0635185482328176</c:v>
                </c:pt>
                <c:pt idx="7028">
                  <c:v>7.0635185482328176</c:v>
                </c:pt>
                <c:pt idx="7029">
                  <c:v>7.0635185482328176</c:v>
                </c:pt>
                <c:pt idx="7030">
                  <c:v>7.0635185482328176</c:v>
                </c:pt>
                <c:pt idx="7031">
                  <c:v>7.0635185482328176</c:v>
                </c:pt>
                <c:pt idx="7032">
                  <c:v>4.8517851299551955</c:v>
                </c:pt>
                <c:pt idx="7033">
                  <c:v>4.4505053405914223</c:v>
                </c:pt>
                <c:pt idx="7034">
                  <c:v>4.4505053405914223</c:v>
                </c:pt>
                <c:pt idx="7035">
                  <c:v>4.4505053405914223</c:v>
                </c:pt>
                <c:pt idx="7036">
                  <c:v>4.4505053405914223</c:v>
                </c:pt>
                <c:pt idx="7037">
                  <c:v>4.4533628046119391</c:v>
                </c:pt>
                <c:pt idx="7038">
                  <c:v>4.4570775078386102</c:v>
                </c:pt>
                <c:pt idx="7039">
                  <c:v>4.459649225457075</c:v>
                </c:pt>
                <c:pt idx="7040">
                  <c:v>4.459649225457075</c:v>
                </c:pt>
                <c:pt idx="7041">
                  <c:v>4.459649225457075</c:v>
                </c:pt>
                <c:pt idx="7042">
                  <c:v>4.459649225457075</c:v>
                </c:pt>
                <c:pt idx="7043">
                  <c:v>4.459649225457075</c:v>
                </c:pt>
                <c:pt idx="7044">
                  <c:v>4.459649225457075</c:v>
                </c:pt>
                <c:pt idx="7045">
                  <c:v>4.459649225457075</c:v>
                </c:pt>
                <c:pt idx="7046">
                  <c:v>4.459649225457075</c:v>
                </c:pt>
                <c:pt idx="7047">
                  <c:v>4.4576490006427134</c:v>
                </c:pt>
                <c:pt idx="7048">
                  <c:v>4.4559345222304039</c:v>
                </c:pt>
                <c:pt idx="7049">
                  <c:v>4.4542200438180943</c:v>
                </c:pt>
                <c:pt idx="7050">
                  <c:v>4.4536485510139903</c:v>
                </c:pt>
                <c:pt idx="7051">
                  <c:v>4.4507910869934744</c:v>
                </c:pt>
                <c:pt idx="7052">
                  <c:v>4.4476478765709064</c:v>
                </c:pt>
                <c:pt idx="7053">
                  <c:v>4.4476478765709064</c:v>
                </c:pt>
                <c:pt idx="7054">
                  <c:v>4.4476478765709064</c:v>
                </c:pt>
                <c:pt idx="7055">
                  <c:v>4.4476478765709064</c:v>
                </c:pt>
                <c:pt idx="7056">
                  <c:v>4.8795305437491923</c:v>
                </c:pt>
                <c:pt idx="7057">
                  <c:v>4.8819597984250125</c:v>
                </c:pt>
                <c:pt idx="7058">
                  <c:v>4.8819597984250125</c:v>
                </c:pt>
                <c:pt idx="7059">
                  <c:v>4.8819597984250125</c:v>
                </c:pt>
                <c:pt idx="7060">
                  <c:v>4.8819597984250125</c:v>
                </c:pt>
                <c:pt idx="7061">
                  <c:v>4.8863324568414903</c:v>
                </c:pt>
                <c:pt idx="7062">
                  <c:v>4.8902192643228029</c:v>
                </c:pt>
                <c:pt idx="7063">
                  <c:v>4.8950777736744451</c:v>
                </c:pt>
                <c:pt idx="7064">
                  <c:v>4.8950777736744451</c:v>
                </c:pt>
                <c:pt idx="7065">
                  <c:v>4.8950777736744451</c:v>
                </c:pt>
                <c:pt idx="7066">
                  <c:v>4.8950777736744451</c:v>
                </c:pt>
                <c:pt idx="7067">
                  <c:v>4.8950777736744451</c:v>
                </c:pt>
                <c:pt idx="7068">
                  <c:v>4.8950777736744451</c:v>
                </c:pt>
                <c:pt idx="7069">
                  <c:v>4.8950777736744451</c:v>
                </c:pt>
                <c:pt idx="7070">
                  <c:v>4.8950777736744451</c:v>
                </c:pt>
                <c:pt idx="7071">
                  <c:v>4.8916768171282961</c:v>
                </c:pt>
                <c:pt idx="7072">
                  <c:v>4.8911909661931317</c:v>
                </c:pt>
                <c:pt idx="7073">
                  <c:v>4.8873041587118182</c:v>
                </c:pt>
                <c:pt idx="7074">
                  <c:v>4.8858466059063259</c:v>
                </c:pt>
                <c:pt idx="7075">
                  <c:v>4.8824456493601769</c:v>
                </c:pt>
                <c:pt idx="7076">
                  <c:v>4.8795305437491923</c:v>
                </c:pt>
                <c:pt idx="7077">
                  <c:v>4.8775871400085355</c:v>
                </c:pt>
                <c:pt idx="7078">
                  <c:v>4.8775871400085355</c:v>
                </c:pt>
                <c:pt idx="7079">
                  <c:v>4.8775871400085355</c:v>
                </c:pt>
                <c:pt idx="7080">
                  <c:v>8.319952091784959</c:v>
                </c:pt>
                <c:pt idx="7081">
                  <c:v>8.319952091784959</c:v>
                </c:pt>
                <c:pt idx="7082">
                  <c:v>8.319952091784959</c:v>
                </c:pt>
                <c:pt idx="7083">
                  <c:v>8.319952091784959</c:v>
                </c:pt>
                <c:pt idx="7084">
                  <c:v>8.319952091784959</c:v>
                </c:pt>
                <c:pt idx="7085">
                  <c:v>8.319952091784959</c:v>
                </c:pt>
                <c:pt idx="7086">
                  <c:v>8.319952091784959</c:v>
                </c:pt>
                <c:pt idx="7087">
                  <c:v>35.474711553952858</c:v>
                </c:pt>
                <c:pt idx="7088">
                  <c:v>39.909050498196962</c:v>
                </c:pt>
                <c:pt idx="7089">
                  <c:v>44.343389442441065</c:v>
                </c:pt>
                <c:pt idx="7090">
                  <c:v>44.343389442441065</c:v>
                </c:pt>
                <c:pt idx="7091">
                  <c:v>53.212067330929273</c:v>
                </c:pt>
                <c:pt idx="7092">
                  <c:v>53.212067330929273</c:v>
                </c:pt>
                <c:pt idx="7093">
                  <c:v>35.474711553952858</c:v>
                </c:pt>
                <c:pt idx="7094">
                  <c:v>53.212067330929273</c:v>
                </c:pt>
                <c:pt idx="7095">
                  <c:v>53.212067330929273</c:v>
                </c:pt>
                <c:pt idx="7096">
                  <c:v>31.61521863815809</c:v>
                </c:pt>
                <c:pt idx="7097">
                  <c:v>10.027179846206044</c:v>
                </c:pt>
                <c:pt idx="7098">
                  <c:v>8.9165526631667191</c:v>
                </c:pt>
                <c:pt idx="7099">
                  <c:v>8.9165526631667191</c:v>
                </c:pt>
                <c:pt idx="7100">
                  <c:v>8.9165526631667191</c:v>
                </c:pt>
                <c:pt idx="7101">
                  <c:v>8.9165526631667191</c:v>
                </c:pt>
                <c:pt idx="7102">
                  <c:v>8.9165526631667191</c:v>
                </c:pt>
                <c:pt idx="7103">
                  <c:v>8.9165526631667191</c:v>
                </c:pt>
                <c:pt idx="7104">
                  <c:v>6.0855635068262472</c:v>
                </c:pt>
                <c:pt idx="7105">
                  <c:v>8.9797570548763908</c:v>
                </c:pt>
                <c:pt idx="7106">
                  <c:v>8.9797570548763908</c:v>
                </c:pt>
                <c:pt idx="7107">
                  <c:v>8.9797570548763908</c:v>
                </c:pt>
                <c:pt idx="7108">
                  <c:v>8.9797570548763908</c:v>
                </c:pt>
                <c:pt idx="7109">
                  <c:v>8.9797570548763908</c:v>
                </c:pt>
                <c:pt idx="7110">
                  <c:v>8.9797570548763908</c:v>
                </c:pt>
                <c:pt idx="7111">
                  <c:v>37.107319268879422</c:v>
                </c:pt>
                <c:pt idx="7112">
                  <c:v>41.403956236854938</c:v>
                </c:pt>
                <c:pt idx="7113">
                  <c:v>45.700593204830447</c:v>
                </c:pt>
                <c:pt idx="7114">
                  <c:v>45.700593204830447</c:v>
                </c:pt>
                <c:pt idx="7115">
                  <c:v>54.684470501506517</c:v>
                </c:pt>
                <c:pt idx="7116">
                  <c:v>54.684470501506517</c:v>
                </c:pt>
                <c:pt idx="7117">
                  <c:v>36.326112547429325</c:v>
                </c:pt>
                <c:pt idx="7118">
                  <c:v>54.684470501506517</c:v>
                </c:pt>
                <c:pt idx="7119">
                  <c:v>54.684470501506517</c:v>
                </c:pt>
                <c:pt idx="7120">
                  <c:v>32.811269049971351</c:v>
                </c:pt>
                <c:pt idx="7121">
                  <c:v>14.735067204836493</c:v>
                </c:pt>
                <c:pt idx="7122">
                  <c:v>9.242865559244585</c:v>
                </c:pt>
                <c:pt idx="7123">
                  <c:v>9.242865559244585</c:v>
                </c:pt>
                <c:pt idx="7124">
                  <c:v>9.242865559244585</c:v>
                </c:pt>
                <c:pt idx="7125">
                  <c:v>9.242865559244585</c:v>
                </c:pt>
                <c:pt idx="7126">
                  <c:v>9.242865559244585</c:v>
                </c:pt>
                <c:pt idx="7127">
                  <c:v>9.242865559244585</c:v>
                </c:pt>
                <c:pt idx="7128">
                  <c:v>8.3098739605453105</c:v>
                </c:pt>
                <c:pt idx="7129">
                  <c:v>8.3098739605453105</c:v>
                </c:pt>
                <c:pt idx="7130">
                  <c:v>8.3098739605453105</c:v>
                </c:pt>
                <c:pt idx="7131">
                  <c:v>8.3098739605453105</c:v>
                </c:pt>
                <c:pt idx="7132">
                  <c:v>8.3098739605453105</c:v>
                </c:pt>
                <c:pt idx="7133">
                  <c:v>8.3098739605453105</c:v>
                </c:pt>
                <c:pt idx="7134">
                  <c:v>8.3098739605453105</c:v>
                </c:pt>
                <c:pt idx="7135">
                  <c:v>33.348145639003548</c:v>
                </c:pt>
                <c:pt idx="7136">
                  <c:v>37.209509870888176</c:v>
                </c:pt>
                <c:pt idx="7137">
                  <c:v>41.070874102772791</c:v>
                </c:pt>
                <c:pt idx="7138">
                  <c:v>41.070874102772791</c:v>
                </c:pt>
                <c:pt idx="7139">
                  <c:v>49.144635678531543</c:v>
                </c:pt>
                <c:pt idx="7140">
                  <c:v>49.144635678531543</c:v>
                </c:pt>
                <c:pt idx="7141">
                  <c:v>32.646079415024523</c:v>
                </c:pt>
                <c:pt idx="7142">
                  <c:v>49.144635678531543</c:v>
                </c:pt>
                <c:pt idx="7143">
                  <c:v>49.144635678531543</c:v>
                </c:pt>
                <c:pt idx="7144">
                  <c:v>29.426599618876509</c:v>
                </c:pt>
                <c:pt idx="7145">
                  <c:v>13.142127478033119</c:v>
                </c:pt>
                <c:pt idx="7146">
                  <c:v>8.3098739605453105</c:v>
                </c:pt>
                <c:pt idx="7147">
                  <c:v>8.3098739605453105</c:v>
                </c:pt>
                <c:pt idx="7148">
                  <c:v>8.3098739605453105</c:v>
                </c:pt>
                <c:pt idx="7149">
                  <c:v>8.3098739605453105</c:v>
                </c:pt>
                <c:pt idx="7150">
                  <c:v>8.3098739605453105</c:v>
                </c:pt>
                <c:pt idx="7151">
                  <c:v>8.3098739605453105</c:v>
                </c:pt>
                <c:pt idx="7152">
                  <c:v>8.353823533912081</c:v>
                </c:pt>
                <c:pt idx="7153">
                  <c:v>8.353823533912081</c:v>
                </c:pt>
                <c:pt idx="7154">
                  <c:v>8.353823533912081</c:v>
                </c:pt>
                <c:pt idx="7155">
                  <c:v>8.353823533912081</c:v>
                </c:pt>
                <c:pt idx="7156">
                  <c:v>8.353823533912081</c:v>
                </c:pt>
                <c:pt idx="7157">
                  <c:v>8.353823533912081</c:v>
                </c:pt>
                <c:pt idx="7158">
                  <c:v>8.353823533912081</c:v>
                </c:pt>
                <c:pt idx="7159">
                  <c:v>33.520281394165679</c:v>
                </c:pt>
                <c:pt idx="7160">
                  <c:v>37.401577134542755</c:v>
                </c:pt>
                <c:pt idx="7161">
                  <c:v>41.282872874919839</c:v>
                </c:pt>
                <c:pt idx="7162">
                  <c:v>41.282872874919839</c:v>
                </c:pt>
                <c:pt idx="7163">
                  <c:v>49.398309422981001</c:v>
                </c:pt>
                <c:pt idx="7164">
                  <c:v>49.398309422981001</c:v>
                </c:pt>
                <c:pt idx="7165">
                  <c:v>32.814591259551662</c:v>
                </c:pt>
                <c:pt idx="7166">
                  <c:v>49.398309422981001</c:v>
                </c:pt>
                <c:pt idx="7167">
                  <c:v>49.398309422981001</c:v>
                </c:pt>
                <c:pt idx="7168">
                  <c:v>29.581731437328994</c:v>
                </c:pt>
                <c:pt idx="7169">
                  <c:v>13.215392694708125</c:v>
                </c:pt>
                <c:pt idx="7170">
                  <c:v>8.353823533912081</c:v>
                </c:pt>
                <c:pt idx="7171">
                  <c:v>8.353823533912081</c:v>
                </c:pt>
                <c:pt idx="7172">
                  <c:v>8.353823533912081</c:v>
                </c:pt>
                <c:pt idx="7173">
                  <c:v>8.353823533912081</c:v>
                </c:pt>
                <c:pt idx="7174">
                  <c:v>8.353823533912081</c:v>
                </c:pt>
                <c:pt idx="7175">
                  <c:v>8.353823533912081</c:v>
                </c:pt>
                <c:pt idx="7176">
                  <c:v>14.167740436372043</c:v>
                </c:pt>
                <c:pt idx="7177">
                  <c:v>8.8217951686841438</c:v>
                </c:pt>
                <c:pt idx="7178">
                  <c:v>8.8217951686841438</c:v>
                </c:pt>
                <c:pt idx="7179">
                  <c:v>8.8217951686841438</c:v>
                </c:pt>
                <c:pt idx="7180">
                  <c:v>8.8217951686841438</c:v>
                </c:pt>
                <c:pt idx="7181">
                  <c:v>8.8217951686841438</c:v>
                </c:pt>
                <c:pt idx="7182">
                  <c:v>8.8217951686841438</c:v>
                </c:pt>
                <c:pt idx="7183">
                  <c:v>36.654895571971942</c:v>
                </c:pt>
                <c:pt idx="7184">
                  <c:v>45.818619464964918</c:v>
                </c:pt>
                <c:pt idx="7185">
                  <c:v>50.400481411461421</c:v>
                </c:pt>
                <c:pt idx="7186">
                  <c:v>50.400481411461421</c:v>
                </c:pt>
                <c:pt idx="7187">
                  <c:v>59.564205304454404</c:v>
                </c:pt>
                <c:pt idx="7188">
                  <c:v>59.564205304454404</c:v>
                </c:pt>
                <c:pt idx="7189">
                  <c:v>41.236757518468437</c:v>
                </c:pt>
                <c:pt idx="7190">
                  <c:v>59.564205304454404</c:v>
                </c:pt>
                <c:pt idx="7191">
                  <c:v>46.020918557547866</c:v>
                </c:pt>
                <c:pt idx="7192">
                  <c:v>22.487985977245245</c:v>
                </c:pt>
                <c:pt idx="7193">
                  <c:v>15.188869189409768</c:v>
                </c:pt>
                <c:pt idx="7194">
                  <c:v>9.233021727737059</c:v>
                </c:pt>
                <c:pt idx="7195">
                  <c:v>8.8217951686841438</c:v>
                </c:pt>
                <c:pt idx="7196">
                  <c:v>8.8217951686841438</c:v>
                </c:pt>
                <c:pt idx="7197">
                  <c:v>8.8217951686841438</c:v>
                </c:pt>
                <c:pt idx="7198">
                  <c:v>8.8217951686841438</c:v>
                </c:pt>
                <c:pt idx="7199">
                  <c:v>8.8217951686841438</c:v>
                </c:pt>
                <c:pt idx="7200">
                  <c:v>7.6251645874107208</c:v>
                </c:pt>
                <c:pt idx="7201">
                  <c:v>7.0833631208304721</c:v>
                </c:pt>
                <c:pt idx="7202">
                  <c:v>7.0833631208304721</c:v>
                </c:pt>
                <c:pt idx="7203">
                  <c:v>7.0833631208304721</c:v>
                </c:pt>
                <c:pt idx="7204">
                  <c:v>7.0833631208304721</c:v>
                </c:pt>
                <c:pt idx="7205">
                  <c:v>7.091349577889682</c:v>
                </c:pt>
                <c:pt idx="7206">
                  <c:v>7.1017319720666556</c:v>
                </c:pt>
                <c:pt idx="7207">
                  <c:v>7.1089197834199442</c:v>
                </c:pt>
                <c:pt idx="7208">
                  <c:v>7.1089197834199442</c:v>
                </c:pt>
                <c:pt idx="7209">
                  <c:v>7.1089197834199442</c:v>
                </c:pt>
                <c:pt idx="7210">
                  <c:v>7.1089197834199442</c:v>
                </c:pt>
                <c:pt idx="7211">
                  <c:v>7.1089197834199442</c:v>
                </c:pt>
                <c:pt idx="7212">
                  <c:v>7.1089197834199442</c:v>
                </c:pt>
                <c:pt idx="7213">
                  <c:v>7.1089197834199442</c:v>
                </c:pt>
                <c:pt idx="7214">
                  <c:v>7.1089197834199442</c:v>
                </c:pt>
                <c:pt idx="7215">
                  <c:v>7.1033292634784972</c:v>
                </c:pt>
                <c:pt idx="7216">
                  <c:v>7.0985373892429715</c:v>
                </c:pt>
                <c:pt idx="7217">
                  <c:v>7.0937455150074449</c:v>
                </c:pt>
                <c:pt idx="7218">
                  <c:v>7.0921482235956033</c:v>
                </c:pt>
                <c:pt idx="7219">
                  <c:v>7.0841617665363925</c:v>
                </c:pt>
                <c:pt idx="7220">
                  <c:v>7.0753766637712614</c:v>
                </c:pt>
                <c:pt idx="7221">
                  <c:v>7.0753766637712614</c:v>
                </c:pt>
                <c:pt idx="7222">
                  <c:v>7.0753766637712614</c:v>
                </c:pt>
                <c:pt idx="7223">
                  <c:v>7.0753766637712614</c:v>
                </c:pt>
                <c:pt idx="7224">
                  <c:v>9.1911109856071942</c:v>
                </c:pt>
                <c:pt idx="7225">
                  <c:v>9.1996548258136848</c:v>
                </c:pt>
                <c:pt idx="7226">
                  <c:v>9.1996548258136848</c:v>
                </c:pt>
                <c:pt idx="7227">
                  <c:v>9.1996548258136848</c:v>
                </c:pt>
                <c:pt idx="7228">
                  <c:v>9.1996548258136848</c:v>
                </c:pt>
                <c:pt idx="7229">
                  <c:v>9.2150337381853671</c:v>
                </c:pt>
                <c:pt idx="7230">
                  <c:v>9.2287038825157524</c:v>
                </c:pt>
                <c:pt idx="7231">
                  <c:v>9.2457915629287335</c:v>
                </c:pt>
                <c:pt idx="7232">
                  <c:v>9.2457915629287335</c:v>
                </c:pt>
                <c:pt idx="7233">
                  <c:v>9.2457915629287335</c:v>
                </c:pt>
                <c:pt idx="7234">
                  <c:v>9.2457915629287335</c:v>
                </c:pt>
                <c:pt idx="7235">
                  <c:v>9.2457915629287335</c:v>
                </c:pt>
                <c:pt idx="7236">
                  <c:v>9.2457915629287335</c:v>
                </c:pt>
                <c:pt idx="7237">
                  <c:v>9.2457915629287335</c:v>
                </c:pt>
                <c:pt idx="7238">
                  <c:v>9.2457915629287335</c:v>
                </c:pt>
                <c:pt idx="7239">
                  <c:v>9.2338301866396471</c:v>
                </c:pt>
                <c:pt idx="7240">
                  <c:v>9.2321214185983482</c:v>
                </c:pt>
                <c:pt idx="7241">
                  <c:v>9.218451274267963</c:v>
                </c:pt>
                <c:pt idx="7242">
                  <c:v>9.21332497014407</c:v>
                </c:pt>
                <c:pt idx="7243">
                  <c:v>9.2013635938549836</c:v>
                </c:pt>
                <c:pt idx="7244">
                  <c:v>9.1911109856071942</c:v>
                </c:pt>
                <c:pt idx="7245">
                  <c:v>9.1842759134420024</c:v>
                </c:pt>
                <c:pt idx="7246">
                  <c:v>9.1842759134420024</c:v>
                </c:pt>
                <c:pt idx="7247">
                  <c:v>9.1842759134420024</c:v>
                </c:pt>
                <c:pt idx="7248">
                  <c:v>9.4948644037317269</c:v>
                </c:pt>
                <c:pt idx="7249">
                  <c:v>9.4948644037317269</c:v>
                </c:pt>
                <c:pt idx="7250">
                  <c:v>9.4948644037317269</c:v>
                </c:pt>
                <c:pt idx="7251">
                  <c:v>9.4948644037317269</c:v>
                </c:pt>
                <c:pt idx="7252">
                  <c:v>9.4948644037317269</c:v>
                </c:pt>
                <c:pt idx="7253">
                  <c:v>9.4948644037317269</c:v>
                </c:pt>
                <c:pt idx="7254">
                  <c:v>9.4948644037317269</c:v>
                </c:pt>
                <c:pt idx="7255">
                  <c:v>40.502879367739659</c:v>
                </c:pt>
                <c:pt idx="7256">
                  <c:v>45.565739288707114</c:v>
                </c:pt>
                <c:pt idx="7257">
                  <c:v>50.628599209674576</c:v>
                </c:pt>
                <c:pt idx="7258">
                  <c:v>50.628599209674576</c:v>
                </c:pt>
                <c:pt idx="7259">
                  <c:v>60.754319051609471</c:v>
                </c:pt>
                <c:pt idx="7260">
                  <c:v>60.754319051609471</c:v>
                </c:pt>
                <c:pt idx="7261">
                  <c:v>40.502879367739659</c:v>
                </c:pt>
                <c:pt idx="7262">
                  <c:v>60.754319051609471</c:v>
                </c:pt>
                <c:pt idx="7263">
                  <c:v>60.754319051609471</c:v>
                </c:pt>
                <c:pt idx="7264">
                  <c:v>36.43249021391749</c:v>
                </c:pt>
                <c:pt idx="7265">
                  <c:v>12.125871656181761</c:v>
                </c:pt>
                <c:pt idx="7266">
                  <c:v>10.281418363021434</c:v>
                </c:pt>
                <c:pt idx="7267">
                  <c:v>10.281418363021434</c:v>
                </c:pt>
                <c:pt idx="7268">
                  <c:v>10.281418363021434</c:v>
                </c:pt>
                <c:pt idx="7269">
                  <c:v>10.281418363021434</c:v>
                </c:pt>
                <c:pt idx="7270">
                  <c:v>10.281418363021434</c:v>
                </c:pt>
                <c:pt idx="7271">
                  <c:v>10.281418363021434</c:v>
                </c:pt>
                <c:pt idx="7272">
                  <c:v>5.9353516248591518</c:v>
                </c:pt>
                <c:pt idx="7273">
                  <c:v>8.7651638138521761</c:v>
                </c:pt>
                <c:pt idx="7274">
                  <c:v>8.7651638138521761</c:v>
                </c:pt>
                <c:pt idx="7275">
                  <c:v>8.7651638138521761</c:v>
                </c:pt>
                <c:pt idx="7276">
                  <c:v>8.7651638138521761</c:v>
                </c:pt>
                <c:pt idx="7277">
                  <c:v>8.7651638138521761</c:v>
                </c:pt>
                <c:pt idx="7278">
                  <c:v>8.7651638138521761</c:v>
                </c:pt>
                <c:pt idx="7279">
                  <c:v>36.239122276335642</c:v>
                </c:pt>
                <c:pt idx="7280">
                  <c:v>40.435231171490294</c:v>
                </c:pt>
                <c:pt idx="7281">
                  <c:v>44.631340066644952</c:v>
                </c:pt>
                <c:pt idx="7282">
                  <c:v>44.631340066644952</c:v>
                </c:pt>
                <c:pt idx="7283">
                  <c:v>53.405022301968309</c:v>
                </c:pt>
                <c:pt idx="7284">
                  <c:v>53.405022301968309</c:v>
                </c:pt>
                <c:pt idx="7285">
                  <c:v>35.476193386307521</c:v>
                </c:pt>
                <c:pt idx="7286">
                  <c:v>53.405022301968309</c:v>
                </c:pt>
                <c:pt idx="7287">
                  <c:v>53.405022301968309</c:v>
                </c:pt>
                <c:pt idx="7288">
                  <c:v>32.028729459419957</c:v>
                </c:pt>
                <c:pt idx="7289">
                  <c:v>14.365450596483811</c:v>
                </c:pt>
                <c:pt idx="7290">
                  <c:v>9.0224194673969969</c:v>
                </c:pt>
                <c:pt idx="7291">
                  <c:v>9.0224194673969969</c:v>
                </c:pt>
                <c:pt idx="7292">
                  <c:v>9.0224194673969969</c:v>
                </c:pt>
                <c:pt idx="7293">
                  <c:v>9.0224194673969969</c:v>
                </c:pt>
                <c:pt idx="7294">
                  <c:v>9.0224194673969969</c:v>
                </c:pt>
                <c:pt idx="7295">
                  <c:v>9.0224194673969969</c:v>
                </c:pt>
                <c:pt idx="7296">
                  <c:v>8.8812184143133255</c:v>
                </c:pt>
                <c:pt idx="7297">
                  <c:v>8.8812184143133255</c:v>
                </c:pt>
                <c:pt idx="7298">
                  <c:v>8.8812184143133255</c:v>
                </c:pt>
                <c:pt idx="7299">
                  <c:v>8.8812184143133255</c:v>
                </c:pt>
                <c:pt idx="7300">
                  <c:v>8.8812184143133255</c:v>
                </c:pt>
                <c:pt idx="7301">
                  <c:v>8.8812184143133255</c:v>
                </c:pt>
                <c:pt idx="7302">
                  <c:v>8.8812184143133255</c:v>
                </c:pt>
                <c:pt idx="7303">
                  <c:v>35.585910456111165</c:v>
                </c:pt>
                <c:pt idx="7304">
                  <c:v>39.70638429839773</c:v>
                </c:pt>
                <c:pt idx="7305">
                  <c:v>43.82685814068428</c:v>
                </c:pt>
                <c:pt idx="7306">
                  <c:v>43.82685814068428</c:v>
                </c:pt>
                <c:pt idx="7307">
                  <c:v>52.442394356374351</c:v>
                </c:pt>
                <c:pt idx="7308">
                  <c:v>52.442394356374351</c:v>
                </c:pt>
                <c:pt idx="7309">
                  <c:v>34.836733393877239</c:v>
                </c:pt>
                <c:pt idx="7310">
                  <c:v>52.442394356374351</c:v>
                </c:pt>
                <c:pt idx="7311">
                  <c:v>52.442394356374351</c:v>
                </c:pt>
                <c:pt idx="7312">
                  <c:v>31.443313258758788</c:v>
                </c:pt>
                <c:pt idx="7313">
                  <c:v>14.09457529480817</c:v>
                </c:pt>
                <c:pt idx="7314">
                  <c:v>8.8812184143133255</c:v>
                </c:pt>
                <c:pt idx="7315">
                  <c:v>8.8812184143133255</c:v>
                </c:pt>
                <c:pt idx="7316">
                  <c:v>8.8812184143133255</c:v>
                </c:pt>
                <c:pt idx="7317">
                  <c:v>8.8812184143133255</c:v>
                </c:pt>
                <c:pt idx="7318">
                  <c:v>8.8812184143133255</c:v>
                </c:pt>
                <c:pt idx="7319">
                  <c:v>8.8812184143133255</c:v>
                </c:pt>
                <c:pt idx="7320">
                  <c:v>9.4525628680813405</c:v>
                </c:pt>
                <c:pt idx="7321">
                  <c:v>9.4525628680813405</c:v>
                </c:pt>
                <c:pt idx="7322">
                  <c:v>9.4525628680813405</c:v>
                </c:pt>
                <c:pt idx="7323">
                  <c:v>9.4525628680813405</c:v>
                </c:pt>
                <c:pt idx="7324">
                  <c:v>9.4525628680813405</c:v>
                </c:pt>
                <c:pt idx="7325">
                  <c:v>9.4525628680813405</c:v>
                </c:pt>
                <c:pt idx="7326">
                  <c:v>9.4525628680813405</c:v>
                </c:pt>
                <c:pt idx="7327">
                  <c:v>37.823675273218768</c:v>
                </c:pt>
                <c:pt idx="7328">
                  <c:v>42.203258725907276</c:v>
                </c:pt>
                <c:pt idx="7329">
                  <c:v>46.582842178595754</c:v>
                </c:pt>
                <c:pt idx="7330">
                  <c:v>46.582842178595754</c:v>
                </c:pt>
                <c:pt idx="7331">
                  <c:v>55.740153034217144</c:v>
                </c:pt>
                <c:pt idx="7332">
                  <c:v>55.740153034217144</c:v>
                </c:pt>
                <c:pt idx="7333">
                  <c:v>37.027387372729962</c:v>
                </c:pt>
                <c:pt idx="7334">
                  <c:v>55.740153034217144</c:v>
                </c:pt>
                <c:pt idx="7335">
                  <c:v>55.740153034217144</c:v>
                </c:pt>
                <c:pt idx="7336">
                  <c:v>33.460026898641068</c:v>
                </c:pt>
                <c:pt idx="7337">
                  <c:v>15.047023111583222</c:v>
                </c:pt>
                <c:pt idx="7338">
                  <c:v>9.4525628680813405</c:v>
                </c:pt>
                <c:pt idx="7339">
                  <c:v>9.4525628680813405</c:v>
                </c:pt>
                <c:pt idx="7340">
                  <c:v>9.4525628680813405</c:v>
                </c:pt>
                <c:pt idx="7341">
                  <c:v>9.4525628680813405</c:v>
                </c:pt>
                <c:pt idx="7342">
                  <c:v>9.4525628680813405</c:v>
                </c:pt>
                <c:pt idx="7343">
                  <c:v>9.4525628680813405</c:v>
                </c:pt>
                <c:pt idx="7344">
                  <c:v>15.875794882730647</c:v>
                </c:pt>
                <c:pt idx="7345">
                  <c:v>10.114665551343487</c:v>
                </c:pt>
                <c:pt idx="7346">
                  <c:v>10.114665551343487</c:v>
                </c:pt>
                <c:pt idx="7347">
                  <c:v>10.114665551343487</c:v>
                </c:pt>
                <c:pt idx="7348">
                  <c:v>10.114665551343487</c:v>
                </c:pt>
                <c:pt idx="7349">
                  <c:v>10.114665551343487</c:v>
                </c:pt>
                <c:pt idx="7350">
                  <c:v>10.114665551343487</c:v>
                </c:pt>
                <c:pt idx="7351">
                  <c:v>41.148417606442742</c:v>
                </c:pt>
                <c:pt idx="7352">
                  <c:v>51.435522008053432</c:v>
                </c:pt>
                <c:pt idx="7353">
                  <c:v>56.579074208858763</c:v>
                </c:pt>
                <c:pt idx="7354">
                  <c:v>56.579074208858763</c:v>
                </c:pt>
                <c:pt idx="7355">
                  <c:v>66.866178610469447</c:v>
                </c:pt>
                <c:pt idx="7356">
                  <c:v>66.866178610469447</c:v>
                </c:pt>
                <c:pt idx="7357">
                  <c:v>46.291969807248087</c:v>
                </c:pt>
                <c:pt idx="7358">
                  <c:v>66.866178610469447</c:v>
                </c:pt>
                <c:pt idx="7359">
                  <c:v>51.85937979506852</c:v>
                </c:pt>
                <c:pt idx="7360">
                  <c:v>26.194930564819629</c:v>
                </c:pt>
                <c:pt idx="7361">
                  <c:v>18.015267521949681</c:v>
                </c:pt>
                <c:pt idx="7362">
                  <c:v>10.557829346065574</c:v>
                </c:pt>
                <c:pt idx="7363">
                  <c:v>10.114665551343487</c:v>
                </c:pt>
                <c:pt idx="7364">
                  <c:v>10.114665551343487</c:v>
                </c:pt>
                <c:pt idx="7365">
                  <c:v>10.114665551343487</c:v>
                </c:pt>
                <c:pt idx="7366">
                  <c:v>10.114665551343487</c:v>
                </c:pt>
                <c:pt idx="7367">
                  <c:v>10.114665551343487</c:v>
                </c:pt>
                <c:pt idx="7368">
                  <c:v>11.246353852506342</c:v>
                </c:pt>
                <c:pt idx="7369">
                  <c:v>10.565209992261629</c:v>
                </c:pt>
                <c:pt idx="7370">
                  <c:v>10.565209992261629</c:v>
                </c:pt>
                <c:pt idx="7371">
                  <c:v>10.565209992261629</c:v>
                </c:pt>
                <c:pt idx="7372">
                  <c:v>10.565209992261629</c:v>
                </c:pt>
                <c:pt idx="7373">
                  <c:v>10.584944064448159</c:v>
                </c:pt>
                <c:pt idx="7374">
                  <c:v>10.61059835829065</c:v>
                </c:pt>
                <c:pt idx="7375">
                  <c:v>10.628359023258527</c:v>
                </c:pt>
                <c:pt idx="7376">
                  <c:v>10.628359023258527</c:v>
                </c:pt>
                <c:pt idx="7377">
                  <c:v>10.628359023258527</c:v>
                </c:pt>
                <c:pt idx="7378">
                  <c:v>10.628359023258527</c:v>
                </c:pt>
                <c:pt idx="7379">
                  <c:v>10.628359023258527</c:v>
                </c:pt>
                <c:pt idx="7380">
                  <c:v>10.628359023258527</c:v>
                </c:pt>
                <c:pt idx="7381">
                  <c:v>10.628359023258527</c:v>
                </c:pt>
                <c:pt idx="7382">
                  <c:v>10.628359023258527</c:v>
                </c:pt>
                <c:pt idx="7383">
                  <c:v>10.614545172727956</c:v>
                </c:pt>
                <c:pt idx="7384">
                  <c:v>10.602704729416036</c:v>
                </c:pt>
                <c:pt idx="7385">
                  <c:v>10.590864286104118</c:v>
                </c:pt>
                <c:pt idx="7386">
                  <c:v>10.586917471666812</c:v>
                </c:pt>
                <c:pt idx="7387">
                  <c:v>10.567183399480282</c:v>
                </c:pt>
                <c:pt idx="7388">
                  <c:v>10.545475920075098</c:v>
                </c:pt>
                <c:pt idx="7389">
                  <c:v>10.545475920075098</c:v>
                </c:pt>
                <c:pt idx="7390">
                  <c:v>10.545475920075098</c:v>
                </c:pt>
                <c:pt idx="7391">
                  <c:v>10.545475920075098</c:v>
                </c:pt>
                <c:pt idx="7392">
                  <c:v>9.1911109856071942</c:v>
                </c:pt>
                <c:pt idx="7393">
                  <c:v>9.1996548258136848</c:v>
                </c:pt>
                <c:pt idx="7394">
                  <c:v>9.1996548258136848</c:v>
                </c:pt>
                <c:pt idx="7395">
                  <c:v>9.1996548258136848</c:v>
                </c:pt>
                <c:pt idx="7396">
                  <c:v>9.1996548258136848</c:v>
                </c:pt>
                <c:pt idx="7397">
                  <c:v>9.2150337381853671</c:v>
                </c:pt>
                <c:pt idx="7398">
                  <c:v>9.2287038825157524</c:v>
                </c:pt>
                <c:pt idx="7399">
                  <c:v>9.2457915629287335</c:v>
                </c:pt>
                <c:pt idx="7400">
                  <c:v>9.2457915629287335</c:v>
                </c:pt>
                <c:pt idx="7401">
                  <c:v>9.2457915629287335</c:v>
                </c:pt>
                <c:pt idx="7402">
                  <c:v>9.2457915629287335</c:v>
                </c:pt>
                <c:pt idx="7403">
                  <c:v>9.2457915629287335</c:v>
                </c:pt>
                <c:pt idx="7404">
                  <c:v>9.2457915629287335</c:v>
                </c:pt>
                <c:pt idx="7405">
                  <c:v>9.2457915629287335</c:v>
                </c:pt>
                <c:pt idx="7406">
                  <c:v>9.2457915629287335</c:v>
                </c:pt>
                <c:pt idx="7407">
                  <c:v>9.2338301866396471</c:v>
                </c:pt>
                <c:pt idx="7408">
                  <c:v>9.2321214185983482</c:v>
                </c:pt>
                <c:pt idx="7409">
                  <c:v>9.218451274267963</c:v>
                </c:pt>
                <c:pt idx="7410">
                  <c:v>9.21332497014407</c:v>
                </c:pt>
                <c:pt idx="7411">
                  <c:v>9.2013635938549836</c:v>
                </c:pt>
                <c:pt idx="7412">
                  <c:v>9.1911109856071942</c:v>
                </c:pt>
                <c:pt idx="7413">
                  <c:v>9.1842759134420024</c:v>
                </c:pt>
                <c:pt idx="7414">
                  <c:v>9.1842759134420024</c:v>
                </c:pt>
                <c:pt idx="7415">
                  <c:v>9.1842759134420024</c:v>
                </c:pt>
                <c:pt idx="7416">
                  <c:v>8.4818747295342138</c:v>
                </c:pt>
                <c:pt idx="7417">
                  <c:v>8.4818747295342138</c:v>
                </c:pt>
                <c:pt idx="7418">
                  <c:v>8.4818747295342138</c:v>
                </c:pt>
                <c:pt idx="7419">
                  <c:v>8.4818747295342138</c:v>
                </c:pt>
                <c:pt idx="7420">
                  <c:v>8.4818747295342138</c:v>
                </c:pt>
                <c:pt idx="7421">
                  <c:v>8.4818747295342138</c:v>
                </c:pt>
                <c:pt idx="7422">
                  <c:v>8.4818747295342138</c:v>
                </c:pt>
                <c:pt idx="7423">
                  <c:v>36.165842909253044</c:v>
                </c:pt>
                <c:pt idx="7424">
                  <c:v>40.686573272909676</c:v>
                </c:pt>
                <c:pt idx="7425">
                  <c:v>45.207303636566309</c:v>
                </c:pt>
                <c:pt idx="7426">
                  <c:v>45.207303636566309</c:v>
                </c:pt>
                <c:pt idx="7427">
                  <c:v>54.248764363879552</c:v>
                </c:pt>
                <c:pt idx="7428">
                  <c:v>54.248764363879552</c:v>
                </c:pt>
                <c:pt idx="7429">
                  <c:v>36.165842909253044</c:v>
                </c:pt>
                <c:pt idx="7430">
                  <c:v>54.248764363879552</c:v>
                </c:pt>
                <c:pt idx="7431">
                  <c:v>54.248764363879552</c:v>
                </c:pt>
                <c:pt idx="7432">
                  <c:v>32.244262721647466</c:v>
                </c:pt>
                <c:pt idx="7433">
                  <c:v>10.248943457592402</c:v>
                </c:pt>
                <c:pt idx="7434">
                  <c:v>9.0942072186399887</c:v>
                </c:pt>
                <c:pt idx="7435">
                  <c:v>9.0942072186399887</c:v>
                </c:pt>
                <c:pt idx="7436">
                  <c:v>9.0942072186399887</c:v>
                </c:pt>
                <c:pt idx="7437">
                  <c:v>9.0942072186399887</c:v>
                </c:pt>
                <c:pt idx="7438">
                  <c:v>9.0942072186399887</c:v>
                </c:pt>
                <c:pt idx="7439">
                  <c:v>9.0942072186399887</c:v>
                </c:pt>
                <c:pt idx="7440">
                  <c:v>7.8827204120327599</c:v>
                </c:pt>
                <c:pt idx="7441">
                  <c:v>11.188954658048464</c:v>
                </c:pt>
                <c:pt idx="7442">
                  <c:v>11.188954658048464</c:v>
                </c:pt>
                <c:pt idx="7443">
                  <c:v>11.188954658048464</c:v>
                </c:pt>
                <c:pt idx="7444">
                  <c:v>11.188954658048464</c:v>
                </c:pt>
                <c:pt idx="7445">
                  <c:v>11.188954658048464</c:v>
                </c:pt>
                <c:pt idx="7446">
                  <c:v>11.188954658048464</c:v>
                </c:pt>
                <c:pt idx="7447">
                  <c:v>45.071425726098532</c:v>
                </c:pt>
                <c:pt idx="7448">
                  <c:v>50.290222389120473</c:v>
                </c:pt>
                <c:pt idx="7449">
                  <c:v>55.509019052142406</c:v>
                </c:pt>
                <c:pt idx="7450">
                  <c:v>55.509019052142406</c:v>
                </c:pt>
                <c:pt idx="7451">
                  <c:v>66.421048438460986</c:v>
                </c:pt>
                <c:pt idx="7452">
                  <c:v>66.421048438460986</c:v>
                </c:pt>
                <c:pt idx="7453">
                  <c:v>44.122553605549086</c:v>
                </c:pt>
                <c:pt idx="7454">
                  <c:v>66.421048438460986</c:v>
                </c:pt>
                <c:pt idx="7455">
                  <c:v>66.421048438460986</c:v>
                </c:pt>
                <c:pt idx="7456">
                  <c:v>40.785267418786781</c:v>
                </c:pt>
                <c:pt idx="7457">
                  <c:v>19.457032698872183</c:v>
                </c:pt>
                <c:pt idx="7458">
                  <c:v>11.489521407686256</c:v>
                </c:pt>
                <c:pt idx="7459">
                  <c:v>11.489521407686256</c:v>
                </c:pt>
                <c:pt idx="7460">
                  <c:v>11.489521407686256</c:v>
                </c:pt>
                <c:pt idx="7461">
                  <c:v>11.489521407686256</c:v>
                </c:pt>
                <c:pt idx="7462">
                  <c:v>11.489521407686256</c:v>
                </c:pt>
                <c:pt idx="7463">
                  <c:v>11.489521407686256</c:v>
                </c:pt>
                <c:pt idx="7464">
                  <c:v>11.118990219355243</c:v>
                </c:pt>
                <c:pt idx="7465">
                  <c:v>11.118990219355243</c:v>
                </c:pt>
                <c:pt idx="7466">
                  <c:v>11.118990219355243</c:v>
                </c:pt>
                <c:pt idx="7467">
                  <c:v>11.118990219355243</c:v>
                </c:pt>
                <c:pt idx="7468">
                  <c:v>11.118990219355243</c:v>
                </c:pt>
                <c:pt idx="7469">
                  <c:v>11.118990219355243</c:v>
                </c:pt>
                <c:pt idx="7470">
                  <c:v>11.118990219355243</c:v>
                </c:pt>
                <c:pt idx="7471">
                  <c:v>43.537885597785149</c:v>
                </c:pt>
                <c:pt idx="7472">
                  <c:v>48.579114456476063</c:v>
                </c:pt>
                <c:pt idx="7473">
                  <c:v>53.620343315166977</c:v>
                </c:pt>
                <c:pt idx="7474">
                  <c:v>53.620343315166977</c:v>
                </c:pt>
                <c:pt idx="7475">
                  <c:v>64.161094565157057</c:v>
                </c:pt>
                <c:pt idx="7476">
                  <c:v>64.161094565157057</c:v>
                </c:pt>
                <c:pt idx="7477">
                  <c:v>42.621298532568623</c:v>
                </c:pt>
                <c:pt idx="7478">
                  <c:v>64.161094565157057</c:v>
                </c:pt>
                <c:pt idx="7479">
                  <c:v>64.161094565157057</c:v>
                </c:pt>
                <c:pt idx="7480">
                  <c:v>39.246105285563502</c:v>
                </c:pt>
                <c:pt idx="7481">
                  <c:v>18.54585822704367</c:v>
                </c:pt>
                <c:pt idx="7482">
                  <c:v>11.118990219355243</c:v>
                </c:pt>
                <c:pt idx="7483">
                  <c:v>11.118990219355243</c:v>
                </c:pt>
                <c:pt idx="7484">
                  <c:v>11.118990219355243</c:v>
                </c:pt>
                <c:pt idx="7485">
                  <c:v>11.118990219355243</c:v>
                </c:pt>
                <c:pt idx="7486">
                  <c:v>11.118990219355243</c:v>
                </c:pt>
                <c:pt idx="7487">
                  <c:v>11.118990219355243</c:v>
                </c:pt>
                <c:pt idx="7488">
                  <c:v>14.012349188235342</c:v>
                </c:pt>
                <c:pt idx="7489">
                  <c:v>14.012349188235342</c:v>
                </c:pt>
                <c:pt idx="7490">
                  <c:v>14.012349188235342</c:v>
                </c:pt>
                <c:pt idx="7491">
                  <c:v>14.012349188235342</c:v>
                </c:pt>
                <c:pt idx="7492">
                  <c:v>14.012349188235342</c:v>
                </c:pt>
                <c:pt idx="7493">
                  <c:v>14.012349188235342</c:v>
                </c:pt>
                <c:pt idx="7494">
                  <c:v>14.012349188235342</c:v>
                </c:pt>
                <c:pt idx="7495">
                  <c:v>53.244948695296657</c:v>
                </c:pt>
                <c:pt idx="7496">
                  <c:v>59.410153281067849</c:v>
                </c:pt>
                <c:pt idx="7497">
                  <c:v>65.575357866839028</c:v>
                </c:pt>
                <c:pt idx="7498">
                  <c:v>65.575357866839028</c:v>
                </c:pt>
                <c:pt idx="7499">
                  <c:v>78.466240182542435</c:v>
                </c:pt>
                <c:pt idx="7500">
                  <c:v>78.466240182542435</c:v>
                </c:pt>
                <c:pt idx="7501">
                  <c:v>52.124002406974626</c:v>
                </c:pt>
                <c:pt idx="7502">
                  <c:v>78.466240182542435</c:v>
                </c:pt>
                <c:pt idx="7503">
                  <c:v>78.466240182542435</c:v>
                </c:pt>
                <c:pt idx="7504">
                  <c:v>49.266943874883538</c:v>
                </c:pt>
                <c:pt idx="7505">
                  <c:v>24.810876291214527</c:v>
                </c:pt>
                <c:pt idx="7506">
                  <c:v>14.012349188235342</c:v>
                </c:pt>
                <c:pt idx="7507">
                  <c:v>14.012349188235342</c:v>
                </c:pt>
                <c:pt idx="7508">
                  <c:v>14.012349188235342</c:v>
                </c:pt>
                <c:pt idx="7509">
                  <c:v>14.012349188235342</c:v>
                </c:pt>
                <c:pt idx="7510">
                  <c:v>14.012349188235342</c:v>
                </c:pt>
                <c:pt idx="7511">
                  <c:v>14.012349188235342</c:v>
                </c:pt>
                <c:pt idx="7512">
                  <c:v>18.779898539461737</c:v>
                </c:pt>
                <c:pt idx="7513">
                  <c:v>12.372927331209054</c:v>
                </c:pt>
                <c:pt idx="7514">
                  <c:v>12.372927331209054</c:v>
                </c:pt>
                <c:pt idx="7515">
                  <c:v>12.372927331209054</c:v>
                </c:pt>
                <c:pt idx="7516">
                  <c:v>12.372927331209054</c:v>
                </c:pt>
                <c:pt idx="7517">
                  <c:v>12.372927331209054</c:v>
                </c:pt>
                <c:pt idx="7518">
                  <c:v>12.372927331209054</c:v>
                </c:pt>
                <c:pt idx="7519">
                  <c:v>48.807983550999417</c:v>
                </c:pt>
                <c:pt idx="7520">
                  <c:v>61.009979438749269</c:v>
                </c:pt>
                <c:pt idx="7521">
                  <c:v>67.110977382624185</c:v>
                </c:pt>
                <c:pt idx="7522">
                  <c:v>67.110977382624185</c:v>
                </c:pt>
                <c:pt idx="7523">
                  <c:v>79.312973270374044</c:v>
                </c:pt>
                <c:pt idx="7524">
                  <c:v>79.312973270374044</c:v>
                </c:pt>
                <c:pt idx="7525">
                  <c:v>54.90898149487434</c:v>
                </c:pt>
                <c:pt idx="7526">
                  <c:v>79.312973270374044</c:v>
                </c:pt>
                <c:pt idx="7527">
                  <c:v>61.862189431247963</c:v>
                </c:pt>
                <c:pt idx="7528">
                  <c:v>32.758482597662685</c:v>
                </c:pt>
                <c:pt idx="7529">
                  <c:v>23.081529930169413</c:v>
                </c:pt>
                <c:pt idx="7530">
                  <c:v>12.865771270305412</c:v>
                </c:pt>
                <c:pt idx="7531">
                  <c:v>12.372927331209054</c:v>
                </c:pt>
                <c:pt idx="7532">
                  <c:v>12.372927331209054</c:v>
                </c:pt>
                <c:pt idx="7533">
                  <c:v>12.372927331209054</c:v>
                </c:pt>
                <c:pt idx="7534">
                  <c:v>12.372927331209054</c:v>
                </c:pt>
                <c:pt idx="7535">
                  <c:v>12.372927331209054</c:v>
                </c:pt>
                <c:pt idx="7536">
                  <c:v>12.280979356819373</c:v>
                </c:pt>
                <c:pt idx="7537">
                  <c:v>11.560023384099104</c:v>
                </c:pt>
                <c:pt idx="7538">
                  <c:v>11.560023384099104</c:v>
                </c:pt>
                <c:pt idx="7539">
                  <c:v>11.560023384099104</c:v>
                </c:pt>
                <c:pt idx="7540">
                  <c:v>11.560023384099104</c:v>
                </c:pt>
                <c:pt idx="7541">
                  <c:v>11.583113917750582</c:v>
                </c:pt>
                <c:pt idx="7542">
                  <c:v>11.613131611497506</c:v>
                </c:pt>
                <c:pt idx="7543">
                  <c:v>11.633913091783837</c:v>
                </c:pt>
                <c:pt idx="7544">
                  <c:v>11.633913091783837</c:v>
                </c:pt>
                <c:pt idx="7545">
                  <c:v>11.633913091783837</c:v>
                </c:pt>
                <c:pt idx="7546">
                  <c:v>11.633913091783837</c:v>
                </c:pt>
                <c:pt idx="7547">
                  <c:v>11.633913091783837</c:v>
                </c:pt>
                <c:pt idx="7548">
                  <c:v>11.633913091783837</c:v>
                </c:pt>
                <c:pt idx="7549">
                  <c:v>11.633913091783837</c:v>
                </c:pt>
                <c:pt idx="7550">
                  <c:v>11.633913091783837</c:v>
                </c:pt>
                <c:pt idx="7551">
                  <c:v>11.617749718227801</c:v>
                </c:pt>
                <c:pt idx="7552">
                  <c:v>11.603895398036913</c:v>
                </c:pt>
                <c:pt idx="7553">
                  <c:v>11.590041077846026</c:v>
                </c:pt>
                <c:pt idx="7554">
                  <c:v>11.585422971115729</c:v>
                </c:pt>
                <c:pt idx="7555">
                  <c:v>11.562332437464251</c:v>
                </c:pt>
                <c:pt idx="7556">
                  <c:v>11.536932850447624</c:v>
                </c:pt>
                <c:pt idx="7557">
                  <c:v>11.536932850447624</c:v>
                </c:pt>
                <c:pt idx="7558">
                  <c:v>11.536932850447624</c:v>
                </c:pt>
                <c:pt idx="7559">
                  <c:v>11.536932850447624</c:v>
                </c:pt>
                <c:pt idx="7560">
                  <c:v>12.076077439153407</c:v>
                </c:pt>
                <c:pt idx="7561">
                  <c:v>12.090152596928331</c:v>
                </c:pt>
                <c:pt idx="7562">
                  <c:v>12.090152596928331</c:v>
                </c:pt>
                <c:pt idx="7563">
                  <c:v>12.090152596928331</c:v>
                </c:pt>
                <c:pt idx="7564">
                  <c:v>12.090152596928331</c:v>
                </c:pt>
                <c:pt idx="7565">
                  <c:v>12.115487880923194</c:v>
                </c:pt>
                <c:pt idx="7566">
                  <c:v>12.138008133363073</c:v>
                </c:pt>
                <c:pt idx="7567">
                  <c:v>12.16615844891292</c:v>
                </c:pt>
                <c:pt idx="7568">
                  <c:v>12.16615844891292</c:v>
                </c:pt>
                <c:pt idx="7569">
                  <c:v>12.16615844891292</c:v>
                </c:pt>
                <c:pt idx="7570">
                  <c:v>12.16615844891292</c:v>
                </c:pt>
                <c:pt idx="7571">
                  <c:v>12.16615844891292</c:v>
                </c:pt>
                <c:pt idx="7572">
                  <c:v>12.16615844891292</c:v>
                </c:pt>
                <c:pt idx="7573">
                  <c:v>12.16615844891292</c:v>
                </c:pt>
                <c:pt idx="7574">
                  <c:v>12.16615844891292</c:v>
                </c:pt>
                <c:pt idx="7575">
                  <c:v>12.146453228028026</c:v>
                </c:pt>
                <c:pt idx="7576">
                  <c:v>12.143638196473042</c:v>
                </c:pt>
                <c:pt idx="7577">
                  <c:v>12.121117944033163</c:v>
                </c:pt>
                <c:pt idx="7578">
                  <c:v>12.112672849368209</c:v>
                </c:pt>
                <c:pt idx="7579">
                  <c:v>12.092967628483315</c:v>
                </c:pt>
                <c:pt idx="7580">
                  <c:v>12.076077439153407</c:v>
                </c:pt>
                <c:pt idx="7581">
                  <c:v>12.064817312933467</c:v>
                </c:pt>
                <c:pt idx="7582">
                  <c:v>12.064817312933467</c:v>
                </c:pt>
                <c:pt idx="7583">
                  <c:v>12.064817312933467</c:v>
                </c:pt>
                <c:pt idx="7584">
                  <c:v>13.417402302563955</c:v>
                </c:pt>
                <c:pt idx="7585">
                  <c:v>13.417402302563955</c:v>
                </c:pt>
                <c:pt idx="7586">
                  <c:v>13.417402302563955</c:v>
                </c:pt>
                <c:pt idx="7587">
                  <c:v>13.417402302563955</c:v>
                </c:pt>
                <c:pt idx="7588">
                  <c:v>13.417402302563955</c:v>
                </c:pt>
                <c:pt idx="7589">
                  <c:v>13.417402302563955</c:v>
                </c:pt>
                <c:pt idx="7590">
                  <c:v>13.417402302563955</c:v>
                </c:pt>
                <c:pt idx="7591">
                  <c:v>57.374053503478436</c:v>
                </c:pt>
                <c:pt idx="7592">
                  <c:v>64.545810191413238</c:v>
                </c:pt>
                <c:pt idx="7593">
                  <c:v>71.717566879348041</c:v>
                </c:pt>
                <c:pt idx="7594">
                  <c:v>71.717566879348041</c:v>
                </c:pt>
                <c:pt idx="7595">
                  <c:v>86.061080255217647</c:v>
                </c:pt>
                <c:pt idx="7596">
                  <c:v>86.061080255217647</c:v>
                </c:pt>
                <c:pt idx="7597">
                  <c:v>57.374053503478436</c:v>
                </c:pt>
                <c:pt idx="7598">
                  <c:v>86.061080255217647</c:v>
                </c:pt>
                <c:pt idx="7599">
                  <c:v>86.061080255217647</c:v>
                </c:pt>
                <c:pt idx="7600">
                  <c:v>54.115841279371075</c:v>
                </c:pt>
                <c:pt idx="7601">
                  <c:v>22.230579996456733</c:v>
                </c:pt>
                <c:pt idx="7602">
                  <c:v>15.31781512280269</c:v>
                </c:pt>
                <c:pt idx="7603">
                  <c:v>15.31781512280269</c:v>
                </c:pt>
                <c:pt idx="7604">
                  <c:v>15.31781512280269</c:v>
                </c:pt>
                <c:pt idx="7605">
                  <c:v>15.31781512280269</c:v>
                </c:pt>
                <c:pt idx="7606">
                  <c:v>15.31781512280269</c:v>
                </c:pt>
                <c:pt idx="7607">
                  <c:v>15.31781512280269</c:v>
                </c:pt>
                <c:pt idx="7608">
                  <c:v>7.1842962382809015</c:v>
                </c:pt>
                <c:pt idx="7609">
                  <c:v>10.361767766182368</c:v>
                </c:pt>
                <c:pt idx="7610">
                  <c:v>10.361767766182368</c:v>
                </c:pt>
                <c:pt idx="7611">
                  <c:v>10.361767766182368</c:v>
                </c:pt>
                <c:pt idx="7612">
                  <c:v>10.361767766182368</c:v>
                </c:pt>
                <c:pt idx="7613">
                  <c:v>10.361767766182368</c:v>
                </c:pt>
                <c:pt idx="7614">
                  <c:v>10.361767766182368</c:v>
                </c:pt>
                <c:pt idx="7615">
                  <c:v>42.18853378627815</c:v>
                </c:pt>
                <c:pt idx="7616">
                  <c:v>47.073521908899828</c:v>
                </c:pt>
                <c:pt idx="7617">
                  <c:v>51.958510031521513</c:v>
                </c:pt>
                <c:pt idx="7618">
                  <c:v>51.958510031521513</c:v>
                </c:pt>
                <c:pt idx="7619">
                  <c:v>62.172576106094112</c:v>
                </c:pt>
                <c:pt idx="7620">
                  <c:v>62.172576106094112</c:v>
                </c:pt>
                <c:pt idx="7621">
                  <c:v>41.30035412761967</c:v>
                </c:pt>
                <c:pt idx="7622">
                  <c:v>62.172576106094112</c:v>
                </c:pt>
                <c:pt idx="7623">
                  <c:v>62.172576106094112</c:v>
                </c:pt>
                <c:pt idx="7624">
                  <c:v>37.807928718976136</c:v>
                </c:pt>
                <c:pt idx="7625">
                  <c:v>17.595695100938947</c:v>
                </c:pt>
                <c:pt idx="7626">
                  <c:v>10.650628814173411</c:v>
                </c:pt>
                <c:pt idx="7627">
                  <c:v>10.650628814173411</c:v>
                </c:pt>
                <c:pt idx="7628">
                  <c:v>10.650628814173411</c:v>
                </c:pt>
                <c:pt idx="7629">
                  <c:v>10.650628814173411</c:v>
                </c:pt>
                <c:pt idx="7630">
                  <c:v>10.650628814173411</c:v>
                </c:pt>
                <c:pt idx="7631">
                  <c:v>10.650628814173411</c:v>
                </c:pt>
                <c:pt idx="7632">
                  <c:v>10.182903494129329</c:v>
                </c:pt>
                <c:pt idx="7633">
                  <c:v>10.182903494129329</c:v>
                </c:pt>
                <c:pt idx="7634">
                  <c:v>10.182903494129329</c:v>
                </c:pt>
                <c:pt idx="7635">
                  <c:v>10.182903494129329</c:v>
                </c:pt>
                <c:pt idx="7636">
                  <c:v>10.182903494129329</c:v>
                </c:pt>
                <c:pt idx="7637">
                  <c:v>10.182903494129329</c:v>
                </c:pt>
                <c:pt idx="7638">
                  <c:v>10.182903494129329</c:v>
                </c:pt>
                <c:pt idx="7639">
                  <c:v>40.397365183884361</c:v>
                </c:pt>
                <c:pt idx="7640">
                  <c:v>45.074954836755197</c:v>
                </c:pt>
                <c:pt idx="7641">
                  <c:v>49.752544489626018</c:v>
                </c:pt>
                <c:pt idx="7642">
                  <c:v>49.752544489626018</c:v>
                </c:pt>
                <c:pt idx="7643">
                  <c:v>59.532959218355906</c:v>
                </c:pt>
                <c:pt idx="7644">
                  <c:v>59.532959218355906</c:v>
                </c:pt>
                <c:pt idx="7645">
                  <c:v>39.546894337907851</c:v>
                </c:pt>
                <c:pt idx="7646">
                  <c:v>59.532959218355906</c:v>
                </c:pt>
                <c:pt idx="7647">
                  <c:v>59.532959218355906</c:v>
                </c:pt>
                <c:pt idx="7648">
                  <c:v>36.004069271371726</c:v>
                </c:pt>
                <c:pt idx="7649">
                  <c:v>16.518940618047218</c:v>
                </c:pt>
                <c:pt idx="7650">
                  <c:v>10.182903494129329</c:v>
                </c:pt>
                <c:pt idx="7651">
                  <c:v>10.182903494129329</c:v>
                </c:pt>
                <c:pt idx="7652">
                  <c:v>10.182903494129329</c:v>
                </c:pt>
                <c:pt idx="7653">
                  <c:v>10.182903494129329</c:v>
                </c:pt>
                <c:pt idx="7654">
                  <c:v>10.182903494129329</c:v>
                </c:pt>
                <c:pt idx="7655">
                  <c:v>10.182903494129329</c:v>
                </c:pt>
                <c:pt idx="7656">
                  <c:v>10.438199873736398</c:v>
                </c:pt>
                <c:pt idx="7657">
                  <c:v>10.438199873736398</c:v>
                </c:pt>
                <c:pt idx="7658">
                  <c:v>10.438199873736398</c:v>
                </c:pt>
                <c:pt idx="7659">
                  <c:v>10.438199873736398</c:v>
                </c:pt>
                <c:pt idx="7660">
                  <c:v>10.438199873736398</c:v>
                </c:pt>
                <c:pt idx="7661">
                  <c:v>10.438199873736398</c:v>
                </c:pt>
                <c:pt idx="7662">
                  <c:v>10.438199873736398</c:v>
                </c:pt>
                <c:pt idx="7663">
                  <c:v>41.253870751311858</c:v>
                </c:pt>
                <c:pt idx="7664">
                  <c:v>46.03063473304271</c:v>
                </c:pt>
                <c:pt idx="7665">
                  <c:v>50.807398714773562</c:v>
                </c:pt>
                <c:pt idx="7666">
                  <c:v>50.807398714773562</c:v>
                </c:pt>
                <c:pt idx="7667">
                  <c:v>60.795177949301682</c:v>
                </c:pt>
                <c:pt idx="7668">
                  <c:v>60.795177949301682</c:v>
                </c:pt>
                <c:pt idx="7669">
                  <c:v>40.385368209178971</c:v>
                </c:pt>
                <c:pt idx="7670">
                  <c:v>60.795177949301682</c:v>
                </c:pt>
                <c:pt idx="7671">
                  <c:v>60.795177949301682</c:v>
                </c:pt>
                <c:pt idx="7672">
                  <c:v>36.888260911605848</c:v>
                </c:pt>
                <c:pt idx="7673">
                  <c:v>17.071736329591708</c:v>
                </c:pt>
                <c:pt idx="7674">
                  <c:v>10.438199873736398</c:v>
                </c:pt>
                <c:pt idx="7675">
                  <c:v>10.438199873736398</c:v>
                </c:pt>
                <c:pt idx="7676">
                  <c:v>10.438199873736398</c:v>
                </c:pt>
                <c:pt idx="7677">
                  <c:v>10.438199873736398</c:v>
                </c:pt>
                <c:pt idx="7678">
                  <c:v>10.438199873736398</c:v>
                </c:pt>
                <c:pt idx="7679">
                  <c:v>10.438199873736398</c:v>
                </c:pt>
                <c:pt idx="7680">
                  <c:v>18.36502658850015</c:v>
                </c:pt>
                <c:pt idx="7681">
                  <c:v>12.050318505513973</c:v>
                </c:pt>
                <c:pt idx="7682">
                  <c:v>12.050318505513973</c:v>
                </c:pt>
                <c:pt idx="7683">
                  <c:v>12.050318505513973</c:v>
                </c:pt>
                <c:pt idx="7684">
                  <c:v>12.050318505513973</c:v>
                </c:pt>
                <c:pt idx="7685">
                  <c:v>12.050318505513973</c:v>
                </c:pt>
                <c:pt idx="7686">
                  <c:v>12.050318505513973</c:v>
                </c:pt>
                <c:pt idx="7687">
                  <c:v>47.713759844634183</c:v>
                </c:pt>
                <c:pt idx="7688">
                  <c:v>59.642199805792728</c:v>
                </c:pt>
                <c:pt idx="7689">
                  <c:v>65.606419786372001</c:v>
                </c:pt>
                <c:pt idx="7690">
                  <c:v>65.606419786372001</c:v>
                </c:pt>
                <c:pt idx="7691">
                  <c:v>77.534859747530547</c:v>
                </c:pt>
                <c:pt idx="7692">
                  <c:v>77.534859747530547</c:v>
                </c:pt>
                <c:pt idx="7693">
                  <c:v>53.677979825213448</c:v>
                </c:pt>
                <c:pt idx="7694">
                  <c:v>77.534859747530547</c:v>
                </c:pt>
                <c:pt idx="7695">
                  <c:v>60.433216626079471</c:v>
                </c:pt>
                <c:pt idx="7696">
                  <c:v>31.820832307256534</c:v>
                </c:pt>
                <c:pt idx="7697">
                  <c:v>22.357778157566592</c:v>
                </c:pt>
                <c:pt idx="7698">
                  <c:v>12.536065281128293</c:v>
                </c:pt>
                <c:pt idx="7699">
                  <c:v>12.050318505513973</c:v>
                </c:pt>
                <c:pt idx="7700">
                  <c:v>12.050318505513973</c:v>
                </c:pt>
                <c:pt idx="7701">
                  <c:v>12.050318505513973</c:v>
                </c:pt>
                <c:pt idx="7702">
                  <c:v>12.050318505513973</c:v>
                </c:pt>
                <c:pt idx="7703">
                  <c:v>12.050318505513973</c:v>
                </c:pt>
                <c:pt idx="7704">
                  <c:v>15.488318420189779</c:v>
                </c:pt>
                <c:pt idx="7705">
                  <c:v>14.643944898795272</c:v>
                </c:pt>
                <c:pt idx="7706">
                  <c:v>14.643944898795272</c:v>
                </c:pt>
                <c:pt idx="7707">
                  <c:v>14.643944898795272</c:v>
                </c:pt>
                <c:pt idx="7708">
                  <c:v>14.643944898795272</c:v>
                </c:pt>
                <c:pt idx="7709">
                  <c:v>14.677440462988093</c:v>
                </c:pt>
                <c:pt idx="7710">
                  <c:v>14.720984696438759</c:v>
                </c:pt>
                <c:pt idx="7711">
                  <c:v>14.751130704212297</c:v>
                </c:pt>
                <c:pt idx="7712">
                  <c:v>14.751130704212297</c:v>
                </c:pt>
                <c:pt idx="7713">
                  <c:v>14.751130704212297</c:v>
                </c:pt>
                <c:pt idx="7714">
                  <c:v>14.751130704212297</c:v>
                </c:pt>
                <c:pt idx="7715">
                  <c:v>14.751130704212297</c:v>
                </c:pt>
                <c:pt idx="7716">
                  <c:v>14.751130704212297</c:v>
                </c:pt>
                <c:pt idx="7717">
                  <c:v>14.751130704212297</c:v>
                </c:pt>
                <c:pt idx="7718">
                  <c:v>14.751130704212297</c:v>
                </c:pt>
                <c:pt idx="7719">
                  <c:v>14.727683809277323</c:v>
                </c:pt>
                <c:pt idx="7720">
                  <c:v>14.70758647076163</c:v>
                </c:pt>
                <c:pt idx="7721">
                  <c:v>14.687489132245938</c:v>
                </c:pt>
                <c:pt idx="7722">
                  <c:v>14.680790019407373</c:v>
                </c:pt>
                <c:pt idx="7723">
                  <c:v>14.647294455214555</c:v>
                </c:pt>
                <c:pt idx="7724">
                  <c:v>14.610449334602452</c:v>
                </c:pt>
                <c:pt idx="7725">
                  <c:v>14.610449334602452</c:v>
                </c:pt>
                <c:pt idx="7726">
                  <c:v>14.610449334602452</c:v>
                </c:pt>
                <c:pt idx="7727">
                  <c:v>14.610449334602452</c:v>
                </c:pt>
                <c:pt idx="7728">
                  <c:v>15.657415105624567</c:v>
                </c:pt>
                <c:pt idx="7729">
                  <c:v>15.678356726587893</c:v>
                </c:pt>
                <c:pt idx="7730">
                  <c:v>15.678356726587893</c:v>
                </c:pt>
                <c:pt idx="7731">
                  <c:v>15.678356726587893</c:v>
                </c:pt>
                <c:pt idx="7732">
                  <c:v>15.678356726587893</c:v>
                </c:pt>
                <c:pt idx="7733">
                  <c:v>15.716051644321876</c:v>
                </c:pt>
                <c:pt idx="7734">
                  <c:v>15.749558237863194</c:v>
                </c:pt>
                <c:pt idx="7735">
                  <c:v>15.791441479789844</c:v>
                </c:pt>
                <c:pt idx="7736">
                  <c:v>15.791441479789844</c:v>
                </c:pt>
                <c:pt idx="7737">
                  <c:v>15.791441479789844</c:v>
                </c:pt>
                <c:pt idx="7738">
                  <c:v>15.791441479789844</c:v>
                </c:pt>
                <c:pt idx="7739">
                  <c:v>15.791441479789844</c:v>
                </c:pt>
                <c:pt idx="7740">
                  <c:v>15.791441479789844</c:v>
                </c:pt>
                <c:pt idx="7741">
                  <c:v>15.791441479789844</c:v>
                </c:pt>
                <c:pt idx="7742">
                  <c:v>15.791441479789844</c:v>
                </c:pt>
                <c:pt idx="7743">
                  <c:v>15.762123210441191</c:v>
                </c:pt>
                <c:pt idx="7744">
                  <c:v>15.757934886248526</c:v>
                </c:pt>
                <c:pt idx="7745">
                  <c:v>15.724428292707206</c:v>
                </c:pt>
                <c:pt idx="7746">
                  <c:v>15.711863320129211</c:v>
                </c:pt>
                <c:pt idx="7747">
                  <c:v>15.682545050780558</c:v>
                </c:pt>
                <c:pt idx="7748">
                  <c:v>15.657415105624567</c:v>
                </c:pt>
                <c:pt idx="7749">
                  <c:v>15.640661808853908</c:v>
                </c:pt>
                <c:pt idx="7750">
                  <c:v>15.640661808853908</c:v>
                </c:pt>
                <c:pt idx="7751">
                  <c:v>15.640661808853908</c:v>
                </c:pt>
                <c:pt idx="7752">
                  <c:v>10.982723606737055</c:v>
                </c:pt>
                <c:pt idx="7753">
                  <c:v>10.982723606737055</c:v>
                </c:pt>
                <c:pt idx="7754">
                  <c:v>10.982723606737055</c:v>
                </c:pt>
                <c:pt idx="7755">
                  <c:v>10.982723606737055</c:v>
                </c:pt>
                <c:pt idx="7756">
                  <c:v>10.982723606737055</c:v>
                </c:pt>
                <c:pt idx="7757">
                  <c:v>10.982723606737055</c:v>
                </c:pt>
                <c:pt idx="7758">
                  <c:v>10.982723606737055</c:v>
                </c:pt>
                <c:pt idx="7759">
                  <c:v>46.902290246812989</c:v>
                </c:pt>
                <c:pt idx="7760">
                  <c:v>52.765076527664618</c:v>
                </c:pt>
                <c:pt idx="7761">
                  <c:v>58.627862808516241</c:v>
                </c:pt>
                <c:pt idx="7762">
                  <c:v>58.627862808516241</c:v>
                </c:pt>
                <c:pt idx="7763">
                  <c:v>70.353435370219472</c:v>
                </c:pt>
                <c:pt idx="7764">
                  <c:v>70.353435370219472</c:v>
                </c:pt>
                <c:pt idx="7765">
                  <c:v>46.902290246812989</c:v>
                </c:pt>
                <c:pt idx="7766">
                  <c:v>70.353435370219472</c:v>
                </c:pt>
                <c:pt idx="7767">
                  <c:v>70.353435370219472</c:v>
                </c:pt>
                <c:pt idx="7768">
                  <c:v>43.139968204261955</c:v>
                </c:pt>
                <c:pt idx="7769">
                  <c:v>15.958692061113647</c:v>
                </c:pt>
                <c:pt idx="7770">
                  <c:v>12.191775754662599</c:v>
                </c:pt>
                <c:pt idx="7771">
                  <c:v>12.191775754662599</c:v>
                </c:pt>
                <c:pt idx="7772">
                  <c:v>12.191775754662599</c:v>
                </c:pt>
                <c:pt idx="7773">
                  <c:v>12.191775754662599</c:v>
                </c:pt>
                <c:pt idx="7774">
                  <c:v>12.191775754662599</c:v>
                </c:pt>
                <c:pt idx="7775">
                  <c:v>12.191775754662599</c:v>
                </c:pt>
                <c:pt idx="7776">
                  <c:v>8.2319324989086908</c:v>
                </c:pt>
                <c:pt idx="7777">
                  <c:v>11.602548103981514</c:v>
                </c:pt>
                <c:pt idx="7778">
                  <c:v>11.602548103981514</c:v>
                </c:pt>
                <c:pt idx="7779">
                  <c:v>11.602548103981514</c:v>
                </c:pt>
                <c:pt idx="7780">
                  <c:v>11.602548103981514</c:v>
                </c:pt>
                <c:pt idx="7781">
                  <c:v>11.602548103981514</c:v>
                </c:pt>
                <c:pt idx="7782">
                  <c:v>11.602548103981514</c:v>
                </c:pt>
                <c:pt idx="7783">
                  <c:v>46.512871696008723</c:v>
                </c:pt>
                <c:pt idx="7784">
                  <c:v>51.898572629230799</c:v>
                </c:pt>
                <c:pt idx="7785">
                  <c:v>57.28427356245286</c:v>
                </c:pt>
                <c:pt idx="7786">
                  <c:v>57.28427356245286</c:v>
                </c:pt>
                <c:pt idx="7787">
                  <c:v>68.545284604644436</c:v>
                </c:pt>
                <c:pt idx="7788">
                  <c:v>68.545284604644436</c:v>
                </c:pt>
                <c:pt idx="7789">
                  <c:v>45.533653344513802</c:v>
                </c:pt>
                <c:pt idx="7790">
                  <c:v>68.545284604644436</c:v>
                </c:pt>
                <c:pt idx="7791">
                  <c:v>68.545284604644436</c:v>
                </c:pt>
                <c:pt idx="7792">
                  <c:v>42.273936768692117</c:v>
                </c:pt>
                <c:pt idx="7793">
                  <c:v>20.387701497838805</c:v>
                </c:pt>
                <c:pt idx="7794">
                  <c:v>11.908967704442679</c:v>
                </c:pt>
                <c:pt idx="7795">
                  <c:v>11.908967704442679</c:v>
                </c:pt>
                <c:pt idx="7796">
                  <c:v>11.908967704442679</c:v>
                </c:pt>
                <c:pt idx="7797">
                  <c:v>11.908967704442679</c:v>
                </c:pt>
                <c:pt idx="7798">
                  <c:v>11.908967704442679</c:v>
                </c:pt>
                <c:pt idx="7799">
                  <c:v>11.908967704442679</c:v>
                </c:pt>
                <c:pt idx="7800">
                  <c:v>15.203732293068326</c:v>
                </c:pt>
                <c:pt idx="7801">
                  <c:v>15.203732293068326</c:v>
                </c:pt>
                <c:pt idx="7802">
                  <c:v>15.203732293068326</c:v>
                </c:pt>
                <c:pt idx="7803">
                  <c:v>15.203732293068326</c:v>
                </c:pt>
                <c:pt idx="7804">
                  <c:v>15.203732293068326</c:v>
                </c:pt>
                <c:pt idx="7805">
                  <c:v>15.203732293068326</c:v>
                </c:pt>
                <c:pt idx="7806">
                  <c:v>15.203732293068326</c:v>
                </c:pt>
                <c:pt idx="7807">
                  <c:v>57.241974676624913</c:v>
                </c:pt>
                <c:pt idx="7808">
                  <c:v>63.869992797076222</c:v>
                </c:pt>
                <c:pt idx="7809">
                  <c:v>70.498010917527537</c:v>
                </c:pt>
                <c:pt idx="7810">
                  <c:v>70.498010917527537</c:v>
                </c:pt>
                <c:pt idx="7811">
                  <c:v>84.356594260289356</c:v>
                </c:pt>
                <c:pt idx="7812">
                  <c:v>84.356594260289356</c:v>
                </c:pt>
                <c:pt idx="7813">
                  <c:v>56.036880472906503</c:v>
                </c:pt>
                <c:pt idx="7814">
                  <c:v>84.356594260289356</c:v>
                </c:pt>
                <c:pt idx="7815">
                  <c:v>84.356594260289356</c:v>
                </c:pt>
                <c:pt idx="7816">
                  <c:v>53.39317152930942</c:v>
                </c:pt>
                <c:pt idx="7817">
                  <c:v>27.390589611755466</c:v>
                </c:pt>
                <c:pt idx="7818">
                  <c:v>15.203732293068326</c:v>
                </c:pt>
                <c:pt idx="7819">
                  <c:v>15.203732293068326</c:v>
                </c:pt>
                <c:pt idx="7820">
                  <c:v>15.203732293068326</c:v>
                </c:pt>
                <c:pt idx="7821">
                  <c:v>15.203732293068326</c:v>
                </c:pt>
                <c:pt idx="7822">
                  <c:v>15.203732293068326</c:v>
                </c:pt>
                <c:pt idx="7823">
                  <c:v>15.203732293068326</c:v>
                </c:pt>
                <c:pt idx="7824">
                  <c:v>16.054720225091884</c:v>
                </c:pt>
                <c:pt idx="7825">
                  <c:v>16.054720225091884</c:v>
                </c:pt>
                <c:pt idx="7826">
                  <c:v>16.054720225091884</c:v>
                </c:pt>
                <c:pt idx="7827">
                  <c:v>16.054720225091884</c:v>
                </c:pt>
                <c:pt idx="7828">
                  <c:v>16.054720225091884</c:v>
                </c:pt>
                <c:pt idx="7829">
                  <c:v>16.054720225091884</c:v>
                </c:pt>
                <c:pt idx="7830">
                  <c:v>16.054720225091884</c:v>
                </c:pt>
                <c:pt idx="7831">
                  <c:v>60.096993234716528</c:v>
                </c:pt>
                <c:pt idx="7832">
                  <c:v>67.055592451367929</c:v>
                </c:pt>
                <c:pt idx="7833">
                  <c:v>74.014191668019322</c:v>
                </c:pt>
                <c:pt idx="7834">
                  <c:v>74.014191668019322</c:v>
                </c:pt>
                <c:pt idx="7835">
                  <c:v>88.563990030108585</c:v>
                </c:pt>
                <c:pt idx="7836">
                  <c:v>88.563990030108585</c:v>
                </c:pt>
                <c:pt idx="7837">
                  <c:v>58.831793377143562</c:v>
                </c:pt>
                <c:pt idx="7838">
                  <c:v>88.563990030108585</c:v>
                </c:pt>
                <c:pt idx="7839">
                  <c:v>88.563990030108585</c:v>
                </c:pt>
                <c:pt idx="7840">
                  <c:v>56.340476996756493</c:v>
                </c:pt>
                <c:pt idx="7841">
                  <c:v>29.233241983570423</c:v>
                </c:pt>
                <c:pt idx="7842">
                  <c:v>16.054720225091884</c:v>
                </c:pt>
                <c:pt idx="7843">
                  <c:v>16.054720225091884</c:v>
                </c:pt>
                <c:pt idx="7844">
                  <c:v>16.054720225091884</c:v>
                </c:pt>
                <c:pt idx="7845">
                  <c:v>16.054720225091884</c:v>
                </c:pt>
                <c:pt idx="7846">
                  <c:v>16.054720225091884</c:v>
                </c:pt>
                <c:pt idx="7847">
                  <c:v>16.054720225091884</c:v>
                </c:pt>
                <c:pt idx="7848">
                  <c:v>20.543104331048465</c:v>
                </c:pt>
                <c:pt idx="7849">
                  <c:v>13.744014840413147</c:v>
                </c:pt>
                <c:pt idx="7850">
                  <c:v>13.744014840413147</c:v>
                </c:pt>
                <c:pt idx="7851">
                  <c:v>13.744014840413147</c:v>
                </c:pt>
                <c:pt idx="7852">
                  <c:v>13.744014840413147</c:v>
                </c:pt>
                <c:pt idx="7853">
                  <c:v>13.744014840413147</c:v>
                </c:pt>
                <c:pt idx="7854">
                  <c:v>13.744014840413147</c:v>
                </c:pt>
                <c:pt idx="7855">
                  <c:v>53.458434303051675</c:v>
                </c:pt>
                <c:pt idx="7856">
                  <c:v>66.82304287881459</c:v>
                </c:pt>
                <c:pt idx="7857">
                  <c:v>73.505347166696055</c:v>
                </c:pt>
                <c:pt idx="7858">
                  <c:v>73.505347166696055</c:v>
                </c:pt>
                <c:pt idx="7859">
                  <c:v>86.869955742458984</c:v>
                </c:pt>
                <c:pt idx="7860">
                  <c:v>86.869955742458984</c:v>
                </c:pt>
                <c:pt idx="7861">
                  <c:v>60.14073859093314</c:v>
                </c:pt>
                <c:pt idx="7862">
                  <c:v>86.869955742458984</c:v>
                </c:pt>
                <c:pt idx="7863">
                  <c:v>67.935323853214044</c:v>
                </c:pt>
                <c:pt idx="7864">
                  <c:v>36.743496331888821</c:v>
                </c:pt>
                <c:pt idx="7865">
                  <c:v>26.157474963731389</c:v>
                </c:pt>
                <c:pt idx="7866">
                  <c:v>14.267021724308171</c:v>
                </c:pt>
                <c:pt idx="7867">
                  <c:v>13.744014840413147</c:v>
                </c:pt>
                <c:pt idx="7868">
                  <c:v>13.744014840413147</c:v>
                </c:pt>
                <c:pt idx="7869">
                  <c:v>13.744014840413147</c:v>
                </c:pt>
                <c:pt idx="7870">
                  <c:v>13.744014840413147</c:v>
                </c:pt>
                <c:pt idx="7871">
                  <c:v>13.744014840413147</c:v>
                </c:pt>
                <c:pt idx="7872">
                  <c:v>18.385269832266275</c:v>
                </c:pt>
                <c:pt idx="7873">
                  <c:v>17.4294223959402</c:v>
                </c:pt>
                <c:pt idx="7874">
                  <c:v>17.4294223959402</c:v>
                </c:pt>
                <c:pt idx="7875">
                  <c:v>17.4294223959402</c:v>
                </c:pt>
                <c:pt idx="7876">
                  <c:v>17.4294223959402</c:v>
                </c:pt>
                <c:pt idx="7877">
                  <c:v>17.472316052234877</c:v>
                </c:pt>
                <c:pt idx="7878">
                  <c:v>17.528077805417954</c:v>
                </c:pt>
                <c:pt idx="7879">
                  <c:v>17.566682096083166</c:v>
                </c:pt>
                <c:pt idx="7880">
                  <c:v>17.566682096083166</c:v>
                </c:pt>
                <c:pt idx="7881">
                  <c:v>17.566682096083166</c:v>
                </c:pt>
                <c:pt idx="7882">
                  <c:v>17.566682096083166</c:v>
                </c:pt>
                <c:pt idx="7883">
                  <c:v>17.566682096083166</c:v>
                </c:pt>
                <c:pt idx="7884">
                  <c:v>17.566682096083166</c:v>
                </c:pt>
                <c:pt idx="7885">
                  <c:v>17.566682096083166</c:v>
                </c:pt>
                <c:pt idx="7886">
                  <c:v>17.566682096083166</c:v>
                </c:pt>
                <c:pt idx="7887">
                  <c:v>17.53665653667689</c:v>
                </c:pt>
                <c:pt idx="7888">
                  <c:v>17.510920342900086</c:v>
                </c:pt>
                <c:pt idx="7889">
                  <c:v>17.485184149123278</c:v>
                </c:pt>
                <c:pt idx="7890">
                  <c:v>17.476605417864345</c:v>
                </c:pt>
                <c:pt idx="7891">
                  <c:v>17.433711761569668</c:v>
                </c:pt>
                <c:pt idx="7892">
                  <c:v>17.386528739645524</c:v>
                </c:pt>
                <c:pt idx="7893">
                  <c:v>17.386528739645524</c:v>
                </c:pt>
                <c:pt idx="7894">
                  <c:v>17.386528739645524</c:v>
                </c:pt>
                <c:pt idx="7895">
                  <c:v>17.386528739645524</c:v>
                </c:pt>
                <c:pt idx="7896">
                  <c:v>17.945491948092258</c:v>
                </c:pt>
                <c:pt idx="7897">
                  <c:v>17.970820476092616</c:v>
                </c:pt>
                <c:pt idx="7898">
                  <c:v>17.970820476092616</c:v>
                </c:pt>
                <c:pt idx="7899">
                  <c:v>17.970820476092616</c:v>
                </c:pt>
                <c:pt idx="7900">
                  <c:v>17.970820476092616</c:v>
                </c:pt>
                <c:pt idx="7901">
                  <c:v>18.016411826493261</c:v>
                </c:pt>
                <c:pt idx="7902">
                  <c:v>18.056937471293832</c:v>
                </c:pt>
                <c:pt idx="7903">
                  <c:v>18.107594527294548</c:v>
                </c:pt>
                <c:pt idx="7904">
                  <c:v>18.107594527294548</c:v>
                </c:pt>
                <c:pt idx="7905">
                  <c:v>18.107594527294548</c:v>
                </c:pt>
                <c:pt idx="7906">
                  <c:v>18.107594527294548</c:v>
                </c:pt>
                <c:pt idx="7907">
                  <c:v>18.107594527294548</c:v>
                </c:pt>
                <c:pt idx="7908">
                  <c:v>18.107594527294548</c:v>
                </c:pt>
                <c:pt idx="7909">
                  <c:v>18.107594527294548</c:v>
                </c:pt>
                <c:pt idx="7910">
                  <c:v>18.107594527294548</c:v>
                </c:pt>
                <c:pt idx="7911">
                  <c:v>18.072134588094048</c:v>
                </c:pt>
                <c:pt idx="7912">
                  <c:v>18.067068882493974</c:v>
                </c:pt>
                <c:pt idx="7913">
                  <c:v>18.026543237693403</c:v>
                </c:pt>
                <c:pt idx="7914">
                  <c:v>18.011346120893187</c:v>
                </c:pt>
                <c:pt idx="7915">
                  <c:v>17.975886181692687</c:v>
                </c:pt>
                <c:pt idx="7916">
                  <c:v>17.945491948092258</c:v>
                </c:pt>
                <c:pt idx="7917">
                  <c:v>17.92522912569197</c:v>
                </c:pt>
                <c:pt idx="7918">
                  <c:v>17.92522912569197</c:v>
                </c:pt>
                <c:pt idx="7919">
                  <c:v>17.92522912569197</c:v>
                </c:pt>
                <c:pt idx="7920">
                  <c:v>14.29659183161256</c:v>
                </c:pt>
                <c:pt idx="7921">
                  <c:v>14.29659183161256</c:v>
                </c:pt>
                <c:pt idx="7922">
                  <c:v>14.29659183161256</c:v>
                </c:pt>
                <c:pt idx="7923">
                  <c:v>14.29659183161256</c:v>
                </c:pt>
                <c:pt idx="7924">
                  <c:v>14.29659183161256</c:v>
                </c:pt>
                <c:pt idx="7925">
                  <c:v>14.29659183161256</c:v>
                </c:pt>
                <c:pt idx="7926">
                  <c:v>14.29659183161256</c:v>
                </c:pt>
                <c:pt idx="7927">
                  <c:v>61.155523568385419</c:v>
                </c:pt>
                <c:pt idx="7928">
                  <c:v>68.799964014433598</c:v>
                </c:pt>
                <c:pt idx="7929">
                  <c:v>76.444404460481763</c:v>
                </c:pt>
                <c:pt idx="7930">
                  <c:v>76.444404460481763</c:v>
                </c:pt>
                <c:pt idx="7931">
                  <c:v>91.733285352578122</c:v>
                </c:pt>
                <c:pt idx="7932">
                  <c:v>91.733285352578122</c:v>
                </c:pt>
                <c:pt idx="7933">
                  <c:v>61.155523568385419</c:v>
                </c:pt>
                <c:pt idx="7934">
                  <c:v>91.733285352578122</c:v>
                </c:pt>
                <c:pt idx="7935">
                  <c:v>91.733285352578122</c:v>
                </c:pt>
                <c:pt idx="7936">
                  <c:v>58.079351000938267</c:v>
                </c:pt>
                <c:pt idx="7937">
                  <c:v>24.495428417552844</c:v>
                </c:pt>
                <c:pt idx="7938">
                  <c:v>16.446662672408834</c:v>
                </c:pt>
                <c:pt idx="7939">
                  <c:v>16.446662672408834</c:v>
                </c:pt>
                <c:pt idx="7940">
                  <c:v>16.446662672408834</c:v>
                </c:pt>
                <c:pt idx="7941">
                  <c:v>16.446662672408834</c:v>
                </c:pt>
                <c:pt idx="7942">
                  <c:v>16.446662672408834</c:v>
                </c:pt>
                <c:pt idx="7943">
                  <c:v>16.446662672408834</c:v>
                </c:pt>
                <c:pt idx="7944">
                  <c:v>12.003423037168728</c:v>
                </c:pt>
                <c:pt idx="7945">
                  <c:v>16.069357320058433</c:v>
                </c:pt>
                <c:pt idx="7946">
                  <c:v>16.069357320058433</c:v>
                </c:pt>
                <c:pt idx="7947">
                  <c:v>16.069357320058433</c:v>
                </c:pt>
                <c:pt idx="7948">
                  <c:v>16.069357320058433</c:v>
                </c:pt>
                <c:pt idx="7949">
                  <c:v>16.069357320058433</c:v>
                </c:pt>
                <c:pt idx="7950">
                  <c:v>16.069357320058433</c:v>
                </c:pt>
                <c:pt idx="7951">
                  <c:v>62.080488171038809</c:v>
                </c:pt>
                <c:pt idx="7952">
                  <c:v>69.268755222422257</c:v>
                </c:pt>
                <c:pt idx="7953">
                  <c:v>76.457022273805691</c:v>
                </c:pt>
                <c:pt idx="7954">
                  <c:v>76.457022273805691</c:v>
                </c:pt>
                <c:pt idx="7955">
                  <c:v>91.48703519942562</c:v>
                </c:pt>
                <c:pt idx="7956">
                  <c:v>91.48703519942562</c:v>
                </c:pt>
                <c:pt idx="7957">
                  <c:v>60.773530525332724</c:v>
                </c:pt>
                <c:pt idx="7958">
                  <c:v>91.48703519942562</c:v>
                </c:pt>
                <c:pt idx="7959">
                  <c:v>91.48703519942562</c:v>
                </c:pt>
                <c:pt idx="7960">
                  <c:v>58.351565747669611</c:v>
                </c:pt>
                <c:pt idx="7961">
                  <c:v>30.438924526678285</c:v>
                </c:pt>
                <c:pt idx="7962">
                  <c:v>16.438987709412043</c:v>
                </c:pt>
                <c:pt idx="7963">
                  <c:v>16.438987709412043</c:v>
                </c:pt>
                <c:pt idx="7964">
                  <c:v>16.438987709412043</c:v>
                </c:pt>
                <c:pt idx="7965">
                  <c:v>16.438987709412043</c:v>
                </c:pt>
                <c:pt idx="7966">
                  <c:v>16.438987709412043</c:v>
                </c:pt>
                <c:pt idx="7967">
                  <c:v>16.438987709412043</c:v>
                </c:pt>
                <c:pt idx="7968">
                  <c:v>19.163923117746496</c:v>
                </c:pt>
                <c:pt idx="7969">
                  <c:v>19.163923117746496</c:v>
                </c:pt>
                <c:pt idx="7970">
                  <c:v>19.163923117746496</c:v>
                </c:pt>
                <c:pt idx="7971">
                  <c:v>19.163923117746496</c:v>
                </c:pt>
                <c:pt idx="7972">
                  <c:v>19.163923117746496</c:v>
                </c:pt>
                <c:pt idx="7973">
                  <c:v>19.163923117746496</c:v>
                </c:pt>
                <c:pt idx="7974">
                  <c:v>19.163923117746496</c:v>
                </c:pt>
                <c:pt idx="7975">
                  <c:v>70.561656738124725</c:v>
                </c:pt>
                <c:pt idx="7976">
                  <c:v>78.731953834118116</c:v>
                </c:pt>
                <c:pt idx="7977">
                  <c:v>86.902250930111506</c:v>
                </c:pt>
                <c:pt idx="7978">
                  <c:v>86.902250930111506</c:v>
                </c:pt>
                <c:pt idx="7979">
                  <c:v>103.98559940355224</c:v>
                </c:pt>
                <c:pt idx="7980">
                  <c:v>103.98559940355224</c:v>
                </c:pt>
                <c:pt idx="7981">
                  <c:v>69.076148175216829</c:v>
                </c:pt>
                <c:pt idx="7982">
                  <c:v>103.98559940355224</c:v>
                </c:pt>
                <c:pt idx="7983">
                  <c:v>103.98559940355224</c:v>
                </c:pt>
                <c:pt idx="7984">
                  <c:v>67.112821177228724</c:v>
                </c:pt>
                <c:pt idx="7985">
                  <c:v>35.935951639331236</c:v>
                </c:pt>
                <c:pt idx="7986">
                  <c:v>19.163923117746496</c:v>
                </c:pt>
                <c:pt idx="7987">
                  <c:v>19.163923117746496</c:v>
                </c:pt>
                <c:pt idx="7988">
                  <c:v>19.163923117746496</c:v>
                </c:pt>
                <c:pt idx="7989">
                  <c:v>19.163923117746496</c:v>
                </c:pt>
                <c:pt idx="7990">
                  <c:v>19.163923117746496</c:v>
                </c:pt>
                <c:pt idx="7991">
                  <c:v>19.163923117746496</c:v>
                </c:pt>
                <c:pt idx="7992">
                  <c:v>19.877910799634286</c:v>
                </c:pt>
                <c:pt idx="7993">
                  <c:v>19.877910799634286</c:v>
                </c:pt>
                <c:pt idx="7994">
                  <c:v>19.877910799634286</c:v>
                </c:pt>
                <c:pt idx="7995">
                  <c:v>19.877910799634286</c:v>
                </c:pt>
                <c:pt idx="7996">
                  <c:v>19.877910799634286</c:v>
                </c:pt>
                <c:pt idx="7997">
                  <c:v>19.877910799634286</c:v>
                </c:pt>
                <c:pt idx="7998">
                  <c:v>19.877910799634286</c:v>
                </c:pt>
                <c:pt idx="7999">
                  <c:v>72.981378271345932</c:v>
                </c:pt>
                <c:pt idx="8000">
                  <c:v>81.431853650133348</c:v>
                </c:pt>
                <c:pt idx="8001">
                  <c:v>89.882329028920765</c:v>
                </c:pt>
                <c:pt idx="8002">
                  <c:v>89.882329028920765</c:v>
                </c:pt>
                <c:pt idx="8003">
                  <c:v>107.55150482093083</c:v>
                </c:pt>
                <c:pt idx="8004">
                  <c:v>107.55150482093083</c:v>
                </c:pt>
                <c:pt idx="8005">
                  <c:v>71.444928202475481</c:v>
                </c:pt>
                <c:pt idx="8006">
                  <c:v>107.55150482093083</c:v>
                </c:pt>
                <c:pt idx="8007">
                  <c:v>107.55150482093083</c:v>
                </c:pt>
                <c:pt idx="8008">
                  <c:v>69.588516094941127</c:v>
                </c:pt>
                <c:pt idx="8009">
                  <c:v>37.460372531130091</c:v>
                </c:pt>
                <c:pt idx="8010">
                  <c:v>19.877910799634286</c:v>
                </c:pt>
                <c:pt idx="8011">
                  <c:v>19.877910799634286</c:v>
                </c:pt>
                <c:pt idx="8012">
                  <c:v>19.877910799634286</c:v>
                </c:pt>
                <c:pt idx="8013">
                  <c:v>19.877910799634286</c:v>
                </c:pt>
                <c:pt idx="8014">
                  <c:v>19.877910799634286</c:v>
                </c:pt>
                <c:pt idx="8015">
                  <c:v>19.877910799634286</c:v>
                </c:pt>
                <c:pt idx="8016">
                  <c:v>26.226337021618232</c:v>
                </c:pt>
                <c:pt idx="8017">
                  <c:v>18.149210564623029</c:v>
                </c:pt>
                <c:pt idx="8018">
                  <c:v>18.149210564623029</c:v>
                </c:pt>
                <c:pt idx="8019">
                  <c:v>18.149210564623029</c:v>
                </c:pt>
                <c:pt idx="8020">
                  <c:v>18.149210564623029</c:v>
                </c:pt>
                <c:pt idx="8021">
                  <c:v>18.149210564623029</c:v>
                </c:pt>
                <c:pt idx="8022">
                  <c:v>18.149210564623029</c:v>
                </c:pt>
                <c:pt idx="8023">
                  <c:v>68.443354558392386</c:v>
                </c:pt>
                <c:pt idx="8024">
                  <c:v>85.554193197990486</c:v>
                </c:pt>
                <c:pt idx="8025">
                  <c:v>94.109612517789543</c:v>
                </c:pt>
                <c:pt idx="8026">
                  <c:v>94.109612517789543</c:v>
                </c:pt>
                <c:pt idx="8027">
                  <c:v>111.22045115738764</c:v>
                </c:pt>
                <c:pt idx="8028">
                  <c:v>111.22045115738764</c:v>
                </c:pt>
                <c:pt idx="8029">
                  <c:v>76.998773878191429</c:v>
                </c:pt>
                <c:pt idx="8030">
                  <c:v>111.22045115738764</c:v>
                </c:pt>
                <c:pt idx="8031">
                  <c:v>87.492581997251165</c:v>
                </c:pt>
                <c:pt idx="8032">
                  <c:v>49.52671669568759</c:v>
                </c:pt>
                <c:pt idx="8033">
                  <c:v>36.010585246457822</c:v>
                </c:pt>
                <c:pt idx="8034">
                  <c:v>18.77052798439189</c:v>
                </c:pt>
                <c:pt idx="8035">
                  <c:v>18.149210564623029</c:v>
                </c:pt>
                <c:pt idx="8036">
                  <c:v>18.149210564623029</c:v>
                </c:pt>
                <c:pt idx="8037">
                  <c:v>18.149210564623029</c:v>
                </c:pt>
                <c:pt idx="8038">
                  <c:v>18.149210564623029</c:v>
                </c:pt>
                <c:pt idx="8039">
                  <c:v>18.149210564623029</c:v>
                </c:pt>
                <c:pt idx="8040">
                  <c:v>21.282221244342768</c:v>
                </c:pt>
                <c:pt idx="8041">
                  <c:v>20.214899893085125</c:v>
                </c:pt>
                <c:pt idx="8042">
                  <c:v>20.214899893085125</c:v>
                </c:pt>
                <c:pt idx="8043">
                  <c:v>20.214899893085125</c:v>
                </c:pt>
                <c:pt idx="8044">
                  <c:v>20.214899893085125</c:v>
                </c:pt>
                <c:pt idx="8045">
                  <c:v>20.267191641481656</c:v>
                </c:pt>
                <c:pt idx="8046">
                  <c:v>20.33517091439715</c:v>
                </c:pt>
                <c:pt idx="8047">
                  <c:v>20.382233487954029</c:v>
                </c:pt>
                <c:pt idx="8048">
                  <c:v>20.382233487954029</c:v>
                </c:pt>
                <c:pt idx="8049">
                  <c:v>20.382233487954029</c:v>
                </c:pt>
                <c:pt idx="8050">
                  <c:v>20.382233487954029</c:v>
                </c:pt>
                <c:pt idx="8051">
                  <c:v>20.382233487954029</c:v>
                </c:pt>
                <c:pt idx="8052">
                  <c:v>20.382233487954029</c:v>
                </c:pt>
                <c:pt idx="8053">
                  <c:v>20.382233487954029</c:v>
                </c:pt>
                <c:pt idx="8054">
                  <c:v>20.382233487954029</c:v>
                </c:pt>
                <c:pt idx="8055">
                  <c:v>20.345629264076457</c:v>
                </c:pt>
                <c:pt idx="8056">
                  <c:v>20.314254215038538</c:v>
                </c:pt>
                <c:pt idx="8057">
                  <c:v>20.282879166000615</c:v>
                </c:pt>
                <c:pt idx="8058">
                  <c:v>20.272420816321311</c:v>
                </c:pt>
                <c:pt idx="8059">
                  <c:v>20.220129067924777</c:v>
                </c:pt>
                <c:pt idx="8060">
                  <c:v>20.162608144688591</c:v>
                </c:pt>
                <c:pt idx="8061">
                  <c:v>20.162608144688591</c:v>
                </c:pt>
                <c:pt idx="8062">
                  <c:v>20.162608144688591</c:v>
                </c:pt>
                <c:pt idx="8063">
                  <c:v>20.162608144688591</c:v>
                </c:pt>
                <c:pt idx="8064">
                  <c:v>21.924756021949104</c:v>
                </c:pt>
                <c:pt idx="8065">
                  <c:v>21.957713953492128</c:v>
                </c:pt>
                <c:pt idx="8066">
                  <c:v>21.957713953492128</c:v>
                </c:pt>
                <c:pt idx="8067">
                  <c:v>21.957713953492128</c:v>
                </c:pt>
                <c:pt idx="8068">
                  <c:v>21.957713953492128</c:v>
                </c:pt>
                <c:pt idx="8069">
                  <c:v>22.017038230269574</c:v>
                </c:pt>
                <c:pt idx="8070">
                  <c:v>22.069770920738414</c:v>
                </c:pt>
                <c:pt idx="8071">
                  <c:v>22.135686783824465</c:v>
                </c:pt>
                <c:pt idx="8072">
                  <c:v>22.135686783824465</c:v>
                </c:pt>
                <c:pt idx="8073">
                  <c:v>22.135686783824465</c:v>
                </c:pt>
                <c:pt idx="8074">
                  <c:v>22.135686783824465</c:v>
                </c:pt>
                <c:pt idx="8075">
                  <c:v>22.135686783824465</c:v>
                </c:pt>
                <c:pt idx="8076">
                  <c:v>22.135686783824465</c:v>
                </c:pt>
                <c:pt idx="8077">
                  <c:v>22.135686783824465</c:v>
                </c:pt>
                <c:pt idx="8078">
                  <c:v>22.135686783824465</c:v>
                </c:pt>
                <c:pt idx="8079">
                  <c:v>22.08954567966423</c:v>
                </c:pt>
                <c:pt idx="8080">
                  <c:v>22.082954093355625</c:v>
                </c:pt>
                <c:pt idx="8081">
                  <c:v>22.030221402886784</c:v>
                </c:pt>
                <c:pt idx="8082">
                  <c:v>22.010446643960968</c:v>
                </c:pt>
                <c:pt idx="8083">
                  <c:v>21.964305539800733</c:v>
                </c:pt>
                <c:pt idx="8084">
                  <c:v>21.924756021949104</c:v>
                </c:pt>
                <c:pt idx="8085">
                  <c:v>21.898389676714686</c:v>
                </c:pt>
                <c:pt idx="8086">
                  <c:v>21.898389676714686</c:v>
                </c:pt>
                <c:pt idx="8087">
                  <c:v>21.898389676714686</c:v>
                </c:pt>
                <c:pt idx="8088">
                  <c:v>19.432676428380123</c:v>
                </c:pt>
                <c:pt idx="8089">
                  <c:v>19.432676428380123</c:v>
                </c:pt>
                <c:pt idx="8090">
                  <c:v>19.432676428380123</c:v>
                </c:pt>
                <c:pt idx="8091">
                  <c:v>19.432676428380123</c:v>
                </c:pt>
                <c:pt idx="8092">
                  <c:v>19.432676428380123</c:v>
                </c:pt>
                <c:pt idx="8093">
                  <c:v>19.432676428380123</c:v>
                </c:pt>
                <c:pt idx="8094">
                  <c:v>19.432676428380123</c:v>
                </c:pt>
                <c:pt idx="8095">
                  <c:v>83.238086642513252</c:v>
                </c:pt>
                <c:pt idx="8096">
                  <c:v>93.642847472827413</c:v>
                </c:pt>
                <c:pt idx="8097">
                  <c:v>104.04760830314156</c:v>
                </c:pt>
                <c:pt idx="8098">
                  <c:v>104.04760830314156</c:v>
                </c:pt>
                <c:pt idx="8099">
                  <c:v>124.85712996376986</c:v>
                </c:pt>
                <c:pt idx="8100">
                  <c:v>124.85712996376986</c:v>
                </c:pt>
                <c:pt idx="8101">
                  <c:v>83.238086642513252</c:v>
                </c:pt>
                <c:pt idx="8102">
                  <c:v>124.85712996376986</c:v>
                </c:pt>
                <c:pt idx="8103">
                  <c:v>124.85712996376986</c:v>
                </c:pt>
                <c:pt idx="8104">
                  <c:v>81.078117481451798</c:v>
                </c:pt>
                <c:pt idx="8105">
                  <c:v>37.425461959582051</c:v>
                </c:pt>
                <c:pt idx="8106">
                  <c:v>22.99462793898963</c:v>
                </c:pt>
                <c:pt idx="8107">
                  <c:v>22.99462793898963</c:v>
                </c:pt>
                <c:pt idx="8108">
                  <c:v>22.99462793898963</c:v>
                </c:pt>
                <c:pt idx="8109">
                  <c:v>22.99462793898963</c:v>
                </c:pt>
                <c:pt idx="8110">
                  <c:v>22.99462793898963</c:v>
                </c:pt>
                <c:pt idx="8111">
                  <c:v>22.99462793898963</c:v>
                </c:pt>
                <c:pt idx="8112">
                  <c:v>15.57543646715332</c:v>
                </c:pt>
                <c:pt idx="8113">
                  <c:v>20.327032825065562</c:v>
                </c:pt>
                <c:pt idx="8114">
                  <c:v>20.327032825065562</c:v>
                </c:pt>
                <c:pt idx="8115">
                  <c:v>20.327032825065562</c:v>
                </c:pt>
                <c:pt idx="8116">
                  <c:v>20.327032825065562</c:v>
                </c:pt>
                <c:pt idx="8117">
                  <c:v>20.327032825065562</c:v>
                </c:pt>
                <c:pt idx="8118">
                  <c:v>20.327032825065562</c:v>
                </c:pt>
                <c:pt idx="8119">
                  <c:v>77.008162465821329</c:v>
                </c:pt>
                <c:pt idx="8120">
                  <c:v>85.924897067126963</c:v>
                </c:pt>
                <c:pt idx="8121">
                  <c:v>94.841631668432598</c:v>
                </c:pt>
                <c:pt idx="8122">
                  <c:v>94.841631668432598</c:v>
                </c:pt>
                <c:pt idx="8123">
                  <c:v>113.48571310752618</c:v>
                </c:pt>
                <c:pt idx="8124">
                  <c:v>113.48571310752618</c:v>
                </c:pt>
                <c:pt idx="8125">
                  <c:v>75.386937992856687</c:v>
                </c:pt>
                <c:pt idx="8126">
                  <c:v>113.48571310752618</c:v>
                </c:pt>
                <c:pt idx="8127">
                  <c:v>113.48571310752618</c:v>
                </c:pt>
                <c:pt idx="8128">
                  <c:v>73.683945606129697</c:v>
                </c:pt>
                <c:pt idx="8129">
                  <c:v>39.935832900214223</c:v>
                </c:pt>
                <c:pt idx="8130">
                  <c:v>20.75899613033031</c:v>
                </c:pt>
                <c:pt idx="8131">
                  <c:v>20.75899613033031</c:v>
                </c:pt>
                <c:pt idx="8132">
                  <c:v>20.75899613033031</c:v>
                </c:pt>
                <c:pt idx="8133">
                  <c:v>20.75899613033031</c:v>
                </c:pt>
                <c:pt idx="8134">
                  <c:v>20.75899613033031</c:v>
                </c:pt>
                <c:pt idx="8135">
                  <c:v>20.75899613033031</c:v>
                </c:pt>
                <c:pt idx="8136">
                  <c:v>19.163923117746496</c:v>
                </c:pt>
                <c:pt idx="8137">
                  <c:v>19.163923117746496</c:v>
                </c:pt>
                <c:pt idx="8138">
                  <c:v>19.163923117746496</c:v>
                </c:pt>
                <c:pt idx="8139">
                  <c:v>19.163923117746496</c:v>
                </c:pt>
                <c:pt idx="8140">
                  <c:v>19.163923117746496</c:v>
                </c:pt>
                <c:pt idx="8141">
                  <c:v>19.163923117746496</c:v>
                </c:pt>
                <c:pt idx="8142">
                  <c:v>19.163923117746496</c:v>
                </c:pt>
                <c:pt idx="8143">
                  <c:v>70.561656738124725</c:v>
                </c:pt>
                <c:pt idx="8144">
                  <c:v>78.731953834118116</c:v>
                </c:pt>
                <c:pt idx="8145">
                  <c:v>86.902250930111506</c:v>
                </c:pt>
                <c:pt idx="8146">
                  <c:v>86.902250930111506</c:v>
                </c:pt>
                <c:pt idx="8147">
                  <c:v>103.98559940355224</c:v>
                </c:pt>
                <c:pt idx="8148">
                  <c:v>103.98559940355224</c:v>
                </c:pt>
                <c:pt idx="8149">
                  <c:v>69.076148175216829</c:v>
                </c:pt>
                <c:pt idx="8150">
                  <c:v>103.98559940355224</c:v>
                </c:pt>
                <c:pt idx="8151">
                  <c:v>103.98559940355224</c:v>
                </c:pt>
                <c:pt idx="8152">
                  <c:v>67.112821177228724</c:v>
                </c:pt>
                <c:pt idx="8153">
                  <c:v>35.935951639331236</c:v>
                </c:pt>
                <c:pt idx="8154">
                  <c:v>19.163923117746496</c:v>
                </c:pt>
                <c:pt idx="8155">
                  <c:v>19.163923117746496</c:v>
                </c:pt>
                <c:pt idx="8156">
                  <c:v>19.163923117746496</c:v>
                </c:pt>
                <c:pt idx="8157">
                  <c:v>19.163923117746496</c:v>
                </c:pt>
                <c:pt idx="8158">
                  <c:v>19.163923117746496</c:v>
                </c:pt>
                <c:pt idx="8159">
                  <c:v>19.163923117746496</c:v>
                </c:pt>
                <c:pt idx="8160">
                  <c:v>16.990806950317797</c:v>
                </c:pt>
                <c:pt idx="8161">
                  <c:v>16.990806950317797</c:v>
                </c:pt>
                <c:pt idx="8162">
                  <c:v>16.990806950317797</c:v>
                </c:pt>
                <c:pt idx="8163">
                  <c:v>16.990806950317797</c:v>
                </c:pt>
                <c:pt idx="8164">
                  <c:v>16.990806950317797</c:v>
                </c:pt>
                <c:pt idx="8165">
                  <c:v>16.990806950317797</c:v>
                </c:pt>
                <c:pt idx="8166">
                  <c:v>16.990806950317797</c:v>
                </c:pt>
                <c:pt idx="8167">
                  <c:v>63.237513648617309</c:v>
                </c:pt>
                <c:pt idx="8168">
                  <c:v>70.559752071088809</c:v>
                </c:pt>
                <c:pt idx="8169">
                  <c:v>77.881990493560295</c:v>
                </c:pt>
                <c:pt idx="8170">
                  <c:v>77.881990493560295</c:v>
                </c:pt>
                <c:pt idx="8171">
                  <c:v>93.192125376909729</c:v>
                </c:pt>
                <c:pt idx="8172">
                  <c:v>93.192125376909729</c:v>
                </c:pt>
                <c:pt idx="8173">
                  <c:v>61.90619757180432</c:v>
                </c:pt>
                <c:pt idx="8174">
                  <c:v>93.192125376909729</c:v>
                </c:pt>
                <c:pt idx="8175">
                  <c:v>93.192125376909729</c:v>
                </c:pt>
                <c:pt idx="8176">
                  <c:v>59.582513010948276</c:v>
                </c:pt>
                <c:pt idx="8177">
                  <c:v>31.260159592566872</c:v>
                </c:pt>
                <c:pt idx="8178">
                  <c:v>16.990806950317797</c:v>
                </c:pt>
                <c:pt idx="8179">
                  <c:v>16.990806950317797</c:v>
                </c:pt>
                <c:pt idx="8180">
                  <c:v>16.990806950317797</c:v>
                </c:pt>
                <c:pt idx="8181">
                  <c:v>16.990806950317797</c:v>
                </c:pt>
                <c:pt idx="8182">
                  <c:v>16.990806950317797</c:v>
                </c:pt>
                <c:pt idx="8183">
                  <c:v>16.990806950317797</c:v>
                </c:pt>
                <c:pt idx="8184">
                  <c:v>26.556520527744429</c:v>
                </c:pt>
                <c:pt idx="8185">
                  <c:v>18.402700240200407</c:v>
                </c:pt>
                <c:pt idx="8186">
                  <c:v>18.402700240200407</c:v>
                </c:pt>
                <c:pt idx="8187">
                  <c:v>18.402700240200407</c:v>
                </c:pt>
                <c:pt idx="8188">
                  <c:v>18.402700240200407</c:v>
                </c:pt>
                <c:pt idx="8189">
                  <c:v>18.402700240200407</c:v>
                </c:pt>
                <c:pt idx="8190">
                  <c:v>18.402700240200407</c:v>
                </c:pt>
                <c:pt idx="8191">
                  <c:v>69.313153158030161</c:v>
                </c:pt>
                <c:pt idx="8192">
                  <c:v>86.641441447537716</c:v>
                </c:pt>
                <c:pt idx="8193">
                  <c:v>95.305585592291465</c:v>
                </c:pt>
                <c:pt idx="8194">
                  <c:v>95.305585592291465</c:v>
                </c:pt>
                <c:pt idx="8195">
                  <c:v>112.63387388179902</c:v>
                </c:pt>
                <c:pt idx="8196">
                  <c:v>112.63387388179902</c:v>
                </c:pt>
                <c:pt idx="8197">
                  <c:v>77.977297302783938</c:v>
                </c:pt>
                <c:pt idx="8198">
                  <c:v>112.63387388179902</c:v>
                </c:pt>
                <c:pt idx="8199">
                  <c:v>88.625725125957331</c:v>
                </c:pt>
                <c:pt idx="8200">
                  <c:v>50.258787054257368</c:v>
                </c:pt>
                <c:pt idx="8201">
                  <c:v>36.572428618814939</c:v>
                </c:pt>
                <c:pt idx="8202">
                  <c:v>19.029917185396101</c:v>
                </c:pt>
                <c:pt idx="8203">
                  <c:v>18.402700240200407</c:v>
                </c:pt>
                <c:pt idx="8204">
                  <c:v>18.402700240200407</c:v>
                </c:pt>
                <c:pt idx="8205">
                  <c:v>18.402700240200407</c:v>
                </c:pt>
                <c:pt idx="8206">
                  <c:v>18.402700240200407</c:v>
                </c:pt>
                <c:pt idx="8207">
                  <c:v>18.402700240200407</c:v>
                </c:pt>
                <c:pt idx="8208">
                  <c:v>20.661445941754948</c:v>
                </c:pt>
                <c:pt idx="8209">
                  <c:v>19.618011857982641</c:v>
                </c:pt>
                <c:pt idx="8210">
                  <c:v>19.618011857982641</c:v>
                </c:pt>
                <c:pt idx="8211">
                  <c:v>19.618011857982641</c:v>
                </c:pt>
                <c:pt idx="8212">
                  <c:v>19.618011857982641</c:v>
                </c:pt>
                <c:pt idx="8213">
                  <c:v>19.668289729500206</c:v>
                </c:pt>
                <c:pt idx="8214">
                  <c:v>19.733650962473039</c:v>
                </c:pt>
                <c:pt idx="8215">
                  <c:v>19.778901046838847</c:v>
                </c:pt>
                <c:pt idx="8216">
                  <c:v>19.778901046838847</c:v>
                </c:pt>
                <c:pt idx="8217">
                  <c:v>19.778901046838847</c:v>
                </c:pt>
                <c:pt idx="8218">
                  <c:v>19.778901046838847</c:v>
                </c:pt>
                <c:pt idx="8219">
                  <c:v>19.778901046838847</c:v>
                </c:pt>
                <c:pt idx="8220">
                  <c:v>19.778901046838847</c:v>
                </c:pt>
                <c:pt idx="8221">
                  <c:v>19.778901046838847</c:v>
                </c:pt>
                <c:pt idx="8222">
                  <c:v>19.778901046838847</c:v>
                </c:pt>
                <c:pt idx="8223">
                  <c:v>19.74370653677655</c:v>
                </c:pt>
                <c:pt idx="8224">
                  <c:v>19.713539813866014</c:v>
                </c:pt>
                <c:pt idx="8225">
                  <c:v>19.683373090955474</c:v>
                </c:pt>
                <c:pt idx="8226">
                  <c:v>19.673317516651963</c:v>
                </c:pt>
                <c:pt idx="8227">
                  <c:v>19.623039645134398</c:v>
                </c:pt>
                <c:pt idx="8228">
                  <c:v>19.567733986465079</c:v>
                </c:pt>
                <c:pt idx="8229">
                  <c:v>19.567733986465079</c:v>
                </c:pt>
                <c:pt idx="8230">
                  <c:v>19.567733986465079</c:v>
                </c:pt>
                <c:pt idx="8231">
                  <c:v>19.567733986465079</c:v>
                </c:pt>
                <c:pt idx="8232">
                  <c:v>16.154823114856676</c:v>
                </c:pt>
                <c:pt idx="8233">
                  <c:v>16.176718411262833</c:v>
                </c:pt>
                <c:pt idx="8234">
                  <c:v>16.176718411262833</c:v>
                </c:pt>
                <c:pt idx="8235">
                  <c:v>16.176718411262833</c:v>
                </c:pt>
                <c:pt idx="8236">
                  <c:v>16.176718411262833</c:v>
                </c:pt>
                <c:pt idx="8237">
                  <c:v>16.21612994479392</c:v>
                </c:pt>
                <c:pt idx="8238">
                  <c:v>16.251162419043769</c:v>
                </c:pt>
                <c:pt idx="8239">
                  <c:v>16.294953011856087</c:v>
                </c:pt>
                <c:pt idx="8240">
                  <c:v>16.294953011856087</c:v>
                </c:pt>
                <c:pt idx="8241">
                  <c:v>16.294953011856087</c:v>
                </c:pt>
                <c:pt idx="8242">
                  <c:v>16.294953011856087</c:v>
                </c:pt>
                <c:pt idx="8243">
                  <c:v>16.294953011856087</c:v>
                </c:pt>
                <c:pt idx="8244">
                  <c:v>16.294953011856087</c:v>
                </c:pt>
                <c:pt idx="8245">
                  <c:v>16.294953011856087</c:v>
                </c:pt>
                <c:pt idx="8246">
                  <c:v>16.294953011856087</c:v>
                </c:pt>
                <c:pt idx="8247">
                  <c:v>16.264299596887465</c:v>
                </c:pt>
                <c:pt idx="8248">
                  <c:v>16.259920537606234</c:v>
                </c:pt>
                <c:pt idx="8249">
                  <c:v>16.224888063356381</c:v>
                </c:pt>
                <c:pt idx="8250">
                  <c:v>16.211750885512686</c:v>
                </c:pt>
                <c:pt idx="8251">
                  <c:v>16.181097470544067</c:v>
                </c:pt>
                <c:pt idx="8252">
                  <c:v>16.154823114856676</c:v>
                </c:pt>
                <c:pt idx="8253">
                  <c:v>16.137306877731749</c:v>
                </c:pt>
                <c:pt idx="8254">
                  <c:v>16.137306877731749</c:v>
                </c:pt>
                <c:pt idx="8255">
                  <c:v>16.137306877731749</c:v>
                </c:pt>
                <c:pt idx="8256">
                  <c:v>14.702371614250374</c:v>
                </c:pt>
                <c:pt idx="8257">
                  <c:v>14.702371614250374</c:v>
                </c:pt>
                <c:pt idx="8258">
                  <c:v>14.702371614250374</c:v>
                </c:pt>
                <c:pt idx="8259">
                  <c:v>14.702371614250374</c:v>
                </c:pt>
                <c:pt idx="8260">
                  <c:v>14.702371614250374</c:v>
                </c:pt>
                <c:pt idx="8261">
                  <c:v>14.702371614250374</c:v>
                </c:pt>
                <c:pt idx="8262">
                  <c:v>14.702371614250374</c:v>
                </c:pt>
                <c:pt idx="8263">
                  <c:v>62.900817444496326</c:v>
                </c:pt>
                <c:pt idx="8264">
                  <c:v>70.763419625058361</c:v>
                </c:pt>
                <c:pt idx="8265">
                  <c:v>78.626021805620411</c:v>
                </c:pt>
                <c:pt idx="8266">
                  <c:v>78.626021805620411</c:v>
                </c:pt>
                <c:pt idx="8267">
                  <c:v>94.351226166744482</c:v>
                </c:pt>
                <c:pt idx="8268">
                  <c:v>94.351226166744482</c:v>
                </c:pt>
                <c:pt idx="8269">
                  <c:v>62.900817444496326</c:v>
                </c:pt>
                <c:pt idx="8270">
                  <c:v>94.351226166744482</c:v>
                </c:pt>
                <c:pt idx="8271">
                  <c:v>94.351226166744482</c:v>
                </c:pt>
                <c:pt idx="8272">
                  <c:v>59.908663180123121</c:v>
                </c:pt>
                <c:pt idx="8273">
                  <c:v>25.540743073443359</c:v>
                </c:pt>
                <c:pt idx="8274">
                  <c:v>16.967669233765516</c:v>
                </c:pt>
                <c:pt idx="8275">
                  <c:v>16.967669233765516</c:v>
                </c:pt>
                <c:pt idx="8276">
                  <c:v>16.967669233765516</c:v>
                </c:pt>
                <c:pt idx="8277">
                  <c:v>16.967669233765516</c:v>
                </c:pt>
                <c:pt idx="8278">
                  <c:v>16.967669233765516</c:v>
                </c:pt>
                <c:pt idx="8279">
                  <c:v>16.967669233765516</c:v>
                </c:pt>
                <c:pt idx="8280">
                  <c:v>9.7684656811627804</c:v>
                </c:pt>
                <c:pt idx="8281">
                  <c:v>13.422359266086927</c:v>
                </c:pt>
                <c:pt idx="8282">
                  <c:v>13.422359266086927</c:v>
                </c:pt>
                <c:pt idx="8283">
                  <c:v>13.422359266086927</c:v>
                </c:pt>
                <c:pt idx="8284">
                  <c:v>13.422359266086927</c:v>
                </c:pt>
                <c:pt idx="8285">
                  <c:v>13.422359266086927</c:v>
                </c:pt>
                <c:pt idx="8286">
                  <c:v>13.422359266086927</c:v>
                </c:pt>
                <c:pt idx="8287">
                  <c:v>52.855233963613571</c:v>
                </c:pt>
                <c:pt idx="8288">
                  <c:v>58.975313685716209</c:v>
                </c:pt>
                <c:pt idx="8289">
                  <c:v>65.095393407818833</c:v>
                </c:pt>
                <c:pt idx="8290">
                  <c:v>65.095393407818833</c:v>
                </c:pt>
                <c:pt idx="8291">
                  <c:v>77.891923735851591</c:v>
                </c:pt>
                <c:pt idx="8292">
                  <c:v>77.891923735851591</c:v>
                </c:pt>
                <c:pt idx="8293">
                  <c:v>51.742492195958562</c:v>
                </c:pt>
                <c:pt idx="8294">
                  <c:v>77.891923735851591</c:v>
                </c:pt>
                <c:pt idx="8295">
                  <c:v>77.891923735851591</c:v>
                </c:pt>
                <c:pt idx="8296">
                  <c:v>48.824081908275545</c:v>
                </c:pt>
                <c:pt idx="8297">
                  <c:v>24.482644213291927</c:v>
                </c:pt>
                <c:pt idx="8298">
                  <c:v>13.754531410170939</c:v>
                </c:pt>
                <c:pt idx="8299">
                  <c:v>13.754531410170939</c:v>
                </c:pt>
                <c:pt idx="8300">
                  <c:v>13.754531410170939</c:v>
                </c:pt>
                <c:pt idx="8301">
                  <c:v>13.754531410170939</c:v>
                </c:pt>
                <c:pt idx="8302">
                  <c:v>13.754531410170939</c:v>
                </c:pt>
                <c:pt idx="8303">
                  <c:v>13.754531410170939</c:v>
                </c:pt>
                <c:pt idx="8304">
                  <c:v>13.927250395032988</c:v>
                </c:pt>
                <c:pt idx="8305">
                  <c:v>13.927250395032988</c:v>
                </c:pt>
                <c:pt idx="8306">
                  <c:v>13.927250395032988</c:v>
                </c:pt>
                <c:pt idx="8307">
                  <c:v>13.927250395032988</c:v>
                </c:pt>
                <c:pt idx="8308">
                  <c:v>13.927250395032988</c:v>
                </c:pt>
                <c:pt idx="8309">
                  <c:v>13.927250395032988</c:v>
                </c:pt>
                <c:pt idx="8310">
                  <c:v>13.927250395032988</c:v>
                </c:pt>
                <c:pt idx="8311">
                  <c:v>52.959446839487491</c:v>
                </c:pt>
                <c:pt idx="8312">
                  <c:v>59.091593315638683</c:v>
                </c:pt>
                <c:pt idx="8313">
                  <c:v>65.223739791789868</c:v>
                </c:pt>
                <c:pt idx="8314">
                  <c:v>65.223739791789868</c:v>
                </c:pt>
                <c:pt idx="8315">
                  <c:v>78.045500605560505</c:v>
                </c:pt>
                <c:pt idx="8316">
                  <c:v>78.045500605560505</c:v>
                </c:pt>
                <c:pt idx="8317">
                  <c:v>51.844511116550919</c:v>
                </c:pt>
                <c:pt idx="8318">
                  <c:v>78.045500605560505</c:v>
                </c:pt>
                <c:pt idx="8319">
                  <c:v>78.045500605560505</c:v>
                </c:pt>
                <c:pt idx="8320">
                  <c:v>48.972213328138821</c:v>
                </c:pt>
                <c:pt idx="8321">
                  <c:v>24.626611054033031</c:v>
                </c:pt>
                <c:pt idx="8322">
                  <c:v>13.927250395032988</c:v>
                </c:pt>
                <c:pt idx="8323">
                  <c:v>13.927250395032988</c:v>
                </c:pt>
                <c:pt idx="8324">
                  <c:v>13.927250395032988</c:v>
                </c:pt>
                <c:pt idx="8325">
                  <c:v>13.927250395032988</c:v>
                </c:pt>
                <c:pt idx="8326">
                  <c:v>13.927250395032988</c:v>
                </c:pt>
                <c:pt idx="8327">
                  <c:v>13.927250395032988</c:v>
                </c:pt>
                <c:pt idx="8328">
                  <c:v>14.863337120258903</c:v>
                </c:pt>
                <c:pt idx="8329">
                  <c:v>14.863337120258903</c:v>
                </c:pt>
                <c:pt idx="8330">
                  <c:v>14.863337120258903</c:v>
                </c:pt>
                <c:pt idx="8331">
                  <c:v>14.863337120258903</c:v>
                </c:pt>
                <c:pt idx="8332">
                  <c:v>14.863337120258903</c:v>
                </c:pt>
                <c:pt idx="8333">
                  <c:v>14.863337120258903</c:v>
                </c:pt>
                <c:pt idx="8334">
                  <c:v>14.863337120258903</c:v>
                </c:pt>
                <c:pt idx="8335">
                  <c:v>56.099967253388272</c:v>
                </c:pt>
                <c:pt idx="8336">
                  <c:v>62.595752935359556</c:v>
                </c:pt>
                <c:pt idx="8337">
                  <c:v>69.091538617330826</c:v>
                </c:pt>
                <c:pt idx="8338">
                  <c:v>69.091538617330826</c:v>
                </c:pt>
                <c:pt idx="8339">
                  <c:v>82.673635952361664</c:v>
                </c:pt>
                <c:pt idx="8340">
                  <c:v>82.673635952361664</c:v>
                </c:pt>
                <c:pt idx="8341">
                  <c:v>54.918915311211677</c:v>
                </c:pt>
                <c:pt idx="8342">
                  <c:v>82.673635952361664</c:v>
                </c:pt>
                <c:pt idx="8343">
                  <c:v>82.673635952361664</c:v>
                </c:pt>
                <c:pt idx="8344">
                  <c:v>52.214249342330604</c:v>
                </c:pt>
                <c:pt idx="8345">
                  <c:v>26.653528663029487</c:v>
                </c:pt>
                <c:pt idx="8346">
                  <c:v>14.863337120258903</c:v>
                </c:pt>
                <c:pt idx="8347">
                  <c:v>14.863337120258903</c:v>
                </c:pt>
                <c:pt idx="8348">
                  <c:v>14.863337120258903</c:v>
                </c:pt>
                <c:pt idx="8349">
                  <c:v>14.863337120258903</c:v>
                </c:pt>
                <c:pt idx="8350">
                  <c:v>14.863337120258903</c:v>
                </c:pt>
                <c:pt idx="8351">
                  <c:v>14.863337120258903</c:v>
                </c:pt>
                <c:pt idx="8352">
                  <c:v>21.995156159414009</c:v>
                </c:pt>
                <c:pt idx="8353">
                  <c:v>14.87314573034593</c:v>
                </c:pt>
                <c:pt idx="8354">
                  <c:v>14.87314573034593</c:v>
                </c:pt>
                <c:pt idx="8355">
                  <c:v>14.87314573034593</c:v>
                </c:pt>
                <c:pt idx="8356">
                  <c:v>14.87314573034593</c:v>
                </c:pt>
                <c:pt idx="8357">
                  <c:v>14.87314573034593</c:v>
                </c:pt>
                <c:pt idx="8358">
                  <c:v>14.87314573034593</c:v>
                </c:pt>
                <c:pt idx="8359">
                  <c:v>57.288217275330013</c:v>
                </c:pt>
                <c:pt idx="8360">
                  <c:v>71.610271594162498</c:v>
                </c:pt>
                <c:pt idx="8361">
                  <c:v>78.771298753578762</c:v>
                </c:pt>
                <c:pt idx="8362">
                  <c:v>78.771298753578762</c:v>
                </c:pt>
                <c:pt idx="8363">
                  <c:v>93.093353072411261</c:v>
                </c:pt>
                <c:pt idx="8364">
                  <c:v>93.093353072411261</c:v>
                </c:pt>
                <c:pt idx="8365">
                  <c:v>64.449244434746262</c:v>
                </c:pt>
                <c:pt idx="8366">
                  <c:v>93.093353072411261</c:v>
                </c:pt>
                <c:pt idx="8367">
                  <c:v>72.936728671303754</c:v>
                </c:pt>
                <c:pt idx="8368">
                  <c:v>40.025272348310345</c:v>
                </c:pt>
                <c:pt idx="8369">
                  <c:v>28.690606167841253</c:v>
                </c:pt>
                <c:pt idx="8370">
                  <c:v>15.42099268642809</c:v>
                </c:pt>
                <c:pt idx="8371">
                  <c:v>14.87314573034593</c:v>
                </c:pt>
                <c:pt idx="8372">
                  <c:v>14.87314573034593</c:v>
                </c:pt>
                <c:pt idx="8373">
                  <c:v>14.87314573034593</c:v>
                </c:pt>
                <c:pt idx="8374">
                  <c:v>14.87314573034593</c:v>
                </c:pt>
                <c:pt idx="8375">
                  <c:v>14.87314573034593</c:v>
                </c:pt>
                <c:pt idx="8376">
                  <c:v>14.764080567170655</c:v>
                </c:pt>
                <c:pt idx="8377">
                  <c:v>13.947575524509039</c:v>
                </c:pt>
                <c:pt idx="8378">
                  <c:v>13.947575524509039</c:v>
                </c:pt>
                <c:pt idx="8379">
                  <c:v>13.947575524509039</c:v>
                </c:pt>
                <c:pt idx="8380">
                  <c:v>13.947575524509039</c:v>
                </c:pt>
                <c:pt idx="8381">
                  <c:v>13.978721565676395</c:v>
                </c:pt>
                <c:pt idx="8382">
                  <c:v>14.019211419193958</c:v>
                </c:pt>
                <c:pt idx="8383">
                  <c:v>14.047242856244578</c:v>
                </c:pt>
                <c:pt idx="8384">
                  <c:v>14.047242856244578</c:v>
                </c:pt>
                <c:pt idx="8385">
                  <c:v>14.047242856244578</c:v>
                </c:pt>
                <c:pt idx="8386">
                  <c:v>14.047242856244578</c:v>
                </c:pt>
                <c:pt idx="8387">
                  <c:v>14.047242856244578</c:v>
                </c:pt>
                <c:pt idx="8388">
                  <c:v>14.047242856244578</c:v>
                </c:pt>
                <c:pt idx="8389">
                  <c:v>14.047242856244578</c:v>
                </c:pt>
                <c:pt idx="8390">
                  <c:v>14.047242856244578</c:v>
                </c:pt>
                <c:pt idx="8391">
                  <c:v>14.025440627427429</c:v>
                </c:pt>
                <c:pt idx="8392">
                  <c:v>14.006753002727017</c:v>
                </c:pt>
                <c:pt idx="8393">
                  <c:v>13.988065378026603</c:v>
                </c:pt>
                <c:pt idx="8394">
                  <c:v>13.98183616979313</c:v>
                </c:pt>
                <c:pt idx="8395">
                  <c:v>13.950690128625775</c:v>
                </c:pt>
                <c:pt idx="8396">
                  <c:v>13.916429483341682</c:v>
                </c:pt>
                <c:pt idx="8397">
                  <c:v>13.916429483341682</c:v>
                </c:pt>
                <c:pt idx="8398">
                  <c:v>13.916429483341682</c:v>
                </c:pt>
                <c:pt idx="8399">
                  <c:v>13.916429483341682</c:v>
                </c:pt>
                <c:pt idx="8400">
                  <c:v>11.976595837306984</c:v>
                </c:pt>
                <c:pt idx="8401">
                  <c:v>11.990480259993342</c:v>
                </c:pt>
                <c:pt idx="8402">
                  <c:v>11.990480259993342</c:v>
                </c:pt>
                <c:pt idx="8403">
                  <c:v>11.990480259993342</c:v>
                </c:pt>
                <c:pt idx="8404">
                  <c:v>11.990480259993342</c:v>
                </c:pt>
                <c:pt idx="8405">
                  <c:v>12.015472220828785</c:v>
                </c:pt>
                <c:pt idx="8406">
                  <c:v>12.037687297126958</c:v>
                </c:pt>
                <c:pt idx="8407">
                  <c:v>12.065456142499672</c:v>
                </c:pt>
                <c:pt idx="8408">
                  <c:v>12.065456142499672</c:v>
                </c:pt>
                <c:pt idx="8409">
                  <c:v>12.065456142499672</c:v>
                </c:pt>
                <c:pt idx="8410">
                  <c:v>12.065456142499672</c:v>
                </c:pt>
                <c:pt idx="8411">
                  <c:v>12.065456142499672</c:v>
                </c:pt>
                <c:pt idx="8412">
                  <c:v>12.065456142499672</c:v>
                </c:pt>
                <c:pt idx="8413">
                  <c:v>12.065456142499672</c:v>
                </c:pt>
                <c:pt idx="8414">
                  <c:v>12.065456142499672</c:v>
                </c:pt>
                <c:pt idx="8415">
                  <c:v>12.046017950738772</c:v>
                </c:pt>
                <c:pt idx="8416">
                  <c:v>12.043241066201501</c:v>
                </c:pt>
                <c:pt idx="8417">
                  <c:v>12.021025989903329</c:v>
                </c:pt>
                <c:pt idx="8418">
                  <c:v>12.012695336291515</c:v>
                </c:pt>
                <c:pt idx="8419">
                  <c:v>11.993257144530613</c:v>
                </c:pt>
                <c:pt idx="8420">
                  <c:v>11.976595837306984</c:v>
                </c:pt>
                <c:pt idx="8421">
                  <c:v>11.965488299157899</c:v>
                </c:pt>
                <c:pt idx="8422">
                  <c:v>11.965488299157899</c:v>
                </c:pt>
                <c:pt idx="8423">
                  <c:v>11.965488299157899</c:v>
                </c:pt>
                <c:pt idx="8424">
                  <c:v>11.38850338937487</c:v>
                </c:pt>
                <c:pt idx="8425">
                  <c:v>11.38850338937487</c:v>
                </c:pt>
                <c:pt idx="8426">
                  <c:v>11.38850338937487</c:v>
                </c:pt>
                <c:pt idx="8427">
                  <c:v>11.38850338937487</c:v>
                </c:pt>
                <c:pt idx="8428">
                  <c:v>11.38850338937487</c:v>
                </c:pt>
                <c:pt idx="8429">
                  <c:v>11.38850338937487</c:v>
                </c:pt>
                <c:pt idx="8430">
                  <c:v>11.38850338937487</c:v>
                </c:pt>
                <c:pt idx="8431">
                  <c:v>48.647584122923895</c:v>
                </c:pt>
                <c:pt idx="8432">
                  <c:v>54.728532138289381</c:v>
                </c:pt>
                <c:pt idx="8433">
                  <c:v>60.809480153654867</c:v>
                </c:pt>
                <c:pt idx="8434">
                  <c:v>60.809480153654867</c:v>
                </c:pt>
                <c:pt idx="8435">
                  <c:v>72.971376184385832</c:v>
                </c:pt>
                <c:pt idx="8436">
                  <c:v>72.971376184385832</c:v>
                </c:pt>
                <c:pt idx="8437">
                  <c:v>48.647584122923895</c:v>
                </c:pt>
                <c:pt idx="8438">
                  <c:v>72.971376184385832</c:v>
                </c:pt>
                <c:pt idx="8439">
                  <c:v>72.971376184385832</c:v>
                </c:pt>
                <c:pt idx="8440">
                  <c:v>44.969280383446808</c:v>
                </c:pt>
                <c:pt idx="8441">
                  <c:v>17.00400671700416</c:v>
                </c:pt>
                <c:pt idx="8442">
                  <c:v>12.712782316019283</c:v>
                </c:pt>
                <c:pt idx="8443">
                  <c:v>12.712782316019283</c:v>
                </c:pt>
                <c:pt idx="8444">
                  <c:v>12.712782316019283</c:v>
                </c:pt>
                <c:pt idx="8445">
                  <c:v>12.712782316019283</c:v>
                </c:pt>
                <c:pt idx="8446">
                  <c:v>12.712782316019283</c:v>
                </c:pt>
                <c:pt idx="8447">
                  <c:v>12.712782316019283</c:v>
                </c:pt>
                <c:pt idx="8448">
                  <c:v>9.419253594286852</c:v>
                </c:pt>
                <c:pt idx="8449">
                  <c:v>13.008765820153878</c:v>
                </c:pt>
                <c:pt idx="8450">
                  <c:v>13.008765820153878</c:v>
                </c:pt>
                <c:pt idx="8451">
                  <c:v>13.008765820153878</c:v>
                </c:pt>
                <c:pt idx="8452">
                  <c:v>13.008765820153878</c:v>
                </c:pt>
                <c:pt idx="8453">
                  <c:v>13.008765820153878</c:v>
                </c:pt>
                <c:pt idx="8454">
                  <c:v>13.008765820153878</c:v>
                </c:pt>
                <c:pt idx="8455">
                  <c:v>51.41378799370338</c:v>
                </c:pt>
                <c:pt idx="8456">
                  <c:v>57.366963445605883</c:v>
                </c:pt>
                <c:pt idx="8457">
                  <c:v>63.320138897508386</c:v>
                </c:pt>
                <c:pt idx="8458">
                  <c:v>63.320138897508386</c:v>
                </c:pt>
                <c:pt idx="8459">
                  <c:v>75.767687569668141</c:v>
                </c:pt>
                <c:pt idx="8460">
                  <c:v>75.767687569668141</c:v>
                </c:pt>
                <c:pt idx="8461">
                  <c:v>50.331392456993846</c:v>
                </c:pt>
                <c:pt idx="8462">
                  <c:v>75.767687569668141</c:v>
                </c:pt>
                <c:pt idx="8463">
                  <c:v>75.767687569668141</c:v>
                </c:pt>
                <c:pt idx="8464">
                  <c:v>47.335412558370216</c:v>
                </c:pt>
                <c:pt idx="8465">
                  <c:v>23.551975414325309</c:v>
                </c:pt>
                <c:pt idx="8466">
                  <c:v>13.335085113414515</c:v>
                </c:pt>
                <c:pt idx="8467">
                  <c:v>13.335085113414515</c:v>
                </c:pt>
                <c:pt idx="8468">
                  <c:v>13.335085113414515</c:v>
                </c:pt>
                <c:pt idx="8469">
                  <c:v>13.335085113414515</c:v>
                </c:pt>
                <c:pt idx="8470">
                  <c:v>13.335085113414515</c:v>
                </c:pt>
                <c:pt idx="8471">
                  <c:v>13.335085113414515</c:v>
                </c:pt>
                <c:pt idx="8472">
                  <c:v>16.735510570710733</c:v>
                </c:pt>
                <c:pt idx="8473">
                  <c:v>16.735510570710733</c:v>
                </c:pt>
                <c:pt idx="8474">
                  <c:v>16.735510570710733</c:v>
                </c:pt>
                <c:pt idx="8475">
                  <c:v>16.735510570710733</c:v>
                </c:pt>
                <c:pt idx="8476">
                  <c:v>16.735510570710733</c:v>
                </c:pt>
                <c:pt idx="8477">
                  <c:v>16.735510570710733</c:v>
                </c:pt>
                <c:pt idx="8478">
                  <c:v>16.735510570710733</c:v>
                </c:pt>
                <c:pt idx="8479">
                  <c:v>62.381008081189833</c:v>
                </c:pt>
                <c:pt idx="8480">
                  <c:v>69.604072174801288</c:v>
                </c:pt>
                <c:pt idx="8481">
                  <c:v>76.827136268412744</c:v>
                </c:pt>
                <c:pt idx="8482">
                  <c:v>76.827136268412744</c:v>
                </c:pt>
                <c:pt idx="8483">
                  <c:v>91.929906645963953</c:v>
                </c:pt>
                <c:pt idx="8484">
                  <c:v>91.929906645963953</c:v>
                </c:pt>
                <c:pt idx="8485">
                  <c:v>61.067723700533207</c:v>
                </c:pt>
                <c:pt idx="8486">
                  <c:v>91.929906645963953</c:v>
                </c:pt>
                <c:pt idx="8487">
                  <c:v>91.929906645963953</c:v>
                </c:pt>
                <c:pt idx="8488">
                  <c:v>58.698321370714147</c:v>
                </c:pt>
                <c:pt idx="8489">
                  <c:v>30.707363881022392</c:v>
                </c:pt>
                <c:pt idx="8490">
                  <c:v>16.735510570710733</c:v>
                </c:pt>
                <c:pt idx="8491">
                  <c:v>16.735510570710733</c:v>
                </c:pt>
                <c:pt idx="8492">
                  <c:v>16.735510570710733</c:v>
                </c:pt>
                <c:pt idx="8493">
                  <c:v>16.735510570710733</c:v>
                </c:pt>
                <c:pt idx="8494">
                  <c:v>16.735510570710733</c:v>
                </c:pt>
                <c:pt idx="8495">
                  <c:v>16.735510570710733</c:v>
                </c:pt>
                <c:pt idx="8496">
                  <c:v>13.246460049414143</c:v>
                </c:pt>
                <c:pt idx="8497">
                  <c:v>13.246460049414143</c:v>
                </c:pt>
                <c:pt idx="8498">
                  <c:v>13.246460049414143</c:v>
                </c:pt>
                <c:pt idx="8499">
                  <c:v>13.246460049414143</c:v>
                </c:pt>
                <c:pt idx="8500">
                  <c:v>13.246460049414143</c:v>
                </c:pt>
                <c:pt idx="8501">
                  <c:v>13.246460049414143</c:v>
                </c:pt>
                <c:pt idx="8502">
                  <c:v>13.246460049414143</c:v>
                </c:pt>
                <c:pt idx="8503">
                  <c:v>50.675431993014193</c:v>
                </c:pt>
                <c:pt idx="8504">
                  <c:v>56.543113592205316</c:v>
                </c:pt>
                <c:pt idx="8505">
                  <c:v>62.410795191396438</c:v>
                </c:pt>
                <c:pt idx="8506">
                  <c:v>62.410795191396438</c:v>
                </c:pt>
                <c:pt idx="8507">
                  <c:v>74.679583989705137</c:v>
                </c:pt>
                <c:pt idx="8508">
                  <c:v>74.679583989705137</c:v>
                </c:pt>
                <c:pt idx="8509">
                  <c:v>49.608580793161266</c:v>
                </c:pt>
                <c:pt idx="8510">
                  <c:v>74.679583989705137</c:v>
                </c:pt>
                <c:pt idx="8511">
                  <c:v>74.679583989705137</c:v>
                </c:pt>
                <c:pt idx="8512">
                  <c:v>46.614368954181174</c:v>
                </c:pt>
                <c:pt idx="8513">
                  <c:v>23.152489156581062</c:v>
                </c:pt>
                <c:pt idx="8514">
                  <c:v>13.246460049414143</c:v>
                </c:pt>
                <c:pt idx="8515">
                  <c:v>13.246460049414143</c:v>
                </c:pt>
                <c:pt idx="8516">
                  <c:v>13.246460049414143</c:v>
                </c:pt>
                <c:pt idx="8517">
                  <c:v>13.246460049414143</c:v>
                </c:pt>
                <c:pt idx="8518">
                  <c:v>13.246460049414143</c:v>
                </c:pt>
                <c:pt idx="8519">
                  <c:v>13.246460049414143</c:v>
                </c:pt>
                <c:pt idx="8520">
                  <c:v>18.779898539461737</c:v>
                </c:pt>
                <c:pt idx="8521">
                  <c:v>12.372927331209054</c:v>
                </c:pt>
                <c:pt idx="8522">
                  <c:v>12.372927331209054</c:v>
                </c:pt>
                <c:pt idx="8523">
                  <c:v>12.372927331209054</c:v>
                </c:pt>
                <c:pt idx="8524">
                  <c:v>12.372927331209054</c:v>
                </c:pt>
                <c:pt idx="8525">
                  <c:v>12.372927331209054</c:v>
                </c:pt>
                <c:pt idx="8526">
                  <c:v>12.372927331209054</c:v>
                </c:pt>
                <c:pt idx="8527">
                  <c:v>48.807983550999417</c:v>
                </c:pt>
                <c:pt idx="8528">
                  <c:v>61.009979438749269</c:v>
                </c:pt>
                <c:pt idx="8529">
                  <c:v>67.110977382624185</c:v>
                </c:pt>
                <c:pt idx="8530">
                  <c:v>67.110977382624185</c:v>
                </c:pt>
                <c:pt idx="8531">
                  <c:v>79.312973270374044</c:v>
                </c:pt>
                <c:pt idx="8532">
                  <c:v>79.312973270374044</c:v>
                </c:pt>
                <c:pt idx="8533">
                  <c:v>54.90898149487434</c:v>
                </c:pt>
                <c:pt idx="8534">
                  <c:v>79.312973270374044</c:v>
                </c:pt>
                <c:pt idx="8535">
                  <c:v>61.862189431247963</c:v>
                </c:pt>
                <c:pt idx="8536">
                  <c:v>32.758482597662685</c:v>
                </c:pt>
                <c:pt idx="8537">
                  <c:v>23.081529930169413</c:v>
                </c:pt>
                <c:pt idx="8538">
                  <c:v>12.865771270305412</c:v>
                </c:pt>
                <c:pt idx="8539">
                  <c:v>12.372927331209054</c:v>
                </c:pt>
                <c:pt idx="8540">
                  <c:v>12.372927331209054</c:v>
                </c:pt>
                <c:pt idx="8541">
                  <c:v>12.372927331209054</c:v>
                </c:pt>
                <c:pt idx="8542">
                  <c:v>12.372927331209054</c:v>
                </c:pt>
                <c:pt idx="8543">
                  <c:v>12.372927331209054</c:v>
                </c:pt>
                <c:pt idx="8544">
                  <c:v>16.626406474934114</c:v>
                </c:pt>
                <c:pt idx="8545">
                  <c:v>15.738239629816492</c:v>
                </c:pt>
                <c:pt idx="8546">
                  <c:v>15.738239629816492</c:v>
                </c:pt>
                <c:pt idx="8547">
                  <c:v>15.738239629816492</c:v>
                </c:pt>
                <c:pt idx="8548">
                  <c:v>15.738239629816492</c:v>
                </c:pt>
                <c:pt idx="8549">
                  <c:v>15.775427301620757</c:v>
                </c:pt>
                <c:pt idx="8550">
                  <c:v>15.823771274966299</c:v>
                </c:pt>
                <c:pt idx="8551">
                  <c:v>15.857240179590137</c:v>
                </c:pt>
                <c:pt idx="8552">
                  <c:v>15.857240179590137</c:v>
                </c:pt>
                <c:pt idx="8553">
                  <c:v>15.857240179590137</c:v>
                </c:pt>
                <c:pt idx="8554">
                  <c:v>15.857240179590137</c:v>
                </c:pt>
                <c:pt idx="8555">
                  <c:v>15.857240179590137</c:v>
                </c:pt>
                <c:pt idx="8556">
                  <c:v>15.857240179590137</c:v>
                </c:pt>
                <c:pt idx="8557">
                  <c:v>15.857240179590137</c:v>
                </c:pt>
                <c:pt idx="8558">
                  <c:v>15.857240179590137</c:v>
                </c:pt>
                <c:pt idx="8559">
                  <c:v>15.831208809327153</c:v>
                </c:pt>
                <c:pt idx="8560">
                  <c:v>15.808896206244594</c:v>
                </c:pt>
                <c:pt idx="8561">
                  <c:v>15.786583603162036</c:v>
                </c:pt>
                <c:pt idx="8562">
                  <c:v>15.779146068801182</c:v>
                </c:pt>
                <c:pt idx="8563">
                  <c:v>15.741958396996919</c:v>
                </c:pt>
                <c:pt idx="8564">
                  <c:v>15.701051958012229</c:v>
                </c:pt>
                <c:pt idx="8565">
                  <c:v>15.701051958012229</c:v>
                </c:pt>
                <c:pt idx="8566">
                  <c:v>15.701051958012229</c:v>
                </c:pt>
                <c:pt idx="8567">
                  <c:v>15.701051958012229</c:v>
                </c:pt>
                <c:pt idx="8568">
                  <c:v>13.369338263156882</c:v>
                </c:pt>
                <c:pt idx="8569">
                  <c:v>13.385892977083174</c:v>
                </c:pt>
                <c:pt idx="8570">
                  <c:v>13.385892977083174</c:v>
                </c:pt>
                <c:pt idx="8571">
                  <c:v>13.385892977083174</c:v>
                </c:pt>
                <c:pt idx="8572">
                  <c:v>13.385892977083174</c:v>
                </c:pt>
                <c:pt idx="8573">
                  <c:v>13.415691462150496</c:v>
                </c:pt>
                <c:pt idx="8574">
                  <c:v>13.442179004432562</c:v>
                </c:pt>
                <c:pt idx="8575">
                  <c:v>13.475288432285144</c:v>
                </c:pt>
                <c:pt idx="8576">
                  <c:v>13.475288432285144</c:v>
                </c:pt>
                <c:pt idx="8577">
                  <c:v>13.475288432285144</c:v>
                </c:pt>
                <c:pt idx="8578">
                  <c:v>13.475288432285144</c:v>
                </c:pt>
                <c:pt idx="8579">
                  <c:v>13.475288432285144</c:v>
                </c:pt>
                <c:pt idx="8580">
                  <c:v>13.475288432285144</c:v>
                </c:pt>
                <c:pt idx="8581">
                  <c:v>13.475288432285144</c:v>
                </c:pt>
                <c:pt idx="8582">
                  <c:v>13.475288432285144</c:v>
                </c:pt>
                <c:pt idx="8583">
                  <c:v>13.452111832788336</c:v>
                </c:pt>
                <c:pt idx="8584">
                  <c:v>13.448800890003078</c:v>
                </c:pt>
                <c:pt idx="8585">
                  <c:v>13.422313347721014</c:v>
                </c:pt>
                <c:pt idx="8586">
                  <c:v>13.412380519365238</c:v>
                </c:pt>
                <c:pt idx="8587">
                  <c:v>13.389203919868431</c:v>
                </c:pt>
                <c:pt idx="8588">
                  <c:v>13.369338263156882</c:v>
                </c:pt>
                <c:pt idx="8589">
                  <c:v>13.356094492015849</c:v>
                </c:pt>
                <c:pt idx="8590">
                  <c:v>13.356094492015849</c:v>
                </c:pt>
                <c:pt idx="8591">
                  <c:v>13.356094492015849</c:v>
                </c:pt>
                <c:pt idx="8592">
                  <c:v>9.0890846210939102</c:v>
                </c:pt>
                <c:pt idx="8593">
                  <c:v>9.0890846210939102</c:v>
                </c:pt>
                <c:pt idx="8594">
                  <c:v>9.0890846210939102</c:v>
                </c:pt>
                <c:pt idx="8595">
                  <c:v>9.0890846210939102</c:v>
                </c:pt>
                <c:pt idx="8596">
                  <c:v>9.0890846210939102</c:v>
                </c:pt>
                <c:pt idx="8597">
                  <c:v>9.0890846210939102</c:v>
                </c:pt>
                <c:pt idx="8598">
                  <c:v>9.0890846210939102</c:v>
                </c:pt>
                <c:pt idx="8599">
                  <c:v>38.757585491628745</c:v>
                </c:pt>
                <c:pt idx="8600">
                  <c:v>43.602283678082337</c:v>
                </c:pt>
                <c:pt idx="8601">
                  <c:v>48.446981864535928</c:v>
                </c:pt>
                <c:pt idx="8602">
                  <c:v>48.446981864535928</c:v>
                </c:pt>
                <c:pt idx="8603">
                  <c:v>58.136378237443104</c:v>
                </c:pt>
                <c:pt idx="8604">
                  <c:v>58.136378237443104</c:v>
                </c:pt>
                <c:pt idx="8605">
                  <c:v>38.757585491628745</c:v>
                </c:pt>
                <c:pt idx="8606">
                  <c:v>58.136378237443104</c:v>
                </c:pt>
                <c:pt idx="8607">
                  <c:v>58.136378237443104</c:v>
                </c:pt>
                <c:pt idx="8608">
                  <c:v>34.603178034732636</c:v>
                </c:pt>
                <c:pt idx="8609">
                  <c:v>11.080557000291243</c:v>
                </c:pt>
                <c:pt idx="8610">
                  <c:v>9.7604118016647501</c:v>
                </c:pt>
                <c:pt idx="8611">
                  <c:v>9.7604118016647501</c:v>
                </c:pt>
                <c:pt idx="8612">
                  <c:v>9.7604118016647501</c:v>
                </c:pt>
                <c:pt idx="8613">
                  <c:v>9.7604118016647501</c:v>
                </c:pt>
                <c:pt idx="8614">
                  <c:v>9.7604118016647501</c:v>
                </c:pt>
                <c:pt idx="8615">
                  <c:v>9.7604118016647501</c:v>
                </c:pt>
                <c:pt idx="8616">
                  <c:v>6.9049265687801604</c:v>
                </c:pt>
                <c:pt idx="8617">
                  <c:v>10.030893009435932</c:v>
                </c:pt>
                <c:pt idx="8618">
                  <c:v>10.030893009435932</c:v>
                </c:pt>
                <c:pt idx="8619">
                  <c:v>10.030893009435932</c:v>
                </c:pt>
                <c:pt idx="8620">
                  <c:v>10.030893009435932</c:v>
                </c:pt>
                <c:pt idx="8621">
                  <c:v>10.030893009435932</c:v>
                </c:pt>
                <c:pt idx="8622">
                  <c:v>10.030893009435932</c:v>
                </c:pt>
                <c:pt idx="8623">
                  <c:v>41.035377010350004</c:v>
                </c:pt>
                <c:pt idx="8624">
                  <c:v>45.786841716811587</c:v>
                </c:pt>
                <c:pt idx="8625">
                  <c:v>50.53830642327317</c:v>
                </c:pt>
                <c:pt idx="8626">
                  <c:v>50.53830642327317</c:v>
                </c:pt>
                <c:pt idx="8627">
                  <c:v>60.473187173147366</c:v>
                </c:pt>
                <c:pt idx="8628">
                  <c:v>60.473187173147366</c:v>
                </c:pt>
                <c:pt idx="8629">
                  <c:v>40.171474336447901</c:v>
                </c:pt>
                <c:pt idx="8630">
                  <c:v>60.473187173147366</c:v>
                </c:pt>
                <c:pt idx="8631">
                  <c:v>60.473187173147366</c:v>
                </c:pt>
                <c:pt idx="8632">
                  <c:v>36.616993239051887</c:v>
                </c:pt>
                <c:pt idx="8633">
                  <c:v>16.851160061765658</c:v>
                </c:pt>
                <c:pt idx="8634">
                  <c:v>10.315071776768274</c:v>
                </c:pt>
                <c:pt idx="8635">
                  <c:v>10.315071776768274</c:v>
                </c:pt>
                <c:pt idx="8636">
                  <c:v>10.315071776768274</c:v>
                </c:pt>
                <c:pt idx="8637">
                  <c:v>10.315071776768274</c:v>
                </c:pt>
                <c:pt idx="8638">
                  <c:v>10.315071776768274</c:v>
                </c:pt>
                <c:pt idx="8639">
                  <c:v>10.315071776768274</c:v>
                </c:pt>
                <c:pt idx="8640">
                  <c:v>12.565669703795294</c:v>
                </c:pt>
                <c:pt idx="8641">
                  <c:v>12.565669703795294</c:v>
                </c:pt>
                <c:pt idx="8642">
                  <c:v>12.565669703795294</c:v>
                </c:pt>
                <c:pt idx="8643">
                  <c:v>12.565669703795294</c:v>
                </c:pt>
                <c:pt idx="8644">
                  <c:v>12.565669703795294</c:v>
                </c:pt>
                <c:pt idx="8645">
                  <c:v>12.565669703795294</c:v>
                </c:pt>
                <c:pt idx="8646">
                  <c:v>12.565669703795294</c:v>
                </c:pt>
                <c:pt idx="8647">
                  <c:v>48.391417146540896</c:v>
                </c:pt>
                <c:pt idx="8648">
                  <c:v>53.994633868771956</c:v>
                </c:pt>
                <c:pt idx="8649">
                  <c:v>59.597850591003009</c:v>
                </c:pt>
                <c:pt idx="8650">
                  <c:v>59.597850591003009</c:v>
                </c:pt>
                <c:pt idx="8651">
                  <c:v>71.313667373849739</c:v>
                </c:pt>
                <c:pt idx="8652">
                  <c:v>71.313667373849739</c:v>
                </c:pt>
                <c:pt idx="8653">
                  <c:v>47.372650469771614</c:v>
                </c:pt>
                <c:pt idx="8654">
                  <c:v>71.313667373849739</c:v>
                </c:pt>
                <c:pt idx="8655">
                  <c:v>71.313667373849739</c:v>
                </c:pt>
                <c:pt idx="8656">
                  <c:v>44.256524580223513</c:v>
                </c:pt>
                <c:pt idx="8657">
                  <c:v>21.678367259129097</c:v>
                </c:pt>
                <c:pt idx="8658">
                  <c:v>12.565669703795294</c:v>
                </c:pt>
                <c:pt idx="8659">
                  <c:v>12.565669703795294</c:v>
                </c:pt>
                <c:pt idx="8660">
                  <c:v>12.565669703795294</c:v>
                </c:pt>
                <c:pt idx="8661">
                  <c:v>12.565669703795294</c:v>
                </c:pt>
                <c:pt idx="8662">
                  <c:v>12.565669703795294</c:v>
                </c:pt>
                <c:pt idx="8663">
                  <c:v>12.565669703795294</c:v>
                </c:pt>
                <c:pt idx="8664">
                  <c:v>15.969621431889529</c:v>
                </c:pt>
                <c:pt idx="8665">
                  <c:v>15.969621431889529</c:v>
                </c:pt>
                <c:pt idx="8666">
                  <c:v>15.969621431889529</c:v>
                </c:pt>
                <c:pt idx="8667">
                  <c:v>15.969621431889529</c:v>
                </c:pt>
                <c:pt idx="8668">
                  <c:v>15.969621431889529</c:v>
                </c:pt>
                <c:pt idx="8669">
                  <c:v>15.969621431889529</c:v>
                </c:pt>
                <c:pt idx="8670">
                  <c:v>15.969621431889529</c:v>
                </c:pt>
                <c:pt idx="8671">
                  <c:v>59.811491378907377</c:v>
                </c:pt>
                <c:pt idx="8672">
                  <c:v>66.737032485938755</c:v>
                </c:pt>
                <c:pt idx="8673">
                  <c:v>73.662573592970134</c:v>
                </c:pt>
                <c:pt idx="8674">
                  <c:v>73.662573592970134</c:v>
                </c:pt>
                <c:pt idx="8675">
                  <c:v>88.143250453126655</c:v>
                </c:pt>
                <c:pt idx="8676">
                  <c:v>88.143250453126655</c:v>
                </c:pt>
                <c:pt idx="8677">
                  <c:v>58.552302086719848</c:v>
                </c:pt>
                <c:pt idx="8678">
                  <c:v>88.143250453126655</c:v>
                </c:pt>
                <c:pt idx="8679">
                  <c:v>88.143250453126655</c:v>
                </c:pt>
                <c:pt idx="8680">
                  <c:v>56.045746450011791</c:v>
                </c:pt>
                <c:pt idx="8681">
                  <c:v>29.048976746388924</c:v>
                </c:pt>
                <c:pt idx="8682">
                  <c:v>15.969621431889529</c:v>
                </c:pt>
                <c:pt idx="8683">
                  <c:v>15.969621431889529</c:v>
                </c:pt>
                <c:pt idx="8684">
                  <c:v>15.969621431889529</c:v>
                </c:pt>
                <c:pt idx="8685">
                  <c:v>15.969621431889529</c:v>
                </c:pt>
                <c:pt idx="8686">
                  <c:v>15.969621431889529</c:v>
                </c:pt>
                <c:pt idx="8687">
                  <c:v>15.969621431889529</c:v>
                </c:pt>
                <c:pt idx="8688">
                  <c:v>18.053872625278963</c:v>
                </c:pt>
                <c:pt idx="8689">
                  <c:v>11.808361886242659</c:v>
                </c:pt>
                <c:pt idx="8690">
                  <c:v>11.808361886242659</c:v>
                </c:pt>
                <c:pt idx="8691">
                  <c:v>11.808361886242659</c:v>
                </c:pt>
                <c:pt idx="8692">
                  <c:v>11.808361886242659</c:v>
                </c:pt>
                <c:pt idx="8693">
                  <c:v>11.808361886242659</c:v>
                </c:pt>
                <c:pt idx="8694">
                  <c:v>11.808361886242659</c:v>
                </c:pt>
                <c:pt idx="8695">
                  <c:v>46.893092064860248</c:v>
                </c:pt>
                <c:pt idx="8696">
                  <c:v>58.616365081075301</c:v>
                </c:pt>
                <c:pt idx="8697">
                  <c:v>64.478001589182838</c:v>
                </c:pt>
                <c:pt idx="8698">
                  <c:v>64.478001589182838</c:v>
                </c:pt>
                <c:pt idx="8699">
                  <c:v>76.201274605397899</c:v>
                </c:pt>
                <c:pt idx="8700">
                  <c:v>76.201274605397899</c:v>
                </c:pt>
                <c:pt idx="8701">
                  <c:v>52.754728572967771</c:v>
                </c:pt>
                <c:pt idx="8702">
                  <c:v>76.201274605397899</c:v>
                </c:pt>
                <c:pt idx="8703">
                  <c:v>59.361487022203093</c:v>
                </c:pt>
                <c:pt idx="8704">
                  <c:v>31.117594589451919</c:v>
                </c:pt>
                <c:pt idx="8705">
                  <c:v>21.814964328114478</c:v>
                </c:pt>
                <c:pt idx="8706">
                  <c:v>12.288785789245452</c:v>
                </c:pt>
                <c:pt idx="8707">
                  <c:v>11.808361886242659</c:v>
                </c:pt>
                <c:pt idx="8708">
                  <c:v>11.808361886242659</c:v>
                </c:pt>
                <c:pt idx="8709">
                  <c:v>11.808361886242659</c:v>
                </c:pt>
                <c:pt idx="8710">
                  <c:v>11.808361886242659</c:v>
                </c:pt>
                <c:pt idx="8711">
                  <c:v>11.808361886242659</c:v>
                </c:pt>
                <c:pt idx="8712">
                  <c:v>12.074054255956767</c:v>
                </c:pt>
                <c:pt idx="8713">
                  <c:v>11.36106070573161</c:v>
                </c:pt>
                <c:pt idx="8714">
                  <c:v>11.36106070573161</c:v>
                </c:pt>
                <c:pt idx="8715">
                  <c:v>11.36106070573161</c:v>
                </c:pt>
                <c:pt idx="8716">
                  <c:v>11.36106070573161</c:v>
                </c:pt>
                <c:pt idx="8717">
                  <c:v>11.3834799470901</c:v>
                </c:pt>
                <c:pt idx="8718">
                  <c:v>11.412624960856135</c:v>
                </c:pt>
                <c:pt idx="8719">
                  <c:v>11.432802278078777</c:v>
                </c:pt>
                <c:pt idx="8720">
                  <c:v>11.432802278078777</c:v>
                </c:pt>
                <c:pt idx="8721">
                  <c:v>11.432802278078777</c:v>
                </c:pt>
                <c:pt idx="8722">
                  <c:v>11.432802278078777</c:v>
                </c:pt>
                <c:pt idx="8723">
                  <c:v>11.432802278078777</c:v>
                </c:pt>
                <c:pt idx="8724">
                  <c:v>11.432802278078777</c:v>
                </c:pt>
                <c:pt idx="8725">
                  <c:v>11.432802278078777</c:v>
                </c:pt>
                <c:pt idx="8726">
                  <c:v>11.432802278078777</c:v>
                </c:pt>
                <c:pt idx="8727">
                  <c:v>11.417108809127834</c:v>
                </c:pt>
                <c:pt idx="8728">
                  <c:v>11.40365726431274</c:v>
                </c:pt>
                <c:pt idx="8729">
                  <c:v>11.390205719497647</c:v>
                </c:pt>
                <c:pt idx="8730">
                  <c:v>11.385721871225948</c:v>
                </c:pt>
                <c:pt idx="8731">
                  <c:v>11.363302629867459</c:v>
                </c:pt>
                <c:pt idx="8732">
                  <c:v>11.33864146437312</c:v>
                </c:pt>
                <c:pt idx="8733">
                  <c:v>11.33864146437312</c:v>
                </c:pt>
                <c:pt idx="8734">
                  <c:v>11.33864146437312</c:v>
                </c:pt>
                <c:pt idx="8735">
                  <c:v>11.33864146437312</c:v>
                </c:pt>
                <c:pt idx="8736">
                  <c:v>14.264672679774675</c:v>
                </c:pt>
                <c:pt idx="8737">
                  <c:v>14.282944009498065</c:v>
                </c:pt>
                <c:pt idx="8738">
                  <c:v>14.282944009498065</c:v>
                </c:pt>
                <c:pt idx="8739">
                  <c:v>14.282944009498065</c:v>
                </c:pt>
                <c:pt idx="8740">
                  <c:v>14.282944009498065</c:v>
                </c:pt>
                <c:pt idx="8741">
                  <c:v>14.315832403000169</c:v>
                </c:pt>
                <c:pt idx="8742">
                  <c:v>14.345066530557595</c:v>
                </c:pt>
                <c:pt idx="8743">
                  <c:v>14.381609190004376</c:v>
                </c:pt>
                <c:pt idx="8744">
                  <c:v>14.381609190004376</c:v>
                </c:pt>
                <c:pt idx="8745">
                  <c:v>14.381609190004376</c:v>
                </c:pt>
                <c:pt idx="8746">
                  <c:v>14.381609190004376</c:v>
                </c:pt>
                <c:pt idx="8747">
                  <c:v>14.381609190004376</c:v>
                </c:pt>
                <c:pt idx="8748">
                  <c:v>14.381609190004376</c:v>
                </c:pt>
                <c:pt idx="8749">
                  <c:v>14.381609190004376</c:v>
                </c:pt>
                <c:pt idx="8750">
                  <c:v>14.381609190004376</c:v>
                </c:pt>
                <c:pt idx="8751">
                  <c:v>14.35602932839163</c:v>
                </c:pt>
                <c:pt idx="8752">
                  <c:v>14.352375062446951</c:v>
                </c:pt>
                <c:pt idx="8753">
                  <c:v>14.323140934889526</c:v>
                </c:pt>
                <c:pt idx="8754">
                  <c:v>14.312178137055492</c:v>
                </c:pt>
                <c:pt idx="8755">
                  <c:v>14.286598275442744</c:v>
                </c:pt>
                <c:pt idx="8756">
                  <c:v>14.264672679774675</c:v>
                </c:pt>
                <c:pt idx="8757">
                  <c:v>14.250055615995961</c:v>
                </c:pt>
                <c:pt idx="8758">
                  <c:v>14.250055615995961</c:v>
                </c:pt>
                <c:pt idx="8759">
                  <c:v>14.250055615995961</c:v>
                </c:pt>
              </c:numCache>
            </c:numRef>
          </c:val>
          <c:extLst>
            <c:ext xmlns:c16="http://schemas.microsoft.com/office/drawing/2014/chart" uri="{C3380CC4-5D6E-409C-BE32-E72D297353CC}">
              <c16:uniqueId val="{00000001-2C0B-4701-B4D5-C67566BB76AF}"/>
            </c:ext>
          </c:extLst>
        </c:ser>
        <c:ser>
          <c:idx val="0"/>
          <c:order val="4"/>
          <c:tx>
            <c:strRef>
              <c:f>Bühler!$I$33</c:f>
              <c:strCache>
                <c:ptCount val="1"/>
                <c:pt idx="0">
                  <c:v>T1</c:v>
                </c:pt>
              </c:strCache>
            </c:strRef>
          </c:tx>
          <c:spPr>
            <a:solidFill>
              <a:schemeClr val="accent5">
                <a:lumMod val="20000"/>
                <a:lumOff val="80000"/>
              </a:schemeClr>
            </a:solidFill>
            <a:ln w="9525">
              <a:solidFill>
                <a:schemeClr val="accent5">
                  <a:lumMod val="20000"/>
                  <a:lumOff val="80000"/>
                </a:schemeClr>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I$34:$I$8793</c:f>
              <c:numCache>
                <c:formatCode>General</c:formatCode>
                <c:ptCount val="8760"/>
                <c:pt idx="0">
                  <c:v>2.4633414322321125</c:v>
                </c:pt>
                <c:pt idx="1">
                  <c:v>2.8606545664630989</c:v>
                </c:pt>
                <c:pt idx="2">
                  <c:v>2.8606545664630989</c:v>
                </c:pt>
                <c:pt idx="3">
                  <c:v>2.8606545664630989</c:v>
                </c:pt>
                <c:pt idx="4">
                  <c:v>2.8606545664630989</c:v>
                </c:pt>
                <c:pt idx="5">
                  <c:v>3.5758182080788736</c:v>
                </c:pt>
                <c:pt idx="6">
                  <c:v>4.2115192228484517</c:v>
                </c:pt>
                <c:pt idx="7">
                  <c:v>5.0061454913104235</c:v>
                </c:pt>
                <c:pt idx="8">
                  <c:v>5.0061454913104235</c:v>
                </c:pt>
                <c:pt idx="9">
                  <c:v>5.0061454913104235</c:v>
                </c:pt>
                <c:pt idx="10">
                  <c:v>5.0061454913104235</c:v>
                </c:pt>
                <c:pt idx="11">
                  <c:v>5.0061454913104235</c:v>
                </c:pt>
                <c:pt idx="12">
                  <c:v>5.0061454913104235</c:v>
                </c:pt>
                <c:pt idx="13">
                  <c:v>5.0061454913104235</c:v>
                </c:pt>
                <c:pt idx="14">
                  <c:v>5.0061454913104235</c:v>
                </c:pt>
                <c:pt idx="15">
                  <c:v>4.4499071033870425</c:v>
                </c:pt>
                <c:pt idx="16">
                  <c:v>4.3704444765408459</c:v>
                </c:pt>
                <c:pt idx="17">
                  <c:v>3.7347434617712683</c:v>
                </c:pt>
                <c:pt idx="18">
                  <c:v>3.4963555812326765</c:v>
                </c:pt>
                <c:pt idx="19">
                  <c:v>2.9401171933092964</c:v>
                </c:pt>
                <c:pt idx="20">
                  <c:v>2.4633414322321125</c:v>
                </c:pt>
                <c:pt idx="21">
                  <c:v>2.1454909248473246</c:v>
                </c:pt>
                <c:pt idx="22">
                  <c:v>2.1454909248473246</c:v>
                </c:pt>
                <c:pt idx="23">
                  <c:v>2.1454909248473246</c:v>
                </c:pt>
                <c:pt idx="24">
                  <c:v>2.3285575651815775</c:v>
                </c:pt>
                <c:pt idx="25">
                  <c:v>2.3285575651815775</c:v>
                </c:pt>
                <c:pt idx="26">
                  <c:v>2.3285575651815775</c:v>
                </c:pt>
                <c:pt idx="27">
                  <c:v>2.3285575651815775</c:v>
                </c:pt>
                <c:pt idx="28">
                  <c:v>2.3285575651815775</c:v>
                </c:pt>
                <c:pt idx="29">
                  <c:v>2.3285575651815775</c:v>
                </c:pt>
                <c:pt idx="30">
                  <c:v>2.3285575651815775</c:v>
                </c:pt>
                <c:pt idx="31">
                  <c:v>10.129225408539861</c:v>
                </c:pt>
                <c:pt idx="32">
                  <c:v>11.395378584607343</c:v>
                </c:pt>
                <c:pt idx="33">
                  <c:v>12.661531760674825</c:v>
                </c:pt>
                <c:pt idx="34">
                  <c:v>12.661531760674825</c:v>
                </c:pt>
                <c:pt idx="35">
                  <c:v>15.193838112809788</c:v>
                </c:pt>
                <c:pt idx="36">
                  <c:v>15.193838112809788</c:v>
                </c:pt>
                <c:pt idx="37">
                  <c:v>10.129225408539861</c:v>
                </c:pt>
                <c:pt idx="38">
                  <c:v>15.193838112809788</c:v>
                </c:pt>
                <c:pt idx="39">
                  <c:v>15.193838112809788</c:v>
                </c:pt>
                <c:pt idx="40">
                  <c:v>12.661531760674825</c:v>
                </c:pt>
                <c:pt idx="41">
                  <c:v>10.1874393476694</c:v>
                </c:pt>
                <c:pt idx="42">
                  <c:v>3.6383711955962146</c:v>
                </c:pt>
                <c:pt idx="43">
                  <c:v>3.6383711955962146</c:v>
                </c:pt>
                <c:pt idx="44">
                  <c:v>3.6383711955962146</c:v>
                </c:pt>
                <c:pt idx="45">
                  <c:v>3.6383711955962146</c:v>
                </c:pt>
                <c:pt idx="46">
                  <c:v>3.6383711955962146</c:v>
                </c:pt>
                <c:pt idx="47">
                  <c:v>3.6383711955962146</c:v>
                </c:pt>
                <c:pt idx="48">
                  <c:v>2.7033526035226538</c:v>
                </c:pt>
                <c:pt idx="49">
                  <c:v>2.7033526035226538</c:v>
                </c:pt>
                <c:pt idx="50">
                  <c:v>2.7033526035226538</c:v>
                </c:pt>
                <c:pt idx="51">
                  <c:v>2.7033526035226538</c:v>
                </c:pt>
                <c:pt idx="52">
                  <c:v>2.7033526035226538</c:v>
                </c:pt>
                <c:pt idx="53">
                  <c:v>2.7033526035226538</c:v>
                </c:pt>
                <c:pt idx="54">
                  <c:v>2.7033526035226538</c:v>
                </c:pt>
                <c:pt idx="55">
                  <c:v>7.7873995965991272</c:v>
                </c:pt>
                <c:pt idx="56">
                  <c:v>8.689098497257973</c:v>
                </c:pt>
                <c:pt idx="57">
                  <c:v>9.5907973979168215</c:v>
                </c:pt>
                <c:pt idx="58">
                  <c:v>9.5907973979168215</c:v>
                </c:pt>
                <c:pt idx="59">
                  <c:v>11.476167826567137</c:v>
                </c:pt>
                <c:pt idx="60">
                  <c:v>11.476167826567137</c:v>
                </c:pt>
                <c:pt idx="61">
                  <c:v>7.6234543419338818</c:v>
                </c:pt>
                <c:pt idx="62">
                  <c:v>11.476167826567137</c:v>
                </c:pt>
                <c:pt idx="63">
                  <c:v>11.476167826567137</c:v>
                </c:pt>
                <c:pt idx="64">
                  <c:v>9.592541496370707</c:v>
                </c:pt>
                <c:pt idx="65">
                  <c:v>7.6217102434799973</c:v>
                </c:pt>
                <c:pt idx="66">
                  <c:v>2.7033526035226538</c:v>
                </c:pt>
                <c:pt idx="67">
                  <c:v>2.7033526035226538</c:v>
                </c:pt>
                <c:pt idx="68">
                  <c:v>2.7033526035226538</c:v>
                </c:pt>
                <c:pt idx="69">
                  <c:v>2.7033526035226538</c:v>
                </c:pt>
                <c:pt idx="70">
                  <c:v>2.7033526035226538</c:v>
                </c:pt>
                <c:pt idx="71">
                  <c:v>2.7033526035226538</c:v>
                </c:pt>
                <c:pt idx="72">
                  <c:v>3.0541641500007337</c:v>
                </c:pt>
                <c:pt idx="73">
                  <c:v>3.0541641500007337</c:v>
                </c:pt>
                <c:pt idx="74">
                  <c:v>3.0541641500007337</c:v>
                </c:pt>
                <c:pt idx="75">
                  <c:v>3.0541641500007337</c:v>
                </c:pt>
                <c:pt idx="76">
                  <c:v>3.0541641500007337</c:v>
                </c:pt>
                <c:pt idx="77">
                  <c:v>3.0541641500007337</c:v>
                </c:pt>
                <c:pt idx="78">
                  <c:v>3.0541641500007337</c:v>
                </c:pt>
                <c:pt idx="79">
                  <c:v>8.4142222332520227</c:v>
                </c:pt>
                <c:pt idx="80">
                  <c:v>9.3885005971022562</c:v>
                </c:pt>
                <c:pt idx="81">
                  <c:v>10.362778960952488</c:v>
                </c:pt>
                <c:pt idx="82">
                  <c:v>10.362778960952488</c:v>
                </c:pt>
                <c:pt idx="83">
                  <c:v>12.399906449002978</c:v>
                </c:pt>
                <c:pt idx="84">
                  <c:v>12.399906449002978</c:v>
                </c:pt>
                <c:pt idx="85">
                  <c:v>8.2370807125519789</c:v>
                </c:pt>
                <c:pt idx="86">
                  <c:v>12.399906449002978</c:v>
                </c:pt>
                <c:pt idx="87">
                  <c:v>12.399906449002978</c:v>
                </c:pt>
                <c:pt idx="88">
                  <c:v>10.361251878877491</c:v>
                </c:pt>
                <c:pt idx="89">
                  <c:v>8.2386077946269793</c:v>
                </c:pt>
                <c:pt idx="90">
                  <c:v>3.0541641500007337</c:v>
                </c:pt>
                <c:pt idx="91">
                  <c:v>3.0541641500007337</c:v>
                </c:pt>
                <c:pt idx="92">
                  <c:v>3.0541641500007337</c:v>
                </c:pt>
                <c:pt idx="93">
                  <c:v>3.0541641500007337</c:v>
                </c:pt>
                <c:pt idx="94">
                  <c:v>3.0541641500007337</c:v>
                </c:pt>
                <c:pt idx="95">
                  <c:v>3.0541641500007337</c:v>
                </c:pt>
                <c:pt idx="96">
                  <c:v>0.98079789103799953</c:v>
                </c:pt>
                <c:pt idx="97">
                  <c:v>0.98079789103799953</c:v>
                </c:pt>
                <c:pt idx="98">
                  <c:v>0.98079789103799953</c:v>
                </c:pt>
                <c:pt idx="99">
                  <c:v>0.98079789103799953</c:v>
                </c:pt>
                <c:pt idx="100">
                  <c:v>0.98079789103799953</c:v>
                </c:pt>
                <c:pt idx="101">
                  <c:v>0.98079789103799953</c:v>
                </c:pt>
                <c:pt idx="102">
                  <c:v>0.98079789103799953</c:v>
                </c:pt>
                <c:pt idx="103">
                  <c:v>2.7020981898096887</c:v>
                </c:pt>
                <c:pt idx="104">
                  <c:v>3.0149727170508105</c:v>
                </c:pt>
                <c:pt idx="105">
                  <c:v>3.3278472442919322</c:v>
                </c:pt>
                <c:pt idx="106">
                  <c:v>3.3278472442919322</c:v>
                </c:pt>
                <c:pt idx="107">
                  <c:v>3.9820394376142776</c:v>
                </c:pt>
                <c:pt idx="108">
                  <c:v>3.9820394376142776</c:v>
                </c:pt>
                <c:pt idx="109">
                  <c:v>2.6452119121294846</c:v>
                </c:pt>
                <c:pt idx="110">
                  <c:v>3.9820394376142776</c:v>
                </c:pt>
                <c:pt idx="111">
                  <c:v>3.9820394376142776</c:v>
                </c:pt>
                <c:pt idx="112">
                  <c:v>3.3273568453464137</c:v>
                </c:pt>
                <c:pt idx="113">
                  <c:v>2.6457023110750035</c:v>
                </c:pt>
                <c:pt idx="114">
                  <c:v>0.98079789103799953</c:v>
                </c:pt>
                <c:pt idx="115">
                  <c:v>0.98079789103799953</c:v>
                </c:pt>
                <c:pt idx="116">
                  <c:v>0.98079789103799953</c:v>
                </c:pt>
                <c:pt idx="117">
                  <c:v>0.98079789103799953</c:v>
                </c:pt>
                <c:pt idx="118">
                  <c:v>0.98079789103799953</c:v>
                </c:pt>
                <c:pt idx="119">
                  <c:v>0.98079789103799953</c:v>
                </c:pt>
                <c:pt idx="120">
                  <c:v>1.4886653252402879</c:v>
                </c:pt>
                <c:pt idx="121">
                  <c:v>1.4886653252402879</c:v>
                </c:pt>
                <c:pt idx="122">
                  <c:v>1.4886653252402879</c:v>
                </c:pt>
                <c:pt idx="123">
                  <c:v>1.4886653252402879</c:v>
                </c:pt>
                <c:pt idx="124">
                  <c:v>1.4886653252402879</c:v>
                </c:pt>
                <c:pt idx="125">
                  <c:v>1.4886653252402879</c:v>
                </c:pt>
                <c:pt idx="126">
                  <c:v>1.4886653252402879</c:v>
                </c:pt>
                <c:pt idx="127">
                  <c:v>4.0338028167801347</c:v>
                </c:pt>
                <c:pt idx="128">
                  <c:v>5.0422535209751693</c:v>
                </c:pt>
                <c:pt idx="129">
                  <c:v>5.5464788730726857</c:v>
                </c:pt>
                <c:pt idx="130">
                  <c:v>5.5464788730726857</c:v>
                </c:pt>
                <c:pt idx="131">
                  <c:v>6.5549295772677194</c:v>
                </c:pt>
                <c:pt idx="132">
                  <c:v>6.5549295772677194</c:v>
                </c:pt>
                <c:pt idx="133">
                  <c:v>4.5380281688776529</c:v>
                </c:pt>
                <c:pt idx="134">
                  <c:v>6.5549295772677194</c:v>
                </c:pt>
                <c:pt idx="135">
                  <c:v>5.5464788730726857</c:v>
                </c:pt>
                <c:pt idx="136">
                  <c:v>4.8021462104525421</c:v>
                </c:pt>
                <c:pt idx="137">
                  <c:v>4.0338028167801347</c:v>
                </c:pt>
                <c:pt idx="138">
                  <c:v>1.4886653252402879</c:v>
                </c:pt>
                <c:pt idx="139">
                  <c:v>1.4886653252402879</c:v>
                </c:pt>
                <c:pt idx="140">
                  <c:v>1.4886653252402879</c:v>
                </c:pt>
                <c:pt idx="141">
                  <c:v>1.4886653252402879</c:v>
                </c:pt>
                <c:pt idx="142">
                  <c:v>1.4886653252402879</c:v>
                </c:pt>
                <c:pt idx="143">
                  <c:v>1.4886653252402879</c:v>
                </c:pt>
                <c:pt idx="144">
                  <c:v>1.0284303697678436</c:v>
                </c:pt>
                <c:pt idx="145">
                  <c:v>2.0078878647848377</c:v>
                </c:pt>
                <c:pt idx="146">
                  <c:v>2.0078878647848377</c:v>
                </c:pt>
                <c:pt idx="147">
                  <c:v>2.0078878647848377</c:v>
                </c:pt>
                <c:pt idx="148">
                  <c:v>2.0078878647848377</c:v>
                </c:pt>
                <c:pt idx="149">
                  <c:v>2.4976166122933341</c:v>
                </c:pt>
                <c:pt idx="150">
                  <c:v>3.1342639840543804</c:v>
                </c:pt>
                <c:pt idx="151">
                  <c:v>3.5750198568120277</c:v>
                </c:pt>
                <c:pt idx="152">
                  <c:v>3.5750198568120277</c:v>
                </c:pt>
                <c:pt idx="153">
                  <c:v>3.5750198568120277</c:v>
                </c:pt>
                <c:pt idx="154">
                  <c:v>3.5750198568120277</c:v>
                </c:pt>
                <c:pt idx="155">
                  <c:v>3.5750198568120277</c:v>
                </c:pt>
                <c:pt idx="156">
                  <c:v>3.5750198568120277</c:v>
                </c:pt>
                <c:pt idx="157">
                  <c:v>3.5750198568120277</c:v>
                </c:pt>
                <c:pt idx="158">
                  <c:v>3.5750198568120277</c:v>
                </c:pt>
                <c:pt idx="159">
                  <c:v>3.23220973355608</c:v>
                </c:pt>
                <c:pt idx="160">
                  <c:v>2.9383724850509818</c:v>
                </c:pt>
                <c:pt idx="161">
                  <c:v>2.6445352365458836</c:v>
                </c:pt>
                <c:pt idx="162">
                  <c:v>2.5465894870441841</c:v>
                </c:pt>
                <c:pt idx="163">
                  <c:v>2.0568607395356873</c:v>
                </c:pt>
                <c:pt idx="164">
                  <c:v>1.5181591172763405</c:v>
                </c:pt>
                <c:pt idx="165">
                  <c:v>1.5181591172763405</c:v>
                </c:pt>
                <c:pt idx="166">
                  <c:v>1.5181591172763405</c:v>
                </c:pt>
                <c:pt idx="167">
                  <c:v>1.5181591172763405</c:v>
                </c:pt>
                <c:pt idx="168">
                  <c:v>2.8606807687342193</c:v>
                </c:pt>
                <c:pt idx="169">
                  <c:v>3.3220808927236094</c:v>
                </c:pt>
                <c:pt idx="170">
                  <c:v>3.3220808927236094</c:v>
                </c:pt>
                <c:pt idx="171">
                  <c:v>3.3220808927236094</c:v>
                </c:pt>
                <c:pt idx="172">
                  <c:v>3.3220808927236094</c:v>
                </c:pt>
                <c:pt idx="173">
                  <c:v>4.1526011159045124</c:v>
                </c:pt>
                <c:pt idx="174">
                  <c:v>4.8908413142875364</c:v>
                </c:pt>
                <c:pt idx="175">
                  <c:v>5.8136415622663167</c:v>
                </c:pt>
                <c:pt idx="176">
                  <c:v>5.8136415622663167</c:v>
                </c:pt>
                <c:pt idx="177">
                  <c:v>5.8136415622663167</c:v>
                </c:pt>
                <c:pt idx="178">
                  <c:v>5.8136415622663167</c:v>
                </c:pt>
                <c:pt idx="179">
                  <c:v>5.8136415622663167</c:v>
                </c:pt>
                <c:pt idx="180">
                  <c:v>5.8136415622663167</c:v>
                </c:pt>
                <c:pt idx="181">
                  <c:v>5.8136415622663167</c:v>
                </c:pt>
                <c:pt idx="182">
                  <c:v>5.8136415622663167</c:v>
                </c:pt>
                <c:pt idx="183">
                  <c:v>5.1676813886811699</c:v>
                </c:pt>
                <c:pt idx="184">
                  <c:v>5.0754013638832927</c:v>
                </c:pt>
                <c:pt idx="185">
                  <c:v>4.3371611655002678</c:v>
                </c:pt>
                <c:pt idx="186">
                  <c:v>4.0603210911066343</c:v>
                </c:pt>
                <c:pt idx="187">
                  <c:v>3.414360917521488</c:v>
                </c:pt>
                <c:pt idx="188">
                  <c:v>2.8606807687342193</c:v>
                </c:pt>
                <c:pt idx="189">
                  <c:v>2.4915606695427073</c:v>
                </c:pt>
                <c:pt idx="190">
                  <c:v>2.4915606695427073</c:v>
                </c:pt>
                <c:pt idx="191">
                  <c:v>2.4915606695427073</c:v>
                </c:pt>
                <c:pt idx="192">
                  <c:v>2.4425541605580565</c:v>
                </c:pt>
                <c:pt idx="193">
                  <c:v>2.4425541605580565</c:v>
                </c:pt>
                <c:pt idx="194">
                  <c:v>2.4425541605580565</c:v>
                </c:pt>
                <c:pt idx="195">
                  <c:v>2.4425541605580565</c:v>
                </c:pt>
                <c:pt idx="196">
                  <c:v>2.4425541605580565</c:v>
                </c:pt>
                <c:pt idx="197">
                  <c:v>2.4425541605580565</c:v>
                </c:pt>
                <c:pt idx="198">
                  <c:v>2.4425541605580565</c:v>
                </c:pt>
                <c:pt idx="199">
                  <c:v>10.625110598427545</c:v>
                </c:pt>
                <c:pt idx="200">
                  <c:v>11.953249423230988</c:v>
                </c:pt>
                <c:pt idx="201">
                  <c:v>13.28138824803443</c:v>
                </c:pt>
                <c:pt idx="202">
                  <c:v>13.28138824803443</c:v>
                </c:pt>
                <c:pt idx="203">
                  <c:v>15.937665897641313</c:v>
                </c:pt>
                <c:pt idx="204">
                  <c:v>15.937665897641313</c:v>
                </c:pt>
                <c:pt idx="205">
                  <c:v>10.625110598427545</c:v>
                </c:pt>
                <c:pt idx="206">
                  <c:v>15.937665897641313</c:v>
                </c:pt>
                <c:pt idx="207">
                  <c:v>15.937665897641313</c:v>
                </c:pt>
                <c:pt idx="208">
                  <c:v>13.28138824803443</c:v>
                </c:pt>
                <c:pt idx="209">
                  <c:v>10.686174452441495</c:v>
                </c:pt>
                <c:pt idx="210">
                  <c:v>3.8164908758719629</c:v>
                </c:pt>
                <c:pt idx="211">
                  <c:v>3.8164908758719629</c:v>
                </c:pt>
                <c:pt idx="212">
                  <c:v>3.8164908758719629</c:v>
                </c:pt>
                <c:pt idx="213">
                  <c:v>3.8164908758719629</c:v>
                </c:pt>
                <c:pt idx="214">
                  <c:v>3.8164908758719629</c:v>
                </c:pt>
                <c:pt idx="215">
                  <c:v>3.8164908758719629</c:v>
                </c:pt>
                <c:pt idx="216">
                  <c:v>2.7033526035226538</c:v>
                </c:pt>
                <c:pt idx="217">
                  <c:v>2.7033526035226538</c:v>
                </c:pt>
                <c:pt idx="218">
                  <c:v>2.7033526035226538</c:v>
                </c:pt>
                <c:pt idx="219">
                  <c:v>2.7033526035226538</c:v>
                </c:pt>
                <c:pt idx="220">
                  <c:v>2.7033526035226538</c:v>
                </c:pt>
                <c:pt idx="221">
                  <c:v>2.7033526035226538</c:v>
                </c:pt>
                <c:pt idx="222">
                  <c:v>2.7033526035226538</c:v>
                </c:pt>
                <c:pt idx="223">
                  <c:v>7.7873995965991272</c:v>
                </c:pt>
                <c:pt idx="224">
                  <c:v>8.689098497257973</c:v>
                </c:pt>
                <c:pt idx="225">
                  <c:v>9.5907973979168215</c:v>
                </c:pt>
                <c:pt idx="226">
                  <c:v>9.5907973979168215</c:v>
                </c:pt>
                <c:pt idx="227">
                  <c:v>11.476167826567137</c:v>
                </c:pt>
                <c:pt idx="228">
                  <c:v>11.476167826567137</c:v>
                </c:pt>
                <c:pt idx="229">
                  <c:v>7.6234543419338818</c:v>
                </c:pt>
                <c:pt idx="230">
                  <c:v>11.476167826567137</c:v>
                </c:pt>
                <c:pt idx="231">
                  <c:v>11.476167826567137</c:v>
                </c:pt>
                <c:pt idx="232">
                  <c:v>9.592541496370707</c:v>
                </c:pt>
                <c:pt idx="233">
                  <c:v>7.6217102434799973</c:v>
                </c:pt>
                <c:pt idx="234">
                  <c:v>2.7033526035226538</c:v>
                </c:pt>
                <c:pt idx="235">
                  <c:v>2.7033526035226538</c:v>
                </c:pt>
                <c:pt idx="236">
                  <c:v>2.7033526035226538</c:v>
                </c:pt>
                <c:pt idx="237">
                  <c:v>2.7033526035226538</c:v>
                </c:pt>
                <c:pt idx="238">
                  <c:v>2.7033526035226538</c:v>
                </c:pt>
                <c:pt idx="239">
                  <c:v>2.7033526035226538</c:v>
                </c:pt>
                <c:pt idx="240">
                  <c:v>3.8748716275068165</c:v>
                </c:pt>
                <c:pt idx="241">
                  <c:v>3.8748716275068165</c:v>
                </c:pt>
                <c:pt idx="242">
                  <c:v>3.8748716275068165</c:v>
                </c:pt>
                <c:pt idx="243">
                  <c:v>3.8748716275068165</c:v>
                </c:pt>
                <c:pt idx="244">
                  <c:v>3.8748716275068165</c:v>
                </c:pt>
                <c:pt idx="245">
                  <c:v>3.8748716275068165</c:v>
                </c:pt>
                <c:pt idx="246">
                  <c:v>3.8748716275068165</c:v>
                </c:pt>
                <c:pt idx="247">
                  <c:v>10.675271333781279</c:v>
                </c:pt>
                <c:pt idx="248">
                  <c:v>11.911355382955955</c:v>
                </c:pt>
                <c:pt idx="249">
                  <c:v>13.147439432130627</c:v>
                </c:pt>
                <c:pt idx="250">
                  <c:v>13.147439432130627</c:v>
                </c:pt>
                <c:pt idx="251">
                  <c:v>15.731978807677672</c:v>
                </c:pt>
                <c:pt idx="252">
                  <c:v>15.731978807677672</c:v>
                </c:pt>
                <c:pt idx="253">
                  <c:v>10.450528779385884</c:v>
                </c:pt>
                <c:pt idx="254">
                  <c:v>15.731978807677672</c:v>
                </c:pt>
                <c:pt idx="255">
                  <c:v>15.731978807677672</c:v>
                </c:pt>
                <c:pt idx="256">
                  <c:v>13.145501996316877</c:v>
                </c:pt>
                <c:pt idx="257">
                  <c:v>10.452466215199637</c:v>
                </c:pt>
                <c:pt idx="258">
                  <c:v>3.8748716275068165</c:v>
                </c:pt>
                <c:pt idx="259">
                  <c:v>3.8748716275068165</c:v>
                </c:pt>
                <c:pt idx="260">
                  <c:v>3.8748716275068165</c:v>
                </c:pt>
                <c:pt idx="261">
                  <c:v>3.8748716275068165</c:v>
                </c:pt>
                <c:pt idx="262">
                  <c:v>3.8748716275068165</c:v>
                </c:pt>
                <c:pt idx="263">
                  <c:v>3.8748716275068165</c:v>
                </c:pt>
                <c:pt idx="264">
                  <c:v>1.8447004989391391</c:v>
                </c:pt>
                <c:pt idx="265">
                  <c:v>1.8447004989391391</c:v>
                </c:pt>
                <c:pt idx="266">
                  <c:v>1.8447004989391391</c:v>
                </c:pt>
                <c:pt idx="267">
                  <c:v>1.8447004989391391</c:v>
                </c:pt>
                <c:pt idx="268">
                  <c:v>1.8447004989391391</c:v>
                </c:pt>
                <c:pt idx="269">
                  <c:v>1.8447004989391391</c:v>
                </c:pt>
                <c:pt idx="270">
                  <c:v>1.8447004989391391</c:v>
                </c:pt>
                <c:pt idx="271">
                  <c:v>5.0821498745773273</c:v>
                </c:pt>
                <c:pt idx="272">
                  <c:v>5.6706093337389136</c:v>
                </c:pt>
                <c:pt idx="273">
                  <c:v>6.2590687929004982</c:v>
                </c:pt>
                <c:pt idx="274">
                  <c:v>6.2590687929004982</c:v>
                </c:pt>
                <c:pt idx="275">
                  <c:v>7.4894840256929038</c:v>
                </c:pt>
                <c:pt idx="276">
                  <c:v>7.4894840256929038</c:v>
                </c:pt>
                <c:pt idx="277">
                  <c:v>4.975157245638858</c:v>
                </c:pt>
                <c:pt idx="278">
                  <c:v>7.4894840256929038</c:v>
                </c:pt>
                <c:pt idx="279">
                  <c:v>7.4894840256929038</c:v>
                </c:pt>
                <c:pt idx="280">
                  <c:v>6.2581464426510287</c:v>
                </c:pt>
                <c:pt idx="281">
                  <c:v>4.9760795958883266</c:v>
                </c:pt>
                <c:pt idx="282">
                  <c:v>1.8447004989391391</c:v>
                </c:pt>
                <c:pt idx="283">
                  <c:v>1.8447004989391391</c:v>
                </c:pt>
                <c:pt idx="284">
                  <c:v>1.8447004989391391</c:v>
                </c:pt>
                <c:pt idx="285">
                  <c:v>1.8447004989391391</c:v>
                </c:pt>
                <c:pt idx="286">
                  <c:v>1.8447004989391391</c:v>
                </c:pt>
                <c:pt idx="287">
                  <c:v>1.8447004989391391</c:v>
                </c:pt>
                <c:pt idx="288">
                  <c:v>2.3641984045803897</c:v>
                </c:pt>
                <c:pt idx="289">
                  <c:v>2.3641984045803897</c:v>
                </c:pt>
                <c:pt idx="290">
                  <c:v>2.3641984045803897</c:v>
                </c:pt>
                <c:pt idx="291">
                  <c:v>2.3641984045803897</c:v>
                </c:pt>
                <c:pt idx="292">
                  <c:v>2.3641984045803897</c:v>
                </c:pt>
                <c:pt idx="293">
                  <c:v>2.3641984045803897</c:v>
                </c:pt>
                <c:pt idx="294">
                  <c:v>2.3641984045803897</c:v>
                </c:pt>
                <c:pt idx="295">
                  <c:v>6.4062150317662176</c:v>
                </c:pt>
                <c:pt idx="296">
                  <c:v>8.0077687897077734</c:v>
                </c:pt>
                <c:pt idx="297">
                  <c:v>8.8085456686785495</c:v>
                </c:pt>
                <c:pt idx="298">
                  <c:v>8.8085456686785495</c:v>
                </c:pt>
                <c:pt idx="299">
                  <c:v>10.410099426620103</c:v>
                </c:pt>
                <c:pt idx="300">
                  <c:v>10.410099426620103</c:v>
                </c:pt>
                <c:pt idx="301">
                  <c:v>7.2069919107369955</c:v>
                </c:pt>
                <c:pt idx="302">
                  <c:v>10.410099426620103</c:v>
                </c:pt>
                <c:pt idx="303">
                  <c:v>8.8085456686785495</c:v>
                </c:pt>
                <c:pt idx="304">
                  <c:v>7.6264464663883542</c:v>
                </c:pt>
                <c:pt idx="305">
                  <c:v>6.4062150317662176</c:v>
                </c:pt>
                <c:pt idx="306">
                  <c:v>2.3641984045803897</c:v>
                </c:pt>
                <c:pt idx="307">
                  <c:v>2.3641984045803897</c:v>
                </c:pt>
                <c:pt idx="308">
                  <c:v>2.3641984045803897</c:v>
                </c:pt>
                <c:pt idx="309">
                  <c:v>2.3641984045803897</c:v>
                </c:pt>
                <c:pt idx="310">
                  <c:v>2.3641984045803897</c:v>
                </c:pt>
                <c:pt idx="311">
                  <c:v>2.3641984045803897</c:v>
                </c:pt>
                <c:pt idx="312">
                  <c:v>1.1468463302512348</c:v>
                </c:pt>
                <c:pt idx="313">
                  <c:v>2.2390809304905064</c:v>
                </c:pt>
                <c:pt idx="314">
                  <c:v>2.2390809304905064</c:v>
                </c:pt>
                <c:pt idx="315">
                  <c:v>2.2390809304905064</c:v>
                </c:pt>
                <c:pt idx="316">
                  <c:v>2.2390809304905064</c:v>
                </c:pt>
                <c:pt idx="317">
                  <c:v>2.7851982306101419</c:v>
                </c:pt>
                <c:pt idx="318">
                  <c:v>3.4951507207656682</c:v>
                </c:pt>
                <c:pt idx="319">
                  <c:v>3.9866562908733405</c:v>
                </c:pt>
                <c:pt idx="320">
                  <c:v>3.9866562908733405</c:v>
                </c:pt>
                <c:pt idx="321">
                  <c:v>3.9866562908733405</c:v>
                </c:pt>
                <c:pt idx="322">
                  <c:v>3.9866562908733405</c:v>
                </c:pt>
                <c:pt idx="323">
                  <c:v>3.9866562908733405</c:v>
                </c:pt>
                <c:pt idx="324">
                  <c:v>3.9866562908733405</c:v>
                </c:pt>
                <c:pt idx="325">
                  <c:v>3.9866562908733405</c:v>
                </c:pt>
                <c:pt idx="326">
                  <c:v>3.9866562908733405</c:v>
                </c:pt>
                <c:pt idx="327">
                  <c:v>3.6043741807895957</c:v>
                </c:pt>
                <c:pt idx="328">
                  <c:v>3.2767038007178142</c:v>
                </c:pt>
                <c:pt idx="329">
                  <c:v>2.9490334206460327</c:v>
                </c:pt>
                <c:pt idx="330">
                  <c:v>2.8398099606221052</c:v>
                </c:pt>
                <c:pt idx="331">
                  <c:v>2.2936926605024697</c:v>
                </c:pt>
                <c:pt idx="332">
                  <c:v>1.6929636303708704</c:v>
                </c:pt>
                <c:pt idx="333">
                  <c:v>1.6929636303708704</c:v>
                </c:pt>
                <c:pt idx="334">
                  <c:v>1.6929636303708704</c:v>
                </c:pt>
                <c:pt idx="335">
                  <c:v>1.6929636303708704</c:v>
                </c:pt>
                <c:pt idx="336">
                  <c:v>2.7187738628406097</c:v>
                </c:pt>
                <c:pt idx="337">
                  <c:v>3.1572857762019986</c:v>
                </c:pt>
                <c:pt idx="338">
                  <c:v>3.1572857762019986</c:v>
                </c:pt>
                <c:pt idx="339">
                  <c:v>3.1572857762019986</c:v>
                </c:pt>
                <c:pt idx="340">
                  <c:v>3.1572857762019986</c:v>
                </c:pt>
                <c:pt idx="341">
                  <c:v>3.9466072202524978</c:v>
                </c:pt>
                <c:pt idx="342">
                  <c:v>4.6482262816307207</c:v>
                </c:pt>
                <c:pt idx="343">
                  <c:v>5.5252501083534984</c:v>
                </c:pt>
                <c:pt idx="344">
                  <c:v>5.5252501083534984</c:v>
                </c:pt>
                <c:pt idx="345">
                  <c:v>5.5252501083534984</c:v>
                </c:pt>
                <c:pt idx="346">
                  <c:v>5.5252501083534984</c:v>
                </c:pt>
                <c:pt idx="347">
                  <c:v>5.5252501083534984</c:v>
                </c:pt>
                <c:pt idx="348">
                  <c:v>5.5252501083534984</c:v>
                </c:pt>
                <c:pt idx="349">
                  <c:v>5.5252501083534984</c:v>
                </c:pt>
                <c:pt idx="350">
                  <c:v>5.5252501083534984</c:v>
                </c:pt>
                <c:pt idx="351">
                  <c:v>4.9113334296475539</c:v>
                </c:pt>
                <c:pt idx="352">
                  <c:v>4.823631046975275</c:v>
                </c:pt>
                <c:pt idx="353">
                  <c:v>4.1220119855970543</c:v>
                </c:pt>
                <c:pt idx="354">
                  <c:v>3.8589048375802206</c:v>
                </c:pt>
                <c:pt idx="355">
                  <c:v>3.2449881588742766</c:v>
                </c:pt>
                <c:pt idx="356">
                  <c:v>2.7187738628406097</c:v>
                </c:pt>
                <c:pt idx="357">
                  <c:v>2.3679643321514989</c:v>
                </c:pt>
                <c:pt idx="358">
                  <c:v>2.3679643321514989</c:v>
                </c:pt>
                <c:pt idx="359">
                  <c:v>2.3679643321514989</c:v>
                </c:pt>
                <c:pt idx="360">
                  <c:v>2.4425541605580565</c:v>
                </c:pt>
                <c:pt idx="361">
                  <c:v>2.4425541605580565</c:v>
                </c:pt>
                <c:pt idx="362">
                  <c:v>2.4425541605580565</c:v>
                </c:pt>
                <c:pt idx="363">
                  <c:v>2.4425541605580565</c:v>
                </c:pt>
                <c:pt idx="364">
                  <c:v>2.4425541605580565</c:v>
                </c:pt>
                <c:pt idx="365">
                  <c:v>2.4425541605580565</c:v>
                </c:pt>
                <c:pt idx="366">
                  <c:v>2.4425541605580565</c:v>
                </c:pt>
                <c:pt idx="367">
                  <c:v>10.625110598427545</c:v>
                </c:pt>
                <c:pt idx="368">
                  <c:v>11.953249423230988</c:v>
                </c:pt>
                <c:pt idx="369">
                  <c:v>13.28138824803443</c:v>
                </c:pt>
                <c:pt idx="370">
                  <c:v>13.28138824803443</c:v>
                </c:pt>
                <c:pt idx="371">
                  <c:v>15.937665897641313</c:v>
                </c:pt>
                <c:pt idx="372">
                  <c:v>15.937665897641313</c:v>
                </c:pt>
                <c:pt idx="373">
                  <c:v>10.625110598427545</c:v>
                </c:pt>
                <c:pt idx="374">
                  <c:v>15.937665897641313</c:v>
                </c:pt>
                <c:pt idx="375">
                  <c:v>15.937665897641313</c:v>
                </c:pt>
                <c:pt idx="376">
                  <c:v>13.28138824803443</c:v>
                </c:pt>
                <c:pt idx="377">
                  <c:v>10.686174452441495</c:v>
                </c:pt>
                <c:pt idx="378">
                  <c:v>3.8164908758719629</c:v>
                </c:pt>
                <c:pt idx="379">
                  <c:v>3.8164908758719629</c:v>
                </c:pt>
                <c:pt idx="380">
                  <c:v>3.8164908758719629</c:v>
                </c:pt>
                <c:pt idx="381">
                  <c:v>3.8164908758719629</c:v>
                </c:pt>
                <c:pt idx="382">
                  <c:v>3.8164908758719629</c:v>
                </c:pt>
                <c:pt idx="383">
                  <c:v>3.8164908758719629</c:v>
                </c:pt>
                <c:pt idx="384">
                  <c:v>3.9149398714550072</c:v>
                </c:pt>
                <c:pt idx="385">
                  <c:v>3.9149398714550072</c:v>
                </c:pt>
                <c:pt idx="386">
                  <c:v>3.9149398714550072</c:v>
                </c:pt>
                <c:pt idx="387">
                  <c:v>3.9149398714550072</c:v>
                </c:pt>
                <c:pt idx="388">
                  <c:v>3.9149398714550072</c:v>
                </c:pt>
                <c:pt idx="389">
                  <c:v>3.9149398714550072</c:v>
                </c:pt>
                <c:pt idx="390">
                  <c:v>3.9149398714550072</c:v>
                </c:pt>
                <c:pt idx="391">
                  <c:v>11.277552597449422</c:v>
                </c:pt>
                <c:pt idx="392">
                  <c:v>12.583374477154093</c:v>
                </c:pt>
                <c:pt idx="393">
                  <c:v>13.889196356858765</c:v>
                </c:pt>
                <c:pt idx="394">
                  <c:v>13.889196356858765</c:v>
                </c:pt>
                <c:pt idx="395">
                  <c:v>16.619551196241257</c:v>
                </c:pt>
                <c:pt idx="396">
                  <c:v>16.619551196241257</c:v>
                </c:pt>
                <c:pt idx="397">
                  <c:v>11.040130437503118</c:v>
                </c:pt>
                <c:pt idx="398">
                  <c:v>16.619551196241257</c:v>
                </c:pt>
                <c:pt idx="399">
                  <c:v>16.619551196241257</c:v>
                </c:pt>
                <c:pt idx="400">
                  <c:v>13.891722124517766</c:v>
                </c:pt>
                <c:pt idx="401">
                  <c:v>11.037604669844116</c:v>
                </c:pt>
                <c:pt idx="402">
                  <c:v>3.9149398714550072</c:v>
                </c:pt>
                <c:pt idx="403">
                  <c:v>3.9149398714550072</c:v>
                </c:pt>
                <c:pt idx="404">
                  <c:v>3.9149398714550072</c:v>
                </c:pt>
                <c:pt idx="405">
                  <c:v>3.9149398714550072</c:v>
                </c:pt>
                <c:pt idx="406">
                  <c:v>3.9149398714550072</c:v>
                </c:pt>
                <c:pt idx="407">
                  <c:v>3.9149398714550072</c:v>
                </c:pt>
                <c:pt idx="408">
                  <c:v>3.7884813667167028</c:v>
                </c:pt>
                <c:pt idx="409">
                  <c:v>3.7884813667167028</c:v>
                </c:pt>
                <c:pt idx="410">
                  <c:v>3.7884813667167028</c:v>
                </c:pt>
                <c:pt idx="411">
                  <c:v>3.7884813667167028</c:v>
                </c:pt>
                <c:pt idx="412">
                  <c:v>3.7884813667167028</c:v>
                </c:pt>
                <c:pt idx="413">
                  <c:v>3.7884813667167028</c:v>
                </c:pt>
                <c:pt idx="414">
                  <c:v>3.7884813667167028</c:v>
                </c:pt>
                <c:pt idx="415">
                  <c:v>10.437266165304514</c:v>
                </c:pt>
                <c:pt idx="416">
                  <c:v>11.645791721287143</c:v>
                </c:pt>
                <c:pt idx="417">
                  <c:v>12.85431727726977</c:v>
                </c:pt>
                <c:pt idx="418">
                  <c:v>12.85431727726977</c:v>
                </c:pt>
                <c:pt idx="419">
                  <c:v>15.38123434886981</c:v>
                </c:pt>
                <c:pt idx="420">
                  <c:v>15.38123434886981</c:v>
                </c:pt>
                <c:pt idx="421">
                  <c:v>10.217534246034946</c:v>
                </c:pt>
                <c:pt idx="422">
                  <c:v>15.38123434886981</c:v>
                </c:pt>
                <c:pt idx="423">
                  <c:v>15.38123434886981</c:v>
                </c:pt>
                <c:pt idx="424">
                  <c:v>12.852423036586416</c:v>
                </c:pt>
                <c:pt idx="425">
                  <c:v>10.219428486718305</c:v>
                </c:pt>
                <c:pt idx="426">
                  <c:v>3.7884813667167028</c:v>
                </c:pt>
                <c:pt idx="427">
                  <c:v>3.7884813667167028</c:v>
                </c:pt>
                <c:pt idx="428">
                  <c:v>3.7884813667167028</c:v>
                </c:pt>
                <c:pt idx="429">
                  <c:v>3.7884813667167028</c:v>
                </c:pt>
                <c:pt idx="430">
                  <c:v>3.7884813667167028</c:v>
                </c:pt>
                <c:pt idx="431">
                  <c:v>3.7884813667167028</c:v>
                </c:pt>
                <c:pt idx="432">
                  <c:v>4.1772375402722153</c:v>
                </c:pt>
                <c:pt idx="433">
                  <c:v>4.1772375402722153</c:v>
                </c:pt>
                <c:pt idx="434">
                  <c:v>4.1772375402722153</c:v>
                </c:pt>
                <c:pt idx="435">
                  <c:v>4.1772375402722153</c:v>
                </c:pt>
                <c:pt idx="436">
                  <c:v>4.1772375402722153</c:v>
                </c:pt>
                <c:pt idx="437">
                  <c:v>4.1772375402722153</c:v>
                </c:pt>
                <c:pt idx="438">
                  <c:v>4.1772375402722153</c:v>
                </c:pt>
                <c:pt idx="439">
                  <c:v>11.508289423449952</c:v>
                </c:pt>
                <c:pt idx="440">
                  <c:v>12.840828198796789</c:v>
                </c:pt>
                <c:pt idx="441">
                  <c:v>14.173366974143628</c:v>
                </c:pt>
                <c:pt idx="442">
                  <c:v>14.173366974143628</c:v>
                </c:pt>
                <c:pt idx="443">
                  <c:v>16.959584413505194</c:v>
                </c:pt>
                <c:pt idx="444">
                  <c:v>16.959584413505194</c:v>
                </c:pt>
                <c:pt idx="445">
                  <c:v>11.266009646114165</c:v>
                </c:pt>
                <c:pt idx="446">
                  <c:v>16.959584413505194</c:v>
                </c:pt>
                <c:pt idx="447">
                  <c:v>16.959584413505194</c:v>
                </c:pt>
                <c:pt idx="448">
                  <c:v>14.17127835537349</c:v>
                </c:pt>
                <c:pt idx="449">
                  <c:v>11.268098264884301</c:v>
                </c:pt>
                <c:pt idx="450">
                  <c:v>4.1772375402722153</c:v>
                </c:pt>
                <c:pt idx="451">
                  <c:v>4.1772375402722153</c:v>
                </c:pt>
                <c:pt idx="452">
                  <c:v>4.1772375402722153</c:v>
                </c:pt>
                <c:pt idx="453">
                  <c:v>4.1772375402722153</c:v>
                </c:pt>
                <c:pt idx="454">
                  <c:v>4.1772375402722153</c:v>
                </c:pt>
                <c:pt idx="455">
                  <c:v>4.1772375402722153</c:v>
                </c:pt>
                <c:pt idx="456">
                  <c:v>5.4077181565721739</c:v>
                </c:pt>
                <c:pt idx="457">
                  <c:v>5.4077181565721739</c:v>
                </c:pt>
                <c:pt idx="458">
                  <c:v>5.4077181565721739</c:v>
                </c:pt>
                <c:pt idx="459">
                  <c:v>5.4077181565721739</c:v>
                </c:pt>
                <c:pt idx="460">
                  <c:v>5.4077181565721739</c:v>
                </c:pt>
                <c:pt idx="461">
                  <c:v>5.4077181565721739</c:v>
                </c:pt>
                <c:pt idx="462">
                  <c:v>5.4077181565721739</c:v>
                </c:pt>
                <c:pt idx="463">
                  <c:v>14.653171779098793</c:v>
                </c:pt>
                <c:pt idx="464">
                  <c:v>18.316464723873494</c:v>
                </c:pt>
                <c:pt idx="465">
                  <c:v>20.148111196260842</c:v>
                </c:pt>
                <c:pt idx="466">
                  <c:v>20.148111196260842</c:v>
                </c:pt>
                <c:pt idx="467">
                  <c:v>23.811404141035538</c:v>
                </c:pt>
                <c:pt idx="468">
                  <c:v>23.811404141035538</c:v>
                </c:pt>
                <c:pt idx="469">
                  <c:v>16.484818251486143</c:v>
                </c:pt>
                <c:pt idx="470">
                  <c:v>23.811404141035538</c:v>
                </c:pt>
                <c:pt idx="471">
                  <c:v>20.148111196260842</c:v>
                </c:pt>
                <c:pt idx="472">
                  <c:v>17.444252117974756</c:v>
                </c:pt>
                <c:pt idx="473">
                  <c:v>14.653171779098793</c:v>
                </c:pt>
                <c:pt idx="474">
                  <c:v>5.4077181565721739</c:v>
                </c:pt>
                <c:pt idx="475">
                  <c:v>5.4077181565721739</c:v>
                </c:pt>
                <c:pt idx="476">
                  <c:v>5.4077181565721739</c:v>
                </c:pt>
                <c:pt idx="477">
                  <c:v>5.4077181565721739</c:v>
                </c:pt>
                <c:pt idx="478">
                  <c:v>5.4077181565721739</c:v>
                </c:pt>
                <c:pt idx="479">
                  <c:v>5.4077181565721739</c:v>
                </c:pt>
                <c:pt idx="480">
                  <c:v>2.5340047244852482</c:v>
                </c:pt>
                <c:pt idx="481">
                  <c:v>4.9473425573283425</c:v>
                </c:pt>
                <c:pt idx="482">
                  <c:v>4.9473425573283425</c:v>
                </c:pt>
                <c:pt idx="483">
                  <c:v>4.9473425573283425</c:v>
                </c:pt>
                <c:pt idx="484">
                  <c:v>4.9473425573283425</c:v>
                </c:pt>
                <c:pt idx="485">
                  <c:v>6.1540114737498897</c:v>
                </c:pt>
                <c:pt idx="486">
                  <c:v>7.7226810650978992</c:v>
                </c:pt>
                <c:pt idx="487">
                  <c:v>8.8086830898772934</c:v>
                </c:pt>
                <c:pt idx="488">
                  <c:v>8.8086830898772934</c:v>
                </c:pt>
                <c:pt idx="489">
                  <c:v>8.8086830898772934</c:v>
                </c:pt>
                <c:pt idx="490">
                  <c:v>8.8086830898772934</c:v>
                </c:pt>
                <c:pt idx="491">
                  <c:v>8.8086830898772934</c:v>
                </c:pt>
                <c:pt idx="492">
                  <c:v>8.8086830898772934</c:v>
                </c:pt>
                <c:pt idx="493">
                  <c:v>8.8086830898772934</c:v>
                </c:pt>
                <c:pt idx="494">
                  <c:v>8.8086830898772934</c:v>
                </c:pt>
                <c:pt idx="495">
                  <c:v>7.9640148483822086</c:v>
                </c:pt>
                <c:pt idx="496">
                  <c:v>7.2400134985292812</c:v>
                </c:pt>
                <c:pt idx="497">
                  <c:v>6.5160121486763529</c:v>
                </c:pt>
                <c:pt idx="498">
                  <c:v>6.2746783653920435</c:v>
                </c:pt>
                <c:pt idx="499">
                  <c:v>5.0680094489704963</c:v>
                </c:pt>
                <c:pt idx="500">
                  <c:v>3.7406736409067949</c:v>
                </c:pt>
                <c:pt idx="501">
                  <c:v>3.7406736409067949</c:v>
                </c:pt>
                <c:pt idx="502">
                  <c:v>3.7406736409067949</c:v>
                </c:pt>
                <c:pt idx="503">
                  <c:v>3.7406736409067949</c:v>
                </c:pt>
                <c:pt idx="504">
                  <c:v>4.2513684464915888</c:v>
                </c:pt>
                <c:pt idx="505">
                  <c:v>4.9370730346353939</c:v>
                </c:pt>
                <c:pt idx="506">
                  <c:v>4.9370730346353939</c:v>
                </c:pt>
                <c:pt idx="507">
                  <c:v>4.9370730346353939</c:v>
                </c:pt>
                <c:pt idx="508">
                  <c:v>4.9370730346353939</c:v>
                </c:pt>
                <c:pt idx="509">
                  <c:v>6.1713412932942422</c:v>
                </c:pt>
                <c:pt idx="510">
                  <c:v>7.2684686343243303</c:v>
                </c:pt>
                <c:pt idx="511">
                  <c:v>8.6398778106119405</c:v>
                </c:pt>
                <c:pt idx="512">
                  <c:v>8.6398778106119405</c:v>
                </c:pt>
                <c:pt idx="513">
                  <c:v>8.6398778106119405</c:v>
                </c:pt>
                <c:pt idx="514">
                  <c:v>8.6398778106119405</c:v>
                </c:pt>
                <c:pt idx="515">
                  <c:v>8.6398778106119405</c:v>
                </c:pt>
                <c:pt idx="516">
                  <c:v>8.6398778106119405</c:v>
                </c:pt>
                <c:pt idx="517">
                  <c:v>8.6398778106119405</c:v>
                </c:pt>
                <c:pt idx="518">
                  <c:v>8.6398778106119405</c:v>
                </c:pt>
                <c:pt idx="519">
                  <c:v>7.6798913872106134</c:v>
                </c:pt>
                <c:pt idx="520">
                  <c:v>7.5427504695818524</c:v>
                </c:pt>
                <c:pt idx="521">
                  <c:v>6.4456231285517651</c:v>
                </c:pt>
                <c:pt idx="522">
                  <c:v>6.0342003756654821</c:v>
                </c:pt>
                <c:pt idx="523">
                  <c:v>5.0742139522641549</c:v>
                </c:pt>
                <c:pt idx="524">
                  <c:v>4.2513684464915888</c:v>
                </c:pt>
                <c:pt idx="525">
                  <c:v>3.7028047759765457</c:v>
                </c:pt>
                <c:pt idx="526">
                  <c:v>3.7028047759765457</c:v>
                </c:pt>
                <c:pt idx="527">
                  <c:v>3.7028047759765457</c:v>
                </c:pt>
                <c:pt idx="528">
                  <c:v>3.3260277747257723</c:v>
                </c:pt>
                <c:pt idx="529">
                  <c:v>3.3260277747257723</c:v>
                </c:pt>
                <c:pt idx="530">
                  <c:v>3.3260277747257723</c:v>
                </c:pt>
                <c:pt idx="531">
                  <c:v>3.3260277747257723</c:v>
                </c:pt>
                <c:pt idx="532">
                  <c:v>3.3260277747257723</c:v>
                </c:pt>
                <c:pt idx="533">
                  <c:v>3.3260277747257723</c:v>
                </c:pt>
                <c:pt idx="534">
                  <c:v>3.3260277747257723</c:v>
                </c:pt>
                <c:pt idx="535">
                  <c:v>14.468220820057107</c:v>
                </c:pt>
                <c:pt idx="536">
                  <c:v>16.276748422564246</c:v>
                </c:pt>
                <c:pt idx="537">
                  <c:v>18.085276025071384</c:v>
                </c:pt>
                <c:pt idx="538">
                  <c:v>18.085276025071384</c:v>
                </c:pt>
                <c:pt idx="539">
                  <c:v>21.702331230085655</c:v>
                </c:pt>
                <c:pt idx="540">
                  <c:v>21.702331230085655</c:v>
                </c:pt>
                <c:pt idx="541">
                  <c:v>14.468220820057107</c:v>
                </c:pt>
                <c:pt idx="542">
                  <c:v>21.702331230085655</c:v>
                </c:pt>
                <c:pt idx="543">
                  <c:v>21.702331230085655</c:v>
                </c:pt>
                <c:pt idx="544">
                  <c:v>18.085276025071384</c:v>
                </c:pt>
                <c:pt idx="545">
                  <c:v>14.551371514425254</c:v>
                </c:pt>
                <c:pt idx="546">
                  <c:v>5.1969183980090188</c:v>
                </c:pt>
                <c:pt idx="547">
                  <c:v>5.1969183980090188</c:v>
                </c:pt>
                <c:pt idx="548">
                  <c:v>5.1969183980090188</c:v>
                </c:pt>
                <c:pt idx="549">
                  <c:v>5.1969183980090188</c:v>
                </c:pt>
                <c:pt idx="550">
                  <c:v>5.1969183980090188</c:v>
                </c:pt>
                <c:pt idx="551">
                  <c:v>5.1969183980090188</c:v>
                </c:pt>
                <c:pt idx="552">
                  <c:v>4.458065198459165</c:v>
                </c:pt>
                <c:pt idx="553">
                  <c:v>4.458065198459165</c:v>
                </c:pt>
                <c:pt idx="554">
                  <c:v>4.458065198459165</c:v>
                </c:pt>
                <c:pt idx="555">
                  <c:v>4.458065198459165</c:v>
                </c:pt>
                <c:pt idx="556">
                  <c:v>4.458065198459165</c:v>
                </c:pt>
                <c:pt idx="557">
                  <c:v>4.458065198459165</c:v>
                </c:pt>
                <c:pt idx="558">
                  <c:v>4.458065198459165</c:v>
                </c:pt>
                <c:pt idx="559">
                  <c:v>12.842103942658177</c:v>
                </c:pt>
                <c:pt idx="560">
                  <c:v>14.329084399176491</c:v>
                </c:pt>
                <c:pt idx="561">
                  <c:v>15.816064855694806</c:v>
                </c:pt>
                <c:pt idx="562">
                  <c:v>15.816064855694806</c:v>
                </c:pt>
                <c:pt idx="563">
                  <c:v>18.925205810233106</c:v>
                </c:pt>
                <c:pt idx="564">
                  <c:v>18.925205810233106</c:v>
                </c:pt>
                <c:pt idx="565">
                  <c:v>12.571743859654847</c:v>
                </c:pt>
                <c:pt idx="566">
                  <c:v>18.925205810233106</c:v>
                </c:pt>
                <c:pt idx="567">
                  <c:v>18.925205810233106</c:v>
                </c:pt>
                <c:pt idx="568">
                  <c:v>15.818941026790586</c:v>
                </c:pt>
                <c:pt idx="569">
                  <c:v>12.568867688559067</c:v>
                </c:pt>
                <c:pt idx="570">
                  <c:v>4.458065198459165</c:v>
                </c:pt>
                <c:pt idx="571">
                  <c:v>4.458065198459165</c:v>
                </c:pt>
                <c:pt idx="572">
                  <c:v>4.458065198459165</c:v>
                </c:pt>
                <c:pt idx="573">
                  <c:v>4.458065198459165</c:v>
                </c:pt>
                <c:pt idx="574">
                  <c:v>4.458065198459165</c:v>
                </c:pt>
                <c:pt idx="575">
                  <c:v>4.458065198459165</c:v>
                </c:pt>
                <c:pt idx="576">
                  <c:v>4.8251644961980702</c:v>
                </c:pt>
                <c:pt idx="577">
                  <c:v>4.8251644961980702</c:v>
                </c:pt>
                <c:pt idx="578">
                  <c:v>4.8251644961980702</c:v>
                </c:pt>
                <c:pt idx="579">
                  <c:v>4.8251644961980702</c:v>
                </c:pt>
                <c:pt idx="580">
                  <c:v>4.8251644961980702</c:v>
                </c:pt>
                <c:pt idx="581">
                  <c:v>4.8251644961980702</c:v>
                </c:pt>
                <c:pt idx="582">
                  <c:v>4.8251644961980702</c:v>
                </c:pt>
                <c:pt idx="583">
                  <c:v>13.293328187025681</c:v>
                </c:pt>
                <c:pt idx="584">
                  <c:v>14.832555661312867</c:v>
                </c:pt>
                <c:pt idx="585">
                  <c:v>16.371783135600051</c:v>
                </c:pt>
                <c:pt idx="586">
                  <c:v>16.371783135600051</c:v>
                </c:pt>
                <c:pt idx="587">
                  <c:v>19.590167854564161</c:v>
                </c:pt>
                <c:pt idx="588">
                  <c:v>19.590167854564161</c:v>
                </c:pt>
                <c:pt idx="589">
                  <c:v>13.013468646246194</c:v>
                </c:pt>
                <c:pt idx="590">
                  <c:v>19.590167854564161</c:v>
                </c:pt>
                <c:pt idx="591">
                  <c:v>19.590167854564161</c:v>
                </c:pt>
                <c:pt idx="592">
                  <c:v>16.369370553351953</c:v>
                </c:pt>
                <c:pt idx="593">
                  <c:v>13.015881228494292</c:v>
                </c:pt>
                <c:pt idx="594">
                  <c:v>4.8251644961980702</c:v>
                </c:pt>
                <c:pt idx="595">
                  <c:v>4.8251644961980702</c:v>
                </c:pt>
                <c:pt idx="596">
                  <c:v>4.8251644961980702</c:v>
                </c:pt>
                <c:pt idx="597">
                  <c:v>4.8251644961980702</c:v>
                </c:pt>
                <c:pt idx="598">
                  <c:v>4.8251644961980702</c:v>
                </c:pt>
                <c:pt idx="599">
                  <c:v>4.8251644961980702</c:v>
                </c:pt>
                <c:pt idx="600">
                  <c:v>5.4730914521239251</c:v>
                </c:pt>
                <c:pt idx="601">
                  <c:v>5.4730914521239251</c:v>
                </c:pt>
                <c:pt idx="602">
                  <c:v>5.4730914521239251</c:v>
                </c:pt>
                <c:pt idx="603">
                  <c:v>5.4730914521239251</c:v>
                </c:pt>
                <c:pt idx="604">
                  <c:v>5.4730914521239251</c:v>
                </c:pt>
                <c:pt idx="605">
                  <c:v>5.4730914521239251</c:v>
                </c:pt>
                <c:pt idx="606">
                  <c:v>5.4730914521239251</c:v>
                </c:pt>
                <c:pt idx="607">
                  <c:v>15.078366950601412</c:v>
                </c:pt>
                <c:pt idx="608">
                  <c:v>16.824283123828945</c:v>
                </c:pt>
                <c:pt idx="609">
                  <c:v>18.570199297056476</c:v>
                </c:pt>
                <c:pt idx="610">
                  <c:v>18.570199297056476</c:v>
                </c:pt>
                <c:pt idx="611">
                  <c:v>22.220751295623135</c:v>
                </c:pt>
                <c:pt idx="612">
                  <c:v>22.220751295623135</c:v>
                </c:pt>
                <c:pt idx="613">
                  <c:v>14.760927646378224</c:v>
                </c:pt>
                <c:pt idx="614">
                  <c:v>22.220751295623135</c:v>
                </c:pt>
                <c:pt idx="615">
                  <c:v>22.220751295623135</c:v>
                </c:pt>
                <c:pt idx="616">
                  <c:v>18.567462751330417</c:v>
                </c:pt>
                <c:pt idx="617">
                  <c:v>14.763664192104287</c:v>
                </c:pt>
                <c:pt idx="618">
                  <c:v>5.4730914521239251</c:v>
                </c:pt>
                <c:pt idx="619">
                  <c:v>5.4730914521239251</c:v>
                </c:pt>
                <c:pt idx="620">
                  <c:v>5.4730914521239251</c:v>
                </c:pt>
                <c:pt idx="621">
                  <c:v>5.4730914521239251</c:v>
                </c:pt>
                <c:pt idx="622">
                  <c:v>5.4730914521239251</c:v>
                </c:pt>
                <c:pt idx="623">
                  <c:v>5.4730914521239251</c:v>
                </c:pt>
                <c:pt idx="624">
                  <c:v>5.7829466191465029</c:v>
                </c:pt>
                <c:pt idx="625">
                  <c:v>5.7829466191465029</c:v>
                </c:pt>
                <c:pt idx="626">
                  <c:v>5.7829466191465029</c:v>
                </c:pt>
                <c:pt idx="627">
                  <c:v>5.7829466191465029</c:v>
                </c:pt>
                <c:pt idx="628">
                  <c:v>5.7829466191465029</c:v>
                </c:pt>
                <c:pt idx="629">
                  <c:v>5.7829466191465029</c:v>
                </c:pt>
                <c:pt idx="630">
                  <c:v>5.7829466191465029</c:v>
                </c:pt>
                <c:pt idx="631">
                  <c:v>15.669919871235685</c:v>
                </c:pt>
                <c:pt idx="632">
                  <c:v>19.587399839044608</c:v>
                </c:pt>
                <c:pt idx="633">
                  <c:v>21.546139822949069</c:v>
                </c:pt>
                <c:pt idx="634">
                  <c:v>21.546139822949069</c:v>
                </c:pt>
                <c:pt idx="635">
                  <c:v>25.463619790757988</c:v>
                </c:pt>
                <c:pt idx="636">
                  <c:v>25.463619790757988</c:v>
                </c:pt>
                <c:pt idx="637">
                  <c:v>17.628659855140146</c:v>
                </c:pt>
                <c:pt idx="638">
                  <c:v>25.463619790757988</c:v>
                </c:pt>
                <c:pt idx="639">
                  <c:v>21.546139822949069</c:v>
                </c:pt>
                <c:pt idx="640">
                  <c:v>18.654666513375819</c:v>
                </c:pt>
                <c:pt idx="641">
                  <c:v>15.669919871235685</c:v>
                </c:pt>
                <c:pt idx="642">
                  <c:v>5.7829466191465029</c:v>
                </c:pt>
                <c:pt idx="643">
                  <c:v>5.7829466191465029</c:v>
                </c:pt>
                <c:pt idx="644">
                  <c:v>5.7829466191465029</c:v>
                </c:pt>
                <c:pt idx="645">
                  <c:v>5.7829466191465029</c:v>
                </c:pt>
                <c:pt idx="646">
                  <c:v>5.7829466191465029</c:v>
                </c:pt>
                <c:pt idx="647">
                  <c:v>5.7829466191465029</c:v>
                </c:pt>
                <c:pt idx="648">
                  <c:v>2.6862538165353227</c:v>
                </c:pt>
                <c:pt idx="649">
                  <c:v>5.2445907846642026</c:v>
                </c:pt>
                <c:pt idx="650">
                  <c:v>5.2445907846642026</c:v>
                </c:pt>
                <c:pt idx="651">
                  <c:v>5.2445907846642026</c:v>
                </c:pt>
                <c:pt idx="652">
                  <c:v>5.2445907846642026</c:v>
                </c:pt>
                <c:pt idx="653">
                  <c:v>6.5237592687286412</c:v>
                </c:pt>
                <c:pt idx="654">
                  <c:v>8.1866782980124135</c:v>
                </c:pt>
                <c:pt idx="655">
                  <c:v>9.3379299336704094</c:v>
                </c:pt>
                <c:pt idx="656">
                  <c:v>9.3379299336704094</c:v>
                </c:pt>
                <c:pt idx="657">
                  <c:v>9.3379299336704094</c:v>
                </c:pt>
                <c:pt idx="658">
                  <c:v>9.3379299336704094</c:v>
                </c:pt>
                <c:pt idx="659">
                  <c:v>9.3379299336704094</c:v>
                </c:pt>
                <c:pt idx="660">
                  <c:v>9.3379299336704094</c:v>
                </c:pt>
                <c:pt idx="661">
                  <c:v>9.3379299336704094</c:v>
                </c:pt>
                <c:pt idx="662">
                  <c:v>9.3379299336704094</c:v>
                </c:pt>
                <c:pt idx="663">
                  <c:v>8.4425119948253009</c:v>
                </c:pt>
                <c:pt idx="664">
                  <c:v>7.675010904386637</c:v>
                </c:pt>
                <c:pt idx="665">
                  <c:v>6.907509813947974</c:v>
                </c:pt>
                <c:pt idx="666">
                  <c:v>6.6516761171350858</c:v>
                </c:pt>
                <c:pt idx="667">
                  <c:v>5.3725076330706454</c:v>
                </c:pt>
                <c:pt idx="668">
                  <c:v>3.9654223005997622</c:v>
                </c:pt>
                <c:pt idx="669">
                  <c:v>3.9654223005997622</c:v>
                </c:pt>
                <c:pt idx="670">
                  <c:v>3.9654223005997622</c:v>
                </c:pt>
                <c:pt idx="671">
                  <c:v>3.9654223005997622</c:v>
                </c:pt>
                <c:pt idx="672">
                  <c:v>4.6770891641724166</c:v>
                </c:pt>
                <c:pt idx="673">
                  <c:v>5.4314583842002255</c:v>
                </c:pt>
                <c:pt idx="674">
                  <c:v>5.4314583842002255</c:v>
                </c:pt>
                <c:pt idx="675">
                  <c:v>5.4314583842002255</c:v>
                </c:pt>
                <c:pt idx="676">
                  <c:v>5.4314583842002255</c:v>
                </c:pt>
                <c:pt idx="677">
                  <c:v>6.7893229802502812</c:v>
                </c:pt>
                <c:pt idx="678">
                  <c:v>7.9963137322947775</c:v>
                </c:pt>
                <c:pt idx="679">
                  <c:v>9.5050521723503962</c:v>
                </c:pt>
                <c:pt idx="680">
                  <c:v>9.5050521723503962</c:v>
                </c:pt>
                <c:pt idx="681">
                  <c:v>9.5050521723503962</c:v>
                </c:pt>
                <c:pt idx="682">
                  <c:v>9.5050521723503962</c:v>
                </c:pt>
                <c:pt idx="683">
                  <c:v>9.5050521723503962</c:v>
                </c:pt>
                <c:pt idx="684">
                  <c:v>9.5050521723503962</c:v>
                </c:pt>
                <c:pt idx="685">
                  <c:v>9.5050521723503962</c:v>
                </c:pt>
                <c:pt idx="686">
                  <c:v>9.5050521723503962</c:v>
                </c:pt>
                <c:pt idx="687">
                  <c:v>8.4489352643114621</c:v>
                </c:pt>
                <c:pt idx="688">
                  <c:v>8.2980614203059009</c:v>
                </c:pt>
                <c:pt idx="689">
                  <c:v>7.0910706682614064</c:v>
                </c:pt>
                <c:pt idx="690">
                  <c:v>6.6384491362447209</c:v>
                </c:pt>
                <c:pt idx="691">
                  <c:v>5.5823322282057877</c:v>
                </c:pt>
                <c:pt idx="692">
                  <c:v>4.6770891641724166</c:v>
                </c:pt>
                <c:pt idx="693">
                  <c:v>4.0735937881501698</c:v>
                </c:pt>
                <c:pt idx="694">
                  <c:v>4.0735937881501698</c:v>
                </c:pt>
                <c:pt idx="695">
                  <c:v>4.0735937881501698</c:v>
                </c:pt>
                <c:pt idx="696">
                  <c:v>3.2405303281934135</c:v>
                </c:pt>
                <c:pt idx="697">
                  <c:v>3.2405303281934135</c:v>
                </c:pt>
                <c:pt idx="698">
                  <c:v>3.2405303281934135</c:v>
                </c:pt>
                <c:pt idx="699">
                  <c:v>3.2405303281934135</c:v>
                </c:pt>
                <c:pt idx="700">
                  <c:v>3.2405303281934135</c:v>
                </c:pt>
                <c:pt idx="701">
                  <c:v>3.2405303281934135</c:v>
                </c:pt>
                <c:pt idx="702">
                  <c:v>3.2405303281934135</c:v>
                </c:pt>
                <c:pt idx="703">
                  <c:v>14.096306927641345</c:v>
                </c:pt>
                <c:pt idx="704">
                  <c:v>15.858345293596514</c:v>
                </c:pt>
                <c:pt idx="705">
                  <c:v>17.620383659551681</c:v>
                </c:pt>
                <c:pt idx="706">
                  <c:v>17.620383659551681</c:v>
                </c:pt>
                <c:pt idx="707">
                  <c:v>21.144460391462015</c:v>
                </c:pt>
                <c:pt idx="708">
                  <c:v>21.144460391462015</c:v>
                </c:pt>
                <c:pt idx="709">
                  <c:v>14.096306927641345</c:v>
                </c:pt>
                <c:pt idx="710">
                  <c:v>21.144460391462015</c:v>
                </c:pt>
                <c:pt idx="711">
                  <c:v>21.144460391462015</c:v>
                </c:pt>
                <c:pt idx="712">
                  <c:v>17.620383659551681</c:v>
                </c:pt>
                <c:pt idx="713">
                  <c:v>14.177320185846183</c:v>
                </c:pt>
                <c:pt idx="714">
                  <c:v>5.0633286378022078</c:v>
                </c:pt>
                <c:pt idx="715">
                  <c:v>5.0633286378022078</c:v>
                </c:pt>
                <c:pt idx="716">
                  <c:v>5.0633286378022078</c:v>
                </c:pt>
                <c:pt idx="717">
                  <c:v>5.0633286378022078</c:v>
                </c:pt>
                <c:pt idx="718">
                  <c:v>5.0633286378022078</c:v>
                </c:pt>
                <c:pt idx="719">
                  <c:v>5.0633286378022078</c:v>
                </c:pt>
                <c:pt idx="720">
                  <c:v>3.7896032575309704</c:v>
                </c:pt>
                <c:pt idx="721">
                  <c:v>3.7896032575309704</c:v>
                </c:pt>
                <c:pt idx="722">
                  <c:v>3.7896032575309704</c:v>
                </c:pt>
                <c:pt idx="723">
                  <c:v>3.7896032575309704</c:v>
                </c:pt>
                <c:pt idx="724">
                  <c:v>3.7896032575309704</c:v>
                </c:pt>
                <c:pt idx="725">
                  <c:v>3.7896032575309704</c:v>
                </c:pt>
                <c:pt idx="726">
                  <c:v>3.7896032575309704</c:v>
                </c:pt>
                <c:pt idx="727">
                  <c:v>10.916502287016634</c:v>
                </c:pt>
                <c:pt idx="728">
                  <c:v>12.18051834130277</c:v>
                </c:pt>
                <c:pt idx="729">
                  <c:v>13.444534395588907</c:v>
                </c:pt>
                <c:pt idx="730">
                  <c:v>13.444534395588907</c:v>
                </c:pt>
                <c:pt idx="731">
                  <c:v>16.087477054550831</c:v>
                </c:pt>
                <c:pt idx="732">
                  <c:v>16.087477054550831</c:v>
                </c:pt>
                <c:pt idx="733">
                  <c:v>10.686681186237333</c:v>
                </c:pt>
                <c:pt idx="734">
                  <c:v>16.087477054550831</c:v>
                </c:pt>
                <c:pt idx="735">
                  <c:v>16.087477054550831</c:v>
                </c:pt>
                <c:pt idx="736">
                  <c:v>13.446979300916349</c:v>
                </c:pt>
                <c:pt idx="737">
                  <c:v>10.684236280909897</c:v>
                </c:pt>
                <c:pt idx="738">
                  <c:v>3.7896032575309704</c:v>
                </c:pt>
                <c:pt idx="739">
                  <c:v>3.7896032575309704</c:v>
                </c:pt>
                <c:pt idx="740">
                  <c:v>3.7896032575309704</c:v>
                </c:pt>
                <c:pt idx="741">
                  <c:v>3.7896032575309704</c:v>
                </c:pt>
                <c:pt idx="742">
                  <c:v>3.7896032575309704</c:v>
                </c:pt>
                <c:pt idx="743">
                  <c:v>3.7896032575309704</c:v>
                </c:pt>
                <c:pt idx="744">
                  <c:v>3.5293105843463617</c:v>
                </c:pt>
                <c:pt idx="745">
                  <c:v>3.5293105843463617</c:v>
                </c:pt>
                <c:pt idx="746">
                  <c:v>3.5293105843463617</c:v>
                </c:pt>
                <c:pt idx="747">
                  <c:v>3.5293105843463617</c:v>
                </c:pt>
                <c:pt idx="748">
                  <c:v>3.5293105843463617</c:v>
                </c:pt>
                <c:pt idx="749">
                  <c:v>3.5293105843463617</c:v>
                </c:pt>
                <c:pt idx="750">
                  <c:v>3.5293105843463617</c:v>
                </c:pt>
                <c:pt idx="751">
                  <c:v>9.7232506598742248</c:v>
                </c:pt>
                <c:pt idx="752">
                  <c:v>10.849100736280716</c:v>
                </c:pt>
                <c:pt idx="753">
                  <c:v>11.974950812687204</c:v>
                </c:pt>
                <c:pt idx="754">
                  <c:v>11.974950812687204</c:v>
                </c:pt>
                <c:pt idx="755">
                  <c:v>14.329000972446226</c:v>
                </c:pt>
                <c:pt idx="756">
                  <c:v>14.329000972446226</c:v>
                </c:pt>
                <c:pt idx="757">
                  <c:v>9.5185506459821365</c:v>
                </c:pt>
                <c:pt idx="758">
                  <c:v>14.329000972446226</c:v>
                </c:pt>
                <c:pt idx="759">
                  <c:v>14.329000972446226</c:v>
                </c:pt>
                <c:pt idx="760">
                  <c:v>11.973186157395032</c:v>
                </c:pt>
                <c:pt idx="761">
                  <c:v>9.5203153012743105</c:v>
                </c:pt>
                <c:pt idx="762">
                  <c:v>3.5293105843463617</c:v>
                </c:pt>
                <c:pt idx="763">
                  <c:v>3.5293105843463617</c:v>
                </c:pt>
                <c:pt idx="764">
                  <c:v>3.5293105843463617</c:v>
                </c:pt>
                <c:pt idx="765">
                  <c:v>3.5293105843463617</c:v>
                </c:pt>
                <c:pt idx="766">
                  <c:v>3.5293105843463617</c:v>
                </c:pt>
                <c:pt idx="767">
                  <c:v>3.5293105843463617</c:v>
                </c:pt>
                <c:pt idx="768">
                  <c:v>4.4364083226425581</c:v>
                </c:pt>
                <c:pt idx="769">
                  <c:v>4.4364083226425581</c:v>
                </c:pt>
                <c:pt idx="770">
                  <c:v>4.4364083226425581</c:v>
                </c:pt>
                <c:pt idx="771">
                  <c:v>4.4364083226425581</c:v>
                </c:pt>
                <c:pt idx="772">
                  <c:v>4.4364083226425581</c:v>
                </c:pt>
                <c:pt idx="773">
                  <c:v>4.4364083226425581</c:v>
                </c:pt>
                <c:pt idx="774">
                  <c:v>4.4364083226425581</c:v>
                </c:pt>
                <c:pt idx="775">
                  <c:v>12.222304928880245</c:v>
                </c:pt>
                <c:pt idx="776">
                  <c:v>13.637519183803221</c:v>
                </c:pt>
                <c:pt idx="777">
                  <c:v>15.052733438726198</c:v>
                </c:pt>
                <c:pt idx="778">
                  <c:v>15.052733438726198</c:v>
                </c:pt>
                <c:pt idx="779">
                  <c:v>18.011817789928784</c:v>
                </c:pt>
                <c:pt idx="780">
                  <c:v>18.011817789928784</c:v>
                </c:pt>
                <c:pt idx="781">
                  <c:v>11.964993246166976</c:v>
                </c:pt>
                <c:pt idx="782">
                  <c:v>18.011817789928784</c:v>
                </c:pt>
                <c:pt idx="783">
                  <c:v>18.011817789928784</c:v>
                </c:pt>
                <c:pt idx="784">
                  <c:v>15.050515234564878</c:v>
                </c:pt>
                <c:pt idx="785">
                  <c:v>11.9672114503283</c:v>
                </c:pt>
                <c:pt idx="786">
                  <c:v>4.4364083226425581</c:v>
                </c:pt>
                <c:pt idx="787">
                  <c:v>4.4364083226425581</c:v>
                </c:pt>
                <c:pt idx="788">
                  <c:v>4.4364083226425581</c:v>
                </c:pt>
                <c:pt idx="789">
                  <c:v>4.4364083226425581</c:v>
                </c:pt>
                <c:pt idx="790">
                  <c:v>4.4364083226425581</c:v>
                </c:pt>
                <c:pt idx="791">
                  <c:v>4.4364083226425581</c:v>
                </c:pt>
                <c:pt idx="792">
                  <c:v>3.740036100686265</c:v>
                </c:pt>
                <c:pt idx="793">
                  <c:v>3.740036100686265</c:v>
                </c:pt>
                <c:pt idx="794">
                  <c:v>3.740036100686265</c:v>
                </c:pt>
                <c:pt idx="795">
                  <c:v>3.740036100686265</c:v>
                </c:pt>
                <c:pt idx="796">
                  <c:v>3.740036100686265</c:v>
                </c:pt>
                <c:pt idx="797">
                  <c:v>3.740036100686265</c:v>
                </c:pt>
                <c:pt idx="798">
                  <c:v>3.740036100686265</c:v>
                </c:pt>
                <c:pt idx="799">
                  <c:v>10.134291369601494</c:v>
                </c:pt>
                <c:pt idx="800">
                  <c:v>12.667864212001865</c:v>
                </c:pt>
                <c:pt idx="801">
                  <c:v>13.93465063320205</c:v>
                </c:pt>
                <c:pt idx="802">
                  <c:v>13.93465063320205</c:v>
                </c:pt>
                <c:pt idx="803">
                  <c:v>16.468223475602422</c:v>
                </c:pt>
                <c:pt idx="804">
                  <c:v>16.468223475602422</c:v>
                </c:pt>
                <c:pt idx="805">
                  <c:v>11.401077790801677</c:v>
                </c:pt>
                <c:pt idx="806">
                  <c:v>16.468223475602422</c:v>
                </c:pt>
                <c:pt idx="807">
                  <c:v>13.93465063320205</c:v>
                </c:pt>
                <c:pt idx="808">
                  <c:v>12.06463258285892</c:v>
                </c:pt>
                <c:pt idx="809">
                  <c:v>10.134291369601494</c:v>
                </c:pt>
                <c:pt idx="810">
                  <c:v>3.740036100686265</c:v>
                </c:pt>
                <c:pt idx="811">
                  <c:v>3.740036100686265</c:v>
                </c:pt>
                <c:pt idx="812">
                  <c:v>3.740036100686265</c:v>
                </c:pt>
                <c:pt idx="813">
                  <c:v>3.740036100686265</c:v>
                </c:pt>
                <c:pt idx="814">
                  <c:v>3.740036100686265</c:v>
                </c:pt>
                <c:pt idx="815">
                  <c:v>3.740036100686265</c:v>
                </c:pt>
                <c:pt idx="816">
                  <c:v>1.8742586589349244</c:v>
                </c:pt>
                <c:pt idx="817">
                  <c:v>3.6592669055396154</c:v>
                </c:pt>
                <c:pt idx="818">
                  <c:v>3.6592669055396154</c:v>
                </c:pt>
                <c:pt idx="819">
                  <c:v>3.6592669055396154</c:v>
                </c:pt>
                <c:pt idx="820">
                  <c:v>3.6592669055396154</c:v>
                </c:pt>
                <c:pt idx="821">
                  <c:v>4.5517710288419604</c:v>
                </c:pt>
                <c:pt idx="822">
                  <c:v>5.7120263891350085</c:v>
                </c:pt>
                <c:pt idx="823">
                  <c:v>6.5152801001071197</c:v>
                </c:pt>
                <c:pt idx="824">
                  <c:v>6.5152801001071197</c:v>
                </c:pt>
                <c:pt idx="825">
                  <c:v>6.5152801001071197</c:v>
                </c:pt>
                <c:pt idx="826">
                  <c:v>6.5152801001071197</c:v>
                </c:pt>
                <c:pt idx="827">
                  <c:v>6.5152801001071197</c:v>
                </c:pt>
                <c:pt idx="828">
                  <c:v>6.5152801001071197</c:v>
                </c:pt>
                <c:pt idx="829">
                  <c:v>6.5152801001071197</c:v>
                </c:pt>
                <c:pt idx="830">
                  <c:v>6.5152801001071197</c:v>
                </c:pt>
                <c:pt idx="831">
                  <c:v>5.8905272137954778</c:v>
                </c:pt>
                <c:pt idx="832">
                  <c:v>5.3550247398140707</c:v>
                </c:pt>
                <c:pt idx="833">
                  <c:v>4.8195222658326635</c:v>
                </c:pt>
                <c:pt idx="834">
                  <c:v>4.6410214411721942</c:v>
                </c:pt>
                <c:pt idx="835">
                  <c:v>3.7485173178698488</c:v>
                </c:pt>
                <c:pt idx="836">
                  <c:v>2.7667627822372696</c:v>
                </c:pt>
                <c:pt idx="837">
                  <c:v>2.7667627822372696</c:v>
                </c:pt>
                <c:pt idx="838">
                  <c:v>2.7667627822372696</c:v>
                </c:pt>
                <c:pt idx="839">
                  <c:v>2.7667627822372696</c:v>
                </c:pt>
                <c:pt idx="840">
                  <c:v>4.4500381147426422</c:v>
                </c:pt>
                <c:pt idx="841">
                  <c:v>5.1677861977656487</c:v>
                </c:pt>
                <c:pt idx="842">
                  <c:v>5.1677861977656487</c:v>
                </c:pt>
                <c:pt idx="843">
                  <c:v>5.1677861977656487</c:v>
                </c:pt>
                <c:pt idx="844">
                  <c:v>5.1677861977656487</c:v>
                </c:pt>
                <c:pt idx="845">
                  <c:v>6.4597327472070605</c:v>
                </c:pt>
                <c:pt idx="846">
                  <c:v>7.6081296800438718</c:v>
                </c:pt>
                <c:pt idx="847">
                  <c:v>9.0436258460898848</c:v>
                </c:pt>
                <c:pt idx="848">
                  <c:v>9.0436258460898848</c:v>
                </c:pt>
                <c:pt idx="849">
                  <c:v>9.0436258460898848</c:v>
                </c:pt>
                <c:pt idx="850">
                  <c:v>9.0436258460898848</c:v>
                </c:pt>
                <c:pt idx="851">
                  <c:v>9.0436258460898848</c:v>
                </c:pt>
                <c:pt idx="852">
                  <c:v>9.0436258460898848</c:v>
                </c:pt>
                <c:pt idx="853">
                  <c:v>9.0436258460898848</c:v>
                </c:pt>
                <c:pt idx="854">
                  <c:v>9.0436258460898848</c:v>
                </c:pt>
                <c:pt idx="855">
                  <c:v>8.0387785298576748</c:v>
                </c:pt>
                <c:pt idx="856">
                  <c:v>7.8952289132530744</c:v>
                </c:pt>
                <c:pt idx="857">
                  <c:v>6.746831980416264</c:v>
                </c:pt>
                <c:pt idx="858">
                  <c:v>6.3161831306024601</c:v>
                </c:pt>
                <c:pt idx="859">
                  <c:v>5.31133581437025</c:v>
                </c:pt>
                <c:pt idx="860">
                  <c:v>4.4500381147426422</c:v>
                </c:pt>
                <c:pt idx="861">
                  <c:v>3.8758396483242366</c:v>
                </c:pt>
                <c:pt idx="862">
                  <c:v>3.8758396483242366</c:v>
                </c:pt>
                <c:pt idx="863">
                  <c:v>3.8758396483242366</c:v>
                </c:pt>
                <c:pt idx="864">
                  <c:v>4.6084894727111658</c:v>
                </c:pt>
                <c:pt idx="865">
                  <c:v>4.6084894727111658</c:v>
                </c:pt>
                <c:pt idx="866">
                  <c:v>4.6084894727111658</c:v>
                </c:pt>
                <c:pt idx="867">
                  <c:v>4.6084894727111658</c:v>
                </c:pt>
                <c:pt idx="868">
                  <c:v>4.6084894727111658</c:v>
                </c:pt>
                <c:pt idx="869">
                  <c:v>4.6084894727111658</c:v>
                </c:pt>
                <c:pt idx="870">
                  <c:v>4.6084894727111658</c:v>
                </c:pt>
                <c:pt idx="871">
                  <c:v>20.046929206293569</c:v>
                </c:pt>
                <c:pt idx="872">
                  <c:v>22.552795357080267</c:v>
                </c:pt>
                <c:pt idx="873">
                  <c:v>25.058661507866962</c:v>
                </c:pt>
                <c:pt idx="874">
                  <c:v>25.058661507866962</c:v>
                </c:pt>
                <c:pt idx="875">
                  <c:v>30.07039380944035</c:v>
                </c:pt>
                <c:pt idx="876">
                  <c:v>30.07039380944035</c:v>
                </c:pt>
                <c:pt idx="877">
                  <c:v>20.046929206293569</c:v>
                </c:pt>
                <c:pt idx="878">
                  <c:v>30.07039380944035</c:v>
                </c:pt>
                <c:pt idx="879">
                  <c:v>30.07039380944035</c:v>
                </c:pt>
                <c:pt idx="880">
                  <c:v>25.058661507866962</c:v>
                </c:pt>
                <c:pt idx="881">
                  <c:v>20.162141443111349</c:v>
                </c:pt>
                <c:pt idx="882">
                  <c:v>7.2007648011111964</c:v>
                </c:pt>
                <c:pt idx="883">
                  <c:v>7.2007648011111964</c:v>
                </c:pt>
                <c:pt idx="884">
                  <c:v>7.2007648011111964</c:v>
                </c:pt>
                <c:pt idx="885">
                  <c:v>7.2007648011111964</c:v>
                </c:pt>
                <c:pt idx="886">
                  <c:v>7.2007648011111964</c:v>
                </c:pt>
                <c:pt idx="887">
                  <c:v>7.2007648011111964</c:v>
                </c:pt>
                <c:pt idx="888">
                  <c:v>6.7559031203998368</c:v>
                </c:pt>
                <c:pt idx="889">
                  <c:v>6.7559031203998368</c:v>
                </c:pt>
                <c:pt idx="890">
                  <c:v>6.7559031203998368</c:v>
                </c:pt>
                <c:pt idx="891">
                  <c:v>6.7559031203998368</c:v>
                </c:pt>
                <c:pt idx="892">
                  <c:v>6.7559031203998368</c:v>
                </c:pt>
                <c:pt idx="893">
                  <c:v>6.7559031203998368</c:v>
                </c:pt>
                <c:pt idx="894">
                  <c:v>6.7559031203998368</c:v>
                </c:pt>
                <c:pt idx="895">
                  <c:v>19.46135963392598</c:v>
                </c:pt>
                <c:pt idx="896">
                  <c:v>21.714780223117408</c:v>
                </c:pt>
                <c:pt idx="897">
                  <c:v>23.968200812308837</c:v>
                </c:pt>
                <c:pt idx="898">
                  <c:v>23.968200812308837</c:v>
                </c:pt>
                <c:pt idx="899">
                  <c:v>28.679898407890924</c:v>
                </c:pt>
                <c:pt idx="900">
                  <c:v>28.679898407890924</c:v>
                </c:pt>
                <c:pt idx="901">
                  <c:v>19.051646799527536</c:v>
                </c:pt>
                <c:pt idx="902">
                  <c:v>28.679898407890924</c:v>
                </c:pt>
                <c:pt idx="903">
                  <c:v>28.679898407890924</c:v>
                </c:pt>
                <c:pt idx="904">
                  <c:v>23.972559459483293</c:v>
                </c:pt>
                <c:pt idx="905">
                  <c:v>19.047288152353087</c:v>
                </c:pt>
                <c:pt idx="906">
                  <c:v>6.7559031203998368</c:v>
                </c:pt>
                <c:pt idx="907">
                  <c:v>6.7559031203998368</c:v>
                </c:pt>
                <c:pt idx="908">
                  <c:v>6.7559031203998368</c:v>
                </c:pt>
                <c:pt idx="909">
                  <c:v>6.7559031203998368</c:v>
                </c:pt>
                <c:pt idx="910">
                  <c:v>6.7559031203998368</c:v>
                </c:pt>
                <c:pt idx="911">
                  <c:v>6.7559031203998368</c:v>
                </c:pt>
                <c:pt idx="912">
                  <c:v>6.6393599727904622</c:v>
                </c:pt>
                <c:pt idx="913">
                  <c:v>6.6393599727904622</c:v>
                </c:pt>
                <c:pt idx="914">
                  <c:v>6.6393599727904622</c:v>
                </c:pt>
                <c:pt idx="915">
                  <c:v>6.6393599727904622</c:v>
                </c:pt>
                <c:pt idx="916">
                  <c:v>6.6393599727904622</c:v>
                </c:pt>
                <c:pt idx="917">
                  <c:v>6.6393599727904622</c:v>
                </c:pt>
                <c:pt idx="918">
                  <c:v>6.6393599727904622</c:v>
                </c:pt>
                <c:pt idx="919">
                  <c:v>18.29143672503772</c:v>
                </c:pt>
                <c:pt idx="920">
                  <c:v>20.409392556357879</c:v>
                </c:pt>
                <c:pt idx="921">
                  <c:v>22.527348387678035</c:v>
                </c:pt>
                <c:pt idx="922">
                  <c:v>22.527348387678035</c:v>
                </c:pt>
                <c:pt idx="923">
                  <c:v>26.955801489529271</c:v>
                </c:pt>
                <c:pt idx="924">
                  <c:v>26.955801489529271</c:v>
                </c:pt>
                <c:pt idx="925">
                  <c:v>17.906353846615872</c:v>
                </c:pt>
                <c:pt idx="926">
                  <c:v>26.955801489529271</c:v>
                </c:pt>
                <c:pt idx="927">
                  <c:v>26.955801489529271</c:v>
                </c:pt>
                <c:pt idx="928">
                  <c:v>22.524028707691642</c:v>
                </c:pt>
                <c:pt idx="929">
                  <c:v>17.909673526602269</c:v>
                </c:pt>
                <c:pt idx="930">
                  <c:v>6.6393599727904622</c:v>
                </c:pt>
                <c:pt idx="931">
                  <c:v>6.6393599727904622</c:v>
                </c:pt>
                <c:pt idx="932">
                  <c:v>6.6393599727904622</c:v>
                </c:pt>
                <c:pt idx="933">
                  <c:v>6.6393599727904622</c:v>
                </c:pt>
                <c:pt idx="934">
                  <c:v>6.6393599727904622</c:v>
                </c:pt>
                <c:pt idx="935">
                  <c:v>6.6393599727904622</c:v>
                </c:pt>
                <c:pt idx="936">
                  <c:v>5.9914330168646082</c:v>
                </c:pt>
                <c:pt idx="937">
                  <c:v>5.9914330168646082</c:v>
                </c:pt>
                <c:pt idx="938">
                  <c:v>5.9914330168646082</c:v>
                </c:pt>
                <c:pt idx="939">
                  <c:v>5.9914330168646082</c:v>
                </c:pt>
                <c:pt idx="940">
                  <c:v>5.9914330168646082</c:v>
                </c:pt>
                <c:pt idx="941">
                  <c:v>5.9914330168646082</c:v>
                </c:pt>
                <c:pt idx="942">
                  <c:v>5.9914330168646082</c:v>
                </c:pt>
                <c:pt idx="943">
                  <c:v>16.506397961461996</c:v>
                </c:pt>
                <c:pt idx="944">
                  <c:v>18.417665093841808</c:v>
                </c:pt>
                <c:pt idx="945">
                  <c:v>20.328932226221617</c:v>
                </c:pt>
                <c:pt idx="946">
                  <c:v>20.328932226221617</c:v>
                </c:pt>
                <c:pt idx="947">
                  <c:v>24.325218048470308</c:v>
                </c:pt>
                <c:pt idx="948">
                  <c:v>24.325218048470308</c:v>
                </c:pt>
                <c:pt idx="949">
                  <c:v>16.158894846483847</c:v>
                </c:pt>
                <c:pt idx="950">
                  <c:v>24.325218048470308</c:v>
                </c:pt>
                <c:pt idx="951">
                  <c:v>24.325218048470308</c:v>
                </c:pt>
                <c:pt idx="952">
                  <c:v>20.325936509713184</c:v>
                </c:pt>
                <c:pt idx="953">
                  <c:v>16.16189056299228</c:v>
                </c:pt>
                <c:pt idx="954">
                  <c:v>5.9914330168646082</c:v>
                </c:pt>
                <c:pt idx="955">
                  <c:v>5.9914330168646082</c:v>
                </c:pt>
                <c:pt idx="956">
                  <c:v>5.9914330168646082</c:v>
                </c:pt>
                <c:pt idx="957">
                  <c:v>5.9914330168646082</c:v>
                </c:pt>
                <c:pt idx="958">
                  <c:v>5.9914330168646082</c:v>
                </c:pt>
                <c:pt idx="959">
                  <c:v>5.9914330168646082</c:v>
                </c:pt>
                <c:pt idx="960">
                  <c:v>5.1158737967921395</c:v>
                </c:pt>
                <c:pt idx="961">
                  <c:v>5.1158737967921395</c:v>
                </c:pt>
                <c:pt idx="962">
                  <c:v>5.1158737967921395</c:v>
                </c:pt>
                <c:pt idx="963">
                  <c:v>5.1158737967921395</c:v>
                </c:pt>
                <c:pt idx="964">
                  <c:v>5.1158737967921395</c:v>
                </c:pt>
                <c:pt idx="965">
                  <c:v>5.1158737967921395</c:v>
                </c:pt>
                <c:pt idx="966">
                  <c:v>5.1158737967921395</c:v>
                </c:pt>
                <c:pt idx="967">
                  <c:v>13.862367707436766</c:v>
                </c:pt>
                <c:pt idx="968">
                  <c:v>17.327959634295954</c:v>
                </c:pt>
                <c:pt idx="969">
                  <c:v>19.060755597725549</c:v>
                </c:pt>
                <c:pt idx="970">
                  <c:v>19.060755597725549</c:v>
                </c:pt>
                <c:pt idx="971">
                  <c:v>22.526347524584743</c:v>
                </c:pt>
                <c:pt idx="972">
                  <c:v>22.526347524584743</c:v>
                </c:pt>
                <c:pt idx="973">
                  <c:v>15.595163670866361</c:v>
                </c:pt>
                <c:pt idx="974">
                  <c:v>22.526347524584743</c:v>
                </c:pt>
                <c:pt idx="975">
                  <c:v>19.060755597725549</c:v>
                </c:pt>
                <c:pt idx="976">
                  <c:v>16.502818699329485</c:v>
                </c:pt>
                <c:pt idx="977">
                  <c:v>13.862367707436766</c:v>
                </c:pt>
                <c:pt idx="978">
                  <c:v>5.1158737967921395</c:v>
                </c:pt>
                <c:pt idx="979">
                  <c:v>5.1158737967921395</c:v>
                </c:pt>
                <c:pt idx="980">
                  <c:v>5.1158737967921395</c:v>
                </c:pt>
                <c:pt idx="981">
                  <c:v>5.1158737967921395</c:v>
                </c:pt>
                <c:pt idx="982">
                  <c:v>5.1158737967921395</c:v>
                </c:pt>
                <c:pt idx="983">
                  <c:v>5.1158737967921395</c:v>
                </c:pt>
                <c:pt idx="984">
                  <c:v>1.9250083562849494</c:v>
                </c:pt>
                <c:pt idx="985">
                  <c:v>3.7583496479849017</c:v>
                </c:pt>
                <c:pt idx="986">
                  <c:v>3.7583496479849017</c:v>
                </c:pt>
                <c:pt idx="987">
                  <c:v>3.7583496479849017</c:v>
                </c:pt>
                <c:pt idx="988">
                  <c:v>3.7583496479849017</c:v>
                </c:pt>
                <c:pt idx="989">
                  <c:v>4.6750202938348773</c:v>
                </c:pt>
                <c:pt idx="990">
                  <c:v>5.8666921334398463</c:v>
                </c:pt>
                <c:pt idx="991">
                  <c:v>6.6916957147048244</c:v>
                </c:pt>
                <c:pt idx="992">
                  <c:v>6.6916957147048244</c:v>
                </c:pt>
                <c:pt idx="993">
                  <c:v>6.6916957147048244</c:v>
                </c:pt>
                <c:pt idx="994">
                  <c:v>6.6916957147048244</c:v>
                </c:pt>
                <c:pt idx="995">
                  <c:v>6.6916957147048244</c:v>
                </c:pt>
                <c:pt idx="996">
                  <c:v>6.6916957147048244</c:v>
                </c:pt>
                <c:pt idx="997">
                  <c:v>6.6916957147048244</c:v>
                </c:pt>
                <c:pt idx="998">
                  <c:v>6.6916957147048244</c:v>
                </c:pt>
                <c:pt idx="999">
                  <c:v>6.0500262626098404</c:v>
                </c:pt>
                <c:pt idx="1000">
                  <c:v>5.5000238750998562</c:v>
                </c:pt>
                <c:pt idx="1001">
                  <c:v>4.9500214875898703</c:v>
                </c:pt>
                <c:pt idx="1002">
                  <c:v>4.7666873584198743</c:v>
                </c:pt>
                <c:pt idx="1003">
                  <c:v>3.8500167125698987</c:v>
                </c:pt>
                <c:pt idx="1004">
                  <c:v>2.8416790021349252</c:v>
                </c:pt>
                <c:pt idx="1005">
                  <c:v>2.8416790021349252</c:v>
                </c:pt>
                <c:pt idx="1006">
                  <c:v>2.8416790021349252</c:v>
                </c:pt>
                <c:pt idx="1007">
                  <c:v>2.8416790021349252</c:v>
                </c:pt>
                <c:pt idx="1008">
                  <c:v>2.3781972886959482</c:v>
                </c:pt>
                <c:pt idx="1009">
                  <c:v>2.7617774965501334</c:v>
                </c:pt>
                <c:pt idx="1010">
                  <c:v>2.7617774965501334</c:v>
                </c:pt>
                <c:pt idx="1011">
                  <c:v>2.7617774965501334</c:v>
                </c:pt>
                <c:pt idx="1012">
                  <c:v>2.7617774965501334</c:v>
                </c:pt>
                <c:pt idx="1013">
                  <c:v>3.4522218706876662</c:v>
                </c:pt>
                <c:pt idx="1014">
                  <c:v>4.0659502032543635</c:v>
                </c:pt>
                <c:pt idx="1015">
                  <c:v>4.833110618962734</c:v>
                </c:pt>
                <c:pt idx="1016">
                  <c:v>4.833110618962734</c:v>
                </c:pt>
                <c:pt idx="1017">
                  <c:v>4.833110618962734</c:v>
                </c:pt>
                <c:pt idx="1018">
                  <c:v>4.833110618962734</c:v>
                </c:pt>
                <c:pt idx="1019">
                  <c:v>4.833110618962734</c:v>
                </c:pt>
                <c:pt idx="1020">
                  <c:v>4.833110618962734</c:v>
                </c:pt>
                <c:pt idx="1021">
                  <c:v>4.833110618962734</c:v>
                </c:pt>
                <c:pt idx="1022">
                  <c:v>4.833110618962734</c:v>
                </c:pt>
                <c:pt idx="1023">
                  <c:v>4.2960983279668739</c:v>
                </c:pt>
                <c:pt idx="1024">
                  <c:v>4.2193822863960371</c:v>
                </c:pt>
                <c:pt idx="1025">
                  <c:v>3.6056539538293411</c:v>
                </c:pt>
                <c:pt idx="1026">
                  <c:v>3.3755058291168303</c:v>
                </c:pt>
                <c:pt idx="1027">
                  <c:v>2.8384935381209702</c:v>
                </c:pt>
                <c:pt idx="1028">
                  <c:v>2.3781972886959482</c:v>
                </c:pt>
                <c:pt idx="1029">
                  <c:v>2.0713331224126001</c:v>
                </c:pt>
                <c:pt idx="1030">
                  <c:v>2.0713331224126001</c:v>
                </c:pt>
                <c:pt idx="1031">
                  <c:v>2.0713331224126001</c:v>
                </c:pt>
                <c:pt idx="1032">
                  <c:v>2.072065225584498</c:v>
                </c:pt>
                <c:pt idx="1033">
                  <c:v>2.072065225584498</c:v>
                </c:pt>
                <c:pt idx="1034">
                  <c:v>2.072065225584498</c:v>
                </c:pt>
                <c:pt idx="1035">
                  <c:v>2.072065225584498</c:v>
                </c:pt>
                <c:pt idx="1036">
                  <c:v>2.072065225584498</c:v>
                </c:pt>
                <c:pt idx="1037">
                  <c:v>2.072065225584498</c:v>
                </c:pt>
                <c:pt idx="1038">
                  <c:v>2.072065225584498</c:v>
                </c:pt>
                <c:pt idx="1039">
                  <c:v>9.0134837312925651</c:v>
                </c:pt>
                <c:pt idx="1040">
                  <c:v>10.140169197704138</c:v>
                </c:pt>
                <c:pt idx="1041">
                  <c:v>11.266854664115709</c:v>
                </c:pt>
                <c:pt idx="1042">
                  <c:v>11.266854664115709</c:v>
                </c:pt>
                <c:pt idx="1043">
                  <c:v>13.520225596938849</c:v>
                </c:pt>
                <c:pt idx="1044">
                  <c:v>13.520225596938849</c:v>
                </c:pt>
                <c:pt idx="1045">
                  <c:v>9.0134837312925651</c:v>
                </c:pt>
                <c:pt idx="1046">
                  <c:v>13.520225596938849</c:v>
                </c:pt>
                <c:pt idx="1047">
                  <c:v>13.520225596938849</c:v>
                </c:pt>
                <c:pt idx="1048">
                  <c:v>11.266854664115709</c:v>
                </c:pt>
                <c:pt idx="1049">
                  <c:v>9.0652853619321778</c:v>
                </c:pt>
                <c:pt idx="1050">
                  <c:v>3.2376019149757784</c:v>
                </c:pt>
                <c:pt idx="1051">
                  <c:v>3.2376019149757784</c:v>
                </c:pt>
                <c:pt idx="1052">
                  <c:v>3.2376019149757784</c:v>
                </c:pt>
                <c:pt idx="1053">
                  <c:v>3.2376019149757784</c:v>
                </c:pt>
                <c:pt idx="1054">
                  <c:v>3.2376019149757784</c:v>
                </c:pt>
                <c:pt idx="1055">
                  <c:v>3.2376019149757784</c:v>
                </c:pt>
                <c:pt idx="1056">
                  <c:v>3.2464779305268121</c:v>
                </c:pt>
                <c:pt idx="1057">
                  <c:v>3.2464779305268121</c:v>
                </c:pt>
                <c:pt idx="1058">
                  <c:v>3.2464779305268121</c:v>
                </c:pt>
                <c:pt idx="1059">
                  <c:v>3.2464779305268121</c:v>
                </c:pt>
                <c:pt idx="1060">
                  <c:v>3.2464779305268121</c:v>
                </c:pt>
                <c:pt idx="1061">
                  <c:v>3.2464779305268121</c:v>
                </c:pt>
                <c:pt idx="1062">
                  <c:v>3.2464779305268121</c:v>
                </c:pt>
                <c:pt idx="1063">
                  <c:v>9.3519509418078819</c:v>
                </c:pt>
                <c:pt idx="1064">
                  <c:v>10.434808419280374</c:v>
                </c:pt>
                <c:pt idx="1065">
                  <c:v>11.517665896752865</c:v>
                </c:pt>
                <c:pt idx="1066">
                  <c:v>11.517665896752865</c:v>
                </c:pt>
                <c:pt idx="1067">
                  <c:v>13.781822440558985</c:v>
                </c:pt>
                <c:pt idx="1068">
                  <c:v>13.781822440558985</c:v>
                </c:pt>
                <c:pt idx="1069">
                  <c:v>9.155067764085608</c:v>
                </c:pt>
                <c:pt idx="1070">
                  <c:v>13.781822440558985</c:v>
                </c:pt>
                <c:pt idx="1071">
                  <c:v>13.781822440558985</c:v>
                </c:pt>
                <c:pt idx="1072">
                  <c:v>11.519760398643529</c:v>
                </c:pt>
                <c:pt idx="1073">
                  <c:v>9.1529732621949478</c:v>
                </c:pt>
                <c:pt idx="1074">
                  <c:v>3.2464779305268121</c:v>
                </c:pt>
                <c:pt idx="1075">
                  <c:v>3.2464779305268121</c:v>
                </c:pt>
                <c:pt idx="1076">
                  <c:v>3.2464779305268121</c:v>
                </c:pt>
                <c:pt idx="1077">
                  <c:v>3.2464779305268121</c:v>
                </c:pt>
                <c:pt idx="1078">
                  <c:v>3.2464779305268121</c:v>
                </c:pt>
                <c:pt idx="1079">
                  <c:v>3.2464779305268121</c:v>
                </c:pt>
                <c:pt idx="1080">
                  <c:v>4.2204326706672726</c:v>
                </c:pt>
                <c:pt idx="1081">
                  <c:v>4.2204326706672726</c:v>
                </c:pt>
                <c:pt idx="1082">
                  <c:v>4.2204326706672726</c:v>
                </c:pt>
                <c:pt idx="1083">
                  <c:v>4.2204326706672726</c:v>
                </c:pt>
                <c:pt idx="1084">
                  <c:v>4.2204326706672726</c:v>
                </c:pt>
                <c:pt idx="1085">
                  <c:v>4.2204326706672726</c:v>
                </c:pt>
                <c:pt idx="1086">
                  <c:v>4.2204326706672726</c:v>
                </c:pt>
                <c:pt idx="1087">
                  <c:v>11.627292007688336</c:v>
                </c:pt>
                <c:pt idx="1088">
                  <c:v>12.973610029631196</c:v>
                </c:pt>
                <c:pt idx="1089">
                  <c:v>14.319928051574058</c:v>
                </c:pt>
                <c:pt idx="1090">
                  <c:v>14.319928051574058</c:v>
                </c:pt>
                <c:pt idx="1091">
                  <c:v>17.134956642909128</c:v>
                </c:pt>
                <c:pt idx="1092">
                  <c:v>17.134956642909128</c:v>
                </c:pt>
                <c:pt idx="1093">
                  <c:v>11.382506912789635</c:v>
                </c:pt>
                <c:pt idx="1094">
                  <c:v>17.134956642909128</c:v>
                </c:pt>
                <c:pt idx="1095">
                  <c:v>17.134956642909128</c:v>
                </c:pt>
                <c:pt idx="1096">
                  <c:v>14.317817835238724</c:v>
                </c:pt>
                <c:pt idx="1097">
                  <c:v>11.384617129124967</c:v>
                </c:pt>
                <c:pt idx="1098">
                  <c:v>4.2204326706672726</c:v>
                </c:pt>
                <c:pt idx="1099">
                  <c:v>4.2204326706672726</c:v>
                </c:pt>
                <c:pt idx="1100">
                  <c:v>4.2204326706672726</c:v>
                </c:pt>
                <c:pt idx="1101">
                  <c:v>4.2204326706672726</c:v>
                </c:pt>
                <c:pt idx="1102">
                  <c:v>4.2204326706672726</c:v>
                </c:pt>
                <c:pt idx="1103">
                  <c:v>4.2204326706672726</c:v>
                </c:pt>
                <c:pt idx="1104">
                  <c:v>4.4796034530376154</c:v>
                </c:pt>
                <c:pt idx="1105">
                  <c:v>4.4796034530376154</c:v>
                </c:pt>
                <c:pt idx="1106">
                  <c:v>4.4796034530376154</c:v>
                </c:pt>
                <c:pt idx="1107">
                  <c:v>4.4796034530376154</c:v>
                </c:pt>
                <c:pt idx="1108">
                  <c:v>4.4796034530376154</c:v>
                </c:pt>
                <c:pt idx="1109">
                  <c:v>4.4796034530376154</c:v>
                </c:pt>
                <c:pt idx="1110">
                  <c:v>4.4796034530376154</c:v>
                </c:pt>
                <c:pt idx="1111">
                  <c:v>12.341307513118627</c:v>
                </c:pt>
                <c:pt idx="1112">
                  <c:v>13.77030101463763</c:v>
                </c:pt>
                <c:pt idx="1113">
                  <c:v>15.199294516156627</c:v>
                </c:pt>
                <c:pt idx="1114">
                  <c:v>15.199294516156627</c:v>
                </c:pt>
                <c:pt idx="1115">
                  <c:v>18.187190019332714</c:v>
                </c:pt>
                <c:pt idx="1116">
                  <c:v>18.187190019332714</c:v>
                </c:pt>
                <c:pt idx="1117">
                  <c:v>12.081490512842448</c:v>
                </c:pt>
                <c:pt idx="1118">
                  <c:v>18.187190019332714</c:v>
                </c:pt>
                <c:pt idx="1119">
                  <c:v>18.187190019332714</c:v>
                </c:pt>
                <c:pt idx="1120">
                  <c:v>15.197054714430111</c:v>
                </c:pt>
                <c:pt idx="1121">
                  <c:v>12.083730314568966</c:v>
                </c:pt>
                <c:pt idx="1122">
                  <c:v>4.4796034530376154</c:v>
                </c:pt>
                <c:pt idx="1123">
                  <c:v>4.4796034530376154</c:v>
                </c:pt>
                <c:pt idx="1124">
                  <c:v>4.4796034530376154</c:v>
                </c:pt>
                <c:pt idx="1125">
                  <c:v>4.4796034530376154</c:v>
                </c:pt>
                <c:pt idx="1126">
                  <c:v>4.4796034530376154</c:v>
                </c:pt>
                <c:pt idx="1127">
                  <c:v>4.4796034530376154</c:v>
                </c:pt>
                <c:pt idx="1128">
                  <c:v>2.2808143017860942</c:v>
                </c:pt>
                <c:pt idx="1129">
                  <c:v>2.2808143017860942</c:v>
                </c:pt>
                <c:pt idx="1130">
                  <c:v>2.2808143017860942</c:v>
                </c:pt>
                <c:pt idx="1131">
                  <c:v>2.2808143017860942</c:v>
                </c:pt>
                <c:pt idx="1132">
                  <c:v>2.2808143017860942</c:v>
                </c:pt>
                <c:pt idx="1133">
                  <c:v>2.2808143017860942</c:v>
                </c:pt>
                <c:pt idx="1134">
                  <c:v>2.2808143017860942</c:v>
                </c:pt>
                <c:pt idx="1135">
                  <c:v>6.1802710112913513</c:v>
                </c:pt>
                <c:pt idx="1136">
                  <c:v>7.7253387641141895</c:v>
                </c:pt>
                <c:pt idx="1137">
                  <c:v>8.4978726405256104</c:v>
                </c:pt>
                <c:pt idx="1138">
                  <c:v>8.4978726405256104</c:v>
                </c:pt>
                <c:pt idx="1139">
                  <c:v>10.042940393348449</c:v>
                </c:pt>
                <c:pt idx="1140">
                  <c:v>10.042940393348449</c:v>
                </c:pt>
                <c:pt idx="1141">
                  <c:v>6.9528048877027713</c:v>
                </c:pt>
                <c:pt idx="1142">
                  <c:v>10.042940393348449</c:v>
                </c:pt>
                <c:pt idx="1143">
                  <c:v>8.4978726405256104</c:v>
                </c:pt>
                <c:pt idx="1144">
                  <c:v>7.3574654896325633</c:v>
                </c:pt>
                <c:pt idx="1145">
                  <c:v>6.1802710112913513</c:v>
                </c:pt>
                <c:pt idx="1146">
                  <c:v>2.2808143017860942</c:v>
                </c:pt>
                <c:pt idx="1147">
                  <c:v>2.2808143017860942</c:v>
                </c:pt>
                <c:pt idx="1148">
                  <c:v>2.2808143017860942</c:v>
                </c:pt>
                <c:pt idx="1149">
                  <c:v>2.2808143017860942</c:v>
                </c:pt>
                <c:pt idx="1150">
                  <c:v>2.2808143017860942</c:v>
                </c:pt>
                <c:pt idx="1151">
                  <c:v>2.2808143017860942</c:v>
                </c:pt>
                <c:pt idx="1152">
                  <c:v>0.25733141168679596</c:v>
                </c:pt>
                <c:pt idx="1153">
                  <c:v>0.50240894662660174</c:v>
                </c:pt>
                <c:pt idx="1154">
                  <c:v>0.50240894662660174</c:v>
                </c:pt>
                <c:pt idx="1155">
                  <c:v>0.50240894662660174</c:v>
                </c:pt>
                <c:pt idx="1156">
                  <c:v>0.50240894662660174</c:v>
                </c:pt>
                <c:pt idx="1157">
                  <c:v>0.62494771409650451</c:v>
                </c:pt>
                <c:pt idx="1158">
                  <c:v>0.7842481118073783</c:v>
                </c:pt>
                <c:pt idx="1159">
                  <c:v>0.89453300253029078</c:v>
                </c:pt>
                <c:pt idx="1160">
                  <c:v>0.89453300253029078</c:v>
                </c:pt>
                <c:pt idx="1161">
                  <c:v>0.89453300253029078</c:v>
                </c:pt>
                <c:pt idx="1162">
                  <c:v>0.89453300253029078</c:v>
                </c:pt>
                <c:pt idx="1163">
                  <c:v>0.89453300253029078</c:v>
                </c:pt>
                <c:pt idx="1164">
                  <c:v>0.89453300253029078</c:v>
                </c:pt>
                <c:pt idx="1165">
                  <c:v>0.89453300253029078</c:v>
                </c:pt>
                <c:pt idx="1166">
                  <c:v>0.89453300253029078</c:v>
                </c:pt>
                <c:pt idx="1167">
                  <c:v>0.80875586530135879</c:v>
                </c:pt>
                <c:pt idx="1168">
                  <c:v>0.7352326048194171</c:v>
                </c:pt>
                <c:pt idx="1169">
                  <c:v>0.66170934433747541</c:v>
                </c:pt>
                <c:pt idx="1170">
                  <c:v>0.63720159084349492</c:v>
                </c:pt>
                <c:pt idx="1171">
                  <c:v>0.51466282337359193</c:v>
                </c:pt>
                <c:pt idx="1172">
                  <c:v>0.37987017915669885</c:v>
                </c:pt>
                <c:pt idx="1173">
                  <c:v>0.37987017915669885</c:v>
                </c:pt>
                <c:pt idx="1174">
                  <c:v>0.37987017915669885</c:v>
                </c:pt>
                <c:pt idx="1175">
                  <c:v>0.37987017915669885</c:v>
                </c:pt>
                <c:pt idx="1176">
                  <c:v>1.1861792791896297</c:v>
                </c:pt>
                <c:pt idx="1177">
                  <c:v>1.3774985177686021</c:v>
                </c:pt>
                <c:pt idx="1178">
                  <c:v>1.3774985177686021</c:v>
                </c:pt>
                <c:pt idx="1179">
                  <c:v>1.3774985177686021</c:v>
                </c:pt>
                <c:pt idx="1180">
                  <c:v>1.3774985177686021</c:v>
                </c:pt>
                <c:pt idx="1181">
                  <c:v>1.7218731472107522</c:v>
                </c:pt>
                <c:pt idx="1182">
                  <c:v>2.0279839289371084</c:v>
                </c:pt>
                <c:pt idx="1183">
                  <c:v>2.4106224060950536</c:v>
                </c:pt>
                <c:pt idx="1184">
                  <c:v>2.4106224060950536</c:v>
                </c:pt>
                <c:pt idx="1185">
                  <c:v>2.4106224060950536</c:v>
                </c:pt>
                <c:pt idx="1186">
                  <c:v>2.4106224060950536</c:v>
                </c:pt>
                <c:pt idx="1187">
                  <c:v>2.4106224060950536</c:v>
                </c:pt>
                <c:pt idx="1188">
                  <c:v>2.4106224060950536</c:v>
                </c:pt>
                <c:pt idx="1189">
                  <c:v>2.4106224060950536</c:v>
                </c:pt>
                <c:pt idx="1190">
                  <c:v>2.4106224060950536</c:v>
                </c:pt>
                <c:pt idx="1191">
                  <c:v>2.1427754720844918</c:v>
                </c:pt>
                <c:pt idx="1192">
                  <c:v>2.1045116243686977</c:v>
                </c:pt>
                <c:pt idx="1193">
                  <c:v>1.7984008426423415</c:v>
                </c:pt>
                <c:pt idx="1194">
                  <c:v>1.6836092994949581</c:v>
                </c:pt>
                <c:pt idx="1195">
                  <c:v>1.4157623654843967</c:v>
                </c:pt>
                <c:pt idx="1196">
                  <c:v>1.1861792791896297</c:v>
                </c:pt>
                <c:pt idx="1197">
                  <c:v>1.0331238883264515</c:v>
                </c:pt>
                <c:pt idx="1198">
                  <c:v>1.0331238883264515</c:v>
                </c:pt>
                <c:pt idx="1199">
                  <c:v>1.0331238883264515</c:v>
                </c:pt>
                <c:pt idx="1200">
                  <c:v>1.4735830998579813</c:v>
                </c:pt>
                <c:pt idx="1201">
                  <c:v>1.4735830998579813</c:v>
                </c:pt>
                <c:pt idx="1202">
                  <c:v>1.4735830998579813</c:v>
                </c:pt>
                <c:pt idx="1203">
                  <c:v>1.4735830998579813</c:v>
                </c:pt>
                <c:pt idx="1204">
                  <c:v>1.4735830998579813</c:v>
                </c:pt>
                <c:pt idx="1205">
                  <c:v>1.4735830998579813</c:v>
                </c:pt>
                <c:pt idx="1206">
                  <c:v>1.4735830998579813</c:v>
                </c:pt>
                <c:pt idx="1207">
                  <c:v>6.4100864843822194</c:v>
                </c:pt>
                <c:pt idx="1208">
                  <c:v>7.2113472949299959</c:v>
                </c:pt>
                <c:pt idx="1209">
                  <c:v>8.0126081054777742</c:v>
                </c:pt>
                <c:pt idx="1210">
                  <c:v>8.0126081054777742</c:v>
                </c:pt>
                <c:pt idx="1211">
                  <c:v>9.6151297265733255</c:v>
                </c:pt>
                <c:pt idx="1212">
                  <c:v>9.6151297265733255</c:v>
                </c:pt>
                <c:pt idx="1213">
                  <c:v>6.4100864843822194</c:v>
                </c:pt>
                <c:pt idx="1214">
                  <c:v>9.6151297265733255</c:v>
                </c:pt>
                <c:pt idx="1215">
                  <c:v>9.6151297265733255</c:v>
                </c:pt>
                <c:pt idx="1216">
                  <c:v>8.0126081054777742</c:v>
                </c:pt>
                <c:pt idx="1217">
                  <c:v>6.4469260618786679</c:v>
                </c:pt>
                <c:pt idx="1218">
                  <c:v>2.302473593528096</c:v>
                </c:pt>
                <c:pt idx="1219">
                  <c:v>2.302473593528096</c:v>
                </c:pt>
                <c:pt idx="1220">
                  <c:v>2.302473593528096</c:v>
                </c:pt>
                <c:pt idx="1221">
                  <c:v>2.302473593528096</c:v>
                </c:pt>
                <c:pt idx="1222">
                  <c:v>2.302473593528096</c:v>
                </c:pt>
                <c:pt idx="1223">
                  <c:v>2.302473593528096</c:v>
                </c:pt>
                <c:pt idx="1224">
                  <c:v>0.61440903812204417</c:v>
                </c:pt>
                <c:pt idx="1225">
                  <c:v>0.61440903812204417</c:v>
                </c:pt>
                <c:pt idx="1226">
                  <c:v>0.61440903812204417</c:v>
                </c:pt>
                <c:pt idx="1227">
                  <c:v>0.61440903812204417</c:v>
                </c:pt>
                <c:pt idx="1228">
                  <c:v>0.61440903812204417</c:v>
                </c:pt>
                <c:pt idx="1229">
                  <c:v>0.61440903812204417</c:v>
                </c:pt>
                <c:pt idx="1230">
                  <c:v>0.61440903812204417</c:v>
                </c:pt>
                <c:pt idx="1231">
                  <c:v>1.7698944227193074</c:v>
                </c:pt>
                <c:pt idx="1232">
                  <c:v>1.9748295664025959</c:v>
                </c:pt>
                <c:pt idx="1233">
                  <c:v>2.1797647100858843</c:v>
                </c:pt>
                <c:pt idx="1234">
                  <c:v>2.1797647100858843</c:v>
                </c:pt>
                <c:pt idx="1235">
                  <c:v>2.6082654650600325</c:v>
                </c:pt>
                <c:pt idx="1236">
                  <c:v>2.6082654650600325</c:v>
                </c:pt>
                <c:pt idx="1237">
                  <c:v>1.732633487504164</c:v>
                </c:pt>
                <c:pt idx="1238">
                  <c:v>2.6082654650600325</c:v>
                </c:pt>
                <c:pt idx="1239">
                  <c:v>2.6082654650600325</c:v>
                </c:pt>
                <c:pt idx="1240">
                  <c:v>2.1801611030137047</c:v>
                </c:pt>
                <c:pt idx="1241">
                  <c:v>1.7322370945763435</c:v>
                </c:pt>
                <c:pt idx="1242">
                  <c:v>0.61440903812204417</c:v>
                </c:pt>
                <c:pt idx="1243">
                  <c:v>0.61440903812204417</c:v>
                </c:pt>
                <c:pt idx="1244">
                  <c:v>0.61440903812204417</c:v>
                </c:pt>
                <c:pt idx="1245">
                  <c:v>0.61440903812204417</c:v>
                </c:pt>
                <c:pt idx="1246">
                  <c:v>0.61440903812204417</c:v>
                </c:pt>
                <c:pt idx="1247">
                  <c:v>0.61440903812204417</c:v>
                </c:pt>
                <c:pt idx="1248">
                  <c:v>0.5816192471580679</c:v>
                </c:pt>
                <c:pt idx="1249">
                  <c:v>0.5816192471580679</c:v>
                </c:pt>
                <c:pt idx="1250">
                  <c:v>0.5816192471580679</c:v>
                </c:pt>
                <c:pt idx="1251">
                  <c:v>0.5816192471580679</c:v>
                </c:pt>
                <c:pt idx="1252">
                  <c:v>0.5816192471580679</c:v>
                </c:pt>
                <c:pt idx="1253">
                  <c:v>0.5816192471580679</c:v>
                </c:pt>
                <c:pt idx="1254">
                  <c:v>0.5816192471580679</c:v>
                </c:pt>
                <c:pt idx="1255">
                  <c:v>1.602361025920477</c:v>
                </c:pt>
                <c:pt idx="1256">
                  <c:v>1.7878975657639007</c:v>
                </c:pt>
                <c:pt idx="1257">
                  <c:v>1.9734341056073241</c:v>
                </c:pt>
                <c:pt idx="1258">
                  <c:v>1.9734341056073241</c:v>
                </c:pt>
                <c:pt idx="1259">
                  <c:v>2.361374143461755</c:v>
                </c:pt>
                <c:pt idx="1260">
                  <c:v>2.361374143461755</c:v>
                </c:pt>
                <c:pt idx="1261">
                  <c:v>1.5686271095853088</c:v>
                </c:pt>
                <c:pt idx="1262">
                  <c:v>2.361374143461755</c:v>
                </c:pt>
                <c:pt idx="1263">
                  <c:v>2.361374143461755</c:v>
                </c:pt>
                <c:pt idx="1264">
                  <c:v>1.9731432959837452</c:v>
                </c:pt>
                <c:pt idx="1265">
                  <c:v>1.5689179192088882</c:v>
                </c:pt>
                <c:pt idx="1266">
                  <c:v>0.5816192471580679</c:v>
                </c:pt>
                <c:pt idx="1267">
                  <c:v>0.5816192471580679</c:v>
                </c:pt>
                <c:pt idx="1268">
                  <c:v>0.5816192471580679</c:v>
                </c:pt>
                <c:pt idx="1269">
                  <c:v>0.5816192471580679</c:v>
                </c:pt>
                <c:pt idx="1270">
                  <c:v>0.5816192471580679</c:v>
                </c:pt>
                <c:pt idx="1271">
                  <c:v>0.5816192471580679</c:v>
                </c:pt>
                <c:pt idx="1272">
                  <c:v>1.7583102381490257</c:v>
                </c:pt>
                <c:pt idx="1273">
                  <c:v>1.7583102381490257</c:v>
                </c:pt>
                <c:pt idx="1274">
                  <c:v>1.7583102381490257</c:v>
                </c:pt>
                <c:pt idx="1275">
                  <c:v>1.7583102381490257</c:v>
                </c:pt>
                <c:pt idx="1276">
                  <c:v>1.7583102381490257</c:v>
                </c:pt>
                <c:pt idx="1277">
                  <c:v>1.7583102381490257</c:v>
                </c:pt>
                <c:pt idx="1278">
                  <c:v>1.7583102381490257</c:v>
                </c:pt>
                <c:pt idx="1279">
                  <c:v>4.8441447061005647</c:v>
                </c:pt>
                <c:pt idx="1280">
                  <c:v>5.4050456720701039</c:v>
                </c:pt>
                <c:pt idx="1281">
                  <c:v>5.9659466380396431</c:v>
                </c:pt>
                <c:pt idx="1282">
                  <c:v>5.9659466380396431</c:v>
                </c:pt>
                <c:pt idx="1283">
                  <c:v>7.1387395668850422</c:v>
                </c:pt>
                <c:pt idx="1284">
                  <c:v>7.1387395668850422</c:v>
                </c:pt>
                <c:pt idx="1285">
                  <c:v>4.7421627122879224</c:v>
                </c:pt>
                <c:pt idx="1286">
                  <c:v>7.1387395668850422</c:v>
                </c:pt>
                <c:pt idx="1287">
                  <c:v>7.1387395668850422</c:v>
                </c:pt>
                <c:pt idx="1288">
                  <c:v>5.9650674829205688</c:v>
                </c:pt>
                <c:pt idx="1289">
                  <c:v>4.7430418674069958</c:v>
                </c:pt>
                <c:pt idx="1290">
                  <c:v>1.7583102381490257</c:v>
                </c:pt>
                <c:pt idx="1291">
                  <c:v>1.7583102381490257</c:v>
                </c:pt>
                <c:pt idx="1292">
                  <c:v>1.7583102381490257</c:v>
                </c:pt>
                <c:pt idx="1293">
                  <c:v>1.7583102381490257</c:v>
                </c:pt>
                <c:pt idx="1294">
                  <c:v>1.7583102381490257</c:v>
                </c:pt>
                <c:pt idx="1295">
                  <c:v>1.7583102381490257</c:v>
                </c:pt>
                <c:pt idx="1296">
                  <c:v>0.61313224590018589</c:v>
                </c:pt>
                <c:pt idx="1297">
                  <c:v>0.61313224590018589</c:v>
                </c:pt>
                <c:pt idx="1298">
                  <c:v>0.61313224590018589</c:v>
                </c:pt>
                <c:pt idx="1299">
                  <c:v>0.61313224590018589</c:v>
                </c:pt>
                <c:pt idx="1300">
                  <c:v>0.61313224590018589</c:v>
                </c:pt>
                <c:pt idx="1301">
                  <c:v>0.61313224590018589</c:v>
                </c:pt>
                <c:pt idx="1302">
                  <c:v>0.61313224590018589</c:v>
                </c:pt>
                <c:pt idx="1303">
                  <c:v>1.6613906017940521</c:v>
                </c:pt>
                <c:pt idx="1304">
                  <c:v>2.0767382522425653</c:v>
                </c:pt>
                <c:pt idx="1305">
                  <c:v>2.284412077466822</c:v>
                </c:pt>
                <c:pt idx="1306">
                  <c:v>2.284412077466822</c:v>
                </c:pt>
                <c:pt idx="1307">
                  <c:v>2.6997597279153349</c:v>
                </c:pt>
                <c:pt idx="1308">
                  <c:v>2.6997597279153349</c:v>
                </c:pt>
                <c:pt idx="1309">
                  <c:v>1.869064427018309</c:v>
                </c:pt>
                <c:pt idx="1310">
                  <c:v>2.6997597279153349</c:v>
                </c:pt>
                <c:pt idx="1311">
                  <c:v>2.284412077466822</c:v>
                </c:pt>
                <c:pt idx="1312">
                  <c:v>1.9778459545167288</c:v>
                </c:pt>
                <c:pt idx="1313">
                  <c:v>1.6613906017940521</c:v>
                </c:pt>
                <c:pt idx="1314">
                  <c:v>0.61313224590018589</c:v>
                </c:pt>
                <c:pt idx="1315">
                  <c:v>0.61313224590018589</c:v>
                </c:pt>
                <c:pt idx="1316">
                  <c:v>0.61313224590018589</c:v>
                </c:pt>
                <c:pt idx="1317">
                  <c:v>0.61313224590018589</c:v>
                </c:pt>
                <c:pt idx="1318">
                  <c:v>0.61313224590018589</c:v>
                </c:pt>
                <c:pt idx="1319">
                  <c:v>0.61313224590018589</c:v>
                </c:pt>
                <c:pt idx="1320">
                  <c:v>1.2821788565179681</c:v>
                </c:pt>
                <c:pt idx="1321">
                  <c:v>2.5033015770112712</c:v>
                </c:pt>
                <c:pt idx="1322">
                  <c:v>2.5033015770112712</c:v>
                </c:pt>
                <c:pt idx="1323">
                  <c:v>2.5033015770112712</c:v>
                </c:pt>
                <c:pt idx="1324">
                  <c:v>2.5033015770112712</c:v>
                </c:pt>
                <c:pt idx="1325">
                  <c:v>3.1138629372579225</c:v>
                </c:pt>
                <c:pt idx="1326">
                  <c:v>3.90759270557857</c:v>
                </c:pt>
                <c:pt idx="1327">
                  <c:v>4.4570979298005557</c:v>
                </c:pt>
                <c:pt idx="1328">
                  <c:v>4.4570979298005557</c:v>
                </c:pt>
                <c:pt idx="1329">
                  <c:v>4.4570979298005557</c:v>
                </c:pt>
                <c:pt idx="1330">
                  <c:v>4.4570979298005557</c:v>
                </c:pt>
                <c:pt idx="1331">
                  <c:v>4.4570979298005557</c:v>
                </c:pt>
                <c:pt idx="1332">
                  <c:v>4.4570979298005557</c:v>
                </c:pt>
                <c:pt idx="1333">
                  <c:v>4.4570979298005557</c:v>
                </c:pt>
                <c:pt idx="1334">
                  <c:v>4.4570979298005557</c:v>
                </c:pt>
                <c:pt idx="1335">
                  <c:v>4.0297049776278993</c:v>
                </c:pt>
                <c:pt idx="1336">
                  <c:v>3.6633681614799087</c:v>
                </c:pt>
                <c:pt idx="1337">
                  <c:v>3.2970313453319178</c:v>
                </c:pt>
                <c:pt idx="1338">
                  <c:v>3.1749190732825876</c:v>
                </c:pt>
                <c:pt idx="1339">
                  <c:v>2.5643577130359363</c:v>
                </c:pt>
                <c:pt idx="1340">
                  <c:v>1.8927402167646197</c:v>
                </c:pt>
                <c:pt idx="1341">
                  <c:v>1.8927402167646197</c:v>
                </c:pt>
                <c:pt idx="1342">
                  <c:v>1.8927402167646197</c:v>
                </c:pt>
                <c:pt idx="1343">
                  <c:v>1.8927402167646197</c:v>
                </c:pt>
                <c:pt idx="1344">
                  <c:v>3.8256477288107611</c:v>
                </c:pt>
                <c:pt idx="1345">
                  <c:v>4.4426876850705614</c:v>
                </c:pt>
                <c:pt idx="1346">
                  <c:v>4.4426876850705614</c:v>
                </c:pt>
                <c:pt idx="1347">
                  <c:v>4.4426876850705614</c:v>
                </c:pt>
                <c:pt idx="1348">
                  <c:v>4.4426876850705614</c:v>
                </c:pt>
                <c:pt idx="1349">
                  <c:v>5.5533596063382022</c:v>
                </c:pt>
                <c:pt idx="1350">
                  <c:v>6.5406235363538823</c:v>
                </c:pt>
                <c:pt idx="1351">
                  <c:v>7.7747034488734839</c:v>
                </c:pt>
                <c:pt idx="1352">
                  <c:v>7.7747034488734839</c:v>
                </c:pt>
                <c:pt idx="1353">
                  <c:v>7.7747034488734839</c:v>
                </c:pt>
                <c:pt idx="1354">
                  <c:v>7.7747034488734839</c:v>
                </c:pt>
                <c:pt idx="1355">
                  <c:v>7.7747034488734839</c:v>
                </c:pt>
                <c:pt idx="1356">
                  <c:v>7.7747034488734839</c:v>
                </c:pt>
                <c:pt idx="1357">
                  <c:v>7.7747034488734839</c:v>
                </c:pt>
                <c:pt idx="1358">
                  <c:v>7.7747034488734839</c:v>
                </c:pt>
                <c:pt idx="1359">
                  <c:v>6.9108475101097628</c:v>
                </c:pt>
                <c:pt idx="1360">
                  <c:v>6.7874395188578021</c:v>
                </c:pt>
                <c:pt idx="1361">
                  <c:v>5.8001755888421229</c:v>
                </c:pt>
                <c:pt idx="1362">
                  <c:v>5.4299516150862424</c:v>
                </c:pt>
                <c:pt idx="1363">
                  <c:v>4.5660956763225222</c:v>
                </c:pt>
                <c:pt idx="1364">
                  <c:v>3.8256477288107611</c:v>
                </c:pt>
                <c:pt idx="1365">
                  <c:v>3.332015763802922</c:v>
                </c:pt>
                <c:pt idx="1366">
                  <c:v>3.332015763802922</c:v>
                </c:pt>
                <c:pt idx="1367">
                  <c:v>3.332015763802922</c:v>
                </c:pt>
                <c:pt idx="1368">
                  <c:v>3.4970226677904916</c:v>
                </c:pt>
                <c:pt idx="1369">
                  <c:v>3.4970226677904916</c:v>
                </c:pt>
                <c:pt idx="1370">
                  <c:v>3.4970226677904916</c:v>
                </c:pt>
                <c:pt idx="1371">
                  <c:v>3.4970226677904916</c:v>
                </c:pt>
                <c:pt idx="1372">
                  <c:v>3.4970226677904916</c:v>
                </c:pt>
                <c:pt idx="1373">
                  <c:v>3.4970226677904916</c:v>
                </c:pt>
                <c:pt idx="1374">
                  <c:v>3.4970226677904916</c:v>
                </c:pt>
                <c:pt idx="1375">
                  <c:v>15.212048604888636</c:v>
                </c:pt>
                <c:pt idx="1376">
                  <c:v>17.113554680499718</c:v>
                </c:pt>
                <c:pt idx="1377">
                  <c:v>19.015060756110795</c:v>
                </c:pt>
                <c:pt idx="1378">
                  <c:v>19.015060756110795</c:v>
                </c:pt>
                <c:pt idx="1379">
                  <c:v>22.818072907332951</c:v>
                </c:pt>
                <c:pt idx="1380">
                  <c:v>22.818072907332951</c:v>
                </c:pt>
                <c:pt idx="1381">
                  <c:v>15.212048604888636</c:v>
                </c:pt>
                <c:pt idx="1382">
                  <c:v>22.818072907332951</c:v>
                </c:pt>
                <c:pt idx="1383">
                  <c:v>22.818072907332951</c:v>
                </c:pt>
                <c:pt idx="1384">
                  <c:v>19.015060756110795</c:v>
                </c:pt>
                <c:pt idx="1385">
                  <c:v>15.2994741715834</c:v>
                </c:pt>
                <c:pt idx="1386">
                  <c:v>5.4640979184226435</c:v>
                </c:pt>
                <c:pt idx="1387">
                  <c:v>5.4640979184226435</c:v>
                </c:pt>
                <c:pt idx="1388">
                  <c:v>5.4640979184226435</c:v>
                </c:pt>
                <c:pt idx="1389">
                  <c:v>5.4640979184226435</c:v>
                </c:pt>
                <c:pt idx="1390">
                  <c:v>5.4640979184226435</c:v>
                </c:pt>
                <c:pt idx="1391">
                  <c:v>5.4640979184226435</c:v>
                </c:pt>
                <c:pt idx="1392">
                  <c:v>4.7087384263072387</c:v>
                </c:pt>
                <c:pt idx="1393">
                  <c:v>4.7087384263072387</c:v>
                </c:pt>
                <c:pt idx="1394">
                  <c:v>4.7087384263072387</c:v>
                </c:pt>
                <c:pt idx="1395">
                  <c:v>4.7087384263072387</c:v>
                </c:pt>
                <c:pt idx="1396">
                  <c:v>4.7087384263072387</c:v>
                </c:pt>
                <c:pt idx="1397">
                  <c:v>4.7087384263072387</c:v>
                </c:pt>
                <c:pt idx="1398">
                  <c:v>4.7087384263072387</c:v>
                </c:pt>
                <c:pt idx="1399">
                  <c:v>13.564204563523754</c:v>
                </c:pt>
                <c:pt idx="1400">
                  <c:v>15.134796670879135</c:v>
                </c:pt>
                <c:pt idx="1401">
                  <c:v>16.705388778234521</c:v>
                </c:pt>
                <c:pt idx="1402">
                  <c:v>16.705388778234521</c:v>
                </c:pt>
                <c:pt idx="1403">
                  <c:v>19.989354093613954</c:v>
                </c:pt>
                <c:pt idx="1404">
                  <c:v>19.989354093613954</c:v>
                </c:pt>
                <c:pt idx="1405">
                  <c:v>13.27864236218641</c:v>
                </c:pt>
                <c:pt idx="1406">
                  <c:v>19.989354093613954</c:v>
                </c:pt>
                <c:pt idx="1407">
                  <c:v>19.989354093613954</c:v>
                </c:pt>
                <c:pt idx="1408">
                  <c:v>16.708426673993426</c:v>
                </c:pt>
                <c:pt idx="1409">
                  <c:v>13.275604466427506</c:v>
                </c:pt>
                <c:pt idx="1410">
                  <c:v>4.7087384263072387</c:v>
                </c:pt>
                <c:pt idx="1411">
                  <c:v>4.7087384263072387</c:v>
                </c:pt>
                <c:pt idx="1412">
                  <c:v>4.7087384263072387</c:v>
                </c:pt>
                <c:pt idx="1413">
                  <c:v>4.7087384263072387</c:v>
                </c:pt>
                <c:pt idx="1414">
                  <c:v>4.7087384263072387</c:v>
                </c:pt>
                <c:pt idx="1415">
                  <c:v>4.7087384263072387</c:v>
                </c:pt>
                <c:pt idx="1416">
                  <c:v>4.263627801062329</c:v>
                </c:pt>
                <c:pt idx="1417">
                  <c:v>4.263627801062329</c:v>
                </c:pt>
                <c:pt idx="1418">
                  <c:v>4.263627801062329</c:v>
                </c:pt>
                <c:pt idx="1419">
                  <c:v>4.263627801062329</c:v>
                </c:pt>
                <c:pt idx="1420">
                  <c:v>4.263627801062329</c:v>
                </c:pt>
                <c:pt idx="1421">
                  <c:v>4.263627801062329</c:v>
                </c:pt>
                <c:pt idx="1422">
                  <c:v>4.263627801062329</c:v>
                </c:pt>
                <c:pt idx="1423">
                  <c:v>11.746294591926715</c:v>
                </c:pt>
                <c:pt idx="1424">
                  <c:v>13.1063918604656</c:v>
                </c:pt>
                <c:pt idx="1425">
                  <c:v>14.466489129004481</c:v>
                </c:pt>
                <c:pt idx="1426">
                  <c:v>14.466489129004481</c:v>
                </c:pt>
                <c:pt idx="1427">
                  <c:v>17.31032887231305</c:v>
                </c:pt>
                <c:pt idx="1428">
                  <c:v>17.31032887231305</c:v>
                </c:pt>
                <c:pt idx="1429">
                  <c:v>11.4990041794651</c:v>
                </c:pt>
                <c:pt idx="1430">
                  <c:v>17.31032887231305</c:v>
                </c:pt>
                <c:pt idx="1431">
                  <c:v>17.31032887231305</c:v>
                </c:pt>
                <c:pt idx="1432">
                  <c:v>14.464357315103952</c:v>
                </c:pt>
                <c:pt idx="1433">
                  <c:v>11.501135993365631</c:v>
                </c:pt>
                <c:pt idx="1434">
                  <c:v>4.263627801062329</c:v>
                </c:pt>
                <c:pt idx="1435">
                  <c:v>4.263627801062329</c:v>
                </c:pt>
                <c:pt idx="1436">
                  <c:v>4.263627801062329</c:v>
                </c:pt>
                <c:pt idx="1437">
                  <c:v>4.263627801062329</c:v>
                </c:pt>
                <c:pt idx="1438">
                  <c:v>4.263627801062329</c:v>
                </c:pt>
                <c:pt idx="1439">
                  <c:v>4.263627801062329</c:v>
                </c:pt>
                <c:pt idx="1440">
                  <c:v>3.1405544107908479</c:v>
                </c:pt>
                <c:pt idx="1441">
                  <c:v>3.1405544107908479</c:v>
                </c:pt>
                <c:pt idx="1442">
                  <c:v>3.1405544107908479</c:v>
                </c:pt>
                <c:pt idx="1443">
                  <c:v>3.1405544107908479</c:v>
                </c:pt>
                <c:pt idx="1444">
                  <c:v>3.1405544107908479</c:v>
                </c:pt>
                <c:pt idx="1445">
                  <c:v>3.1405544107908479</c:v>
                </c:pt>
                <c:pt idx="1446">
                  <c:v>3.1405544107908479</c:v>
                </c:pt>
                <c:pt idx="1447">
                  <c:v>8.6522274017287852</c:v>
                </c:pt>
                <c:pt idx="1448">
                  <c:v>9.6540642587710668</c:v>
                </c:pt>
                <c:pt idx="1449">
                  <c:v>10.655901115813347</c:v>
                </c:pt>
                <c:pt idx="1450">
                  <c:v>10.655901115813347</c:v>
                </c:pt>
                <c:pt idx="1451">
                  <c:v>12.75065090781084</c:v>
                </c:pt>
                <c:pt idx="1452">
                  <c:v>12.75065090781084</c:v>
                </c:pt>
                <c:pt idx="1453">
                  <c:v>8.4700752459029172</c:v>
                </c:pt>
                <c:pt idx="1454">
                  <c:v>12.75065090781084</c:v>
                </c:pt>
                <c:pt idx="1455">
                  <c:v>12.75065090781084</c:v>
                </c:pt>
                <c:pt idx="1456">
                  <c:v>10.654330838607953</c:v>
                </c:pt>
                <c:pt idx="1457">
                  <c:v>8.4716455231083128</c:v>
                </c:pt>
                <c:pt idx="1458">
                  <c:v>3.1405544107908479</c:v>
                </c:pt>
                <c:pt idx="1459">
                  <c:v>3.1405544107908479</c:v>
                </c:pt>
                <c:pt idx="1460">
                  <c:v>3.1405544107908479</c:v>
                </c:pt>
                <c:pt idx="1461">
                  <c:v>3.1405544107908479</c:v>
                </c:pt>
                <c:pt idx="1462">
                  <c:v>3.1405544107908479</c:v>
                </c:pt>
                <c:pt idx="1463">
                  <c:v>3.1405544107908479</c:v>
                </c:pt>
                <c:pt idx="1464">
                  <c:v>3.0312712269347535</c:v>
                </c:pt>
                <c:pt idx="1465">
                  <c:v>3.0312712269347535</c:v>
                </c:pt>
                <c:pt idx="1466">
                  <c:v>3.0312712269347535</c:v>
                </c:pt>
                <c:pt idx="1467">
                  <c:v>3.0312712269347535</c:v>
                </c:pt>
                <c:pt idx="1468">
                  <c:v>3.0312712269347535</c:v>
                </c:pt>
                <c:pt idx="1469">
                  <c:v>3.0312712269347535</c:v>
                </c:pt>
                <c:pt idx="1470">
                  <c:v>3.0312712269347535</c:v>
                </c:pt>
                <c:pt idx="1471">
                  <c:v>8.2137671955651381</c:v>
                </c:pt>
                <c:pt idx="1472">
                  <c:v>10.267208994456423</c:v>
                </c:pt>
                <c:pt idx="1473">
                  <c:v>11.293929893902066</c:v>
                </c:pt>
                <c:pt idx="1474">
                  <c:v>11.293929893902066</c:v>
                </c:pt>
                <c:pt idx="1475">
                  <c:v>13.347371692793349</c:v>
                </c:pt>
                <c:pt idx="1476">
                  <c:v>13.347371692793349</c:v>
                </c:pt>
                <c:pt idx="1477">
                  <c:v>9.2404880950107824</c:v>
                </c:pt>
                <c:pt idx="1478">
                  <c:v>13.347371692793349</c:v>
                </c:pt>
                <c:pt idx="1479">
                  <c:v>11.293929893902066</c:v>
                </c:pt>
                <c:pt idx="1480">
                  <c:v>9.7782942804346895</c:v>
                </c:pt>
                <c:pt idx="1481">
                  <c:v>8.2137671955651381</c:v>
                </c:pt>
                <c:pt idx="1482">
                  <c:v>3.0312712269347535</c:v>
                </c:pt>
                <c:pt idx="1483">
                  <c:v>3.0312712269347535</c:v>
                </c:pt>
                <c:pt idx="1484">
                  <c:v>3.0312712269347535</c:v>
                </c:pt>
                <c:pt idx="1485">
                  <c:v>3.0312712269347535</c:v>
                </c:pt>
                <c:pt idx="1486">
                  <c:v>3.0312712269347535</c:v>
                </c:pt>
                <c:pt idx="1487">
                  <c:v>3.0312712269347535</c:v>
                </c:pt>
                <c:pt idx="1488">
                  <c:v>1.4682610801347258</c:v>
                </c:pt>
                <c:pt idx="1489">
                  <c:v>2.8666049659773218</c:v>
                </c:pt>
                <c:pt idx="1490">
                  <c:v>2.8666049659773218</c:v>
                </c:pt>
                <c:pt idx="1491">
                  <c:v>2.8666049659773218</c:v>
                </c:pt>
                <c:pt idx="1492">
                  <c:v>2.8666049659773218</c:v>
                </c:pt>
                <c:pt idx="1493">
                  <c:v>3.5657769088986204</c:v>
                </c:pt>
                <c:pt idx="1494">
                  <c:v>4.4747004346963077</c:v>
                </c:pt>
                <c:pt idx="1495">
                  <c:v>5.1039551833254757</c:v>
                </c:pt>
                <c:pt idx="1496">
                  <c:v>5.1039551833254757</c:v>
                </c:pt>
                <c:pt idx="1497">
                  <c:v>5.1039551833254757</c:v>
                </c:pt>
                <c:pt idx="1498">
                  <c:v>5.1039551833254757</c:v>
                </c:pt>
                <c:pt idx="1499">
                  <c:v>5.1039551833254757</c:v>
                </c:pt>
                <c:pt idx="1500">
                  <c:v>5.1039551833254757</c:v>
                </c:pt>
                <c:pt idx="1501">
                  <c:v>5.1039551833254757</c:v>
                </c:pt>
                <c:pt idx="1502">
                  <c:v>5.1039551833254757</c:v>
                </c:pt>
                <c:pt idx="1503">
                  <c:v>4.6145348232805672</c:v>
                </c:pt>
                <c:pt idx="1504">
                  <c:v>4.1950316575277879</c:v>
                </c:pt>
                <c:pt idx="1505">
                  <c:v>3.7755284917750096</c:v>
                </c:pt>
                <c:pt idx="1506">
                  <c:v>3.6356941031907497</c:v>
                </c:pt>
                <c:pt idx="1507">
                  <c:v>2.9365221602694516</c:v>
                </c:pt>
                <c:pt idx="1508">
                  <c:v>2.1674330230560237</c:v>
                </c:pt>
                <c:pt idx="1509">
                  <c:v>2.1674330230560237</c:v>
                </c:pt>
                <c:pt idx="1510">
                  <c:v>2.1674330230560237</c:v>
                </c:pt>
                <c:pt idx="1511">
                  <c:v>2.1674330230560237</c:v>
                </c:pt>
                <c:pt idx="1512">
                  <c:v>3.1728759617001594</c:v>
                </c:pt>
                <c:pt idx="1513">
                  <c:v>3.6846301490711522</c:v>
                </c:pt>
                <c:pt idx="1514">
                  <c:v>3.6846301490711522</c:v>
                </c:pt>
                <c:pt idx="1515">
                  <c:v>3.6846301490711522</c:v>
                </c:pt>
                <c:pt idx="1516">
                  <c:v>3.6846301490711522</c:v>
                </c:pt>
                <c:pt idx="1517">
                  <c:v>4.6057876863389406</c:v>
                </c:pt>
                <c:pt idx="1518">
                  <c:v>5.4245943861325303</c:v>
                </c:pt>
                <c:pt idx="1519">
                  <c:v>6.4481027608745176</c:v>
                </c:pt>
                <c:pt idx="1520">
                  <c:v>6.4481027608745176</c:v>
                </c:pt>
                <c:pt idx="1521">
                  <c:v>6.4481027608745176</c:v>
                </c:pt>
                <c:pt idx="1522">
                  <c:v>6.4481027608745176</c:v>
                </c:pt>
                <c:pt idx="1523">
                  <c:v>6.4481027608745176</c:v>
                </c:pt>
                <c:pt idx="1524">
                  <c:v>6.4481027608745176</c:v>
                </c:pt>
                <c:pt idx="1525">
                  <c:v>6.4481027608745176</c:v>
                </c:pt>
                <c:pt idx="1526">
                  <c:v>6.4481027608745176</c:v>
                </c:pt>
                <c:pt idx="1527">
                  <c:v>5.7316468985551268</c:v>
                </c:pt>
                <c:pt idx="1528">
                  <c:v>5.6292960610809279</c:v>
                </c:pt>
                <c:pt idx="1529">
                  <c:v>4.8104893612873383</c:v>
                </c:pt>
                <c:pt idx="1530">
                  <c:v>4.5034368488647427</c:v>
                </c:pt>
                <c:pt idx="1531">
                  <c:v>3.7869809865453519</c:v>
                </c:pt>
                <c:pt idx="1532">
                  <c:v>3.1728759617001594</c:v>
                </c:pt>
                <c:pt idx="1533">
                  <c:v>2.7634726118033646</c:v>
                </c:pt>
                <c:pt idx="1534">
                  <c:v>2.7634726118033646</c:v>
                </c:pt>
                <c:pt idx="1535">
                  <c:v>2.7634726118033646</c:v>
                </c:pt>
                <c:pt idx="1536">
                  <c:v>2.2145609698050976</c:v>
                </c:pt>
                <c:pt idx="1537">
                  <c:v>2.2145609698050976</c:v>
                </c:pt>
                <c:pt idx="1538">
                  <c:v>2.2145609698050976</c:v>
                </c:pt>
                <c:pt idx="1539">
                  <c:v>2.2145609698050976</c:v>
                </c:pt>
                <c:pt idx="1540">
                  <c:v>2.2145609698050976</c:v>
                </c:pt>
                <c:pt idx="1541">
                  <c:v>2.2145609698050976</c:v>
                </c:pt>
                <c:pt idx="1542">
                  <c:v>2.2145609698050976</c:v>
                </c:pt>
                <c:pt idx="1543">
                  <c:v>9.6333402186521742</c:v>
                </c:pt>
                <c:pt idx="1544">
                  <c:v>10.837507745983698</c:v>
                </c:pt>
                <c:pt idx="1545">
                  <c:v>12.041675273315219</c:v>
                </c:pt>
                <c:pt idx="1546">
                  <c:v>12.041675273315219</c:v>
                </c:pt>
                <c:pt idx="1547">
                  <c:v>14.450010327978259</c:v>
                </c:pt>
                <c:pt idx="1548">
                  <c:v>14.450010327978259</c:v>
                </c:pt>
                <c:pt idx="1549">
                  <c:v>9.6333402186521742</c:v>
                </c:pt>
                <c:pt idx="1550">
                  <c:v>14.450010327978259</c:v>
                </c:pt>
                <c:pt idx="1551">
                  <c:v>14.450010327978259</c:v>
                </c:pt>
                <c:pt idx="1552">
                  <c:v>12.041675273315219</c:v>
                </c:pt>
                <c:pt idx="1553">
                  <c:v>9.6887042428973036</c:v>
                </c:pt>
                <c:pt idx="1554">
                  <c:v>3.4602515153204654</c:v>
                </c:pt>
                <c:pt idx="1555">
                  <c:v>3.4602515153204654</c:v>
                </c:pt>
                <c:pt idx="1556">
                  <c:v>3.4602515153204654</c:v>
                </c:pt>
                <c:pt idx="1557">
                  <c:v>3.4602515153204654</c:v>
                </c:pt>
                <c:pt idx="1558">
                  <c:v>3.4602515153204654</c:v>
                </c:pt>
                <c:pt idx="1559">
                  <c:v>3.4602515153204654</c:v>
                </c:pt>
                <c:pt idx="1560">
                  <c:v>2.6615737322146416</c:v>
                </c:pt>
                <c:pt idx="1561">
                  <c:v>2.6615737322146416</c:v>
                </c:pt>
                <c:pt idx="1562">
                  <c:v>2.6615737322146416</c:v>
                </c:pt>
                <c:pt idx="1563">
                  <c:v>2.6615737322146416</c:v>
                </c:pt>
                <c:pt idx="1564">
                  <c:v>2.6615737322146416</c:v>
                </c:pt>
                <c:pt idx="1565">
                  <c:v>2.6615737322146416</c:v>
                </c:pt>
                <c:pt idx="1566">
                  <c:v>2.6615737322146416</c:v>
                </c:pt>
                <c:pt idx="1567">
                  <c:v>7.6670494931215307</c:v>
                </c:pt>
                <c:pt idx="1568">
                  <c:v>8.5548131186408654</c:v>
                </c:pt>
                <c:pt idx="1569">
                  <c:v>9.4425767441602009</c:v>
                </c:pt>
                <c:pt idx="1570">
                  <c:v>9.4425767441602009</c:v>
                </c:pt>
                <c:pt idx="1571">
                  <c:v>11.298809779336993</c:v>
                </c:pt>
                <c:pt idx="1572">
                  <c:v>11.298809779336993</c:v>
                </c:pt>
                <c:pt idx="1573">
                  <c:v>7.5056379248452885</c:v>
                </c:pt>
                <c:pt idx="1574">
                  <c:v>11.298809779336993</c:v>
                </c:pt>
                <c:pt idx="1575">
                  <c:v>11.298809779336993</c:v>
                </c:pt>
                <c:pt idx="1576">
                  <c:v>9.4442938885035677</c:v>
                </c:pt>
                <c:pt idx="1577">
                  <c:v>7.5039207805019252</c:v>
                </c:pt>
                <c:pt idx="1578">
                  <c:v>2.6615737322146416</c:v>
                </c:pt>
                <c:pt idx="1579">
                  <c:v>2.6615737322146416</c:v>
                </c:pt>
                <c:pt idx="1580">
                  <c:v>2.6615737322146416</c:v>
                </c:pt>
                <c:pt idx="1581">
                  <c:v>2.6615737322146416</c:v>
                </c:pt>
                <c:pt idx="1582">
                  <c:v>2.6615737322146416</c:v>
                </c:pt>
                <c:pt idx="1583">
                  <c:v>2.6615737322146416</c:v>
                </c:pt>
                <c:pt idx="1584">
                  <c:v>2.3630420636798224</c:v>
                </c:pt>
                <c:pt idx="1585">
                  <c:v>2.3630420636798224</c:v>
                </c:pt>
                <c:pt idx="1586">
                  <c:v>2.3630420636798224</c:v>
                </c:pt>
                <c:pt idx="1587">
                  <c:v>2.3630420636798224</c:v>
                </c:pt>
                <c:pt idx="1588">
                  <c:v>2.3630420636798224</c:v>
                </c:pt>
                <c:pt idx="1589">
                  <c:v>2.3630420636798224</c:v>
                </c:pt>
                <c:pt idx="1590">
                  <c:v>2.3630420636798224</c:v>
                </c:pt>
                <c:pt idx="1591">
                  <c:v>6.5101808854379106</c:v>
                </c:pt>
                <c:pt idx="1592">
                  <c:v>7.2639913037517729</c:v>
                </c:pt>
                <c:pt idx="1593">
                  <c:v>8.0178017220656361</c:v>
                </c:pt>
                <c:pt idx="1594">
                  <c:v>8.0178017220656361</c:v>
                </c:pt>
                <c:pt idx="1595">
                  <c:v>9.5939507785400782</c:v>
                </c:pt>
                <c:pt idx="1596">
                  <c:v>9.5939507785400782</c:v>
                </c:pt>
                <c:pt idx="1597">
                  <c:v>6.3731244457444802</c:v>
                </c:pt>
                <c:pt idx="1598">
                  <c:v>9.5939507785400782</c:v>
                </c:pt>
                <c:pt idx="1599">
                  <c:v>9.5939507785400782</c:v>
                </c:pt>
                <c:pt idx="1600">
                  <c:v>8.0166202010337972</c:v>
                </c:pt>
                <c:pt idx="1601">
                  <c:v>6.3743059667763209</c:v>
                </c:pt>
                <c:pt idx="1602">
                  <c:v>2.3630420636798224</c:v>
                </c:pt>
                <c:pt idx="1603">
                  <c:v>2.3630420636798224</c:v>
                </c:pt>
                <c:pt idx="1604">
                  <c:v>2.3630420636798224</c:v>
                </c:pt>
                <c:pt idx="1605">
                  <c:v>2.3630420636798224</c:v>
                </c:pt>
                <c:pt idx="1606">
                  <c:v>2.3630420636798224</c:v>
                </c:pt>
                <c:pt idx="1607">
                  <c:v>2.3630420636798224</c:v>
                </c:pt>
                <c:pt idx="1608">
                  <c:v>0.85121249985282854</c:v>
                </c:pt>
                <c:pt idx="1609">
                  <c:v>0.85121249985282854</c:v>
                </c:pt>
                <c:pt idx="1610">
                  <c:v>0.85121249985282854</c:v>
                </c:pt>
                <c:pt idx="1611">
                  <c:v>0.85121249985282854</c:v>
                </c:pt>
                <c:pt idx="1612">
                  <c:v>0.85121249985282854</c:v>
                </c:pt>
                <c:pt idx="1613">
                  <c:v>0.85121249985282854</c:v>
                </c:pt>
                <c:pt idx="1614">
                  <c:v>0.85121249985282854</c:v>
                </c:pt>
                <c:pt idx="1615">
                  <c:v>2.3450904370945427</c:v>
                </c:pt>
                <c:pt idx="1616">
                  <c:v>2.616627224547595</c:v>
                </c:pt>
                <c:pt idx="1617">
                  <c:v>2.8881640120006469</c:v>
                </c:pt>
                <c:pt idx="1618">
                  <c:v>2.8881640120006469</c:v>
                </c:pt>
                <c:pt idx="1619">
                  <c:v>3.4559227494024833</c:v>
                </c:pt>
                <c:pt idx="1620">
                  <c:v>3.4559227494024833</c:v>
                </c:pt>
                <c:pt idx="1621">
                  <c:v>2.2957201121030781</c:v>
                </c:pt>
                <c:pt idx="1622">
                  <c:v>3.4559227494024833</c:v>
                </c:pt>
                <c:pt idx="1623">
                  <c:v>3.4559227494024833</c:v>
                </c:pt>
                <c:pt idx="1624">
                  <c:v>2.8877384057507212</c:v>
                </c:pt>
                <c:pt idx="1625">
                  <c:v>2.2961457183530047</c:v>
                </c:pt>
                <c:pt idx="1626">
                  <c:v>0.85121249985282854</c:v>
                </c:pt>
                <c:pt idx="1627">
                  <c:v>0.85121249985282854</c:v>
                </c:pt>
                <c:pt idx="1628">
                  <c:v>0.85121249985282854</c:v>
                </c:pt>
                <c:pt idx="1629">
                  <c:v>0.85121249985282854</c:v>
                </c:pt>
                <c:pt idx="1630">
                  <c:v>0.85121249985282854</c:v>
                </c:pt>
                <c:pt idx="1631">
                  <c:v>0.85121249985282854</c:v>
                </c:pt>
                <c:pt idx="1632">
                  <c:v>1.113436862665959</c:v>
                </c:pt>
                <c:pt idx="1633">
                  <c:v>1.113436862665959</c:v>
                </c:pt>
                <c:pt idx="1634">
                  <c:v>1.113436862665959</c:v>
                </c:pt>
                <c:pt idx="1635">
                  <c:v>1.113436862665959</c:v>
                </c:pt>
                <c:pt idx="1636">
                  <c:v>1.113436862665959</c:v>
                </c:pt>
                <c:pt idx="1637">
                  <c:v>1.113436862665959</c:v>
                </c:pt>
                <c:pt idx="1638">
                  <c:v>1.113436862665959</c:v>
                </c:pt>
                <c:pt idx="1639">
                  <c:v>3.0170547246432431</c:v>
                </c:pt>
                <c:pt idx="1640">
                  <c:v>3.7713184058040543</c:v>
                </c:pt>
                <c:pt idx="1641">
                  <c:v>4.1484502463844599</c:v>
                </c:pt>
                <c:pt idx="1642">
                  <c:v>4.1484502463844599</c:v>
                </c:pt>
                <c:pt idx="1643">
                  <c:v>4.9027139275452711</c:v>
                </c:pt>
                <c:pt idx="1644">
                  <c:v>4.9027139275452711</c:v>
                </c:pt>
                <c:pt idx="1645">
                  <c:v>3.3941865652236496</c:v>
                </c:pt>
                <c:pt idx="1646">
                  <c:v>4.9027139275452711</c:v>
                </c:pt>
                <c:pt idx="1647">
                  <c:v>4.1484502463844599</c:v>
                </c:pt>
                <c:pt idx="1648">
                  <c:v>3.5917318150514808</c:v>
                </c:pt>
                <c:pt idx="1649">
                  <c:v>3.0170547246432431</c:v>
                </c:pt>
                <c:pt idx="1650">
                  <c:v>1.113436862665959</c:v>
                </c:pt>
                <c:pt idx="1651">
                  <c:v>1.113436862665959</c:v>
                </c:pt>
                <c:pt idx="1652">
                  <c:v>1.113436862665959</c:v>
                </c:pt>
                <c:pt idx="1653">
                  <c:v>1.113436862665959</c:v>
                </c:pt>
                <c:pt idx="1654">
                  <c:v>1.113436862665959</c:v>
                </c:pt>
                <c:pt idx="1655">
                  <c:v>1.113436862665959</c:v>
                </c:pt>
                <c:pt idx="1656">
                  <c:v>1.2652622907346265</c:v>
                </c:pt>
                <c:pt idx="1657">
                  <c:v>2.4702739961961755</c:v>
                </c:pt>
                <c:pt idx="1658">
                  <c:v>2.4702739961961755</c:v>
                </c:pt>
                <c:pt idx="1659">
                  <c:v>2.4702739961961755</c:v>
                </c:pt>
                <c:pt idx="1660">
                  <c:v>2.4702739961961755</c:v>
                </c:pt>
                <c:pt idx="1661">
                  <c:v>3.0727798489269502</c:v>
                </c:pt>
                <c:pt idx="1662">
                  <c:v>3.8560374574769565</c:v>
                </c:pt>
                <c:pt idx="1663">
                  <c:v>4.3982927249346542</c:v>
                </c:pt>
                <c:pt idx="1664">
                  <c:v>4.3982927249346542</c:v>
                </c:pt>
                <c:pt idx="1665">
                  <c:v>4.3982927249346542</c:v>
                </c:pt>
                <c:pt idx="1666">
                  <c:v>4.3982927249346542</c:v>
                </c:pt>
                <c:pt idx="1667">
                  <c:v>4.3982927249346542</c:v>
                </c:pt>
                <c:pt idx="1668">
                  <c:v>4.3982927249346542</c:v>
                </c:pt>
                <c:pt idx="1669">
                  <c:v>4.3982927249346542</c:v>
                </c:pt>
                <c:pt idx="1670">
                  <c:v>4.3982927249346542</c:v>
                </c:pt>
                <c:pt idx="1671">
                  <c:v>3.9765386280231114</c:v>
                </c:pt>
                <c:pt idx="1672">
                  <c:v>3.615035116384647</c:v>
                </c:pt>
                <c:pt idx="1673">
                  <c:v>3.2535316047461826</c:v>
                </c:pt>
                <c:pt idx="1674">
                  <c:v>3.1330304342000272</c:v>
                </c:pt>
                <c:pt idx="1675">
                  <c:v>2.530524581469253</c:v>
                </c:pt>
                <c:pt idx="1676">
                  <c:v>1.867768143465401</c:v>
                </c:pt>
                <c:pt idx="1677">
                  <c:v>1.867768143465401</c:v>
                </c:pt>
                <c:pt idx="1678">
                  <c:v>1.867768143465401</c:v>
                </c:pt>
                <c:pt idx="1679">
                  <c:v>1.867768143465401</c:v>
                </c:pt>
                <c:pt idx="1680">
                  <c:v>3.0593504369852718</c:v>
                </c:pt>
                <c:pt idx="1681">
                  <c:v>3.5527940558538638</c:v>
                </c:pt>
                <c:pt idx="1682">
                  <c:v>3.5527940558538638</c:v>
                </c:pt>
                <c:pt idx="1683">
                  <c:v>3.5527940558538638</c:v>
                </c:pt>
                <c:pt idx="1684">
                  <c:v>3.5527940558538638</c:v>
                </c:pt>
                <c:pt idx="1685">
                  <c:v>4.4409925698173298</c:v>
                </c:pt>
                <c:pt idx="1686">
                  <c:v>5.2305023600070779</c:v>
                </c:pt>
                <c:pt idx="1687">
                  <c:v>6.2173895977442619</c:v>
                </c:pt>
                <c:pt idx="1688">
                  <c:v>6.2173895977442619</c:v>
                </c:pt>
                <c:pt idx="1689">
                  <c:v>6.2173895977442619</c:v>
                </c:pt>
                <c:pt idx="1690">
                  <c:v>6.2173895977442619</c:v>
                </c:pt>
                <c:pt idx="1691">
                  <c:v>6.2173895977442619</c:v>
                </c:pt>
                <c:pt idx="1692">
                  <c:v>6.2173895977442619</c:v>
                </c:pt>
                <c:pt idx="1693">
                  <c:v>6.2173895977442619</c:v>
                </c:pt>
                <c:pt idx="1694">
                  <c:v>6.2173895977442619</c:v>
                </c:pt>
                <c:pt idx="1695">
                  <c:v>5.5265685313282322</c:v>
                </c:pt>
                <c:pt idx="1696">
                  <c:v>5.4278798075545147</c:v>
                </c:pt>
                <c:pt idx="1697">
                  <c:v>4.6383700173647666</c:v>
                </c:pt>
                <c:pt idx="1698">
                  <c:v>4.3423038460436123</c:v>
                </c:pt>
                <c:pt idx="1699">
                  <c:v>3.6514827796275826</c:v>
                </c:pt>
                <c:pt idx="1700">
                  <c:v>3.0593504369852718</c:v>
                </c:pt>
                <c:pt idx="1701">
                  <c:v>2.6645955418903982</c:v>
                </c:pt>
                <c:pt idx="1702">
                  <c:v>2.6645955418903982</c:v>
                </c:pt>
                <c:pt idx="1703">
                  <c:v>2.6645955418903982</c:v>
                </c:pt>
                <c:pt idx="1704">
                  <c:v>0.76110437875498482</c:v>
                </c:pt>
                <c:pt idx="1705">
                  <c:v>0.76110437875498482</c:v>
                </c:pt>
                <c:pt idx="1706">
                  <c:v>0.76110437875498482</c:v>
                </c:pt>
                <c:pt idx="1707">
                  <c:v>0.76110437875498482</c:v>
                </c:pt>
                <c:pt idx="1708">
                  <c:v>0.76110437875498482</c:v>
                </c:pt>
                <c:pt idx="1709">
                  <c:v>0.76110437875498482</c:v>
                </c:pt>
                <c:pt idx="1710">
                  <c:v>0.76110437875498482</c:v>
                </c:pt>
                <c:pt idx="1711">
                  <c:v>3.3108040475841838</c:v>
                </c:pt>
                <c:pt idx="1712">
                  <c:v>3.7246545535322073</c:v>
                </c:pt>
                <c:pt idx="1713">
                  <c:v>4.13850505948023</c:v>
                </c:pt>
                <c:pt idx="1714">
                  <c:v>4.13850505948023</c:v>
                </c:pt>
                <c:pt idx="1715">
                  <c:v>4.9662060713762743</c:v>
                </c:pt>
                <c:pt idx="1716">
                  <c:v>4.9662060713762743</c:v>
                </c:pt>
                <c:pt idx="1717">
                  <c:v>3.3108040475841838</c:v>
                </c:pt>
                <c:pt idx="1718">
                  <c:v>4.9662060713762743</c:v>
                </c:pt>
                <c:pt idx="1719">
                  <c:v>4.9662060713762743</c:v>
                </c:pt>
                <c:pt idx="1720">
                  <c:v>4.13850505948023</c:v>
                </c:pt>
                <c:pt idx="1721">
                  <c:v>3.3298316570530586</c:v>
                </c:pt>
                <c:pt idx="1722">
                  <c:v>1.1892255918046637</c:v>
                </c:pt>
                <c:pt idx="1723">
                  <c:v>1.1892255918046637</c:v>
                </c:pt>
                <c:pt idx="1724">
                  <c:v>1.1892255918046637</c:v>
                </c:pt>
                <c:pt idx="1725">
                  <c:v>1.1892255918046637</c:v>
                </c:pt>
                <c:pt idx="1726">
                  <c:v>1.1892255918046637</c:v>
                </c:pt>
                <c:pt idx="1727">
                  <c:v>1.1892255918046637</c:v>
                </c:pt>
                <c:pt idx="1728">
                  <c:v>1.1575343651262022</c:v>
                </c:pt>
                <c:pt idx="1729">
                  <c:v>1.1575343651262022</c:v>
                </c:pt>
                <c:pt idx="1730">
                  <c:v>1.1575343651262022</c:v>
                </c:pt>
                <c:pt idx="1731">
                  <c:v>1.1575343651262022</c:v>
                </c:pt>
                <c:pt idx="1732">
                  <c:v>1.1575343651262022</c:v>
                </c:pt>
                <c:pt idx="1733">
                  <c:v>1.1575343651262022</c:v>
                </c:pt>
                <c:pt idx="1734">
                  <c:v>1.1575343651262022</c:v>
                </c:pt>
                <c:pt idx="1735">
                  <c:v>3.3344457679280599</c:v>
                </c:pt>
                <c:pt idx="1736">
                  <c:v>3.7205394884249925</c:v>
                </c:pt>
                <c:pt idx="1737">
                  <c:v>4.1066332089219264</c:v>
                </c:pt>
                <c:pt idx="1738">
                  <c:v>4.1066332089219264</c:v>
                </c:pt>
                <c:pt idx="1739">
                  <c:v>4.913920079051878</c:v>
                </c:pt>
                <c:pt idx="1740">
                  <c:v>4.913920079051878</c:v>
                </c:pt>
                <c:pt idx="1741">
                  <c:v>3.2642469096558893</c:v>
                </c:pt>
                <c:pt idx="1742">
                  <c:v>4.913920079051878</c:v>
                </c:pt>
                <c:pt idx="1743">
                  <c:v>4.913920079051878</c:v>
                </c:pt>
                <c:pt idx="1744">
                  <c:v>4.1073800052865241</c:v>
                </c:pt>
                <c:pt idx="1745">
                  <c:v>3.2635001132912929</c:v>
                </c:pt>
                <c:pt idx="1746">
                  <c:v>1.1575343651262022</c:v>
                </c:pt>
                <c:pt idx="1747">
                  <c:v>1.1575343651262022</c:v>
                </c:pt>
                <c:pt idx="1748">
                  <c:v>1.1575343651262022</c:v>
                </c:pt>
                <c:pt idx="1749">
                  <c:v>1.1575343651262022</c:v>
                </c:pt>
                <c:pt idx="1750">
                  <c:v>1.1575343651262022</c:v>
                </c:pt>
                <c:pt idx="1751">
                  <c:v>1.1575343651262022</c:v>
                </c:pt>
                <c:pt idx="1752">
                  <c:v>2.5358225852600502</c:v>
                </c:pt>
                <c:pt idx="1753">
                  <c:v>2.5358225852600502</c:v>
                </c:pt>
                <c:pt idx="1754">
                  <c:v>2.5358225852600502</c:v>
                </c:pt>
                <c:pt idx="1755">
                  <c:v>2.5358225852600502</c:v>
                </c:pt>
                <c:pt idx="1756">
                  <c:v>2.5358225852600502</c:v>
                </c:pt>
                <c:pt idx="1757">
                  <c:v>2.5358225852600502</c:v>
                </c:pt>
                <c:pt idx="1758">
                  <c:v>2.5358225852600502</c:v>
                </c:pt>
                <c:pt idx="1759">
                  <c:v>6.9861912223914375</c:v>
                </c:pt>
                <c:pt idx="1760">
                  <c:v>7.795118627089396</c:v>
                </c:pt>
                <c:pt idx="1761">
                  <c:v>8.6040460317873499</c:v>
                </c:pt>
                <c:pt idx="1762">
                  <c:v>8.6040460317873499</c:v>
                </c:pt>
                <c:pt idx="1763">
                  <c:v>10.295439696155803</c:v>
                </c:pt>
                <c:pt idx="1764">
                  <c:v>10.295439696155803</c:v>
                </c:pt>
                <c:pt idx="1765">
                  <c:v>6.8391135124463567</c:v>
                </c:pt>
                <c:pt idx="1766">
                  <c:v>10.295439696155803</c:v>
                </c:pt>
                <c:pt idx="1767">
                  <c:v>10.295439696155803</c:v>
                </c:pt>
                <c:pt idx="1768">
                  <c:v>8.6027781204947225</c:v>
                </c:pt>
                <c:pt idx="1769">
                  <c:v>6.8403814237389859</c:v>
                </c:pt>
                <c:pt idx="1770">
                  <c:v>2.5358225852600502</c:v>
                </c:pt>
                <c:pt idx="1771">
                  <c:v>2.5358225852600502</c:v>
                </c:pt>
                <c:pt idx="1772">
                  <c:v>2.5358225852600502</c:v>
                </c:pt>
                <c:pt idx="1773">
                  <c:v>2.5358225852600502</c:v>
                </c:pt>
                <c:pt idx="1774">
                  <c:v>2.5358225852600502</c:v>
                </c:pt>
                <c:pt idx="1775">
                  <c:v>2.5358225852600502</c:v>
                </c:pt>
                <c:pt idx="1776">
                  <c:v>3.7020911059265886</c:v>
                </c:pt>
                <c:pt idx="1777">
                  <c:v>3.7020911059265886</c:v>
                </c:pt>
                <c:pt idx="1778">
                  <c:v>3.7020911059265886</c:v>
                </c:pt>
                <c:pt idx="1779">
                  <c:v>3.7020911059265886</c:v>
                </c:pt>
                <c:pt idx="1780">
                  <c:v>3.7020911059265886</c:v>
                </c:pt>
                <c:pt idx="1781">
                  <c:v>3.7020911059265886</c:v>
                </c:pt>
                <c:pt idx="1782">
                  <c:v>3.7020911059265886</c:v>
                </c:pt>
                <c:pt idx="1783">
                  <c:v>10.19926099682775</c:v>
                </c:pt>
                <c:pt idx="1784">
                  <c:v>11.380228059618334</c:v>
                </c:pt>
                <c:pt idx="1785">
                  <c:v>12.561195122408916</c:v>
                </c:pt>
                <c:pt idx="1786">
                  <c:v>12.561195122408916</c:v>
                </c:pt>
                <c:pt idx="1787">
                  <c:v>15.030489890061947</c:v>
                </c:pt>
                <c:pt idx="1788">
                  <c:v>15.030489890061947</c:v>
                </c:pt>
                <c:pt idx="1789">
                  <c:v>9.9845397126840076</c:v>
                </c:pt>
                <c:pt idx="1790">
                  <c:v>15.030489890061947</c:v>
                </c:pt>
                <c:pt idx="1791">
                  <c:v>15.030489890061947</c:v>
                </c:pt>
                <c:pt idx="1792">
                  <c:v>12.559344076855952</c:v>
                </c:pt>
                <c:pt idx="1793">
                  <c:v>9.9863907582369702</c:v>
                </c:pt>
                <c:pt idx="1794">
                  <c:v>3.7020911059265886</c:v>
                </c:pt>
                <c:pt idx="1795">
                  <c:v>3.7020911059265886</c:v>
                </c:pt>
                <c:pt idx="1796">
                  <c:v>3.7020911059265886</c:v>
                </c:pt>
                <c:pt idx="1797">
                  <c:v>3.7020911059265886</c:v>
                </c:pt>
                <c:pt idx="1798">
                  <c:v>3.7020911059265886</c:v>
                </c:pt>
                <c:pt idx="1799">
                  <c:v>3.7020911059265886</c:v>
                </c:pt>
                <c:pt idx="1800">
                  <c:v>2.4475825073746855</c:v>
                </c:pt>
                <c:pt idx="1801">
                  <c:v>2.4475825073746855</c:v>
                </c:pt>
                <c:pt idx="1802">
                  <c:v>2.4475825073746855</c:v>
                </c:pt>
                <c:pt idx="1803">
                  <c:v>2.4475825073746855</c:v>
                </c:pt>
                <c:pt idx="1804">
                  <c:v>2.4475825073746855</c:v>
                </c:pt>
                <c:pt idx="1805">
                  <c:v>2.4475825073746855</c:v>
                </c:pt>
                <c:pt idx="1806">
                  <c:v>2.4475825073746855</c:v>
                </c:pt>
                <c:pt idx="1807">
                  <c:v>6.632159052241084</c:v>
                </c:pt>
                <c:pt idx="1808">
                  <c:v>8.2901988153013519</c:v>
                </c:pt>
                <c:pt idx="1809">
                  <c:v>9.1192186968314903</c:v>
                </c:pt>
                <c:pt idx="1810">
                  <c:v>9.1192186968314903</c:v>
                </c:pt>
                <c:pt idx="1811">
                  <c:v>10.77725845989176</c:v>
                </c:pt>
                <c:pt idx="1812">
                  <c:v>10.77725845989176</c:v>
                </c:pt>
                <c:pt idx="1813">
                  <c:v>7.4611789337712189</c:v>
                </c:pt>
                <c:pt idx="1814">
                  <c:v>10.77725845989176</c:v>
                </c:pt>
                <c:pt idx="1815">
                  <c:v>9.1192186968314903</c:v>
                </c:pt>
                <c:pt idx="1816">
                  <c:v>7.8954274431441469</c:v>
                </c:pt>
                <c:pt idx="1817">
                  <c:v>6.632159052241084</c:v>
                </c:pt>
                <c:pt idx="1818">
                  <c:v>2.4475825073746855</c:v>
                </c:pt>
                <c:pt idx="1819">
                  <c:v>2.4475825073746855</c:v>
                </c:pt>
                <c:pt idx="1820">
                  <c:v>2.4475825073746855</c:v>
                </c:pt>
                <c:pt idx="1821">
                  <c:v>2.4475825073746855</c:v>
                </c:pt>
                <c:pt idx="1822">
                  <c:v>2.4475825073746855</c:v>
                </c:pt>
                <c:pt idx="1823">
                  <c:v>2.4475825073746855</c:v>
                </c:pt>
                <c:pt idx="1824">
                  <c:v>1.0453469355511851</c:v>
                </c:pt>
                <c:pt idx="1825">
                  <c:v>2.040915445599933</c:v>
                </c:pt>
                <c:pt idx="1826">
                  <c:v>2.040915445599933</c:v>
                </c:pt>
                <c:pt idx="1827">
                  <c:v>2.040915445599933</c:v>
                </c:pt>
                <c:pt idx="1828">
                  <c:v>2.040915445599933</c:v>
                </c:pt>
                <c:pt idx="1829">
                  <c:v>2.5386997006243068</c:v>
                </c:pt>
                <c:pt idx="1830">
                  <c:v>3.1858192321559931</c:v>
                </c:pt>
                <c:pt idx="1831">
                  <c:v>3.6338250616779297</c:v>
                </c:pt>
                <c:pt idx="1832">
                  <c:v>3.6338250616779297</c:v>
                </c:pt>
                <c:pt idx="1833">
                  <c:v>3.6338250616779297</c:v>
                </c:pt>
                <c:pt idx="1834">
                  <c:v>3.6338250616779297</c:v>
                </c:pt>
                <c:pt idx="1835">
                  <c:v>3.6338250616779297</c:v>
                </c:pt>
                <c:pt idx="1836">
                  <c:v>3.6338250616779297</c:v>
                </c:pt>
                <c:pt idx="1837">
                  <c:v>3.6338250616779297</c:v>
                </c:pt>
                <c:pt idx="1838">
                  <c:v>3.6338250616779297</c:v>
                </c:pt>
                <c:pt idx="1839">
                  <c:v>3.2853760831608678</c:v>
                </c:pt>
                <c:pt idx="1840">
                  <c:v>2.9867055301462431</c:v>
                </c:pt>
                <c:pt idx="1841">
                  <c:v>2.6880349771316188</c:v>
                </c:pt>
                <c:pt idx="1842">
                  <c:v>2.588478126126744</c:v>
                </c:pt>
                <c:pt idx="1843">
                  <c:v>2.0906938711023701</c:v>
                </c:pt>
                <c:pt idx="1844">
                  <c:v>1.5431311905755589</c:v>
                </c:pt>
                <c:pt idx="1845">
                  <c:v>1.5431311905755589</c:v>
                </c:pt>
                <c:pt idx="1846">
                  <c:v>1.5431311905755589</c:v>
                </c:pt>
                <c:pt idx="1847">
                  <c:v>1.5431311905755589</c:v>
                </c:pt>
                <c:pt idx="1848">
                  <c:v>1.7821882839427887</c:v>
                </c:pt>
                <c:pt idx="1849">
                  <c:v>2.0696380071593676</c:v>
                </c:pt>
                <c:pt idx="1850">
                  <c:v>2.0696380071593676</c:v>
                </c:pt>
                <c:pt idx="1851">
                  <c:v>2.0696380071593676</c:v>
                </c:pt>
                <c:pt idx="1852">
                  <c:v>2.0696380071593676</c:v>
                </c:pt>
                <c:pt idx="1853">
                  <c:v>2.5870475089492091</c:v>
                </c:pt>
                <c:pt idx="1854">
                  <c:v>3.0469670660957355</c:v>
                </c:pt>
                <c:pt idx="1855">
                  <c:v>3.6218665125288934</c:v>
                </c:pt>
                <c:pt idx="1856">
                  <c:v>3.6218665125288934</c:v>
                </c:pt>
                <c:pt idx="1857">
                  <c:v>3.6218665125288934</c:v>
                </c:pt>
                <c:pt idx="1858">
                  <c:v>3.6218665125288934</c:v>
                </c:pt>
                <c:pt idx="1859">
                  <c:v>3.6218665125288934</c:v>
                </c:pt>
                <c:pt idx="1860">
                  <c:v>3.6218665125288934</c:v>
                </c:pt>
                <c:pt idx="1861">
                  <c:v>3.6218665125288934</c:v>
                </c:pt>
                <c:pt idx="1862">
                  <c:v>3.6218665125288934</c:v>
                </c:pt>
                <c:pt idx="1863">
                  <c:v>3.2194369000256828</c:v>
                </c:pt>
                <c:pt idx="1864">
                  <c:v>3.1619469553823669</c:v>
                </c:pt>
                <c:pt idx="1865">
                  <c:v>2.7020273982358414</c:v>
                </c:pt>
                <c:pt idx="1866">
                  <c:v>2.5295575643058936</c:v>
                </c:pt>
                <c:pt idx="1867">
                  <c:v>2.1271279518026835</c:v>
                </c:pt>
                <c:pt idx="1868">
                  <c:v>1.7821882839427887</c:v>
                </c:pt>
                <c:pt idx="1869">
                  <c:v>1.5522285053695259</c:v>
                </c:pt>
                <c:pt idx="1870">
                  <c:v>1.5522285053695259</c:v>
                </c:pt>
                <c:pt idx="1871">
                  <c:v>1.5522285053695259</c:v>
                </c:pt>
                <c:pt idx="1872">
                  <c:v>0.39061544378142538</c:v>
                </c:pt>
                <c:pt idx="1873">
                  <c:v>0.39061544378142538</c:v>
                </c:pt>
                <c:pt idx="1874">
                  <c:v>0.39061544378142538</c:v>
                </c:pt>
                <c:pt idx="1875">
                  <c:v>0.39061544378142538</c:v>
                </c:pt>
                <c:pt idx="1876">
                  <c:v>0.39061544378142538</c:v>
                </c:pt>
                <c:pt idx="1877">
                  <c:v>0.39061544378142538</c:v>
                </c:pt>
                <c:pt idx="1878">
                  <c:v>0.39061544378142538</c:v>
                </c:pt>
                <c:pt idx="1879">
                  <c:v>1.6991771804492002</c:v>
                </c:pt>
                <c:pt idx="1880">
                  <c:v>1.9115743280053503</c:v>
                </c:pt>
                <c:pt idx="1881">
                  <c:v>2.1239714755615005</c:v>
                </c:pt>
                <c:pt idx="1882">
                  <c:v>2.1239714755615005</c:v>
                </c:pt>
                <c:pt idx="1883">
                  <c:v>2.5487657706738003</c:v>
                </c:pt>
                <c:pt idx="1884">
                  <c:v>2.5487657706738003</c:v>
                </c:pt>
                <c:pt idx="1885">
                  <c:v>1.6991771804492002</c:v>
                </c:pt>
                <c:pt idx="1886">
                  <c:v>2.5487657706738003</c:v>
                </c:pt>
                <c:pt idx="1887">
                  <c:v>2.5487657706738003</c:v>
                </c:pt>
                <c:pt idx="1888">
                  <c:v>2.1239714755615005</c:v>
                </c:pt>
                <c:pt idx="1889">
                  <c:v>1.7089425665437359</c:v>
                </c:pt>
                <c:pt idx="1890">
                  <c:v>0.61033663090847723</c:v>
                </c:pt>
                <c:pt idx="1891">
                  <c:v>0.61033663090847723</c:v>
                </c:pt>
                <c:pt idx="1892">
                  <c:v>0.61033663090847723</c:v>
                </c:pt>
                <c:pt idx="1893">
                  <c:v>0.61033663090847723</c:v>
                </c:pt>
                <c:pt idx="1894">
                  <c:v>0.61033663090847723</c:v>
                </c:pt>
                <c:pt idx="1895">
                  <c:v>0.61033663090847723</c:v>
                </c:pt>
                <c:pt idx="1896">
                  <c:v>0.52222644741175583</c:v>
                </c:pt>
                <c:pt idx="1897">
                  <c:v>0.52222644741175583</c:v>
                </c:pt>
                <c:pt idx="1898">
                  <c:v>0.52222644741175583</c:v>
                </c:pt>
                <c:pt idx="1899">
                  <c:v>0.52222644741175583</c:v>
                </c:pt>
                <c:pt idx="1900">
                  <c:v>0.52222644741175583</c:v>
                </c:pt>
                <c:pt idx="1901">
                  <c:v>0.52222644741175583</c:v>
                </c:pt>
                <c:pt idx="1902">
                  <c:v>0.52222644741175583</c:v>
                </c:pt>
                <c:pt idx="1903">
                  <c:v>1.5043490888345097</c:v>
                </c:pt>
                <c:pt idx="1904">
                  <c:v>1.678536878067979</c:v>
                </c:pt>
                <c:pt idx="1905">
                  <c:v>1.8527246673014488</c:v>
                </c:pt>
                <c:pt idx="1906">
                  <c:v>1.8527246673014488</c:v>
                </c:pt>
                <c:pt idx="1907">
                  <c:v>2.2169354993350665</c:v>
                </c:pt>
                <c:pt idx="1908">
                  <c:v>2.2169354993350665</c:v>
                </c:pt>
                <c:pt idx="1909">
                  <c:v>1.4726785817011512</c:v>
                </c:pt>
                <c:pt idx="1910">
                  <c:v>2.2169354993350665</c:v>
                </c:pt>
                <c:pt idx="1911">
                  <c:v>2.2169354993350665</c:v>
                </c:pt>
                <c:pt idx="1912">
                  <c:v>1.8530615875901011</c:v>
                </c:pt>
                <c:pt idx="1913">
                  <c:v>1.4723416614124987</c:v>
                </c:pt>
                <c:pt idx="1914">
                  <c:v>0.52222644741175583</c:v>
                </c:pt>
                <c:pt idx="1915">
                  <c:v>0.52222644741175583</c:v>
                </c:pt>
                <c:pt idx="1916">
                  <c:v>0.52222644741175583</c:v>
                </c:pt>
                <c:pt idx="1917">
                  <c:v>0.52222644741175583</c:v>
                </c:pt>
                <c:pt idx="1918">
                  <c:v>0.52222644741175583</c:v>
                </c:pt>
                <c:pt idx="1919">
                  <c:v>0.52222644741175583</c:v>
                </c:pt>
                <c:pt idx="1920">
                  <c:v>0.42007095712959308</c:v>
                </c:pt>
                <c:pt idx="1921">
                  <c:v>0.42007095712959308</c:v>
                </c:pt>
                <c:pt idx="1922">
                  <c:v>0.42007095712959308</c:v>
                </c:pt>
                <c:pt idx="1923">
                  <c:v>0.42007095712959308</c:v>
                </c:pt>
                <c:pt idx="1924">
                  <c:v>0.42007095712959308</c:v>
                </c:pt>
                <c:pt idx="1925">
                  <c:v>0.42007095712959308</c:v>
                </c:pt>
                <c:pt idx="1926">
                  <c:v>0.42007095712959308</c:v>
                </c:pt>
                <c:pt idx="1927">
                  <c:v>1.1572954868920284</c:v>
                </c:pt>
                <c:pt idx="1928">
                  <c:v>1.2912981222163689</c:v>
                </c:pt>
                <c:pt idx="1929">
                  <c:v>1.4253007575407091</c:v>
                </c:pt>
                <c:pt idx="1930">
                  <c:v>1.4253007575407091</c:v>
                </c:pt>
                <c:pt idx="1931">
                  <c:v>1.7054880859461476</c:v>
                </c:pt>
                <c:pt idx="1932">
                  <c:v>1.7054880859461476</c:v>
                </c:pt>
                <c:pt idx="1933">
                  <c:v>1.1329313713785123</c:v>
                </c:pt>
                <c:pt idx="1934">
                  <c:v>1.7054880859461476</c:v>
                </c:pt>
                <c:pt idx="1935">
                  <c:v>1.7054880859461476</c:v>
                </c:pt>
                <c:pt idx="1936">
                  <c:v>1.4250907220621445</c:v>
                </c:pt>
                <c:pt idx="1937">
                  <c:v>1.1331414068570771</c:v>
                </c:pt>
                <c:pt idx="1938">
                  <c:v>0.42007095712959308</c:v>
                </c:pt>
                <c:pt idx="1939">
                  <c:v>0.42007095712959308</c:v>
                </c:pt>
                <c:pt idx="1940">
                  <c:v>0.42007095712959308</c:v>
                </c:pt>
                <c:pt idx="1941">
                  <c:v>0.42007095712959308</c:v>
                </c:pt>
                <c:pt idx="1942">
                  <c:v>0.42007095712959308</c:v>
                </c:pt>
                <c:pt idx="1943">
                  <c:v>0.42007095712959308</c:v>
                </c:pt>
                <c:pt idx="1944">
                  <c:v>0.46697207358947274</c:v>
                </c:pt>
                <c:pt idx="1945">
                  <c:v>0.46697207358947274</c:v>
                </c:pt>
                <c:pt idx="1946">
                  <c:v>0.46697207358947274</c:v>
                </c:pt>
                <c:pt idx="1947">
                  <c:v>0.46697207358947274</c:v>
                </c:pt>
                <c:pt idx="1948">
                  <c:v>0.46697207358947274</c:v>
                </c:pt>
                <c:pt idx="1949">
                  <c:v>0.46697207358947274</c:v>
                </c:pt>
                <c:pt idx="1950">
                  <c:v>0.46697207358947274</c:v>
                </c:pt>
                <c:pt idx="1951">
                  <c:v>1.2865080627389971</c:v>
                </c:pt>
                <c:pt idx="1952">
                  <c:v>1.4354721542140392</c:v>
                </c:pt>
                <c:pt idx="1953">
                  <c:v>1.584436245689081</c:v>
                </c:pt>
                <c:pt idx="1954">
                  <c:v>1.584436245689081</c:v>
                </c:pt>
                <c:pt idx="1955">
                  <c:v>1.8959066187732589</c:v>
                </c:pt>
                <c:pt idx="1956">
                  <c:v>1.8959066187732589</c:v>
                </c:pt>
                <c:pt idx="1957">
                  <c:v>1.2594236824708078</c:v>
                </c:pt>
                <c:pt idx="1958">
                  <c:v>1.8959066187732589</c:v>
                </c:pt>
                <c:pt idx="1959">
                  <c:v>1.8959066187732589</c:v>
                </c:pt>
                <c:pt idx="1960">
                  <c:v>1.5842027596522863</c:v>
                </c:pt>
                <c:pt idx="1961">
                  <c:v>1.2596571685076026</c:v>
                </c:pt>
                <c:pt idx="1962">
                  <c:v>0.46697207358947274</c:v>
                </c:pt>
                <c:pt idx="1963">
                  <c:v>0.46697207358947274</c:v>
                </c:pt>
                <c:pt idx="1964">
                  <c:v>0.46697207358947274</c:v>
                </c:pt>
                <c:pt idx="1965">
                  <c:v>0.46697207358947274</c:v>
                </c:pt>
                <c:pt idx="1966">
                  <c:v>0.46697207358947274</c:v>
                </c:pt>
                <c:pt idx="1967">
                  <c:v>0.46697207358947274</c:v>
                </c:pt>
                <c:pt idx="1968">
                  <c:v>0.38533398200133684</c:v>
                </c:pt>
                <c:pt idx="1969">
                  <c:v>0.38533398200133684</c:v>
                </c:pt>
                <c:pt idx="1970">
                  <c:v>0.38533398200133684</c:v>
                </c:pt>
                <c:pt idx="1971">
                  <c:v>0.38533398200133684</c:v>
                </c:pt>
                <c:pt idx="1972">
                  <c:v>0.38533398200133684</c:v>
                </c:pt>
                <c:pt idx="1973">
                  <c:v>0.38533398200133684</c:v>
                </c:pt>
                <c:pt idx="1974">
                  <c:v>0.38533398200133684</c:v>
                </c:pt>
                <c:pt idx="1975">
                  <c:v>1.0441307899391061</c:v>
                </c:pt>
                <c:pt idx="1976">
                  <c:v>1.3051634874238829</c:v>
                </c:pt>
                <c:pt idx="1977">
                  <c:v>1.435679836166271</c:v>
                </c:pt>
                <c:pt idx="1978">
                  <c:v>1.435679836166271</c:v>
                </c:pt>
                <c:pt idx="1979">
                  <c:v>1.6967125336510476</c:v>
                </c:pt>
                <c:pt idx="1980">
                  <c:v>1.6967125336510476</c:v>
                </c:pt>
                <c:pt idx="1981">
                  <c:v>1.1746471386814947</c:v>
                </c:pt>
                <c:pt idx="1982">
                  <c:v>1.6967125336510476</c:v>
                </c:pt>
                <c:pt idx="1983">
                  <c:v>1.435679836166271</c:v>
                </c:pt>
                <c:pt idx="1984">
                  <c:v>1.2430128451656026</c:v>
                </c:pt>
                <c:pt idx="1985">
                  <c:v>1.0441307899391061</c:v>
                </c:pt>
                <c:pt idx="1986">
                  <c:v>0.38533398200133684</c:v>
                </c:pt>
                <c:pt idx="1987">
                  <c:v>0.38533398200133684</c:v>
                </c:pt>
                <c:pt idx="1988">
                  <c:v>0.38533398200133684</c:v>
                </c:pt>
                <c:pt idx="1989">
                  <c:v>0.38533398200133684</c:v>
                </c:pt>
                <c:pt idx="1990">
                  <c:v>0.38533398200133684</c:v>
                </c:pt>
                <c:pt idx="1991">
                  <c:v>0.38533398200133684</c:v>
                </c:pt>
                <c:pt idx="1992">
                  <c:v>0.45326713313422828</c:v>
                </c:pt>
                <c:pt idx="1993">
                  <c:v>0.88495011707158855</c:v>
                </c:pt>
                <c:pt idx="1994">
                  <c:v>0.88495011707158855</c:v>
                </c:pt>
                <c:pt idx="1995">
                  <c:v>0.88495011707158855</c:v>
                </c:pt>
                <c:pt idx="1996">
                  <c:v>0.88495011707158855</c:v>
                </c:pt>
                <c:pt idx="1997">
                  <c:v>1.1007916090402687</c:v>
                </c:pt>
                <c:pt idx="1998">
                  <c:v>1.3813855485995528</c:v>
                </c:pt>
                <c:pt idx="1999">
                  <c:v>1.5756428913713649</c:v>
                </c:pt>
                <c:pt idx="2000">
                  <c:v>1.5756428913713649</c:v>
                </c:pt>
                <c:pt idx="2001">
                  <c:v>1.5756428913713649</c:v>
                </c:pt>
                <c:pt idx="2002">
                  <c:v>1.5756428913713649</c:v>
                </c:pt>
                <c:pt idx="2003">
                  <c:v>1.5756428913713649</c:v>
                </c:pt>
                <c:pt idx="2004">
                  <c:v>1.5756428913713649</c:v>
                </c:pt>
                <c:pt idx="2005">
                  <c:v>1.5756428913713649</c:v>
                </c:pt>
                <c:pt idx="2006">
                  <c:v>1.5756428913713649</c:v>
                </c:pt>
                <c:pt idx="2007">
                  <c:v>1.4245538469932888</c:v>
                </c:pt>
                <c:pt idx="2008">
                  <c:v>1.2950489518120807</c:v>
                </c:pt>
                <c:pt idx="2009">
                  <c:v>1.1655440566308728</c:v>
                </c:pt>
                <c:pt idx="2010">
                  <c:v>1.1223757582371368</c:v>
                </c:pt>
                <c:pt idx="2011">
                  <c:v>0.90653426626845657</c:v>
                </c:pt>
                <c:pt idx="2012">
                  <c:v>0.66910862510290836</c:v>
                </c:pt>
                <c:pt idx="2013">
                  <c:v>0.66910862510290836</c:v>
                </c:pt>
                <c:pt idx="2014">
                  <c:v>0.66910862510290836</c:v>
                </c:pt>
                <c:pt idx="2015">
                  <c:v>0.66910862510290836</c:v>
                </c:pt>
                <c:pt idx="2016">
                  <c:v>0.8172213238662458</c:v>
                </c:pt>
                <c:pt idx="2017">
                  <c:v>0.94903121481241426</c:v>
                </c:pt>
                <c:pt idx="2018">
                  <c:v>0.94903121481241426</c:v>
                </c:pt>
                <c:pt idx="2019">
                  <c:v>0.94903121481241426</c:v>
                </c:pt>
                <c:pt idx="2020">
                  <c:v>0.94903121481241426</c:v>
                </c:pt>
                <c:pt idx="2021">
                  <c:v>1.1862890185155179</c:v>
                </c:pt>
                <c:pt idx="2022">
                  <c:v>1.3971848440293879</c:v>
                </c:pt>
                <c:pt idx="2023">
                  <c:v>1.6608046259217251</c:v>
                </c:pt>
                <c:pt idx="2024">
                  <c:v>1.6608046259217251</c:v>
                </c:pt>
                <c:pt idx="2025">
                  <c:v>1.6608046259217251</c:v>
                </c:pt>
                <c:pt idx="2026">
                  <c:v>1.6608046259217251</c:v>
                </c:pt>
                <c:pt idx="2027">
                  <c:v>1.6608046259217251</c:v>
                </c:pt>
                <c:pt idx="2028">
                  <c:v>1.6608046259217251</c:v>
                </c:pt>
                <c:pt idx="2029">
                  <c:v>1.6608046259217251</c:v>
                </c:pt>
                <c:pt idx="2030">
                  <c:v>1.6608046259217251</c:v>
                </c:pt>
                <c:pt idx="2031">
                  <c:v>1.4762707785970892</c:v>
                </c:pt>
                <c:pt idx="2032">
                  <c:v>1.4499088004078553</c:v>
                </c:pt>
                <c:pt idx="2033">
                  <c:v>1.2390129748939855</c:v>
                </c:pt>
                <c:pt idx="2034">
                  <c:v>1.1599270403262842</c:v>
                </c:pt>
                <c:pt idx="2035">
                  <c:v>0.97539319300164806</c:v>
                </c:pt>
                <c:pt idx="2036">
                  <c:v>0.8172213238662458</c:v>
                </c:pt>
                <c:pt idx="2037">
                  <c:v>0.71177341110931081</c:v>
                </c:pt>
                <c:pt idx="2038">
                  <c:v>0.71177341110931081</c:v>
                </c:pt>
                <c:pt idx="2039">
                  <c:v>0.71177341110931081</c:v>
                </c:pt>
                <c:pt idx="2040">
                  <c:v>1.7015762906109402</c:v>
                </c:pt>
                <c:pt idx="2041">
                  <c:v>1.7015762906109402</c:v>
                </c:pt>
                <c:pt idx="2042">
                  <c:v>1.7015762906109402</c:v>
                </c:pt>
                <c:pt idx="2043">
                  <c:v>1.7015762906109402</c:v>
                </c:pt>
                <c:pt idx="2044">
                  <c:v>1.7015762906109402</c:v>
                </c:pt>
                <c:pt idx="2045">
                  <c:v>1.7015762906109402</c:v>
                </c:pt>
                <c:pt idx="2046">
                  <c:v>1.7015762906109402</c:v>
                </c:pt>
                <c:pt idx="2047">
                  <c:v>7.4018568641575895</c:v>
                </c:pt>
                <c:pt idx="2048">
                  <c:v>8.3270889721772878</c:v>
                </c:pt>
                <c:pt idx="2049">
                  <c:v>9.2523210801969853</c:v>
                </c:pt>
                <c:pt idx="2050">
                  <c:v>9.2523210801969853</c:v>
                </c:pt>
                <c:pt idx="2051">
                  <c:v>11.102785296236382</c:v>
                </c:pt>
                <c:pt idx="2052">
                  <c:v>11.102785296236382</c:v>
                </c:pt>
                <c:pt idx="2053">
                  <c:v>7.4018568641575895</c:v>
                </c:pt>
                <c:pt idx="2054">
                  <c:v>11.102785296236382</c:v>
                </c:pt>
                <c:pt idx="2055">
                  <c:v>11.102785296236382</c:v>
                </c:pt>
                <c:pt idx="2056">
                  <c:v>9.2523210801969853</c:v>
                </c:pt>
                <c:pt idx="2057">
                  <c:v>7.4443962714228631</c:v>
                </c:pt>
                <c:pt idx="2058">
                  <c:v>2.658712954079594</c:v>
                </c:pt>
                <c:pt idx="2059">
                  <c:v>2.658712954079594</c:v>
                </c:pt>
                <c:pt idx="2060">
                  <c:v>2.658712954079594</c:v>
                </c:pt>
                <c:pt idx="2061">
                  <c:v>2.658712954079594</c:v>
                </c:pt>
                <c:pt idx="2062">
                  <c:v>2.658712954079594</c:v>
                </c:pt>
                <c:pt idx="2063">
                  <c:v>2.658712954079594</c:v>
                </c:pt>
                <c:pt idx="2064">
                  <c:v>3.8313821288389835</c:v>
                </c:pt>
                <c:pt idx="2065">
                  <c:v>3.8313821288389835</c:v>
                </c:pt>
                <c:pt idx="2066">
                  <c:v>3.8313821288389835</c:v>
                </c:pt>
                <c:pt idx="2067">
                  <c:v>3.8313821288389835</c:v>
                </c:pt>
                <c:pt idx="2068">
                  <c:v>3.8313821288389835</c:v>
                </c:pt>
                <c:pt idx="2069">
                  <c:v>3.8313821288389835</c:v>
                </c:pt>
                <c:pt idx="2070">
                  <c:v>3.8313821288389835</c:v>
                </c:pt>
                <c:pt idx="2071">
                  <c:v>11.03685239049423</c:v>
                </c:pt>
                <c:pt idx="2072">
                  <c:v>12.31480371991988</c:v>
                </c:pt>
                <c:pt idx="2073">
                  <c:v>13.592755049345527</c:v>
                </c:pt>
                <c:pt idx="2074">
                  <c:v>13.592755049345527</c:v>
                </c:pt>
                <c:pt idx="2075">
                  <c:v>16.264835101780974</c:v>
                </c:pt>
                <c:pt idx="2076">
                  <c:v>16.264835101780974</c:v>
                </c:pt>
                <c:pt idx="2077">
                  <c:v>10.804497603325929</c:v>
                </c:pt>
                <c:pt idx="2078">
                  <c:v>16.264835101780974</c:v>
                </c:pt>
                <c:pt idx="2079">
                  <c:v>16.264835101780974</c:v>
                </c:pt>
                <c:pt idx="2080">
                  <c:v>13.595226908783491</c:v>
                </c:pt>
                <c:pt idx="2081">
                  <c:v>10.802025743887972</c:v>
                </c:pt>
                <c:pt idx="2082">
                  <c:v>3.8313821288389835</c:v>
                </c:pt>
                <c:pt idx="2083">
                  <c:v>3.8313821288389835</c:v>
                </c:pt>
                <c:pt idx="2084">
                  <c:v>3.8313821288389835</c:v>
                </c:pt>
                <c:pt idx="2085">
                  <c:v>3.8313821288389835</c:v>
                </c:pt>
                <c:pt idx="2086">
                  <c:v>3.8313821288389835</c:v>
                </c:pt>
                <c:pt idx="2087">
                  <c:v>3.8313821288389835</c:v>
                </c:pt>
                <c:pt idx="2088">
                  <c:v>3.8316764971117609</c:v>
                </c:pt>
                <c:pt idx="2089">
                  <c:v>3.8316764971117609</c:v>
                </c:pt>
                <c:pt idx="2090">
                  <c:v>3.8316764971117609</c:v>
                </c:pt>
                <c:pt idx="2091">
                  <c:v>3.8316764971117609</c:v>
                </c:pt>
                <c:pt idx="2092">
                  <c:v>3.8316764971117609</c:v>
                </c:pt>
                <c:pt idx="2093">
                  <c:v>3.8316764971117609</c:v>
                </c:pt>
                <c:pt idx="2094">
                  <c:v>3.8316764971117609</c:v>
                </c:pt>
                <c:pt idx="2095">
                  <c:v>10.556268749542898</c:v>
                </c:pt>
                <c:pt idx="2096">
                  <c:v>11.77857355212155</c:v>
                </c:pt>
                <c:pt idx="2097">
                  <c:v>13.000878354700202</c:v>
                </c:pt>
                <c:pt idx="2098">
                  <c:v>13.000878354700202</c:v>
                </c:pt>
                <c:pt idx="2099">
                  <c:v>15.556606578273744</c:v>
                </c:pt>
                <c:pt idx="2100">
                  <c:v>15.556606578273744</c:v>
                </c:pt>
                <c:pt idx="2101">
                  <c:v>10.334031512710416</c:v>
                </c:pt>
                <c:pt idx="2102">
                  <c:v>15.556606578273744</c:v>
                </c:pt>
                <c:pt idx="2103">
                  <c:v>15.556606578273744</c:v>
                </c:pt>
                <c:pt idx="2104">
                  <c:v>12.998962516451646</c:v>
                </c:pt>
                <c:pt idx="2105">
                  <c:v>10.335947350958973</c:v>
                </c:pt>
                <c:pt idx="2106">
                  <c:v>3.8316764971117609</c:v>
                </c:pt>
                <c:pt idx="2107">
                  <c:v>3.8316764971117609</c:v>
                </c:pt>
                <c:pt idx="2108">
                  <c:v>3.8316764971117609</c:v>
                </c:pt>
                <c:pt idx="2109">
                  <c:v>3.8316764971117609</c:v>
                </c:pt>
                <c:pt idx="2110">
                  <c:v>3.8316764971117609</c:v>
                </c:pt>
                <c:pt idx="2111">
                  <c:v>3.8316764971117609</c:v>
                </c:pt>
                <c:pt idx="2112">
                  <c:v>1.9310907597292524</c:v>
                </c:pt>
                <c:pt idx="2113">
                  <c:v>1.9310907597292524</c:v>
                </c:pt>
                <c:pt idx="2114">
                  <c:v>1.9310907597292524</c:v>
                </c:pt>
                <c:pt idx="2115">
                  <c:v>1.9310907597292524</c:v>
                </c:pt>
                <c:pt idx="2116">
                  <c:v>1.9310907597292524</c:v>
                </c:pt>
                <c:pt idx="2117">
                  <c:v>1.9310907597292524</c:v>
                </c:pt>
                <c:pt idx="2118">
                  <c:v>1.9310907597292524</c:v>
                </c:pt>
                <c:pt idx="2119">
                  <c:v>5.3201550430540907</c:v>
                </c:pt>
                <c:pt idx="2120">
                  <c:v>5.9361729954077225</c:v>
                </c:pt>
                <c:pt idx="2121">
                  <c:v>6.5521909477613534</c:v>
                </c:pt>
                <c:pt idx="2122">
                  <c:v>6.5521909477613534</c:v>
                </c:pt>
                <c:pt idx="2123">
                  <c:v>7.8402284845007646</c:v>
                </c:pt>
                <c:pt idx="2124">
                  <c:v>7.8402284845007646</c:v>
                </c:pt>
                <c:pt idx="2125">
                  <c:v>5.2081517789897935</c:v>
                </c:pt>
                <c:pt idx="2126">
                  <c:v>7.8402284845007646</c:v>
                </c:pt>
                <c:pt idx="2127">
                  <c:v>7.8402284845007646</c:v>
                </c:pt>
                <c:pt idx="2128">
                  <c:v>6.5512254023814895</c:v>
                </c:pt>
                <c:pt idx="2129">
                  <c:v>5.2091173243696582</c:v>
                </c:pt>
                <c:pt idx="2130">
                  <c:v>1.9310907597292524</c:v>
                </c:pt>
                <c:pt idx="2131">
                  <c:v>1.9310907597292524</c:v>
                </c:pt>
                <c:pt idx="2132">
                  <c:v>1.9310907597292524</c:v>
                </c:pt>
                <c:pt idx="2133">
                  <c:v>1.9310907597292524</c:v>
                </c:pt>
                <c:pt idx="2134">
                  <c:v>1.9310907597292524</c:v>
                </c:pt>
                <c:pt idx="2135">
                  <c:v>1.9310907597292524</c:v>
                </c:pt>
                <c:pt idx="2136">
                  <c:v>0.50605152524568298</c:v>
                </c:pt>
                <c:pt idx="2137">
                  <c:v>0.50605152524568298</c:v>
                </c:pt>
                <c:pt idx="2138">
                  <c:v>0.50605152524568298</c:v>
                </c:pt>
                <c:pt idx="2139">
                  <c:v>0.50605152524568298</c:v>
                </c:pt>
                <c:pt idx="2140">
                  <c:v>0.50605152524568298</c:v>
                </c:pt>
                <c:pt idx="2141">
                  <c:v>0.50605152524568298</c:v>
                </c:pt>
                <c:pt idx="2142">
                  <c:v>0.50605152524568298</c:v>
                </c:pt>
                <c:pt idx="2143">
                  <c:v>1.3712363909883023</c:v>
                </c:pt>
                <c:pt idx="2144">
                  <c:v>1.7140454887353775</c:v>
                </c:pt>
                <c:pt idx="2145">
                  <c:v>1.8854500376089154</c:v>
                </c:pt>
                <c:pt idx="2146">
                  <c:v>1.8854500376089154</c:v>
                </c:pt>
                <c:pt idx="2147">
                  <c:v>2.2282591353559913</c:v>
                </c:pt>
                <c:pt idx="2148">
                  <c:v>2.2282591353559913</c:v>
                </c:pt>
                <c:pt idx="2149">
                  <c:v>1.5426409398618399</c:v>
                </c:pt>
                <c:pt idx="2150">
                  <c:v>2.2282591353559913</c:v>
                </c:pt>
                <c:pt idx="2151">
                  <c:v>1.8854500376089154</c:v>
                </c:pt>
                <c:pt idx="2152">
                  <c:v>1.6324242749860742</c:v>
                </c:pt>
                <c:pt idx="2153">
                  <c:v>1.3712363909883023</c:v>
                </c:pt>
                <c:pt idx="2154">
                  <c:v>0.50605152524568298</c:v>
                </c:pt>
                <c:pt idx="2155">
                  <c:v>0.50605152524568298</c:v>
                </c:pt>
                <c:pt idx="2156">
                  <c:v>0.50605152524568298</c:v>
                </c:pt>
                <c:pt idx="2157">
                  <c:v>0.50605152524568298</c:v>
                </c:pt>
                <c:pt idx="2158">
                  <c:v>0.50605152524568298</c:v>
                </c:pt>
                <c:pt idx="2159">
                  <c:v>0.50605152524568298</c:v>
                </c:pt>
                <c:pt idx="2160">
                  <c:v>0.43635056735088668</c:v>
                </c:pt>
                <c:pt idx="2161">
                  <c:v>0.85192253625649317</c:v>
                </c:pt>
                <c:pt idx="2162">
                  <c:v>0.85192253625649317</c:v>
                </c:pt>
                <c:pt idx="2163">
                  <c:v>0.85192253625649317</c:v>
                </c:pt>
                <c:pt idx="2164">
                  <c:v>0.85192253625649317</c:v>
                </c:pt>
                <c:pt idx="2165">
                  <c:v>1.0597085207092964</c:v>
                </c:pt>
                <c:pt idx="2166">
                  <c:v>1.3298303004979404</c:v>
                </c:pt>
                <c:pt idx="2167">
                  <c:v>1.5168376865054631</c:v>
                </c:pt>
                <c:pt idx="2168">
                  <c:v>1.5168376865054631</c:v>
                </c:pt>
                <c:pt idx="2169">
                  <c:v>1.5168376865054631</c:v>
                </c:pt>
                <c:pt idx="2170">
                  <c:v>1.5168376865054631</c:v>
                </c:pt>
                <c:pt idx="2171">
                  <c:v>1.5168376865054631</c:v>
                </c:pt>
                <c:pt idx="2172">
                  <c:v>1.5168376865054631</c:v>
                </c:pt>
                <c:pt idx="2173">
                  <c:v>1.5168376865054631</c:v>
                </c:pt>
                <c:pt idx="2174">
                  <c:v>1.5168376865054631</c:v>
                </c:pt>
                <c:pt idx="2175">
                  <c:v>1.371387497388501</c:v>
                </c:pt>
                <c:pt idx="2176">
                  <c:v>1.2467159067168192</c:v>
                </c:pt>
                <c:pt idx="2177">
                  <c:v>1.1220443160451372</c:v>
                </c:pt>
                <c:pt idx="2178">
                  <c:v>1.0804871191545766</c:v>
                </c:pt>
                <c:pt idx="2179">
                  <c:v>0.87270113470177335</c:v>
                </c:pt>
                <c:pt idx="2180">
                  <c:v>0.64413655180368989</c:v>
                </c:pt>
                <c:pt idx="2181">
                  <c:v>0.64413655180368989</c:v>
                </c:pt>
                <c:pt idx="2182">
                  <c:v>0.64413655180368989</c:v>
                </c:pt>
                <c:pt idx="2183">
                  <c:v>0.64413655180368989</c:v>
                </c:pt>
                <c:pt idx="2184">
                  <c:v>1.8673324274789542</c:v>
                </c:pt>
                <c:pt idx="2185">
                  <c:v>2.1685150770723336</c:v>
                </c:pt>
                <c:pt idx="2186">
                  <c:v>2.1685150770723336</c:v>
                </c:pt>
                <c:pt idx="2187">
                  <c:v>2.1685150770723336</c:v>
                </c:pt>
                <c:pt idx="2188">
                  <c:v>2.1685150770723336</c:v>
                </c:pt>
                <c:pt idx="2189">
                  <c:v>2.710643846340417</c:v>
                </c:pt>
                <c:pt idx="2190">
                  <c:v>3.1925360856898246</c:v>
                </c:pt>
                <c:pt idx="2191">
                  <c:v>3.7949013848765838</c:v>
                </c:pt>
                <c:pt idx="2192">
                  <c:v>3.7949013848765838</c:v>
                </c:pt>
                <c:pt idx="2193">
                  <c:v>3.7949013848765838</c:v>
                </c:pt>
                <c:pt idx="2194">
                  <c:v>3.7949013848765838</c:v>
                </c:pt>
                <c:pt idx="2195">
                  <c:v>3.7949013848765838</c:v>
                </c:pt>
                <c:pt idx="2196">
                  <c:v>3.7949013848765838</c:v>
                </c:pt>
                <c:pt idx="2197">
                  <c:v>3.7949013848765838</c:v>
                </c:pt>
                <c:pt idx="2198">
                  <c:v>3.7949013848765838</c:v>
                </c:pt>
                <c:pt idx="2199">
                  <c:v>3.3732456754458524</c:v>
                </c:pt>
                <c:pt idx="2200">
                  <c:v>3.3130091455271766</c:v>
                </c:pt>
                <c:pt idx="2201">
                  <c:v>2.8311169061777695</c:v>
                </c:pt>
                <c:pt idx="2202">
                  <c:v>2.6504073164217412</c:v>
                </c:pt>
                <c:pt idx="2203">
                  <c:v>2.2287516069910098</c:v>
                </c:pt>
                <c:pt idx="2204">
                  <c:v>1.8673324274789542</c:v>
                </c:pt>
                <c:pt idx="2205">
                  <c:v>1.6263863078042502</c:v>
                </c:pt>
                <c:pt idx="2206">
                  <c:v>1.6263863078042502</c:v>
                </c:pt>
                <c:pt idx="2207">
                  <c:v>1.6263863078042502</c:v>
                </c:pt>
                <c:pt idx="2208">
                  <c:v>2.4710533094021763</c:v>
                </c:pt>
                <c:pt idx="2209">
                  <c:v>2.4710533094021763</c:v>
                </c:pt>
                <c:pt idx="2210">
                  <c:v>2.4710533094021763</c:v>
                </c:pt>
                <c:pt idx="2211">
                  <c:v>2.4710533094021763</c:v>
                </c:pt>
                <c:pt idx="2212">
                  <c:v>2.4710533094021763</c:v>
                </c:pt>
                <c:pt idx="2213">
                  <c:v>2.4710533094021763</c:v>
                </c:pt>
                <c:pt idx="2214">
                  <c:v>2.4710533094021763</c:v>
                </c:pt>
                <c:pt idx="2215">
                  <c:v>10.749081895899467</c:v>
                </c:pt>
                <c:pt idx="2216">
                  <c:v>12.092717132886902</c:v>
                </c:pt>
                <c:pt idx="2217">
                  <c:v>13.436352369874333</c:v>
                </c:pt>
                <c:pt idx="2218">
                  <c:v>13.436352369874333</c:v>
                </c:pt>
                <c:pt idx="2219">
                  <c:v>16.123622843849198</c:v>
                </c:pt>
                <c:pt idx="2220">
                  <c:v>16.123622843849198</c:v>
                </c:pt>
                <c:pt idx="2221">
                  <c:v>10.749081895899467</c:v>
                </c:pt>
                <c:pt idx="2222">
                  <c:v>16.123622843849198</c:v>
                </c:pt>
                <c:pt idx="2223">
                  <c:v>16.123622843849198</c:v>
                </c:pt>
                <c:pt idx="2224">
                  <c:v>13.436352369874333</c:v>
                </c:pt>
                <c:pt idx="2225">
                  <c:v>10.810858228634523</c:v>
                </c:pt>
                <c:pt idx="2226">
                  <c:v>3.8610207959409006</c:v>
                </c:pt>
                <c:pt idx="2227">
                  <c:v>3.8610207959409006</c:v>
                </c:pt>
                <c:pt idx="2228">
                  <c:v>3.8610207959409006</c:v>
                </c:pt>
                <c:pt idx="2229">
                  <c:v>3.8610207959409006</c:v>
                </c:pt>
                <c:pt idx="2230">
                  <c:v>3.8610207959409006</c:v>
                </c:pt>
                <c:pt idx="2231">
                  <c:v>3.8610207959409006</c:v>
                </c:pt>
                <c:pt idx="2232">
                  <c:v>4.2909497132271177</c:v>
                </c:pt>
                <c:pt idx="2233">
                  <c:v>4.2909497132271177</c:v>
                </c:pt>
                <c:pt idx="2234">
                  <c:v>4.2909497132271177</c:v>
                </c:pt>
                <c:pt idx="2235">
                  <c:v>4.2909497132271177</c:v>
                </c:pt>
                <c:pt idx="2236">
                  <c:v>4.2909497132271177</c:v>
                </c:pt>
                <c:pt idx="2237">
                  <c:v>4.2909497132271177</c:v>
                </c:pt>
                <c:pt idx="2238">
                  <c:v>4.2909497132271177</c:v>
                </c:pt>
                <c:pt idx="2239">
                  <c:v>12.360703528747791</c:v>
                </c:pt>
                <c:pt idx="2240">
                  <c:v>13.791942884708064</c:v>
                </c:pt>
                <c:pt idx="2241">
                  <c:v>15.223182240668335</c:v>
                </c:pt>
                <c:pt idx="2242">
                  <c:v>15.223182240668335</c:v>
                </c:pt>
                <c:pt idx="2243">
                  <c:v>18.21577362131254</c:v>
                </c:pt>
                <c:pt idx="2244">
                  <c:v>18.21577362131254</c:v>
                </c:pt>
                <c:pt idx="2245">
                  <c:v>12.10047819130047</c:v>
                </c:pt>
                <c:pt idx="2246">
                  <c:v>18.21577362131254</c:v>
                </c:pt>
                <c:pt idx="2247">
                  <c:v>18.21577362131254</c:v>
                </c:pt>
                <c:pt idx="2248">
                  <c:v>15.225950595322029</c:v>
                </c:pt>
                <c:pt idx="2249">
                  <c:v>12.097709836646779</c:v>
                </c:pt>
                <c:pt idx="2250">
                  <c:v>4.2909497132271177</c:v>
                </c:pt>
                <c:pt idx="2251">
                  <c:v>4.2909497132271177</c:v>
                </c:pt>
                <c:pt idx="2252">
                  <c:v>4.2909497132271177</c:v>
                </c:pt>
                <c:pt idx="2253">
                  <c:v>4.2909497132271177</c:v>
                </c:pt>
                <c:pt idx="2254">
                  <c:v>4.2909497132271177</c:v>
                </c:pt>
                <c:pt idx="2255">
                  <c:v>4.2909497132271177</c:v>
                </c:pt>
                <c:pt idx="2256">
                  <c:v>4.5659937138277282</c:v>
                </c:pt>
                <c:pt idx="2257">
                  <c:v>4.5659937138277282</c:v>
                </c:pt>
                <c:pt idx="2258">
                  <c:v>4.5659937138277282</c:v>
                </c:pt>
                <c:pt idx="2259">
                  <c:v>4.5659937138277282</c:v>
                </c:pt>
                <c:pt idx="2260">
                  <c:v>4.5659937138277282</c:v>
                </c:pt>
                <c:pt idx="2261">
                  <c:v>4.5659937138277282</c:v>
                </c:pt>
                <c:pt idx="2262">
                  <c:v>4.5659937138277282</c:v>
                </c:pt>
                <c:pt idx="2263">
                  <c:v>12.57931268159539</c:v>
                </c:pt>
                <c:pt idx="2264">
                  <c:v>14.035864676306437</c:v>
                </c:pt>
                <c:pt idx="2265">
                  <c:v>15.492416671017482</c:v>
                </c:pt>
                <c:pt idx="2266">
                  <c:v>15.492416671017482</c:v>
                </c:pt>
                <c:pt idx="2267">
                  <c:v>18.537934478140578</c:v>
                </c:pt>
                <c:pt idx="2268">
                  <c:v>18.537934478140578</c:v>
                </c:pt>
                <c:pt idx="2269">
                  <c:v>12.314485046193383</c:v>
                </c:pt>
                <c:pt idx="2270">
                  <c:v>18.537934478140578</c:v>
                </c:pt>
                <c:pt idx="2271">
                  <c:v>18.537934478140578</c:v>
                </c:pt>
                <c:pt idx="2272">
                  <c:v>15.490133674160571</c:v>
                </c:pt>
                <c:pt idx="2273">
                  <c:v>12.316768043050297</c:v>
                </c:pt>
                <c:pt idx="2274">
                  <c:v>4.5659937138277282</c:v>
                </c:pt>
                <c:pt idx="2275">
                  <c:v>4.5659937138277282</c:v>
                </c:pt>
                <c:pt idx="2276">
                  <c:v>4.5659937138277282</c:v>
                </c:pt>
                <c:pt idx="2277">
                  <c:v>4.5659937138277282</c:v>
                </c:pt>
                <c:pt idx="2278">
                  <c:v>4.5659937138277282</c:v>
                </c:pt>
                <c:pt idx="2279">
                  <c:v>4.5659937138277282</c:v>
                </c:pt>
                <c:pt idx="2280">
                  <c:v>3.3997251931611903</c:v>
                </c:pt>
                <c:pt idx="2281">
                  <c:v>3.3997251931611903</c:v>
                </c:pt>
                <c:pt idx="2282">
                  <c:v>3.3997251931611903</c:v>
                </c:pt>
                <c:pt idx="2283">
                  <c:v>3.3997251931611903</c:v>
                </c:pt>
                <c:pt idx="2284">
                  <c:v>3.3997251931611903</c:v>
                </c:pt>
                <c:pt idx="2285">
                  <c:v>3.3997251931611903</c:v>
                </c:pt>
                <c:pt idx="2286">
                  <c:v>3.3997251931611903</c:v>
                </c:pt>
                <c:pt idx="2287">
                  <c:v>9.3662429071590765</c:v>
                </c:pt>
                <c:pt idx="2288">
                  <c:v>10.450755243777497</c:v>
                </c:pt>
                <c:pt idx="2289">
                  <c:v>11.535267580395915</c:v>
                </c:pt>
                <c:pt idx="2290">
                  <c:v>11.535267580395915</c:v>
                </c:pt>
                <c:pt idx="2291">
                  <c:v>13.802884284234429</c:v>
                </c:pt>
                <c:pt idx="2292">
                  <c:v>13.802884284234429</c:v>
                </c:pt>
                <c:pt idx="2293">
                  <c:v>9.1690588459557283</c:v>
                </c:pt>
                <c:pt idx="2294">
                  <c:v>13.802884284234429</c:v>
                </c:pt>
                <c:pt idx="2295">
                  <c:v>13.802884284234429</c:v>
                </c:pt>
                <c:pt idx="2296">
                  <c:v>11.533567717799336</c:v>
                </c:pt>
                <c:pt idx="2297">
                  <c:v>9.1707587085523095</c:v>
                </c:pt>
                <c:pt idx="2298">
                  <c:v>3.3997251931611903</c:v>
                </c:pt>
                <c:pt idx="2299">
                  <c:v>3.3997251931611903</c:v>
                </c:pt>
                <c:pt idx="2300">
                  <c:v>3.3997251931611903</c:v>
                </c:pt>
                <c:pt idx="2301">
                  <c:v>3.3997251931611903</c:v>
                </c:pt>
                <c:pt idx="2302">
                  <c:v>3.3997251931611903</c:v>
                </c:pt>
                <c:pt idx="2303">
                  <c:v>3.3997251931611903</c:v>
                </c:pt>
                <c:pt idx="2304">
                  <c:v>2.6560427643604241</c:v>
                </c:pt>
                <c:pt idx="2305">
                  <c:v>2.6560427643604241</c:v>
                </c:pt>
                <c:pt idx="2306">
                  <c:v>2.6560427643604241</c:v>
                </c:pt>
                <c:pt idx="2307">
                  <c:v>2.6560427643604241</c:v>
                </c:pt>
                <c:pt idx="2308">
                  <c:v>2.6560427643604241</c:v>
                </c:pt>
                <c:pt idx="2309">
                  <c:v>2.6560427643604241</c:v>
                </c:pt>
                <c:pt idx="2310">
                  <c:v>2.6560427643604241</c:v>
                </c:pt>
                <c:pt idx="2311">
                  <c:v>7.1970191034282456</c:v>
                </c:pt>
                <c:pt idx="2312">
                  <c:v>8.9962738792853063</c:v>
                </c:pt>
                <c:pt idx="2313">
                  <c:v>9.8959012672138389</c:v>
                </c:pt>
                <c:pt idx="2314">
                  <c:v>9.8959012672138389</c:v>
                </c:pt>
                <c:pt idx="2315">
                  <c:v>11.695156043070897</c:v>
                </c:pt>
                <c:pt idx="2316">
                  <c:v>11.695156043070897</c:v>
                </c:pt>
                <c:pt idx="2317">
                  <c:v>8.0966464913567773</c:v>
                </c:pt>
                <c:pt idx="2318">
                  <c:v>11.695156043070897</c:v>
                </c:pt>
                <c:pt idx="2319">
                  <c:v>9.8959012672138389</c:v>
                </c:pt>
                <c:pt idx="2320">
                  <c:v>8.5678798850336264</c:v>
                </c:pt>
                <c:pt idx="2321">
                  <c:v>7.1970191034282456</c:v>
                </c:pt>
                <c:pt idx="2322">
                  <c:v>2.6560427643604241</c:v>
                </c:pt>
                <c:pt idx="2323">
                  <c:v>2.6560427643604241</c:v>
                </c:pt>
                <c:pt idx="2324">
                  <c:v>2.6560427643604241</c:v>
                </c:pt>
                <c:pt idx="2325">
                  <c:v>2.6560427643604241</c:v>
                </c:pt>
                <c:pt idx="2326">
                  <c:v>2.6560427643604241</c:v>
                </c:pt>
                <c:pt idx="2327">
                  <c:v>2.6560427643604241</c:v>
                </c:pt>
                <c:pt idx="2328">
                  <c:v>1.9250083562849494</c:v>
                </c:pt>
                <c:pt idx="2329">
                  <c:v>3.7583496479849017</c:v>
                </c:pt>
                <c:pt idx="2330">
                  <c:v>3.7583496479849017</c:v>
                </c:pt>
                <c:pt idx="2331">
                  <c:v>3.7583496479849017</c:v>
                </c:pt>
                <c:pt idx="2332">
                  <c:v>3.7583496479849017</c:v>
                </c:pt>
                <c:pt idx="2333">
                  <c:v>4.6750202938348773</c:v>
                </c:pt>
                <c:pt idx="2334">
                  <c:v>5.8666921334398463</c:v>
                </c:pt>
                <c:pt idx="2335">
                  <c:v>6.6916957147048244</c:v>
                </c:pt>
                <c:pt idx="2336">
                  <c:v>6.6916957147048244</c:v>
                </c:pt>
                <c:pt idx="2337">
                  <c:v>6.6916957147048244</c:v>
                </c:pt>
                <c:pt idx="2338">
                  <c:v>6.6916957147048244</c:v>
                </c:pt>
                <c:pt idx="2339">
                  <c:v>6.6916957147048244</c:v>
                </c:pt>
                <c:pt idx="2340">
                  <c:v>6.6916957147048244</c:v>
                </c:pt>
                <c:pt idx="2341">
                  <c:v>6.6916957147048244</c:v>
                </c:pt>
                <c:pt idx="2342">
                  <c:v>6.6916957147048244</c:v>
                </c:pt>
                <c:pt idx="2343">
                  <c:v>6.0500262626098404</c:v>
                </c:pt>
                <c:pt idx="2344">
                  <c:v>5.5000238750998562</c:v>
                </c:pt>
                <c:pt idx="2345">
                  <c:v>4.9500214875898703</c:v>
                </c:pt>
                <c:pt idx="2346">
                  <c:v>4.7666873584198743</c:v>
                </c:pt>
                <c:pt idx="2347">
                  <c:v>3.8500167125698987</c:v>
                </c:pt>
                <c:pt idx="2348">
                  <c:v>2.8416790021349252</c:v>
                </c:pt>
                <c:pt idx="2349">
                  <c:v>2.8416790021349252</c:v>
                </c:pt>
                <c:pt idx="2350">
                  <c:v>2.8416790021349252</c:v>
                </c:pt>
                <c:pt idx="2351">
                  <c:v>2.8416790021349252</c:v>
                </c:pt>
                <c:pt idx="2352">
                  <c:v>2.4917228134108349</c:v>
                </c:pt>
                <c:pt idx="2353">
                  <c:v>2.8936135897674209</c:v>
                </c:pt>
                <c:pt idx="2354">
                  <c:v>2.8936135897674209</c:v>
                </c:pt>
                <c:pt idx="2355">
                  <c:v>2.8936135897674209</c:v>
                </c:pt>
                <c:pt idx="2356">
                  <c:v>2.8936135897674209</c:v>
                </c:pt>
                <c:pt idx="2357">
                  <c:v>3.6170169872092766</c:v>
                </c:pt>
                <c:pt idx="2358">
                  <c:v>4.2600422293798141</c:v>
                </c:pt>
                <c:pt idx="2359">
                  <c:v>5.0638237820929879</c:v>
                </c:pt>
                <c:pt idx="2360">
                  <c:v>5.0638237820929879</c:v>
                </c:pt>
                <c:pt idx="2361">
                  <c:v>5.0638237820929879</c:v>
                </c:pt>
                <c:pt idx="2362">
                  <c:v>5.0638237820929879</c:v>
                </c:pt>
                <c:pt idx="2363">
                  <c:v>5.0638237820929879</c:v>
                </c:pt>
                <c:pt idx="2364">
                  <c:v>5.0638237820929879</c:v>
                </c:pt>
                <c:pt idx="2365">
                  <c:v>5.0638237820929879</c:v>
                </c:pt>
                <c:pt idx="2366">
                  <c:v>5.0638237820929879</c:v>
                </c:pt>
                <c:pt idx="2367">
                  <c:v>4.5011766951937666</c:v>
                </c:pt>
                <c:pt idx="2368">
                  <c:v>4.4207985399224485</c:v>
                </c:pt>
                <c:pt idx="2369">
                  <c:v>3.7777732977519114</c:v>
                </c:pt>
                <c:pt idx="2370">
                  <c:v>3.5366388319379594</c:v>
                </c:pt>
                <c:pt idx="2371">
                  <c:v>2.973991745038739</c:v>
                </c:pt>
                <c:pt idx="2372">
                  <c:v>2.4917228134108349</c:v>
                </c:pt>
                <c:pt idx="2373">
                  <c:v>2.1702101923255661</c:v>
                </c:pt>
                <c:pt idx="2374">
                  <c:v>2.1702101923255661</c:v>
                </c:pt>
                <c:pt idx="2375">
                  <c:v>2.1702101923255661</c:v>
                </c:pt>
                <c:pt idx="2376">
                  <c:v>1.0460958671961831</c:v>
                </c:pt>
                <c:pt idx="2377">
                  <c:v>1.0460958671961831</c:v>
                </c:pt>
                <c:pt idx="2378">
                  <c:v>1.0460958671961831</c:v>
                </c:pt>
                <c:pt idx="2379">
                  <c:v>1.0460958671961831</c:v>
                </c:pt>
                <c:pt idx="2380">
                  <c:v>1.0460958671961831</c:v>
                </c:pt>
                <c:pt idx="2381">
                  <c:v>1.0460958671961831</c:v>
                </c:pt>
                <c:pt idx="2382">
                  <c:v>1.0460958671961831</c:v>
                </c:pt>
                <c:pt idx="2383">
                  <c:v>4.5505170223033966</c:v>
                </c:pt>
                <c:pt idx="2384">
                  <c:v>5.1193316500913211</c:v>
                </c:pt>
                <c:pt idx="2385">
                  <c:v>5.6881462778792446</c:v>
                </c:pt>
                <c:pt idx="2386">
                  <c:v>5.6881462778792446</c:v>
                </c:pt>
                <c:pt idx="2387">
                  <c:v>6.8257755334550927</c:v>
                </c:pt>
                <c:pt idx="2388">
                  <c:v>6.8257755334550927</c:v>
                </c:pt>
                <c:pt idx="2389">
                  <c:v>4.5505170223033966</c:v>
                </c:pt>
                <c:pt idx="2390">
                  <c:v>6.8257755334550927</c:v>
                </c:pt>
                <c:pt idx="2391">
                  <c:v>6.8257755334550927</c:v>
                </c:pt>
                <c:pt idx="2392">
                  <c:v>5.6881462778792446</c:v>
                </c:pt>
                <c:pt idx="2393">
                  <c:v>4.5766694189833004</c:v>
                </c:pt>
                <c:pt idx="2394">
                  <c:v>1.634524792494036</c:v>
                </c:pt>
                <c:pt idx="2395">
                  <c:v>1.634524792494036</c:v>
                </c:pt>
                <c:pt idx="2396">
                  <c:v>1.634524792494036</c:v>
                </c:pt>
                <c:pt idx="2397">
                  <c:v>1.634524792494036</c:v>
                </c:pt>
                <c:pt idx="2398">
                  <c:v>1.634524792494036</c:v>
                </c:pt>
                <c:pt idx="2399">
                  <c:v>1.634524792494036</c:v>
                </c:pt>
                <c:pt idx="2400">
                  <c:v>2.1184484052104833</c:v>
                </c:pt>
                <c:pt idx="2401">
                  <c:v>2.1184484052104833</c:v>
                </c:pt>
                <c:pt idx="2402">
                  <c:v>2.1184484052104833</c:v>
                </c:pt>
                <c:pt idx="2403">
                  <c:v>2.1184484052104833</c:v>
                </c:pt>
                <c:pt idx="2404">
                  <c:v>2.1184484052104833</c:v>
                </c:pt>
                <c:pt idx="2405">
                  <c:v>2.1184484052104833</c:v>
                </c:pt>
                <c:pt idx="2406">
                  <c:v>2.1184484052104833</c:v>
                </c:pt>
                <c:pt idx="2407">
                  <c:v>6.1024981479127787</c:v>
                </c:pt>
                <c:pt idx="2408">
                  <c:v>6.8091031966184694</c:v>
                </c:pt>
                <c:pt idx="2409">
                  <c:v>7.5157082453241602</c:v>
                </c:pt>
                <c:pt idx="2410">
                  <c:v>7.5157082453241602</c:v>
                </c:pt>
                <c:pt idx="2411">
                  <c:v>8.9931551653451489</c:v>
                </c:pt>
                <c:pt idx="2412">
                  <c:v>8.9931551653451489</c:v>
                </c:pt>
                <c:pt idx="2413">
                  <c:v>5.9740245026935614</c:v>
                </c:pt>
                <c:pt idx="2414">
                  <c:v>8.9931551653451489</c:v>
                </c:pt>
                <c:pt idx="2415">
                  <c:v>8.9931551653451489</c:v>
                </c:pt>
                <c:pt idx="2416">
                  <c:v>7.5170749862307469</c:v>
                </c:pt>
                <c:pt idx="2417">
                  <c:v>5.9726577617869756</c:v>
                </c:pt>
                <c:pt idx="2418">
                  <c:v>2.1184484052104833</c:v>
                </c:pt>
                <c:pt idx="2419">
                  <c:v>2.1184484052104833</c:v>
                </c:pt>
                <c:pt idx="2420">
                  <c:v>2.1184484052104833</c:v>
                </c:pt>
                <c:pt idx="2421">
                  <c:v>2.1184484052104833</c:v>
                </c:pt>
                <c:pt idx="2422">
                  <c:v>2.1184484052104833</c:v>
                </c:pt>
                <c:pt idx="2423">
                  <c:v>2.1184484052104833</c:v>
                </c:pt>
                <c:pt idx="2424">
                  <c:v>1.4991394557786828</c:v>
                </c:pt>
                <c:pt idx="2425">
                  <c:v>1.4991394557786828</c:v>
                </c:pt>
                <c:pt idx="2426">
                  <c:v>1.4991394557786828</c:v>
                </c:pt>
                <c:pt idx="2427">
                  <c:v>1.4991394557786828</c:v>
                </c:pt>
                <c:pt idx="2428">
                  <c:v>1.4991394557786828</c:v>
                </c:pt>
                <c:pt idx="2429">
                  <c:v>1.4991394557786828</c:v>
                </c:pt>
                <c:pt idx="2430">
                  <c:v>1.4991394557786828</c:v>
                </c:pt>
                <c:pt idx="2431">
                  <c:v>4.1301292006702708</c:v>
                </c:pt>
                <c:pt idx="2432">
                  <c:v>4.6083546870636711</c:v>
                </c:pt>
                <c:pt idx="2433">
                  <c:v>5.0865801734570706</c:v>
                </c:pt>
                <c:pt idx="2434">
                  <c:v>5.0865801734570706</c:v>
                </c:pt>
                <c:pt idx="2435">
                  <c:v>6.0865061904614501</c:v>
                </c:pt>
                <c:pt idx="2436">
                  <c:v>6.0865061904614501</c:v>
                </c:pt>
                <c:pt idx="2437">
                  <c:v>4.0431791122351068</c:v>
                </c:pt>
                <c:pt idx="2438">
                  <c:v>6.0865061904614501</c:v>
                </c:pt>
                <c:pt idx="2439">
                  <c:v>6.0865061904614501</c:v>
                </c:pt>
                <c:pt idx="2440">
                  <c:v>5.0858306037291818</c:v>
                </c:pt>
                <c:pt idx="2441">
                  <c:v>4.0439286819629965</c:v>
                </c:pt>
                <c:pt idx="2442">
                  <c:v>1.4991394557786828</c:v>
                </c:pt>
                <c:pt idx="2443">
                  <c:v>1.4991394557786828</c:v>
                </c:pt>
                <c:pt idx="2444">
                  <c:v>1.4991394557786828</c:v>
                </c:pt>
                <c:pt idx="2445">
                  <c:v>1.4991394557786828</c:v>
                </c:pt>
                <c:pt idx="2446">
                  <c:v>1.4991394557786828</c:v>
                </c:pt>
                <c:pt idx="2447">
                  <c:v>1.4991394557786828</c:v>
                </c:pt>
                <c:pt idx="2448">
                  <c:v>1.2831638038033979</c:v>
                </c:pt>
                <c:pt idx="2449">
                  <c:v>1.2831638038033979</c:v>
                </c:pt>
                <c:pt idx="2450">
                  <c:v>1.2831638038033979</c:v>
                </c:pt>
                <c:pt idx="2451">
                  <c:v>1.2831638038033979</c:v>
                </c:pt>
                <c:pt idx="2452">
                  <c:v>1.2831638038033979</c:v>
                </c:pt>
                <c:pt idx="2453">
                  <c:v>1.2831638038033979</c:v>
                </c:pt>
                <c:pt idx="2454">
                  <c:v>1.2831638038033979</c:v>
                </c:pt>
                <c:pt idx="2455">
                  <c:v>3.5351162794783604</c:v>
                </c:pt>
                <c:pt idx="2456">
                  <c:v>3.9444455328916446</c:v>
                </c:pt>
                <c:pt idx="2457">
                  <c:v>4.3537747863049283</c:v>
                </c:pt>
                <c:pt idx="2458">
                  <c:v>4.3537747863049283</c:v>
                </c:pt>
                <c:pt idx="2459">
                  <c:v>5.2096450434417942</c:v>
                </c:pt>
                <c:pt idx="2460">
                  <c:v>5.2096450434417942</c:v>
                </c:pt>
                <c:pt idx="2461">
                  <c:v>3.4606927788577631</c:v>
                </c:pt>
                <c:pt idx="2462">
                  <c:v>5.2096450434417942</c:v>
                </c:pt>
                <c:pt idx="2463">
                  <c:v>5.2096450434417942</c:v>
                </c:pt>
                <c:pt idx="2464">
                  <c:v>4.3531332044030275</c:v>
                </c:pt>
                <c:pt idx="2465">
                  <c:v>3.4613343607596652</c:v>
                </c:pt>
                <c:pt idx="2466">
                  <c:v>1.2831638038033979</c:v>
                </c:pt>
                <c:pt idx="2467">
                  <c:v>1.2831638038033979</c:v>
                </c:pt>
                <c:pt idx="2468">
                  <c:v>1.2831638038033979</c:v>
                </c:pt>
                <c:pt idx="2469">
                  <c:v>1.2831638038033979</c:v>
                </c:pt>
                <c:pt idx="2470">
                  <c:v>1.2831638038033979</c:v>
                </c:pt>
                <c:pt idx="2471">
                  <c:v>1.2831638038033979</c:v>
                </c:pt>
                <c:pt idx="2472">
                  <c:v>3.3231155867147875</c:v>
                </c:pt>
                <c:pt idx="2473">
                  <c:v>3.3231155867147875</c:v>
                </c:pt>
                <c:pt idx="2474">
                  <c:v>3.3231155867147875</c:v>
                </c:pt>
                <c:pt idx="2475">
                  <c:v>3.3231155867147875</c:v>
                </c:pt>
                <c:pt idx="2476">
                  <c:v>3.3231155867147875</c:v>
                </c:pt>
                <c:pt idx="2477">
                  <c:v>3.3231155867147875</c:v>
                </c:pt>
                <c:pt idx="2478">
                  <c:v>3.3231155867147875</c:v>
                </c:pt>
                <c:pt idx="2479">
                  <c:v>9.0045712672271652</c:v>
                </c:pt>
                <c:pt idx="2480">
                  <c:v>11.255714084033956</c:v>
                </c:pt>
                <c:pt idx="2481">
                  <c:v>12.381285492437351</c:v>
                </c:pt>
                <c:pt idx="2482">
                  <c:v>12.381285492437351</c:v>
                </c:pt>
                <c:pt idx="2483">
                  <c:v>14.632428309244142</c:v>
                </c:pt>
                <c:pt idx="2484">
                  <c:v>14.632428309244142</c:v>
                </c:pt>
                <c:pt idx="2485">
                  <c:v>10.130142675630561</c:v>
                </c:pt>
                <c:pt idx="2486">
                  <c:v>14.632428309244142</c:v>
                </c:pt>
                <c:pt idx="2487">
                  <c:v>12.381285492437351</c:v>
                </c:pt>
                <c:pt idx="2488">
                  <c:v>10.719727699079959</c:v>
                </c:pt>
                <c:pt idx="2489">
                  <c:v>9.0045712672271652</c:v>
                </c:pt>
                <c:pt idx="2490">
                  <c:v>3.3231155867147875</c:v>
                </c:pt>
                <c:pt idx="2491">
                  <c:v>3.3231155867147875</c:v>
                </c:pt>
                <c:pt idx="2492">
                  <c:v>3.3231155867147875</c:v>
                </c:pt>
                <c:pt idx="2493">
                  <c:v>3.3231155867147875</c:v>
                </c:pt>
                <c:pt idx="2494">
                  <c:v>3.3231155867147875</c:v>
                </c:pt>
                <c:pt idx="2495">
                  <c:v>3.3231155867147875</c:v>
                </c:pt>
                <c:pt idx="2496">
                  <c:v>1.6205101721848008</c:v>
                </c:pt>
                <c:pt idx="2497">
                  <c:v>3.1638531933131828</c:v>
                </c:pt>
                <c:pt idx="2498">
                  <c:v>3.1638531933131828</c:v>
                </c:pt>
                <c:pt idx="2499">
                  <c:v>3.1638531933131828</c:v>
                </c:pt>
                <c:pt idx="2500">
                  <c:v>3.1638531933131828</c:v>
                </c:pt>
                <c:pt idx="2501">
                  <c:v>3.9355247038773733</c:v>
                </c:pt>
                <c:pt idx="2502">
                  <c:v>4.9386976676108221</c:v>
                </c:pt>
                <c:pt idx="2503">
                  <c:v>5.6332020271185925</c:v>
                </c:pt>
                <c:pt idx="2504">
                  <c:v>5.6332020271185925</c:v>
                </c:pt>
                <c:pt idx="2505">
                  <c:v>5.6332020271185925</c:v>
                </c:pt>
                <c:pt idx="2506">
                  <c:v>5.6332020271185925</c:v>
                </c:pt>
                <c:pt idx="2507">
                  <c:v>5.6332020271185925</c:v>
                </c:pt>
                <c:pt idx="2508">
                  <c:v>5.6332020271185925</c:v>
                </c:pt>
                <c:pt idx="2509">
                  <c:v>5.6332020271185925</c:v>
                </c:pt>
                <c:pt idx="2510">
                  <c:v>5.6332020271185925</c:v>
                </c:pt>
                <c:pt idx="2511">
                  <c:v>5.0930319697236595</c:v>
                </c:pt>
                <c:pt idx="2512">
                  <c:v>4.6300290633851455</c:v>
                </c:pt>
                <c:pt idx="2513">
                  <c:v>4.1670261570466307</c:v>
                </c:pt>
                <c:pt idx="2514">
                  <c:v>4.0126918549337924</c:v>
                </c:pt>
                <c:pt idx="2515">
                  <c:v>3.2410203443696015</c:v>
                </c:pt>
                <c:pt idx="2516">
                  <c:v>2.3921816827489915</c:v>
                </c:pt>
                <c:pt idx="2517">
                  <c:v>2.3921816827489915</c:v>
                </c:pt>
                <c:pt idx="2518">
                  <c:v>2.3921816827489915</c:v>
                </c:pt>
                <c:pt idx="2519">
                  <c:v>2.3921816827489915</c:v>
                </c:pt>
                <c:pt idx="2520">
                  <c:v>1.9240951898363976</c:v>
                </c:pt>
                <c:pt idx="2521">
                  <c:v>2.2344331236809785</c:v>
                </c:pt>
                <c:pt idx="2522">
                  <c:v>2.2344331236809785</c:v>
                </c:pt>
                <c:pt idx="2523">
                  <c:v>2.2344331236809785</c:v>
                </c:pt>
                <c:pt idx="2524">
                  <c:v>2.2344331236809785</c:v>
                </c:pt>
                <c:pt idx="2525">
                  <c:v>2.7930414046012224</c:v>
                </c:pt>
                <c:pt idx="2526">
                  <c:v>3.2895820987525513</c:v>
                </c:pt>
                <c:pt idx="2527">
                  <c:v>3.9102579664417121</c:v>
                </c:pt>
                <c:pt idx="2528">
                  <c:v>3.9102579664417121</c:v>
                </c:pt>
                <c:pt idx="2529">
                  <c:v>3.9102579664417121</c:v>
                </c:pt>
                <c:pt idx="2530">
                  <c:v>3.9102579664417121</c:v>
                </c:pt>
                <c:pt idx="2531">
                  <c:v>3.9102579664417121</c:v>
                </c:pt>
                <c:pt idx="2532">
                  <c:v>3.9102579664417121</c:v>
                </c:pt>
                <c:pt idx="2533">
                  <c:v>3.9102579664417121</c:v>
                </c:pt>
                <c:pt idx="2534">
                  <c:v>3.9102579664417121</c:v>
                </c:pt>
                <c:pt idx="2535">
                  <c:v>3.4757848590592992</c:v>
                </c:pt>
                <c:pt idx="2536">
                  <c:v>3.4137172722903832</c:v>
                </c:pt>
                <c:pt idx="2537">
                  <c:v>2.9171765781390548</c:v>
                </c:pt>
                <c:pt idx="2538">
                  <c:v>2.7309738178323069</c:v>
                </c:pt>
                <c:pt idx="2539">
                  <c:v>2.2965007104498945</c:v>
                </c:pt>
                <c:pt idx="2540">
                  <c:v>1.9240951898363976</c:v>
                </c:pt>
                <c:pt idx="2541">
                  <c:v>1.6758248427607336</c:v>
                </c:pt>
                <c:pt idx="2542">
                  <c:v>1.6758248427607336</c:v>
                </c:pt>
                <c:pt idx="2543">
                  <c:v>1.6758248427607336</c:v>
                </c:pt>
                <c:pt idx="2544">
                  <c:v>0.3803006861785756</c:v>
                </c:pt>
                <c:pt idx="2545">
                  <c:v>0.3803006861785756</c:v>
                </c:pt>
                <c:pt idx="2546">
                  <c:v>0.3803006861785756</c:v>
                </c:pt>
                <c:pt idx="2547">
                  <c:v>0.3803006861785756</c:v>
                </c:pt>
                <c:pt idx="2548">
                  <c:v>0.3803006861785756</c:v>
                </c:pt>
                <c:pt idx="2549">
                  <c:v>0.3803006861785756</c:v>
                </c:pt>
                <c:pt idx="2550">
                  <c:v>0.3803006861785756</c:v>
                </c:pt>
                <c:pt idx="2551">
                  <c:v>1.6543079848768041</c:v>
                </c:pt>
                <c:pt idx="2552">
                  <c:v>1.8610964829864045</c:v>
                </c:pt>
                <c:pt idx="2553">
                  <c:v>2.0678849810960047</c:v>
                </c:pt>
                <c:pt idx="2554">
                  <c:v>2.0678849810960047</c:v>
                </c:pt>
                <c:pt idx="2555">
                  <c:v>2.4814619773152056</c:v>
                </c:pt>
                <c:pt idx="2556">
                  <c:v>2.4814619773152056</c:v>
                </c:pt>
                <c:pt idx="2557">
                  <c:v>1.6543079848768041</c:v>
                </c:pt>
                <c:pt idx="2558">
                  <c:v>2.4814619773152056</c:v>
                </c:pt>
                <c:pt idx="2559">
                  <c:v>2.4814619773152056</c:v>
                </c:pt>
                <c:pt idx="2560">
                  <c:v>2.0678849810960047</c:v>
                </c:pt>
                <c:pt idx="2561">
                  <c:v>1.6638155020312684</c:v>
                </c:pt>
                <c:pt idx="2562">
                  <c:v>0.59421982215402436</c:v>
                </c:pt>
                <c:pt idx="2563">
                  <c:v>0.59421982215402436</c:v>
                </c:pt>
                <c:pt idx="2564">
                  <c:v>0.59421982215402436</c:v>
                </c:pt>
                <c:pt idx="2565">
                  <c:v>0.59421982215402436</c:v>
                </c:pt>
                <c:pt idx="2566">
                  <c:v>0.59421982215402436</c:v>
                </c:pt>
                <c:pt idx="2567">
                  <c:v>0.59421982215402436</c:v>
                </c:pt>
                <c:pt idx="2568">
                  <c:v>0.57263016681403056</c:v>
                </c:pt>
                <c:pt idx="2569">
                  <c:v>0.57263016681403056</c:v>
                </c:pt>
                <c:pt idx="2570">
                  <c:v>0.57263016681403056</c:v>
                </c:pt>
                <c:pt idx="2571">
                  <c:v>0.57263016681403056</c:v>
                </c:pt>
                <c:pt idx="2572">
                  <c:v>0.57263016681403056</c:v>
                </c:pt>
                <c:pt idx="2573">
                  <c:v>0.57263016681403056</c:v>
                </c:pt>
                <c:pt idx="2574">
                  <c:v>0.57263016681403056</c:v>
                </c:pt>
                <c:pt idx="2575">
                  <c:v>1.6495443192417072</c:v>
                </c:pt>
                <c:pt idx="2576">
                  <c:v>1.840544187785484</c:v>
                </c:pt>
                <c:pt idx="2577">
                  <c:v>2.0315440563292606</c:v>
                </c:pt>
                <c:pt idx="2578">
                  <c:v>2.0315440563292606</c:v>
                </c:pt>
                <c:pt idx="2579">
                  <c:v>2.4309074178298844</c:v>
                </c:pt>
                <c:pt idx="2580">
                  <c:v>2.4309074178298844</c:v>
                </c:pt>
                <c:pt idx="2581">
                  <c:v>1.6148170704155658</c:v>
                </c:pt>
                <c:pt idx="2582">
                  <c:v>2.4309074178298844</c:v>
                </c:pt>
                <c:pt idx="2583">
                  <c:v>2.4309074178298844</c:v>
                </c:pt>
                <c:pt idx="2584">
                  <c:v>2.0319134951465601</c:v>
                </c:pt>
                <c:pt idx="2585">
                  <c:v>1.6144476315982668</c:v>
                </c:pt>
                <c:pt idx="2586">
                  <c:v>0.57263016681403056</c:v>
                </c:pt>
                <c:pt idx="2587">
                  <c:v>0.57263016681403056</c:v>
                </c:pt>
                <c:pt idx="2588">
                  <c:v>0.57263016681403056</c:v>
                </c:pt>
                <c:pt idx="2589">
                  <c:v>0.57263016681403056</c:v>
                </c:pt>
                <c:pt idx="2590">
                  <c:v>0.57263016681403056</c:v>
                </c:pt>
                <c:pt idx="2591">
                  <c:v>0.57263016681403056</c:v>
                </c:pt>
                <c:pt idx="2592">
                  <c:v>1.3695540645935125</c:v>
                </c:pt>
                <c:pt idx="2593">
                  <c:v>1.3695540645935125</c:v>
                </c:pt>
                <c:pt idx="2594">
                  <c:v>1.3695540645935125</c:v>
                </c:pt>
                <c:pt idx="2595">
                  <c:v>1.3695540645935125</c:v>
                </c:pt>
                <c:pt idx="2596">
                  <c:v>1.3695540645935125</c:v>
                </c:pt>
                <c:pt idx="2597">
                  <c:v>1.3695540645935125</c:v>
                </c:pt>
                <c:pt idx="2598">
                  <c:v>1.3695540645935125</c:v>
                </c:pt>
                <c:pt idx="2599">
                  <c:v>3.7731214479551256</c:v>
                </c:pt>
                <c:pt idx="2600">
                  <c:v>4.210009194560457</c:v>
                </c:pt>
                <c:pt idx="2601">
                  <c:v>4.646896941165787</c:v>
                </c:pt>
                <c:pt idx="2602">
                  <c:v>4.646896941165787</c:v>
                </c:pt>
                <c:pt idx="2603">
                  <c:v>5.5603895022496586</c:v>
                </c:pt>
                <c:pt idx="2604">
                  <c:v>5.5603895022496586</c:v>
                </c:pt>
                <c:pt idx="2605">
                  <c:v>3.6936873122087022</c:v>
                </c:pt>
                <c:pt idx="2606">
                  <c:v>5.5603895022496586</c:v>
                </c:pt>
                <c:pt idx="2607">
                  <c:v>5.5603895022496586</c:v>
                </c:pt>
                <c:pt idx="2608">
                  <c:v>4.646212164133491</c:v>
                </c:pt>
                <c:pt idx="2609">
                  <c:v>3.6943720892409995</c:v>
                </c:pt>
                <c:pt idx="2610">
                  <c:v>1.3695540645935125</c:v>
                </c:pt>
                <c:pt idx="2611">
                  <c:v>1.3695540645935125</c:v>
                </c:pt>
                <c:pt idx="2612">
                  <c:v>1.3695540645935125</c:v>
                </c:pt>
                <c:pt idx="2613">
                  <c:v>1.3695540645935125</c:v>
                </c:pt>
                <c:pt idx="2614">
                  <c:v>1.3695540645935125</c:v>
                </c:pt>
                <c:pt idx="2615">
                  <c:v>1.3695540645935125</c:v>
                </c:pt>
                <c:pt idx="2616">
                  <c:v>0.89440763024788605</c:v>
                </c:pt>
                <c:pt idx="2617">
                  <c:v>0.89440763024788605</c:v>
                </c:pt>
                <c:pt idx="2618">
                  <c:v>0.89440763024788605</c:v>
                </c:pt>
                <c:pt idx="2619">
                  <c:v>0.89440763024788605</c:v>
                </c:pt>
                <c:pt idx="2620">
                  <c:v>0.89440763024788605</c:v>
                </c:pt>
                <c:pt idx="2621">
                  <c:v>0.89440763024788605</c:v>
                </c:pt>
                <c:pt idx="2622">
                  <c:v>0.89440763024788605</c:v>
                </c:pt>
                <c:pt idx="2623">
                  <c:v>2.4640930213329257</c:v>
                </c:pt>
                <c:pt idx="2624">
                  <c:v>2.7494090553820016</c:v>
                </c:pt>
                <c:pt idx="2625">
                  <c:v>3.0347250894310771</c:v>
                </c:pt>
                <c:pt idx="2626">
                  <c:v>3.0347250894310771</c:v>
                </c:pt>
                <c:pt idx="2627">
                  <c:v>3.6312949788064164</c:v>
                </c:pt>
                <c:pt idx="2628">
                  <c:v>3.6312949788064164</c:v>
                </c:pt>
                <c:pt idx="2629">
                  <c:v>2.4122173787785481</c:v>
                </c:pt>
                <c:pt idx="2630">
                  <c:v>3.6312949788064164</c:v>
                </c:pt>
                <c:pt idx="2631">
                  <c:v>3.6312949788064164</c:v>
                </c:pt>
                <c:pt idx="2632">
                  <c:v>3.0342778856159534</c:v>
                </c:pt>
                <c:pt idx="2633">
                  <c:v>2.4126645825936728</c:v>
                </c:pt>
                <c:pt idx="2634">
                  <c:v>0.89440763024788605</c:v>
                </c:pt>
                <c:pt idx="2635">
                  <c:v>0.89440763024788605</c:v>
                </c:pt>
                <c:pt idx="2636">
                  <c:v>0.89440763024788605</c:v>
                </c:pt>
                <c:pt idx="2637">
                  <c:v>0.89440763024788605</c:v>
                </c:pt>
                <c:pt idx="2638">
                  <c:v>0.89440763024788605</c:v>
                </c:pt>
                <c:pt idx="2639">
                  <c:v>0.89440763024788605</c:v>
                </c:pt>
                <c:pt idx="2640">
                  <c:v>0.49599172997532065</c:v>
                </c:pt>
                <c:pt idx="2641">
                  <c:v>0.49599172997532065</c:v>
                </c:pt>
                <c:pt idx="2642">
                  <c:v>0.49599172997532065</c:v>
                </c:pt>
                <c:pt idx="2643">
                  <c:v>0.49599172997532065</c:v>
                </c:pt>
                <c:pt idx="2644">
                  <c:v>0.49599172997532065</c:v>
                </c:pt>
                <c:pt idx="2645">
                  <c:v>0.49599172997532065</c:v>
                </c:pt>
                <c:pt idx="2646">
                  <c:v>0.49599172997532065</c:v>
                </c:pt>
                <c:pt idx="2647">
                  <c:v>1.3439775909008689</c:v>
                </c:pt>
                <c:pt idx="2648">
                  <c:v>1.679971988626086</c:v>
                </c:pt>
                <c:pt idx="2649">
                  <c:v>1.8479691874886948</c:v>
                </c:pt>
                <c:pt idx="2650">
                  <c:v>1.8479691874886948</c:v>
                </c:pt>
                <c:pt idx="2651">
                  <c:v>2.1839635852139119</c:v>
                </c:pt>
                <c:pt idx="2652">
                  <c:v>2.1839635852139119</c:v>
                </c:pt>
                <c:pt idx="2653">
                  <c:v>1.5119747897634774</c:v>
                </c:pt>
                <c:pt idx="2654">
                  <c:v>2.1839635852139119</c:v>
                </c:pt>
                <c:pt idx="2655">
                  <c:v>1.8479691874886948</c:v>
                </c:pt>
                <c:pt idx="2656">
                  <c:v>1.5999733225010346</c:v>
                </c:pt>
                <c:pt idx="2657">
                  <c:v>1.3439775909008689</c:v>
                </c:pt>
                <c:pt idx="2658">
                  <c:v>0.49599172997532065</c:v>
                </c:pt>
                <c:pt idx="2659">
                  <c:v>0.49599172997532065</c:v>
                </c:pt>
                <c:pt idx="2660">
                  <c:v>0.49599172997532065</c:v>
                </c:pt>
                <c:pt idx="2661">
                  <c:v>0.49599172997532065</c:v>
                </c:pt>
                <c:pt idx="2662">
                  <c:v>0.49599172997532065</c:v>
                </c:pt>
                <c:pt idx="2663">
                  <c:v>0.49599172997532065</c:v>
                </c:pt>
                <c:pt idx="2664">
                  <c:v>0.22777091819477094</c:v>
                </c:pt>
                <c:pt idx="2665">
                  <c:v>0.44469560218979098</c:v>
                </c:pt>
                <c:pt idx="2666">
                  <c:v>0.44469560218979098</c:v>
                </c:pt>
                <c:pt idx="2667">
                  <c:v>0.44469560218979098</c:v>
                </c:pt>
                <c:pt idx="2668">
                  <c:v>0.44469560218979098</c:v>
                </c:pt>
                <c:pt idx="2669">
                  <c:v>0.55315794418730091</c:v>
                </c:pt>
                <c:pt idx="2670">
                  <c:v>0.6941589887840639</c:v>
                </c:pt>
                <c:pt idx="2671">
                  <c:v>0.79177509658182277</c:v>
                </c:pt>
                <c:pt idx="2672">
                  <c:v>0.79177509658182277</c:v>
                </c:pt>
                <c:pt idx="2673">
                  <c:v>0.79177509658182277</c:v>
                </c:pt>
                <c:pt idx="2674">
                  <c:v>0.79177509658182277</c:v>
                </c:pt>
                <c:pt idx="2675">
                  <c:v>0.79177509658182277</c:v>
                </c:pt>
                <c:pt idx="2676">
                  <c:v>0.79177509658182277</c:v>
                </c:pt>
                <c:pt idx="2677">
                  <c:v>0.79177509658182277</c:v>
                </c:pt>
                <c:pt idx="2678">
                  <c:v>0.79177509658182277</c:v>
                </c:pt>
                <c:pt idx="2679">
                  <c:v>0.7158514571835658</c:v>
                </c:pt>
                <c:pt idx="2680">
                  <c:v>0.65077405198505989</c:v>
                </c:pt>
                <c:pt idx="2681">
                  <c:v>0.58569664678655387</c:v>
                </c:pt>
                <c:pt idx="2682">
                  <c:v>0.56400417838705186</c:v>
                </c:pt>
                <c:pt idx="2683">
                  <c:v>0.45554183638954188</c:v>
                </c:pt>
                <c:pt idx="2684">
                  <c:v>0.33623326019228089</c:v>
                </c:pt>
                <c:pt idx="2685">
                  <c:v>0.33623326019228089</c:v>
                </c:pt>
                <c:pt idx="2686">
                  <c:v>0.33623326019228089</c:v>
                </c:pt>
                <c:pt idx="2687">
                  <c:v>0.33623326019228089</c:v>
                </c:pt>
                <c:pt idx="2688">
                  <c:v>0.31601152430554896</c:v>
                </c:pt>
                <c:pt idx="2689">
                  <c:v>0.3669811249999923</c:v>
                </c:pt>
                <c:pt idx="2690">
                  <c:v>0.3669811249999923</c:v>
                </c:pt>
                <c:pt idx="2691">
                  <c:v>0.3669811249999923</c:v>
                </c:pt>
                <c:pt idx="2692">
                  <c:v>0.3669811249999923</c:v>
                </c:pt>
                <c:pt idx="2693">
                  <c:v>0.45872640624999034</c:v>
                </c:pt>
                <c:pt idx="2694">
                  <c:v>0.54027776736109978</c:v>
                </c:pt>
                <c:pt idx="2695">
                  <c:v>0.64221696874998657</c:v>
                </c:pt>
                <c:pt idx="2696">
                  <c:v>0.64221696874998657</c:v>
                </c:pt>
                <c:pt idx="2697">
                  <c:v>0.64221696874998657</c:v>
                </c:pt>
                <c:pt idx="2698">
                  <c:v>0.64221696874998657</c:v>
                </c:pt>
                <c:pt idx="2699">
                  <c:v>0.64221696874998657</c:v>
                </c:pt>
                <c:pt idx="2700">
                  <c:v>0.64221696874998657</c:v>
                </c:pt>
                <c:pt idx="2701">
                  <c:v>0.64221696874998657</c:v>
                </c:pt>
                <c:pt idx="2702">
                  <c:v>0.64221696874998657</c:v>
                </c:pt>
                <c:pt idx="2703">
                  <c:v>0.57085952777776583</c:v>
                </c:pt>
                <c:pt idx="2704">
                  <c:v>0.56066560763887718</c:v>
                </c:pt>
                <c:pt idx="2705">
                  <c:v>0.4791142465277678</c:v>
                </c:pt>
                <c:pt idx="2706">
                  <c:v>0.44853248611110175</c:v>
                </c:pt>
                <c:pt idx="2707">
                  <c:v>0.37717504513888106</c:v>
                </c:pt>
                <c:pt idx="2708">
                  <c:v>0.31601152430554896</c:v>
                </c:pt>
                <c:pt idx="2709">
                  <c:v>0.27523584374999421</c:v>
                </c:pt>
                <c:pt idx="2710">
                  <c:v>0.27523584374999421</c:v>
                </c:pt>
                <c:pt idx="2711">
                  <c:v>0.27523584374999421</c:v>
                </c:pt>
                <c:pt idx="2712">
                  <c:v>0.30465913042434323</c:v>
                </c:pt>
                <c:pt idx="2713">
                  <c:v>0.30465913042434323</c:v>
                </c:pt>
                <c:pt idx="2714">
                  <c:v>0.30465913042434323</c:v>
                </c:pt>
                <c:pt idx="2715">
                  <c:v>0.30465913042434323</c:v>
                </c:pt>
                <c:pt idx="2716">
                  <c:v>0.30465913042434323</c:v>
                </c:pt>
                <c:pt idx="2717">
                  <c:v>0.30465913042434323</c:v>
                </c:pt>
                <c:pt idx="2718">
                  <c:v>0.30465913042434323</c:v>
                </c:pt>
                <c:pt idx="2719">
                  <c:v>1.325267217345893</c:v>
                </c:pt>
                <c:pt idx="2720">
                  <c:v>1.4909256195141296</c:v>
                </c:pt>
                <c:pt idx="2721">
                  <c:v>1.6565840216823662</c:v>
                </c:pt>
                <c:pt idx="2722">
                  <c:v>1.6565840216823662</c:v>
                </c:pt>
                <c:pt idx="2723">
                  <c:v>1.9879008260188389</c:v>
                </c:pt>
                <c:pt idx="2724">
                  <c:v>1.9879008260188389</c:v>
                </c:pt>
                <c:pt idx="2725">
                  <c:v>1.325267217345893</c:v>
                </c:pt>
                <c:pt idx="2726">
                  <c:v>1.9879008260188389</c:v>
                </c:pt>
                <c:pt idx="2727">
                  <c:v>1.9879008260188389</c:v>
                </c:pt>
                <c:pt idx="2728">
                  <c:v>1.6565840216823662</c:v>
                </c:pt>
                <c:pt idx="2729">
                  <c:v>1.3328836956065016</c:v>
                </c:pt>
                <c:pt idx="2730">
                  <c:v>0.4760298912880363</c:v>
                </c:pt>
                <c:pt idx="2731">
                  <c:v>0.4760298912880363</c:v>
                </c:pt>
                <c:pt idx="2732">
                  <c:v>0.4760298912880363</c:v>
                </c:pt>
                <c:pt idx="2733">
                  <c:v>0.4760298912880363</c:v>
                </c:pt>
                <c:pt idx="2734">
                  <c:v>0.4760298912880363</c:v>
                </c:pt>
                <c:pt idx="2735">
                  <c:v>0.4760298912880363</c:v>
                </c:pt>
                <c:pt idx="2736">
                  <c:v>0.73974565204608089</c:v>
                </c:pt>
                <c:pt idx="2737">
                  <c:v>0.73974565204608089</c:v>
                </c:pt>
                <c:pt idx="2738">
                  <c:v>0.73974565204608089</c:v>
                </c:pt>
                <c:pt idx="2739">
                  <c:v>0.73974565204608089</c:v>
                </c:pt>
                <c:pt idx="2740">
                  <c:v>0.73974565204608089</c:v>
                </c:pt>
                <c:pt idx="2741">
                  <c:v>0.73974565204608089</c:v>
                </c:pt>
                <c:pt idx="2742">
                  <c:v>0.73974565204608089</c:v>
                </c:pt>
                <c:pt idx="2743">
                  <c:v>2.1309447331520972</c:v>
                </c:pt>
                <c:pt idx="2744">
                  <c:v>2.3776857022539191</c:v>
                </c:pt>
                <c:pt idx="2745">
                  <c:v>2.6244266713557409</c:v>
                </c:pt>
                <c:pt idx="2746">
                  <c:v>2.6244266713557409</c:v>
                </c:pt>
                <c:pt idx="2747">
                  <c:v>3.1403396067504592</c:v>
                </c:pt>
                <c:pt idx="2748">
                  <c:v>3.1403396067504592</c:v>
                </c:pt>
                <c:pt idx="2749">
                  <c:v>2.0860827387699477</c:v>
                </c:pt>
                <c:pt idx="2750">
                  <c:v>3.1403396067504592</c:v>
                </c:pt>
                <c:pt idx="2751">
                  <c:v>3.1403396067504592</c:v>
                </c:pt>
                <c:pt idx="2752">
                  <c:v>2.6249039266151253</c:v>
                </c:pt>
                <c:pt idx="2753">
                  <c:v>2.0856054835105633</c:v>
                </c:pt>
                <c:pt idx="2754">
                  <c:v>0.73974565204608089</c:v>
                </c:pt>
                <c:pt idx="2755">
                  <c:v>0.73974565204608089</c:v>
                </c:pt>
                <c:pt idx="2756">
                  <c:v>0.73974565204608089</c:v>
                </c:pt>
                <c:pt idx="2757">
                  <c:v>0.73974565204608089</c:v>
                </c:pt>
                <c:pt idx="2758">
                  <c:v>0.73974565204608089</c:v>
                </c:pt>
                <c:pt idx="2759">
                  <c:v>0.73974565204608089</c:v>
                </c:pt>
                <c:pt idx="2760">
                  <c:v>1.7151151077539679</c:v>
                </c:pt>
                <c:pt idx="2761">
                  <c:v>1.7151151077539679</c:v>
                </c:pt>
                <c:pt idx="2762">
                  <c:v>1.7151151077539679</c:v>
                </c:pt>
                <c:pt idx="2763">
                  <c:v>1.7151151077539679</c:v>
                </c:pt>
                <c:pt idx="2764">
                  <c:v>1.7151151077539679</c:v>
                </c:pt>
                <c:pt idx="2765">
                  <c:v>1.7151151077539679</c:v>
                </c:pt>
                <c:pt idx="2766">
                  <c:v>1.7151151077539679</c:v>
                </c:pt>
                <c:pt idx="2767">
                  <c:v>4.7251421218621816</c:v>
                </c:pt>
                <c:pt idx="2768">
                  <c:v>5.2722638412356977</c:v>
                </c:pt>
                <c:pt idx="2769">
                  <c:v>5.8193855606092137</c:v>
                </c:pt>
                <c:pt idx="2770">
                  <c:v>5.8193855606092137</c:v>
                </c:pt>
                <c:pt idx="2771">
                  <c:v>6.9633673374811096</c:v>
                </c:pt>
                <c:pt idx="2772">
                  <c:v>6.9633673374811096</c:v>
                </c:pt>
                <c:pt idx="2773">
                  <c:v>4.6256654456124515</c:v>
                </c:pt>
                <c:pt idx="2774">
                  <c:v>6.9633673374811096</c:v>
                </c:pt>
                <c:pt idx="2775">
                  <c:v>6.9633673374811096</c:v>
                </c:pt>
                <c:pt idx="2776">
                  <c:v>5.818528003055337</c:v>
                </c:pt>
                <c:pt idx="2777">
                  <c:v>4.6265230031663291</c:v>
                </c:pt>
                <c:pt idx="2778">
                  <c:v>1.7151151077539679</c:v>
                </c:pt>
                <c:pt idx="2779">
                  <c:v>1.7151151077539679</c:v>
                </c:pt>
                <c:pt idx="2780">
                  <c:v>1.7151151077539679</c:v>
                </c:pt>
                <c:pt idx="2781">
                  <c:v>1.7151151077539679</c:v>
                </c:pt>
                <c:pt idx="2782">
                  <c:v>1.7151151077539679</c:v>
                </c:pt>
                <c:pt idx="2783">
                  <c:v>1.7151151077539679</c:v>
                </c:pt>
                <c:pt idx="2784">
                  <c:v>1.196773543013284</c:v>
                </c:pt>
                <c:pt idx="2785">
                  <c:v>1.196773543013284</c:v>
                </c:pt>
                <c:pt idx="2786">
                  <c:v>1.196773543013284</c:v>
                </c:pt>
                <c:pt idx="2787">
                  <c:v>1.196773543013284</c:v>
                </c:pt>
                <c:pt idx="2788">
                  <c:v>1.196773543013284</c:v>
                </c:pt>
                <c:pt idx="2789">
                  <c:v>1.196773543013284</c:v>
                </c:pt>
                <c:pt idx="2790">
                  <c:v>1.196773543013284</c:v>
                </c:pt>
                <c:pt idx="2791">
                  <c:v>3.2971111110015969</c:v>
                </c:pt>
                <c:pt idx="2792">
                  <c:v>3.6788818712228348</c:v>
                </c:pt>
                <c:pt idx="2793">
                  <c:v>4.0606526314440732</c:v>
                </c:pt>
                <c:pt idx="2794">
                  <c:v>4.0606526314440732</c:v>
                </c:pt>
                <c:pt idx="2795">
                  <c:v>4.8589005846339326</c:v>
                </c:pt>
                <c:pt idx="2796">
                  <c:v>4.8589005846339326</c:v>
                </c:pt>
                <c:pt idx="2797">
                  <c:v>3.227698245506827</c:v>
                </c:pt>
                <c:pt idx="2798">
                  <c:v>4.8589005846339326</c:v>
                </c:pt>
                <c:pt idx="2799">
                  <c:v>4.8589005846339326</c:v>
                </c:pt>
                <c:pt idx="2800">
                  <c:v>4.0600542446725658</c:v>
                </c:pt>
                <c:pt idx="2801">
                  <c:v>3.2282966322783335</c:v>
                </c:pt>
                <c:pt idx="2802">
                  <c:v>1.196773543013284</c:v>
                </c:pt>
                <c:pt idx="2803">
                  <c:v>1.196773543013284</c:v>
                </c:pt>
                <c:pt idx="2804">
                  <c:v>1.196773543013284</c:v>
                </c:pt>
                <c:pt idx="2805">
                  <c:v>1.196773543013284</c:v>
                </c:pt>
                <c:pt idx="2806">
                  <c:v>1.196773543013284</c:v>
                </c:pt>
                <c:pt idx="2807">
                  <c:v>1.196773543013284</c:v>
                </c:pt>
                <c:pt idx="2808">
                  <c:v>0.54629070632713161</c:v>
                </c:pt>
                <c:pt idx="2809">
                  <c:v>0.54629070632713161</c:v>
                </c:pt>
                <c:pt idx="2810">
                  <c:v>0.54629070632713161</c:v>
                </c:pt>
                <c:pt idx="2811">
                  <c:v>0.54629070632713161</c:v>
                </c:pt>
                <c:pt idx="2812">
                  <c:v>0.54629070632713161</c:v>
                </c:pt>
                <c:pt idx="2813">
                  <c:v>0.54629070632713161</c:v>
                </c:pt>
                <c:pt idx="2814">
                  <c:v>0.54629070632713161</c:v>
                </c:pt>
                <c:pt idx="2815">
                  <c:v>1.4802715913380338</c:v>
                </c:pt>
                <c:pt idx="2816">
                  <c:v>1.8503394891725422</c:v>
                </c:pt>
                <c:pt idx="2817">
                  <c:v>2.0353734380897963</c:v>
                </c:pt>
                <c:pt idx="2818">
                  <c:v>2.0353734380897963</c:v>
                </c:pt>
                <c:pt idx="2819">
                  <c:v>2.4054413359243045</c:v>
                </c:pt>
                <c:pt idx="2820">
                  <c:v>2.4054413359243045</c:v>
                </c:pt>
                <c:pt idx="2821">
                  <c:v>1.6653055402552881</c:v>
                </c:pt>
                <c:pt idx="2822">
                  <c:v>2.4054413359243045</c:v>
                </c:pt>
                <c:pt idx="2823">
                  <c:v>2.0353734380897963</c:v>
                </c:pt>
                <c:pt idx="2824">
                  <c:v>1.7622280849262308</c:v>
                </c:pt>
                <c:pt idx="2825">
                  <c:v>1.4802715913380338</c:v>
                </c:pt>
                <c:pt idx="2826">
                  <c:v>0.54629070632713161</c:v>
                </c:pt>
                <c:pt idx="2827">
                  <c:v>0.54629070632713161</c:v>
                </c:pt>
                <c:pt idx="2828">
                  <c:v>0.54629070632713161</c:v>
                </c:pt>
                <c:pt idx="2829">
                  <c:v>0.54629070632713161</c:v>
                </c:pt>
                <c:pt idx="2830">
                  <c:v>0.54629070632713161</c:v>
                </c:pt>
                <c:pt idx="2831">
                  <c:v>0.54629070632713161</c:v>
                </c:pt>
                <c:pt idx="2832">
                  <c:v>0.25733141168679596</c:v>
                </c:pt>
                <c:pt idx="2833">
                  <c:v>0.50240894662660174</c:v>
                </c:pt>
                <c:pt idx="2834">
                  <c:v>0.50240894662660174</c:v>
                </c:pt>
                <c:pt idx="2835">
                  <c:v>0.50240894662660174</c:v>
                </c:pt>
                <c:pt idx="2836">
                  <c:v>0.50240894662660174</c:v>
                </c:pt>
                <c:pt idx="2837">
                  <c:v>0.62494771409650451</c:v>
                </c:pt>
                <c:pt idx="2838">
                  <c:v>0.7842481118073783</c:v>
                </c:pt>
                <c:pt idx="2839">
                  <c:v>0.89453300253029078</c:v>
                </c:pt>
                <c:pt idx="2840">
                  <c:v>0.89453300253029078</c:v>
                </c:pt>
                <c:pt idx="2841">
                  <c:v>0.89453300253029078</c:v>
                </c:pt>
                <c:pt idx="2842">
                  <c:v>0.89453300253029078</c:v>
                </c:pt>
                <c:pt idx="2843">
                  <c:v>0.89453300253029078</c:v>
                </c:pt>
                <c:pt idx="2844">
                  <c:v>0.89453300253029078</c:v>
                </c:pt>
                <c:pt idx="2845">
                  <c:v>0.89453300253029078</c:v>
                </c:pt>
                <c:pt idx="2846">
                  <c:v>0.89453300253029078</c:v>
                </c:pt>
                <c:pt idx="2847">
                  <c:v>0.80875586530135879</c:v>
                </c:pt>
                <c:pt idx="2848">
                  <c:v>0.7352326048194171</c:v>
                </c:pt>
                <c:pt idx="2849">
                  <c:v>0.66170934433747541</c:v>
                </c:pt>
                <c:pt idx="2850">
                  <c:v>0.63720159084349492</c:v>
                </c:pt>
                <c:pt idx="2851">
                  <c:v>0.51466282337359193</c:v>
                </c:pt>
                <c:pt idx="2852">
                  <c:v>0.37987017915669885</c:v>
                </c:pt>
                <c:pt idx="2853">
                  <c:v>0.37987017915669885</c:v>
                </c:pt>
                <c:pt idx="2854">
                  <c:v>0.37987017915669885</c:v>
                </c:pt>
                <c:pt idx="2855">
                  <c:v>0.37987017915669885</c:v>
                </c:pt>
                <c:pt idx="2856">
                  <c:v>0.44826336854286275</c:v>
                </c:pt>
                <c:pt idx="2857">
                  <c:v>0.52056391185622775</c:v>
                </c:pt>
                <c:pt idx="2858">
                  <c:v>0.52056391185622775</c:v>
                </c:pt>
                <c:pt idx="2859">
                  <c:v>0.52056391185622775</c:v>
                </c:pt>
                <c:pt idx="2860">
                  <c:v>0.52056391185622775</c:v>
                </c:pt>
                <c:pt idx="2861">
                  <c:v>0.65070488982028452</c:v>
                </c:pt>
                <c:pt idx="2862">
                  <c:v>0.76638575912166862</c:v>
                </c:pt>
                <c:pt idx="2863">
                  <c:v>0.91098684574839861</c:v>
                </c:pt>
                <c:pt idx="2864">
                  <c:v>0.91098684574839861</c:v>
                </c:pt>
                <c:pt idx="2865">
                  <c:v>0.91098684574839861</c:v>
                </c:pt>
                <c:pt idx="2866">
                  <c:v>0.91098684574839861</c:v>
                </c:pt>
                <c:pt idx="2867">
                  <c:v>0.91098684574839861</c:v>
                </c:pt>
                <c:pt idx="2868">
                  <c:v>0.91098684574839861</c:v>
                </c:pt>
                <c:pt idx="2869">
                  <c:v>0.91098684574839861</c:v>
                </c:pt>
                <c:pt idx="2870">
                  <c:v>0.91098684574839861</c:v>
                </c:pt>
                <c:pt idx="2871">
                  <c:v>0.80976608510968762</c:v>
                </c:pt>
                <c:pt idx="2872">
                  <c:v>0.7953059764470144</c:v>
                </c:pt>
                <c:pt idx="2873">
                  <c:v>0.67962510714563062</c:v>
                </c:pt>
                <c:pt idx="2874">
                  <c:v>0.63624478115761163</c:v>
                </c:pt>
                <c:pt idx="2875">
                  <c:v>0.53502402051890074</c:v>
                </c:pt>
                <c:pt idx="2876">
                  <c:v>0.44826336854286275</c:v>
                </c:pt>
                <c:pt idx="2877">
                  <c:v>0.39042293389217081</c:v>
                </c:pt>
                <c:pt idx="2878">
                  <c:v>0.39042293389217081</c:v>
                </c:pt>
                <c:pt idx="2879">
                  <c:v>0.39042293389217081</c:v>
                </c:pt>
                <c:pt idx="2880">
                  <c:v>0.34935641337002604</c:v>
                </c:pt>
                <c:pt idx="2881">
                  <c:v>0.34935641337002604</c:v>
                </c:pt>
                <c:pt idx="2882">
                  <c:v>0.34935641337002604</c:v>
                </c:pt>
                <c:pt idx="2883">
                  <c:v>0.34935641337002604</c:v>
                </c:pt>
                <c:pt idx="2884">
                  <c:v>0.34935641337002604</c:v>
                </c:pt>
                <c:pt idx="2885">
                  <c:v>0.34935641337002604</c:v>
                </c:pt>
                <c:pt idx="2886">
                  <c:v>0.34935641337002604</c:v>
                </c:pt>
                <c:pt idx="2887">
                  <c:v>1.5197003981596133</c:v>
                </c:pt>
                <c:pt idx="2888">
                  <c:v>1.7096629479295651</c:v>
                </c:pt>
                <c:pt idx="2889">
                  <c:v>1.8996254976995166</c:v>
                </c:pt>
                <c:pt idx="2890">
                  <c:v>1.8996254976995166</c:v>
                </c:pt>
                <c:pt idx="2891">
                  <c:v>2.2795505972394197</c:v>
                </c:pt>
                <c:pt idx="2892">
                  <c:v>2.2795505972394197</c:v>
                </c:pt>
                <c:pt idx="2893">
                  <c:v>1.5197003981596133</c:v>
                </c:pt>
                <c:pt idx="2894">
                  <c:v>2.2795505972394197</c:v>
                </c:pt>
                <c:pt idx="2895">
                  <c:v>2.2795505972394197</c:v>
                </c:pt>
                <c:pt idx="2896">
                  <c:v>1.8996254976995166</c:v>
                </c:pt>
                <c:pt idx="2897">
                  <c:v>1.5284343084938641</c:v>
                </c:pt>
                <c:pt idx="2898">
                  <c:v>0.54586939589066574</c:v>
                </c:pt>
                <c:pt idx="2899">
                  <c:v>0.54586939589066574</c:v>
                </c:pt>
                <c:pt idx="2900">
                  <c:v>0.54586939589066574</c:v>
                </c:pt>
                <c:pt idx="2901">
                  <c:v>0.54586939589066574</c:v>
                </c:pt>
                <c:pt idx="2902">
                  <c:v>0.54586939589066574</c:v>
                </c:pt>
                <c:pt idx="2903">
                  <c:v>0.54586939589066574</c:v>
                </c:pt>
                <c:pt idx="2904">
                  <c:v>0.42141900860720627</c:v>
                </c:pt>
                <c:pt idx="2905">
                  <c:v>0.42141900860720627</c:v>
                </c:pt>
                <c:pt idx="2906">
                  <c:v>0.42141900860720627</c:v>
                </c:pt>
                <c:pt idx="2907">
                  <c:v>0.42141900860720627</c:v>
                </c:pt>
                <c:pt idx="2908">
                  <c:v>0.42141900860720627</c:v>
                </c:pt>
                <c:pt idx="2909">
                  <c:v>0.42141900860720627</c:v>
                </c:pt>
                <c:pt idx="2910">
                  <c:v>0.42141900860720627</c:v>
                </c:pt>
                <c:pt idx="2911">
                  <c:v>1.2139586280201133</c:v>
                </c:pt>
                <c:pt idx="2912">
                  <c:v>1.3545222586329686</c:v>
                </c:pt>
                <c:pt idx="2913">
                  <c:v>1.4950858892458241</c:v>
                </c:pt>
                <c:pt idx="2914">
                  <c:v>1.4950858892458241</c:v>
                </c:pt>
                <c:pt idx="2915">
                  <c:v>1.7889916623454307</c:v>
                </c:pt>
                <c:pt idx="2916">
                  <c:v>1.7889916623454307</c:v>
                </c:pt>
                <c:pt idx="2917">
                  <c:v>1.1884016042723213</c:v>
                </c:pt>
                <c:pt idx="2918">
                  <c:v>1.7889916623454307</c:v>
                </c:pt>
                <c:pt idx="2919">
                  <c:v>1.7889916623454307</c:v>
                </c:pt>
                <c:pt idx="2920">
                  <c:v>1.4953577724771834</c:v>
                </c:pt>
                <c:pt idx="2921">
                  <c:v>1.1881297210409623</c:v>
                </c:pt>
                <c:pt idx="2922">
                  <c:v>0.42141900860720627</c:v>
                </c:pt>
                <c:pt idx="2923">
                  <c:v>0.42141900860720627</c:v>
                </c:pt>
                <c:pt idx="2924">
                  <c:v>0.42141900860720627</c:v>
                </c:pt>
                <c:pt idx="2925">
                  <c:v>0.42141900860720627</c:v>
                </c:pt>
                <c:pt idx="2926">
                  <c:v>0.42141900860720627</c:v>
                </c:pt>
                <c:pt idx="2927">
                  <c:v>0.42141900860720627</c:v>
                </c:pt>
                <c:pt idx="2928">
                  <c:v>0.48260577907609942</c:v>
                </c:pt>
                <c:pt idx="2929">
                  <c:v>0.48260577907609942</c:v>
                </c:pt>
                <c:pt idx="2930">
                  <c:v>0.48260577907609942</c:v>
                </c:pt>
                <c:pt idx="2931">
                  <c:v>0.48260577907609942</c:v>
                </c:pt>
                <c:pt idx="2932">
                  <c:v>0.48260577907609942</c:v>
                </c:pt>
                <c:pt idx="2933">
                  <c:v>0.48260577907609942</c:v>
                </c:pt>
                <c:pt idx="2934">
                  <c:v>0.48260577907609942</c:v>
                </c:pt>
                <c:pt idx="2935">
                  <c:v>1.3295789213546536</c:v>
                </c:pt>
                <c:pt idx="2936">
                  <c:v>1.4835301648799295</c:v>
                </c:pt>
                <c:pt idx="2937">
                  <c:v>1.637481408405205</c:v>
                </c:pt>
                <c:pt idx="2938">
                  <c:v>1.637481408405205</c:v>
                </c:pt>
                <c:pt idx="2939">
                  <c:v>1.9593794630489634</c:v>
                </c:pt>
                <c:pt idx="2940">
                  <c:v>1.9593794630489634</c:v>
                </c:pt>
                <c:pt idx="2941">
                  <c:v>1.3015877861682399</c:v>
                </c:pt>
                <c:pt idx="2942">
                  <c:v>1.9593794630489634</c:v>
                </c:pt>
                <c:pt idx="2943">
                  <c:v>1.9593794630489634</c:v>
                </c:pt>
                <c:pt idx="2944">
                  <c:v>1.6372401055156676</c:v>
                </c:pt>
                <c:pt idx="2945">
                  <c:v>1.3018290890577782</c:v>
                </c:pt>
                <c:pt idx="2946">
                  <c:v>0.48260577907609942</c:v>
                </c:pt>
                <c:pt idx="2947">
                  <c:v>0.48260577907609942</c:v>
                </c:pt>
                <c:pt idx="2948">
                  <c:v>0.48260577907609942</c:v>
                </c:pt>
                <c:pt idx="2949">
                  <c:v>0.48260577907609942</c:v>
                </c:pt>
                <c:pt idx="2950">
                  <c:v>0.48260577907609942</c:v>
                </c:pt>
                <c:pt idx="2951">
                  <c:v>0.48260577907609942</c:v>
                </c:pt>
                <c:pt idx="2952">
                  <c:v>0.49302824940051715</c:v>
                </c:pt>
                <c:pt idx="2953">
                  <c:v>0.49302824940051715</c:v>
                </c:pt>
                <c:pt idx="2954">
                  <c:v>0.49302824940051715</c:v>
                </c:pt>
                <c:pt idx="2955">
                  <c:v>0.49302824940051715</c:v>
                </c:pt>
                <c:pt idx="2956">
                  <c:v>0.49302824940051715</c:v>
                </c:pt>
                <c:pt idx="2957">
                  <c:v>0.49302824940051715</c:v>
                </c:pt>
                <c:pt idx="2958">
                  <c:v>0.49302824940051715</c:v>
                </c:pt>
                <c:pt idx="2959">
                  <c:v>1.3582928270984242</c:v>
                </c:pt>
                <c:pt idx="2960">
                  <c:v>1.5155688386571895</c:v>
                </c:pt>
                <c:pt idx="2961">
                  <c:v>1.6728448502159543</c:v>
                </c:pt>
                <c:pt idx="2962">
                  <c:v>1.6728448502159543</c:v>
                </c:pt>
                <c:pt idx="2963">
                  <c:v>2.0016946925660992</c:v>
                </c:pt>
                <c:pt idx="2964">
                  <c:v>2.0016946925660992</c:v>
                </c:pt>
                <c:pt idx="2965">
                  <c:v>1.3296971886331943</c:v>
                </c:pt>
                <c:pt idx="2966">
                  <c:v>2.0016946925660992</c:v>
                </c:pt>
                <c:pt idx="2967">
                  <c:v>2.0016946925660992</c:v>
                </c:pt>
                <c:pt idx="2968">
                  <c:v>1.6725983360912544</c:v>
                </c:pt>
                <c:pt idx="2969">
                  <c:v>1.3299437027578946</c:v>
                </c:pt>
                <c:pt idx="2970">
                  <c:v>0.49302824940051715</c:v>
                </c:pt>
                <c:pt idx="2971">
                  <c:v>0.49302824940051715</c:v>
                </c:pt>
                <c:pt idx="2972">
                  <c:v>0.49302824940051715</c:v>
                </c:pt>
                <c:pt idx="2973">
                  <c:v>0.49302824940051715</c:v>
                </c:pt>
                <c:pt idx="2974">
                  <c:v>0.49302824940051715</c:v>
                </c:pt>
                <c:pt idx="2975">
                  <c:v>0.49302824940051715</c:v>
                </c:pt>
                <c:pt idx="2976">
                  <c:v>0.38030408436615587</c:v>
                </c:pt>
                <c:pt idx="2977">
                  <c:v>0.38030408436615587</c:v>
                </c:pt>
                <c:pt idx="2978">
                  <c:v>0.38030408436615587</c:v>
                </c:pt>
                <c:pt idx="2979">
                  <c:v>0.38030408436615587</c:v>
                </c:pt>
                <c:pt idx="2980">
                  <c:v>0.38030408436615587</c:v>
                </c:pt>
                <c:pt idx="2981">
                  <c:v>0.38030408436615587</c:v>
                </c:pt>
                <c:pt idx="2982">
                  <c:v>0.38030408436615587</c:v>
                </c:pt>
                <c:pt idx="2983">
                  <c:v>1.0305013898953901</c:v>
                </c:pt>
                <c:pt idx="2984">
                  <c:v>1.2881267373692376</c:v>
                </c:pt>
                <c:pt idx="2985">
                  <c:v>1.4169394111061613</c:v>
                </c:pt>
                <c:pt idx="2986">
                  <c:v>1.4169394111061613</c:v>
                </c:pt>
                <c:pt idx="2987">
                  <c:v>1.674564758580009</c:v>
                </c:pt>
                <c:pt idx="2988">
                  <c:v>1.674564758580009</c:v>
                </c:pt>
                <c:pt idx="2989">
                  <c:v>1.159314063632314</c:v>
                </c:pt>
                <c:pt idx="2990">
                  <c:v>1.674564758580009</c:v>
                </c:pt>
                <c:pt idx="2991">
                  <c:v>1.4169394111061613</c:v>
                </c:pt>
                <c:pt idx="2992">
                  <c:v>1.2267873689230837</c:v>
                </c:pt>
                <c:pt idx="2993">
                  <c:v>1.0305013898953901</c:v>
                </c:pt>
                <c:pt idx="2994">
                  <c:v>0.38030408436615587</c:v>
                </c:pt>
                <c:pt idx="2995">
                  <c:v>0.38030408436615587</c:v>
                </c:pt>
                <c:pt idx="2996">
                  <c:v>0.38030408436615587</c:v>
                </c:pt>
                <c:pt idx="2997">
                  <c:v>0.38030408436615587</c:v>
                </c:pt>
                <c:pt idx="2998">
                  <c:v>0.38030408436615587</c:v>
                </c:pt>
                <c:pt idx="2999">
                  <c:v>0.38030408436615587</c:v>
                </c:pt>
                <c:pt idx="3000">
                  <c:v>0.14894293554937099</c:v>
                </c:pt>
                <c:pt idx="3001">
                  <c:v>0.29079335035829573</c:v>
                </c:pt>
                <c:pt idx="3002">
                  <c:v>0.29079335035829573</c:v>
                </c:pt>
                <c:pt idx="3003">
                  <c:v>0.29079335035829573</c:v>
                </c:pt>
                <c:pt idx="3004">
                  <c:v>0.29079335035829573</c:v>
                </c:pt>
                <c:pt idx="3005">
                  <c:v>0.36171855776275819</c:v>
                </c:pt>
                <c:pt idx="3006">
                  <c:v>0.45392132738855928</c:v>
                </c:pt>
                <c:pt idx="3007">
                  <c:v>0.51775401405257526</c:v>
                </c:pt>
                <c:pt idx="3008">
                  <c:v>0.51775401405257526</c:v>
                </c:pt>
                <c:pt idx="3009">
                  <c:v>0.51775401405257526</c:v>
                </c:pt>
                <c:pt idx="3010">
                  <c:v>0.51775401405257526</c:v>
                </c:pt>
                <c:pt idx="3011">
                  <c:v>0.51775401405257526</c:v>
                </c:pt>
                <c:pt idx="3012">
                  <c:v>0.51775401405257526</c:v>
                </c:pt>
                <c:pt idx="3013">
                  <c:v>0.51775401405257526</c:v>
                </c:pt>
                <c:pt idx="3014">
                  <c:v>0.51775401405257526</c:v>
                </c:pt>
                <c:pt idx="3015">
                  <c:v>0.46810636886945167</c:v>
                </c:pt>
                <c:pt idx="3016">
                  <c:v>0.42555124442677422</c:v>
                </c:pt>
                <c:pt idx="3017">
                  <c:v>0.38299611998409683</c:v>
                </c:pt>
                <c:pt idx="3018">
                  <c:v>0.36881107850320433</c:v>
                </c:pt>
                <c:pt idx="3019">
                  <c:v>0.29788587109874198</c:v>
                </c:pt>
                <c:pt idx="3020">
                  <c:v>0.21986814295383336</c:v>
                </c:pt>
                <c:pt idx="3021">
                  <c:v>0.21986814295383336</c:v>
                </c:pt>
                <c:pt idx="3022">
                  <c:v>0.21986814295383336</c:v>
                </c:pt>
                <c:pt idx="3023">
                  <c:v>0.21986814295383336</c:v>
                </c:pt>
                <c:pt idx="3024">
                  <c:v>0.37800457629178985</c:v>
                </c:pt>
                <c:pt idx="3025">
                  <c:v>0.43897305633885275</c:v>
                </c:pt>
                <c:pt idx="3026">
                  <c:v>0.43897305633885275</c:v>
                </c:pt>
                <c:pt idx="3027">
                  <c:v>0.43897305633885275</c:v>
                </c:pt>
                <c:pt idx="3028">
                  <c:v>0.43897305633885275</c:v>
                </c:pt>
                <c:pt idx="3029">
                  <c:v>0.54871632042356588</c:v>
                </c:pt>
                <c:pt idx="3030">
                  <c:v>0.64626588849886657</c:v>
                </c:pt>
                <c:pt idx="3031">
                  <c:v>0.76820284859299237</c:v>
                </c:pt>
                <c:pt idx="3032">
                  <c:v>0.76820284859299237</c:v>
                </c:pt>
                <c:pt idx="3033">
                  <c:v>0.76820284859299237</c:v>
                </c:pt>
                <c:pt idx="3034">
                  <c:v>0.76820284859299237</c:v>
                </c:pt>
                <c:pt idx="3035">
                  <c:v>0.76820284859299237</c:v>
                </c:pt>
                <c:pt idx="3036">
                  <c:v>0.76820284859299237</c:v>
                </c:pt>
                <c:pt idx="3037">
                  <c:v>0.76820284859299237</c:v>
                </c:pt>
                <c:pt idx="3038">
                  <c:v>0.76820284859299237</c:v>
                </c:pt>
                <c:pt idx="3039">
                  <c:v>0.68284697652710424</c:v>
                </c:pt>
                <c:pt idx="3040">
                  <c:v>0.67065328051769169</c:v>
                </c:pt>
                <c:pt idx="3041">
                  <c:v>0.57310371244239111</c:v>
                </c:pt>
                <c:pt idx="3042">
                  <c:v>0.53652262441415344</c:v>
                </c:pt>
                <c:pt idx="3043">
                  <c:v>0.45116675234826537</c:v>
                </c:pt>
                <c:pt idx="3044">
                  <c:v>0.37800457629178985</c:v>
                </c:pt>
                <c:pt idx="3045">
                  <c:v>0.32922979225413956</c:v>
                </c:pt>
                <c:pt idx="3046">
                  <c:v>0.32922979225413956</c:v>
                </c:pt>
                <c:pt idx="3047">
                  <c:v>0.32922979225413956</c:v>
                </c:pt>
                <c:pt idx="3048">
                  <c:v>0.44761374146966637</c:v>
                </c:pt>
                <c:pt idx="3049">
                  <c:v>0.44761374146966637</c:v>
                </c:pt>
                <c:pt idx="3050">
                  <c:v>0.44761374146966637</c:v>
                </c:pt>
                <c:pt idx="3051">
                  <c:v>0.44761374146966637</c:v>
                </c:pt>
                <c:pt idx="3052">
                  <c:v>0.44761374146966637</c:v>
                </c:pt>
                <c:pt idx="3053">
                  <c:v>0.44761374146966637</c:v>
                </c:pt>
                <c:pt idx="3054">
                  <c:v>0.44761374146966637</c:v>
                </c:pt>
                <c:pt idx="3055">
                  <c:v>1.9471197753930487</c:v>
                </c:pt>
                <c:pt idx="3056">
                  <c:v>2.1905097473171793</c:v>
                </c:pt>
                <c:pt idx="3057">
                  <c:v>2.4338997192413103</c:v>
                </c:pt>
                <c:pt idx="3058">
                  <c:v>2.4338997192413103</c:v>
                </c:pt>
                <c:pt idx="3059">
                  <c:v>2.9206796630895724</c:v>
                </c:pt>
                <c:pt idx="3060">
                  <c:v>2.9206796630895724</c:v>
                </c:pt>
                <c:pt idx="3061">
                  <c:v>1.9471197753930487</c:v>
                </c:pt>
                <c:pt idx="3062">
                  <c:v>2.9206796630895724</c:v>
                </c:pt>
                <c:pt idx="3063">
                  <c:v>2.9206796630895724</c:v>
                </c:pt>
                <c:pt idx="3064">
                  <c:v>2.4338997192413103</c:v>
                </c:pt>
                <c:pt idx="3065">
                  <c:v>1.95831011892979</c:v>
                </c:pt>
                <c:pt idx="3066">
                  <c:v>0.69939647104635361</c:v>
                </c:pt>
                <c:pt idx="3067">
                  <c:v>0.69939647104635361</c:v>
                </c:pt>
                <c:pt idx="3068">
                  <c:v>0.69939647104635361</c:v>
                </c:pt>
                <c:pt idx="3069">
                  <c:v>0.69939647104635361</c:v>
                </c:pt>
                <c:pt idx="3070">
                  <c:v>0.69939647104635361</c:v>
                </c:pt>
                <c:pt idx="3071">
                  <c:v>0.69939647104635361</c:v>
                </c:pt>
                <c:pt idx="3072">
                  <c:v>0.52222644741175583</c:v>
                </c:pt>
                <c:pt idx="3073">
                  <c:v>0.52222644741175583</c:v>
                </c:pt>
                <c:pt idx="3074">
                  <c:v>0.52222644741175583</c:v>
                </c:pt>
                <c:pt idx="3075">
                  <c:v>0.52222644741175583</c:v>
                </c:pt>
                <c:pt idx="3076">
                  <c:v>0.52222644741175583</c:v>
                </c:pt>
                <c:pt idx="3077">
                  <c:v>0.52222644741175583</c:v>
                </c:pt>
                <c:pt idx="3078">
                  <c:v>0.52222644741175583</c:v>
                </c:pt>
                <c:pt idx="3079">
                  <c:v>1.5043490888345097</c:v>
                </c:pt>
                <c:pt idx="3080">
                  <c:v>1.678536878067979</c:v>
                </c:pt>
                <c:pt idx="3081">
                  <c:v>1.8527246673014488</c:v>
                </c:pt>
                <c:pt idx="3082">
                  <c:v>1.8527246673014488</c:v>
                </c:pt>
                <c:pt idx="3083">
                  <c:v>2.2169354993350665</c:v>
                </c:pt>
                <c:pt idx="3084">
                  <c:v>2.2169354993350665</c:v>
                </c:pt>
                <c:pt idx="3085">
                  <c:v>1.4726785817011512</c:v>
                </c:pt>
                <c:pt idx="3086">
                  <c:v>2.2169354993350665</c:v>
                </c:pt>
                <c:pt idx="3087">
                  <c:v>2.2169354993350665</c:v>
                </c:pt>
                <c:pt idx="3088">
                  <c:v>1.8530615875901011</c:v>
                </c:pt>
                <c:pt idx="3089">
                  <c:v>1.4723416614124987</c:v>
                </c:pt>
                <c:pt idx="3090">
                  <c:v>0.52222644741175583</c:v>
                </c:pt>
                <c:pt idx="3091">
                  <c:v>0.52222644741175583</c:v>
                </c:pt>
                <c:pt idx="3092">
                  <c:v>0.52222644741175583</c:v>
                </c:pt>
                <c:pt idx="3093">
                  <c:v>0.52222644741175583</c:v>
                </c:pt>
                <c:pt idx="3094">
                  <c:v>0.52222644741175583</c:v>
                </c:pt>
                <c:pt idx="3095">
                  <c:v>0.52222644741175583</c:v>
                </c:pt>
                <c:pt idx="3096">
                  <c:v>0.46176083842726384</c:v>
                </c:pt>
                <c:pt idx="3097">
                  <c:v>0.46176083842726384</c:v>
                </c:pt>
                <c:pt idx="3098">
                  <c:v>0.46176083842726384</c:v>
                </c:pt>
                <c:pt idx="3099">
                  <c:v>0.46176083842726384</c:v>
                </c:pt>
                <c:pt idx="3100">
                  <c:v>0.46176083842726384</c:v>
                </c:pt>
                <c:pt idx="3101">
                  <c:v>0.46176083842726384</c:v>
                </c:pt>
                <c:pt idx="3102">
                  <c:v>0.46176083842726384</c:v>
                </c:pt>
                <c:pt idx="3103">
                  <c:v>1.2721511098671117</c:v>
                </c:pt>
                <c:pt idx="3104">
                  <c:v>1.4194528173254091</c:v>
                </c:pt>
                <c:pt idx="3105">
                  <c:v>1.5667545247837062</c:v>
                </c:pt>
                <c:pt idx="3106">
                  <c:v>1.5667545247837062</c:v>
                </c:pt>
                <c:pt idx="3107">
                  <c:v>1.8747490040146908</c:v>
                </c:pt>
                <c:pt idx="3108">
                  <c:v>1.8747490040146908</c:v>
                </c:pt>
                <c:pt idx="3109">
                  <c:v>1.2453689812383306</c:v>
                </c:pt>
                <c:pt idx="3110">
                  <c:v>1.8747490040146908</c:v>
                </c:pt>
                <c:pt idx="3111">
                  <c:v>1.8747490040146908</c:v>
                </c:pt>
                <c:pt idx="3112">
                  <c:v>1.5665236443644925</c:v>
                </c:pt>
                <c:pt idx="3113">
                  <c:v>1.2455998616575441</c:v>
                </c:pt>
                <c:pt idx="3114">
                  <c:v>0.46176083842726384</c:v>
                </c:pt>
                <c:pt idx="3115">
                  <c:v>0.46176083842726384</c:v>
                </c:pt>
                <c:pt idx="3116">
                  <c:v>0.46176083842726384</c:v>
                </c:pt>
                <c:pt idx="3117">
                  <c:v>0.46176083842726384</c:v>
                </c:pt>
                <c:pt idx="3118">
                  <c:v>0.46176083842726384</c:v>
                </c:pt>
                <c:pt idx="3119">
                  <c:v>0.46176083842726384</c:v>
                </c:pt>
                <c:pt idx="3120">
                  <c:v>0.40443725164296629</c:v>
                </c:pt>
                <c:pt idx="3121">
                  <c:v>0.40443725164296629</c:v>
                </c:pt>
                <c:pt idx="3122">
                  <c:v>0.40443725164296629</c:v>
                </c:pt>
                <c:pt idx="3123">
                  <c:v>0.40443725164296629</c:v>
                </c:pt>
                <c:pt idx="3124">
                  <c:v>0.40443725164296629</c:v>
                </c:pt>
                <c:pt idx="3125">
                  <c:v>0.40443725164296629</c:v>
                </c:pt>
                <c:pt idx="3126">
                  <c:v>0.40443725164296629</c:v>
                </c:pt>
                <c:pt idx="3127">
                  <c:v>1.1142246282763719</c:v>
                </c:pt>
                <c:pt idx="3128">
                  <c:v>1.2432401115504783</c:v>
                </c:pt>
                <c:pt idx="3129">
                  <c:v>1.3722555948245845</c:v>
                </c:pt>
                <c:pt idx="3130">
                  <c:v>1.3722555948245845</c:v>
                </c:pt>
                <c:pt idx="3131">
                  <c:v>1.6420152416704428</c:v>
                </c:pt>
                <c:pt idx="3132">
                  <c:v>1.6420152416704428</c:v>
                </c:pt>
                <c:pt idx="3133">
                  <c:v>1.09076726768108</c:v>
                </c:pt>
                <c:pt idx="3134">
                  <c:v>1.6420152416704428</c:v>
                </c:pt>
                <c:pt idx="3135">
                  <c:v>1.6420152416704428</c:v>
                </c:pt>
                <c:pt idx="3136">
                  <c:v>1.372053376198763</c:v>
                </c:pt>
                <c:pt idx="3137">
                  <c:v>1.0909694863069015</c:v>
                </c:pt>
                <c:pt idx="3138">
                  <c:v>0.40443725164296629</c:v>
                </c:pt>
                <c:pt idx="3139">
                  <c:v>0.40443725164296629</c:v>
                </c:pt>
                <c:pt idx="3140">
                  <c:v>0.40443725164296629</c:v>
                </c:pt>
                <c:pt idx="3141">
                  <c:v>0.40443725164296629</c:v>
                </c:pt>
                <c:pt idx="3142">
                  <c:v>0.40443725164296629</c:v>
                </c:pt>
                <c:pt idx="3143">
                  <c:v>0.40443725164296629</c:v>
                </c:pt>
                <c:pt idx="3144">
                  <c:v>0.48090203706977741</c:v>
                </c:pt>
                <c:pt idx="3145">
                  <c:v>0.48090203706977741</c:v>
                </c:pt>
                <c:pt idx="3146">
                  <c:v>0.48090203706977741</c:v>
                </c:pt>
                <c:pt idx="3147">
                  <c:v>0.48090203706977741</c:v>
                </c:pt>
                <c:pt idx="3148">
                  <c:v>0.48090203706977741</c:v>
                </c:pt>
                <c:pt idx="3149">
                  <c:v>0.48090203706977741</c:v>
                </c:pt>
                <c:pt idx="3150">
                  <c:v>0.48090203706977741</c:v>
                </c:pt>
                <c:pt idx="3151">
                  <c:v>1.3030893907697196</c:v>
                </c:pt>
                <c:pt idx="3152">
                  <c:v>1.6288617384621495</c:v>
                </c:pt>
                <c:pt idx="3153">
                  <c:v>1.7917479123083642</c:v>
                </c:pt>
                <c:pt idx="3154">
                  <c:v>1.7917479123083642</c:v>
                </c:pt>
                <c:pt idx="3155">
                  <c:v>2.1175202600007945</c:v>
                </c:pt>
                <c:pt idx="3156">
                  <c:v>2.1175202600007945</c:v>
                </c:pt>
                <c:pt idx="3157">
                  <c:v>1.4659755646159345</c:v>
                </c:pt>
                <c:pt idx="3158">
                  <c:v>2.1175202600007945</c:v>
                </c:pt>
                <c:pt idx="3159">
                  <c:v>1.7917479123083642</c:v>
                </c:pt>
                <c:pt idx="3160">
                  <c:v>1.5512968937734757</c:v>
                </c:pt>
                <c:pt idx="3161">
                  <c:v>1.3030893907697196</c:v>
                </c:pt>
                <c:pt idx="3162">
                  <c:v>0.48090203706977741</c:v>
                </c:pt>
                <c:pt idx="3163">
                  <c:v>0.48090203706977741</c:v>
                </c:pt>
                <c:pt idx="3164">
                  <c:v>0.48090203706977741</c:v>
                </c:pt>
                <c:pt idx="3165">
                  <c:v>0.48090203706977741</c:v>
                </c:pt>
                <c:pt idx="3166">
                  <c:v>0.48090203706977741</c:v>
                </c:pt>
                <c:pt idx="3167">
                  <c:v>0.48090203706977741</c:v>
                </c:pt>
                <c:pt idx="3168">
                  <c:v>0.72393218566769402</c:v>
                </c:pt>
                <c:pt idx="3169">
                  <c:v>1.4133914101131171</c:v>
                </c:pt>
                <c:pt idx="3170">
                  <c:v>1.4133914101131171</c:v>
                </c:pt>
                <c:pt idx="3171">
                  <c:v>1.4133914101131171</c:v>
                </c:pt>
                <c:pt idx="3172">
                  <c:v>1.4133914101131171</c:v>
                </c:pt>
                <c:pt idx="3173">
                  <c:v>1.7581210223358288</c:v>
                </c:pt>
                <c:pt idx="3174">
                  <c:v>2.2062695182253536</c:v>
                </c:pt>
                <c:pt idx="3175">
                  <c:v>2.5165261692257936</c:v>
                </c:pt>
                <c:pt idx="3176">
                  <c:v>2.5165261692257936</c:v>
                </c:pt>
                <c:pt idx="3177">
                  <c:v>2.5165261692257936</c:v>
                </c:pt>
                <c:pt idx="3178">
                  <c:v>2.5165261692257936</c:v>
                </c:pt>
                <c:pt idx="3179">
                  <c:v>2.5165261692257936</c:v>
                </c:pt>
                <c:pt idx="3180">
                  <c:v>2.5165261692257936</c:v>
                </c:pt>
                <c:pt idx="3181">
                  <c:v>2.5165261692257936</c:v>
                </c:pt>
                <c:pt idx="3182">
                  <c:v>2.5165261692257936</c:v>
                </c:pt>
                <c:pt idx="3183">
                  <c:v>2.2752154406698955</c:v>
                </c:pt>
                <c:pt idx="3184">
                  <c:v>2.0683776733362684</c:v>
                </c:pt>
                <c:pt idx="3185">
                  <c:v>1.8615399060026419</c:v>
                </c:pt>
                <c:pt idx="3186">
                  <c:v>1.7925939835580995</c:v>
                </c:pt>
                <c:pt idx="3187">
                  <c:v>1.447864371335388</c:v>
                </c:pt>
                <c:pt idx="3188">
                  <c:v>1.0686617978904054</c:v>
                </c:pt>
                <c:pt idx="3189">
                  <c:v>1.0686617978904054</c:v>
                </c:pt>
                <c:pt idx="3190">
                  <c:v>1.0686617978904054</c:v>
                </c:pt>
                <c:pt idx="3191">
                  <c:v>1.0686617978904054</c:v>
                </c:pt>
                <c:pt idx="3192">
                  <c:v>1.3564675662619605</c:v>
                </c:pt>
                <c:pt idx="3193">
                  <c:v>1.5752526575945351</c:v>
                </c:pt>
                <c:pt idx="3194">
                  <c:v>1.5752526575945351</c:v>
                </c:pt>
                <c:pt idx="3195">
                  <c:v>1.5752526575945351</c:v>
                </c:pt>
                <c:pt idx="3196">
                  <c:v>1.5752526575945351</c:v>
                </c:pt>
                <c:pt idx="3197">
                  <c:v>1.9690658219931687</c:v>
                </c:pt>
                <c:pt idx="3198">
                  <c:v>2.3191219681252879</c:v>
                </c:pt>
                <c:pt idx="3199">
                  <c:v>2.7566921507904363</c:v>
                </c:pt>
                <c:pt idx="3200">
                  <c:v>2.7566921507904363</c:v>
                </c:pt>
                <c:pt idx="3201">
                  <c:v>2.7566921507904363</c:v>
                </c:pt>
                <c:pt idx="3202">
                  <c:v>2.7566921507904363</c:v>
                </c:pt>
                <c:pt idx="3203">
                  <c:v>2.7566921507904363</c:v>
                </c:pt>
                <c:pt idx="3204">
                  <c:v>2.7566921507904363</c:v>
                </c:pt>
                <c:pt idx="3205">
                  <c:v>2.7566921507904363</c:v>
                </c:pt>
                <c:pt idx="3206">
                  <c:v>2.7566921507904363</c:v>
                </c:pt>
                <c:pt idx="3207">
                  <c:v>2.4503930229248323</c:v>
                </c:pt>
                <c:pt idx="3208">
                  <c:v>2.4066360046583175</c:v>
                </c:pt>
                <c:pt idx="3209">
                  <c:v>2.0565798585261983</c:v>
                </c:pt>
                <c:pt idx="3210">
                  <c:v>1.9253088037266539</c:v>
                </c:pt>
                <c:pt idx="3211">
                  <c:v>1.6190096758610499</c:v>
                </c:pt>
                <c:pt idx="3212">
                  <c:v>1.3564675662619605</c:v>
                </c:pt>
                <c:pt idx="3213">
                  <c:v>1.1814394931959014</c:v>
                </c:pt>
                <c:pt idx="3214">
                  <c:v>1.1814394931959014</c:v>
                </c:pt>
                <c:pt idx="3215">
                  <c:v>1.1814394931959014</c:v>
                </c:pt>
                <c:pt idx="3216">
                  <c:v>0.31497388802719317</c:v>
                </c:pt>
                <c:pt idx="3217">
                  <c:v>0.31497388802719317</c:v>
                </c:pt>
                <c:pt idx="3218">
                  <c:v>0.31497388802719317</c:v>
                </c:pt>
                <c:pt idx="3219">
                  <c:v>0.31497388802719317</c:v>
                </c:pt>
                <c:pt idx="3220">
                  <c:v>0.31497388802719317</c:v>
                </c:pt>
                <c:pt idx="3221">
                  <c:v>0.31497388802719317</c:v>
                </c:pt>
                <c:pt idx="3222">
                  <c:v>0.31497388802719317</c:v>
                </c:pt>
                <c:pt idx="3223">
                  <c:v>1.3701364129182902</c:v>
                </c:pt>
                <c:pt idx="3224">
                  <c:v>1.5414034645330763</c:v>
                </c:pt>
                <c:pt idx="3225">
                  <c:v>1.7126705161478626</c:v>
                </c:pt>
                <c:pt idx="3226">
                  <c:v>1.7126705161478626</c:v>
                </c:pt>
                <c:pt idx="3227">
                  <c:v>2.0552046193774349</c:v>
                </c:pt>
                <c:pt idx="3228">
                  <c:v>2.0552046193774349</c:v>
                </c:pt>
                <c:pt idx="3229">
                  <c:v>1.3701364129182902</c:v>
                </c:pt>
                <c:pt idx="3230">
                  <c:v>2.0552046193774349</c:v>
                </c:pt>
                <c:pt idx="3231">
                  <c:v>2.0552046193774349</c:v>
                </c:pt>
                <c:pt idx="3232">
                  <c:v>1.7126705161478626</c:v>
                </c:pt>
                <c:pt idx="3233">
                  <c:v>1.3780107601189699</c:v>
                </c:pt>
                <c:pt idx="3234">
                  <c:v>0.49214670004248934</c:v>
                </c:pt>
                <c:pt idx="3235">
                  <c:v>0.49214670004248934</c:v>
                </c:pt>
                <c:pt idx="3236">
                  <c:v>0.49214670004248934</c:v>
                </c:pt>
                <c:pt idx="3237">
                  <c:v>0.49214670004248934</c:v>
                </c:pt>
                <c:pt idx="3238">
                  <c:v>0.49214670004248934</c:v>
                </c:pt>
                <c:pt idx="3239">
                  <c:v>0.49214670004248934</c:v>
                </c:pt>
                <c:pt idx="3240">
                  <c:v>0.45670161218879862</c:v>
                </c:pt>
                <c:pt idx="3241">
                  <c:v>0.45670161218879862</c:v>
                </c:pt>
                <c:pt idx="3242">
                  <c:v>0.45670161218879862</c:v>
                </c:pt>
                <c:pt idx="3243">
                  <c:v>0.45670161218879862</c:v>
                </c:pt>
                <c:pt idx="3244">
                  <c:v>0.45670161218879862</c:v>
                </c:pt>
                <c:pt idx="3245">
                  <c:v>0.45670161218879862</c:v>
                </c:pt>
                <c:pt idx="3246">
                  <c:v>0.45670161218879862</c:v>
                </c:pt>
                <c:pt idx="3247">
                  <c:v>1.3155952893051519</c:v>
                </c:pt>
                <c:pt idx="3248">
                  <c:v>1.4679273754352222</c:v>
                </c:pt>
                <c:pt idx="3249">
                  <c:v>1.6202594615652925</c:v>
                </c:pt>
                <c:pt idx="3250">
                  <c:v>1.6202594615652925</c:v>
                </c:pt>
                <c:pt idx="3251">
                  <c:v>1.9387720052918029</c:v>
                </c:pt>
                <c:pt idx="3252">
                  <c:v>1.9387720052918029</c:v>
                </c:pt>
                <c:pt idx="3253">
                  <c:v>1.2878985463724117</c:v>
                </c:pt>
                <c:pt idx="3254">
                  <c:v>1.9387720052918029</c:v>
                </c:pt>
                <c:pt idx="3255">
                  <c:v>1.9387720052918029</c:v>
                </c:pt>
                <c:pt idx="3256">
                  <c:v>1.6205541077667045</c:v>
                </c:pt>
                <c:pt idx="3257">
                  <c:v>1.2876039001709998</c:v>
                </c:pt>
                <c:pt idx="3258">
                  <c:v>0.45670161218879862</c:v>
                </c:pt>
                <c:pt idx="3259">
                  <c:v>0.45670161218879862</c:v>
                </c:pt>
                <c:pt idx="3260">
                  <c:v>0.45670161218879862</c:v>
                </c:pt>
                <c:pt idx="3261">
                  <c:v>0.45670161218879862</c:v>
                </c:pt>
                <c:pt idx="3262">
                  <c:v>0.45670161218879862</c:v>
                </c:pt>
                <c:pt idx="3263">
                  <c:v>0.45670161218879862</c:v>
                </c:pt>
                <c:pt idx="3264">
                  <c:v>1.153578412618228</c:v>
                </c:pt>
                <c:pt idx="3265">
                  <c:v>1.153578412618228</c:v>
                </c:pt>
                <c:pt idx="3266">
                  <c:v>1.153578412618228</c:v>
                </c:pt>
                <c:pt idx="3267">
                  <c:v>1.153578412618228</c:v>
                </c:pt>
                <c:pt idx="3268">
                  <c:v>1.153578412618228</c:v>
                </c:pt>
                <c:pt idx="3269">
                  <c:v>1.153578412618228</c:v>
                </c:pt>
                <c:pt idx="3270">
                  <c:v>1.153578412618228</c:v>
                </c:pt>
                <c:pt idx="3271">
                  <c:v>3.1781085267632174</c:v>
                </c:pt>
                <c:pt idx="3272">
                  <c:v>3.5461000403884326</c:v>
                </c:pt>
                <c:pt idx="3273">
                  <c:v>3.9140915540136474</c:v>
                </c:pt>
                <c:pt idx="3274">
                  <c:v>3.9140915540136474</c:v>
                </c:pt>
                <c:pt idx="3275">
                  <c:v>4.6835283552300044</c:v>
                </c:pt>
                <c:pt idx="3276">
                  <c:v>4.6835283552300044</c:v>
                </c:pt>
                <c:pt idx="3277">
                  <c:v>3.1112009788313606</c:v>
                </c:pt>
                <c:pt idx="3278">
                  <c:v>4.6835283552300044</c:v>
                </c:pt>
                <c:pt idx="3279">
                  <c:v>4.6835283552300044</c:v>
                </c:pt>
                <c:pt idx="3280">
                  <c:v>3.913514764807339</c:v>
                </c:pt>
                <c:pt idx="3281">
                  <c:v>3.1117777680376704</c:v>
                </c:pt>
                <c:pt idx="3282">
                  <c:v>1.153578412618228</c:v>
                </c:pt>
                <c:pt idx="3283">
                  <c:v>1.153578412618228</c:v>
                </c:pt>
                <c:pt idx="3284">
                  <c:v>1.153578412618228</c:v>
                </c:pt>
                <c:pt idx="3285">
                  <c:v>1.153578412618228</c:v>
                </c:pt>
                <c:pt idx="3286">
                  <c:v>1.153578412618228</c:v>
                </c:pt>
                <c:pt idx="3287">
                  <c:v>1.153578412618228</c:v>
                </c:pt>
                <c:pt idx="3288">
                  <c:v>1.2831638038033979</c:v>
                </c:pt>
                <c:pt idx="3289">
                  <c:v>1.2831638038033979</c:v>
                </c:pt>
                <c:pt idx="3290">
                  <c:v>1.2831638038033979</c:v>
                </c:pt>
                <c:pt idx="3291">
                  <c:v>1.2831638038033979</c:v>
                </c:pt>
                <c:pt idx="3292">
                  <c:v>1.2831638038033979</c:v>
                </c:pt>
                <c:pt idx="3293">
                  <c:v>1.2831638038033979</c:v>
                </c:pt>
                <c:pt idx="3294">
                  <c:v>1.2831638038033979</c:v>
                </c:pt>
                <c:pt idx="3295">
                  <c:v>3.5351162794783604</c:v>
                </c:pt>
                <c:pt idx="3296">
                  <c:v>3.9444455328916446</c:v>
                </c:pt>
                <c:pt idx="3297">
                  <c:v>4.3537747863049283</c:v>
                </c:pt>
                <c:pt idx="3298">
                  <c:v>4.3537747863049283</c:v>
                </c:pt>
                <c:pt idx="3299">
                  <c:v>5.2096450434417942</c:v>
                </c:pt>
                <c:pt idx="3300">
                  <c:v>5.2096450434417942</c:v>
                </c:pt>
                <c:pt idx="3301">
                  <c:v>3.4606927788577631</c:v>
                </c:pt>
                <c:pt idx="3302">
                  <c:v>5.2096450434417942</c:v>
                </c:pt>
                <c:pt idx="3303">
                  <c:v>5.2096450434417942</c:v>
                </c:pt>
                <c:pt idx="3304">
                  <c:v>4.3531332044030275</c:v>
                </c:pt>
                <c:pt idx="3305">
                  <c:v>3.4613343607596652</c:v>
                </c:pt>
                <c:pt idx="3306">
                  <c:v>1.2831638038033979</c:v>
                </c:pt>
                <c:pt idx="3307">
                  <c:v>1.2831638038033979</c:v>
                </c:pt>
                <c:pt idx="3308">
                  <c:v>1.2831638038033979</c:v>
                </c:pt>
                <c:pt idx="3309">
                  <c:v>1.2831638038033979</c:v>
                </c:pt>
                <c:pt idx="3310">
                  <c:v>1.2831638038033979</c:v>
                </c:pt>
                <c:pt idx="3311">
                  <c:v>1.2831638038033979</c:v>
                </c:pt>
                <c:pt idx="3312">
                  <c:v>0.47587213943459633</c:v>
                </c:pt>
                <c:pt idx="3313">
                  <c:v>0.47587213943459633</c:v>
                </c:pt>
                <c:pt idx="3314">
                  <c:v>0.47587213943459633</c:v>
                </c:pt>
                <c:pt idx="3315">
                  <c:v>0.47587213943459633</c:v>
                </c:pt>
                <c:pt idx="3316">
                  <c:v>0.47587213943459633</c:v>
                </c:pt>
                <c:pt idx="3317">
                  <c:v>0.47587213943459633</c:v>
                </c:pt>
                <c:pt idx="3318">
                  <c:v>0.47587213943459633</c:v>
                </c:pt>
                <c:pt idx="3319">
                  <c:v>1.2894599907260029</c:v>
                </c:pt>
                <c:pt idx="3320">
                  <c:v>1.6118249884075038</c:v>
                </c:pt>
                <c:pt idx="3321">
                  <c:v>1.7730074872482542</c:v>
                </c:pt>
                <c:pt idx="3322">
                  <c:v>1.7730074872482542</c:v>
                </c:pt>
                <c:pt idx="3323">
                  <c:v>2.0953724849297548</c:v>
                </c:pt>
                <c:pt idx="3324">
                  <c:v>2.0953724849297548</c:v>
                </c:pt>
                <c:pt idx="3325">
                  <c:v>1.4506424895667533</c:v>
                </c:pt>
                <c:pt idx="3326">
                  <c:v>2.0953724849297548</c:v>
                </c:pt>
                <c:pt idx="3327">
                  <c:v>1.7730074872482542</c:v>
                </c:pt>
                <c:pt idx="3328">
                  <c:v>1.5350714175309559</c:v>
                </c:pt>
                <c:pt idx="3329">
                  <c:v>1.2894599907260029</c:v>
                </c:pt>
                <c:pt idx="3330">
                  <c:v>0.47587213943459633</c:v>
                </c:pt>
                <c:pt idx="3331">
                  <c:v>0.47587213943459633</c:v>
                </c:pt>
                <c:pt idx="3332">
                  <c:v>0.47587213943459633</c:v>
                </c:pt>
                <c:pt idx="3333">
                  <c:v>0.47587213943459633</c:v>
                </c:pt>
                <c:pt idx="3334">
                  <c:v>0.47587213943459633</c:v>
                </c:pt>
                <c:pt idx="3335">
                  <c:v>0.47587213943459633</c:v>
                </c:pt>
                <c:pt idx="3336">
                  <c:v>0.18343017795673341</c:v>
                </c:pt>
                <c:pt idx="3337">
                  <c:v>0.35812558553457485</c:v>
                </c:pt>
                <c:pt idx="3338">
                  <c:v>0.35812558553457485</c:v>
                </c:pt>
                <c:pt idx="3339">
                  <c:v>0.35812558553457485</c:v>
                </c:pt>
                <c:pt idx="3340">
                  <c:v>0.35812558553457485</c:v>
                </c:pt>
                <c:pt idx="3341">
                  <c:v>0.4454732893234955</c:v>
                </c:pt>
                <c:pt idx="3342">
                  <c:v>0.55902530424909236</c:v>
                </c:pt>
                <c:pt idx="3343">
                  <c:v>0.63763823765912098</c:v>
                </c:pt>
                <c:pt idx="3344">
                  <c:v>0.63763823765912098</c:v>
                </c:pt>
                <c:pt idx="3345">
                  <c:v>0.63763823765912098</c:v>
                </c:pt>
                <c:pt idx="3346">
                  <c:v>0.63763823765912098</c:v>
                </c:pt>
                <c:pt idx="3347">
                  <c:v>0.63763823765912098</c:v>
                </c:pt>
                <c:pt idx="3348">
                  <c:v>0.63763823765912098</c:v>
                </c:pt>
                <c:pt idx="3349">
                  <c:v>0.63763823765912098</c:v>
                </c:pt>
                <c:pt idx="3350">
                  <c:v>0.63763823765912098</c:v>
                </c:pt>
                <c:pt idx="3351">
                  <c:v>0.57649484500687653</c:v>
                </c:pt>
                <c:pt idx="3352">
                  <c:v>0.52408622273352401</c:v>
                </c:pt>
                <c:pt idx="3353">
                  <c:v>0.47167760046017165</c:v>
                </c:pt>
                <c:pt idx="3354">
                  <c:v>0.45420805970238748</c:v>
                </c:pt>
                <c:pt idx="3355">
                  <c:v>0.36686035591346683</c:v>
                </c:pt>
                <c:pt idx="3356">
                  <c:v>0.27077788174565409</c:v>
                </c:pt>
                <c:pt idx="3357">
                  <c:v>0.27077788174565409</c:v>
                </c:pt>
                <c:pt idx="3358">
                  <c:v>0.27077788174565409</c:v>
                </c:pt>
                <c:pt idx="3359">
                  <c:v>0.27077788174565409</c:v>
                </c:pt>
                <c:pt idx="3360">
                  <c:v>0.18789255020065132</c:v>
                </c:pt>
                <c:pt idx="3361">
                  <c:v>0.21819780023301444</c:v>
                </c:pt>
                <c:pt idx="3362">
                  <c:v>0.21819780023301444</c:v>
                </c:pt>
                <c:pt idx="3363">
                  <c:v>0.21819780023301444</c:v>
                </c:pt>
                <c:pt idx="3364">
                  <c:v>0.21819780023301444</c:v>
                </c:pt>
                <c:pt idx="3365">
                  <c:v>0.27274725029126801</c:v>
                </c:pt>
                <c:pt idx="3366">
                  <c:v>0.32123565034304902</c:v>
                </c:pt>
                <c:pt idx="3367">
                  <c:v>0.38184615040777531</c:v>
                </c:pt>
                <c:pt idx="3368">
                  <c:v>0.38184615040777531</c:v>
                </c:pt>
                <c:pt idx="3369">
                  <c:v>0.38184615040777531</c:v>
                </c:pt>
                <c:pt idx="3370">
                  <c:v>0.38184615040777531</c:v>
                </c:pt>
                <c:pt idx="3371">
                  <c:v>0.38184615040777531</c:v>
                </c:pt>
                <c:pt idx="3372">
                  <c:v>0.38184615040777531</c:v>
                </c:pt>
                <c:pt idx="3373">
                  <c:v>0.38184615040777531</c:v>
                </c:pt>
                <c:pt idx="3374">
                  <c:v>0.38184615040777531</c:v>
                </c:pt>
                <c:pt idx="3375">
                  <c:v>0.33941880036246691</c:v>
                </c:pt>
                <c:pt idx="3376">
                  <c:v>0.3333577503559943</c:v>
                </c:pt>
                <c:pt idx="3377">
                  <c:v>0.28486935030421329</c:v>
                </c:pt>
                <c:pt idx="3378">
                  <c:v>0.26668620028479545</c:v>
                </c:pt>
                <c:pt idx="3379">
                  <c:v>0.22425885023948708</c:v>
                </c:pt>
                <c:pt idx="3380">
                  <c:v>0.18789255020065132</c:v>
                </c:pt>
                <c:pt idx="3381">
                  <c:v>0.16364835017476084</c:v>
                </c:pt>
                <c:pt idx="3382">
                  <c:v>0.16364835017476084</c:v>
                </c:pt>
                <c:pt idx="3383">
                  <c:v>0.16364835017476084</c:v>
                </c:pt>
                <c:pt idx="3384">
                  <c:v>6.7419705558796506E-2</c:v>
                </c:pt>
                <c:pt idx="3385">
                  <c:v>6.7419705558796506E-2</c:v>
                </c:pt>
                <c:pt idx="3386">
                  <c:v>6.7419705558796506E-2</c:v>
                </c:pt>
                <c:pt idx="3387">
                  <c:v>6.7419705558796506E-2</c:v>
                </c:pt>
                <c:pt idx="3388">
                  <c:v>6.7419705558796506E-2</c:v>
                </c:pt>
                <c:pt idx="3389">
                  <c:v>6.7419705558796506E-2</c:v>
                </c:pt>
                <c:pt idx="3390">
                  <c:v>6.7419705558796506E-2</c:v>
                </c:pt>
                <c:pt idx="3391">
                  <c:v>0.29327571918076478</c:v>
                </c:pt>
                <c:pt idx="3392">
                  <c:v>0.32993518407836037</c:v>
                </c:pt>
                <c:pt idx="3393">
                  <c:v>0.36659464897595589</c:v>
                </c:pt>
                <c:pt idx="3394">
                  <c:v>0.36659464897595589</c:v>
                </c:pt>
                <c:pt idx="3395">
                  <c:v>0.43991357877114706</c:v>
                </c:pt>
                <c:pt idx="3396">
                  <c:v>0.43991357877114706</c:v>
                </c:pt>
                <c:pt idx="3397">
                  <c:v>0.29327571918076478</c:v>
                </c:pt>
                <c:pt idx="3398">
                  <c:v>0.43991357877114706</c:v>
                </c:pt>
                <c:pt idx="3399">
                  <c:v>0.43991357877114706</c:v>
                </c:pt>
                <c:pt idx="3400">
                  <c:v>0.36659464897595589</c:v>
                </c:pt>
                <c:pt idx="3401">
                  <c:v>0.29496121181973467</c:v>
                </c:pt>
                <c:pt idx="3402">
                  <c:v>0.10534328993561952</c:v>
                </c:pt>
                <c:pt idx="3403">
                  <c:v>0.10534328993561952</c:v>
                </c:pt>
                <c:pt idx="3404">
                  <c:v>0.10534328993561952</c:v>
                </c:pt>
                <c:pt idx="3405">
                  <c:v>0.10534328993561952</c:v>
                </c:pt>
                <c:pt idx="3406">
                  <c:v>0.10534328993561952</c:v>
                </c:pt>
                <c:pt idx="3407">
                  <c:v>0.10534328993561952</c:v>
                </c:pt>
                <c:pt idx="3408">
                  <c:v>0.12907743607401231</c:v>
                </c:pt>
                <c:pt idx="3409">
                  <c:v>0.12907743607401231</c:v>
                </c:pt>
                <c:pt idx="3410">
                  <c:v>0.12907743607401231</c:v>
                </c:pt>
                <c:pt idx="3411">
                  <c:v>0.12907743607401231</c:v>
                </c:pt>
                <c:pt idx="3412">
                  <c:v>0.12907743607401231</c:v>
                </c:pt>
                <c:pt idx="3413">
                  <c:v>0.12907743607401231</c:v>
                </c:pt>
                <c:pt idx="3414">
                  <c:v>0.12907743607401231</c:v>
                </c:pt>
                <c:pt idx="3415">
                  <c:v>0.37182629165836451</c:v>
                </c:pt>
                <c:pt idx="3416">
                  <c:v>0.4148798622714383</c:v>
                </c:pt>
                <c:pt idx="3417">
                  <c:v>0.4579334328845121</c:v>
                </c:pt>
                <c:pt idx="3418">
                  <c:v>0.4579334328845121</c:v>
                </c:pt>
                <c:pt idx="3419">
                  <c:v>0.54795453507548475</c:v>
                </c:pt>
                <c:pt idx="3420">
                  <c:v>0.54795453507548475</c:v>
                </c:pt>
                <c:pt idx="3421">
                  <c:v>0.36399836972871474</c:v>
                </c:pt>
                <c:pt idx="3422">
                  <c:v>0.54795453507548475</c:v>
                </c:pt>
                <c:pt idx="3423">
                  <c:v>0.54795453507548475</c:v>
                </c:pt>
                <c:pt idx="3424">
                  <c:v>0.45801670864972116</c:v>
                </c:pt>
                <c:pt idx="3425">
                  <c:v>0.36391509396350574</c:v>
                </c:pt>
                <c:pt idx="3426">
                  <c:v>0.12907743607401231</c:v>
                </c:pt>
                <c:pt idx="3427">
                  <c:v>0.12907743607401231</c:v>
                </c:pt>
                <c:pt idx="3428">
                  <c:v>0.12907743607401231</c:v>
                </c:pt>
                <c:pt idx="3429">
                  <c:v>0.12907743607401231</c:v>
                </c:pt>
                <c:pt idx="3430">
                  <c:v>0.12907743607401231</c:v>
                </c:pt>
                <c:pt idx="3431">
                  <c:v>0.12907743607401231</c:v>
                </c:pt>
                <c:pt idx="3432">
                  <c:v>0.31584625388541571</c:v>
                </c:pt>
                <c:pt idx="3433">
                  <c:v>0.31584625388541571</c:v>
                </c:pt>
                <c:pt idx="3434">
                  <c:v>0.31584625388541571</c:v>
                </c:pt>
                <c:pt idx="3435">
                  <c:v>0.31584625388541571</c:v>
                </c:pt>
                <c:pt idx="3436">
                  <c:v>0.31584625388541571</c:v>
                </c:pt>
                <c:pt idx="3437">
                  <c:v>0.31584625388541571</c:v>
                </c:pt>
                <c:pt idx="3438">
                  <c:v>0.31584625388541571</c:v>
                </c:pt>
                <c:pt idx="3439">
                  <c:v>0.87015642945432015</c:v>
                </c:pt>
                <c:pt idx="3440">
                  <c:v>0.9709113844437679</c:v>
                </c:pt>
                <c:pt idx="3441">
                  <c:v>1.0716663394332153</c:v>
                </c:pt>
                <c:pt idx="3442">
                  <c:v>1.0716663394332153</c:v>
                </c:pt>
                <c:pt idx="3443">
                  <c:v>1.2823357907747877</c:v>
                </c:pt>
                <c:pt idx="3444">
                  <c:v>1.2823357907747877</c:v>
                </c:pt>
                <c:pt idx="3445">
                  <c:v>0.85183734672896616</c:v>
                </c:pt>
                <c:pt idx="3446">
                  <c:v>1.2823357907747877</c:v>
                </c:pt>
                <c:pt idx="3447">
                  <c:v>1.2823357907747877</c:v>
                </c:pt>
                <c:pt idx="3448">
                  <c:v>1.0715084163062729</c:v>
                </c:pt>
                <c:pt idx="3449">
                  <c:v>0.85199526985590879</c:v>
                </c:pt>
                <c:pt idx="3450">
                  <c:v>0.31584625388541571</c:v>
                </c:pt>
                <c:pt idx="3451">
                  <c:v>0.31584625388541571</c:v>
                </c:pt>
                <c:pt idx="3452">
                  <c:v>0.31584625388541571</c:v>
                </c:pt>
                <c:pt idx="3453">
                  <c:v>0.31584625388541571</c:v>
                </c:pt>
                <c:pt idx="3454">
                  <c:v>0.31584625388541571</c:v>
                </c:pt>
                <c:pt idx="3455">
                  <c:v>0.31584625388541571</c:v>
                </c:pt>
                <c:pt idx="3456">
                  <c:v>0.34190242969645995</c:v>
                </c:pt>
                <c:pt idx="3457">
                  <c:v>0.34190242969645995</c:v>
                </c:pt>
                <c:pt idx="3458">
                  <c:v>0.34190242969645995</c:v>
                </c:pt>
                <c:pt idx="3459">
                  <c:v>0.34190242969645995</c:v>
                </c:pt>
                <c:pt idx="3460">
                  <c:v>0.34190242969645995</c:v>
                </c:pt>
                <c:pt idx="3461">
                  <c:v>0.34190242969645995</c:v>
                </c:pt>
                <c:pt idx="3462">
                  <c:v>0.34190242969645995</c:v>
                </c:pt>
                <c:pt idx="3463">
                  <c:v>0.94194119381374697</c:v>
                </c:pt>
                <c:pt idx="3464">
                  <c:v>1.0510080688869179</c:v>
                </c:pt>
                <c:pt idx="3465">
                  <c:v>1.1600749439600886</c:v>
                </c:pt>
                <c:pt idx="3466">
                  <c:v>1.1600749439600886</c:v>
                </c:pt>
                <c:pt idx="3467">
                  <c:v>1.3881238645676273</c:v>
                </c:pt>
                <c:pt idx="3468">
                  <c:v>1.3881238645676273</c:v>
                </c:pt>
                <c:pt idx="3469">
                  <c:v>0.92211085289135231</c:v>
                </c:pt>
                <c:pt idx="3470">
                  <c:v>1.3881238645676273</c:v>
                </c:pt>
                <c:pt idx="3471">
                  <c:v>1.3881238645676273</c:v>
                </c:pt>
                <c:pt idx="3472">
                  <c:v>1.1599039927452404</c:v>
                </c:pt>
                <c:pt idx="3473">
                  <c:v>0.92228180410620053</c:v>
                </c:pt>
                <c:pt idx="3474">
                  <c:v>0.34190242969645995</c:v>
                </c:pt>
                <c:pt idx="3475">
                  <c:v>0.34190242969645995</c:v>
                </c:pt>
                <c:pt idx="3476">
                  <c:v>0.34190242969645995</c:v>
                </c:pt>
                <c:pt idx="3477">
                  <c:v>0.34190242969645995</c:v>
                </c:pt>
                <c:pt idx="3478">
                  <c:v>0.34190242969645995</c:v>
                </c:pt>
                <c:pt idx="3479">
                  <c:v>0.34190242969645995</c:v>
                </c:pt>
                <c:pt idx="3480">
                  <c:v>0.269646336392172</c:v>
                </c:pt>
                <c:pt idx="3481">
                  <c:v>0.269646336392172</c:v>
                </c:pt>
                <c:pt idx="3482">
                  <c:v>0.269646336392172</c:v>
                </c:pt>
                <c:pt idx="3483">
                  <c:v>0.269646336392172</c:v>
                </c:pt>
                <c:pt idx="3484">
                  <c:v>0.269646336392172</c:v>
                </c:pt>
                <c:pt idx="3485">
                  <c:v>0.269646336392172</c:v>
                </c:pt>
                <c:pt idx="3486">
                  <c:v>0.269646336392172</c:v>
                </c:pt>
                <c:pt idx="3487">
                  <c:v>0.73065458893362745</c:v>
                </c:pt>
                <c:pt idx="3488">
                  <c:v>0.91331823616703411</c:v>
                </c:pt>
                <c:pt idx="3489">
                  <c:v>1.0046500597837376</c:v>
                </c:pt>
                <c:pt idx="3490">
                  <c:v>1.0046500597837376</c:v>
                </c:pt>
                <c:pt idx="3491">
                  <c:v>1.1873137070171444</c:v>
                </c:pt>
                <c:pt idx="3492">
                  <c:v>1.1873137070171444</c:v>
                </c:pt>
                <c:pt idx="3493">
                  <c:v>0.82198641255033078</c:v>
                </c:pt>
                <c:pt idx="3494">
                  <c:v>1.1873137070171444</c:v>
                </c:pt>
                <c:pt idx="3495">
                  <c:v>1.0046500597837376</c:v>
                </c:pt>
                <c:pt idx="3496">
                  <c:v>0.8698268915876517</c:v>
                </c:pt>
                <c:pt idx="3497">
                  <c:v>0.73065458893362745</c:v>
                </c:pt>
                <c:pt idx="3498">
                  <c:v>0.269646336392172</c:v>
                </c:pt>
                <c:pt idx="3499">
                  <c:v>0.269646336392172</c:v>
                </c:pt>
                <c:pt idx="3500">
                  <c:v>0.269646336392172</c:v>
                </c:pt>
                <c:pt idx="3501">
                  <c:v>0.269646336392172</c:v>
                </c:pt>
                <c:pt idx="3502">
                  <c:v>0.269646336392172</c:v>
                </c:pt>
                <c:pt idx="3503">
                  <c:v>0.269646336392172</c:v>
                </c:pt>
                <c:pt idx="3504">
                  <c:v>0.16864993121072086</c:v>
                </c:pt>
                <c:pt idx="3505">
                  <c:v>0.32926891331616936</c:v>
                </c:pt>
                <c:pt idx="3506">
                  <c:v>0.32926891331616936</c:v>
                </c:pt>
                <c:pt idx="3507">
                  <c:v>0.32926891331616936</c:v>
                </c:pt>
                <c:pt idx="3508">
                  <c:v>0.32926891331616936</c:v>
                </c:pt>
                <c:pt idx="3509">
                  <c:v>0.40957840436889359</c:v>
                </c:pt>
                <c:pt idx="3510">
                  <c:v>0.5139807427374351</c:v>
                </c:pt>
                <c:pt idx="3511">
                  <c:v>0.58625928468488686</c:v>
                </c:pt>
                <c:pt idx="3512">
                  <c:v>0.58625928468488686</c:v>
                </c:pt>
                <c:pt idx="3513">
                  <c:v>0.58625928468488686</c:v>
                </c:pt>
                <c:pt idx="3514">
                  <c:v>0.58625928468488686</c:v>
                </c:pt>
                <c:pt idx="3515">
                  <c:v>0.58625928468488686</c:v>
                </c:pt>
                <c:pt idx="3516">
                  <c:v>0.58625928468488686</c:v>
                </c:pt>
                <c:pt idx="3517">
                  <c:v>0.58625928468488686</c:v>
                </c:pt>
                <c:pt idx="3518">
                  <c:v>0.58625928468488686</c:v>
                </c:pt>
                <c:pt idx="3519">
                  <c:v>0.53004264094797993</c:v>
                </c:pt>
                <c:pt idx="3520">
                  <c:v>0.48185694631634546</c:v>
                </c:pt>
                <c:pt idx="3521">
                  <c:v>0.43367125168471082</c:v>
                </c:pt>
                <c:pt idx="3522">
                  <c:v>0.417609353474166</c:v>
                </c:pt>
                <c:pt idx="3523">
                  <c:v>0.33729986242144172</c:v>
                </c:pt>
                <c:pt idx="3524">
                  <c:v>0.24895942226344514</c:v>
                </c:pt>
                <c:pt idx="3525">
                  <c:v>0.24895942226344514</c:v>
                </c:pt>
                <c:pt idx="3526">
                  <c:v>0.24895942226344514</c:v>
                </c:pt>
                <c:pt idx="3527">
                  <c:v>0.24895942226344514</c:v>
                </c:pt>
                <c:pt idx="3528">
                  <c:v>0.29534717364346869</c:v>
                </c:pt>
                <c:pt idx="3529">
                  <c:v>0.34298381455370558</c:v>
                </c:pt>
                <c:pt idx="3530">
                  <c:v>0.34298381455370558</c:v>
                </c:pt>
                <c:pt idx="3531">
                  <c:v>0.34298381455370558</c:v>
                </c:pt>
                <c:pt idx="3532">
                  <c:v>0.34298381455370558</c:v>
                </c:pt>
                <c:pt idx="3533">
                  <c:v>0.42872976819213199</c:v>
                </c:pt>
                <c:pt idx="3534">
                  <c:v>0.50494839364851107</c:v>
                </c:pt>
                <c:pt idx="3535">
                  <c:v>0.60022167546898475</c:v>
                </c:pt>
                <c:pt idx="3536">
                  <c:v>0.60022167546898475</c:v>
                </c:pt>
                <c:pt idx="3537">
                  <c:v>0.60022167546898475</c:v>
                </c:pt>
                <c:pt idx="3538">
                  <c:v>0.60022167546898475</c:v>
                </c:pt>
                <c:pt idx="3539">
                  <c:v>0.60022167546898475</c:v>
                </c:pt>
                <c:pt idx="3540">
                  <c:v>0.60022167546898475</c:v>
                </c:pt>
                <c:pt idx="3541">
                  <c:v>0.60022167546898475</c:v>
                </c:pt>
                <c:pt idx="3542">
                  <c:v>0.60022167546898475</c:v>
                </c:pt>
                <c:pt idx="3543">
                  <c:v>0.5335303781946531</c:v>
                </c:pt>
                <c:pt idx="3544">
                  <c:v>0.52400305001260572</c:v>
                </c:pt>
                <c:pt idx="3545">
                  <c:v>0.44778442455622675</c:v>
                </c:pt>
                <c:pt idx="3546">
                  <c:v>0.41920244001008466</c:v>
                </c:pt>
                <c:pt idx="3547">
                  <c:v>0.35251114273575296</c:v>
                </c:pt>
                <c:pt idx="3548">
                  <c:v>0.29534717364346869</c:v>
                </c:pt>
                <c:pt idx="3549">
                  <c:v>0.25723786091527923</c:v>
                </c:pt>
                <c:pt idx="3550">
                  <c:v>0.25723786091527923</c:v>
                </c:pt>
                <c:pt idx="3551">
                  <c:v>0.25723786091527923</c:v>
                </c:pt>
                <c:pt idx="3552">
                  <c:v>0.16025252398444517</c:v>
                </c:pt>
                <c:pt idx="3553">
                  <c:v>0.16025252398444517</c:v>
                </c:pt>
                <c:pt idx="3554">
                  <c:v>0.16025252398444517</c:v>
                </c:pt>
                <c:pt idx="3555">
                  <c:v>0.16025252398444517</c:v>
                </c:pt>
                <c:pt idx="3556">
                  <c:v>0.16025252398444517</c:v>
                </c:pt>
                <c:pt idx="3557">
                  <c:v>0.16025252398444517</c:v>
                </c:pt>
                <c:pt idx="3558">
                  <c:v>0.16025252398444517</c:v>
                </c:pt>
                <c:pt idx="3559">
                  <c:v>0.6970984793323366</c:v>
                </c:pt>
                <c:pt idx="3560">
                  <c:v>0.78423578924887871</c:v>
                </c:pt>
                <c:pt idx="3561">
                  <c:v>0.87137309916542072</c:v>
                </c:pt>
                <c:pt idx="3562">
                  <c:v>0.87137309916542072</c:v>
                </c:pt>
                <c:pt idx="3563">
                  <c:v>1.0456477189985047</c:v>
                </c:pt>
                <c:pt idx="3564">
                  <c:v>1.0456477189985047</c:v>
                </c:pt>
                <c:pt idx="3565">
                  <c:v>0.6970984793323366</c:v>
                </c:pt>
                <c:pt idx="3566">
                  <c:v>1.0456477189985047</c:v>
                </c:pt>
                <c:pt idx="3567">
                  <c:v>1.0456477189985047</c:v>
                </c:pt>
                <c:pt idx="3568">
                  <c:v>0.87137309916542072</c:v>
                </c:pt>
                <c:pt idx="3569">
                  <c:v>0.70110479243194768</c:v>
                </c:pt>
                <c:pt idx="3570">
                  <c:v>0.25039456872569565</c:v>
                </c:pt>
                <c:pt idx="3571">
                  <c:v>0.25039456872569565</c:v>
                </c:pt>
                <c:pt idx="3572">
                  <c:v>0.25039456872569565</c:v>
                </c:pt>
                <c:pt idx="3573">
                  <c:v>0.25039456872569565</c:v>
                </c:pt>
                <c:pt idx="3574">
                  <c:v>0.25039456872569565</c:v>
                </c:pt>
                <c:pt idx="3575">
                  <c:v>0.25039456872569565</c:v>
                </c:pt>
                <c:pt idx="3576">
                  <c:v>0.19460227129696961</c:v>
                </c:pt>
                <c:pt idx="3577">
                  <c:v>0.19460227129696961</c:v>
                </c:pt>
                <c:pt idx="3578">
                  <c:v>0.19460227129696961</c:v>
                </c:pt>
                <c:pt idx="3579">
                  <c:v>0.19460227129696961</c:v>
                </c:pt>
                <c:pt idx="3580">
                  <c:v>0.19460227129696961</c:v>
                </c:pt>
                <c:pt idx="3581">
                  <c:v>0.19460227129696961</c:v>
                </c:pt>
                <c:pt idx="3582">
                  <c:v>0.19460227129696961</c:v>
                </c:pt>
                <c:pt idx="3583">
                  <c:v>0.56058009118772201</c:v>
                </c:pt>
                <c:pt idx="3584">
                  <c:v>0.62548936490419516</c:v>
                </c:pt>
                <c:pt idx="3585">
                  <c:v>0.6903986386206683</c:v>
                </c:pt>
                <c:pt idx="3586">
                  <c:v>0.6903986386206683</c:v>
                </c:pt>
                <c:pt idx="3587">
                  <c:v>0.82611802911874843</c:v>
                </c:pt>
                <c:pt idx="3588">
                  <c:v>0.82611802911874843</c:v>
                </c:pt>
                <c:pt idx="3589">
                  <c:v>0.54877840505745423</c:v>
                </c:pt>
                <c:pt idx="3590">
                  <c:v>0.82611802911874843</c:v>
                </c:pt>
                <c:pt idx="3591">
                  <c:v>0.82611802911874843</c:v>
                </c:pt>
                <c:pt idx="3592">
                  <c:v>0.69052418847311792</c:v>
                </c:pt>
                <c:pt idx="3593">
                  <c:v>0.54865285520500451</c:v>
                </c:pt>
                <c:pt idx="3594">
                  <c:v>0.19460227129696961</c:v>
                </c:pt>
                <c:pt idx="3595">
                  <c:v>0.19460227129696961</c:v>
                </c:pt>
                <c:pt idx="3596">
                  <c:v>0.19460227129696961</c:v>
                </c:pt>
                <c:pt idx="3597">
                  <c:v>0.19460227129696961</c:v>
                </c:pt>
                <c:pt idx="3598">
                  <c:v>0.19460227129696961</c:v>
                </c:pt>
                <c:pt idx="3599">
                  <c:v>0.19460227129696961</c:v>
                </c:pt>
                <c:pt idx="3600">
                  <c:v>0.20119908031682054</c:v>
                </c:pt>
                <c:pt idx="3601">
                  <c:v>0.20119908031682054</c:v>
                </c:pt>
                <c:pt idx="3602">
                  <c:v>0.20119908031682054</c:v>
                </c:pt>
                <c:pt idx="3603">
                  <c:v>0.20119908031682054</c:v>
                </c:pt>
                <c:pt idx="3604">
                  <c:v>0.20119908031682054</c:v>
                </c:pt>
                <c:pt idx="3605">
                  <c:v>0.20119908031682054</c:v>
                </c:pt>
                <c:pt idx="3606">
                  <c:v>0.20119908031682054</c:v>
                </c:pt>
                <c:pt idx="3607">
                  <c:v>0.55430346627284055</c:v>
                </c:pt>
                <c:pt idx="3608">
                  <c:v>0.61848597289390639</c:v>
                </c:pt>
                <c:pt idx="3609">
                  <c:v>0.682668479514972</c:v>
                </c:pt>
                <c:pt idx="3610">
                  <c:v>0.682668479514972</c:v>
                </c:pt>
                <c:pt idx="3611">
                  <c:v>0.81686826608629126</c:v>
                </c:pt>
                <c:pt idx="3612">
                  <c:v>0.81686826608629126</c:v>
                </c:pt>
                <c:pt idx="3613">
                  <c:v>0.54263391961446494</c:v>
                </c:pt>
                <c:pt idx="3614">
                  <c:v>0.81686826608629126</c:v>
                </c:pt>
                <c:pt idx="3615">
                  <c:v>0.81686826608629126</c:v>
                </c:pt>
                <c:pt idx="3616">
                  <c:v>0.68256787997481372</c:v>
                </c:pt>
                <c:pt idx="3617">
                  <c:v>0.54273451915462334</c:v>
                </c:pt>
                <c:pt idx="3618">
                  <c:v>0.20119908031682054</c:v>
                </c:pt>
                <c:pt idx="3619">
                  <c:v>0.20119908031682054</c:v>
                </c:pt>
                <c:pt idx="3620">
                  <c:v>0.20119908031682054</c:v>
                </c:pt>
                <c:pt idx="3621">
                  <c:v>0.20119908031682054</c:v>
                </c:pt>
                <c:pt idx="3622">
                  <c:v>0.20119908031682054</c:v>
                </c:pt>
                <c:pt idx="3623">
                  <c:v>0.20119908031682054</c:v>
                </c:pt>
                <c:pt idx="3624">
                  <c:v>0.16993166934356727</c:v>
                </c:pt>
                <c:pt idx="3625">
                  <c:v>0.16993166934356727</c:v>
                </c:pt>
                <c:pt idx="3626">
                  <c:v>0.16993166934356727</c:v>
                </c:pt>
                <c:pt idx="3627">
                  <c:v>0.16993166934356727</c:v>
                </c:pt>
                <c:pt idx="3628">
                  <c:v>0.16993166934356727</c:v>
                </c:pt>
                <c:pt idx="3629">
                  <c:v>0.16993166934356727</c:v>
                </c:pt>
                <c:pt idx="3630">
                  <c:v>0.16993166934356727</c:v>
                </c:pt>
                <c:pt idx="3631">
                  <c:v>0.4681617490415278</c:v>
                </c:pt>
                <c:pt idx="3632">
                  <c:v>0.52236995156212584</c:v>
                </c:pt>
                <c:pt idx="3633">
                  <c:v>0.57657815408272373</c:v>
                </c:pt>
                <c:pt idx="3634">
                  <c:v>0.57657815408272373</c:v>
                </c:pt>
                <c:pt idx="3635">
                  <c:v>0.68992257753488306</c:v>
                </c:pt>
                <c:pt idx="3636">
                  <c:v>0.68992257753488306</c:v>
                </c:pt>
                <c:pt idx="3637">
                  <c:v>0.45830571221960087</c:v>
                </c:pt>
                <c:pt idx="3638">
                  <c:v>0.68992257753488306</c:v>
                </c:pt>
                <c:pt idx="3639">
                  <c:v>0.68992257753488306</c:v>
                </c:pt>
                <c:pt idx="3640">
                  <c:v>0.57649318824805196</c:v>
                </c:pt>
                <c:pt idx="3641">
                  <c:v>0.45839067805427269</c:v>
                </c:pt>
                <c:pt idx="3642">
                  <c:v>0.16993166934356727</c:v>
                </c:pt>
                <c:pt idx="3643">
                  <c:v>0.16993166934356727</c:v>
                </c:pt>
                <c:pt idx="3644">
                  <c:v>0.16993166934356727</c:v>
                </c:pt>
                <c:pt idx="3645">
                  <c:v>0.16993166934356727</c:v>
                </c:pt>
                <c:pt idx="3646">
                  <c:v>0.16993166934356727</c:v>
                </c:pt>
                <c:pt idx="3647">
                  <c:v>0.16993166934356727</c:v>
                </c:pt>
                <c:pt idx="3648">
                  <c:v>0.12880920260710171</c:v>
                </c:pt>
                <c:pt idx="3649">
                  <c:v>0.12880920260710171</c:v>
                </c:pt>
                <c:pt idx="3650">
                  <c:v>0.12880920260710171</c:v>
                </c:pt>
                <c:pt idx="3651">
                  <c:v>0.12880920260710171</c:v>
                </c:pt>
                <c:pt idx="3652">
                  <c:v>0.12880920260710171</c:v>
                </c:pt>
                <c:pt idx="3653">
                  <c:v>0.12880920260710171</c:v>
                </c:pt>
                <c:pt idx="3654">
                  <c:v>0.12880920260710171</c:v>
                </c:pt>
                <c:pt idx="3655">
                  <c:v>0.34903138770956588</c:v>
                </c:pt>
                <c:pt idx="3656">
                  <c:v>0.43628923463695735</c:v>
                </c:pt>
                <c:pt idx="3657">
                  <c:v>0.47991815810065314</c:v>
                </c:pt>
                <c:pt idx="3658">
                  <c:v>0.47991815810065314</c:v>
                </c:pt>
                <c:pt idx="3659">
                  <c:v>0.56717600502804466</c:v>
                </c:pt>
                <c:pt idx="3660">
                  <c:v>0.56717600502804466</c:v>
                </c:pt>
                <c:pt idx="3661">
                  <c:v>0.39266031117326161</c:v>
                </c:pt>
                <c:pt idx="3662">
                  <c:v>0.56717600502804466</c:v>
                </c:pt>
                <c:pt idx="3663">
                  <c:v>0.47991815810065314</c:v>
                </c:pt>
                <c:pt idx="3664">
                  <c:v>0.41551355679710228</c:v>
                </c:pt>
                <c:pt idx="3665">
                  <c:v>0.34903138770956588</c:v>
                </c:pt>
                <c:pt idx="3666">
                  <c:v>0.12880920260710171</c:v>
                </c:pt>
                <c:pt idx="3667">
                  <c:v>0.12880920260710171</c:v>
                </c:pt>
                <c:pt idx="3668">
                  <c:v>0.12880920260710171</c:v>
                </c:pt>
                <c:pt idx="3669">
                  <c:v>0.12880920260710171</c:v>
                </c:pt>
                <c:pt idx="3670">
                  <c:v>0.12880920260710171</c:v>
                </c:pt>
                <c:pt idx="3671">
                  <c:v>0.12880920260710171</c:v>
                </c:pt>
                <c:pt idx="3672">
                  <c:v>0.19082030132973971</c:v>
                </c:pt>
                <c:pt idx="3673">
                  <c:v>0.3725539216437776</c:v>
                </c:pt>
                <c:pt idx="3674">
                  <c:v>0.3725539216437776</c:v>
                </c:pt>
                <c:pt idx="3675">
                  <c:v>0.3725539216437776</c:v>
                </c:pt>
                <c:pt idx="3676">
                  <c:v>0.3725539216437776</c:v>
                </c:pt>
                <c:pt idx="3677">
                  <c:v>0.46342073180079651</c:v>
                </c:pt>
                <c:pt idx="3678">
                  <c:v>0.58154758500492099</c:v>
                </c:pt>
                <c:pt idx="3679">
                  <c:v>0.66332771414623815</c:v>
                </c:pt>
                <c:pt idx="3680">
                  <c:v>0.66332771414623815</c:v>
                </c:pt>
                <c:pt idx="3681">
                  <c:v>0.66332771414623815</c:v>
                </c:pt>
                <c:pt idx="3682">
                  <c:v>0.66332771414623815</c:v>
                </c:pt>
                <c:pt idx="3683">
                  <c:v>0.66332771414623815</c:v>
                </c:pt>
                <c:pt idx="3684">
                  <c:v>0.66332771414623815</c:v>
                </c:pt>
                <c:pt idx="3685">
                  <c:v>0.66332771414623815</c:v>
                </c:pt>
                <c:pt idx="3686">
                  <c:v>0.66332771414623815</c:v>
                </c:pt>
                <c:pt idx="3687">
                  <c:v>0.59972094703632473</c:v>
                </c:pt>
                <c:pt idx="3688">
                  <c:v>0.54520086094211351</c:v>
                </c:pt>
                <c:pt idx="3689">
                  <c:v>0.49068077484790223</c:v>
                </c:pt>
                <c:pt idx="3690">
                  <c:v>0.47250741281649827</c:v>
                </c:pt>
                <c:pt idx="3691">
                  <c:v>0.38164060265947941</c:v>
                </c:pt>
                <c:pt idx="3692">
                  <c:v>0.28168711148675868</c:v>
                </c:pt>
                <c:pt idx="3693">
                  <c:v>0.28168711148675868</c:v>
                </c:pt>
                <c:pt idx="3694">
                  <c:v>0.28168711148675868</c:v>
                </c:pt>
                <c:pt idx="3695">
                  <c:v>0.28168711148675868</c:v>
                </c:pt>
                <c:pt idx="3696">
                  <c:v>0.30361291390830081</c:v>
                </c:pt>
                <c:pt idx="3697">
                  <c:v>0.35258273873222035</c:v>
                </c:pt>
                <c:pt idx="3698">
                  <c:v>0.35258273873222035</c:v>
                </c:pt>
                <c:pt idx="3699">
                  <c:v>0.35258273873222035</c:v>
                </c:pt>
                <c:pt idx="3700">
                  <c:v>0.35258273873222035</c:v>
                </c:pt>
                <c:pt idx="3701">
                  <c:v>0.44072842341527541</c:v>
                </c:pt>
                <c:pt idx="3702">
                  <c:v>0.51908014313354667</c:v>
                </c:pt>
                <c:pt idx="3703">
                  <c:v>0.61701979278138563</c:v>
                </c:pt>
                <c:pt idx="3704">
                  <c:v>0.61701979278138563</c:v>
                </c:pt>
                <c:pt idx="3705">
                  <c:v>0.61701979278138563</c:v>
                </c:pt>
                <c:pt idx="3706">
                  <c:v>0.61701979278138563</c:v>
                </c:pt>
                <c:pt idx="3707">
                  <c:v>0.61701979278138563</c:v>
                </c:pt>
                <c:pt idx="3708">
                  <c:v>0.61701979278138563</c:v>
                </c:pt>
                <c:pt idx="3709">
                  <c:v>0.61701979278138563</c:v>
                </c:pt>
                <c:pt idx="3710">
                  <c:v>0.61701979278138563</c:v>
                </c:pt>
                <c:pt idx="3711">
                  <c:v>0.54846203802789828</c:v>
                </c:pt>
                <c:pt idx="3712">
                  <c:v>0.53866807306311437</c:v>
                </c:pt>
                <c:pt idx="3713">
                  <c:v>0.46031635334484328</c:v>
                </c:pt>
                <c:pt idx="3714">
                  <c:v>0.4309344584504915</c:v>
                </c:pt>
                <c:pt idx="3715">
                  <c:v>0.36237670369700425</c:v>
                </c:pt>
                <c:pt idx="3716">
                  <c:v>0.30361291390830081</c:v>
                </c:pt>
                <c:pt idx="3717">
                  <c:v>0.26443705404916529</c:v>
                </c:pt>
                <c:pt idx="3718">
                  <c:v>0.26443705404916529</c:v>
                </c:pt>
                <c:pt idx="3719">
                  <c:v>0.26443705404916529</c:v>
                </c:pt>
                <c:pt idx="3720">
                  <c:v>0.18088203919014492</c:v>
                </c:pt>
                <c:pt idx="3721">
                  <c:v>0.18088203919014492</c:v>
                </c:pt>
                <c:pt idx="3722">
                  <c:v>0.18088203919014492</c:v>
                </c:pt>
                <c:pt idx="3723">
                  <c:v>0.18088203919014492</c:v>
                </c:pt>
                <c:pt idx="3724">
                  <c:v>0.18088203919014492</c:v>
                </c:pt>
                <c:pt idx="3725">
                  <c:v>0.18088203919014492</c:v>
                </c:pt>
                <c:pt idx="3726">
                  <c:v>0.18088203919014492</c:v>
                </c:pt>
                <c:pt idx="3727">
                  <c:v>0.78683687047713047</c:v>
                </c:pt>
                <c:pt idx="3728">
                  <c:v>0.88519147928677178</c:v>
                </c:pt>
                <c:pt idx="3729">
                  <c:v>0.98354608809641286</c:v>
                </c:pt>
                <c:pt idx="3730">
                  <c:v>0.98354608809641286</c:v>
                </c:pt>
                <c:pt idx="3731">
                  <c:v>1.1802553057156955</c:v>
                </c:pt>
                <c:pt idx="3732">
                  <c:v>1.1802553057156955</c:v>
                </c:pt>
                <c:pt idx="3733">
                  <c:v>0.78683687047713047</c:v>
                </c:pt>
                <c:pt idx="3734">
                  <c:v>1.1802553057156955</c:v>
                </c:pt>
                <c:pt idx="3735">
                  <c:v>1.1802553057156955</c:v>
                </c:pt>
                <c:pt idx="3736">
                  <c:v>0.98354608809641286</c:v>
                </c:pt>
                <c:pt idx="3737">
                  <c:v>0.79135892145688402</c:v>
                </c:pt>
                <c:pt idx="3738">
                  <c:v>0.28262818623460151</c:v>
                </c:pt>
                <c:pt idx="3739">
                  <c:v>0.28262818623460151</c:v>
                </c:pt>
                <c:pt idx="3740">
                  <c:v>0.28262818623460151</c:v>
                </c:pt>
                <c:pt idx="3741">
                  <c:v>0.28262818623460151</c:v>
                </c:pt>
                <c:pt idx="3742">
                  <c:v>0.28262818623460151</c:v>
                </c:pt>
                <c:pt idx="3743">
                  <c:v>0.28262818623460151</c:v>
                </c:pt>
                <c:pt idx="3744">
                  <c:v>0.25004636263947183</c:v>
                </c:pt>
                <c:pt idx="3745">
                  <c:v>0.25004636263947183</c:v>
                </c:pt>
                <c:pt idx="3746">
                  <c:v>0.25004636263947183</c:v>
                </c:pt>
                <c:pt idx="3747">
                  <c:v>0.25004636263947183</c:v>
                </c:pt>
                <c:pt idx="3748">
                  <c:v>0.25004636263947183</c:v>
                </c:pt>
                <c:pt idx="3749">
                  <c:v>0.25004636263947183</c:v>
                </c:pt>
                <c:pt idx="3750">
                  <c:v>0.25004636263947183</c:v>
                </c:pt>
                <c:pt idx="3751">
                  <c:v>0.72029484463563975</c:v>
                </c:pt>
                <c:pt idx="3752">
                  <c:v>0.80369740559345071</c:v>
                </c:pt>
                <c:pt idx="3753">
                  <c:v>0.88709996655126166</c:v>
                </c:pt>
                <c:pt idx="3754">
                  <c:v>0.88709996655126166</c:v>
                </c:pt>
                <c:pt idx="3755">
                  <c:v>1.0614871394630483</c:v>
                </c:pt>
                <c:pt idx="3756">
                  <c:v>1.0614871394630483</c:v>
                </c:pt>
                <c:pt idx="3757">
                  <c:v>0.70513074264331055</c:v>
                </c:pt>
                <c:pt idx="3758">
                  <c:v>1.0614871394630483</c:v>
                </c:pt>
                <c:pt idx="3759">
                  <c:v>1.0614871394630483</c:v>
                </c:pt>
                <c:pt idx="3760">
                  <c:v>0.88726128678522254</c:v>
                </c:pt>
                <c:pt idx="3761">
                  <c:v>0.70496942240934968</c:v>
                </c:pt>
                <c:pt idx="3762">
                  <c:v>0.25004636263947183</c:v>
                </c:pt>
                <c:pt idx="3763">
                  <c:v>0.25004636263947183</c:v>
                </c:pt>
                <c:pt idx="3764">
                  <c:v>0.25004636263947183</c:v>
                </c:pt>
                <c:pt idx="3765">
                  <c:v>0.25004636263947183</c:v>
                </c:pt>
                <c:pt idx="3766">
                  <c:v>0.25004636263947183</c:v>
                </c:pt>
                <c:pt idx="3767">
                  <c:v>0.25004636263947183</c:v>
                </c:pt>
                <c:pt idx="3768">
                  <c:v>0.23246649129007368</c:v>
                </c:pt>
                <c:pt idx="3769">
                  <c:v>0.23246649129007368</c:v>
                </c:pt>
                <c:pt idx="3770">
                  <c:v>0.23246649129007368</c:v>
                </c:pt>
                <c:pt idx="3771">
                  <c:v>0.23246649129007368</c:v>
                </c:pt>
                <c:pt idx="3772">
                  <c:v>0.23246649129007368</c:v>
                </c:pt>
                <c:pt idx="3773">
                  <c:v>0.23246649129007368</c:v>
                </c:pt>
                <c:pt idx="3774">
                  <c:v>0.23246649129007368</c:v>
                </c:pt>
                <c:pt idx="3775">
                  <c:v>0.64044518350415303</c:v>
                </c:pt>
                <c:pt idx="3776">
                  <c:v>0.71460199422568649</c:v>
                </c:pt>
                <c:pt idx="3777">
                  <c:v>0.78875880494722006</c:v>
                </c:pt>
                <c:pt idx="3778">
                  <c:v>0.78875880494722006</c:v>
                </c:pt>
                <c:pt idx="3779">
                  <c:v>0.94381395463769913</c:v>
                </c:pt>
                <c:pt idx="3780">
                  <c:v>0.94381395463769913</c:v>
                </c:pt>
                <c:pt idx="3781">
                  <c:v>0.62696212700932874</c:v>
                </c:pt>
                <c:pt idx="3782">
                  <c:v>0.94381395463769913</c:v>
                </c:pt>
                <c:pt idx="3783">
                  <c:v>0.94381395463769913</c:v>
                </c:pt>
                <c:pt idx="3784">
                  <c:v>0.78864257170157515</c:v>
                </c:pt>
                <c:pt idx="3785">
                  <c:v>0.62707836025497377</c:v>
                </c:pt>
                <c:pt idx="3786">
                  <c:v>0.23246649129007368</c:v>
                </c:pt>
                <c:pt idx="3787">
                  <c:v>0.23246649129007368</c:v>
                </c:pt>
                <c:pt idx="3788">
                  <c:v>0.23246649129007368</c:v>
                </c:pt>
                <c:pt idx="3789">
                  <c:v>0.23246649129007368</c:v>
                </c:pt>
                <c:pt idx="3790">
                  <c:v>0.23246649129007368</c:v>
                </c:pt>
                <c:pt idx="3791">
                  <c:v>0.23246649129007368</c:v>
                </c:pt>
                <c:pt idx="3792">
                  <c:v>0.24288896161449139</c:v>
                </c:pt>
                <c:pt idx="3793">
                  <c:v>0.24288896161449139</c:v>
                </c:pt>
                <c:pt idx="3794">
                  <c:v>0.24288896161449139</c:v>
                </c:pt>
                <c:pt idx="3795">
                  <c:v>0.24288896161449139</c:v>
                </c:pt>
                <c:pt idx="3796">
                  <c:v>0.24288896161449139</c:v>
                </c:pt>
                <c:pt idx="3797">
                  <c:v>0.24288896161449139</c:v>
                </c:pt>
                <c:pt idx="3798">
                  <c:v>0.24288896161449139</c:v>
                </c:pt>
                <c:pt idx="3799">
                  <c:v>0.66915908924792356</c:v>
                </c:pt>
                <c:pt idx="3800">
                  <c:v>0.74664066800294637</c:v>
                </c:pt>
                <c:pt idx="3801">
                  <c:v>0.82412224675796908</c:v>
                </c:pt>
                <c:pt idx="3802">
                  <c:v>0.82412224675796908</c:v>
                </c:pt>
                <c:pt idx="3803">
                  <c:v>0.98612918415483475</c:v>
                </c:pt>
                <c:pt idx="3804">
                  <c:v>0.98612918415483475</c:v>
                </c:pt>
                <c:pt idx="3805">
                  <c:v>0.65507152947428315</c:v>
                </c:pt>
                <c:pt idx="3806">
                  <c:v>0.98612918415483475</c:v>
                </c:pt>
                <c:pt idx="3807">
                  <c:v>0.98612918415483475</c:v>
                </c:pt>
                <c:pt idx="3808">
                  <c:v>0.82400080227716199</c:v>
                </c:pt>
                <c:pt idx="3809">
                  <c:v>0.65519297395509035</c:v>
                </c:pt>
                <c:pt idx="3810">
                  <c:v>0.24288896161449139</c:v>
                </c:pt>
                <c:pt idx="3811">
                  <c:v>0.24288896161449139</c:v>
                </c:pt>
                <c:pt idx="3812">
                  <c:v>0.24288896161449139</c:v>
                </c:pt>
                <c:pt idx="3813">
                  <c:v>0.24288896161449139</c:v>
                </c:pt>
                <c:pt idx="3814">
                  <c:v>0.24288896161449139</c:v>
                </c:pt>
                <c:pt idx="3815">
                  <c:v>0.24288896161449139</c:v>
                </c:pt>
                <c:pt idx="3816">
                  <c:v>0.19419787186445581</c:v>
                </c:pt>
                <c:pt idx="3817">
                  <c:v>0.19419787186445581</c:v>
                </c:pt>
                <c:pt idx="3818">
                  <c:v>0.19419787186445581</c:v>
                </c:pt>
                <c:pt idx="3819">
                  <c:v>0.19419787186445581</c:v>
                </c:pt>
                <c:pt idx="3820">
                  <c:v>0.19419787186445581</c:v>
                </c:pt>
                <c:pt idx="3821">
                  <c:v>0.19419787186445581</c:v>
                </c:pt>
                <c:pt idx="3822">
                  <c:v>0.19419787186445581</c:v>
                </c:pt>
                <c:pt idx="3823">
                  <c:v>0.52621358827788023</c:v>
                </c:pt>
                <c:pt idx="3824">
                  <c:v>0.65776698534735023</c:v>
                </c:pt>
                <c:pt idx="3825">
                  <c:v>0.72354368388208523</c:v>
                </c:pt>
                <c:pt idx="3826">
                  <c:v>0.72354368388208523</c:v>
                </c:pt>
                <c:pt idx="3827">
                  <c:v>0.85509708095155545</c:v>
                </c:pt>
                <c:pt idx="3828">
                  <c:v>0.85509708095155545</c:v>
                </c:pt>
                <c:pt idx="3829">
                  <c:v>0.59199028681261534</c:v>
                </c:pt>
                <c:pt idx="3830">
                  <c:v>0.85509708095155545</c:v>
                </c:pt>
                <c:pt idx="3831">
                  <c:v>0.72354368388208523</c:v>
                </c:pt>
                <c:pt idx="3832">
                  <c:v>0.62644474794985738</c:v>
                </c:pt>
                <c:pt idx="3833">
                  <c:v>0.52621358827788023</c:v>
                </c:pt>
                <c:pt idx="3834">
                  <c:v>0.19419787186445581</c:v>
                </c:pt>
                <c:pt idx="3835">
                  <c:v>0.19419787186445581</c:v>
                </c:pt>
                <c:pt idx="3836">
                  <c:v>0.19419787186445581</c:v>
                </c:pt>
                <c:pt idx="3837">
                  <c:v>0.19419787186445581</c:v>
                </c:pt>
                <c:pt idx="3838">
                  <c:v>0.19419787186445581</c:v>
                </c:pt>
                <c:pt idx="3839">
                  <c:v>0.19419787186445581</c:v>
                </c:pt>
                <c:pt idx="3840">
                  <c:v>0.12677256543035215</c:v>
                </c:pt>
                <c:pt idx="3841">
                  <c:v>0.24750834203068753</c:v>
                </c:pt>
                <c:pt idx="3842">
                  <c:v>0.24750834203068753</c:v>
                </c:pt>
                <c:pt idx="3843">
                  <c:v>0.24750834203068753</c:v>
                </c:pt>
                <c:pt idx="3844">
                  <c:v>0.24750834203068753</c:v>
                </c:pt>
                <c:pt idx="3845">
                  <c:v>0.30787623033085526</c:v>
                </c:pt>
                <c:pt idx="3846">
                  <c:v>0.38635448512107329</c:v>
                </c:pt>
                <c:pt idx="3847">
                  <c:v>0.44068558459122414</c:v>
                </c:pt>
                <c:pt idx="3848">
                  <c:v>0.44068558459122414</c:v>
                </c:pt>
                <c:pt idx="3849">
                  <c:v>0.44068558459122414</c:v>
                </c:pt>
                <c:pt idx="3850">
                  <c:v>0.44068558459122414</c:v>
                </c:pt>
                <c:pt idx="3851">
                  <c:v>0.44068558459122414</c:v>
                </c:pt>
                <c:pt idx="3852">
                  <c:v>0.44068558459122414</c:v>
                </c:pt>
                <c:pt idx="3853">
                  <c:v>0.44068558459122414</c:v>
                </c:pt>
                <c:pt idx="3854">
                  <c:v>0.44068558459122414</c:v>
                </c:pt>
                <c:pt idx="3855">
                  <c:v>0.39842806278110676</c:v>
                </c:pt>
                <c:pt idx="3856">
                  <c:v>0.36220732980100617</c:v>
                </c:pt>
                <c:pt idx="3857">
                  <c:v>0.32598659682090553</c:v>
                </c:pt>
                <c:pt idx="3858">
                  <c:v>0.313913019160872</c:v>
                </c:pt>
                <c:pt idx="3859">
                  <c:v>0.25354513086070429</c:v>
                </c:pt>
                <c:pt idx="3860">
                  <c:v>0.18714045373051982</c:v>
                </c:pt>
                <c:pt idx="3861">
                  <c:v>0.18714045373051982</c:v>
                </c:pt>
                <c:pt idx="3862">
                  <c:v>0.18714045373051982</c:v>
                </c:pt>
                <c:pt idx="3863">
                  <c:v>0.18714045373051982</c:v>
                </c:pt>
                <c:pt idx="3864">
                  <c:v>0.24575273205447612</c:v>
                </c:pt>
                <c:pt idx="3865">
                  <c:v>0.28539026948261736</c:v>
                </c:pt>
                <c:pt idx="3866">
                  <c:v>0.28539026948261736</c:v>
                </c:pt>
                <c:pt idx="3867">
                  <c:v>0.28539026948261736</c:v>
                </c:pt>
                <c:pt idx="3868">
                  <c:v>0.28539026948261736</c:v>
                </c:pt>
                <c:pt idx="3869">
                  <c:v>0.35673783685327182</c:v>
                </c:pt>
                <c:pt idx="3870">
                  <c:v>0.42015789673829784</c:v>
                </c:pt>
                <c:pt idx="3871">
                  <c:v>0.49943297159458044</c:v>
                </c:pt>
                <c:pt idx="3872">
                  <c:v>0.49943297159458044</c:v>
                </c:pt>
                <c:pt idx="3873">
                  <c:v>0.49943297159458044</c:v>
                </c:pt>
                <c:pt idx="3874">
                  <c:v>0.49943297159458044</c:v>
                </c:pt>
                <c:pt idx="3875">
                  <c:v>0.49943297159458044</c:v>
                </c:pt>
                <c:pt idx="3876">
                  <c:v>0.49943297159458044</c:v>
                </c:pt>
                <c:pt idx="3877">
                  <c:v>0.49943297159458044</c:v>
                </c:pt>
                <c:pt idx="3878">
                  <c:v>0.49943297159458044</c:v>
                </c:pt>
                <c:pt idx="3879">
                  <c:v>0.44394041919518262</c:v>
                </c:pt>
                <c:pt idx="3880">
                  <c:v>0.43601291170955436</c:v>
                </c:pt>
                <c:pt idx="3881">
                  <c:v>0.37259285182452828</c:v>
                </c:pt>
                <c:pt idx="3882">
                  <c:v>0.34881032936764356</c:v>
                </c:pt>
                <c:pt idx="3883">
                  <c:v>0.29331777696824568</c:v>
                </c:pt>
                <c:pt idx="3884">
                  <c:v>0.24575273205447612</c:v>
                </c:pt>
                <c:pt idx="3885">
                  <c:v>0.21404270211196308</c:v>
                </c:pt>
                <c:pt idx="3886">
                  <c:v>0.21404270211196308</c:v>
                </c:pt>
                <c:pt idx="3887">
                  <c:v>0.21404270211196308</c:v>
                </c:pt>
                <c:pt idx="3888">
                  <c:v>0.15337601891587868</c:v>
                </c:pt>
                <c:pt idx="3889">
                  <c:v>0.15337601891587868</c:v>
                </c:pt>
                <c:pt idx="3890">
                  <c:v>0.15337601891587868</c:v>
                </c:pt>
                <c:pt idx="3891">
                  <c:v>0.15337601891587868</c:v>
                </c:pt>
                <c:pt idx="3892">
                  <c:v>0.15337601891587868</c:v>
                </c:pt>
                <c:pt idx="3893">
                  <c:v>0.15337601891587868</c:v>
                </c:pt>
                <c:pt idx="3894">
                  <c:v>0.15337601891587868</c:v>
                </c:pt>
                <c:pt idx="3895">
                  <c:v>0.66718568228407216</c:v>
                </c:pt>
                <c:pt idx="3896">
                  <c:v>0.75058389256958125</c:v>
                </c:pt>
                <c:pt idx="3897">
                  <c:v>0.83398210285509022</c:v>
                </c:pt>
                <c:pt idx="3898">
                  <c:v>0.83398210285509022</c:v>
                </c:pt>
                <c:pt idx="3899">
                  <c:v>1.0007785234261082</c:v>
                </c:pt>
                <c:pt idx="3900">
                  <c:v>1.0007785234261082</c:v>
                </c:pt>
                <c:pt idx="3901">
                  <c:v>0.66718568228407216</c:v>
                </c:pt>
                <c:pt idx="3902">
                  <c:v>1.0007785234261082</c:v>
                </c:pt>
                <c:pt idx="3903">
                  <c:v>1.0007785234261082</c:v>
                </c:pt>
                <c:pt idx="3904">
                  <c:v>0.83398210285509022</c:v>
                </c:pt>
                <c:pt idx="3905">
                  <c:v>0.67102008275696923</c:v>
                </c:pt>
                <c:pt idx="3906">
                  <c:v>0.23965002955606041</c:v>
                </c:pt>
                <c:pt idx="3907">
                  <c:v>0.23965002955606041</c:v>
                </c:pt>
                <c:pt idx="3908">
                  <c:v>0.23965002955606041</c:v>
                </c:pt>
                <c:pt idx="3909">
                  <c:v>0.23965002955606041</c:v>
                </c:pt>
                <c:pt idx="3910">
                  <c:v>0.23965002955606041</c:v>
                </c:pt>
                <c:pt idx="3911">
                  <c:v>0.23965002955606041</c:v>
                </c:pt>
                <c:pt idx="3912">
                  <c:v>0.33069231368311158</c:v>
                </c:pt>
                <c:pt idx="3913">
                  <c:v>0.33069231368311158</c:v>
                </c:pt>
                <c:pt idx="3914">
                  <c:v>0.33069231368311158</c:v>
                </c:pt>
                <c:pt idx="3915">
                  <c:v>0.33069231368311158</c:v>
                </c:pt>
                <c:pt idx="3916">
                  <c:v>0.33069231368311158</c:v>
                </c:pt>
                <c:pt idx="3917">
                  <c:v>0.33069231368311158</c:v>
                </c:pt>
                <c:pt idx="3918">
                  <c:v>0.33069231368311158</c:v>
                </c:pt>
                <c:pt idx="3919">
                  <c:v>0.95260721328715692</c:v>
                </c:pt>
                <c:pt idx="3920">
                  <c:v>1.0629091011414591</c:v>
                </c:pt>
                <c:pt idx="3921">
                  <c:v>1.1732109889957614</c:v>
                </c:pt>
                <c:pt idx="3922">
                  <c:v>1.1732109889957614</c:v>
                </c:pt>
                <c:pt idx="3923">
                  <c:v>1.4038422090547578</c:v>
                </c:pt>
                <c:pt idx="3924">
                  <c:v>1.4038422090547578</c:v>
                </c:pt>
                <c:pt idx="3925">
                  <c:v>0.93255232458637449</c:v>
                </c:pt>
                <c:pt idx="3926">
                  <c:v>1.4038422090547578</c:v>
                </c:pt>
                <c:pt idx="3927">
                  <c:v>1.4038422090547578</c:v>
                </c:pt>
                <c:pt idx="3928">
                  <c:v>1.173424338875557</c:v>
                </c:pt>
                <c:pt idx="3929">
                  <c:v>0.93233897470657912</c:v>
                </c:pt>
                <c:pt idx="3930">
                  <c:v>0.33069231368311158</c:v>
                </c:pt>
                <c:pt idx="3931">
                  <c:v>0.33069231368311158</c:v>
                </c:pt>
                <c:pt idx="3932">
                  <c:v>0.33069231368311158</c:v>
                </c:pt>
                <c:pt idx="3933">
                  <c:v>0.33069231368311158</c:v>
                </c:pt>
                <c:pt idx="3934">
                  <c:v>0.33069231368311158</c:v>
                </c:pt>
                <c:pt idx="3935">
                  <c:v>0.33069231368311158</c:v>
                </c:pt>
                <c:pt idx="3936">
                  <c:v>0.27415637258774456</c:v>
                </c:pt>
                <c:pt idx="3937">
                  <c:v>0.27415637258774456</c:v>
                </c:pt>
                <c:pt idx="3938">
                  <c:v>0.27415637258774456</c:v>
                </c:pt>
                <c:pt idx="3939">
                  <c:v>0.27415637258774456</c:v>
                </c:pt>
                <c:pt idx="3940">
                  <c:v>0.27415637258774456</c:v>
                </c:pt>
                <c:pt idx="3941">
                  <c:v>0.27415637258774456</c:v>
                </c:pt>
                <c:pt idx="3942">
                  <c:v>0.27415637258774456</c:v>
                </c:pt>
                <c:pt idx="3943">
                  <c:v>0.75530080647923614</c:v>
                </c:pt>
                <c:pt idx="3944">
                  <c:v>0.84275668933472692</c:v>
                </c:pt>
                <c:pt idx="3945">
                  <c:v>0.93021257219021736</c:v>
                </c:pt>
                <c:pt idx="3946">
                  <c:v>0.93021257219021736</c:v>
                </c:pt>
                <c:pt idx="3947">
                  <c:v>1.1130748727062429</c:v>
                </c:pt>
                <c:pt idx="3948">
                  <c:v>1.1130748727062429</c:v>
                </c:pt>
                <c:pt idx="3949">
                  <c:v>0.73939973686914695</c:v>
                </c:pt>
                <c:pt idx="3950">
                  <c:v>1.1130748727062429</c:v>
                </c:pt>
                <c:pt idx="3951">
                  <c:v>1.1130748727062429</c:v>
                </c:pt>
                <c:pt idx="3952">
                  <c:v>0.93007549400392353</c:v>
                </c:pt>
                <c:pt idx="3953">
                  <c:v>0.73953681505544111</c:v>
                </c:pt>
                <c:pt idx="3954">
                  <c:v>0.27415637258774456</c:v>
                </c:pt>
                <c:pt idx="3955">
                  <c:v>0.27415637258774456</c:v>
                </c:pt>
                <c:pt idx="3956">
                  <c:v>0.27415637258774456</c:v>
                </c:pt>
                <c:pt idx="3957">
                  <c:v>0.27415637258774456</c:v>
                </c:pt>
                <c:pt idx="3958">
                  <c:v>0.27415637258774456</c:v>
                </c:pt>
                <c:pt idx="3959">
                  <c:v>0.27415637258774456</c:v>
                </c:pt>
                <c:pt idx="3960">
                  <c:v>0.27415637258774456</c:v>
                </c:pt>
                <c:pt idx="3961">
                  <c:v>0.27415637258774456</c:v>
                </c:pt>
                <c:pt idx="3962">
                  <c:v>0.27415637258774456</c:v>
                </c:pt>
                <c:pt idx="3963">
                  <c:v>0.27415637258774456</c:v>
                </c:pt>
                <c:pt idx="3964">
                  <c:v>0.27415637258774456</c:v>
                </c:pt>
                <c:pt idx="3965">
                  <c:v>0.27415637258774456</c:v>
                </c:pt>
                <c:pt idx="3966">
                  <c:v>0.27415637258774456</c:v>
                </c:pt>
                <c:pt idx="3967">
                  <c:v>0.75530080647923614</c:v>
                </c:pt>
                <c:pt idx="3968">
                  <c:v>0.84275668933472692</c:v>
                </c:pt>
                <c:pt idx="3969">
                  <c:v>0.93021257219021736</c:v>
                </c:pt>
                <c:pt idx="3970">
                  <c:v>0.93021257219021736</c:v>
                </c:pt>
                <c:pt idx="3971">
                  <c:v>1.1130748727062429</c:v>
                </c:pt>
                <c:pt idx="3972">
                  <c:v>1.1130748727062429</c:v>
                </c:pt>
                <c:pt idx="3973">
                  <c:v>0.73939973686914695</c:v>
                </c:pt>
                <c:pt idx="3974">
                  <c:v>1.1130748727062429</c:v>
                </c:pt>
                <c:pt idx="3975">
                  <c:v>1.1130748727062429</c:v>
                </c:pt>
                <c:pt idx="3976">
                  <c:v>0.93007549400392353</c:v>
                </c:pt>
                <c:pt idx="3977">
                  <c:v>0.73953681505544111</c:v>
                </c:pt>
                <c:pt idx="3978">
                  <c:v>0.27415637258774456</c:v>
                </c:pt>
                <c:pt idx="3979">
                  <c:v>0.27415637258774456</c:v>
                </c:pt>
                <c:pt idx="3980">
                  <c:v>0.27415637258774456</c:v>
                </c:pt>
                <c:pt idx="3981">
                  <c:v>0.27415637258774456</c:v>
                </c:pt>
                <c:pt idx="3982">
                  <c:v>0.27415637258774456</c:v>
                </c:pt>
                <c:pt idx="3983">
                  <c:v>0.27415637258774456</c:v>
                </c:pt>
                <c:pt idx="3984">
                  <c:v>0.16401848605336924</c:v>
                </c:pt>
                <c:pt idx="3985">
                  <c:v>0.16401848605336924</c:v>
                </c:pt>
                <c:pt idx="3986">
                  <c:v>0.16401848605336924</c:v>
                </c:pt>
                <c:pt idx="3987">
                  <c:v>0.16401848605336924</c:v>
                </c:pt>
                <c:pt idx="3988">
                  <c:v>0.16401848605336924</c:v>
                </c:pt>
                <c:pt idx="3989">
                  <c:v>0.16401848605336924</c:v>
                </c:pt>
                <c:pt idx="3990">
                  <c:v>0.16401848605336924</c:v>
                </c:pt>
                <c:pt idx="3991">
                  <c:v>0.44443718801558119</c:v>
                </c:pt>
                <c:pt idx="3992">
                  <c:v>0.55554648501947645</c:v>
                </c:pt>
                <c:pt idx="3993">
                  <c:v>0.61110113352142414</c:v>
                </c:pt>
                <c:pt idx="3994">
                  <c:v>0.61110113352142414</c:v>
                </c:pt>
                <c:pt idx="3995">
                  <c:v>0.72221043052531941</c:v>
                </c:pt>
                <c:pt idx="3996">
                  <c:v>0.72221043052531941</c:v>
                </c:pt>
                <c:pt idx="3997">
                  <c:v>0.49999183651752888</c:v>
                </c:pt>
                <c:pt idx="3998">
                  <c:v>0.72221043052531941</c:v>
                </c:pt>
                <c:pt idx="3999">
                  <c:v>0.61110113352142414</c:v>
                </c:pt>
                <c:pt idx="4000">
                  <c:v>0.52909189049473959</c:v>
                </c:pt>
                <c:pt idx="4001">
                  <c:v>0.44443718801558119</c:v>
                </c:pt>
                <c:pt idx="4002">
                  <c:v>0.16401848605336924</c:v>
                </c:pt>
                <c:pt idx="4003">
                  <c:v>0.16401848605336924</c:v>
                </c:pt>
                <c:pt idx="4004">
                  <c:v>0.16401848605336924</c:v>
                </c:pt>
                <c:pt idx="4005">
                  <c:v>0.16401848605336924</c:v>
                </c:pt>
                <c:pt idx="4006">
                  <c:v>0.16401848605336924</c:v>
                </c:pt>
                <c:pt idx="4007">
                  <c:v>0.16401848605336924</c:v>
                </c:pt>
                <c:pt idx="4008">
                  <c:v>0.11445569314200842</c:v>
                </c:pt>
                <c:pt idx="4009">
                  <c:v>0.2234611151820165</c:v>
                </c:pt>
                <c:pt idx="4010">
                  <c:v>0.2234611151820165</c:v>
                </c:pt>
                <c:pt idx="4011">
                  <c:v>0.2234611151820165</c:v>
                </c:pt>
                <c:pt idx="4012">
                  <c:v>0.2234611151820165</c:v>
                </c:pt>
                <c:pt idx="4013">
                  <c:v>0.27796382620202048</c:v>
                </c:pt>
                <c:pt idx="4014">
                  <c:v>0.3488173505280257</c:v>
                </c:pt>
                <c:pt idx="4015">
                  <c:v>0.39786979044602927</c:v>
                </c:pt>
                <c:pt idx="4016">
                  <c:v>0.39786979044602927</c:v>
                </c:pt>
                <c:pt idx="4017">
                  <c:v>0.39786979044602927</c:v>
                </c:pt>
                <c:pt idx="4018">
                  <c:v>0.39786979044602927</c:v>
                </c:pt>
                <c:pt idx="4019">
                  <c:v>0.39786979044602927</c:v>
                </c:pt>
                <c:pt idx="4020">
                  <c:v>0.39786979044602927</c:v>
                </c:pt>
                <c:pt idx="4021">
                  <c:v>0.39786979044602927</c:v>
                </c:pt>
                <c:pt idx="4022">
                  <c:v>0.39786979044602927</c:v>
                </c:pt>
                <c:pt idx="4023">
                  <c:v>0.35971789273202653</c:v>
                </c:pt>
                <c:pt idx="4024">
                  <c:v>0.3270162661200241</c:v>
                </c:pt>
                <c:pt idx="4025">
                  <c:v>0.29431463950802167</c:v>
                </c:pt>
                <c:pt idx="4026">
                  <c:v>0.2834140973040209</c:v>
                </c:pt>
                <c:pt idx="4027">
                  <c:v>0.22891138628401683</c:v>
                </c:pt>
                <c:pt idx="4028">
                  <c:v>0.16895840416201244</c:v>
                </c:pt>
                <c:pt idx="4029">
                  <c:v>0.16895840416201244</c:v>
                </c:pt>
                <c:pt idx="4030">
                  <c:v>0.16895840416201244</c:v>
                </c:pt>
                <c:pt idx="4031">
                  <c:v>0.16895840416201244</c:v>
                </c:pt>
                <c:pt idx="4032">
                  <c:v>0.12589949821441054</c:v>
                </c:pt>
                <c:pt idx="4033">
                  <c:v>0.14620586889415418</c:v>
                </c:pt>
                <c:pt idx="4034">
                  <c:v>0.14620586889415418</c:v>
                </c:pt>
                <c:pt idx="4035">
                  <c:v>0.14620586889415418</c:v>
                </c:pt>
                <c:pt idx="4036">
                  <c:v>0.14620586889415418</c:v>
                </c:pt>
                <c:pt idx="4037">
                  <c:v>0.18275733611769276</c:v>
                </c:pt>
                <c:pt idx="4038">
                  <c:v>0.21524752920528256</c:v>
                </c:pt>
                <c:pt idx="4039">
                  <c:v>0.25586027056476984</c:v>
                </c:pt>
                <c:pt idx="4040">
                  <c:v>0.25586027056476984</c:v>
                </c:pt>
                <c:pt idx="4041">
                  <c:v>0.25586027056476984</c:v>
                </c:pt>
                <c:pt idx="4042">
                  <c:v>0.25586027056476984</c:v>
                </c:pt>
                <c:pt idx="4043">
                  <c:v>0.25586027056476984</c:v>
                </c:pt>
                <c:pt idx="4044">
                  <c:v>0.25586027056476984</c:v>
                </c:pt>
                <c:pt idx="4045">
                  <c:v>0.25586027056476984</c:v>
                </c:pt>
                <c:pt idx="4046">
                  <c:v>0.25586027056476984</c:v>
                </c:pt>
                <c:pt idx="4047">
                  <c:v>0.22743135161312875</c:v>
                </c:pt>
                <c:pt idx="4048">
                  <c:v>0.22337007747717999</c:v>
                </c:pt>
                <c:pt idx="4049">
                  <c:v>0.19087988438959022</c:v>
                </c:pt>
                <c:pt idx="4050">
                  <c:v>0.17869606198174404</c:v>
                </c:pt>
                <c:pt idx="4051">
                  <c:v>0.15026714303010294</c:v>
                </c:pt>
                <c:pt idx="4052">
                  <c:v>0.12589949821441054</c:v>
                </c:pt>
                <c:pt idx="4053">
                  <c:v>0.10965440167061564</c:v>
                </c:pt>
                <c:pt idx="4054">
                  <c:v>0.10965440167061564</c:v>
                </c:pt>
                <c:pt idx="4055">
                  <c:v>0.10965440167061564</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1735766801260584</c:v>
                </c:pt>
                <c:pt idx="4177">
                  <c:v>0.3388878040556379</c:v>
                </c:pt>
                <c:pt idx="4178">
                  <c:v>0.3388878040556379</c:v>
                </c:pt>
                <c:pt idx="4179">
                  <c:v>0.3388878040556379</c:v>
                </c:pt>
                <c:pt idx="4180">
                  <c:v>0.3388878040556379</c:v>
                </c:pt>
                <c:pt idx="4181">
                  <c:v>0.42154336602042763</c:v>
                </c:pt>
                <c:pt idx="4182">
                  <c:v>0.52899559657465423</c:v>
                </c:pt>
                <c:pt idx="4183">
                  <c:v>0.60338560234296501</c:v>
                </c:pt>
                <c:pt idx="4184">
                  <c:v>0.60338560234296501</c:v>
                </c:pt>
                <c:pt idx="4185">
                  <c:v>0.60338560234296501</c:v>
                </c:pt>
                <c:pt idx="4186">
                  <c:v>0.60338560234296501</c:v>
                </c:pt>
                <c:pt idx="4187">
                  <c:v>0.60338560234296501</c:v>
                </c:pt>
                <c:pt idx="4188">
                  <c:v>0.60338560234296501</c:v>
                </c:pt>
                <c:pt idx="4189">
                  <c:v>0.60338560234296501</c:v>
                </c:pt>
                <c:pt idx="4190">
                  <c:v>0.60338560234296501</c:v>
                </c:pt>
                <c:pt idx="4191">
                  <c:v>0.54552670896761213</c:v>
                </c:pt>
                <c:pt idx="4192">
                  <c:v>0.49593337178873836</c:v>
                </c:pt>
                <c:pt idx="4193">
                  <c:v>0.44634003460986454</c:v>
                </c:pt>
                <c:pt idx="4194">
                  <c:v>0.42980892221690659</c:v>
                </c:pt>
                <c:pt idx="4195">
                  <c:v>0.34715336025211679</c:v>
                </c:pt>
                <c:pt idx="4196">
                  <c:v>0.25623224209084811</c:v>
                </c:pt>
                <c:pt idx="4197">
                  <c:v>0.25623224209084811</c:v>
                </c:pt>
                <c:pt idx="4198">
                  <c:v>0.25623224209084811</c:v>
                </c:pt>
                <c:pt idx="4199">
                  <c:v>0.25623224209084811</c:v>
                </c:pt>
                <c:pt idx="4200">
                  <c:v>0.12589949821441054</c:v>
                </c:pt>
                <c:pt idx="4201">
                  <c:v>0.14620586889415418</c:v>
                </c:pt>
                <c:pt idx="4202">
                  <c:v>0.14620586889415418</c:v>
                </c:pt>
                <c:pt idx="4203">
                  <c:v>0.14620586889415418</c:v>
                </c:pt>
                <c:pt idx="4204">
                  <c:v>0.14620586889415418</c:v>
                </c:pt>
                <c:pt idx="4205">
                  <c:v>0.18275733611769276</c:v>
                </c:pt>
                <c:pt idx="4206">
                  <c:v>0.21524752920528256</c:v>
                </c:pt>
                <c:pt idx="4207">
                  <c:v>0.25586027056476984</c:v>
                </c:pt>
                <c:pt idx="4208">
                  <c:v>0.25586027056476984</c:v>
                </c:pt>
                <c:pt idx="4209">
                  <c:v>0.25586027056476984</c:v>
                </c:pt>
                <c:pt idx="4210">
                  <c:v>0.25586027056476984</c:v>
                </c:pt>
                <c:pt idx="4211">
                  <c:v>0.25586027056476984</c:v>
                </c:pt>
                <c:pt idx="4212">
                  <c:v>0.25586027056476984</c:v>
                </c:pt>
                <c:pt idx="4213">
                  <c:v>0.25586027056476984</c:v>
                </c:pt>
                <c:pt idx="4214">
                  <c:v>0.25586027056476984</c:v>
                </c:pt>
                <c:pt idx="4215">
                  <c:v>0.22743135161312875</c:v>
                </c:pt>
                <c:pt idx="4216">
                  <c:v>0.22337007747717999</c:v>
                </c:pt>
                <c:pt idx="4217">
                  <c:v>0.19087988438959022</c:v>
                </c:pt>
                <c:pt idx="4218">
                  <c:v>0.17869606198174404</c:v>
                </c:pt>
                <c:pt idx="4219">
                  <c:v>0.15026714303010294</c:v>
                </c:pt>
                <c:pt idx="4220">
                  <c:v>0.12589949821441054</c:v>
                </c:pt>
                <c:pt idx="4221">
                  <c:v>0.10965440167061564</c:v>
                </c:pt>
                <c:pt idx="4222">
                  <c:v>0.10965440167061564</c:v>
                </c:pt>
                <c:pt idx="4223">
                  <c:v>0.10965440167061564</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8.1085095085525593E-3</c:v>
                </c:pt>
                <c:pt idx="4249">
                  <c:v>8.1085095085525593E-3</c:v>
                </c:pt>
                <c:pt idx="4250">
                  <c:v>8.1085095085525593E-3</c:v>
                </c:pt>
                <c:pt idx="4251">
                  <c:v>8.1085095085525593E-3</c:v>
                </c:pt>
                <c:pt idx="4252">
                  <c:v>8.1085095085525593E-3</c:v>
                </c:pt>
                <c:pt idx="4253">
                  <c:v>8.1085095085525593E-3</c:v>
                </c:pt>
                <c:pt idx="4254">
                  <c:v>8.1085095085525593E-3</c:v>
                </c:pt>
                <c:pt idx="4255">
                  <c:v>2.3357738681088498E-2</c:v>
                </c:pt>
                <c:pt idx="4256">
                  <c:v>2.606231894942506E-2</c:v>
                </c:pt>
                <c:pt idx="4257">
                  <c:v>2.8766899217761627E-2</c:v>
                </c:pt>
                <c:pt idx="4258">
                  <c:v>2.8766899217761627E-2</c:v>
                </c:pt>
                <c:pt idx="4259">
                  <c:v>3.4421930687919891E-2</c:v>
                </c:pt>
                <c:pt idx="4260">
                  <c:v>3.4421930687919891E-2</c:v>
                </c:pt>
                <c:pt idx="4261">
                  <c:v>2.286599681411821E-2</c:v>
                </c:pt>
                <c:pt idx="4262">
                  <c:v>3.4421930687919891E-2</c:v>
                </c:pt>
                <c:pt idx="4263">
                  <c:v>3.4421930687919891E-2</c:v>
                </c:pt>
                <c:pt idx="4264">
                  <c:v>2.8772130514218758E-2</c:v>
                </c:pt>
                <c:pt idx="4265">
                  <c:v>2.2860765517661082E-2</c:v>
                </c:pt>
                <c:pt idx="4266">
                  <c:v>8.1085095085525593E-3</c:v>
                </c:pt>
                <c:pt idx="4267">
                  <c:v>8.1085095085525593E-3</c:v>
                </c:pt>
                <c:pt idx="4268">
                  <c:v>8.1085095085525593E-3</c:v>
                </c:pt>
                <c:pt idx="4269">
                  <c:v>8.1085095085525593E-3</c:v>
                </c:pt>
                <c:pt idx="4270">
                  <c:v>8.1085095085525593E-3</c:v>
                </c:pt>
                <c:pt idx="4271">
                  <c:v>8.1085095085525593E-3</c:v>
                </c:pt>
                <c:pt idx="4272">
                  <c:v>0.24288896161449139</c:v>
                </c:pt>
                <c:pt idx="4273">
                  <c:v>0.24288896161449139</c:v>
                </c:pt>
                <c:pt idx="4274">
                  <c:v>0.24288896161449139</c:v>
                </c:pt>
                <c:pt idx="4275">
                  <c:v>0.24288896161449139</c:v>
                </c:pt>
                <c:pt idx="4276">
                  <c:v>0.24288896161449139</c:v>
                </c:pt>
                <c:pt idx="4277">
                  <c:v>0.24288896161449139</c:v>
                </c:pt>
                <c:pt idx="4278">
                  <c:v>0.24288896161449139</c:v>
                </c:pt>
                <c:pt idx="4279">
                  <c:v>0.66915908924792356</c:v>
                </c:pt>
                <c:pt idx="4280">
                  <c:v>0.74664066800294637</c:v>
                </c:pt>
                <c:pt idx="4281">
                  <c:v>0.82412224675796908</c:v>
                </c:pt>
                <c:pt idx="4282">
                  <c:v>0.82412224675796908</c:v>
                </c:pt>
                <c:pt idx="4283">
                  <c:v>0.98612918415483475</c:v>
                </c:pt>
                <c:pt idx="4284">
                  <c:v>0.98612918415483475</c:v>
                </c:pt>
                <c:pt idx="4285">
                  <c:v>0.65507152947428315</c:v>
                </c:pt>
                <c:pt idx="4286">
                  <c:v>0.98612918415483475</c:v>
                </c:pt>
                <c:pt idx="4287">
                  <c:v>0.98612918415483475</c:v>
                </c:pt>
                <c:pt idx="4288">
                  <c:v>0.82400080227716199</c:v>
                </c:pt>
                <c:pt idx="4289">
                  <c:v>0.65519297395509035</c:v>
                </c:pt>
                <c:pt idx="4290">
                  <c:v>0.24288896161449139</c:v>
                </c:pt>
                <c:pt idx="4291">
                  <c:v>0.24288896161449139</c:v>
                </c:pt>
                <c:pt idx="4292">
                  <c:v>0.24288896161449139</c:v>
                </c:pt>
                <c:pt idx="4293">
                  <c:v>0.24288896161449139</c:v>
                </c:pt>
                <c:pt idx="4294">
                  <c:v>0.24288896161449139</c:v>
                </c:pt>
                <c:pt idx="4295">
                  <c:v>0.24288896161449139</c:v>
                </c:pt>
                <c:pt idx="4296">
                  <c:v>9.6974377072643211E-2</c:v>
                </c:pt>
                <c:pt idx="4297">
                  <c:v>9.6974377072643211E-2</c:v>
                </c:pt>
                <c:pt idx="4298">
                  <c:v>9.6974377072643211E-2</c:v>
                </c:pt>
                <c:pt idx="4299">
                  <c:v>9.6974377072643211E-2</c:v>
                </c:pt>
                <c:pt idx="4300">
                  <c:v>9.6974377072643211E-2</c:v>
                </c:pt>
                <c:pt idx="4301">
                  <c:v>9.6974377072643211E-2</c:v>
                </c:pt>
                <c:pt idx="4302">
                  <c:v>9.6974377072643211E-2</c:v>
                </c:pt>
                <c:pt idx="4303">
                  <c:v>0.26716440883513204</c:v>
                </c:pt>
                <c:pt idx="4304">
                  <c:v>0.29809923512130521</c:v>
                </c:pt>
                <c:pt idx="4305">
                  <c:v>0.32903406140747837</c:v>
                </c:pt>
                <c:pt idx="4306">
                  <c:v>0.32903406140747837</c:v>
                </c:pt>
                <c:pt idx="4307">
                  <c:v>0.39371597091493138</c:v>
                </c:pt>
                <c:pt idx="4308">
                  <c:v>0.39371597091493138</c:v>
                </c:pt>
                <c:pt idx="4309">
                  <c:v>0.2615398949649187</c:v>
                </c:pt>
                <c:pt idx="4310">
                  <c:v>0.39371597091493138</c:v>
                </c:pt>
                <c:pt idx="4311">
                  <c:v>0.39371597091493138</c:v>
                </c:pt>
                <c:pt idx="4312">
                  <c:v>0.32898557421894215</c:v>
                </c:pt>
                <c:pt idx="4313">
                  <c:v>0.26158838215345503</c:v>
                </c:pt>
                <c:pt idx="4314">
                  <c:v>9.6974377072643211E-2</c:v>
                </c:pt>
                <c:pt idx="4315">
                  <c:v>9.6974377072643211E-2</c:v>
                </c:pt>
                <c:pt idx="4316">
                  <c:v>9.6974377072643211E-2</c:v>
                </c:pt>
                <c:pt idx="4317">
                  <c:v>9.6974377072643211E-2</c:v>
                </c:pt>
                <c:pt idx="4318">
                  <c:v>9.6974377072643211E-2</c:v>
                </c:pt>
                <c:pt idx="4319">
                  <c:v>9.6974377072643211E-2</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9.228532302298971E-2</c:v>
                </c:pt>
                <c:pt idx="4345">
                  <c:v>0.18017610685440852</c:v>
                </c:pt>
                <c:pt idx="4346">
                  <c:v>0.18017610685440852</c:v>
                </c:pt>
                <c:pt idx="4347">
                  <c:v>0.18017610685440852</c:v>
                </c:pt>
                <c:pt idx="4348">
                  <c:v>0.18017610685440852</c:v>
                </c:pt>
                <c:pt idx="4349">
                  <c:v>0.22412149877011792</c:v>
                </c:pt>
                <c:pt idx="4350">
                  <c:v>0.28125050826054016</c:v>
                </c:pt>
                <c:pt idx="4351">
                  <c:v>0.3208013609846786</c:v>
                </c:pt>
                <c:pt idx="4352">
                  <c:v>0.3208013609846786</c:v>
                </c:pt>
                <c:pt idx="4353">
                  <c:v>0.3208013609846786</c:v>
                </c:pt>
                <c:pt idx="4354">
                  <c:v>0.3208013609846786</c:v>
                </c:pt>
                <c:pt idx="4355">
                  <c:v>0.3208013609846786</c:v>
                </c:pt>
                <c:pt idx="4356">
                  <c:v>0.3208013609846786</c:v>
                </c:pt>
                <c:pt idx="4357">
                  <c:v>0.3208013609846786</c:v>
                </c:pt>
                <c:pt idx="4358">
                  <c:v>0.3208013609846786</c:v>
                </c:pt>
                <c:pt idx="4359">
                  <c:v>0.29003958664368196</c:v>
                </c:pt>
                <c:pt idx="4360">
                  <c:v>0.26367235149425633</c:v>
                </c:pt>
                <c:pt idx="4361">
                  <c:v>0.2373051163448307</c:v>
                </c:pt>
                <c:pt idx="4362">
                  <c:v>0.22851603796168884</c:v>
                </c:pt>
                <c:pt idx="4363">
                  <c:v>0.18457064604597942</c:v>
                </c:pt>
                <c:pt idx="4364">
                  <c:v>0.13623071493869909</c:v>
                </c:pt>
                <c:pt idx="4365">
                  <c:v>0.13623071493869909</c:v>
                </c:pt>
                <c:pt idx="4366">
                  <c:v>0.13623071493869909</c:v>
                </c:pt>
                <c:pt idx="4367">
                  <c:v>0.13623071493869909</c:v>
                </c:pt>
                <c:pt idx="4368">
                  <c:v>0.11763375794957832</c:v>
                </c:pt>
                <c:pt idx="4369">
                  <c:v>0.13660694471563933</c:v>
                </c:pt>
                <c:pt idx="4370">
                  <c:v>0.13660694471563933</c:v>
                </c:pt>
                <c:pt idx="4371">
                  <c:v>0.13660694471563933</c:v>
                </c:pt>
                <c:pt idx="4372">
                  <c:v>0.13660694471563933</c:v>
                </c:pt>
                <c:pt idx="4373">
                  <c:v>0.17075868089454918</c:v>
                </c:pt>
                <c:pt idx="4374">
                  <c:v>0.2011157797202468</c:v>
                </c:pt>
                <c:pt idx="4375">
                  <c:v>0.23906215325236882</c:v>
                </c:pt>
                <c:pt idx="4376">
                  <c:v>0.23906215325236882</c:v>
                </c:pt>
                <c:pt idx="4377">
                  <c:v>0.23906215325236882</c:v>
                </c:pt>
                <c:pt idx="4378">
                  <c:v>0.23906215325236882</c:v>
                </c:pt>
                <c:pt idx="4379">
                  <c:v>0.23906215325236882</c:v>
                </c:pt>
                <c:pt idx="4380">
                  <c:v>0.23906215325236882</c:v>
                </c:pt>
                <c:pt idx="4381">
                  <c:v>0.23906215325236882</c:v>
                </c:pt>
                <c:pt idx="4382">
                  <c:v>0.23906215325236882</c:v>
                </c:pt>
                <c:pt idx="4383">
                  <c:v>0.2124996917798834</c:v>
                </c:pt>
                <c:pt idx="4384">
                  <c:v>0.20870505442667123</c:v>
                </c:pt>
                <c:pt idx="4385">
                  <c:v>0.17834795560097358</c:v>
                </c:pt>
                <c:pt idx="4386">
                  <c:v>0.16696404354133701</c:v>
                </c:pt>
                <c:pt idx="4387">
                  <c:v>0.14040158206885153</c:v>
                </c:pt>
                <c:pt idx="4388">
                  <c:v>0.11763375794957832</c:v>
                </c:pt>
                <c:pt idx="4389">
                  <c:v>0.10245520853672951</c:v>
                </c:pt>
                <c:pt idx="4390">
                  <c:v>0.10245520853672951</c:v>
                </c:pt>
                <c:pt idx="4391">
                  <c:v>0.10245520853672951</c:v>
                </c:pt>
                <c:pt idx="4392">
                  <c:v>5.7104947955946575E-2</c:v>
                </c:pt>
                <c:pt idx="4393">
                  <c:v>5.7104947955946575E-2</c:v>
                </c:pt>
                <c:pt idx="4394">
                  <c:v>5.7104947955946575E-2</c:v>
                </c:pt>
                <c:pt idx="4395">
                  <c:v>5.7104947955946575E-2</c:v>
                </c:pt>
                <c:pt idx="4396">
                  <c:v>5.7104947955946575E-2</c:v>
                </c:pt>
                <c:pt idx="4397">
                  <c:v>5.7104947955946575E-2</c:v>
                </c:pt>
                <c:pt idx="4398">
                  <c:v>5.7104947955946575E-2</c:v>
                </c:pt>
                <c:pt idx="4399">
                  <c:v>0.2484065236083676</c:v>
                </c:pt>
                <c:pt idx="4400">
                  <c:v>0.27945733905941356</c:v>
                </c:pt>
                <c:pt idx="4401">
                  <c:v>0.31050815451045943</c:v>
                </c:pt>
                <c:pt idx="4402">
                  <c:v>0.31050815451045943</c:v>
                </c:pt>
                <c:pt idx="4403">
                  <c:v>0.37260978541255135</c:v>
                </c:pt>
                <c:pt idx="4404">
                  <c:v>0.37260978541255135</c:v>
                </c:pt>
                <c:pt idx="4405">
                  <c:v>0.2484065236083676</c:v>
                </c:pt>
                <c:pt idx="4406">
                  <c:v>0.37260978541255135</c:v>
                </c:pt>
                <c:pt idx="4407">
                  <c:v>0.37260978541255135</c:v>
                </c:pt>
                <c:pt idx="4408">
                  <c:v>0.31050815451045943</c:v>
                </c:pt>
                <c:pt idx="4409">
                  <c:v>0.2498341473072663</c:v>
                </c:pt>
                <c:pt idx="4410">
                  <c:v>8.9226481181166523E-2</c:v>
                </c:pt>
                <c:pt idx="4411">
                  <c:v>8.9226481181166523E-2</c:v>
                </c:pt>
                <c:pt idx="4412">
                  <c:v>8.9226481181166523E-2</c:v>
                </c:pt>
                <c:pt idx="4413">
                  <c:v>8.9226481181166523E-2</c:v>
                </c:pt>
                <c:pt idx="4414">
                  <c:v>8.9226481181166523E-2</c:v>
                </c:pt>
                <c:pt idx="4415">
                  <c:v>8.9226481181166523E-2</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8.3833793150921675E-3</c:v>
                </c:pt>
                <c:pt idx="4441">
                  <c:v>8.3833793150921675E-3</c:v>
                </c:pt>
                <c:pt idx="4442">
                  <c:v>8.3833793150921675E-3</c:v>
                </c:pt>
                <c:pt idx="4443">
                  <c:v>8.3833793150921675E-3</c:v>
                </c:pt>
                <c:pt idx="4444">
                  <c:v>8.3833793150921675E-3</c:v>
                </c:pt>
                <c:pt idx="4445">
                  <c:v>8.3833793150921675E-3</c:v>
                </c:pt>
                <c:pt idx="4446">
                  <c:v>8.3833793150921675E-3</c:v>
                </c:pt>
                <c:pt idx="4447">
                  <c:v>2.3096210013078919E-2</c:v>
                </c:pt>
                <c:pt idx="4448">
                  <c:v>2.5770508014593321E-2</c:v>
                </c:pt>
                <c:pt idx="4449">
                  <c:v>2.8444806016107726E-2</c:v>
                </c:pt>
                <c:pt idx="4450">
                  <c:v>2.8444806016107726E-2</c:v>
                </c:pt>
                <c:pt idx="4451">
                  <c:v>3.4036520019274194E-2</c:v>
                </c:pt>
                <c:pt idx="4452">
                  <c:v>3.4036520019274194E-2</c:v>
                </c:pt>
                <c:pt idx="4453">
                  <c:v>2.2609974012803576E-2</c:v>
                </c:pt>
                <c:pt idx="4454">
                  <c:v>3.4036520019274194E-2</c:v>
                </c:pt>
                <c:pt idx="4455">
                  <c:v>3.4036520019274194E-2</c:v>
                </c:pt>
                <c:pt idx="4456">
                  <c:v>2.8440614326450182E-2</c:v>
                </c:pt>
                <c:pt idx="4457">
                  <c:v>2.2614165702461123E-2</c:v>
                </c:pt>
                <c:pt idx="4458">
                  <c:v>8.3833793150921675E-3</c:v>
                </c:pt>
                <c:pt idx="4459">
                  <c:v>8.3833793150921675E-3</c:v>
                </c:pt>
                <c:pt idx="4460">
                  <c:v>8.3833793150921675E-3</c:v>
                </c:pt>
                <c:pt idx="4461">
                  <c:v>8.3833793150921675E-3</c:v>
                </c:pt>
                <c:pt idx="4462">
                  <c:v>8.3833793150921675E-3</c:v>
                </c:pt>
                <c:pt idx="4463">
                  <c:v>8.3833793150921675E-3</c:v>
                </c:pt>
                <c:pt idx="4464">
                  <c:v>9.6974377072643211E-2</c:v>
                </c:pt>
                <c:pt idx="4465">
                  <c:v>9.6974377072643211E-2</c:v>
                </c:pt>
                <c:pt idx="4466">
                  <c:v>9.6974377072643211E-2</c:v>
                </c:pt>
                <c:pt idx="4467">
                  <c:v>9.6974377072643211E-2</c:v>
                </c:pt>
                <c:pt idx="4468">
                  <c:v>9.6974377072643211E-2</c:v>
                </c:pt>
                <c:pt idx="4469">
                  <c:v>9.6974377072643211E-2</c:v>
                </c:pt>
                <c:pt idx="4470">
                  <c:v>9.6974377072643211E-2</c:v>
                </c:pt>
                <c:pt idx="4471">
                  <c:v>0.26716440883513204</c:v>
                </c:pt>
                <c:pt idx="4472">
                  <c:v>0.29809923512130521</c:v>
                </c:pt>
                <c:pt idx="4473">
                  <c:v>0.32903406140747837</c:v>
                </c:pt>
                <c:pt idx="4474">
                  <c:v>0.32903406140747837</c:v>
                </c:pt>
                <c:pt idx="4475">
                  <c:v>0.39371597091493138</c:v>
                </c:pt>
                <c:pt idx="4476">
                  <c:v>0.39371597091493138</c:v>
                </c:pt>
                <c:pt idx="4477">
                  <c:v>0.2615398949649187</c:v>
                </c:pt>
                <c:pt idx="4478">
                  <c:v>0.39371597091493138</c:v>
                </c:pt>
                <c:pt idx="4479">
                  <c:v>0.39371597091493138</c:v>
                </c:pt>
                <c:pt idx="4480">
                  <c:v>0.32898557421894215</c:v>
                </c:pt>
                <c:pt idx="4481">
                  <c:v>0.26158838215345503</c:v>
                </c:pt>
                <c:pt idx="4482">
                  <c:v>9.6974377072643211E-2</c:v>
                </c:pt>
                <c:pt idx="4483">
                  <c:v>9.6974377072643211E-2</c:v>
                </c:pt>
                <c:pt idx="4484">
                  <c:v>9.6974377072643211E-2</c:v>
                </c:pt>
                <c:pt idx="4485">
                  <c:v>9.6974377072643211E-2</c:v>
                </c:pt>
                <c:pt idx="4486">
                  <c:v>9.6974377072643211E-2</c:v>
                </c:pt>
                <c:pt idx="4487">
                  <c:v>9.6974377072643211E-2</c:v>
                </c:pt>
                <c:pt idx="4488">
                  <c:v>4.3300942809023295E-2</c:v>
                </c:pt>
                <c:pt idx="4489">
                  <c:v>4.3300942809023295E-2</c:v>
                </c:pt>
                <c:pt idx="4490">
                  <c:v>4.3300942809023295E-2</c:v>
                </c:pt>
                <c:pt idx="4491">
                  <c:v>4.3300942809023295E-2</c:v>
                </c:pt>
                <c:pt idx="4492">
                  <c:v>4.3300942809023295E-2</c:v>
                </c:pt>
                <c:pt idx="4493">
                  <c:v>4.3300942809023295E-2</c:v>
                </c:pt>
                <c:pt idx="4494">
                  <c:v>4.3300942809023295E-2</c:v>
                </c:pt>
                <c:pt idx="4495">
                  <c:v>0.11733158696638571</c:v>
                </c:pt>
                <c:pt idx="4496">
                  <c:v>0.14666448370798213</c:v>
                </c:pt>
                <c:pt idx="4497">
                  <c:v>0.16133093207878035</c:v>
                </c:pt>
                <c:pt idx="4498">
                  <c:v>0.16133093207878035</c:v>
                </c:pt>
                <c:pt idx="4499">
                  <c:v>0.19066382882037677</c:v>
                </c:pt>
                <c:pt idx="4500">
                  <c:v>0.19066382882037677</c:v>
                </c:pt>
                <c:pt idx="4501">
                  <c:v>0.13199803533718393</c:v>
                </c:pt>
                <c:pt idx="4502">
                  <c:v>0.19066382882037677</c:v>
                </c:pt>
                <c:pt idx="4503">
                  <c:v>0.16133093207878035</c:v>
                </c:pt>
                <c:pt idx="4504">
                  <c:v>0.13968046067426873</c:v>
                </c:pt>
                <c:pt idx="4505">
                  <c:v>0.11733158696638571</c:v>
                </c:pt>
                <c:pt idx="4506">
                  <c:v>4.3300942809023295E-2</c:v>
                </c:pt>
                <c:pt idx="4507">
                  <c:v>4.3300942809023295E-2</c:v>
                </c:pt>
                <c:pt idx="4508">
                  <c:v>4.3300942809023295E-2</c:v>
                </c:pt>
                <c:pt idx="4509">
                  <c:v>4.3300942809023295E-2</c:v>
                </c:pt>
                <c:pt idx="4510">
                  <c:v>4.3300942809023295E-2</c:v>
                </c:pt>
                <c:pt idx="4511">
                  <c:v>4.3300942809023295E-2</c:v>
                </c:pt>
                <c:pt idx="4512">
                  <c:v>3.0700961581270975E-2</c:v>
                </c:pt>
                <c:pt idx="4513">
                  <c:v>5.9939972611052869E-2</c:v>
                </c:pt>
                <c:pt idx="4514">
                  <c:v>5.9939972611052869E-2</c:v>
                </c:pt>
                <c:pt idx="4515">
                  <c:v>5.9939972611052869E-2</c:v>
                </c:pt>
                <c:pt idx="4516">
                  <c:v>5.9939972611052869E-2</c:v>
                </c:pt>
                <c:pt idx="4517">
                  <c:v>7.4559478125943796E-2</c:v>
                </c:pt>
                <c:pt idx="4518">
                  <c:v>9.3564835295302018E-2</c:v>
                </c:pt>
                <c:pt idx="4519">
                  <c:v>0.10672239025870386</c:v>
                </c:pt>
                <c:pt idx="4520">
                  <c:v>0.10672239025870386</c:v>
                </c:pt>
                <c:pt idx="4521">
                  <c:v>0.10672239025870386</c:v>
                </c:pt>
                <c:pt idx="4522">
                  <c:v>0.10672239025870386</c:v>
                </c:pt>
                <c:pt idx="4523">
                  <c:v>0.10672239025870386</c:v>
                </c:pt>
                <c:pt idx="4524">
                  <c:v>0.10672239025870386</c:v>
                </c:pt>
                <c:pt idx="4525">
                  <c:v>0.10672239025870386</c:v>
                </c:pt>
                <c:pt idx="4526">
                  <c:v>0.10672239025870386</c:v>
                </c:pt>
                <c:pt idx="4527">
                  <c:v>9.6488736398280206E-2</c:v>
                </c:pt>
                <c:pt idx="4528">
                  <c:v>8.7717033089345656E-2</c:v>
                </c:pt>
                <c:pt idx="4529">
                  <c:v>7.8945329780411078E-2</c:v>
                </c:pt>
                <c:pt idx="4530">
                  <c:v>7.602142867743289E-2</c:v>
                </c:pt>
                <c:pt idx="4531">
                  <c:v>6.1401923162541949E-2</c:v>
                </c:pt>
                <c:pt idx="4532">
                  <c:v>4.5320467096161915E-2</c:v>
                </c:pt>
                <c:pt idx="4533">
                  <c:v>4.5320467096161915E-2</c:v>
                </c:pt>
                <c:pt idx="4534">
                  <c:v>4.5320467096161915E-2</c:v>
                </c:pt>
                <c:pt idx="4535">
                  <c:v>4.5320467096161915E-2</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1.8151454633117993E-2</c:v>
                </c:pt>
                <c:pt idx="4825">
                  <c:v>1.8151454633117993E-2</c:v>
                </c:pt>
                <c:pt idx="4826">
                  <c:v>1.8151454633117993E-2</c:v>
                </c:pt>
                <c:pt idx="4827">
                  <c:v>1.8151454633117993E-2</c:v>
                </c:pt>
                <c:pt idx="4828">
                  <c:v>1.8151454633117993E-2</c:v>
                </c:pt>
                <c:pt idx="4829">
                  <c:v>1.8151454633117993E-2</c:v>
                </c:pt>
                <c:pt idx="4830">
                  <c:v>1.8151454633117993E-2</c:v>
                </c:pt>
                <c:pt idx="4831">
                  <c:v>4.9184586747803599E-2</c:v>
                </c:pt>
                <c:pt idx="4832">
                  <c:v>6.1480733434754499E-2</c:v>
                </c:pt>
                <c:pt idx="4833">
                  <c:v>6.7628806778229952E-2</c:v>
                </c:pt>
                <c:pt idx="4834">
                  <c:v>6.7628806778229952E-2</c:v>
                </c:pt>
                <c:pt idx="4835">
                  <c:v>7.9924953465180831E-2</c:v>
                </c:pt>
                <c:pt idx="4836">
                  <c:v>7.9924953465180831E-2</c:v>
                </c:pt>
                <c:pt idx="4837">
                  <c:v>5.5332660091279053E-2</c:v>
                </c:pt>
                <c:pt idx="4838">
                  <c:v>7.9924953465180831E-2</c:v>
                </c:pt>
                <c:pt idx="4839">
                  <c:v>6.7628806778229952E-2</c:v>
                </c:pt>
                <c:pt idx="4840">
                  <c:v>5.8553079461670945E-2</c:v>
                </c:pt>
                <c:pt idx="4841">
                  <c:v>4.9184586747803599E-2</c:v>
                </c:pt>
                <c:pt idx="4842">
                  <c:v>1.8151454633117993E-2</c:v>
                </c:pt>
                <c:pt idx="4843">
                  <c:v>1.8151454633117993E-2</c:v>
                </c:pt>
                <c:pt idx="4844">
                  <c:v>1.8151454633117993E-2</c:v>
                </c:pt>
                <c:pt idx="4845">
                  <c:v>1.8151454633117993E-2</c:v>
                </c:pt>
                <c:pt idx="4846">
                  <c:v>1.8151454633117993E-2</c:v>
                </c:pt>
                <c:pt idx="4847">
                  <c:v>1.8151454633117993E-2</c:v>
                </c:pt>
                <c:pt idx="4848">
                  <c:v>3.8091084954277203E-2</c:v>
                </c:pt>
                <c:pt idx="4849">
                  <c:v>7.4368308720255516E-2</c:v>
                </c:pt>
                <c:pt idx="4850">
                  <c:v>7.4368308720255516E-2</c:v>
                </c:pt>
                <c:pt idx="4851">
                  <c:v>7.4368308720255516E-2</c:v>
                </c:pt>
                <c:pt idx="4852">
                  <c:v>7.4368308720255516E-2</c:v>
                </c:pt>
                <c:pt idx="4853">
                  <c:v>9.2506920603244669E-2</c:v>
                </c:pt>
                <c:pt idx="4854">
                  <c:v>0.11608711605113055</c:v>
                </c:pt>
                <c:pt idx="4855">
                  <c:v>0.13241186674582078</c:v>
                </c:pt>
                <c:pt idx="4856">
                  <c:v>0.13241186674582078</c:v>
                </c:pt>
                <c:pt idx="4857">
                  <c:v>0.13241186674582078</c:v>
                </c:pt>
                <c:pt idx="4858">
                  <c:v>0.13241186674582078</c:v>
                </c:pt>
                <c:pt idx="4859">
                  <c:v>0.13241186674582078</c:v>
                </c:pt>
                <c:pt idx="4860">
                  <c:v>0.13241186674582078</c:v>
                </c:pt>
                <c:pt idx="4861">
                  <c:v>0.13241186674582078</c:v>
                </c:pt>
                <c:pt idx="4862">
                  <c:v>0.13241186674582078</c:v>
                </c:pt>
                <c:pt idx="4863">
                  <c:v>0.11971483842772836</c:v>
                </c:pt>
                <c:pt idx="4864">
                  <c:v>0.10883167129793489</c:v>
                </c:pt>
                <c:pt idx="4865">
                  <c:v>9.7948504168141395E-2</c:v>
                </c:pt>
                <c:pt idx="4866">
                  <c:v>9.4320781791543559E-2</c:v>
                </c:pt>
                <c:pt idx="4867">
                  <c:v>7.6182169908554406E-2</c:v>
                </c:pt>
                <c:pt idx="4868">
                  <c:v>5.6229696837266356E-2</c:v>
                </c:pt>
                <c:pt idx="4869">
                  <c:v>5.6229696837266356E-2</c:v>
                </c:pt>
                <c:pt idx="4870">
                  <c:v>5.6229696837266356E-2</c:v>
                </c:pt>
                <c:pt idx="4871">
                  <c:v>5.6229696837266356E-2</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9.8835204432647414E-2</c:v>
                </c:pt>
                <c:pt idx="4921">
                  <c:v>9.8835204432647414E-2</c:v>
                </c:pt>
                <c:pt idx="4922">
                  <c:v>9.8835204432647414E-2</c:v>
                </c:pt>
                <c:pt idx="4923">
                  <c:v>9.8835204432647414E-2</c:v>
                </c:pt>
                <c:pt idx="4924">
                  <c:v>9.8835204432647414E-2</c:v>
                </c:pt>
                <c:pt idx="4925">
                  <c:v>9.8835204432647414E-2</c:v>
                </c:pt>
                <c:pt idx="4926">
                  <c:v>9.8835204432647414E-2</c:v>
                </c:pt>
                <c:pt idx="4927">
                  <c:v>0.28470915341404551</c:v>
                </c:pt>
                <c:pt idx="4928">
                  <c:v>0.31767547644093502</c:v>
                </c:pt>
                <c:pt idx="4929">
                  <c:v>0.35064179946782453</c:v>
                </c:pt>
                <c:pt idx="4930">
                  <c:v>0.35064179946782453</c:v>
                </c:pt>
                <c:pt idx="4931">
                  <c:v>0.4195713839785935</c:v>
                </c:pt>
                <c:pt idx="4932">
                  <c:v>0.4195713839785935</c:v>
                </c:pt>
                <c:pt idx="4933">
                  <c:v>0.27871527650006561</c:v>
                </c:pt>
                <c:pt idx="4934">
                  <c:v>0.4195713839785935</c:v>
                </c:pt>
                <c:pt idx="4935">
                  <c:v>0.4195713839785935</c:v>
                </c:pt>
                <c:pt idx="4936">
                  <c:v>0.35070556411584558</c:v>
                </c:pt>
                <c:pt idx="4937">
                  <c:v>0.27865151185204462</c:v>
                </c:pt>
                <c:pt idx="4938">
                  <c:v>9.8835204432647414E-2</c:v>
                </c:pt>
                <c:pt idx="4939">
                  <c:v>9.8835204432647414E-2</c:v>
                </c:pt>
                <c:pt idx="4940">
                  <c:v>9.8835204432647414E-2</c:v>
                </c:pt>
                <c:pt idx="4941">
                  <c:v>9.8835204432647414E-2</c:v>
                </c:pt>
                <c:pt idx="4942">
                  <c:v>9.8835204432647414E-2</c:v>
                </c:pt>
                <c:pt idx="4943">
                  <c:v>9.8835204432647414E-2</c:v>
                </c:pt>
                <c:pt idx="4944">
                  <c:v>0.24288896161449139</c:v>
                </c:pt>
                <c:pt idx="4945">
                  <c:v>0.24288896161449139</c:v>
                </c:pt>
                <c:pt idx="4946">
                  <c:v>0.24288896161449139</c:v>
                </c:pt>
                <c:pt idx="4947">
                  <c:v>0.24288896161449139</c:v>
                </c:pt>
                <c:pt idx="4948">
                  <c:v>0.24288896161449139</c:v>
                </c:pt>
                <c:pt idx="4949">
                  <c:v>0.24288896161449139</c:v>
                </c:pt>
                <c:pt idx="4950">
                  <c:v>0.24288896161449139</c:v>
                </c:pt>
                <c:pt idx="4951">
                  <c:v>0.66915908924792356</c:v>
                </c:pt>
                <c:pt idx="4952">
                  <c:v>0.74664066800294637</c:v>
                </c:pt>
                <c:pt idx="4953">
                  <c:v>0.82412224675796908</c:v>
                </c:pt>
                <c:pt idx="4954">
                  <c:v>0.82412224675796908</c:v>
                </c:pt>
                <c:pt idx="4955">
                  <c:v>0.98612918415483475</c:v>
                </c:pt>
                <c:pt idx="4956">
                  <c:v>0.98612918415483475</c:v>
                </c:pt>
                <c:pt idx="4957">
                  <c:v>0.65507152947428315</c:v>
                </c:pt>
                <c:pt idx="4958">
                  <c:v>0.98612918415483475</c:v>
                </c:pt>
                <c:pt idx="4959">
                  <c:v>0.98612918415483475</c:v>
                </c:pt>
                <c:pt idx="4960">
                  <c:v>0.82400080227716199</c:v>
                </c:pt>
                <c:pt idx="4961">
                  <c:v>0.65519297395509035</c:v>
                </c:pt>
                <c:pt idx="4962">
                  <c:v>0.24288896161449139</c:v>
                </c:pt>
                <c:pt idx="4963">
                  <c:v>0.24288896161449139</c:v>
                </c:pt>
                <c:pt idx="4964">
                  <c:v>0.24288896161449139</c:v>
                </c:pt>
                <c:pt idx="4965">
                  <c:v>0.24288896161449139</c:v>
                </c:pt>
                <c:pt idx="4966">
                  <c:v>0.24288896161449139</c:v>
                </c:pt>
                <c:pt idx="4967">
                  <c:v>0.24288896161449139</c:v>
                </c:pt>
                <c:pt idx="4968">
                  <c:v>0.20119908031682054</c:v>
                </c:pt>
                <c:pt idx="4969">
                  <c:v>0.20119908031682054</c:v>
                </c:pt>
                <c:pt idx="4970">
                  <c:v>0.20119908031682054</c:v>
                </c:pt>
                <c:pt idx="4971">
                  <c:v>0.20119908031682054</c:v>
                </c:pt>
                <c:pt idx="4972">
                  <c:v>0.20119908031682054</c:v>
                </c:pt>
                <c:pt idx="4973">
                  <c:v>0.20119908031682054</c:v>
                </c:pt>
                <c:pt idx="4974">
                  <c:v>0.20119908031682054</c:v>
                </c:pt>
                <c:pt idx="4975">
                  <c:v>0.55430346627284055</c:v>
                </c:pt>
                <c:pt idx="4976">
                  <c:v>0.61848597289390639</c:v>
                </c:pt>
                <c:pt idx="4977">
                  <c:v>0.682668479514972</c:v>
                </c:pt>
                <c:pt idx="4978">
                  <c:v>0.682668479514972</c:v>
                </c:pt>
                <c:pt idx="4979">
                  <c:v>0.81686826608629126</c:v>
                </c:pt>
                <c:pt idx="4980">
                  <c:v>0.81686826608629126</c:v>
                </c:pt>
                <c:pt idx="4981">
                  <c:v>0.54263391961446494</c:v>
                </c:pt>
                <c:pt idx="4982">
                  <c:v>0.81686826608629126</c:v>
                </c:pt>
                <c:pt idx="4983">
                  <c:v>0.81686826608629126</c:v>
                </c:pt>
                <c:pt idx="4984">
                  <c:v>0.68256787997481372</c:v>
                </c:pt>
                <c:pt idx="4985">
                  <c:v>0.54273451915462334</c:v>
                </c:pt>
                <c:pt idx="4986">
                  <c:v>0.20119908031682054</c:v>
                </c:pt>
                <c:pt idx="4987">
                  <c:v>0.20119908031682054</c:v>
                </c:pt>
                <c:pt idx="4988">
                  <c:v>0.20119908031682054</c:v>
                </c:pt>
                <c:pt idx="4989">
                  <c:v>0.20119908031682054</c:v>
                </c:pt>
                <c:pt idx="4990">
                  <c:v>0.20119908031682054</c:v>
                </c:pt>
                <c:pt idx="4991">
                  <c:v>0.20119908031682054</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7.2172186493001847E-2</c:v>
                </c:pt>
                <c:pt idx="5041">
                  <c:v>8.38128617338086E-2</c:v>
                </c:pt>
                <c:pt idx="5042">
                  <c:v>8.38128617338086E-2</c:v>
                </c:pt>
                <c:pt idx="5043">
                  <c:v>8.38128617338086E-2</c:v>
                </c:pt>
                <c:pt idx="5044">
                  <c:v>8.38128617338086E-2</c:v>
                </c:pt>
                <c:pt idx="5045">
                  <c:v>0.10476607716726075</c:v>
                </c:pt>
                <c:pt idx="5046">
                  <c:v>0.12339115755255155</c:v>
                </c:pt>
                <c:pt idx="5047">
                  <c:v>0.14667250803416504</c:v>
                </c:pt>
                <c:pt idx="5048">
                  <c:v>0.14667250803416504</c:v>
                </c:pt>
                <c:pt idx="5049">
                  <c:v>0.14667250803416504</c:v>
                </c:pt>
                <c:pt idx="5050">
                  <c:v>0.14667250803416504</c:v>
                </c:pt>
                <c:pt idx="5051">
                  <c:v>0.14667250803416504</c:v>
                </c:pt>
                <c:pt idx="5052">
                  <c:v>0.14667250803416504</c:v>
                </c:pt>
                <c:pt idx="5053">
                  <c:v>0.14667250803416504</c:v>
                </c:pt>
                <c:pt idx="5054">
                  <c:v>0.14667250803416504</c:v>
                </c:pt>
                <c:pt idx="5055">
                  <c:v>0.1303755626970356</c:v>
                </c:pt>
                <c:pt idx="5056">
                  <c:v>0.12804742764887425</c:v>
                </c:pt>
                <c:pt idx="5057">
                  <c:v>0.10942234726358345</c:v>
                </c:pt>
                <c:pt idx="5058">
                  <c:v>0.1024379421190994</c:v>
                </c:pt>
                <c:pt idx="5059">
                  <c:v>8.6140996781969958E-2</c:v>
                </c:pt>
                <c:pt idx="5060">
                  <c:v>7.2172186493001847E-2</c:v>
                </c:pt>
                <c:pt idx="5061">
                  <c:v>6.2859646300356453E-2</c:v>
                </c:pt>
                <c:pt idx="5062">
                  <c:v>6.2859646300356453E-2</c:v>
                </c:pt>
                <c:pt idx="5063">
                  <c:v>6.2859646300356453E-2</c:v>
                </c:pt>
                <c:pt idx="5064">
                  <c:v>2.9598927681680376E-2</c:v>
                </c:pt>
                <c:pt idx="5065">
                  <c:v>2.9598927681680376E-2</c:v>
                </c:pt>
                <c:pt idx="5066">
                  <c:v>2.9598927681680376E-2</c:v>
                </c:pt>
                <c:pt idx="5067">
                  <c:v>2.9598927681680376E-2</c:v>
                </c:pt>
                <c:pt idx="5068">
                  <c:v>2.9598927681680376E-2</c:v>
                </c:pt>
                <c:pt idx="5069">
                  <c:v>2.9598927681680376E-2</c:v>
                </c:pt>
                <c:pt idx="5070">
                  <c:v>2.9598927681680376E-2</c:v>
                </c:pt>
                <c:pt idx="5071">
                  <c:v>0.12875533541530965</c:v>
                </c:pt>
                <c:pt idx="5072">
                  <c:v>0.14484975234222333</c:v>
                </c:pt>
                <c:pt idx="5073">
                  <c:v>0.16094416926913702</c:v>
                </c:pt>
                <c:pt idx="5074">
                  <c:v>0.16094416926913702</c:v>
                </c:pt>
                <c:pt idx="5075">
                  <c:v>0.19313300312296441</c:v>
                </c:pt>
                <c:pt idx="5076">
                  <c:v>0.19313300312296441</c:v>
                </c:pt>
                <c:pt idx="5077">
                  <c:v>0.12875533541530965</c:v>
                </c:pt>
                <c:pt idx="5078">
                  <c:v>0.19313300312296441</c:v>
                </c:pt>
                <c:pt idx="5079">
                  <c:v>0.19313300312296441</c:v>
                </c:pt>
                <c:pt idx="5080">
                  <c:v>0.16094416926913702</c:v>
                </c:pt>
                <c:pt idx="5081">
                  <c:v>0.12949530860735164</c:v>
                </c:pt>
                <c:pt idx="5082">
                  <c:v>4.6248324502625587E-2</c:v>
                </c:pt>
                <c:pt idx="5083">
                  <c:v>4.6248324502625587E-2</c:v>
                </c:pt>
                <c:pt idx="5084">
                  <c:v>4.6248324502625587E-2</c:v>
                </c:pt>
                <c:pt idx="5085">
                  <c:v>4.6248324502625587E-2</c:v>
                </c:pt>
                <c:pt idx="5086">
                  <c:v>4.6248324502625587E-2</c:v>
                </c:pt>
                <c:pt idx="5087">
                  <c:v>4.6248324502625587E-2</c:v>
                </c:pt>
                <c:pt idx="5088">
                  <c:v>0.1139563202533298</c:v>
                </c:pt>
                <c:pt idx="5089">
                  <c:v>0.1139563202533298</c:v>
                </c:pt>
                <c:pt idx="5090">
                  <c:v>0.1139563202533298</c:v>
                </c:pt>
                <c:pt idx="5091">
                  <c:v>0.1139563202533298</c:v>
                </c:pt>
                <c:pt idx="5092">
                  <c:v>0.1139563202533298</c:v>
                </c:pt>
                <c:pt idx="5093">
                  <c:v>0.1139563202533298</c:v>
                </c:pt>
                <c:pt idx="5094">
                  <c:v>0.1139563202533298</c:v>
                </c:pt>
                <c:pt idx="5095">
                  <c:v>0.32826772253620484</c:v>
                </c:pt>
                <c:pt idx="5096">
                  <c:v>0.36627766935618644</c:v>
                </c:pt>
                <c:pt idx="5097">
                  <c:v>0.40428761617616804</c:v>
                </c:pt>
                <c:pt idx="5098">
                  <c:v>0.40428761617616804</c:v>
                </c:pt>
                <c:pt idx="5099">
                  <c:v>0.48376295952703879</c:v>
                </c:pt>
                <c:pt idx="5100">
                  <c:v>0.48376295952703879</c:v>
                </c:pt>
                <c:pt idx="5101">
                  <c:v>0.32135682311438996</c:v>
                </c:pt>
                <c:pt idx="5102">
                  <c:v>0.48376295952703879</c:v>
                </c:pt>
                <c:pt idx="5103">
                  <c:v>0.48376295952703879</c:v>
                </c:pt>
                <c:pt idx="5104">
                  <c:v>0.40436113638278309</c:v>
                </c:pt>
                <c:pt idx="5105">
                  <c:v>0.32128330290777496</c:v>
                </c:pt>
                <c:pt idx="5106">
                  <c:v>0.1139563202533298</c:v>
                </c:pt>
                <c:pt idx="5107">
                  <c:v>0.1139563202533298</c:v>
                </c:pt>
                <c:pt idx="5108">
                  <c:v>0.1139563202533298</c:v>
                </c:pt>
                <c:pt idx="5109">
                  <c:v>0.1139563202533298</c:v>
                </c:pt>
                <c:pt idx="5110">
                  <c:v>0.1139563202533298</c:v>
                </c:pt>
                <c:pt idx="5111">
                  <c:v>0.1139563202533298</c:v>
                </c:pt>
                <c:pt idx="5112">
                  <c:v>6.0495730937180914E-2</c:v>
                </c:pt>
                <c:pt idx="5113">
                  <c:v>6.0495730937180914E-2</c:v>
                </c:pt>
                <c:pt idx="5114">
                  <c:v>6.0495730937180914E-2</c:v>
                </c:pt>
                <c:pt idx="5115">
                  <c:v>6.0495730937180914E-2</c:v>
                </c:pt>
                <c:pt idx="5116">
                  <c:v>6.0495730937180914E-2</c:v>
                </c:pt>
                <c:pt idx="5117">
                  <c:v>6.0495730937180914E-2</c:v>
                </c:pt>
                <c:pt idx="5118">
                  <c:v>6.0495730937180914E-2</c:v>
                </c:pt>
                <c:pt idx="5119">
                  <c:v>0.16666573873193338</c:v>
                </c:pt>
                <c:pt idx="5120">
                  <c:v>0.18596387690089408</c:v>
                </c:pt>
                <c:pt idx="5121">
                  <c:v>0.20526201506985478</c:v>
                </c:pt>
                <c:pt idx="5122">
                  <c:v>0.20526201506985478</c:v>
                </c:pt>
                <c:pt idx="5123">
                  <c:v>0.24561266760495445</c:v>
                </c:pt>
                <c:pt idx="5124">
                  <c:v>0.24561266760495445</c:v>
                </c:pt>
                <c:pt idx="5125">
                  <c:v>0.16315698633757691</c:v>
                </c:pt>
                <c:pt idx="5126">
                  <c:v>0.24561266760495445</c:v>
                </c:pt>
                <c:pt idx="5127">
                  <c:v>0.24561266760495445</c:v>
                </c:pt>
                <c:pt idx="5128">
                  <c:v>0.20523176720438624</c:v>
                </c:pt>
                <c:pt idx="5129">
                  <c:v>0.16318723420304546</c:v>
                </c:pt>
                <c:pt idx="5130">
                  <c:v>6.0495730937180914E-2</c:v>
                </c:pt>
                <c:pt idx="5131">
                  <c:v>6.0495730937180914E-2</c:v>
                </c:pt>
                <c:pt idx="5132">
                  <c:v>6.0495730937180914E-2</c:v>
                </c:pt>
                <c:pt idx="5133">
                  <c:v>6.0495730937180914E-2</c:v>
                </c:pt>
                <c:pt idx="5134">
                  <c:v>6.0495730937180914E-2</c:v>
                </c:pt>
                <c:pt idx="5135">
                  <c:v>6.0495730937180914E-2</c:v>
                </c:pt>
                <c:pt idx="5136">
                  <c:v>6.5706966099389946E-2</c:v>
                </c:pt>
                <c:pt idx="5137">
                  <c:v>6.5706966099389946E-2</c:v>
                </c:pt>
                <c:pt idx="5138">
                  <c:v>6.5706966099389946E-2</c:v>
                </c:pt>
                <c:pt idx="5139">
                  <c:v>6.5706966099389946E-2</c:v>
                </c:pt>
                <c:pt idx="5140">
                  <c:v>6.5706966099389946E-2</c:v>
                </c:pt>
                <c:pt idx="5141">
                  <c:v>6.5706966099389946E-2</c:v>
                </c:pt>
                <c:pt idx="5142">
                  <c:v>6.5706966099389946E-2</c:v>
                </c:pt>
                <c:pt idx="5143">
                  <c:v>0.18102269160381929</c:v>
                </c:pt>
                <c:pt idx="5144">
                  <c:v>0.20198321378952466</c:v>
                </c:pt>
                <c:pt idx="5145">
                  <c:v>0.22294373597523004</c:v>
                </c:pt>
                <c:pt idx="5146">
                  <c:v>0.22294373597523004</c:v>
                </c:pt>
                <c:pt idx="5147">
                  <c:v>0.26677028236352307</c:v>
                </c:pt>
                <c:pt idx="5148">
                  <c:v>0.26677028236352307</c:v>
                </c:pt>
                <c:pt idx="5149">
                  <c:v>0.17721168757005465</c:v>
                </c:pt>
                <c:pt idx="5150">
                  <c:v>0.26677028236352307</c:v>
                </c:pt>
                <c:pt idx="5151">
                  <c:v>0.26677028236352307</c:v>
                </c:pt>
                <c:pt idx="5152">
                  <c:v>0.22291088249218038</c:v>
                </c:pt>
                <c:pt idx="5153">
                  <c:v>0.17724454105310436</c:v>
                </c:pt>
                <c:pt idx="5154">
                  <c:v>6.5706966099389946E-2</c:v>
                </c:pt>
                <c:pt idx="5155">
                  <c:v>6.5706966099389946E-2</c:v>
                </c:pt>
                <c:pt idx="5156">
                  <c:v>6.5706966099389946E-2</c:v>
                </c:pt>
                <c:pt idx="5157">
                  <c:v>6.5706966099389946E-2</c:v>
                </c:pt>
                <c:pt idx="5158">
                  <c:v>6.5706966099389946E-2</c:v>
                </c:pt>
                <c:pt idx="5159">
                  <c:v>6.5706966099389946E-2</c:v>
                </c:pt>
                <c:pt idx="5160">
                  <c:v>0.23443705294590436</c:v>
                </c:pt>
                <c:pt idx="5161">
                  <c:v>0.23443705294590436</c:v>
                </c:pt>
                <c:pt idx="5162">
                  <c:v>0.23443705294590436</c:v>
                </c:pt>
                <c:pt idx="5163">
                  <c:v>0.23443705294590436</c:v>
                </c:pt>
                <c:pt idx="5164">
                  <c:v>0.23443705294590436</c:v>
                </c:pt>
                <c:pt idx="5165">
                  <c:v>0.23443705294590436</c:v>
                </c:pt>
                <c:pt idx="5166">
                  <c:v>0.23443705294590436</c:v>
                </c:pt>
                <c:pt idx="5167">
                  <c:v>0.6352487886276118</c:v>
                </c:pt>
                <c:pt idx="5168">
                  <c:v>0.79406098578451456</c:v>
                </c:pt>
                <c:pt idx="5169">
                  <c:v>0.87346708436296616</c:v>
                </c:pt>
                <c:pt idx="5170">
                  <c:v>0.87346708436296616</c:v>
                </c:pt>
                <c:pt idx="5171">
                  <c:v>1.0322792815198691</c:v>
                </c:pt>
                <c:pt idx="5172">
                  <c:v>1.0322792815198691</c:v>
                </c:pt>
                <c:pt idx="5173">
                  <c:v>0.71465488720606329</c:v>
                </c:pt>
                <c:pt idx="5174">
                  <c:v>1.0322792815198691</c:v>
                </c:pt>
                <c:pt idx="5175">
                  <c:v>0.87346708436296616</c:v>
                </c:pt>
                <c:pt idx="5176">
                  <c:v>0.75624855789001399</c:v>
                </c:pt>
                <c:pt idx="5177">
                  <c:v>0.6352487886276118</c:v>
                </c:pt>
                <c:pt idx="5178">
                  <c:v>0.23443705294590436</c:v>
                </c:pt>
                <c:pt idx="5179">
                  <c:v>0.23443705294590436</c:v>
                </c:pt>
                <c:pt idx="5180">
                  <c:v>0.23443705294590436</c:v>
                </c:pt>
                <c:pt idx="5181">
                  <c:v>0.23443705294590436</c:v>
                </c:pt>
                <c:pt idx="5182">
                  <c:v>0.23443705294590436</c:v>
                </c:pt>
                <c:pt idx="5183">
                  <c:v>0.23443705294590436</c:v>
                </c:pt>
                <c:pt idx="5184">
                  <c:v>0.17111330566838967</c:v>
                </c:pt>
                <c:pt idx="5185">
                  <c:v>0.33407835868590369</c:v>
                </c:pt>
                <c:pt idx="5186">
                  <c:v>0.33407835868590369</c:v>
                </c:pt>
                <c:pt idx="5187">
                  <c:v>0.33407835868590369</c:v>
                </c:pt>
                <c:pt idx="5188">
                  <c:v>0.33407835868590369</c:v>
                </c:pt>
                <c:pt idx="5189">
                  <c:v>0.41556088519466067</c:v>
                </c:pt>
                <c:pt idx="5190">
                  <c:v>0.52148816965604483</c:v>
                </c:pt>
                <c:pt idx="5191">
                  <c:v>0.59482244351392599</c:v>
                </c:pt>
                <c:pt idx="5192">
                  <c:v>0.59482244351392599</c:v>
                </c:pt>
                <c:pt idx="5193">
                  <c:v>0.59482244351392599</c:v>
                </c:pt>
                <c:pt idx="5194">
                  <c:v>0.59482244351392599</c:v>
                </c:pt>
                <c:pt idx="5195">
                  <c:v>0.59482244351392599</c:v>
                </c:pt>
                <c:pt idx="5196">
                  <c:v>0.59482244351392599</c:v>
                </c:pt>
                <c:pt idx="5197">
                  <c:v>0.59482244351392599</c:v>
                </c:pt>
                <c:pt idx="5198">
                  <c:v>0.59482244351392599</c:v>
                </c:pt>
                <c:pt idx="5199">
                  <c:v>0.53778467495779614</c:v>
                </c:pt>
                <c:pt idx="5200">
                  <c:v>0.48889515905254188</c:v>
                </c:pt>
                <c:pt idx="5201">
                  <c:v>0.44000564314728774</c:v>
                </c:pt>
                <c:pt idx="5202">
                  <c:v>0.42370913784553638</c:v>
                </c:pt>
                <c:pt idx="5203">
                  <c:v>0.34222661133677934</c:v>
                </c:pt>
                <c:pt idx="5204">
                  <c:v>0.25259583217714671</c:v>
                </c:pt>
                <c:pt idx="5205">
                  <c:v>0.25259583217714671</c:v>
                </c:pt>
                <c:pt idx="5206">
                  <c:v>0.25259583217714671</c:v>
                </c:pt>
                <c:pt idx="5207">
                  <c:v>0.25259583217714671</c:v>
                </c:pt>
                <c:pt idx="5208">
                  <c:v>0.32014439443796516</c:v>
                </c:pt>
                <c:pt idx="5209">
                  <c:v>0.37178058708924983</c:v>
                </c:pt>
                <c:pt idx="5210">
                  <c:v>0.37178058708924983</c:v>
                </c:pt>
                <c:pt idx="5211">
                  <c:v>0.37178058708924983</c:v>
                </c:pt>
                <c:pt idx="5212">
                  <c:v>0.37178058708924983</c:v>
                </c:pt>
                <c:pt idx="5213">
                  <c:v>0.46472573386156224</c:v>
                </c:pt>
                <c:pt idx="5214">
                  <c:v>0.54734364210361774</c:v>
                </c:pt>
                <c:pt idx="5215">
                  <c:v>0.65061602740618729</c:v>
                </c:pt>
                <c:pt idx="5216">
                  <c:v>0.65061602740618729</c:v>
                </c:pt>
                <c:pt idx="5217">
                  <c:v>0.65061602740618729</c:v>
                </c:pt>
                <c:pt idx="5218">
                  <c:v>0.65061602740618729</c:v>
                </c:pt>
                <c:pt idx="5219">
                  <c:v>0.65061602740618729</c:v>
                </c:pt>
                <c:pt idx="5220">
                  <c:v>0.65061602740618729</c:v>
                </c:pt>
                <c:pt idx="5221">
                  <c:v>0.65061602740618729</c:v>
                </c:pt>
                <c:pt idx="5222">
                  <c:v>0.65061602740618729</c:v>
                </c:pt>
                <c:pt idx="5223">
                  <c:v>0.57832535769438864</c:v>
                </c:pt>
                <c:pt idx="5224">
                  <c:v>0.56799811916413168</c:v>
                </c:pt>
                <c:pt idx="5225">
                  <c:v>0.48538021092207617</c:v>
                </c:pt>
                <c:pt idx="5226">
                  <c:v>0.45439849533130539</c:v>
                </c:pt>
                <c:pt idx="5227">
                  <c:v>0.38210782561950679</c:v>
                </c:pt>
                <c:pt idx="5228">
                  <c:v>0.32014439443796516</c:v>
                </c:pt>
                <c:pt idx="5229">
                  <c:v>0.27883544031693747</c:v>
                </c:pt>
                <c:pt idx="5230">
                  <c:v>0.27883544031693747</c:v>
                </c:pt>
                <c:pt idx="5231">
                  <c:v>0.27883544031693747</c:v>
                </c:pt>
                <c:pt idx="5232">
                  <c:v>0.29778262535577671</c:v>
                </c:pt>
                <c:pt idx="5233">
                  <c:v>0.29778262535577671</c:v>
                </c:pt>
                <c:pt idx="5234">
                  <c:v>0.29778262535577671</c:v>
                </c:pt>
                <c:pt idx="5235">
                  <c:v>0.29778262535577671</c:v>
                </c:pt>
                <c:pt idx="5236">
                  <c:v>0.29778262535577671</c:v>
                </c:pt>
                <c:pt idx="5237">
                  <c:v>0.29778262535577671</c:v>
                </c:pt>
                <c:pt idx="5238">
                  <c:v>0.29778262535577671</c:v>
                </c:pt>
                <c:pt idx="5239">
                  <c:v>1.2953544202976288</c:v>
                </c:pt>
                <c:pt idx="5240">
                  <c:v>1.4572737228348323</c:v>
                </c:pt>
                <c:pt idx="5241">
                  <c:v>1.6191930253720357</c:v>
                </c:pt>
                <c:pt idx="5242">
                  <c:v>1.6191930253720357</c:v>
                </c:pt>
                <c:pt idx="5243">
                  <c:v>1.9430316304464428</c:v>
                </c:pt>
                <c:pt idx="5244">
                  <c:v>1.9430316304464428</c:v>
                </c:pt>
                <c:pt idx="5245">
                  <c:v>1.2953544202976288</c:v>
                </c:pt>
                <c:pt idx="5246">
                  <c:v>1.9430316304464428</c:v>
                </c:pt>
                <c:pt idx="5247">
                  <c:v>1.9430316304464428</c:v>
                </c:pt>
                <c:pt idx="5248">
                  <c:v>1.6191930253720357</c:v>
                </c:pt>
                <c:pt idx="5249">
                  <c:v>1.302798985931523</c:v>
                </c:pt>
                <c:pt idx="5250">
                  <c:v>0.46528535211840111</c:v>
                </c:pt>
                <c:pt idx="5251">
                  <c:v>0.46528535211840111</c:v>
                </c:pt>
                <c:pt idx="5252">
                  <c:v>0.46528535211840111</c:v>
                </c:pt>
                <c:pt idx="5253">
                  <c:v>0.46528535211840111</c:v>
                </c:pt>
                <c:pt idx="5254">
                  <c:v>0.46528535211840111</c:v>
                </c:pt>
                <c:pt idx="5255">
                  <c:v>0.46528535211840111</c:v>
                </c:pt>
                <c:pt idx="5256">
                  <c:v>0.25004636263947183</c:v>
                </c:pt>
                <c:pt idx="5257">
                  <c:v>0.25004636263947183</c:v>
                </c:pt>
                <c:pt idx="5258">
                  <c:v>0.25004636263947183</c:v>
                </c:pt>
                <c:pt idx="5259">
                  <c:v>0.25004636263947183</c:v>
                </c:pt>
                <c:pt idx="5260">
                  <c:v>0.25004636263947183</c:v>
                </c:pt>
                <c:pt idx="5261">
                  <c:v>0.25004636263947183</c:v>
                </c:pt>
                <c:pt idx="5262">
                  <c:v>0.25004636263947183</c:v>
                </c:pt>
                <c:pt idx="5263">
                  <c:v>0.72029484463563975</c:v>
                </c:pt>
                <c:pt idx="5264">
                  <c:v>0.80369740559345071</c:v>
                </c:pt>
                <c:pt idx="5265">
                  <c:v>0.88709996655126166</c:v>
                </c:pt>
                <c:pt idx="5266">
                  <c:v>0.88709996655126166</c:v>
                </c:pt>
                <c:pt idx="5267">
                  <c:v>1.0614871394630483</c:v>
                </c:pt>
                <c:pt idx="5268">
                  <c:v>1.0614871394630483</c:v>
                </c:pt>
                <c:pt idx="5269">
                  <c:v>0.70513074264331055</c:v>
                </c:pt>
                <c:pt idx="5270">
                  <c:v>1.0614871394630483</c:v>
                </c:pt>
                <c:pt idx="5271">
                  <c:v>1.0614871394630483</c:v>
                </c:pt>
                <c:pt idx="5272">
                  <c:v>0.88726128678522254</c:v>
                </c:pt>
                <c:pt idx="5273">
                  <c:v>0.70496942240934968</c:v>
                </c:pt>
                <c:pt idx="5274">
                  <c:v>0.25004636263947183</c:v>
                </c:pt>
                <c:pt idx="5275">
                  <c:v>0.25004636263947183</c:v>
                </c:pt>
                <c:pt idx="5276">
                  <c:v>0.25004636263947183</c:v>
                </c:pt>
                <c:pt idx="5277">
                  <c:v>0.25004636263947183</c:v>
                </c:pt>
                <c:pt idx="5278">
                  <c:v>0.25004636263947183</c:v>
                </c:pt>
                <c:pt idx="5279">
                  <c:v>0.25004636263947183</c:v>
                </c:pt>
                <c:pt idx="5280">
                  <c:v>0.29500131323658008</c:v>
                </c:pt>
                <c:pt idx="5281">
                  <c:v>0.29500131323658008</c:v>
                </c:pt>
                <c:pt idx="5282">
                  <c:v>0.29500131323658008</c:v>
                </c:pt>
                <c:pt idx="5283">
                  <c:v>0.29500131323658008</c:v>
                </c:pt>
                <c:pt idx="5284">
                  <c:v>0.29500131323658008</c:v>
                </c:pt>
                <c:pt idx="5285">
                  <c:v>0.29500131323658008</c:v>
                </c:pt>
                <c:pt idx="5286">
                  <c:v>0.29500131323658008</c:v>
                </c:pt>
                <c:pt idx="5287">
                  <c:v>0.81272861796677809</c:v>
                </c:pt>
                <c:pt idx="5288">
                  <c:v>0.90683403688924713</c:v>
                </c:pt>
                <c:pt idx="5289">
                  <c:v>1.0009394558117162</c:v>
                </c:pt>
                <c:pt idx="5290">
                  <c:v>1.0009394558117162</c:v>
                </c:pt>
                <c:pt idx="5291">
                  <c:v>1.1977053317405149</c:v>
                </c:pt>
                <c:pt idx="5292">
                  <c:v>1.1977053317405149</c:v>
                </c:pt>
                <c:pt idx="5293">
                  <c:v>0.79561854179905644</c:v>
                </c:pt>
                <c:pt idx="5294">
                  <c:v>1.1977053317405149</c:v>
                </c:pt>
                <c:pt idx="5295">
                  <c:v>1.1977053317405149</c:v>
                </c:pt>
                <c:pt idx="5296">
                  <c:v>1.0007919551550979</c:v>
                </c:pt>
                <c:pt idx="5297">
                  <c:v>0.79576604245567473</c:v>
                </c:pt>
                <c:pt idx="5298">
                  <c:v>0.29500131323658008</c:v>
                </c:pt>
                <c:pt idx="5299">
                  <c:v>0.29500131323658008</c:v>
                </c:pt>
                <c:pt idx="5300">
                  <c:v>0.29500131323658008</c:v>
                </c:pt>
                <c:pt idx="5301">
                  <c:v>0.29500131323658008</c:v>
                </c:pt>
                <c:pt idx="5302">
                  <c:v>0.29500131323658008</c:v>
                </c:pt>
                <c:pt idx="5303">
                  <c:v>0.29500131323658008</c:v>
                </c:pt>
                <c:pt idx="5304">
                  <c:v>0.28979007807437129</c:v>
                </c:pt>
                <c:pt idx="5305">
                  <c:v>0.28979007807437129</c:v>
                </c:pt>
                <c:pt idx="5306">
                  <c:v>0.28979007807437129</c:v>
                </c:pt>
                <c:pt idx="5307">
                  <c:v>0.28979007807437129</c:v>
                </c:pt>
                <c:pt idx="5308">
                  <c:v>0.28979007807437129</c:v>
                </c:pt>
                <c:pt idx="5309">
                  <c:v>0.28979007807437129</c:v>
                </c:pt>
                <c:pt idx="5310">
                  <c:v>0.28979007807437129</c:v>
                </c:pt>
                <c:pt idx="5311">
                  <c:v>0.79837166509489277</c:v>
                </c:pt>
                <c:pt idx="5312">
                  <c:v>0.89081470000061735</c:v>
                </c:pt>
                <c:pt idx="5313">
                  <c:v>0.98325773490634172</c:v>
                </c:pt>
                <c:pt idx="5314">
                  <c:v>0.98325773490634172</c:v>
                </c:pt>
                <c:pt idx="5315">
                  <c:v>1.1765477169819474</c:v>
                </c:pt>
                <c:pt idx="5316">
                  <c:v>1.1765477169819474</c:v>
                </c:pt>
                <c:pt idx="5317">
                  <c:v>0.78156384056657924</c:v>
                </c:pt>
                <c:pt idx="5318">
                  <c:v>1.1765477169819474</c:v>
                </c:pt>
                <c:pt idx="5319">
                  <c:v>1.1765477169819474</c:v>
                </c:pt>
                <c:pt idx="5320">
                  <c:v>0.98311283986730469</c:v>
                </c:pt>
                <c:pt idx="5321">
                  <c:v>0.78170873560561649</c:v>
                </c:pt>
                <c:pt idx="5322">
                  <c:v>0.28979007807437129</c:v>
                </c:pt>
                <c:pt idx="5323">
                  <c:v>0.28979007807437129</c:v>
                </c:pt>
                <c:pt idx="5324">
                  <c:v>0.28979007807437129</c:v>
                </c:pt>
                <c:pt idx="5325">
                  <c:v>0.28979007807437129</c:v>
                </c:pt>
                <c:pt idx="5326">
                  <c:v>0.28979007807437129</c:v>
                </c:pt>
                <c:pt idx="5327">
                  <c:v>0.28979007807437129</c:v>
                </c:pt>
                <c:pt idx="5328">
                  <c:v>0.15898858841818814</c:v>
                </c:pt>
                <c:pt idx="5329">
                  <c:v>0.15898858841818814</c:v>
                </c:pt>
                <c:pt idx="5330">
                  <c:v>0.15898858841818814</c:v>
                </c:pt>
                <c:pt idx="5331">
                  <c:v>0.15898858841818814</c:v>
                </c:pt>
                <c:pt idx="5332">
                  <c:v>0.15898858841818814</c:v>
                </c:pt>
                <c:pt idx="5333">
                  <c:v>0.15898858841818814</c:v>
                </c:pt>
                <c:pt idx="5334">
                  <c:v>0.15898858841818814</c:v>
                </c:pt>
                <c:pt idx="5335">
                  <c:v>0.43080778797186464</c:v>
                </c:pt>
                <c:pt idx="5336">
                  <c:v>0.53850973496483079</c:v>
                </c:pt>
                <c:pt idx="5337">
                  <c:v>0.59236070846131395</c:v>
                </c:pt>
                <c:pt idx="5338">
                  <c:v>0.59236070846131395</c:v>
                </c:pt>
                <c:pt idx="5339">
                  <c:v>0.70006265545428004</c:v>
                </c:pt>
                <c:pt idx="5340">
                  <c:v>0.70006265545428004</c:v>
                </c:pt>
                <c:pt idx="5341">
                  <c:v>0.48465876146834774</c:v>
                </c:pt>
                <c:pt idx="5342">
                  <c:v>0.70006265545428004</c:v>
                </c:pt>
                <c:pt idx="5343">
                  <c:v>0.59236070846131395</c:v>
                </c:pt>
                <c:pt idx="5344">
                  <c:v>0.5128664142522199</c:v>
                </c:pt>
                <c:pt idx="5345">
                  <c:v>0.43080778797186464</c:v>
                </c:pt>
                <c:pt idx="5346">
                  <c:v>0.15898858841818814</c:v>
                </c:pt>
                <c:pt idx="5347">
                  <c:v>0.15898858841818814</c:v>
                </c:pt>
                <c:pt idx="5348">
                  <c:v>0.15898858841818814</c:v>
                </c:pt>
                <c:pt idx="5349">
                  <c:v>0.15898858841818814</c:v>
                </c:pt>
                <c:pt idx="5350">
                  <c:v>0.15898858841818814</c:v>
                </c:pt>
                <c:pt idx="5351">
                  <c:v>0.15898858841818814</c:v>
                </c:pt>
                <c:pt idx="5352">
                  <c:v>5.040795724262092E-2</c:v>
                </c:pt>
                <c:pt idx="5353">
                  <c:v>9.8415535568926585E-2</c:v>
                </c:pt>
                <c:pt idx="5354">
                  <c:v>9.8415535568926585E-2</c:v>
                </c:pt>
                <c:pt idx="5355">
                  <c:v>9.8415535568926585E-2</c:v>
                </c:pt>
                <c:pt idx="5356">
                  <c:v>9.8415535568926585E-2</c:v>
                </c:pt>
                <c:pt idx="5357">
                  <c:v>0.12241932473207939</c:v>
                </c:pt>
                <c:pt idx="5358">
                  <c:v>0.15362425064417806</c:v>
                </c:pt>
                <c:pt idx="5359">
                  <c:v>0.1752276608910156</c:v>
                </c:pt>
                <c:pt idx="5360">
                  <c:v>0.1752276608910156</c:v>
                </c:pt>
                <c:pt idx="5361">
                  <c:v>0.1752276608910156</c:v>
                </c:pt>
                <c:pt idx="5362">
                  <c:v>0.1752276608910156</c:v>
                </c:pt>
                <c:pt idx="5363">
                  <c:v>0.1752276608910156</c:v>
                </c:pt>
                <c:pt idx="5364">
                  <c:v>0.1752276608910156</c:v>
                </c:pt>
                <c:pt idx="5365">
                  <c:v>0.1752276608910156</c:v>
                </c:pt>
                <c:pt idx="5366">
                  <c:v>0.1752276608910156</c:v>
                </c:pt>
                <c:pt idx="5367">
                  <c:v>0.1584250084768086</c:v>
                </c:pt>
                <c:pt idx="5368">
                  <c:v>0.14402273497891693</c:v>
                </c:pt>
                <c:pt idx="5369">
                  <c:v>0.12962046148102524</c:v>
                </c:pt>
                <c:pt idx="5370">
                  <c:v>0.12481970364839465</c:v>
                </c:pt>
                <c:pt idx="5371">
                  <c:v>0.10081591448524184</c:v>
                </c:pt>
                <c:pt idx="5372">
                  <c:v>7.4411746405773735E-2</c:v>
                </c:pt>
                <c:pt idx="5373">
                  <c:v>7.4411746405773735E-2</c:v>
                </c:pt>
                <c:pt idx="5374">
                  <c:v>7.4411746405773735E-2</c:v>
                </c:pt>
                <c:pt idx="5375">
                  <c:v>7.4411746405773735E-2</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1.3594614477301068E-2</c:v>
                </c:pt>
                <c:pt idx="5473">
                  <c:v>1.3594614477301068E-2</c:v>
                </c:pt>
                <c:pt idx="5474">
                  <c:v>1.3594614477301068E-2</c:v>
                </c:pt>
                <c:pt idx="5475">
                  <c:v>1.3594614477301068E-2</c:v>
                </c:pt>
                <c:pt idx="5476">
                  <c:v>1.3594614477301068E-2</c:v>
                </c:pt>
                <c:pt idx="5477">
                  <c:v>1.3594614477301068E-2</c:v>
                </c:pt>
                <c:pt idx="5478">
                  <c:v>1.3594614477301068E-2</c:v>
                </c:pt>
                <c:pt idx="5479">
                  <c:v>3.7453162884964433E-2</c:v>
                </c:pt>
                <c:pt idx="5480">
                  <c:v>4.1789844903223482E-2</c:v>
                </c:pt>
                <c:pt idx="5481">
                  <c:v>4.6126526921482516E-2</c:v>
                </c:pt>
                <c:pt idx="5482">
                  <c:v>4.6126526921482516E-2</c:v>
                </c:pt>
                <c:pt idx="5483">
                  <c:v>5.5194134777842331E-2</c:v>
                </c:pt>
                <c:pt idx="5484">
                  <c:v>5.5194134777842331E-2</c:v>
                </c:pt>
                <c:pt idx="5485">
                  <c:v>3.6664675245280977E-2</c:v>
                </c:pt>
                <c:pt idx="5486">
                  <c:v>5.5194134777842331E-2</c:v>
                </c:pt>
                <c:pt idx="5487">
                  <c:v>5.5194134777842331E-2</c:v>
                </c:pt>
                <c:pt idx="5488">
                  <c:v>4.6119729614243883E-2</c:v>
                </c:pt>
                <c:pt idx="5489">
                  <c:v>3.6671472552519638E-2</c:v>
                </c:pt>
                <c:pt idx="5490">
                  <c:v>1.3594614477301068E-2</c:v>
                </c:pt>
                <c:pt idx="5491">
                  <c:v>1.3594614477301068E-2</c:v>
                </c:pt>
                <c:pt idx="5492">
                  <c:v>1.3594614477301068E-2</c:v>
                </c:pt>
                <c:pt idx="5493">
                  <c:v>1.3594614477301068E-2</c:v>
                </c:pt>
                <c:pt idx="5494">
                  <c:v>1.3594614477301068E-2</c:v>
                </c:pt>
                <c:pt idx="5495">
                  <c:v>1.3594614477301068E-2</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3.4976355301257311E-2</c:v>
                </c:pt>
                <c:pt idx="5713">
                  <c:v>4.0617702930492362E-2</c:v>
                </c:pt>
                <c:pt idx="5714">
                  <c:v>4.0617702930492362E-2</c:v>
                </c:pt>
                <c:pt idx="5715">
                  <c:v>4.0617702930492362E-2</c:v>
                </c:pt>
                <c:pt idx="5716">
                  <c:v>4.0617702930492362E-2</c:v>
                </c:pt>
                <c:pt idx="5717">
                  <c:v>5.0772128663115458E-2</c:v>
                </c:pt>
                <c:pt idx="5718">
                  <c:v>5.9798284869891541E-2</c:v>
                </c:pt>
                <c:pt idx="5719">
                  <c:v>7.1080980128361643E-2</c:v>
                </c:pt>
                <c:pt idx="5720">
                  <c:v>7.1080980128361643E-2</c:v>
                </c:pt>
                <c:pt idx="5721">
                  <c:v>7.1080980128361643E-2</c:v>
                </c:pt>
                <c:pt idx="5722">
                  <c:v>7.1080980128361643E-2</c:v>
                </c:pt>
                <c:pt idx="5723">
                  <c:v>7.1080980128361643E-2</c:v>
                </c:pt>
                <c:pt idx="5724">
                  <c:v>7.1080980128361643E-2</c:v>
                </c:pt>
                <c:pt idx="5725">
                  <c:v>7.1080980128361643E-2</c:v>
                </c:pt>
                <c:pt idx="5726">
                  <c:v>7.1080980128361643E-2</c:v>
                </c:pt>
                <c:pt idx="5727">
                  <c:v>6.3183093447432573E-2</c:v>
                </c:pt>
                <c:pt idx="5728">
                  <c:v>6.2054823921585567E-2</c:v>
                </c:pt>
                <c:pt idx="5729">
                  <c:v>5.3028667714809484E-2</c:v>
                </c:pt>
                <c:pt idx="5730">
                  <c:v>4.9643859137268452E-2</c:v>
                </c:pt>
                <c:pt idx="5731">
                  <c:v>4.1745972456339375E-2</c:v>
                </c:pt>
                <c:pt idx="5732">
                  <c:v>3.4976355301257311E-2</c:v>
                </c:pt>
                <c:pt idx="5733">
                  <c:v>3.0463277197869277E-2</c:v>
                </c:pt>
                <c:pt idx="5734">
                  <c:v>3.0463277197869277E-2</c:v>
                </c:pt>
                <c:pt idx="5735">
                  <c:v>3.0463277197869277E-2</c:v>
                </c:pt>
                <c:pt idx="5736">
                  <c:v>6.3981453024513274E-2</c:v>
                </c:pt>
                <c:pt idx="5737">
                  <c:v>6.3981453024513274E-2</c:v>
                </c:pt>
                <c:pt idx="5738">
                  <c:v>6.3981453024513274E-2</c:v>
                </c:pt>
                <c:pt idx="5739">
                  <c:v>6.3981453024513274E-2</c:v>
                </c:pt>
                <c:pt idx="5740">
                  <c:v>6.3981453024513274E-2</c:v>
                </c:pt>
                <c:pt idx="5741">
                  <c:v>6.3981453024513274E-2</c:v>
                </c:pt>
                <c:pt idx="5742">
                  <c:v>6.3981453024513274E-2</c:v>
                </c:pt>
                <c:pt idx="5743">
                  <c:v>0.27831932065663273</c:v>
                </c:pt>
                <c:pt idx="5744">
                  <c:v>0.31310923573871186</c:v>
                </c:pt>
                <c:pt idx="5745">
                  <c:v>0.34789915082079093</c:v>
                </c:pt>
                <c:pt idx="5746">
                  <c:v>0.34789915082079093</c:v>
                </c:pt>
                <c:pt idx="5747">
                  <c:v>0.41747898098494907</c:v>
                </c:pt>
                <c:pt idx="5748">
                  <c:v>0.41747898098494907</c:v>
                </c:pt>
                <c:pt idx="5749">
                  <c:v>0.27831932065663273</c:v>
                </c:pt>
                <c:pt idx="5750">
                  <c:v>0.41747898098494907</c:v>
                </c:pt>
                <c:pt idx="5751">
                  <c:v>0.41747898098494907</c:v>
                </c:pt>
                <c:pt idx="5752">
                  <c:v>0.34789915082079093</c:v>
                </c:pt>
                <c:pt idx="5753">
                  <c:v>0.27991885698224556</c:v>
                </c:pt>
                <c:pt idx="5754">
                  <c:v>9.9971020350801992E-2</c:v>
                </c:pt>
                <c:pt idx="5755">
                  <c:v>9.9971020350801992E-2</c:v>
                </c:pt>
                <c:pt idx="5756">
                  <c:v>9.9971020350801992E-2</c:v>
                </c:pt>
                <c:pt idx="5757">
                  <c:v>9.9971020350801992E-2</c:v>
                </c:pt>
                <c:pt idx="5758">
                  <c:v>9.9971020350801992E-2</c:v>
                </c:pt>
                <c:pt idx="5759">
                  <c:v>9.9971020350801992E-2</c:v>
                </c:pt>
                <c:pt idx="5760">
                  <c:v>0.26516747846015426</c:v>
                </c:pt>
                <c:pt idx="5761">
                  <c:v>0.26516747846015426</c:v>
                </c:pt>
                <c:pt idx="5762">
                  <c:v>0.26516747846015426</c:v>
                </c:pt>
                <c:pt idx="5763">
                  <c:v>0.26516747846015426</c:v>
                </c:pt>
                <c:pt idx="5764">
                  <c:v>0.26516747846015426</c:v>
                </c:pt>
                <c:pt idx="5765">
                  <c:v>0.26516747846015426</c:v>
                </c:pt>
                <c:pt idx="5766">
                  <c:v>0.26516747846015426</c:v>
                </c:pt>
                <c:pt idx="5767">
                  <c:v>0.76385341375779914</c:v>
                </c:pt>
                <c:pt idx="5768">
                  <c:v>0.85229959850870207</c:v>
                </c:pt>
                <c:pt idx="5769">
                  <c:v>0.94074578325960523</c:v>
                </c:pt>
                <c:pt idx="5770">
                  <c:v>0.94074578325960523</c:v>
                </c:pt>
                <c:pt idx="5771">
                  <c:v>1.1256787150114935</c:v>
                </c:pt>
                <c:pt idx="5772">
                  <c:v>1.1256787150114935</c:v>
                </c:pt>
                <c:pt idx="5773">
                  <c:v>0.74777228925763484</c:v>
                </c:pt>
                <c:pt idx="5774">
                  <c:v>1.1256787150114935</c:v>
                </c:pt>
                <c:pt idx="5775">
                  <c:v>1.1256787150114935</c:v>
                </c:pt>
                <c:pt idx="5776">
                  <c:v>0.94091685905216027</c:v>
                </c:pt>
                <c:pt idx="5777">
                  <c:v>0.74760121346508013</c:v>
                </c:pt>
                <c:pt idx="5778">
                  <c:v>0.26516747846015426</c:v>
                </c:pt>
                <c:pt idx="5779">
                  <c:v>0.26516747846015426</c:v>
                </c:pt>
                <c:pt idx="5780">
                  <c:v>0.26516747846015426</c:v>
                </c:pt>
                <c:pt idx="5781">
                  <c:v>0.26516747846015426</c:v>
                </c:pt>
                <c:pt idx="5782">
                  <c:v>0.26516747846015426</c:v>
                </c:pt>
                <c:pt idx="5783">
                  <c:v>0.26516747846015426</c:v>
                </c:pt>
                <c:pt idx="5784">
                  <c:v>0.3523249000208778</c:v>
                </c:pt>
                <c:pt idx="5785">
                  <c:v>0.3523249000208778</c:v>
                </c:pt>
                <c:pt idx="5786">
                  <c:v>0.3523249000208778</c:v>
                </c:pt>
                <c:pt idx="5787">
                  <c:v>0.3523249000208778</c:v>
                </c:pt>
                <c:pt idx="5788">
                  <c:v>0.3523249000208778</c:v>
                </c:pt>
                <c:pt idx="5789">
                  <c:v>0.3523249000208778</c:v>
                </c:pt>
                <c:pt idx="5790">
                  <c:v>0.3523249000208778</c:v>
                </c:pt>
                <c:pt idx="5791">
                  <c:v>0.97065509955751805</c:v>
                </c:pt>
                <c:pt idx="5792">
                  <c:v>1.0830467426641783</c:v>
                </c:pt>
                <c:pt idx="5793">
                  <c:v>1.1954383857708379</c:v>
                </c:pt>
                <c:pt idx="5794">
                  <c:v>1.1954383857708379</c:v>
                </c:pt>
                <c:pt idx="5795">
                  <c:v>1.4304390940847633</c:v>
                </c:pt>
                <c:pt idx="5796">
                  <c:v>1.4304390940847633</c:v>
                </c:pt>
                <c:pt idx="5797">
                  <c:v>0.95022025535630716</c:v>
                </c:pt>
                <c:pt idx="5798">
                  <c:v>1.4304390940847633</c:v>
                </c:pt>
                <c:pt idx="5799">
                  <c:v>1.4304390940847633</c:v>
                </c:pt>
                <c:pt idx="5800">
                  <c:v>1.1952622233208277</c:v>
                </c:pt>
                <c:pt idx="5801">
                  <c:v>0.95039641780631756</c:v>
                </c:pt>
                <c:pt idx="5802">
                  <c:v>0.3523249000208778</c:v>
                </c:pt>
                <c:pt idx="5803">
                  <c:v>0.3523249000208778</c:v>
                </c:pt>
                <c:pt idx="5804">
                  <c:v>0.3523249000208778</c:v>
                </c:pt>
                <c:pt idx="5805">
                  <c:v>0.3523249000208778</c:v>
                </c:pt>
                <c:pt idx="5806">
                  <c:v>0.3523249000208778</c:v>
                </c:pt>
                <c:pt idx="5807">
                  <c:v>0.3523249000208778</c:v>
                </c:pt>
                <c:pt idx="5808">
                  <c:v>0.23767772645228255</c:v>
                </c:pt>
                <c:pt idx="5809">
                  <c:v>0.23767772645228255</c:v>
                </c:pt>
                <c:pt idx="5810">
                  <c:v>0.23767772645228255</c:v>
                </c:pt>
                <c:pt idx="5811">
                  <c:v>0.23767772645228255</c:v>
                </c:pt>
                <c:pt idx="5812">
                  <c:v>0.23767772645228255</c:v>
                </c:pt>
                <c:pt idx="5813">
                  <c:v>0.23767772645228255</c:v>
                </c:pt>
                <c:pt idx="5814">
                  <c:v>0.23767772645228255</c:v>
                </c:pt>
                <c:pt idx="5815">
                  <c:v>0.65480213637603846</c:v>
                </c:pt>
                <c:pt idx="5816">
                  <c:v>0.7306213311143166</c:v>
                </c:pt>
                <c:pt idx="5817">
                  <c:v>0.80644052585259474</c:v>
                </c:pt>
                <c:pt idx="5818">
                  <c:v>0.80644052585259474</c:v>
                </c:pt>
                <c:pt idx="5819">
                  <c:v>0.96497156939626705</c:v>
                </c:pt>
                <c:pt idx="5820">
                  <c:v>0.96497156939626705</c:v>
                </c:pt>
                <c:pt idx="5821">
                  <c:v>0.64101682824180606</c:v>
                </c:pt>
                <c:pt idx="5822">
                  <c:v>0.96497156939626705</c:v>
                </c:pt>
                <c:pt idx="5823">
                  <c:v>0.96497156939626705</c:v>
                </c:pt>
                <c:pt idx="5824">
                  <c:v>0.80632168698936868</c:v>
                </c:pt>
                <c:pt idx="5825">
                  <c:v>0.64113566710503211</c:v>
                </c:pt>
                <c:pt idx="5826">
                  <c:v>0.23767772645228255</c:v>
                </c:pt>
                <c:pt idx="5827">
                  <c:v>0.23767772645228255</c:v>
                </c:pt>
                <c:pt idx="5828">
                  <c:v>0.23767772645228255</c:v>
                </c:pt>
                <c:pt idx="5829">
                  <c:v>0.23767772645228255</c:v>
                </c:pt>
                <c:pt idx="5830">
                  <c:v>0.23767772645228255</c:v>
                </c:pt>
                <c:pt idx="5831">
                  <c:v>0.23767772645228255</c:v>
                </c:pt>
                <c:pt idx="5832">
                  <c:v>0.10868961206637726</c:v>
                </c:pt>
                <c:pt idx="5833">
                  <c:v>0.10868961206637726</c:v>
                </c:pt>
                <c:pt idx="5834">
                  <c:v>0.10868961206637726</c:v>
                </c:pt>
                <c:pt idx="5835">
                  <c:v>0.10868961206637726</c:v>
                </c:pt>
                <c:pt idx="5836">
                  <c:v>0.10868961206637726</c:v>
                </c:pt>
                <c:pt idx="5837">
                  <c:v>0.10868961206637726</c:v>
                </c:pt>
                <c:pt idx="5838">
                  <c:v>0.10868961206637726</c:v>
                </c:pt>
                <c:pt idx="5839">
                  <c:v>0.29451378753469964</c:v>
                </c:pt>
                <c:pt idx="5840">
                  <c:v>0.36814223441837457</c:v>
                </c:pt>
                <c:pt idx="5841">
                  <c:v>0.40495645786021206</c:v>
                </c:pt>
                <c:pt idx="5842">
                  <c:v>0.40495645786021206</c:v>
                </c:pt>
                <c:pt idx="5843">
                  <c:v>0.47858490474388699</c:v>
                </c:pt>
                <c:pt idx="5844">
                  <c:v>0.47858490474388699</c:v>
                </c:pt>
                <c:pt idx="5845">
                  <c:v>0.33132801097653714</c:v>
                </c:pt>
                <c:pt idx="5846">
                  <c:v>0.47858490474388699</c:v>
                </c:pt>
                <c:pt idx="5847">
                  <c:v>0.40495645786021206</c:v>
                </c:pt>
                <c:pt idx="5848">
                  <c:v>0.35061165182702347</c:v>
                </c:pt>
                <c:pt idx="5849">
                  <c:v>0.29451378753469964</c:v>
                </c:pt>
                <c:pt idx="5850">
                  <c:v>0.10868961206637726</c:v>
                </c:pt>
                <c:pt idx="5851">
                  <c:v>0.10868961206637726</c:v>
                </c:pt>
                <c:pt idx="5852">
                  <c:v>0.10868961206637726</c:v>
                </c:pt>
                <c:pt idx="5853">
                  <c:v>0.10868961206637726</c:v>
                </c:pt>
                <c:pt idx="5854">
                  <c:v>0.10868961206637726</c:v>
                </c:pt>
                <c:pt idx="5855">
                  <c:v>0.10868961206637726</c:v>
                </c:pt>
                <c:pt idx="5856">
                  <c:v>6.2724829530964712E-2</c:v>
                </c:pt>
                <c:pt idx="5857">
                  <c:v>0.12246276241759782</c:v>
                </c:pt>
                <c:pt idx="5858">
                  <c:v>0.12246276241759782</c:v>
                </c:pt>
                <c:pt idx="5859">
                  <c:v>0.12246276241759782</c:v>
                </c:pt>
                <c:pt idx="5860">
                  <c:v>0.12246276241759782</c:v>
                </c:pt>
                <c:pt idx="5861">
                  <c:v>0.15233172886091434</c:v>
                </c:pt>
                <c:pt idx="5862">
                  <c:v>0.19116138523722584</c:v>
                </c:pt>
                <c:pt idx="5863">
                  <c:v>0.21804345503621073</c:v>
                </c:pt>
                <c:pt idx="5864">
                  <c:v>0.21804345503621073</c:v>
                </c:pt>
                <c:pt idx="5865">
                  <c:v>0.21804345503621073</c:v>
                </c:pt>
                <c:pt idx="5866">
                  <c:v>0.21804345503621073</c:v>
                </c:pt>
                <c:pt idx="5867">
                  <c:v>0.21804345503621073</c:v>
                </c:pt>
                <c:pt idx="5868">
                  <c:v>0.21804345503621073</c:v>
                </c:pt>
                <c:pt idx="5869">
                  <c:v>0.21804345503621073</c:v>
                </c:pt>
                <c:pt idx="5870">
                  <c:v>0.21804345503621073</c:v>
                </c:pt>
                <c:pt idx="5871">
                  <c:v>0.19713517852588913</c:v>
                </c:pt>
                <c:pt idx="5872">
                  <c:v>0.17921379865989923</c:v>
                </c:pt>
                <c:pt idx="5873">
                  <c:v>0.16129241879390929</c:v>
                </c:pt>
                <c:pt idx="5874">
                  <c:v>0.155318625505246</c:v>
                </c:pt>
                <c:pt idx="5875">
                  <c:v>0.12544965906192942</c:v>
                </c:pt>
                <c:pt idx="5876">
                  <c:v>9.2593795974281259E-2</c:v>
                </c:pt>
                <c:pt idx="5877">
                  <c:v>9.2593795974281259E-2</c:v>
                </c:pt>
                <c:pt idx="5878">
                  <c:v>9.2593795974281259E-2</c:v>
                </c:pt>
                <c:pt idx="5879">
                  <c:v>9.2593795974281259E-2</c:v>
                </c:pt>
                <c:pt idx="5880">
                  <c:v>0.1382981086116587</c:v>
                </c:pt>
                <c:pt idx="5881">
                  <c:v>0.16060425516192622</c:v>
                </c:pt>
                <c:pt idx="5882">
                  <c:v>0.16060425516192622</c:v>
                </c:pt>
                <c:pt idx="5883">
                  <c:v>0.16060425516192622</c:v>
                </c:pt>
                <c:pt idx="5884">
                  <c:v>0.16060425516192622</c:v>
                </c:pt>
                <c:pt idx="5885">
                  <c:v>0.20075531895240778</c:v>
                </c:pt>
                <c:pt idx="5886">
                  <c:v>0.23644515343283581</c:v>
                </c:pt>
                <c:pt idx="5887">
                  <c:v>0.28105744653337089</c:v>
                </c:pt>
                <c:pt idx="5888">
                  <c:v>0.28105744653337089</c:v>
                </c:pt>
                <c:pt idx="5889">
                  <c:v>0.28105744653337089</c:v>
                </c:pt>
                <c:pt idx="5890">
                  <c:v>0.28105744653337089</c:v>
                </c:pt>
                <c:pt idx="5891">
                  <c:v>0.28105744653337089</c:v>
                </c:pt>
                <c:pt idx="5892">
                  <c:v>0.28105744653337089</c:v>
                </c:pt>
                <c:pt idx="5893">
                  <c:v>0.28105744653337089</c:v>
                </c:pt>
                <c:pt idx="5894">
                  <c:v>0.28105744653337089</c:v>
                </c:pt>
                <c:pt idx="5895">
                  <c:v>0.24982884136299632</c:v>
                </c:pt>
                <c:pt idx="5896">
                  <c:v>0.24536761205294283</c:v>
                </c:pt>
                <c:pt idx="5897">
                  <c:v>0.20967777757251477</c:v>
                </c:pt>
                <c:pt idx="5898">
                  <c:v>0.19629408964235426</c:v>
                </c:pt>
                <c:pt idx="5899">
                  <c:v>0.16506548447197975</c:v>
                </c:pt>
                <c:pt idx="5900">
                  <c:v>0.1382981086116587</c:v>
                </c:pt>
                <c:pt idx="5901">
                  <c:v>0.12045319137144465</c:v>
                </c:pt>
                <c:pt idx="5902">
                  <c:v>0.12045319137144465</c:v>
                </c:pt>
                <c:pt idx="5903">
                  <c:v>0.12045319137144465</c:v>
                </c:pt>
                <c:pt idx="5904">
                  <c:v>0.14649951384731216</c:v>
                </c:pt>
                <c:pt idx="5905">
                  <c:v>0.14649951384731216</c:v>
                </c:pt>
                <c:pt idx="5906">
                  <c:v>0.14649951384731216</c:v>
                </c:pt>
                <c:pt idx="5907">
                  <c:v>0.14649951384731216</c:v>
                </c:pt>
                <c:pt idx="5908">
                  <c:v>0.14649951384731216</c:v>
                </c:pt>
                <c:pt idx="5909">
                  <c:v>0.14649951384731216</c:v>
                </c:pt>
                <c:pt idx="5910">
                  <c:v>0.14649951384731216</c:v>
                </c:pt>
                <c:pt idx="5911">
                  <c:v>0.63727288523580772</c:v>
                </c:pt>
                <c:pt idx="5912">
                  <c:v>0.71693199589028367</c:v>
                </c:pt>
                <c:pt idx="5913">
                  <c:v>0.79659110654475962</c:v>
                </c:pt>
                <c:pt idx="5914">
                  <c:v>0.79659110654475962</c:v>
                </c:pt>
                <c:pt idx="5915">
                  <c:v>0.95590932785371141</c:v>
                </c:pt>
                <c:pt idx="5916">
                  <c:v>0.95590932785371141</c:v>
                </c:pt>
                <c:pt idx="5917">
                  <c:v>0.63727288523580772</c:v>
                </c:pt>
                <c:pt idx="5918">
                  <c:v>0.95590932785371141</c:v>
                </c:pt>
                <c:pt idx="5919">
                  <c:v>0.95590932785371141</c:v>
                </c:pt>
                <c:pt idx="5920">
                  <c:v>0.79659110654475962</c:v>
                </c:pt>
                <c:pt idx="5921">
                  <c:v>0.64093537308199056</c:v>
                </c:pt>
                <c:pt idx="5922">
                  <c:v>0.22890549038642519</c:v>
                </c:pt>
                <c:pt idx="5923">
                  <c:v>0.22890549038642519</c:v>
                </c:pt>
                <c:pt idx="5924">
                  <c:v>0.22890549038642519</c:v>
                </c:pt>
                <c:pt idx="5925">
                  <c:v>0.22890549038642519</c:v>
                </c:pt>
                <c:pt idx="5926">
                  <c:v>0.22890549038642519</c:v>
                </c:pt>
                <c:pt idx="5927">
                  <c:v>0.22890549038642519</c:v>
                </c:pt>
                <c:pt idx="5928">
                  <c:v>0.18956189935674211</c:v>
                </c:pt>
                <c:pt idx="5929">
                  <c:v>0.18956189935674211</c:v>
                </c:pt>
                <c:pt idx="5930">
                  <c:v>0.18956189935674211</c:v>
                </c:pt>
                <c:pt idx="5931">
                  <c:v>0.18956189935674211</c:v>
                </c:pt>
                <c:pt idx="5932">
                  <c:v>0.18956189935674211</c:v>
                </c:pt>
                <c:pt idx="5933">
                  <c:v>0.18956189935674211</c:v>
                </c:pt>
                <c:pt idx="5934">
                  <c:v>0.18956189935674211</c:v>
                </c:pt>
                <c:pt idx="5935">
                  <c:v>0.54606056814700232</c:v>
                </c:pt>
                <c:pt idx="5936">
                  <c:v>0.6092886339324447</c:v>
                </c:pt>
                <c:pt idx="5937">
                  <c:v>0.67251669971788708</c:v>
                </c:pt>
                <c:pt idx="5938">
                  <c:v>0.67251669971788708</c:v>
                </c:pt>
                <c:pt idx="5939">
                  <c:v>0.80472083726926658</c:v>
                </c:pt>
                <c:pt idx="5940">
                  <c:v>0.80472083726926658</c:v>
                </c:pt>
                <c:pt idx="5941">
                  <c:v>0.53456455618601273</c:v>
                </c:pt>
                <c:pt idx="5942">
                  <c:v>0.80472083726926658</c:v>
                </c:pt>
                <c:pt idx="5943">
                  <c:v>0.80472083726926658</c:v>
                </c:pt>
                <c:pt idx="5944">
                  <c:v>0.67263899771747204</c:v>
                </c:pt>
                <c:pt idx="5945">
                  <c:v>0.53444225818642777</c:v>
                </c:pt>
                <c:pt idx="5946">
                  <c:v>0.18956189935674211</c:v>
                </c:pt>
                <c:pt idx="5947">
                  <c:v>0.18956189935674211</c:v>
                </c:pt>
                <c:pt idx="5948">
                  <c:v>0.18956189935674211</c:v>
                </c:pt>
                <c:pt idx="5949">
                  <c:v>0.18956189935674211</c:v>
                </c:pt>
                <c:pt idx="5950">
                  <c:v>0.18956189935674211</c:v>
                </c:pt>
                <c:pt idx="5951">
                  <c:v>0.18956189935674211</c:v>
                </c:pt>
                <c:pt idx="5952">
                  <c:v>0.11781931772147852</c:v>
                </c:pt>
                <c:pt idx="5953">
                  <c:v>0.11781931772147852</c:v>
                </c:pt>
                <c:pt idx="5954">
                  <c:v>0.11781931772147852</c:v>
                </c:pt>
                <c:pt idx="5955">
                  <c:v>0.11781931772147852</c:v>
                </c:pt>
                <c:pt idx="5956">
                  <c:v>0.11781931772147852</c:v>
                </c:pt>
                <c:pt idx="5957">
                  <c:v>0.11781931772147852</c:v>
                </c:pt>
                <c:pt idx="5958">
                  <c:v>0.11781931772147852</c:v>
                </c:pt>
                <c:pt idx="5959">
                  <c:v>0.32459222032267332</c:v>
                </c:pt>
                <c:pt idx="5960">
                  <c:v>0.36217658267582503</c:v>
                </c:pt>
                <c:pt idx="5961">
                  <c:v>0.39976094502897669</c:v>
                </c:pt>
                <c:pt idx="5962">
                  <c:v>0.39976094502897669</c:v>
                </c:pt>
                <c:pt idx="5963">
                  <c:v>0.47834642994920279</c:v>
                </c:pt>
                <c:pt idx="5964">
                  <c:v>0.47834642994920279</c:v>
                </c:pt>
                <c:pt idx="5965">
                  <c:v>0.31775869989482752</c:v>
                </c:pt>
                <c:pt idx="5966">
                  <c:v>0.47834642994920279</c:v>
                </c:pt>
                <c:pt idx="5967">
                  <c:v>0.47834642994920279</c:v>
                </c:pt>
                <c:pt idx="5968">
                  <c:v>0.39970203537011595</c:v>
                </c:pt>
                <c:pt idx="5969">
                  <c:v>0.31781760955368837</c:v>
                </c:pt>
                <c:pt idx="5970">
                  <c:v>0.11781931772147852</c:v>
                </c:pt>
                <c:pt idx="5971">
                  <c:v>0.11781931772147852</c:v>
                </c:pt>
                <c:pt idx="5972">
                  <c:v>0.11781931772147852</c:v>
                </c:pt>
                <c:pt idx="5973">
                  <c:v>0.11781931772147852</c:v>
                </c:pt>
                <c:pt idx="5974">
                  <c:v>0.11781931772147852</c:v>
                </c:pt>
                <c:pt idx="5975">
                  <c:v>0.11781931772147852</c:v>
                </c:pt>
                <c:pt idx="5976">
                  <c:v>0.10218561223485198</c:v>
                </c:pt>
                <c:pt idx="5977">
                  <c:v>0.10218561223485198</c:v>
                </c:pt>
                <c:pt idx="5978">
                  <c:v>0.10218561223485198</c:v>
                </c:pt>
                <c:pt idx="5979">
                  <c:v>0.10218561223485198</c:v>
                </c:pt>
                <c:pt idx="5980">
                  <c:v>0.10218561223485198</c:v>
                </c:pt>
                <c:pt idx="5981">
                  <c:v>0.10218561223485198</c:v>
                </c:pt>
                <c:pt idx="5982">
                  <c:v>0.10218561223485198</c:v>
                </c:pt>
                <c:pt idx="5983">
                  <c:v>0.28152136170701714</c:v>
                </c:pt>
                <c:pt idx="5984">
                  <c:v>0.31411857200993498</c:v>
                </c:pt>
                <c:pt idx="5985">
                  <c:v>0.34671578231285272</c:v>
                </c:pt>
                <c:pt idx="5986">
                  <c:v>0.34671578231285272</c:v>
                </c:pt>
                <c:pt idx="5987">
                  <c:v>0.41487358567349902</c:v>
                </c:pt>
                <c:pt idx="5988">
                  <c:v>0.41487358567349902</c:v>
                </c:pt>
                <c:pt idx="5989">
                  <c:v>0.27559459619739574</c:v>
                </c:pt>
                <c:pt idx="5990">
                  <c:v>0.41487358567349902</c:v>
                </c:pt>
                <c:pt idx="5991">
                  <c:v>0.41487358567349902</c:v>
                </c:pt>
                <c:pt idx="5992">
                  <c:v>0.34666468950673529</c:v>
                </c:pt>
                <c:pt idx="5993">
                  <c:v>0.27564568900351316</c:v>
                </c:pt>
                <c:pt idx="5994">
                  <c:v>0.10218561223485198</c:v>
                </c:pt>
                <c:pt idx="5995">
                  <c:v>0.10218561223485198</c:v>
                </c:pt>
                <c:pt idx="5996">
                  <c:v>0.10218561223485198</c:v>
                </c:pt>
                <c:pt idx="5997">
                  <c:v>0.10218561223485198</c:v>
                </c:pt>
                <c:pt idx="5998">
                  <c:v>0.10218561223485198</c:v>
                </c:pt>
                <c:pt idx="5999">
                  <c:v>0.10218561223485198</c:v>
                </c:pt>
                <c:pt idx="6000">
                  <c:v>6.8450430984928756E-2</c:v>
                </c:pt>
                <c:pt idx="6001">
                  <c:v>6.8450430984928756E-2</c:v>
                </c:pt>
                <c:pt idx="6002">
                  <c:v>6.8450430984928756E-2</c:v>
                </c:pt>
                <c:pt idx="6003">
                  <c:v>6.8450430984928756E-2</c:v>
                </c:pt>
                <c:pt idx="6004">
                  <c:v>6.8450430984928756E-2</c:v>
                </c:pt>
                <c:pt idx="6005">
                  <c:v>6.8450430984928756E-2</c:v>
                </c:pt>
                <c:pt idx="6006">
                  <c:v>6.8450430984928756E-2</c:v>
                </c:pt>
                <c:pt idx="6007">
                  <c:v>0.18547858718496821</c:v>
                </c:pt>
                <c:pt idx="6008">
                  <c:v>0.23184823398121027</c:v>
                </c:pt>
                <c:pt idx="6009">
                  <c:v>0.2550330573793313</c:v>
                </c:pt>
                <c:pt idx="6010">
                  <c:v>0.2550330573793313</c:v>
                </c:pt>
                <c:pt idx="6011">
                  <c:v>0.30140270417557335</c:v>
                </c:pt>
                <c:pt idx="6012">
                  <c:v>0.30140270417557335</c:v>
                </c:pt>
                <c:pt idx="6013">
                  <c:v>0.20866341058308924</c:v>
                </c:pt>
                <c:pt idx="6014">
                  <c:v>0.30140270417557335</c:v>
                </c:pt>
                <c:pt idx="6015">
                  <c:v>0.2550330573793313</c:v>
                </c:pt>
                <c:pt idx="6016">
                  <c:v>0.22080784188686695</c:v>
                </c:pt>
                <c:pt idx="6017">
                  <c:v>0.18547858718496821</c:v>
                </c:pt>
                <c:pt idx="6018">
                  <c:v>6.8450430984928756E-2</c:v>
                </c:pt>
                <c:pt idx="6019">
                  <c:v>6.8450430984928756E-2</c:v>
                </c:pt>
                <c:pt idx="6020">
                  <c:v>6.8450430984928756E-2</c:v>
                </c:pt>
                <c:pt idx="6021">
                  <c:v>6.8450430984928756E-2</c:v>
                </c:pt>
                <c:pt idx="6022">
                  <c:v>6.8450430984928756E-2</c:v>
                </c:pt>
                <c:pt idx="6023">
                  <c:v>6.8450430984928756E-2</c:v>
                </c:pt>
                <c:pt idx="6024">
                  <c:v>4.0554459411945874E-2</c:v>
                </c:pt>
                <c:pt idx="6025">
                  <c:v>7.9177754089989588E-2</c:v>
                </c:pt>
                <c:pt idx="6026">
                  <c:v>7.9177754089989588E-2</c:v>
                </c:pt>
                <c:pt idx="6027">
                  <c:v>7.9177754089989588E-2</c:v>
                </c:pt>
                <c:pt idx="6028">
                  <c:v>7.9177754089989588E-2</c:v>
                </c:pt>
                <c:pt idx="6029">
                  <c:v>9.8489401429011442E-2</c:v>
                </c:pt>
                <c:pt idx="6030">
                  <c:v>0.12359454296973985</c:v>
                </c:pt>
                <c:pt idx="6031">
                  <c:v>0.14097502557485947</c:v>
                </c:pt>
                <c:pt idx="6032">
                  <c:v>0.14097502557485947</c:v>
                </c:pt>
                <c:pt idx="6033">
                  <c:v>0.14097502557485947</c:v>
                </c:pt>
                <c:pt idx="6034">
                  <c:v>0.14097502557485947</c:v>
                </c:pt>
                <c:pt idx="6035">
                  <c:v>0.14097502557485947</c:v>
                </c:pt>
                <c:pt idx="6036">
                  <c:v>0.14097502557485947</c:v>
                </c:pt>
                <c:pt idx="6037">
                  <c:v>0.14097502557485947</c:v>
                </c:pt>
                <c:pt idx="6038">
                  <c:v>0.14097502557485947</c:v>
                </c:pt>
                <c:pt idx="6039">
                  <c:v>0.12745687243754417</c:v>
                </c:pt>
                <c:pt idx="6040">
                  <c:v>0.11586988403413109</c:v>
                </c:pt>
                <c:pt idx="6041">
                  <c:v>0.10428289563071799</c:v>
                </c:pt>
                <c:pt idx="6042">
                  <c:v>0.1004205661629136</c:v>
                </c:pt>
                <c:pt idx="6043">
                  <c:v>8.1108918823891749E-2</c:v>
                </c:pt>
                <c:pt idx="6044">
                  <c:v>5.9866106750967728E-2</c:v>
                </c:pt>
                <c:pt idx="6045">
                  <c:v>5.9866106750967728E-2</c:v>
                </c:pt>
                <c:pt idx="6046">
                  <c:v>5.9866106750967728E-2</c:v>
                </c:pt>
                <c:pt idx="6047">
                  <c:v>5.9866106750967728E-2</c:v>
                </c:pt>
                <c:pt idx="6048">
                  <c:v>8.0437926757833927E-2</c:v>
                </c:pt>
                <c:pt idx="6049">
                  <c:v>9.3411785912323256E-2</c:v>
                </c:pt>
                <c:pt idx="6050">
                  <c:v>9.3411785912323256E-2</c:v>
                </c:pt>
                <c:pt idx="6051">
                  <c:v>9.3411785912323256E-2</c:v>
                </c:pt>
                <c:pt idx="6052">
                  <c:v>9.3411785912323256E-2</c:v>
                </c:pt>
                <c:pt idx="6053">
                  <c:v>0.11676473239040408</c:v>
                </c:pt>
                <c:pt idx="6054">
                  <c:v>0.13752290703758704</c:v>
                </c:pt>
                <c:pt idx="6055">
                  <c:v>0.16347062534656573</c:v>
                </c:pt>
                <c:pt idx="6056">
                  <c:v>0.16347062534656573</c:v>
                </c:pt>
                <c:pt idx="6057">
                  <c:v>0.16347062534656573</c:v>
                </c:pt>
                <c:pt idx="6058">
                  <c:v>0.16347062534656573</c:v>
                </c:pt>
                <c:pt idx="6059">
                  <c:v>0.16347062534656573</c:v>
                </c:pt>
                <c:pt idx="6060">
                  <c:v>0.16347062534656573</c:v>
                </c:pt>
                <c:pt idx="6061">
                  <c:v>0.16347062534656573</c:v>
                </c:pt>
                <c:pt idx="6062">
                  <c:v>0.16347062534656573</c:v>
                </c:pt>
                <c:pt idx="6063">
                  <c:v>0.14530722253028064</c:v>
                </c:pt>
                <c:pt idx="6064">
                  <c:v>0.14271245069938274</c:v>
                </c:pt>
                <c:pt idx="6065">
                  <c:v>0.12195427605219984</c:v>
                </c:pt>
                <c:pt idx="6066">
                  <c:v>0.11416996055950622</c:v>
                </c:pt>
                <c:pt idx="6067">
                  <c:v>9.6006557743221144E-2</c:v>
                </c:pt>
                <c:pt idx="6068">
                  <c:v>8.0437926757833927E-2</c:v>
                </c:pt>
                <c:pt idx="6069">
                  <c:v>7.0058839434242459E-2</c:v>
                </c:pt>
                <c:pt idx="6070">
                  <c:v>7.0058839434242459E-2</c:v>
                </c:pt>
                <c:pt idx="6071">
                  <c:v>7.0058839434242459E-2</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1230305528836876</c:v>
                </c:pt>
                <c:pt idx="6145">
                  <c:v>0.1230305528836876</c:v>
                </c:pt>
                <c:pt idx="6146">
                  <c:v>0.1230305528836876</c:v>
                </c:pt>
                <c:pt idx="6147">
                  <c:v>0.1230305528836876</c:v>
                </c:pt>
                <c:pt idx="6148">
                  <c:v>0.1230305528836876</c:v>
                </c:pt>
                <c:pt idx="6149">
                  <c:v>0.1230305528836876</c:v>
                </c:pt>
                <c:pt idx="6150">
                  <c:v>0.1230305528836876</c:v>
                </c:pt>
                <c:pt idx="6151">
                  <c:v>0.33894917319455925</c:v>
                </c:pt>
                <c:pt idx="6152">
                  <c:v>0.37819591956445558</c:v>
                </c:pt>
                <c:pt idx="6153">
                  <c:v>0.41744266593435203</c:v>
                </c:pt>
                <c:pt idx="6154">
                  <c:v>0.41744266593435203</c:v>
                </c:pt>
                <c:pt idx="6155">
                  <c:v>0.49950404470777149</c:v>
                </c:pt>
                <c:pt idx="6156">
                  <c:v>0.49950404470777149</c:v>
                </c:pt>
                <c:pt idx="6157">
                  <c:v>0.33181340112730534</c:v>
                </c:pt>
                <c:pt idx="6158">
                  <c:v>0.49950404470777149</c:v>
                </c:pt>
                <c:pt idx="6159">
                  <c:v>0.49950404470777149</c:v>
                </c:pt>
                <c:pt idx="6160">
                  <c:v>0.4173811506579102</c:v>
                </c:pt>
                <c:pt idx="6161">
                  <c:v>0.33187491640374722</c:v>
                </c:pt>
                <c:pt idx="6162">
                  <c:v>0.1230305528836876</c:v>
                </c:pt>
                <c:pt idx="6163">
                  <c:v>0.1230305528836876</c:v>
                </c:pt>
                <c:pt idx="6164">
                  <c:v>0.1230305528836876</c:v>
                </c:pt>
                <c:pt idx="6165">
                  <c:v>0.1230305528836876</c:v>
                </c:pt>
                <c:pt idx="6166">
                  <c:v>0.1230305528836876</c:v>
                </c:pt>
                <c:pt idx="6167">
                  <c:v>0.1230305528836876</c:v>
                </c:pt>
                <c:pt idx="6168">
                  <c:v>0.20425766713481794</c:v>
                </c:pt>
                <c:pt idx="6169">
                  <c:v>0.20425766713481794</c:v>
                </c:pt>
                <c:pt idx="6170">
                  <c:v>0.20425766713481794</c:v>
                </c:pt>
                <c:pt idx="6171">
                  <c:v>0.20425766713481794</c:v>
                </c:pt>
                <c:pt idx="6172">
                  <c:v>0.20425766713481794</c:v>
                </c:pt>
                <c:pt idx="6173">
                  <c:v>0.20425766713481794</c:v>
                </c:pt>
                <c:pt idx="6174">
                  <c:v>0.20425766713481794</c:v>
                </c:pt>
                <c:pt idx="6175">
                  <c:v>0.55347238836531309</c:v>
                </c:pt>
                <c:pt idx="6176">
                  <c:v>0.69184048545664123</c:v>
                </c:pt>
                <c:pt idx="6177">
                  <c:v>0.76102453400230552</c:v>
                </c:pt>
                <c:pt idx="6178">
                  <c:v>0.76102453400230552</c:v>
                </c:pt>
                <c:pt idx="6179">
                  <c:v>0.89939263109363388</c:v>
                </c:pt>
                <c:pt idx="6180">
                  <c:v>0.89939263109363388</c:v>
                </c:pt>
                <c:pt idx="6181">
                  <c:v>0.62265643691097727</c:v>
                </c:pt>
                <c:pt idx="6182">
                  <c:v>0.89939263109363388</c:v>
                </c:pt>
                <c:pt idx="6183">
                  <c:v>0.76102453400230552</c:v>
                </c:pt>
                <c:pt idx="6184">
                  <c:v>0.65889570043489665</c:v>
                </c:pt>
                <c:pt idx="6185">
                  <c:v>0.55347238836531309</c:v>
                </c:pt>
                <c:pt idx="6186">
                  <c:v>0.20425766713481794</c:v>
                </c:pt>
                <c:pt idx="6187">
                  <c:v>0.20425766713481794</c:v>
                </c:pt>
                <c:pt idx="6188">
                  <c:v>0.20425766713481794</c:v>
                </c:pt>
                <c:pt idx="6189">
                  <c:v>0.20425766713481794</c:v>
                </c:pt>
                <c:pt idx="6190">
                  <c:v>0.20425766713481794</c:v>
                </c:pt>
                <c:pt idx="6191">
                  <c:v>0.20425766713481794</c:v>
                </c:pt>
                <c:pt idx="6192">
                  <c:v>8.4895199649983419E-2</c:v>
                </c:pt>
                <c:pt idx="6193">
                  <c:v>0.16574777074520575</c:v>
                </c:pt>
                <c:pt idx="6194">
                  <c:v>0.16574777074520575</c:v>
                </c:pt>
                <c:pt idx="6195">
                  <c:v>0.16574777074520575</c:v>
                </c:pt>
                <c:pt idx="6196">
                  <c:v>0.16574777074520575</c:v>
                </c:pt>
                <c:pt idx="6197">
                  <c:v>0.2061740562928169</c:v>
                </c:pt>
                <c:pt idx="6198">
                  <c:v>0.25872822750471136</c:v>
                </c:pt>
                <c:pt idx="6199">
                  <c:v>0.29511188449756148</c:v>
                </c:pt>
                <c:pt idx="6200">
                  <c:v>0.29511188449756148</c:v>
                </c:pt>
                <c:pt idx="6201">
                  <c:v>0.29511188449756148</c:v>
                </c:pt>
                <c:pt idx="6202">
                  <c:v>0.29511188449756148</c:v>
                </c:pt>
                <c:pt idx="6203">
                  <c:v>0.29511188449756148</c:v>
                </c:pt>
                <c:pt idx="6204">
                  <c:v>0.29511188449756148</c:v>
                </c:pt>
                <c:pt idx="6205">
                  <c:v>0.29511188449756148</c:v>
                </c:pt>
                <c:pt idx="6206">
                  <c:v>0.29511188449756148</c:v>
                </c:pt>
                <c:pt idx="6207">
                  <c:v>0.2668134846142336</c:v>
                </c:pt>
                <c:pt idx="6208">
                  <c:v>0.24255771328566691</c:v>
                </c:pt>
                <c:pt idx="6209">
                  <c:v>0.21830194195710026</c:v>
                </c:pt>
                <c:pt idx="6210">
                  <c:v>0.21021668484757799</c:v>
                </c:pt>
                <c:pt idx="6211">
                  <c:v>0.16979039929996684</c:v>
                </c:pt>
                <c:pt idx="6212">
                  <c:v>0.12532148519759459</c:v>
                </c:pt>
                <c:pt idx="6213">
                  <c:v>0.12532148519759459</c:v>
                </c:pt>
                <c:pt idx="6214">
                  <c:v>0.12532148519759459</c:v>
                </c:pt>
                <c:pt idx="6215">
                  <c:v>0.12532148519759459</c:v>
                </c:pt>
                <c:pt idx="6216">
                  <c:v>0.12176662808199451</c:v>
                </c:pt>
                <c:pt idx="6217">
                  <c:v>0.14140640680489683</c:v>
                </c:pt>
                <c:pt idx="6218">
                  <c:v>0.14140640680489683</c:v>
                </c:pt>
                <c:pt idx="6219">
                  <c:v>0.14140640680489683</c:v>
                </c:pt>
                <c:pt idx="6220">
                  <c:v>0.14140640680489683</c:v>
                </c:pt>
                <c:pt idx="6221">
                  <c:v>0.17675800850612108</c:v>
                </c:pt>
                <c:pt idx="6222">
                  <c:v>0.20818165446276482</c:v>
                </c:pt>
                <c:pt idx="6223">
                  <c:v>0.24746121190856948</c:v>
                </c:pt>
                <c:pt idx="6224">
                  <c:v>0.24746121190856948</c:v>
                </c:pt>
                <c:pt idx="6225">
                  <c:v>0.24746121190856948</c:v>
                </c:pt>
                <c:pt idx="6226">
                  <c:v>0.24746121190856948</c:v>
                </c:pt>
                <c:pt idx="6227">
                  <c:v>0.24746121190856948</c:v>
                </c:pt>
                <c:pt idx="6228">
                  <c:v>0.24746121190856948</c:v>
                </c:pt>
                <c:pt idx="6229">
                  <c:v>0.24746121190856948</c:v>
                </c:pt>
                <c:pt idx="6230">
                  <c:v>0.24746121190856948</c:v>
                </c:pt>
                <c:pt idx="6231">
                  <c:v>0.21996552169650621</c:v>
                </c:pt>
                <c:pt idx="6232">
                  <c:v>0.21603756595192572</c:v>
                </c:pt>
                <c:pt idx="6233">
                  <c:v>0.18461391999528201</c:v>
                </c:pt>
                <c:pt idx="6234">
                  <c:v>0.17283005276154059</c:v>
                </c:pt>
                <c:pt idx="6235">
                  <c:v>0.14533436254947732</c:v>
                </c:pt>
                <c:pt idx="6236">
                  <c:v>0.12176662808199451</c:v>
                </c:pt>
                <c:pt idx="6237">
                  <c:v>0.10605480510367264</c:v>
                </c:pt>
                <c:pt idx="6238">
                  <c:v>0.10605480510367264</c:v>
                </c:pt>
                <c:pt idx="6239">
                  <c:v>0.10605480510367264</c:v>
                </c:pt>
                <c:pt idx="6240">
                  <c:v>3.6475432750246908E-2</c:v>
                </c:pt>
                <c:pt idx="6241">
                  <c:v>3.6475432750246908E-2</c:v>
                </c:pt>
                <c:pt idx="6242">
                  <c:v>3.6475432750246908E-2</c:v>
                </c:pt>
                <c:pt idx="6243">
                  <c:v>3.6475432750246908E-2</c:v>
                </c:pt>
                <c:pt idx="6244">
                  <c:v>3.6475432750246908E-2</c:v>
                </c:pt>
                <c:pt idx="6245">
                  <c:v>3.6475432750246908E-2</c:v>
                </c:pt>
                <c:pt idx="6246">
                  <c:v>3.6475432750246908E-2</c:v>
                </c:pt>
                <c:pt idx="6247">
                  <c:v>0.15866813246357403</c:v>
                </c:pt>
                <c:pt idx="6248">
                  <c:v>0.17850164902152077</c:v>
                </c:pt>
                <c:pt idx="6249">
                  <c:v>0.19833516557946754</c:v>
                </c:pt>
                <c:pt idx="6250">
                  <c:v>0.19833516557946754</c:v>
                </c:pt>
                <c:pt idx="6251">
                  <c:v>0.23800219869536099</c:v>
                </c:pt>
                <c:pt idx="6252">
                  <c:v>0.23800219869536099</c:v>
                </c:pt>
                <c:pt idx="6253">
                  <c:v>0.15866813246357403</c:v>
                </c:pt>
                <c:pt idx="6254">
                  <c:v>0.23800219869536099</c:v>
                </c:pt>
                <c:pt idx="6255">
                  <c:v>0.23800219869536099</c:v>
                </c:pt>
                <c:pt idx="6256">
                  <c:v>0.19833516557946754</c:v>
                </c:pt>
                <c:pt idx="6257">
                  <c:v>0.1595800182823302</c:v>
                </c:pt>
                <c:pt idx="6258">
                  <c:v>5.6992863672260786E-2</c:v>
                </c:pt>
                <c:pt idx="6259">
                  <c:v>5.6992863672260786E-2</c:v>
                </c:pt>
                <c:pt idx="6260">
                  <c:v>5.6992863672260786E-2</c:v>
                </c:pt>
                <c:pt idx="6261">
                  <c:v>5.6992863672260786E-2</c:v>
                </c:pt>
                <c:pt idx="6262">
                  <c:v>5.6992863672260786E-2</c:v>
                </c:pt>
                <c:pt idx="6263">
                  <c:v>5.6992863672260786E-2</c:v>
                </c:pt>
                <c:pt idx="6264">
                  <c:v>0.13915817995446725</c:v>
                </c:pt>
                <c:pt idx="6265">
                  <c:v>0.13915817995446725</c:v>
                </c:pt>
                <c:pt idx="6266">
                  <c:v>0.13915817995446725</c:v>
                </c:pt>
                <c:pt idx="6267">
                  <c:v>0.13915817995446725</c:v>
                </c:pt>
                <c:pt idx="6268">
                  <c:v>0.13915817995446725</c:v>
                </c:pt>
                <c:pt idx="6269">
                  <c:v>0.13915817995446725</c:v>
                </c:pt>
                <c:pt idx="6270">
                  <c:v>0.13915817995446725</c:v>
                </c:pt>
                <c:pt idx="6271">
                  <c:v>0.40086533773980398</c:v>
                </c:pt>
                <c:pt idx="6272">
                  <c:v>0.44728132421493921</c:v>
                </c:pt>
                <c:pt idx="6273">
                  <c:v>0.49369731069007439</c:v>
                </c:pt>
                <c:pt idx="6274">
                  <c:v>0.49369731069007439</c:v>
                </c:pt>
                <c:pt idx="6275">
                  <c:v>0.59074891877444802</c:v>
                </c:pt>
                <c:pt idx="6276">
                  <c:v>0.59074891877444802</c:v>
                </c:pt>
                <c:pt idx="6277">
                  <c:v>0.39242606747159758</c:v>
                </c:pt>
                <c:pt idx="6278">
                  <c:v>0.59074891877444802</c:v>
                </c:pt>
                <c:pt idx="6279">
                  <c:v>0.59074891877444802</c:v>
                </c:pt>
                <c:pt idx="6280">
                  <c:v>0.49378709016101274</c:v>
                </c:pt>
                <c:pt idx="6281">
                  <c:v>0.39233628800065923</c:v>
                </c:pt>
                <c:pt idx="6282">
                  <c:v>0.13915817995446725</c:v>
                </c:pt>
                <c:pt idx="6283">
                  <c:v>0.13915817995446725</c:v>
                </c:pt>
                <c:pt idx="6284">
                  <c:v>0.13915817995446725</c:v>
                </c:pt>
                <c:pt idx="6285">
                  <c:v>0.13915817995446725</c:v>
                </c:pt>
                <c:pt idx="6286">
                  <c:v>0.13915817995446725</c:v>
                </c:pt>
                <c:pt idx="6287">
                  <c:v>0.13915817995446725</c:v>
                </c:pt>
                <c:pt idx="6288">
                  <c:v>0.12824178804589634</c:v>
                </c:pt>
                <c:pt idx="6289">
                  <c:v>0.12824178804589634</c:v>
                </c:pt>
                <c:pt idx="6290">
                  <c:v>0.12824178804589634</c:v>
                </c:pt>
                <c:pt idx="6291">
                  <c:v>0.12824178804589634</c:v>
                </c:pt>
                <c:pt idx="6292">
                  <c:v>0.12824178804589634</c:v>
                </c:pt>
                <c:pt idx="6293">
                  <c:v>0.12824178804589634</c:v>
                </c:pt>
                <c:pt idx="6294">
                  <c:v>0.12824178804589634</c:v>
                </c:pt>
                <c:pt idx="6295">
                  <c:v>0.35330612606644435</c:v>
                </c:pt>
                <c:pt idx="6296">
                  <c:v>0.39421525645308536</c:v>
                </c:pt>
                <c:pt idx="6297">
                  <c:v>0.43512438683972626</c:v>
                </c:pt>
                <c:pt idx="6298">
                  <c:v>0.43512438683972626</c:v>
                </c:pt>
                <c:pt idx="6299">
                  <c:v>0.52066165946633913</c:v>
                </c:pt>
                <c:pt idx="6300">
                  <c:v>0.52066165946633913</c:v>
                </c:pt>
                <c:pt idx="6301">
                  <c:v>0.34586810235978249</c:v>
                </c:pt>
                <c:pt idx="6302">
                  <c:v>0.52066165946633913</c:v>
                </c:pt>
                <c:pt idx="6303">
                  <c:v>0.52066165946633913</c:v>
                </c:pt>
                <c:pt idx="6304">
                  <c:v>0.43506026594570341</c:v>
                </c:pt>
                <c:pt idx="6305">
                  <c:v>0.3459322232538054</c:v>
                </c:pt>
                <c:pt idx="6306">
                  <c:v>0.12824178804589634</c:v>
                </c:pt>
                <c:pt idx="6307">
                  <c:v>0.12824178804589634</c:v>
                </c:pt>
                <c:pt idx="6308">
                  <c:v>0.12824178804589634</c:v>
                </c:pt>
                <c:pt idx="6309">
                  <c:v>0.12824178804589634</c:v>
                </c:pt>
                <c:pt idx="6310">
                  <c:v>0.12824178804589634</c:v>
                </c:pt>
                <c:pt idx="6311">
                  <c:v>0.12824178804589634</c:v>
                </c:pt>
                <c:pt idx="6312">
                  <c:v>4.4862025450554469E-2</c:v>
                </c:pt>
                <c:pt idx="6313">
                  <c:v>4.4862025450554469E-2</c:v>
                </c:pt>
                <c:pt idx="6314">
                  <c:v>4.4862025450554469E-2</c:v>
                </c:pt>
                <c:pt idx="6315">
                  <c:v>4.4862025450554469E-2</c:v>
                </c:pt>
                <c:pt idx="6316">
                  <c:v>4.4862025450554469E-2</c:v>
                </c:pt>
                <c:pt idx="6317">
                  <c:v>4.4862025450554469E-2</c:v>
                </c:pt>
                <c:pt idx="6318">
                  <c:v>4.4862025450554469E-2</c:v>
                </c:pt>
                <c:pt idx="6319">
                  <c:v>0.12359488011627755</c:v>
                </c:pt>
                <c:pt idx="6320">
                  <c:v>0.13790586623500445</c:v>
                </c:pt>
                <c:pt idx="6321">
                  <c:v>0.15221685235373131</c:v>
                </c:pt>
                <c:pt idx="6322">
                  <c:v>0.15221685235373131</c:v>
                </c:pt>
                <c:pt idx="6323">
                  <c:v>0.1821398233292511</c:v>
                </c:pt>
                <c:pt idx="6324">
                  <c:v>0.1821398233292511</c:v>
                </c:pt>
                <c:pt idx="6325">
                  <c:v>0.12099288264014539</c:v>
                </c:pt>
                <c:pt idx="6326">
                  <c:v>0.1821398233292511</c:v>
                </c:pt>
                <c:pt idx="6327">
                  <c:v>0.1821398233292511</c:v>
                </c:pt>
                <c:pt idx="6328">
                  <c:v>0.15219442134100605</c:v>
                </c:pt>
                <c:pt idx="6329">
                  <c:v>0.12101531365287067</c:v>
                </c:pt>
                <c:pt idx="6330">
                  <c:v>4.4862025450554469E-2</c:v>
                </c:pt>
                <c:pt idx="6331">
                  <c:v>4.4862025450554469E-2</c:v>
                </c:pt>
                <c:pt idx="6332">
                  <c:v>4.4862025450554469E-2</c:v>
                </c:pt>
                <c:pt idx="6333">
                  <c:v>4.4862025450554469E-2</c:v>
                </c:pt>
                <c:pt idx="6334">
                  <c:v>4.4862025450554469E-2</c:v>
                </c:pt>
                <c:pt idx="6335">
                  <c:v>4.4862025450554469E-2</c:v>
                </c:pt>
                <c:pt idx="6336">
                  <c:v>8.3540123890471815E-2</c:v>
                </c:pt>
                <c:pt idx="6337">
                  <c:v>8.3540123890471815E-2</c:v>
                </c:pt>
                <c:pt idx="6338">
                  <c:v>8.3540123890471815E-2</c:v>
                </c:pt>
                <c:pt idx="6339">
                  <c:v>8.3540123890471815E-2</c:v>
                </c:pt>
                <c:pt idx="6340">
                  <c:v>8.3540123890471815E-2</c:v>
                </c:pt>
                <c:pt idx="6341">
                  <c:v>8.3540123890471815E-2</c:v>
                </c:pt>
                <c:pt idx="6342">
                  <c:v>8.3540123890471815E-2</c:v>
                </c:pt>
                <c:pt idx="6343">
                  <c:v>0.2263667873161172</c:v>
                </c:pt>
                <c:pt idx="6344">
                  <c:v>0.28295848414514652</c:v>
                </c:pt>
                <c:pt idx="6345">
                  <c:v>0.31125433255966117</c:v>
                </c:pt>
                <c:pt idx="6346">
                  <c:v>0.31125433255966117</c:v>
                </c:pt>
                <c:pt idx="6347">
                  <c:v>0.36784602938869049</c:v>
                </c:pt>
                <c:pt idx="6348">
                  <c:v>0.36784602938869049</c:v>
                </c:pt>
                <c:pt idx="6349">
                  <c:v>0.25466263573063186</c:v>
                </c:pt>
                <c:pt idx="6350">
                  <c:v>0.36784602938869049</c:v>
                </c:pt>
                <c:pt idx="6351">
                  <c:v>0.31125433255966117</c:v>
                </c:pt>
                <c:pt idx="6352">
                  <c:v>0.26948427061442526</c:v>
                </c:pt>
                <c:pt idx="6353">
                  <c:v>0.2263667873161172</c:v>
                </c:pt>
                <c:pt idx="6354">
                  <c:v>8.3540123890471815E-2</c:v>
                </c:pt>
                <c:pt idx="6355">
                  <c:v>8.3540123890471815E-2</c:v>
                </c:pt>
                <c:pt idx="6356">
                  <c:v>8.3540123890471815E-2</c:v>
                </c:pt>
                <c:pt idx="6357">
                  <c:v>8.3540123890471815E-2</c:v>
                </c:pt>
                <c:pt idx="6358">
                  <c:v>8.3540123890471815E-2</c:v>
                </c:pt>
                <c:pt idx="6359">
                  <c:v>8.3540123890471815E-2</c:v>
                </c:pt>
                <c:pt idx="6360">
                  <c:v>0.18343017795673341</c:v>
                </c:pt>
                <c:pt idx="6361">
                  <c:v>0.35812558553457485</c:v>
                </c:pt>
                <c:pt idx="6362">
                  <c:v>0.35812558553457485</c:v>
                </c:pt>
                <c:pt idx="6363">
                  <c:v>0.35812558553457485</c:v>
                </c:pt>
                <c:pt idx="6364">
                  <c:v>0.35812558553457485</c:v>
                </c:pt>
                <c:pt idx="6365">
                  <c:v>0.4454732893234955</c:v>
                </c:pt>
                <c:pt idx="6366">
                  <c:v>0.55902530424909236</c:v>
                </c:pt>
                <c:pt idx="6367">
                  <c:v>0.63763823765912098</c:v>
                </c:pt>
                <c:pt idx="6368">
                  <c:v>0.63763823765912098</c:v>
                </c:pt>
                <c:pt idx="6369">
                  <c:v>0.63763823765912098</c:v>
                </c:pt>
                <c:pt idx="6370">
                  <c:v>0.63763823765912098</c:v>
                </c:pt>
                <c:pt idx="6371">
                  <c:v>0.63763823765912098</c:v>
                </c:pt>
                <c:pt idx="6372">
                  <c:v>0.63763823765912098</c:v>
                </c:pt>
                <c:pt idx="6373">
                  <c:v>0.63763823765912098</c:v>
                </c:pt>
                <c:pt idx="6374">
                  <c:v>0.63763823765912098</c:v>
                </c:pt>
                <c:pt idx="6375">
                  <c:v>0.57649484500687653</c:v>
                </c:pt>
                <c:pt idx="6376">
                  <c:v>0.52408622273352401</c:v>
                </c:pt>
                <c:pt idx="6377">
                  <c:v>0.47167760046017165</c:v>
                </c:pt>
                <c:pt idx="6378">
                  <c:v>0.45420805970238748</c:v>
                </c:pt>
                <c:pt idx="6379">
                  <c:v>0.36686035591346683</c:v>
                </c:pt>
                <c:pt idx="6380">
                  <c:v>0.27077788174565409</c:v>
                </c:pt>
                <c:pt idx="6381">
                  <c:v>0.27077788174565409</c:v>
                </c:pt>
                <c:pt idx="6382">
                  <c:v>0.27077788174565409</c:v>
                </c:pt>
                <c:pt idx="6383">
                  <c:v>0.27077788174565409</c:v>
                </c:pt>
                <c:pt idx="6384">
                  <c:v>0.38213744642420588</c:v>
                </c:pt>
                <c:pt idx="6385">
                  <c:v>0.44377251842811011</c:v>
                </c:pt>
                <c:pt idx="6386">
                  <c:v>0.44377251842811011</c:v>
                </c:pt>
                <c:pt idx="6387">
                  <c:v>0.44377251842811011</c:v>
                </c:pt>
                <c:pt idx="6388">
                  <c:v>0.44377251842811011</c:v>
                </c:pt>
                <c:pt idx="6389">
                  <c:v>0.55471564803513762</c:v>
                </c:pt>
                <c:pt idx="6390">
                  <c:v>0.65333176324138431</c:v>
                </c:pt>
                <c:pt idx="6391">
                  <c:v>0.77660190724919265</c:v>
                </c:pt>
                <c:pt idx="6392">
                  <c:v>0.77660190724919265</c:v>
                </c:pt>
                <c:pt idx="6393">
                  <c:v>0.77660190724919265</c:v>
                </c:pt>
                <c:pt idx="6394">
                  <c:v>0.77660190724919265</c:v>
                </c:pt>
                <c:pt idx="6395">
                  <c:v>0.77660190724919265</c:v>
                </c:pt>
                <c:pt idx="6396">
                  <c:v>0.77660190724919265</c:v>
                </c:pt>
                <c:pt idx="6397">
                  <c:v>0.77660190724919265</c:v>
                </c:pt>
                <c:pt idx="6398">
                  <c:v>0.77660190724919265</c:v>
                </c:pt>
                <c:pt idx="6399">
                  <c:v>0.69031280644372683</c:v>
                </c:pt>
                <c:pt idx="6400">
                  <c:v>0.67798579204294596</c:v>
                </c:pt>
                <c:pt idx="6401">
                  <c:v>0.57936967683669938</c:v>
                </c:pt>
                <c:pt idx="6402">
                  <c:v>0.54238863363435674</c:v>
                </c:pt>
                <c:pt idx="6403">
                  <c:v>0.45609953282889099</c:v>
                </c:pt>
                <c:pt idx="6404">
                  <c:v>0.38213744642420588</c:v>
                </c:pt>
                <c:pt idx="6405">
                  <c:v>0.33282938882108259</c:v>
                </c:pt>
                <c:pt idx="6406">
                  <c:v>0.33282938882108259</c:v>
                </c:pt>
                <c:pt idx="6407">
                  <c:v>0.33282938882108259</c:v>
                </c:pt>
                <c:pt idx="6408">
                  <c:v>0.2015115543958447</c:v>
                </c:pt>
                <c:pt idx="6409">
                  <c:v>0.2015115543958447</c:v>
                </c:pt>
                <c:pt idx="6410">
                  <c:v>0.2015115543958447</c:v>
                </c:pt>
                <c:pt idx="6411">
                  <c:v>0.2015115543958447</c:v>
                </c:pt>
                <c:pt idx="6412">
                  <c:v>0.2015115543958447</c:v>
                </c:pt>
                <c:pt idx="6413">
                  <c:v>0.2015115543958447</c:v>
                </c:pt>
                <c:pt idx="6414">
                  <c:v>0.2015115543958447</c:v>
                </c:pt>
                <c:pt idx="6415">
                  <c:v>0.87657526162192434</c:v>
                </c:pt>
                <c:pt idx="6416">
                  <c:v>0.98614716932466495</c:v>
                </c:pt>
                <c:pt idx="6417">
                  <c:v>1.0957190770274052</c:v>
                </c:pt>
                <c:pt idx="6418">
                  <c:v>1.0957190770274052</c:v>
                </c:pt>
                <c:pt idx="6419">
                  <c:v>1.3148628924328865</c:v>
                </c:pt>
                <c:pt idx="6420">
                  <c:v>1.3148628924328865</c:v>
                </c:pt>
                <c:pt idx="6421">
                  <c:v>0.87657526162192434</c:v>
                </c:pt>
                <c:pt idx="6422">
                  <c:v>1.3148628924328865</c:v>
                </c:pt>
                <c:pt idx="6423">
                  <c:v>1.3148628924328865</c:v>
                </c:pt>
                <c:pt idx="6424">
                  <c:v>1.0957190770274052</c:v>
                </c:pt>
                <c:pt idx="6425">
                  <c:v>0.88161305048182048</c:v>
                </c:pt>
                <c:pt idx="6426">
                  <c:v>0.31486180374350731</c:v>
                </c:pt>
                <c:pt idx="6427">
                  <c:v>0.31486180374350731</c:v>
                </c:pt>
                <c:pt idx="6428">
                  <c:v>0.31486180374350731</c:v>
                </c:pt>
                <c:pt idx="6429">
                  <c:v>0.31486180374350731</c:v>
                </c:pt>
                <c:pt idx="6430">
                  <c:v>0.31486180374350731</c:v>
                </c:pt>
                <c:pt idx="6431">
                  <c:v>0.31486180374350731</c:v>
                </c:pt>
                <c:pt idx="6432">
                  <c:v>0.15427929577514976</c:v>
                </c:pt>
                <c:pt idx="6433">
                  <c:v>0.15427929577514976</c:v>
                </c:pt>
                <c:pt idx="6434">
                  <c:v>0.15427929577514976</c:v>
                </c:pt>
                <c:pt idx="6435">
                  <c:v>0.15427929577514976</c:v>
                </c:pt>
                <c:pt idx="6436">
                  <c:v>0.15427929577514976</c:v>
                </c:pt>
                <c:pt idx="6437">
                  <c:v>0.15427929577514976</c:v>
                </c:pt>
                <c:pt idx="6438">
                  <c:v>0.15427929577514976</c:v>
                </c:pt>
                <c:pt idx="6439">
                  <c:v>0.44442390686196365</c:v>
                </c:pt>
                <c:pt idx="6440">
                  <c:v>0.49588351713019113</c:v>
                </c:pt>
                <c:pt idx="6441">
                  <c:v>0.54734312739841851</c:v>
                </c:pt>
                <c:pt idx="6442">
                  <c:v>0.54734312739841851</c:v>
                </c:pt>
                <c:pt idx="6443">
                  <c:v>0.65494049432289392</c:v>
                </c:pt>
                <c:pt idx="6444">
                  <c:v>0.65494049432289392</c:v>
                </c:pt>
                <c:pt idx="6445">
                  <c:v>0.43506761408592232</c:v>
                </c:pt>
                <c:pt idx="6446">
                  <c:v>0.65494049432289392</c:v>
                </c:pt>
                <c:pt idx="6447">
                  <c:v>0.65494049432289392</c:v>
                </c:pt>
                <c:pt idx="6448">
                  <c:v>0.54744266242795081</c:v>
                </c:pt>
                <c:pt idx="6449">
                  <c:v>0.43496807905639007</c:v>
                </c:pt>
                <c:pt idx="6450">
                  <c:v>0.15427929577514976</c:v>
                </c:pt>
                <c:pt idx="6451">
                  <c:v>0.15427929577514976</c:v>
                </c:pt>
                <c:pt idx="6452">
                  <c:v>0.15427929577514976</c:v>
                </c:pt>
                <c:pt idx="6453">
                  <c:v>0.15427929577514976</c:v>
                </c:pt>
                <c:pt idx="6454">
                  <c:v>0.15427929577514976</c:v>
                </c:pt>
                <c:pt idx="6455">
                  <c:v>0.15427929577514976</c:v>
                </c:pt>
                <c:pt idx="6456">
                  <c:v>0.10739684739706089</c:v>
                </c:pt>
                <c:pt idx="6457">
                  <c:v>0.10739684739706089</c:v>
                </c:pt>
                <c:pt idx="6458">
                  <c:v>0.10739684739706089</c:v>
                </c:pt>
                <c:pt idx="6459">
                  <c:v>0.10739684739706089</c:v>
                </c:pt>
                <c:pt idx="6460">
                  <c:v>0.10739684739706089</c:v>
                </c:pt>
                <c:pt idx="6461">
                  <c:v>0.10739684739706089</c:v>
                </c:pt>
                <c:pt idx="6462">
                  <c:v>0.10739684739706089</c:v>
                </c:pt>
                <c:pt idx="6463">
                  <c:v>0.29587831457890268</c:v>
                </c:pt>
                <c:pt idx="6464">
                  <c:v>0.33013790889856509</c:v>
                </c:pt>
                <c:pt idx="6465">
                  <c:v>0.3643975032182275</c:v>
                </c:pt>
                <c:pt idx="6466">
                  <c:v>0.3643975032182275</c:v>
                </c:pt>
                <c:pt idx="6467">
                  <c:v>0.43603120043206706</c:v>
                </c:pt>
                <c:pt idx="6468">
                  <c:v>0.43603120043206706</c:v>
                </c:pt>
                <c:pt idx="6469">
                  <c:v>0.28964929742987316</c:v>
                </c:pt>
                <c:pt idx="6470">
                  <c:v>0.43603120043206706</c:v>
                </c:pt>
                <c:pt idx="6471">
                  <c:v>0.43603120043206706</c:v>
                </c:pt>
                <c:pt idx="6472">
                  <c:v>0.36434380479452905</c:v>
                </c:pt>
                <c:pt idx="6473">
                  <c:v>0.28970299585357168</c:v>
                </c:pt>
                <c:pt idx="6474">
                  <c:v>0.10739684739706089</c:v>
                </c:pt>
                <c:pt idx="6475">
                  <c:v>0.10739684739706089</c:v>
                </c:pt>
                <c:pt idx="6476">
                  <c:v>0.10739684739706089</c:v>
                </c:pt>
                <c:pt idx="6477">
                  <c:v>0.10739684739706089</c:v>
                </c:pt>
                <c:pt idx="6478">
                  <c:v>0.10739684739706089</c:v>
                </c:pt>
                <c:pt idx="6479">
                  <c:v>0.10739684739706089</c:v>
                </c:pt>
                <c:pt idx="6480">
                  <c:v>9.6974377072643211E-2</c:v>
                </c:pt>
                <c:pt idx="6481">
                  <c:v>9.6974377072643211E-2</c:v>
                </c:pt>
                <c:pt idx="6482">
                  <c:v>9.6974377072643211E-2</c:v>
                </c:pt>
                <c:pt idx="6483">
                  <c:v>9.6974377072643211E-2</c:v>
                </c:pt>
                <c:pt idx="6484">
                  <c:v>9.6974377072643211E-2</c:v>
                </c:pt>
                <c:pt idx="6485">
                  <c:v>9.6974377072643211E-2</c:v>
                </c:pt>
                <c:pt idx="6486">
                  <c:v>9.6974377072643211E-2</c:v>
                </c:pt>
                <c:pt idx="6487">
                  <c:v>0.26716440883513204</c:v>
                </c:pt>
                <c:pt idx="6488">
                  <c:v>0.29809923512130521</c:v>
                </c:pt>
                <c:pt idx="6489">
                  <c:v>0.32903406140747837</c:v>
                </c:pt>
                <c:pt idx="6490">
                  <c:v>0.32903406140747837</c:v>
                </c:pt>
                <c:pt idx="6491">
                  <c:v>0.39371597091493138</c:v>
                </c:pt>
                <c:pt idx="6492">
                  <c:v>0.39371597091493138</c:v>
                </c:pt>
                <c:pt idx="6493">
                  <c:v>0.2615398949649187</c:v>
                </c:pt>
                <c:pt idx="6494">
                  <c:v>0.39371597091493138</c:v>
                </c:pt>
                <c:pt idx="6495">
                  <c:v>0.39371597091493138</c:v>
                </c:pt>
                <c:pt idx="6496">
                  <c:v>0.32898557421894215</c:v>
                </c:pt>
                <c:pt idx="6497">
                  <c:v>0.26158838215345503</c:v>
                </c:pt>
                <c:pt idx="6498">
                  <c:v>9.6974377072643211E-2</c:v>
                </c:pt>
                <c:pt idx="6499">
                  <c:v>9.6974377072643211E-2</c:v>
                </c:pt>
                <c:pt idx="6500">
                  <c:v>9.6974377072643211E-2</c:v>
                </c:pt>
                <c:pt idx="6501">
                  <c:v>9.6974377072643211E-2</c:v>
                </c:pt>
                <c:pt idx="6502">
                  <c:v>9.6974377072643211E-2</c:v>
                </c:pt>
                <c:pt idx="6503">
                  <c:v>9.6974377072643211E-2</c:v>
                </c:pt>
                <c:pt idx="6504">
                  <c:v>0.14892879314782592</c:v>
                </c:pt>
                <c:pt idx="6505">
                  <c:v>0.14892879314782592</c:v>
                </c:pt>
                <c:pt idx="6506">
                  <c:v>0.14892879314782592</c:v>
                </c:pt>
                <c:pt idx="6507">
                  <c:v>0.14892879314782592</c:v>
                </c:pt>
                <c:pt idx="6508">
                  <c:v>0.14892879314782592</c:v>
                </c:pt>
                <c:pt idx="6509">
                  <c:v>0.14892879314782592</c:v>
                </c:pt>
                <c:pt idx="6510">
                  <c:v>0.14892879314782592</c:v>
                </c:pt>
                <c:pt idx="6511">
                  <c:v>0.40354898788443144</c:v>
                </c:pt>
                <c:pt idx="6512">
                  <c:v>0.50443623485553934</c:v>
                </c:pt>
                <c:pt idx="6513">
                  <c:v>0.55487985834109332</c:v>
                </c:pt>
                <c:pt idx="6514">
                  <c:v>0.55487985834109332</c:v>
                </c:pt>
                <c:pt idx="6515">
                  <c:v>0.65576710531220117</c:v>
                </c:pt>
                <c:pt idx="6516">
                  <c:v>0.65576710531220117</c:v>
                </c:pt>
                <c:pt idx="6517">
                  <c:v>0.45399261136998548</c:v>
                </c:pt>
                <c:pt idx="6518">
                  <c:v>0.65576710531220117</c:v>
                </c:pt>
                <c:pt idx="6519">
                  <c:v>0.55487985834109332</c:v>
                </c:pt>
                <c:pt idx="6520">
                  <c:v>0.48041546176718042</c:v>
                </c:pt>
                <c:pt idx="6521">
                  <c:v>0.40354898788443144</c:v>
                </c:pt>
                <c:pt idx="6522">
                  <c:v>0.14892879314782592</c:v>
                </c:pt>
                <c:pt idx="6523">
                  <c:v>0.14892879314782592</c:v>
                </c:pt>
                <c:pt idx="6524">
                  <c:v>0.14892879314782592</c:v>
                </c:pt>
                <c:pt idx="6525">
                  <c:v>0.14892879314782592</c:v>
                </c:pt>
                <c:pt idx="6526">
                  <c:v>0.14892879314782592</c:v>
                </c:pt>
                <c:pt idx="6527">
                  <c:v>0.14892879314782592</c:v>
                </c:pt>
                <c:pt idx="6528">
                  <c:v>0.13416268880335844</c:v>
                </c:pt>
                <c:pt idx="6529">
                  <c:v>0.2619366781398903</c:v>
                </c:pt>
                <c:pt idx="6530">
                  <c:v>0.2619366781398903</c:v>
                </c:pt>
                <c:pt idx="6531">
                  <c:v>0.2619366781398903</c:v>
                </c:pt>
                <c:pt idx="6532">
                  <c:v>0.2619366781398903</c:v>
                </c:pt>
                <c:pt idx="6533">
                  <c:v>0.32582367280815622</c:v>
                </c:pt>
                <c:pt idx="6534">
                  <c:v>0.40887676587690197</c:v>
                </c:pt>
                <c:pt idx="6535">
                  <c:v>0.46637506107834126</c:v>
                </c:pt>
                <c:pt idx="6536">
                  <c:v>0.46637506107834126</c:v>
                </c:pt>
                <c:pt idx="6537">
                  <c:v>0.46637506107834126</c:v>
                </c:pt>
                <c:pt idx="6538">
                  <c:v>0.46637506107834126</c:v>
                </c:pt>
                <c:pt idx="6539">
                  <c:v>0.46637506107834126</c:v>
                </c:pt>
                <c:pt idx="6540">
                  <c:v>0.46637506107834126</c:v>
                </c:pt>
                <c:pt idx="6541">
                  <c:v>0.46637506107834126</c:v>
                </c:pt>
                <c:pt idx="6542">
                  <c:v>0.46637506107834126</c:v>
                </c:pt>
                <c:pt idx="6543">
                  <c:v>0.42165416481055512</c:v>
                </c:pt>
                <c:pt idx="6544">
                  <c:v>0.38332196800959562</c:v>
                </c:pt>
                <c:pt idx="6545">
                  <c:v>0.34498977120863605</c:v>
                </c:pt>
                <c:pt idx="6546">
                  <c:v>0.33221237227498279</c:v>
                </c:pt>
                <c:pt idx="6547">
                  <c:v>0.26832537760671687</c:v>
                </c:pt>
                <c:pt idx="6548">
                  <c:v>0.19804968347162438</c:v>
                </c:pt>
                <c:pt idx="6549">
                  <c:v>0.19804968347162438</c:v>
                </c:pt>
                <c:pt idx="6550">
                  <c:v>0.19804968347162438</c:v>
                </c:pt>
                <c:pt idx="6551">
                  <c:v>0.19804968347162438</c:v>
                </c:pt>
                <c:pt idx="6552">
                  <c:v>0.25401847231930819</c:v>
                </c:pt>
                <c:pt idx="6553">
                  <c:v>0.29498919366113213</c:v>
                </c:pt>
                <c:pt idx="6554">
                  <c:v>0.29498919366113213</c:v>
                </c:pt>
                <c:pt idx="6555">
                  <c:v>0.29498919366113213</c:v>
                </c:pt>
                <c:pt idx="6556">
                  <c:v>0.29498919366113213</c:v>
                </c:pt>
                <c:pt idx="6557">
                  <c:v>0.36873649207641512</c:v>
                </c:pt>
                <c:pt idx="6558">
                  <c:v>0.43428964622333344</c:v>
                </c:pt>
                <c:pt idx="6559">
                  <c:v>0.51623108890698122</c:v>
                </c:pt>
                <c:pt idx="6560">
                  <c:v>0.51623108890698122</c:v>
                </c:pt>
                <c:pt idx="6561">
                  <c:v>0.51623108890698122</c:v>
                </c:pt>
                <c:pt idx="6562">
                  <c:v>0.51623108890698122</c:v>
                </c:pt>
                <c:pt idx="6563">
                  <c:v>0.51623108890698122</c:v>
                </c:pt>
                <c:pt idx="6564">
                  <c:v>0.51623108890698122</c:v>
                </c:pt>
                <c:pt idx="6565">
                  <c:v>0.51623108890698122</c:v>
                </c:pt>
                <c:pt idx="6566">
                  <c:v>0.51623108890698122</c:v>
                </c:pt>
                <c:pt idx="6567">
                  <c:v>0.45887207902842769</c:v>
                </c:pt>
                <c:pt idx="6568">
                  <c:v>0.4506779347600629</c:v>
                </c:pt>
                <c:pt idx="6569">
                  <c:v>0.3851247806131447</c:v>
                </c:pt>
                <c:pt idx="6570">
                  <c:v>0.36054234780805039</c:v>
                </c:pt>
                <c:pt idx="6571">
                  <c:v>0.30318333792949692</c:v>
                </c:pt>
                <c:pt idx="6572">
                  <c:v>0.25401847231930819</c:v>
                </c:pt>
                <c:pt idx="6573">
                  <c:v>0.22124189524584909</c:v>
                </c:pt>
                <c:pt idx="6574">
                  <c:v>0.22124189524584909</c:v>
                </c:pt>
                <c:pt idx="6575">
                  <c:v>0.22124189524584909</c:v>
                </c:pt>
                <c:pt idx="6576">
                  <c:v>0.11899349357304576</c:v>
                </c:pt>
                <c:pt idx="6577">
                  <c:v>0.11899349357304576</c:v>
                </c:pt>
                <c:pt idx="6578">
                  <c:v>0.11899349357304576</c:v>
                </c:pt>
                <c:pt idx="6579">
                  <c:v>0.11899349357304576</c:v>
                </c:pt>
                <c:pt idx="6580">
                  <c:v>0.11899349357304576</c:v>
                </c:pt>
                <c:pt idx="6581">
                  <c:v>0.11899349357304576</c:v>
                </c:pt>
                <c:pt idx="6582">
                  <c:v>0.11899349357304576</c:v>
                </c:pt>
                <c:pt idx="6583">
                  <c:v>0.51762169704274907</c:v>
                </c:pt>
                <c:pt idx="6584">
                  <c:v>0.58232440917309258</c:v>
                </c:pt>
                <c:pt idx="6585">
                  <c:v>0.6470271213034362</c:v>
                </c:pt>
                <c:pt idx="6586">
                  <c:v>0.6470271213034362</c:v>
                </c:pt>
                <c:pt idx="6587">
                  <c:v>0.77643254556412333</c:v>
                </c:pt>
                <c:pt idx="6588">
                  <c:v>0.77643254556412333</c:v>
                </c:pt>
                <c:pt idx="6589">
                  <c:v>0.51762169704274907</c:v>
                </c:pt>
                <c:pt idx="6590">
                  <c:v>0.77643254556412333</c:v>
                </c:pt>
                <c:pt idx="6591">
                  <c:v>0.77643254556412333</c:v>
                </c:pt>
                <c:pt idx="6592">
                  <c:v>0.6470271213034362</c:v>
                </c:pt>
                <c:pt idx="6593">
                  <c:v>0.5205965343820752</c:v>
                </c:pt>
                <c:pt idx="6594">
                  <c:v>0.18592733370788397</c:v>
                </c:pt>
                <c:pt idx="6595">
                  <c:v>0.18592733370788397</c:v>
                </c:pt>
                <c:pt idx="6596">
                  <c:v>0.18592733370788397</c:v>
                </c:pt>
                <c:pt idx="6597">
                  <c:v>0.18592733370788397</c:v>
                </c:pt>
                <c:pt idx="6598">
                  <c:v>0.18592733370788397</c:v>
                </c:pt>
                <c:pt idx="6599">
                  <c:v>0.18592733370788397</c:v>
                </c:pt>
                <c:pt idx="6600">
                  <c:v>0.16940041159583219</c:v>
                </c:pt>
                <c:pt idx="6601">
                  <c:v>0.16940041159583219</c:v>
                </c:pt>
                <c:pt idx="6602">
                  <c:v>0.16940041159583219</c:v>
                </c:pt>
                <c:pt idx="6603">
                  <c:v>0.16940041159583219</c:v>
                </c:pt>
                <c:pt idx="6604">
                  <c:v>0.16940041159583219</c:v>
                </c:pt>
                <c:pt idx="6605">
                  <c:v>0.16940041159583219</c:v>
                </c:pt>
                <c:pt idx="6606">
                  <c:v>0.16940041159583219</c:v>
                </c:pt>
                <c:pt idx="6607">
                  <c:v>0.48798247598412303</c:v>
                </c:pt>
                <c:pt idx="6608">
                  <c:v>0.54448571004544244</c:v>
                </c:pt>
                <c:pt idx="6609">
                  <c:v>0.60098894410676207</c:v>
                </c:pt>
                <c:pt idx="6610">
                  <c:v>0.60098894410676207</c:v>
                </c:pt>
                <c:pt idx="6611">
                  <c:v>0.71913206987133926</c:v>
                </c:pt>
                <c:pt idx="6612">
                  <c:v>0.71913206987133926</c:v>
                </c:pt>
                <c:pt idx="6613">
                  <c:v>0.47770916070024666</c:v>
                </c:pt>
                <c:pt idx="6614">
                  <c:v>0.71913206987133926</c:v>
                </c:pt>
                <c:pt idx="6615">
                  <c:v>0.71913206987133926</c:v>
                </c:pt>
                <c:pt idx="6616">
                  <c:v>0.60109823469488843</c:v>
                </c:pt>
                <c:pt idx="6617">
                  <c:v>0.47759987011212035</c:v>
                </c:pt>
                <c:pt idx="6618">
                  <c:v>0.16940041159583219</c:v>
                </c:pt>
                <c:pt idx="6619">
                  <c:v>0.16940041159583219</c:v>
                </c:pt>
                <c:pt idx="6620">
                  <c:v>0.16940041159583219</c:v>
                </c:pt>
                <c:pt idx="6621">
                  <c:v>0.16940041159583219</c:v>
                </c:pt>
                <c:pt idx="6622">
                  <c:v>0.16940041159583219</c:v>
                </c:pt>
                <c:pt idx="6623">
                  <c:v>0.16940041159583219</c:v>
                </c:pt>
                <c:pt idx="6624">
                  <c:v>0.20119908031682054</c:v>
                </c:pt>
                <c:pt idx="6625">
                  <c:v>0.20119908031682054</c:v>
                </c:pt>
                <c:pt idx="6626">
                  <c:v>0.20119908031682054</c:v>
                </c:pt>
                <c:pt idx="6627">
                  <c:v>0.20119908031682054</c:v>
                </c:pt>
                <c:pt idx="6628">
                  <c:v>0.20119908031682054</c:v>
                </c:pt>
                <c:pt idx="6629">
                  <c:v>0.20119908031682054</c:v>
                </c:pt>
                <c:pt idx="6630">
                  <c:v>0.20119908031682054</c:v>
                </c:pt>
                <c:pt idx="6631">
                  <c:v>0.55430346627284055</c:v>
                </c:pt>
                <c:pt idx="6632">
                  <c:v>0.61848597289390639</c:v>
                </c:pt>
                <c:pt idx="6633">
                  <c:v>0.682668479514972</c:v>
                </c:pt>
                <c:pt idx="6634">
                  <c:v>0.682668479514972</c:v>
                </c:pt>
                <c:pt idx="6635">
                  <c:v>0.81686826608629126</c:v>
                </c:pt>
                <c:pt idx="6636">
                  <c:v>0.81686826608629126</c:v>
                </c:pt>
                <c:pt idx="6637">
                  <c:v>0.54263391961446494</c:v>
                </c:pt>
                <c:pt idx="6638">
                  <c:v>0.81686826608629126</c:v>
                </c:pt>
                <c:pt idx="6639">
                  <c:v>0.81686826608629126</c:v>
                </c:pt>
                <c:pt idx="6640">
                  <c:v>0.68256787997481372</c:v>
                </c:pt>
                <c:pt idx="6641">
                  <c:v>0.54273451915462334</c:v>
                </c:pt>
                <c:pt idx="6642">
                  <c:v>0.20119908031682054</c:v>
                </c:pt>
                <c:pt idx="6643">
                  <c:v>0.20119908031682054</c:v>
                </c:pt>
                <c:pt idx="6644">
                  <c:v>0.20119908031682054</c:v>
                </c:pt>
                <c:pt idx="6645">
                  <c:v>0.20119908031682054</c:v>
                </c:pt>
                <c:pt idx="6646">
                  <c:v>0.20119908031682054</c:v>
                </c:pt>
                <c:pt idx="6647">
                  <c:v>0.20119908031682054</c:v>
                </c:pt>
                <c:pt idx="6648">
                  <c:v>0.38880354615633977</c:v>
                </c:pt>
                <c:pt idx="6649">
                  <c:v>0.38880354615633977</c:v>
                </c:pt>
                <c:pt idx="6650">
                  <c:v>0.38880354615633977</c:v>
                </c:pt>
                <c:pt idx="6651">
                  <c:v>0.38880354615633977</c:v>
                </c:pt>
                <c:pt idx="6652">
                  <c:v>0.38880354615633977</c:v>
                </c:pt>
                <c:pt idx="6653">
                  <c:v>0.38880354615633977</c:v>
                </c:pt>
                <c:pt idx="6654">
                  <c:v>0.38880354615633977</c:v>
                </c:pt>
                <c:pt idx="6655">
                  <c:v>1.0711537696607158</c:v>
                </c:pt>
                <c:pt idx="6656">
                  <c:v>1.1951821008845884</c:v>
                </c:pt>
                <c:pt idx="6657">
                  <c:v>1.3192104321084606</c:v>
                </c:pt>
                <c:pt idx="6658">
                  <c:v>1.3192104321084606</c:v>
                </c:pt>
                <c:pt idx="6659">
                  <c:v>1.5785423973947392</c:v>
                </c:pt>
                <c:pt idx="6660">
                  <c:v>1.5785423973947392</c:v>
                </c:pt>
                <c:pt idx="6661">
                  <c:v>1.0486031639836482</c:v>
                </c:pt>
                <c:pt idx="6662">
                  <c:v>1.5785423973947392</c:v>
                </c:pt>
                <c:pt idx="6663">
                  <c:v>1.5785423973947392</c:v>
                </c:pt>
                <c:pt idx="6664">
                  <c:v>1.3190160303353828</c:v>
                </c:pt>
                <c:pt idx="6665">
                  <c:v>1.0487975657567263</c:v>
                </c:pt>
                <c:pt idx="6666">
                  <c:v>0.38880354615633977</c:v>
                </c:pt>
                <c:pt idx="6667">
                  <c:v>0.38880354615633977</c:v>
                </c:pt>
                <c:pt idx="6668">
                  <c:v>0.38880354615633977</c:v>
                </c:pt>
                <c:pt idx="6669">
                  <c:v>0.38880354615633977</c:v>
                </c:pt>
                <c:pt idx="6670">
                  <c:v>0.38880354615633977</c:v>
                </c:pt>
                <c:pt idx="6671">
                  <c:v>0.38880354615633977</c:v>
                </c:pt>
                <c:pt idx="6672">
                  <c:v>0.33503500564952599</c:v>
                </c:pt>
                <c:pt idx="6673">
                  <c:v>0.33503500564952599</c:v>
                </c:pt>
                <c:pt idx="6674">
                  <c:v>0.33503500564952599</c:v>
                </c:pt>
                <c:pt idx="6675">
                  <c:v>0.33503500564952599</c:v>
                </c:pt>
                <c:pt idx="6676">
                  <c:v>0.33503500564952599</c:v>
                </c:pt>
                <c:pt idx="6677">
                  <c:v>0.33503500564952599</c:v>
                </c:pt>
                <c:pt idx="6678">
                  <c:v>0.33503500564952599</c:v>
                </c:pt>
                <c:pt idx="6679">
                  <c:v>0.90783678950194135</c:v>
                </c:pt>
                <c:pt idx="6680">
                  <c:v>1.1347959868774267</c:v>
                </c:pt>
                <c:pt idx="6681">
                  <c:v>1.2482755855651693</c:v>
                </c:pt>
                <c:pt idx="6682">
                  <c:v>1.2482755855651693</c:v>
                </c:pt>
                <c:pt idx="6683">
                  <c:v>1.4752347829406545</c:v>
                </c:pt>
                <c:pt idx="6684">
                  <c:v>1.4752347829406545</c:v>
                </c:pt>
                <c:pt idx="6685">
                  <c:v>1.0213163881896843</c:v>
                </c:pt>
                <c:pt idx="6686">
                  <c:v>1.4752347829406545</c:v>
                </c:pt>
                <c:pt idx="6687">
                  <c:v>1.2482755855651693</c:v>
                </c:pt>
                <c:pt idx="6688">
                  <c:v>1.0807580827404064</c:v>
                </c:pt>
                <c:pt idx="6689">
                  <c:v>0.90783678950194135</c:v>
                </c:pt>
                <c:pt idx="6690">
                  <c:v>0.33503500564952599</c:v>
                </c:pt>
                <c:pt idx="6691">
                  <c:v>0.33503500564952599</c:v>
                </c:pt>
                <c:pt idx="6692">
                  <c:v>0.33503500564952599</c:v>
                </c:pt>
                <c:pt idx="6693">
                  <c:v>0.33503500564952599</c:v>
                </c:pt>
                <c:pt idx="6694">
                  <c:v>0.33503500564952599</c:v>
                </c:pt>
                <c:pt idx="6695">
                  <c:v>0.33503500564952599</c:v>
                </c:pt>
                <c:pt idx="6696">
                  <c:v>0.16125980783771468</c:v>
                </c:pt>
                <c:pt idx="6697">
                  <c:v>0.31484057720696684</c:v>
                </c:pt>
                <c:pt idx="6698">
                  <c:v>0.31484057720696684</c:v>
                </c:pt>
                <c:pt idx="6699">
                  <c:v>0.31484057720696684</c:v>
                </c:pt>
                <c:pt idx="6700">
                  <c:v>0.31484057720696684</c:v>
                </c:pt>
                <c:pt idx="6701">
                  <c:v>0.39163096189159285</c:v>
                </c:pt>
                <c:pt idx="6702">
                  <c:v>0.4914584619816067</c:v>
                </c:pt>
                <c:pt idx="6703">
                  <c:v>0.56056980819777014</c:v>
                </c:pt>
                <c:pt idx="6704">
                  <c:v>0.56056980819777014</c:v>
                </c:pt>
                <c:pt idx="6705">
                  <c:v>0.56056980819777014</c:v>
                </c:pt>
                <c:pt idx="6706">
                  <c:v>0.56056980819777014</c:v>
                </c:pt>
                <c:pt idx="6707">
                  <c:v>0.56056980819777014</c:v>
                </c:pt>
                <c:pt idx="6708">
                  <c:v>0.56056980819777014</c:v>
                </c:pt>
                <c:pt idx="6709">
                  <c:v>0.56056980819777014</c:v>
                </c:pt>
                <c:pt idx="6710">
                  <c:v>0.56056980819777014</c:v>
                </c:pt>
                <c:pt idx="6711">
                  <c:v>0.50681653891853184</c:v>
                </c:pt>
                <c:pt idx="6712">
                  <c:v>0.46074230810775629</c:v>
                </c:pt>
                <c:pt idx="6713">
                  <c:v>0.41466807729698069</c:v>
                </c:pt>
                <c:pt idx="6714">
                  <c:v>0.39931000036005543</c:v>
                </c:pt>
                <c:pt idx="6715">
                  <c:v>0.32251961567542936</c:v>
                </c:pt>
                <c:pt idx="6716">
                  <c:v>0.23805019252234075</c:v>
                </c:pt>
                <c:pt idx="6717">
                  <c:v>0.23805019252234075</c:v>
                </c:pt>
                <c:pt idx="6718">
                  <c:v>0.23805019252234075</c:v>
                </c:pt>
                <c:pt idx="6719">
                  <c:v>0.23805019252234075</c:v>
                </c:pt>
                <c:pt idx="6720">
                  <c:v>0.36560596589454164</c:v>
                </c:pt>
                <c:pt idx="6721">
                  <c:v>0.42457467007108063</c:v>
                </c:pt>
                <c:pt idx="6722">
                  <c:v>0.42457467007108063</c:v>
                </c:pt>
                <c:pt idx="6723">
                  <c:v>0.42457467007108063</c:v>
                </c:pt>
                <c:pt idx="6724">
                  <c:v>0.42457467007108063</c:v>
                </c:pt>
                <c:pt idx="6725">
                  <c:v>0.53071833758885067</c:v>
                </c:pt>
                <c:pt idx="6726">
                  <c:v>0.62506826427131323</c:v>
                </c:pt>
                <c:pt idx="6727">
                  <c:v>0.7430056726243911</c:v>
                </c:pt>
                <c:pt idx="6728">
                  <c:v>0.7430056726243911</c:v>
                </c:pt>
                <c:pt idx="6729">
                  <c:v>0.7430056726243911</c:v>
                </c:pt>
                <c:pt idx="6730">
                  <c:v>0.7430056726243911</c:v>
                </c:pt>
                <c:pt idx="6731">
                  <c:v>0.7430056726243911</c:v>
                </c:pt>
                <c:pt idx="6732">
                  <c:v>0.7430056726243911</c:v>
                </c:pt>
                <c:pt idx="6733">
                  <c:v>0.7430056726243911</c:v>
                </c:pt>
                <c:pt idx="6734">
                  <c:v>0.7430056726243911</c:v>
                </c:pt>
                <c:pt idx="6735">
                  <c:v>0.66044948677723647</c:v>
                </c:pt>
                <c:pt idx="6736">
                  <c:v>0.64865574594192865</c:v>
                </c:pt>
                <c:pt idx="6737">
                  <c:v>0.55430581925946643</c:v>
                </c:pt>
                <c:pt idx="6738">
                  <c:v>0.51892459675354308</c:v>
                </c:pt>
                <c:pt idx="6739">
                  <c:v>0.43636841090638845</c:v>
                </c:pt>
                <c:pt idx="6740">
                  <c:v>0.36560596589454164</c:v>
                </c:pt>
                <c:pt idx="6741">
                  <c:v>0.31843100255331047</c:v>
                </c:pt>
                <c:pt idx="6742">
                  <c:v>0.31843100255331047</c:v>
                </c:pt>
                <c:pt idx="6743">
                  <c:v>0.31843100255331047</c:v>
                </c:pt>
                <c:pt idx="6744">
                  <c:v>0.31841214056147649</c:v>
                </c:pt>
                <c:pt idx="6745">
                  <c:v>0.31841214056147649</c:v>
                </c:pt>
                <c:pt idx="6746">
                  <c:v>0.31841214056147649</c:v>
                </c:pt>
                <c:pt idx="6747">
                  <c:v>0.31841214056147649</c:v>
                </c:pt>
                <c:pt idx="6748">
                  <c:v>0.31841214056147649</c:v>
                </c:pt>
                <c:pt idx="6749">
                  <c:v>0.31841214056147649</c:v>
                </c:pt>
                <c:pt idx="6750">
                  <c:v>0.31841214056147649</c:v>
                </c:pt>
                <c:pt idx="6751">
                  <c:v>1.3850928114424226</c:v>
                </c:pt>
                <c:pt idx="6752">
                  <c:v>1.5582294128727254</c:v>
                </c:pt>
                <c:pt idx="6753">
                  <c:v>1.7313660143030281</c:v>
                </c:pt>
                <c:pt idx="6754">
                  <c:v>1.7313660143030281</c:v>
                </c:pt>
                <c:pt idx="6755">
                  <c:v>2.0776392171636333</c:v>
                </c:pt>
                <c:pt idx="6756">
                  <c:v>2.0776392171636333</c:v>
                </c:pt>
                <c:pt idx="6757">
                  <c:v>1.3850928114424226</c:v>
                </c:pt>
                <c:pt idx="6758">
                  <c:v>2.0776392171636333</c:v>
                </c:pt>
                <c:pt idx="6759">
                  <c:v>2.0776392171636333</c:v>
                </c:pt>
                <c:pt idx="6760">
                  <c:v>1.7313660143030281</c:v>
                </c:pt>
                <c:pt idx="6761">
                  <c:v>1.3930531149564593</c:v>
                </c:pt>
                <c:pt idx="6762">
                  <c:v>0.49751896962730696</c:v>
                </c:pt>
                <c:pt idx="6763">
                  <c:v>0.49751896962730696</c:v>
                </c:pt>
                <c:pt idx="6764">
                  <c:v>0.49751896962730696</c:v>
                </c:pt>
                <c:pt idx="6765">
                  <c:v>0.49751896962730696</c:v>
                </c:pt>
                <c:pt idx="6766">
                  <c:v>0.49751896962730696</c:v>
                </c:pt>
                <c:pt idx="6767">
                  <c:v>0.49751896962730696</c:v>
                </c:pt>
                <c:pt idx="6768">
                  <c:v>0.36093454532447644</c:v>
                </c:pt>
                <c:pt idx="6769">
                  <c:v>0.36093454532447644</c:v>
                </c:pt>
                <c:pt idx="6770">
                  <c:v>0.36093454532447644</c:v>
                </c:pt>
                <c:pt idx="6771">
                  <c:v>0.36093454532447644</c:v>
                </c:pt>
                <c:pt idx="6772">
                  <c:v>0.36093454532447644</c:v>
                </c:pt>
                <c:pt idx="6773">
                  <c:v>0.36093454532447644</c:v>
                </c:pt>
                <c:pt idx="6774">
                  <c:v>0.36093454532447644</c:v>
                </c:pt>
                <c:pt idx="6775">
                  <c:v>1.0397243515314754</c:v>
                </c:pt>
                <c:pt idx="6776">
                  <c:v>1.1601134869719623</c:v>
                </c:pt>
                <c:pt idx="6777">
                  <c:v>1.2805026224124487</c:v>
                </c:pt>
                <c:pt idx="6778">
                  <c:v>1.2805026224124487</c:v>
                </c:pt>
                <c:pt idx="6779">
                  <c:v>1.5322253601516482</c:v>
                </c:pt>
                <c:pt idx="6780">
                  <c:v>1.5322253601516482</c:v>
                </c:pt>
                <c:pt idx="6781">
                  <c:v>1.0178354178150233</c:v>
                </c:pt>
                <c:pt idx="6782">
                  <c:v>1.5322253601516482</c:v>
                </c:pt>
                <c:pt idx="6783">
                  <c:v>1.5322253601516482</c:v>
                </c:pt>
                <c:pt idx="6784">
                  <c:v>1.2807354834094324</c:v>
                </c:pt>
                <c:pt idx="6785">
                  <c:v>1.0176025568180398</c:v>
                </c:pt>
                <c:pt idx="6786">
                  <c:v>0.36093454532447644</c:v>
                </c:pt>
                <c:pt idx="6787">
                  <c:v>0.36093454532447644</c:v>
                </c:pt>
                <c:pt idx="6788">
                  <c:v>0.36093454532447644</c:v>
                </c:pt>
                <c:pt idx="6789">
                  <c:v>0.36093454532447644</c:v>
                </c:pt>
                <c:pt idx="6790">
                  <c:v>0.36093454532447644</c:v>
                </c:pt>
                <c:pt idx="6791">
                  <c:v>0.36093454532447644</c:v>
                </c:pt>
                <c:pt idx="6792">
                  <c:v>0.30021254839878903</c:v>
                </c:pt>
                <c:pt idx="6793">
                  <c:v>0.30021254839878903</c:v>
                </c:pt>
                <c:pt idx="6794">
                  <c:v>0.30021254839878903</c:v>
                </c:pt>
                <c:pt idx="6795">
                  <c:v>0.30021254839878903</c:v>
                </c:pt>
                <c:pt idx="6796">
                  <c:v>0.30021254839878903</c:v>
                </c:pt>
                <c:pt idx="6797">
                  <c:v>0.30021254839878903</c:v>
                </c:pt>
                <c:pt idx="6798">
                  <c:v>0.30021254839878903</c:v>
                </c:pt>
                <c:pt idx="6799">
                  <c:v>0.82708557083866352</c:v>
                </c:pt>
                <c:pt idx="6800">
                  <c:v>0.92285337377787735</c:v>
                </c:pt>
                <c:pt idx="6801">
                  <c:v>1.018621176717091</c:v>
                </c:pt>
                <c:pt idx="6802">
                  <c:v>1.018621176717091</c:v>
                </c:pt>
                <c:pt idx="6803">
                  <c:v>1.218862946499083</c:v>
                </c:pt>
                <c:pt idx="6804">
                  <c:v>1.218862946499083</c:v>
                </c:pt>
                <c:pt idx="6805">
                  <c:v>0.80967324303153376</c:v>
                </c:pt>
                <c:pt idx="6806">
                  <c:v>1.218862946499083</c:v>
                </c:pt>
                <c:pt idx="6807">
                  <c:v>1.218862946499083</c:v>
                </c:pt>
                <c:pt idx="6808">
                  <c:v>1.0184710704428916</c:v>
                </c:pt>
                <c:pt idx="6809">
                  <c:v>0.80982334930573319</c:v>
                </c:pt>
                <c:pt idx="6810">
                  <c:v>0.30021254839878903</c:v>
                </c:pt>
                <c:pt idx="6811">
                  <c:v>0.30021254839878903</c:v>
                </c:pt>
                <c:pt idx="6812">
                  <c:v>0.30021254839878903</c:v>
                </c:pt>
                <c:pt idx="6813">
                  <c:v>0.30021254839878903</c:v>
                </c:pt>
                <c:pt idx="6814">
                  <c:v>0.30021254839878903</c:v>
                </c:pt>
                <c:pt idx="6815">
                  <c:v>0.30021254839878903</c:v>
                </c:pt>
                <c:pt idx="6816">
                  <c:v>0.25331143193890931</c:v>
                </c:pt>
                <c:pt idx="6817">
                  <c:v>0.25331143193890931</c:v>
                </c:pt>
                <c:pt idx="6818">
                  <c:v>0.25331143193890931</c:v>
                </c:pt>
                <c:pt idx="6819">
                  <c:v>0.25331143193890931</c:v>
                </c:pt>
                <c:pt idx="6820">
                  <c:v>0.25331143193890931</c:v>
                </c:pt>
                <c:pt idx="6821">
                  <c:v>0.25331143193890931</c:v>
                </c:pt>
                <c:pt idx="6822">
                  <c:v>0.25331143193890931</c:v>
                </c:pt>
                <c:pt idx="6823">
                  <c:v>0.69787299499169497</c:v>
                </c:pt>
                <c:pt idx="6824">
                  <c:v>0.77867934178020715</c:v>
                </c:pt>
                <c:pt idx="6825">
                  <c:v>0.85948568856871921</c:v>
                </c:pt>
                <c:pt idx="6826">
                  <c:v>0.85948568856871921</c:v>
                </c:pt>
                <c:pt idx="6827">
                  <c:v>1.0284444136719717</c:v>
                </c:pt>
                <c:pt idx="6828">
                  <c:v>1.0284444136719717</c:v>
                </c:pt>
                <c:pt idx="6829">
                  <c:v>0.68318093193923823</c:v>
                </c:pt>
                <c:pt idx="6830">
                  <c:v>1.0284444136719717</c:v>
                </c:pt>
                <c:pt idx="6831">
                  <c:v>1.0284444136719717</c:v>
                </c:pt>
                <c:pt idx="6832">
                  <c:v>0.85935903285274984</c:v>
                </c:pt>
                <c:pt idx="6833">
                  <c:v>0.68330758765520783</c:v>
                </c:pt>
                <c:pt idx="6834">
                  <c:v>0.25331143193890931</c:v>
                </c:pt>
                <c:pt idx="6835">
                  <c:v>0.25331143193890931</c:v>
                </c:pt>
                <c:pt idx="6836">
                  <c:v>0.25331143193890931</c:v>
                </c:pt>
                <c:pt idx="6837">
                  <c:v>0.25331143193890931</c:v>
                </c:pt>
                <c:pt idx="6838">
                  <c:v>0.25331143193890931</c:v>
                </c:pt>
                <c:pt idx="6839">
                  <c:v>0.25331143193890931</c:v>
                </c:pt>
                <c:pt idx="6840">
                  <c:v>8.8570021525652937E-2</c:v>
                </c:pt>
                <c:pt idx="6841">
                  <c:v>8.8570021525652937E-2</c:v>
                </c:pt>
                <c:pt idx="6842">
                  <c:v>8.8570021525652937E-2</c:v>
                </c:pt>
                <c:pt idx="6843">
                  <c:v>8.8570021525652937E-2</c:v>
                </c:pt>
                <c:pt idx="6844">
                  <c:v>8.8570021525652937E-2</c:v>
                </c:pt>
                <c:pt idx="6845">
                  <c:v>8.8570021525652937E-2</c:v>
                </c:pt>
                <c:pt idx="6846">
                  <c:v>8.8570021525652937E-2</c:v>
                </c:pt>
                <c:pt idx="6847">
                  <c:v>0.23999618735983377</c:v>
                </c:pt>
                <c:pt idx="6848">
                  <c:v>0.29999523419979218</c:v>
                </c:pt>
                <c:pt idx="6849">
                  <c:v>0.32999475761977148</c:v>
                </c:pt>
                <c:pt idx="6850">
                  <c:v>0.32999475761977148</c:v>
                </c:pt>
                <c:pt idx="6851">
                  <c:v>0.38999380445972992</c:v>
                </c:pt>
                <c:pt idx="6852">
                  <c:v>0.38999380445972992</c:v>
                </c:pt>
                <c:pt idx="6853">
                  <c:v>0.26999571077981299</c:v>
                </c:pt>
                <c:pt idx="6854">
                  <c:v>0.38999380445972992</c:v>
                </c:pt>
                <c:pt idx="6855">
                  <c:v>0.32999475761977148</c:v>
                </c:pt>
                <c:pt idx="6856">
                  <c:v>0.285709746856945</c:v>
                </c:pt>
                <c:pt idx="6857">
                  <c:v>0.23999618735983377</c:v>
                </c:pt>
                <c:pt idx="6858">
                  <c:v>8.8570021525652937E-2</c:v>
                </c:pt>
                <c:pt idx="6859">
                  <c:v>8.8570021525652937E-2</c:v>
                </c:pt>
                <c:pt idx="6860">
                  <c:v>8.8570021525652937E-2</c:v>
                </c:pt>
                <c:pt idx="6861">
                  <c:v>8.8570021525652937E-2</c:v>
                </c:pt>
                <c:pt idx="6862">
                  <c:v>8.8570021525652937E-2</c:v>
                </c:pt>
                <c:pt idx="6863">
                  <c:v>8.8570021525652937E-2</c:v>
                </c:pt>
                <c:pt idx="6864">
                  <c:v>0.13416268880335844</c:v>
                </c:pt>
                <c:pt idx="6865">
                  <c:v>0.2619366781398903</c:v>
                </c:pt>
                <c:pt idx="6866">
                  <c:v>0.2619366781398903</c:v>
                </c:pt>
                <c:pt idx="6867">
                  <c:v>0.2619366781398903</c:v>
                </c:pt>
                <c:pt idx="6868">
                  <c:v>0.2619366781398903</c:v>
                </c:pt>
                <c:pt idx="6869">
                  <c:v>0.32582367280815622</c:v>
                </c:pt>
                <c:pt idx="6870">
                  <c:v>0.40887676587690197</c:v>
                </c:pt>
                <c:pt idx="6871">
                  <c:v>0.46637506107834126</c:v>
                </c:pt>
                <c:pt idx="6872">
                  <c:v>0.46637506107834126</c:v>
                </c:pt>
                <c:pt idx="6873">
                  <c:v>0.46637506107834126</c:v>
                </c:pt>
                <c:pt idx="6874">
                  <c:v>0.46637506107834126</c:v>
                </c:pt>
                <c:pt idx="6875">
                  <c:v>0.46637506107834126</c:v>
                </c:pt>
                <c:pt idx="6876">
                  <c:v>0.46637506107834126</c:v>
                </c:pt>
                <c:pt idx="6877">
                  <c:v>0.46637506107834126</c:v>
                </c:pt>
                <c:pt idx="6878">
                  <c:v>0.46637506107834126</c:v>
                </c:pt>
                <c:pt idx="6879">
                  <c:v>0.42165416481055512</c:v>
                </c:pt>
                <c:pt idx="6880">
                  <c:v>0.38332196800959562</c:v>
                </c:pt>
                <c:pt idx="6881">
                  <c:v>0.34498977120863605</c:v>
                </c:pt>
                <c:pt idx="6882">
                  <c:v>0.33221237227498279</c:v>
                </c:pt>
                <c:pt idx="6883">
                  <c:v>0.26832537760671687</c:v>
                </c:pt>
                <c:pt idx="6884">
                  <c:v>0.19804968347162438</c:v>
                </c:pt>
                <c:pt idx="6885">
                  <c:v>0.19804968347162438</c:v>
                </c:pt>
                <c:pt idx="6886">
                  <c:v>0.19804968347162438</c:v>
                </c:pt>
                <c:pt idx="6887">
                  <c:v>0.19804968347162438</c:v>
                </c:pt>
                <c:pt idx="6888">
                  <c:v>0.39866892695387013</c:v>
                </c:pt>
                <c:pt idx="6889">
                  <c:v>0.46297036678513953</c:v>
                </c:pt>
                <c:pt idx="6890">
                  <c:v>0.46297036678513953</c:v>
                </c:pt>
                <c:pt idx="6891">
                  <c:v>0.46297036678513953</c:v>
                </c:pt>
                <c:pt idx="6892">
                  <c:v>0.46297036678513953</c:v>
                </c:pt>
                <c:pt idx="6893">
                  <c:v>0.57871295848142446</c:v>
                </c:pt>
                <c:pt idx="6894">
                  <c:v>0.68159526221145539</c:v>
                </c:pt>
                <c:pt idx="6895">
                  <c:v>0.81019814187399419</c:v>
                </c:pt>
                <c:pt idx="6896">
                  <c:v>0.81019814187399419</c:v>
                </c:pt>
                <c:pt idx="6897">
                  <c:v>0.81019814187399419</c:v>
                </c:pt>
                <c:pt idx="6898">
                  <c:v>0.81019814187399419</c:v>
                </c:pt>
                <c:pt idx="6899">
                  <c:v>0.81019814187399419</c:v>
                </c:pt>
                <c:pt idx="6900">
                  <c:v>0.81019814187399419</c:v>
                </c:pt>
                <c:pt idx="6901">
                  <c:v>0.81019814187399419</c:v>
                </c:pt>
                <c:pt idx="6902">
                  <c:v>0.81019814187399419</c:v>
                </c:pt>
                <c:pt idx="6903">
                  <c:v>0.72017612611021709</c:v>
                </c:pt>
                <c:pt idx="6904">
                  <c:v>0.70731583814396315</c:v>
                </c:pt>
                <c:pt idx="6905">
                  <c:v>0.60443353441393233</c:v>
                </c:pt>
                <c:pt idx="6906">
                  <c:v>0.56585267051517063</c:v>
                </c:pt>
                <c:pt idx="6907">
                  <c:v>0.47583065475139341</c:v>
                </c:pt>
                <c:pt idx="6908">
                  <c:v>0.39866892695387013</c:v>
                </c:pt>
                <c:pt idx="6909">
                  <c:v>0.34722777508885466</c:v>
                </c:pt>
                <c:pt idx="6910">
                  <c:v>0.34722777508885466</c:v>
                </c:pt>
                <c:pt idx="6911">
                  <c:v>0.34722777508885466</c:v>
                </c:pt>
                <c:pt idx="6912">
                  <c:v>1.245589909105022</c:v>
                </c:pt>
                <c:pt idx="6913">
                  <c:v>1.245589909105022</c:v>
                </c:pt>
                <c:pt idx="6914">
                  <c:v>1.245589909105022</c:v>
                </c:pt>
                <c:pt idx="6915">
                  <c:v>1.245589909105022</c:v>
                </c:pt>
                <c:pt idx="6916">
                  <c:v>1.245589909105022</c:v>
                </c:pt>
                <c:pt idx="6917">
                  <c:v>1.245589909105022</c:v>
                </c:pt>
                <c:pt idx="6918">
                  <c:v>1.245589909105022</c:v>
                </c:pt>
                <c:pt idx="6919">
                  <c:v>5.4183161046068458</c:v>
                </c:pt>
                <c:pt idx="6920">
                  <c:v>6.0956056176827014</c:v>
                </c:pt>
                <c:pt idx="6921">
                  <c:v>6.772895130758557</c:v>
                </c:pt>
                <c:pt idx="6922">
                  <c:v>6.772895130758557</c:v>
                </c:pt>
                <c:pt idx="6923">
                  <c:v>8.1274741569102673</c:v>
                </c:pt>
                <c:pt idx="6924">
                  <c:v>8.1274741569102673</c:v>
                </c:pt>
                <c:pt idx="6925">
                  <c:v>5.4183161046068458</c:v>
                </c:pt>
                <c:pt idx="6926">
                  <c:v>8.1274741569102673</c:v>
                </c:pt>
                <c:pt idx="6927">
                  <c:v>8.1274741569102673</c:v>
                </c:pt>
                <c:pt idx="6928">
                  <c:v>6.772895130758557</c:v>
                </c:pt>
                <c:pt idx="6929">
                  <c:v>5.4494558523344718</c:v>
                </c:pt>
                <c:pt idx="6930">
                  <c:v>1.9462342329765971</c:v>
                </c:pt>
                <c:pt idx="6931">
                  <c:v>1.9462342329765971</c:v>
                </c:pt>
                <c:pt idx="6932">
                  <c:v>1.9462342329765971</c:v>
                </c:pt>
                <c:pt idx="6933">
                  <c:v>1.9462342329765971</c:v>
                </c:pt>
                <c:pt idx="6934">
                  <c:v>1.9462342329765971</c:v>
                </c:pt>
                <c:pt idx="6935">
                  <c:v>1.9462342329765971</c:v>
                </c:pt>
                <c:pt idx="6936">
                  <c:v>2.2020061478265074</c:v>
                </c:pt>
                <c:pt idx="6937">
                  <c:v>2.2020061478265074</c:v>
                </c:pt>
                <c:pt idx="6938">
                  <c:v>2.2020061478265074</c:v>
                </c:pt>
                <c:pt idx="6939">
                  <c:v>2.2020061478265074</c:v>
                </c:pt>
                <c:pt idx="6940">
                  <c:v>2.2020061478265074</c:v>
                </c:pt>
                <c:pt idx="6941">
                  <c:v>2.2020061478265074</c:v>
                </c:pt>
                <c:pt idx="6942">
                  <c:v>2.2020061478265074</c:v>
                </c:pt>
                <c:pt idx="6943">
                  <c:v>6.3431983548679716</c:v>
                </c:pt>
                <c:pt idx="6944">
                  <c:v>7.0776739538526838</c:v>
                </c:pt>
                <c:pt idx="6945">
                  <c:v>7.8121495528373952</c:v>
                </c:pt>
                <c:pt idx="6946">
                  <c:v>7.8121495528373952</c:v>
                </c:pt>
                <c:pt idx="6947">
                  <c:v>9.3478712598054319</c:v>
                </c:pt>
                <c:pt idx="6948">
                  <c:v>9.3478712598054319</c:v>
                </c:pt>
                <c:pt idx="6949">
                  <c:v>6.2096573368707491</c:v>
                </c:pt>
                <c:pt idx="6950">
                  <c:v>9.3478712598054319</c:v>
                </c:pt>
                <c:pt idx="6951">
                  <c:v>9.3478712598054319</c:v>
                </c:pt>
                <c:pt idx="6952">
                  <c:v>7.8135702019650264</c:v>
                </c:pt>
                <c:pt idx="6953">
                  <c:v>6.2082366877431214</c:v>
                </c:pt>
                <c:pt idx="6954">
                  <c:v>2.2020061478265074</c:v>
                </c:pt>
                <c:pt idx="6955">
                  <c:v>2.2020061478265074</c:v>
                </c:pt>
                <c:pt idx="6956">
                  <c:v>2.2020061478265074</c:v>
                </c:pt>
                <c:pt idx="6957">
                  <c:v>2.2020061478265074</c:v>
                </c:pt>
                <c:pt idx="6958">
                  <c:v>2.2020061478265074</c:v>
                </c:pt>
                <c:pt idx="6959">
                  <c:v>2.2020061478265074</c:v>
                </c:pt>
                <c:pt idx="6960">
                  <c:v>2.190261542099595</c:v>
                </c:pt>
                <c:pt idx="6961">
                  <c:v>2.190261542099595</c:v>
                </c:pt>
                <c:pt idx="6962">
                  <c:v>2.190261542099595</c:v>
                </c:pt>
                <c:pt idx="6963">
                  <c:v>2.190261542099595</c:v>
                </c:pt>
                <c:pt idx="6964">
                  <c:v>2.190261542099595</c:v>
                </c:pt>
                <c:pt idx="6965">
                  <c:v>2.190261542099595</c:v>
                </c:pt>
                <c:pt idx="6966">
                  <c:v>2.190261542099595</c:v>
                </c:pt>
                <c:pt idx="6967">
                  <c:v>6.0341705484843837</c:v>
                </c:pt>
                <c:pt idx="6968">
                  <c:v>6.7328639804141552</c:v>
                </c:pt>
                <c:pt idx="6969">
                  <c:v>7.431557412343925</c:v>
                </c:pt>
                <c:pt idx="6970">
                  <c:v>7.431557412343925</c:v>
                </c:pt>
                <c:pt idx="6971">
                  <c:v>8.8924618609243549</c:v>
                </c:pt>
                <c:pt idx="6972">
                  <c:v>8.8924618609243549</c:v>
                </c:pt>
                <c:pt idx="6973">
                  <c:v>5.9071353790426073</c:v>
                </c:pt>
                <c:pt idx="6974">
                  <c:v>8.8924618609243549</c:v>
                </c:pt>
                <c:pt idx="6975">
                  <c:v>8.8924618609243549</c:v>
                </c:pt>
                <c:pt idx="6976">
                  <c:v>7.4304622815728756</c:v>
                </c:pt>
                <c:pt idx="6977">
                  <c:v>5.9082305098136585</c:v>
                </c:pt>
                <c:pt idx="6978">
                  <c:v>2.190261542099595</c:v>
                </c:pt>
                <c:pt idx="6979">
                  <c:v>2.190261542099595</c:v>
                </c:pt>
                <c:pt idx="6980">
                  <c:v>2.190261542099595</c:v>
                </c:pt>
                <c:pt idx="6981">
                  <c:v>2.190261542099595</c:v>
                </c:pt>
                <c:pt idx="6982">
                  <c:v>2.190261542099595</c:v>
                </c:pt>
                <c:pt idx="6983">
                  <c:v>2.190261542099595</c:v>
                </c:pt>
                <c:pt idx="6984">
                  <c:v>0.63523684787754386</c:v>
                </c:pt>
                <c:pt idx="6985">
                  <c:v>0.63523684787754386</c:v>
                </c:pt>
                <c:pt idx="6986">
                  <c:v>0.63523684787754386</c:v>
                </c:pt>
                <c:pt idx="6987">
                  <c:v>0.63523684787754386</c:v>
                </c:pt>
                <c:pt idx="6988">
                  <c:v>0.63523684787754386</c:v>
                </c:pt>
                <c:pt idx="6989">
                  <c:v>0.63523684787754386</c:v>
                </c:pt>
                <c:pt idx="6990">
                  <c:v>0.63523684787754386</c:v>
                </c:pt>
                <c:pt idx="6991">
                  <c:v>1.7500775159026332</c:v>
                </c:pt>
                <c:pt idx="6992">
                  <c:v>1.9527180703755698</c:v>
                </c:pt>
                <c:pt idx="6993">
                  <c:v>2.1553586248485064</c:v>
                </c:pt>
                <c:pt idx="6994">
                  <c:v>2.1553586248485064</c:v>
                </c:pt>
                <c:pt idx="6995">
                  <c:v>2.5790616023828279</c:v>
                </c:pt>
                <c:pt idx="6996">
                  <c:v>2.5790616023828279</c:v>
                </c:pt>
                <c:pt idx="6997">
                  <c:v>1.7132337787257355</c:v>
                </c:pt>
                <c:pt idx="6998">
                  <c:v>2.5790616023828279</c:v>
                </c:pt>
                <c:pt idx="6999">
                  <c:v>2.5790616023828279</c:v>
                </c:pt>
                <c:pt idx="7000">
                  <c:v>2.1550410064245678</c:v>
                </c:pt>
                <c:pt idx="7001">
                  <c:v>1.7135513971496745</c:v>
                </c:pt>
                <c:pt idx="7002">
                  <c:v>0.63523684787754386</c:v>
                </c:pt>
                <c:pt idx="7003">
                  <c:v>0.63523684787754386</c:v>
                </c:pt>
                <c:pt idx="7004">
                  <c:v>0.63523684787754386</c:v>
                </c:pt>
                <c:pt idx="7005">
                  <c:v>0.63523684787754386</c:v>
                </c:pt>
                <c:pt idx="7006">
                  <c:v>0.63523684787754386</c:v>
                </c:pt>
                <c:pt idx="7007">
                  <c:v>0.63523684787754386</c:v>
                </c:pt>
                <c:pt idx="7008">
                  <c:v>0.31994531274398286</c:v>
                </c:pt>
                <c:pt idx="7009">
                  <c:v>0.31994531274398286</c:v>
                </c:pt>
                <c:pt idx="7010">
                  <c:v>0.31994531274398286</c:v>
                </c:pt>
                <c:pt idx="7011">
                  <c:v>0.31994531274398286</c:v>
                </c:pt>
                <c:pt idx="7012">
                  <c:v>0.31994531274398286</c:v>
                </c:pt>
                <c:pt idx="7013">
                  <c:v>0.31994531274398286</c:v>
                </c:pt>
                <c:pt idx="7014">
                  <c:v>0.31994531274398286</c:v>
                </c:pt>
                <c:pt idx="7015">
                  <c:v>0.86694858937079211</c:v>
                </c:pt>
                <c:pt idx="7016">
                  <c:v>1.08368573671349</c:v>
                </c:pt>
                <c:pt idx="7017">
                  <c:v>1.1920543103848393</c:v>
                </c:pt>
                <c:pt idx="7018">
                  <c:v>1.1920543103848393</c:v>
                </c:pt>
                <c:pt idx="7019">
                  <c:v>1.4087914577275373</c:v>
                </c:pt>
                <c:pt idx="7020">
                  <c:v>1.4087914577275373</c:v>
                </c:pt>
                <c:pt idx="7021">
                  <c:v>0.97531716304214133</c:v>
                </c:pt>
                <c:pt idx="7022">
                  <c:v>1.4087914577275373</c:v>
                </c:pt>
                <c:pt idx="7023">
                  <c:v>1.1920543103848393</c:v>
                </c:pt>
                <c:pt idx="7024">
                  <c:v>1.0320816540128479</c:v>
                </c:pt>
                <c:pt idx="7025">
                  <c:v>0.86694858937079211</c:v>
                </c:pt>
                <c:pt idx="7026">
                  <c:v>0.31994531274398286</c:v>
                </c:pt>
                <c:pt idx="7027">
                  <c:v>0.31994531274398286</c:v>
                </c:pt>
                <c:pt idx="7028">
                  <c:v>0.31994531274398286</c:v>
                </c:pt>
                <c:pt idx="7029">
                  <c:v>0.31994531274398286</c:v>
                </c:pt>
                <c:pt idx="7030">
                  <c:v>0.31994531274398286</c:v>
                </c:pt>
                <c:pt idx="7031">
                  <c:v>0.31994531274398286</c:v>
                </c:pt>
                <c:pt idx="7032">
                  <c:v>0.14401618663403346</c:v>
                </c:pt>
                <c:pt idx="7033">
                  <c:v>0.28117445961882725</c:v>
                </c:pt>
                <c:pt idx="7034">
                  <c:v>0.28117445961882725</c:v>
                </c:pt>
                <c:pt idx="7035">
                  <c:v>0.28117445961882725</c:v>
                </c:pt>
                <c:pt idx="7036">
                  <c:v>0.28117445961882725</c:v>
                </c:pt>
                <c:pt idx="7037">
                  <c:v>0.34975359611122409</c:v>
                </c:pt>
                <c:pt idx="7038">
                  <c:v>0.43890647355134005</c:v>
                </c:pt>
                <c:pt idx="7039">
                  <c:v>0.50062769639449722</c:v>
                </c:pt>
                <c:pt idx="7040">
                  <c:v>0.50062769639449722</c:v>
                </c:pt>
                <c:pt idx="7041">
                  <c:v>0.50062769639449722</c:v>
                </c:pt>
                <c:pt idx="7042">
                  <c:v>0.50062769639449722</c:v>
                </c:pt>
                <c:pt idx="7043">
                  <c:v>0.50062769639449722</c:v>
                </c:pt>
                <c:pt idx="7044">
                  <c:v>0.50062769639449722</c:v>
                </c:pt>
                <c:pt idx="7045">
                  <c:v>0.50062769639449722</c:v>
                </c:pt>
                <c:pt idx="7046">
                  <c:v>0.50062769639449722</c:v>
                </c:pt>
                <c:pt idx="7047">
                  <c:v>0.45262230084981936</c:v>
                </c:pt>
                <c:pt idx="7048">
                  <c:v>0.41147481895438121</c:v>
                </c:pt>
                <c:pt idx="7049">
                  <c:v>0.37032733705894316</c:v>
                </c:pt>
                <c:pt idx="7050">
                  <c:v>0.35661150976046374</c:v>
                </c:pt>
                <c:pt idx="7051">
                  <c:v>0.28803237326806691</c:v>
                </c:pt>
                <c:pt idx="7052">
                  <c:v>0.21259532312643031</c:v>
                </c:pt>
                <c:pt idx="7053">
                  <c:v>0.21259532312643031</c:v>
                </c:pt>
                <c:pt idx="7054">
                  <c:v>0.21259532312643031</c:v>
                </c:pt>
                <c:pt idx="7055">
                  <c:v>0.21259532312643031</c:v>
                </c:pt>
                <c:pt idx="7056">
                  <c:v>0.36147309576212572</c:v>
                </c:pt>
                <c:pt idx="7057">
                  <c:v>0.41977520798182344</c:v>
                </c:pt>
                <c:pt idx="7058">
                  <c:v>0.41977520798182344</c:v>
                </c:pt>
                <c:pt idx="7059">
                  <c:v>0.41977520798182344</c:v>
                </c:pt>
                <c:pt idx="7060">
                  <c:v>0.41977520798182344</c:v>
                </c:pt>
                <c:pt idx="7061">
                  <c:v>0.52471900997727927</c:v>
                </c:pt>
                <c:pt idx="7062">
                  <c:v>0.61800238952879571</c:v>
                </c:pt>
                <c:pt idx="7063">
                  <c:v>0.73460661396819094</c:v>
                </c:pt>
                <c:pt idx="7064">
                  <c:v>0.73460661396819094</c:v>
                </c:pt>
                <c:pt idx="7065">
                  <c:v>0.73460661396819094</c:v>
                </c:pt>
                <c:pt idx="7066">
                  <c:v>0.73460661396819094</c:v>
                </c:pt>
                <c:pt idx="7067">
                  <c:v>0.73460661396819094</c:v>
                </c:pt>
                <c:pt idx="7068">
                  <c:v>0.73460661396819094</c:v>
                </c:pt>
                <c:pt idx="7069">
                  <c:v>0.73460661396819094</c:v>
                </c:pt>
                <c:pt idx="7070">
                  <c:v>0.73460661396819094</c:v>
                </c:pt>
                <c:pt idx="7071">
                  <c:v>0.65298365686061421</c:v>
                </c:pt>
                <c:pt idx="7072">
                  <c:v>0.6413232344166746</c:v>
                </c:pt>
                <c:pt idx="7073">
                  <c:v>0.54803985486515838</c:v>
                </c:pt>
                <c:pt idx="7074">
                  <c:v>0.51305858753333977</c:v>
                </c:pt>
                <c:pt idx="7075">
                  <c:v>0.43143563042576299</c:v>
                </c:pt>
                <c:pt idx="7076">
                  <c:v>0.36147309576212572</c:v>
                </c:pt>
                <c:pt idx="7077">
                  <c:v>0.31483140598636755</c:v>
                </c:pt>
                <c:pt idx="7078">
                  <c:v>0.31483140598636755</c:v>
                </c:pt>
                <c:pt idx="7079">
                  <c:v>0.31483140598636755</c:v>
                </c:pt>
                <c:pt idx="7080">
                  <c:v>0.32528864563004295</c:v>
                </c:pt>
                <c:pt idx="7081">
                  <c:v>0.32528864563004295</c:v>
                </c:pt>
                <c:pt idx="7082">
                  <c:v>0.32528864563004295</c:v>
                </c:pt>
                <c:pt idx="7083">
                  <c:v>0.32528864563004295</c:v>
                </c:pt>
                <c:pt idx="7084">
                  <c:v>0.32528864563004295</c:v>
                </c:pt>
                <c:pt idx="7085">
                  <c:v>0.32528864563004295</c:v>
                </c:pt>
                <c:pt idx="7086">
                  <c:v>0.32528864563004295</c:v>
                </c:pt>
                <c:pt idx="7087">
                  <c:v>1.4150056084906868</c:v>
                </c:pt>
                <c:pt idx="7088">
                  <c:v>1.5918813095520228</c:v>
                </c:pt>
                <c:pt idx="7089">
                  <c:v>1.7687570106133585</c:v>
                </c:pt>
                <c:pt idx="7090">
                  <c:v>1.7687570106133585</c:v>
                </c:pt>
                <c:pt idx="7091">
                  <c:v>2.1225084127360301</c:v>
                </c:pt>
                <c:pt idx="7092">
                  <c:v>2.1225084127360301</c:v>
                </c:pt>
                <c:pt idx="7093">
                  <c:v>1.4150056084906868</c:v>
                </c:pt>
                <c:pt idx="7094">
                  <c:v>2.1225084127360301</c:v>
                </c:pt>
                <c:pt idx="7095">
                  <c:v>2.1225084127360301</c:v>
                </c:pt>
                <c:pt idx="7096">
                  <c:v>1.7687570106133585</c:v>
                </c:pt>
                <c:pt idx="7097">
                  <c:v>1.4231378246314381</c:v>
                </c:pt>
                <c:pt idx="7098">
                  <c:v>0.50826350879694215</c:v>
                </c:pt>
                <c:pt idx="7099">
                  <c:v>0.50826350879694215</c:v>
                </c:pt>
                <c:pt idx="7100">
                  <c:v>0.50826350879694215</c:v>
                </c:pt>
                <c:pt idx="7101">
                  <c:v>0.50826350879694215</c:v>
                </c:pt>
                <c:pt idx="7102">
                  <c:v>0.50826350879694215</c:v>
                </c:pt>
                <c:pt idx="7103">
                  <c:v>0.50826350879694215</c:v>
                </c:pt>
                <c:pt idx="7104">
                  <c:v>0.51718607547152828</c:v>
                </c:pt>
                <c:pt idx="7105">
                  <c:v>0.51718607547152828</c:v>
                </c:pt>
                <c:pt idx="7106">
                  <c:v>0.51718607547152828</c:v>
                </c:pt>
                <c:pt idx="7107">
                  <c:v>0.51718607547152828</c:v>
                </c:pt>
                <c:pt idx="7108">
                  <c:v>0.51718607547152828</c:v>
                </c:pt>
                <c:pt idx="7109">
                  <c:v>0.51718607547152828</c:v>
                </c:pt>
                <c:pt idx="7110">
                  <c:v>0.51718607547152828</c:v>
                </c:pt>
                <c:pt idx="7111">
                  <c:v>1.4898295657937894</c:v>
                </c:pt>
                <c:pt idx="7112">
                  <c:v>1.6623361470962281</c:v>
                </c:pt>
                <c:pt idx="7113">
                  <c:v>1.8348427283986675</c:v>
                </c:pt>
                <c:pt idx="7114">
                  <c:v>1.8348427283986675</c:v>
                </c:pt>
                <c:pt idx="7115">
                  <c:v>2.1955383074855845</c:v>
                </c:pt>
                <c:pt idx="7116">
                  <c:v>2.1955383074855845</c:v>
                </c:pt>
                <c:pt idx="7117">
                  <c:v>1.4584647328297096</c:v>
                </c:pt>
                <c:pt idx="7118">
                  <c:v>2.1955383074855845</c:v>
                </c:pt>
                <c:pt idx="7119">
                  <c:v>2.1955383074855845</c:v>
                </c:pt>
                <c:pt idx="7120">
                  <c:v>1.8351763968344554</c:v>
                </c:pt>
                <c:pt idx="7121">
                  <c:v>1.4581310643939216</c:v>
                </c:pt>
                <c:pt idx="7122">
                  <c:v>0.51718607547152828</c:v>
                </c:pt>
                <c:pt idx="7123">
                  <c:v>0.51718607547152828</c:v>
                </c:pt>
                <c:pt idx="7124">
                  <c:v>0.51718607547152828</c:v>
                </c:pt>
                <c:pt idx="7125">
                  <c:v>0.51718607547152828</c:v>
                </c:pt>
                <c:pt idx="7126">
                  <c:v>0.51718607547152828</c:v>
                </c:pt>
                <c:pt idx="7127">
                  <c:v>0.51718607547152828</c:v>
                </c:pt>
                <c:pt idx="7128">
                  <c:v>0.4304934274540107</c:v>
                </c:pt>
                <c:pt idx="7129">
                  <c:v>0.4304934274540107</c:v>
                </c:pt>
                <c:pt idx="7130">
                  <c:v>0.4304934274540107</c:v>
                </c:pt>
                <c:pt idx="7131">
                  <c:v>0.4304934274540107</c:v>
                </c:pt>
                <c:pt idx="7132">
                  <c:v>0.4304934274540107</c:v>
                </c:pt>
                <c:pt idx="7133">
                  <c:v>0.4304934274540107</c:v>
                </c:pt>
                <c:pt idx="7134">
                  <c:v>0.4304934274540107</c:v>
                </c:pt>
                <c:pt idx="7135">
                  <c:v>1.1860093926357993</c:v>
                </c:pt>
                <c:pt idx="7136">
                  <c:v>1.3233367959936289</c:v>
                </c:pt>
                <c:pt idx="7137">
                  <c:v>1.4606641993514584</c:v>
                </c:pt>
                <c:pt idx="7138">
                  <c:v>1.4606641993514584</c:v>
                </c:pt>
                <c:pt idx="7139">
                  <c:v>1.7478033154632833</c:v>
                </c:pt>
                <c:pt idx="7140">
                  <c:v>1.7478033154632833</c:v>
                </c:pt>
                <c:pt idx="7141">
                  <c:v>1.1610407738434667</c:v>
                </c:pt>
                <c:pt idx="7142">
                  <c:v>1.7478033154632833</c:v>
                </c:pt>
                <c:pt idx="7143">
                  <c:v>1.7478033154632833</c:v>
                </c:pt>
                <c:pt idx="7144">
                  <c:v>1.4604489526377313</c:v>
                </c:pt>
                <c:pt idx="7145">
                  <c:v>1.1612560205571938</c:v>
                </c:pt>
                <c:pt idx="7146">
                  <c:v>0.4304934274540107</c:v>
                </c:pt>
                <c:pt idx="7147">
                  <c:v>0.4304934274540107</c:v>
                </c:pt>
                <c:pt idx="7148">
                  <c:v>0.4304934274540107</c:v>
                </c:pt>
                <c:pt idx="7149">
                  <c:v>0.4304934274540107</c:v>
                </c:pt>
                <c:pt idx="7150">
                  <c:v>0.4304934274540107</c:v>
                </c:pt>
                <c:pt idx="7151">
                  <c:v>0.4304934274540107</c:v>
                </c:pt>
                <c:pt idx="7152">
                  <c:v>0.4357046626162196</c:v>
                </c:pt>
                <c:pt idx="7153">
                  <c:v>0.4357046626162196</c:v>
                </c:pt>
                <c:pt idx="7154">
                  <c:v>0.4357046626162196</c:v>
                </c:pt>
                <c:pt idx="7155">
                  <c:v>0.4357046626162196</c:v>
                </c:pt>
                <c:pt idx="7156">
                  <c:v>0.4357046626162196</c:v>
                </c:pt>
                <c:pt idx="7157">
                  <c:v>0.4357046626162196</c:v>
                </c:pt>
                <c:pt idx="7158">
                  <c:v>0.4357046626162196</c:v>
                </c:pt>
                <c:pt idx="7159">
                  <c:v>1.2003663455076847</c:v>
                </c:pt>
                <c:pt idx="7160">
                  <c:v>1.3393561328822587</c:v>
                </c:pt>
                <c:pt idx="7161">
                  <c:v>1.4783459202568332</c:v>
                </c:pt>
                <c:pt idx="7162">
                  <c:v>1.4783459202568332</c:v>
                </c:pt>
                <c:pt idx="7163">
                  <c:v>1.7689609302218512</c:v>
                </c:pt>
                <c:pt idx="7164">
                  <c:v>1.7689609302218512</c:v>
                </c:pt>
                <c:pt idx="7165">
                  <c:v>1.1750954750759441</c:v>
                </c:pt>
                <c:pt idx="7166">
                  <c:v>1.7689609302218512</c:v>
                </c:pt>
                <c:pt idx="7167">
                  <c:v>1.7689609302218512</c:v>
                </c:pt>
                <c:pt idx="7168">
                  <c:v>1.4781280679255251</c:v>
                </c:pt>
                <c:pt idx="7169">
                  <c:v>1.1753133274072523</c:v>
                </c:pt>
                <c:pt idx="7170">
                  <c:v>0.4357046626162196</c:v>
                </c:pt>
                <c:pt idx="7171">
                  <c:v>0.4357046626162196</c:v>
                </c:pt>
                <c:pt idx="7172">
                  <c:v>0.4357046626162196</c:v>
                </c:pt>
                <c:pt idx="7173">
                  <c:v>0.4357046626162196</c:v>
                </c:pt>
                <c:pt idx="7174">
                  <c:v>0.4357046626162196</c:v>
                </c:pt>
                <c:pt idx="7175">
                  <c:v>0.4357046626162196</c:v>
                </c:pt>
                <c:pt idx="7176">
                  <c:v>0.55132060396231264</c:v>
                </c:pt>
                <c:pt idx="7177">
                  <c:v>0.55132060396231264</c:v>
                </c:pt>
                <c:pt idx="7178">
                  <c:v>0.55132060396231264</c:v>
                </c:pt>
                <c:pt idx="7179">
                  <c:v>0.55132060396231264</c:v>
                </c:pt>
                <c:pt idx="7180">
                  <c:v>0.55132060396231264</c:v>
                </c:pt>
                <c:pt idx="7181">
                  <c:v>0.55132060396231264</c:v>
                </c:pt>
                <c:pt idx="7182">
                  <c:v>0.55132060396231264</c:v>
                </c:pt>
                <c:pt idx="7183">
                  <c:v>1.49390099138175</c:v>
                </c:pt>
                <c:pt idx="7184">
                  <c:v>1.8673762392271875</c:v>
                </c:pt>
                <c:pt idx="7185">
                  <c:v>2.0541138631499063</c:v>
                </c:pt>
                <c:pt idx="7186">
                  <c:v>2.0541138631499063</c:v>
                </c:pt>
                <c:pt idx="7187">
                  <c:v>2.4275891109953442</c:v>
                </c:pt>
                <c:pt idx="7188">
                  <c:v>2.4275891109953442</c:v>
                </c:pt>
                <c:pt idx="7189">
                  <c:v>1.6806386153044692</c:v>
                </c:pt>
                <c:pt idx="7190">
                  <c:v>2.4275891109953442</c:v>
                </c:pt>
                <c:pt idx="7191">
                  <c:v>2.0541138631499063</c:v>
                </c:pt>
                <c:pt idx="7192">
                  <c:v>1.7784535611687504</c:v>
                </c:pt>
                <c:pt idx="7193">
                  <c:v>1.49390099138175</c:v>
                </c:pt>
                <c:pt idx="7194">
                  <c:v>0.55132060396231264</c:v>
                </c:pt>
                <c:pt idx="7195">
                  <c:v>0.55132060396231264</c:v>
                </c:pt>
                <c:pt idx="7196">
                  <c:v>0.55132060396231264</c:v>
                </c:pt>
                <c:pt idx="7197">
                  <c:v>0.55132060396231264</c:v>
                </c:pt>
                <c:pt idx="7198">
                  <c:v>0.55132060396231264</c:v>
                </c:pt>
                <c:pt idx="7199">
                  <c:v>0.55132060396231264</c:v>
                </c:pt>
                <c:pt idx="7200">
                  <c:v>0.40251743578420318</c:v>
                </c:pt>
                <c:pt idx="7201">
                  <c:v>0.78586737462630152</c:v>
                </c:pt>
                <c:pt idx="7202">
                  <c:v>0.78586737462630152</c:v>
                </c:pt>
                <c:pt idx="7203">
                  <c:v>0.78586737462630152</c:v>
                </c:pt>
                <c:pt idx="7204">
                  <c:v>0.78586737462630152</c:v>
                </c:pt>
                <c:pt idx="7205">
                  <c:v>0.97754234404735063</c:v>
                </c:pt>
                <c:pt idx="7206">
                  <c:v>1.2267198042947147</c:v>
                </c:pt>
                <c:pt idx="7207">
                  <c:v>1.3992272767736587</c:v>
                </c:pt>
                <c:pt idx="7208">
                  <c:v>1.3992272767736587</c:v>
                </c:pt>
                <c:pt idx="7209">
                  <c:v>1.3992272767736587</c:v>
                </c:pt>
                <c:pt idx="7210">
                  <c:v>1.3992272767736587</c:v>
                </c:pt>
                <c:pt idx="7211">
                  <c:v>1.3992272767736587</c:v>
                </c:pt>
                <c:pt idx="7212">
                  <c:v>1.3992272767736587</c:v>
                </c:pt>
                <c:pt idx="7213">
                  <c:v>1.3992272767736587</c:v>
                </c:pt>
                <c:pt idx="7214">
                  <c:v>1.3992272767736587</c:v>
                </c:pt>
                <c:pt idx="7215">
                  <c:v>1.2650547981789242</c:v>
                </c:pt>
                <c:pt idx="7216">
                  <c:v>1.1500498165262951</c:v>
                </c:pt>
                <c:pt idx="7217">
                  <c:v>1.0350448348736656</c:v>
                </c:pt>
                <c:pt idx="7218">
                  <c:v>0.99670984098945548</c:v>
                </c:pt>
                <c:pt idx="7219">
                  <c:v>0.80503487156840636</c:v>
                </c:pt>
                <c:pt idx="7220">
                  <c:v>0.59419240520525229</c:v>
                </c:pt>
                <c:pt idx="7221">
                  <c:v>0.59419240520525229</c:v>
                </c:pt>
                <c:pt idx="7222">
                  <c:v>0.59419240520525229</c:v>
                </c:pt>
                <c:pt idx="7223">
                  <c:v>0.59419240520525229</c:v>
                </c:pt>
                <c:pt idx="7224">
                  <c:v>1.2713234227257955</c:v>
                </c:pt>
                <c:pt idx="7225">
                  <c:v>1.4763755876815687</c:v>
                </c:pt>
                <c:pt idx="7226">
                  <c:v>1.4763755876815687</c:v>
                </c:pt>
                <c:pt idx="7227">
                  <c:v>1.4763755876815687</c:v>
                </c:pt>
                <c:pt idx="7228">
                  <c:v>1.4763755876815687</c:v>
                </c:pt>
                <c:pt idx="7229">
                  <c:v>1.845469484601961</c:v>
                </c:pt>
                <c:pt idx="7230">
                  <c:v>2.1735529485311984</c:v>
                </c:pt>
                <c:pt idx="7231">
                  <c:v>2.5836572784427458</c:v>
                </c:pt>
                <c:pt idx="7232">
                  <c:v>2.5836572784427458</c:v>
                </c:pt>
                <c:pt idx="7233">
                  <c:v>2.5836572784427458</c:v>
                </c:pt>
                <c:pt idx="7234">
                  <c:v>2.5836572784427458</c:v>
                </c:pt>
                <c:pt idx="7235">
                  <c:v>2.5836572784427458</c:v>
                </c:pt>
                <c:pt idx="7236">
                  <c:v>2.5836572784427458</c:v>
                </c:pt>
                <c:pt idx="7237">
                  <c:v>2.5836572784427458</c:v>
                </c:pt>
                <c:pt idx="7238">
                  <c:v>2.5836572784427458</c:v>
                </c:pt>
                <c:pt idx="7239">
                  <c:v>2.2965842475046632</c:v>
                </c:pt>
                <c:pt idx="7240">
                  <c:v>2.2555738145135078</c:v>
                </c:pt>
                <c:pt idx="7241">
                  <c:v>1.9274903505842707</c:v>
                </c:pt>
                <c:pt idx="7242">
                  <c:v>1.8044590516108066</c:v>
                </c:pt>
                <c:pt idx="7243">
                  <c:v>1.5173860206727237</c:v>
                </c:pt>
                <c:pt idx="7244">
                  <c:v>1.2713234227257955</c:v>
                </c:pt>
                <c:pt idx="7245">
                  <c:v>1.1072816907611767</c:v>
                </c:pt>
                <c:pt idx="7246">
                  <c:v>1.1072816907611767</c:v>
                </c:pt>
                <c:pt idx="7247">
                  <c:v>1.1072816907611767</c:v>
                </c:pt>
                <c:pt idx="7248">
                  <c:v>0.56161033684614536</c:v>
                </c:pt>
                <c:pt idx="7249">
                  <c:v>0.56161033684614536</c:v>
                </c:pt>
                <c:pt idx="7250">
                  <c:v>0.56161033684614536</c:v>
                </c:pt>
                <c:pt idx="7251">
                  <c:v>0.56161033684614536</c:v>
                </c:pt>
                <c:pt idx="7252">
                  <c:v>0.56161033684614536</c:v>
                </c:pt>
                <c:pt idx="7253">
                  <c:v>0.56161033684614536</c:v>
                </c:pt>
                <c:pt idx="7254">
                  <c:v>0.56161033684614536</c:v>
                </c:pt>
                <c:pt idx="7255">
                  <c:v>2.443004965280732</c:v>
                </c:pt>
                <c:pt idx="7256">
                  <c:v>2.7483805859408239</c:v>
                </c:pt>
                <c:pt idx="7257">
                  <c:v>3.053756206600915</c:v>
                </c:pt>
                <c:pt idx="7258">
                  <c:v>3.053756206600915</c:v>
                </c:pt>
                <c:pt idx="7259">
                  <c:v>3.6645074479210975</c:v>
                </c:pt>
                <c:pt idx="7260">
                  <c:v>3.6645074479210975</c:v>
                </c:pt>
                <c:pt idx="7261">
                  <c:v>2.443004965280732</c:v>
                </c:pt>
                <c:pt idx="7262">
                  <c:v>3.6645074479210975</c:v>
                </c:pt>
                <c:pt idx="7263">
                  <c:v>3.6645074479210975</c:v>
                </c:pt>
                <c:pt idx="7264">
                  <c:v>3.053756206600915</c:v>
                </c:pt>
                <c:pt idx="7265">
                  <c:v>2.4570452237018858</c:v>
                </c:pt>
                <c:pt idx="7266">
                  <c:v>0.87751615132210214</c:v>
                </c:pt>
                <c:pt idx="7267">
                  <c:v>0.87751615132210214</c:v>
                </c:pt>
                <c:pt idx="7268">
                  <c:v>0.87751615132210214</c:v>
                </c:pt>
                <c:pt idx="7269">
                  <c:v>0.87751615132210214</c:v>
                </c:pt>
                <c:pt idx="7270">
                  <c:v>0.87751615132210214</c:v>
                </c:pt>
                <c:pt idx="7271">
                  <c:v>0.87751615132210214</c:v>
                </c:pt>
                <c:pt idx="7272">
                  <c:v>0.49198421577039092</c:v>
                </c:pt>
                <c:pt idx="7273">
                  <c:v>0.49198421577039092</c:v>
                </c:pt>
                <c:pt idx="7274">
                  <c:v>0.49198421577039092</c:v>
                </c:pt>
                <c:pt idx="7275">
                  <c:v>0.49198421577039092</c:v>
                </c:pt>
                <c:pt idx="7276">
                  <c:v>0.49198421577039092</c:v>
                </c:pt>
                <c:pt idx="7277">
                  <c:v>0.49198421577039092</c:v>
                </c:pt>
                <c:pt idx="7278">
                  <c:v>0.49198421577039092</c:v>
                </c:pt>
                <c:pt idx="7279">
                  <c:v>1.4172319505901905</c:v>
                </c:pt>
                <c:pt idx="7280">
                  <c:v>1.5813324922374756</c:v>
                </c:pt>
                <c:pt idx="7281">
                  <c:v>1.7454330338847608</c:v>
                </c:pt>
                <c:pt idx="7282">
                  <c:v>1.7454330338847608</c:v>
                </c:pt>
                <c:pt idx="7283">
                  <c:v>2.0885523482381756</c:v>
                </c:pt>
                <c:pt idx="7284">
                  <c:v>2.0885523482381756</c:v>
                </c:pt>
                <c:pt idx="7285">
                  <c:v>1.3873954884725019</c:v>
                </c:pt>
                <c:pt idx="7286">
                  <c:v>2.0885523482381756</c:v>
                </c:pt>
                <c:pt idx="7287">
                  <c:v>2.0885523482381756</c:v>
                </c:pt>
                <c:pt idx="7288">
                  <c:v>1.7457504430562256</c:v>
                </c:pt>
                <c:pt idx="7289">
                  <c:v>1.3870780793010375</c:v>
                </c:pt>
                <c:pt idx="7290">
                  <c:v>0.49198421577039092</c:v>
                </c:pt>
                <c:pt idx="7291">
                  <c:v>0.49198421577039092</c:v>
                </c:pt>
                <c:pt idx="7292">
                  <c:v>0.49198421577039092</c:v>
                </c:pt>
                <c:pt idx="7293">
                  <c:v>0.49198421577039092</c:v>
                </c:pt>
                <c:pt idx="7294">
                  <c:v>0.49198421577039092</c:v>
                </c:pt>
                <c:pt idx="7295">
                  <c:v>0.49198421577039092</c:v>
                </c:pt>
                <c:pt idx="7296">
                  <c:v>0.49823948456272599</c:v>
                </c:pt>
                <c:pt idx="7297">
                  <c:v>0.49823948456272599</c:v>
                </c:pt>
                <c:pt idx="7298">
                  <c:v>0.49823948456272599</c:v>
                </c:pt>
                <c:pt idx="7299">
                  <c:v>0.49823948456272599</c:v>
                </c:pt>
                <c:pt idx="7300">
                  <c:v>0.49823948456272599</c:v>
                </c:pt>
                <c:pt idx="7301">
                  <c:v>0.49823948456272599</c:v>
                </c:pt>
                <c:pt idx="7302">
                  <c:v>0.49823948456272599</c:v>
                </c:pt>
                <c:pt idx="7303">
                  <c:v>1.3726497799703099</c:v>
                </c:pt>
                <c:pt idx="7304">
                  <c:v>1.5315881755458198</c:v>
                </c:pt>
                <c:pt idx="7305">
                  <c:v>1.6905265711213291</c:v>
                </c:pt>
                <c:pt idx="7306">
                  <c:v>1.6905265711213291</c:v>
                </c:pt>
                <c:pt idx="7307">
                  <c:v>2.0228523073246669</c:v>
                </c:pt>
                <c:pt idx="7308">
                  <c:v>2.0228523073246669</c:v>
                </c:pt>
                <c:pt idx="7309">
                  <c:v>1.343751889865672</c:v>
                </c:pt>
                <c:pt idx="7310">
                  <c:v>2.0228523073246669</c:v>
                </c:pt>
                <c:pt idx="7311">
                  <c:v>2.0228523073246669</c:v>
                </c:pt>
                <c:pt idx="7312">
                  <c:v>1.6902774513790479</c:v>
                </c:pt>
                <c:pt idx="7313">
                  <c:v>1.3440010096079531</c:v>
                </c:pt>
                <c:pt idx="7314">
                  <c:v>0.49823948456272599</c:v>
                </c:pt>
                <c:pt idx="7315">
                  <c:v>0.49823948456272599</c:v>
                </c:pt>
                <c:pt idx="7316">
                  <c:v>0.49823948456272599</c:v>
                </c:pt>
                <c:pt idx="7317">
                  <c:v>0.49823948456272599</c:v>
                </c:pt>
                <c:pt idx="7318">
                  <c:v>0.49823948456272599</c:v>
                </c:pt>
                <c:pt idx="7319">
                  <c:v>0.49823948456272599</c:v>
                </c:pt>
                <c:pt idx="7320">
                  <c:v>0.56598554167144122</c:v>
                </c:pt>
                <c:pt idx="7321">
                  <c:v>0.56598554167144122</c:v>
                </c:pt>
                <c:pt idx="7322">
                  <c:v>0.56598554167144122</c:v>
                </c:pt>
                <c:pt idx="7323">
                  <c:v>0.56598554167144122</c:v>
                </c:pt>
                <c:pt idx="7324">
                  <c:v>0.56598554167144122</c:v>
                </c:pt>
                <c:pt idx="7325">
                  <c:v>0.56598554167144122</c:v>
                </c:pt>
                <c:pt idx="7326">
                  <c:v>0.56598554167144122</c:v>
                </c:pt>
                <c:pt idx="7327">
                  <c:v>1.5592901673048205</c:v>
                </c:pt>
                <c:pt idx="7328">
                  <c:v>1.7398395550980104</c:v>
                </c:pt>
                <c:pt idx="7329">
                  <c:v>1.9203889428912</c:v>
                </c:pt>
                <c:pt idx="7330">
                  <c:v>1.9203889428912</c:v>
                </c:pt>
                <c:pt idx="7331">
                  <c:v>2.297901299186051</c:v>
                </c:pt>
                <c:pt idx="7332">
                  <c:v>2.297901299186051</c:v>
                </c:pt>
                <c:pt idx="7333">
                  <c:v>1.526463005887877</c:v>
                </c:pt>
                <c:pt idx="7334">
                  <c:v>2.297901299186051</c:v>
                </c:pt>
                <c:pt idx="7335">
                  <c:v>2.297901299186051</c:v>
                </c:pt>
                <c:pt idx="7336">
                  <c:v>1.9201059501203646</c:v>
                </c:pt>
                <c:pt idx="7337">
                  <c:v>1.5267459986587126</c:v>
                </c:pt>
                <c:pt idx="7338">
                  <c:v>0.56598554167144122</c:v>
                </c:pt>
                <c:pt idx="7339">
                  <c:v>0.56598554167144122</c:v>
                </c:pt>
                <c:pt idx="7340">
                  <c:v>0.56598554167144122</c:v>
                </c:pt>
                <c:pt idx="7341">
                  <c:v>0.56598554167144122</c:v>
                </c:pt>
                <c:pt idx="7342">
                  <c:v>0.56598554167144122</c:v>
                </c:pt>
                <c:pt idx="7343">
                  <c:v>0.56598554167144122</c:v>
                </c:pt>
                <c:pt idx="7344">
                  <c:v>1.1551289140631058</c:v>
                </c:pt>
                <c:pt idx="7345">
                  <c:v>1.1551289140631058</c:v>
                </c:pt>
                <c:pt idx="7346">
                  <c:v>1.1551289140631058</c:v>
                </c:pt>
                <c:pt idx="7347">
                  <c:v>1.1551289140631058</c:v>
                </c:pt>
                <c:pt idx="7348">
                  <c:v>1.1551289140631058</c:v>
                </c:pt>
                <c:pt idx="7349">
                  <c:v>1.1551289140631058</c:v>
                </c:pt>
                <c:pt idx="7350">
                  <c:v>1.1551289140631058</c:v>
                </c:pt>
                <c:pt idx="7351">
                  <c:v>3.1300267348806741</c:v>
                </c:pt>
                <c:pt idx="7352">
                  <c:v>3.9125334186008422</c:v>
                </c:pt>
                <c:pt idx="7353">
                  <c:v>4.3037867604609268</c:v>
                </c:pt>
                <c:pt idx="7354">
                  <c:v>4.3037867604609268</c:v>
                </c:pt>
                <c:pt idx="7355">
                  <c:v>5.086293444181095</c:v>
                </c:pt>
                <c:pt idx="7356">
                  <c:v>5.086293444181095</c:v>
                </c:pt>
                <c:pt idx="7357">
                  <c:v>3.5212800767407582</c:v>
                </c:pt>
                <c:pt idx="7358">
                  <c:v>5.086293444181095</c:v>
                </c:pt>
                <c:pt idx="7359">
                  <c:v>4.3037867604609268</c:v>
                </c:pt>
                <c:pt idx="7360">
                  <c:v>3.7262223034293736</c:v>
                </c:pt>
                <c:pt idx="7361">
                  <c:v>3.1300267348806741</c:v>
                </c:pt>
                <c:pt idx="7362">
                  <c:v>1.1551289140631058</c:v>
                </c:pt>
                <c:pt idx="7363">
                  <c:v>1.1551289140631058</c:v>
                </c:pt>
                <c:pt idx="7364">
                  <c:v>1.1551289140631058</c:v>
                </c:pt>
                <c:pt idx="7365">
                  <c:v>1.1551289140631058</c:v>
                </c:pt>
                <c:pt idx="7366">
                  <c:v>1.1551289140631058</c:v>
                </c:pt>
                <c:pt idx="7367">
                  <c:v>1.1551289140631058</c:v>
                </c:pt>
                <c:pt idx="7368">
                  <c:v>0.99459723820115997</c:v>
                </c:pt>
                <c:pt idx="7369">
                  <c:v>1.9418327031546461</c:v>
                </c:pt>
                <c:pt idx="7370">
                  <c:v>1.9418327031546461</c:v>
                </c:pt>
                <c:pt idx="7371">
                  <c:v>1.9418327031546461</c:v>
                </c:pt>
                <c:pt idx="7372">
                  <c:v>1.9418327031546461</c:v>
                </c:pt>
                <c:pt idx="7373">
                  <c:v>2.4154504356313891</c:v>
                </c:pt>
                <c:pt idx="7374">
                  <c:v>3.0311534878511543</c:v>
                </c:pt>
                <c:pt idx="7375">
                  <c:v>3.4574094470802232</c:v>
                </c:pt>
                <c:pt idx="7376">
                  <c:v>3.4574094470802232</c:v>
                </c:pt>
                <c:pt idx="7377">
                  <c:v>3.4574094470802232</c:v>
                </c:pt>
                <c:pt idx="7378">
                  <c:v>3.4574094470802232</c:v>
                </c:pt>
                <c:pt idx="7379">
                  <c:v>3.4574094470802232</c:v>
                </c:pt>
                <c:pt idx="7380">
                  <c:v>3.4574094470802232</c:v>
                </c:pt>
                <c:pt idx="7381">
                  <c:v>3.4574094470802232</c:v>
                </c:pt>
                <c:pt idx="7382">
                  <c:v>3.4574094470802232</c:v>
                </c:pt>
                <c:pt idx="7383">
                  <c:v>3.1258770343465034</c:v>
                </c:pt>
                <c:pt idx="7384">
                  <c:v>2.8417063948604575</c:v>
                </c:pt>
                <c:pt idx="7385">
                  <c:v>2.557535755374412</c:v>
                </c:pt>
                <c:pt idx="7386">
                  <c:v>2.4628122088790634</c:v>
                </c:pt>
                <c:pt idx="7387">
                  <c:v>1.9891944764023199</c:v>
                </c:pt>
                <c:pt idx="7388">
                  <c:v>1.4682149706779031</c:v>
                </c:pt>
                <c:pt idx="7389">
                  <c:v>1.4682149706779031</c:v>
                </c:pt>
                <c:pt idx="7390">
                  <c:v>1.4682149706779031</c:v>
                </c:pt>
                <c:pt idx="7391">
                  <c:v>1.4682149706779031</c:v>
                </c:pt>
                <c:pt idx="7392">
                  <c:v>1.2713234227257955</c:v>
                </c:pt>
                <c:pt idx="7393">
                  <c:v>1.4763755876815687</c:v>
                </c:pt>
                <c:pt idx="7394">
                  <c:v>1.4763755876815687</c:v>
                </c:pt>
                <c:pt idx="7395">
                  <c:v>1.4763755876815687</c:v>
                </c:pt>
                <c:pt idx="7396">
                  <c:v>1.4763755876815687</c:v>
                </c:pt>
                <c:pt idx="7397">
                  <c:v>1.845469484601961</c:v>
                </c:pt>
                <c:pt idx="7398">
                  <c:v>2.1735529485311984</c:v>
                </c:pt>
                <c:pt idx="7399">
                  <c:v>2.5836572784427458</c:v>
                </c:pt>
                <c:pt idx="7400">
                  <c:v>2.5836572784427458</c:v>
                </c:pt>
                <c:pt idx="7401">
                  <c:v>2.5836572784427458</c:v>
                </c:pt>
                <c:pt idx="7402">
                  <c:v>2.5836572784427458</c:v>
                </c:pt>
                <c:pt idx="7403">
                  <c:v>2.5836572784427458</c:v>
                </c:pt>
                <c:pt idx="7404">
                  <c:v>2.5836572784427458</c:v>
                </c:pt>
                <c:pt idx="7405">
                  <c:v>2.5836572784427458</c:v>
                </c:pt>
                <c:pt idx="7406">
                  <c:v>2.5836572784427458</c:v>
                </c:pt>
                <c:pt idx="7407">
                  <c:v>2.2965842475046632</c:v>
                </c:pt>
                <c:pt idx="7408">
                  <c:v>2.2555738145135078</c:v>
                </c:pt>
                <c:pt idx="7409">
                  <c:v>1.9274903505842707</c:v>
                </c:pt>
                <c:pt idx="7410">
                  <c:v>1.8044590516108066</c:v>
                </c:pt>
                <c:pt idx="7411">
                  <c:v>1.5173860206727237</c:v>
                </c:pt>
                <c:pt idx="7412">
                  <c:v>1.2713234227257955</c:v>
                </c:pt>
                <c:pt idx="7413">
                  <c:v>1.1072816907611767</c:v>
                </c:pt>
                <c:pt idx="7414">
                  <c:v>1.1072816907611767</c:v>
                </c:pt>
                <c:pt idx="7415">
                  <c:v>1.1072816907611767</c:v>
                </c:pt>
                <c:pt idx="7416">
                  <c:v>0.3390416557671761</c:v>
                </c:pt>
                <c:pt idx="7417">
                  <c:v>0.3390416557671761</c:v>
                </c:pt>
                <c:pt idx="7418">
                  <c:v>0.3390416557671761</c:v>
                </c:pt>
                <c:pt idx="7419">
                  <c:v>0.3390416557671761</c:v>
                </c:pt>
                <c:pt idx="7420">
                  <c:v>0.3390416557671761</c:v>
                </c:pt>
                <c:pt idx="7421">
                  <c:v>0.3390416557671761</c:v>
                </c:pt>
                <c:pt idx="7422">
                  <c:v>0.3390416557671761</c:v>
                </c:pt>
                <c:pt idx="7423">
                  <c:v>1.4748312025872161</c:v>
                </c:pt>
                <c:pt idx="7424">
                  <c:v>1.6591851029106182</c:v>
                </c:pt>
                <c:pt idx="7425">
                  <c:v>1.84353900323402</c:v>
                </c:pt>
                <c:pt idx="7426">
                  <c:v>1.84353900323402</c:v>
                </c:pt>
                <c:pt idx="7427">
                  <c:v>2.2122468038808241</c:v>
                </c:pt>
                <c:pt idx="7428">
                  <c:v>2.2122468038808241</c:v>
                </c:pt>
                <c:pt idx="7429">
                  <c:v>1.4748312025872161</c:v>
                </c:pt>
                <c:pt idx="7430">
                  <c:v>2.2122468038808241</c:v>
                </c:pt>
                <c:pt idx="7431">
                  <c:v>2.2122468038808241</c:v>
                </c:pt>
                <c:pt idx="7432">
                  <c:v>1.84353900323402</c:v>
                </c:pt>
                <c:pt idx="7433">
                  <c:v>1.4833072439813955</c:v>
                </c:pt>
                <c:pt idx="7434">
                  <c:v>0.52975258713621265</c:v>
                </c:pt>
                <c:pt idx="7435">
                  <c:v>0.52975258713621265</c:v>
                </c:pt>
                <c:pt idx="7436">
                  <c:v>0.52975258713621265</c:v>
                </c:pt>
                <c:pt idx="7437">
                  <c:v>0.52975258713621265</c:v>
                </c:pt>
                <c:pt idx="7438">
                  <c:v>0.52975258713621265</c:v>
                </c:pt>
                <c:pt idx="7439">
                  <c:v>0.52975258713621265</c:v>
                </c:pt>
                <c:pt idx="7440">
                  <c:v>1.4499864642822875</c:v>
                </c:pt>
                <c:pt idx="7441">
                  <c:v>1.4499864642822875</c:v>
                </c:pt>
                <c:pt idx="7442">
                  <c:v>1.4499864642822875</c:v>
                </c:pt>
                <c:pt idx="7443">
                  <c:v>1.4499864642822875</c:v>
                </c:pt>
                <c:pt idx="7444">
                  <c:v>1.4499864642822875</c:v>
                </c:pt>
                <c:pt idx="7445">
                  <c:v>1.4499864642822875</c:v>
                </c:pt>
                <c:pt idx="7446">
                  <c:v>1.4499864642822875</c:v>
                </c:pt>
                <c:pt idx="7447">
                  <c:v>4.1768964922712337</c:v>
                </c:pt>
                <c:pt idx="7448">
                  <c:v>4.6605371387447452</c:v>
                </c:pt>
                <c:pt idx="7449">
                  <c:v>5.1441777852182575</c:v>
                </c:pt>
                <c:pt idx="7450">
                  <c:v>5.1441777852182575</c:v>
                </c:pt>
                <c:pt idx="7451">
                  <c:v>6.155426409662871</c:v>
                </c:pt>
                <c:pt idx="7452">
                  <c:v>6.155426409662871</c:v>
                </c:pt>
                <c:pt idx="7453">
                  <c:v>4.0889618292760499</c:v>
                </c:pt>
                <c:pt idx="7454">
                  <c:v>6.155426409662871</c:v>
                </c:pt>
                <c:pt idx="7455">
                  <c:v>6.155426409662871</c:v>
                </c:pt>
                <c:pt idx="7456">
                  <c:v>5.1451132603565037</c:v>
                </c:pt>
                <c:pt idx="7457">
                  <c:v>4.0880263541378046</c:v>
                </c:pt>
                <c:pt idx="7458">
                  <c:v>1.4499864642822875</c:v>
                </c:pt>
                <c:pt idx="7459">
                  <c:v>1.4499864642822875</c:v>
                </c:pt>
                <c:pt idx="7460">
                  <c:v>1.4499864642822875</c:v>
                </c:pt>
                <c:pt idx="7461">
                  <c:v>1.4499864642822875</c:v>
                </c:pt>
                <c:pt idx="7462">
                  <c:v>1.4499864642822875</c:v>
                </c:pt>
                <c:pt idx="7463">
                  <c:v>1.4499864642822875</c:v>
                </c:pt>
                <c:pt idx="7464">
                  <c:v>1.3263589341984556</c:v>
                </c:pt>
                <c:pt idx="7465">
                  <c:v>1.3263589341984556</c:v>
                </c:pt>
                <c:pt idx="7466">
                  <c:v>1.3263589341984556</c:v>
                </c:pt>
                <c:pt idx="7467">
                  <c:v>1.3263589341984556</c:v>
                </c:pt>
                <c:pt idx="7468">
                  <c:v>1.3263589341984556</c:v>
                </c:pt>
                <c:pt idx="7469">
                  <c:v>1.3263589341984556</c:v>
                </c:pt>
                <c:pt idx="7470">
                  <c:v>1.3263589341984556</c:v>
                </c:pt>
                <c:pt idx="7471">
                  <c:v>3.6541188637167448</c:v>
                </c:pt>
                <c:pt idx="7472">
                  <c:v>4.0772273637260525</c:v>
                </c:pt>
                <c:pt idx="7473">
                  <c:v>4.5003358637353594</c:v>
                </c:pt>
                <c:pt idx="7474">
                  <c:v>4.5003358637353594</c:v>
                </c:pt>
                <c:pt idx="7475">
                  <c:v>5.3850172728457286</c:v>
                </c:pt>
                <c:pt idx="7476">
                  <c:v>5.3850172728457286</c:v>
                </c:pt>
                <c:pt idx="7477">
                  <c:v>3.5771900455332344</c:v>
                </c:pt>
                <c:pt idx="7478">
                  <c:v>5.3850172728457286</c:v>
                </c:pt>
                <c:pt idx="7479">
                  <c:v>5.3850172728457286</c:v>
                </c:pt>
                <c:pt idx="7480">
                  <c:v>4.4996726842682611</c:v>
                </c:pt>
                <c:pt idx="7481">
                  <c:v>3.5778532250003336</c:v>
                </c:pt>
                <c:pt idx="7482">
                  <c:v>1.3263589341984556</c:v>
                </c:pt>
                <c:pt idx="7483">
                  <c:v>1.3263589341984556</c:v>
                </c:pt>
                <c:pt idx="7484">
                  <c:v>1.3263589341984556</c:v>
                </c:pt>
                <c:pt idx="7485">
                  <c:v>1.3263589341984556</c:v>
                </c:pt>
                <c:pt idx="7486">
                  <c:v>1.3263589341984556</c:v>
                </c:pt>
                <c:pt idx="7487">
                  <c:v>1.3263589341984556</c:v>
                </c:pt>
                <c:pt idx="7488">
                  <c:v>2.7949933676303922</c:v>
                </c:pt>
                <c:pt idx="7489">
                  <c:v>2.7949933676303922</c:v>
                </c:pt>
                <c:pt idx="7490">
                  <c:v>2.7949933676303922</c:v>
                </c:pt>
                <c:pt idx="7491">
                  <c:v>2.7949933676303922</c:v>
                </c:pt>
                <c:pt idx="7492">
                  <c:v>2.7949933676303922</c:v>
                </c:pt>
                <c:pt idx="7493">
                  <c:v>2.7949933676303922</c:v>
                </c:pt>
                <c:pt idx="7494">
                  <c:v>2.7949933676303922</c:v>
                </c:pt>
                <c:pt idx="7495">
                  <c:v>7.7002067278217297</c:v>
                </c:pt>
                <c:pt idx="7496">
                  <c:v>8.5918096120958261</c:v>
                </c:pt>
                <c:pt idx="7497">
                  <c:v>9.4834124963699189</c:v>
                </c:pt>
                <c:pt idx="7498">
                  <c:v>9.4834124963699189</c:v>
                </c:pt>
                <c:pt idx="7499">
                  <c:v>11.347673072579392</c:v>
                </c:pt>
                <c:pt idx="7500">
                  <c:v>11.347673072579392</c:v>
                </c:pt>
                <c:pt idx="7501">
                  <c:v>7.5380971124991678</c:v>
                </c:pt>
                <c:pt idx="7502">
                  <c:v>11.347673072579392</c:v>
                </c:pt>
                <c:pt idx="7503">
                  <c:v>11.347673072579392</c:v>
                </c:pt>
                <c:pt idx="7504">
                  <c:v>9.4820149996861058</c:v>
                </c:pt>
                <c:pt idx="7505">
                  <c:v>7.5394946091829826</c:v>
                </c:pt>
                <c:pt idx="7506">
                  <c:v>2.7949933676303922</c:v>
                </c:pt>
                <c:pt idx="7507">
                  <c:v>2.7949933676303922</c:v>
                </c:pt>
                <c:pt idx="7508">
                  <c:v>2.7949933676303922</c:v>
                </c:pt>
                <c:pt idx="7509">
                  <c:v>2.7949933676303922</c:v>
                </c:pt>
                <c:pt idx="7510">
                  <c:v>2.7949933676303922</c:v>
                </c:pt>
                <c:pt idx="7511">
                  <c:v>2.7949933676303922</c:v>
                </c:pt>
                <c:pt idx="7512">
                  <c:v>2.3225063531832424</c:v>
                </c:pt>
                <c:pt idx="7513">
                  <c:v>2.3225063531832424</c:v>
                </c:pt>
                <c:pt idx="7514">
                  <c:v>2.3225063531832424</c:v>
                </c:pt>
                <c:pt idx="7515">
                  <c:v>2.3225063531832424</c:v>
                </c:pt>
                <c:pt idx="7516">
                  <c:v>2.3225063531832424</c:v>
                </c:pt>
                <c:pt idx="7517">
                  <c:v>2.3225063531832424</c:v>
                </c:pt>
                <c:pt idx="7518">
                  <c:v>2.3225063531832424</c:v>
                </c:pt>
                <c:pt idx="7519">
                  <c:v>6.2932430215287862</c:v>
                </c:pt>
                <c:pt idx="7520">
                  <c:v>7.8665537769109815</c:v>
                </c:pt>
                <c:pt idx="7521">
                  <c:v>8.6532091546020791</c:v>
                </c:pt>
                <c:pt idx="7522">
                  <c:v>8.6532091546020791</c:v>
                </c:pt>
                <c:pt idx="7523">
                  <c:v>10.226519909984274</c:v>
                </c:pt>
                <c:pt idx="7524">
                  <c:v>10.226519909984274</c:v>
                </c:pt>
                <c:pt idx="7525">
                  <c:v>7.0798983992198847</c:v>
                </c:pt>
                <c:pt idx="7526">
                  <c:v>10.226519909984274</c:v>
                </c:pt>
                <c:pt idx="7527">
                  <c:v>8.6532091546020791</c:v>
                </c:pt>
                <c:pt idx="7528">
                  <c:v>7.4919559780104583</c:v>
                </c:pt>
                <c:pt idx="7529">
                  <c:v>6.2932430215287862</c:v>
                </c:pt>
                <c:pt idx="7530">
                  <c:v>2.3225063531832424</c:v>
                </c:pt>
                <c:pt idx="7531">
                  <c:v>2.3225063531832424</c:v>
                </c:pt>
                <c:pt idx="7532">
                  <c:v>2.3225063531832424</c:v>
                </c:pt>
                <c:pt idx="7533">
                  <c:v>2.3225063531832424</c:v>
                </c:pt>
                <c:pt idx="7534">
                  <c:v>2.3225063531832424</c:v>
                </c:pt>
                <c:pt idx="7535">
                  <c:v>2.3225063531832424</c:v>
                </c:pt>
                <c:pt idx="7536">
                  <c:v>1.1637628960345763</c:v>
                </c:pt>
                <c:pt idx="7537">
                  <c:v>2.2721085113056021</c:v>
                </c:pt>
                <c:pt idx="7538">
                  <c:v>2.2721085113056021</c:v>
                </c:pt>
                <c:pt idx="7539">
                  <c:v>2.2721085113056021</c:v>
                </c:pt>
                <c:pt idx="7540">
                  <c:v>2.2721085113056021</c:v>
                </c:pt>
                <c:pt idx="7541">
                  <c:v>2.8262813189411142</c:v>
                </c:pt>
                <c:pt idx="7542">
                  <c:v>3.5467059688672808</c:v>
                </c:pt>
                <c:pt idx="7543">
                  <c:v>4.0454614957392421</c:v>
                </c:pt>
                <c:pt idx="7544">
                  <c:v>4.0454614957392421</c:v>
                </c:pt>
                <c:pt idx="7545">
                  <c:v>4.0454614957392421</c:v>
                </c:pt>
                <c:pt idx="7546">
                  <c:v>4.0454614957392421</c:v>
                </c:pt>
                <c:pt idx="7547">
                  <c:v>4.0454614957392421</c:v>
                </c:pt>
                <c:pt idx="7548">
                  <c:v>4.0454614957392421</c:v>
                </c:pt>
                <c:pt idx="7549">
                  <c:v>4.0454614957392421</c:v>
                </c:pt>
                <c:pt idx="7550">
                  <c:v>4.0454614957392421</c:v>
                </c:pt>
                <c:pt idx="7551">
                  <c:v>3.6575405303943831</c:v>
                </c:pt>
                <c:pt idx="7552">
                  <c:v>3.3250368458130759</c:v>
                </c:pt>
                <c:pt idx="7553">
                  <c:v>2.9925331612317678</c:v>
                </c:pt>
                <c:pt idx="7554">
                  <c:v>2.8816985997046651</c:v>
                </c:pt>
                <c:pt idx="7555">
                  <c:v>2.3275257920691526</c:v>
                </c:pt>
                <c:pt idx="7556">
                  <c:v>1.7179357036700889</c:v>
                </c:pt>
                <c:pt idx="7557">
                  <c:v>1.7179357036700889</c:v>
                </c:pt>
                <c:pt idx="7558">
                  <c:v>1.7179357036700889</c:v>
                </c:pt>
                <c:pt idx="7559">
                  <c:v>1.7179357036700889</c:v>
                </c:pt>
                <c:pt idx="7560">
                  <c:v>2.0943834769087291</c:v>
                </c:pt>
                <c:pt idx="7561">
                  <c:v>2.4321872635069113</c:v>
                </c:pt>
                <c:pt idx="7562">
                  <c:v>2.4321872635069113</c:v>
                </c:pt>
                <c:pt idx="7563">
                  <c:v>2.4321872635069113</c:v>
                </c:pt>
                <c:pt idx="7564">
                  <c:v>2.4321872635069113</c:v>
                </c:pt>
                <c:pt idx="7565">
                  <c:v>3.0402340793836391</c:v>
                </c:pt>
                <c:pt idx="7566">
                  <c:v>3.5807201379407307</c:v>
                </c:pt>
                <c:pt idx="7567">
                  <c:v>4.2563277111370947</c:v>
                </c:pt>
                <c:pt idx="7568">
                  <c:v>4.2563277111370947</c:v>
                </c:pt>
                <c:pt idx="7569">
                  <c:v>4.2563277111370947</c:v>
                </c:pt>
                <c:pt idx="7570">
                  <c:v>4.2563277111370947</c:v>
                </c:pt>
                <c:pt idx="7571">
                  <c:v>4.2563277111370947</c:v>
                </c:pt>
                <c:pt idx="7572">
                  <c:v>4.2563277111370947</c:v>
                </c:pt>
                <c:pt idx="7573">
                  <c:v>4.2563277111370947</c:v>
                </c:pt>
                <c:pt idx="7574">
                  <c:v>4.2563277111370947</c:v>
                </c:pt>
                <c:pt idx="7575">
                  <c:v>3.7834024098996393</c:v>
                </c:pt>
                <c:pt idx="7576">
                  <c:v>3.7158416525800031</c:v>
                </c:pt>
                <c:pt idx="7577">
                  <c:v>3.1753555940229119</c:v>
                </c:pt>
                <c:pt idx="7578">
                  <c:v>2.9726733220640029</c:v>
                </c:pt>
                <c:pt idx="7579">
                  <c:v>2.4997480208265479</c:v>
                </c:pt>
                <c:pt idx="7580">
                  <c:v>2.0943834769087291</c:v>
                </c:pt>
                <c:pt idx="7581">
                  <c:v>1.8241404476301835</c:v>
                </c:pt>
                <c:pt idx="7582">
                  <c:v>1.8241404476301835</c:v>
                </c:pt>
                <c:pt idx="7583">
                  <c:v>1.8241404476301835</c:v>
                </c:pt>
                <c:pt idx="7584">
                  <c:v>2.2145609698050976</c:v>
                </c:pt>
                <c:pt idx="7585">
                  <c:v>2.2145609698050976</c:v>
                </c:pt>
                <c:pt idx="7586">
                  <c:v>2.2145609698050976</c:v>
                </c:pt>
                <c:pt idx="7587">
                  <c:v>2.2145609698050976</c:v>
                </c:pt>
                <c:pt idx="7588">
                  <c:v>2.2145609698050976</c:v>
                </c:pt>
                <c:pt idx="7589">
                  <c:v>2.2145609698050976</c:v>
                </c:pt>
                <c:pt idx="7590">
                  <c:v>2.2145609698050976</c:v>
                </c:pt>
                <c:pt idx="7591">
                  <c:v>9.6333402186521742</c:v>
                </c:pt>
                <c:pt idx="7592">
                  <c:v>10.837507745983698</c:v>
                </c:pt>
                <c:pt idx="7593">
                  <c:v>12.041675273315219</c:v>
                </c:pt>
                <c:pt idx="7594">
                  <c:v>12.041675273315219</c:v>
                </c:pt>
                <c:pt idx="7595">
                  <c:v>14.450010327978259</c:v>
                </c:pt>
                <c:pt idx="7596">
                  <c:v>14.450010327978259</c:v>
                </c:pt>
                <c:pt idx="7597">
                  <c:v>9.6333402186521742</c:v>
                </c:pt>
                <c:pt idx="7598">
                  <c:v>14.450010327978259</c:v>
                </c:pt>
                <c:pt idx="7599">
                  <c:v>14.450010327978259</c:v>
                </c:pt>
                <c:pt idx="7600">
                  <c:v>12.041675273315219</c:v>
                </c:pt>
                <c:pt idx="7601">
                  <c:v>9.6887042428973036</c:v>
                </c:pt>
                <c:pt idx="7602">
                  <c:v>3.4602515153204654</c:v>
                </c:pt>
                <c:pt idx="7603">
                  <c:v>3.4602515153204654</c:v>
                </c:pt>
                <c:pt idx="7604">
                  <c:v>3.4602515153204654</c:v>
                </c:pt>
                <c:pt idx="7605">
                  <c:v>3.4602515153204654</c:v>
                </c:pt>
                <c:pt idx="7606">
                  <c:v>3.4602515153204654</c:v>
                </c:pt>
                <c:pt idx="7607">
                  <c:v>3.4602515153204654</c:v>
                </c:pt>
                <c:pt idx="7608">
                  <c:v>1.0321977512021656</c:v>
                </c:pt>
                <c:pt idx="7609">
                  <c:v>1.0321977512021656</c:v>
                </c:pt>
                <c:pt idx="7610">
                  <c:v>1.0321977512021656</c:v>
                </c:pt>
                <c:pt idx="7611">
                  <c:v>1.0321977512021656</c:v>
                </c:pt>
                <c:pt idx="7612">
                  <c:v>1.0321977512021656</c:v>
                </c:pt>
                <c:pt idx="7613">
                  <c:v>1.0321977512021656</c:v>
                </c:pt>
                <c:pt idx="7614">
                  <c:v>1.0321977512021656</c:v>
                </c:pt>
                <c:pt idx="7615">
                  <c:v>2.9733954574952706</c:v>
                </c:pt>
                <c:pt idx="7616">
                  <c:v>3.31768335257367</c:v>
                </c:pt>
                <c:pt idx="7617">
                  <c:v>3.6619712476520703</c:v>
                </c:pt>
                <c:pt idx="7618">
                  <c:v>3.6619712476520703</c:v>
                </c:pt>
                <c:pt idx="7619">
                  <c:v>4.3818459373614518</c:v>
                </c:pt>
                <c:pt idx="7620">
                  <c:v>4.3818459373614518</c:v>
                </c:pt>
                <c:pt idx="7621">
                  <c:v>2.9107976583901065</c:v>
                </c:pt>
                <c:pt idx="7622">
                  <c:v>4.3818459373614518</c:v>
                </c:pt>
                <c:pt idx="7623">
                  <c:v>4.3818459373614518</c:v>
                </c:pt>
                <c:pt idx="7624">
                  <c:v>3.6626371816851031</c:v>
                </c:pt>
                <c:pt idx="7625">
                  <c:v>2.9101317243570728</c:v>
                </c:pt>
                <c:pt idx="7626">
                  <c:v>1.0321977512021656</c:v>
                </c:pt>
                <c:pt idx="7627">
                  <c:v>1.0321977512021656</c:v>
                </c:pt>
                <c:pt idx="7628">
                  <c:v>1.0321977512021656</c:v>
                </c:pt>
                <c:pt idx="7629">
                  <c:v>1.0321977512021656</c:v>
                </c:pt>
                <c:pt idx="7630">
                  <c:v>1.0321977512021656</c:v>
                </c:pt>
                <c:pt idx="7631">
                  <c:v>1.0321977512021656</c:v>
                </c:pt>
                <c:pt idx="7632">
                  <c:v>0.85121249985282854</c:v>
                </c:pt>
                <c:pt idx="7633">
                  <c:v>0.85121249985282854</c:v>
                </c:pt>
                <c:pt idx="7634">
                  <c:v>0.85121249985282854</c:v>
                </c:pt>
                <c:pt idx="7635">
                  <c:v>0.85121249985282854</c:v>
                </c:pt>
                <c:pt idx="7636">
                  <c:v>0.85121249985282854</c:v>
                </c:pt>
                <c:pt idx="7637">
                  <c:v>0.85121249985282854</c:v>
                </c:pt>
                <c:pt idx="7638">
                  <c:v>0.85121249985282854</c:v>
                </c:pt>
                <c:pt idx="7639">
                  <c:v>2.3450904370945427</c:v>
                </c:pt>
                <c:pt idx="7640">
                  <c:v>2.616627224547595</c:v>
                </c:pt>
                <c:pt idx="7641">
                  <c:v>2.8881640120006469</c:v>
                </c:pt>
                <c:pt idx="7642">
                  <c:v>2.8881640120006469</c:v>
                </c:pt>
                <c:pt idx="7643">
                  <c:v>3.4559227494024833</c:v>
                </c:pt>
                <c:pt idx="7644">
                  <c:v>3.4559227494024833</c:v>
                </c:pt>
                <c:pt idx="7645">
                  <c:v>2.2957201121030781</c:v>
                </c:pt>
                <c:pt idx="7646">
                  <c:v>3.4559227494024833</c:v>
                </c:pt>
                <c:pt idx="7647">
                  <c:v>3.4559227494024833</c:v>
                </c:pt>
                <c:pt idx="7648">
                  <c:v>2.8877384057507212</c:v>
                </c:pt>
                <c:pt idx="7649">
                  <c:v>2.2961457183530047</c:v>
                </c:pt>
                <c:pt idx="7650">
                  <c:v>0.85121249985282854</c:v>
                </c:pt>
                <c:pt idx="7651">
                  <c:v>0.85121249985282854</c:v>
                </c:pt>
                <c:pt idx="7652">
                  <c:v>0.85121249985282854</c:v>
                </c:pt>
                <c:pt idx="7653">
                  <c:v>0.85121249985282854</c:v>
                </c:pt>
                <c:pt idx="7654">
                  <c:v>0.85121249985282854</c:v>
                </c:pt>
                <c:pt idx="7655">
                  <c:v>0.85121249985282854</c:v>
                </c:pt>
                <c:pt idx="7656">
                  <c:v>0.98079789103799953</c:v>
                </c:pt>
                <c:pt idx="7657">
                  <c:v>0.98079789103799953</c:v>
                </c:pt>
                <c:pt idx="7658">
                  <c:v>0.98079789103799953</c:v>
                </c:pt>
                <c:pt idx="7659">
                  <c:v>0.98079789103799953</c:v>
                </c:pt>
                <c:pt idx="7660">
                  <c:v>0.98079789103799953</c:v>
                </c:pt>
                <c:pt idx="7661">
                  <c:v>0.98079789103799953</c:v>
                </c:pt>
                <c:pt idx="7662">
                  <c:v>0.98079789103799953</c:v>
                </c:pt>
                <c:pt idx="7663">
                  <c:v>2.7020981898096887</c:v>
                </c:pt>
                <c:pt idx="7664">
                  <c:v>3.0149727170508105</c:v>
                </c:pt>
                <c:pt idx="7665">
                  <c:v>3.3278472442919322</c:v>
                </c:pt>
                <c:pt idx="7666">
                  <c:v>3.3278472442919322</c:v>
                </c:pt>
                <c:pt idx="7667">
                  <c:v>3.9820394376142776</c:v>
                </c:pt>
                <c:pt idx="7668">
                  <c:v>3.9820394376142776</c:v>
                </c:pt>
                <c:pt idx="7669">
                  <c:v>2.6452119121294846</c:v>
                </c:pt>
                <c:pt idx="7670">
                  <c:v>3.9820394376142776</c:v>
                </c:pt>
                <c:pt idx="7671">
                  <c:v>3.9820394376142776</c:v>
                </c:pt>
                <c:pt idx="7672">
                  <c:v>3.3273568453464137</c:v>
                </c:pt>
                <c:pt idx="7673">
                  <c:v>2.6457023110750035</c:v>
                </c:pt>
                <c:pt idx="7674">
                  <c:v>0.98079789103799953</c:v>
                </c:pt>
                <c:pt idx="7675">
                  <c:v>0.98079789103799953</c:v>
                </c:pt>
                <c:pt idx="7676">
                  <c:v>0.98079789103799953</c:v>
                </c:pt>
                <c:pt idx="7677">
                  <c:v>0.98079789103799953</c:v>
                </c:pt>
                <c:pt idx="7678">
                  <c:v>0.98079789103799953</c:v>
                </c:pt>
                <c:pt idx="7679">
                  <c:v>0.98079789103799953</c:v>
                </c:pt>
                <c:pt idx="7680">
                  <c:v>2.155738147594652</c:v>
                </c:pt>
                <c:pt idx="7681">
                  <c:v>2.155738147594652</c:v>
                </c:pt>
                <c:pt idx="7682">
                  <c:v>2.155738147594652</c:v>
                </c:pt>
                <c:pt idx="7683">
                  <c:v>2.155738147594652</c:v>
                </c:pt>
                <c:pt idx="7684">
                  <c:v>2.155738147594652</c:v>
                </c:pt>
                <c:pt idx="7685">
                  <c:v>2.155738147594652</c:v>
                </c:pt>
                <c:pt idx="7686">
                  <c:v>2.155738147594652</c:v>
                </c:pt>
                <c:pt idx="7687">
                  <c:v>5.8413549805790561</c:v>
                </c:pt>
                <c:pt idx="7688">
                  <c:v>7.3016937257238208</c:v>
                </c:pt>
                <c:pt idx="7689">
                  <c:v>8.0318630982962027</c:v>
                </c:pt>
                <c:pt idx="7690">
                  <c:v>8.0318630982962027</c:v>
                </c:pt>
                <c:pt idx="7691">
                  <c:v>9.4922018434409665</c:v>
                </c:pt>
                <c:pt idx="7692">
                  <c:v>9.4922018434409665</c:v>
                </c:pt>
                <c:pt idx="7693">
                  <c:v>6.5715243531514389</c:v>
                </c:pt>
                <c:pt idx="7694">
                  <c:v>9.4922018434409665</c:v>
                </c:pt>
                <c:pt idx="7695">
                  <c:v>8.0318630982962027</c:v>
                </c:pt>
                <c:pt idx="7696">
                  <c:v>6.9539940244988783</c:v>
                </c:pt>
                <c:pt idx="7697">
                  <c:v>5.8413549805790561</c:v>
                </c:pt>
                <c:pt idx="7698">
                  <c:v>2.155738147594652</c:v>
                </c:pt>
                <c:pt idx="7699">
                  <c:v>2.155738147594652</c:v>
                </c:pt>
                <c:pt idx="7700">
                  <c:v>2.155738147594652</c:v>
                </c:pt>
                <c:pt idx="7701">
                  <c:v>2.155738147594652</c:v>
                </c:pt>
                <c:pt idx="7702">
                  <c:v>2.155738147594652</c:v>
                </c:pt>
                <c:pt idx="7703">
                  <c:v>2.155738147594652</c:v>
                </c:pt>
                <c:pt idx="7704">
                  <c:v>1.6881764353181667</c:v>
                </c:pt>
                <c:pt idx="7705">
                  <c:v>3.2959635165735643</c:v>
                </c:pt>
                <c:pt idx="7706">
                  <c:v>3.2959635165735643</c:v>
                </c:pt>
                <c:pt idx="7707">
                  <c:v>3.2959635165735643</c:v>
                </c:pt>
                <c:pt idx="7708">
                  <c:v>3.2959635165735643</c:v>
                </c:pt>
                <c:pt idx="7709">
                  <c:v>4.0998570572012625</c:v>
                </c:pt>
                <c:pt idx="7710">
                  <c:v>5.1449186600172707</c:v>
                </c:pt>
                <c:pt idx="7711">
                  <c:v>5.8684228465821988</c:v>
                </c:pt>
                <c:pt idx="7712">
                  <c:v>5.8684228465821988</c:v>
                </c:pt>
                <c:pt idx="7713">
                  <c:v>5.8684228465821988</c:v>
                </c:pt>
                <c:pt idx="7714">
                  <c:v>5.8684228465821988</c:v>
                </c:pt>
                <c:pt idx="7715">
                  <c:v>5.8684228465821988</c:v>
                </c:pt>
                <c:pt idx="7716">
                  <c:v>5.8684228465821988</c:v>
                </c:pt>
                <c:pt idx="7717">
                  <c:v>5.8684228465821988</c:v>
                </c:pt>
                <c:pt idx="7718">
                  <c:v>5.8684228465821988</c:v>
                </c:pt>
                <c:pt idx="7719">
                  <c:v>5.3056973681428099</c:v>
                </c:pt>
                <c:pt idx="7720">
                  <c:v>4.8233612437661915</c:v>
                </c:pt>
                <c:pt idx="7721">
                  <c:v>4.3410251193895713</c:v>
                </c:pt>
                <c:pt idx="7722">
                  <c:v>4.180246411264033</c:v>
                </c:pt>
                <c:pt idx="7723">
                  <c:v>3.3763528706363335</c:v>
                </c:pt>
                <c:pt idx="7724">
                  <c:v>2.4920699759458649</c:v>
                </c:pt>
                <c:pt idx="7725">
                  <c:v>2.4920699759458649</c:v>
                </c:pt>
                <c:pt idx="7726">
                  <c:v>2.4920699759458649</c:v>
                </c:pt>
                <c:pt idx="7727">
                  <c:v>2.4920699759458649</c:v>
                </c:pt>
                <c:pt idx="7728">
                  <c:v>3.1161131993427151</c:v>
                </c:pt>
                <c:pt idx="7729">
                  <c:v>3.6187121024625077</c:v>
                </c:pt>
                <c:pt idx="7730">
                  <c:v>3.6187121024625077</c:v>
                </c:pt>
                <c:pt idx="7731">
                  <c:v>3.6187121024625077</c:v>
                </c:pt>
                <c:pt idx="7732">
                  <c:v>3.6187121024625077</c:v>
                </c:pt>
                <c:pt idx="7733">
                  <c:v>4.5233901280781348</c:v>
                </c:pt>
                <c:pt idx="7734">
                  <c:v>5.3275483730698037</c:v>
                </c:pt>
                <c:pt idx="7735">
                  <c:v>6.3327461793093889</c:v>
                </c:pt>
                <c:pt idx="7736">
                  <c:v>6.3327461793093889</c:v>
                </c:pt>
                <c:pt idx="7737">
                  <c:v>6.3327461793093889</c:v>
                </c:pt>
                <c:pt idx="7738">
                  <c:v>6.3327461793093889</c:v>
                </c:pt>
                <c:pt idx="7739">
                  <c:v>6.3327461793093889</c:v>
                </c:pt>
                <c:pt idx="7740">
                  <c:v>6.3327461793093889</c:v>
                </c:pt>
                <c:pt idx="7741">
                  <c:v>6.3327461793093889</c:v>
                </c:pt>
                <c:pt idx="7742">
                  <c:v>6.3327461793093889</c:v>
                </c:pt>
                <c:pt idx="7743">
                  <c:v>5.6291077149416777</c:v>
                </c:pt>
                <c:pt idx="7744">
                  <c:v>5.52858793431772</c:v>
                </c:pt>
                <c:pt idx="7745">
                  <c:v>4.7244296893260511</c:v>
                </c:pt>
                <c:pt idx="7746">
                  <c:v>4.4228703474541771</c:v>
                </c:pt>
                <c:pt idx="7747">
                  <c:v>3.7192318830864668</c:v>
                </c:pt>
                <c:pt idx="7748">
                  <c:v>3.1161131993427151</c:v>
                </c:pt>
                <c:pt idx="7749">
                  <c:v>2.7140340768468811</c:v>
                </c:pt>
                <c:pt idx="7750">
                  <c:v>2.7140340768468811</c:v>
                </c:pt>
                <c:pt idx="7751">
                  <c:v>2.7140340768468811</c:v>
                </c:pt>
                <c:pt idx="7752">
                  <c:v>1.1885916114167825</c:v>
                </c:pt>
                <c:pt idx="7753">
                  <c:v>1.1885916114167825</c:v>
                </c:pt>
                <c:pt idx="7754">
                  <c:v>1.1885916114167825</c:v>
                </c:pt>
                <c:pt idx="7755">
                  <c:v>1.1885916114167825</c:v>
                </c:pt>
                <c:pt idx="7756">
                  <c:v>1.1885916114167825</c:v>
                </c:pt>
                <c:pt idx="7757">
                  <c:v>1.1885916114167825</c:v>
                </c:pt>
                <c:pt idx="7758">
                  <c:v>1.1885916114167825</c:v>
                </c:pt>
                <c:pt idx="7759">
                  <c:v>5.1703735096630039</c:v>
                </c:pt>
                <c:pt idx="7760">
                  <c:v>5.8166701983708791</c:v>
                </c:pt>
                <c:pt idx="7761">
                  <c:v>6.4629668870787533</c:v>
                </c:pt>
                <c:pt idx="7762">
                  <c:v>6.4629668870787533</c:v>
                </c:pt>
                <c:pt idx="7763">
                  <c:v>7.7555602644945028</c:v>
                </c:pt>
                <c:pt idx="7764">
                  <c:v>7.7555602644945028</c:v>
                </c:pt>
                <c:pt idx="7765">
                  <c:v>5.1703735096630039</c:v>
                </c:pt>
                <c:pt idx="7766">
                  <c:v>7.7555602644945028</c:v>
                </c:pt>
                <c:pt idx="7767">
                  <c:v>7.7555602644945028</c:v>
                </c:pt>
                <c:pt idx="7768">
                  <c:v>6.4629668870787533</c:v>
                </c:pt>
                <c:pt idx="7769">
                  <c:v>5.2000882999484226</c:v>
                </c:pt>
                <c:pt idx="7770">
                  <c:v>1.8571743928387225</c:v>
                </c:pt>
                <c:pt idx="7771">
                  <c:v>1.8571743928387225</c:v>
                </c:pt>
                <c:pt idx="7772">
                  <c:v>1.8571743928387225</c:v>
                </c:pt>
                <c:pt idx="7773">
                  <c:v>1.8571743928387225</c:v>
                </c:pt>
                <c:pt idx="7774">
                  <c:v>1.8571743928387225</c:v>
                </c:pt>
                <c:pt idx="7775">
                  <c:v>1.8571743928387225</c:v>
                </c:pt>
                <c:pt idx="7776">
                  <c:v>1.6588808208223491</c:v>
                </c:pt>
                <c:pt idx="7777">
                  <c:v>1.6588808208223491</c:v>
                </c:pt>
                <c:pt idx="7778">
                  <c:v>1.6588808208223491</c:v>
                </c:pt>
                <c:pt idx="7779">
                  <c:v>1.6588808208223491</c:v>
                </c:pt>
                <c:pt idx="7780">
                  <c:v>1.6588808208223491</c:v>
                </c:pt>
                <c:pt idx="7781">
                  <c:v>1.6588808208223491</c:v>
                </c:pt>
                <c:pt idx="7782">
                  <c:v>1.6588808208223491</c:v>
                </c:pt>
                <c:pt idx="7783">
                  <c:v>4.7786470096592177</c:v>
                </c:pt>
                <c:pt idx="7784">
                  <c:v>5.3319640318302852</c:v>
                </c:pt>
                <c:pt idx="7785">
                  <c:v>5.8852810540013527</c:v>
                </c:pt>
                <c:pt idx="7786">
                  <c:v>5.8852810540013527</c:v>
                </c:pt>
                <c:pt idx="7787">
                  <c:v>7.0422166458135846</c:v>
                </c:pt>
                <c:pt idx="7788">
                  <c:v>7.0422166458135846</c:v>
                </c:pt>
                <c:pt idx="7789">
                  <c:v>4.6780439147190238</c:v>
                </c:pt>
                <c:pt idx="7790">
                  <c:v>7.0422166458135846</c:v>
                </c:pt>
                <c:pt idx="7791">
                  <c:v>7.0422166458135846</c:v>
                </c:pt>
                <c:pt idx="7792">
                  <c:v>5.8863512996922065</c:v>
                </c:pt>
                <c:pt idx="7793">
                  <c:v>4.6769736690281718</c:v>
                </c:pt>
                <c:pt idx="7794">
                  <c:v>1.6588808208223491</c:v>
                </c:pt>
                <c:pt idx="7795">
                  <c:v>1.6588808208223491</c:v>
                </c:pt>
                <c:pt idx="7796">
                  <c:v>1.6588808208223491</c:v>
                </c:pt>
                <c:pt idx="7797">
                  <c:v>1.6588808208223491</c:v>
                </c:pt>
                <c:pt idx="7798">
                  <c:v>1.6588808208223491</c:v>
                </c:pt>
                <c:pt idx="7799">
                  <c:v>1.6588808208223491</c:v>
                </c:pt>
                <c:pt idx="7800">
                  <c:v>3.3997251931611903</c:v>
                </c:pt>
                <c:pt idx="7801">
                  <c:v>3.3997251931611903</c:v>
                </c:pt>
                <c:pt idx="7802">
                  <c:v>3.3997251931611903</c:v>
                </c:pt>
                <c:pt idx="7803">
                  <c:v>3.3997251931611903</c:v>
                </c:pt>
                <c:pt idx="7804">
                  <c:v>3.3997251931611903</c:v>
                </c:pt>
                <c:pt idx="7805">
                  <c:v>3.3997251931611903</c:v>
                </c:pt>
                <c:pt idx="7806">
                  <c:v>3.3997251931611903</c:v>
                </c:pt>
                <c:pt idx="7807">
                  <c:v>9.3662429071590765</c:v>
                </c:pt>
                <c:pt idx="7808">
                  <c:v>10.450755243777497</c:v>
                </c:pt>
                <c:pt idx="7809">
                  <c:v>11.535267580395915</c:v>
                </c:pt>
                <c:pt idx="7810">
                  <c:v>11.535267580395915</c:v>
                </c:pt>
                <c:pt idx="7811">
                  <c:v>13.802884284234429</c:v>
                </c:pt>
                <c:pt idx="7812">
                  <c:v>13.802884284234429</c:v>
                </c:pt>
                <c:pt idx="7813">
                  <c:v>9.1690588459557283</c:v>
                </c:pt>
                <c:pt idx="7814">
                  <c:v>13.802884284234429</c:v>
                </c:pt>
                <c:pt idx="7815">
                  <c:v>13.802884284234429</c:v>
                </c:pt>
                <c:pt idx="7816">
                  <c:v>11.533567717799336</c:v>
                </c:pt>
                <c:pt idx="7817">
                  <c:v>9.1707587085523095</c:v>
                </c:pt>
                <c:pt idx="7818">
                  <c:v>3.3997251931611903</c:v>
                </c:pt>
                <c:pt idx="7819">
                  <c:v>3.3997251931611903</c:v>
                </c:pt>
                <c:pt idx="7820">
                  <c:v>3.3997251931611903</c:v>
                </c:pt>
                <c:pt idx="7821">
                  <c:v>3.3997251931611903</c:v>
                </c:pt>
                <c:pt idx="7822">
                  <c:v>3.3997251931611903</c:v>
                </c:pt>
                <c:pt idx="7823">
                  <c:v>3.3997251931611903</c:v>
                </c:pt>
                <c:pt idx="7824">
                  <c:v>3.8316764971117609</c:v>
                </c:pt>
                <c:pt idx="7825">
                  <c:v>3.8316764971117609</c:v>
                </c:pt>
                <c:pt idx="7826">
                  <c:v>3.8316764971117609</c:v>
                </c:pt>
                <c:pt idx="7827">
                  <c:v>3.8316764971117609</c:v>
                </c:pt>
                <c:pt idx="7828">
                  <c:v>3.8316764971117609</c:v>
                </c:pt>
                <c:pt idx="7829">
                  <c:v>3.8316764971117609</c:v>
                </c:pt>
                <c:pt idx="7830">
                  <c:v>3.8316764971117609</c:v>
                </c:pt>
                <c:pt idx="7831">
                  <c:v>10.556268749542898</c:v>
                </c:pt>
                <c:pt idx="7832">
                  <c:v>11.77857355212155</c:v>
                </c:pt>
                <c:pt idx="7833">
                  <c:v>13.000878354700202</c:v>
                </c:pt>
                <c:pt idx="7834">
                  <c:v>13.000878354700202</c:v>
                </c:pt>
                <c:pt idx="7835">
                  <c:v>15.556606578273744</c:v>
                </c:pt>
                <c:pt idx="7836">
                  <c:v>15.556606578273744</c:v>
                </c:pt>
                <c:pt idx="7837">
                  <c:v>10.334031512710416</c:v>
                </c:pt>
                <c:pt idx="7838">
                  <c:v>15.556606578273744</c:v>
                </c:pt>
                <c:pt idx="7839">
                  <c:v>15.556606578273744</c:v>
                </c:pt>
                <c:pt idx="7840">
                  <c:v>12.998962516451646</c:v>
                </c:pt>
                <c:pt idx="7841">
                  <c:v>10.335947350958973</c:v>
                </c:pt>
                <c:pt idx="7842">
                  <c:v>3.8316764971117609</c:v>
                </c:pt>
                <c:pt idx="7843">
                  <c:v>3.8316764971117609</c:v>
                </c:pt>
                <c:pt idx="7844">
                  <c:v>3.8316764971117609</c:v>
                </c:pt>
                <c:pt idx="7845">
                  <c:v>3.8316764971117609</c:v>
                </c:pt>
                <c:pt idx="7846">
                  <c:v>3.8316764971117609</c:v>
                </c:pt>
                <c:pt idx="7847">
                  <c:v>3.8316764971117609</c:v>
                </c:pt>
                <c:pt idx="7848">
                  <c:v>3.0312712269347535</c:v>
                </c:pt>
                <c:pt idx="7849">
                  <c:v>3.0312712269347535</c:v>
                </c:pt>
                <c:pt idx="7850">
                  <c:v>3.0312712269347535</c:v>
                </c:pt>
                <c:pt idx="7851">
                  <c:v>3.0312712269347535</c:v>
                </c:pt>
                <c:pt idx="7852">
                  <c:v>3.0312712269347535</c:v>
                </c:pt>
                <c:pt idx="7853">
                  <c:v>3.0312712269347535</c:v>
                </c:pt>
                <c:pt idx="7854">
                  <c:v>3.0312712269347535</c:v>
                </c:pt>
                <c:pt idx="7855">
                  <c:v>8.2137671955651381</c:v>
                </c:pt>
                <c:pt idx="7856">
                  <c:v>10.267208994456423</c:v>
                </c:pt>
                <c:pt idx="7857">
                  <c:v>11.293929893902066</c:v>
                </c:pt>
                <c:pt idx="7858">
                  <c:v>11.293929893902066</c:v>
                </c:pt>
                <c:pt idx="7859">
                  <c:v>13.347371692793349</c:v>
                </c:pt>
                <c:pt idx="7860">
                  <c:v>13.347371692793349</c:v>
                </c:pt>
                <c:pt idx="7861">
                  <c:v>9.2404880950107824</c:v>
                </c:pt>
                <c:pt idx="7862">
                  <c:v>13.347371692793349</c:v>
                </c:pt>
                <c:pt idx="7863">
                  <c:v>11.293929893902066</c:v>
                </c:pt>
                <c:pt idx="7864">
                  <c:v>9.7782942804346895</c:v>
                </c:pt>
                <c:pt idx="7865">
                  <c:v>8.2137671955651381</c:v>
                </c:pt>
                <c:pt idx="7866">
                  <c:v>3.0312712269347535</c:v>
                </c:pt>
                <c:pt idx="7867">
                  <c:v>3.0312712269347535</c:v>
                </c:pt>
                <c:pt idx="7868">
                  <c:v>3.0312712269347535</c:v>
                </c:pt>
                <c:pt idx="7869">
                  <c:v>3.0312712269347535</c:v>
                </c:pt>
                <c:pt idx="7870">
                  <c:v>3.0312712269347535</c:v>
                </c:pt>
                <c:pt idx="7871">
                  <c:v>3.0312712269347535</c:v>
                </c:pt>
                <c:pt idx="7872">
                  <c:v>2.1618402772517324</c:v>
                </c:pt>
                <c:pt idx="7873">
                  <c:v>4.2207357793962395</c:v>
                </c:pt>
                <c:pt idx="7874">
                  <c:v>4.2207357793962395</c:v>
                </c:pt>
                <c:pt idx="7875">
                  <c:v>4.2207357793962395</c:v>
                </c:pt>
                <c:pt idx="7876">
                  <c:v>4.2207357793962395</c:v>
                </c:pt>
                <c:pt idx="7877">
                  <c:v>5.250183530468493</c:v>
                </c:pt>
                <c:pt idx="7878">
                  <c:v>6.5884656068624228</c:v>
                </c:pt>
                <c:pt idx="7879">
                  <c:v>7.5149685828274491</c:v>
                </c:pt>
                <c:pt idx="7880">
                  <c:v>7.5149685828274491</c:v>
                </c:pt>
                <c:pt idx="7881">
                  <c:v>7.5149685828274491</c:v>
                </c:pt>
                <c:pt idx="7882">
                  <c:v>7.5149685828274491</c:v>
                </c:pt>
                <c:pt idx="7883">
                  <c:v>7.5149685828274491</c:v>
                </c:pt>
                <c:pt idx="7884">
                  <c:v>7.5149685828274491</c:v>
                </c:pt>
                <c:pt idx="7885">
                  <c:v>7.5149685828274491</c:v>
                </c:pt>
                <c:pt idx="7886">
                  <c:v>7.5149685828274491</c:v>
                </c:pt>
                <c:pt idx="7887">
                  <c:v>6.7943551570768728</c:v>
                </c:pt>
                <c:pt idx="7888">
                  <c:v>6.176686506433521</c:v>
                </c:pt>
                <c:pt idx="7889">
                  <c:v>5.5590178557901693</c:v>
                </c:pt>
                <c:pt idx="7890">
                  <c:v>5.3531283055757175</c:v>
                </c:pt>
                <c:pt idx="7891">
                  <c:v>4.3236805545034649</c:v>
                </c:pt>
                <c:pt idx="7892">
                  <c:v>3.1912880283239855</c:v>
                </c:pt>
                <c:pt idx="7893">
                  <c:v>3.1912880283239855</c:v>
                </c:pt>
                <c:pt idx="7894">
                  <c:v>3.1912880283239855</c:v>
                </c:pt>
                <c:pt idx="7895">
                  <c:v>3.1912880283239855</c:v>
                </c:pt>
                <c:pt idx="7896">
                  <c:v>3.7688849664533177</c:v>
                </c:pt>
                <c:pt idx="7897">
                  <c:v>4.3767696384619175</c:v>
                </c:pt>
                <c:pt idx="7898">
                  <c:v>4.3767696384619175</c:v>
                </c:pt>
                <c:pt idx="7899">
                  <c:v>4.3767696384619175</c:v>
                </c:pt>
                <c:pt idx="7900">
                  <c:v>4.3767696384619175</c:v>
                </c:pt>
                <c:pt idx="7901">
                  <c:v>5.4709620480773973</c:v>
                </c:pt>
                <c:pt idx="7902">
                  <c:v>6.4435775232911574</c:v>
                </c:pt>
                <c:pt idx="7903">
                  <c:v>7.6593468673083569</c:v>
                </c:pt>
                <c:pt idx="7904">
                  <c:v>7.6593468673083569</c:v>
                </c:pt>
                <c:pt idx="7905">
                  <c:v>7.6593468673083569</c:v>
                </c:pt>
                <c:pt idx="7906">
                  <c:v>7.6593468673083569</c:v>
                </c:pt>
                <c:pt idx="7907">
                  <c:v>7.6593468673083569</c:v>
                </c:pt>
                <c:pt idx="7908">
                  <c:v>7.6593468673083569</c:v>
                </c:pt>
                <c:pt idx="7909">
                  <c:v>7.6593468673083569</c:v>
                </c:pt>
                <c:pt idx="7910">
                  <c:v>7.6593468673083569</c:v>
                </c:pt>
                <c:pt idx="7911">
                  <c:v>6.8083083264963173</c:v>
                </c:pt>
                <c:pt idx="7912">
                  <c:v>6.6867313920945968</c:v>
                </c:pt>
                <c:pt idx="7913">
                  <c:v>5.7141159168808375</c:v>
                </c:pt>
                <c:pt idx="7914">
                  <c:v>5.3493851136756776</c:v>
                </c:pt>
                <c:pt idx="7915">
                  <c:v>4.4983465728636389</c:v>
                </c:pt>
                <c:pt idx="7916">
                  <c:v>3.7688849664533177</c:v>
                </c:pt>
                <c:pt idx="7917">
                  <c:v>3.2825772288464385</c:v>
                </c:pt>
                <c:pt idx="7918">
                  <c:v>3.2825772288464385</c:v>
                </c:pt>
                <c:pt idx="7919">
                  <c:v>3.2825772288464385</c:v>
                </c:pt>
                <c:pt idx="7920">
                  <c:v>2.5850499047786553</c:v>
                </c:pt>
                <c:pt idx="7921">
                  <c:v>2.5850499047786553</c:v>
                </c:pt>
                <c:pt idx="7922">
                  <c:v>2.5850499047786553</c:v>
                </c:pt>
                <c:pt idx="7923">
                  <c:v>2.5850499047786553</c:v>
                </c:pt>
                <c:pt idx="7924">
                  <c:v>2.5850499047786553</c:v>
                </c:pt>
                <c:pt idx="7925">
                  <c:v>2.5850499047786553</c:v>
                </c:pt>
                <c:pt idx="7926">
                  <c:v>2.5850499047786553</c:v>
                </c:pt>
                <c:pt idx="7927">
                  <c:v>11.244967085787151</c:v>
                </c:pt>
                <c:pt idx="7928">
                  <c:v>12.650587971510545</c:v>
                </c:pt>
                <c:pt idx="7929">
                  <c:v>14.056208857233937</c:v>
                </c:pt>
                <c:pt idx="7930">
                  <c:v>14.056208857233937</c:v>
                </c:pt>
                <c:pt idx="7931">
                  <c:v>16.867450628680722</c:v>
                </c:pt>
                <c:pt idx="7932">
                  <c:v>16.867450628680722</c:v>
                </c:pt>
                <c:pt idx="7933">
                  <c:v>11.244967085787151</c:v>
                </c:pt>
                <c:pt idx="7934">
                  <c:v>16.867450628680722</c:v>
                </c:pt>
                <c:pt idx="7935">
                  <c:v>16.867450628680722</c:v>
                </c:pt>
                <c:pt idx="7936">
                  <c:v>14.056208857233937</c:v>
                </c:pt>
                <c:pt idx="7937">
                  <c:v>11.309593333406617</c:v>
                </c:pt>
                <c:pt idx="7938">
                  <c:v>4.0391404762166481</c:v>
                </c:pt>
                <c:pt idx="7939">
                  <c:v>4.0391404762166481</c:v>
                </c:pt>
                <c:pt idx="7940">
                  <c:v>4.0391404762166481</c:v>
                </c:pt>
                <c:pt idx="7941">
                  <c:v>4.0391404762166481</c:v>
                </c:pt>
                <c:pt idx="7942">
                  <c:v>4.0391404762166481</c:v>
                </c:pt>
                <c:pt idx="7943">
                  <c:v>4.0391404762166481</c:v>
                </c:pt>
                <c:pt idx="7944">
                  <c:v>3.9149398714550072</c:v>
                </c:pt>
                <c:pt idx="7945">
                  <c:v>3.9149398714550072</c:v>
                </c:pt>
                <c:pt idx="7946">
                  <c:v>3.9149398714550072</c:v>
                </c:pt>
                <c:pt idx="7947">
                  <c:v>3.9149398714550072</c:v>
                </c:pt>
                <c:pt idx="7948">
                  <c:v>3.9149398714550072</c:v>
                </c:pt>
                <c:pt idx="7949">
                  <c:v>3.9149398714550072</c:v>
                </c:pt>
                <c:pt idx="7950">
                  <c:v>3.9149398714550072</c:v>
                </c:pt>
                <c:pt idx="7951">
                  <c:v>11.277552597449422</c:v>
                </c:pt>
                <c:pt idx="7952">
                  <c:v>12.583374477154093</c:v>
                </c:pt>
                <c:pt idx="7953">
                  <c:v>13.889196356858765</c:v>
                </c:pt>
                <c:pt idx="7954">
                  <c:v>13.889196356858765</c:v>
                </c:pt>
                <c:pt idx="7955">
                  <c:v>16.619551196241257</c:v>
                </c:pt>
                <c:pt idx="7956">
                  <c:v>16.619551196241257</c:v>
                </c:pt>
                <c:pt idx="7957">
                  <c:v>11.040130437503118</c:v>
                </c:pt>
                <c:pt idx="7958">
                  <c:v>16.619551196241257</c:v>
                </c:pt>
                <c:pt idx="7959">
                  <c:v>16.619551196241257</c:v>
                </c:pt>
                <c:pt idx="7960">
                  <c:v>13.891722124517766</c:v>
                </c:pt>
                <c:pt idx="7961">
                  <c:v>11.037604669844116</c:v>
                </c:pt>
                <c:pt idx="7962">
                  <c:v>3.9149398714550072</c:v>
                </c:pt>
                <c:pt idx="7963">
                  <c:v>3.9149398714550072</c:v>
                </c:pt>
                <c:pt idx="7964">
                  <c:v>3.9149398714550072</c:v>
                </c:pt>
                <c:pt idx="7965">
                  <c:v>3.9149398714550072</c:v>
                </c:pt>
                <c:pt idx="7966">
                  <c:v>3.9149398714550072</c:v>
                </c:pt>
                <c:pt idx="7967">
                  <c:v>3.9149398714550072</c:v>
                </c:pt>
                <c:pt idx="7968">
                  <c:v>5.3867011913338105</c:v>
                </c:pt>
                <c:pt idx="7969">
                  <c:v>5.3867011913338105</c:v>
                </c:pt>
                <c:pt idx="7970">
                  <c:v>5.3867011913338105</c:v>
                </c:pt>
                <c:pt idx="7971">
                  <c:v>5.3867011913338105</c:v>
                </c:pt>
                <c:pt idx="7972">
                  <c:v>5.3867011913338105</c:v>
                </c:pt>
                <c:pt idx="7973">
                  <c:v>5.3867011913338105</c:v>
                </c:pt>
                <c:pt idx="7974">
                  <c:v>5.3867011913338105</c:v>
                </c:pt>
                <c:pt idx="7975">
                  <c:v>14.840361782124647</c:v>
                </c:pt>
                <c:pt idx="7976">
                  <c:v>16.558719462160134</c:v>
                </c:pt>
                <c:pt idx="7977">
                  <c:v>18.277077142195619</c:v>
                </c:pt>
                <c:pt idx="7978">
                  <c:v>18.277077142195619</c:v>
                </c:pt>
                <c:pt idx="7979">
                  <c:v>21.870006836815271</c:v>
                </c:pt>
                <c:pt idx="7980">
                  <c:v>21.870006836815271</c:v>
                </c:pt>
                <c:pt idx="7981">
                  <c:v>14.527933113027286</c:v>
                </c:pt>
                <c:pt idx="7982">
                  <c:v>21.870006836815271</c:v>
                </c:pt>
                <c:pt idx="7983">
                  <c:v>21.870006836815271</c:v>
                </c:pt>
                <c:pt idx="7984">
                  <c:v>18.274383791599956</c:v>
                </c:pt>
                <c:pt idx="7985">
                  <c:v>14.530626463622955</c:v>
                </c:pt>
                <c:pt idx="7986">
                  <c:v>5.3867011913338105</c:v>
                </c:pt>
                <c:pt idx="7987">
                  <c:v>5.3867011913338105</c:v>
                </c:pt>
                <c:pt idx="7988">
                  <c:v>5.3867011913338105</c:v>
                </c:pt>
                <c:pt idx="7989">
                  <c:v>5.3867011913338105</c:v>
                </c:pt>
                <c:pt idx="7990">
                  <c:v>5.3867011913338105</c:v>
                </c:pt>
                <c:pt idx="7991">
                  <c:v>5.3867011913338105</c:v>
                </c:pt>
                <c:pt idx="7992">
                  <c:v>5.7322622344942671</c:v>
                </c:pt>
                <c:pt idx="7993">
                  <c:v>5.7322622344942671</c:v>
                </c:pt>
                <c:pt idx="7994">
                  <c:v>5.7322622344942671</c:v>
                </c:pt>
                <c:pt idx="7995">
                  <c:v>5.7322622344942671</c:v>
                </c:pt>
                <c:pt idx="7996">
                  <c:v>5.7322622344942671</c:v>
                </c:pt>
                <c:pt idx="7997">
                  <c:v>5.7322622344942671</c:v>
                </c:pt>
                <c:pt idx="7998">
                  <c:v>5.7322622344942671</c:v>
                </c:pt>
                <c:pt idx="7999">
                  <c:v>15.792382456031705</c:v>
                </c:pt>
                <c:pt idx="8000">
                  <c:v>17.620974108835377</c:v>
                </c:pt>
                <c:pt idx="8001">
                  <c:v>19.449565761639043</c:v>
                </c:pt>
                <c:pt idx="8002">
                  <c:v>19.449565761639043</c:v>
                </c:pt>
                <c:pt idx="8003">
                  <c:v>23.272984672046718</c:v>
                </c:pt>
                <c:pt idx="8004">
                  <c:v>23.272984672046718</c:v>
                </c:pt>
                <c:pt idx="8005">
                  <c:v>15.459911246431036</c:v>
                </c:pt>
                <c:pt idx="8006">
                  <c:v>23.272984672046718</c:v>
                </c:pt>
                <c:pt idx="8007">
                  <c:v>23.272984672046718</c:v>
                </c:pt>
                <c:pt idx="8008">
                  <c:v>19.446699630521799</c:v>
                </c:pt>
                <c:pt idx="8009">
                  <c:v>15.462777377548283</c:v>
                </c:pt>
                <c:pt idx="8010">
                  <c:v>5.7322622344942671</c:v>
                </c:pt>
                <c:pt idx="8011">
                  <c:v>5.7322622344942671</c:v>
                </c:pt>
                <c:pt idx="8012">
                  <c:v>5.7322622344942671</c:v>
                </c:pt>
                <c:pt idx="8013">
                  <c:v>5.7322622344942671</c:v>
                </c:pt>
                <c:pt idx="8014">
                  <c:v>5.7322622344942671</c:v>
                </c:pt>
                <c:pt idx="8015">
                  <c:v>5.7322622344942671</c:v>
                </c:pt>
                <c:pt idx="8016">
                  <c:v>5.2826420023807303</c:v>
                </c:pt>
                <c:pt idx="8017">
                  <c:v>5.2826420023807303</c:v>
                </c:pt>
                <c:pt idx="8018">
                  <c:v>5.2826420023807303</c:v>
                </c:pt>
                <c:pt idx="8019">
                  <c:v>5.2826420023807303</c:v>
                </c:pt>
                <c:pt idx="8020">
                  <c:v>5.2826420023807303</c:v>
                </c:pt>
                <c:pt idx="8021">
                  <c:v>5.2826420023807303</c:v>
                </c:pt>
                <c:pt idx="8022">
                  <c:v>5.2826420023807303</c:v>
                </c:pt>
                <c:pt idx="8023">
                  <c:v>14.314255748386495</c:v>
                </c:pt>
                <c:pt idx="8024">
                  <c:v>17.892819685483119</c:v>
                </c:pt>
                <c:pt idx="8025">
                  <c:v>19.682101654031431</c:v>
                </c:pt>
                <c:pt idx="8026">
                  <c:v>19.682101654031431</c:v>
                </c:pt>
                <c:pt idx="8027">
                  <c:v>23.260665591128056</c:v>
                </c:pt>
                <c:pt idx="8028">
                  <c:v>23.260665591128056</c:v>
                </c:pt>
                <c:pt idx="8029">
                  <c:v>16.10353771693481</c:v>
                </c:pt>
                <c:pt idx="8030">
                  <c:v>23.260665591128056</c:v>
                </c:pt>
                <c:pt idx="8031">
                  <c:v>19.682101654031431</c:v>
                </c:pt>
                <c:pt idx="8032">
                  <c:v>17.040780652841072</c:v>
                </c:pt>
                <c:pt idx="8033">
                  <c:v>14.314255748386495</c:v>
                </c:pt>
                <c:pt idx="8034">
                  <c:v>5.2826420023807303</c:v>
                </c:pt>
                <c:pt idx="8035">
                  <c:v>5.2826420023807303</c:v>
                </c:pt>
                <c:pt idx="8036">
                  <c:v>5.2826420023807303</c:v>
                </c:pt>
                <c:pt idx="8037">
                  <c:v>5.2826420023807303</c:v>
                </c:pt>
                <c:pt idx="8038">
                  <c:v>5.2826420023807303</c:v>
                </c:pt>
                <c:pt idx="8039">
                  <c:v>5.2826420023807303</c:v>
                </c:pt>
                <c:pt idx="8040">
                  <c:v>2.6355041191852977</c:v>
                </c:pt>
                <c:pt idx="8041">
                  <c:v>5.1455080422189159</c:v>
                </c:pt>
                <c:pt idx="8042">
                  <c:v>5.1455080422189159</c:v>
                </c:pt>
                <c:pt idx="8043">
                  <c:v>5.1455080422189159</c:v>
                </c:pt>
                <c:pt idx="8044">
                  <c:v>5.1455080422189159</c:v>
                </c:pt>
                <c:pt idx="8045">
                  <c:v>6.4005100037357243</c:v>
                </c:pt>
                <c:pt idx="8046">
                  <c:v>8.0320125537075757</c:v>
                </c:pt>
                <c:pt idx="8047">
                  <c:v>9.1615143190727029</c:v>
                </c:pt>
                <c:pt idx="8048">
                  <c:v>9.1615143190727029</c:v>
                </c:pt>
                <c:pt idx="8049">
                  <c:v>9.1615143190727029</c:v>
                </c:pt>
                <c:pt idx="8050">
                  <c:v>9.1615143190727029</c:v>
                </c:pt>
                <c:pt idx="8051">
                  <c:v>9.1615143190727029</c:v>
                </c:pt>
                <c:pt idx="8052">
                  <c:v>9.1615143190727029</c:v>
                </c:pt>
                <c:pt idx="8053">
                  <c:v>9.1615143190727029</c:v>
                </c:pt>
                <c:pt idx="8054">
                  <c:v>9.1615143190727029</c:v>
                </c:pt>
                <c:pt idx="8055">
                  <c:v>8.2830129460109347</c:v>
                </c:pt>
                <c:pt idx="8056">
                  <c:v>7.5300117691008515</c:v>
                </c:pt>
                <c:pt idx="8057">
                  <c:v>6.7770105921907664</c:v>
                </c:pt>
                <c:pt idx="8058">
                  <c:v>6.5260101998874047</c:v>
                </c:pt>
                <c:pt idx="8059">
                  <c:v>5.2710082383705954</c:v>
                </c:pt>
                <c:pt idx="8060">
                  <c:v>3.890506080702107</c:v>
                </c:pt>
                <c:pt idx="8061">
                  <c:v>3.890506080702107</c:v>
                </c:pt>
                <c:pt idx="8062">
                  <c:v>3.890506080702107</c:v>
                </c:pt>
                <c:pt idx="8063">
                  <c:v>3.890506080702107</c:v>
                </c:pt>
                <c:pt idx="8064">
                  <c:v>4.9041402136021928</c:v>
                </c:pt>
                <c:pt idx="8065">
                  <c:v>5.6951305706348041</c:v>
                </c:pt>
                <c:pt idx="8066">
                  <c:v>5.6951305706348041</c:v>
                </c:pt>
                <c:pt idx="8067">
                  <c:v>5.6951305706348041</c:v>
                </c:pt>
                <c:pt idx="8068">
                  <c:v>5.6951305706348041</c:v>
                </c:pt>
                <c:pt idx="8069">
                  <c:v>7.1189132132935047</c:v>
                </c:pt>
                <c:pt idx="8070">
                  <c:v>8.3844977845456832</c:v>
                </c:pt>
                <c:pt idx="8071">
                  <c:v>9.9664784986109076</c:v>
                </c:pt>
                <c:pt idx="8072">
                  <c:v>9.9664784986109076</c:v>
                </c:pt>
                <c:pt idx="8073">
                  <c:v>9.9664784986109076</c:v>
                </c:pt>
                <c:pt idx="8074">
                  <c:v>9.9664784986109076</c:v>
                </c:pt>
                <c:pt idx="8075">
                  <c:v>9.9664784986109076</c:v>
                </c:pt>
                <c:pt idx="8076">
                  <c:v>9.9664784986109076</c:v>
                </c:pt>
                <c:pt idx="8077">
                  <c:v>9.9664784986109076</c:v>
                </c:pt>
                <c:pt idx="8078">
                  <c:v>9.9664784986109076</c:v>
                </c:pt>
                <c:pt idx="8079">
                  <c:v>8.8590919987652512</c:v>
                </c:pt>
                <c:pt idx="8080">
                  <c:v>8.7008939273587274</c:v>
                </c:pt>
                <c:pt idx="8081">
                  <c:v>7.4353093561065506</c:v>
                </c:pt>
                <c:pt idx="8082">
                  <c:v>6.9607151418869835</c:v>
                </c:pt>
                <c:pt idx="8083">
                  <c:v>5.8533286420413271</c:v>
                </c:pt>
                <c:pt idx="8084">
                  <c:v>4.9041402136021928</c:v>
                </c:pt>
                <c:pt idx="8085">
                  <c:v>4.2713479279761044</c:v>
                </c:pt>
                <c:pt idx="8086">
                  <c:v>4.2713479279761044</c:v>
                </c:pt>
                <c:pt idx="8087">
                  <c:v>4.2713479279761044</c:v>
                </c:pt>
                <c:pt idx="8088">
                  <c:v>4.6654877703994062</c:v>
                </c:pt>
                <c:pt idx="8089">
                  <c:v>4.6654877703994062</c:v>
                </c:pt>
                <c:pt idx="8090">
                  <c:v>4.6654877703994062</c:v>
                </c:pt>
                <c:pt idx="8091">
                  <c:v>4.6654877703994062</c:v>
                </c:pt>
                <c:pt idx="8092">
                  <c:v>4.6654877703994062</c:v>
                </c:pt>
                <c:pt idx="8093">
                  <c:v>4.6654877703994062</c:v>
                </c:pt>
                <c:pt idx="8094">
                  <c:v>4.6654877703994062</c:v>
                </c:pt>
                <c:pt idx="8095">
                  <c:v>20.29487180123742</c:v>
                </c:pt>
                <c:pt idx="8096">
                  <c:v>22.831730776392092</c:v>
                </c:pt>
                <c:pt idx="8097">
                  <c:v>25.368589751546768</c:v>
                </c:pt>
                <c:pt idx="8098">
                  <c:v>25.368589751546768</c:v>
                </c:pt>
                <c:pt idx="8099">
                  <c:v>30.442307701856119</c:v>
                </c:pt>
                <c:pt idx="8100">
                  <c:v>30.442307701856119</c:v>
                </c:pt>
                <c:pt idx="8101">
                  <c:v>20.29487180123742</c:v>
                </c:pt>
                <c:pt idx="8102">
                  <c:v>30.442307701856119</c:v>
                </c:pt>
                <c:pt idx="8103">
                  <c:v>30.442307701856119</c:v>
                </c:pt>
                <c:pt idx="8104">
                  <c:v>25.368589751546768</c:v>
                </c:pt>
                <c:pt idx="8105">
                  <c:v>20.411508995497403</c:v>
                </c:pt>
                <c:pt idx="8106">
                  <c:v>7.2898246412490719</c:v>
                </c:pt>
                <c:pt idx="8107">
                  <c:v>7.2898246412490719</c:v>
                </c:pt>
                <c:pt idx="8108">
                  <c:v>7.2898246412490719</c:v>
                </c:pt>
                <c:pt idx="8109">
                  <c:v>7.2898246412490719</c:v>
                </c:pt>
                <c:pt idx="8110">
                  <c:v>7.2898246412490719</c:v>
                </c:pt>
                <c:pt idx="8111">
                  <c:v>7.2898246412490719</c:v>
                </c:pt>
                <c:pt idx="8112">
                  <c:v>6.0038834368556175</c:v>
                </c:pt>
                <c:pt idx="8113">
                  <c:v>6.0038834368556175</c:v>
                </c:pt>
                <c:pt idx="8114">
                  <c:v>6.0038834368556175</c:v>
                </c:pt>
                <c:pt idx="8115">
                  <c:v>6.0038834368556175</c:v>
                </c:pt>
                <c:pt idx="8116">
                  <c:v>6.0038834368556175</c:v>
                </c:pt>
                <c:pt idx="8117">
                  <c:v>6.0038834368556175</c:v>
                </c:pt>
                <c:pt idx="8118">
                  <c:v>6.0038834368556175</c:v>
                </c:pt>
                <c:pt idx="8119">
                  <c:v>17.295057771329247</c:v>
                </c:pt>
                <c:pt idx="8120">
                  <c:v>19.297643408009474</c:v>
                </c:pt>
                <c:pt idx="8121">
                  <c:v>21.300229044689704</c:v>
                </c:pt>
                <c:pt idx="8122">
                  <c:v>21.300229044689704</c:v>
                </c:pt>
                <c:pt idx="8123">
                  <c:v>25.487453557748363</c:v>
                </c:pt>
                <c:pt idx="8124">
                  <c:v>25.487453557748363</c:v>
                </c:pt>
                <c:pt idx="8125">
                  <c:v>16.930951291932839</c:v>
                </c:pt>
                <c:pt idx="8126">
                  <c:v>25.487453557748363</c:v>
                </c:pt>
                <c:pt idx="8127">
                  <c:v>25.487453557748363</c:v>
                </c:pt>
                <c:pt idx="8128">
                  <c:v>21.304102517874774</c:v>
                </c:pt>
                <c:pt idx="8129">
                  <c:v>16.927077818747776</c:v>
                </c:pt>
                <c:pt idx="8130">
                  <c:v>6.0038834368556175</c:v>
                </c:pt>
                <c:pt idx="8131">
                  <c:v>6.0038834368556175</c:v>
                </c:pt>
                <c:pt idx="8132">
                  <c:v>6.0038834368556175</c:v>
                </c:pt>
                <c:pt idx="8133">
                  <c:v>6.0038834368556175</c:v>
                </c:pt>
                <c:pt idx="8134">
                  <c:v>6.0038834368556175</c:v>
                </c:pt>
                <c:pt idx="8135">
                  <c:v>6.0038834368556175</c:v>
                </c:pt>
                <c:pt idx="8136">
                  <c:v>5.3867011913338105</c:v>
                </c:pt>
                <c:pt idx="8137">
                  <c:v>5.3867011913338105</c:v>
                </c:pt>
                <c:pt idx="8138">
                  <c:v>5.3867011913338105</c:v>
                </c:pt>
                <c:pt idx="8139">
                  <c:v>5.3867011913338105</c:v>
                </c:pt>
                <c:pt idx="8140">
                  <c:v>5.3867011913338105</c:v>
                </c:pt>
                <c:pt idx="8141">
                  <c:v>5.3867011913338105</c:v>
                </c:pt>
                <c:pt idx="8142">
                  <c:v>5.3867011913338105</c:v>
                </c:pt>
                <c:pt idx="8143">
                  <c:v>14.840361782124647</c:v>
                </c:pt>
                <c:pt idx="8144">
                  <c:v>16.558719462160134</c:v>
                </c:pt>
                <c:pt idx="8145">
                  <c:v>18.277077142195619</c:v>
                </c:pt>
                <c:pt idx="8146">
                  <c:v>18.277077142195619</c:v>
                </c:pt>
                <c:pt idx="8147">
                  <c:v>21.870006836815271</c:v>
                </c:pt>
                <c:pt idx="8148">
                  <c:v>21.870006836815271</c:v>
                </c:pt>
                <c:pt idx="8149">
                  <c:v>14.527933113027286</c:v>
                </c:pt>
                <c:pt idx="8150">
                  <c:v>21.870006836815271</c:v>
                </c:pt>
                <c:pt idx="8151">
                  <c:v>21.870006836815271</c:v>
                </c:pt>
                <c:pt idx="8152">
                  <c:v>18.274383791599956</c:v>
                </c:pt>
                <c:pt idx="8153">
                  <c:v>14.530626463622955</c:v>
                </c:pt>
                <c:pt idx="8154">
                  <c:v>5.3867011913338105</c:v>
                </c:pt>
                <c:pt idx="8155">
                  <c:v>5.3867011913338105</c:v>
                </c:pt>
                <c:pt idx="8156">
                  <c:v>5.3867011913338105</c:v>
                </c:pt>
                <c:pt idx="8157">
                  <c:v>5.3867011913338105</c:v>
                </c:pt>
                <c:pt idx="8158">
                  <c:v>5.3867011913338105</c:v>
                </c:pt>
                <c:pt idx="8159">
                  <c:v>5.3867011913338105</c:v>
                </c:pt>
                <c:pt idx="8160">
                  <c:v>4.3068229314573863</c:v>
                </c:pt>
                <c:pt idx="8161">
                  <c:v>4.3068229314573863</c:v>
                </c:pt>
                <c:pt idx="8162">
                  <c:v>4.3068229314573863</c:v>
                </c:pt>
                <c:pt idx="8163">
                  <c:v>4.3068229314573863</c:v>
                </c:pt>
                <c:pt idx="8164">
                  <c:v>4.3068229314573863</c:v>
                </c:pt>
                <c:pt idx="8165">
                  <c:v>4.3068229314573863</c:v>
                </c:pt>
                <c:pt idx="8166">
                  <c:v>4.3068229314573863</c:v>
                </c:pt>
                <c:pt idx="8167">
                  <c:v>11.865297176165097</c:v>
                </c:pt>
                <c:pt idx="8168">
                  <c:v>13.239173691300003</c:v>
                </c:pt>
                <c:pt idx="8169">
                  <c:v>14.613050206434909</c:v>
                </c:pt>
                <c:pt idx="8170">
                  <c:v>14.613050206434909</c:v>
                </c:pt>
                <c:pt idx="8171">
                  <c:v>17.485701101716984</c:v>
                </c:pt>
                <c:pt idx="8172">
                  <c:v>17.485701101716984</c:v>
                </c:pt>
                <c:pt idx="8173">
                  <c:v>11.615501446140568</c:v>
                </c:pt>
                <c:pt idx="8174">
                  <c:v>17.485701101716984</c:v>
                </c:pt>
                <c:pt idx="8175">
                  <c:v>17.485701101716984</c:v>
                </c:pt>
                <c:pt idx="8176">
                  <c:v>14.610896794969182</c:v>
                </c:pt>
                <c:pt idx="8177">
                  <c:v>11.617654857606297</c:v>
                </c:pt>
                <c:pt idx="8178">
                  <c:v>4.3068229314573863</c:v>
                </c:pt>
                <c:pt idx="8179">
                  <c:v>4.3068229314573863</c:v>
                </c:pt>
                <c:pt idx="8180">
                  <c:v>4.3068229314573863</c:v>
                </c:pt>
                <c:pt idx="8181">
                  <c:v>4.3068229314573863</c:v>
                </c:pt>
                <c:pt idx="8182">
                  <c:v>4.3068229314573863</c:v>
                </c:pt>
                <c:pt idx="8183">
                  <c:v>4.3068229314573863</c:v>
                </c:pt>
                <c:pt idx="8184">
                  <c:v>5.4077181565721739</c:v>
                </c:pt>
                <c:pt idx="8185">
                  <c:v>5.4077181565721739</c:v>
                </c:pt>
                <c:pt idx="8186">
                  <c:v>5.4077181565721739</c:v>
                </c:pt>
                <c:pt idx="8187">
                  <c:v>5.4077181565721739</c:v>
                </c:pt>
                <c:pt idx="8188">
                  <c:v>5.4077181565721739</c:v>
                </c:pt>
                <c:pt idx="8189">
                  <c:v>5.4077181565721739</c:v>
                </c:pt>
                <c:pt idx="8190">
                  <c:v>5.4077181565721739</c:v>
                </c:pt>
                <c:pt idx="8191">
                  <c:v>14.653171779098793</c:v>
                </c:pt>
                <c:pt idx="8192">
                  <c:v>18.316464723873494</c:v>
                </c:pt>
                <c:pt idx="8193">
                  <c:v>20.148111196260842</c:v>
                </c:pt>
                <c:pt idx="8194">
                  <c:v>20.148111196260842</c:v>
                </c:pt>
                <c:pt idx="8195">
                  <c:v>23.811404141035538</c:v>
                </c:pt>
                <c:pt idx="8196">
                  <c:v>23.811404141035538</c:v>
                </c:pt>
                <c:pt idx="8197">
                  <c:v>16.484818251486143</c:v>
                </c:pt>
                <c:pt idx="8198">
                  <c:v>23.811404141035538</c:v>
                </c:pt>
                <c:pt idx="8199">
                  <c:v>20.148111196260842</c:v>
                </c:pt>
                <c:pt idx="8200">
                  <c:v>17.444252117974756</c:v>
                </c:pt>
                <c:pt idx="8201">
                  <c:v>14.653171779098793</c:v>
                </c:pt>
                <c:pt idx="8202">
                  <c:v>5.4077181565721739</c:v>
                </c:pt>
                <c:pt idx="8203">
                  <c:v>5.4077181565721739</c:v>
                </c:pt>
                <c:pt idx="8204">
                  <c:v>5.4077181565721739</c:v>
                </c:pt>
                <c:pt idx="8205">
                  <c:v>5.4077181565721739</c:v>
                </c:pt>
                <c:pt idx="8206">
                  <c:v>5.4077181565721739</c:v>
                </c:pt>
                <c:pt idx="8207">
                  <c:v>5.4077181565721739</c:v>
                </c:pt>
                <c:pt idx="8208">
                  <c:v>2.5340047244852482</c:v>
                </c:pt>
                <c:pt idx="8209">
                  <c:v>4.9473425573283425</c:v>
                </c:pt>
                <c:pt idx="8210">
                  <c:v>4.9473425573283425</c:v>
                </c:pt>
                <c:pt idx="8211">
                  <c:v>4.9473425573283425</c:v>
                </c:pt>
                <c:pt idx="8212">
                  <c:v>4.9473425573283425</c:v>
                </c:pt>
                <c:pt idx="8213">
                  <c:v>6.1540114737498897</c:v>
                </c:pt>
                <c:pt idx="8214">
                  <c:v>7.7226810650978992</c:v>
                </c:pt>
                <c:pt idx="8215">
                  <c:v>8.8086830898772934</c:v>
                </c:pt>
                <c:pt idx="8216">
                  <c:v>8.8086830898772934</c:v>
                </c:pt>
                <c:pt idx="8217">
                  <c:v>8.8086830898772934</c:v>
                </c:pt>
                <c:pt idx="8218">
                  <c:v>8.8086830898772934</c:v>
                </c:pt>
                <c:pt idx="8219">
                  <c:v>8.8086830898772934</c:v>
                </c:pt>
                <c:pt idx="8220">
                  <c:v>8.8086830898772934</c:v>
                </c:pt>
                <c:pt idx="8221">
                  <c:v>8.8086830898772934</c:v>
                </c:pt>
                <c:pt idx="8222">
                  <c:v>8.8086830898772934</c:v>
                </c:pt>
                <c:pt idx="8223">
                  <c:v>7.9640148483822086</c:v>
                </c:pt>
                <c:pt idx="8224">
                  <c:v>7.2400134985292812</c:v>
                </c:pt>
                <c:pt idx="8225">
                  <c:v>6.5160121486763529</c:v>
                </c:pt>
                <c:pt idx="8226">
                  <c:v>6.2746783653920435</c:v>
                </c:pt>
                <c:pt idx="8227">
                  <c:v>5.0680094489704963</c:v>
                </c:pt>
                <c:pt idx="8228">
                  <c:v>3.7406736409067949</c:v>
                </c:pt>
                <c:pt idx="8229">
                  <c:v>3.7406736409067949</c:v>
                </c:pt>
                <c:pt idx="8230">
                  <c:v>3.7406736409067949</c:v>
                </c:pt>
                <c:pt idx="8231">
                  <c:v>3.7406736409067949</c:v>
                </c:pt>
                <c:pt idx="8232">
                  <c:v>3.2580201052363247</c:v>
                </c:pt>
                <c:pt idx="8233">
                  <c:v>3.7835072189841186</c:v>
                </c:pt>
                <c:pt idx="8234">
                  <c:v>3.7835072189841186</c:v>
                </c:pt>
                <c:pt idx="8235">
                  <c:v>3.7835072189841186</c:v>
                </c:pt>
                <c:pt idx="8236">
                  <c:v>3.7835072189841186</c:v>
                </c:pt>
                <c:pt idx="8237">
                  <c:v>4.7293840237301481</c:v>
                </c:pt>
                <c:pt idx="8238">
                  <c:v>5.5701634057266185</c:v>
                </c:pt>
                <c:pt idx="8239">
                  <c:v>6.6211376332222072</c:v>
                </c:pt>
                <c:pt idx="8240">
                  <c:v>6.6211376332222072</c:v>
                </c:pt>
                <c:pt idx="8241">
                  <c:v>6.6211376332222072</c:v>
                </c:pt>
                <c:pt idx="8242">
                  <c:v>6.6211376332222072</c:v>
                </c:pt>
                <c:pt idx="8243">
                  <c:v>6.6211376332222072</c:v>
                </c:pt>
                <c:pt idx="8244">
                  <c:v>6.6211376332222072</c:v>
                </c:pt>
                <c:pt idx="8245">
                  <c:v>6.6211376332222072</c:v>
                </c:pt>
                <c:pt idx="8246">
                  <c:v>6.6211376332222072</c:v>
                </c:pt>
                <c:pt idx="8247">
                  <c:v>5.8854556739752955</c:v>
                </c:pt>
                <c:pt idx="8248">
                  <c:v>5.7803582512257368</c:v>
                </c:pt>
                <c:pt idx="8249">
                  <c:v>4.9395788692292664</c:v>
                </c:pt>
                <c:pt idx="8250">
                  <c:v>4.6242866009805903</c:v>
                </c:pt>
                <c:pt idx="8251">
                  <c:v>3.8886046417336777</c:v>
                </c:pt>
                <c:pt idx="8252">
                  <c:v>3.2580201052363247</c:v>
                </c:pt>
                <c:pt idx="8253">
                  <c:v>2.837630414238089</c:v>
                </c:pt>
                <c:pt idx="8254">
                  <c:v>2.837630414238089</c:v>
                </c:pt>
                <c:pt idx="8255">
                  <c:v>2.837630414238089</c:v>
                </c:pt>
                <c:pt idx="8256">
                  <c:v>2.7560447978433751</c:v>
                </c:pt>
                <c:pt idx="8257">
                  <c:v>2.7560447978433751</c:v>
                </c:pt>
                <c:pt idx="8258">
                  <c:v>2.7560447978433751</c:v>
                </c:pt>
                <c:pt idx="8259">
                  <c:v>2.7560447978433751</c:v>
                </c:pt>
                <c:pt idx="8260">
                  <c:v>2.7560447978433751</c:v>
                </c:pt>
                <c:pt idx="8261">
                  <c:v>2.7560447978433751</c:v>
                </c:pt>
                <c:pt idx="8262">
                  <c:v>2.7560447978433751</c:v>
                </c:pt>
                <c:pt idx="8263">
                  <c:v>11.98879487061868</c:v>
                </c:pt>
                <c:pt idx="8264">
                  <c:v>13.487394229446016</c:v>
                </c:pt>
                <c:pt idx="8265">
                  <c:v>14.985993588273351</c:v>
                </c:pt>
                <c:pt idx="8266">
                  <c:v>14.985993588273351</c:v>
                </c:pt>
                <c:pt idx="8267">
                  <c:v>17.983192305928014</c:v>
                </c:pt>
                <c:pt idx="8268">
                  <c:v>17.983192305928014</c:v>
                </c:pt>
                <c:pt idx="8269">
                  <c:v>11.98879487061868</c:v>
                </c:pt>
                <c:pt idx="8270">
                  <c:v>17.983192305928014</c:v>
                </c:pt>
                <c:pt idx="8271">
                  <c:v>17.983192305928014</c:v>
                </c:pt>
                <c:pt idx="8272">
                  <c:v>14.985993588273351</c:v>
                </c:pt>
                <c:pt idx="8273">
                  <c:v>12.057695990564765</c:v>
                </c:pt>
                <c:pt idx="8274">
                  <c:v>4.3063199966302728</c:v>
                </c:pt>
                <c:pt idx="8275">
                  <c:v>4.3063199966302728</c:v>
                </c:pt>
                <c:pt idx="8276">
                  <c:v>4.3063199966302728</c:v>
                </c:pt>
                <c:pt idx="8277">
                  <c:v>4.3063199966302728</c:v>
                </c:pt>
                <c:pt idx="8278">
                  <c:v>4.3063199966302728</c:v>
                </c:pt>
                <c:pt idx="8279">
                  <c:v>4.3063199966302728</c:v>
                </c:pt>
                <c:pt idx="8280">
                  <c:v>2.5780159895986174</c:v>
                </c:pt>
                <c:pt idx="8281">
                  <c:v>2.5780159895986174</c:v>
                </c:pt>
                <c:pt idx="8282">
                  <c:v>2.5780159895986174</c:v>
                </c:pt>
                <c:pt idx="8283">
                  <c:v>2.5780159895986174</c:v>
                </c:pt>
                <c:pt idx="8284">
                  <c:v>2.5780159895986174</c:v>
                </c:pt>
                <c:pt idx="8285">
                  <c:v>2.5780159895986174</c:v>
                </c:pt>
                <c:pt idx="8286">
                  <c:v>2.5780159895986174</c:v>
                </c:pt>
                <c:pt idx="8287">
                  <c:v>7.4263492861663396</c:v>
                </c:pt>
                <c:pt idx="8288">
                  <c:v>8.2862423614066518</c:v>
                </c:pt>
                <c:pt idx="8289">
                  <c:v>9.1461354366469649</c:v>
                </c:pt>
                <c:pt idx="8290">
                  <c:v>9.1461354366469649</c:v>
                </c:pt>
                <c:pt idx="8291">
                  <c:v>10.944093684876712</c:v>
                </c:pt>
                <c:pt idx="8292">
                  <c:v>10.944093684876712</c:v>
                </c:pt>
                <c:pt idx="8293">
                  <c:v>7.2700050906681</c:v>
                </c:pt>
                <c:pt idx="8294">
                  <c:v>10.944093684876712</c:v>
                </c:pt>
                <c:pt idx="8295">
                  <c:v>10.944093684876712</c:v>
                </c:pt>
                <c:pt idx="8296">
                  <c:v>9.1477986727692873</c:v>
                </c:pt>
                <c:pt idx="8297">
                  <c:v>7.2683418545457794</c:v>
                </c:pt>
                <c:pt idx="8298">
                  <c:v>2.5780159895986174</c:v>
                </c:pt>
                <c:pt idx="8299">
                  <c:v>2.5780159895986174</c:v>
                </c:pt>
                <c:pt idx="8300">
                  <c:v>2.5780159895986174</c:v>
                </c:pt>
                <c:pt idx="8301">
                  <c:v>2.5780159895986174</c:v>
                </c:pt>
                <c:pt idx="8302">
                  <c:v>2.5780159895986174</c:v>
                </c:pt>
                <c:pt idx="8303">
                  <c:v>2.5780159895986174</c:v>
                </c:pt>
                <c:pt idx="8304">
                  <c:v>2.7517982372353353</c:v>
                </c:pt>
                <c:pt idx="8305">
                  <c:v>2.7517982372353353</c:v>
                </c:pt>
                <c:pt idx="8306">
                  <c:v>2.7517982372353353</c:v>
                </c:pt>
                <c:pt idx="8307">
                  <c:v>2.7517982372353353</c:v>
                </c:pt>
                <c:pt idx="8308">
                  <c:v>2.7517982372353353</c:v>
                </c:pt>
                <c:pt idx="8309">
                  <c:v>2.7517982372353353</c:v>
                </c:pt>
                <c:pt idx="8310">
                  <c:v>2.7517982372353353</c:v>
                </c:pt>
                <c:pt idx="8311">
                  <c:v>7.5812041435833475</c:v>
                </c:pt>
                <c:pt idx="8312">
                  <c:v>8.4590277812614207</c:v>
                </c:pt>
                <c:pt idx="8313">
                  <c:v>9.3368514189394922</c:v>
                </c:pt>
                <c:pt idx="8314">
                  <c:v>9.3368514189394922</c:v>
                </c:pt>
                <c:pt idx="8315">
                  <c:v>11.172300843175458</c:v>
                </c:pt>
                <c:pt idx="8316">
                  <c:v>11.172300843175458</c:v>
                </c:pt>
                <c:pt idx="8317">
                  <c:v>7.4215998458236987</c:v>
                </c:pt>
                <c:pt idx="8318">
                  <c:v>11.172300843175458</c:v>
                </c:pt>
                <c:pt idx="8319">
                  <c:v>11.172300843175458</c:v>
                </c:pt>
                <c:pt idx="8320">
                  <c:v>9.335475519820875</c:v>
                </c:pt>
                <c:pt idx="8321">
                  <c:v>7.4229757449423159</c:v>
                </c:pt>
                <c:pt idx="8322">
                  <c:v>2.7517982372353353</c:v>
                </c:pt>
                <c:pt idx="8323">
                  <c:v>2.7517982372353353</c:v>
                </c:pt>
                <c:pt idx="8324">
                  <c:v>2.7517982372353353</c:v>
                </c:pt>
                <c:pt idx="8325">
                  <c:v>2.7517982372353353</c:v>
                </c:pt>
                <c:pt idx="8326">
                  <c:v>2.7517982372353353</c:v>
                </c:pt>
                <c:pt idx="8327">
                  <c:v>2.7517982372353353</c:v>
                </c:pt>
                <c:pt idx="8328">
                  <c:v>3.2269446715809629</c:v>
                </c:pt>
                <c:pt idx="8329">
                  <c:v>3.2269446715809629</c:v>
                </c:pt>
                <c:pt idx="8330">
                  <c:v>3.2269446715809629</c:v>
                </c:pt>
                <c:pt idx="8331">
                  <c:v>3.2269446715809629</c:v>
                </c:pt>
                <c:pt idx="8332">
                  <c:v>3.2269446715809629</c:v>
                </c:pt>
                <c:pt idx="8333">
                  <c:v>3.2269446715809629</c:v>
                </c:pt>
                <c:pt idx="8334">
                  <c:v>3.2269446715809629</c:v>
                </c:pt>
                <c:pt idx="8335">
                  <c:v>8.8902325702055514</c:v>
                </c:pt>
                <c:pt idx="8336">
                  <c:v>9.9196279204398792</c:v>
                </c:pt>
                <c:pt idx="8337">
                  <c:v>10.949023270674207</c:v>
                </c:pt>
                <c:pt idx="8338">
                  <c:v>10.949023270674207</c:v>
                </c:pt>
                <c:pt idx="8339">
                  <c:v>13.101395366618709</c:v>
                </c:pt>
                <c:pt idx="8340">
                  <c:v>13.101395366618709</c:v>
                </c:pt>
                <c:pt idx="8341">
                  <c:v>8.7030697792538554</c:v>
                </c:pt>
                <c:pt idx="8342">
                  <c:v>13.101395366618709</c:v>
                </c:pt>
                <c:pt idx="8343">
                  <c:v>13.101395366618709</c:v>
                </c:pt>
                <c:pt idx="8344">
                  <c:v>10.947409798338416</c:v>
                </c:pt>
                <c:pt idx="8345">
                  <c:v>8.7046832515896462</c:v>
                </c:pt>
                <c:pt idx="8346">
                  <c:v>3.2269446715809629</c:v>
                </c:pt>
                <c:pt idx="8347">
                  <c:v>3.2269446715809629</c:v>
                </c:pt>
                <c:pt idx="8348">
                  <c:v>3.2269446715809629</c:v>
                </c:pt>
                <c:pt idx="8349">
                  <c:v>3.2269446715809629</c:v>
                </c:pt>
                <c:pt idx="8350">
                  <c:v>3.2269446715809629</c:v>
                </c:pt>
                <c:pt idx="8351">
                  <c:v>3.2269446715809629</c:v>
                </c:pt>
                <c:pt idx="8352">
                  <c:v>3.6149599464948223</c:v>
                </c:pt>
                <c:pt idx="8353">
                  <c:v>3.6149599464948223</c:v>
                </c:pt>
                <c:pt idx="8354">
                  <c:v>3.6149599464948223</c:v>
                </c:pt>
                <c:pt idx="8355">
                  <c:v>3.6149599464948223</c:v>
                </c:pt>
                <c:pt idx="8356">
                  <c:v>3.6149599464948223</c:v>
                </c:pt>
                <c:pt idx="8357">
                  <c:v>3.6149599464948223</c:v>
                </c:pt>
                <c:pt idx="8358">
                  <c:v>3.6149599464948223</c:v>
                </c:pt>
                <c:pt idx="8359">
                  <c:v>9.7953753388891958</c:v>
                </c:pt>
                <c:pt idx="8360">
                  <c:v>12.244219173611492</c:v>
                </c:pt>
                <c:pt idx="8361">
                  <c:v>13.468641090972643</c:v>
                </c:pt>
                <c:pt idx="8362">
                  <c:v>13.468641090972643</c:v>
                </c:pt>
                <c:pt idx="8363">
                  <c:v>15.917484925694941</c:v>
                </c:pt>
                <c:pt idx="8364">
                  <c:v>15.917484925694941</c:v>
                </c:pt>
                <c:pt idx="8365">
                  <c:v>11.019797256250344</c:v>
                </c:pt>
                <c:pt idx="8366">
                  <c:v>15.917484925694941</c:v>
                </c:pt>
                <c:pt idx="8367">
                  <c:v>13.468641090972643</c:v>
                </c:pt>
                <c:pt idx="8368">
                  <c:v>11.661161117725232</c:v>
                </c:pt>
                <c:pt idx="8369">
                  <c:v>9.7953753388891958</c:v>
                </c:pt>
                <c:pt idx="8370">
                  <c:v>3.6149599464948223</c:v>
                </c:pt>
                <c:pt idx="8371">
                  <c:v>3.6149599464948223</c:v>
                </c:pt>
                <c:pt idx="8372">
                  <c:v>3.6149599464948223</c:v>
                </c:pt>
                <c:pt idx="8373">
                  <c:v>3.6149599464948223</c:v>
                </c:pt>
                <c:pt idx="8374">
                  <c:v>3.6149599464948223</c:v>
                </c:pt>
                <c:pt idx="8375">
                  <c:v>3.6149599464948223</c:v>
                </c:pt>
                <c:pt idx="8376">
                  <c:v>1.5697604748347755</c:v>
                </c:pt>
                <c:pt idx="8377">
                  <c:v>3.0647704508678948</c:v>
                </c:pt>
                <c:pt idx="8378">
                  <c:v>3.0647704508678948</c:v>
                </c:pt>
                <c:pt idx="8379">
                  <c:v>3.0647704508678948</c:v>
                </c:pt>
                <c:pt idx="8380">
                  <c:v>3.0647704508678948</c:v>
                </c:pt>
                <c:pt idx="8381">
                  <c:v>3.8122754388844546</c:v>
                </c:pt>
                <c:pt idx="8382">
                  <c:v>4.7840319233059816</c:v>
                </c:pt>
                <c:pt idx="8383">
                  <c:v>5.456786412520886</c:v>
                </c:pt>
                <c:pt idx="8384">
                  <c:v>5.456786412520886</c:v>
                </c:pt>
                <c:pt idx="8385">
                  <c:v>5.456786412520886</c:v>
                </c:pt>
                <c:pt idx="8386">
                  <c:v>5.456786412520886</c:v>
                </c:pt>
                <c:pt idx="8387">
                  <c:v>5.456786412520886</c:v>
                </c:pt>
                <c:pt idx="8388">
                  <c:v>5.456786412520886</c:v>
                </c:pt>
                <c:pt idx="8389">
                  <c:v>5.456786412520886</c:v>
                </c:pt>
                <c:pt idx="8390">
                  <c:v>5.456786412520886</c:v>
                </c:pt>
                <c:pt idx="8391">
                  <c:v>4.9335329209092942</c:v>
                </c:pt>
                <c:pt idx="8392">
                  <c:v>4.4850299280993582</c:v>
                </c:pt>
                <c:pt idx="8393">
                  <c:v>4.0365269352894222</c:v>
                </c:pt>
                <c:pt idx="8394">
                  <c:v>3.8870259376861105</c:v>
                </c:pt>
                <c:pt idx="8395">
                  <c:v>3.1395209496695511</c:v>
                </c:pt>
                <c:pt idx="8396">
                  <c:v>2.3172654628513349</c:v>
                </c:pt>
                <c:pt idx="8397">
                  <c:v>2.3172654628513349</c:v>
                </c:pt>
                <c:pt idx="8398">
                  <c:v>2.3172654628513349</c:v>
                </c:pt>
                <c:pt idx="8399">
                  <c:v>2.3172654628513349</c:v>
                </c:pt>
                <c:pt idx="8400">
                  <c:v>2.0660020957300067</c:v>
                </c:pt>
                <c:pt idx="8401">
                  <c:v>2.3992282402025884</c:v>
                </c:pt>
                <c:pt idx="8402">
                  <c:v>2.3992282402025884</c:v>
                </c:pt>
                <c:pt idx="8403">
                  <c:v>2.3992282402025884</c:v>
                </c:pt>
                <c:pt idx="8404">
                  <c:v>2.3992282402025884</c:v>
                </c:pt>
                <c:pt idx="8405">
                  <c:v>2.9990353002532357</c:v>
                </c:pt>
                <c:pt idx="8406">
                  <c:v>3.5321971314093665</c:v>
                </c:pt>
                <c:pt idx="8407">
                  <c:v>4.1986494203545304</c:v>
                </c:pt>
                <c:pt idx="8408">
                  <c:v>4.1986494203545304</c:v>
                </c:pt>
                <c:pt idx="8409">
                  <c:v>4.1986494203545304</c:v>
                </c:pt>
                <c:pt idx="8410">
                  <c:v>4.1986494203545304</c:v>
                </c:pt>
                <c:pt idx="8411">
                  <c:v>4.1986494203545304</c:v>
                </c:pt>
                <c:pt idx="8412">
                  <c:v>4.1986494203545304</c:v>
                </c:pt>
                <c:pt idx="8413">
                  <c:v>4.1986494203545304</c:v>
                </c:pt>
                <c:pt idx="8414">
                  <c:v>4.1986494203545304</c:v>
                </c:pt>
                <c:pt idx="8415">
                  <c:v>3.7321328180929156</c:v>
                </c:pt>
                <c:pt idx="8416">
                  <c:v>3.6654875891983991</c:v>
                </c:pt>
                <c:pt idx="8417">
                  <c:v>3.1323257580422683</c:v>
                </c:pt>
                <c:pt idx="8418">
                  <c:v>2.9323900713587197</c:v>
                </c:pt>
                <c:pt idx="8419">
                  <c:v>2.4658734690971054</c:v>
                </c:pt>
                <c:pt idx="8420">
                  <c:v>2.0660020957300067</c:v>
                </c:pt>
                <c:pt idx="8421">
                  <c:v>1.7994211801519415</c:v>
                </c:pt>
                <c:pt idx="8422">
                  <c:v>1.7994211801519415</c:v>
                </c:pt>
                <c:pt idx="8423">
                  <c:v>1.7994211801519415</c:v>
                </c:pt>
                <c:pt idx="8424">
                  <c:v>1.3595865044815016</c:v>
                </c:pt>
                <c:pt idx="8425">
                  <c:v>1.3595865044815016</c:v>
                </c:pt>
                <c:pt idx="8426">
                  <c:v>1.3595865044815016</c:v>
                </c:pt>
                <c:pt idx="8427">
                  <c:v>1.3595865044815016</c:v>
                </c:pt>
                <c:pt idx="8428">
                  <c:v>1.3595865044815016</c:v>
                </c:pt>
                <c:pt idx="8429">
                  <c:v>1.3595865044815016</c:v>
                </c:pt>
                <c:pt idx="8430">
                  <c:v>1.3595865044815016</c:v>
                </c:pt>
                <c:pt idx="8431">
                  <c:v>5.9142012944945312</c:v>
                </c:pt>
                <c:pt idx="8432">
                  <c:v>6.6534764563063478</c:v>
                </c:pt>
                <c:pt idx="8433">
                  <c:v>7.3927516181181643</c:v>
                </c:pt>
                <c:pt idx="8434">
                  <c:v>7.3927516181181643</c:v>
                </c:pt>
                <c:pt idx="8435">
                  <c:v>8.8713019417417964</c:v>
                </c:pt>
                <c:pt idx="8436">
                  <c:v>8.8713019417417964</c:v>
                </c:pt>
                <c:pt idx="8437">
                  <c:v>5.9142012944945312</c:v>
                </c:pt>
                <c:pt idx="8438">
                  <c:v>8.8713019417417964</c:v>
                </c:pt>
                <c:pt idx="8439">
                  <c:v>8.8713019417417964</c:v>
                </c:pt>
                <c:pt idx="8440">
                  <c:v>7.3927516181181643</c:v>
                </c:pt>
                <c:pt idx="8441">
                  <c:v>5.9481909571065694</c:v>
                </c:pt>
                <c:pt idx="8442">
                  <c:v>2.1243539132523459</c:v>
                </c:pt>
                <c:pt idx="8443">
                  <c:v>2.1243539132523459</c:v>
                </c:pt>
                <c:pt idx="8444">
                  <c:v>2.1243539132523459</c:v>
                </c:pt>
                <c:pt idx="8445">
                  <c:v>2.1243539132523459</c:v>
                </c:pt>
                <c:pt idx="8446">
                  <c:v>2.1243539132523459</c:v>
                </c:pt>
                <c:pt idx="8447">
                  <c:v>2.1243539132523459</c:v>
                </c:pt>
                <c:pt idx="8448">
                  <c:v>2.3691216330585561</c:v>
                </c:pt>
                <c:pt idx="8449">
                  <c:v>2.3691216330585561</c:v>
                </c:pt>
                <c:pt idx="8450">
                  <c:v>2.3691216330585561</c:v>
                </c:pt>
                <c:pt idx="8451">
                  <c:v>2.3691216330585561</c:v>
                </c:pt>
                <c:pt idx="8452">
                  <c:v>2.3691216330585561</c:v>
                </c:pt>
                <c:pt idx="8453">
                  <c:v>2.3691216330585561</c:v>
                </c:pt>
                <c:pt idx="8454">
                  <c:v>2.3691216330585561</c:v>
                </c:pt>
                <c:pt idx="8455">
                  <c:v>6.8245987687783565</c:v>
                </c:pt>
                <c:pt idx="8456">
                  <c:v>7.6148154683211136</c:v>
                </c:pt>
                <c:pt idx="8457">
                  <c:v>8.4050321678638706</c:v>
                </c:pt>
                <c:pt idx="8458">
                  <c:v>8.4050321678638706</c:v>
                </c:pt>
                <c:pt idx="8459">
                  <c:v>10.057303448726</c:v>
                </c:pt>
                <c:pt idx="8460">
                  <c:v>10.057303448726</c:v>
                </c:pt>
                <c:pt idx="8461">
                  <c:v>6.6809230052251278</c:v>
                </c:pt>
                <c:pt idx="8462">
                  <c:v>10.057303448726</c:v>
                </c:pt>
                <c:pt idx="8463">
                  <c:v>10.057303448726</c:v>
                </c:pt>
                <c:pt idx="8464">
                  <c:v>8.4065606334335872</c:v>
                </c:pt>
                <c:pt idx="8465">
                  <c:v>6.6793945396554131</c:v>
                </c:pt>
                <c:pt idx="8466">
                  <c:v>2.3691216330585561</c:v>
                </c:pt>
                <c:pt idx="8467">
                  <c:v>2.3691216330585561</c:v>
                </c:pt>
                <c:pt idx="8468">
                  <c:v>2.3691216330585561</c:v>
                </c:pt>
                <c:pt idx="8469">
                  <c:v>2.3691216330585561</c:v>
                </c:pt>
                <c:pt idx="8470">
                  <c:v>2.3691216330585561</c:v>
                </c:pt>
                <c:pt idx="8471">
                  <c:v>2.3691216330585561</c:v>
                </c:pt>
                <c:pt idx="8472">
                  <c:v>4.1772375402722153</c:v>
                </c:pt>
                <c:pt idx="8473">
                  <c:v>4.1772375402722153</c:v>
                </c:pt>
                <c:pt idx="8474">
                  <c:v>4.1772375402722153</c:v>
                </c:pt>
                <c:pt idx="8475">
                  <c:v>4.1772375402722153</c:v>
                </c:pt>
                <c:pt idx="8476">
                  <c:v>4.1772375402722153</c:v>
                </c:pt>
                <c:pt idx="8477">
                  <c:v>4.1772375402722153</c:v>
                </c:pt>
                <c:pt idx="8478">
                  <c:v>4.1772375402722153</c:v>
                </c:pt>
                <c:pt idx="8479">
                  <c:v>11.508289423449952</c:v>
                </c:pt>
                <c:pt idx="8480">
                  <c:v>12.840828198796789</c:v>
                </c:pt>
                <c:pt idx="8481">
                  <c:v>14.173366974143628</c:v>
                </c:pt>
                <c:pt idx="8482">
                  <c:v>14.173366974143628</c:v>
                </c:pt>
                <c:pt idx="8483">
                  <c:v>16.959584413505194</c:v>
                </c:pt>
                <c:pt idx="8484">
                  <c:v>16.959584413505194</c:v>
                </c:pt>
                <c:pt idx="8485">
                  <c:v>11.266009646114165</c:v>
                </c:pt>
                <c:pt idx="8486">
                  <c:v>16.959584413505194</c:v>
                </c:pt>
                <c:pt idx="8487">
                  <c:v>16.959584413505194</c:v>
                </c:pt>
                <c:pt idx="8488">
                  <c:v>14.17127835537349</c:v>
                </c:pt>
                <c:pt idx="8489">
                  <c:v>11.268098264884301</c:v>
                </c:pt>
                <c:pt idx="8490">
                  <c:v>4.1772375402722153</c:v>
                </c:pt>
                <c:pt idx="8491">
                  <c:v>4.1772375402722153</c:v>
                </c:pt>
                <c:pt idx="8492">
                  <c:v>4.1772375402722153</c:v>
                </c:pt>
                <c:pt idx="8493">
                  <c:v>4.1772375402722153</c:v>
                </c:pt>
                <c:pt idx="8494">
                  <c:v>4.1772375402722153</c:v>
                </c:pt>
                <c:pt idx="8495">
                  <c:v>4.1772375402722153</c:v>
                </c:pt>
                <c:pt idx="8496">
                  <c:v>2.4062371940748797</c:v>
                </c:pt>
                <c:pt idx="8497">
                  <c:v>2.4062371940748797</c:v>
                </c:pt>
                <c:pt idx="8498">
                  <c:v>2.4062371940748797</c:v>
                </c:pt>
                <c:pt idx="8499">
                  <c:v>2.4062371940748797</c:v>
                </c:pt>
                <c:pt idx="8500">
                  <c:v>2.4062371940748797</c:v>
                </c:pt>
                <c:pt idx="8501">
                  <c:v>2.4062371940748797</c:v>
                </c:pt>
                <c:pt idx="8502">
                  <c:v>2.4062371940748797</c:v>
                </c:pt>
                <c:pt idx="8503">
                  <c:v>6.6291834696762928</c:v>
                </c:pt>
                <c:pt idx="8504">
                  <c:v>7.39677313458618</c:v>
                </c:pt>
                <c:pt idx="8505">
                  <c:v>8.1643627994960646</c:v>
                </c:pt>
                <c:pt idx="8506">
                  <c:v>8.1643627994960646</c:v>
                </c:pt>
                <c:pt idx="8507">
                  <c:v>9.7693230079440099</c:v>
                </c:pt>
                <c:pt idx="8508">
                  <c:v>9.7693230079440099</c:v>
                </c:pt>
                <c:pt idx="8509">
                  <c:v>6.4896217124199502</c:v>
                </c:pt>
                <c:pt idx="8510">
                  <c:v>9.7693230079440099</c:v>
                </c:pt>
                <c:pt idx="8511">
                  <c:v>9.7693230079440099</c:v>
                </c:pt>
                <c:pt idx="8512">
                  <c:v>8.1631596808990281</c:v>
                </c:pt>
                <c:pt idx="8513">
                  <c:v>6.4908248310169867</c:v>
                </c:pt>
                <c:pt idx="8514">
                  <c:v>2.4062371940748797</c:v>
                </c:pt>
                <c:pt idx="8515">
                  <c:v>2.4062371940748797</c:v>
                </c:pt>
                <c:pt idx="8516">
                  <c:v>2.4062371940748797</c:v>
                </c:pt>
                <c:pt idx="8517">
                  <c:v>2.4062371940748797</c:v>
                </c:pt>
                <c:pt idx="8518">
                  <c:v>2.4062371940748797</c:v>
                </c:pt>
                <c:pt idx="8519">
                  <c:v>2.4062371940748797</c:v>
                </c:pt>
                <c:pt idx="8520">
                  <c:v>2.3225063531832424</c:v>
                </c:pt>
                <c:pt idx="8521">
                  <c:v>2.3225063531832424</c:v>
                </c:pt>
                <c:pt idx="8522">
                  <c:v>2.3225063531832424</c:v>
                </c:pt>
                <c:pt idx="8523">
                  <c:v>2.3225063531832424</c:v>
                </c:pt>
                <c:pt idx="8524">
                  <c:v>2.3225063531832424</c:v>
                </c:pt>
                <c:pt idx="8525">
                  <c:v>2.3225063531832424</c:v>
                </c:pt>
                <c:pt idx="8526">
                  <c:v>2.3225063531832424</c:v>
                </c:pt>
                <c:pt idx="8527">
                  <c:v>6.2932430215287862</c:v>
                </c:pt>
                <c:pt idx="8528">
                  <c:v>7.8665537769109815</c:v>
                </c:pt>
                <c:pt idx="8529">
                  <c:v>8.6532091546020791</c:v>
                </c:pt>
                <c:pt idx="8530">
                  <c:v>8.6532091546020791</c:v>
                </c:pt>
                <c:pt idx="8531">
                  <c:v>10.226519909984274</c:v>
                </c:pt>
                <c:pt idx="8532">
                  <c:v>10.226519909984274</c:v>
                </c:pt>
                <c:pt idx="8533">
                  <c:v>7.0798983992198847</c:v>
                </c:pt>
                <c:pt idx="8534">
                  <c:v>10.226519909984274</c:v>
                </c:pt>
                <c:pt idx="8535">
                  <c:v>8.6532091546020791</c:v>
                </c:pt>
                <c:pt idx="8536">
                  <c:v>7.4919559780104583</c:v>
                </c:pt>
                <c:pt idx="8537">
                  <c:v>6.2932430215287862</c:v>
                </c:pt>
                <c:pt idx="8538">
                  <c:v>2.3225063531832424</c:v>
                </c:pt>
                <c:pt idx="8539">
                  <c:v>2.3225063531832424</c:v>
                </c:pt>
                <c:pt idx="8540">
                  <c:v>2.3225063531832424</c:v>
                </c:pt>
                <c:pt idx="8541">
                  <c:v>2.3225063531832424</c:v>
                </c:pt>
                <c:pt idx="8542">
                  <c:v>2.3225063531832424</c:v>
                </c:pt>
                <c:pt idx="8543">
                  <c:v>2.3225063531832424</c:v>
                </c:pt>
                <c:pt idx="8544">
                  <c:v>1.8742586589349244</c:v>
                </c:pt>
                <c:pt idx="8545">
                  <c:v>3.6592669055396154</c:v>
                </c:pt>
                <c:pt idx="8546">
                  <c:v>3.6592669055396154</c:v>
                </c:pt>
                <c:pt idx="8547">
                  <c:v>3.6592669055396154</c:v>
                </c:pt>
                <c:pt idx="8548">
                  <c:v>3.6592669055396154</c:v>
                </c:pt>
                <c:pt idx="8549">
                  <c:v>4.5517710288419604</c:v>
                </c:pt>
                <c:pt idx="8550">
                  <c:v>5.7120263891350085</c:v>
                </c:pt>
                <c:pt idx="8551">
                  <c:v>6.5152801001071197</c:v>
                </c:pt>
                <c:pt idx="8552">
                  <c:v>6.5152801001071197</c:v>
                </c:pt>
                <c:pt idx="8553">
                  <c:v>6.5152801001071197</c:v>
                </c:pt>
                <c:pt idx="8554">
                  <c:v>6.5152801001071197</c:v>
                </c:pt>
                <c:pt idx="8555">
                  <c:v>6.5152801001071197</c:v>
                </c:pt>
                <c:pt idx="8556">
                  <c:v>6.5152801001071197</c:v>
                </c:pt>
                <c:pt idx="8557">
                  <c:v>6.5152801001071197</c:v>
                </c:pt>
                <c:pt idx="8558">
                  <c:v>6.5152801001071197</c:v>
                </c:pt>
                <c:pt idx="8559">
                  <c:v>5.8905272137954778</c:v>
                </c:pt>
                <c:pt idx="8560">
                  <c:v>5.3550247398140707</c:v>
                </c:pt>
                <c:pt idx="8561">
                  <c:v>4.8195222658326635</c:v>
                </c:pt>
                <c:pt idx="8562">
                  <c:v>4.6410214411721942</c:v>
                </c:pt>
                <c:pt idx="8563">
                  <c:v>3.7485173178698488</c:v>
                </c:pt>
                <c:pt idx="8564">
                  <c:v>2.7667627822372696</c:v>
                </c:pt>
                <c:pt idx="8565">
                  <c:v>2.7667627822372696</c:v>
                </c:pt>
                <c:pt idx="8566">
                  <c:v>2.7667627822372696</c:v>
                </c:pt>
                <c:pt idx="8567">
                  <c:v>2.7667627822372696</c:v>
                </c:pt>
                <c:pt idx="8568">
                  <c:v>2.4633414322321125</c:v>
                </c:pt>
                <c:pt idx="8569">
                  <c:v>2.8606545664630989</c:v>
                </c:pt>
                <c:pt idx="8570">
                  <c:v>2.8606545664630989</c:v>
                </c:pt>
                <c:pt idx="8571">
                  <c:v>2.8606545664630989</c:v>
                </c:pt>
                <c:pt idx="8572">
                  <c:v>2.8606545664630989</c:v>
                </c:pt>
                <c:pt idx="8573">
                  <c:v>3.5758182080788736</c:v>
                </c:pt>
                <c:pt idx="8574">
                  <c:v>4.2115192228484517</c:v>
                </c:pt>
                <c:pt idx="8575">
                  <c:v>5.0061454913104235</c:v>
                </c:pt>
                <c:pt idx="8576">
                  <c:v>5.0061454913104235</c:v>
                </c:pt>
                <c:pt idx="8577">
                  <c:v>5.0061454913104235</c:v>
                </c:pt>
                <c:pt idx="8578">
                  <c:v>5.0061454913104235</c:v>
                </c:pt>
                <c:pt idx="8579">
                  <c:v>5.0061454913104235</c:v>
                </c:pt>
                <c:pt idx="8580">
                  <c:v>5.0061454913104235</c:v>
                </c:pt>
                <c:pt idx="8581">
                  <c:v>5.0061454913104235</c:v>
                </c:pt>
                <c:pt idx="8582">
                  <c:v>5.0061454913104235</c:v>
                </c:pt>
                <c:pt idx="8583">
                  <c:v>4.4499071033870425</c:v>
                </c:pt>
                <c:pt idx="8584">
                  <c:v>4.3704444765408459</c:v>
                </c:pt>
                <c:pt idx="8585">
                  <c:v>3.7347434617712683</c:v>
                </c:pt>
                <c:pt idx="8586">
                  <c:v>3.4963555812326765</c:v>
                </c:pt>
                <c:pt idx="8587">
                  <c:v>2.9401171933092964</c:v>
                </c:pt>
                <c:pt idx="8588">
                  <c:v>2.4633414322321125</c:v>
                </c:pt>
                <c:pt idx="8589">
                  <c:v>2.1454909248473246</c:v>
                </c:pt>
                <c:pt idx="8590">
                  <c:v>2.1454909248473246</c:v>
                </c:pt>
                <c:pt idx="8591">
                  <c:v>2.1454909248473246</c:v>
                </c:pt>
                <c:pt idx="8592">
                  <c:v>0.39061544378142538</c:v>
                </c:pt>
                <c:pt idx="8593">
                  <c:v>0.39061544378142538</c:v>
                </c:pt>
                <c:pt idx="8594">
                  <c:v>0.39061544378142538</c:v>
                </c:pt>
                <c:pt idx="8595">
                  <c:v>0.39061544378142538</c:v>
                </c:pt>
                <c:pt idx="8596">
                  <c:v>0.39061544378142538</c:v>
                </c:pt>
                <c:pt idx="8597">
                  <c:v>0.39061544378142538</c:v>
                </c:pt>
                <c:pt idx="8598">
                  <c:v>0.39061544378142538</c:v>
                </c:pt>
                <c:pt idx="8599">
                  <c:v>1.6991771804492002</c:v>
                </c:pt>
                <c:pt idx="8600">
                  <c:v>1.9115743280053503</c:v>
                </c:pt>
                <c:pt idx="8601">
                  <c:v>2.1239714755615005</c:v>
                </c:pt>
                <c:pt idx="8602">
                  <c:v>2.1239714755615005</c:v>
                </c:pt>
                <c:pt idx="8603">
                  <c:v>2.5487657706738003</c:v>
                </c:pt>
                <c:pt idx="8604">
                  <c:v>2.5487657706738003</c:v>
                </c:pt>
                <c:pt idx="8605">
                  <c:v>1.6991771804492002</c:v>
                </c:pt>
                <c:pt idx="8606">
                  <c:v>2.5487657706738003</c:v>
                </c:pt>
                <c:pt idx="8607">
                  <c:v>2.5487657706738003</c:v>
                </c:pt>
                <c:pt idx="8608">
                  <c:v>2.1239714755615005</c:v>
                </c:pt>
                <c:pt idx="8609">
                  <c:v>1.7089425665437359</c:v>
                </c:pt>
                <c:pt idx="8610">
                  <c:v>0.61033663090847723</c:v>
                </c:pt>
                <c:pt idx="8611">
                  <c:v>0.61033663090847723</c:v>
                </c:pt>
                <c:pt idx="8612">
                  <c:v>0.61033663090847723</c:v>
                </c:pt>
                <c:pt idx="8613">
                  <c:v>0.61033663090847723</c:v>
                </c:pt>
                <c:pt idx="8614">
                  <c:v>0.61033663090847723</c:v>
                </c:pt>
                <c:pt idx="8615">
                  <c:v>0.61033663090847723</c:v>
                </c:pt>
                <c:pt idx="8616">
                  <c:v>0.8650822659701175</c:v>
                </c:pt>
                <c:pt idx="8617">
                  <c:v>0.8650822659701175</c:v>
                </c:pt>
                <c:pt idx="8618">
                  <c:v>0.8650822659701175</c:v>
                </c:pt>
                <c:pt idx="8619">
                  <c:v>0.8650822659701175</c:v>
                </c:pt>
                <c:pt idx="8620">
                  <c:v>0.8650822659701175</c:v>
                </c:pt>
                <c:pt idx="8621">
                  <c:v>0.8650822659701175</c:v>
                </c:pt>
                <c:pt idx="8622">
                  <c:v>0.8650822659701175</c:v>
                </c:pt>
                <c:pt idx="8623">
                  <c:v>2.4919950435848865</c:v>
                </c:pt>
                <c:pt idx="8624">
                  <c:v>2.7805418381052425</c:v>
                </c:pt>
                <c:pt idx="8625">
                  <c:v>3.0690886326255975</c:v>
                </c:pt>
                <c:pt idx="8626">
                  <c:v>3.0690886326255975</c:v>
                </c:pt>
                <c:pt idx="8627">
                  <c:v>3.6724137484408863</c:v>
                </c:pt>
                <c:pt idx="8628">
                  <c:v>3.6724137484408863</c:v>
                </c:pt>
                <c:pt idx="8629">
                  <c:v>2.4395319900357308</c:v>
                </c:pt>
                <c:pt idx="8630">
                  <c:v>3.6724137484408863</c:v>
                </c:pt>
                <c:pt idx="8631">
                  <c:v>3.6724137484408863</c:v>
                </c:pt>
                <c:pt idx="8632">
                  <c:v>3.0696467502165463</c:v>
                </c:pt>
                <c:pt idx="8633">
                  <c:v>2.4389738724447829</c:v>
                </c:pt>
                <c:pt idx="8634">
                  <c:v>0.8650822659701175</c:v>
                </c:pt>
                <c:pt idx="8635">
                  <c:v>0.8650822659701175</c:v>
                </c:pt>
                <c:pt idx="8636">
                  <c:v>0.8650822659701175</c:v>
                </c:pt>
                <c:pt idx="8637">
                  <c:v>0.8650822659701175</c:v>
                </c:pt>
                <c:pt idx="8638">
                  <c:v>0.8650822659701175</c:v>
                </c:pt>
                <c:pt idx="8639">
                  <c:v>0.8650822659701175</c:v>
                </c:pt>
                <c:pt idx="8640">
                  <c:v>2.0606761509144236</c:v>
                </c:pt>
                <c:pt idx="8641">
                  <c:v>2.0606761509144236</c:v>
                </c:pt>
                <c:pt idx="8642">
                  <c:v>2.0606761509144236</c:v>
                </c:pt>
                <c:pt idx="8643">
                  <c:v>2.0606761509144236</c:v>
                </c:pt>
                <c:pt idx="8644">
                  <c:v>2.0606761509144236</c:v>
                </c:pt>
                <c:pt idx="8645">
                  <c:v>2.0606761509144236</c:v>
                </c:pt>
                <c:pt idx="8646">
                  <c:v>2.0606761509144236</c:v>
                </c:pt>
                <c:pt idx="8647">
                  <c:v>5.6771627957692363</c:v>
                </c:pt>
                <c:pt idx="8648">
                  <c:v>6.3345184879109384</c:v>
                </c:pt>
                <c:pt idx="8649">
                  <c:v>6.9918741800526396</c:v>
                </c:pt>
                <c:pt idx="8650">
                  <c:v>6.9918741800526396</c:v>
                </c:pt>
                <c:pt idx="8651">
                  <c:v>8.3663451727125597</c:v>
                </c:pt>
                <c:pt idx="8652">
                  <c:v>8.3663451727125597</c:v>
                </c:pt>
                <c:pt idx="8653">
                  <c:v>5.5576435790162</c:v>
                </c:pt>
                <c:pt idx="8654">
                  <c:v>8.3663451727125597</c:v>
                </c:pt>
                <c:pt idx="8655">
                  <c:v>8.3663451727125597</c:v>
                </c:pt>
                <c:pt idx="8656">
                  <c:v>6.990843841977183</c:v>
                </c:pt>
                <c:pt idx="8657">
                  <c:v>5.5586739170916575</c:v>
                </c:pt>
                <c:pt idx="8658">
                  <c:v>2.0606761509144236</c:v>
                </c:pt>
                <c:pt idx="8659">
                  <c:v>2.0606761509144236</c:v>
                </c:pt>
                <c:pt idx="8660">
                  <c:v>2.0606761509144236</c:v>
                </c:pt>
                <c:pt idx="8661">
                  <c:v>2.0606761509144236</c:v>
                </c:pt>
                <c:pt idx="8662">
                  <c:v>2.0606761509144236</c:v>
                </c:pt>
                <c:pt idx="8663">
                  <c:v>2.0606761509144236</c:v>
                </c:pt>
                <c:pt idx="8664">
                  <c:v>3.7884813667167028</c:v>
                </c:pt>
                <c:pt idx="8665">
                  <c:v>3.7884813667167028</c:v>
                </c:pt>
                <c:pt idx="8666">
                  <c:v>3.7884813667167028</c:v>
                </c:pt>
                <c:pt idx="8667">
                  <c:v>3.7884813667167028</c:v>
                </c:pt>
                <c:pt idx="8668">
                  <c:v>3.7884813667167028</c:v>
                </c:pt>
                <c:pt idx="8669">
                  <c:v>3.7884813667167028</c:v>
                </c:pt>
                <c:pt idx="8670">
                  <c:v>3.7884813667167028</c:v>
                </c:pt>
                <c:pt idx="8671">
                  <c:v>10.437266165304514</c:v>
                </c:pt>
                <c:pt idx="8672">
                  <c:v>11.645791721287143</c:v>
                </c:pt>
                <c:pt idx="8673">
                  <c:v>12.85431727726977</c:v>
                </c:pt>
                <c:pt idx="8674">
                  <c:v>12.85431727726977</c:v>
                </c:pt>
                <c:pt idx="8675">
                  <c:v>15.38123434886981</c:v>
                </c:pt>
                <c:pt idx="8676">
                  <c:v>15.38123434886981</c:v>
                </c:pt>
                <c:pt idx="8677">
                  <c:v>10.217534246034946</c:v>
                </c:pt>
                <c:pt idx="8678">
                  <c:v>15.38123434886981</c:v>
                </c:pt>
                <c:pt idx="8679">
                  <c:v>15.38123434886981</c:v>
                </c:pt>
                <c:pt idx="8680">
                  <c:v>12.852423036586416</c:v>
                </c:pt>
                <c:pt idx="8681">
                  <c:v>10.219428486718305</c:v>
                </c:pt>
                <c:pt idx="8682">
                  <c:v>3.7884813667167028</c:v>
                </c:pt>
                <c:pt idx="8683">
                  <c:v>3.7884813667167028</c:v>
                </c:pt>
                <c:pt idx="8684">
                  <c:v>3.7884813667167028</c:v>
                </c:pt>
                <c:pt idx="8685">
                  <c:v>3.7884813667167028</c:v>
                </c:pt>
                <c:pt idx="8686">
                  <c:v>3.7884813667167028</c:v>
                </c:pt>
                <c:pt idx="8687">
                  <c:v>3.7884813667167028</c:v>
                </c:pt>
                <c:pt idx="8688">
                  <c:v>2.0306619934032084</c:v>
                </c:pt>
                <c:pt idx="8689">
                  <c:v>2.0306619934032084</c:v>
                </c:pt>
                <c:pt idx="8690">
                  <c:v>2.0306619934032084</c:v>
                </c:pt>
                <c:pt idx="8691">
                  <c:v>2.0306619934032084</c:v>
                </c:pt>
                <c:pt idx="8692">
                  <c:v>2.0306619934032084</c:v>
                </c:pt>
                <c:pt idx="8693">
                  <c:v>2.0306619934032084</c:v>
                </c:pt>
                <c:pt idx="8694">
                  <c:v>2.0306619934032084</c:v>
                </c:pt>
                <c:pt idx="8695">
                  <c:v>5.5024389498667583</c:v>
                </c:pt>
                <c:pt idx="8696">
                  <c:v>6.8780486873334468</c:v>
                </c:pt>
                <c:pt idx="8697">
                  <c:v>7.5658535560667932</c:v>
                </c:pt>
                <c:pt idx="8698">
                  <c:v>7.5658535560667932</c:v>
                </c:pt>
                <c:pt idx="8699">
                  <c:v>8.9414632935334826</c:v>
                </c:pt>
                <c:pt idx="8700">
                  <c:v>8.9414632935334826</c:v>
                </c:pt>
                <c:pt idx="8701">
                  <c:v>6.1902438186001039</c:v>
                </c:pt>
                <c:pt idx="8702">
                  <c:v>8.9414632935334826</c:v>
                </c:pt>
                <c:pt idx="8703">
                  <c:v>7.5658535560667932</c:v>
                </c:pt>
                <c:pt idx="8704">
                  <c:v>6.5505225593651897</c:v>
                </c:pt>
                <c:pt idx="8705">
                  <c:v>5.5024389498667583</c:v>
                </c:pt>
                <c:pt idx="8706">
                  <c:v>2.0306619934032084</c:v>
                </c:pt>
                <c:pt idx="8707">
                  <c:v>2.0306619934032084</c:v>
                </c:pt>
                <c:pt idx="8708">
                  <c:v>2.0306619934032084</c:v>
                </c:pt>
                <c:pt idx="8709">
                  <c:v>2.0306619934032084</c:v>
                </c:pt>
                <c:pt idx="8710">
                  <c:v>2.0306619934032084</c:v>
                </c:pt>
                <c:pt idx="8711">
                  <c:v>2.0306619934032084</c:v>
                </c:pt>
                <c:pt idx="8712">
                  <c:v>1.1299297644678929</c:v>
                </c:pt>
                <c:pt idx="8713">
                  <c:v>2.2060533496754107</c:v>
                </c:pt>
                <c:pt idx="8714">
                  <c:v>2.2060533496754107</c:v>
                </c:pt>
                <c:pt idx="8715">
                  <c:v>2.2060533496754107</c:v>
                </c:pt>
                <c:pt idx="8716">
                  <c:v>2.2060533496754107</c:v>
                </c:pt>
                <c:pt idx="8717">
                  <c:v>2.7441151422791692</c:v>
                </c:pt>
                <c:pt idx="8718">
                  <c:v>3.4435954726640552</c:v>
                </c:pt>
                <c:pt idx="8719">
                  <c:v>3.927851086007438</c:v>
                </c:pt>
                <c:pt idx="8720">
                  <c:v>3.927851086007438</c:v>
                </c:pt>
                <c:pt idx="8721">
                  <c:v>3.927851086007438</c:v>
                </c:pt>
                <c:pt idx="8722">
                  <c:v>3.927851086007438</c:v>
                </c:pt>
                <c:pt idx="8723">
                  <c:v>3.927851086007438</c:v>
                </c:pt>
                <c:pt idx="8724">
                  <c:v>3.927851086007438</c:v>
                </c:pt>
                <c:pt idx="8725">
                  <c:v>3.927851086007438</c:v>
                </c:pt>
                <c:pt idx="8726">
                  <c:v>3.927851086007438</c:v>
                </c:pt>
                <c:pt idx="8727">
                  <c:v>3.5512078311848074</c:v>
                </c:pt>
                <c:pt idx="8728">
                  <c:v>3.228370755622552</c:v>
                </c:pt>
                <c:pt idx="8729">
                  <c:v>2.9055336800602967</c:v>
                </c:pt>
                <c:pt idx="8730">
                  <c:v>2.7979213215395449</c:v>
                </c:pt>
                <c:pt idx="8731">
                  <c:v>2.2598595289357859</c:v>
                </c:pt>
                <c:pt idx="8732">
                  <c:v>1.6679915570716517</c:v>
                </c:pt>
                <c:pt idx="8733">
                  <c:v>1.6679915570716517</c:v>
                </c:pt>
                <c:pt idx="8734">
                  <c:v>1.6679915570716517</c:v>
                </c:pt>
                <c:pt idx="8735">
                  <c:v>1.6679915570716517</c:v>
                </c:pt>
                <c:pt idx="8736">
                  <c:v>2.7187738628406097</c:v>
                </c:pt>
                <c:pt idx="8737">
                  <c:v>3.1572857762019986</c:v>
                </c:pt>
                <c:pt idx="8738">
                  <c:v>3.1572857762019986</c:v>
                </c:pt>
                <c:pt idx="8739">
                  <c:v>3.1572857762019986</c:v>
                </c:pt>
                <c:pt idx="8740">
                  <c:v>3.1572857762019986</c:v>
                </c:pt>
                <c:pt idx="8741">
                  <c:v>3.9466072202524978</c:v>
                </c:pt>
                <c:pt idx="8742">
                  <c:v>4.6482262816307207</c:v>
                </c:pt>
                <c:pt idx="8743">
                  <c:v>5.5252501083534984</c:v>
                </c:pt>
                <c:pt idx="8744">
                  <c:v>5.5252501083534984</c:v>
                </c:pt>
                <c:pt idx="8745">
                  <c:v>5.5252501083534984</c:v>
                </c:pt>
                <c:pt idx="8746">
                  <c:v>5.5252501083534984</c:v>
                </c:pt>
                <c:pt idx="8747">
                  <c:v>5.5252501083534984</c:v>
                </c:pt>
                <c:pt idx="8748">
                  <c:v>5.5252501083534984</c:v>
                </c:pt>
                <c:pt idx="8749">
                  <c:v>5.5252501083534984</c:v>
                </c:pt>
                <c:pt idx="8750">
                  <c:v>5.5252501083534984</c:v>
                </c:pt>
                <c:pt idx="8751">
                  <c:v>4.9113334296475539</c:v>
                </c:pt>
                <c:pt idx="8752">
                  <c:v>4.823631046975275</c:v>
                </c:pt>
                <c:pt idx="8753">
                  <c:v>4.1220119855970543</c:v>
                </c:pt>
                <c:pt idx="8754">
                  <c:v>3.8589048375802206</c:v>
                </c:pt>
                <c:pt idx="8755">
                  <c:v>3.2449881588742766</c:v>
                </c:pt>
                <c:pt idx="8756">
                  <c:v>2.7187738628406097</c:v>
                </c:pt>
                <c:pt idx="8757">
                  <c:v>2.3679643321514989</c:v>
                </c:pt>
                <c:pt idx="8758">
                  <c:v>2.3679643321514989</c:v>
                </c:pt>
                <c:pt idx="8759">
                  <c:v>2.3679643321514989</c:v>
                </c:pt>
              </c:numCache>
            </c:numRef>
          </c:val>
          <c:extLst>
            <c:ext xmlns:c16="http://schemas.microsoft.com/office/drawing/2014/chart" uri="{C3380CC4-5D6E-409C-BE32-E72D297353CC}">
              <c16:uniqueId val="{00000000-2C0B-4701-B4D5-C67566BB76AF}"/>
            </c:ext>
          </c:extLst>
        </c:ser>
        <c:dLbls>
          <c:showLegendKey val="0"/>
          <c:showVal val="0"/>
          <c:showCatName val="0"/>
          <c:showSerName val="0"/>
          <c:showPercent val="0"/>
          <c:showBubbleSize val="0"/>
        </c:dLbls>
        <c:axId val="1789561167"/>
        <c:axId val="1789564047"/>
      </c:areaChart>
      <c:catAx>
        <c:axId val="1789561167"/>
        <c:scaling>
          <c:orientation val="minMax"/>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Hours</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4047"/>
        <c:crosses val="autoZero"/>
        <c:auto val="1"/>
        <c:lblAlgn val="ctr"/>
        <c:lblOffset val="100"/>
        <c:noMultiLvlLbl val="0"/>
      </c:catAx>
      <c:valAx>
        <c:axId val="1789564047"/>
        <c:scaling>
          <c:orientation val="minMax"/>
          <c:min val="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nb-NO">
                    <a:solidFill>
                      <a:schemeClr val="tx1"/>
                    </a:solidFill>
                  </a:rPr>
                  <a:t>Hourly</a:t>
                </a:r>
                <a:r>
                  <a:rPr lang="nb-NO" baseline="0">
                    <a:solidFill>
                      <a:schemeClr val="tx1"/>
                    </a:solidFill>
                  </a:rPr>
                  <a:t> Demand [user-defined unit]</a:t>
                </a:r>
                <a:endParaRPr lang="nb-NO">
                  <a:solidFill>
                    <a:schemeClr val="tx1"/>
                  </a:solidFill>
                </a:endParaRPr>
              </a:p>
            </c:rich>
          </c:tx>
          <c:layout>
            <c:manualLayout>
              <c:xMode val="edge"/>
              <c:yMode val="edge"/>
              <c:x val="1.8578761431516905E-2"/>
              <c:y val="0.29543252538744419"/>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nb-NO"/>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1167"/>
        <c:crosses val="autoZero"/>
        <c:crossBetween val="midCat"/>
      </c:valAx>
      <c:spPr>
        <a:solidFill>
          <a:schemeClr val="bg1"/>
        </a:solidFill>
        <a:ln>
          <a:solidFill>
            <a:schemeClr val="tx1"/>
          </a:solidFill>
        </a:ln>
        <a:effectLst/>
      </c:spPr>
    </c:plotArea>
    <c:legend>
      <c:legendPos val="r"/>
      <c:layout>
        <c:manualLayout>
          <c:xMode val="edge"/>
          <c:yMode val="edge"/>
          <c:x val="0.52011957967317612"/>
          <c:y val="4.6380887584744082E-2"/>
          <c:w val="0.22471632156221424"/>
          <c:h val="7.8562661014650995E-2"/>
        </c:manualLayout>
      </c:layout>
      <c:overlay val="0"/>
      <c:spPr>
        <a:solidFill>
          <a:schemeClr val="bg1"/>
        </a:solidFill>
        <a:ln>
          <a:solidFill>
            <a:schemeClr val="tx1"/>
          </a:solid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nb-NO" b="1"/>
              <a:t>Excess Heat</a:t>
            </a:r>
            <a:r>
              <a:rPr lang="nb-NO" b="1" baseline="0"/>
              <a:t> </a:t>
            </a:r>
            <a:r>
              <a:rPr lang="nb-NO" b="1"/>
              <a:t>Profile </a:t>
            </a:r>
          </a:p>
          <a:p>
            <a:pPr>
              <a:defRPr b="1"/>
            </a:pPr>
            <a:r>
              <a:rPr lang="nb-NO" b="1" baseline="0"/>
              <a:t>(Hourly Basis) </a:t>
            </a:r>
            <a:endParaRPr lang="nb-NO" b="1"/>
          </a:p>
        </c:rich>
      </c:tx>
      <c:layout>
        <c:manualLayout>
          <c:xMode val="edge"/>
          <c:yMode val="edge"/>
          <c:x val="0.40206253955158733"/>
          <c:y val="5.7765214884059168E-2"/>
        </c:manualLayout>
      </c:layout>
      <c:overlay val="0"/>
      <c:spPr>
        <a:solidFill>
          <a:schemeClr val="bg1"/>
        </a:solidFill>
        <a:ln>
          <a:solidFill>
            <a:schemeClr val="tx1"/>
          </a:solid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5.03537601278101E-2"/>
          <c:y val="3.6813922356091031E-2"/>
          <c:w val="0.94332448405708369"/>
          <c:h val="0.87906287978594122"/>
        </c:manualLayout>
      </c:layout>
      <c:areaChart>
        <c:grouping val="stacked"/>
        <c:varyColors val="0"/>
        <c:ser>
          <c:idx val="0"/>
          <c:order val="0"/>
          <c:tx>
            <c:strRef>
              <c:f>Output!$N$7</c:f>
              <c:strCache>
                <c:ptCount val="1"/>
                <c:pt idx="0">
                  <c:v>T1</c:v>
                </c:pt>
              </c:strCache>
            </c:strRef>
          </c:tx>
          <c:spPr>
            <a:solidFill>
              <a:schemeClr val="accent5">
                <a:lumMod val="20000"/>
                <a:lumOff val="80000"/>
              </a:schemeClr>
            </a:solidFill>
            <a:ln>
              <a:noFill/>
            </a:ln>
            <a:effectLst/>
          </c:spPr>
          <c:val>
            <c:numRef>
              <c:f>Output!$N$8:$N$8767</c:f>
              <c:numCache>
                <c:formatCode>_(* #,##0.00_);_(* \(#,##0.00\);_(* "-"??_);_(@_)</c:formatCode>
                <c:ptCount val="8760"/>
                <c:pt idx="0">
                  <c:v>1.6043205915788257</c:v>
                </c:pt>
                <c:pt idx="1">
                  <c:v>1.6063071572499807</c:v>
                </c:pt>
                <c:pt idx="2">
                  <c:v>1.6063071572499807</c:v>
                </c:pt>
                <c:pt idx="3">
                  <c:v>1.6063071572499807</c:v>
                </c:pt>
                <c:pt idx="4">
                  <c:v>1.6063071572499807</c:v>
                </c:pt>
                <c:pt idx="5">
                  <c:v>1.6098829754580595</c:v>
                </c:pt>
                <c:pt idx="6">
                  <c:v>1.6130614805319075</c:v>
                </c:pt>
                <c:pt idx="7">
                  <c:v>1.6170346118742172</c:v>
                </c:pt>
                <c:pt idx="8">
                  <c:v>1.6170346118742172</c:v>
                </c:pt>
                <c:pt idx="9">
                  <c:v>1.6170346118742172</c:v>
                </c:pt>
                <c:pt idx="10">
                  <c:v>1.6170346118742172</c:v>
                </c:pt>
                <c:pt idx="11">
                  <c:v>1.6170346118742172</c:v>
                </c:pt>
                <c:pt idx="12">
                  <c:v>1.6170346118742172</c:v>
                </c:pt>
                <c:pt idx="13">
                  <c:v>1.6170346118742172</c:v>
                </c:pt>
                <c:pt idx="14">
                  <c:v>1.6170346118742172</c:v>
                </c:pt>
                <c:pt idx="15">
                  <c:v>1.6142534199346004</c:v>
                </c:pt>
                <c:pt idx="16">
                  <c:v>1.6138561068003692</c:v>
                </c:pt>
                <c:pt idx="17">
                  <c:v>1.6106776017265216</c:v>
                </c:pt>
                <c:pt idx="18">
                  <c:v>1.6094856623238285</c:v>
                </c:pt>
                <c:pt idx="19">
                  <c:v>1.6067044703842115</c:v>
                </c:pt>
                <c:pt idx="20">
                  <c:v>1.6043205915788257</c:v>
                </c:pt>
                <c:pt idx="21">
                  <c:v>1.6027313390419018</c:v>
                </c:pt>
                <c:pt idx="22">
                  <c:v>1.6027313390419018</c:v>
                </c:pt>
                <c:pt idx="23">
                  <c:v>1.6027313390419018</c:v>
                </c:pt>
                <c:pt idx="24">
                  <c:v>1.6425506589187</c:v>
                </c:pt>
                <c:pt idx="25">
                  <c:v>1.6425506589187</c:v>
                </c:pt>
                <c:pt idx="26">
                  <c:v>1.6425506589187</c:v>
                </c:pt>
                <c:pt idx="27">
                  <c:v>1.6425506589187</c:v>
                </c:pt>
                <c:pt idx="28">
                  <c:v>1.6425506589187</c:v>
                </c:pt>
                <c:pt idx="29">
                  <c:v>1.6425506589187</c:v>
                </c:pt>
                <c:pt idx="30">
                  <c:v>1.6425506589187</c:v>
                </c:pt>
                <c:pt idx="31">
                  <c:v>7.0245099305062872</c:v>
                </c:pt>
                <c:pt idx="32">
                  <c:v>7.9025736718195718</c:v>
                </c:pt>
                <c:pt idx="33">
                  <c:v>8.7806374131328564</c:v>
                </c:pt>
                <c:pt idx="34">
                  <c:v>8.7806374131328564</c:v>
                </c:pt>
                <c:pt idx="35">
                  <c:v>10.536764895759427</c:v>
                </c:pt>
                <c:pt idx="36">
                  <c:v>10.536764895759427</c:v>
                </c:pt>
                <c:pt idx="37">
                  <c:v>7.0245099305062872</c:v>
                </c:pt>
                <c:pt idx="38">
                  <c:v>10.536764895759427</c:v>
                </c:pt>
                <c:pt idx="39">
                  <c:v>10.536764895759427</c:v>
                </c:pt>
                <c:pt idx="40">
                  <c:v>6.6402459278593184</c:v>
                </c:pt>
                <c:pt idx="41">
                  <c:v>2.751294772046049</c:v>
                </c:pt>
                <c:pt idx="42">
                  <c:v>1.8798183396448573</c:v>
                </c:pt>
                <c:pt idx="43">
                  <c:v>1.8798183396448573</c:v>
                </c:pt>
                <c:pt idx="44">
                  <c:v>1.8798183396448573</c:v>
                </c:pt>
                <c:pt idx="45">
                  <c:v>1.8798183396448573</c:v>
                </c:pt>
                <c:pt idx="46">
                  <c:v>1.8798183396448573</c:v>
                </c:pt>
                <c:pt idx="47">
                  <c:v>1.8798183396448573</c:v>
                </c:pt>
                <c:pt idx="48">
                  <c:v>1.1973591519946005</c:v>
                </c:pt>
                <c:pt idx="49">
                  <c:v>1.6404618400376105</c:v>
                </c:pt>
                <c:pt idx="50">
                  <c:v>1.6404618400376105</c:v>
                </c:pt>
                <c:pt idx="51">
                  <c:v>1.6404618400376105</c:v>
                </c:pt>
                <c:pt idx="52">
                  <c:v>1.6404618400376105</c:v>
                </c:pt>
                <c:pt idx="53">
                  <c:v>1.6404618400376105</c:v>
                </c:pt>
                <c:pt idx="54">
                  <c:v>1.6404618400376105</c:v>
                </c:pt>
                <c:pt idx="55">
                  <c:v>6.4464121854671639</c:v>
                </c:pt>
                <c:pt idx="56">
                  <c:v>7.1928388595738859</c:v>
                </c:pt>
                <c:pt idx="57">
                  <c:v>7.9392655336806115</c:v>
                </c:pt>
                <c:pt idx="58">
                  <c:v>7.9392655336806115</c:v>
                </c:pt>
                <c:pt idx="59">
                  <c:v>9.4999758522673972</c:v>
                </c:pt>
                <c:pt idx="60">
                  <c:v>9.4999758522673972</c:v>
                </c:pt>
                <c:pt idx="61">
                  <c:v>6.3106982447204851</c:v>
                </c:pt>
                <c:pt idx="62">
                  <c:v>9.4999758522673972</c:v>
                </c:pt>
                <c:pt idx="63">
                  <c:v>9.4999758522673972</c:v>
                </c:pt>
                <c:pt idx="64">
                  <c:v>5.9660740221862474</c:v>
                </c:pt>
                <c:pt idx="65">
                  <c:v>3.0049254591206274</c:v>
                </c:pt>
                <c:pt idx="66">
                  <c:v>1.6807439025869748</c:v>
                </c:pt>
                <c:pt idx="67">
                  <c:v>1.6807439025869748</c:v>
                </c:pt>
                <c:pt idx="68">
                  <c:v>1.6807439025869748</c:v>
                </c:pt>
                <c:pt idx="69">
                  <c:v>1.6807439025869748</c:v>
                </c:pt>
                <c:pt idx="70">
                  <c:v>1.6807439025869748</c:v>
                </c:pt>
                <c:pt idx="71">
                  <c:v>1.6807439025869748</c:v>
                </c:pt>
                <c:pt idx="72">
                  <c:v>1.7427530336939374</c:v>
                </c:pt>
                <c:pt idx="73">
                  <c:v>1.7427530336939374</c:v>
                </c:pt>
                <c:pt idx="74">
                  <c:v>1.7427530336939374</c:v>
                </c:pt>
                <c:pt idx="75">
                  <c:v>1.7427530336939374</c:v>
                </c:pt>
                <c:pt idx="76">
                  <c:v>1.7427530336939374</c:v>
                </c:pt>
                <c:pt idx="77">
                  <c:v>1.7427530336939374</c:v>
                </c:pt>
                <c:pt idx="78">
                  <c:v>1.7427530336939374</c:v>
                </c:pt>
                <c:pt idx="79">
                  <c:v>6.5949551796181938</c:v>
                </c:pt>
                <c:pt idx="80">
                  <c:v>7.3585815688371436</c:v>
                </c:pt>
                <c:pt idx="81">
                  <c:v>8.1222079580560944</c:v>
                </c:pt>
                <c:pt idx="82">
                  <c:v>8.1222079580560944</c:v>
                </c:pt>
                <c:pt idx="83">
                  <c:v>9.7188813173320767</c:v>
                </c:pt>
                <c:pt idx="84">
                  <c:v>9.7188813173320767</c:v>
                </c:pt>
                <c:pt idx="85">
                  <c:v>6.4561140179420216</c:v>
                </c:pt>
                <c:pt idx="86">
                  <c:v>9.7188813173320767</c:v>
                </c:pt>
                <c:pt idx="87">
                  <c:v>9.7188813173320767</c:v>
                </c:pt>
                <c:pt idx="88">
                  <c:v>6.1242392586422127</c:v>
                </c:pt>
                <c:pt idx="89">
                  <c:v>3.1099761257164196</c:v>
                </c:pt>
                <c:pt idx="90">
                  <c:v>1.7427530336939374</c:v>
                </c:pt>
                <c:pt idx="91">
                  <c:v>1.7427530336939374</c:v>
                </c:pt>
                <c:pt idx="92">
                  <c:v>1.7427530336939374</c:v>
                </c:pt>
                <c:pt idx="93">
                  <c:v>1.7427530336939374</c:v>
                </c:pt>
                <c:pt idx="94">
                  <c:v>1.7427530336939374</c:v>
                </c:pt>
                <c:pt idx="95">
                  <c:v>1.7427530336939374</c:v>
                </c:pt>
                <c:pt idx="96">
                  <c:v>1.2525839848483677</c:v>
                </c:pt>
                <c:pt idx="97">
                  <c:v>1.2525839848483677</c:v>
                </c:pt>
                <c:pt idx="98">
                  <c:v>1.2525839848483677</c:v>
                </c:pt>
                <c:pt idx="99">
                  <c:v>1.2525839848483677</c:v>
                </c:pt>
                <c:pt idx="100">
                  <c:v>1.2525839848483677</c:v>
                </c:pt>
                <c:pt idx="101">
                  <c:v>1.2525839848483677</c:v>
                </c:pt>
                <c:pt idx="102">
                  <c:v>1.2525839848483677</c:v>
                </c:pt>
                <c:pt idx="103">
                  <c:v>4.9504644901574224</c:v>
                </c:pt>
                <c:pt idx="104">
                  <c:v>5.5236761679651254</c:v>
                </c:pt>
                <c:pt idx="105">
                  <c:v>6.0968878457728275</c:v>
                </c:pt>
                <c:pt idx="106">
                  <c:v>6.0968878457728275</c:v>
                </c:pt>
                <c:pt idx="107">
                  <c:v>7.2954213539162014</c:v>
                </c:pt>
                <c:pt idx="108">
                  <c:v>7.2954213539162014</c:v>
                </c:pt>
                <c:pt idx="109">
                  <c:v>4.8462441851014759</c:v>
                </c:pt>
                <c:pt idx="110">
                  <c:v>7.2954213539162014</c:v>
                </c:pt>
                <c:pt idx="111">
                  <c:v>7.2954213539162014</c:v>
                </c:pt>
                <c:pt idx="112">
                  <c:v>4.4265913093927018</c:v>
                </c:pt>
                <c:pt idx="113">
                  <c:v>2.0486083595510047</c:v>
                </c:pt>
                <c:pt idx="114">
                  <c:v>1.2525839848483677</c:v>
                </c:pt>
                <c:pt idx="115">
                  <c:v>1.2525839848483677</c:v>
                </c:pt>
                <c:pt idx="116">
                  <c:v>1.2525839848483677</c:v>
                </c:pt>
                <c:pt idx="117">
                  <c:v>1.2525839848483677</c:v>
                </c:pt>
                <c:pt idx="118">
                  <c:v>1.2525839848483677</c:v>
                </c:pt>
                <c:pt idx="119">
                  <c:v>1.2525839848483677</c:v>
                </c:pt>
                <c:pt idx="120">
                  <c:v>2.0046646541584576</c:v>
                </c:pt>
                <c:pt idx="121">
                  <c:v>1.2911859843280378</c:v>
                </c:pt>
                <c:pt idx="122">
                  <c:v>1.2911859843280378</c:v>
                </c:pt>
                <c:pt idx="123">
                  <c:v>1.2911859843280378</c:v>
                </c:pt>
                <c:pt idx="124">
                  <c:v>1.2911859843280378</c:v>
                </c:pt>
                <c:pt idx="125">
                  <c:v>1.2911859843280378</c:v>
                </c:pt>
                <c:pt idx="126">
                  <c:v>1.2911859843280378</c:v>
                </c:pt>
                <c:pt idx="127">
                  <c:v>5.2004238023007856</c:v>
                </c:pt>
                <c:pt idx="128">
                  <c:v>6.5005297528759831</c:v>
                </c:pt>
                <c:pt idx="129">
                  <c:v>7.1505827281635819</c:v>
                </c:pt>
                <c:pt idx="130">
                  <c:v>7.1505827281635819</c:v>
                </c:pt>
                <c:pt idx="131">
                  <c:v>8.4506886787387785</c:v>
                </c:pt>
                <c:pt idx="132">
                  <c:v>8.4506886787387785</c:v>
                </c:pt>
                <c:pt idx="133">
                  <c:v>5.8504767775883852</c:v>
                </c:pt>
                <c:pt idx="134">
                  <c:v>8.4506886787387785</c:v>
                </c:pt>
                <c:pt idx="135">
                  <c:v>6.5660790486486604</c:v>
                </c:pt>
                <c:pt idx="136">
                  <c:v>3.3684277374758316</c:v>
                </c:pt>
                <c:pt idx="137">
                  <c:v>2.3355325280586383</c:v>
                </c:pt>
                <c:pt idx="138">
                  <c:v>1.3460689589303776</c:v>
                </c:pt>
                <c:pt idx="139">
                  <c:v>1.2911859843280378</c:v>
                </c:pt>
                <c:pt idx="140">
                  <c:v>1.2911859843280378</c:v>
                </c:pt>
                <c:pt idx="141">
                  <c:v>1.2911859843280378</c:v>
                </c:pt>
                <c:pt idx="142">
                  <c:v>1.2911859843280378</c:v>
                </c:pt>
                <c:pt idx="143">
                  <c:v>1.2911859843280378</c:v>
                </c:pt>
                <c:pt idx="144">
                  <c:v>1.3743934744042738</c:v>
                </c:pt>
                <c:pt idx="145">
                  <c:v>1.2917007204754951</c:v>
                </c:pt>
                <c:pt idx="146">
                  <c:v>1.2917007204754951</c:v>
                </c:pt>
                <c:pt idx="147">
                  <c:v>1.2917007204754951</c:v>
                </c:pt>
                <c:pt idx="148">
                  <c:v>1.2917007204754951</c:v>
                </c:pt>
                <c:pt idx="149">
                  <c:v>1.2941493642130375</c:v>
                </c:pt>
                <c:pt idx="150">
                  <c:v>1.2973326010718427</c:v>
                </c:pt>
                <c:pt idx="151">
                  <c:v>1.299536380435631</c:v>
                </c:pt>
                <c:pt idx="152">
                  <c:v>1.299536380435631</c:v>
                </c:pt>
                <c:pt idx="153">
                  <c:v>1.299536380435631</c:v>
                </c:pt>
                <c:pt idx="154">
                  <c:v>1.299536380435631</c:v>
                </c:pt>
                <c:pt idx="155">
                  <c:v>1.299536380435631</c:v>
                </c:pt>
                <c:pt idx="156">
                  <c:v>1.299536380435631</c:v>
                </c:pt>
                <c:pt idx="157">
                  <c:v>1.299536380435631</c:v>
                </c:pt>
                <c:pt idx="158">
                  <c:v>1.299536380435631</c:v>
                </c:pt>
                <c:pt idx="159">
                  <c:v>1.2978223298193512</c:v>
                </c:pt>
                <c:pt idx="160">
                  <c:v>1.2963531435768256</c:v>
                </c:pt>
                <c:pt idx="161">
                  <c:v>1.2948839573343003</c:v>
                </c:pt>
                <c:pt idx="162">
                  <c:v>1.2943942285867918</c:v>
                </c:pt>
                <c:pt idx="163">
                  <c:v>1.2919455848492494</c:v>
                </c:pt>
                <c:pt idx="164">
                  <c:v>1.2892520767379525</c:v>
                </c:pt>
                <c:pt idx="165">
                  <c:v>1.2892520767379525</c:v>
                </c:pt>
                <c:pt idx="166">
                  <c:v>1.2892520767379525</c:v>
                </c:pt>
                <c:pt idx="167">
                  <c:v>1.2892520767379525</c:v>
                </c:pt>
                <c:pt idx="168">
                  <c:v>1.7714496826808137</c:v>
                </c:pt>
                <c:pt idx="169">
                  <c:v>1.7737566833007605</c:v>
                </c:pt>
                <c:pt idx="170">
                  <c:v>1.7737566833007605</c:v>
                </c:pt>
                <c:pt idx="171">
                  <c:v>1.7737566833007605</c:v>
                </c:pt>
                <c:pt idx="172">
                  <c:v>1.7737566833007605</c:v>
                </c:pt>
                <c:pt idx="173">
                  <c:v>1.7779092844166651</c:v>
                </c:pt>
                <c:pt idx="174">
                  <c:v>1.7816004854085801</c:v>
                </c:pt>
                <c:pt idx="175">
                  <c:v>1.7862144866484739</c:v>
                </c:pt>
                <c:pt idx="176">
                  <c:v>1.7862144866484739</c:v>
                </c:pt>
                <c:pt idx="177">
                  <c:v>1.7862144866484739</c:v>
                </c:pt>
                <c:pt idx="178">
                  <c:v>1.7862144866484739</c:v>
                </c:pt>
                <c:pt idx="179">
                  <c:v>1.7862144866484739</c:v>
                </c:pt>
                <c:pt idx="180">
                  <c:v>1.7862144866484739</c:v>
                </c:pt>
                <c:pt idx="181">
                  <c:v>1.7862144866484739</c:v>
                </c:pt>
                <c:pt idx="182">
                  <c:v>1.7862144866484739</c:v>
                </c:pt>
                <c:pt idx="183">
                  <c:v>1.7829846857805483</c:v>
                </c:pt>
                <c:pt idx="184">
                  <c:v>1.7825232856565589</c:v>
                </c:pt>
                <c:pt idx="185">
                  <c:v>1.7788320846646437</c:v>
                </c:pt>
                <c:pt idx="186">
                  <c:v>1.7774478842926758</c:v>
                </c:pt>
                <c:pt idx="187">
                  <c:v>1.7742180834247498</c:v>
                </c:pt>
                <c:pt idx="188">
                  <c:v>1.7714496826808137</c:v>
                </c:pt>
                <c:pt idx="189">
                  <c:v>1.769604082184856</c:v>
                </c:pt>
                <c:pt idx="190">
                  <c:v>1.769604082184856</c:v>
                </c:pt>
                <c:pt idx="191">
                  <c:v>1.769604082184856</c:v>
                </c:pt>
                <c:pt idx="192">
                  <c:v>1.6750130415297253</c:v>
                </c:pt>
                <c:pt idx="193">
                  <c:v>1.6750130415297253</c:v>
                </c:pt>
                <c:pt idx="194">
                  <c:v>1.6750130415297253</c:v>
                </c:pt>
                <c:pt idx="195">
                  <c:v>1.6750130415297253</c:v>
                </c:pt>
                <c:pt idx="196">
                  <c:v>1.6750130415297253</c:v>
                </c:pt>
                <c:pt idx="197">
                  <c:v>1.6750130415297253</c:v>
                </c:pt>
                <c:pt idx="198">
                  <c:v>1.6750130415297253</c:v>
                </c:pt>
                <c:pt idx="199">
                  <c:v>7.1641334405951582</c:v>
                </c:pt>
                <c:pt idx="200">
                  <c:v>8.0596501206695539</c:v>
                </c:pt>
                <c:pt idx="201">
                  <c:v>8.9551668007439496</c:v>
                </c:pt>
                <c:pt idx="202">
                  <c:v>8.9551668007439496</c:v>
                </c:pt>
                <c:pt idx="203">
                  <c:v>10.746200160892737</c:v>
                </c:pt>
                <c:pt idx="204">
                  <c:v>10.746200160892737</c:v>
                </c:pt>
                <c:pt idx="205">
                  <c:v>7.1641334405951582</c:v>
                </c:pt>
                <c:pt idx="206">
                  <c:v>10.746200160892737</c:v>
                </c:pt>
                <c:pt idx="207">
                  <c:v>10.746200160892737</c:v>
                </c:pt>
                <c:pt idx="208">
                  <c:v>6.7865909021941055</c:v>
                </c:pt>
                <c:pt idx="209">
                  <c:v>2.8349199445172903</c:v>
                </c:pt>
                <c:pt idx="210">
                  <c:v>1.9214988645533921</c:v>
                </c:pt>
                <c:pt idx="211">
                  <c:v>1.9214988645533921</c:v>
                </c:pt>
                <c:pt idx="212">
                  <c:v>1.9214988645533921</c:v>
                </c:pt>
                <c:pt idx="213">
                  <c:v>1.9214988645533921</c:v>
                </c:pt>
                <c:pt idx="214">
                  <c:v>1.9214988645533921</c:v>
                </c:pt>
                <c:pt idx="215">
                  <c:v>1.9214988645533921</c:v>
                </c:pt>
                <c:pt idx="216">
                  <c:v>1.1973591519946005</c:v>
                </c:pt>
                <c:pt idx="217">
                  <c:v>1.6404618400376105</c:v>
                </c:pt>
                <c:pt idx="218">
                  <c:v>1.6404618400376105</c:v>
                </c:pt>
                <c:pt idx="219">
                  <c:v>1.6404618400376105</c:v>
                </c:pt>
                <c:pt idx="220">
                  <c:v>1.6404618400376105</c:v>
                </c:pt>
                <c:pt idx="221">
                  <c:v>1.6404618400376105</c:v>
                </c:pt>
                <c:pt idx="222">
                  <c:v>1.6404618400376105</c:v>
                </c:pt>
                <c:pt idx="223">
                  <c:v>6.4464121854671639</c:v>
                </c:pt>
                <c:pt idx="224">
                  <c:v>7.1928388595738859</c:v>
                </c:pt>
                <c:pt idx="225">
                  <c:v>7.9392655336806115</c:v>
                </c:pt>
                <c:pt idx="226">
                  <c:v>7.9392655336806115</c:v>
                </c:pt>
                <c:pt idx="227">
                  <c:v>9.4999758522673972</c:v>
                </c:pt>
                <c:pt idx="228">
                  <c:v>9.4999758522673972</c:v>
                </c:pt>
                <c:pt idx="229">
                  <c:v>6.3106982447204851</c:v>
                </c:pt>
                <c:pt idx="230">
                  <c:v>9.4999758522673972</c:v>
                </c:pt>
                <c:pt idx="231">
                  <c:v>9.4999758522673972</c:v>
                </c:pt>
                <c:pt idx="232">
                  <c:v>5.9660740221862474</c:v>
                </c:pt>
                <c:pt idx="233">
                  <c:v>3.0049254591206274</c:v>
                </c:pt>
                <c:pt idx="234">
                  <c:v>1.6807439025869748</c:v>
                </c:pt>
                <c:pt idx="235">
                  <c:v>1.6807439025869748</c:v>
                </c:pt>
                <c:pt idx="236">
                  <c:v>1.6807439025869748</c:v>
                </c:pt>
                <c:pt idx="237">
                  <c:v>1.6807439025869748</c:v>
                </c:pt>
                <c:pt idx="238">
                  <c:v>1.6807439025869748</c:v>
                </c:pt>
                <c:pt idx="239">
                  <c:v>1.6807439025869748</c:v>
                </c:pt>
                <c:pt idx="240">
                  <c:v>1.9367782821953088</c:v>
                </c:pt>
                <c:pt idx="241">
                  <c:v>1.9367782821953088</c:v>
                </c:pt>
                <c:pt idx="242">
                  <c:v>1.9367782821953088</c:v>
                </c:pt>
                <c:pt idx="243">
                  <c:v>1.9367782821953088</c:v>
                </c:pt>
                <c:pt idx="244">
                  <c:v>1.9367782821953088</c:v>
                </c:pt>
                <c:pt idx="245">
                  <c:v>1.9367782821953088</c:v>
                </c:pt>
                <c:pt idx="246">
                  <c:v>1.9367782821953088</c:v>
                </c:pt>
                <c:pt idx="247">
                  <c:v>7.2458994108630819</c:v>
                </c:pt>
                <c:pt idx="248">
                  <c:v>8.0848982900156514</c:v>
                </c:pt>
                <c:pt idx="249">
                  <c:v>8.9238971691682192</c:v>
                </c:pt>
                <c:pt idx="250">
                  <c:v>8.9238971691682192</c:v>
                </c:pt>
                <c:pt idx="251">
                  <c:v>10.67816755285086</c:v>
                </c:pt>
                <c:pt idx="252">
                  <c:v>10.67816755285086</c:v>
                </c:pt>
                <c:pt idx="253">
                  <c:v>7.0933541601080714</c:v>
                </c:pt>
                <c:pt idx="254">
                  <c:v>10.67816755285086</c:v>
                </c:pt>
                <c:pt idx="255">
                  <c:v>10.67816755285086</c:v>
                </c:pt>
                <c:pt idx="256">
                  <c:v>6.7962249052201429</c:v>
                </c:pt>
                <c:pt idx="257">
                  <c:v>3.5301008664902298</c:v>
                </c:pt>
                <c:pt idx="258">
                  <c:v>1.9367782821953088</c:v>
                </c:pt>
                <c:pt idx="259">
                  <c:v>1.9367782821953088</c:v>
                </c:pt>
                <c:pt idx="260">
                  <c:v>1.9367782821953088</c:v>
                </c:pt>
                <c:pt idx="261">
                  <c:v>1.9367782821953088</c:v>
                </c:pt>
                <c:pt idx="262">
                  <c:v>1.9367782821953088</c:v>
                </c:pt>
                <c:pt idx="263">
                  <c:v>1.9367782821953088</c:v>
                </c:pt>
                <c:pt idx="264">
                  <c:v>1.4568210885340216</c:v>
                </c:pt>
                <c:pt idx="265">
                  <c:v>1.4568210885340216</c:v>
                </c:pt>
                <c:pt idx="266">
                  <c:v>1.4568210885340216</c:v>
                </c:pt>
                <c:pt idx="267">
                  <c:v>1.4568210885340216</c:v>
                </c:pt>
                <c:pt idx="268">
                  <c:v>1.4568210885340216</c:v>
                </c:pt>
                <c:pt idx="269">
                  <c:v>1.4568210885340216</c:v>
                </c:pt>
                <c:pt idx="270">
                  <c:v>1.4568210885340216</c:v>
                </c:pt>
                <c:pt idx="271">
                  <c:v>5.635668944099411</c:v>
                </c:pt>
                <c:pt idx="272">
                  <c:v>6.2882200849951317</c:v>
                </c:pt>
                <c:pt idx="273">
                  <c:v>6.9407712258908534</c:v>
                </c:pt>
                <c:pt idx="274">
                  <c:v>6.9407712258908534</c:v>
                </c:pt>
                <c:pt idx="275">
                  <c:v>8.3051963386728147</c:v>
                </c:pt>
                <c:pt idx="276">
                  <c:v>8.3051963386728147</c:v>
                </c:pt>
                <c:pt idx="277">
                  <c:v>5.5170232821183713</c:v>
                </c:pt>
                <c:pt idx="278">
                  <c:v>8.3051963386728147</c:v>
                </c:pt>
                <c:pt idx="279">
                  <c:v>8.3051963386728147</c:v>
                </c:pt>
                <c:pt idx="280">
                  <c:v>5.1339446215799986</c:v>
                </c:pt>
                <c:pt idx="281">
                  <c:v>2.4908449287865944</c:v>
                </c:pt>
                <c:pt idx="282">
                  <c:v>1.4568210885340216</c:v>
                </c:pt>
                <c:pt idx="283">
                  <c:v>1.4568210885340216</c:v>
                </c:pt>
                <c:pt idx="284">
                  <c:v>1.4568210885340216</c:v>
                </c:pt>
                <c:pt idx="285">
                  <c:v>1.4568210885340216</c:v>
                </c:pt>
                <c:pt idx="286">
                  <c:v>1.4568210885340216</c:v>
                </c:pt>
                <c:pt idx="287">
                  <c:v>1.4568210885340216</c:v>
                </c:pt>
                <c:pt idx="288">
                  <c:v>2.266033983264256</c:v>
                </c:pt>
                <c:pt idx="289">
                  <c:v>1.4944295445159388</c:v>
                </c:pt>
                <c:pt idx="290">
                  <c:v>1.4944295445159388</c:v>
                </c:pt>
                <c:pt idx="291">
                  <c:v>1.4944295445159388</c:v>
                </c:pt>
                <c:pt idx="292">
                  <c:v>1.4944295445159388</c:v>
                </c:pt>
                <c:pt idx="293">
                  <c:v>1.4944295445159388</c:v>
                </c:pt>
                <c:pt idx="294">
                  <c:v>1.4944295445159388</c:v>
                </c:pt>
                <c:pt idx="295">
                  <c:v>5.8897847373108876</c:v>
                </c:pt>
                <c:pt idx="296">
                  <c:v>7.3622309216386093</c:v>
                </c:pt>
                <c:pt idx="297">
                  <c:v>8.0984540138024688</c:v>
                </c:pt>
                <c:pt idx="298">
                  <c:v>8.0984540138024688</c:v>
                </c:pt>
                <c:pt idx="299">
                  <c:v>9.5709001981301896</c:v>
                </c:pt>
                <c:pt idx="300">
                  <c:v>9.5709001981301896</c:v>
                </c:pt>
                <c:pt idx="301">
                  <c:v>6.6260078294747471</c:v>
                </c:pt>
                <c:pt idx="302">
                  <c:v>9.5709001981301896</c:v>
                </c:pt>
                <c:pt idx="303">
                  <c:v>7.46633191590481</c:v>
                </c:pt>
                <c:pt idx="304">
                  <c:v>3.9591474204317061</c:v>
                </c:pt>
                <c:pt idx="305">
                  <c:v>2.7914961447984141</c:v>
                </c:pt>
                <c:pt idx="306">
                  <c:v>1.553783732111963</c:v>
                </c:pt>
                <c:pt idx="307">
                  <c:v>1.4944295445159388</c:v>
                </c:pt>
                <c:pt idx="308">
                  <c:v>1.4944295445159388</c:v>
                </c:pt>
                <c:pt idx="309">
                  <c:v>1.4944295445159388</c:v>
                </c:pt>
                <c:pt idx="310">
                  <c:v>1.4944295445159388</c:v>
                </c:pt>
                <c:pt idx="311">
                  <c:v>1.4944295445159388</c:v>
                </c:pt>
                <c:pt idx="312">
                  <c:v>1.4613020167665682</c:v>
                </c:pt>
                <c:pt idx="313">
                  <c:v>1.3752650453898425</c:v>
                </c:pt>
                <c:pt idx="314">
                  <c:v>1.3752650453898425</c:v>
                </c:pt>
                <c:pt idx="315">
                  <c:v>1.3752650453898425</c:v>
                </c:pt>
                <c:pt idx="316">
                  <c:v>1.3752650453898425</c:v>
                </c:pt>
                <c:pt idx="317">
                  <c:v>1.3779956318904407</c:v>
                </c:pt>
                <c:pt idx="318">
                  <c:v>1.3815453943412184</c:v>
                </c:pt>
                <c:pt idx="319">
                  <c:v>1.3840029221917565</c:v>
                </c:pt>
                <c:pt idx="320">
                  <c:v>1.3840029221917565</c:v>
                </c:pt>
                <c:pt idx="321">
                  <c:v>1.3840029221917565</c:v>
                </c:pt>
                <c:pt idx="322">
                  <c:v>1.3840029221917565</c:v>
                </c:pt>
                <c:pt idx="323">
                  <c:v>1.3840029221917565</c:v>
                </c:pt>
                <c:pt idx="324">
                  <c:v>1.3840029221917565</c:v>
                </c:pt>
                <c:pt idx="325">
                  <c:v>1.3840029221917565</c:v>
                </c:pt>
                <c:pt idx="326">
                  <c:v>1.3840029221917565</c:v>
                </c:pt>
                <c:pt idx="327">
                  <c:v>1.3820915116413377</c:v>
                </c:pt>
                <c:pt idx="328">
                  <c:v>1.3804531597409788</c:v>
                </c:pt>
                <c:pt idx="329">
                  <c:v>1.3788148078406199</c:v>
                </c:pt>
                <c:pt idx="330">
                  <c:v>1.3782686905405006</c:v>
                </c:pt>
                <c:pt idx="331">
                  <c:v>1.3755381040399022</c:v>
                </c:pt>
                <c:pt idx="332">
                  <c:v>1.3725344588892443</c:v>
                </c:pt>
                <c:pt idx="333">
                  <c:v>1.3725344588892443</c:v>
                </c:pt>
                <c:pt idx="334">
                  <c:v>1.3725344588892443</c:v>
                </c:pt>
                <c:pt idx="335">
                  <c:v>1.3725344588892443</c:v>
                </c:pt>
                <c:pt idx="336">
                  <c:v>1.7117607215729609</c:v>
                </c:pt>
                <c:pt idx="337">
                  <c:v>1.7139532811397677</c:v>
                </c:pt>
                <c:pt idx="338">
                  <c:v>1.7139532811397677</c:v>
                </c:pt>
                <c:pt idx="339">
                  <c:v>1.7139532811397677</c:v>
                </c:pt>
                <c:pt idx="340">
                  <c:v>1.7139532811397677</c:v>
                </c:pt>
                <c:pt idx="341">
                  <c:v>1.7178998883600203</c:v>
                </c:pt>
                <c:pt idx="342">
                  <c:v>1.7214079836669114</c:v>
                </c:pt>
                <c:pt idx="343">
                  <c:v>1.7257931028005251</c:v>
                </c:pt>
                <c:pt idx="344">
                  <c:v>1.7257931028005251</c:v>
                </c:pt>
                <c:pt idx="345">
                  <c:v>1.7257931028005251</c:v>
                </c:pt>
                <c:pt idx="346">
                  <c:v>1.7257931028005251</c:v>
                </c:pt>
                <c:pt idx="347">
                  <c:v>1.7257931028005251</c:v>
                </c:pt>
                <c:pt idx="348">
                  <c:v>1.7257931028005251</c:v>
                </c:pt>
                <c:pt idx="349">
                  <c:v>1.7257931028005251</c:v>
                </c:pt>
                <c:pt idx="350">
                  <c:v>1.7257931028005251</c:v>
                </c:pt>
                <c:pt idx="351">
                  <c:v>1.7227235194069954</c:v>
                </c:pt>
                <c:pt idx="352">
                  <c:v>1.722285007493634</c:v>
                </c:pt>
                <c:pt idx="353">
                  <c:v>1.7187769121867431</c:v>
                </c:pt>
                <c:pt idx="354">
                  <c:v>1.7174613764466589</c:v>
                </c:pt>
                <c:pt idx="355">
                  <c:v>1.7143917930531292</c:v>
                </c:pt>
                <c:pt idx="356">
                  <c:v>1.7117607215729609</c:v>
                </c:pt>
                <c:pt idx="357">
                  <c:v>1.7100066739195152</c:v>
                </c:pt>
                <c:pt idx="358">
                  <c:v>1.7100066739195152</c:v>
                </c:pt>
                <c:pt idx="359">
                  <c:v>1.7100066739195152</c:v>
                </c:pt>
                <c:pt idx="360">
                  <c:v>1.6750130415297253</c:v>
                </c:pt>
                <c:pt idx="361">
                  <c:v>1.6750130415297253</c:v>
                </c:pt>
                <c:pt idx="362">
                  <c:v>1.6750130415297253</c:v>
                </c:pt>
                <c:pt idx="363">
                  <c:v>1.6750130415297253</c:v>
                </c:pt>
                <c:pt idx="364">
                  <c:v>1.6750130415297253</c:v>
                </c:pt>
                <c:pt idx="365">
                  <c:v>1.6750130415297253</c:v>
                </c:pt>
                <c:pt idx="366">
                  <c:v>1.6750130415297253</c:v>
                </c:pt>
                <c:pt idx="367">
                  <c:v>7.1641334405951582</c:v>
                </c:pt>
                <c:pt idx="368">
                  <c:v>8.0596501206695539</c:v>
                </c:pt>
                <c:pt idx="369">
                  <c:v>8.9551668007439496</c:v>
                </c:pt>
                <c:pt idx="370">
                  <c:v>8.9551668007439496</c:v>
                </c:pt>
                <c:pt idx="371">
                  <c:v>10.746200160892737</c:v>
                </c:pt>
                <c:pt idx="372">
                  <c:v>10.746200160892737</c:v>
                </c:pt>
                <c:pt idx="373">
                  <c:v>7.1641334405951582</c:v>
                </c:pt>
                <c:pt idx="374">
                  <c:v>10.746200160892737</c:v>
                </c:pt>
                <c:pt idx="375">
                  <c:v>10.746200160892737</c:v>
                </c:pt>
                <c:pt idx="376">
                  <c:v>6.7865909021941055</c:v>
                </c:pt>
                <c:pt idx="377">
                  <c:v>2.8349199445172903</c:v>
                </c:pt>
                <c:pt idx="378">
                  <c:v>1.9214988645533921</c:v>
                </c:pt>
                <c:pt idx="379">
                  <c:v>1.9214988645533921</c:v>
                </c:pt>
                <c:pt idx="380">
                  <c:v>1.9214988645533921</c:v>
                </c:pt>
                <c:pt idx="381">
                  <c:v>1.9214988645533921</c:v>
                </c:pt>
                <c:pt idx="382">
                  <c:v>1.9214988645533921</c:v>
                </c:pt>
                <c:pt idx="383">
                  <c:v>1.9214988645533921</c:v>
                </c:pt>
                <c:pt idx="384">
                  <c:v>1.4404107644602473</c:v>
                </c:pt>
                <c:pt idx="385">
                  <c:v>1.9283228784070119</c:v>
                </c:pt>
                <c:pt idx="386">
                  <c:v>1.9283228784070119</c:v>
                </c:pt>
                <c:pt idx="387">
                  <c:v>1.9283228784070119</c:v>
                </c:pt>
                <c:pt idx="388">
                  <c:v>1.9283228784070119</c:v>
                </c:pt>
                <c:pt idx="389">
                  <c:v>1.9283228784070119</c:v>
                </c:pt>
                <c:pt idx="390">
                  <c:v>1.9283228784070119</c:v>
                </c:pt>
                <c:pt idx="391">
                  <c:v>7.4496585805246571</c:v>
                </c:pt>
                <c:pt idx="392">
                  <c:v>8.3122506266906697</c:v>
                </c:pt>
                <c:pt idx="393">
                  <c:v>9.1748426728566823</c:v>
                </c:pt>
                <c:pt idx="394">
                  <c:v>9.1748426728566823</c:v>
                </c:pt>
                <c:pt idx="395">
                  <c:v>10.978444223931074</c:v>
                </c:pt>
                <c:pt idx="396">
                  <c:v>10.978444223931074</c:v>
                </c:pt>
                <c:pt idx="397">
                  <c:v>7.2928236630399264</c:v>
                </c:pt>
                <c:pt idx="398">
                  <c:v>10.978444223931074</c:v>
                </c:pt>
                <c:pt idx="399">
                  <c:v>10.978444223931074</c:v>
                </c:pt>
                <c:pt idx="400">
                  <c:v>7.0021878897203527</c:v>
                </c:pt>
                <c:pt idx="401">
                  <c:v>3.652670943201394</c:v>
                </c:pt>
                <c:pt idx="402">
                  <c:v>1.972678525129445</c:v>
                </c:pt>
                <c:pt idx="403">
                  <c:v>1.972678525129445</c:v>
                </c:pt>
                <c:pt idx="404">
                  <c:v>1.972678525129445</c:v>
                </c:pt>
                <c:pt idx="405">
                  <c:v>1.972678525129445</c:v>
                </c:pt>
                <c:pt idx="406">
                  <c:v>1.972678525129445</c:v>
                </c:pt>
                <c:pt idx="407">
                  <c:v>1.972678525129445</c:v>
                </c:pt>
                <c:pt idx="408">
                  <c:v>1.9163545718267434</c:v>
                </c:pt>
                <c:pt idx="409">
                  <c:v>1.9163545718267434</c:v>
                </c:pt>
                <c:pt idx="410">
                  <c:v>1.9163545718267434</c:v>
                </c:pt>
                <c:pt idx="411">
                  <c:v>1.9163545718267434</c:v>
                </c:pt>
                <c:pt idx="412">
                  <c:v>1.9163545718267434</c:v>
                </c:pt>
                <c:pt idx="413">
                  <c:v>1.9163545718267434</c:v>
                </c:pt>
                <c:pt idx="414">
                  <c:v>1.9163545718267434</c:v>
                </c:pt>
                <c:pt idx="415">
                  <c:v>7.1773789654688853</c:v>
                </c:pt>
                <c:pt idx="416">
                  <c:v>8.0084438983126507</c:v>
                </c:pt>
                <c:pt idx="417">
                  <c:v>8.8395088311564152</c:v>
                </c:pt>
                <c:pt idx="418">
                  <c:v>8.8395088311564152</c:v>
                </c:pt>
                <c:pt idx="419">
                  <c:v>10.577190054375198</c:v>
                </c:pt>
                <c:pt idx="420">
                  <c:v>10.577190054375198</c:v>
                </c:pt>
                <c:pt idx="421">
                  <c:v>7.0262762504063812</c:v>
                </c:pt>
                <c:pt idx="422">
                  <c:v>10.577190054375198</c:v>
                </c:pt>
                <c:pt idx="423">
                  <c:v>10.577190054375198</c:v>
                </c:pt>
                <c:pt idx="424">
                  <c:v>6.7254895740014149</c:v>
                </c:pt>
                <c:pt idx="425">
                  <c:v>3.4858772095666706</c:v>
                </c:pt>
                <c:pt idx="426">
                  <c:v>1.9163545718267434</c:v>
                </c:pt>
                <c:pt idx="427">
                  <c:v>1.9163545718267434</c:v>
                </c:pt>
                <c:pt idx="428">
                  <c:v>1.9163545718267434</c:v>
                </c:pt>
                <c:pt idx="429">
                  <c:v>1.9163545718267434</c:v>
                </c:pt>
                <c:pt idx="430">
                  <c:v>1.9163545718267434</c:v>
                </c:pt>
                <c:pt idx="431">
                  <c:v>1.9163545718267434</c:v>
                </c:pt>
                <c:pt idx="432">
                  <c:v>2.0082612684852879</c:v>
                </c:pt>
                <c:pt idx="433">
                  <c:v>2.0082612684852879</c:v>
                </c:pt>
                <c:pt idx="434">
                  <c:v>2.0082612684852879</c:v>
                </c:pt>
                <c:pt idx="435">
                  <c:v>2.0082612684852879</c:v>
                </c:pt>
                <c:pt idx="436">
                  <c:v>2.0082612684852879</c:v>
                </c:pt>
                <c:pt idx="437">
                  <c:v>2.0082612684852879</c:v>
                </c:pt>
                <c:pt idx="438">
                  <c:v>2.0082612684852879</c:v>
                </c:pt>
                <c:pt idx="439">
                  <c:v>7.48572096974278</c:v>
                </c:pt>
                <c:pt idx="440">
                  <c:v>8.3524886609761548</c:v>
                </c:pt>
                <c:pt idx="441">
                  <c:v>9.2192563522095288</c:v>
                </c:pt>
                <c:pt idx="442">
                  <c:v>9.2192563522095288</c:v>
                </c:pt>
                <c:pt idx="443">
                  <c:v>11.031588797515674</c:v>
                </c:pt>
                <c:pt idx="444">
                  <c:v>11.031588797515674</c:v>
                </c:pt>
                <c:pt idx="445">
                  <c:v>7.3281268440639842</c:v>
                </c:pt>
                <c:pt idx="446">
                  <c:v>11.031588797515674</c:v>
                </c:pt>
                <c:pt idx="447">
                  <c:v>11.031588797515674</c:v>
                </c:pt>
                <c:pt idx="448">
                  <c:v>7.0437985644856971</c:v>
                </c:pt>
                <c:pt idx="449">
                  <c:v>3.6848836657226869</c:v>
                </c:pt>
                <c:pt idx="450">
                  <c:v>2.0082612684852879</c:v>
                </c:pt>
                <c:pt idx="451">
                  <c:v>2.0082612684852879</c:v>
                </c:pt>
                <c:pt idx="452">
                  <c:v>2.0082612684852879</c:v>
                </c:pt>
                <c:pt idx="453">
                  <c:v>2.0082612684852879</c:v>
                </c:pt>
                <c:pt idx="454">
                  <c:v>2.0082612684852879</c:v>
                </c:pt>
                <c:pt idx="455">
                  <c:v>2.0082612684852879</c:v>
                </c:pt>
                <c:pt idx="456">
                  <c:v>3.1867824633293313</c:v>
                </c:pt>
                <c:pt idx="457">
                  <c:v>2.2083240288240487</c:v>
                </c:pt>
                <c:pt idx="458">
                  <c:v>2.2083240288240487</c:v>
                </c:pt>
                <c:pt idx="459">
                  <c:v>2.2083240288240487</c:v>
                </c:pt>
                <c:pt idx="460">
                  <c:v>2.2083240288240487</c:v>
                </c:pt>
                <c:pt idx="461">
                  <c:v>2.2083240288240487</c:v>
                </c:pt>
                <c:pt idx="462">
                  <c:v>2.2083240288240487</c:v>
                </c:pt>
                <c:pt idx="463">
                  <c:v>8.3175783789636188</c:v>
                </c:pt>
                <c:pt idx="464">
                  <c:v>10.396972973704525</c:v>
                </c:pt>
                <c:pt idx="465">
                  <c:v>11.436670271074975</c:v>
                </c:pt>
                <c:pt idx="466">
                  <c:v>11.436670271074975</c:v>
                </c:pt>
                <c:pt idx="467">
                  <c:v>13.516064865815881</c:v>
                </c:pt>
                <c:pt idx="468">
                  <c:v>13.516064865815881</c:v>
                </c:pt>
                <c:pt idx="469">
                  <c:v>9.3572756763340728</c:v>
                </c:pt>
                <c:pt idx="470">
                  <c:v>13.516064865815881</c:v>
                </c:pt>
                <c:pt idx="471">
                  <c:v>10.635087015114879</c:v>
                </c:pt>
                <c:pt idx="472">
                  <c:v>6.0310544465108844</c:v>
                </c:pt>
                <c:pt idx="473">
                  <c:v>4.388691434257793</c:v>
                </c:pt>
                <c:pt idx="474">
                  <c:v>2.2835900622475322</c:v>
                </c:pt>
                <c:pt idx="475">
                  <c:v>2.2083240288240487</c:v>
                </c:pt>
                <c:pt idx="476">
                  <c:v>2.2083240288240487</c:v>
                </c:pt>
                <c:pt idx="477">
                  <c:v>2.2083240288240487</c:v>
                </c:pt>
                <c:pt idx="478">
                  <c:v>2.2083240288240487</c:v>
                </c:pt>
                <c:pt idx="479">
                  <c:v>2.2083240288240487</c:v>
                </c:pt>
                <c:pt idx="480">
                  <c:v>2.4793735130105938</c:v>
                </c:pt>
                <c:pt idx="481">
                  <c:v>2.3541614229579166</c:v>
                </c:pt>
                <c:pt idx="482">
                  <c:v>2.3541614229579166</c:v>
                </c:pt>
                <c:pt idx="483">
                  <c:v>2.3541614229579166</c:v>
                </c:pt>
                <c:pt idx="484">
                  <c:v>2.3541614229579166</c:v>
                </c:pt>
                <c:pt idx="485">
                  <c:v>2.3601947675400248</c:v>
                </c:pt>
                <c:pt idx="486">
                  <c:v>2.3680381154967645</c:v>
                </c:pt>
                <c:pt idx="487">
                  <c:v>2.3734681256206613</c:v>
                </c:pt>
                <c:pt idx="488">
                  <c:v>2.3734681256206613</c:v>
                </c:pt>
                <c:pt idx="489">
                  <c:v>2.3734681256206613</c:v>
                </c:pt>
                <c:pt idx="490">
                  <c:v>2.3734681256206613</c:v>
                </c:pt>
                <c:pt idx="491">
                  <c:v>2.3734681256206613</c:v>
                </c:pt>
                <c:pt idx="492">
                  <c:v>2.3734681256206613</c:v>
                </c:pt>
                <c:pt idx="493">
                  <c:v>2.3734681256206613</c:v>
                </c:pt>
                <c:pt idx="494">
                  <c:v>2.3734681256206613</c:v>
                </c:pt>
                <c:pt idx="495">
                  <c:v>2.3692447844131861</c:v>
                </c:pt>
                <c:pt idx="496">
                  <c:v>2.3656247776639217</c:v>
                </c:pt>
                <c:pt idx="497">
                  <c:v>2.3620047709146568</c:v>
                </c:pt>
                <c:pt idx="498">
                  <c:v>2.3607981019982356</c:v>
                </c:pt>
                <c:pt idx="499">
                  <c:v>2.3547647574161275</c:v>
                </c:pt>
                <c:pt idx="500">
                  <c:v>2.3481280783758094</c:v>
                </c:pt>
                <c:pt idx="501">
                  <c:v>2.3481280783758094</c:v>
                </c:pt>
                <c:pt idx="502">
                  <c:v>2.3481280783758094</c:v>
                </c:pt>
                <c:pt idx="503">
                  <c:v>2.3481280783758094</c:v>
                </c:pt>
                <c:pt idx="504">
                  <c:v>2.3564015015377704</c:v>
                </c:pt>
                <c:pt idx="505">
                  <c:v>2.3598300244784891</c:v>
                </c:pt>
                <c:pt idx="506">
                  <c:v>2.3598300244784891</c:v>
                </c:pt>
                <c:pt idx="507">
                  <c:v>2.3598300244784891</c:v>
                </c:pt>
                <c:pt idx="508">
                  <c:v>2.3598300244784891</c:v>
                </c:pt>
                <c:pt idx="509">
                  <c:v>2.3660013657717833</c:v>
                </c:pt>
                <c:pt idx="510">
                  <c:v>2.3714870024769334</c:v>
                </c:pt>
                <c:pt idx="511">
                  <c:v>2.3783440483583713</c:v>
                </c:pt>
                <c:pt idx="512">
                  <c:v>2.3783440483583713</c:v>
                </c:pt>
                <c:pt idx="513">
                  <c:v>2.3783440483583713</c:v>
                </c:pt>
                <c:pt idx="514">
                  <c:v>2.3783440483583713</c:v>
                </c:pt>
                <c:pt idx="515">
                  <c:v>2.3783440483583713</c:v>
                </c:pt>
                <c:pt idx="516">
                  <c:v>2.3783440483583713</c:v>
                </c:pt>
                <c:pt idx="517">
                  <c:v>2.3783440483583713</c:v>
                </c:pt>
                <c:pt idx="518">
                  <c:v>2.3783440483583713</c:v>
                </c:pt>
                <c:pt idx="519">
                  <c:v>2.3735441162413649</c:v>
                </c:pt>
                <c:pt idx="520">
                  <c:v>2.3728584116532212</c:v>
                </c:pt>
                <c:pt idx="521">
                  <c:v>2.3673727749480706</c:v>
                </c:pt>
                <c:pt idx="522">
                  <c:v>2.3653156611836397</c:v>
                </c:pt>
                <c:pt idx="523">
                  <c:v>2.3605157290666328</c:v>
                </c:pt>
                <c:pt idx="524">
                  <c:v>2.3564015015377704</c:v>
                </c:pt>
                <c:pt idx="525">
                  <c:v>2.3536586831851949</c:v>
                </c:pt>
                <c:pt idx="526">
                  <c:v>2.3536586831851949</c:v>
                </c:pt>
                <c:pt idx="527">
                  <c:v>2.3536586831851949</c:v>
                </c:pt>
                <c:pt idx="528">
                  <c:v>1.9280300069028249</c:v>
                </c:pt>
                <c:pt idx="529">
                  <c:v>1.9280300069028249</c:v>
                </c:pt>
                <c:pt idx="530">
                  <c:v>1.9280300069028249</c:v>
                </c:pt>
                <c:pt idx="531">
                  <c:v>1.9280300069028249</c:v>
                </c:pt>
                <c:pt idx="532">
                  <c:v>1.9280300069028249</c:v>
                </c:pt>
                <c:pt idx="533">
                  <c:v>1.9280300069028249</c:v>
                </c:pt>
                <c:pt idx="534">
                  <c:v>1.9280300069028249</c:v>
                </c:pt>
                <c:pt idx="535">
                  <c:v>8.2523223543703264</c:v>
                </c:pt>
                <c:pt idx="536">
                  <c:v>9.2838626486666165</c:v>
                </c:pt>
                <c:pt idx="537">
                  <c:v>10.315402942962908</c:v>
                </c:pt>
                <c:pt idx="538">
                  <c:v>10.315402942962908</c:v>
                </c:pt>
                <c:pt idx="539">
                  <c:v>12.378483531555489</c:v>
                </c:pt>
                <c:pt idx="540">
                  <c:v>12.378483531555489</c:v>
                </c:pt>
                <c:pt idx="541">
                  <c:v>8.2523223543703264</c:v>
                </c:pt>
                <c:pt idx="542">
                  <c:v>12.378483531555489</c:v>
                </c:pt>
                <c:pt idx="543">
                  <c:v>12.378483531555489</c:v>
                </c:pt>
                <c:pt idx="544">
                  <c:v>7.9261078250518189</c:v>
                </c:pt>
                <c:pt idx="545">
                  <c:v>3.4845417088160096</c:v>
                </c:pt>
                <c:pt idx="546">
                  <c:v>2.2460281077390709</c:v>
                </c:pt>
                <c:pt idx="547">
                  <c:v>2.2460281077390709</c:v>
                </c:pt>
                <c:pt idx="548">
                  <c:v>2.2460281077390709</c:v>
                </c:pt>
                <c:pt idx="549">
                  <c:v>2.2460281077390709</c:v>
                </c:pt>
                <c:pt idx="550">
                  <c:v>2.2460281077390709</c:v>
                </c:pt>
                <c:pt idx="551">
                  <c:v>2.2460281077390709</c:v>
                </c:pt>
                <c:pt idx="552">
                  <c:v>1.5493649355655372</c:v>
                </c:pt>
                <c:pt idx="553">
                  <c:v>2.0573640335381231</c:v>
                </c:pt>
                <c:pt idx="554">
                  <c:v>2.0573640335381231</c:v>
                </c:pt>
                <c:pt idx="555">
                  <c:v>2.0573640335381231</c:v>
                </c:pt>
                <c:pt idx="556">
                  <c:v>2.0573640335381231</c:v>
                </c:pt>
                <c:pt idx="557">
                  <c:v>2.0573640335381231</c:v>
                </c:pt>
                <c:pt idx="558">
                  <c:v>2.0573640335381231</c:v>
                </c:pt>
                <c:pt idx="559">
                  <c:v>7.8993897231366361</c:v>
                </c:pt>
                <c:pt idx="560">
                  <c:v>8.814055901605089</c:v>
                </c:pt>
                <c:pt idx="561">
                  <c:v>9.7287220800735419</c:v>
                </c:pt>
                <c:pt idx="562">
                  <c:v>9.7287220800735419</c:v>
                </c:pt>
                <c:pt idx="563">
                  <c:v>11.641205907780307</c:v>
                </c:pt>
                <c:pt idx="564">
                  <c:v>11.641205907780307</c:v>
                </c:pt>
                <c:pt idx="565">
                  <c:v>7.7330867815969171</c:v>
                </c:pt>
                <c:pt idx="566">
                  <c:v>11.641205907780307</c:v>
                </c:pt>
                <c:pt idx="567">
                  <c:v>11.641205907780307</c:v>
                </c:pt>
                <c:pt idx="568">
                  <c:v>7.4666527268908149</c:v>
                </c:pt>
                <c:pt idx="569">
                  <c:v>3.9430396084789781</c:v>
                </c:pt>
                <c:pt idx="570">
                  <c:v>2.1035457697174489</c:v>
                </c:pt>
                <c:pt idx="571">
                  <c:v>2.1035457697174489</c:v>
                </c:pt>
                <c:pt idx="572">
                  <c:v>2.1035457697174489</c:v>
                </c:pt>
                <c:pt idx="573">
                  <c:v>2.1035457697174489</c:v>
                </c:pt>
                <c:pt idx="574">
                  <c:v>2.1035457697174489</c:v>
                </c:pt>
                <c:pt idx="575">
                  <c:v>2.1035457697174489</c:v>
                </c:pt>
                <c:pt idx="576">
                  <c:v>2.1614390962495285</c:v>
                </c:pt>
                <c:pt idx="577">
                  <c:v>2.1614390962495285</c:v>
                </c:pt>
                <c:pt idx="578">
                  <c:v>2.1614390962495285</c:v>
                </c:pt>
                <c:pt idx="579">
                  <c:v>2.1614390962495285</c:v>
                </c:pt>
                <c:pt idx="580">
                  <c:v>2.1614390962495285</c:v>
                </c:pt>
                <c:pt idx="581">
                  <c:v>2.1614390962495285</c:v>
                </c:pt>
                <c:pt idx="582">
                  <c:v>2.1614390962495285</c:v>
                </c:pt>
                <c:pt idx="583">
                  <c:v>7.9996243101992706</c:v>
                </c:pt>
                <c:pt idx="584">
                  <c:v>8.9258965987486611</c:v>
                </c:pt>
                <c:pt idx="585">
                  <c:v>9.8521688872980526</c:v>
                </c:pt>
                <c:pt idx="586">
                  <c:v>9.8521688872980526</c:v>
                </c:pt>
                <c:pt idx="587">
                  <c:v>11.788920036083137</c:v>
                </c:pt>
                <c:pt idx="588">
                  <c:v>11.788920036083137</c:v>
                </c:pt>
                <c:pt idx="589">
                  <c:v>7.8312111668266544</c:v>
                </c:pt>
                <c:pt idx="590">
                  <c:v>11.788920036083137</c:v>
                </c:pt>
                <c:pt idx="591">
                  <c:v>11.788920036083137</c:v>
                </c:pt>
                <c:pt idx="592">
                  <c:v>7.5743135486261695</c:v>
                </c:pt>
                <c:pt idx="593">
                  <c:v>4.0165610926493791</c:v>
                </c:pt>
                <c:pt idx="594">
                  <c:v>2.1614390962495285</c:v>
                </c:pt>
                <c:pt idx="595">
                  <c:v>2.1614390962495285</c:v>
                </c:pt>
                <c:pt idx="596">
                  <c:v>2.1614390962495285</c:v>
                </c:pt>
                <c:pt idx="597">
                  <c:v>2.1614390962495285</c:v>
                </c:pt>
                <c:pt idx="598">
                  <c:v>2.1614390962495285</c:v>
                </c:pt>
                <c:pt idx="599">
                  <c:v>2.1614390962495285</c:v>
                </c:pt>
                <c:pt idx="600">
                  <c:v>2.3210904045862129</c:v>
                </c:pt>
                <c:pt idx="601">
                  <c:v>2.3210904045862129</c:v>
                </c:pt>
                <c:pt idx="602">
                  <c:v>2.3210904045862129</c:v>
                </c:pt>
                <c:pt idx="603">
                  <c:v>2.3210904045862129</c:v>
                </c:pt>
                <c:pt idx="604">
                  <c:v>2.3210904045862129</c:v>
                </c:pt>
                <c:pt idx="605">
                  <c:v>2.3210904045862129</c:v>
                </c:pt>
                <c:pt idx="606">
                  <c:v>2.3210904045862129</c:v>
                </c:pt>
                <c:pt idx="607">
                  <c:v>8.5399904545716012</c:v>
                </c:pt>
                <c:pt idx="608">
                  <c:v>9.5288314545746289</c:v>
                </c:pt>
                <c:pt idx="609">
                  <c:v>10.517672454577658</c:v>
                </c:pt>
                <c:pt idx="610">
                  <c:v>10.517672454577658</c:v>
                </c:pt>
                <c:pt idx="611">
                  <c:v>12.585249090947624</c:v>
                </c:pt>
                <c:pt idx="612">
                  <c:v>12.585249090947624</c:v>
                </c:pt>
                <c:pt idx="613">
                  <c:v>8.3602011818437791</c:v>
                </c:pt>
                <c:pt idx="614">
                  <c:v>12.585249090947624</c:v>
                </c:pt>
                <c:pt idx="615">
                  <c:v>12.585249090947624</c:v>
                </c:pt>
                <c:pt idx="616">
                  <c:v>8.1278093887988199</c:v>
                </c:pt>
                <c:pt idx="617">
                  <c:v>4.358046823473714</c:v>
                </c:pt>
                <c:pt idx="618">
                  <c:v>2.3210904045862129</c:v>
                </c:pt>
                <c:pt idx="619">
                  <c:v>2.3210904045862129</c:v>
                </c:pt>
                <c:pt idx="620">
                  <c:v>2.3210904045862129</c:v>
                </c:pt>
                <c:pt idx="621">
                  <c:v>2.3210904045862129</c:v>
                </c:pt>
                <c:pt idx="622">
                  <c:v>2.3210904045862129</c:v>
                </c:pt>
                <c:pt idx="623">
                  <c:v>2.3210904045862129</c:v>
                </c:pt>
                <c:pt idx="624">
                  <c:v>3.3056485255347634</c:v>
                </c:pt>
                <c:pt idx="625">
                  <c:v>2.2995803120319049</c:v>
                </c:pt>
                <c:pt idx="626">
                  <c:v>2.2995803120319049</c:v>
                </c:pt>
                <c:pt idx="627">
                  <c:v>2.2995803120319049</c:v>
                </c:pt>
                <c:pt idx="628">
                  <c:v>2.2995803120319049</c:v>
                </c:pt>
                <c:pt idx="629">
                  <c:v>2.2995803120319049</c:v>
                </c:pt>
                <c:pt idx="630">
                  <c:v>2.2995803120319049</c:v>
                </c:pt>
                <c:pt idx="631">
                  <c:v>8.6307058748332199</c:v>
                </c:pt>
                <c:pt idx="632">
                  <c:v>10.788382343541524</c:v>
                </c:pt>
                <c:pt idx="633">
                  <c:v>11.867220577895676</c:v>
                </c:pt>
                <c:pt idx="634">
                  <c:v>11.867220577895676</c:v>
                </c:pt>
                <c:pt idx="635">
                  <c:v>14.024897046603982</c:v>
                </c:pt>
                <c:pt idx="636">
                  <c:v>14.024897046603982</c:v>
                </c:pt>
                <c:pt idx="637">
                  <c:v>9.7095441091873731</c:v>
                </c:pt>
                <c:pt idx="638">
                  <c:v>14.024897046603982</c:v>
                </c:pt>
                <c:pt idx="639">
                  <c:v>11.043018541449104</c:v>
                </c:pt>
                <c:pt idx="640">
                  <c:v>6.294599775596005</c:v>
                </c:pt>
                <c:pt idx="641">
                  <c:v>4.5909550483063581</c:v>
                </c:pt>
                <c:pt idx="642">
                  <c:v>2.3769701746090477</c:v>
                </c:pt>
                <c:pt idx="643">
                  <c:v>2.2995803120319049</c:v>
                </c:pt>
                <c:pt idx="644">
                  <c:v>2.2995803120319049</c:v>
                </c:pt>
                <c:pt idx="645">
                  <c:v>2.2995803120319049</c:v>
                </c:pt>
                <c:pt idx="646">
                  <c:v>2.2995803120319049</c:v>
                </c:pt>
                <c:pt idx="647">
                  <c:v>2.2995803120319049</c:v>
                </c:pt>
                <c:pt idx="648">
                  <c:v>2.5911130674764009</c:v>
                </c:pt>
                <c:pt idx="649">
                  <c:v>2.4616012692763638</c:v>
                </c:pt>
                <c:pt idx="650">
                  <c:v>2.4616012692763638</c:v>
                </c:pt>
                <c:pt idx="651">
                  <c:v>2.4616012692763638</c:v>
                </c:pt>
                <c:pt idx="652">
                  <c:v>2.4616012692763638</c:v>
                </c:pt>
                <c:pt idx="653">
                  <c:v>2.4679971116966861</c:v>
                </c:pt>
                <c:pt idx="654">
                  <c:v>2.4763117068431044</c:v>
                </c:pt>
                <c:pt idx="655">
                  <c:v>2.4820679650213946</c:v>
                </c:pt>
                <c:pt idx="656">
                  <c:v>2.4820679650213946</c:v>
                </c:pt>
                <c:pt idx="657">
                  <c:v>2.4820679650213946</c:v>
                </c:pt>
                <c:pt idx="658">
                  <c:v>2.4820679650213946</c:v>
                </c:pt>
                <c:pt idx="659">
                  <c:v>2.4820679650213946</c:v>
                </c:pt>
                <c:pt idx="660">
                  <c:v>2.4820679650213946</c:v>
                </c:pt>
                <c:pt idx="661">
                  <c:v>2.4820679650213946</c:v>
                </c:pt>
                <c:pt idx="662">
                  <c:v>2.4820679650213946</c:v>
                </c:pt>
                <c:pt idx="663">
                  <c:v>2.4775908753271687</c:v>
                </c:pt>
                <c:pt idx="664">
                  <c:v>2.4737533698749754</c:v>
                </c:pt>
                <c:pt idx="665">
                  <c:v>2.4699158644227825</c:v>
                </c:pt>
                <c:pt idx="666">
                  <c:v>2.4686366959387178</c:v>
                </c:pt>
                <c:pt idx="667">
                  <c:v>2.4622408535183959</c:v>
                </c:pt>
                <c:pt idx="668">
                  <c:v>2.4552054268560415</c:v>
                </c:pt>
                <c:pt idx="669">
                  <c:v>2.4552054268560415</c:v>
                </c:pt>
                <c:pt idx="670">
                  <c:v>2.4552054268560415</c:v>
                </c:pt>
                <c:pt idx="671">
                  <c:v>2.4552054268560415</c:v>
                </c:pt>
                <c:pt idx="672">
                  <c:v>2.535468384861328</c:v>
                </c:pt>
                <c:pt idx="673">
                  <c:v>2.5392402309614668</c:v>
                </c:pt>
                <c:pt idx="674">
                  <c:v>2.5392402309614668</c:v>
                </c:pt>
                <c:pt idx="675">
                  <c:v>2.5392402309614668</c:v>
                </c:pt>
                <c:pt idx="676">
                  <c:v>2.5392402309614668</c:v>
                </c:pt>
                <c:pt idx="677">
                  <c:v>2.5460295539417173</c:v>
                </c:pt>
                <c:pt idx="678">
                  <c:v>2.5520645077019397</c:v>
                </c:pt>
                <c:pt idx="679">
                  <c:v>2.5596081999022173</c:v>
                </c:pt>
                <c:pt idx="680">
                  <c:v>2.5596081999022173</c:v>
                </c:pt>
                <c:pt idx="681">
                  <c:v>2.5596081999022173</c:v>
                </c:pt>
                <c:pt idx="682">
                  <c:v>2.5596081999022173</c:v>
                </c:pt>
                <c:pt idx="683">
                  <c:v>2.5596081999022173</c:v>
                </c:pt>
                <c:pt idx="684">
                  <c:v>2.5596081999022173</c:v>
                </c:pt>
                <c:pt idx="685">
                  <c:v>2.5596081999022173</c:v>
                </c:pt>
                <c:pt idx="686">
                  <c:v>2.5596081999022173</c:v>
                </c:pt>
                <c:pt idx="687">
                  <c:v>2.5543276153620229</c:v>
                </c:pt>
                <c:pt idx="688">
                  <c:v>2.5535732461419949</c:v>
                </c:pt>
                <c:pt idx="689">
                  <c:v>2.5475382923817729</c:v>
                </c:pt>
                <c:pt idx="690">
                  <c:v>2.5452751847216892</c:v>
                </c:pt>
                <c:pt idx="691">
                  <c:v>2.5399946001814944</c:v>
                </c:pt>
                <c:pt idx="692">
                  <c:v>2.535468384861328</c:v>
                </c:pt>
                <c:pt idx="693">
                  <c:v>2.5324509079812167</c:v>
                </c:pt>
                <c:pt idx="694">
                  <c:v>2.5324509079812167</c:v>
                </c:pt>
                <c:pt idx="695">
                  <c:v>2.5324509079812167</c:v>
                </c:pt>
                <c:pt idx="696">
                  <c:v>1.9022497198069028</c:v>
                </c:pt>
                <c:pt idx="697">
                  <c:v>1.9022497198069028</c:v>
                </c:pt>
                <c:pt idx="698">
                  <c:v>1.9022497198069028</c:v>
                </c:pt>
                <c:pt idx="699">
                  <c:v>1.9022497198069028</c:v>
                </c:pt>
                <c:pt idx="700">
                  <c:v>1.9022497198069028</c:v>
                </c:pt>
                <c:pt idx="701">
                  <c:v>1.9022497198069028</c:v>
                </c:pt>
                <c:pt idx="702">
                  <c:v>1.9022497198069028</c:v>
                </c:pt>
                <c:pt idx="703">
                  <c:v>8.1414980112172675</c:v>
                </c:pt>
                <c:pt idx="704">
                  <c:v>9.1591852626194274</c:v>
                </c:pt>
                <c:pt idx="705">
                  <c:v>10.176872514021586</c:v>
                </c:pt>
                <c:pt idx="706">
                  <c:v>10.176872514021586</c:v>
                </c:pt>
                <c:pt idx="707">
                  <c:v>12.212247016825902</c:v>
                </c:pt>
                <c:pt idx="708">
                  <c:v>12.212247016825902</c:v>
                </c:pt>
                <c:pt idx="709">
                  <c:v>8.1414980112172675</c:v>
                </c:pt>
                <c:pt idx="710">
                  <c:v>12.212247016825902</c:v>
                </c:pt>
                <c:pt idx="711">
                  <c:v>12.212247016825902</c:v>
                </c:pt>
                <c:pt idx="712">
                  <c:v>7.8110057225376242</c:v>
                </c:pt>
                <c:pt idx="713">
                  <c:v>3.4202961518159785</c:v>
                </c:pt>
                <c:pt idx="714">
                  <c:v>2.213262538913134</c:v>
                </c:pt>
                <c:pt idx="715">
                  <c:v>2.213262538913134</c:v>
                </c:pt>
                <c:pt idx="716">
                  <c:v>2.213262538913134</c:v>
                </c:pt>
                <c:pt idx="717">
                  <c:v>2.213262538913134</c:v>
                </c:pt>
                <c:pt idx="718">
                  <c:v>2.213262538913134</c:v>
                </c:pt>
                <c:pt idx="719">
                  <c:v>2.213262538913134</c:v>
                </c:pt>
                <c:pt idx="720">
                  <c:v>1.4152674942051802</c:v>
                </c:pt>
                <c:pt idx="721">
                  <c:v>1.8985441502998324</c:v>
                </c:pt>
                <c:pt idx="722">
                  <c:v>1.8985441502998324</c:v>
                </c:pt>
                <c:pt idx="723">
                  <c:v>1.8985441502998324</c:v>
                </c:pt>
                <c:pt idx="724">
                  <c:v>1.8985441502998324</c:v>
                </c:pt>
                <c:pt idx="725">
                  <c:v>1.8985441502998324</c:v>
                </c:pt>
                <c:pt idx="726">
                  <c:v>1.8985441502998324</c:v>
                </c:pt>
                <c:pt idx="727">
                  <c:v>7.3458744706911228</c:v>
                </c:pt>
                <c:pt idx="728">
                  <c:v>8.1964494094027263</c:v>
                </c:pt>
                <c:pt idx="729">
                  <c:v>9.0470243481143306</c:v>
                </c:pt>
                <c:pt idx="730">
                  <c:v>9.0470243481143306</c:v>
                </c:pt>
                <c:pt idx="731">
                  <c:v>10.825499219965865</c:v>
                </c:pt>
                <c:pt idx="732">
                  <c:v>10.825499219965865</c:v>
                </c:pt>
                <c:pt idx="733">
                  <c:v>7.1912244818344675</c:v>
                </c:pt>
                <c:pt idx="734">
                  <c:v>10.825499219965865</c:v>
                </c:pt>
                <c:pt idx="735">
                  <c:v>10.825499219965865</c:v>
                </c:pt>
                <c:pt idx="736">
                  <c:v>6.8950036965271702</c:v>
                </c:pt>
                <c:pt idx="737">
                  <c:v>3.5856627896757969</c:v>
                </c:pt>
                <c:pt idx="738">
                  <c:v>1.9424783917629826</c:v>
                </c:pt>
                <c:pt idx="739">
                  <c:v>1.9424783917629826</c:v>
                </c:pt>
                <c:pt idx="740">
                  <c:v>1.9424783917629826</c:v>
                </c:pt>
                <c:pt idx="741">
                  <c:v>1.9424783917629826</c:v>
                </c:pt>
                <c:pt idx="742">
                  <c:v>1.9424783917629826</c:v>
                </c:pt>
                <c:pt idx="743">
                  <c:v>1.9424783917629826</c:v>
                </c:pt>
                <c:pt idx="744">
                  <c:v>1.8550834407210472</c:v>
                </c:pt>
                <c:pt idx="745">
                  <c:v>1.8550834407210472</c:v>
                </c:pt>
                <c:pt idx="746">
                  <c:v>1.8550834407210472</c:v>
                </c:pt>
                <c:pt idx="747">
                  <c:v>1.8550834407210472</c:v>
                </c:pt>
                <c:pt idx="748">
                  <c:v>1.8550834407210472</c:v>
                </c:pt>
                <c:pt idx="749">
                  <c:v>1.8550834407210472</c:v>
                </c:pt>
                <c:pt idx="750">
                  <c:v>1.8550834407210472</c:v>
                </c:pt>
                <c:pt idx="751">
                  <c:v>6.9718176292862886</c:v>
                </c:pt>
                <c:pt idx="752">
                  <c:v>7.7790807232036485</c:v>
                </c:pt>
                <c:pt idx="753">
                  <c:v>8.5863438171210102</c:v>
                </c:pt>
                <c:pt idx="754">
                  <c:v>8.5863438171210102</c:v>
                </c:pt>
                <c:pt idx="755">
                  <c:v>10.274257558948216</c:v>
                </c:pt>
                <c:pt idx="756">
                  <c:v>10.274257558948216</c:v>
                </c:pt>
                <c:pt idx="757">
                  <c:v>6.8250425213013139</c:v>
                </c:pt>
                <c:pt idx="758">
                  <c:v>10.274257558948216</c:v>
                </c:pt>
                <c:pt idx="759">
                  <c:v>10.274257558948216</c:v>
                </c:pt>
                <c:pt idx="760">
                  <c:v>6.5132835803452256</c:v>
                </c:pt>
                <c:pt idx="761">
                  <c:v>3.3532062387959947</c:v>
                </c:pt>
                <c:pt idx="762">
                  <c:v>1.8550834407210472</c:v>
                </c:pt>
                <c:pt idx="763">
                  <c:v>1.8550834407210472</c:v>
                </c:pt>
                <c:pt idx="764">
                  <c:v>1.8550834407210472</c:v>
                </c:pt>
                <c:pt idx="765">
                  <c:v>1.8550834407210472</c:v>
                </c:pt>
                <c:pt idx="766">
                  <c:v>1.8550834407210472</c:v>
                </c:pt>
                <c:pt idx="767">
                  <c:v>1.8550834407210472</c:v>
                </c:pt>
                <c:pt idx="768">
                  <c:v>2.0695323995909836</c:v>
                </c:pt>
                <c:pt idx="769">
                  <c:v>2.0695323995909836</c:v>
                </c:pt>
                <c:pt idx="770">
                  <c:v>2.0695323995909836</c:v>
                </c:pt>
                <c:pt idx="771">
                  <c:v>2.0695323995909836</c:v>
                </c:pt>
                <c:pt idx="772">
                  <c:v>2.0695323995909836</c:v>
                </c:pt>
                <c:pt idx="773">
                  <c:v>2.0695323995909836</c:v>
                </c:pt>
                <c:pt idx="774">
                  <c:v>2.0695323995909836</c:v>
                </c:pt>
                <c:pt idx="775">
                  <c:v>7.6912823059253759</c:v>
                </c:pt>
                <c:pt idx="776">
                  <c:v>8.581851836085157</c:v>
                </c:pt>
                <c:pt idx="777">
                  <c:v>9.4724213662449372</c:v>
                </c:pt>
                <c:pt idx="778">
                  <c:v>9.4724213662449372</c:v>
                </c:pt>
                <c:pt idx="779">
                  <c:v>11.334521292942663</c:v>
                </c:pt>
                <c:pt idx="780">
                  <c:v>11.334521292942663</c:v>
                </c:pt>
                <c:pt idx="781">
                  <c:v>7.5293605731690523</c:v>
                </c:pt>
                <c:pt idx="782">
                  <c:v>11.334521292942663</c:v>
                </c:pt>
                <c:pt idx="783">
                  <c:v>11.334521292942663</c:v>
                </c:pt>
                <c:pt idx="784">
                  <c:v>7.2560045581418864</c:v>
                </c:pt>
                <c:pt idx="785">
                  <c:v>3.8175546364933637</c:v>
                </c:pt>
                <c:pt idx="786">
                  <c:v>2.0695323995909836</c:v>
                </c:pt>
                <c:pt idx="787">
                  <c:v>2.0695323995909836</c:v>
                </c:pt>
                <c:pt idx="788">
                  <c:v>2.0695323995909836</c:v>
                </c:pt>
                <c:pt idx="789">
                  <c:v>2.0695323995909836</c:v>
                </c:pt>
                <c:pt idx="790">
                  <c:v>2.0695323995909836</c:v>
                </c:pt>
                <c:pt idx="791">
                  <c:v>2.0695323995909836</c:v>
                </c:pt>
                <c:pt idx="792">
                  <c:v>2.6767572147162233</c:v>
                </c:pt>
                <c:pt idx="793">
                  <c:v>1.8138122819540685</c:v>
                </c:pt>
                <c:pt idx="794">
                  <c:v>1.8138122819540685</c:v>
                </c:pt>
                <c:pt idx="795">
                  <c:v>1.8138122819540685</c:v>
                </c:pt>
                <c:pt idx="796">
                  <c:v>1.8138122819540685</c:v>
                </c:pt>
                <c:pt idx="797">
                  <c:v>1.8138122819540685</c:v>
                </c:pt>
                <c:pt idx="798">
                  <c:v>1.8138122819540685</c:v>
                </c:pt>
                <c:pt idx="799">
                  <c:v>6.9730662066124705</c:v>
                </c:pt>
                <c:pt idx="800">
                  <c:v>8.7163327582655885</c:v>
                </c:pt>
                <c:pt idx="801">
                  <c:v>9.5879660340921493</c:v>
                </c:pt>
                <c:pt idx="802">
                  <c:v>9.5879660340921493</c:v>
                </c:pt>
                <c:pt idx="803">
                  <c:v>11.331232585745264</c:v>
                </c:pt>
                <c:pt idx="804">
                  <c:v>11.331232585745264</c:v>
                </c:pt>
                <c:pt idx="805">
                  <c:v>7.8446994824390304</c:v>
                </c:pt>
                <c:pt idx="806">
                  <c:v>11.331232585745264</c:v>
                </c:pt>
                <c:pt idx="807">
                  <c:v>8.8810149930216138</c:v>
                </c:pt>
                <c:pt idx="808">
                  <c:v>4.8874212079337953</c:v>
                </c:pt>
                <c:pt idx="809">
                  <c:v>3.5080103996752041</c:v>
                </c:pt>
                <c:pt idx="810">
                  <c:v>1.880192661397311</c:v>
                </c:pt>
                <c:pt idx="811">
                  <c:v>1.8138122819540685</c:v>
                </c:pt>
                <c:pt idx="812">
                  <c:v>1.8138122819540685</c:v>
                </c:pt>
                <c:pt idx="813">
                  <c:v>1.8138122819540685</c:v>
                </c:pt>
                <c:pt idx="814">
                  <c:v>1.8138122819540685</c:v>
                </c:pt>
                <c:pt idx="815">
                  <c:v>1.8138122819540685</c:v>
                </c:pt>
                <c:pt idx="816">
                  <c:v>1.9951687769920936</c:v>
                </c:pt>
                <c:pt idx="817">
                  <c:v>1.888588755577979</c:v>
                </c:pt>
                <c:pt idx="818">
                  <c:v>1.888588755577979</c:v>
                </c:pt>
                <c:pt idx="819">
                  <c:v>1.888588755577979</c:v>
                </c:pt>
                <c:pt idx="820">
                  <c:v>1.888588755577979</c:v>
                </c:pt>
                <c:pt idx="821">
                  <c:v>1.8930512761944909</c:v>
                </c:pt>
                <c:pt idx="822">
                  <c:v>1.8988525529959559</c:v>
                </c:pt>
                <c:pt idx="823">
                  <c:v>1.9028688215508165</c:v>
                </c:pt>
                <c:pt idx="824">
                  <c:v>1.9028688215508165</c:v>
                </c:pt>
                <c:pt idx="825">
                  <c:v>1.9028688215508165</c:v>
                </c:pt>
                <c:pt idx="826">
                  <c:v>1.9028688215508165</c:v>
                </c:pt>
                <c:pt idx="827">
                  <c:v>1.9028688215508165</c:v>
                </c:pt>
                <c:pt idx="828">
                  <c:v>1.9028688215508165</c:v>
                </c:pt>
                <c:pt idx="829">
                  <c:v>1.9028688215508165</c:v>
                </c:pt>
                <c:pt idx="830">
                  <c:v>1.9028688215508165</c:v>
                </c:pt>
                <c:pt idx="831">
                  <c:v>1.8997450571192582</c:v>
                </c:pt>
                <c:pt idx="832">
                  <c:v>1.8970675447493512</c:v>
                </c:pt>
                <c:pt idx="833">
                  <c:v>1.8943900323794443</c:v>
                </c:pt>
                <c:pt idx="834">
                  <c:v>1.8934975282561419</c:v>
                </c:pt>
                <c:pt idx="835">
                  <c:v>1.8890350076396303</c:v>
                </c:pt>
                <c:pt idx="836">
                  <c:v>1.8841262349614674</c:v>
                </c:pt>
                <c:pt idx="837">
                  <c:v>1.8841262349614674</c:v>
                </c:pt>
                <c:pt idx="838">
                  <c:v>1.8841262349614674</c:v>
                </c:pt>
                <c:pt idx="839">
                  <c:v>1.8841262349614674</c:v>
                </c:pt>
                <c:pt idx="840">
                  <c:v>2.4399660470887645</c:v>
                </c:pt>
                <c:pt idx="841">
                  <c:v>2.4435547875038792</c:v>
                </c:pt>
                <c:pt idx="842">
                  <c:v>2.4435547875038792</c:v>
                </c:pt>
                <c:pt idx="843">
                  <c:v>2.4435547875038792</c:v>
                </c:pt>
                <c:pt idx="844">
                  <c:v>2.4435547875038792</c:v>
                </c:pt>
                <c:pt idx="845">
                  <c:v>2.4500145202510861</c:v>
                </c:pt>
                <c:pt idx="846">
                  <c:v>2.4557565049152701</c:v>
                </c:pt>
                <c:pt idx="847">
                  <c:v>2.4629339857454999</c:v>
                </c:pt>
                <c:pt idx="848">
                  <c:v>2.4629339857454999</c:v>
                </c:pt>
                <c:pt idx="849">
                  <c:v>2.4629339857454999</c:v>
                </c:pt>
                <c:pt idx="850">
                  <c:v>2.4629339857454999</c:v>
                </c:pt>
                <c:pt idx="851">
                  <c:v>2.4629339857454999</c:v>
                </c:pt>
                <c:pt idx="852">
                  <c:v>2.4629339857454999</c:v>
                </c:pt>
                <c:pt idx="853">
                  <c:v>2.4629339857454999</c:v>
                </c:pt>
                <c:pt idx="854">
                  <c:v>2.4629339857454999</c:v>
                </c:pt>
                <c:pt idx="855">
                  <c:v>2.4579097491643394</c:v>
                </c:pt>
                <c:pt idx="856">
                  <c:v>2.4571920010813164</c:v>
                </c:pt>
                <c:pt idx="857">
                  <c:v>2.4514500164171324</c:v>
                </c:pt>
                <c:pt idx="858">
                  <c:v>2.4492967721680632</c:v>
                </c:pt>
                <c:pt idx="859">
                  <c:v>2.4442725355869026</c:v>
                </c:pt>
                <c:pt idx="860">
                  <c:v>2.4399660470887645</c:v>
                </c:pt>
                <c:pt idx="861">
                  <c:v>2.4370950547566723</c:v>
                </c:pt>
                <c:pt idx="862">
                  <c:v>2.4370950547566723</c:v>
                </c:pt>
                <c:pt idx="863">
                  <c:v>2.4370950547566723</c:v>
                </c:pt>
                <c:pt idx="864">
                  <c:v>2.3147343133416656</c:v>
                </c:pt>
                <c:pt idx="865">
                  <c:v>2.3147343133416656</c:v>
                </c:pt>
                <c:pt idx="866">
                  <c:v>2.3147343133416656</c:v>
                </c:pt>
                <c:pt idx="867">
                  <c:v>2.3147343133416656</c:v>
                </c:pt>
                <c:pt idx="868">
                  <c:v>2.3147343133416656</c:v>
                </c:pt>
                <c:pt idx="869">
                  <c:v>2.3147343133416656</c:v>
                </c:pt>
                <c:pt idx="870">
                  <c:v>2.3147343133416656</c:v>
                </c:pt>
                <c:pt idx="871">
                  <c:v>9.9146875016662168</c:v>
                </c:pt>
                <c:pt idx="872">
                  <c:v>11.154023439374495</c:v>
                </c:pt>
                <c:pt idx="873">
                  <c:v>12.393359377082771</c:v>
                </c:pt>
                <c:pt idx="874">
                  <c:v>12.393359377082771</c:v>
                </c:pt>
                <c:pt idx="875">
                  <c:v>14.872031252499323</c:v>
                </c:pt>
                <c:pt idx="876">
                  <c:v>14.872031252499323</c:v>
                </c:pt>
                <c:pt idx="877">
                  <c:v>9.9146875016662168</c:v>
                </c:pt>
                <c:pt idx="878">
                  <c:v>14.872031252499323</c:v>
                </c:pt>
                <c:pt idx="879">
                  <c:v>14.872031252499323</c:v>
                </c:pt>
                <c:pt idx="880">
                  <c:v>9.6526393627647522</c:v>
                </c:pt>
                <c:pt idx="881">
                  <c:v>4.4482250638164897</c:v>
                </c:pt>
                <c:pt idx="882">
                  <c:v>2.737511640128131</c:v>
                </c:pt>
                <c:pt idx="883">
                  <c:v>2.737511640128131</c:v>
                </c:pt>
                <c:pt idx="884">
                  <c:v>2.737511640128131</c:v>
                </c:pt>
                <c:pt idx="885">
                  <c:v>2.737511640128131</c:v>
                </c:pt>
                <c:pt idx="886">
                  <c:v>2.737511640128131</c:v>
                </c:pt>
                <c:pt idx="887">
                  <c:v>2.737511640128131</c:v>
                </c:pt>
                <c:pt idx="888">
                  <c:v>2.0256642619970213</c:v>
                </c:pt>
                <c:pt idx="889">
                  <c:v>2.6266816629396628</c:v>
                </c:pt>
                <c:pt idx="890">
                  <c:v>2.6266816629396628</c:v>
                </c:pt>
                <c:pt idx="891">
                  <c:v>2.6266816629396628</c:v>
                </c:pt>
                <c:pt idx="892">
                  <c:v>2.6266816629396628</c:v>
                </c:pt>
                <c:pt idx="893">
                  <c:v>2.6266816629396628</c:v>
                </c:pt>
                <c:pt idx="894">
                  <c:v>2.6266816629396628</c:v>
                </c:pt>
                <c:pt idx="895">
                  <c:v>9.9006356057887661</c:v>
                </c:pt>
                <c:pt idx="896">
                  <c:v>11.047024991722203</c:v>
                </c:pt>
                <c:pt idx="897">
                  <c:v>12.193414377655641</c:v>
                </c:pt>
                <c:pt idx="898">
                  <c:v>12.193414377655641</c:v>
                </c:pt>
                <c:pt idx="899">
                  <c:v>14.590410366425553</c:v>
                </c:pt>
                <c:pt idx="900">
                  <c:v>14.590410366425553</c:v>
                </c:pt>
                <c:pt idx="901">
                  <c:v>9.6922011719826884</c:v>
                </c:pt>
                <c:pt idx="902">
                  <c:v>14.590410366425553</c:v>
                </c:pt>
                <c:pt idx="903">
                  <c:v>14.590410366425553</c:v>
                </c:pt>
                <c:pt idx="904">
                  <c:v>9.5172680497719586</c:v>
                </c:pt>
                <c:pt idx="905">
                  <c:v>5.208044736817909</c:v>
                </c:pt>
                <c:pt idx="906">
                  <c:v>2.6813196084799027</c:v>
                </c:pt>
                <c:pt idx="907">
                  <c:v>2.6813196084799027</c:v>
                </c:pt>
                <c:pt idx="908">
                  <c:v>2.6813196084799027</c:v>
                </c:pt>
                <c:pt idx="909">
                  <c:v>2.6813196084799027</c:v>
                </c:pt>
                <c:pt idx="910">
                  <c:v>2.6813196084799027</c:v>
                </c:pt>
                <c:pt idx="911">
                  <c:v>2.6813196084799027</c:v>
                </c:pt>
                <c:pt idx="912">
                  <c:v>2.6102554157507685</c:v>
                </c:pt>
                <c:pt idx="913">
                  <c:v>2.6102554157507685</c:v>
                </c:pt>
                <c:pt idx="914">
                  <c:v>2.6102554157507685</c:v>
                </c:pt>
                <c:pt idx="915">
                  <c:v>2.6102554157507685</c:v>
                </c:pt>
                <c:pt idx="916">
                  <c:v>2.6102554157507685</c:v>
                </c:pt>
                <c:pt idx="917">
                  <c:v>2.6102554157507685</c:v>
                </c:pt>
                <c:pt idx="918">
                  <c:v>2.6102554157507685</c:v>
                </c:pt>
                <c:pt idx="919">
                  <c:v>9.5199776755261851</c:v>
                </c:pt>
                <c:pt idx="920">
                  <c:v>10.622290880060797</c:v>
                </c:pt>
                <c:pt idx="921">
                  <c:v>11.724604084595409</c:v>
                </c:pt>
                <c:pt idx="922">
                  <c:v>11.724604084595409</c:v>
                </c:pt>
                <c:pt idx="923">
                  <c:v>14.029440784985956</c:v>
                </c:pt>
                <c:pt idx="924">
                  <c:v>14.029440784985956</c:v>
                </c:pt>
                <c:pt idx="925">
                  <c:v>9.3195570928835281</c:v>
                </c:pt>
                <c:pt idx="926">
                  <c:v>14.029440784985956</c:v>
                </c:pt>
                <c:pt idx="927">
                  <c:v>14.029440784985956</c:v>
                </c:pt>
                <c:pt idx="928">
                  <c:v>9.1304658304723425</c:v>
                </c:pt>
                <c:pt idx="929">
                  <c:v>4.9754372846522479</c:v>
                </c:pt>
                <c:pt idx="930">
                  <c:v>2.6102554157507685</c:v>
                </c:pt>
                <c:pt idx="931">
                  <c:v>2.6102554157507685</c:v>
                </c:pt>
                <c:pt idx="932">
                  <c:v>2.6102554157507685</c:v>
                </c:pt>
                <c:pt idx="933">
                  <c:v>2.6102554157507685</c:v>
                </c:pt>
                <c:pt idx="934">
                  <c:v>2.6102554157507685</c:v>
                </c:pt>
                <c:pt idx="935">
                  <c:v>2.6102554157507685</c:v>
                </c:pt>
                <c:pt idx="936">
                  <c:v>2.4496081873260156</c:v>
                </c:pt>
                <c:pt idx="937">
                  <c:v>2.4496081873260156</c:v>
                </c:pt>
                <c:pt idx="938">
                  <c:v>2.4496081873260156</c:v>
                </c:pt>
                <c:pt idx="939">
                  <c:v>2.4496081873260156</c:v>
                </c:pt>
                <c:pt idx="940">
                  <c:v>2.4496081873260156</c:v>
                </c:pt>
                <c:pt idx="941">
                  <c:v>2.4496081873260156</c:v>
                </c:pt>
                <c:pt idx="942">
                  <c:v>2.4496081873260156</c:v>
                </c:pt>
                <c:pt idx="943">
                  <c:v>8.9755403305514161</c:v>
                </c:pt>
                <c:pt idx="944">
                  <c:v>10.014813421457372</c:v>
                </c:pt>
                <c:pt idx="945">
                  <c:v>11.054086512363325</c:v>
                </c:pt>
                <c:pt idx="946">
                  <c:v>11.054086512363325</c:v>
                </c:pt>
                <c:pt idx="947">
                  <c:v>13.227112066075772</c:v>
                </c:pt>
                <c:pt idx="948">
                  <c:v>13.227112066075772</c:v>
                </c:pt>
                <c:pt idx="949">
                  <c:v>8.7865815867503354</c:v>
                </c:pt>
                <c:pt idx="950">
                  <c:v>13.227112066075772</c:v>
                </c:pt>
                <c:pt idx="951">
                  <c:v>13.227112066075772</c:v>
                </c:pt>
                <c:pt idx="952">
                  <c:v>8.5734344739870512</c:v>
                </c:pt>
                <c:pt idx="953">
                  <c:v>4.6324425839975074</c:v>
                </c:pt>
                <c:pt idx="954">
                  <c:v>2.4496081873260156</c:v>
                </c:pt>
                <c:pt idx="955">
                  <c:v>2.4496081873260156</c:v>
                </c:pt>
                <c:pt idx="956">
                  <c:v>2.4496081873260156</c:v>
                </c:pt>
                <c:pt idx="957">
                  <c:v>2.4496081873260156</c:v>
                </c:pt>
                <c:pt idx="958">
                  <c:v>2.4496081873260156</c:v>
                </c:pt>
                <c:pt idx="959">
                  <c:v>2.4496081873260156</c:v>
                </c:pt>
                <c:pt idx="960">
                  <c:v>3.0943310816139955</c:v>
                </c:pt>
                <c:pt idx="961">
                  <c:v>2.1373469196623827</c:v>
                </c:pt>
                <c:pt idx="962">
                  <c:v>2.1373469196623827</c:v>
                </c:pt>
                <c:pt idx="963">
                  <c:v>2.1373469196623827</c:v>
                </c:pt>
                <c:pt idx="964">
                  <c:v>2.1373469196623827</c:v>
                </c:pt>
                <c:pt idx="965">
                  <c:v>2.1373469196623827</c:v>
                </c:pt>
                <c:pt idx="966">
                  <c:v>2.1373469196623827</c:v>
                </c:pt>
                <c:pt idx="967">
                  <c:v>8.0740347710650422</c:v>
                </c:pt>
                <c:pt idx="968">
                  <c:v>10.092543463831303</c:v>
                </c:pt>
                <c:pt idx="969">
                  <c:v>11.101797810214432</c:v>
                </c:pt>
                <c:pt idx="970">
                  <c:v>11.101797810214432</c:v>
                </c:pt>
                <c:pt idx="971">
                  <c:v>13.120306502980693</c:v>
                </c:pt>
                <c:pt idx="972">
                  <c:v>13.120306502980693</c:v>
                </c:pt>
                <c:pt idx="973">
                  <c:v>9.0832891174481727</c:v>
                </c:pt>
                <c:pt idx="974">
                  <c:v>13.120306502980693</c:v>
                </c:pt>
                <c:pt idx="975">
                  <c:v>10.317806939077149</c:v>
                </c:pt>
                <c:pt idx="976">
                  <c:v>5.8260747461113453</c:v>
                </c:pt>
                <c:pt idx="977">
                  <c:v>4.2313752899977981</c:v>
                </c:pt>
                <c:pt idx="978">
                  <c:v>2.2109610859663529</c:v>
                </c:pt>
                <c:pt idx="979">
                  <c:v>2.1373469196623827</c:v>
                </c:pt>
                <c:pt idx="980">
                  <c:v>2.1373469196623827</c:v>
                </c:pt>
                <c:pt idx="981">
                  <c:v>2.1373469196623827</c:v>
                </c:pt>
                <c:pt idx="982">
                  <c:v>2.1373469196623827</c:v>
                </c:pt>
                <c:pt idx="983">
                  <c:v>2.1373469196623827</c:v>
                </c:pt>
                <c:pt idx="984">
                  <c:v>2.0324152951473633</c:v>
                </c:pt>
                <c:pt idx="985">
                  <c:v>1.924402037684128</c:v>
                </c:pt>
                <c:pt idx="986">
                  <c:v>1.924402037684128</c:v>
                </c:pt>
                <c:pt idx="987">
                  <c:v>1.924402037684128</c:v>
                </c:pt>
                <c:pt idx="988">
                  <c:v>1.924402037684128</c:v>
                </c:pt>
                <c:pt idx="989">
                  <c:v>1.9289853909133781</c:v>
                </c:pt>
                <c:pt idx="990">
                  <c:v>1.9349437501114026</c:v>
                </c:pt>
                <c:pt idx="991">
                  <c:v>1.9390687680177274</c:v>
                </c:pt>
                <c:pt idx="992">
                  <c:v>1.9390687680177274</c:v>
                </c:pt>
                <c:pt idx="993">
                  <c:v>1.9390687680177274</c:v>
                </c:pt>
                <c:pt idx="994">
                  <c:v>1.9390687680177274</c:v>
                </c:pt>
                <c:pt idx="995">
                  <c:v>1.9390687680177274</c:v>
                </c:pt>
                <c:pt idx="996">
                  <c:v>1.9390687680177274</c:v>
                </c:pt>
                <c:pt idx="997">
                  <c:v>1.9390687680177274</c:v>
                </c:pt>
                <c:pt idx="998">
                  <c:v>1.9390687680177274</c:v>
                </c:pt>
                <c:pt idx="999">
                  <c:v>1.9358604207572525</c:v>
                </c:pt>
                <c:pt idx="1000">
                  <c:v>1.9331104088197026</c:v>
                </c:pt>
                <c:pt idx="1001">
                  <c:v>1.9303603968821528</c:v>
                </c:pt>
                <c:pt idx="1002">
                  <c:v>1.9294437262363029</c:v>
                </c:pt>
                <c:pt idx="1003">
                  <c:v>1.924860373007053</c:v>
                </c:pt>
                <c:pt idx="1004">
                  <c:v>1.9198186844548781</c:v>
                </c:pt>
                <c:pt idx="1005">
                  <c:v>1.9198186844548781</c:v>
                </c:pt>
                <c:pt idx="1006">
                  <c:v>1.9198186844548781</c:v>
                </c:pt>
                <c:pt idx="1007">
                  <c:v>1.9198186844548781</c:v>
                </c:pt>
                <c:pt idx="1008">
                  <c:v>1.5685072149141144</c:v>
                </c:pt>
                <c:pt idx="1009">
                  <c:v>1.5704251159533851</c:v>
                </c:pt>
                <c:pt idx="1010">
                  <c:v>1.5704251159533851</c:v>
                </c:pt>
                <c:pt idx="1011">
                  <c:v>1.5704251159533851</c:v>
                </c:pt>
                <c:pt idx="1012">
                  <c:v>1.5704251159533851</c:v>
                </c:pt>
                <c:pt idx="1013">
                  <c:v>1.5738773378240729</c:v>
                </c:pt>
                <c:pt idx="1014">
                  <c:v>1.5769459794869063</c:v>
                </c:pt>
                <c:pt idx="1015">
                  <c:v>1.5807817815654481</c:v>
                </c:pt>
                <c:pt idx="1016">
                  <c:v>1.5807817815654481</c:v>
                </c:pt>
                <c:pt idx="1017">
                  <c:v>1.5807817815654481</c:v>
                </c:pt>
                <c:pt idx="1018">
                  <c:v>1.5807817815654481</c:v>
                </c:pt>
                <c:pt idx="1019">
                  <c:v>1.5807817815654481</c:v>
                </c:pt>
                <c:pt idx="1020">
                  <c:v>1.5807817815654481</c:v>
                </c:pt>
                <c:pt idx="1021">
                  <c:v>1.5807817815654481</c:v>
                </c:pt>
                <c:pt idx="1022">
                  <c:v>1.5807817815654481</c:v>
                </c:pt>
                <c:pt idx="1023">
                  <c:v>1.578096720110469</c:v>
                </c:pt>
                <c:pt idx="1024">
                  <c:v>1.5777131399026145</c:v>
                </c:pt>
                <c:pt idx="1025">
                  <c:v>1.5746444982397811</c:v>
                </c:pt>
                <c:pt idx="1026">
                  <c:v>1.5734937576162187</c:v>
                </c:pt>
                <c:pt idx="1027">
                  <c:v>1.5708086961612393</c:v>
                </c:pt>
                <c:pt idx="1028">
                  <c:v>1.5685072149141144</c:v>
                </c:pt>
                <c:pt idx="1029">
                  <c:v>1.5669728940826977</c:v>
                </c:pt>
                <c:pt idx="1030">
                  <c:v>1.5669728940826977</c:v>
                </c:pt>
                <c:pt idx="1031">
                  <c:v>1.5669728940826977</c:v>
                </c:pt>
                <c:pt idx="1032">
                  <c:v>1.5695102980438929</c:v>
                </c:pt>
                <c:pt idx="1033">
                  <c:v>1.5695102980438929</c:v>
                </c:pt>
                <c:pt idx="1034">
                  <c:v>1.5695102980438929</c:v>
                </c:pt>
                <c:pt idx="1035">
                  <c:v>1.5695102980438929</c:v>
                </c:pt>
                <c:pt idx="1036">
                  <c:v>1.5695102980438929</c:v>
                </c:pt>
                <c:pt idx="1037">
                  <c:v>1.5695102980438929</c:v>
                </c:pt>
                <c:pt idx="1038">
                  <c:v>1.5695102980438929</c:v>
                </c:pt>
                <c:pt idx="1039">
                  <c:v>6.7103570328063222</c:v>
                </c:pt>
                <c:pt idx="1040">
                  <c:v>7.5491516619071124</c:v>
                </c:pt>
                <c:pt idx="1041">
                  <c:v>8.3879462910079035</c:v>
                </c:pt>
                <c:pt idx="1042">
                  <c:v>8.3879462910079035</c:v>
                </c:pt>
                <c:pt idx="1043">
                  <c:v>10.065535549209484</c:v>
                </c:pt>
                <c:pt idx="1044">
                  <c:v>10.065535549209484</c:v>
                </c:pt>
                <c:pt idx="1045">
                  <c:v>6.7103570328063222</c:v>
                </c:pt>
                <c:pt idx="1046">
                  <c:v>10.065535549209484</c:v>
                </c:pt>
                <c:pt idx="1047">
                  <c:v>10.065535549209484</c:v>
                </c:pt>
                <c:pt idx="1048">
                  <c:v>6.3109697356060455</c:v>
                </c:pt>
                <c:pt idx="1049">
                  <c:v>2.5631381339857557</c:v>
                </c:pt>
                <c:pt idx="1050">
                  <c:v>1.7860371586006549</c:v>
                </c:pt>
                <c:pt idx="1051">
                  <c:v>1.7860371586006549</c:v>
                </c:pt>
                <c:pt idx="1052">
                  <c:v>1.7860371586006549</c:v>
                </c:pt>
                <c:pt idx="1053">
                  <c:v>1.7860371586006549</c:v>
                </c:pt>
                <c:pt idx="1054">
                  <c:v>1.7860371586006549</c:v>
                </c:pt>
                <c:pt idx="1055">
                  <c:v>1.7860371586006549</c:v>
                </c:pt>
                <c:pt idx="1056">
                  <c:v>1.3063133230998905</c:v>
                </c:pt>
                <c:pt idx="1057">
                  <c:v>1.7695029951687211</c:v>
                </c:pt>
                <c:pt idx="1058">
                  <c:v>1.7695029951687211</c:v>
                </c:pt>
                <c:pt idx="1059">
                  <c:v>1.7695029951687211</c:v>
                </c:pt>
                <c:pt idx="1060">
                  <c:v>1.7695029951687211</c:v>
                </c:pt>
                <c:pt idx="1061">
                  <c:v>1.7695029951687211</c:v>
                </c:pt>
                <c:pt idx="1062">
                  <c:v>1.7695029951687211</c:v>
                </c:pt>
                <c:pt idx="1063">
                  <c:v>6.896143328079142</c:v>
                </c:pt>
                <c:pt idx="1064">
                  <c:v>7.6946441344883061</c:v>
                </c:pt>
                <c:pt idx="1065">
                  <c:v>8.4931449408974693</c:v>
                </c:pt>
                <c:pt idx="1066">
                  <c:v>8.4931449408974693</c:v>
                </c:pt>
                <c:pt idx="1067">
                  <c:v>10.16273753611663</c:v>
                </c:pt>
                <c:pt idx="1068">
                  <c:v>10.16273753611663</c:v>
                </c:pt>
                <c:pt idx="1069">
                  <c:v>6.7509613632774759</c:v>
                </c:pt>
                <c:pt idx="1070">
                  <c:v>10.16273753611663</c:v>
                </c:pt>
                <c:pt idx="1071">
                  <c:v>10.16273753611663</c:v>
                </c:pt>
                <c:pt idx="1072">
                  <c:v>6.4305388593567079</c:v>
                </c:pt>
                <c:pt idx="1073">
                  <c:v>3.2952941243982119</c:v>
                </c:pt>
                <c:pt idx="1074">
                  <c:v>1.8116111471749785</c:v>
                </c:pt>
                <c:pt idx="1075">
                  <c:v>1.8116111471749785</c:v>
                </c:pt>
                <c:pt idx="1076">
                  <c:v>1.8116111471749785</c:v>
                </c:pt>
                <c:pt idx="1077">
                  <c:v>1.8116111471749785</c:v>
                </c:pt>
                <c:pt idx="1078">
                  <c:v>1.8116111471749785</c:v>
                </c:pt>
                <c:pt idx="1079">
                  <c:v>1.8116111471749785</c:v>
                </c:pt>
                <c:pt idx="1080">
                  <c:v>2.0184731236695708</c:v>
                </c:pt>
                <c:pt idx="1081">
                  <c:v>2.0184731236695708</c:v>
                </c:pt>
                <c:pt idx="1082">
                  <c:v>2.0184731236695708</c:v>
                </c:pt>
                <c:pt idx="1083">
                  <c:v>2.0184731236695708</c:v>
                </c:pt>
                <c:pt idx="1084">
                  <c:v>2.0184731236695708</c:v>
                </c:pt>
                <c:pt idx="1085">
                  <c:v>2.0184731236695708</c:v>
                </c:pt>
                <c:pt idx="1086">
                  <c:v>2.0184731236695708</c:v>
                </c:pt>
                <c:pt idx="1087">
                  <c:v>7.5199811924398796</c:v>
                </c:pt>
                <c:pt idx="1088">
                  <c:v>8.3907158568276543</c:v>
                </c:pt>
                <c:pt idx="1089">
                  <c:v>9.2614505212154317</c:v>
                </c:pt>
                <c:pt idx="1090">
                  <c:v>9.2614505212154317</c:v>
                </c:pt>
                <c:pt idx="1091">
                  <c:v>11.082077546753506</c:v>
                </c:pt>
                <c:pt idx="1092">
                  <c:v>11.082077546753506</c:v>
                </c:pt>
                <c:pt idx="1093">
                  <c:v>7.3616657989148289</c:v>
                </c:pt>
                <c:pt idx="1094">
                  <c:v>11.082077546753506</c:v>
                </c:pt>
                <c:pt idx="1095">
                  <c:v>11.082077546753506</c:v>
                </c:pt>
                <c:pt idx="1096">
                  <c:v>7.079166230095062</c:v>
                </c:pt>
                <c:pt idx="1097">
                  <c:v>3.7069954941844663</c:v>
                </c:pt>
                <c:pt idx="1098">
                  <c:v>2.0184731236695708</c:v>
                </c:pt>
                <c:pt idx="1099">
                  <c:v>2.0184731236695708</c:v>
                </c:pt>
                <c:pt idx="1100">
                  <c:v>2.0184731236695708</c:v>
                </c:pt>
                <c:pt idx="1101">
                  <c:v>2.0184731236695708</c:v>
                </c:pt>
                <c:pt idx="1102">
                  <c:v>2.0184731236695708</c:v>
                </c:pt>
                <c:pt idx="1103">
                  <c:v>2.0184731236695708</c:v>
                </c:pt>
                <c:pt idx="1104">
                  <c:v>2.0797442547752674</c:v>
                </c:pt>
                <c:pt idx="1105">
                  <c:v>2.0797442547752674</c:v>
                </c:pt>
                <c:pt idx="1106">
                  <c:v>2.0797442547752674</c:v>
                </c:pt>
                <c:pt idx="1107">
                  <c:v>2.0797442547752674</c:v>
                </c:pt>
                <c:pt idx="1108">
                  <c:v>2.0797442547752674</c:v>
                </c:pt>
                <c:pt idx="1109">
                  <c:v>2.0797442547752674</c:v>
                </c:pt>
                <c:pt idx="1110">
                  <c:v>2.0797442547752674</c:v>
                </c:pt>
                <c:pt idx="1111">
                  <c:v>7.7255425286224764</c:v>
                </c:pt>
                <c:pt idx="1112">
                  <c:v>8.6200790319366583</c:v>
                </c:pt>
                <c:pt idx="1113">
                  <c:v>9.5146155352508401</c:v>
                </c:pt>
                <c:pt idx="1114">
                  <c:v>9.5146155352508401</c:v>
                </c:pt>
                <c:pt idx="1115">
                  <c:v>11.385010042180491</c:v>
                </c:pt>
                <c:pt idx="1116">
                  <c:v>11.385010042180491</c:v>
                </c:pt>
                <c:pt idx="1117">
                  <c:v>7.562899528019897</c:v>
                </c:pt>
                <c:pt idx="1118">
                  <c:v>11.385010042180491</c:v>
                </c:pt>
                <c:pt idx="1119">
                  <c:v>11.385010042180491</c:v>
                </c:pt>
                <c:pt idx="1120">
                  <c:v>7.2913722237512513</c:v>
                </c:pt>
                <c:pt idx="1121">
                  <c:v>3.8396664649551431</c:v>
                </c:pt>
                <c:pt idx="1122">
                  <c:v>2.0797442547752674</c:v>
                </c:pt>
                <c:pt idx="1123">
                  <c:v>2.0797442547752674</c:v>
                </c:pt>
                <c:pt idx="1124">
                  <c:v>2.0797442547752674</c:v>
                </c:pt>
                <c:pt idx="1125">
                  <c:v>2.0797442547752674</c:v>
                </c:pt>
                <c:pt idx="1126">
                  <c:v>2.0797442547752674</c:v>
                </c:pt>
                <c:pt idx="1127">
                  <c:v>2.0797442547752674</c:v>
                </c:pt>
                <c:pt idx="1128">
                  <c:v>2.2411416662065604</c:v>
                </c:pt>
                <c:pt idx="1129">
                  <c:v>1.4750730149742337</c:v>
                </c:pt>
                <c:pt idx="1130">
                  <c:v>1.4750730149742337</c:v>
                </c:pt>
                <c:pt idx="1131">
                  <c:v>1.4750730149742337</c:v>
                </c:pt>
                <c:pt idx="1132">
                  <c:v>1.4750730149742337</c:v>
                </c:pt>
                <c:pt idx="1133">
                  <c:v>1.4750730149742337</c:v>
                </c:pt>
                <c:pt idx="1134">
                  <c:v>1.4750730149742337</c:v>
                </c:pt>
                <c:pt idx="1135">
                  <c:v>5.8241313149289713</c:v>
                </c:pt>
                <c:pt idx="1136">
                  <c:v>7.2801641436612146</c:v>
                </c:pt>
                <c:pt idx="1137">
                  <c:v>8.0081805580273357</c:v>
                </c:pt>
                <c:pt idx="1138">
                  <c:v>8.0081805580273357</c:v>
                </c:pt>
                <c:pt idx="1139">
                  <c:v>9.4642133867595799</c:v>
                </c:pt>
                <c:pt idx="1140">
                  <c:v>9.4642133867595799</c:v>
                </c:pt>
                <c:pt idx="1141">
                  <c:v>6.5521477292950943</c:v>
                </c:pt>
                <c:pt idx="1142">
                  <c:v>9.4642133867595799</c:v>
                </c:pt>
                <c:pt idx="1143">
                  <c:v>7.3805935475946995</c:v>
                </c:pt>
                <c:pt idx="1144">
                  <c:v>3.9028884030073376</c:v>
                </c:pt>
                <c:pt idx="1145">
                  <c:v>2.7480710384422444</c:v>
                </c:pt>
                <c:pt idx="1146">
                  <c:v>1.5340013727613355</c:v>
                </c:pt>
                <c:pt idx="1147">
                  <c:v>1.4750730149742337</c:v>
                </c:pt>
                <c:pt idx="1148">
                  <c:v>1.4750730149742337</c:v>
                </c:pt>
                <c:pt idx="1149">
                  <c:v>1.4750730149742337</c:v>
                </c:pt>
                <c:pt idx="1150">
                  <c:v>1.4750730149742337</c:v>
                </c:pt>
                <c:pt idx="1151">
                  <c:v>1.4750730149742337</c:v>
                </c:pt>
                <c:pt idx="1152">
                  <c:v>0.76632274169472314</c:v>
                </c:pt>
                <c:pt idx="1153">
                  <c:v>0.70731480878396769</c:v>
                </c:pt>
                <c:pt idx="1154">
                  <c:v>0.70731480878396769</c:v>
                </c:pt>
                <c:pt idx="1155">
                  <c:v>0.70731480878396769</c:v>
                </c:pt>
                <c:pt idx="1156">
                  <c:v>0.70731480878396769</c:v>
                </c:pt>
                <c:pt idx="1157">
                  <c:v>0.7079275026213171</c:v>
                </c:pt>
                <c:pt idx="1158">
                  <c:v>0.70872400460987151</c:v>
                </c:pt>
                <c:pt idx="1159">
                  <c:v>0.70927542906348606</c:v>
                </c:pt>
                <c:pt idx="1160">
                  <c:v>0.70927542906348606</c:v>
                </c:pt>
                <c:pt idx="1161">
                  <c:v>0.70927542906348606</c:v>
                </c:pt>
                <c:pt idx="1162">
                  <c:v>0.70927542906348606</c:v>
                </c:pt>
                <c:pt idx="1163">
                  <c:v>0.70927542906348606</c:v>
                </c:pt>
                <c:pt idx="1164">
                  <c:v>0.70927542906348606</c:v>
                </c:pt>
                <c:pt idx="1165">
                  <c:v>0.70927542906348606</c:v>
                </c:pt>
                <c:pt idx="1166">
                  <c:v>0.70927542906348606</c:v>
                </c:pt>
                <c:pt idx="1167">
                  <c:v>0.70884654337734143</c:v>
                </c:pt>
                <c:pt idx="1168">
                  <c:v>0.70847892707493165</c:v>
                </c:pt>
                <c:pt idx="1169">
                  <c:v>0.70811131077252198</c:v>
                </c:pt>
                <c:pt idx="1170">
                  <c:v>0.70798877200505217</c:v>
                </c:pt>
                <c:pt idx="1171">
                  <c:v>0.70737607816770254</c:v>
                </c:pt>
                <c:pt idx="1172">
                  <c:v>0.70670211494661805</c:v>
                </c:pt>
                <c:pt idx="1173">
                  <c:v>0.70670211494661805</c:v>
                </c:pt>
                <c:pt idx="1174">
                  <c:v>0.70670211494661805</c:v>
                </c:pt>
                <c:pt idx="1175">
                  <c:v>0.70670211494661805</c:v>
                </c:pt>
                <c:pt idx="1176">
                  <c:v>1.0671199416081516</c:v>
                </c:pt>
                <c:pt idx="1177">
                  <c:v>1.0680765378010466</c:v>
                </c:pt>
                <c:pt idx="1178">
                  <c:v>1.0680765378010466</c:v>
                </c:pt>
                <c:pt idx="1179">
                  <c:v>1.0680765378010466</c:v>
                </c:pt>
                <c:pt idx="1180">
                  <c:v>1.0680765378010466</c:v>
                </c:pt>
                <c:pt idx="1181">
                  <c:v>1.0697984109482572</c:v>
                </c:pt>
                <c:pt idx="1182">
                  <c:v>1.0713289648568889</c:v>
                </c:pt>
                <c:pt idx="1183">
                  <c:v>1.0732421572426787</c:v>
                </c:pt>
                <c:pt idx="1184">
                  <c:v>1.0732421572426787</c:v>
                </c:pt>
                <c:pt idx="1185">
                  <c:v>1.0732421572426787</c:v>
                </c:pt>
                <c:pt idx="1186">
                  <c:v>1.0732421572426787</c:v>
                </c:pt>
                <c:pt idx="1187">
                  <c:v>1.0732421572426787</c:v>
                </c:pt>
                <c:pt idx="1188">
                  <c:v>1.0732421572426787</c:v>
                </c:pt>
                <c:pt idx="1189">
                  <c:v>1.0732421572426787</c:v>
                </c:pt>
                <c:pt idx="1190">
                  <c:v>1.0732421572426787</c:v>
                </c:pt>
                <c:pt idx="1191">
                  <c:v>1.0719029225726258</c:v>
                </c:pt>
                <c:pt idx="1192">
                  <c:v>1.0717116033340468</c:v>
                </c:pt>
                <c:pt idx="1193">
                  <c:v>1.0701810494254151</c:v>
                </c:pt>
                <c:pt idx="1194">
                  <c:v>1.0696070917096783</c:v>
                </c:pt>
                <c:pt idx="1195">
                  <c:v>1.0682678570396253</c:v>
                </c:pt>
                <c:pt idx="1196">
                  <c:v>1.0671199416081516</c:v>
                </c:pt>
                <c:pt idx="1197">
                  <c:v>1.0663546646538358</c:v>
                </c:pt>
                <c:pt idx="1198">
                  <c:v>1.0663546646538358</c:v>
                </c:pt>
                <c:pt idx="1199">
                  <c:v>1.0663546646538358</c:v>
                </c:pt>
                <c:pt idx="1200">
                  <c:v>1.3990827893360103</c:v>
                </c:pt>
                <c:pt idx="1201">
                  <c:v>1.3990827893360103</c:v>
                </c:pt>
                <c:pt idx="1202">
                  <c:v>1.3990827893360103</c:v>
                </c:pt>
                <c:pt idx="1203">
                  <c:v>1.3990827893360103</c:v>
                </c:pt>
                <c:pt idx="1204">
                  <c:v>1.3990827893360103</c:v>
                </c:pt>
                <c:pt idx="1205">
                  <c:v>1.3990827893360103</c:v>
                </c:pt>
                <c:pt idx="1206">
                  <c:v>1.3990827893360103</c:v>
                </c:pt>
                <c:pt idx="1207">
                  <c:v>5.9773336048397407</c:v>
                </c:pt>
                <c:pt idx="1208">
                  <c:v>6.7245003054447086</c:v>
                </c:pt>
                <c:pt idx="1209">
                  <c:v>7.4716670060496764</c:v>
                </c:pt>
                <c:pt idx="1210">
                  <c:v>7.4716670060496764</c:v>
                </c:pt>
                <c:pt idx="1211">
                  <c:v>8.966000407259612</c:v>
                </c:pt>
                <c:pt idx="1212">
                  <c:v>8.966000407259612</c:v>
                </c:pt>
                <c:pt idx="1213">
                  <c:v>5.9773336048397407</c:v>
                </c:pt>
                <c:pt idx="1214">
                  <c:v>8.966000407259612</c:v>
                </c:pt>
                <c:pt idx="1215">
                  <c:v>8.966000407259612</c:v>
                </c:pt>
                <c:pt idx="1216">
                  <c:v>5.5426586203484058</c:v>
                </c:pt>
                <c:pt idx="1217">
                  <c:v>2.1241059785117407</c:v>
                </c:pt>
                <c:pt idx="1218">
                  <c:v>1.5672144028308488</c:v>
                </c:pt>
                <c:pt idx="1219">
                  <c:v>1.5672144028308488</c:v>
                </c:pt>
                <c:pt idx="1220">
                  <c:v>1.5672144028308488</c:v>
                </c:pt>
                <c:pt idx="1221">
                  <c:v>1.5672144028308488</c:v>
                </c:pt>
                <c:pt idx="1222">
                  <c:v>1.5672144028308488</c:v>
                </c:pt>
                <c:pt idx="1223">
                  <c:v>1.5672144028308488</c:v>
                </c:pt>
                <c:pt idx="1224">
                  <c:v>0.77830464774348529</c:v>
                </c:pt>
                <c:pt idx="1225">
                  <c:v>1.1441497049179528</c:v>
                </c:pt>
                <c:pt idx="1226">
                  <c:v>1.1441497049179528</c:v>
                </c:pt>
                <c:pt idx="1227">
                  <c:v>1.1441497049179528</c:v>
                </c:pt>
                <c:pt idx="1228">
                  <c:v>1.1441497049179528</c:v>
                </c:pt>
                <c:pt idx="1229">
                  <c:v>1.1441497049179528</c:v>
                </c:pt>
                <c:pt idx="1230">
                  <c:v>1.1441497049179528</c:v>
                </c:pt>
                <c:pt idx="1231">
                  <c:v>4.7166770215749318</c:v>
                </c:pt>
                <c:pt idx="1232">
                  <c:v>5.2628185714415032</c:v>
                </c:pt>
                <c:pt idx="1233">
                  <c:v>5.8089601213080746</c:v>
                </c:pt>
                <c:pt idx="1234">
                  <c:v>5.8089601213080746</c:v>
                </c:pt>
                <c:pt idx="1235">
                  <c:v>6.9508924528472686</c:v>
                </c:pt>
                <c:pt idx="1236">
                  <c:v>6.9508924528472686</c:v>
                </c:pt>
                <c:pt idx="1237">
                  <c:v>4.6173785579628293</c:v>
                </c:pt>
                <c:pt idx="1238">
                  <c:v>6.9508924528472686</c:v>
                </c:pt>
                <c:pt idx="1239">
                  <c:v>6.9508924528472686</c:v>
                </c:pt>
                <c:pt idx="1240">
                  <c:v>4.1796708022998592</c:v>
                </c:pt>
                <c:pt idx="1241">
                  <c:v>1.8881229003606856</c:v>
                </c:pt>
                <c:pt idx="1242">
                  <c:v>1.1774083464792677</c:v>
                </c:pt>
                <c:pt idx="1243">
                  <c:v>1.1774083464792677</c:v>
                </c:pt>
                <c:pt idx="1244">
                  <c:v>1.1774083464792677</c:v>
                </c:pt>
                <c:pt idx="1245">
                  <c:v>1.1774083464792677</c:v>
                </c:pt>
                <c:pt idx="1246">
                  <c:v>1.1774083464792677</c:v>
                </c:pt>
                <c:pt idx="1247">
                  <c:v>1.1774083464792677</c:v>
                </c:pt>
                <c:pt idx="1248">
                  <c:v>1.1501293905817982</c:v>
                </c:pt>
                <c:pt idx="1249">
                  <c:v>1.1501293905817982</c:v>
                </c:pt>
                <c:pt idx="1250">
                  <c:v>1.1501293905817982</c:v>
                </c:pt>
                <c:pt idx="1251">
                  <c:v>1.1501293905817982</c:v>
                </c:pt>
                <c:pt idx="1252">
                  <c:v>1.1501293905817982</c:v>
                </c:pt>
                <c:pt idx="1253">
                  <c:v>1.1501293905817982</c:v>
                </c:pt>
                <c:pt idx="1254">
                  <c:v>1.1501293905817982</c:v>
                </c:pt>
                <c:pt idx="1255">
                  <c:v>4.6008099046446178</c:v>
                </c:pt>
                <c:pt idx="1256">
                  <c:v>5.1335352620245205</c:v>
                </c:pt>
                <c:pt idx="1257">
                  <c:v>5.666260619404424</c:v>
                </c:pt>
                <c:pt idx="1258">
                  <c:v>5.666260619404424</c:v>
                </c:pt>
                <c:pt idx="1259">
                  <c:v>6.780140912107858</c:v>
                </c:pt>
                <c:pt idx="1260">
                  <c:v>6.780140912107858</c:v>
                </c:pt>
                <c:pt idx="1261">
                  <c:v>4.5039507487573625</c:v>
                </c:pt>
                <c:pt idx="1262">
                  <c:v>6.780140912107858</c:v>
                </c:pt>
                <c:pt idx="1263">
                  <c:v>6.780140912107858</c:v>
                </c:pt>
                <c:pt idx="1264">
                  <c:v>4.0710506824798225</c:v>
                </c:pt>
                <c:pt idx="1265">
                  <c:v>1.8320182513929879</c:v>
                </c:pt>
                <c:pt idx="1266">
                  <c:v>1.1501293905817982</c:v>
                </c:pt>
                <c:pt idx="1267">
                  <c:v>1.1501293905817982</c:v>
                </c:pt>
                <c:pt idx="1268">
                  <c:v>1.1501293905817982</c:v>
                </c:pt>
                <c:pt idx="1269">
                  <c:v>1.1501293905817982</c:v>
                </c:pt>
                <c:pt idx="1270">
                  <c:v>1.1501293905817982</c:v>
                </c:pt>
                <c:pt idx="1271">
                  <c:v>1.1501293905817982</c:v>
                </c:pt>
                <c:pt idx="1272">
                  <c:v>1.4363973781654562</c:v>
                </c:pt>
                <c:pt idx="1273">
                  <c:v>1.4363973781654562</c:v>
                </c:pt>
                <c:pt idx="1274">
                  <c:v>1.4363973781654562</c:v>
                </c:pt>
                <c:pt idx="1275">
                  <c:v>1.4363973781654562</c:v>
                </c:pt>
                <c:pt idx="1276">
                  <c:v>1.4363973781654562</c:v>
                </c:pt>
                <c:pt idx="1277">
                  <c:v>1.4363973781654562</c:v>
                </c:pt>
                <c:pt idx="1278">
                  <c:v>1.4363973781654562</c:v>
                </c:pt>
                <c:pt idx="1279">
                  <c:v>5.5671484987052136</c:v>
                </c:pt>
                <c:pt idx="1280">
                  <c:v>6.2117656932921319</c:v>
                </c:pt>
                <c:pt idx="1281">
                  <c:v>6.856382887879052</c:v>
                </c:pt>
                <c:pt idx="1282">
                  <c:v>6.856382887879052</c:v>
                </c:pt>
                <c:pt idx="1283">
                  <c:v>8.2042188401971536</c:v>
                </c:pt>
                <c:pt idx="1284">
                  <c:v>8.2042188401971536</c:v>
                </c:pt>
                <c:pt idx="1285">
                  <c:v>5.449945372416682</c:v>
                </c:pt>
                <c:pt idx="1286">
                  <c:v>8.2042188401971536</c:v>
                </c:pt>
                <c:pt idx="1287">
                  <c:v>8.2042188401971536</c:v>
                </c:pt>
                <c:pt idx="1288">
                  <c:v>5.0632092903612689</c:v>
                </c:pt>
                <c:pt idx="1289">
                  <c:v>2.4466212718630356</c:v>
                </c:pt>
                <c:pt idx="1290">
                  <c:v>1.4363973781654562</c:v>
                </c:pt>
                <c:pt idx="1291">
                  <c:v>1.4363973781654562</c:v>
                </c:pt>
                <c:pt idx="1292">
                  <c:v>1.4363973781654562</c:v>
                </c:pt>
                <c:pt idx="1293">
                  <c:v>1.4363973781654562</c:v>
                </c:pt>
                <c:pt idx="1294">
                  <c:v>1.4363973781654562</c:v>
                </c:pt>
                <c:pt idx="1295">
                  <c:v>1.4363973781654562</c:v>
                </c:pt>
                <c:pt idx="1296">
                  <c:v>1.7432953250526602</c:v>
                </c:pt>
                <c:pt idx="1297">
                  <c:v>1.0879424241401368</c:v>
                </c:pt>
                <c:pt idx="1298">
                  <c:v>1.0879424241401368</c:v>
                </c:pt>
                <c:pt idx="1299">
                  <c:v>1.0879424241401368</c:v>
                </c:pt>
                <c:pt idx="1300">
                  <c:v>1.0879424241401368</c:v>
                </c:pt>
                <c:pt idx="1301">
                  <c:v>1.0879424241401368</c:v>
                </c:pt>
                <c:pt idx="1302">
                  <c:v>1.0879424241401368</c:v>
                </c:pt>
                <c:pt idx="1303">
                  <c:v>4.5110628672906863</c:v>
                </c:pt>
                <c:pt idx="1304">
                  <c:v>5.6388285841133579</c:v>
                </c:pt>
                <c:pt idx="1305">
                  <c:v>6.2027114425246941</c:v>
                </c:pt>
                <c:pt idx="1306">
                  <c:v>6.2027114425246941</c:v>
                </c:pt>
                <c:pt idx="1307">
                  <c:v>7.3304771593473648</c:v>
                </c:pt>
                <c:pt idx="1308">
                  <c:v>7.3304771593473648</c:v>
                </c:pt>
                <c:pt idx="1309">
                  <c:v>5.0749457257020216</c:v>
                </c:pt>
                <c:pt idx="1310">
                  <c:v>7.3304771593473648</c:v>
                </c:pt>
                <c:pt idx="1311">
                  <c:v>5.6658261813925117</c:v>
                </c:pt>
                <c:pt idx="1312">
                  <c:v>2.7777080545199566</c:v>
                </c:pt>
                <c:pt idx="1313">
                  <c:v>1.8795689113188629</c:v>
                </c:pt>
                <c:pt idx="1314">
                  <c:v>1.1383541857487924</c:v>
                </c:pt>
                <c:pt idx="1315">
                  <c:v>1.0879424241401368</c:v>
                </c:pt>
                <c:pt idx="1316">
                  <c:v>1.0879424241401368</c:v>
                </c:pt>
                <c:pt idx="1317">
                  <c:v>1.0879424241401368</c:v>
                </c:pt>
                <c:pt idx="1318">
                  <c:v>1.0879424241401368</c:v>
                </c:pt>
                <c:pt idx="1319">
                  <c:v>1.0879424241401368</c:v>
                </c:pt>
                <c:pt idx="1320">
                  <c:v>1.5606260651806199</c:v>
                </c:pt>
                <c:pt idx="1321">
                  <c:v>1.4707671310062405</c:v>
                </c:pt>
                <c:pt idx="1322">
                  <c:v>1.4707671310062405</c:v>
                </c:pt>
                <c:pt idx="1323">
                  <c:v>1.4707671310062405</c:v>
                </c:pt>
                <c:pt idx="1324">
                  <c:v>1.4707671310062405</c:v>
                </c:pt>
                <c:pt idx="1325">
                  <c:v>1.4738199378074737</c:v>
                </c:pt>
                <c:pt idx="1326">
                  <c:v>1.4777885866490768</c:v>
                </c:pt>
                <c:pt idx="1327">
                  <c:v>1.4805361127701866</c:v>
                </c:pt>
                <c:pt idx="1328">
                  <c:v>1.4805361127701866</c:v>
                </c:pt>
                <c:pt idx="1329">
                  <c:v>1.4805361127701866</c:v>
                </c:pt>
                <c:pt idx="1330">
                  <c:v>1.4805361127701866</c:v>
                </c:pt>
                <c:pt idx="1331">
                  <c:v>1.4805361127701866</c:v>
                </c:pt>
                <c:pt idx="1332">
                  <c:v>1.4805361127701866</c:v>
                </c:pt>
                <c:pt idx="1333">
                  <c:v>1.4805361127701866</c:v>
                </c:pt>
                <c:pt idx="1334">
                  <c:v>1.4805361127701866</c:v>
                </c:pt>
                <c:pt idx="1335">
                  <c:v>1.4783991480093235</c:v>
                </c:pt>
                <c:pt idx="1336">
                  <c:v>1.4765674639285835</c:v>
                </c:pt>
                <c:pt idx="1337">
                  <c:v>1.4747357798478438</c:v>
                </c:pt>
                <c:pt idx="1338">
                  <c:v>1.4741252184875968</c:v>
                </c:pt>
                <c:pt idx="1339">
                  <c:v>1.4710724116863638</c:v>
                </c:pt>
                <c:pt idx="1340">
                  <c:v>1.4677143242050072</c:v>
                </c:pt>
                <c:pt idx="1341">
                  <c:v>1.4677143242050072</c:v>
                </c:pt>
                <c:pt idx="1342">
                  <c:v>1.4677143242050072</c:v>
                </c:pt>
                <c:pt idx="1343">
                  <c:v>1.4677143242050072</c:v>
                </c:pt>
                <c:pt idx="1344">
                  <c:v>2.1773346182142124</c:v>
                </c:pt>
                <c:pt idx="1345">
                  <c:v>2.1804198179955114</c:v>
                </c:pt>
                <c:pt idx="1346">
                  <c:v>2.1804198179955114</c:v>
                </c:pt>
                <c:pt idx="1347">
                  <c:v>2.1804198179955114</c:v>
                </c:pt>
                <c:pt idx="1348">
                  <c:v>2.1804198179955114</c:v>
                </c:pt>
                <c:pt idx="1349">
                  <c:v>2.1859731776018494</c:v>
                </c:pt>
                <c:pt idx="1350">
                  <c:v>2.1909094972519276</c:v>
                </c:pt>
                <c:pt idx="1351">
                  <c:v>2.1970798968145258</c:v>
                </c:pt>
                <c:pt idx="1352">
                  <c:v>2.1970798968145258</c:v>
                </c:pt>
                <c:pt idx="1353">
                  <c:v>2.1970798968145258</c:v>
                </c:pt>
                <c:pt idx="1354">
                  <c:v>2.1970798968145258</c:v>
                </c:pt>
                <c:pt idx="1355">
                  <c:v>2.1970798968145258</c:v>
                </c:pt>
                <c:pt idx="1356">
                  <c:v>2.1970798968145258</c:v>
                </c:pt>
                <c:pt idx="1357">
                  <c:v>2.1970798968145258</c:v>
                </c:pt>
                <c:pt idx="1358">
                  <c:v>2.1970798968145258</c:v>
                </c:pt>
                <c:pt idx="1359">
                  <c:v>2.1927606171207072</c:v>
                </c:pt>
                <c:pt idx="1360">
                  <c:v>2.1921435771644471</c:v>
                </c:pt>
                <c:pt idx="1361">
                  <c:v>2.1872072575143688</c:v>
                </c:pt>
                <c:pt idx="1362">
                  <c:v>2.1853561376455897</c:v>
                </c:pt>
                <c:pt idx="1363">
                  <c:v>2.1810368579517712</c:v>
                </c:pt>
                <c:pt idx="1364">
                  <c:v>2.1773346182142124</c:v>
                </c:pt>
                <c:pt idx="1365">
                  <c:v>2.174866458389173</c:v>
                </c:pt>
                <c:pt idx="1366">
                  <c:v>2.174866458389173</c:v>
                </c:pt>
                <c:pt idx="1367">
                  <c:v>2.174866458389173</c:v>
                </c:pt>
                <c:pt idx="1368">
                  <c:v>1.9795905810946706</c:v>
                </c:pt>
                <c:pt idx="1369">
                  <c:v>1.9795905810946706</c:v>
                </c:pt>
                <c:pt idx="1370">
                  <c:v>1.9795905810946706</c:v>
                </c:pt>
                <c:pt idx="1371">
                  <c:v>1.9795905810946706</c:v>
                </c:pt>
                <c:pt idx="1372">
                  <c:v>1.9795905810946706</c:v>
                </c:pt>
                <c:pt idx="1373">
                  <c:v>1.9795905810946706</c:v>
                </c:pt>
                <c:pt idx="1374">
                  <c:v>1.9795905810946706</c:v>
                </c:pt>
                <c:pt idx="1375">
                  <c:v>8.4739710406764441</c:v>
                </c:pt>
                <c:pt idx="1376">
                  <c:v>9.5332174207610016</c:v>
                </c:pt>
                <c:pt idx="1377">
                  <c:v>10.592463800845556</c:v>
                </c:pt>
                <c:pt idx="1378">
                  <c:v>10.592463800845556</c:v>
                </c:pt>
                <c:pt idx="1379">
                  <c:v>12.710956561014667</c:v>
                </c:pt>
                <c:pt idx="1380">
                  <c:v>12.710956561014667</c:v>
                </c:pt>
                <c:pt idx="1381">
                  <c:v>8.4739710406764441</c:v>
                </c:pt>
                <c:pt idx="1382">
                  <c:v>12.710956561014667</c:v>
                </c:pt>
                <c:pt idx="1383">
                  <c:v>12.710956561014667</c:v>
                </c:pt>
                <c:pt idx="1384">
                  <c:v>8.1563120300802101</c:v>
                </c:pt>
                <c:pt idx="1385">
                  <c:v>3.6130328228160744</c:v>
                </c:pt>
                <c:pt idx="1386">
                  <c:v>2.3115592453909457</c:v>
                </c:pt>
                <c:pt idx="1387">
                  <c:v>2.3115592453909457</c:v>
                </c:pt>
                <c:pt idx="1388">
                  <c:v>2.3115592453909457</c:v>
                </c:pt>
                <c:pt idx="1389">
                  <c:v>2.3115592453909457</c:v>
                </c:pt>
                <c:pt idx="1390">
                  <c:v>2.3115592453909457</c:v>
                </c:pt>
                <c:pt idx="1391">
                  <c:v>2.3115592453909457</c:v>
                </c:pt>
                <c:pt idx="1392">
                  <c:v>1.599651476075671</c:v>
                </c:pt>
                <c:pt idx="1393">
                  <c:v>2.1169214897524817</c:v>
                </c:pt>
                <c:pt idx="1394">
                  <c:v>2.1169214897524817</c:v>
                </c:pt>
                <c:pt idx="1395">
                  <c:v>2.1169214897524817</c:v>
                </c:pt>
                <c:pt idx="1396">
                  <c:v>2.1169214897524817</c:v>
                </c:pt>
                <c:pt idx="1397">
                  <c:v>2.1169214897524817</c:v>
                </c:pt>
                <c:pt idx="1398">
                  <c:v>2.1169214897524817</c:v>
                </c:pt>
                <c:pt idx="1399">
                  <c:v>8.1069579428037031</c:v>
                </c:pt>
                <c:pt idx="1400">
                  <c:v>9.0456583361809759</c:v>
                </c:pt>
                <c:pt idx="1401">
                  <c:v>9.9843587295582488</c:v>
                </c:pt>
                <c:pt idx="1402">
                  <c:v>9.9843587295582488</c:v>
                </c:pt>
                <c:pt idx="1403">
                  <c:v>11.947095915710721</c:v>
                </c:pt>
                <c:pt idx="1404">
                  <c:v>11.947095915710721</c:v>
                </c:pt>
                <c:pt idx="1405">
                  <c:v>7.9362851440078366</c:v>
                </c:pt>
                <c:pt idx="1406">
                  <c:v>11.947095915710721</c:v>
                </c:pt>
                <c:pt idx="1407">
                  <c:v>11.947095915710721</c:v>
                </c:pt>
                <c:pt idx="1408">
                  <c:v>7.6810211132771808</c:v>
                </c:pt>
                <c:pt idx="1409">
                  <c:v>4.0770559155301713</c:v>
                </c:pt>
                <c:pt idx="1410">
                  <c:v>2.163946036450374</c:v>
                </c:pt>
                <c:pt idx="1411">
                  <c:v>2.163946036450374</c:v>
                </c:pt>
                <c:pt idx="1412">
                  <c:v>2.163946036450374</c:v>
                </c:pt>
                <c:pt idx="1413">
                  <c:v>2.163946036450374</c:v>
                </c:pt>
                <c:pt idx="1414">
                  <c:v>2.163946036450374</c:v>
                </c:pt>
                <c:pt idx="1415">
                  <c:v>2.163946036450374</c:v>
                </c:pt>
                <c:pt idx="1416">
                  <c:v>2.0286849788538528</c:v>
                </c:pt>
                <c:pt idx="1417">
                  <c:v>2.0286849788538528</c:v>
                </c:pt>
                <c:pt idx="1418">
                  <c:v>2.0286849788538528</c:v>
                </c:pt>
                <c:pt idx="1419">
                  <c:v>2.0286849788538528</c:v>
                </c:pt>
                <c:pt idx="1420">
                  <c:v>2.0286849788538528</c:v>
                </c:pt>
                <c:pt idx="1421">
                  <c:v>2.0286849788538528</c:v>
                </c:pt>
                <c:pt idx="1422">
                  <c:v>2.0286849788538528</c:v>
                </c:pt>
                <c:pt idx="1423">
                  <c:v>7.5542414151369783</c:v>
                </c:pt>
                <c:pt idx="1424">
                  <c:v>8.4289430526791556</c:v>
                </c:pt>
                <c:pt idx="1425">
                  <c:v>9.3036446902213328</c:v>
                </c:pt>
                <c:pt idx="1426">
                  <c:v>9.3036446902213328</c:v>
                </c:pt>
                <c:pt idx="1427">
                  <c:v>11.132566295991335</c:v>
                </c:pt>
                <c:pt idx="1428">
                  <c:v>11.132566295991335</c:v>
                </c:pt>
                <c:pt idx="1429">
                  <c:v>7.3952047537656744</c:v>
                </c:pt>
                <c:pt idx="1430">
                  <c:v>11.132566295991335</c:v>
                </c:pt>
                <c:pt idx="1431">
                  <c:v>11.132566295991335</c:v>
                </c:pt>
                <c:pt idx="1432">
                  <c:v>7.1145338957044268</c:v>
                </c:pt>
                <c:pt idx="1433">
                  <c:v>3.7291073226462452</c:v>
                </c:pt>
                <c:pt idx="1434">
                  <c:v>2.0286849788538528</c:v>
                </c:pt>
                <c:pt idx="1435">
                  <c:v>2.0286849788538528</c:v>
                </c:pt>
                <c:pt idx="1436">
                  <c:v>2.0286849788538528</c:v>
                </c:pt>
                <c:pt idx="1437">
                  <c:v>2.0286849788538528</c:v>
                </c:pt>
                <c:pt idx="1438">
                  <c:v>2.0286849788538528</c:v>
                </c:pt>
                <c:pt idx="1439">
                  <c:v>2.0286849788538528</c:v>
                </c:pt>
                <c:pt idx="1440">
                  <c:v>1.763176744062503</c:v>
                </c:pt>
                <c:pt idx="1441">
                  <c:v>1.763176744062503</c:v>
                </c:pt>
                <c:pt idx="1442">
                  <c:v>1.763176744062503</c:v>
                </c:pt>
                <c:pt idx="1443">
                  <c:v>1.763176744062503</c:v>
                </c:pt>
                <c:pt idx="1444">
                  <c:v>1.763176744062503</c:v>
                </c:pt>
                <c:pt idx="1445">
                  <c:v>1.763176744062503</c:v>
                </c:pt>
                <c:pt idx="1446">
                  <c:v>1.763176744062503</c:v>
                </c:pt>
                <c:pt idx="1447">
                  <c:v>6.663475625012393</c:v>
                </c:pt>
                <c:pt idx="1448">
                  <c:v>7.4350359605401453</c:v>
                </c:pt>
                <c:pt idx="1449">
                  <c:v>8.2065962960678966</c:v>
                </c:pt>
                <c:pt idx="1450">
                  <c:v>8.2065962960678966</c:v>
                </c:pt>
                <c:pt idx="1451">
                  <c:v>9.8198588158077378</c:v>
                </c:pt>
                <c:pt idx="1452">
                  <c:v>9.8198588158077378</c:v>
                </c:pt>
                <c:pt idx="1453">
                  <c:v>6.5231919276437127</c:v>
                </c:pt>
                <c:pt idx="1454">
                  <c:v>9.8198588158077378</c:v>
                </c:pt>
                <c:pt idx="1455">
                  <c:v>9.8198588158077378</c:v>
                </c:pt>
                <c:pt idx="1456">
                  <c:v>6.1949745898609425</c:v>
                </c:pt>
                <c:pt idx="1457">
                  <c:v>3.1541997826399788</c:v>
                </c:pt>
                <c:pt idx="1458">
                  <c:v>1.763176744062503</c:v>
                </c:pt>
                <c:pt idx="1459">
                  <c:v>1.763176744062503</c:v>
                </c:pt>
                <c:pt idx="1460">
                  <c:v>1.763176744062503</c:v>
                </c:pt>
                <c:pt idx="1461">
                  <c:v>1.763176744062503</c:v>
                </c:pt>
                <c:pt idx="1462">
                  <c:v>1.763176744062503</c:v>
                </c:pt>
                <c:pt idx="1463">
                  <c:v>1.763176744062503</c:v>
                </c:pt>
                <c:pt idx="1464">
                  <c:v>2.4651725197258156</c:v>
                </c:pt>
                <c:pt idx="1465">
                  <c:v>1.6492817808495777</c:v>
                </c:pt>
                <c:pt idx="1466">
                  <c:v>1.6492817808495777</c:v>
                </c:pt>
                <c:pt idx="1467">
                  <c:v>1.6492817808495777</c:v>
                </c:pt>
                <c:pt idx="1468">
                  <c:v>1.6492817808495777</c:v>
                </c:pt>
                <c:pt idx="1469">
                  <c:v>1.6492817808495777</c:v>
                </c:pt>
                <c:pt idx="1470">
                  <c:v>1.6492817808495777</c:v>
                </c:pt>
                <c:pt idx="1471">
                  <c:v>6.4150121163662011</c:v>
                </c:pt>
                <c:pt idx="1472">
                  <c:v>8.0187651454577509</c:v>
                </c:pt>
                <c:pt idx="1473">
                  <c:v>8.8206416600035258</c:v>
                </c:pt>
                <c:pt idx="1474">
                  <c:v>8.8206416600035258</c:v>
                </c:pt>
                <c:pt idx="1475">
                  <c:v>10.424394689095077</c:v>
                </c:pt>
                <c:pt idx="1476">
                  <c:v>10.424394689095077</c:v>
                </c:pt>
                <c:pt idx="1477">
                  <c:v>7.2168886309119769</c:v>
                </c:pt>
                <c:pt idx="1478">
                  <c:v>10.424394689095077</c:v>
                </c:pt>
                <c:pt idx="1479">
                  <c:v>8.1522388623856852</c:v>
                </c:pt>
                <c:pt idx="1480">
                  <c:v>4.4092195598266581</c:v>
                </c:pt>
                <c:pt idx="1481">
                  <c:v>3.1388969956477664</c:v>
                </c:pt>
                <c:pt idx="1482">
                  <c:v>1.7120426069169803</c:v>
                </c:pt>
                <c:pt idx="1483">
                  <c:v>1.6492817808495777</c:v>
                </c:pt>
                <c:pt idx="1484">
                  <c:v>1.6492817808495777</c:v>
                </c:pt>
                <c:pt idx="1485">
                  <c:v>1.6492817808495777</c:v>
                </c:pt>
                <c:pt idx="1486">
                  <c:v>1.6492817808495777</c:v>
                </c:pt>
                <c:pt idx="1487">
                  <c:v>1.6492817808495777</c:v>
                </c:pt>
                <c:pt idx="1488">
                  <c:v>1.6971966317499403</c:v>
                </c:pt>
                <c:pt idx="1489">
                  <c:v>1.6020824987287865</c:v>
                </c:pt>
                <c:pt idx="1490">
                  <c:v>1.6020824987287865</c:v>
                </c:pt>
                <c:pt idx="1491">
                  <c:v>1.6020824987287865</c:v>
                </c:pt>
                <c:pt idx="1492">
                  <c:v>1.6020824987287865</c:v>
                </c:pt>
                <c:pt idx="1493">
                  <c:v>1.6055783584433929</c:v>
                </c:pt>
                <c:pt idx="1494">
                  <c:v>1.6101229760723814</c:v>
                </c:pt>
                <c:pt idx="1495">
                  <c:v>1.613269249815527</c:v>
                </c:pt>
                <c:pt idx="1496">
                  <c:v>1.613269249815527</c:v>
                </c:pt>
                <c:pt idx="1497">
                  <c:v>1.613269249815527</c:v>
                </c:pt>
                <c:pt idx="1498">
                  <c:v>1.613269249815527</c:v>
                </c:pt>
                <c:pt idx="1499">
                  <c:v>1.613269249815527</c:v>
                </c:pt>
                <c:pt idx="1500">
                  <c:v>1.613269249815527</c:v>
                </c:pt>
                <c:pt idx="1501">
                  <c:v>1.613269249815527</c:v>
                </c:pt>
                <c:pt idx="1502">
                  <c:v>1.613269249815527</c:v>
                </c:pt>
                <c:pt idx="1503">
                  <c:v>1.6108221480153024</c:v>
                </c:pt>
                <c:pt idx="1504">
                  <c:v>1.6087246321865387</c:v>
                </c:pt>
                <c:pt idx="1505">
                  <c:v>1.6066271163577748</c:v>
                </c:pt>
                <c:pt idx="1506">
                  <c:v>1.6059279444148535</c:v>
                </c:pt>
                <c:pt idx="1507">
                  <c:v>1.6024320847002471</c:v>
                </c:pt>
                <c:pt idx="1508">
                  <c:v>1.5985866390141801</c:v>
                </c:pt>
                <c:pt idx="1509">
                  <c:v>1.5985866390141801</c:v>
                </c:pt>
                <c:pt idx="1510">
                  <c:v>1.5985866390141801</c:v>
                </c:pt>
                <c:pt idx="1511">
                  <c:v>1.5985866390141801</c:v>
                </c:pt>
                <c:pt idx="1512">
                  <c:v>1.9027653971180896</c:v>
                </c:pt>
                <c:pt idx="1513">
                  <c:v>1.9053241680549444</c:v>
                </c:pt>
                <c:pt idx="1514">
                  <c:v>1.9053241680549444</c:v>
                </c:pt>
                <c:pt idx="1515">
                  <c:v>1.9053241680549444</c:v>
                </c:pt>
                <c:pt idx="1516">
                  <c:v>1.9053241680549444</c:v>
                </c:pt>
                <c:pt idx="1517">
                  <c:v>1.9099299557412834</c:v>
                </c:pt>
                <c:pt idx="1518">
                  <c:v>1.9140239892402513</c:v>
                </c:pt>
                <c:pt idx="1519">
                  <c:v>1.919141531113961</c:v>
                </c:pt>
                <c:pt idx="1520">
                  <c:v>1.919141531113961</c:v>
                </c:pt>
                <c:pt idx="1521">
                  <c:v>1.919141531113961</c:v>
                </c:pt>
                <c:pt idx="1522">
                  <c:v>1.919141531113961</c:v>
                </c:pt>
                <c:pt idx="1523">
                  <c:v>1.919141531113961</c:v>
                </c:pt>
                <c:pt idx="1524">
                  <c:v>1.919141531113961</c:v>
                </c:pt>
                <c:pt idx="1525">
                  <c:v>1.919141531113961</c:v>
                </c:pt>
                <c:pt idx="1526">
                  <c:v>1.919141531113961</c:v>
                </c:pt>
                <c:pt idx="1527">
                  <c:v>1.9155592518023643</c:v>
                </c:pt>
                <c:pt idx="1528">
                  <c:v>1.9150474976149934</c:v>
                </c:pt>
                <c:pt idx="1529">
                  <c:v>1.9109534641160253</c:v>
                </c:pt>
                <c:pt idx="1530">
                  <c:v>1.9094182015539125</c:v>
                </c:pt>
                <c:pt idx="1531">
                  <c:v>1.9058359222423156</c:v>
                </c:pt>
                <c:pt idx="1532">
                  <c:v>1.9027653971180896</c:v>
                </c:pt>
                <c:pt idx="1533">
                  <c:v>1.9007183803686056</c:v>
                </c:pt>
                <c:pt idx="1534">
                  <c:v>1.9007183803686056</c:v>
                </c:pt>
                <c:pt idx="1535">
                  <c:v>1.9007183803686056</c:v>
                </c:pt>
                <c:pt idx="1536">
                  <c:v>1.6100882763076745</c:v>
                </c:pt>
                <c:pt idx="1537">
                  <c:v>1.6100882763076745</c:v>
                </c:pt>
                <c:pt idx="1538">
                  <c:v>1.6100882763076745</c:v>
                </c:pt>
                <c:pt idx="1539">
                  <c:v>1.6100882763076745</c:v>
                </c:pt>
                <c:pt idx="1540">
                  <c:v>1.6100882763076745</c:v>
                </c:pt>
                <c:pt idx="1541">
                  <c:v>1.6100882763076745</c:v>
                </c:pt>
                <c:pt idx="1542">
                  <c:v>1.6100882763076745</c:v>
                </c:pt>
                <c:pt idx="1543">
                  <c:v>6.8848864204174118</c:v>
                </c:pt>
                <c:pt idx="1544">
                  <c:v>7.745497222969588</c:v>
                </c:pt>
                <c:pt idx="1545">
                  <c:v>8.606108025521765</c:v>
                </c:pt>
                <c:pt idx="1546">
                  <c:v>8.606108025521765</c:v>
                </c:pt>
                <c:pt idx="1547">
                  <c:v>10.327329630626117</c:v>
                </c:pt>
                <c:pt idx="1548">
                  <c:v>10.327329630626117</c:v>
                </c:pt>
                <c:pt idx="1549">
                  <c:v>6.8848864204174118</c:v>
                </c:pt>
                <c:pt idx="1550">
                  <c:v>10.327329630626117</c:v>
                </c:pt>
                <c:pt idx="1551">
                  <c:v>10.327329630626117</c:v>
                </c:pt>
                <c:pt idx="1552">
                  <c:v>6.4939009535245287</c:v>
                </c:pt>
                <c:pt idx="1553">
                  <c:v>2.6676695995748076</c:v>
                </c:pt>
                <c:pt idx="1554">
                  <c:v>1.8381378147363228</c:v>
                </c:pt>
                <c:pt idx="1555">
                  <c:v>1.8381378147363228</c:v>
                </c:pt>
                <c:pt idx="1556">
                  <c:v>1.8381378147363228</c:v>
                </c:pt>
                <c:pt idx="1557">
                  <c:v>1.8381378147363228</c:v>
                </c:pt>
                <c:pt idx="1558">
                  <c:v>1.8381378147363228</c:v>
                </c:pt>
                <c:pt idx="1559">
                  <c:v>1.8381378147363228</c:v>
                </c:pt>
                <c:pt idx="1560">
                  <c:v>1.1889780619095782</c:v>
                </c:pt>
                <c:pt idx="1561">
                  <c:v>1.6305355973352174</c:v>
                </c:pt>
                <c:pt idx="1562">
                  <c:v>1.6305355973352174</c:v>
                </c:pt>
                <c:pt idx="1563">
                  <c:v>1.6305355973352174</c:v>
                </c:pt>
                <c:pt idx="1564">
                  <c:v>1.6305355973352174</c:v>
                </c:pt>
                <c:pt idx="1565">
                  <c:v>1.6305355973352174</c:v>
                </c:pt>
                <c:pt idx="1566">
                  <c:v>1.6305355973352174</c:v>
                </c:pt>
                <c:pt idx="1567">
                  <c:v>6.4118174821893179</c:v>
                </c:pt>
                <c:pt idx="1568">
                  <c:v>7.1542384538112396</c:v>
                </c:pt>
                <c:pt idx="1569">
                  <c:v>7.8966594254331612</c:v>
                </c:pt>
                <c:pt idx="1570">
                  <c:v>7.8966594254331612</c:v>
                </c:pt>
                <c:pt idx="1571">
                  <c:v>9.4489941842789964</c:v>
                </c:pt>
                <c:pt idx="1572">
                  <c:v>9.4489941842789964</c:v>
                </c:pt>
                <c:pt idx="1573">
                  <c:v>6.2768318509853325</c:v>
                </c:pt>
                <c:pt idx="1574">
                  <c:v>9.4489941842789964</c:v>
                </c:pt>
                <c:pt idx="1575">
                  <c:v>9.4489941842789964</c:v>
                </c:pt>
                <c:pt idx="1576">
                  <c:v>5.9303459577885205</c:v>
                </c:pt>
                <c:pt idx="1577">
                  <c:v>2.9825894079454285</c:v>
                </c:pt>
                <c:pt idx="1578">
                  <c:v>1.6706771914648206</c:v>
                </c:pt>
                <c:pt idx="1579">
                  <c:v>1.6706771914648206</c:v>
                </c:pt>
                <c:pt idx="1580">
                  <c:v>1.6706771914648206</c:v>
                </c:pt>
                <c:pt idx="1581">
                  <c:v>1.6706771914648206</c:v>
                </c:pt>
                <c:pt idx="1582">
                  <c:v>1.6706771914648206</c:v>
                </c:pt>
                <c:pt idx="1583">
                  <c:v>1.6706771914648206</c:v>
                </c:pt>
                <c:pt idx="1584">
                  <c:v>1.5793633507454139</c:v>
                </c:pt>
                <c:pt idx="1585">
                  <c:v>1.5793633507454139</c:v>
                </c:pt>
                <c:pt idx="1586">
                  <c:v>1.5793633507454139</c:v>
                </c:pt>
                <c:pt idx="1587">
                  <c:v>1.5793633507454139</c:v>
                </c:pt>
                <c:pt idx="1588">
                  <c:v>1.5793633507454139</c:v>
                </c:pt>
                <c:pt idx="1589">
                  <c:v>1.5793633507454139</c:v>
                </c:pt>
                <c:pt idx="1590">
                  <c:v>1.5793633507454139</c:v>
                </c:pt>
                <c:pt idx="1591">
                  <c:v>6.0467916164646027</c:v>
                </c:pt>
                <c:pt idx="1592">
                  <c:v>6.746946435213137</c:v>
                </c:pt>
                <c:pt idx="1593">
                  <c:v>7.4471012539616694</c:v>
                </c:pt>
                <c:pt idx="1594">
                  <c:v>7.4471012539616694</c:v>
                </c:pt>
                <c:pt idx="1595">
                  <c:v>8.9110613295267846</c:v>
                </c:pt>
                <c:pt idx="1596">
                  <c:v>8.9110613295267846</c:v>
                </c:pt>
                <c:pt idx="1597">
                  <c:v>5.9194907403285066</c:v>
                </c:pt>
                <c:pt idx="1598">
                  <c:v>8.9110613295267846</c:v>
                </c:pt>
                <c:pt idx="1599">
                  <c:v>8.9110613295267846</c:v>
                </c:pt>
                <c:pt idx="1600">
                  <c:v>5.5583566088923755</c:v>
                </c:pt>
                <c:pt idx="1601">
                  <c:v>2.7561868703279484</c:v>
                </c:pt>
                <c:pt idx="1602">
                  <c:v>1.5793633507454139</c:v>
                </c:pt>
                <c:pt idx="1603">
                  <c:v>1.5793633507454139</c:v>
                </c:pt>
                <c:pt idx="1604">
                  <c:v>1.5793633507454139</c:v>
                </c:pt>
                <c:pt idx="1605">
                  <c:v>1.5793633507454139</c:v>
                </c:pt>
                <c:pt idx="1606">
                  <c:v>1.5793633507454139</c:v>
                </c:pt>
                <c:pt idx="1607">
                  <c:v>1.5793633507454139</c:v>
                </c:pt>
                <c:pt idx="1608">
                  <c:v>1.2219484192955195</c:v>
                </c:pt>
                <c:pt idx="1609">
                  <c:v>1.2219484192955195</c:v>
                </c:pt>
                <c:pt idx="1610">
                  <c:v>1.2219484192955195</c:v>
                </c:pt>
                <c:pt idx="1611">
                  <c:v>1.2219484192955195</c:v>
                </c:pt>
                <c:pt idx="1612">
                  <c:v>1.2219484192955195</c:v>
                </c:pt>
                <c:pt idx="1613">
                  <c:v>1.2219484192955195</c:v>
                </c:pt>
                <c:pt idx="1614">
                  <c:v>1.2219484192955195</c:v>
                </c:pt>
                <c:pt idx="1615">
                  <c:v>4.8476838220661227</c:v>
                </c:pt>
                <c:pt idx="1616">
                  <c:v>5.4089945804106234</c:v>
                </c:pt>
                <c:pt idx="1617">
                  <c:v>5.9703053387551224</c:v>
                </c:pt>
                <c:pt idx="1618">
                  <c:v>5.9703053387551224</c:v>
                </c:pt>
                <c:pt idx="1619">
                  <c:v>7.143955106202708</c:v>
                </c:pt>
                <c:pt idx="1620">
                  <c:v>7.143955106202708</c:v>
                </c:pt>
                <c:pt idx="1621">
                  <c:v>4.7456273205489419</c:v>
                </c:pt>
                <c:pt idx="1622">
                  <c:v>7.143955106202708</c:v>
                </c:pt>
                <c:pt idx="1623">
                  <c:v>7.143955106202708</c:v>
                </c:pt>
                <c:pt idx="1624">
                  <c:v>4.3204883125646072</c:v>
                </c:pt>
                <c:pt idx="1625">
                  <c:v>1.9822728741656661</c:v>
                </c:pt>
                <c:pt idx="1626">
                  <c:v>1.2219484192955195</c:v>
                </c:pt>
                <c:pt idx="1627">
                  <c:v>1.2219484192955195</c:v>
                </c:pt>
                <c:pt idx="1628">
                  <c:v>1.2219484192955195</c:v>
                </c:pt>
                <c:pt idx="1629">
                  <c:v>1.2219484192955195</c:v>
                </c:pt>
                <c:pt idx="1630">
                  <c:v>1.2219484192955195</c:v>
                </c:pt>
                <c:pt idx="1631">
                  <c:v>1.2219484192955195</c:v>
                </c:pt>
                <c:pt idx="1632">
                  <c:v>1.8926492273988307</c:v>
                </c:pt>
                <c:pt idx="1633">
                  <c:v>1.2040816013903661</c:v>
                </c:pt>
                <c:pt idx="1634">
                  <c:v>1.2040816013903661</c:v>
                </c:pt>
                <c:pt idx="1635">
                  <c:v>1.2040816013903661</c:v>
                </c:pt>
                <c:pt idx="1636">
                  <c:v>1.2040816013903661</c:v>
                </c:pt>
                <c:pt idx="1637">
                  <c:v>1.2040816013903661</c:v>
                </c:pt>
                <c:pt idx="1638">
                  <c:v>1.2040816013903661</c:v>
                </c:pt>
                <c:pt idx="1639">
                  <c:v>4.9049834015821725</c:v>
                </c:pt>
                <c:pt idx="1640">
                  <c:v>6.1312292519777154</c:v>
                </c:pt>
                <c:pt idx="1641">
                  <c:v>6.7443521771754869</c:v>
                </c:pt>
                <c:pt idx="1642">
                  <c:v>6.7443521771754869</c:v>
                </c:pt>
                <c:pt idx="1643">
                  <c:v>7.9705980275710315</c:v>
                </c:pt>
                <c:pt idx="1644">
                  <c:v>7.9705980275710315</c:v>
                </c:pt>
                <c:pt idx="1645">
                  <c:v>5.5181063267799448</c:v>
                </c:pt>
                <c:pt idx="1646">
                  <c:v>7.9705980275710315</c:v>
                </c:pt>
                <c:pt idx="1647">
                  <c:v>6.1802563912531685</c:v>
                </c:pt>
                <c:pt idx="1648">
                  <c:v>3.1152621590661713</c:v>
                </c:pt>
                <c:pt idx="1649">
                  <c:v>2.140119549455878</c:v>
                </c:pt>
                <c:pt idx="1650">
                  <c:v>1.2570483418525555</c:v>
                </c:pt>
                <c:pt idx="1651">
                  <c:v>1.2040816013903661</c:v>
                </c:pt>
                <c:pt idx="1652">
                  <c:v>1.2040816013903661</c:v>
                </c:pt>
                <c:pt idx="1653">
                  <c:v>1.2040816013903661</c:v>
                </c:pt>
                <c:pt idx="1654">
                  <c:v>1.2040816013903661</c:v>
                </c:pt>
                <c:pt idx="1655">
                  <c:v>1.2040816013903661</c:v>
                </c:pt>
                <c:pt idx="1656">
                  <c:v>1.5482105591288635</c:v>
                </c:pt>
                <c:pt idx="1657">
                  <c:v>1.4588293703041908</c:v>
                </c:pt>
                <c:pt idx="1658">
                  <c:v>1.4588293703041908</c:v>
                </c:pt>
                <c:pt idx="1659">
                  <c:v>1.4588293703041908</c:v>
                </c:pt>
                <c:pt idx="1660">
                  <c:v>1.4588293703041908</c:v>
                </c:pt>
                <c:pt idx="1661">
                  <c:v>1.4618418995678444</c:v>
                </c:pt>
                <c:pt idx="1662">
                  <c:v>1.4657581876105943</c:v>
                </c:pt>
                <c:pt idx="1663">
                  <c:v>1.4684694639478828</c:v>
                </c:pt>
                <c:pt idx="1664">
                  <c:v>1.4684694639478828</c:v>
                </c:pt>
                <c:pt idx="1665">
                  <c:v>1.4684694639478828</c:v>
                </c:pt>
                <c:pt idx="1666">
                  <c:v>1.4684694639478828</c:v>
                </c:pt>
                <c:pt idx="1667">
                  <c:v>1.4684694639478828</c:v>
                </c:pt>
                <c:pt idx="1668">
                  <c:v>1.4684694639478828</c:v>
                </c:pt>
                <c:pt idx="1669">
                  <c:v>1.4684694639478828</c:v>
                </c:pt>
                <c:pt idx="1670">
                  <c:v>1.4684694639478828</c:v>
                </c:pt>
                <c:pt idx="1671">
                  <c:v>1.4663606934633251</c:v>
                </c:pt>
                <c:pt idx="1672">
                  <c:v>1.4645531759051329</c:v>
                </c:pt>
                <c:pt idx="1673">
                  <c:v>1.4627456583469407</c:v>
                </c:pt>
                <c:pt idx="1674">
                  <c:v>1.4621431524942099</c:v>
                </c:pt>
                <c:pt idx="1675">
                  <c:v>1.4591306232305561</c:v>
                </c:pt>
                <c:pt idx="1676">
                  <c:v>1.4558168410405368</c:v>
                </c:pt>
                <c:pt idx="1677">
                  <c:v>1.4558168410405368</c:v>
                </c:pt>
                <c:pt idx="1678">
                  <c:v>1.4558168410405368</c:v>
                </c:pt>
                <c:pt idx="1679">
                  <c:v>1.4558168410405368</c:v>
                </c:pt>
                <c:pt idx="1680">
                  <c:v>1.8550142282318074</c:v>
                </c:pt>
                <c:pt idx="1681">
                  <c:v>1.8574814463261502</c:v>
                </c:pt>
                <c:pt idx="1682">
                  <c:v>1.8574814463261502</c:v>
                </c:pt>
                <c:pt idx="1683">
                  <c:v>1.8574814463261502</c:v>
                </c:pt>
                <c:pt idx="1684">
                  <c:v>1.8574814463261502</c:v>
                </c:pt>
                <c:pt idx="1685">
                  <c:v>1.8619224388959676</c:v>
                </c:pt>
                <c:pt idx="1686">
                  <c:v>1.8658699878469163</c:v>
                </c:pt>
                <c:pt idx="1687">
                  <c:v>1.8708044240356021</c:v>
                </c:pt>
                <c:pt idx="1688">
                  <c:v>1.8708044240356021</c:v>
                </c:pt>
                <c:pt idx="1689">
                  <c:v>1.8708044240356021</c:v>
                </c:pt>
                <c:pt idx="1690">
                  <c:v>1.8708044240356021</c:v>
                </c:pt>
                <c:pt idx="1691">
                  <c:v>1.8708044240356021</c:v>
                </c:pt>
                <c:pt idx="1692">
                  <c:v>1.8708044240356021</c:v>
                </c:pt>
                <c:pt idx="1693">
                  <c:v>1.8708044240356021</c:v>
                </c:pt>
                <c:pt idx="1694">
                  <c:v>1.8708044240356021</c:v>
                </c:pt>
                <c:pt idx="1695">
                  <c:v>1.8673503187035221</c:v>
                </c:pt>
                <c:pt idx="1696">
                  <c:v>1.8668568750846533</c:v>
                </c:pt>
                <c:pt idx="1697">
                  <c:v>1.8629093261337046</c:v>
                </c:pt>
                <c:pt idx="1698">
                  <c:v>1.861428995277099</c:v>
                </c:pt>
                <c:pt idx="1699">
                  <c:v>1.8579748899450188</c:v>
                </c:pt>
                <c:pt idx="1700">
                  <c:v>1.8550142282318074</c:v>
                </c:pt>
                <c:pt idx="1701">
                  <c:v>1.8530404537563332</c:v>
                </c:pt>
                <c:pt idx="1702">
                  <c:v>1.8530404537563332</c:v>
                </c:pt>
                <c:pt idx="1703">
                  <c:v>1.8530404537563332</c:v>
                </c:pt>
                <c:pt idx="1704">
                  <c:v>1.1961928980171017</c:v>
                </c:pt>
                <c:pt idx="1705">
                  <c:v>1.1961928980171017</c:v>
                </c:pt>
                <c:pt idx="1706">
                  <c:v>1.1961928980171017</c:v>
                </c:pt>
                <c:pt idx="1707">
                  <c:v>1.1961928980171017</c:v>
                </c:pt>
                <c:pt idx="1708">
                  <c:v>1.1961928980171017</c:v>
                </c:pt>
                <c:pt idx="1709">
                  <c:v>1.1961928980171017</c:v>
                </c:pt>
                <c:pt idx="1710">
                  <c:v>1.1961928980171017</c:v>
                </c:pt>
                <c:pt idx="1711">
                  <c:v>5.1046866667842865</c:v>
                </c:pt>
                <c:pt idx="1712">
                  <c:v>5.7427725001323218</c:v>
                </c:pt>
                <c:pt idx="1713">
                  <c:v>6.3808583334803579</c:v>
                </c:pt>
                <c:pt idx="1714">
                  <c:v>6.3808583334803579</c:v>
                </c:pt>
                <c:pt idx="1715">
                  <c:v>7.6570300001764284</c:v>
                </c:pt>
                <c:pt idx="1716">
                  <c:v>7.6570300001764284</c:v>
                </c:pt>
                <c:pt idx="1717">
                  <c:v>5.1046866667842865</c:v>
                </c:pt>
                <c:pt idx="1718">
                  <c:v>7.6570300001764284</c:v>
                </c:pt>
                <c:pt idx="1719">
                  <c:v>7.6570300001764284</c:v>
                </c:pt>
                <c:pt idx="1720">
                  <c:v>4.6280025307559791</c:v>
                </c:pt>
                <c:pt idx="1721">
                  <c:v>1.6014486505664833</c:v>
                </c:pt>
                <c:pt idx="1722">
                  <c:v>1.3067111221525074</c:v>
                </c:pt>
                <c:pt idx="1723">
                  <c:v>1.3067111221525074</c:v>
                </c:pt>
                <c:pt idx="1724">
                  <c:v>1.3067111221525074</c:v>
                </c:pt>
                <c:pt idx="1725">
                  <c:v>1.3067111221525074</c:v>
                </c:pt>
                <c:pt idx="1726">
                  <c:v>1.3067111221525074</c:v>
                </c:pt>
                <c:pt idx="1727">
                  <c:v>1.3067111221525074</c:v>
                </c:pt>
                <c:pt idx="1728">
                  <c:v>0.88725881884877511</c:v>
                </c:pt>
                <c:pt idx="1729">
                  <c:v>1.2731908600490633</c:v>
                </c:pt>
                <c:pt idx="1730">
                  <c:v>1.2731908600490633</c:v>
                </c:pt>
                <c:pt idx="1731">
                  <c:v>1.2731908600490633</c:v>
                </c:pt>
                <c:pt idx="1732">
                  <c:v>1.2731908600490633</c:v>
                </c:pt>
                <c:pt idx="1733">
                  <c:v>1.2731908600490633</c:v>
                </c:pt>
                <c:pt idx="1734">
                  <c:v>1.2731908600490633</c:v>
                </c:pt>
                <c:pt idx="1735">
                  <c:v>5.1664081641869117</c:v>
                </c:pt>
                <c:pt idx="1736">
                  <c:v>5.7646238463559225</c:v>
                </c:pt>
                <c:pt idx="1737">
                  <c:v>6.3628395285249333</c:v>
                </c:pt>
                <c:pt idx="1738">
                  <c:v>6.3628395285249333</c:v>
                </c:pt>
                <c:pt idx="1739">
                  <c:v>7.6136541366965016</c:v>
                </c:pt>
                <c:pt idx="1740">
                  <c:v>7.6136541366965016</c:v>
                </c:pt>
                <c:pt idx="1741">
                  <c:v>5.0576416765198182</c:v>
                </c:pt>
                <c:pt idx="1742">
                  <c:v>7.6136541366965016</c:v>
                </c:pt>
                <c:pt idx="1743">
                  <c:v>7.6136541366965016</c:v>
                </c:pt>
                <c:pt idx="1744">
                  <c:v>4.6441356394703197</c:v>
                </c:pt>
                <c:pt idx="1745">
                  <c:v>2.1784915656382702</c:v>
                </c:pt>
                <c:pt idx="1746">
                  <c:v>1.3082755910672716</c:v>
                </c:pt>
                <c:pt idx="1747">
                  <c:v>1.3082755910672716</c:v>
                </c:pt>
                <c:pt idx="1748">
                  <c:v>1.3082755910672716</c:v>
                </c:pt>
                <c:pt idx="1749">
                  <c:v>1.3082755910672716</c:v>
                </c:pt>
                <c:pt idx="1750">
                  <c:v>1.3082755910672716</c:v>
                </c:pt>
                <c:pt idx="1751">
                  <c:v>1.3082755910672716</c:v>
                </c:pt>
                <c:pt idx="1752">
                  <c:v>1.6202107714825449</c:v>
                </c:pt>
                <c:pt idx="1753">
                  <c:v>1.6202107714825449</c:v>
                </c:pt>
                <c:pt idx="1754">
                  <c:v>1.6202107714825449</c:v>
                </c:pt>
                <c:pt idx="1755">
                  <c:v>1.6202107714825449</c:v>
                </c:pt>
                <c:pt idx="1756">
                  <c:v>1.6202107714825449</c:v>
                </c:pt>
                <c:pt idx="1757">
                  <c:v>1.6202107714825449</c:v>
                </c:pt>
                <c:pt idx="1758">
                  <c:v>1.6202107714825449</c:v>
                </c:pt>
                <c:pt idx="1759">
                  <c:v>6.1838325072530003</c:v>
                </c:pt>
                <c:pt idx="1760">
                  <c:v>6.8998552186191384</c:v>
                </c:pt>
                <c:pt idx="1761">
                  <c:v>7.6158779299852757</c:v>
                </c:pt>
                <c:pt idx="1762">
                  <c:v>7.6158779299852757</c:v>
                </c:pt>
                <c:pt idx="1763">
                  <c:v>9.113016326478105</c:v>
                </c:pt>
                <c:pt idx="1764">
                  <c:v>9.113016326478105</c:v>
                </c:pt>
                <c:pt idx="1765">
                  <c:v>6.0536465597318863</c:v>
                </c:pt>
                <c:pt idx="1766">
                  <c:v>9.113016326478105</c:v>
                </c:pt>
                <c:pt idx="1767">
                  <c:v>9.113016326478105</c:v>
                </c:pt>
                <c:pt idx="1768">
                  <c:v>5.6998272713298341</c:v>
                </c:pt>
                <c:pt idx="1769">
                  <c:v>2.8446341841750664</c:v>
                </c:pt>
                <c:pt idx="1770">
                  <c:v>1.6202107714825449</c:v>
                </c:pt>
                <c:pt idx="1771">
                  <c:v>1.6202107714825449</c:v>
                </c:pt>
                <c:pt idx="1772">
                  <c:v>1.6202107714825449</c:v>
                </c:pt>
                <c:pt idx="1773">
                  <c:v>1.6202107714825449</c:v>
                </c:pt>
                <c:pt idx="1774">
                  <c:v>1.6202107714825449</c:v>
                </c:pt>
                <c:pt idx="1775">
                  <c:v>1.6202107714825449</c:v>
                </c:pt>
                <c:pt idx="1776">
                  <c:v>1.8959308614581782</c:v>
                </c:pt>
                <c:pt idx="1777">
                  <c:v>1.8959308614581782</c:v>
                </c:pt>
                <c:pt idx="1778">
                  <c:v>1.8959308614581782</c:v>
                </c:pt>
                <c:pt idx="1779">
                  <c:v>1.8959308614581782</c:v>
                </c:pt>
                <c:pt idx="1780">
                  <c:v>1.8959308614581782</c:v>
                </c:pt>
                <c:pt idx="1781">
                  <c:v>1.8959308614581782</c:v>
                </c:pt>
                <c:pt idx="1782">
                  <c:v>1.8959308614581782</c:v>
                </c:pt>
                <c:pt idx="1783">
                  <c:v>7.1088585200746852</c:v>
                </c:pt>
                <c:pt idx="1784">
                  <c:v>7.93198950660965</c:v>
                </c:pt>
                <c:pt idx="1785">
                  <c:v>8.7551204931446147</c:v>
                </c:pt>
                <c:pt idx="1786">
                  <c:v>8.7551204931446147</c:v>
                </c:pt>
                <c:pt idx="1787">
                  <c:v>10.476212555899536</c:v>
                </c:pt>
                <c:pt idx="1788">
                  <c:v>10.476212555899536</c:v>
                </c:pt>
                <c:pt idx="1789">
                  <c:v>6.9591983407046936</c:v>
                </c:pt>
                <c:pt idx="1790">
                  <c:v>10.476212555899536</c:v>
                </c:pt>
                <c:pt idx="1791">
                  <c:v>10.476212555899536</c:v>
                </c:pt>
                <c:pt idx="1792">
                  <c:v>6.6547542427826851</c:v>
                </c:pt>
                <c:pt idx="1793">
                  <c:v>3.4416535526431127</c:v>
                </c:pt>
                <c:pt idx="1794">
                  <c:v>1.8959308614581782</c:v>
                </c:pt>
                <c:pt idx="1795">
                  <c:v>1.8959308614581782</c:v>
                </c:pt>
                <c:pt idx="1796">
                  <c:v>1.8959308614581782</c:v>
                </c:pt>
                <c:pt idx="1797">
                  <c:v>1.8959308614581782</c:v>
                </c:pt>
                <c:pt idx="1798">
                  <c:v>1.8959308614581782</c:v>
                </c:pt>
                <c:pt idx="1799">
                  <c:v>1.8959308614581782</c:v>
                </c:pt>
                <c:pt idx="1800">
                  <c:v>2.2909263003219507</c:v>
                </c:pt>
                <c:pt idx="1801">
                  <c:v>1.5137860740576434</c:v>
                </c:pt>
                <c:pt idx="1802">
                  <c:v>1.5137860740576434</c:v>
                </c:pt>
                <c:pt idx="1803">
                  <c:v>1.5137860740576434</c:v>
                </c:pt>
                <c:pt idx="1804">
                  <c:v>1.5137860740576434</c:v>
                </c:pt>
                <c:pt idx="1805">
                  <c:v>1.5137860740576434</c:v>
                </c:pt>
                <c:pt idx="1806">
                  <c:v>1.5137860740576434</c:v>
                </c:pt>
                <c:pt idx="1807">
                  <c:v>5.9554381596928003</c:v>
                </c:pt>
                <c:pt idx="1808">
                  <c:v>7.4442976996160004</c:v>
                </c:pt>
                <c:pt idx="1809">
                  <c:v>8.1887274695776</c:v>
                </c:pt>
                <c:pt idx="1810">
                  <c:v>8.1887274695776</c:v>
                </c:pt>
                <c:pt idx="1811">
                  <c:v>9.6775870095007992</c:v>
                </c:pt>
                <c:pt idx="1812">
                  <c:v>9.6775870095007992</c:v>
                </c:pt>
                <c:pt idx="1813">
                  <c:v>6.6998679296544008</c:v>
                </c:pt>
                <c:pt idx="1814">
                  <c:v>9.6775870095007992</c:v>
                </c:pt>
                <c:pt idx="1815">
                  <c:v>7.5520702842149188</c:v>
                </c:pt>
                <c:pt idx="1816">
                  <c:v>4.0154064378560745</c:v>
                </c:pt>
                <c:pt idx="1817">
                  <c:v>2.8349212511545829</c:v>
                </c:pt>
                <c:pt idx="1818">
                  <c:v>1.5735660914625902</c:v>
                </c:pt>
                <c:pt idx="1819">
                  <c:v>1.5137860740576434</c:v>
                </c:pt>
                <c:pt idx="1820">
                  <c:v>1.5137860740576434</c:v>
                </c:pt>
                <c:pt idx="1821">
                  <c:v>1.5137860740576434</c:v>
                </c:pt>
                <c:pt idx="1822">
                  <c:v>1.5137860740576434</c:v>
                </c:pt>
                <c:pt idx="1823">
                  <c:v>1.5137860740576434</c:v>
                </c:pt>
                <c:pt idx="1824">
                  <c:v>1.3868089804560302</c:v>
                </c:pt>
                <c:pt idx="1825">
                  <c:v>1.3036384811775448</c:v>
                </c:pt>
                <c:pt idx="1826">
                  <c:v>1.3036384811775448</c:v>
                </c:pt>
                <c:pt idx="1827">
                  <c:v>1.3036384811775448</c:v>
                </c:pt>
                <c:pt idx="1828">
                  <c:v>1.3036384811775448</c:v>
                </c:pt>
                <c:pt idx="1829">
                  <c:v>1.3061274024526666</c:v>
                </c:pt>
                <c:pt idx="1830">
                  <c:v>1.3093630001103249</c:v>
                </c:pt>
                <c:pt idx="1831">
                  <c:v>1.3116030292579346</c:v>
                </c:pt>
                <c:pt idx="1832">
                  <c:v>1.3116030292579346</c:v>
                </c:pt>
                <c:pt idx="1833">
                  <c:v>1.3116030292579346</c:v>
                </c:pt>
                <c:pt idx="1834">
                  <c:v>1.3116030292579346</c:v>
                </c:pt>
                <c:pt idx="1835">
                  <c:v>1.3116030292579346</c:v>
                </c:pt>
                <c:pt idx="1836">
                  <c:v>1.3116030292579346</c:v>
                </c:pt>
                <c:pt idx="1837">
                  <c:v>1.3116030292579346</c:v>
                </c:pt>
                <c:pt idx="1838">
                  <c:v>1.3116030292579346</c:v>
                </c:pt>
                <c:pt idx="1839">
                  <c:v>1.3098607843653491</c:v>
                </c:pt>
                <c:pt idx="1840">
                  <c:v>1.308367431600276</c:v>
                </c:pt>
                <c:pt idx="1841">
                  <c:v>1.3068740788352031</c:v>
                </c:pt>
                <c:pt idx="1842">
                  <c:v>1.3063762945801785</c:v>
                </c:pt>
                <c:pt idx="1843">
                  <c:v>1.3038873733050567</c:v>
                </c:pt>
                <c:pt idx="1844">
                  <c:v>1.3011495599024228</c:v>
                </c:pt>
                <c:pt idx="1845">
                  <c:v>1.3011495599024228</c:v>
                </c:pt>
                <c:pt idx="1846">
                  <c:v>1.3011495599024228</c:v>
                </c:pt>
                <c:pt idx="1847">
                  <c:v>1.3011495599024228</c:v>
                </c:pt>
                <c:pt idx="1848">
                  <c:v>1.3178135782611327</c:v>
                </c:pt>
                <c:pt idx="1849">
                  <c:v>1.3192508268772156</c:v>
                </c:pt>
                <c:pt idx="1850">
                  <c:v>1.3192508268772156</c:v>
                </c:pt>
                <c:pt idx="1851">
                  <c:v>1.3192508268772156</c:v>
                </c:pt>
                <c:pt idx="1852">
                  <c:v>1.3192508268772156</c:v>
                </c:pt>
                <c:pt idx="1853">
                  <c:v>1.3218378743861647</c:v>
                </c:pt>
                <c:pt idx="1854">
                  <c:v>1.3241374721718973</c:v>
                </c:pt>
                <c:pt idx="1855">
                  <c:v>1.327011969404063</c:v>
                </c:pt>
                <c:pt idx="1856">
                  <c:v>1.327011969404063</c:v>
                </c:pt>
                <c:pt idx="1857">
                  <c:v>1.327011969404063</c:v>
                </c:pt>
                <c:pt idx="1858">
                  <c:v>1.327011969404063</c:v>
                </c:pt>
                <c:pt idx="1859">
                  <c:v>1.327011969404063</c:v>
                </c:pt>
                <c:pt idx="1860">
                  <c:v>1.327011969404063</c:v>
                </c:pt>
                <c:pt idx="1861">
                  <c:v>1.327011969404063</c:v>
                </c:pt>
                <c:pt idx="1862">
                  <c:v>1.327011969404063</c:v>
                </c:pt>
                <c:pt idx="1863">
                  <c:v>1.3249998213415473</c:v>
                </c:pt>
                <c:pt idx="1864">
                  <c:v>1.3247123716183304</c:v>
                </c:pt>
                <c:pt idx="1865">
                  <c:v>1.3224127738325979</c:v>
                </c:pt>
                <c:pt idx="1866">
                  <c:v>1.3215504246629481</c:v>
                </c:pt>
                <c:pt idx="1867">
                  <c:v>1.3195382766004322</c:v>
                </c:pt>
                <c:pt idx="1868">
                  <c:v>1.3178135782611327</c:v>
                </c:pt>
                <c:pt idx="1869">
                  <c:v>1.3166637793682663</c:v>
                </c:pt>
                <c:pt idx="1870">
                  <c:v>1.3166637793682663</c:v>
                </c:pt>
                <c:pt idx="1871">
                  <c:v>1.3166637793682663</c:v>
                </c:pt>
                <c:pt idx="1872">
                  <c:v>1.0906901545312693</c:v>
                </c:pt>
                <c:pt idx="1873">
                  <c:v>1.0906901545312693</c:v>
                </c:pt>
                <c:pt idx="1874">
                  <c:v>1.0906901545312693</c:v>
                </c:pt>
                <c:pt idx="1875">
                  <c:v>1.0906901545312693</c:v>
                </c:pt>
                <c:pt idx="1876">
                  <c:v>1.0906901545312693</c:v>
                </c:pt>
                <c:pt idx="1877">
                  <c:v>1.0906901545312693</c:v>
                </c:pt>
                <c:pt idx="1878">
                  <c:v>1.0906901545312693</c:v>
                </c:pt>
                <c:pt idx="1879">
                  <c:v>4.6509102589954496</c:v>
                </c:pt>
                <c:pt idx="1880">
                  <c:v>5.2322740413698803</c:v>
                </c:pt>
                <c:pt idx="1881">
                  <c:v>5.8136378237443109</c:v>
                </c:pt>
                <c:pt idx="1882">
                  <c:v>5.8136378237443109</c:v>
                </c:pt>
                <c:pt idx="1883">
                  <c:v>6.9763653884931722</c:v>
                </c:pt>
                <c:pt idx="1884">
                  <c:v>6.9763653884931722</c:v>
                </c:pt>
                <c:pt idx="1885">
                  <c:v>4.6509102589954496</c:v>
                </c:pt>
                <c:pt idx="1886">
                  <c:v>6.9763653884931722</c:v>
                </c:pt>
                <c:pt idx="1887">
                  <c:v>6.9763653884931722</c:v>
                </c:pt>
                <c:pt idx="1888">
                  <c:v>4.1523813641679164</c:v>
                </c:pt>
                <c:pt idx="1889">
                  <c:v>1.3296668400349492</c:v>
                </c:pt>
                <c:pt idx="1890">
                  <c:v>1.17124941619977</c:v>
                </c:pt>
                <c:pt idx="1891">
                  <c:v>1.17124941619977</c:v>
                </c:pt>
                <c:pt idx="1892">
                  <c:v>1.17124941619977</c:v>
                </c:pt>
                <c:pt idx="1893">
                  <c:v>1.17124941619977</c:v>
                </c:pt>
                <c:pt idx="1894">
                  <c:v>1.17124941619977</c:v>
                </c:pt>
                <c:pt idx="1895">
                  <c:v>1.17124941619977</c:v>
                </c:pt>
                <c:pt idx="1896">
                  <c:v>0.73387270598636001</c:v>
                </c:pt>
                <c:pt idx="1897">
                  <c:v>1.0827210843697481</c:v>
                </c:pt>
                <c:pt idx="1898">
                  <c:v>1.0827210843697481</c:v>
                </c:pt>
                <c:pt idx="1899">
                  <c:v>1.0827210843697481</c:v>
                </c:pt>
                <c:pt idx="1900">
                  <c:v>1.0827210843697481</c:v>
                </c:pt>
                <c:pt idx="1901">
                  <c:v>1.0827210843697481</c:v>
                </c:pt>
                <c:pt idx="1902">
                  <c:v>1.0827210843697481</c:v>
                </c:pt>
                <c:pt idx="1903">
                  <c:v>4.4737150400865806</c:v>
                </c:pt>
                <c:pt idx="1904">
                  <c:v>4.9917241499913434</c:v>
                </c:pt>
                <c:pt idx="1905">
                  <c:v>5.5097332598961053</c:v>
                </c:pt>
                <c:pt idx="1906">
                  <c:v>5.5097332598961053</c:v>
                </c:pt>
                <c:pt idx="1907">
                  <c:v>6.5928432169696984</c:v>
                </c:pt>
                <c:pt idx="1908">
                  <c:v>6.5928432169696984</c:v>
                </c:pt>
                <c:pt idx="1909">
                  <c:v>4.3795315655584419</c:v>
                </c:pt>
                <c:pt idx="1910">
                  <c:v>6.5928432169696984</c:v>
                </c:pt>
                <c:pt idx="1911">
                  <c:v>6.5928432169696984</c:v>
                </c:pt>
                <c:pt idx="1912">
                  <c:v>3.9561332361697956</c:v>
                </c:pt>
                <c:pt idx="1913">
                  <c:v>1.7770788631808432</c:v>
                </c:pt>
                <c:pt idx="1914">
                  <c:v>1.1144345733136922</c:v>
                </c:pt>
                <c:pt idx="1915">
                  <c:v>1.1144345733136922</c:v>
                </c:pt>
                <c:pt idx="1916">
                  <c:v>1.1144345733136922</c:v>
                </c:pt>
                <c:pt idx="1917">
                  <c:v>1.1144345733136922</c:v>
                </c:pt>
                <c:pt idx="1918">
                  <c:v>1.1144345733136922</c:v>
                </c:pt>
                <c:pt idx="1919">
                  <c:v>1.1144345733136922</c:v>
                </c:pt>
                <c:pt idx="1920">
                  <c:v>0.98663697765741232</c:v>
                </c:pt>
                <c:pt idx="1921">
                  <c:v>0.98663697765741232</c:v>
                </c:pt>
                <c:pt idx="1922">
                  <c:v>0.98663697765741232</c:v>
                </c:pt>
                <c:pt idx="1923">
                  <c:v>0.98663697765741232</c:v>
                </c:pt>
                <c:pt idx="1924">
                  <c:v>0.98663697765741232</c:v>
                </c:pt>
                <c:pt idx="1925">
                  <c:v>0.98663697765741232</c:v>
                </c:pt>
                <c:pt idx="1926">
                  <c:v>0.98663697765741232</c:v>
                </c:pt>
                <c:pt idx="1927">
                  <c:v>3.9604648954415165</c:v>
                </c:pt>
                <c:pt idx="1928">
                  <c:v>4.4190450412294808</c:v>
                </c:pt>
                <c:pt idx="1929">
                  <c:v>4.877625187017447</c:v>
                </c:pt>
                <c:pt idx="1930">
                  <c:v>4.877625187017447</c:v>
                </c:pt>
                <c:pt idx="1931">
                  <c:v>5.836474582755919</c:v>
                </c:pt>
                <c:pt idx="1932">
                  <c:v>5.836474582755919</c:v>
                </c:pt>
                <c:pt idx="1933">
                  <c:v>3.8770866871164311</c:v>
                </c:pt>
                <c:pt idx="1934">
                  <c:v>5.836474582755919</c:v>
                </c:pt>
                <c:pt idx="1935">
                  <c:v>5.836474582755919</c:v>
                </c:pt>
                <c:pt idx="1936">
                  <c:v>3.493960317836585</c:v>
                </c:pt>
                <c:pt idx="1937">
                  <c:v>1.5594716453619735</c:v>
                </c:pt>
                <c:pt idx="1938">
                  <c:v>0.98663697765741232</c:v>
                </c:pt>
                <c:pt idx="1939">
                  <c:v>0.98663697765741232</c:v>
                </c:pt>
                <c:pt idx="1940">
                  <c:v>0.98663697765741232</c:v>
                </c:pt>
                <c:pt idx="1941">
                  <c:v>0.98663697765741232</c:v>
                </c:pt>
                <c:pt idx="1942">
                  <c:v>0.98663697765741232</c:v>
                </c:pt>
                <c:pt idx="1943">
                  <c:v>0.98663697765741232</c:v>
                </c:pt>
                <c:pt idx="1944">
                  <c:v>1.0341025168935243</c:v>
                </c:pt>
                <c:pt idx="1945">
                  <c:v>1.0341025168935243</c:v>
                </c:pt>
                <c:pt idx="1946">
                  <c:v>1.0341025168935243</c:v>
                </c:pt>
                <c:pt idx="1947">
                  <c:v>1.0341025168935243</c:v>
                </c:pt>
                <c:pt idx="1948">
                  <c:v>1.0341025168935243</c:v>
                </c:pt>
                <c:pt idx="1949">
                  <c:v>1.0341025168935243</c:v>
                </c:pt>
                <c:pt idx="1950">
                  <c:v>1.0341025168935243</c:v>
                </c:pt>
                <c:pt idx="1951">
                  <c:v>4.1463715110166088</c:v>
                </c:pt>
                <c:pt idx="1952">
                  <c:v>4.6264776859764272</c:v>
                </c:pt>
                <c:pt idx="1953">
                  <c:v>5.1065838609362464</c:v>
                </c:pt>
                <c:pt idx="1954">
                  <c:v>5.1065838609362464</c:v>
                </c:pt>
                <c:pt idx="1955">
                  <c:v>6.110442226761319</c:v>
                </c:pt>
                <c:pt idx="1956">
                  <c:v>6.110442226761319</c:v>
                </c:pt>
                <c:pt idx="1957">
                  <c:v>4.0590794792057334</c:v>
                </c:pt>
                <c:pt idx="1958">
                  <c:v>6.110442226761319</c:v>
                </c:pt>
                <c:pt idx="1959">
                  <c:v>6.110442226761319</c:v>
                </c:pt>
                <c:pt idx="1960">
                  <c:v>3.6615026817652665</c:v>
                </c:pt>
                <c:pt idx="1961">
                  <c:v>1.6385980793709773</c:v>
                </c:pt>
                <c:pt idx="1962">
                  <c:v>1.0341025168935243</c:v>
                </c:pt>
                <c:pt idx="1963">
                  <c:v>1.0341025168935243</c:v>
                </c:pt>
                <c:pt idx="1964">
                  <c:v>1.0341025168935243</c:v>
                </c:pt>
                <c:pt idx="1965">
                  <c:v>1.0341025168935243</c:v>
                </c:pt>
                <c:pt idx="1966">
                  <c:v>1.0341025168935243</c:v>
                </c:pt>
                <c:pt idx="1967">
                  <c:v>1.0341025168935243</c:v>
                </c:pt>
                <c:pt idx="1968">
                  <c:v>1.4466862605515143</c:v>
                </c:pt>
                <c:pt idx="1969">
                  <c:v>0.89651332244280435</c:v>
                </c:pt>
                <c:pt idx="1970">
                  <c:v>0.89651332244280435</c:v>
                </c:pt>
                <c:pt idx="1971">
                  <c:v>0.89651332244280435</c:v>
                </c:pt>
                <c:pt idx="1972">
                  <c:v>0.89651332244280435</c:v>
                </c:pt>
                <c:pt idx="1973">
                  <c:v>0.89651332244280435</c:v>
                </c:pt>
                <c:pt idx="1974">
                  <c:v>0.89651332244280435</c:v>
                </c:pt>
                <c:pt idx="1975">
                  <c:v>3.74148579706609</c:v>
                </c:pt>
                <c:pt idx="1976">
                  <c:v>4.676857246332613</c:v>
                </c:pt>
                <c:pt idx="1977">
                  <c:v>5.1445429709658743</c:v>
                </c:pt>
                <c:pt idx="1978">
                  <c:v>5.1445429709658743</c:v>
                </c:pt>
                <c:pt idx="1979">
                  <c:v>6.079914420232396</c:v>
                </c:pt>
                <c:pt idx="1980">
                  <c:v>6.079914420232396</c:v>
                </c:pt>
                <c:pt idx="1981">
                  <c:v>4.2091715216993517</c:v>
                </c:pt>
                <c:pt idx="1982">
                  <c:v>6.079914420232396</c:v>
                </c:pt>
                <c:pt idx="1983">
                  <c:v>4.6938243716691224</c:v>
                </c:pt>
                <c:pt idx="1984">
                  <c:v>2.2776414318281044</c:v>
                </c:pt>
                <c:pt idx="1985">
                  <c:v>1.5323298455834244</c:v>
                </c:pt>
                <c:pt idx="1986">
                  <c:v>0.93883431768193593</c:v>
                </c:pt>
                <c:pt idx="1987">
                  <c:v>0.89651332244280435</c:v>
                </c:pt>
                <c:pt idx="1988">
                  <c:v>0.89651332244280435</c:v>
                </c:pt>
                <c:pt idx="1989">
                  <c:v>0.89651332244280435</c:v>
                </c:pt>
                <c:pt idx="1990">
                  <c:v>0.89651332244280435</c:v>
                </c:pt>
                <c:pt idx="1991">
                  <c:v>0.89651332244280435</c:v>
                </c:pt>
                <c:pt idx="1992">
                  <c:v>0.95226626864455588</c:v>
                </c:pt>
                <c:pt idx="1993">
                  <c:v>0.88581685660580578</c:v>
                </c:pt>
                <c:pt idx="1994">
                  <c:v>0.88581685660580578</c:v>
                </c:pt>
                <c:pt idx="1995">
                  <c:v>0.88581685660580578</c:v>
                </c:pt>
                <c:pt idx="1996">
                  <c:v>0.88581685660580578</c:v>
                </c:pt>
                <c:pt idx="1997">
                  <c:v>0.88689606406564914</c:v>
                </c:pt>
                <c:pt idx="1998">
                  <c:v>0.88829903376344554</c:v>
                </c:pt>
                <c:pt idx="1999">
                  <c:v>0.88927032047730459</c:v>
                </c:pt>
                <c:pt idx="2000">
                  <c:v>0.88927032047730459</c:v>
                </c:pt>
                <c:pt idx="2001">
                  <c:v>0.88927032047730459</c:v>
                </c:pt>
                <c:pt idx="2002">
                  <c:v>0.88927032047730459</c:v>
                </c:pt>
                <c:pt idx="2003">
                  <c:v>0.88927032047730459</c:v>
                </c:pt>
                <c:pt idx="2004">
                  <c:v>0.88927032047730459</c:v>
                </c:pt>
                <c:pt idx="2005">
                  <c:v>0.88927032047730459</c:v>
                </c:pt>
                <c:pt idx="2006">
                  <c:v>0.88927032047730459</c:v>
                </c:pt>
                <c:pt idx="2007">
                  <c:v>0.88851487525541417</c:v>
                </c:pt>
                <c:pt idx="2008">
                  <c:v>0.88786735077950818</c:v>
                </c:pt>
                <c:pt idx="2009">
                  <c:v>0.88721982630360219</c:v>
                </c:pt>
                <c:pt idx="2010">
                  <c:v>0.88700398481163345</c:v>
                </c:pt>
                <c:pt idx="2011">
                  <c:v>0.88592477735179009</c:v>
                </c:pt>
                <c:pt idx="2012">
                  <c:v>0.88473764914596231</c:v>
                </c:pt>
                <c:pt idx="2013">
                  <c:v>0.88473764914596231</c:v>
                </c:pt>
                <c:pt idx="2014">
                  <c:v>0.88473764914596231</c:v>
                </c:pt>
                <c:pt idx="2015">
                  <c:v>0.88473764914596231</c:v>
                </c:pt>
                <c:pt idx="2016">
                  <c:v>0.91192864272773422</c:v>
                </c:pt>
                <c:pt idx="2017">
                  <c:v>0.91258769218246516</c:v>
                </c:pt>
                <c:pt idx="2018">
                  <c:v>0.91258769218246516</c:v>
                </c:pt>
                <c:pt idx="2019">
                  <c:v>0.91258769218246516</c:v>
                </c:pt>
                <c:pt idx="2020">
                  <c:v>0.91258769218246516</c:v>
                </c:pt>
                <c:pt idx="2021">
                  <c:v>0.91377398120098063</c:v>
                </c:pt>
                <c:pt idx="2022">
                  <c:v>0.91482846032855003</c:v>
                </c:pt>
                <c:pt idx="2023">
                  <c:v>0.91614655923801158</c:v>
                </c:pt>
                <c:pt idx="2024">
                  <c:v>0.91614655923801158</c:v>
                </c:pt>
                <c:pt idx="2025">
                  <c:v>0.91614655923801158</c:v>
                </c:pt>
                <c:pt idx="2026">
                  <c:v>0.91614655923801158</c:v>
                </c:pt>
                <c:pt idx="2027">
                  <c:v>0.91614655923801158</c:v>
                </c:pt>
                <c:pt idx="2028">
                  <c:v>0.91614655923801158</c:v>
                </c:pt>
                <c:pt idx="2029">
                  <c:v>0.91614655923801158</c:v>
                </c:pt>
                <c:pt idx="2030">
                  <c:v>0.91614655923801158</c:v>
                </c:pt>
                <c:pt idx="2031">
                  <c:v>0.91522389000138848</c:v>
                </c:pt>
                <c:pt idx="2032">
                  <c:v>0.9150920801104423</c:v>
                </c:pt>
                <c:pt idx="2033">
                  <c:v>0.9140376009828729</c:v>
                </c:pt>
                <c:pt idx="2034">
                  <c:v>0.91364217131003445</c:v>
                </c:pt>
                <c:pt idx="2035">
                  <c:v>0.91271950207341135</c:v>
                </c:pt>
                <c:pt idx="2036">
                  <c:v>0.91192864272773422</c:v>
                </c:pt>
                <c:pt idx="2037">
                  <c:v>0.91140140316394969</c:v>
                </c:pt>
                <c:pt idx="2038">
                  <c:v>0.91140140316394969</c:v>
                </c:pt>
                <c:pt idx="2039">
                  <c:v>0.91140140316394969</c:v>
                </c:pt>
                <c:pt idx="2040">
                  <c:v>1.4640075545580604</c:v>
                </c:pt>
                <c:pt idx="2041">
                  <c:v>1.4640075545580604</c:v>
                </c:pt>
                <c:pt idx="2042">
                  <c:v>1.4640075545580604</c:v>
                </c:pt>
                <c:pt idx="2043">
                  <c:v>1.4640075545580604</c:v>
                </c:pt>
                <c:pt idx="2044">
                  <c:v>1.4640075545580604</c:v>
                </c:pt>
                <c:pt idx="2045">
                  <c:v>1.4640075545580604</c:v>
                </c:pt>
                <c:pt idx="2046">
                  <c:v>1.4640075545580604</c:v>
                </c:pt>
                <c:pt idx="2047">
                  <c:v>6.2565806250174854</c:v>
                </c:pt>
                <c:pt idx="2048">
                  <c:v>7.0386532031446709</c:v>
                </c:pt>
                <c:pt idx="2049">
                  <c:v>7.8207257812718565</c:v>
                </c:pt>
                <c:pt idx="2050">
                  <c:v>7.8207257812718565</c:v>
                </c:pt>
                <c:pt idx="2051">
                  <c:v>9.3848709375262285</c:v>
                </c:pt>
                <c:pt idx="2052">
                  <c:v>9.3848709375262285</c:v>
                </c:pt>
                <c:pt idx="2053">
                  <c:v>6.2565806250174854</c:v>
                </c:pt>
                <c:pt idx="2054">
                  <c:v>9.3848709375262285</c:v>
                </c:pt>
                <c:pt idx="2055">
                  <c:v>9.3848709375262285</c:v>
                </c:pt>
                <c:pt idx="2056">
                  <c:v>5.8353485690179827</c:v>
                </c:pt>
                <c:pt idx="2057">
                  <c:v>2.2913563234542225</c:v>
                </c:pt>
                <c:pt idx="2058">
                  <c:v>1.6505754526479175</c:v>
                </c:pt>
                <c:pt idx="2059">
                  <c:v>1.6505754526479175</c:v>
                </c:pt>
                <c:pt idx="2060">
                  <c:v>1.6505754526479175</c:v>
                </c:pt>
                <c:pt idx="2061">
                  <c:v>1.6505754526479175</c:v>
                </c:pt>
                <c:pt idx="2062">
                  <c:v>1.6505754526479175</c:v>
                </c:pt>
                <c:pt idx="2063">
                  <c:v>1.6505754526479175</c:v>
                </c:pt>
                <c:pt idx="2064">
                  <c:v>1.4236485842902029</c:v>
                </c:pt>
                <c:pt idx="2065">
                  <c:v>1.908470393002226</c:v>
                </c:pt>
                <c:pt idx="2066">
                  <c:v>1.908470393002226</c:v>
                </c:pt>
                <c:pt idx="2067">
                  <c:v>1.908470393002226</c:v>
                </c:pt>
                <c:pt idx="2068">
                  <c:v>1.908470393002226</c:v>
                </c:pt>
                <c:pt idx="2069">
                  <c:v>1.908470393002226</c:v>
                </c:pt>
                <c:pt idx="2070">
                  <c:v>1.908470393002226</c:v>
                </c:pt>
                <c:pt idx="2071">
                  <c:v>7.3804691739689678</c:v>
                </c:pt>
                <c:pt idx="2072">
                  <c:v>8.2350498151653753</c:v>
                </c:pt>
                <c:pt idx="2073">
                  <c:v>9.0896304563617836</c:v>
                </c:pt>
                <c:pt idx="2074">
                  <c:v>9.0896304563617836</c:v>
                </c:pt>
                <c:pt idx="2075">
                  <c:v>10.876480887954267</c:v>
                </c:pt>
                <c:pt idx="2076">
                  <c:v>10.876480887954267</c:v>
                </c:pt>
                <c:pt idx="2077">
                  <c:v>7.2250908755696202</c:v>
                </c:pt>
                <c:pt idx="2078">
                  <c:v>10.876480887954267</c:v>
                </c:pt>
                <c:pt idx="2079">
                  <c:v>10.876480887954267</c:v>
                </c:pt>
                <c:pt idx="2080">
                  <c:v>6.9307317609248988</c:v>
                </c:pt>
                <c:pt idx="2081">
                  <c:v>3.6079988408509962</c:v>
                </c:pt>
                <c:pt idx="2082">
                  <c:v>1.9525451028851368</c:v>
                </c:pt>
                <c:pt idx="2083">
                  <c:v>1.9525451028851368</c:v>
                </c:pt>
                <c:pt idx="2084">
                  <c:v>1.9525451028851368</c:v>
                </c:pt>
                <c:pt idx="2085">
                  <c:v>1.9525451028851368</c:v>
                </c:pt>
                <c:pt idx="2086">
                  <c:v>1.9525451028851368</c:v>
                </c:pt>
                <c:pt idx="2087">
                  <c:v>1.9525451028851368</c:v>
                </c:pt>
                <c:pt idx="2088">
                  <c:v>1.9265664270110261</c:v>
                </c:pt>
                <c:pt idx="2089">
                  <c:v>1.9265664270110261</c:v>
                </c:pt>
                <c:pt idx="2090">
                  <c:v>1.9265664270110261</c:v>
                </c:pt>
                <c:pt idx="2091">
                  <c:v>1.9265664270110261</c:v>
                </c:pt>
                <c:pt idx="2092">
                  <c:v>1.9265664270110261</c:v>
                </c:pt>
                <c:pt idx="2093">
                  <c:v>1.9265664270110261</c:v>
                </c:pt>
                <c:pt idx="2094">
                  <c:v>1.9265664270110261</c:v>
                </c:pt>
                <c:pt idx="2095">
                  <c:v>7.2116391881659831</c:v>
                </c:pt>
                <c:pt idx="2096">
                  <c:v>8.0466710941641519</c:v>
                </c:pt>
                <c:pt idx="2097">
                  <c:v>8.8817030001623181</c:v>
                </c:pt>
                <c:pt idx="2098">
                  <c:v>8.8817030001623181</c:v>
                </c:pt>
                <c:pt idx="2099">
                  <c:v>10.62767880361303</c:v>
                </c:pt>
                <c:pt idx="2100">
                  <c:v>10.62767880361303</c:v>
                </c:pt>
                <c:pt idx="2101">
                  <c:v>7.0598152052572276</c:v>
                </c:pt>
                <c:pt idx="2102">
                  <c:v>10.62767880361303</c:v>
                </c:pt>
                <c:pt idx="2103">
                  <c:v>10.62767880361303</c:v>
                </c:pt>
                <c:pt idx="2104">
                  <c:v>6.7608572396107789</c:v>
                </c:pt>
                <c:pt idx="2105">
                  <c:v>3.5079890380284504</c:v>
                </c:pt>
                <c:pt idx="2106">
                  <c:v>1.9265664270110261</c:v>
                </c:pt>
                <c:pt idx="2107">
                  <c:v>1.9265664270110261</c:v>
                </c:pt>
                <c:pt idx="2108">
                  <c:v>1.9265664270110261</c:v>
                </c:pt>
                <c:pt idx="2109">
                  <c:v>1.9265664270110261</c:v>
                </c:pt>
                <c:pt idx="2110">
                  <c:v>1.9265664270110261</c:v>
                </c:pt>
                <c:pt idx="2111">
                  <c:v>1.9265664270110261</c:v>
                </c:pt>
                <c:pt idx="2112">
                  <c:v>1.477244798902587</c:v>
                </c:pt>
                <c:pt idx="2113">
                  <c:v>1.477244798902587</c:v>
                </c:pt>
                <c:pt idx="2114">
                  <c:v>1.477244798902587</c:v>
                </c:pt>
                <c:pt idx="2115">
                  <c:v>1.477244798902587</c:v>
                </c:pt>
                <c:pt idx="2116">
                  <c:v>1.477244798902587</c:v>
                </c:pt>
                <c:pt idx="2117">
                  <c:v>1.477244798902587</c:v>
                </c:pt>
                <c:pt idx="2118">
                  <c:v>1.477244798902587</c:v>
                </c:pt>
                <c:pt idx="2119">
                  <c:v>5.7041893894936093</c:v>
                </c:pt>
                <c:pt idx="2120">
                  <c:v>6.3646744766981325</c:v>
                </c:pt>
                <c:pt idx="2121">
                  <c:v>7.0251595639026565</c:v>
                </c:pt>
                <c:pt idx="2122">
                  <c:v>7.0251595639026565</c:v>
                </c:pt>
                <c:pt idx="2123">
                  <c:v>8.4061738371484775</c:v>
                </c:pt>
                <c:pt idx="2124">
                  <c:v>8.4061738371484775</c:v>
                </c:pt>
                <c:pt idx="2125">
                  <c:v>5.5841011918200598</c:v>
                </c:pt>
                <c:pt idx="2126">
                  <c:v>8.4061738371484775</c:v>
                </c:pt>
                <c:pt idx="2127">
                  <c:v>8.4061738371484775</c:v>
                </c:pt>
                <c:pt idx="2128">
                  <c:v>5.2046799527987275</c:v>
                </c:pt>
                <c:pt idx="2129">
                  <c:v>2.5350685857101531</c:v>
                </c:pt>
                <c:pt idx="2130">
                  <c:v>1.477244798902587</c:v>
                </c:pt>
                <c:pt idx="2131">
                  <c:v>1.477244798902587</c:v>
                </c:pt>
                <c:pt idx="2132">
                  <c:v>1.477244798902587</c:v>
                </c:pt>
                <c:pt idx="2133">
                  <c:v>1.477244798902587</c:v>
                </c:pt>
                <c:pt idx="2134">
                  <c:v>1.477244798902587</c:v>
                </c:pt>
                <c:pt idx="2135">
                  <c:v>1.477244798902587</c:v>
                </c:pt>
                <c:pt idx="2136">
                  <c:v>1.6310081455065184</c:v>
                </c:pt>
                <c:pt idx="2137">
                  <c:v>1.0144057572059264</c:v>
                </c:pt>
                <c:pt idx="2138">
                  <c:v>1.0144057572059264</c:v>
                </c:pt>
                <c:pt idx="2139">
                  <c:v>1.0144057572059264</c:v>
                </c:pt>
                <c:pt idx="2140">
                  <c:v>1.0144057572059264</c:v>
                </c:pt>
                <c:pt idx="2141">
                  <c:v>1.0144057572059264</c:v>
                </c:pt>
                <c:pt idx="2142">
                  <c:v>1.0144057572059264</c:v>
                </c:pt>
                <c:pt idx="2143">
                  <c:v>4.219377921844667</c:v>
                </c:pt>
                <c:pt idx="2144">
                  <c:v>5.2742224023058339</c:v>
                </c:pt>
                <c:pt idx="2145">
                  <c:v>5.8016446425364165</c:v>
                </c:pt>
                <c:pt idx="2146">
                  <c:v>5.8016446425364165</c:v>
                </c:pt>
                <c:pt idx="2147">
                  <c:v>6.8564891229975835</c:v>
                </c:pt>
                <c:pt idx="2148">
                  <c:v>6.8564891229975835</c:v>
                </c:pt>
                <c:pt idx="2149">
                  <c:v>4.7468001620752505</c:v>
                </c:pt>
                <c:pt idx="2150">
                  <c:v>6.8564891229975835</c:v>
                </c:pt>
                <c:pt idx="2151">
                  <c:v>5.2965049936593935</c:v>
                </c:pt>
                <c:pt idx="2152">
                  <c:v>2.5837628030581588</c:v>
                </c:pt>
                <c:pt idx="2153">
                  <c:v>1.7434821780530589</c:v>
                </c:pt>
                <c:pt idx="2154">
                  <c:v>1.061836710152126</c:v>
                </c:pt>
                <c:pt idx="2155">
                  <c:v>1.0144057572059264</c:v>
                </c:pt>
                <c:pt idx="2156">
                  <c:v>1.0144057572059264</c:v>
                </c:pt>
                <c:pt idx="2157">
                  <c:v>1.0144057572059264</c:v>
                </c:pt>
                <c:pt idx="2158">
                  <c:v>1.0144057572059264</c:v>
                </c:pt>
                <c:pt idx="2159">
                  <c:v>1.0144057572059264</c:v>
                </c:pt>
                <c:pt idx="2160">
                  <c:v>0.93985076259279932</c:v>
                </c:pt>
                <c:pt idx="2161">
                  <c:v>0.87387909590375601</c:v>
                </c:pt>
                <c:pt idx="2162">
                  <c:v>0.87387909590375601</c:v>
                </c:pt>
                <c:pt idx="2163">
                  <c:v>0.87387909590375601</c:v>
                </c:pt>
                <c:pt idx="2164">
                  <c:v>0.87387909590375601</c:v>
                </c:pt>
                <c:pt idx="2165">
                  <c:v>0.87491802582601996</c:v>
                </c:pt>
                <c:pt idx="2166">
                  <c:v>0.87626863472496319</c:v>
                </c:pt>
                <c:pt idx="2167">
                  <c:v>0.87720367165500079</c:v>
                </c:pt>
                <c:pt idx="2168">
                  <c:v>0.87720367165500079</c:v>
                </c:pt>
                <c:pt idx="2169">
                  <c:v>0.87720367165500079</c:v>
                </c:pt>
                <c:pt idx="2170">
                  <c:v>0.87720367165500079</c:v>
                </c:pt>
                <c:pt idx="2171">
                  <c:v>0.87720367165500079</c:v>
                </c:pt>
                <c:pt idx="2172">
                  <c:v>0.87720367165500079</c:v>
                </c:pt>
                <c:pt idx="2173">
                  <c:v>0.87720367165500079</c:v>
                </c:pt>
                <c:pt idx="2174">
                  <c:v>0.87720367165500079</c:v>
                </c:pt>
                <c:pt idx="2175">
                  <c:v>0.876476420709416</c:v>
                </c:pt>
                <c:pt idx="2176">
                  <c:v>0.87585306275605757</c:v>
                </c:pt>
                <c:pt idx="2177">
                  <c:v>0.87522970480269913</c:v>
                </c:pt>
                <c:pt idx="2178">
                  <c:v>0.87502191881824642</c:v>
                </c:pt>
                <c:pt idx="2179">
                  <c:v>0.87398298889598236</c:v>
                </c:pt>
                <c:pt idx="2180">
                  <c:v>0.87284016598149194</c:v>
                </c:pt>
                <c:pt idx="2181">
                  <c:v>0.87284016598149194</c:v>
                </c:pt>
                <c:pt idx="2182">
                  <c:v>0.87284016598149194</c:v>
                </c:pt>
                <c:pt idx="2183">
                  <c:v>0.87284016598149194</c:v>
                </c:pt>
                <c:pt idx="2184">
                  <c:v>1.3536269549258446</c:v>
                </c:pt>
                <c:pt idx="2185">
                  <c:v>1.3551328681738113</c:v>
                </c:pt>
                <c:pt idx="2186">
                  <c:v>1.3551328681738113</c:v>
                </c:pt>
                <c:pt idx="2187">
                  <c:v>1.3551328681738113</c:v>
                </c:pt>
                <c:pt idx="2188">
                  <c:v>1.3551328681738113</c:v>
                </c:pt>
                <c:pt idx="2189">
                  <c:v>1.3578435120201517</c:v>
                </c:pt>
                <c:pt idx="2190">
                  <c:v>1.3602529732168986</c:v>
                </c:pt>
                <c:pt idx="2191">
                  <c:v>1.3632647997128324</c:v>
                </c:pt>
                <c:pt idx="2192">
                  <c:v>1.3632647997128324</c:v>
                </c:pt>
                <c:pt idx="2193">
                  <c:v>1.3632647997128324</c:v>
                </c:pt>
                <c:pt idx="2194">
                  <c:v>1.3632647997128324</c:v>
                </c:pt>
                <c:pt idx="2195">
                  <c:v>1.3632647997128324</c:v>
                </c:pt>
                <c:pt idx="2196">
                  <c:v>1.3632647997128324</c:v>
                </c:pt>
                <c:pt idx="2197">
                  <c:v>1.3632647997128324</c:v>
                </c:pt>
                <c:pt idx="2198">
                  <c:v>1.3632647997128324</c:v>
                </c:pt>
                <c:pt idx="2199">
                  <c:v>1.3611565211656786</c:v>
                </c:pt>
                <c:pt idx="2200">
                  <c:v>1.3608553385160853</c:v>
                </c:pt>
                <c:pt idx="2201">
                  <c:v>1.3584458773193384</c:v>
                </c:pt>
                <c:pt idx="2202">
                  <c:v>1.3575423293705584</c:v>
                </c:pt>
                <c:pt idx="2203">
                  <c:v>1.3554340508234048</c:v>
                </c:pt>
                <c:pt idx="2204">
                  <c:v>1.3536269549258446</c:v>
                </c:pt>
                <c:pt idx="2205">
                  <c:v>1.3524222243274708</c:v>
                </c:pt>
                <c:pt idx="2206">
                  <c:v>1.3524222243274708</c:v>
                </c:pt>
                <c:pt idx="2207">
                  <c:v>1.3524222243274708</c:v>
                </c:pt>
                <c:pt idx="2208">
                  <c:v>1.6831286371824816</c:v>
                </c:pt>
                <c:pt idx="2209">
                  <c:v>1.6831286371824816</c:v>
                </c:pt>
                <c:pt idx="2210">
                  <c:v>1.6831286371824816</c:v>
                </c:pt>
                <c:pt idx="2211">
                  <c:v>1.6831286371824816</c:v>
                </c:pt>
                <c:pt idx="2212">
                  <c:v>1.6831286371824816</c:v>
                </c:pt>
                <c:pt idx="2213">
                  <c:v>1.6831286371824816</c:v>
                </c:pt>
                <c:pt idx="2214">
                  <c:v>1.6831286371824816</c:v>
                </c:pt>
                <c:pt idx="2215">
                  <c:v>7.1990393181173769</c:v>
                </c:pt>
                <c:pt idx="2216">
                  <c:v>8.0989192328820483</c:v>
                </c:pt>
                <c:pt idx="2217">
                  <c:v>8.9987991476467215</c:v>
                </c:pt>
                <c:pt idx="2218">
                  <c:v>8.9987991476467215</c:v>
                </c:pt>
                <c:pt idx="2219">
                  <c:v>10.798558977176066</c:v>
                </c:pt>
                <c:pt idx="2220">
                  <c:v>10.798558977176066</c:v>
                </c:pt>
                <c:pt idx="2221">
                  <c:v>7.1990393181173769</c:v>
                </c:pt>
                <c:pt idx="2222">
                  <c:v>10.798558977176066</c:v>
                </c:pt>
                <c:pt idx="2223">
                  <c:v>10.798558977176066</c:v>
                </c:pt>
                <c:pt idx="2224">
                  <c:v>6.8231771457778034</c:v>
                </c:pt>
                <c:pt idx="2225">
                  <c:v>2.8558262376351009</c:v>
                </c:pt>
                <c:pt idx="2226">
                  <c:v>1.9319189957805254</c:v>
                </c:pt>
                <c:pt idx="2227">
                  <c:v>1.9319189957805254</c:v>
                </c:pt>
                <c:pt idx="2228">
                  <c:v>1.9319189957805254</c:v>
                </c:pt>
                <c:pt idx="2229">
                  <c:v>1.9319189957805254</c:v>
                </c:pt>
                <c:pt idx="2230">
                  <c:v>1.9319189957805254</c:v>
                </c:pt>
                <c:pt idx="2231">
                  <c:v>1.9319189957805254</c:v>
                </c:pt>
                <c:pt idx="2232">
                  <c:v>1.5158405752254478</c:v>
                </c:pt>
                <c:pt idx="2233">
                  <c:v>2.01765906272855</c:v>
                </c:pt>
                <c:pt idx="2234">
                  <c:v>2.01765906272855</c:v>
                </c:pt>
                <c:pt idx="2235">
                  <c:v>2.01765906272855</c:v>
                </c:pt>
                <c:pt idx="2236">
                  <c:v>2.01765906272855</c:v>
                </c:pt>
                <c:pt idx="2237">
                  <c:v>2.01765906272855</c:v>
                </c:pt>
                <c:pt idx="2238">
                  <c:v>2.01765906272855</c:v>
                </c:pt>
                <c:pt idx="2239">
                  <c:v>7.7610109100252567</c:v>
                </c:pt>
                <c:pt idx="2240">
                  <c:v>8.6596542785544983</c:v>
                </c:pt>
                <c:pt idx="2241">
                  <c:v>9.5582976470837391</c:v>
                </c:pt>
                <c:pt idx="2242">
                  <c:v>9.5582976470837391</c:v>
                </c:pt>
                <c:pt idx="2243">
                  <c:v>11.437279235826695</c:v>
                </c:pt>
                <c:pt idx="2244">
                  <c:v>11.437279235826695</c:v>
                </c:pt>
                <c:pt idx="2245">
                  <c:v>7.5976212066563056</c:v>
                </c:pt>
                <c:pt idx="2246">
                  <c:v>11.437279235826695</c:v>
                </c:pt>
                <c:pt idx="2247">
                  <c:v>11.437279235826695</c:v>
                </c:pt>
                <c:pt idx="2248">
                  <c:v>7.3237404692999037</c:v>
                </c:pt>
                <c:pt idx="2249">
                  <c:v>3.853695403778183</c:v>
                </c:pt>
                <c:pt idx="2250">
                  <c:v>2.0632789252288326</c:v>
                </c:pt>
                <c:pt idx="2251">
                  <c:v>2.0632789252288326</c:v>
                </c:pt>
                <c:pt idx="2252">
                  <c:v>2.0632789252288326</c:v>
                </c:pt>
                <c:pt idx="2253">
                  <c:v>2.0632789252288326</c:v>
                </c:pt>
                <c:pt idx="2254">
                  <c:v>2.0632789252288326</c:v>
                </c:pt>
                <c:pt idx="2255">
                  <c:v>2.0632789252288326</c:v>
                </c:pt>
                <c:pt idx="2256">
                  <c:v>2.1001679651438323</c:v>
                </c:pt>
                <c:pt idx="2257">
                  <c:v>2.1001679651438323</c:v>
                </c:pt>
                <c:pt idx="2258">
                  <c:v>2.1001679651438323</c:v>
                </c:pt>
                <c:pt idx="2259">
                  <c:v>2.1001679651438323</c:v>
                </c:pt>
                <c:pt idx="2260">
                  <c:v>2.1001679651438323</c:v>
                </c:pt>
                <c:pt idx="2261">
                  <c:v>2.1001679651438323</c:v>
                </c:pt>
                <c:pt idx="2262">
                  <c:v>2.1001679651438323</c:v>
                </c:pt>
                <c:pt idx="2263">
                  <c:v>7.7940629740166765</c:v>
                </c:pt>
                <c:pt idx="2264">
                  <c:v>8.6965334236396608</c:v>
                </c:pt>
                <c:pt idx="2265">
                  <c:v>9.5990038732626441</c:v>
                </c:pt>
                <c:pt idx="2266">
                  <c:v>9.5990038732626441</c:v>
                </c:pt>
                <c:pt idx="2267">
                  <c:v>11.485987540656154</c:v>
                </c:pt>
                <c:pt idx="2268">
                  <c:v>11.485987540656154</c:v>
                </c:pt>
                <c:pt idx="2269">
                  <c:v>7.6299774377215881</c:v>
                </c:pt>
                <c:pt idx="2270">
                  <c:v>11.485987540656154</c:v>
                </c:pt>
                <c:pt idx="2271">
                  <c:v>11.485987540656154</c:v>
                </c:pt>
                <c:pt idx="2272">
                  <c:v>7.3621075549699819</c:v>
                </c:pt>
                <c:pt idx="2273">
                  <c:v>3.8838901218787023</c:v>
                </c:pt>
                <c:pt idx="2274">
                  <c:v>2.1001679651438323</c:v>
                </c:pt>
                <c:pt idx="2275">
                  <c:v>2.1001679651438323</c:v>
                </c:pt>
                <c:pt idx="2276">
                  <c:v>2.1001679651438323</c:v>
                </c:pt>
                <c:pt idx="2277">
                  <c:v>2.1001679651438323</c:v>
                </c:pt>
                <c:pt idx="2278">
                  <c:v>2.1001679651438323</c:v>
                </c:pt>
                <c:pt idx="2279">
                  <c:v>2.1001679651438323</c:v>
                </c:pt>
                <c:pt idx="2280">
                  <c:v>1.824447875168199</c:v>
                </c:pt>
                <c:pt idx="2281">
                  <c:v>1.824447875168199</c:v>
                </c:pt>
                <c:pt idx="2282">
                  <c:v>1.824447875168199</c:v>
                </c:pt>
                <c:pt idx="2283">
                  <c:v>1.824447875168199</c:v>
                </c:pt>
                <c:pt idx="2284">
                  <c:v>1.824447875168199</c:v>
                </c:pt>
                <c:pt idx="2285">
                  <c:v>1.824447875168199</c:v>
                </c:pt>
                <c:pt idx="2286">
                  <c:v>1.824447875168199</c:v>
                </c:pt>
                <c:pt idx="2287">
                  <c:v>6.8690369611949897</c:v>
                </c:pt>
                <c:pt idx="2288">
                  <c:v>7.6643991356491465</c:v>
                </c:pt>
                <c:pt idx="2289">
                  <c:v>8.4597613101033033</c:v>
                </c:pt>
                <c:pt idx="2290">
                  <c:v>8.4597613101033033</c:v>
                </c:pt>
                <c:pt idx="2291">
                  <c:v>10.122791311234723</c:v>
                </c:pt>
                <c:pt idx="2292">
                  <c:v>10.122791311234723</c:v>
                </c:pt>
                <c:pt idx="2293">
                  <c:v>6.7244256567487799</c:v>
                </c:pt>
                <c:pt idx="2294">
                  <c:v>10.122791311234723</c:v>
                </c:pt>
                <c:pt idx="2295">
                  <c:v>10.122791311234723</c:v>
                </c:pt>
                <c:pt idx="2296">
                  <c:v>6.40718058351713</c:v>
                </c:pt>
                <c:pt idx="2297">
                  <c:v>3.2868707534106556</c:v>
                </c:pt>
                <c:pt idx="2298">
                  <c:v>1.824447875168199</c:v>
                </c:pt>
                <c:pt idx="2299">
                  <c:v>1.824447875168199</c:v>
                </c:pt>
                <c:pt idx="2300">
                  <c:v>1.824447875168199</c:v>
                </c:pt>
                <c:pt idx="2301">
                  <c:v>1.824447875168199</c:v>
                </c:pt>
                <c:pt idx="2302">
                  <c:v>1.824447875168199</c:v>
                </c:pt>
                <c:pt idx="2303">
                  <c:v>1.824447875168199</c:v>
                </c:pt>
                <c:pt idx="2304">
                  <c:v>2.3531570929661885</c:v>
                </c:pt>
                <c:pt idx="2305">
                  <c:v>1.5621773979119056</c:v>
                </c:pt>
                <c:pt idx="2306">
                  <c:v>1.5621773979119056</c:v>
                </c:pt>
                <c:pt idx="2307">
                  <c:v>1.5621773979119056</c:v>
                </c:pt>
                <c:pt idx="2308">
                  <c:v>1.5621773979119056</c:v>
                </c:pt>
                <c:pt idx="2309">
                  <c:v>1.5621773979119056</c:v>
                </c:pt>
                <c:pt idx="2310">
                  <c:v>1.5621773979119056</c:v>
                </c:pt>
                <c:pt idx="2311">
                  <c:v>6.1195717156475871</c:v>
                </c:pt>
                <c:pt idx="2312">
                  <c:v>7.6494646445594832</c:v>
                </c:pt>
                <c:pt idx="2313">
                  <c:v>8.4144111090154308</c:v>
                </c:pt>
                <c:pt idx="2314">
                  <c:v>8.4144111090154308</c:v>
                </c:pt>
                <c:pt idx="2315">
                  <c:v>9.9443040379273278</c:v>
                </c:pt>
                <c:pt idx="2316">
                  <c:v>9.9443040379273278</c:v>
                </c:pt>
                <c:pt idx="2317">
                  <c:v>6.8845181801035347</c:v>
                </c:pt>
                <c:pt idx="2318">
                  <c:v>9.9443040379273278</c:v>
                </c:pt>
                <c:pt idx="2319">
                  <c:v>7.7664162049901924</c:v>
                </c:pt>
                <c:pt idx="2320">
                  <c:v>4.1560539814169983</c:v>
                </c:pt>
                <c:pt idx="2321">
                  <c:v>2.9434840170450056</c:v>
                </c:pt>
                <c:pt idx="2322">
                  <c:v>1.6230219898391578</c:v>
                </c:pt>
                <c:pt idx="2323">
                  <c:v>1.5621773979119056</c:v>
                </c:pt>
                <c:pt idx="2324">
                  <c:v>1.5621773979119056</c:v>
                </c:pt>
                <c:pt idx="2325">
                  <c:v>1.5621773979119056</c:v>
                </c:pt>
                <c:pt idx="2326">
                  <c:v>1.5621773979119056</c:v>
                </c:pt>
                <c:pt idx="2327">
                  <c:v>1.5621773979119056</c:v>
                </c:pt>
                <c:pt idx="2328">
                  <c:v>2.0324152951473633</c:v>
                </c:pt>
                <c:pt idx="2329">
                  <c:v>1.924402037684128</c:v>
                </c:pt>
                <c:pt idx="2330">
                  <c:v>1.924402037684128</c:v>
                </c:pt>
                <c:pt idx="2331">
                  <c:v>1.924402037684128</c:v>
                </c:pt>
                <c:pt idx="2332">
                  <c:v>1.924402037684128</c:v>
                </c:pt>
                <c:pt idx="2333">
                  <c:v>1.9289853909133781</c:v>
                </c:pt>
                <c:pt idx="2334">
                  <c:v>1.9349437501114026</c:v>
                </c:pt>
                <c:pt idx="2335">
                  <c:v>1.9390687680177274</c:v>
                </c:pt>
                <c:pt idx="2336">
                  <c:v>1.9390687680177274</c:v>
                </c:pt>
                <c:pt idx="2337">
                  <c:v>1.9390687680177274</c:v>
                </c:pt>
                <c:pt idx="2338">
                  <c:v>1.9390687680177274</c:v>
                </c:pt>
                <c:pt idx="2339">
                  <c:v>1.9390687680177274</c:v>
                </c:pt>
                <c:pt idx="2340">
                  <c:v>1.9390687680177274</c:v>
                </c:pt>
                <c:pt idx="2341">
                  <c:v>1.9390687680177274</c:v>
                </c:pt>
                <c:pt idx="2342">
                  <c:v>1.9390687680177274</c:v>
                </c:pt>
                <c:pt idx="2343">
                  <c:v>1.9358604207572525</c:v>
                </c:pt>
                <c:pt idx="2344">
                  <c:v>1.9331104088197026</c:v>
                </c:pt>
                <c:pt idx="2345">
                  <c:v>1.9303603968821528</c:v>
                </c:pt>
                <c:pt idx="2346">
                  <c:v>1.9294437262363029</c:v>
                </c:pt>
                <c:pt idx="2347">
                  <c:v>1.924860373007053</c:v>
                </c:pt>
                <c:pt idx="2348">
                  <c:v>1.9198186844548781</c:v>
                </c:pt>
                <c:pt idx="2349">
                  <c:v>1.9198186844548781</c:v>
                </c:pt>
                <c:pt idx="2350">
                  <c:v>1.9198186844548781</c:v>
                </c:pt>
                <c:pt idx="2351">
                  <c:v>1.9198186844548781</c:v>
                </c:pt>
                <c:pt idx="2352">
                  <c:v>1.6162583838003968</c:v>
                </c:pt>
                <c:pt idx="2353">
                  <c:v>1.6182678376821795</c:v>
                </c:pt>
                <c:pt idx="2354">
                  <c:v>1.6182678376821795</c:v>
                </c:pt>
                <c:pt idx="2355">
                  <c:v>1.6182678376821795</c:v>
                </c:pt>
                <c:pt idx="2356">
                  <c:v>1.6182678376821795</c:v>
                </c:pt>
                <c:pt idx="2357">
                  <c:v>1.6218848546693887</c:v>
                </c:pt>
                <c:pt idx="2358">
                  <c:v>1.6250999808802413</c:v>
                </c:pt>
                <c:pt idx="2359">
                  <c:v>1.6291188886438073</c:v>
                </c:pt>
                <c:pt idx="2360">
                  <c:v>1.6291188886438073</c:v>
                </c:pt>
                <c:pt idx="2361">
                  <c:v>1.6291188886438073</c:v>
                </c:pt>
                <c:pt idx="2362">
                  <c:v>1.6291188886438073</c:v>
                </c:pt>
                <c:pt idx="2363">
                  <c:v>1.6291188886438073</c:v>
                </c:pt>
                <c:pt idx="2364">
                  <c:v>1.6291188886438073</c:v>
                </c:pt>
                <c:pt idx="2365">
                  <c:v>1.6291188886438073</c:v>
                </c:pt>
                <c:pt idx="2366">
                  <c:v>1.6291188886438073</c:v>
                </c:pt>
                <c:pt idx="2367">
                  <c:v>1.6263056532093112</c:v>
                </c:pt>
                <c:pt idx="2368">
                  <c:v>1.6259037624329544</c:v>
                </c:pt>
                <c:pt idx="2369">
                  <c:v>1.6226886362221018</c:v>
                </c:pt>
                <c:pt idx="2370">
                  <c:v>1.6214829638930321</c:v>
                </c:pt>
                <c:pt idx="2371">
                  <c:v>1.6186697284585361</c:v>
                </c:pt>
                <c:pt idx="2372">
                  <c:v>1.6162583838003968</c:v>
                </c:pt>
                <c:pt idx="2373">
                  <c:v>1.6146508206949701</c:v>
                </c:pt>
                <c:pt idx="2374">
                  <c:v>1.6146508206949701</c:v>
                </c:pt>
                <c:pt idx="2375">
                  <c:v>1.6146508206949701</c:v>
                </c:pt>
                <c:pt idx="2376">
                  <c:v>1.2773488545446652</c:v>
                </c:pt>
                <c:pt idx="2377">
                  <c:v>1.2773488545446652</c:v>
                </c:pt>
                <c:pt idx="2378">
                  <c:v>1.2773488545446652</c:v>
                </c:pt>
                <c:pt idx="2379">
                  <c:v>1.2773488545446652</c:v>
                </c:pt>
                <c:pt idx="2380">
                  <c:v>1.2773488545446652</c:v>
                </c:pt>
                <c:pt idx="2381">
                  <c:v>1.2773488545446652</c:v>
                </c:pt>
                <c:pt idx="2382">
                  <c:v>1.2773488545446652</c:v>
                </c:pt>
                <c:pt idx="2383">
                  <c:v>5.4537454420064675</c:v>
                </c:pt>
                <c:pt idx="2384">
                  <c:v>6.1354636222572765</c:v>
                </c:pt>
                <c:pt idx="2385">
                  <c:v>6.8171818025080846</c:v>
                </c:pt>
                <c:pt idx="2386">
                  <c:v>6.8171818025080846</c:v>
                </c:pt>
                <c:pt idx="2387">
                  <c:v>8.1806181630097026</c:v>
                </c:pt>
                <c:pt idx="2388">
                  <c:v>8.1806181630097026</c:v>
                </c:pt>
                <c:pt idx="2389">
                  <c:v>5.4537454420064675</c:v>
                </c:pt>
                <c:pt idx="2390">
                  <c:v>8.1806181630097026</c:v>
                </c:pt>
                <c:pt idx="2391">
                  <c:v>8.1806181630097026</c:v>
                </c:pt>
                <c:pt idx="2392">
                  <c:v>4.9938649665929482</c:v>
                </c:pt>
                <c:pt idx="2393">
                  <c:v>1.8105115817445858</c:v>
                </c:pt>
                <c:pt idx="2394">
                  <c:v>1.4109124344238437</c:v>
                </c:pt>
                <c:pt idx="2395">
                  <c:v>1.4109124344238437</c:v>
                </c:pt>
                <c:pt idx="2396">
                  <c:v>1.4109124344238437</c:v>
                </c:pt>
                <c:pt idx="2397">
                  <c:v>1.4109124344238437</c:v>
                </c:pt>
                <c:pt idx="2398">
                  <c:v>1.4109124344238437</c:v>
                </c:pt>
                <c:pt idx="2399">
                  <c:v>1.4109124344238437</c:v>
                </c:pt>
                <c:pt idx="2400">
                  <c:v>1.0800238908042883</c:v>
                </c:pt>
                <c:pt idx="2401">
                  <c:v>1.5014944422041063</c:v>
                </c:pt>
                <c:pt idx="2402">
                  <c:v>1.5014944422041063</c:v>
                </c:pt>
                <c:pt idx="2403">
                  <c:v>1.5014944422041063</c:v>
                </c:pt>
                <c:pt idx="2404">
                  <c:v>1.5014944422041063</c:v>
                </c:pt>
                <c:pt idx="2405">
                  <c:v>1.5014944422041063</c:v>
                </c:pt>
                <c:pt idx="2406">
                  <c:v>1.5014944422041063</c:v>
                </c:pt>
                <c:pt idx="2407">
                  <c:v>5.9620863395773389</c:v>
                </c:pt>
                <c:pt idx="2408">
                  <c:v>6.6524331788968194</c:v>
                </c:pt>
                <c:pt idx="2409">
                  <c:v>7.3427800182163017</c:v>
                </c:pt>
                <c:pt idx="2410">
                  <c:v>7.3427800182163017</c:v>
                </c:pt>
                <c:pt idx="2411">
                  <c:v>8.7862325004297617</c:v>
                </c:pt>
                <c:pt idx="2412">
                  <c:v>8.7862325004297617</c:v>
                </c:pt>
                <c:pt idx="2413">
                  <c:v>5.8365687324283426</c:v>
                </c:pt>
                <c:pt idx="2414">
                  <c:v>8.7862325004297617</c:v>
                </c:pt>
                <c:pt idx="2415">
                  <c:v>8.7862325004297617</c:v>
                </c:pt>
                <c:pt idx="2416">
                  <c:v>5.4658811206180591</c:v>
                </c:pt>
                <c:pt idx="2417">
                  <c:v>2.6922207426678439</c:v>
                </c:pt>
                <c:pt idx="2418">
                  <c:v>1.5398099468768169</c:v>
                </c:pt>
                <c:pt idx="2419">
                  <c:v>1.5398099468768169</c:v>
                </c:pt>
                <c:pt idx="2420">
                  <c:v>1.5398099468768169</c:v>
                </c:pt>
                <c:pt idx="2421">
                  <c:v>1.5398099468768169</c:v>
                </c:pt>
                <c:pt idx="2422">
                  <c:v>1.5398099468768169</c:v>
                </c:pt>
                <c:pt idx="2423">
                  <c:v>1.5398099468768169</c:v>
                </c:pt>
                <c:pt idx="2424">
                  <c:v>1.3751262470597598</c:v>
                </c:pt>
                <c:pt idx="2425">
                  <c:v>1.3751262470597598</c:v>
                </c:pt>
                <c:pt idx="2426">
                  <c:v>1.3751262470597598</c:v>
                </c:pt>
                <c:pt idx="2427">
                  <c:v>1.3751262470597598</c:v>
                </c:pt>
                <c:pt idx="2428">
                  <c:v>1.3751262470597598</c:v>
                </c:pt>
                <c:pt idx="2429">
                  <c:v>1.3751262470597598</c:v>
                </c:pt>
                <c:pt idx="2430">
                  <c:v>1.3751262470597598</c:v>
                </c:pt>
                <c:pt idx="2431">
                  <c:v>5.361587162522615</c:v>
                </c:pt>
                <c:pt idx="2432">
                  <c:v>5.9824025181831288</c:v>
                </c:pt>
                <c:pt idx="2433">
                  <c:v>6.6032178738436409</c:v>
                </c:pt>
                <c:pt idx="2434">
                  <c:v>6.6032178738436409</c:v>
                </c:pt>
                <c:pt idx="2435">
                  <c:v>7.9012863447701696</c:v>
                </c:pt>
                <c:pt idx="2436">
                  <c:v>7.9012863447701696</c:v>
                </c:pt>
                <c:pt idx="2437">
                  <c:v>5.2487116433116121</c:v>
                </c:pt>
                <c:pt idx="2438">
                  <c:v>7.9012863447701696</c:v>
                </c:pt>
                <c:pt idx="2439">
                  <c:v>7.9012863447701696</c:v>
                </c:pt>
                <c:pt idx="2440">
                  <c:v>4.8510032967050787</c:v>
                </c:pt>
                <c:pt idx="2441">
                  <c:v>2.3139503010923579</c:v>
                </c:pt>
                <c:pt idx="2442">
                  <c:v>1.3751262470597598</c:v>
                </c:pt>
                <c:pt idx="2443">
                  <c:v>1.3751262470597598</c:v>
                </c:pt>
                <c:pt idx="2444">
                  <c:v>1.3751262470597598</c:v>
                </c:pt>
                <c:pt idx="2445">
                  <c:v>1.3751262470597598</c:v>
                </c:pt>
                <c:pt idx="2446">
                  <c:v>1.3751262470597598</c:v>
                </c:pt>
                <c:pt idx="2447">
                  <c:v>1.3751262470597598</c:v>
                </c:pt>
                <c:pt idx="2448">
                  <c:v>1.3240669711383464</c:v>
                </c:pt>
                <c:pt idx="2449">
                  <c:v>1.3240669711383464</c:v>
                </c:pt>
                <c:pt idx="2450">
                  <c:v>1.3240669711383464</c:v>
                </c:pt>
                <c:pt idx="2451">
                  <c:v>1.3240669711383464</c:v>
                </c:pt>
                <c:pt idx="2452">
                  <c:v>1.3240669711383464</c:v>
                </c:pt>
                <c:pt idx="2453">
                  <c:v>1.3240669711383464</c:v>
                </c:pt>
                <c:pt idx="2454">
                  <c:v>1.3240669711383464</c:v>
                </c:pt>
                <c:pt idx="2455">
                  <c:v>5.1902860490371179</c:v>
                </c:pt>
                <c:pt idx="2456">
                  <c:v>5.7912665389256262</c:v>
                </c:pt>
                <c:pt idx="2457">
                  <c:v>6.3922470288141353</c:v>
                </c:pt>
                <c:pt idx="2458">
                  <c:v>6.3922470288141353</c:v>
                </c:pt>
                <c:pt idx="2459">
                  <c:v>7.6488425985810151</c:v>
                </c:pt>
                <c:pt idx="2460">
                  <c:v>7.6488425985810151</c:v>
                </c:pt>
                <c:pt idx="2461">
                  <c:v>5.0810168690573887</c:v>
                </c:pt>
                <c:pt idx="2462">
                  <c:v>7.6488425985810151</c:v>
                </c:pt>
                <c:pt idx="2463">
                  <c:v>7.6488425985810151</c:v>
                </c:pt>
                <c:pt idx="2464">
                  <c:v>4.6741649686582543</c:v>
                </c:pt>
                <c:pt idx="2465">
                  <c:v>2.2033911587834605</c:v>
                </c:pt>
                <c:pt idx="2466">
                  <c:v>1.3240669711383464</c:v>
                </c:pt>
                <c:pt idx="2467">
                  <c:v>1.3240669711383464</c:v>
                </c:pt>
                <c:pt idx="2468">
                  <c:v>1.3240669711383464</c:v>
                </c:pt>
                <c:pt idx="2469">
                  <c:v>1.3240669711383464</c:v>
                </c:pt>
                <c:pt idx="2470">
                  <c:v>1.3240669711383464</c:v>
                </c:pt>
                <c:pt idx="2471">
                  <c:v>1.3240669711383464</c:v>
                </c:pt>
                <c:pt idx="2472">
                  <c:v>2.5522956294277486</c:v>
                </c:pt>
                <c:pt idx="2473">
                  <c:v>1.7170296342455442</c:v>
                </c:pt>
                <c:pt idx="2474">
                  <c:v>1.7170296342455442</c:v>
                </c:pt>
                <c:pt idx="2475">
                  <c:v>1.7170296342455442</c:v>
                </c:pt>
                <c:pt idx="2476">
                  <c:v>1.7170296342455442</c:v>
                </c:pt>
                <c:pt idx="2477">
                  <c:v>1.7170296342455442</c:v>
                </c:pt>
                <c:pt idx="2478">
                  <c:v>1.7170296342455442</c:v>
                </c:pt>
                <c:pt idx="2479">
                  <c:v>6.6447990947029014</c:v>
                </c:pt>
                <c:pt idx="2480">
                  <c:v>8.3059988683786266</c:v>
                </c:pt>
                <c:pt idx="2481">
                  <c:v>9.1365987552164896</c:v>
                </c:pt>
                <c:pt idx="2482">
                  <c:v>9.1365987552164896</c:v>
                </c:pt>
                <c:pt idx="2483">
                  <c:v>10.797798528892216</c:v>
                </c:pt>
                <c:pt idx="2484">
                  <c:v>10.797798528892216</c:v>
                </c:pt>
                <c:pt idx="2485">
                  <c:v>7.4753989815407635</c:v>
                </c:pt>
                <c:pt idx="2486">
                  <c:v>10.797798528892216</c:v>
                </c:pt>
                <c:pt idx="2487">
                  <c:v>8.4523231514710684</c:v>
                </c:pt>
                <c:pt idx="2488">
                  <c:v>4.6061261208119504</c:v>
                </c:pt>
                <c:pt idx="2489">
                  <c:v>3.2908848678943583</c:v>
                </c:pt>
                <c:pt idx="2490">
                  <c:v>1.7812808646441753</c:v>
                </c:pt>
                <c:pt idx="2491">
                  <c:v>1.7170296342455442</c:v>
                </c:pt>
                <c:pt idx="2492">
                  <c:v>1.7170296342455442</c:v>
                </c:pt>
                <c:pt idx="2493">
                  <c:v>1.7170296342455442</c:v>
                </c:pt>
                <c:pt idx="2494">
                  <c:v>1.7170296342455442</c:v>
                </c:pt>
                <c:pt idx="2495">
                  <c:v>1.7170296342455442</c:v>
                </c:pt>
                <c:pt idx="2496">
                  <c:v>1.8089361862157483</c:v>
                </c:pt>
                <c:pt idx="2497">
                  <c:v>1.7095223450472337</c:v>
                </c:pt>
                <c:pt idx="2498">
                  <c:v>1.7095223450472337</c:v>
                </c:pt>
                <c:pt idx="2499">
                  <c:v>1.7095223450472337</c:v>
                </c:pt>
                <c:pt idx="2500">
                  <c:v>1.7095223450472337</c:v>
                </c:pt>
                <c:pt idx="2501">
                  <c:v>1.7133807026000547</c:v>
                </c:pt>
                <c:pt idx="2502">
                  <c:v>1.718396567418722</c:v>
                </c:pt>
                <c:pt idx="2503">
                  <c:v>1.7218690892162607</c:v>
                </c:pt>
                <c:pt idx="2504">
                  <c:v>1.7218690892162607</c:v>
                </c:pt>
                <c:pt idx="2505">
                  <c:v>1.7218690892162607</c:v>
                </c:pt>
                <c:pt idx="2506">
                  <c:v>1.7218690892162607</c:v>
                </c:pt>
                <c:pt idx="2507">
                  <c:v>1.7218690892162607</c:v>
                </c:pt>
                <c:pt idx="2508">
                  <c:v>1.7218690892162607</c:v>
                </c:pt>
                <c:pt idx="2509">
                  <c:v>1.7218690892162607</c:v>
                </c:pt>
                <c:pt idx="2510">
                  <c:v>1.7218690892162607</c:v>
                </c:pt>
                <c:pt idx="2511">
                  <c:v>1.7191682389292862</c:v>
                </c:pt>
                <c:pt idx="2512">
                  <c:v>1.7168532243975936</c:v>
                </c:pt>
                <c:pt idx="2513">
                  <c:v>1.714538209865901</c:v>
                </c:pt>
                <c:pt idx="2514">
                  <c:v>1.7137665383553369</c:v>
                </c:pt>
                <c:pt idx="2515">
                  <c:v>1.7099081808025158</c:v>
                </c:pt>
                <c:pt idx="2516">
                  <c:v>1.7056639874944128</c:v>
                </c:pt>
                <c:pt idx="2517">
                  <c:v>1.7056639874944128</c:v>
                </c:pt>
                <c:pt idx="2518">
                  <c:v>1.7056639874944128</c:v>
                </c:pt>
                <c:pt idx="2519">
                  <c:v>1.7056639874944128</c:v>
                </c:pt>
                <c:pt idx="2520">
                  <c:v>1.3775025393689855</c:v>
                </c:pt>
                <c:pt idx="2521">
                  <c:v>1.3790542290382084</c:v>
                </c:pt>
                <c:pt idx="2522">
                  <c:v>1.3790542290382084</c:v>
                </c:pt>
                <c:pt idx="2523">
                  <c:v>1.3790542290382084</c:v>
                </c:pt>
                <c:pt idx="2524">
                  <c:v>1.3790542290382084</c:v>
                </c:pt>
                <c:pt idx="2525">
                  <c:v>1.3818472704428095</c:v>
                </c:pt>
                <c:pt idx="2526">
                  <c:v>1.3843299739135664</c:v>
                </c:pt>
                <c:pt idx="2527">
                  <c:v>1.387433353252012</c:v>
                </c:pt>
                <c:pt idx="2528">
                  <c:v>1.387433353252012</c:v>
                </c:pt>
                <c:pt idx="2529">
                  <c:v>1.387433353252012</c:v>
                </c:pt>
                <c:pt idx="2530">
                  <c:v>1.387433353252012</c:v>
                </c:pt>
                <c:pt idx="2531">
                  <c:v>1.387433353252012</c:v>
                </c:pt>
                <c:pt idx="2532">
                  <c:v>1.387433353252012</c:v>
                </c:pt>
                <c:pt idx="2533">
                  <c:v>1.387433353252012</c:v>
                </c:pt>
                <c:pt idx="2534">
                  <c:v>1.387433353252012</c:v>
                </c:pt>
                <c:pt idx="2535">
                  <c:v>1.3852609877150999</c:v>
                </c:pt>
                <c:pt idx="2536">
                  <c:v>1.3849506497812554</c:v>
                </c:pt>
                <c:pt idx="2537">
                  <c:v>1.3824679463104987</c:v>
                </c:pt>
                <c:pt idx="2538">
                  <c:v>1.381536932508965</c:v>
                </c:pt>
                <c:pt idx="2539">
                  <c:v>1.3793645669720531</c:v>
                </c:pt>
                <c:pt idx="2540">
                  <c:v>1.3775025393689855</c:v>
                </c:pt>
                <c:pt idx="2541">
                  <c:v>1.3762611876336073</c:v>
                </c:pt>
                <c:pt idx="2542">
                  <c:v>1.3762611876336073</c:v>
                </c:pt>
                <c:pt idx="2543">
                  <c:v>1.3762611876336073</c:v>
                </c:pt>
                <c:pt idx="2544">
                  <c:v>1.0761171171338366</c:v>
                </c:pt>
                <c:pt idx="2545">
                  <c:v>1.0761171171338366</c:v>
                </c:pt>
                <c:pt idx="2546">
                  <c:v>1.0761171171338366</c:v>
                </c:pt>
                <c:pt idx="2547">
                  <c:v>1.0761171171338366</c:v>
                </c:pt>
                <c:pt idx="2548">
                  <c:v>1.0761171171338366</c:v>
                </c:pt>
                <c:pt idx="2549">
                  <c:v>1.0761171171338366</c:v>
                </c:pt>
                <c:pt idx="2550">
                  <c:v>1.0761171171338366</c:v>
                </c:pt>
                <c:pt idx="2551">
                  <c:v>4.5887084370184317</c:v>
                </c:pt>
                <c:pt idx="2552">
                  <c:v>5.1622969916457366</c:v>
                </c:pt>
                <c:pt idx="2553">
                  <c:v>5.7358855462730407</c:v>
                </c:pt>
                <c:pt idx="2554">
                  <c:v>5.7358855462730407</c:v>
                </c:pt>
                <c:pt idx="2555">
                  <c:v>6.883062655527648</c:v>
                </c:pt>
                <c:pt idx="2556">
                  <c:v>6.883062655527648</c:v>
                </c:pt>
                <c:pt idx="2557">
                  <c:v>4.5887084370184317</c:v>
                </c:pt>
                <c:pt idx="2558">
                  <c:v>6.883062655527648</c:v>
                </c:pt>
                <c:pt idx="2559">
                  <c:v>6.883062655527648</c:v>
                </c:pt>
                <c:pt idx="2560">
                  <c:v>4.0957673966538728</c:v>
                </c:pt>
                <c:pt idx="2561">
                  <c:v>1.309708115010177</c:v>
                </c:pt>
                <c:pt idx="2562">
                  <c:v>1.1552605062071759</c:v>
                </c:pt>
                <c:pt idx="2563">
                  <c:v>1.1552605062071759</c:v>
                </c:pt>
                <c:pt idx="2564">
                  <c:v>1.1552605062071759</c:v>
                </c:pt>
                <c:pt idx="2565">
                  <c:v>1.1552605062071759</c:v>
                </c:pt>
                <c:pt idx="2566">
                  <c:v>1.1552605062071759</c:v>
                </c:pt>
                <c:pt idx="2567">
                  <c:v>1.1552605062071759</c:v>
                </c:pt>
                <c:pt idx="2568">
                  <c:v>0.76992355765846276</c:v>
                </c:pt>
                <c:pt idx="2569">
                  <c:v>1.1342234622155594</c:v>
                </c:pt>
                <c:pt idx="2570">
                  <c:v>1.1342234622155594</c:v>
                </c:pt>
                <c:pt idx="2571">
                  <c:v>1.1342234622155594</c:v>
                </c:pt>
                <c:pt idx="2572">
                  <c:v>1.1342234622155594</c:v>
                </c:pt>
                <c:pt idx="2573">
                  <c:v>1.1342234622155594</c:v>
                </c:pt>
                <c:pt idx="2574">
                  <c:v>1.1342234622155594</c:v>
                </c:pt>
                <c:pt idx="2575">
                  <c:v>4.6820823182970877</c:v>
                </c:pt>
                <c:pt idx="2576">
                  <c:v>5.2242181656788551</c:v>
                </c:pt>
                <c:pt idx="2577">
                  <c:v>5.7663540130606235</c:v>
                </c:pt>
                <c:pt idx="2578">
                  <c:v>5.7663540130606235</c:v>
                </c:pt>
                <c:pt idx="2579">
                  <c:v>6.8999107848588652</c:v>
                </c:pt>
                <c:pt idx="2580">
                  <c:v>6.8999107848588652</c:v>
                </c:pt>
                <c:pt idx="2581">
                  <c:v>4.5835121642276739</c:v>
                </c:pt>
                <c:pt idx="2582">
                  <c:v>6.8999107848588652</c:v>
                </c:pt>
                <c:pt idx="2583">
                  <c:v>6.8999107848588652</c:v>
                </c:pt>
                <c:pt idx="2584">
                  <c:v>4.1439427379021305</c:v>
                </c:pt>
                <c:pt idx="2585">
                  <c:v>1.8657868491854863</c:v>
                </c:pt>
                <c:pt idx="2586">
                  <c:v>1.1673416353571133</c:v>
                </c:pt>
                <c:pt idx="2587">
                  <c:v>1.1673416353571133</c:v>
                </c:pt>
                <c:pt idx="2588">
                  <c:v>1.1673416353571133</c:v>
                </c:pt>
                <c:pt idx="2589">
                  <c:v>1.1673416353571133</c:v>
                </c:pt>
                <c:pt idx="2590">
                  <c:v>1.1673416353571133</c:v>
                </c:pt>
                <c:pt idx="2591">
                  <c:v>1.1673416353571133</c:v>
                </c:pt>
                <c:pt idx="2592">
                  <c:v>1.3444906815069118</c:v>
                </c:pt>
                <c:pt idx="2593">
                  <c:v>1.3444906815069118</c:v>
                </c:pt>
                <c:pt idx="2594">
                  <c:v>1.3444906815069118</c:v>
                </c:pt>
                <c:pt idx="2595">
                  <c:v>1.3444906815069118</c:v>
                </c:pt>
                <c:pt idx="2596">
                  <c:v>1.3444906815069118</c:v>
                </c:pt>
                <c:pt idx="2597">
                  <c:v>1.3444906815069118</c:v>
                </c:pt>
                <c:pt idx="2598">
                  <c:v>1.3444906815069118</c:v>
                </c:pt>
                <c:pt idx="2599">
                  <c:v>5.2588064944313162</c:v>
                </c:pt>
                <c:pt idx="2600">
                  <c:v>5.8677209306286269</c:v>
                </c:pt>
                <c:pt idx="2601">
                  <c:v>6.4766353668259384</c:v>
                </c:pt>
                <c:pt idx="2602">
                  <c:v>6.4766353668259384</c:v>
                </c:pt>
                <c:pt idx="2603">
                  <c:v>7.749820097056678</c:v>
                </c:pt>
                <c:pt idx="2604">
                  <c:v>7.749820097056678</c:v>
                </c:pt>
                <c:pt idx="2605">
                  <c:v>5.1480947787590789</c:v>
                </c:pt>
                <c:pt idx="2606">
                  <c:v>7.749820097056678</c:v>
                </c:pt>
                <c:pt idx="2607">
                  <c:v>7.749820097056678</c:v>
                </c:pt>
                <c:pt idx="2608">
                  <c:v>4.7449002998769858</c:v>
                </c:pt>
                <c:pt idx="2609">
                  <c:v>2.2476148157070197</c:v>
                </c:pt>
                <c:pt idx="2610">
                  <c:v>1.3444906815069118</c:v>
                </c:pt>
                <c:pt idx="2611">
                  <c:v>1.3444906815069118</c:v>
                </c:pt>
                <c:pt idx="2612">
                  <c:v>1.3444906815069118</c:v>
                </c:pt>
                <c:pt idx="2613">
                  <c:v>1.3444906815069118</c:v>
                </c:pt>
                <c:pt idx="2614">
                  <c:v>1.3444906815069118</c:v>
                </c:pt>
                <c:pt idx="2615">
                  <c:v>1.3444906815069118</c:v>
                </c:pt>
                <c:pt idx="2616">
                  <c:v>1.2321602744798024</c:v>
                </c:pt>
                <c:pt idx="2617">
                  <c:v>1.2321602744798024</c:v>
                </c:pt>
                <c:pt idx="2618">
                  <c:v>1.2321602744798024</c:v>
                </c:pt>
                <c:pt idx="2619">
                  <c:v>1.2321602744798024</c:v>
                </c:pt>
                <c:pt idx="2620">
                  <c:v>1.2321602744798024</c:v>
                </c:pt>
                <c:pt idx="2621">
                  <c:v>1.2321602744798024</c:v>
                </c:pt>
                <c:pt idx="2622">
                  <c:v>1.2321602744798024</c:v>
                </c:pt>
                <c:pt idx="2623">
                  <c:v>4.8819440447632241</c:v>
                </c:pt>
                <c:pt idx="2624">
                  <c:v>5.4472217762621238</c:v>
                </c:pt>
                <c:pt idx="2625">
                  <c:v>6.0124995077610226</c:v>
                </c:pt>
                <c:pt idx="2626">
                  <c:v>6.0124995077610226</c:v>
                </c:pt>
                <c:pt idx="2627">
                  <c:v>7.1944438554405412</c:v>
                </c:pt>
                <c:pt idx="2628">
                  <c:v>7.1944438554405412</c:v>
                </c:pt>
                <c:pt idx="2629">
                  <c:v>4.7791662753997866</c:v>
                </c:pt>
                <c:pt idx="2630">
                  <c:v>7.1944438554405412</c:v>
                </c:pt>
                <c:pt idx="2631">
                  <c:v>7.1944438554405412</c:v>
                </c:pt>
                <c:pt idx="2632">
                  <c:v>4.3558559781739721</c:v>
                </c:pt>
                <c:pt idx="2633">
                  <c:v>2.0043847026274459</c:v>
                </c:pt>
                <c:pt idx="2634">
                  <c:v>1.2321602744798024</c:v>
                </c:pt>
                <c:pt idx="2635">
                  <c:v>1.2321602744798024</c:v>
                </c:pt>
                <c:pt idx="2636">
                  <c:v>1.2321602744798024</c:v>
                </c:pt>
                <c:pt idx="2637">
                  <c:v>1.2321602744798024</c:v>
                </c:pt>
                <c:pt idx="2638">
                  <c:v>1.2321602744798024</c:v>
                </c:pt>
                <c:pt idx="2639">
                  <c:v>1.2321602744798024</c:v>
                </c:pt>
                <c:pt idx="2640">
                  <c:v>1.6156479884269348</c:v>
                </c:pt>
                <c:pt idx="2641">
                  <c:v>1.0045813876423328</c:v>
                </c:pt>
                <c:pt idx="2642">
                  <c:v>1.0045813876423328</c:v>
                </c:pt>
                <c:pt idx="2643">
                  <c:v>1.0045813876423328</c:v>
                </c:pt>
                <c:pt idx="2644">
                  <c:v>1.0045813876423328</c:v>
                </c:pt>
                <c:pt idx="2645">
                  <c:v>1.0045813876423328</c:v>
                </c:pt>
                <c:pt idx="2646">
                  <c:v>1.0045813876423328</c:v>
                </c:pt>
                <c:pt idx="2647">
                  <c:v>4.1795535781131186</c:v>
                </c:pt>
                <c:pt idx="2648">
                  <c:v>5.2244419726413982</c:v>
                </c:pt>
                <c:pt idx="2649">
                  <c:v>5.7468861699055385</c:v>
                </c:pt>
                <c:pt idx="2650">
                  <c:v>5.7468861699055385</c:v>
                </c:pt>
                <c:pt idx="2651">
                  <c:v>6.7917745644338181</c:v>
                </c:pt>
                <c:pt idx="2652">
                  <c:v>6.7917745644338181</c:v>
                </c:pt>
                <c:pt idx="2653">
                  <c:v>4.7019977753772579</c:v>
                </c:pt>
                <c:pt idx="2654">
                  <c:v>6.7917745644338181</c:v>
                </c:pt>
                <c:pt idx="2655">
                  <c:v>5.246281608493538</c:v>
                </c:pt>
                <c:pt idx="2656">
                  <c:v>2.5582526887889876</c:v>
                </c:pt>
                <c:pt idx="2657">
                  <c:v>1.725886150347256</c:v>
                </c:pt>
                <c:pt idx="2658">
                  <c:v>1.0515865107796099</c:v>
                </c:pt>
                <c:pt idx="2659">
                  <c:v>1.0045813876423328</c:v>
                </c:pt>
                <c:pt idx="2660">
                  <c:v>1.0045813876423328</c:v>
                </c:pt>
                <c:pt idx="2661">
                  <c:v>1.0045813876423328</c:v>
                </c:pt>
                <c:pt idx="2662">
                  <c:v>1.0045813876423328</c:v>
                </c:pt>
                <c:pt idx="2663">
                  <c:v>1.0045813876423328</c:v>
                </c:pt>
                <c:pt idx="2664">
                  <c:v>0.65931637456892078</c:v>
                </c:pt>
                <c:pt idx="2665">
                  <c:v>0.6068672825018272</c:v>
                </c:pt>
                <c:pt idx="2666">
                  <c:v>0.6068672825018272</c:v>
                </c:pt>
                <c:pt idx="2667">
                  <c:v>0.6068672825018272</c:v>
                </c:pt>
                <c:pt idx="2668">
                  <c:v>0.6068672825018272</c:v>
                </c:pt>
                <c:pt idx="2669">
                  <c:v>0.60740959421181473</c:v>
                </c:pt>
                <c:pt idx="2670">
                  <c:v>0.60811459943479851</c:v>
                </c:pt>
                <c:pt idx="2671">
                  <c:v>0.60860267997378736</c:v>
                </c:pt>
                <c:pt idx="2672">
                  <c:v>0.60860267997378736</c:v>
                </c:pt>
                <c:pt idx="2673">
                  <c:v>0.60860267997378736</c:v>
                </c:pt>
                <c:pt idx="2674">
                  <c:v>0.60860267997378736</c:v>
                </c:pt>
                <c:pt idx="2675">
                  <c:v>0.60860267997378736</c:v>
                </c:pt>
                <c:pt idx="2676">
                  <c:v>0.60860267997378736</c:v>
                </c:pt>
                <c:pt idx="2677">
                  <c:v>0.60860267997378736</c:v>
                </c:pt>
                <c:pt idx="2678">
                  <c:v>0.60860267997378736</c:v>
                </c:pt>
                <c:pt idx="2679">
                  <c:v>0.60822306177679608</c:v>
                </c:pt>
                <c:pt idx="2680">
                  <c:v>0.60789767475080358</c:v>
                </c:pt>
                <c:pt idx="2681">
                  <c:v>0.60757228772481109</c:v>
                </c:pt>
                <c:pt idx="2682">
                  <c:v>0.60746382538281352</c:v>
                </c:pt>
                <c:pt idx="2683">
                  <c:v>0.60692151367282587</c:v>
                </c:pt>
                <c:pt idx="2684">
                  <c:v>0.60632497079183956</c:v>
                </c:pt>
                <c:pt idx="2685">
                  <c:v>0.60632497079183956</c:v>
                </c:pt>
                <c:pt idx="2686">
                  <c:v>0.60632497079183956</c:v>
                </c:pt>
                <c:pt idx="2687">
                  <c:v>0.60632497079183956</c:v>
                </c:pt>
                <c:pt idx="2688">
                  <c:v>0.56671249071251295</c:v>
                </c:pt>
                <c:pt idx="2689">
                  <c:v>0.56696733871598515</c:v>
                </c:pt>
                <c:pt idx="2690">
                  <c:v>0.56696733871598515</c:v>
                </c:pt>
                <c:pt idx="2691">
                  <c:v>0.56696733871598515</c:v>
                </c:pt>
                <c:pt idx="2692">
                  <c:v>0.56696733871598515</c:v>
                </c:pt>
                <c:pt idx="2693">
                  <c:v>0.56742606512223515</c:v>
                </c:pt>
                <c:pt idx="2694">
                  <c:v>0.56783382192779064</c:v>
                </c:pt>
                <c:pt idx="2695">
                  <c:v>0.56834351793473503</c:v>
                </c:pt>
                <c:pt idx="2696">
                  <c:v>0.56834351793473503</c:v>
                </c:pt>
                <c:pt idx="2697">
                  <c:v>0.56834351793473503</c:v>
                </c:pt>
                <c:pt idx="2698">
                  <c:v>0.56834351793473503</c:v>
                </c:pt>
                <c:pt idx="2699">
                  <c:v>0.56834351793473503</c:v>
                </c:pt>
                <c:pt idx="2700">
                  <c:v>0.56834351793473503</c:v>
                </c:pt>
                <c:pt idx="2701">
                  <c:v>0.56834351793473503</c:v>
                </c:pt>
                <c:pt idx="2702">
                  <c:v>0.56834351793473503</c:v>
                </c:pt>
                <c:pt idx="2703">
                  <c:v>0.56798673072987405</c:v>
                </c:pt>
                <c:pt idx="2704">
                  <c:v>0.56793576112917954</c:v>
                </c:pt>
                <c:pt idx="2705">
                  <c:v>0.56752800432362405</c:v>
                </c:pt>
                <c:pt idx="2706">
                  <c:v>0.56737509552154064</c:v>
                </c:pt>
                <c:pt idx="2707">
                  <c:v>0.56701830831667965</c:v>
                </c:pt>
                <c:pt idx="2708">
                  <c:v>0.56671249071251295</c:v>
                </c:pt>
                <c:pt idx="2709">
                  <c:v>0.56650861230973515</c:v>
                </c:pt>
                <c:pt idx="2710">
                  <c:v>0.56650861230973515</c:v>
                </c:pt>
                <c:pt idx="2711">
                  <c:v>0.56650861230973515</c:v>
                </c:pt>
                <c:pt idx="2712">
                  <c:v>0.9692481762193299</c:v>
                </c:pt>
                <c:pt idx="2713">
                  <c:v>0.9692481762193299</c:v>
                </c:pt>
                <c:pt idx="2714">
                  <c:v>0.9692481762193299</c:v>
                </c:pt>
                <c:pt idx="2715">
                  <c:v>0.9692481762193299</c:v>
                </c:pt>
                <c:pt idx="2716">
                  <c:v>0.9692481762193299</c:v>
                </c:pt>
                <c:pt idx="2717">
                  <c:v>0.9692481762193299</c:v>
                </c:pt>
                <c:pt idx="2718">
                  <c:v>0.9692481762193299</c:v>
                </c:pt>
                <c:pt idx="2719">
                  <c:v>4.1325617425203092</c:v>
                </c:pt>
                <c:pt idx="2720">
                  <c:v>4.6491319603353478</c:v>
                </c:pt>
                <c:pt idx="2721">
                  <c:v>5.1657021781503865</c:v>
                </c:pt>
                <c:pt idx="2722">
                  <c:v>5.1657021781503865</c:v>
                </c:pt>
                <c:pt idx="2723">
                  <c:v>6.1988426137804629</c:v>
                </c:pt>
                <c:pt idx="2724">
                  <c:v>6.1988426137804629</c:v>
                </c:pt>
                <c:pt idx="2725">
                  <c:v>4.1325617425203092</c:v>
                </c:pt>
                <c:pt idx="2726">
                  <c:v>6.1988426137804629</c:v>
                </c:pt>
                <c:pt idx="2727">
                  <c:v>6.1988426137804629</c:v>
                </c:pt>
                <c:pt idx="2728">
                  <c:v>3.6805983015508827</c:v>
                </c:pt>
                <c:pt idx="2729">
                  <c:v>1.1633441314951811</c:v>
                </c:pt>
                <c:pt idx="2730">
                  <c:v>1.0380084995948178</c:v>
                </c:pt>
                <c:pt idx="2731">
                  <c:v>1.0380084995948178</c:v>
                </c:pt>
                <c:pt idx="2732">
                  <c:v>1.0380084995948178</c:v>
                </c:pt>
                <c:pt idx="2733">
                  <c:v>1.0380084995948178</c:v>
                </c:pt>
                <c:pt idx="2734">
                  <c:v>1.0380084995948178</c:v>
                </c:pt>
                <c:pt idx="2735">
                  <c:v>1.0380084995948178</c:v>
                </c:pt>
                <c:pt idx="2736">
                  <c:v>0.8034479179985522</c:v>
                </c:pt>
                <c:pt idx="2737">
                  <c:v>1.1739284330251318</c:v>
                </c:pt>
                <c:pt idx="2738">
                  <c:v>1.1739284330251318</c:v>
                </c:pt>
                <c:pt idx="2739">
                  <c:v>1.1739284330251318</c:v>
                </c:pt>
                <c:pt idx="2740">
                  <c:v>1.1739284330251318</c:v>
                </c:pt>
                <c:pt idx="2741">
                  <c:v>1.1739284330251318</c:v>
                </c:pt>
                <c:pt idx="2742">
                  <c:v>1.1739284330251318</c:v>
                </c:pt>
                <c:pt idx="2743">
                  <c:v>4.8204611314084653</c:v>
                </c:pt>
                <c:pt idx="2744">
                  <c:v>5.3786197887294467</c:v>
                </c:pt>
                <c:pt idx="2745">
                  <c:v>5.9367784460504271</c:v>
                </c:pt>
                <c:pt idx="2746">
                  <c:v>5.9367784460504271</c:v>
                </c:pt>
                <c:pt idx="2747">
                  <c:v>7.1038374568124762</c:v>
                </c:pt>
                <c:pt idx="2748">
                  <c:v>7.1038374568124762</c:v>
                </c:pt>
                <c:pt idx="2749">
                  <c:v>4.7189777391682872</c:v>
                </c:pt>
                <c:pt idx="2750">
                  <c:v>7.1038374568124762</c:v>
                </c:pt>
                <c:pt idx="2751">
                  <c:v>7.1038374568124762</c:v>
                </c:pt>
                <c:pt idx="2752">
                  <c:v>4.2868549954930426</c:v>
                </c:pt>
                <c:pt idx="2753">
                  <c:v>1.9551310538862823</c:v>
                </c:pt>
                <c:pt idx="2754">
                  <c:v>1.2076084798457301</c:v>
                </c:pt>
                <c:pt idx="2755">
                  <c:v>1.2076084798457301</c:v>
                </c:pt>
                <c:pt idx="2756">
                  <c:v>1.2076084798457301</c:v>
                </c:pt>
                <c:pt idx="2757">
                  <c:v>1.2076084798457301</c:v>
                </c:pt>
                <c:pt idx="2758">
                  <c:v>1.2076084798457301</c:v>
                </c:pt>
                <c:pt idx="2759">
                  <c:v>1.2076084798457301</c:v>
                </c:pt>
                <c:pt idx="2760">
                  <c:v>1.4261855229811733</c:v>
                </c:pt>
                <c:pt idx="2761">
                  <c:v>1.4261855229811733</c:v>
                </c:pt>
                <c:pt idx="2762">
                  <c:v>1.4261855229811733</c:v>
                </c:pt>
                <c:pt idx="2763">
                  <c:v>1.4261855229811733</c:v>
                </c:pt>
                <c:pt idx="2764">
                  <c:v>1.4261855229811733</c:v>
                </c:pt>
                <c:pt idx="2765">
                  <c:v>1.4261855229811733</c:v>
                </c:pt>
                <c:pt idx="2766">
                  <c:v>1.4261855229811733</c:v>
                </c:pt>
                <c:pt idx="2767">
                  <c:v>5.5328882760081131</c:v>
                </c:pt>
                <c:pt idx="2768">
                  <c:v>6.1735384974406298</c:v>
                </c:pt>
                <c:pt idx="2769">
                  <c:v>6.8141887188731483</c:v>
                </c:pt>
                <c:pt idx="2770">
                  <c:v>6.8141887188731483</c:v>
                </c:pt>
                <c:pt idx="2771">
                  <c:v>8.1537300909593249</c:v>
                </c:pt>
                <c:pt idx="2772">
                  <c:v>8.1537300909593249</c:v>
                </c:pt>
                <c:pt idx="2773">
                  <c:v>5.4164064175658364</c:v>
                </c:pt>
                <c:pt idx="2774">
                  <c:v>8.1537300909593249</c:v>
                </c:pt>
                <c:pt idx="2775">
                  <c:v>8.1537300909593249</c:v>
                </c:pt>
                <c:pt idx="2776">
                  <c:v>5.027841624751904</c:v>
                </c:pt>
                <c:pt idx="2777">
                  <c:v>2.4245094434012557</c:v>
                </c:pt>
                <c:pt idx="2778">
                  <c:v>1.4261855229811733</c:v>
                </c:pt>
                <c:pt idx="2779">
                  <c:v>1.4261855229811733</c:v>
                </c:pt>
                <c:pt idx="2780">
                  <c:v>1.4261855229811733</c:v>
                </c:pt>
                <c:pt idx="2781">
                  <c:v>1.4261855229811733</c:v>
                </c:pt>
                <c:pt idx="2782">
                  <c:v>1.4261855229811733</c:v>
                </c:pt>
                <c:pt idx="2783">
                  <c:v>1.4261855229811733</c:v>
                </c:pt>
                <c:pt idx="2784">
                  <c:v>1.303643260769781</c:v>
                </c:pt>
                <c:pt idx="2785">
                  <c:v>1.303643260769781</c:v>
                </c:pt>
                <c:pt idx="2786">
                  <c:v>1.303643260769781</c:v>
                </c:pt>
                <c:pt idx="2787">
                  <c:v>1.303643260769781</c:v>
                </c:pt>
                <c:pt idx="2788">
                  <c:v>1.303643260769781</c:v>
                </c:pt>
                <c:pt idx="2789">
                  <c:v>1.303643260769781</c:v>
                </c:pt>
                <c:pt idx="2790">
                  <c:v>1.303643260769781</c:v>
                </c:pt>
                <c:pt idx="2791">
                  <c:v>5.1217656036429178</c:v>
                </c:pt>
                <c:pt idx="2792">
                  <c:v>5.7148121472226254</c:v>
                </c:pt>
                <c:pt idx="2793">
                  <c:v>6.3078586908023322</c:v>
                </c:pt>
                <c:pt idx="2794">
                  <c:v>6.3078586908023322</c:v>
                </c:pt>
                <c:pt idx="2795">
                  <c:v>7.5478651001053532</c:v>
                </c:pt>
                <c:pt idx="2796">
                  <c:v>7.5478651001053532</c:v>
                </c:pt>
                <c:pt idx="2797">
                  <c:v>5.0139389593556993</c:v>
                </c:pt>
                <c:pt idx="2798">
                  <c:v>7.5478651001053532</c:v>
                </c:pt>
                <c:pt idx="2799">
                  <c:v>7.5478651001053532</c:v>
                </c:pt>
                <c:pt idx="2800">
                  <c:v>4.6034296374395245</c:v>
                </c:pt>
                <c:pt idx="2801">
                  <c:v>2.1591675018599013</c:v>
                </c:pt>
                <c:pt idx="2802">
                  <c:v>1.303643260769781</c:v>
                </c:pt>
                <c:pt idx="2803">
                  <c:v>1.303643260769781</c:v>
                </c:pt>
                <c:pt idx="2804">
                  <c:v>1.303643260769781</c:v>
                </c:pt>
                <c:pt idx="2805">
                  <c:v>1.303643260769781</c:v>
                </c:pt>
                <c:pt idx="2806">
                  <c:v>1.303643260769781</c:v>
                </c:pt>
                <c:pt idx="2807">
                  <c:v>1.303643260769781</c:v>
                </c:pt>
                <c:pt idx="2808">
                  <c:v>1.6924487738248537</c:v>
                </c:pt>
                <c:pt idx="2809">
                  <c:v>1.0537032354603006</c:v>
                </c:pt>
                <c:pt idx="2810">
                  <c:v>1.0537032354603006</c:v>
                </c:pt>
                <c:pt idx="2811">
                  <c:v>1.0537032354603006</c:v>
                </c:pt>
                <c:pt idx="2812">
                  <c:v>1.0537032354603006</c:v>
                </c:pt>
                <c:pt idx="2813">
                  <c:v>1.0537032354603006</c:v>
                </c:pt>
                <c:pt idx="2814">
                  <c:v>1.0537032354603006</c:v>
                </c:pt>
                <c:pt idx="2815">
                  <c:v>4.3786752967708589</c:v>
                </c:pt>
                <c:pt idx="2816">
                  <c:v>5.4733441209635734</c:v>
                </c:pt>
                <c:pt idx="2817">
                  <c:v>6.0206785330599315</c:v>
                </c:pt>
                <c:pt idx="2818">
                  <c:v>6.0206785330599315</c:v>
                </c:pt>
                <c:pt idx="2819">
                  <c:v>7.1153473572526469</c:v>
                </c:pt>
                <c:pt idx="2820">
                  <c:v>7.1153473572526469</c:v>
                </c:pt>
                <c:pt idx="2821">
                  <c:v>4.926009708867217</c:v>
                </c:pt>
                <c:pt idx="2822">
                  <c:v>7.1153473572526469</c:v>
                </c:pt>
                <c:pt idx="2823">
                  <c:v>5.4973985343228167</c:v>
                </c:pt>
                <c:pt idx="2824">
                  <c:v>2.6858032601348438</c:v>
                </c:pt>
                <c:pt idx="2825">
                  <c:v>1.8138662888762709</c:v>
                </c:pt>
                <c:pt idx="2826">
                  <c:v>1.1028375076421895</c:v>
                </c:pt>
                <c:pt idx="2827">
                  <c:v>1.0537032354603006</c:v>
                </c:pt>
                <c:pt idx="2828">
                  <c:v>1.0537032354603006</c:v>
                </c:pt>
                <c:pt idx="2829">
                  <c:v>1.0537032354603006</c:v>
                </c:pt>
                <c:pt idx="2830">
                  <c:v>1.0537032354603006</c:v>
                </c:pt>
                <c:pt idx="2831">
                  <c:v>1.0537032354603006</c:v>
                </c:pt>
                <c:pt idx="2832">
                  <c:v>0.76632274169472314</c:v>
                </c:pt>
                <c:pt idx="2833">
                  <c:v>0.70731480878396769</c:v>
                </c:pt>
                <c:pt idx="2834">
                  <c:v>0.70731480878396769</c:v>
                </c:pt>
                <c:pt idx="2835">
                  <c:v>0.70731480878396769</c:v>
                </c:pt>
                <c:pt idx="2836">
                  <c:v>0.70731480878396769</c:v>
                </c:pt>
                <c:pt idx="2837">
                  <c:v>0.7079275026213171</c:v>
                </c:pt>
                <c:pt idx="2838">
                  <c:v>0.70872400460987151</c:v>
                </c:pt>
                <c:pt idx="2839">
                  <c:v>0.70927542906348606</c:v>
                </c:pt>
                <c:pt idx="2840">
                  <c:v>0.70927542906348606</c:v>
                </c:pt>
                <c:pt idx="2841">
                  <c:v>0.70927542906348606</c:v>
                </c:pt>
                <c:pt idx="2842">
                  <c:v>0.70927542906348606</c:v>
                </c:pt>
                <c:pt idx="2843">
                  <c:v>0.70927542906348606</c:v>
                </c:pt>
                <c:pt idx="2844">
                  <c:v>0.70927542906348606</c:v>
                </c:pt>
                <c:pt idx="2845">
                  <c:v>0.70927542906348606</c:v>
                </c:pt>
                <c:pt idx="2846">
                  <c:v>0.70927542906348606</c:v>
                </c:pt>
                <c:pt idx="2847">
                  <c:v>0.70884654337734143</c:v>
                </c:pt>
                <c:pt idx="2848">
                  <c:v>0.70847892707493165</c:v>
                </c:pt>
                <c:pt idx="2849">
                  <c:v>0.70811131077252198</c:v>
                </c:pt>
                <c:pt idx="2850">
                  <c:v>0.70798877200505217</c:v>
                </c:pt>
                <c:pt idx="2851">
                  <c:v>0.70737607816770254</c:v>
                </c:pt>
                <c:pt idx="2852">
                  <c:v>0.70670211494661805</c:v>
                </c:pt>
                <c:pt idx="2853">
                  <c:v>0.70670211494661805</c:v>
                </c:pt>
                <c:pt idx="2854">
                  <c:v>0.70670211494661805</c:v>
                </c:pt>
                <c:pt idx="2855">
                  <c:v>0.70670211494661805</c:v>
                </c:pt>
                <c:pt idx="2856">
                  <c:v>0.7567373438473175</c:v>
                </c:pt>
                <c:pt idx="2857">
                  <c:v>0.75709884656388426</c:v>
                </c:pt>
                <c:pt idx="2858">
                  <c:v>0.75709884656388426</c:v>
                </c:pt>
                <c:pt idx="2859">
                  <c:v>0.75709884656388426</c:v>
                </c:pt>
                <c:pt idx="2860">
                  <c:v>0.75709884656388426</c:v>
                </c:pt>
                <c:pt idx="2861">
                  <c:v>0.75774955145370448</c:v>
                </c:pt>
                <c:pt idx="2862">
                  <c:v>0.7583279558002114</c:v>
                </c:pt>
                <c:pt idx="2863">
                  <c:v>0.75905096123334503</c:v>
                </c:pt>
                <c:pt idx="2864">
                  <c:v>0.75905096123334503</c:v>
                </c:pt>
                <c:pt idx="2865">
                  <c:v>0.75905096123334503</c:v>
                </c:pt>
                <c:pt idx="2866">
                  <c:v>0.75905096123334503</c:v>
                </c:pt>
                <c:pt idx="2867">
                  <c:v>0.75905096123334503</c:v>
                </c:pt>
                <c:pt idx="2868">
                  <c:v>0.75905096123334503</c:v>
                </c:pt>
                <c:pt idx="2869">
                  <c:v>0.75905096123334503</c:v>
                </c:pt>
                <c:pt idx="2870">
                  <c:v>0.75905096123334503</c:v>
                </c:pt>
                <c:pt idx="2871">
                  <c:v>0.75854485743015154</c:v>
                </c:pt>
                <c:pt idx="2872">
                  <c:v>0.75847255688683812</c:v>
                </c:pt>
                <c:pt idx="2873">
                  <c:v>0.75789415254033121</c:v>
                </c:pt>
                <c:pt idx="2874">
                  <c:v>0.75767725091039106</c:v>
                </c:pt>
                <c:pt idx="2875">
                  <c:v>0.75717114710719757</c:v>
                </c:pt>
                <c:pt idx="2876">
                  <c:v>0.7567373438473175</c:v>
                </c:pt>
                <c:pt idx="2877">
                  <c:v>0.75644814167406393</c:v>
                </c:pt>
                <c:pt idx="2878">
                  <c:v>0.75644814167406393</c:v>
                </c:pt>
                <c:pt idx="2879">
                  <c:v>0.75644814167406393</c:v>
                </c:pt>
                <c:pt idx="2880">
                  <c:v>1.0323980049415382</c:v>
                </c:pt>
                <c:pt idx="2881">
                  <c:v>1.0323980049415382</c:v>
                </c:pt>
                <c:pt idx="2882">
                  <c:v>1.0323980049415382</c:v>
                </c:pt>
                <c:pt idx="2883">
                  <c:v>1.0323980049415382</c:v>
                </c:pt>
                <c:pt idx="2884">
                  <c:v>1.0323980049415382</c:v>
                </c:pt>
                <c:pt idx="2885">
                  <c:v>1.0323980049415382</c:v>
                </c:pt>
                <c:pt idx="2886">
                  <c:v>1.0323980049415382</c:v>
                </c:pt>
                <c:pt idx="2887">
                  <c:v>4.4021029710873822</c:v>
                </c:pt>
                <c:pt idx="2888">
                  <c:v>4.9523658424733057</c:v>
                </c:pt>
                <c:pt idx="2889">
                  <c:v>5.5026287138592282</c:v>
                </c:pt>
                <c:pt idx="2890">
                  <c:v>5.5026287138592282</c:v>
                </c:pt>
                <c:pt idx="2891">
                  <c:v>6.6031544566310716</c:v>
                </c:pt>
                <c:pt idx="2892">
                  <c:v>6.6031544566310716</c:v>
                </c:pt>
                <c:pt idx="2893">
                  <c:v>4.4021029710873822</c:v>
                </c:pt>
                <c:pt idx="2894">
                  <c:v>6.6031544566310716</c:v>
                </c:pt>
                <c:pt idx="2895">
                  <c:v>6.6031544566310716</c:v>
                </c:pt>
                <c:pt idx="2896">
                  <c:v>3.9259254941117399</c:v>
                </c:pt>
                <c:pt idx="2897">
                  <c:v>1.2498319399358606</c:v>
                </c:pt>
                <c:pt idx="2898">
                  <c:v>1.1072937762293931</c:v>
                </c:pt>
                <c:pt idx="2899">
                  <c:v>1.1072937762293931</c:v>
                </c:pt>
                <c:pt idx="2900">
                  <c:v>1.1072937762293931</c:v>
                </c:pt>
                <c:pt idx="2901">
                  <c:v>1.1072937762293931</c:v>
                </c:pt>
                <c:pt idx="2902">
                  <c:v>1.1072937762293931</c:v>
                </c:pt>
                <c:pt idx="2903">
                  <c:v>1.1072937762293931</c:v>
                </c:pt>
                <c:pt idx="2904">
                  <c:v>0.66177100264215438</c:v>
                </c:pt>
                <c:pt idx="2905">
                  <c:v>0.97971632867812541</c:v>
                </c:pt>
                <c:pt idx="2906">
                  <c:v>0.97971632867812541</c:v>
                </c:pt>
                <c:pt idx="2907">
                  <c:v>0.97971632867812541</c:v>
                </c:pt>
                <c:pt idx="2908">
                  <c:v>0.97971632867812541</c:v>
                </c:pt>
                <c:pt idx="2909">
                  <c:v>0.97971632867812541</c:v>
                </c:pt>
                <c:pt idx="2910">
                  <c:v>0.97971632867812541</c:v>
                </c:pt>
                <c:pt idx="2911">
                  <c:v>4.0569804836655692</c:v>
                </c:pt>
                <c:pt idx="2912">
                  <c:v>4.5267361186163191</c:v>
                </c:pt>
                <c:pt idx="2913">
                  <c:v>4.996491753567069</c:v>
                </c:pt>
                <c:pt idx="2914">
                  <c:v>4.996491753567069</c:v>
                </c:pt>
                <c:pt idx="2915">
                  <c:v>5.978708081191364</c:v>
                </c:pt>
                <c:pt idx="2916">
                  <c:v>5.978708081191364</c:v>
                </c:pt>
                <c:pt idx="2917">
                  <c:v>3.9715703682199779</c:v>
                </c:pt>
                <c:pt idx="2918">
                  <c:v>5.978708081191364</c:v>
                </c:pt>
                <c:pt idx="2919">
                  <c:v>5.978708081191364</c:v>
                </c:pt>
                <c:pt idx="2920">
                  <c:v>3.5805142327051254</c:v>
                </c:pt>
                <c:pt idx="2921">
                  <c:v>1.5996628911715574</c:v>
                </c:pt>
                <c:pt idx="2922">
                  <c:v>1.00862044922685</c:v>
                </c:pt>
                <c:pt idx="2923">
                  <c:v>1.00862044922685</c:v>
                </c:pt>
                <c:pt idx="2924">
                  <c:v>1.00862044922685</c:v>
                </c:pt>
                <c:pt idx="2925">
                  <c:v>1.00862044922685</c:v>
                </c:pt>
                <c:pt idx="2926">
                  <c:v>1.00862044922685</c:v>
                </c:pt>
                <c:pt idx="2927">
                  <c:v>1.00862044922685</c:v>
                </c:pt>
                <c:pt idx="2928">
                  <c:v>1.0499243633055619</c:v>
                </c:pt>
                <c:pt idx="2929">
                  <c:v>1.0499243633055619</c:v>
                </c:pt>
                <c:pt idx="2930">
                  <c:v>1.0499243633055619</c:v>
                </c:pt>
                <c:pt idx="2931">
                  <c:v>1.0499243633055619</c:v>
                </c:pt>
                <c:pt idx="2932">
                  <c:v>1.0499243633055619</c:v>
                </c:pt>
                <c:pt idx="2933">
                  <c:v>1.0499243633055619</c:v>
                </c:pt>
                <c:pt idx="2934">
                  <c:v>1.0499243633055619</c:v>
                </c:pt>
                <c:pt idx="2935">
                  <c:v>4.208340382874975</c:v>
                </c:pt>
                <c:pt idx="2936">
                  <c:v>4.6956219008920783</c:v>
                </c:pt>
                <c:pt idx="2937">
                  <c:v>5.1829034189091807</c:v>
                </c:pt>
                <c:pt idx="2938">
                  <c:v>5.1829034189091807</c:v>
                </c:pt>
                <c:pt idx="2939">
                  <c:v>6.201764774763121</c:v>
                </c:pt>
                <c:pt idx="2940">
                  <c:v>6.201764774763121</c:v>
                </c:pt>
                <c:pt idx="2941">
                  <c:v>4.1197437432355013</c:v>
                </c:pt>
                <c:pt idx="2942">
                  <c:v>6.201764774763121</c:v>
                </c:pt>
                <c:pt idx="2943">
                  <c:v>6.201764774763121</c:v>
                </c:pt>
                <c:pt idx="2944">
                  <c:v>3.7173501364081605</c:v>
                </c:pt>
                <c:pt idx="2945">
                  <c:v>1.664973557373979</c:v>
                </c:pt>
                <c:pt idx="2946">
                  <c:v>1.0499243633055619</c:v>
                </c:pt>
                <c:pt idx="2947">
                  <c:v>1.0499243633055619</c:v>
                </c:pt>
                <c:pt idx="2948">
                  <c:v>1.0499243633055619</c:v>
                </c:pt>
                <c:pt idx="2949">
                  <c:v>1.0499243633055619</c:v>
                </c:pt>
                <c:pt idx="2950">
                  <c:v>1.0499243633055619</c:v>
                </c:pt>
                <c:pt idx="2951">
                  <c:v>1.0499243633055619</c:v>
                </c:pt>
                <c:pt idx="2952">
                  <c:v>1.0604722609135866</c:v>
                </c:pt>
                <c:pt idx="2953">
                  <c:v>1.0604722609135866</c:v>
                </c:pt>
                <c:pt idx="2954">
                  <c:v>1.0604722609135866</c:v>
                </c:pt>
                <c:pt idx="2955">
                  <c:v>1.0604722609135866</c:v>
                </c:pt>
                <c:pt idx="2956">
                  <c:v>1.0604722609135866</c:v>
                </c:pt>
                <c:pt idx="2957">
                  <c:v>1.0604722609135866</c:v>
                </c:pt>
                <c:pt idx="2958">
                  <c:v>1.0604722609135866</c:v>
                </c:pt>
                <c:pt idx="2959">
                  <c:v>4.2496529641138832</c:v>
                </c:pt>
                <c:pt idx="2960">
                  <c:v>4.7417180441691764</c:v>
                </c:pt>
                <c:pt idx="2961">
                  <c:v>5.2337831242244679</c:v>
                </c:pt>
                <c:pt idx="2962">
                  <c:v>5.2337831242244679</c:v>
                </c:pt>
                <c:pt idx="2963">
                  <c:v>6.262646473430987</c:v>
                </c:pt>
                <c:pt idx="2964">
                  <c:v>6.262646473430987</c:v>
                </c:pt>
                <c:pt idx="2965">
                  <c:v>4.1601865859220126</c:v>
                </c:pt>
                <c:pt idx="2966">
                  <c:v>6.262646473430987</c:v>
                </c:pt>
                <c:pt idx="2967">
                  <c:v>6.262646473430987</c:v>
                </c:pt>
                <c:pt idx="2968">
                  <c:v>3.7545817728367554</c:v>
                </c:pt>
                <c:pt idx="2969">
                  <c:v>1.6825572093759797</c:v>
                </c:pt>
                <c:pt idx="2970">
                  <c:v>1.0604722609135866</c:v>
                </c:pt>
                <c:pt idx="2971">
                  <c:v>1.0604722609135866</c:v>
                </c:pt>
                <c:pt idx="2972">
                  <c:v>1.0604722609135866</c:v>
                </c:pt>
                <c:pt idx="2973">
                  <c:v>1.0604722609135866</c:v>
                </c:pt>
                <c:pt idx="2974">
                  <c:v>1.0604722609135866</c:v>
                </c:pt>
                <c:pt idx="2975">
                  <c:v>1.0604722609135866</c:v>
                </c:pt>
                <c:pt idx="2976">
                  <c:v>1.439006182011723</c:v>
                </c:pt>
                <c:pt idx="2977">
                  <c:v>0.8916011376610079</c:v>
                </c:pt>
                <c:pt idx="2978">
                  <c:v>0.8916011376610079</c:v>
                </c:pt>
                <c:pt idx="2979">
                  <c:v>0.8916011376610079</c:v>
                </c:pt>
                <c:pt idx="2980">
                  <c:v>0.8916011376610079</c:v>
                </c:pt>
                <c:pt idx="2981">
                  <c:v>0.8916011376610079</c:v>
                </c:pt>
                <c:pt idx="2982">
                  <c:v>0.8916011376610079</c:v>
                </c:pt>
                <c:pt idx="2983">
                  <c:v>3.7215736252003171</c:v>
                </c:pt>
                <c:pt idx="2984">
                  <c:v>4.651967031500396</c:v>
                </c:pt>
                <c:pt idx="2985">
                  <c:v>5.1171637346504353</c:v>
                </c:pt>
                <c:pt idx="2986">
                  <c:v>5.1171637346504353</c:v>
                </c:pt>
                <c:pt idx="2987">
                  <c:v>6.0475571409505147</c:v>
                </c:pt>
                <c:pt idx="2988">
                  <c:v>6.0475571409505147</c:v>
                </c:pt>
                <c:pt idx="2989">
                  <c:v>4.1867703283503559</c:v>
                </c:pt>
                <c:pt idx="2990">
                  <c:v>6.0475571409505147</c:v>
                </c:pt>
                <c:pt idx="2991">
                  <c:v>4.6687126790861964</c:v>
                </c:pt>
                <c:pt idx="2992">
                  <c:v>2.2648863746935199</c:v>
                </c:pt>
                <c:pt idx="2993">
                  <c:v>1.5235318317305235</c:v>
                </c:pt>
                <c:pt idx="2994">
                  <c:v>0.93370921799567808</c:v>
                </c:pt>
                <c:pt idx="2995">
                  <c:v>0.8916011376610079</c:v>
                </c:pt>
                <c:pt idx="2996">
                  <c:v>0.8916011376610079</c:v>
                </c:pt>
                <c:pt idx="2997">
                  <c:v>0.8916011376610079</c:v>
                </c:pt>
                <c:pt idx="2998">
                  <c:v>0.8916011376610079</c:v>
                </c:pt>
                <c:pt idx="2999">
                  <c:v>0.8916011376610079</c:v>
                </c:pt>
                <c:pt idx="3000">
                  <c:v>0.58579446578127081</c:v>
                </c:pt>
                <c:pt idx="3001">
                  <c:v>0.53748373065977628</c:v>
                </c:pt>
                <c:pt idx="3002">
                  <c:v>0.53748373065977628</c:v>
                </c:pt>
                <c:pt idx="3003">
                  <c:v>0.53748373065977628</c:v>
                </c:pt>
                <c:pt idx="3004">
                  <c:v>0.53748373065977628</c:v>
                </c:pt>
                <c:pt idx="3005">
                  <c:v>0.53783835669679869</c:v>
                </c:pt>
                <c:pt idx="3006">
                  <c:v>0.5382993705449276</c:v>
                </c:pt>
                <c:pt idx="3007">
                  <c:v>0.53861853397824766</c:v>
                </c:pt>
                <c:pt idx="3008">
                  <c:v>0.53861853397824766</c:v>
                </c:pt>
                <c:pt idx="3009">
                  <c:v>0.53861853397824766</c:v>
                </c:pt>
                <c:pt idx="3010">
                  <c:v>0.53861853397824766</c:v>
                </c:pt>
                <c:pt idx="3011">
                  <c:v>0.53861853397824766</c:v>
                </c:pt>
                <c:pt idx="3012">
                  <c:v>0.53861853397824766</c:v>
                </c:pt>
                <c:pt idx="3013">
                  <c:v>0.53861853397824766</c:v>
                </c:pt>
                <c:pt idx="3014">
                  <c:v>0.53861853397824766</c:v>
                </c:pt>
                <c:pt idx="3015">
                  <c:v>0.53837029575233208</c:v>
                </c:pt>
                <c:pt idx="3016">
                  <c:v>0.53815752013011864</c:v>
                </c:pt>
                <c:pt idx="3017">
                  <c:v>0.5379447445079053</c:v>
                </c:pt>
                <c:pt idx="3018">
                  <c:v>0.53787381930050082</c:v>
                </c:pt>
                <c:pt idx="3019">
                  <c:v>0.53751919326347852</c:v>
                </c:pt>
                <c:pt idx="3020">
                  <c:v>0.53712910462275409</c:v>
                </c:pt>
                <c:pt idx="3021">
                  <c:v>0.53712910462275409</c:v>
                </c:pt>
                <c:pt idx="3022">
                  <c:v>0.53712910462275409</c:v>
                </c:pt>
                <c:pt idx="3023">
                  <c:v>0.53712910462275409</c:v>
                </c:pt>
                <c:pt idx="3024">
                  <c:v>0.60284172982325002</c:v>
                </c:pt>
                <c:pt idx="3025">
                  <c:v>0.60314657222348533</c:v>
                </c:pt>
                <c:pt idx="3026">
                  <c:v>0.60314657222348533</c:v>
                </c:pt>
                <c:pt idx="3027">
                  <c:v>0.60314657222348533</c:v>
                </c:pt>
                <c:pt idx="3028">
                  <c:v>0.60314657222348533</c:v>
                </c:pt>
                <c:pt idx="3029">
                  <c:v>0.60369528854390886</c:v>
                </c:pt>
                <c:pt idx="3030">
                  <c:v>0.60418303638428539</c:v>
                </c:pt>
                <c:pt idx="3031">
                  <c:v>0.60479272118475602</c:v>
                </c:pt>
                <c:pt idx="3032">
                  <c:v>0.60479272118475602</c:v>
                </c:pt>
                <c:pt idx="3033">
                  <c:v>0.60479272118475602</c:v>
                </c:pt>
                <c:pt idx="3034">
                  <c:v>0.60479272118475602</c:v>
                </c:pt>
                <c:pt idx="3035">
                  <c:v>0.60479272118475602</c:v>
                </c:pt>
                <c:pt idx="3036">
                  <c:v>0.60479272118475602</c:v>
                </c:pt>
                <c:pt idx="3037">
                  <c:v>0.60479272118475602</c:v>
                </c:pt>
                <c:pt idx="3038">
                  <c:v>0.60479272118475602</c:v>
                </c:pt>
                <c:pt idx="3039">
                  <c:v>0.6043659418244266</c:v>
                </c:pt>
                <c:pt idx="3040">
                  <c:v>0.60430497334437949</c:v>
                </c:pt>
                <c:pt idx="3041">
                  <c:v>0.60381722550400296</c:v>
                </c:pt>
                <c:pt idx="3042">
                  <c:v>0.60363432006386175</c:v>
                </c:pt>
                <c:pt idx="3043">
                  <c:v>0.60320754070353233</c:v>
                </c:pt>
                <c:pt idx="3044">
                  <c:v>0.60284172982325002</c:v>
                </c:pt>
                <c:pt idx="3045">
                  <c:v>0.60259785590306181</c:v>
                </c:pt>
                <c:pt idx="3046">
                  <c:v>0.60259785590306181</c:v>
                </c:pt>
                <c:pt idx="3047">
                  <c:v>0.60259785590306181</c:v>
                </c:pt>
                <c:pt idx="3048">
                  <c:v>1.1069213458367819</c:v>
                </c:pt>
                <c:pt idx="3049">
                  <c:v>1.1069213458367819</c:v>
                </c:pt>
                <c:pt idx="3050">
                  <c:v>1.1069213458367819</c:v>
                </c:pt>
                <c:pt idx="3051">
                  <c:v>1.1069213458367819</c:v>
                </c:pt>
                <c:pt idx="3052">
                  <c:v>1.1069213458367819</c:v>
                </c:pt>
                <c:pt idx="3053">
                  <c:v>1.1069213458367819</c:v>
                </c:pt>
                <c:pt idx="3054">
                  <c:v>1.1069213458367819</c:v>
                </c:pt>
                <c:pt idx="3055">
                  <c:v>4.7207220140398869</c:v>
                </c:pt>
                <c:pt idx="3056">
                  <c:v>5.3108122657948718</c:v>
                </c:pt>
                <c:pt idx="3057">
                  <c:v>5.9009025175498575</c:v>
                </c:pt>
                <c:pt idx="3058">
                  <c:v>5.9009025175498575</c:v>
                </c:pt>
                <c:pt idx="3059">
                  <c:v>7.081083021059829</c:v>
                </c:pt>
                <c:pt idx="3060">
                  <c:v>7.081083021059829</c:v>
                </c:pt>
                <c:pt idx="3061">
                  <c:v>4.7207220140398869</c:v>
                </c:pt>
                <c:pt idx="3062">
                  <c:v>7.081083021059829</c:v>
                </c:pt>
                <c:pt idx="3063">
                  <c:v>7.081083021059829</c:v>
                </c:pt>
                <c:pt idx="3064">
                  <c:v>4.2255538513353121</c:v>
                </c:pt>
                <c:pt idx="3065">
                  <c:v>1.3714794262705703</c:v>
                </c:pt>
                <c:pt idx="3066">
                  <c:v>1.1920896786540378</c:v>
                </c:pt>
                <c:pt idx="3067">
                  <c:v>1.1920896786540378</c:v>
                </c:pt>
                <c:pt idx="3068">
                  <c:v>1.1920896786540378</c:v>
                </c:pt>
                <c:pt idx="3069">
                  <c:v>1.1920896786540378</c:v>
                </c:pt>
                <c:pt idx="3070">
                  <c:v>1.1920896786540378</c:v>
                </c:pt>
                <c:pt idx="3071">
                  <c:v>1.1920896786540378</c:v>
                </c:pt>
                <c:pt idx="3072">
                  <c:v>0.73387270598636001</c:v>
                </c:pt>
                <c:pt idx="3073">
                  <c:v>1.0827210843697481</c:v>
                </c:pt>
                <c:pt idx="3074">
                  <c:v>1.0827210843697481</c:v>
                </c:pt>
                <c:pt idx="3075">
                  <c:v>1.0827210843697481</c:v>
                </c:pt>
                <c:pt idx="3076">
                  <c:v>1.0827210843697481</c:v>
                </c:pt>
                <c:pt idx="3077">
                  <c:v>1.0827210843697481</c:v>
                </c:pt>
                <c:pt idx="3078">
                  <c:v>1.0827210843697481</c:v>
                </c:pt>
                <c:pt idx="3079">
                  <c:v>4.4737150400865806</c:v>
                </c:pt>
                <c:pt idx="3080">
                  <c:v>4.9917241499913434</c:v>
                </c:pt>
                <c:pt idx="3081">
                  <c:v>5.5097332598961053</c:v>
                </c:pt>
                <c:pt idx="3082">
                  <c:v>5.5097332598961053</c:v>
                </c:pt>
                <c:pt idx="3083">
                  <c:v>6.5928432169696984</c:v>
                </c:pt>
                <c:pt idx="3084">
                  <c:v>6.5928432169696984</c:v>
                </c:pt>
                <c:pt idx="3085">
                  <c:v>4.3795315655584419</c:v>
                </c:pt>
                <c:pt idx="3086">
                  <c:v>6.5928432169696984</c:v>
                </c:pt>
                <c:pt idx="3087">
                  <c:v>6.5928432169696984</c:v>
                </c:pt>
                <c:pt idx="3088">
                  <c:v>3.9561332361697956</c:v>
                </c:pt>
                <c:pt idx="3089">
                  <c:v>1.7770788631808432</c:v>
                </c:pt>
                <c:pt idx="3090">
                  <c:v>1.1144345733136922</c:v>
                </c:pt>
                <c:pt idx="3091">
                  <c:v>1.1144345733136922</c:v>
                </c:pt>
                <c:pt idx="3092">
                  <c:v>1.1144345733136922</c:v>
                </c:pt>
                <c:pt idx="3093">
                  <c:v>1.1144345733136922</c:v>
                </c:pt>
                <c:pt idx="3094">
                  <c:v>1.1144345733136922</c:v>
                </c:pt>
                <c:pt idx="3095">
                  <c:v>1.1144345733136922</c:v>
                </c:pt>
                <c:pt idx="3096">
                  <c:v>1.0288285680895115</c:v>
                </c:pt>
                <c:pt idx="3097">
                  <c:v>1.0288285680895115</c:v>
                </c:pt>
                <c:pt idx="3098">
                  <c:v>1.0288285680895115</c:v>
                </c:pt>
                <c:pt idx="3099">
                  <c:v>1.0288285680895115</c:v>
                </c:pt>
                <c:pt idx="3100">
                  <c:v>1.0288285680895115</c:v>
                </c:pt>
                <c:pt idx="3101">
                  <c:v>1.0288285680895115</c:v>
                </c:pt>
                <c:pt idx="3102">
                  <c:v>1.0288285680895115</c:v>
                </c:pt>
                <c:pt idx="3103">
                  <c:v>4.1257152203971552</c:v>
                </c:pt>
                <c:pt idx="3104">
                  <c:v>4.6034296143378777</c:v>
                </c:pt>
                <c:pt idx="3105">
                  <c:v>5.0811440082786028</c:v>
                </c:pt>
                <c:pt idx="3106">
                  <c:v>5.0811440082786028</c:v>
                </c:pt>
                <c:pt idx="3107">
                  <c:v>6.0800013774273856</c:v>
                </c:pt>
                <c:pt idx="3108">
                  <c:v>6.0800013774273856</c:v>
                </c:pt>
                <c:pt idx="3109">
                  <c:v>4.0388580578624778</c:v>
                </c:pt>
                <c:pt idx="3110">
                  <c:v>6.0800013774273856</c:v>
                </c:pt>
                <c:pt idx="3111">
                  <c:v>6.0800013774273856</c:v>
                </c:pt>
                <c:pt idx="3112">
                  <c:v>3.6428868635509684</c:v>
                </c:pt>
                <c:pt idx="3113">
                  <c:v>1.6298062533699771</c:v>
                </c:pt>
                <c:pt idx="3114">
                  <c:v>1.0288285680895115</c:v>
                </c:pt>
                <c:pt idx="3115">
                  <c:v>1.0288285680895115</c:v>
                </c:pt>
                <c:pt idx="3116">
                  <c:v>1.0288285680895115</c:v>
                </c:pt>
                <c:pt idx="3117">
                  <c:v>1.0288285680895115</c:v>
                </c:pt>
                <c:pt idx="3118">
                  <c:v>1.0288285680895115</c:v>
                </c:pt>
                <c:pt idx="3119">
                  <c:v>1.0288285680895115</c:v>
                </c:pt>
                <c:pt idx="3120">
                  <c:v>0.97081513124537488</c:v>
                </c:pt>
                <c:pt idx="3121">
                  <c:v>0.97081513124537488</c:v>
                </c:pt>
                <c:pt idx="3122">
                  <c:v>0.97081513124537488</c:v>
                </c:pt>
                <c:pt idx="3123">
                  <c:v>0.97081513124537488</c:v>
                </c:pt>
                <c:pt idx="3124">
                  <c:v>0.97081513124537488</c:v>
                </c:pt>
                <c:pt idx="3125">
                  <c:v>0.97081513124537488</c:v>
                </c:pt>
                <c:pt idx="3126">
                  <c:v>0.97081513124537488</c:v>
                </c:pt>
                <c:pt idx="3127">
                  <c:v>3.8984960235831512</c:v>
                </c:pt>
                <c:pt idx="3128">
                  <c:v>4.3499008263138315</c:v>
                </c:pt>
                <c:pt idx="3129">
                  <c:v>4.8013056290445126</c:v>
                </c:pt>
                <c:pt idx="3130">
                  <c:v>4.8013056290445126</c:v>
                </c:pt>
                <c:pt idx="3131">
                  <c:v>5.7451520347541161</c:v>
                </c:pt>
                <c:pt idx="3132">
                  <c:v>5.7451520347541161</c:v>
                </c:pt>
                <c:pt idx="3133">
                  <c:v>3.8164224230866632</c:v>
                </c:pt>
                <c:pt idx="3134">
                  <c:v>5.7451520347541161</c:v>
                </c:pt>
                <c:pt idx="3135">
                  <c:v>5.7451520347541161</c:v>
                </c:pt>
                <c:pt idx="3136">
                  <c:v>3.438112863193691</c:v>
                </c:pt>
                <c:pt idx="3137">
                  <c:v>1.5330961673589716</c:v>
                </c:pt>
                <c:pt idx="3138">
                  <c:v>0.97081513124537488</c:v>
                </c:pt>
                <c:pt idx="3139">
                  <c:v>0.97081513124537488</c:v>
                </c:pt>
                <c:pt idx="3140">
                  <c:v>0.97081513124537488</c:v>
                </c:pt>
                <c:pt idx="3141">
                  <c:v>0.97081513124537488</c:v>
                </c:pt>
                <c:pt idx="3142">
                  <c:v>0.97081513124537488</c:v>
                </c:pt>
                <c:pt idx="3143">
                  <c:v>0.97081513124537488</c:v>
                </c:pt>
                <c:pt idx="3144">
                  <c:v>1.5926077528075595</c:v>
                </c:pt>
                <c:pt idx="3145">
                  <c:v>0.98984483329694284</c:v>
                </c:pt>
                <c:pt idx="3146">
                  <c:v>0.98984483329694284</c:v>
                </c:pt>
                <c:pt idx="3147">
                  <c:v>0.98984483329694284</c:v>
                </c:pt>
                <c:pt idx="3148">
                  <c:v>0.98984483329694284</c:v>
                </c:pt>
                <c:pt idx="3149">
                  <c:v>0.98984483329694284</c:v>
                </c:pt>
                <c:pt idx="3150">
                  <c:v>0.98984483329694284</c:v>
                </c:pt>
                <c:pt idx="3151">
                  <c:v>4.1198170625157973</c:v>
                </c:pt>
                <c:pt idx="3152">
                  <c:v>5.1497713281447464</c:v>
                </c:pt>
                <c:pt idx="3153">
                  <c:v>5.6647484609592205</c:v>
                </c:pt>
                <c:pt idx="3154">
                  <c:v>5.6647484609592205</c:v>
                </c:pt>
                <c:pt idx="3155">
                  <c:v>6.6947027265881704</c:v>
                </c:pt>
                <c:pt idx="3156">
                  <c:v>6.6947027265881704</c:v>
                </c:pt>
                <c:pt idx="3157">
                  <c:v>4.6347941953302723</c:v>
                </c:pt>
                <c:pt idx="3158">
                  <c:v>6.6947027265881704</c:v>
                </c:pt>
                <c:pt idx="3159">
                  <c:v>5.1709465307447537</c:v>
                </c:pt>
                <c:pt idx="3160">
                  <c:v>2.5199875173852315</c:v>
                </c:pt>
                <c:pt idx="3161">
                  <c:v>1.6994921087885522</c:v>
                </c:pt>
                <c:pt idx="3162">
                  <c:v>1.0362112117208364</c:v>
                </c:pt>
                <c:pt idx="3163">
                  <c:v>0.98984483329694284</c:v>
                </c:pt>
                <c:pt idx="3164">
                  <c:v>0.98984483329694284</c:v>
                </c:pt>
                <c:pt idx="3165">
                  <c:v>0.98984483329694284</c:v>
                </c:pt>
                <c:pt idx="3166">
                  <c:v>0.98984483329694284</c:v>
                </c:pt>
                <c:pt idx="3167">
                  <c:v>0.98984483329694284</c:v>
                </c:pt>
                <c:pt idx="3168">
                  <c:v>1.1509143654726584</c:v>
                </c:pt>
                <c:pt idx="3169">
                  <c:v>1.0768210278386006</c:v>
                </c:pt>
                <c:pt idx="3170">
                  <c:v>1.0768210278386006</c:v>
                </c:pt>
                <c:pt idx="3171">
                  <c:v>1.0768210278386006</c:v>
                </c:pt>
                <c:pt idx="3172">
                  <c:v>1.0768210278386006</c:v>
                </c:pt>
                <c:pt idx="3173">
                  <c:v>1.0785446758997139</c:v>
                </c:pt>
                <c:pt idx="3174">
                  <c:v>1.0807854183791616</c:v>
                </c:pt>
                <c:pt idx="3175">
                  <c:v>1.0823367016341638</c:v>
                </c:pt>
                <c:pt idx="3176">
                  <c:v>1.0823367016341638</c:v>
                </c:pt>
                <c:pt idx="3177">
                  <c:v>1.0823367016341638</c:v>
                </c:pt>
                <c:pt idx="3178">
                  <c:v>1.0823367016341638</c:v>
                </c:pt>
                <c:pt idx="3179">
                  <c:v>1.0823367016341638</c:v>
                </c:pt>
                <c:pt idx="3180">
                  <c:v>1.0823367016341638</c:v>
                </c:pt>
                <c:pt idx="3181">
                  <c:v>1.0823367016341638</c:v>
                </c:pt>
                <c:pt idx="3182">
                  <c:v>1.0823367016341638</c:v>
                </c:pt>
                <c:pt idx="3183">
                  <c:v>1.0811301479913844</c:v>
                </c:pt>
                <c:pt idx="3184">
                  <c:v>1.0800959591547163</c:v>
                </c:pt>
                <c:pt idx="3185">
                  <c:v>1.0790617703180483</c:v>
                </c:pt>
                <c:pt idx="3186">
                  <c:v>1.0787170407058255</c:v>
                </c:pt>
                <c:pt idx="3187">
                  <c:v>1.0769933926447119</c:v>
                </c:pt>
                <c:pt idx="3188">
                  <c:v>1.075097379777487</c:v>
                </c:pt>
                <c:pt idx="3189">
                  <c:v>1.075097379777487</c:v>
                </c:pt>
                <c:pt idx="3190">
                  <c:v>1.075097379777487</c:v>
                </c:pt>
                <c:pt idx="3191">
                  <c:v>1.075097379777487</c:v>
                </c:pt>
                <c:pt idx="3192">
                  <c:v>1.1387466949375744</c:v>
                </c:pt>
                <c:pt idx="3193">
                  <c:v>1.1398406203942375</c:v>
                </c:pt>
                <c:pt idx="3194">
                  <c:v>1.1398406203942375</c:v>
                </c:pt>
                <c:pt idx="3195">
                  <c:v>1.1398406203942375</c:v>
                </c:pt>
                <c:pt idx="3196">
                  <c:v>1.1398406203942375</c:v>
                </c:pt>
                <c:pt idx="3197">
                  <c:v>1.1418096862162306</c:v>
                </c:pt>
                <c:pt idx="3198">
                  <c:v>1.1435599669468912</c:v>
                </c:pt>
                <c:pt idx="3199">
                  <c:v>1.1457478178602167</c:v>
                </c:pt>
                <c:pt idx="3200">
                  <c:v>1.1457478178602167</c:v>
                </c:pt>
                <c:pt idx="3201">
                  <c:v>1.1457478178602167</c:v>
                </c:pt>
                <c:pt idx="3202">
                  <c:v>1.1457478178602167</c:v>
                </c:pt>
                <c:pt idx="3203">
                  <c:v>1.1457478178602167</c:v>
                </c:pt>
                <c:pt idx="3204">
                  <c:v>1.1457478178602167</c:v>
                </c:pt>
                <c:pt idx="3205">
                  <c:v>1.1457478178602167</c:v>
                </c:pt>
                <c:pt idx="3206">
                  <c:v>1.1457478178602167</c:v>
                </c:pt>
                <c:pt idx="3207">
                  <c:v>1.1442163222208888</c:v>
                </c:pt>
                <c:pt idx="3208">
                  <c:v>1.1439975371295563</c:v>
                </c:pt>
                <c:pt idx="3209">
                  <c:v>1.1422472563988957</c:v>
                </c:pt>
                <c:pt idx="3210">
                  <c:v>1.1415909011248979</c:v>
                </c:pt>
                <c:pt idx="3211">
                  <c:v>1.1400594054855699</c:v>
                </c:pt>
                <c:pt idx="3212">
                  <c:v>1.1387466949375744</c:v>
                </c:pt>
                <c:pt idx="3213">
                  <c:v>1.1378715545722442</c:v>
                </c:pt>
                <c:pt idx="3214">
                  <c:v>1.1378715545722442</c:v>
                </c:pt>
                <c:pt idx="3215">
                  <c:v>1.1378715545722442</c:v>
                </c:pt>
                <c:pt idx="3216">
                  <c:v>0.98382121361676256</c:v>
                </c:pt>
                <c:pt idx="3217">
                  <c:v>0.98382121361676256</c:v>
                </c:pt>
                <c:pt idx="3218">
                  <c:v>0.98382121361676256</c:v>
                </c:pt>
                <c:pt idx="3219">
                  <c:v>0.98382121361676256</c:v>
                </c:pt>
                <c:pt idx="3220">
                  <c:v>0.98382121361676256</c:v>
                </c:pt>
                <c:pt idx="3221">
                  <c:v>0.98382121361676256</c:v>
                </c:pt>
                <c:pt idx="3222">
                  <c:v>0.98382121361676256</c:v>
                </c:pt>
                <c:pt idx="3223">
                  <c:v>4.1947635644973253</c:v>
                </c:pt>
                <c:pt idx="3224">
                  <c:v>4.7191090100594923</c:v>
                </c:pt>
                <c:pt idx="3225">
                  <c:v>5.2434544556216585</c:v>
                </c:pt>
                <c:pt idx="3226">
                  <c:v>5.2434544556216585</c:v>
                </c:pt>
                <c:pt idx="3227">
                  <c:v>6.292145346745988</c:v>
                </c:pt>
                <c:pt idx="3228">
                  <c:v>6.292145346745988</c:v>
                </c:pt>
                <c:pt idx="3229">
                  <c:v>4.1947635644973253</c:v>
                </c:pt>
                <c:pt idx="3230">
                  <c:v>6.292145346745988</c:v>
                </c:pt>
                <c:pt idx="3231">
                  <c:v>6.292145346745988</c:v>
                </c:pt>
                <c:pt idx="3232">
                  <c:v>3.7372122690649263</c:v>
                </c:pt>
                <c:pt idx="3233">
                  <c:v>1.1833028565199533</c:v>
                </c:pt>
                <c:pt idx="3234">
                  <c:v>1.0539974095874123</c:v>
                </c:pt>
                <c:pt idx="3235">
                  <c:v>1.0539974095874123</c:v>
                </c:pt>
                <c:pt idx="3236">
                  <c:v>1.0539974095874123</c:v>
                </c:pt>
                <c:pt idx="3237">
                  <c:v>1.0539974095874123</c:v>
                </c:pt>
                <c:pt idx="3238">
                  <c:v>1.0539974095874123</c:v>
                </c:pt>
                <c:pt idx="3239">
                  <c:v>1.0539974095874123</c:v>
                </c:pt>
                <c:pt idx="3240">
                  <c:v>0.68700659881262627</c:v>
                </c:pt>
                <c:pt idx="3241">
                  <c:v>1.0157679931701933</c:v>
                </c:pt>
                <c:pt idx="3242">
                  <c:v>1.0157679931701933</c:v>
                </c:pt>
                <c:pt idx="3243">
                  <c:v>1.0157679931701933</c:v>
                </c:pt>
                <c:pt idx="3244">
                  <c:v>1.0157679931701933</c:v>
                </c:pt>
                <c:pt idx="3245">
                  <c:v>1.0157679931701933</c:v>
                </c:pt>
                <c:pt idx="3246">
                  <c:v>1.0157679931701933</c:v>
                </c:pt>
                <c:pt idx="3247">
                  <c:v>4.2028375784129235</c:v>
                </c:pt>
                <c:pt idx="3248">
                  <c:v>4.6894819295975765</c:v>
                </c:pt>
                <c:pt idx="3249">
                  <c:v>5.1761262807822321</c:v>
                </c:pt>
                <c:pt idx="3250">
                  <c:v>5.1761262807822321</c:v>
                </c:pt>
                <c:pt idx="3251">
                  <c:v>6.1936553787137809</c:v>
                </c:pt>
                <c:pt idx="3252">
                  <c:v>6.1936553787137809</c:v>
                </c:pt>
                <c:pt idx="3253">
                  <c:v>4.1143567872884406</c:v>
                </c:pt>
                <c:pt idx="3254">
                  <c:v>6.1936553787137809</c:v>
                </c:pt>
                <c:pt idx="3255">
                  <c:v>6.1936553787137809</c:v>
                </c:pt>
                <c:pt idx="3256">
                  <c:v>3.7119808839177599</c:v>
                </c:pt>
                <c:pt idx="3257">
                  <c:v>1.661758481374807</c:v>
                </c:pt>
                <c:pt idx="3258">
                  <c:v>1.0456553926572447</c:v>
                </c:pt>
                <c:pt idx="3259">
                  <c:v>1.0456553926572447</c:v>
                </c:pt>
                <c:pt idx="3260">
                  <c:v>1.0456553926572447</c:v>
                </c:pt>
                <c:pt idx="3261">
                  <c:v>1.0456553926572447</c:v>
                </c:pt>
                <c:pt idx="3262">
                  <c:v>1.0456553926572447</c:v>
                </c:pt>
                <c:pt idx="3263">
                  <c:v>1.0456553926572447</c:v>
                </c:pt>
                <c:pt idx="3264">
                  <c:v>1.2934314055854985</c:v>
                </c:pt>
                <c:pt idx="3265">
                  <c:v>1.2934314055854985</c:v>
                </c:pt>
                <c:pt idx="3266">
                  <c:v>1.2934314055854985</c:v>
                </c:pt>
                <c:pt idx="3267">
                  <c:v>1.2934314055854985</c:v>
                </c:pt>
                <c:pt idx="3268">
                  <c:v>1.2934314055854985</c:v>
                </c:pt>
                <c:pt idx="3269">
                  <c:v>1.2934314055854985</c:v>
                </c:pt>
                <c:pt idx="3270">
                  <c:v>1.2934314055854985</c:v>
                </c:pt>
                <c:pt idx="3271">
                  <c:v>5.0875053809458199</c:v>
                </c:pt>
                <c:pt idx="3272">
                  <c:v>5.676584951371126</c:v>
                </c:pt>
                <c:pt idx="3273">
                  <c:v>6.265664521796432</c:v>
                </c:pt>
                <c:pt idx="3274">
                  <c:v>6.265664521796432</c:v>
                </c:pt>
                <c:pt idx="3275">
                  <c:v>7.4973763508675235</c:v>
                </c:pt>
                <c:pt idx="3276">
                  <c:v>7.4973763508675235</c:v>
                </c:pt>
                <c:pt idx="3277">
                  <c:v>4.9804000045048555</c:v>
                </c:pt>
                <c:pt idx="3278">
                  <c:v>7.4973763508675235</c:v>
                </c:pt>
                <c:pt idx="3279">
                  <c:v>7.4973763508675235</c:v>
                </c:pt>
                <c:pt idx="3280">
                  <c:v>4.5680619718301623</c:v>
                </c:pt>
                <c:pt idx="3281">
                  <c:v>2.1370556733981227</c:v>
                </c:pt>
                <c:pt idx="3282">
                  <c:v>1.2934314055854985</c:v>
                </c:pt>
                <c:pt idx="3283">
                  <c:v>1.2934314055854985</c:v>
                </c:pt>
                <c:pt idx="3284">
                  <c:v>1.2934314055854985</c:v>
                </c:pt>
                <c:pt idx="3285">
                  <c:v>1.2934314055854985</c:v>
                </c:pt>
                <c:pt idx="3286">
                  <c:v>1.2934314055854985</c:v>
                </c:pt>
                <c:pt idx="3287">
                  <c:v>1.2934314055854985</c:v>
                </c:pt>
                <c:pt idx="3288">
                  <c:v>1.3240669711383464</c:v>
                </c:pt>
                <c:pt idx="3289">
                  <c:v>1.3240669711383464</c:v>
                </c:pt>
                <c:pt idx="3290">
                  <c:v>1.3240669711383464</c:v>
                </c:pt>
                <c:pt idx="3291">
                  <c:v>1.3240669711383464</c:v>
                </c:pt>
                <c:pt idx="3292">
                  <c:v>1.3240669711383464</c:v>
                </c:pt>
                <c:pt idx="3293">
                  <c:v>1.3240669711383464</c:v>
                </c:pt>
                <c:pt idx="3294">
                  <c:v>1.3240669711383464</c:v>
                </c:pt>
                <c:pt idx="3295">
                  <c:v>5.1902860490371179</c:v>
                </c:pt>
                <c:pt idx="3296">
                  <c:v>5.7912665389256262</c:v>
                </c:pt>
                <c:pt idx="3297">
                  <c:v>6.3922470288141353</c:v>
                </c:pt>
                <c:pt idx="3298">
                  <c:v>6.3922470288141353</c:v>
                </c:pt>
                <c:pt idx="3299">
                  <c:v>7.6488425985810151</c:v>
                </c:pt>
                <c:pt idx="3300">
                  <c:v>7.6488425985810151</c:v>
                </c:pt>
                <c:pt idx="3301">
                  <c:v>5.0810168690573887</c:v>
                </c:pt>
                <c:pt idx="3302">
                  <c:v>7.6488425985810151</c:v>
                </c:pt>
                <c:pt idx="3303">
                  <c:v>7.6488425985810151</c:v>
                </c:pt>
                <c:pt idx="3304">
                  <c:v>4.6741649686582543</c:v>
                </c:pt>
                <c:pt idx="3305">
                  <c:v>2.2033911587834605</c:v>
                </c:pt>
                <c:pt idx="3306">
                  <c:v>1.3240669711383464</c:v>
                </c:pt>
                <c:pt idx="3307">
                  <c:v>1.3240669711383464</c:v>
                </c:pt>
                <c:pt idx="3308">
                  <c:v>1.3240669711383464</c:v>
                </c:pt>
                <c:pt idx="3309">
                  <c:v>1.3240669711383464</c:v>
                </c:pt>
                <c:pt idx="3310">
                  <c:v>1.3240669711383464</c:v>
                </c:pt>
                <c:pt idx="3311">
                  <c:v>1.3240669711383464</c:v>
                </c:pt>
                <c:pt idx="3312">
                  <c:v>1.5849276742677672</c:v>
                </c:pt>
                <c:pt idx="3313">
                  <c:v>0.98493264851514595</c:v>
                </c:pt>
                <c:pt idx="3314">
                  <c:v>0.98493264851514595</c:v>
                </c:pt>
                <c:pt idx="3315">
                  <c:v>0.98493264851514595</c:v>
                </c:pt>
                <c:pt idx="3316">
                  <c:v>0.98493264851514595</c:v>
                </c:pt>
                <c:pt idx="3317">
                  <c:v>0.98493264851514595</c:v>
                </c:pt>
                <c:pt idx="3318">
                  <c:v>0.98493264851514595</c:v>
                </c:pt>
                <c:pt idx="3319">
                  <c:v>4.0999048906500226</c:v>
                </c:pt>
                <c:pt idx="3320">
                  <c:v>5.1248811133125285</c:v>
                </c:pt>
                <c:pt idx="3321">
                  <c:v>5.6373692246437805</c:v>
                </c:pt>
                <c:pt idx="3322">
                  <c:v>5.6373692246437805</c:v>
                </c:pt>
                <c:pt idx="3323">
                  <c:v>6.6623454473062855</c:v>
                </c:pt>
                <c:pt idx="3324">
                  <c:v>6.6623454473062855</c:v>
                </c:pt>
                <c:pt idx="3325">
                  <c:v>4.6123930019812747</c:v>
                </c:pt>
                <c:pt idx="3326">
                  <c:v>6.6623454473062855</c:v>
                </c:pt>
                <c:pt idx="3327">
                  <c:v>5.145834838161826</c:v>
                </c:pt>
                <c:pt idx="3328">
                  <c:v>2.5072324602506453</c:v>
                </c:pt>
                <c:pt idx="3329">
                  <c:v>1.6906940949356499</c:v>
                </c:pt>
                <c:pt idx="3330">
                  <c:v>1.0310861120345782</c:v>
                </c:pt>
                <c:pt idx="3331">
                  <c:v>0.98493264851514595</c:v>
                </c:pt>
                <c:pt idx="3332">
                  <c:v>0.98493264851514595</c:v>
                </c:pt>
                <c:pt idx="3333">
                  <c:v>0.98493264851514595</c:v>
                </c:pt>
                <c:pt idx="3334">
                  <c:v>0.98493264851514595</c:v>
                </c:pt>
                <c:pt idx="3335">
                  <c:v>0.98493264851514595</c:v>
                </c:pt>
                <c:pt idx="3336">
                  <c:v>0.61085621708780258</c:v>
                </c:pt>
                <c:pt idx="3337">
                  <c:v>0.56144535918141503</c:v>
                </c:pt>
                <c:pt idx="3338">
                  <c:v>0.56144535918141503</c:v>
                </c:pt>
                <c:pt idx="3339">
                  <c:v>0.56144535918141503</c:v>
                </c:pt>
                <c:pt idx="3340">
                  <c:v>0.56144535918141503</c:v>
                </c:pt>
                <c:pt idx="3341">
                  <c:v>0.56188209770035946</c:v>
                </c:pt>
                <c:pt idx="3342">
                  <c:v>0.56244985777498746</c:v>
                </c:pt>
                <c:pt idx="3343">
                  <c:v>0.56284292244203771</c:v>
                </c:pt>
                <c:pt idx="3344">
                  <c:v>0.56284292244203771</c:v>
                </c:pt>
                <c:pt idx="3345">
                  <c:v>0.56284292244203771</c:v>
                </c:pt>
                <c:pt idx="3346">
                  <c:v>0.56284292244203771</c:v>
                </c:pt>
                <c:pt idx="3347">
                  <c:v>0.56284292244203771</c:v>
                </c:pt>
                <c:pt idx="3348">
                  <c:v>0.56284292244203771</c:v>
                </c:pt>
                <c:pt idx="3349">
                  <c:v>0.56284292244203771</c:v>
                </c:pt>
                <c:pt idx="3350">
                  <c:v>0.56284292244203771</c:v>
                </c:pt>
                <c:pt idx="3351">
                  <c:v>0.56253720547877639</c:v>
                </c:pt>
                <c:pt idx="3352">
                  <c:v>0.5622751623674096</c:v>
                </c:pt>
                <c:pt idx="3353">
                  <c:v>0.56201311925604291</c:v>
                </c:pt>
                <c:pt idx="3354">
                  <c:v>0.56192577155225398</c:v>
                </c:pt>
                <c:pt idx="3355">
                  <c:v>0.56148903303330944</c:v>
                </c:pt>
                <c:pt idx="3356">
                  <c:v>0.56100862066247037</c:v>
                </c:pt>
                <c:pt idx="3357">
                  <c:v>0.56100862066247037</c:v>
                </c:pt>
                <c:pt idx="3358">
                  <c:v>0.56100862066247037</c:v>
                </c:pt>
                <c:pt idx="3359">
                  <c:v>0.56100862066247037</c:v>
                </c:pt>
                <c:pt idx="3360">
                  <c:v>0.5136428170162316</c:v>
                </c:pt>
                <c:pt idx="3361">
                  <c:v>0.51379434326639351</c:v>
                </c:pt>
                <c:pt idx="3362">
                  <c:v>0.51379434326639351</c:v>
                </c:pt>
                <c:pt idx="3363">
                  <c:v>0.51379434326639351</c:v>
                </c:pt>
                <c:pt idx="3364">
                  <c:v>0.51379434326639351</c:v>
                </c:pt>
                <c:pt idx="3365">
                  <c:v>0.51406709051668475</c:v>
                </c:pt>
                <c:pt idx="3366">
                  <c:v>0.51430953251694356</c:v>
                </c:pt>
                <c:pt idx="3367">
                  <c:v>0.51461258501726725</c:v>
                </c:pt>
                <c:pt idx="3368">
                  <c:v>0.51461258501726725</c:v>
                </c:pt>
                <c:pt idx="3369">
                  <c:v>0.51461258501726725</c:v>
                </c:pt>
                <c:pt idx="3370">
                  <c:v>0.51461258501726725</c:v>
                </c:pt>
                <c:pt idx="3371">
                  <c:v>0.51461258501726725</c:v>
                </c:pt>
                <c:pt idx="3372">
                  <c:v>0.51461258501726725</c:v>
                </c:pt>
                <c:pt idx="3373">
                  <c:v>0.51461258501726725</c:v>
                </c:pt>
                <c:pt idx="3374">
                  <c:v>0.51461258501726725</c:v>
                </c:pt>
                <c:pt idx="3375">
                  <c:v>0.51440044826704068</c:v>
                </c:pt>
                <c:pt idx="3376">
                  <c:v>0.51437014301700834</c:v>
                </c:pt>
                <c:pt idx="3377">
                  <c:v>0.51412770101674943</c:v>
                </c:pt>
                <c:pt idx="3378">
                  <c:v>0.51403678526665242</c:v>
                </c:pt>
                <c:pt idx="3379">
                  <c:v>0.51382464851642584</c:v>
                </c:pt>
                <c:pt idx="3380">
                  <c:v>0.5136428170162316</c:v>
                </c:pt>
                <c:pt idx="3381">
                  <c:v>0.51352159601610226</c:v>
                </c:pt>
                <c:pt idx="3382">
                  <c:v>0.51352159601610226</c:v>
                </c:pt>
                <c:pt idx="3383">
                  <c:v>0.51352159601610226</c:v>
                </c:pt>
                <c:pt idx="3384">
                  <c:v>0.78599770104642719</c:v>
                </c:pt>
                <c:pt idx="3385">
                  <c:v>0.78599770104642719</c:v>
                </c:pt>
                <c:pt idx="3386">
                  <c:v>0.78599770104642719</c:v>
                </c:pt>
                <c:pt idx="3387">
                  <c:v>0.78599770104642719</c:v>
                </c:pt>
                <c:pt idx="3388">
                  <c:v>0.78599770104642719</c:v>
                </c:pt>
                <c:pt idx="3389">
                  <c:v>0.78599770104642719</c:v>
                </c:pt>
                <c:pt idx="3390">
                  <c:v>0.78599770104642719</c:v>
                </c:pt>
                <c:pt idx="3391">
                  <c:v>3.3491390170128175</c:v>
                </c:pt>
                <c:pt idx="3392">
                  <c:v>3.7677813941394205</c:v>
                </c:pt>
                <c:pt idx="3393">
                  <c:v>4.1864237712660222</c:v>
                </c:pt>
                <c:pt idx="3394">
                  <c:v>4.1864237712660222</c:v>
                </c:pt>
                <c:pt idx="3395">
                  <c:v>5.0237085255192264</c:v>
                </c:pt>
                <c:pt idx="3396">
                  <c:v>5.0237085255192264</c:v>
                </c:pt>
                <c:pt idx="3397">
                  <c:v>3.3491390170128175</c:v>
                </c:pt>
                <c:pt idx="3398">
                  <c:v>5.0237085255192264</c:v>
                </c:pt>
                <c:pt idx="3399">
                  <c:v>5.0237085255192264</c:v>
                </c:pt>
                <c:pt idx="3400">
                  <c:v>2.9447938311962774</c:v>
                </c:pt>
                <c:pt idx="3401">
                  <c:v>0.86609825091639514</c:v>
                </c:pt>
                <c:pt idx="3402">
                  <c:v>0.82978942398160338</c:v>
                </c:pt>
                <c:pt idx="3403">
                  <c:v>0.82978942398160338</c:v>
                </c:pt>
                <c:pt idx="3404">
                  <c:v>0.82978942398160338</c:v>
                </c:pt>
                <c:pt idx="3405">
                  <c:v>0.82978942398160338</c:v>
                </c:pt>
                <c:pt idx="3406">
                  <c:v>0.82978942398160338</c:v>
                </c:pt>
                <c:pt idx="3407">
                  <c:v>0.82978942398160338</c:v>
                </c:pt>
                <c:pt idx="3408">
                  <c:v>0.54184303242574194</c:v>
                </c:pt>
                <c:pt idx="3409">
                  <c:v>0.81687601447799563</c:v>
                </c:pt>
                <c:pt idx="3410">
                  <c:v>0.81687601447799563</c:v>
                </c:pt>
                <c:pt idx="3411">
                  <c:v>0.81687601447799563</c:v>
                </c:pt>
                <c:pt idx="3412">
                  <c:v>0.81687601447799563</c:v>
                </c:pt>
                <c:pt idx="3413">
                  <c:v>0.81687601447799563</c:v>
                </c:pt>
                <c:pt idx="3414">
                  <c:v>0.81687601447799563</c:v>
                </c:pt>
                <c:pt idx="3415">
                  <c:v>3.4212418978109507</c:v>
                </c:pt>
                <c:pt idx="3416">
                  <c:v>3.8173856965048505</c:v>
                </c:pt>
                <c:pt idx="3417">
                  <c:v>4.2135294951987499</c:v>
                </c:pt>
                <c:pt idx="3418">
                  <c:v>4.2135294951987499</c:v>
                </c:pt>
                <c:pt idx="3419">
                  <c:v>5.0418301651950852</c:v>
                </c:pt>
                <c:pt idx="3420">
                  <c:v>5.0418301651950852</c:v>
                </c:pt>
                <c:pt idx="3421">
                  <c:v>3.3492157525938784</c:v>
                </c:pt>
                <c:pt idx="3422">
                  <c:v>5.0418301651950852</c:v>
                </c:pt>
                <c:pt idx="3423">
                  <c:v>5.0418301651950852</c:v>
                </c:pt>
                <c:pt idx="3424">
                  <c:v>2.988643430980964</c:v>
                </c:pt>
                <c:pt idx="3425">
                  <c:v>1.2974588806345899</c:v>
                </c:pt>
                <c:pt idx="3426">
                  <c:v>0.84187901284638234</c:v>
                </c:pt>
                <c:pt idx="3427">
                  <c:v>0.84187901284638234</c:v>
                </c:pt>
                <c:pt idx="3428">
                  <c:v>0.84187901284638234</c:v>
                </c:pt>
                <c:pt idx="3429">
                  <c:v>0.84187901284638234</c:v>
                </c:pt>
                <c:pt idx="3430">
                  <c:v>0.84187901284638234</c:v>
                </c:pt>
                <c:pt idx="3431">
                  <c:v>0.84187901284638234</c:v>
                </c:pt>
                <c:pt idx="3432">
                  <c:v>0.90700759395680031</c:v>
                </c:pt>
                <c:pt idx="3433">
                  <c:v>0.90700759395680031</c:v>
                </c:pt>
                <c:pt idx="3434">
                  <c:v>0.90700759395680031</c:v>
                </c:pt>
                <c:pt idx="3435">
                  <c:v>0.90700759395680031</c:v>
                </c:pt>
                <c:pt idx="3436">
                  <c:v>0.90700759395680031</c:v>
                </c:pt>
                <c:pt idx="3437">
                  <c:v>0.90700759395680031</c:v>
                </c:pt>
                <c:pt idx="3438">
                  <c:v>0.90700759395680031</c:v>
                </c:pt>
                <c:pt idx="3439">
                  <c:v>3.6530090834164501</c:v>
                </c:pt>
                <c:pt idx="3440">
                  <c:v>4.0759890825488823</c:v>
                </c:pt>
                <c:pt idx="3441">
                  <c:v>4.4989690816813139</c:v>
                </c:pt>
                <c:pt idx="3442">
                  <c:v>4.4989690816813139</c:v>
                </c:pt>
                <c:pt idx="3443">
                  <c:v>5.3833818071400321</c:v>
                </c:pt>
                <c:pt idx="3444">
                  <c:v>5.3833818071400321</c:v>
                </c:pt>
                <c:pt idx="3445">
                  <c:v>3.576103629028736</c:v>
                </c:pt>
                <c:pt idx="3446">
                  <c:v>5.3833818071400321</c:v>
                </c:pt>
                <c:pt idx="3447">
                  <c:v>5.3833818071400321</c:v>
                </c:pt>
                <c:pt idx="3448">
                  <c:v>3.2134100064983375</c:v>
                </c:pt>
                <c:pt idx="3449">
                  <c:v>1.4228011744020201</c:v>
                </c:pt>
                <c:pt idx="3450">
                  <c:v>0.90700759395680031</c:v>
                </c:pt>
                <c:pt idx="3451">
                  <c:v>0.90700759395680031</c:v>
                </c:pt>
                <c:pt idx="3452">
                  <c:v>0.90700759395680031</c:v>
                </c:pt>
                <c:pt idx="3453">
                  <c:v>0.90700759395680031</c:v>
                </c:pt>
                <c:pt idx="3454">
                  <c:v>0.90700759395680031</c:v>
                </c:pt>
                <c:pt idx="3455">
                  <c:v>0.90700759395680031</c:v>
                </c:pt>
                <c:pt idx="3456">
                  <c:v>0.91722134273958933</c:v>
                </c:pt>
                <c:pt idx="3457">
                  <c:v>0.91722134273958933</c:v>
                </c:pt>
                <c:pt idx="3458">
                  <c:v>0.91722134273958933</c:v>
                </c:pt>
                <c:pt idx="3459">
                  <c:v>0.91722134273958933</c:v>
                </c:pt>
                <c:pt idx="3460">
                  <c:v>0.91722134273958933</c:v>
                </c:pt>
                <c:pt idx="3461">
                  <c:v>0.91722134273958933</c:v>
                </c:pt>
                <c:pt idx="3462">
                  <c:v>0.91722134273958933</c:v>
                </c:pt>
                <c:pt idx="3463">
                  <c:v>3.6902467862862043</c:v>
                </c:pt>
                <c:pt idx="3464">
                  <c:v>4.1175385194351337</c:v>
                </c:pt>
                <c:pt idx="3465">
                  <c:v>4.5448302525840623</c:v>
                </c:pt>
                <c:pt idx="3466">
                  <c:v>4.5448302525840623</c:v>
                </c:pt>
                <c:pt idx="3467">
                  <c:v>5.4382584218954593</c:v>
                </c:pt>
                <c:pt idx="3468">
                  <c:v>5.4382584218954593</c:v>
                </c:pt>
                <c:pt idx="3469">
                  <c:v>3.6125573802591266</c:v>
                </c:pt>
                <c:pt idx="3470">
                  <c:v>5.4382584218954593</c:v>
                </c:pt>
                <c:pt idx="3471">
                  <c:v>5.4382584218954593</c:v>
                </c:pt>
                <c:pt idx="3472">
                  <c:v>3.2491353144775075</c:v>
                </c:pt>
                <c:pt idx="3473">
                  <c:v>1.442281523744487</c:v>
                </c:pt>
                <c:pt idx="3474">
                  <c:v>0.91722134273958933</c:v>
                </c:pt>
                <c:pt idx="3475">
                  <c:v>0.91722134273958933</c:v>
                </c:pt>
                <c:pt idx="3476">
                  <c:v>0.91722134273958933</c:v>
                </c:pt>
                <c:pt idx="3477">
                  <c:v>0.91722134273958933</c:v>
                </c:pt>
                <c:pt idx="3478">
                  <c:v>0.91722134273958933</c:v>
                </c:pt>
                <c:pt idx="3479">
                  <c:v>0.91722134273958933</c:v>
                </c:pt>
                <c:pt idx="3480">
                  <c:v>1.3441326164033356</c:v>
                </c:pt>
                <c:pt idx="3481">
                  <c:v>0.82843498898695411</c:v>
                </c:pt>
                <c:pt idx="3482">
                  <c:v>0.82843498898695411</c:v>
                </c:pt>
                <c:pt idx="3483">
                  <c:v>0.82843498898695411</c:v>
                </c:pt>
                <c:pt idx="3484">
                  <c:v>0.82843498898695411</c:v>
                </c:pt>
                <c:pt idx="3485">
                  <c:v>0.82843498898695411</c:v>
                </c:pt>
                <c:pt idx="3486">
                  <c:v>0.82843498898695411</c:v>
                </c:pt>
                <c:pt idx="3487">
                  <c:v>3.4747880085518106</c:v>
                </c:pt>
                <c:pt idx="3488">
                  <c:v>4.3434850106897631</c:v>
                </c:pt>
                <c:pt idx="3489">
                  <c:v>4.7778335117587396</c:v>
                </c:pt>
                <c:pt idx="3490">
                  <c:v>4.7778335117587396</c:v>
                </c:pt>
                <c:pt idx="3491">
                  <c:v>5.6465305138966926</c:v>
                </c:pt>
                <c:pt idx="3492">
                  <c:v>5.6465305138966926</c:v>
                </c:pt>
                <c:pt idx="3493">
                  <c:v>3.9091365096207866</c:v>
                </c:pt>
                <c:pt idx="3494">
                  <c:v>5.6465305138966926</c:v>
                </c:pt>
                <c:pt idx="3495">
                  <c:v>4.3553581477599348</c:v>
                </c:pt>
                <c:pt idx="3496">
                  <c:v>2.0965299090463239</c:v>
                </c:pt>
                <c:pt idx="3497">
                  <c:v>1.4040636892337248</c:v>
                </c:pt>
                <c:pt idx="3498">
                  <c:v>0.86810403724975249</c:v>
                </c:pt>
                <c:pt idx="3499">
                  <c:v>0.82843498898695411</c:v>
                </c:pt>
                <c:pt idx="3500">
                  <c:v>0.82843498898695411</c:v>
                </c:pt>
                <c:pt idx="3501">
                  <c:v>0.82843498898695411</c:v>
                </c:pt>
                <c:pt idx="3502">
                  <c:v>0.82843498898695411</c:v>
                </c:pt>
                <c:pt idx="3503">
                  <c:v>0.82843498898695411</c:v>
                </c:pt>
                <c:pt idx="3504">
                  <c:v>0.6001154665278603</c:v>
                </c:pt>
                <c:pt idx="3505">
                  <c:v>0.55117608981499833</c:v>
                </c:pt>
                <c:pt idx="3506">
                  <c:v>0.55117608981499833</c:v>
                </c:pt>
                <c:pt idx="3507">
                  <c:v>0.55117608981499833</c:v>
                </c:pt>
                <c:pt idx="3508">
                  <c:v>0.55117608981499833</c:v>
                </c:pt>
                <c:pt idx="3509">
                  <c:v>0.55157763727026188</c:v>
                </c:pt>
                <c:pt idx="3510">
                  <c:v>0.55209964896210462</c:v>
                </c:pt>
                <c:pt idx="3511">
                  <c:v>0.55246104167184185</c:v>
                </c:pt>
                <c:pt idx="3512">
                  <c:v>0.55246104167184185</c:v>
                </c:pt>
                <c:pt idx="3513">
                  <c:v>0.55246104167184185</c:v>
                </c:pt>
                <c:pt idx="3514">
                  <c:v>0.55246104167184185</c:v>
                </c:pt>
                <c:pt idx="3515">
                  <c:v>0.55246104167184185</c:v>
                </c:pt>
                <c:pt idx="3516">
                  <c:v>0.55246104167184185</c:v>
                </c:pt>
                <c:pt idx="3517">
                  <c:v>0.55246104167184185</c:v>
                </c:pt>
                <c:pt idx="3518">
                  <c:v>0.55246104167184185</c:v>
                </c:pt>
                <c:pt idx="3519">
                  <c:v>0.55217995845315737</c:v>
                </c:pt>
                <c:pt idx="3520">
                  <c:v>0.55193902997999922</c:v>
                </c:pt>
                <c:pt idx="3521">
                  <c:v>0.55169810150684107</c:v>
                </c:pt>
                <c:pt idx="3522">
                  <c:v>0.55161779201578831</c:v>
                </c:pt>
                <c:pt idx="3523">
                  <c:v>0.55121624456052476</c:v>
                </c:pt>
                <c:pt idx="3524">
                  <c:v>0.55077454235973466</c:v>
                </c:pt>
                <c:pt idx="3525">
                  <c:v>0.55077454235973466</c:v>
                </c:pt>
                <c:pt idx="3526">
                  <c:v>0.55077454235973466</c:v>
                </c:pt>
                <c:pt idx="3527">
                  <c:v>0.55077454235973466</c:v>
                </c:pt>
                <c:pt idx="3528">
                  <c:v>0.55815286592279001</c:v>
                </c:pt>
                <c:pt idx="3529">
                  <c:v>0.55839104912734128</c:v>
                </c:pt>
                <c:pt idx="3530">
                  <c:v>0.55839104912734128</c:v>
                </c:pt>
                <c:pt idx="3531">
                  <c:v>0.55839104912734128</c:v>
                </c:pt>
                <c:pt idx="3532">
                  <c:v>0.55839104912734128</c:v>
                </c:pt>
                <c:pt idx="3533">
                  <c:v>0.55881977889553336</c:v>
                </c:pt>
                <c:pt idx="3534">
                  <c:v>0.55920087202281521</c:v>
                </c:pt>
                <c:pt idx="3535">
                  <c:v>0.55967723843191752</c:v>
                </c:pt>
                <c:pt idx="3536">
                  <c:v>0.55967723843191752</c:v>
                </c:pt>
                <c:pt idx="3537">
                  <c:v>0.55967723843191752</c:v>
                </c:pt>
                <c:pt idx="3538">
                  <c:v>0.55967723843191752</c:v>
                </c:pt>
                <c:pt idx="3539">
                  <c:v>0.55967723843191752</c:v>
                </c:pt>
                <c:pt idx="3540">
                  <c:v>0.55967723843191752</c:v>
                </c:pt>
                <c:pt idx="3541">
                  <c:v>0.55967723843191752</c:v>
                </c:pt>
                <c:pt idx="3542">
                  <c:v>0.55967723843191752</c:v>
                </c:pt>
                <c:pt idx="3543">
                  <c:v>0.55934378194554601</c:v>
                </c:pt>
                <c:pt idx="3544">
                  <c:v>0.55929614530463567</c:v>
                </c:pt>
                <c:pt idx="3545">
                  <c:v>0.55891505217735382</c:v>
                </c:pt>
                <c:pt idx="3546">
                  <c:v>0.55877214225462313</c:v>
                </c:pt>
                <c:pt idx="3547">
                  <c:v>0.55843868576825151</c:v>
                </c:pt>
                <c:pt idx="3548">
                  <c:v>0.55815286592279001</c:v>
                </c:pt>
                <c:pt idx="3549">
                  <c:v>0.55796231935914908</c:v>
                </c:pt>
                <c:pt idx="3550">
                  <c:v>0.55796231935914908</c:v>
                </c:pt>
                <c:pt idx="3551">
                  <c:v>0.55796231935914908</c:v>
                </c:pt>
                <c:pt idx="3552">
                  <c:v>0.83343884590623274</c:v>
                </c:pt>
                <c:pt idx="3553">
                  <c:v>0.83343884590623274</c:v>
                </c:pt>
                <c:pt idx="3554">
                  <c:v>0.83343884590623274</c:v>
                </c:pt>
                <c:pt idx="3555">
                  <c:v>0.83343884590623274</c:v>
                </c:pt>
                <c:pt idx="3556">
                  <c:v>0.83343884590623274</c:v>
                </c:pt>
                <c:pt idx="3557">
                  <c:v>0.83343884590623274</c:v>
                </c:pt>
                <c:pt idx="3558">
                  <c:v>0.83343884590623274</c:v>
                </c:pt>
                <c:pt idx="3559">
                  <c:v>3.5523244380911696</c:v>
                </c:pt>
                <c:pt idx="3560">
                  <c:v>3.9963649928525657</c:v>
                </c:pt>
                <c:pt idx="3561">
                  <c:v>4.4404055476139623</c:v>
                </c:pt>
                <c:pt idx="3562">
                  <c:v>4.4404055476139623</c:v>
                </c:pt>
                <c:pt idx="3563">
                  <c:v>5.3284866571367528</c:v>
                </c:pt>
                <c:pt idx="3564">
                  <c:v>5.3284866571367528</c:v>
                </c:pt>
                <c:pt idx="3565">
                  <c:v>3.5523244380911696</c:v>
                </c:pt>
                <c:pt idx="3566">
                  <c:v>5.3284866571367528</c:v>
                </c:pt>
                <c:pt idx="3567">
                  <c:v>5.3284866571367528</c:v>
                </c:pt>
                <c:pt idx="3568">
                  <c:v>3.1422674341972248</c:v>
                </c:pt>
                <c:pt idx="3569">
                  <c:v>0.95656903196064469</c:v>
                </c:pt>
                <c:pt idx="3570">
                  <c:v>0.885787612612008</c:v>
                </c:pt>
                <c:pt idx="3571">
                  <c:v>0.885787612612008</c:v>
                </c:pt>
                <c:pt idx="3572">
                  <c:v>0.885787612612008</c:v>
                </c:pt>
                <c:pt idx="3573">
                  <c:v>0.885787612612008</c:v>
                </c:pt>
                <c:pt idx="3574">
                  <c:v>0.885787612612008</c:v>
                </c:pt>
                <c:pt idx="3575">
                  <c:v>0.885787612612008</c:v>
                </c:pt>
                <c:pt idx="3576">
                  <c:v>0.5617516837096338</c:v>
                </c:pt>
                <c:pt idx="3577">
                  <c:v>0.84275107765493418</c:v>
                </c:pt>
                <c:pt idx="3578">
                  <c:v>0.84275107765493418</c:v>
                </c:pt>
                <c:pt idx="3579">
                  <c:v>0.84275107765493418</c:v>
                </c:pt>
                <c:pt idx="3580">
                  <c:v>0.84275107765493418</c:v>
                </c:pt>
                <c:pt idx="3581">
                  <c:v>0.84275107765493418</c:v>
                </c:pt>
                <c:pt idx="3582">
                  <c:v>0.84275107765493418</c:v>
                </c:pt>
                <c:pt idx="3583">
                  <c:v>3.5189497976017683</c:v>
                </c:pt>
                <c:pt idx="3584">
                  <c:v>3.926407142587236</c:v>
                </c:pt>
                <c:pt idx="3585">
                  <c:v>4.3338644875727041</c:v>
                </c:pt>
                <c:pt idx="3586">
                  <c:v>4.3338644875727041</c:v>
                </c:pt>
                <c:pt idx="3587">
                  <c:v>5.1858207543604999</c:v>
                </c:pt>
                <c:pt idx="3588">
                  <c:v>5.1858207543604999</c:v>
                </c:pt>
                <c:pt idx="3589">
                  <c:v>3.4448666439680466</c:v>
                </c:pt>
                <c:pt idx="3590">
                  <c:v>5.1858207543604999</c:v>
                </c:pt>
                <c:pt idx="3591">
                  <c:v>5.1858207543604999</c:v>
                </c:pt>
                <c:pt idx="3592">
                  <c:v>3.0824116900189531</c:v>
                </c:pt>
                <c:pt idx="3593">
                  <c:v>1.3485948436552884</c:v>
                </c:pt>
                <c:pt idx="3594">
                  <c:v>0.86829647710450686</c:v>
                </c:pt>
                <c:pt idx="3595">
                  <c:v>0.86829647710450686</c:v>
                </c:pt>
                <c:pt idx="3596">
                  <c:v>0.86829647710450686</c:v>
                </c:pt>
                <c:pt idx="3597">
                  <c:v>0.86829647710450686</c:v>
                </c:pt>
                <c:pt idx="3598">
                  <c:v>0.86829647710450686</c:v>
                </c:pt>
                <c:pt idx="3599">
                  <c:v>0.86829647710450686</c:v>
                </c:pt>
                <c:pt idx="3600">
                  <c:v>0.8620670993125289</c:v>
                </c:pt>
                <c:pt idx="3601">
                  <c:v>0.8620670993125289</c:v>
                </c:pt>
                <c:pt idx="3602">
                  <c:v>0.8620670993125289</c:v>
                </c:pt>
                <c:pt idx="3603">
                  <c:v>0.8620670993125289</c:v>
                </c:pt>
                <c:pt idx="3604">
                  <c:v>0.8620670993125289</c:v>
                </c:pt>
                <c:pt idx="3605">
                  <c:v>0.8620670993125289</c:v>
                </c:pt>
                <c:pt idx="3606">
                  <c:v>0.8620670993125289</c:v>
                </c:pt>
                <c:pt idx="3607">
                  <c:v>3.4891631907895313</c:v>
                </c:pt>
                <c:pt idx="3608">
                  <c:v>3.8931715602493719</c:v>
                </c:pt>
                <c:pt idx="3609">
                  <c:v>4.2971799297092126</c:v>
                </c:pt>
                <c:pt idx="3610">
                  <c:v>4.2971799297092126</c:v>
                </c:pt>
                <c:pt idx="3611">
                  <c:v>5.1419247022161514</c:v>
                </c:pt>
                <c:pt idx="3612">
                  <c:v>5.1419247022161514</c:v>
                </c:pt>
                <c:pt idx="3613">
                  <c:v>3.4157071236150149</c:v>
                </c:pt>
                <c:pt idx="3614">
                  <c:v>5.1419247022161514</c:v>
                </c:pt>
                <c:pt idx="3615">
                  <c:v>5.1419247022161514</c:v>
                </c:pt>
                <c:pt idx="3616">
                  <c:v>3.0562186513899907</c:v>
                </c:pt>
                <c:pt idx="3617">
                  <c:v>1.337087637295165</c:v>
                </c:pt>
                <c:pt idx="3618">
                  <c:v>0.8620670993125289</c:v>
                </c:pt>
                <c:pt idx="3619">
                  <c:v>0.8620670993125289</c:v>
                </c:pt>
                <c:pt idx="3620">
                  <c:v>0.8620670993125289</c:v>
                </c:pt>
                <c:pt idx="3621">
                  <c:v>0.8620670993125289</c:v>
                </c:pt>
                <c:pt idx="3622">
                  <c:v>0.8620670993125289</c:v>
                </c:pt>
                <c:pt idx="3623">
                  <c:v>0.8620670993125289</c:v>
                </c:pt>
                <c:pt idx="3624">
                  <c:v>0.84981060077318205</c:v>
                </c:pt>
                <c:pt idx="3625">
                  <c:v>0.84981060077318205</c:v>
                </c:pt>
                <c:pt idx="3626">
                  <c:v>0.84981060077318205</c:v>
                </c:pt>
                <c:pt idx="3627">
                  <c:v>0.84981060077318205</c:v>
                </c:pt>
                <c:pt idx="3628">
                  <c:v>0.84981060077318205</c:v>
                </c:pt>
                <c:pt idx="3629">
                  <c:v>0.84981060077318205</c:v>
                </c:pt>
                <c:pt idx="3630">
                  <c:v>0.84981060077318205</c:v>
                </c:pt>
                <c:pt idx="3631">
                  <c:v>3.4444779473458262</c:v>
                </c:pt>
                <c:pt idx="3632">
                  <c:v>3.8433122359858696</c:v>
                </c:pt>
                <c:pt idx="3633">
                  <c:v>4.2421465246259134</c:v>
                </c:pt>
                <c:pt idx="3634">
                  <c:v>4.2421465246259134</c:v>
                </c:pt>
                <c:pt idx="3635">
                  <c:v>5.0760727645096386</c:v>
                </c:pt>
                <c:pt idx="3636">
                  <c:v>5.0760727645096386</c:v>
                </c:pt>
                <c:pt idx="3637">
                  <c:v>3.3719626221385455</c:v>
                </c:pt>
                <c:pt idx="3638">
                  <c:v>5.0760727645096386</c:v>
                </c:pt>
                <c:pt idx="3639">
                  <c:v>5.0760727645096386</c:v>
                </c:pt>
                <c:pt idx="3640">
                  <c:v>3.0133482818149875</c:v>
                </c:pt>
                <c:pt idx="3641">
                  <c:v>1.3137112180842045</c:v>
                </c:pt>
                <c:pt idx="3642">
                  <c:v>0.84981060077318205</c:v>
                </c:pt>
                <c:pt idx="3643">
                  <c:v>0.84981060077318205</c:v>
                </c:pt>
                <c:pt idx="3644">
                  <c:v>0.84981060077318205</c:v>
                </c:pt>
                <c:pt idx="3645">
                  <c:v>0.84981060077318205</c:v>
                </c:pt>
                <c:pt idx="3646">
                  <c:v>0.84981060077318205</c:v>
                </c:pt>
                <c:pt idx="3647">
                  <c:v>0.84981060077318205</c:v>
                </c:pt>
                <c:pt idx="3648">
                  <c:v>1.2673883201876275</c:v>
                </c:pt>
                <c:pt idx="3649">
                  <c:v>0.77471072594419854</c:v>
                </c:pt>
                <c:pt idx="3650">
                  <c:v>0.77471072594419854</c:v>
                </c:pt>
                <c:pt idx="3651">
                  <c:v>0.77471072594419854</c:v>
                </c:pt>
                <c:pt idx="3652">
                  <c:v>0.77471072594419854</c:v>
                </c:pt>
                <c:pt idx="3653">
                  <c:v>0.77471072594419854</c:v>
                </c:pt>
                <c:pt idx="3654">
                  <c:v>0.77471072594419854</c:v>
                </c:pt>
                <c:pt idx="3655">
                  <c:v>3.2743072365207162</c:v>
                </c:pt>
                <c:pt idx="3656">
                  <c:v>4.0928840456508953</c:v>
                </c:pt>
                <c:pt idx="3657">
                  <c:v>4.5021724502159852</c:v>
                </c:pt>
                <c:pt idx="3658">
                  <c:v>4.5021724502159852</c:v>
                </c:pt>
                <c:pt idx="3659">
                  <c:v>5.3207492593461634</c:v>
                </c:pt>
                <c:pt idx="3660">
                  <c:v>5.3207492593461634</c:v>
                </c:pt>
                <c:pt idx="3661">
                  <c:v>3.6835956410858053</c:v>
                </c:pt>
                <c:pt idx="3662">
                  <c:v>5.3207492593461634</c:v>
                </c:pt>
                <c:pt idx="3663">
                  <c:v>4.0985558057011762</c:v>
                </c:pt>
                <c:pt idx="3664">
                  <c:v>1.9489305863968116</c:v>
                </c:pt>
                <c:pt idx="3665">
                  <c:v>1.2960172042509479</c:v>
                </c:pt>
                <c:pt idx="3666">
                  <c:v>0.81260900242446221</c:v>
                </c:pt>
                <c:pt idx="3667">
                  <c:v>0.77471072594419854</c:v>
                </c:pt>
                <c:pt idx="3668">
                  <c:v>0.77471072594419854</c:v>
                </c:pt>
                <c:pt idx="3669">
                  <c:v>0.77471072594419854</c:v>
                </c:pt>
                <c:pt idx="3670">
                  <c:v>0.77471072594419854</c:v>
                </c:pt>
                <c:pt idx="3671">
                  <c:v>0.77471072594419854</c:v>
                </c:pt>
                <c:pt idx="3672">
                  <c:v>0.61622659236777366</c:v>
                </c:pt>
                <c:pt idx="3673">
                  <c:v>0.56657999386462332</c:v>
                </c:pt>
                <c:pt idx="3674">
                  <c:v>0.56657999386462332</c:v>
                </c:pt>
                <c:pt idx="3675">
                  <c:v>0.56657999386462332</c:v>
                </c:pt>
                <c:pt idx="3676">
                  <c:v>0.56657999386462332</c:v>
                </c:pt>
                <c:pt idx="3677">
                  <c:v>0.56703432791540831</c:v>
                </c:pt>
                <c:pt idx="3678">
                  <c:v>0.56762496218142899</c:v>
                </c:pt>
                <c:pt idx="3679">
                  <c:v>0.56803386282713553</c:v>
                </c:pt>
                <c:pt idx="3680">
                  <c:v>0.56803386282713553</c:v>
                </c:pt>
                <c:pt idx="3681">
                  <c:v>0.56803386282713553</c:v>
                </c:pt>
                <c:pt idx="3682">
                  <c:v>0.56803386282713553</c:v>
                </c:pt>
                <c:pt idx="3683">
                  <c:v>0.56803386282713553</c:v>
                </c:pt>
                <c:pt idx="3684">
                  <c:v>0.56803386282713553</c:v>
                </c:pt>
                <c:pt idx="3685">
                  <c:v>0.56803386282713553</c:v>
                </c:pt>
                <c:pt idx="3686">
                  <c:v>0.56803386282713553</c:v>
                </c:pt>
                <c:pt idx="3687">
                  <c:v>0.56771582899158601</c:v>
                </c:pt>
                <c:pt idx="3688">
                  <c:v>0.56744322856111495</c:v>
                </c:pt>
                <c:pt idx="3689">
                  <c:v>0.56717062813064389</c:v>
                </c:pt>
                <c:pt idx="3690">
                  <c:v>0.56707976132048687</c:v>
                </c:pt>
                <c:pt idx="3691">
                  <c:v>0.56662542726970178</c:v>
                </c:pt>
                <c:pt idx="3692">
                  <c:v>0.56612565981383822</c:v>
                </c:pt>
                <c:pt idx="3693">
                  <c:v>0.56612565981383822</c:v>
                </c:pt>
                <c:pt idx="3694">
                  <c:v>0.56612565981383822</c:v>
                </c:pt>
                <c:pt idx="3695">
                  <c:v>0.56612565981383822</c:v>
                </c:pt>
                <c:pt idx="3696">
                  <c:v>0.5615767158386793</c:v>
                </c:pt>
                <c:pt idx="3697">
                  <c:v>0.56182156496279889</c:v>
                </c:pt>
                <c:pt idx="3698">
                  <c:v>0.56182156496279889</c:v>
                </c:pt>
                <c:pt idx="3699">
                  <c:v>0.56182156496279889</c:v>
                </c:pt>
                <c:pt idx="3700">
                  <c:v>0.56182156496279889</c:v>
                </c:pt>
                <c:pt idx="3701">
                  <c:v>0.56226229338621414</c:v>
                </c:pt>
                <c:pt idx="3702">
                  <c:v>0.56265405198480556</c:v>
                </c:pt>
                <c:pt idx="3703">
                  <c:v>0.56314375023304475</c:v>
                </c:pt>
                <c:pt idx="3704">
                  <c:v>0.56314375023304475</c:v>
                </c:pt>
                <c:pt idx="3705">
                  <c:v>0.56314375023304475</c:v>
                </c:pt>
                <c:pt idx="3706">
                  <c:v>0.56314375023304475</c:v>
                </c:pt>
                <c:pt idx="3707">
                  <c:v>0.56314375023304475</c:v>
                </c:pt>
                <c:pt idx="3708">
                  <c:v>0.56314375023304475</c:v>
                </c:pt>
                <c:pt idx="3709">
                  <c:v>0.56314375023304475</c:v>
                </c:pt>
                <c:pt idx="3710">
                  <c:v>0.56314375023304475</c:v>
                </c:pt>
                <c:pt idx="3711">
                  <c:v>0.56280096145927738</c:v>
                </c:pt>
                <c:pt idx="3712">
                  <c:v>0.56275199163445333</c:v>
                </c:pt>
                <c:pt idx="3713">
                  <c:v>0.56236023303586202</c:v>
                </c:pt>
                <c:pt idx="3714">
                  <c:v>0.56221332356139031</c:v>
                </c:pt>
                <c:pt idx="3715">
                  <c:v>0.56187053478762283</c:v>
                </c:pt>
                <c:pt idx="3716">
                  <c:v>0.5615767158386793</c:v>
                </c:pt>
                <c:pt idx="3717">
                  <c:v>0.56138083653938364</c:v>
                </c:pt>
                <c:pt idx="3718">
                  <c:v>0.56138083653938364</c:v>
                </c:pt>
                <c:pt idx="3719">
                  <c:v>0.56138083653938364</c:v>
                </c:pt>
                <c:pt idx="3720">
                  <c:v>0.84398132254174518</c:v>
                </c:pt>
                <c:pt idx="3721">
                  <c:v>0.84398132254174518</c:v>
                </c:pt>
                <c:pt idx="3722">
                  <c:v>0.84398132254174518</c:v>
                </c:pt>
                <c:pt idx="3723">
                  <c:v>0.84398132254174518</c:v>
                </c:pt>
                <c:pt idx="3724">
                  <c:v>0.84398132254174518</c:v>
                </c:pt>
                <c:pt idx="3725">
                  <c:v>0.84398132254174518</c:v>
                </c:pt>
                <c:pt idx="3726">
                  <c:v>0.84398132254174518</c:v>
                </c:pt>
                <c:pt idx="3727">
                  <c:v>3.597476753886359</c:v>
                </c:pt>
                <c:pt idx="3728">
                  <c:v>4.0471613481221542</c:v>
                </c:pt>
                <c:pt idx="3729">
                  <c:v>4.4968459423579494</c:v>
                </c:pt>
                <c:pt idx="3730">
                  <c:v>4.4968459423579494</c:v>
                </c:pt>
                <c:pt idx="3731">
                  <c:v>5.3962151308295372</c:v>
                </c:pt>
                <c:pt idx="3732">
                  <c:v>5.3962151308295372</c:v>
                </c:pt>
                <c:pt idx="3733">
                  <c:v>3.597476753886359</c:v>
                </c:pt>
                <c:pt idx="3734">
                  <c:v>5.3962151308295372</c:v>
                </c:pt>
                <c:pt idx="3735">
                  <c:v>5.3962151308295372</c:v>
                </c:pt>
                <c:pt idx="3736">
                  <c:v>3.1861504570863239</c:v>
                </c:pt>
                <c:pt idx="3737">
                  <c:v>0.9766736499704779</c:v>
                </c:pt>
                <c:pt idx="3738">
                  <c:v>0.89823165452987574</c:v>
                </c:pt>
                <c:pt idx="3739">
                  <c:v>0.89823165452987574</c:v>
                </c:pt>
                <c:pt idx="3740">
                  <c:v>0.89823165452987574</c:v>
                </c:pt>
                <c:pt idx="3741">
                  <c:v>0.89823165452987574</c:v>
                </c:pt>
                <c:pt idx="3742">
                  <c:v>0.89823165452987574</c:v>
                </c:pt>
                <c:pt idx="3743">
                  <c:v>0.89823165452987574</c:v>
                </c:pt>
                <c:pt idx="3744">
                  <c:v>0.57859746556523461</c:v>
                </c:pt>
                <c:pt idx="3745">
                  <c:v>0.86464536188157448</c:v>
                </c:pt>
                <c:pt idx="3746">
                  <c:v>0.86464536188157448</c:v>
                </c:pt>
                <c:pt idx="3747">
                  <c:v>0.86464536188157448</c:v>
                </c:pt>
                <c:pt idx="3748">
                  <c:v>0.86464536188157448</c:v>
                </c:pt>
                <c:pt idx="3749">
                  <c:v>0.86464536188157448</c:v>
                </c:pt>
                <c:pt idx="3750">
                  <c:v>0.86464536188157448</c:v>
                </c:pt>
                <c:pt idx="3751">
                  <c:v>3.601625712809382</c:v>
                </c:pt>
                <c:pt idx="3752">
                  <c:v>4.018656058503101</c:v>
                </c:pt>
                <c:pt idx="3753">
                  <c:v>4.4356864041968196</c:v>
                </c:pt>
                <c:pt idx="3754">
                  <c:v>4.4356864041968196</c:v>
                </c:pt>
                <c:pt idx="3755">
                  <c:v>5.3076589451927747</c:v>
                </c:pt>
                <c:pt idx="3756">
                  <c:v>5.3076589451927747</c:v>
                </c:pt>
                <c:pt idx="3757">
                  <c:v>3.5258020135923425</c:v>
                </c:pt>
                <c:pt idx="3758">
                  <c:v>5.3076589451927747</c:v>
                </c:pt>
                <c:pt idx="3759">
                  <c:v>5.3076589451927747</c:v>
                </c:pt>
                <c:pt idx="3760">
                  <c:v>3.1617540630510979</c:v>
                </c:pt>
                <c:pt idx="3761">
                  <c:v>1.3918637354420329</c:v>
                </c:pt>
                <c:pt idx="3762">
                  <c:v>0.89064971609215082</c:v>
                </c:pt>
                <c:pt idx="3763">
                  <c:v>0.89064971609215082</c:v>
                </c:pt>
                <c:pt idx="3764">
                  <c:v>0.89064971609215082</c:v>
                </c:pt>
                <c:pt idx="3765">
                  <c:v>0.89064971609215082</c:v>
                </c:pt>
                <c:pt idx="3766">
                  <c:v>0.89064971609215082</c:v>
                </c:pt>
                <c:pt idx="3767">
                  <c:v>0.89064971609215082</c:v>
                </c:pt>
                <c:pt idx="3768">
                  <c:v>0.87432359785187541</c:v>
                </c:pt>
                <c:pt idx="3769">
                  <c:v>0.87432359785187541</c:v>
                </c:pt>
                <c:pt idx="3770">
                  <c:v>0.87432359785187541</c:v>
                </c:pt>
                <c:pt idx="3771">
                  <c:v>0.87432359785187541</c:v>
                </c:pt>
                <c:pt idx="3772">
                  <c:v>0.87432359785187541</c:v>
                </c:pt>
                <c:pt idx="3773">
                  <c:v>0.87432359785187541</c:v>
                </c:pt>
                <c:pt idx="3774">
                  <c:v>0.87432359785187541</c:v>
                </c:pt>
                <c:pt idx="3775">
                  <c:v>3.5338484342332359</c:v>
                </c:pt>
                <c:pt idx="3776">
                  <c:v>3.9430308845128739</c:v>
                </c:pt>
                <c:pt idx="3777">
                  <c:v>4.3522133347925127</c:v>
                </c:pt>
                <c:pt idx="3778">
                  <c:v>4.3522133347925127</c:v>
                </c:pt>
                <c:pt idx="3779">
                  <c:v>5.2077766399226642</c:v>
                </c:pt>
                <c:pt idx="3780">
                  <c:v>5.2077766399226642</c:v>
                </c:pt>
                <c:pt idx="3781">
                  <c:v>3.4594516250914835</c:v>
                </c:pt>
                <c:pt idx="3782">
                  <c:v>5.2077766399226642</c:v>
                </c:pt>
                <c:pt idx="3783">
                  <c:v>5.2077766399226642</c:v>
                </c:pt>
                <c:pt idx="3784">
                  <c:v>3.0990890209649935</c:v>
                </c:pt>
                <c:pt idx="3785">
                  <c:v>1.3604640565061252</c:v>
                </c:pt>
                <c:pt idx="3786">
                  <c:v>0.87432359785187541</c:v>
                </c:pt>
                <c:pt idx="3787">
                  <c:v>0.87432359785187541</c:v>
                </c:pt>
                <c:pt idx="3788">
                  <c:v>0.87432359785187541</c:v>
                </c:pt>
                <c:pt idx="3789">
                  <c:v>0.87432359785187541</c:v>
                </c:pt>
                <c:pt idx="3790">
                  <c:v>0.87432359785187541</c:v>
                </c:pt>
                <c:pt idx="3791">
                  <c:v>0.87432359785187541</c:v>
                </c:pt>
                <c:pt idx="3792">
                  <c:v>0.87840909736499118</c:v>
                </c:pt>
                <c:pt idx="3793">
                  <c:v>0.87840909736499118</c:v>
                </c:pt>
                <c:pt idx="3794">
                  <c:v>0.87840909736499118</c:v>
                </c:pt>
                <c:pt idx="3795">
                  <c:v>0.87840909736499118</c:v>
                </c:pt>
                <c:pt idx="3796">
                  <c:v>0.87840909736499118</c:v>
                </c:pt>
                <c:pt idx="3797">
                  <c:v>0.87840909736499118</c:v>
                </c:pt>
                <c:pt idx="3798">
                  <c:v>0.87840909736499118</c:v>
                </c:pt>
                <c:pt idx="3799">
                  <c:v>3.5487435153811377</c:v>
                </c:pt>
                <c:pt idx="3800">
                  <c:v>3.9596506592673757</c:v>
                </c:pt>
                <c:pt idx="3801">
                  <c:v>4.3705578031536128</c:v>
                </c:pt>
                <c:pt idx="3802">
                  <c:v>4.3705578031536128</c:v>
                </c:pt>
                <c:pt idx="3803">
                  <c:v>5.2297272858248354</c:v>
                </c:pt>
                <c:pt idx="3804">
                  <c:v>5.2297272858248354</c:v>
                </c:pt>
                <c:pt idx="3805">
                  <c:v>3.4740331255836407</c:v>
                </c:pt>
                <c:pt idx="3806">
                  <c:v>5.2297272858248354</c:v>
                </c:pt>
                <c:pt idx="3807">
                  <c:v>5.2297272858248354</c:v>
                </c:pt>
                <c:pt idx="3808">
                  <c:v>3.1133791441566623</c:v>
                </c:pt>
                <c:pt idx="3809">
                  <c:v>1.3682561962431119</c:v>
                </c:pt>
                <c:pt idx="3810">
                  <c:v>0.87840909736499118</c:v>
                </c:pt>
                <c:pt idx="3811">
                  <c:v>0.87840909736499118</c:v>
                </c:pt>
                <c:pt idx="3812">
                  <c:v>0.87840909736499118</c:v>
                </c:pt>
                <c:pt idx="3813">
                  <c:v>0.87840909736499118</c:v>
                </c:pt>
                <c:pt idx="3814">
                  <c:v>0.87840909736499118</c:v>
                </c:pt>
                <c:pt idx="3815">
                  <c:v>0.87840909736499118</c:v>
                </c:pt>
                <c:pt idx="3816">
                  <c:v>1.303019600573492</c:v>
                </c:pt>
                <c:pt idx="3817">
                  <c:v>0.79965413378547789</c:v>
                </c:pt>
                <c:pt idx="3818">
                  <c:v>0.79965413378547789</c:v>
                </c:pt>
                <c:pt idx="3819">
                  <c:v>0.79965413378547789</c:v>
                </c:pt>
                <c:pt idx="3820">
                  <c:v>0.79965413378547789</c:v>
                </c:pt>
                <c:pt idx="3821">
                  <c:v>0.79965413378547789</c:v>
                </c:pt>
                <c:pt idx="3822">
                  <c:v>0.79965413378547789</c:v>
                </c:pt>
                <c:pt idx="3823">
                  <c:v>3.367387594963724</c:v>
                </c:pt>
                <c:pt idx="3824">
                  <c:v>4.2092344937046553</c:v>
                </c:pt>
                <c:pt idx="3825">
                  <c:v>4.6301579430751207</c:v>
                </c:pt>
                <c:pt idx="3826">
                  <c:v>4.6301579430751207</c:v>
                </c:pt>
                <c:pt idx="3827">
                  <c:v>5.4720048418160525</c:v>
                </c:pt>
                <c:pt idx="3828">
                  <c:v>5.4720048418160525</c:v>
                </c:pt>
                <c:pt idx="3829">
                  <c:v>3.7883110443341894</c:v>
                </c:pt>
                <c:pt idx="3830">
                  <c:v>5.4720048418160525</c:v>
                </c:pt>
                <c:pt idx="3831">
                  <c:v>4.2177854645141712</c:v>
                </c:pt>
                <c:pt idx="3832">
                  <c:v>2.0174588433412275</c:v>
                </c:pt>
                <c:pt idx="3833">
                  <c:v>1.3461816437072371</c:v>
                </c:pt>
                <c:pt idx="3834">
                  <c:v>0.83837455430763275</c:v>
                </c:pt>
                <c:pt idx="3835">
                  <c:v>0.79965413378547789</c:v>
                </c:pt>
                <c:pt idx="3836">
                  <c:v>0.79965413378547789</c:v>
                </c:pt>
                <c:pt idx="3837">
                  <c:v>0.79965413378547789</c:v>
                </c:pt>
                <c:pt idx="3838">
                  <c:v>0.79965413378547789</c:v>
                </c:pt>
                <c:pt idx="3839">
                  <c:v>0.79965413378547789</c:v>
                </c:pt>
                <c:pt idx="3840">
                  <c:v>0.56968333994135756</c:v>
                </c:pt>
                <c:pt idx="3841">
                  <c:v>0.52207982661015129</c:v>
                </c:pt>
                <c:pt idx="3842">
                  <c:v>0.52207982661015129</c:v>
                </c:pt>
                <c:pt idx="3843">
                  <c:v>0.52207982661015129</c:v>
                </c:pt>
                <c:pt idx="3844">
                  <c:v>0.52207982661015129</c:v>
                </c:pt>
                <c:pt idx="3845">
                  <c:v>0.52238166605165215</c:v>
                </c:pt>
                <c:pt idx="3846">
                  <c:v>0.52277405732560323</c:v>
                </c:pt>
                <c:pt idx="3847">
                  <c:v>0.52304571282295398</c:v>
                </c:pt>
                <c:pt idx="3848">
                  <c:v>0.52304571282295398</c:v>
                </c:pt>
                <c:pt idx="3849">
                  <c:v>0.52304571282295398</c:v>
                </c:pt>
                <c:pt idx="3850">
                  <c:v>0.52304571282295398</c:v>
                </c:pt>
                <c:pt idx="3851">
                  <c:v>0.52304571282295398</c:v>
                </c:pt>
                <c:pt idx="3852">
                  <c:v>0.52304571282295398</c:v>
                </c:pt>
                <c:pt idx="3853">
                  <c:v>0.52304571282295398</c:v>
                </c:pt>
                <c:pt idx="3854">
                  <c:v>0.52304571282295398</c:v>
                </c:pt>
                <c:pt idx="3855">
                  <c:v>0.52283442521390333</c:v>
                </c:pt>
                <c:pt idx="3856">
                  <c:v>0.5226533215490029</c:v>
                </c:pt>
                <c:pt idx="3857">
                  <c:v>0.52247221788410236</c:v>
                </c:pt>
                <c:pt idx="3858">
                  <c:v>0.52241184999580226</c:v>
                </c:pt>
                <c:pt idx="3859">
                  <c:v>0.5221100105543014</c:v>
                </c:pt>
                <c:pt idx="3860">
                  <c:v>0.52177798716865043</c:v>
                </c:pt>
                <c:pt idx="3861">
                  <c:v>0.52177798716865043</c:v>
                </c:pt>
                <c:pt idx="3862">
                  <c:v>0.52177798716865043</c:v>
                </c:pt>
                <c:pt idx="3863">
                  <c:v>0.52177798716865043</c:v>
                </c:pt>
                <c:pt idx="3864">
                  <c:v>0.5376097664274555</c:v>
                </c:pt>
                <c:pt idx="3865">
                  <c:v>0.53780795411459614</c:v>
                </c:pt>
                <c:pt idx="3866">
                  <c:v>0.53780795411459614</c:v>
                </c:pt>
                <c:pt idx="3867">
                  <c:v>0.53780795411459614</c:v>
                </c:pt>
                <c:pt idx="3868">
                  <c:v>0.53780795411459614</c:v>
                </c:pt>
                <c:pt idx="3869">
                  <c:v>0.53816469195144956</c:v>
                </c:pt>
                <c:pt idx="3870">
                  <c:v>0.53848179225087456</c:v>
                </c:pt>
                <c:pt idx="3871">
                  <c:v>0.53887816762515606</c:v>
                </c:pt>
                <c:pt idx="3872">
                  <c:v>0.53887816762515606</c:v>
                </c:pt>
                <c:pt idx="3873">
                  <c:v>0.53887816762515606</c:v>
                </c:pt>
                <c:pt idx="3874">
                  <c:v>0.53887816762515606</c:v>
                </c:pt>
                <c:pt idx="3875">
                  <c:v>0.53887816762515606</c:v>
                </c:pt>
                <c:pt idx="3876">
                  <c:v>0.53887816762515606</c:v>
                </c:pt>
                <c:pt idx="3877">
                  <c:v>0.53887816762515606</c:v>
                </c:pt>
                <c:pt idx="3878">
                  <c:v>0.53887816762515606</c:v>
                </c:pt>
                <c:pt idx="3879">
                  <c:v>0.53860070486315903</c:v>
                </c:pt>
                <c:pt idx="3880">
                  <c:v>0.53856106732573084</c:v>
                </c:pt>
                <c:pt idx="3881">
                  <c:v>0.53824396702630573</c:v>
                </c:pt>
                <c:pt idx="3882">
                  <c:v>0.53812505441402136</c:v>
                </c:pt>
                <c:pt idx="3883">
                  <c:v>0.53784759165202434</c:v>
                </c:pt>
                <c:pt idx="3884">
                  <c:v>0.5376097664274555</c:v>
                </c:pt>
                <c:pt idx="3885">
                  <c:v>0.53745121627774295</c:v>
                </c:pt>
                <c:pt idx="3886">
                  <c:v>0.53745121627774295</c:v>
                </c:pt>
                <c:pt idx="3887">
                  <c:v>0.53745121627774295</c:v>
                </c:pt>
                <c:pt idx="3888">
                  <c:v>0.8299246870277287</c:v>
                </c:pt>
                <c:pt idx="3889">
                  <c:v>0.8299246870277287</c:v>
                </c:pt>
                <c:pt idx="3890">
                  <c:v>0.8299246870277287</c:v>
                </c:pt>
                <c:pt idx="3891">
                  <c:v>0.8299246870277287</c:v>
                </c:pt>
                <c:pt idx="3892">
                  <c:v>0.8299246870277287</c:v>
                </c:pt>
                <c:pt idx="3893">
                  <c:v>0.8299246870277287</c:v>
                </c:pt>
                <c:pt idx="3894">
                  <c:v>0.8299246870277287</c:v>
                </c:pt>
                <c:pt idx="3895">
                  <c:v>3.5372736661594395</c:v>
                </c:pt>
                <c:pt idx="3896">
                  <c:v>3.9794328744293699</c:v>
                </c:pt>
                <c:pt idx="3897">
                  <c:v>4.4215920826992985</c:v>
                </c:pt>
                <c:pt idx="3898">
                  <c:v>4.4215920826992985</c:v>
                </c:pt>
                <c:pt idx="3899">
                  <c:v>5.3059104992391593</c:v>
                </c:pt>
                <c:pt idx="3900">
                  <c:v>5.3059104992391593</c:v>
                </c:pt>
                <c:pt idx="3901">
                  <c:v>3.5372736661594395</c:v>
                </c:pt>
                <c:pt idx="3902">
                  <c:v>5.3059104992391593</c:v>
                </c:pt>
                <c:pt idx="3903">
                  <c:v>5.3059104992391593</c:v>
                </c:pt>
                <c:pt idx="3904">
                  <c:v>3.1276397599008581</c:v>
                </c:pt>
                <c:pt idx="3905">
                  <c:v>0.94986749262403358</c:v>
                </c:pt>
                <c:pt idx="3906">
                  <c:v>0.88163959863938546</c:v>
                </c:pt>
                <c:pt idx="3907">
                  <c:v>0.88163959863938546</c:v>
                </c:pt>
                <c:pt idx="3908">
                  <c:v>0.88163959863938546</c:v>
                </c:pt>
                <c:pt idx="3909">
                  <c:v>0.88163959863938546</c:v>
                </c:pt>
                <c:pt idx="3910">
                  <c:v>0.88163959863938546</c:v>
                </c:pt>
                <c:pt idx="3911">
                  <c:v>0.88163959863938546</c:v>
                </c:pt>
                <c:pt idx="3912">
                  <c:v>0.60310042099156325</c:v>
                </c:pt>
                <c:pt idx="3913">
                  <c:v>0.89649159348396057</c:v>
                </c:pt>
                <c:pt idx="3914">
                  <c:v>0.89649159348396057</c:v>
                </c:pt>
                <c:pt idx="3915">
                  <c:v>0.89649159348396057</c:v>
                </c:pt>
                <c:pt idx="3916">
                  <c:v>0.89649159348396057</c:v>
                </c:pt>
                <c:pt idx="3917">
                  <c:v>0.89649159348396057</c:v>
                </c:pt>
                <c:pt idx="3918">
                  <c:v>0.89649159348396057</c:v>
                </c:pt>
                <c:pt idx="3919">
                  <c:v>3.7218815894750037</c:v>
                </c:pt>
                <c:pt idx="3920">
                  <c:v>4.1528362998352675</c:v>
                </c:pt>
                <c:pt idx="3921">
                  <c:v>4.5837910101955313</c:v>
                </c:pt>
                <c:pt idx="3922">
                  <c:v>4.5837910101955313</c:v>
                </c:pt>
                <c:pt idx="3923">
                  <c:v>5.4848781318579007</c:v>
                </c:pt>
                <c:pt idx="3924">
                  <c:v>5.4848781318579007</c:v>
                </c:pt>
                <c:pt idx="3925">
                  <c:v>3.6435261875913199</c:v>
                </c:pt>
                <c:pt idx="3926">
                  <c:v>5.4848781318579007</c:v>
                </c:pt>
                <c:pt idx="3927">
                  <c:v>5.4848781318579007</c:v>
                </c:pt>
                <c:pt idx="3928">
                  <c:v>3.2771611510978551</c:v>
                </c:pt>
                <c:pt idx="3929">
                  <c:v>1.4548003053136616</c:v>
                </c:pt>
                <c:pt idx="3930">
                  <c:v>0.92316351825599674</c:v>
                </c:pt>
                <c:pt idx="3931">
                  <c:v>0.92316351825599674</c:v>
                </c:pt>
                <c:pt idx="3932">
                  <c:v>0.92316351825599674</c:v>
                </c:pt>
                <c:pt idx="3933">
                  <c:v>0.92316351825599674</c:v>
                </c:pt>
                <c:pt idx="3934">
                  <c:v>0.92316351825599674</c:v>
                </c:pt>
                <c:pt idx="3935">
                  <c:v>0.92316351825599674</c:v>
                </c:pt>
                <c:pt idx="3936">
                  <c:v>0.8906655959043378</c:v>
                </c:pt>
                <c:pt idx="3937">
                  <c:v>0.8906655959043378</c:v>
                </c:pt>
                <c:pt idx="3938">
                  <c:v>0.8906655959043378</c:v>
                </c:pt>
                <c:pt idx="3939">
                  <c:v>0.8906655959043378</c:v>
                </c:pt>
                <c:pt idx="3940">
                  <c:v>0.8906655959043378</c:v>
                </c:pt>
                <c:pt idx="3941">
                  <c:v>0.8906655959043378</c:v>
                </c:pt>
                <c:pt idx="3942">
                  <c:v>0.8906655959043378</c:v>
                </c:pt>
                <c:pt idx="3943">
                  <c:v>3.5934287588248432</c:v>
                </c:pt>
                <c:pt idx="3944">
                  <c:v>4.0095099835308785</c:v>
                </c:pt>
                <c:pt idx="3945">
                  <c:v>4.4255912082369129</c:v>
                </c:pt>
                <c:pt idx="3946">
                  <c:v>4.4255912082369129</c:v>
                </c:pt>
                <c:pt idx="3947">
                  <c:v>5.2955792235313472</c:v>
                </c:pt>
                <c:pt idx="3948">
                  <c:v>5.2955792235313472</c:v>
                </c:pt>
                <c:pt idx="3949">
                  <c:v>3.5177776270601098</c:v>
                </c:pt>
                <c:pt idx="3950">
                  <c:v>5.2955792235313472</c:v>
                </c:pt>
                <c:pt idx="3951">
                  <c:v>5.2955792235313472</c:v>
                </c:pt>
                <c:pt idx="3952">
                  <c:v>3.1562495137316655</c:v>
                </c:pt>
                <c:pt idx="3953">
                  <c:v>1.3916326154540726</c:v>
                </c:pt>
                <c:pt idx="3954">
                  <c:v>0.8906655959043378</c:v>
                </c:pt>
                <c:pt idx="3955">
                  <c:v>0.8906655959043378</c:v>
                </c:pt>
                <c:pt idx="3956">
                  <c:v>0.8906655959043378</c:v>
                </c:pt>
                <c:pt idx="3957">
                  <c:v>0.8906655959043378</c:v>
                </c:pt>
                <c:pt idx="3958">
                  <c:v>0.8906655959043378</c:v>
                </c:pt>
                <c:pt idx="3959">
                  <c:v>0.8906655959043378</c:v>
                </c:pt>
                <c:pt idx="3960">
                  <c:v>0.8906655959043378</c:v>
                </c:pt>
                <c:pt idx="3961">
                  <c:v>0.8906655959043378</c:v>
                </c:pt>
                <c:pt idx="3962">
                  <c:v>0.8906655959043378</c:v>
                </c:pt>
                <c:pt idx="3963">
                  <c:v>0.8906655959043378</c:v>
                </c:pt>
                <c:pt idx="3964">
                  <c:v>0.8906655959043378</c:v>
                </c:pt>
                <c:pt idx="3965">
                  <c:v>0.8906655959043378</c:v>
                </c:pt>
                <c:pt idx="3966">
                  <c:v>0.8906655959043378</c:v>
                </c:pt>
                <c:pt idx="3967">
                  <c:v>3.5934287588248432</c:v>
                </c:pt>
                <c:pt idx="3968">
                  <c:v>4.0095099835308785</c:v>
                </c:pt>
                <c:pt idx="3969">
                  <c:v>4.4255912082369129</c:v>
                </c:pt>
                <c:pt idx="3970">
                  <c:v>4.4255912082369129</c:v>
                </c:pt>
                <c:pt idx="3971">
                  <c:v>5.2955792235313472</c:v>
                </c:pt>
                <c:pt idx="3972">
                  <c:v>5.2955792235313472</c:v>
                </c:pt>
                <c:pt idx="3973">
                  <c:v>3.5177776270601098</c:v>
                </c:pt>
                <c:pt idx="3974">
                  <c:v>5.2955792235313472</c:v>
                </c:pt>
                <c:pt idx="3975">
                  <c:v>5.2955792235313472</c:v>
                </c:pt>
                <c:pt idx="3976">
                  <c:v>3.1562495137316655</c:v>
                </c:pt>
                <c:pt idx="3977">
                  <c:v>1.3916326154540726</c:v>
                </c:pt>
                <c:pt idx="3978">
                  <c:v>0.8906655959043378</c:v>
                </c:pt>
                <c:pt idx="3979">
                  <c:v>0.8906655959043378</c:v>
                </c:pt>
                <c:pt idx="3980">
                  <c:v>0.8906655959043378</c:v>
                </c:pt>
                <c:pt idx="3981">
                  <c:v>0.8906655959043378</c:v>
                </c:pt>
                <c:pt idx="3982">
                  <c:v>0.8906655959043378</c:v>
                </c:pt>
                <c:pt idx="3983">
                  <c:v>0.8906655959043378</c:v>
                </c:pt>
                <c:pt idx="3984">
                  <c:v>1.2865743942415544</c:v>
                </c:pt>
                <c:pt idx="3985">
                  <c:v>0.78814179170488741</c:v>
                </c:pt>
                <c:pt idx="3986">
                  <c:v>0.78814179170488741</c:v>
                </c:pt>
                <c:pt idx="3987">
                  <c:v>0.78814179170488741</c:v>
                </c:pt>
                <c:pt idx="3988">
                  <c:v>0.78814179170488741</c:v>
                </c:pt>
                <c:pt idx="3989">
                  <c:v>0.78814179170488741</c:v>
                </c:pt>
                <c:pt idx="3990">
                  <c:v>0.78814179170488741</c:v>
                </c:pt>
                <c:pt idx="3991">
                  <c:v>3.3244274295284897</c:v>
                </c:pt>
                <c:pt idx="3992">
                  <c:v>4.1555342869106129</c:v>
                </c:pt>
                <c:pt idx="3993">
                  <c:v>4.5710877156016725</c:v>
                </c:pt>
                <c:pt idx="3994">
                  <c:v>4.5710877156016725</c:v>
                </c:pt>
                <c:pt idx="3995">
                  <c:v>5.4021945729837952</c:v>
                </c:pt>
                <c:pt idx="3996">
                  <c:v>5.4021945729837952</c:v>
                </c:pt>
                <c:pt idx="3997">
                  <c:v>3.7399808582195511</c:v>
                </c:pt>
                <c:pt idx="3998">
                  <c:v>5.4021945729837952</c:v>
                </c:pt>
                <c:pt idx="3999">
                  <c:v>4.1627563912158658</c:v>
                </c:pt>
                <c:pt idx="4000">
                  <c:v>1.9858304170591896</c:v>
                </c:pt>
                <c:pt idx="4001">
                  <c:v>1.323028825496642</c:v>
                </c:pt>
                <c:pt idx="4002">
                  <c:v>0.82648276113078478</c:v>
                </c:pt>
                <c:pt idx="4003">
                  <c:v>0.78814179170488741</c:v>
                </c:pt>
                <c:pt idx="4004">
                  <c:v>0.78814179170488741</c:v>
                </c:pt>
                <c:pt idx="4005">
                  <c:v>0.78814179170488741</c:v>
                </c:pt>
                <c:pt idx="4006">
                  <c:v>0.78814179170488741</c:v>
                </c:pt>
                <c:pt idx="4007">
                  <c:v>0.78814179170488741</c:v>
                </c:pt>
                <c:pt idx="4008">
                  <c:v>0.56073271447473927</c:v>
                </c:pt>
                <c:pt idx="4009">
                  <c:v>0.51352210213813776</c:v>
                </c:pt>
                <c:pt idx="4010">
                  <c:v>0.51352210213813776</c:v>
                </c:pt>
                <c:pt idx="4011">
                  <c:v>0.51352210213813776</c:v>
                </c:pt>
                <c:pt idx="4012">
                  <c:v>0.51352210213813776</c:v>
                </c:pt>
                <c:pt idx="4013">
                  <c:v>0.51379461569323781</c:v>
                </c:pt>
                <c:pt idx="4014">
                  <c:v>0.51414888331486774</c:v>
                </c:pt>
                <c:pt idx="4015">
                  <c:v>0.51439414551445783</c:v>
                </c:pt>
                <c:pt idx="4016">
                  <c:v>0.51439414551445783</c:v>
                </c:pt>
                <c:pt idx="4017">
                  <c:v>0.51439414551445783</c:v>
                </c:pt>
                <c:pt idx="4018">
                  <c:v>0.51439414551445783</c:v>
                </c:pt>
                <c:pt idx="4019">
                  <c:v>0.51439414551445783</c:v>
                </c:pt>
                <c:pt idx="4020">
                  <c:v>0.51439414551445783</c:v>
                </c:pt>
                <c:pt idx="4021">
                  <c:v>0.51439414551445783</c:v>
                </c:pt>
                <c:pt idx="4022">
                  <c:v>0.51439414551445783</c:v>
                </c:pt>
                <c:pt idx="4023">
                  <c:v>0.51420338602588778</c:v>
                </c:pt>
                <c:pt idx="4024">
                  <c:v>0.51403987789282779</c:v>
                </c:pt>
                <c:pt idx="4025">
                  <c:v>0.5138763697597678</c:v>
                </c:pt>
                <c:pt idx="4026">
                  <c:v>0.51382186704874777</c:v>
                </c:pt>
                <c:pt idx="4027">
                  <c:v>0.51354935349364772</c:v>
                </c:pt>
                <c:pt idx="4028">
                  <c:v>0.51324958858303771</c:v>
                </c:pt>
                <c:pt idx="4029">
                  <c:v>0.51324958858303771</c:v>
                </c:pt>
                <c:pt idx="4030">
                  <c:v>0.51324958858303771</c:v>
                </c:pt>
                <c:pt idx="4031">
                  <c:v>0.51324958858303771</c:v>
                </c:pt>
                <c:pt idx="4032">
                  <c:v>0.48796394264706322</c:v>
                </c:pt>
                <c:pt idx="4033">
                  <c:v>0.48806547450046195</c:v>
                </c:pt>
                <c:pt idx="4034">
                  <c:v>0.48806547450046195</c:v>
                </c:pt>
                <c:pt idx="4035">
                  <c:v>0.48806547450046195</c:v>
                </c:pt>
                <c:pt idx="4036">
                  <c:v>0.48806547450046195</c:v>
                </c:pt>
                <c:pt idx="4037">
                  <c:v>0.48824823183657967</c:v>
                </c:pt>
                <c:pt idx="4038">
                  <c:v>0.4884106828020176</c:v>
                </c:pt>
                <c:pt idx="4039">
                  <c:v>0.48861374650881501</c:v>
                </c:pt>
                <c:pt idx="4040">
                  <c:v>0.48861374650881501</c:v>
                </c:pt>
                <c:pt idx="4041">
                  <c:v>0.48861374650881501</c:v>
                </c:pt>
                <c:pt idx="4042">
                  <c:v>0.48861374650881501</c:v>
                </c:pt>
                <c:pt idx="4043">
                  <c:v>0.48861374650881501</c:v>
                </c:pt>
                <c:pt idx="4044">
                  <c:v>0.48861374650881501</c:v>
                </c:pt>
                <c:pt idx="4045">
                  <c:v>0.48861374650881501</c:v>
                </c:pt>
                <c:pt idx="4046">
                  <c:v>0.48861374650881501</c:v>
                </c:pt>
                <c:pt idx="4047">
                  <c:v>0.48847160191405686</c:v>
                </c:pt>
                <c:pt idx="4048">
                  <c:v>0.48845129554337707</c:v>
                </c:pt>
                <c:pt idx="4049">
                  <c:v>0.48828884457793914</c:v>
                </c:pt>
                <c:pt idx="4050">
                  <c:v>0.48822792546589988</c:v>
                </c:pt>
                <c:pt idx="4051">
                  <c:v>0.48808578087114174</c:v>
                </c:pt>
                <c:pt idx="4052">
                  <c:v>0.48796394264706322</c:v>
                </c:pt>
                <c:pt idx="4053">
                  <c:v>0.48788271716434434</c:v>
                </c:pt>
                <c:pt idx="4054">
                  <c:v>0.48788271716434434</c:v>
                </c:pt>
                <c:pt idx="4055">
                  <c:v>0.48788271716434434</c:v>
                </c:pt>
                <c:pt idx="4056">
                  <c:v>0.74579058068869819</c:v>
                </c:pt>
                <c:pt idx="4057">
                  <c:v>0.74579058068869819</c:v>
                </c:pt>
                <c:pt idx="4058">
                  <c:v>0.74579058068869819</c:v>
                </c:pt>
                <c:pt idx="4059">
                  <c:v>0.74579058068869819</c:v>
                </c:pt>
                <c:pt idx="4060">
                  <c:v>0.74579058068869819</c:v>
                </c:pt>
                <c:pt idx="4061">
                  <c:v>0.74579058068869819</c:v>
                </c:pt>
                <c:pt idx="4062">
                  <c:v>0.74579058068869819</c:v>
                </c:pt>
                <c:pt idx="4063">
                  <c:v>3.1770678737338547</c:v>
                </c:pt>
                <c:pt idx="4064">
                  <c:v>3.5742013579505865</c:v>
                </c:pt>
                <c:pt idx="4065">
                  <c:v>3.9713348421673182</c:v>
                </c:pt>
                <c:pt idx="4066">
                  <c:v>3.9713348421673182</c:v>
                </c:pt>
                <c:pt idx="4067">
                  <c:v>4.7656018106007814</c:v>
                </c:pt>
                <c:pt idx="4068">
                  <c:v>4.7656018106007814</c:v>
                </c:pt>
                <c:pt idx="4069">
                  <c:v>3.1770678737338547</c:v>
                </c:pt>
                <c:pt idx="4070">
                  <c:v>4.7656018106007814</c:v>
                </c:pt>
                <c:pt idx="4071">
                  <c:v>4.7656018106007814</c:v>
                </c:pt>
                <c:pt idx="4072">
                  <c:v>2.7799343895171229</c:v>
                </c:pt>
                <c:pt idx="4073">
                  <c:v>0.79426696843346367</c:v>
                </c:pt>
                <c:pt idx="4074">
                  <c:v>0.78308010972313324</c:v>
                </c:pt>
                <c:pt idx="4075">
                  <c:v>0.78308010972313324</c:v>
                </c:pt>
                <c:pt idx="4076">
                  <c:v>0.78308010972313324</c:v>
                </c:pt>
                <c:pt idx="4077">
                  <c:v>0.78308010972313324</c:v>
                </c:pt>
                <c:pt idx="4078">
                  <c:v>0.78308010972313324</c:v>
                </c:pt>
                <c:pt idx="4079">
                  <c:v>0.78308010972313324</c:v>
                </c:pt>
                <c:pt idx="4080">
                  <c:v>0.47599652946882659</c:v>
                </c:pt>
                <c:pt idx="4081">
                  <c:v>0.72532804490487868</c:v>
                </c:pt>
                <c:pt idx="4082">
                  <c:v>0.72532804490487868</c:v>
                </c:pt>
                <c:pt idx="4083">
                  <c:v>0.72532804490487868</c:v>
                </c:pt>
                <c:pt idx="4084">
                  <c:v>0.72532804490487868</c:v>
                </c:pt>
                <c:pt idx="4085">
                  <c:v>0.72532804490487868</c:v>
                </c:pt>
                <c:pt idx="4086">
                  <c:v>0.72532804490487868</c:v>
                </c:pt>
                <c:pt idx="4087">
                  <c:v>3.057711039302129</c:v>
                </c:pt>
                <c:pt idx="4088">
                  <c:v>3.4117617912213229</c:v>
                </c:pt>
                <c:pt idx="4089">
                  <c:v>3.7658125431405165</c:v>
                </c:pt>
                <c:pt idx="4090">
                  <c:v>3.7658125431405165</c:v>
                </c:pt>
                <c:pt idx="4091">
                  <c:v>4.5061004789715575</c:v>
                </c:pt>
                <c:pt idx="4092">
                  <c:v>4.5061004789715575</c:v>
                </c:pt>
                <c:pt idx="4093">
                  <c:v>2.9933381753168207</c:v>
                </c:pt>
                <c:pt idx="4094">
                  <c:v>4.5061004789715575</c:v>
                </c:pt>
                <c:pt idx="4095">
                  <c:v>4.5061004789715575</c:v>
                </c:pt>
                <c:pt idx="4096">
                  <c:v>2.6553806393939539</c:v>
                </c:pt>
                <c:pt idx="4097">
                  <c:v>1.1333250701638728</c:v>
                </c:pt>
                <c:pt idx="4098">
                  <c:v>0.74799454630815609</c:v>
                </c:pt>
                <c:pt idx="4099">
                  <c:v>0.74799454630815609</c:v>
                </c:pt>
                <c:pt idx="4100">
                  <c:v>0.74799454630815609</c:v>
                </c:pt>
                <c:pt idx="4101">
                  <c:v>0.74799454630815609</c:v>
                </c:pt>
                <c:pt idx="4102">
                  <c:v>0.74799454630815609</c:v>
                </c:pt>
                <c:pt idx="4103">
                  <c:v>0.74799454630815609</c:v>
                </c:pt>
                <c:pt idx="4104">
                  <c:v>0.722592216477279</c:v>
                </c:pt>
                <c:pt idx="4105">
                  <c:v>0.722592216477279</c:v>
                </c:pt>
                <c:pt idx="4106">
                  <c:v>0.722592216477279</c:v>
                </c:pt>
                <c:pt idx="4107">
                  <c:v>0.722592216477279</c:v>
                </c:pt>
                <c:pt idx="4108">
                  <c:v>0.722592216477279</c:v>
                </c:pt>
                <c:pt idx="4109">
                  <c:v>0.722592216477279</c:v>
                </c:pt>
                <c:pt idx="4110">
                  <c:v>0.722592216477279</c:v>
                </c:pt>
                <c:pt idx="4111">
                  <c:v>2.9538693940237852</c:v>
                </c:pt>
                <c:pt idx="4112">
                  <c:v>3.2958963764896976</c:v>
                </c:pt>
                <c:pt idx="4113">
                  <c:v>3.6379233589556099</c:v>
                </c:pt>
                <c:pt idx="4114">
                  <c:v>3.6379233589556099</c:v>
                </c:pt>
                <c:pt idx="4115">
                  <c:v>4.3530706859297892</c:v>
                </c:pt>
                <c:pt idx="4116">
                  <c:v>4.3530706859297892</c:v>
                </c:pt>
                <c:pt idx="4117">
                  <c:v>2.8916826699390743</c:v>
                </c:pt>
                <c:pt idx="4118">
                  <c:v>4.3530706859297892</c:v>
                </c:pt>
                <c:pt idx="4119">
                  <c:v>4.3530706859297892</c:v>
                </c:pt>
                <c:pt idx="4120">
                  <c:v>2.5652023684943401</c:v>
                </c:pt>
                <c:pt idx="4121">
                  <c:v>1.094836691632241</c:v>
                </c:pt>
                <c:pt idx="4122">
                  <c:v>0.722592216477279</c:v>
                </c:pt>
                <c:pt idx="4123">
                  <c:v>0.722592216477279</c:v>
                </c:pt>
                <c:pt idx="4124">
                  <c:v>0.722592216477279</c:v>
                </c:pt>
                <c:pt idx="4125">
                  <c:v>0.722592216477279</c:v>
                </c:pt>
                <c:pt idx="4126">
                  <c:v>0.722592216477279</c:v>
                </c:pt>
                <c:pt idx="4127">
                  <c:v>0.722592216477279</c:v>
                </c:pt>
                <c:pt idx="4128">
                  <c:v>0.75126328937216236</c:v>
                </c:pt>
                <c:pt idx="4129">
                  <c:v>0.75126328937216236</c:v>
                </c:pt>
                <c:pt idx="4130">
                  <c:v>0.75126328937216236</c:v>
                </c:pt>
                <c:pt idx="4131">
                  <c:v>0.75126328937216236</c:v>
                </c:pt>
                <c:pt idx="4132">
                  <c:v>0.75126328937216236</c:v>
                </c:pt>
                <c:pt idx="4133">
                  <c:v>0.75126328937216236</c:v>
                </c:pt>
                <c:pt idx="4134">
                  <c:v>0.75126328937216236</c:v>
                </c:pt>
                <c:pt idx="4135">
                  <c:v>3.0710732647365062</c:v>
                </c:pt>
                <c:pt idx="4136">
                  <c:v>3.4266712217059965</c:v>
                </c:pt>
                <c:pt idx="4137">
                  <c:v>3.7822691786754867</c:v>
                </c:pt>
                <c:pt idx="4138">
                  <c:v>3.7822691786754867</c:v>
                </c:pt>
                <c:pt idx="4139">
                  <c:v>4.5257921796116927</c:v>
                </c:pt>
                <c:pt idx="4140">
                  <c:v>4.5257921796116927</c:v>
                </c:pt>
                <c:pt idx="4141">
                  <c:v>3.0064190907420532</c:v>
                </c:pt>
                <c:pt idx="4142">
                  <c:v>4.5257921796116927</c:v>
                </c:pt>
                <c:pt idx="4143">
                  <c:v>4.5257921796116927</c:v>
                </c:pt>
                <c:pt idx="4144">
                  <c:v>2.6669846772711763</c:v>
                </c:pt>
                <c:pt idx="4145">
                  <c:v>1.1382777111699431</c:v>
                </c:pt>
                <c:pt idx="4146">
                  <c:v>0.75126328937216236</c:v>
                </c:pt>
                <c:pt idx="4147">
                  <c:v>0.75126328937216236</c:v>
                </c:pt>
                <c:pt idx="4148">
                  <c:v>0.75126328937216236</c:v>
                </c:pt>
                <c:pt idx="4149">
                  <c:v>0.75126328937216236</c:v>
                </c:pt>
                <c:pt idx="4150">
                  <c:v>0.75126328937216236</c:v>
                </c:pt>
                <c:pt idx="4151">
                  <c:v>0.75126328937216236</c:v>
                </c:pt>
                <c:pt idx="4152">
                  <c:v>1.1922076550250551</c:v>
                </c:pt>
                <c:pt idx="4153">
                  <c:v>0.72255009395457881</c:v>
                </c:pt>
                <c:pt idx="4154">
                  <c:v>0.72255009395457881</c:v>
                </c:pt>
                <c:pt idx="4155">
                  <c:v>0.72255009395457881</c:v>
                </c:pt>
                <c:pt idx="4156">
                  <c:v>0.72255009395457881</c:v>
                </c:pt>
                <c:pt idx="4157">
                  <c:v>0.72255009395457881</c:v>
                </c:pt>
                <c:pt idx="4158">
                  <c:v>0.72255009395457881</c:v>
                </c:pt>
                <c:pt idx="4159">
                  <c:v>3.0780634002465055</c:v>
                </c:pt>
                <c:pt idx="4160">
                  <c:v>3.8475792503081321</c:v>
                </c:pt>
                <c:pt idx="4161">
                  <c:v>4.2323371753389454</c:v>
                </c:pt>
                <c:pt idx="4162">
                  <c:v>4.2323371753389454</c:v>
                </c:pt>
                <c:pt idx="4163">
                  <c:v>5.0018530254005711</c:v>
                </c:pt>
                <c:pt idx="4164">
                  <c:v>5.0018530254005711</c:v>
                </c:pt>
                <c:pt idx="4165">
                  <c:v>3.4628213252773179</c:v>
                </c:pt>
                <c:pt idx="4166">
                  <c:v>5.0018530254005711</c:v>
                </c:pt>
                <c:pt idx="4167">
                  <c:v>3.8475792503081321</c:v>
                </c:pt>
                <c:pt idx="4168">
                  <c:v>1.8063752348864468</c:v>
                </c:pt>
                <c:pt idx="4169">
                  <c:v>1.1922076550250551</c:v>
                </c:pt>
                <c:pt idx="4170">
                  <c:v>0.75867759865230766</c:v>
                </c:pt>
                <c:pt idx="4171">
                  <c:v>0.72255009395457881</c:v>
                </c:pt>
                <c:pt idx="4172">
                  <c:v>0.72255009395457881</c:v>
                </c:pt>
                <c:pt idx="4173">
                  <c:v>0.72255009395457881</c:v>
                </c:pt>
                <c:pt idx="4174">
                  <c:v>0.72255009395457881</c:v>
                </c:pt>
                <c:pt idx="4175">
                  <c:v>0.72255009395457881</c:v>
                </c:pt>
                <c:pt idx="4176">
                  <c:v>0.60369571671450772</c:v>
                </c:pt>
                <c:pt idx="4177">
                  <c:v>0.55459917960380378</c:v>
                </c:pt>
                <c:pt idx="4178">
                  <c:v>0.55459917960380378</c:v>
                </c:pt>
                <c:pt idx="4179">
                  <c:v>0.55459917960380378</c:v>
                </c:pt>
                <c:pt idx="4180">
                  <c:v>0.55459917960380378</c:v>
                </c:pt>
                <c:pt idx="4181">
                  <c:v>0.55501245741362781</c:v>
                </c:pt>
                <c:pt idx="4182">
                  <c:v>0.5555497185663989</c:v>
                </c:pt>
                <c:pt idx="4183">
                  <c:v>0.5559216685952405</c:v>
                </c:pt>
                <c:pt idx="4184">
                  <c:v>0.5559216685952405</c:v>
                </c:pt>
                <c:pt idx="4185">
                  <c:v>0.5559216685952405</c:v>
                </c:pt>
                <c:pt idx="4186">
                  <c:v>0.5559216685952405</c:v>
                </c:pt>
                <c:pt idx="4187">
                  <c:v>0.5559216685952405</c:v>
                </c:pt>
                <c:pt idx="4188">
                  <c:v>0.5559216685952405</c:v>
                </c:pt>
                <c:pt idx="4189">
                  <c:v>0.5559216685952405</c:v>
                </c:pt>
                <c:pt idx="4190">
                  <c:v>0.5559216685952405</c:v>
                </c:pt>
                <c:pt idx="4191">
                  <c:v>0.55563237412836375</c:v>
                </c:pt>
                <c:pt idx="4192">
                  <c:v>0.55538440744246931</c:v>
                </c:pt>
                <c:pt idx="4193">
                  <c:v>0.55513644075657509</c:v>
                </c:pt>
                <c:pt idx="4194">
                  <c:v>0.55505378519461013</c:v>
                </c:pt>
                <c:pt idx="4195">
                  <c:v>0.55464050738478632</c:v>
                </c:pt>
                <c:pt idx="4196">
                  <c:v>0.55418590179397997</c:v>
                </c:pt>
                <c:pt idx="4197">
                  <c:v>0.55418590179397997</c:v>
                </c:pt>
                <c:pt idx="4198">
                  <c:v>0.55418590179397997</c:v>
                </c:pt>
                <c:pt idx="4199">
                  <c:v>0.55418590179397997</c:v>
                </c:pt>
                <c:pt idx="4200">
                  <c:v>0.48796394264706322</c:v>
                </c:pt>
                <c:pt idx="4201">
                  <c:v>0.48806547450046195</c:v>
                </c:pt>
                <c:pt idx="4202">
                  <c:v>0.48806547450046195</c:v>
                </c:pt>
                <c:pt idx="4203">
                  <c:v>0.48806547450046195</c:v>
                </c:pt>
                <c:pt idx="4204">
                  <c:v>0.48806547450046195</c:v>
                </c:pt>
                <c:pt idx="4205">
                  <c:v>0.48824823183657967</c:v>
                </c:pt>
                <c:pt idx="4206">
                  <c:v>0.4884106828020176</c:v>
                </c:pt>
                <c:pt idx="4207">
                  <c:v>0.48861374650881501</c:v>
                </c:pt>
                <c:pt idx="4208">
                  <c:v>0.48861374650881501</c:v>
                </c:pt>
                <c:pt idx="4209">
                  <c:v>0.48861374650881501</c:v>
                </c:pt>
                <c:pt idx="4210">
                  <c:v>0.48861374650881501</c:v>
                </c:pt>
                <c:pt idx="4211">
                  <c:v>0.48861374650881501</c:v>
                </c:pt>
                <c:pt idx="4212">
                  <c:v>0.48861374650881501</c:v>
                </c:pt>
                <c:pt idx="4213">
                  <c:v>0.48861374650881501</c:v>
                </c:pt>
                <c:pt idx="4214">
                  <c:v>0.48861374650881501</c:v>
                </c:pt>
                <c:pt idx="4215">
                  <c:v>0.48847160191405686</c:v>
                </c:pt>
                <c:pt idx="4216">
                  <c:v>0.48845129554337707</c:v>
                </c:pt>
                <c:pt idx="4217">
                  <c:v>0.48828884457793914</c:v>
                </c:pt>
                <c:pt idx="4218">
                  <c:v>0.48822792546589988</c:v>
                </c:pt>
                <c:pt idx="4219">
                  <c:v>0.48808578087114174</c:v>
                </c:pt>
                <c:pt idx="4220">
                  <c:v>0.48796394264706322</c:v>
                </c:pt>
                <c:pt idx="4221">
                  <c:v>0.48788271716434434</c:v>
                </c:pt>
                <c:pt idx="4222">
                  <c:v>0.48788271716434434</c:v>
                </c:pt>
                <c:pt idx="4223">
                  <c:v>0.48788271716434434</c:v>
                </c:pt>
                <c:pt idx="4224">
                  <c:v>0.74841079390828857</c:v>
                </c:pt>
                <c:pt idx="4225">
                  <c:v>0.74841079390828857</c:v>
                </c:pt>
                <c:pt idx="4226">
                  <c:v>0.74841079390828857</c:v>
                </c:pt>
                <c:pt idx="4227">
                  <c:v>0.74841079390828857</c:v>
                </c:pt>
                <c:pt idx="4228">
                  <c:v>0.74841079390828857</c:v>
                </c:pt>
                <c:pt idx="4229">
                  <c:v>0.74841079390828857</c:v>
                </c:pt>
                <c:pt idx="4230">
                  <c:v>0.74841079390828857</c:v>
                </c:pt>
                <c:pt idx="4231">
                  <c:v>3.1882299820493092</c:v>
                </c:pt>
                <c:pt idx="4232">
                  <c:v>3.5867587298054731</c:v>
                </c:pt>
                <c:pt idx="4233">
                  <c:v>3.9852874775616374</c:v>
                </c:pt>
                <c:pt idx="4234">
                  <c:v>3.9852874775616374</c:v>
                </c:pt>
                <c:pt idx="4235">
                  <c:v>4.7823449730739647</c:v>
                </c:pt>
                <c:pt idx="4236">
                  <c:v>4.7823449730739647</c:v>
                </c:pt>
                <c:pt idx="4237">
                  <c:v>3.1882299820493092</c:v>
                </c:pt>
                <c:pt idx="4238">
                  <c:v>4.7823449730739647</c:v>
                </c:pt>
                <c:pt idx="4239">
                  <c:v>4.7823449730739647</c:v>
                </c:pt>
                <c:pt idx="4240">
                  <c:v>2.7897012342931453</c:v>
                </c:pt>
                <c:pt idx="4241">
                  <c:v>0.7970574955123273</c:v>
                </c:pt>
                <c:pt idx="4242">
                  <c:v>0.78583133360370294</c:v>
                </c:pt>
                <c:pt idx="4243">
                  <c:v>0.78583133360370294</c:v>
                </c:pt>
                <c:pt idx="4244">
                  <c:v>0.78583133360370294</c:v>
                </c:pt>
                <c:pt idx="4245">
                  <c:v>0.78583133360370294</c:v>
                </c:pt>
                <c:pt idx="4246">
                  <c:v>0.78583133360370294</c:v>
                </c:pt>
                <c:pt idx="4247">
                  <c:v>0.78583133360370294</c:v>
                </c:pt>
                <c:pt idx="4248">
                  <c:v>0.50508859928624905</c:v>
                </c:pt>
                <c:pt idx="4249">
                  <c:v>0.76910666707441633</c:v>
                </c:pt>
                <c:pt idx="4250">
                  <c:v>0.76910666707441633</c:v>
                </c:pt>
                <c:pt idx="4251">
                  <c:v>0.76910666707441633</c:v>
                </c:pt>
                <c:pt idx="4252">
                  <c:v>0.76910666707441633</c:v>
                </c:pt>
                <c:pt idx="4253">
                  <c:v>0.76910666707441633</c:v>
                </c:pt>
                <c:pt idx="4254">
                  <c:v>0.76910666707441633</c:v>
                </c:pt>
                <c:pt idx="4255">
                  <c:v>3.2408580828125184</c:v>
                </c:pt>
                <c:pt idx="4256">
                  <c:v>3.6161153345065995</c:v>
                </c:pt>
                <c:pt idx="4257">
                  <c:v>3.991372586200681</c:v>
                </c:pt>
                <c:pt idx="4258">
                  <c:v>3.991372586200681</c:v>
                </c:pt>
                <c:pt idx="4259">
                  <c:v>4.7760013851973957</c:v>
                </c:pt>
                <c:pt idx="4260">
                  <c:v>4.7760013851973957</c:v>
                </c:pt>
                <c:pt idx="4261">
                  <c:v>3.172629491595413</c:v>
                </c:pt>
                <c:pt idx="4262">
                  <c:v>4.7760013851973957</c:v>
                </c:pt>
                <c:pt idx="4263">
                  <c:v>4.7760013851973957</c:v>
                </c:pt>
                <c:pt idx="4264">
                  <c:v>2.8155327989108279</c:v>
                </c:pt>
                <c:pt idx="4265">
                  <c:v>1.2030540258271467</c:v>
                </c:pt>
                <c:pt idx="4266">
                  <c:v>0.79310830960061329</c:v>
                </c:pt>
                <c:pt idx="4267">
                  <c:v>0.79310830960061329</c:v>
                </c:pt>
                <c:pt idx="4268">
                  <c:v>0.79310830960061329</c:v>
                </c:pt>
                <c:pt idx="4269">
                  <c:v>0.79310830960061329</c:v>
                </c:pt>
                <c:pt idx="4270">
                  <c:v>0.79310830960061329</c:v>
                </c:pt>
                <c:pt idx="4271">
                  <c:v>0.79310830960061329</c:v>
                </c:pt>
                <c:pt idx="4272">
                  <c:v>0.87840909736499118</c:v>
                </c:pt>
                <c:pt idx="4273">
                  <c:v>0.87840909736499118</c:v>
                </c:pt>
                <c:pt idx="4274">
                  <c:v>0.87840909736499118</c:v>
                </c:pt>
                <c:pt idx="4275">
                  <c:v>0.87840909736499118</c:v>
                </c:pt>
                <c:pt idx="4276">
                  <c:v>0.87840909736499118</c:v>
                </c:pt>
                <c:pt idx="4277">
                  <c:v>0.87840909736499118</c:v>
                </c:pt>
                <c:pt idx="4278">
                  <c:v>0.87840909736499118</c:v>
                </c:pt>
                <c:pt idx="4279">
                  <c:v>3.5487435153811377</c:v>
                </c:pt>
                <c:pt idx="4280">
                  <c:v>3.9596506592673757</c:v>
                </c:pt>
                <c:pt idx="4281">
                  <c:v>4.3705578031536128</c:v>
                </c:pt>
                <c:pt idx="4282">
                  <c:v>4.3705578031536128</c:v>
                </c:pt>
                <c:pt idx="4283">
                  <c:v>5.2297272858248354</c:v>
                </c:pt>
                <c:pt idx="4284">
                  <c:v>5.2297272858248354</c:v>
                </c:pt>
                <c:pt idx="4285">
                  <c:v>3.4740331255836407</c:v>
                </c:pt>
                <c:pt idx="4286">
                  <c:v>5.2297272858248354</c:v>
                </c:pt>
                <c:pt idx="4287">
                  <c:v>5.2297272858248354</c:v>
                </c:pt>
                <c:pt idx="4288">
                  <c:v>3.1133791441566623</c:v>
                </c:pt>
                <c:pt idx="4289">
                  <c:v>1.3682561962431119</c:v>
                </c:pt>
                <c:pt idx="4290">
                  <c:v>0.87840909736499118</c:v>
                </c:pt>
                <c:pt idx="4291">
                  <c:v>0.87840909736499118</c:v>
                </c:pt>
                <c:pt idx="4292">
                  <c:v>0.87840909736499118</c:v>
                </c:pt>
                <c:pt idx="4293">
                  <c:v>0.87840909736499118</c:v>
                </c:pt>
                <c:pt idx="4294">
                  <c:v>0.87840909736499118</c:v>
                </c:pt>
                <c:pt idx="4295">
                  <c:v>0.87840909736499118</c:v>
                </c:pt>
                <c:pt idx="4296">
                  <c:v>0.82121210418137303</c:v>
                </c:pt>
                <c:pt idx="4297">
                  <c:v>0.82121210418137303</c:v>
                </c:pt>
                <c:pt idx="4298">
                  <c:v>0.82121210418137303</c:v>
                </c:pt>
                <c:pt idx="4299">
                  <c:v>0.82121210418137303</c:v>
                </c:pt>
                <c:pt idx="4300">
                  <c:v>0.82121210418137303</c:v>
                </c:pt>
                <c:pt idx="4301">
                  <c:v>0.82121210418137303</c:v>
                </c:pt>
                <c:pt idx="4302">
                  <c:v>0.82121210418137303</c:v>
                </c:pt>
                <c:pt idx="4303">
                  <c:v>3.3402123793105143</c:v>
                </c:pt>
                <c:pt idx="4304">
                  <c:v>3.7269738127043639</c:v>
                </c:pt>
                <c:pt idx="4305">
                  <c:v>4.1137352460982139</c:v>
                </c:pt>
                <c:pt idx="4306">
                  <c:v>4.1137352460982139</c:v>
                </c:pt>
                <c:pt idx="4307">
                  <c:v>4.9224182431944428</c:v>
                </c:pt>
                <c:pt idx="4308">
                  <c:v>4.9224182431944428</c:v>
                </c:pt>
                <c:pt idx="4309">
                  <c:v>3.2698921186934506</c:v>
                </c:pt>
                <c:pt idx="4310">
                  <c:v>4.9224182431944428</c:v>
                </c:pt>
                <c:pt idx="4311">
                  <c:v>4.9224182431944428</c:v>
                </c:pt>
                <c:pt idx="4312">
                  <c:v>2.9133174194733118</c:v>
                </c:pt>
                <c:pt idx="4313">
                  <c:v>1.259166239925297</c:v>
                </c:pt>
                <c:pt idx="4314">
                  <c:v>0.82121210418137303</c:v>
                </c:pt>
                <c:pt idx="4315">
                  <c:v>0.82121210418137303</c:v>
                </c:pt>
                <c:pt idx="4316">
                  <c:v>0.82121210418137303</c:v>
                </c:pt>
                <c:pt idx="4317">
                  <c:v>0.82121210418137303</c:v>
                </c:pt>
                <c:pt idx="4318">
                  <c:v>0.82121210418137303</c:v>
                </c:pt>
                <c:pt idx="4319">
                  <c:v>0.82121210418137303</c:v>
                </c:pt>
                <c:pt idx="4320">
                  <c:v>1.1901206739956389</c:v>
                </c:pt>
                <c:pt idx="4321">
                  <c:v>0.72128525696705392</c:v>
                </c:pt>
                <c:pt idx="4322">
                  <c:v>0.72128525696705392</c:v>
                </c:pt>
                <c:pt idx="4323">
                  <c:v>0.72128525696705392</c:v>
                </c:pt>
                <c:pt idx="4324">
                  <c:v>0.72128525696705392</c:v>
                </c:pt>
                <c:pt idx="4325">
                  <c:v>0.72128525696705392</c:v>
                </c:pt>
                <c:pt idx="4326">
                  <c:v>0.72128525696705392</c:v>
                </c:pt>
                <c:pt idx="4327">
                  <c:v>3.0726751946796496</c:v>
                </c:pt>
                <c:pt idx="4328">
                  <c:v>3.8408439933495617</c:v>
                </c:pt>
                <c:pt idx="4329">
                  <c:v>4.2249283926845189</c:v>
                </c:pt>
                <c:pt idx="4330">
                  <c:v>4.2249283926845189</c:v>
                </c:pt>
                <c:pt idx="4331">
                  <c:v>4.9930971913544306</c:v>
                </c:pt>
                <c:pt idx="4332">
                  <c:v>4.9930971913544306</c:v>
                </c:pt>
                <c:pt idx="4333">
                  <c:v>3.4567595940146054</c:v>
                </c:pt>
                <c:pt idx="4334">
                  <c:v>4.9930971913544306</c:v>
                </c:pt>
                <c:pt idx="4335">
                  <c:v>3.8408439933495617</c:v>
                </c:pt>
                <c:pt idx="4336">
                  <c:v>1.803213142417635</c:v>
                </c:pt>
                <c:pt idx="4337">
                  <c:v>1.1901206739956389</c:v>
                </c:pt>
                <c:pt idx="4338">
                  <c:v>0.75734951981540655</c:v>
                </c:pt>
                <c:pt idx="4339">
                  <c:v>0.72128525696705392</c:v>
                </c:pt>
                <c:pt idx="4340">
                  <c:v>0.72128525696705392</c:v>
                </c:pt>
                <c:pt idx="4341">
                  <c:v>0.72128525696705392</c:v>
                </c:pt>
                <c:pt idx="4342">
                  <c:v>0.72128525696705392</c:v>
                </c:pt>
                <c:pt idx="4343">
                  <c:v>0.72128525696705392</c:v>
                </c:pt>
                <c:pt idx="4344">
                  <c:v>0.5446215886348259</c:v>
                </c:pt>
                <c:pt idx="4345">
                  <c:v>0.49811819808851265</c:v>
                </c:pt>
                <c:pt idx="4346">
                  <c:v>0.49811819808851265</c:v>
                </c:pt>
                <c:pt idx="4347">
                  <c:v>0.49811819808851265</c:v>
                </c:pt>
                <c:pt idx="4348">
                  <c:v>0.49811819808851265</c:v>
                </c:pt>
                <c:pt idx="4349">
                  <c:v>0.49833792504809127</c:v>
                </c:pt>
                <c:pt idx="4350">
                  <c:v>0.49862357009554326</c:v>
                </c:pt>
                <c:pt idx="4351">
                  <c:v>0.49882132435916404</c:v>
                </c:pt>
                <c:pt idx="4352">
                  <c:v>0.49882132435916404</c:v>
                </c:pt>
                <c:pt idx="4353">
                  <c:v>0.49882132435916404</c:v>
                </c:pt>
                <c:pt idx="4354">
                  <c:v>0.49882132435916404</c:v>
                </c:pt>
                <c:pt idx="4355">
                  <c:v>0.49882132435916404</c:v>
                </c:pt>
                <c:pt idx="4356">
                  <c:v>0.49882132435916404</c:v>
                </c:pt>
                <c:pt idx="4357">
                  <c:v>0.49882132435916404</c:v>
                </c:pt>
                <c:pt idx="4358">
                  <c:v>0.49882132435916404</c:v>
                </c:pt>
                <c:pt idx="4359">
                  <c:v>0.49866751548745902</c:v>
                </c:pt>
                <c:pt idx="4360">
                  <c:v>0.49853567931171194</c:v>
                </c:pt>
                <c:pt idx="4361">
                  <c:v>0.49840384313596475</c:v>
                </c:pt>
                <c:pt idx="4362">
                  <c:v>0.49835989774404904</c:v>
                </c:pt>
                <c:pt idx="4363">
                  <c:v>0.49814017078447048</c:v>
                </c:pt>
                <c:pt idx="4364">
                  <c:v>0.49789847112893409</c:v>
                </c:pt>
                <c:pt idx="4365">
                  <c:v>0.49789847112893409</c:v>
                </c:pt>
                <c:pt idx="4366">
                  <c:v>0.49789847112893409</c:v>
                </c:pt>
                <c:pt idx="4367">
                  <c:v>0.49789847112893409</c:v>
                </c:pt>
                <c:pt idx="4368">
                  <c:v>0.4845400927311741</c:v>
                </c:pt>
                <c:pt idx="4369">
                  <c:v>0.48463495866500444</c:v>
                </c:pt>
                <c:pt idx="4370">
                  <c:v>0.48463495866500444</c:v>
                </c:pt>
                <c:pt idx="4371">
                  <c:v>0.48463495866500444</c:v>
                </c:pt>
                <c:pt idx="4372">
                  <c:v>0.48463495866500444</c:v>
                </c:pt>
                <c:pt idx="4373">
                  <c:v>0.484805717345899</c:v>
                </c:pt>
                <c:pt idx="4374">
                  <c:v>0.48495750284002753</c:v>
                </c:pt>
                <c:pt idx="4375">
                  <c:v>0.48514723470768806</c:v>
                </c:pt>
                <c:pt idx="4376">
                  <c:v>0.48514723470768806</c:v>
                </c:pt>
                <c:pt idx="4377">
                  <c:v>0.48514723470768806</c:v>
                </c:pt>
                <c:pt idx="4378">
                  <c:v>0.48514723470768806</c:v>
                </c:pt>
                <c:pt idx="4379">
                  <c:v>0.48514723470768806</c:v>
                </c:pt>
                <c:pt idx="4380">
                  <c:v>0.48514723470768806</c:v>
                </c:pt>
                <c:pt idx="4381">
                  <c:v>0.48514723470768806</c:v>
                </c:pt>
                <c:pt idx="4382">
                  <c:v>0.48514723470768806</c:v>
                </c:pt>
                <c:pt idx="4383">
                  <c:v>0.48501442240032566</c:v>
                </c:pt>
                <c:pt idx="4384">
                  <c:v>0.48499544921355953</c:v>
                </c:pt>
                <c:pt idx="4385">
                  <c:v>0.48484366371943111</c:v>
                </c:pt>
                <c:pt idx="4386">
                  <c:v>0.48478674415913287</c:v>
                </c:pt>
                <c:pt idx="4387">
                  <c:v>0.48465393185177047</c:v>
                </c:pt>
                <c:pt idx="4388">
                  <c:v>0.4845400927311741</c:v>
                </c:pt>
                <c:pt idx="4389">
                  <c:v>0.48446419998410983</c:v>
                </c:pt>
                <c:pt idx="4390">
                  <c:v>0.48446419998410983</c:v>
                </c:pt>
                <c:pt idx="4391">
                  <c:v>0.48446419998410983</c:v>
                </c:pt>
                <c:pt idx="4392">
                  <c:v>0.78072646272867119</c:v>
                </c:pt>
                <c:pt idx="4393">
                  <c:v>0.78072646272867119</c:v>
                </c:pt>
                <c:pt idx="4394">
                  <c:v>0.78072646272867119</c:v>
                </c:pt>
                <c:pt idx="4395">
                  <c:v>0.78072646272867119</c:v>
                </c:pt>
                <c:pt idx="4396">
                  <c:v>0.78072646272867119</c:v>
                </c:pt>
                <c:pt idx="4397">
                  <c:v>0.78072646272867119</c:v>
                </c:pt>
                <c:pt idx="4398">
                  <c:v>0.78072646272867119</c:v>
                </c:pt>
                <c:pt idx="4399">
                  <c:v>3.3265628591152234</c:v>
                </c:pt>
                <c:pt idx="4400">
                  <c:v>3.742383216504626</c:v>
                </c:pt>
                <c:pt idx="4401">
                  <c:v>4.1582035738940286</c:v>
                </c:pt>
                <c:pt idx="4402">
                  <c:v>4.1582035738940286</c:v>
                </c:pt>
                <c:pt idx="4403">
                  <c:v>4.9898442886728329</c:v>
                </c:pt>
                <c:pt idx="4404">
                  <c:v>4.9898442886728329</c:v>
                </c:pt>
                <c:pt idx="4405">
                  <c:v>3.3265628591152234</c:v>
                </c:pt>
                <c:pt idx="4406">
                  <c:v>4.9898442886728329</c:v>
                </c:pt>
                <c:pt idx="4407">
                  <c:v>4.9898442886728329</c:v>
                </c:pt>
                <c:pt idx="4408">
                  <c:v>2.9228523197517284</c:v>
                </c:pt>
                <c:pt idx="4409">
                  <c:v>0.85604594191147854</c:v>
                </c:pt>
                <c:pt idx="4410">
                  <c:v>0.82356740302266951</c:v>
                </c:pt>
                <c:pt idx="4411">
                  <c:v>0.82356740302266951</c:v>
                </c:pt>
                <c:pt idx="4412">
                  <c:v>0.82356740302266951</c:v>
                </c:pt>
                <c:pt idx="4413">
                  <c:v>0.82356740302266951</c:v>
                </c:pt>
                <c:pt idx="4414">
                  <c:v>0.82356740302266951</c:v>
                </c:pt>
                <c:pt idx="4415">
                  <c:v>0.82356740302266951</c:v>
                </c:pt>
                <c:pt idx="4416">
                  <c:v>0.49790118851672549</c:v>
                </c:pt>
                <c:pt idx="4417">
                  <c:v>0.75870657297786759</c:v>
                </c:pt>
                <c:pt idx="4418">
                  <c:v>0.75870657297786759</c:v>
                </c:pt>
                <c:pt idx="4419">
                  <c:v>0.75870657297786759</c:v>
                </c:pt>
                <c:pt idx="4420">
                  <c:v>0.75870657297786759</c:v>
                </c:pt>
                <c:pt idx="4421">
                  <c:v>0.75870657297786759</c:v>
                </c:pt>
                <c:pt idx="4422">
                  <c:v>0.75870657297786759</c:v>
                </c:pt>
                <c:pt idx="4423">
                  <c:v>3.1984223967098222</c:v>
                </c:pt>
                <c:pt idx="4424">
                  <c:v>3.5687660426446439</c:v>
                </c:pt>
                <c:pt idx="4425">
                  <c:v>3.9391096885794656</c:v>
                </c:pt>
                <c:pt idx="4426">
                  <c:v>3.9391096885794656</c:v>
                </c:pt>
                <c:pt idx="4427">
                  <c:v>4.713464584625001</c:v>
                </c:pt>
                <c:pt idx="4428">
                  <c:v>4.713464584625001</c:v>
                </c:pt>
                <c:pt idx="4429">
                  <c:v>3.1310871883580367</c:v>
                </c:pt>
                <c:pt idx="4430">
                  <c:v>4.713464584625001</c:v>
                </c:pt>
                <c:pt idx="4431">
                  <c:v>4.713464584625001</c:v>
                </c:pt>
                <c:pt idx="4432">
                  <c:v>2.7775773445111613</c:v>
                </c:pt>
                <c:pt idx="4433">
                  <c:v>1.1854790202779182</c:v>
                </c:pt>
                <c:pt idx="4434">
                  <c:v>0.78241615338342585</c:v>
                </c:pt>
                <c:pt idx="4435">
                  <c:v>0.78241615338342585</c:v>
                </c:pt>
                <c:pt idx="4436">
                  <c:v>0.78241615338342585</c:v>
                </c:pt>
                <c:pt idx="4437">
                  <c:v>0.78241615338342585</c:v>
                </c:pt>
                <c:pt idx="4438">
                  <c:v>0.78241615338342585</c:v>
                </c:pt>
                <c:pt idx="4439">
                  <c:v>0.78241615338342585</c:v>
                </c:pt>
                <c:pt idx="4440">
                  <c:v>0.78648535831989042</c:v>
                </c:pt>
                <c:pt idx="4441">
                  <c:v>0.78648535831989042</c:v>
                </c:pt>
                <c:pt idx="4442">
                  <c:v>0.78648535831989042</c:v>
                </c:pt>
                <c:pt idx="4443">
                  <c:v>0.78648535831989042</c:v>
                </c:pt>
                <c:pt idx="4444">
                  <c:v>0.78648535831989042</c:v>
                </c:pt>
                <c:pt idx="4445">
                  <c:v>0.78648535831989042</c:v>
                </c:pt>
                <c:pt idx="4446">
                  <c:v>0.78648535831989042</c:v>
                </c:pt>
                <c:pt idx="4447">
                  <c:v>3.2136041895533496</c:v>
                </c:pt>
                <c:pt idx="4448">
                  <c:v>3.5857057272911059</c:v>
                </c:pt>
                <c:pt idx="4449">
                  <c:v>3.9578072650288636</c:v>
                </c:pt>
                <c:pt idx="4450">
                  <c:v>3.9578072650288636</c:v>
                </c:pt>
                <c:pt idx="4451">
                  <c:v>4.7358377530259892</c:v>
                </c:pt>
                <c:pt idx="4452">
                  <c:v>4.7358377530259892</c:v>
                </c:pt>
                <c:pt idx="4453">
                  <c:v>3.1459493645101211</c:v>
                </c:pt>
                <c:pt idx="4454">
                  <c:v>4.7358377530259892</c:v>
                </c:pt>
                <c:pt idx="4455">
                  <c:v>4.7358377530259892</c:v>
                </c:pt>
                <c:pt idx="4456">
                  <c:v>2.7918513723441341</c:v>
                </c:pt>
                <c:pt idx="4457">
                  <c:v>1.1929330521609085</c:v>
                </c:pt>
                <c:pt idx="4458">
                  <c:v>0.78648535831989042</c:v>
                </c:pt>
                <c:pt idx="4459">
                  <c:v>0.78648535831989042</c:v>
                </c:pt>
                <c:pt idx="4460">
                  <c:v>0.78648535831989042</c:v>
                </c:pt>
                <c:pt idx="4461">
                  <c:v>0.78648535831989042</c:v>
                </c:pt>
                <c:pt idx="4462">
                  <c:v>0.78648535831989042</c:v>
                </c:pt>
                <c:pt idx="4463">
                  <c:v>0.78648535831989042</c:v>
                </c:pt>
                <c:pt idx="4464">
                  <c:v>0.82121210418137303</c:v>
                </c:pt>
                <c:pt idx="4465">
                  <c:v>0.82121210418137303</c:v>
                </c:pt>
                <c:pt idx="4466">
                  <c:v>0.82121210418137303</c:v>
                </c:pt>
                <c:pt idx="4467">
                  <c:v>0.82121210418137303</c:v>
                </c:pt>
                <c:pt idx="4468">
                  <c:v>0.82121210418137303</c:v>
                </c:pt>
                <c:pt idx="4469">
                  <c:v>0.82121210418137303</c:v>
                </c:pt>
                <c:pt idx="4470">
                  <c:v>0.82121210418137303</c:v>
                </c:pt>
                <c:pt idx="4471">
                  <c:v>3.3402123793105143</c:v>
                </c:pt>
                <c:pt idx="4472">
                  <c:v>3.7269738127043639</c:v>
                </c:pt>
                <c:pt idx="4473">
                  <c:v>4.1137352460982139</c:v>
                </c:pt>
                <c:pt idx="4474">
                  <c:v>4.1137352460982139</c:v>
                </c:pt>
                <c:pt idx="4475">
                  <c:v>4.9224182431944428</c:v>
                </c:pt>
                <c:pt idx="4476">
                  <c:v>4.9224182431944428</c:v>
                </c:pt>
                <c:pt idx="4477">
                  <c:v>3.2698921186934506</c:v>
                </c:pt>
                <c:pt idx="4478">
                  <c:v>4.9224182431944428</c:v>
                </c:pt>
                <c:pt idx="4479">
                  <c:v>4.9224182431944428</c:v>
                </c:pt>
                <c:pt idx="4480">
                  <c:v>2.9133174194733118</c:v>
                </c:pt>
                <c:pt idx="4481">
                  <c:v>1.259166239925297</c:v>
                </c:pt>
                <c:pt idx="4482">
                  <c:v>0.82121210418137303</c:v>
                </c:pt>
                <c:pt idx="4483">
                  <c:v>0.82121210418137303</c:v>
                </c:pt>
                <c:pt idx="4484">
                  <c:v>0.82121210418137303</c:v>
                </c:pt>
                <c:pt idx="4485">
                  <c:v>0.82121210418137303</c:v>
                </c:pt>
                <c:pt idx="4486">
                  <c:v>0.82121210418137303</c:v>
                </c:pt>
                <c:pt idx="4487">
                  <c:v>0.82121210418137303</c:v>
                </c:pt>
                <c:pt idx="4488">
                  <c:v>1.2207935689138045</c:v>
                </c:pt>
                <c:pt idx="4489">
                  <c:v>0.74209242338252546</c:v>
                </c:pt>
                <c:pt idx="4490">
                  <c:v>0.74209242338252546</c:v>
                </c:pt>
                <c:pt idx="4491">
                  <c:v>0.74209242338252546</c:v>
                </c:pt>
                <c:pt idx="4492">
                  <c:v>0.74209242338252546</c:v>
                </c:pt>
                <c:pt idx="4493">
                  <c:v>0.74209242338252546</c:v>
                </c:pt>
                <c:pt idx="4494">
                  <c:v>0.74209242338252546</c:v>
                </c:pt>
                <c:pt idx="4495">
                  <c:v>3.1525867677875512</c:v>
                </c:pt>
                <c:pt idx="4496">
                  <c:v>3.9407334597344388</c:v>
                </c:pt>
                <c:pt idx="4497">
                  <c:v>4.334806805707883</c:v>
                </c:pt>
                <c:pt idx="4498">
                  <c:v>4.334806805707883</c:v>
                </c:pt>
                <c:pt idx="4499">
                  <c:v>5.1229534976547706</c:v>
                </c:pt>
                <c:pt idx="4500">
                  <c:v>5.1229534976547706</c:v>
                </c:pt>
                <c:pt idx="4501">
                  <c:v>3.546660113760995</c:v>
                </c:pt>
                <c:pt idx="4502">
                  <c:v>5.1229534976547706</c:v>
                </c:pt>
                <c:pt idx="4503">
                  <c:v>3.9426400980226424</c:v>
                </c:pt>
                <c:pt idx="4504">
                  <c:v>1.8593167119310359</c:v>
                </c:pt>
                <c:pt idx="4505">
                  <c:v>1.2304175526542618</c:v>
                </c:pt>
                <c:pt idx="4506">
                  <c:v>0.77891558842339303</c:v>
                </c:pt>
                <c:pt idx="4507">
                  <c:v>0.74209242338252546</c:v>
                </c:pt>
                <c:pt idx="4508">
                  <c:v>0.74209242338252546</c:v>
                </c:pt>
                <c:pt idx="4509">
                  <c:v>0.74209242338252546</c:v>
                </c:pt>
                <c:pt idx="4510">
                  <c:v>0.74209242338252546</c:v>
                </c:pt>
                <c:pt idx="4511">
                  <c:v>0.74209242338252546</c:v>
                </c:pt>
                <c:pt idx="4512">
                  <c:v>0.49986846130173357</c:v>
                </c:pt>
                <c:pt idx="4513">
                  <c:v>0.45532957572844368</c:v>
                </c:pt>
                <c:pt idx="4514">
                  <c:v>0.45532957572844368</c:v>
                </c:pt>
                <c:pt idx="4515">
                  <c:v>0.45532957572844368</c:v>
                </c:pt>
                <c:pt idx="4516">
                  <c:v>0.45532957572844368</c:v>
                </c:pt>
                <c:pt idx="4517">
                  <c:v>0.45540267325601813</c:v>
                </c:pt>
                <c:pt idx="4518">
                  <c:v>0.45549770004186491</c:v>
                </c:pt>
                <c:pt idx="4519">
                  <c:v>0.45556348781668193</c:v>
                </c:pt>
                <c:pt idx="4520">
                  <c:v>0.45556348781668193</c:v>
                </c:pt>
                <c:pt idx="4521">
                  <c:v>0.45556348781668193</c:v>
                </c:pt>
                <c:pt idx="4522">
                  <c:v>0.45556348781668193</c:v>
                </c:pt>
                <c:pt idx="4523">
                  <c:v>0.45556348781668193</c:v>
                </c:pt>
                <c:pt idx="4524">
                  <c:v>0.45556348781668193</c:v>
                </c:pt>
                <c:pt idx="4525">
                  <c:v>0.45556348781668193</c:v>
                </c:pt>
                <c:pt idx="4526">
                  <c:v>0.45556348781668193</c:v>
                </c:pt>
                <c:pt idx="4527">
                  <c:v>0.45551231954737975</c:v>
                </c:pt>
                <c:pt idx="4528">
                  <c:v>0.4554684610308351</c:v>
                </c:pt>
                <c:pt idx="4529">
                  <c:v>0.45542460251429046</c:v>
                </c:pt>
                <c:pt idx="4530">
                  <c:v>0.45540998300877555</c:v>
                </c:pt>
                <c:pt idx="4531">
                  <c:v>0.4553368854812011</c:v>
                </c:pt>
                <c:pt idx="4532">
                  <c:v>0.45525647820086917</c:v>
                </c:pt>
                <c:pt idx="4533">
                  <c:v>0.45525647820086917</c:v>
                </c:pt>
                <c:pt idx="4534">
                  <c:v>0.45525647820086917</c:v>
                </c:pt>
                <c:pt idx="4535">
                  <c:v>0.45525647820086917</c:v>
                </c:pt>
                <c:pt idx="4536">
                  <c:v>0.41630149965012714</c:v>
                </c:pt>
                <c:pt idx="4537">
                  <c:v>0.41630149965012714</c:v>
                </c:pt>
                <c:pt idx="4538">
                  <c:v>0.41630149965012714</c:v>
                </c:pt>
                <c:pt idx="4539">
                  <c:v>0.41630149965012714</c:v>
                </c:pt>
                <c:pt idx="4540">
                  <c:v>0.41630149965012714</c:v>
                </c:pt>
                <c:pt idx="4541">
                  <c:v>0.41630149965012714</c:v>
                </c:pt>
                <c:pt idx="4542">
                  <c:v>0.41630149965012714</c:v>
                </c:pt>
                <c:pt idx="4543">
                  <c:v>0.41630149965012714</c:v>
                </c:pt>
                <c:pt idx="4544">
                  <c:v>0.41630149965012714</c:v>
                </c:pt>
                <c:pt idx="4545">
                  <c:v>0.41630149965012714</c:v>
                </c:pt>
                <c:pt idx="4546">
                  <c:v>0.41630149965012714</c:v>
                </c:pt>
                <c:pt idx="4547">
                  <c:v>0.41630149965012714</c:v>
                </c:pt>
                <c:pt idx="4548">
                  <c:v>0.41630149965012714</c:v>
                </c:pt>
                <c:pt idx="4549">
                  <c:v>0.41630149965012714</c:v>
                </c:pt>
                <c:pt idx="4550">
                  <c:v>0.41630149965012714</c:v>
                </c:pt>
                <c:pt idx="4551">
                  <c:v>0.41630149965012714</c:v>
                </c:pt>
                <c:pt idx="4552">
                  <c:v>0.41630149965012714</c:v>
                </c:pt>
                <c:pt idx="4553">
                  <c:v>0.41630149965012714</c:v>
                </c:pt>
                <c:pt idx="4554">
                  <c:v>0.41630149965012714</c:v>
                </c:pt>
                <c:pt idx="4555">
                  <c:v>0.41630149965012714</c:v>
                </c:pt>
                <c:pt idx="4556">
                  <c:v>0.41630149965012714</c:v>
                </c:pt>
                <c:pt idx="4557">
                  <c:v>0.41630149965012714</c:v>
                </c:pt>
                <c:pt idx="4558">
                  <c:v>0.41630149965012714</c:v>
                </c:pt>
                <c:pt idx="4559">
                  <c:v>0.41630149965012714</c:v>
                </c:pt>
                <c:pt idx="4560">
                  <c:v>0.69469642290668443</c:v>
                </c:pt>
                <c:pt idx="4561">
                  <c:v>0.69469642290668443</c:v>
                </c:pt>
                <c:pt idx="4562">
                  <c:v>0.69469642290668443</c:v>
                </c:pt>
                <c:pt idx="4563">
                  <c:v>0.69469642290668443</c:v>
                </c:pt>
                <c:pt idx="4564">
                  <c:v>0.69469642290668443</c:v>
                </c:pt>
                <c:pt idx="4565">
                  <c:v>0.69469642290668443</c:v>
                </c:pt>
                <c:pt idx="4566">
                  <c:v>0.69469642290668443</c:v>
                </c:pt>
                <c:pt idx="4567">
                  <c:v>2.9594067615824748</c:v>
                </c:pt>
                <c:pt idx="4568">
                  <c:v>3.3293326067802846</c:v>
                </c:pt>
                <c:pt idx="4569">
                  <c:v>3.699258451978094</c:v>
                </c:pt>
                <c:pt idx="4570">
                  <c:v>3.699258451978094</c:v>
                </c:pt>
                <c:pt idx="4571">
                  <c:v>4.4391101423737123</c:v>
                </c:pt>
                <c:pt idx="4572">
                  <c:v>4.4391101423737123</c:v>
                </c:pt>
                <c:pt idx="4573">
                  <c:v>2.9594067615824748</c:v>
                </c:pt>
                <c:pt idx="4574">
                  <c:v>4.4391101423737123</c:v>
                </c:pt>
                <c:pt idx="4575">
                  <c:v>4.4391101423737123</c:v>
                </c:pt>
                <c:pt idx="4576">
                  <c:v>2.5894809163846655</c:v>
                </c:pt>
                <c:pt idx="4577">
                  <c:v>0.73985169039561871</c:v>
                </c:pt>
                <c:pt idx="4578">
                  <c:v>0.72943124405201865</c:v>
                </c:pt>
                <c:pt idx="4579">
                  <c:v>0.72943124405201865</c:v>
                </c:pt>
                <c:pt idx="4580">
                  <c:v>0.72943124405201865</c:v>
                </c:pt>
                <c:pt idx="4581">
                  <c:v>0.72943124405201865</c:v>
                </c:pt>
                <c:pt idx="4582">
                  <c:v>0.72943124405201865</c:v>
                </c:pt>
                <c:pt idx="4583">
                  <c:v>0.72943124405201865</c:v>
                </c:pt>
                <c:pt idx="4584">
                  <c:v>0.46811085221158294</c:v>
                </c:pt>
                <c:pt idx="4585">
                  <c:v>0.71331177479860275</c:v>
                </c:pt>
                <c:pt idx="4586">
                  <c:v>0.71331177479860275</c:v>
                </c:pt>
                <c:pt idx="4587">
                  <c:v>0.71331177479860275</c:v>
                </c:pt>
                <c:pt idx="4588">
                  <c:v>0.71331177479860275</c:v>
                </c:pt>
                <c:pt idx="4589">
                  <c:v>0.71331177479860275</c:v>
                </c:pt>
                <c:pt idx="4590">
                  <c:v>0.71331177479860275</c:v>
                </c:pt>
                <c:pt idx="4591">
                  <c:v>3.007054950635359</c:v>
                </c:pt>
                <c:pt idx="4592">
                  <c:v>3.3552402607089271</c:v>
                </c:pt>
                <c:pt idx="4593">
                  <c:v>3.7034255707824948</c:v>
                </c:pt>
                <c:pt idx="4594">
                  <c:v>3.7034255707824948</c:v>
                </c:pt>
                <c:pt idx="4595">
                  <c:v>4.4314494009363186</c:v>
                </c:pt>
                <c:pt idx="4596">
                  <c:v>4.4314494009363186</c:v>
                </c:pt>
                <c:pt idx="4597">
                  <c:v>2.9437485306219831</c:v>
                </c:pt>
                <c:pt idx="4598">
                  <c:v>4.4314494009363186</c:v>
                </c:pt>
                <c:pt idx="4599">
                  <c:v>4.4314494009363186</c:v>
                </c:pt>
                <c:pt idx="4600">
                  <c:v>2.6113898255517598</c:v>
                </c:pt>
                <c:pt idx="4601">
                  <c:v>1.1145496481228168</c:v>
                </c:pt>
                <c:pt idx="4602">
                  <c:v>0.73560276776105893</c:v>
                </c:pt>
                <c:pt idx="4603">
                  <c:v>0.73560276776105893</c:v>
                </c:pt>
                <c:pt idx="4604">
                  <c:v>0.73560276776105893</c:v>
                </c:pt>
                <c:pt idx="4605">
                  <c:v>0.73560276776105893</c:v>
                </c:pt>
                <c:pt idx="4606">
                  <c:v>0.73560276776105893</c:v>
                </c:pt>
                <c:pt idx="4607">
                  <c:v>0.73560276776105893</c:v>
                </c:pt>
                <c:pt idx="4608">
                  <c:v>0.72532279484822026</c:v>
                </c:pt>
                <c:pt idx="4609">
                  <c:v>0.72532279484822026</c:v>
                </c:pt>
                <c:pt idx="4610">
                  <c:v>0.72532279484822026</c:v>
                </c:pt>
                <c:pt idx="4611">
                  <c:v>0.72532279484822026</c:v>
                </c:pt>
                <c:pt idx="4612">
                  <c:v>0.72532279484822026</c:v>
                </c:pt>
                <c:pt idx="4613">
                  <c:v>0.72532279484822026</c:v>
                </c:pt>
                <c:pt idx="4614">
                  <c:v>0.72532279484822026</c:v>
                </c:pt>
                <c:pt idx="4615">
                  <c:v>2.9650316674249968</c:v>
                </c:pt>
                <c:pt idx="4616">
                  <c:v>3.3083511236531549</c:v>
                </c:pt>
                <c:pt idx="4617">
                  <c:v>3.6516705798813121</c:v>
                </c:pt>
                <c:pt idx="4618">
                  <c:v>3.6516705798813121</c:v>
                </c:pt>
                <c:pt idx="4619">
                  <c:v>4.3695203519947325</c:v>
                </c:pt>
                <c:pt idx="4620">
                  <c:v>4.3695203519947325</c:v>
                </c:pt>
                <c:pt idx="4621">
                  <c:v>2.9026099481107859</c:v>
                </c:pt>
                <c:pt idx="4622">
                  <c:v>4.3695203519947325</c:v>
                </c:pt>
                <c:pt idx="4623">
                  <c:v>4.3695203519947325</c:v>
                </c:pt>
                <c:pt idx="4624">
                  <c:v>2.5748959217111813</c:v>
                </c:pt>
                <c:pt idx="4625">
                  <c:v>1.0989739315882125</c:v>
                </c:pt>
                <c:pt idx="4626">
                  <c:v>0.72532279484822026</c:v>
                </c:pt>
                <c:pt idx="4627">
                  <c:v>0.72532279484822026</c:v>
                </c:pt>
                <c:pt idx="4628">
                  <c:v>0.72532279484822026</c:v>
                </c:pt>
                <c:pt idx="4629">
                  <c:v>0.72532279484822026</c:v>
                </c:pt>
                <c:pt idx="4630">
                  <c:v>0.72532279484822026</c:v>
                </c:pt>
                <c:pt idx="4631">
                  <c:v>0.72532279484822026</c:v>
                </c:pt>
                <c:pt idx="4632">
                  <c:v>0.76901204878328067</c:v>
                </c:pt>
                <c:pt idx="4633">
                  <c:v>0.76901204878328067</c:v>
                </c:pt>
                <c:pt idx="4634">
                  <c:v>0.76901204878328067</c:v>
                </c:pt>
                <c:pt idx="4635">
                  <c:v>0.76901204878328067</c:v>
                </c:pt>
                <c:pt idx="4636">
                  <c:v>0.76901204878328067</c:v>
                </c:pt>
                <c:pt idx="4637">
                  <c:v>0.76901204878328067</c:v>
                </c:pt>
                <c:pt idx="4638">
                  <c:v>0.76901204878328067</c:v>
                </c:pt>
                <c:pt idx="4639">
                  <c:v>3.1436280418443809</c:v>
                </c:pt>
                <c:pt idx="4640">
                  <c:v>3.5076270782684666</c:v>
                </c:pt>
                <c:pt idx="4641">
                  <c:v>3.8716261146925532</c:v>
                </c:pt>
                <c:pt idx="4642">
                  <c:v>3.8716261146925532</c:v>
                </c:pt>
                <c:pt idx="4643">
                  <c:v>4.6327150090338236</c:v>
                </c:pt>
                <c:pt idx="4644">
                  <c:v>4.6327150090338236</c:v>
                </c:pt>
                <c:pt idx="4645">
                  <c:v>3.0774463988581831</c:v>
                </c:pt>
                <c:pt idx="4646">
                  <c:v>4.6327150090338236</c:v>
                </c:pt>
                <c:pt idx="4647">
                  <c:v>4.6327150090338236</c:v>
                </c:pt>
                <c:pt idx="4648">
                  <c:v>2.7299927731806468</c:v>
                </c:pt>
                <c:pt idx="4649">
                  <c:v>1.1651697708837587</c:v>
                </c:pt>
                <c:pt idx="4650">
                  <c:v>0.76901204878328067</c:v>
                </c:pt>
                <c:pt idx="4651">
                  <c:v>0.76901204878328067</c:v>
                </c:pt>
                <c:pt idx="4652">
                  <c:v>0.76901204878328067</c:v>
                </c:pt>
                <c:pt idx="4653">
                  <c:v>0.76901204878328067</c:v>
                </c:pt>
                <c:pt idx="4654">
                  <c:v>0.76901204878328067</c:v>
                </c:pt>
                <c:pt idx="4655">
                  <c:v>0.76901204878328067</c:v>
                </c:pt>
                <c:pt idx="4656">
                  <c:v>1.1650769016426465</c:v>
                </c:pt>
                <c:pt idx="4657">
                  <c:v>0.70610721311675551</c:v>
                </c:pt>
                <c:pt idx="4658">
                  <c:v>0.70610721311675551</c:v>
                </c:pt>
                <c:pt idx="4659">
                  <c:v>0.70610721311675551</c:v>
                </c:pt>
                <c:pt idx="4660">
                  <c:v>0.70610721311675551</c:v>
                </c:pt>
                <c:pt idx="4661">
                  <c:v>0.70610721311675551</c:v>
                </c:pt>
                <c:pt idx="4662">
                  <c:v>0.70610721311675551</c:v>
                </c:pt>
                <c:pt idx="4663">
                  <c:v>3.0080167278773784</c:v>
                </c:pt>
                <c:pt idx="4664">
                  <c:v>3.7600209098467223</c:v>
                </c:pt>
                <c:pt idx="4665">
                  <c:v>4.1360230008313943</c:v>
                </c:pt>
                <c:pt idx="4666">
                  <c:v>4.1360230008313943</c:v>
                </c:pt>
                <c:pt idx="4667">
                  <c:v>4.8880271828007391</c:v>
                </c:pt>
                <c:pt idx="4668">
                  <c:v>4.8880271828007391</c:v>
                </c:pt>
                <c:pt idx="4669">
                  <c:v>3.3840188188620504</c:v>
                </c:pt>
                <c:pt idx="4670">
                  <c:v>4.8880271828007391</c:v>
                </c:pt>
                <c:pt idx="4671">
                  <c:v>3.7600209098467223</c:v>
                </c:pt>
                <c:pt idx="4672">
                  <c:v>1.7652680327918886</c:v>
                </c:pt>
                <c:pt idx="4673">
                  <c:v>1.1650769016426465</c:v>
                </c:pt>
                <c:pt idx="4674">
                  <c:v>0.74141257377259329</c:v>
                </c:pt>
                <c:pt idx="4675">
                  <c:v>0.70610721311675551</c:v>
                </c:pt>
                <c:pt idx="4676">
                  <c:v>0.70610721311675551</c:v>
                </c:pt>
                <c:pt idx="4677">
                  <c:v>0.70610721311675551</c:v>
                </c:pt>
                <c:pt idx="4678">
                  <c:v>0.70610721311675551</c:v>
                </c:pt>
                <c:pt idx="4679">
                  <c:v>0.70610721311675551</c:v>
                </c:pt>
                <c:pt idx="4680">
                  <c:v>0.43926947697862523</c:v>
                </c:pt>
                <c:pt idx="4681">
                  <c:v>0.39765495516854921</c:v>
                </c:pt>
                <c:pt idx="4682">
                  <c:v>0.39765495516854921</c:v>
                </c:pt>
                <c:pt idx="4683">
                  <c:v>0.39765495516854921</c:v>
                </c:pt>
                <c:pt idx="4684">
                  <c:v>0.39765495516854921</c:v>
                </c:pt>
                <c:pt idx="4685">
                  <c:v>0.39765495516854921</c:v>
                </c:pt>
                <c:pt idx="4686">
                  <c:v>0.39765495516854921</c:v>
                </c:pt>
                <c:pt idx="4687">
                  <c:v>0.39765495516854921</c:v>
                </c:pt>
                <c:pt idx="4688">
                  <c:v>0.39765495516854921</c:v>
                </c:pt>
                <c:pt idx="4689">
                  <c:v>0.39765495516854921</c:v>
                </c:pt>
                <c:pt idx="4690">
                  <c:v>0.39765495516854921</c:v>
                </c:pt>
                <c:pt idx="4691">
                  <c:v>0.39765495516854921</c:v>
                </c:pt>
                <c:pt idx="4692">
                  <c:v>0.39765495516854921</c:v>
                </c:pt>
                <c:pt idx="4693">
                  <c:v>0.39765495516854921</c:v>
                </c:pt>
                <c:pt idx="4694">
                  <c:v>0.39765495516854921</c:v>
                </c:pt>
                <c:pt idx="4695">
                  <c:v>0.39765495516854921</c:v>
                </c:pt>
                <c:pt idx="4696">
                  <c:v>0.39765495516854921</c:v>
                </c:pt>
                <c:pt idx="4697">
                  <c:v>0.39765495516854921</c:v>
                </c:pt>
                <c:pt idx="4698">
                  <c:v>0.39765495516854921</c:v>
                </c:pt>
                <c:pt idx="4699">
                  <c:v>0.39765495516854921</c:v>
                </c:pt>
                <c:pt idx="4700">
                  <c:v>0.39765495516854921</c:v>
                </c:pt>
                <c:pt idx="4701">
                  <c:v>0.39765495516854921</c:v>
                </c:pt>
                <c:pt idx="4702">
                  <c:v>0.39765495516854921</c:v>
                </c:pt>
                <c:pt idx="4703">
                  <c:v>0.39765495516854921</c:v>
                </c:pt>
                <c:pt idx="4704">
                  <c:v>0.37401998446806528</c:v>
                </c:pt>
                <c:pt idx="4705">
                  <c:v>0.37401998446806528</c:v>
                </c:pt>
                <c:pt idx="4706">
                  <c:v>0.37401998446806528</c:v>
                </c:pt>
                <c:pt idx="4707">
                  <c:v>0.37401998446806528</c:v>
                </c:pt>
                <c:pt idx="4708">
                  <c:v>0.37401998446806528</c:v>
                </c:pt>
                <c:pt idx="4709">
                  <c:v>0.37401998446806528</c:v>
                </c:pt>
                <c:pt idx="4710">
                  <c:v>0.37401998446806528</c:v>
                </c:pt>
                <c:pt idx="4711">
                  <c:v>0.37401998446806528</c:v>
                </c:pt>
                <c:pt idx="4712">
                  <c:v>0.37401998446806528</c:v>
                </c:pt>
                <c:pt idx="4713">
                  <c:v>0.37401998446806528</c:v>
                </c:pt>
                <c:pt idx="4714">
                  <c:v>0.37401998446806528</c:v>
                </c:pt>
                <c:pt idx="4715">
                  <c:v>0.37401998446806528</c:v>
                </c:pt>
                <c:pt idx="4716">
                  <c:v>0.37401998446806528</c:v>
                </c:pt>
                <c:pt idx="4717">
                  <c:v>0.37401998446806528</c:v>
                </c:pt>
                <c:pt idx="4718">
                  <c:v>0.37401998446806528</c:v>
                </c:pt>
                <c:pt idx="4719">
                  <c:v>0.37401998446806528</c:v>
                </c:pt>
                <c:pt idx="4720">
                  <c:v>0.37401998446806528</c:v>
                </c:pt>
                <c:pt idx="4721">
                  <c:v>0.37401998446806528</c:v>
                </c:pt>
                <c:pt idx="4722">
                  <c:v>0.37401998446806528</c:v>
                </c:pt>
                <c:pt idx="4723">
                  <c:v>0.37401998446806528</c:v>
                </c:pt>
                <c:pt idx="4724">
                  <c:v>0.37401998446806528</c:v>
                </c:pt>
                <c:pt idx="4725">
                  <c:v>0.37401998446806528</c:v>
                </c:pt>
                <c:pt idx="4726">
                  <c:v>0.37401998446806528</c:v>
                </c:pt>
                <c:pt idx="4727">
                  <c:v>0.37401998446806528</c:v>
                </c:pt>
                <c:pt idx="4728">
                  <c:v>0.69600652951647957</c:v>
                </c:pt>
                <c:pt idx="4729">
                  <c:v>0.69600652951647957</c:v>
                </c:pt>
                <c:pt idx="4730">
                  <c:v>0.69600652951647957</c:v>
                </c:pt>
                <c:pt idx="4731">
                  <c:v>0.69600652951647957</c:v>
                </c:pt>
                <c:pt idx="4732">
                  <c:v>0.69600652951647957</c:v>
                </c:pt>
                <c:pt idx="4733">
                  <c:v>0.69600652951647957</c:v>
                </c:pt>
                <c:pt idx="4734">
                  <c:v>0.69600652951647957</c:v>
                </c:pt>
                <c:pt idx="4735">
                  <c:v>2.9649878157402028</c:v>
                </c:pt>
                <c:pt idx="4736">
                  <c:v>3.3356112927077279</c:v>
                </c:pt>
                <c:pt idx="4737">
                  <c:v>3.7062347696752536</c:v>
                </c:pt>
                <c:pt idx="4738">
                  <c:v>3.7062347696752536</c:v>
                </c:pt>
                <c:pt idx="4739">
                  <c:v>4.4474817236103039</c:v>
                </c:pt>
                <c:pt idx="4740">
                  <c:v>4.4474817236103039</c:v>
                </c:pt>
                <c:pt idx="4741">
                  <c:v>2.9649878157402028</c:v>
                </c:pt>
                <c:pt idx="4742">
                  <c:v>4.4474817236103039</c:v>
                </c:pt>
                <c:pt idx="4743">
                  <c:v>4.4474817236103039</c:v>
                </c:pt>
                <c:pt idx="4744">
                  <c:v>2.5943643387726767</c:v>
                </c:pt>
                <c:pt idx="4745">
                  <c:v>0.74124695393505069</c:v>
                </c:pt>
                <c:pt idx="4746">
                  <c:v>0.73080685599230344</c:v>
                </c:pt>
                <c:pt idx="4747">
                  <c:v>0.73080685599230344</c:v>
                </c:pt>
                <c:pt idx="4748">
                  <c:v>0.73080685599230344</c:v>
                </c:pt>
                <c:pt idx="4749">
                  <c:v>0.73080685599230344</c:v>
                </c:pt>
                <c:pt idx="4750">
                  <c:v>0.73080685599230344</c:v>
                </c:pt>
                <c:pt idx="4751">
                  <c:v>0.73080685599230344</c:v>
                </c:pt>
                <c:pt idx="4752">
                  <c:v>0.46811085221158294</c:v>
                </c:pt>
                <c:pt idx="4753">
                  <c:v>0.71331177479860275</c:v>
                </c:pt>
                <c:pt idx="4754">
                  <c:v>0.71331177479860275</c:v>
                </c:pt>
                <c:pt idx="4755">
                  <c:v>0.71331177479860275</c:v>
                </c:pt>
                <c:pt idx="4756">
                  <c:v>0.71331177479860275</c:v>
                </c:pt>
                <c:pt idx="4757">
                  <c:v>0.71331177479860275</c:v>
                </c:pt>
                <c:pt idx="4758">
                  <c:v>0.71331177479860275</c:v>
                </c:pt>
                <c:pt idx="4759">
                  <c:v>3.007054950635359</c:v>
                </c:pt>
                <c:pt idx="4760">
                  <c:v>3.3552402607089271</c:v>
                </c:pt>
                <c:pt idx="4761">
                  <c:v>3.7034255707824948</c:v>
                </c:pt>
                <c:pt idx="4762">
                  <c:v>3.7034255707824948</c:v>
                </c:pt>
                <c:pt idx="4763">
                  <c:v>4.4314494009363186</c:v>
                </c:pt>
                <c:pt idx="4764">
                  <c:v>4.4314494009363186</c:v>
                </c:pt>
                <c:pt idx="4765">
                  <c:v>2.9437485306219831</c:v>
                </c:pt>
                <c:pt idx="4766">
                  <c:v>4.4314494009363186</c:v>
                </c:pt>
                <c:pt idx="4767">
                  <c:v>4.4314494009363186</c:v>
                </c:pt>
                <c:pt idx="4768">
                  <c:v>2.6113898255517598</c:v>
                </c:pt>
                <c:pt idx="4769">
                  <c:v>1.1145496481228168</c:v>
                </c:pt>
                <c:pt idx="4770">
                  <c:v>0.73560276776105893</c:v>
                </c:pt>
                <c:pt idx="4771">
                  <c:v>0.73560276776105893</c:v>
                </c:pt>
                <c:pt idx="4772">
                  <c:v>0.73560276776105893</c:v>
                </c:pt>
                <c:pt idx="4773">
                  <c:v>0.73560276776105893</c:v>
                </c:pt>
                <c:pt idx="4774">
                  <c:v>0.73560276776105893</c:v>
                </c:pt>
                <c:pt idx="4775">
                  <c:v>0.73560276776105893</c:v>
                </c:pt>
                <c:pt idx="4776">
                  <c:v>0.72668808403369078</c:v>
                </c:pt>
                <c:pt idx="4777">
                  <c:v>0.72668808403369078</c:v>
                </c:pt>
                <c:pt idx="4778">
                  <c:v>0.72668808403369078</c:v>
                </c:pt>
                <c:pt idx="4779">
                  <c:v>0.72668808403369078</c:v>
                </c:pt>
                <c:pt idx="4780">
                  <c:v>0.72668808403369078</c:v>
                </c:pt>
                <c:pt idx="4781">
                  <c:v>0.72668808403369078</c:v>
                </c:pt>
                <c:pt idx="4782">
                  <c:v>0.72668808403369078</c:v>
                </c:pt>
                <c:pt idx="4783">
                  <c:v>2.9706128041256026</c:v>
                </c:pt>
                <c:pt idx="4784">
                  <c:v>3.3145784972348835</c:v>
                </c:pt>
                <c:pt idx="4785">
                  <c:v>3.658544190344164</c:v>
                </c:pt>
                <c:pt idx="4786">
                  <c:v>3.658544190344164</c:v>
                </c:pt>
                <c:pt idx="4787">
                  <c:v>4.3777451850272033</c:v>
                </c:pt>
                <c:pt idx="4788">
                  <c:v>4.3777451850272033</c:v>
                </c:pt>
                <c:pt idx="4789">
                  <c:v>2.9080735871966423</c:v>
                </c:pt>
                <c:pt idx="4790">
                  <c:v>4.3777451850272033</c:v>
                </c:pt>
                <c:pt idx="4791">
                  <c:v>4.3777451850272033</c:v>
                </c:pt>
                <c:pt idx="4792">
                  <c:v>2.5797426983196021</c:v>
                </c:pt>
                <c:pt idx="4793">
                  <c:v>1.1010425515661986</c:v>
                </c:pt>
                <c:pt idx="4794">
                  <c:v>0.72668808403369078</c:v>
                </c:pt>
                <c:pt idx="4795">
                  <c:v>0.72668808403369078</c:v>
                </c:pt>
                <c:pt idx="4796">
                  <c:v>0.72668808403369078</c:v>
                </c:pt>
                <c:pt idx="4797">
                  <c:v>0.72668808403369078</c:v>
                </c:pt>
                <c:pt idx="4798">
                  <c:v>0.72668808403369078</c:v>
                </c:pt>
                <c:pt idx="4799">
                  <c:v>0.72668808403369078</c:v>
                </c:pt>
                <c:pt idx="4800">
                  <c:v>0.76082031367045688</c:v>
                </c:pt>
                <c:pt idx="4801">
                  <c:v>0.76082031367045688</c:v>
                </c:pt>
                <c:pt idx="4802">
                  <c:v>0.76082031367045688</c:v>
                </c:pt>
                <c:pt idx="4803">
                  <c:v>0.76082031367045688</c:v>
                </c:pt>
                <c:pt idx="4804">
                  <c:v>0.76082031367045688</c:v>
                </c:pt>
                <c:pt idx="4805">
                  <c:v>0.76082031367045688</c:v>
                </c:pt>
                <c:pt idx="4806">
                  <c:v>0.76082031367045688</c:v>
                </c:pt>
                <c:pt idx="4807">
                  <c:v>3.1101412216407462</c:v>
                </c:pt>
                <c:pt idx="4808">
                  <c:v>3.4702628367780961</c:v>
                </c:pt>
                <c:pt idx="4809">
                  <c:v>3.8303844519154455</c:v>
                </c:pt>
                <c:pt idx="4810">
                  <c:v>3.8303844519154455</c:v>
                </c:pt>
                <c:pt idx="4811">
                  <c:v>4.5833660108389944</c:v>
                </c:pt>
                <c:pt idx="4812">
                  <c:v>4.5833660108389944</c:v>
                </c:pt>
                <c:pt idx="4813">
                  <c:v>3.0446645643430466</c:v>
                </c:pt>
                <c:pt idx="4814">
                  <c:v>4.5833660108389944</c:v>
                </c:pt>
                <c:pt idx="4815">
                  <c:v>4.5833660108389944</c:v>
                </c:pt>
                <c:pt idx="4816">
                  <c:v>2.7009121135301219</c:v>
                </c:pt>
                <c:pt idx="4817">
                  <c:v>1.1527580510158439</c:v>
                </c:pt>
                <c:pt idx="4818">
                  <c:v>0.76082031367045688</c:v>
                </c:pt>
                <c:pt idx="4819">
                  <c:v>0.76082031367045688</c:v>
                </c:pt>
                <c:pt idx="4820">
                  <c:v>0.76082031367045688</c:v>
                </c:pt>
                <c:pt idx="4821">
                  <c:v>0.76082031367045688</c:v>
                </c:pt>
                <c:pt idx="4822">
                  <c:v>0.76082031367045688</c:v>
                </c:pt>
                <c:pt idx="4823">
                  <c:v>0.76082031367045688</c:v>
                </c:pt>
                <c:pt idx="4824">
                  <c:v>1.2070892303038565</c:v>
                </c:pt>
                <c:pt idx="4825">
                  <c:v>0.73249880498203346</c:v>
                </c:pt>
                <c:pt idx="4826">
                  <c:v>0.73249880498203346</c:v>
                </c:pt>
                <c:pt idx="4827">
                  <c:v>0.73249880498203346</c:v>
                </c:pt>
                <c:pt idx="4828">
                  <c:v>0.73249880498203346</c:v>
                </c:pt>
                <c:pt idx="4829">
                  <c:v>0.73249880498203346</c:v>
                </c:pt>
                <c:pt idx="4830">
                  <c:v>0.73249880498203346</c:v>
                </c:pt>
                <c:pt idx="4831">
                  <c:v>3.1167866299248557</c:v>
                </c:pt>
                <c:pt idx="4832">
                  <c:v>3.8959832874060698</c:v>
                </c:pt>
                <c:pt idx="4833">
                  <c:v>4.2855816161466782</c:v>
                </c:pt>
                <c:pt idx="4834">
                  <c:v>4.2855816161466782</c:v>
                </c:pt>
                <c:pt idx="4835">
                  <c:v>5.0647782736278923</c:v>
                </c:pt>
                <c:pt idx="4836">
                  <c:v>5.0647782736278923</c:v>
                </c:pt>
                <c:pt idx="4837">
                  <c:v>3.5063849586654632</c:v>
                </c:pt>
                <c:pt idx="4838">
                  <c:v>5.0647782736278923</c:v>
                </c:pt>
                <c:pt idx="4839">
                  <c:v>3.8967825369407221</c:v>
                </c:pt>
                <c:pt idx="4840">
                  <c:v>1.8329596900293379</c:v>
                </c:pt>
                <c:pt idx="4841">
                  <c:v>1.2111235374787657</c:v>
                </c:pt>
                <c:pt idx="4842">
                  <c:v>0.76900576077601979</c:v>
                </c:pt>
                <c:pt idx="4843">
                  <c:v>0.73249880498203346</c:v>
                </c:pt>
                <c:pt idx="4844">
                  <c:v>0.73249880498203346</c:v>
                </c:pt>
                <c:pt idx="4845">
                  <c:v>0.73249880498203346</c:v>
                </c:pt>
                <c:pt idx="4846">
                  <c:v>0.73249880498203346</c:v>
                </c:pt>
                <c:pt idx="4847">
                  <c:v>0.73249880498203346</c:v>
                </c:pt>
                <c:pt idx="4848">
                  <c:v>0.50523883658170465</c:v>
                </c:pt>
                <c:pt idx="4849">
                  <c:v>0.46046421041165198</c:v>
                </c:pt>
                <c:pt idx="4850">
                  <c:v>0.46046421041165198</c:v>
                </c:pt>
                <c:pt idx="4851">
                  <c:v>0.46046421041165198</c:v>
                </c:pt>
                <c:pt idx="4852">
                  <c:v>0.46046421041165198</c:v>
                </c:pt>
                <c:pt idx="4853">
                  <c:v>0.46055490347106692</c:v>
                </c:pt>
                <c:pt idx="4854">
                  <c:v>0.46067280444830638</c:v>
                </c:pt>
                <c:pt idx="4855">
                  <c:v>0.46075442820177981</c:v>
                </c:pt>
                <c:pt idx="4856">
                  <c:v>0.46075442820177981</c:v>
                </c:pt>
                <c:pt idx="4857">
                  <c:v>0.46075442820177981</c:v>
                </c:pt>
                <c:pt idx="4858">
                  <c:v>0.46075442820177981</c:v>
                </c:pt>
                <c:pt idx="4859">
                  <c:v>0.46075442820177981</c:v>
                </c:pt>
                <c:pt idx="4860">
                  <c:v>0.46075442820177981</c:v>
                </c:pt>
                <c:pt idx="4861">
                  <c:v>0.46075442820177981</c:v>
                </c:pt>
                <c:pt idx="4862">
                  <c:v>0.46075442820177981</c:v>
                </c:pt>
                <c:pt idx="4863">
                  <c:v>0.46069094306018932</c:v>
                </c:pt>
                <c:pt idx="4864">
                  <c:v>0.4606365272245404</c:v>
                </c:pt>
                <c:pt idx="4865">
                  <c:v>0.46058211138889144</c:v>
                </c:pt>
                <c:pt idx="4866">
                  <c:v>0.46056397277700845</c:v>
                </c:pt>
                <c:pt idx="4867">
                  <c:v>0.4604732797175935</c:v>
                </c:pt>
                <c:pt idx="4868">
                  <c:v>0.46037351735223708</c:v>
                </c:pt>
                <c:pt idx="4869">
                  <c:v>0.46037351735223708</c:v>
                </c:pt>
                <c:pt idx="4870">
                  <c:v>0.46037351735223708</c:v>
                </c:pt>
                <c:pt idx="4871">
                  <c:v>0.46037351735223708</c:v>
                </c:pt>
                <c:pt idx="4872">
                  <c:v>0.43321410572295194</c:v>
                </c:pt>
                <c:pt idx="4873">
                  <c:v>0.43321410572295194</c:v>
                </c:pt>
                <c:pt idx="4874">
                  <c:v>0.43321410572295194</c:v>
                </c:pt>
                <c:pt idx="4875">
                  <c:v>0.43321410572295194</c:v>
                </c:pt>
                <c:pt idx="4876">
                  <c:v>0.43321410572295194</c:v>
                </c:pt>
                <c:pt idx="4877">
                  <c:v>0.43321410572295194</c:v>
                </c:pt>
                <c:pt idx="4878">
                  <c:v>0.43321410572295194</c:v>
                </c:pt>
                <c:pt idx="4879">
                  <c:v>0.43321410572295194</c:v>
                </c:pt>
                <c:pt idx="4880">
                  <c:v>0.43321410572295194</c:v>
                </c:pt>
                <c:pt idx="4881">
                  <c:v>0.43321410572295194</c:v>
                </c:pt>
                <c:pt idx="4882">
                  <c:v>0.43321410572295194</c:v>
                </c:pt>
                <c:pt idx="4883">
                  <c:v>0.43321410572295194</c:v>
                </c:pt>
                <c:pt idx="4884">
                  <c:v>0.43321410572295194</c:v>
                </c:pt>
                <c:pt idx="4885">
                  <c:v>0.43321410572295194</c:v>
                </c:pt>
                <c:pt idx="4886">
                  <c:v>0.43321410572295194</c:v>
                </c:pt>
                <c:pt idx="4887">
                  <c:v>0.43321410572295194</c:v>
                </c:pt>
                <c:pt idx="4888">
                  <c:v>0.43321410572295194</c:v>
                </c:pt>
                <c:pt idx="4889">
                  <c:v>0.43321410572295194</c:v>
                </c:pt>
                <c:pt idx="4890">
                  <c:v>0.43321410572295194</c:v>
                </c:pt>
                <c:pt idx="4891">
                  <c:v>0.43321410572295194</c:v>
                </c:pt>
                <c:pt idx="4892">
                  <c:v>0.43321410572295194</c:v>
                </c:pt>
                <c:pt idx="4893">
                  <c:v>0.43321410572295194</c:v>
                </c:pt>
                <c:pt idx="4894">
                  <c:v>0.43321410572295194</c:v>
                </c:pt>
                <c:pt idx="4895">
                  <c:v>0.43321410572295194</c:v>
                </c:pt>
                <c:pt idx="4896">
                  <c:v>0.69469642290668443</c:v>
                </c:pt>
                <c:pt idx="4897">
                  <c:v>0.69469642290668443</c:v>
                </c:pt>
                <c:pt idx="4898">
                  <c:v>0.69469642290668443</c:v>
                </c:pt>
                <c:pt idx="4899">
                  <c:v>0.69469642290668443</c:v>
                </c:pt>
                <c:pt idx="4900">
                  <c:v>0.69469642290668443</c:v>
                </c:pt>
                <c:pt idx="4901">
                  <c:v>0.69469642290668443</c:v>
                </c:pt>
                <c:pt idx="4902">
                  <c:v>0.69469642290668443</c:v>
                </c:pt>
                <c:pt idx="4903">
                  <c:v>2.9594067615824748</c:v>
                </c:pt>
                <c:pt idx="4904">
                  <c:v>3.3293326067802846</c:v>
                </c:pt>
                <c:pt idx="4905">
                  <c:v>3.699258451978094</c:v>
                </c:pt>
                <c:pt idx="4906">
                  <c:v>3.699258451978094</c:v>
                </c:pt>
                <c:pt idx="4907">
                  <c:v>4.4391101423737123</c:v>
                </c:pt>
                <c:pt idx="4908">
                  <c:v>4.4391101423737123</c:v>
                </c:pt>
                <c:pt idx="4909">
                  <c:v>2.9594067615824748</c:v>
                </c:pt>
                <c:pt idx="4910">
                  <c:v>4.4391101423737123</c:v>
                </c:pt>
                <c:pt idx="4911">
                  <c:v>4.4391101423737123</c:v>
                </c:pt>
                <c:pt idx="4912">
                  <c:v>2.5894809163846655</c:v>
                </c:pt>
                <c:pt idx="4913">
                  <c:v>0.73985169039561871</c:v>
                </c:pt>
                <c:pt idx="4914">
                  <c:v>0.72943124405201865</c:v>
                </c:pt>
                <c:pt idx="4915">
                  <c:v>0.72943124405201865</c:v>
                </c:pt>
                <c:pt idx="4916">
                  <c:v>0.72943124405201865</c:v>
                </c:pt>
                <c:pt idx="4917">
                  <c:v>0.72943124405201865</c:v>
                </c:pt>
                <c:pt idx="4918">
                  <c:v>0.72943124405201865</c:v>
                </c:pt>
                <c:pt idx="4919">
                  <c:v>0.72943124405201865</c:v>
                </c:pt>
                <c:pt idx="4920">
                  <c:v>0.53265442414086872</c:v>
                </c:pt>
                <c:pt idx="4921">
                  <c:v>0.80493367762710066</c:v>
                </c:pt>
                <c:pt idx="4922">
                  <c:v>0.80493367762710066</c:v>
                </c:pt>
                <c:pt idx="4923">
                  <c:v>0.80493367762710066</c:v>
                </c:pt>
                <c:pt idx="4924">
                  <c:v>0.80493367762710066</c:v>
                </c:pt>
                <c:pt idx="4925">
                  <c:v>0.80493367762710066</c:v>
                </c:pt>
                <c:pt idx="4926">
                  <c:v>0.80493367762710066</c:v>
                </c:pt>
                <c:pt idx="4927">
                  <c:v>3.3761459440613422</c:v>
                </c:pt>
                <c:pt idx="4928">
                  <c:v>3.7670681060052873</c:v>
                </c:pt>
                <c:pt idx="4929">
                  <c:v>4.1579902679492333</c:v>
                </c:pt>
                <c:pt idx="4930">
                  <c:v>4.1579902679492333</c:v>
                </c:pt>
                <c:pt idx="4931">
                  <c:v>4.9753729701956626</c:v>
                </c:pt>
                <c:pt idx="4932">
                  <c:v>4.9753729701956626</c:v>
                </c:pt>
                <c:pt idx="4933">
                  <c:v>3.305069187344261</c:v>
                </c:pt>
                <c:pt idx="4934">
                  <c:v>4.9753729701956626</c:v>
                </c:pt>
                <c:pt idx="4935">
                  <c:v>4.9753729701956626</c:v>
                </c:pt>
                <c:pt idx="4936">
                  <c:v>2.9453657729634295</c:v>
                </c:pt>
                <c:pt idx="4937">
                  <c:v>1.2738576669327288</c:v>
                </c:pt>
                <c:pt idx="4938">
                  <c:v>0.82968633703493988</c:v>
                </c:pt>
                <c:pt idx="4939">
                  <c:v>0.82968633703493988</c:v>
                </c:pt>
                <c:pt idx="4940">
                  <c:v>0.82968633703493988</c:v>
                </c:pt>
                <c:pt idx="4941">
                  <c:v>0.82968633703493988</c:v>
                </c:pt>
                <c:pt idx="4942">
                  <c:v>0.82968633703493988</c:v>
                </c:pt>
                <c:pt idx="4943">
                  <c:v>0.82968633703493988</c:v>
                </c:pt>
                <c:pt idx="4944">
                  <c:v>0.87840909736499118</c:v>
                </c:pt>
                <c:pt idx="4945">
                  <c:v>0.87840909736499118</c:v>
                </c:pt>
                <c:pt idx="4946">
                  <c:v>0.87840909736499118</c:v>
                </c:pt>
                <c:pt idx="4947">
                  <c:v>0.87840909736499118</c:v>
                </c:pt>
                <c:pt idx="4948">
                  <c:v>0.87840909736499118</c:v>
                </c:pt>
                <c:pt idx="4949">
                  <c:v>0.87840909736499118</c:v>
                </c:pt>
                <c:pt idx="4950">
                  <c:v>0.87840909736499118</c:v>
                </c:pt>
                <c:pt idx="4951">
                  <c:v>3.5487435153811377</c:v>
                </c:pt>
                <c:pt idx="4952">
                  <c:v>3.9596506592673757</c:v>
                </c:pt>
                <c:pt idx="4953">
                  <c:v>4.3705578031536128</c:v>
                </c:pt>
                <c:pt idx="4954">
                  <c:v>4.3705578031536128</c:v>
                </c:pt>
                <c:pt idx="4955">
                  <c:v>5.2297272858248354</c:v>
                </c:pt>
                <c:pt idx="4956">
                  <c:v>5.2297272858248354</c:v>
                </c:pt>
                <c:pt idx="4957">
                  <c:v>3.4740331255836407</c:v>
                </c:pt>
                <c:pt idx="4958">
                  <c:v>5.2297272858248354</c:v>
                </c:pt>
                <c:pt idx="4959">
                  <c:v>5.2297272858248354</c:v>
                </c:pt>
                <c:pt idx="4960">
                  <c:v>3.1133791441566623</c:v>
                </c:pt>
                <c:pt idx="4961">
                  <c:v>1.3682561962431119</c:v>
                </c:pt>
                <c:pt idx="4962">
                  <c:v>0.87840909736499118</c:v>
                </c:pt>
                <c:pt idx="4963">
                  <c:v>0.87840909736499118</c:v>
                </c:pt>
                <c:pt idx="4964">
                  <c:v>0.87840909736499118</c:v>
                </c:pt>
                <c:pt idx="4965">
                  <c:v>0.87840909736499118</c:v>
                </c:pt>
                <c:pt idx="4966">
                  <c:v>0.87840909736499118</c:v>
                </c:pt>
                <c:pt idx="4967">
                  <c:v>0.87840909736499118</c:v>
                </c:pt>
                <c:pt idx="4968">
                  <c:v>0.8620670993125289</c:v>
                </c:pt>
                <c:pt idx="4969">
                  <c:v>0.8620670993125289</c:v>
                </c:pt>
                <c:pt idx="4970">
                  <c:v>0.8620670993125289</c:v>
                </c:pt>
                <c:pt idx="4971">
                  <c:v>0.8620670993125289</c:v>
                </c:pt>
                <c:pt idx="4972">
                  <c:v>0.8620670993125289</c:v>
                </c:pt>
                <c:pt idx="4973">
                  <c:v>0.8620670993125289</c:v>
                </c:pt>
                <c:pt idx="4974">
                  <c:v>0.8620670993125289</c:v>
                </c:pt>
                <c:pt idx="4975">
                  <c:v>3.4891631907895313</c:v>
                </c:pt>
                <c:pt idx="4976">
                  <c:v>3.8931715602493719</c:v>
                </c:pt>
                <c:pt idx="4977">
                  <c:v>4.2971799297092126</c:v>
                </c:pt>
                <c:pt idx="4978">
                  <c:v>4.2971799297092126</c:v>
                </c:pt>
                <c:pt idx="4979">
                  <c:v>5.1419247022161514</c:v>
                </c:pt>
                <c:pt idx="4980">
                  <c:v>5.1419247022161514</c:v>
                </c:pt>
                <c:pt idx="4981">
                  <c:v>3.4157071236150149</c:v>
                </c:pt>
                <c:pt idx="4982">
                  <c:v>5.1419247022161514</c:v>
                </c:pt>
                <c:pt idx="4983">
                  <c:v>5.1419247022161514</c:v>
                </c:pt>
                <c:pt idx="4984">
                  <c:v>3.0562186513899907</c:v>
                </c:pt>
                <c:pt idx="4985">
                  <c:v>1.337087637295165</c:v>
                </c:pt>
                <c:pt idx="4986">
                  <c:v>0.8620670993125289</c:v>
                </c:pt>
                <c:pt idx="4987">
                  <c:v>0.8620670993125289</c:v>
                </c:pt>
                <c:pt idx="4988">
                  <c:v>0.8620670993125289</c:v>
                </c:pt>
                <c:pt idx="4989">
                  <c:v>0.8620670993125289</c:v>
                </c:pt>
                <c:pt idx="4990">
                  <c:v>0.8620670993125289</c:v>
                </c:pt>
                <c:pt idx="4991">
                  <c:v>0.8620670993125289</c:v>
                </c:pt>
                <c:pt idx="4992">
                  <c:v>1.185946711936807</c:v>
                </c:pt>
                <c:pt idx="4993">
                  <c:v>0.71875558299200415</c:v>
                </c:pt>
                <c:pt idx="4994">
                  <c:v>0.71875558299200415</c:v>
                </c:pt>
                <c:pt idx="4995">
                  <c:v>0.71875558299200415</c:v>
                </c:pt>
                <c:pt idx="4996">
                  <c:v>0.71875558299200415</c:v>
                </c:pt>
                <c:pt idx="4997">
                  <c:v>0.71875558299200415</c:v>
                </c:pt>
                <c:pt idx="4998">
                  <c:v>0.71875558299200415</c:v>
                </c:pt>
                <c:pt idx="4999">
                  <c:v>3.0618987835459377</c:v>
                </c:pt>
                <c:pt idx="5000">
                  <c:v>3.8273734794324215</c:v>
                </c:pt>
                <c:pt idx="5001">
                  <c:v>4.2101108273756642</c:v>
                </c:pt>
                <c:pt idx="5002">
                  <c:v>4.2101108273756642</c:v>
                </c:pt>
                <c:pt idx="5003">
                  <c:v>4.9755855232621489</c:v>
                </c:pt>
                <c:pt idx="5004">
                  <c:v>4.9755855232621489</c:v>
                </c:pt>
                <c:pt idx="5005">
                  <c:v>3.44463613148918</c:v>
                </c:pt>
                <c:pt idx="5006">
                  <c:v>4.9755855232621489</c:v>
                </c:pt>
                <c:pt idx="5007">
                  <c:v>3.8273734794324215</c:v>
                </c:pt>
                <c:pt idx="5008">
                  <c:v>1.7968889574800102</c:v>
                </c:pt>
                <c:pt idx="5009">
                  <c:v>1.185946711936807</c:v>
                </c:pt>
                <c:pt idx="5010">
                  <c:v>0.75469336214160421</c:v>
                </c:pt>
                <c:pt idx="5011">
                  <c:v>0.71875558299200415</c:v>
                </c:pt>
                <c:pt idx="5012">
                  <c:v>0.71875558299200415</c:v>
                </c:pt>
                <c:pt idx="5013">
                  <c:v>0.71875558299200415</c:v>
                </c:pt>
                <c:pt idx="5014">
                  <c:v>0.71875558299200415</c:v>
                </c:pt>
                <c:pt idx="5015">
                  <c:v>0.71875558299200415</c:v>
                </c:pt>
                <c:pt idx="5016">
                  <c:v>0.46593660029415551</c:v>
                </c:pt>
                <c:pt idx="5017">
                  <c:v>0.42296742018186056</c:v>
                </c:pt>
                <c:pt idx="5018">
                  <c:v>0.42296742018186056</c:v>
                </c:pt>
                <c:pt idx="5019">
                  <c:v>0.42296742018186056</c:v>
                </c:pt>
                <c:pt idx="5020">
                  <c:v>0.42296742018186056</c:v>
                </c:pt>
                <c:pt idx="5021">
                  <c:v>0.42296742018186056</c:v>
                </c:pt>
                <c:pt idx="5022">
                  <c:v>0.42296742018186056</c:v>
                </c:pt>
                <c:pt idx="5023">
                  <c:v>0.42296742018186056</c:v>
                </c:pt>
                <c:pt idx="5024">
                  <c:v>0.42296742018186056</c:v>
                </c:pt>
                <c:pt idx="5025">
                  <c:v>0.42296742018186056</c:v>
                </c:pt>
                <c:pt idx="5026">
                  <c:v>0.42296742018186056</c:v>
                </c:pt>
                <c:pt idx="5027">
                  <c:v>0.42296742018186056</c:v>
                </c:pt>
                <c:pt idx="5028">
                  <c:v>0.42296742018186056</c:v>
                </c:pt>
                <c:pt idx="5029">
                  <c:v>0.42296742018186056</c:v>
                </c:pt>
                <c:pt idx="5030">
                  <c:v>0.42296742018186056</c:v>
                </c:pt>
                <c:pt idx="5031">
                  <c:v>0.42296742018186056</c:v>
                </c:pt>
                <c:pt idx="5032">
                  <c:v>0.42296742018186056</c:v>
                </c:pt>
                <c:pt idx="5033">
                  <c:v>0.42296742018186056</c:v>
                </c:pt>
                <c:pt idx="5034">
                  <c:v>0.42296742018186056</c:v>
                </c:pt>
                <c:pt idx="5035">
                  <c:v>0.42296742018186056</c:v>
                </c:pt>
                <c:pt idx="5036">
                  <c:v>0.42296742018186056</c:v>
                </c:pt>
                <c:pt idx="5037">
                  <c:v>0.42296742018186056</c:v>
                </c:pt>
                <c:pt idx="5038">
                  <c:v>0.42296742018186056</c:v>
                </c:pt>
                <c:pt idx="5039">
                  <c:v>0.42296742018186056</c:v>
                </c:pt>
                <c:pt idx="5040">
                  <c:v>0.46570891819378418</c:v>
                </c:pt>
                <c:pt idx="5041">
                  <c:v>0.46576712156998823</c:v>
                </c:pt>
                <c:pt idx="5042">
                  <c:v>0.46576712156998823</c:v>
                </c:pt>
                <c:pt idx="5043">
                  <c:v>0.46576712156998823</c:v>
                </c:pt>
                <c:pt idx="5044">
                  <c:v>0.46576712156998823</c:v>
                </c:pt>
                <c:pt idx="5045">
                  <c:v>0.46587188764715548</c:v>
                </c:pt>
                <c:pt idx="5046">
                  <c:v>0.46596501304908189</c:v>
                </c:pt>
                <c:pt idx="5047">
                  <c:v>0.46608141980148998</c:v>
                </c:pt>
                <c:pt idx="5048">
                  <c:v>0.46608141980148998</c:v>
                </c:pt>
                <c:pt idx="5049">
                  <c:v>0.46608141980148998</c:v>
                </c:pt>
                <c:pt idx="5050">
                  <c:v>0.46608141980148998</c:v>
                </c:pt>
                <c:pt idx="5051">
                  <c:v>0.46608141980148998</c:v>
                </c:pt>
                <c:pt idx="5052">
                  <c:v>0.46608141980148998</c:v>
                </c:pt>
                <c:pt idx="5053">
                  <c:v>0.46608141980148998</c:v>
                </c:pt>
                <c:pt idx="5054">
                  <c:v>0.46608141980148998</c:v>
                </c:pt>
                <c:pt idx="5055">
                  <c:v>0.46599993507480436</c:v>
                </c:pt>
                <c:pt idx="5056">
                  <c:v>0.46598829439956357</c:v>
                </c:pt>
                <c:pt idx="5057">
                  <c:v>0.46589516899763705</c:v>
                </c:pt>
                <c:pt idx="5058">
                  <c:v>0.46586024697191469</c:v>
                </c:pt>
                <c:pt idx="5059">
                  <c:v>0.46577876224522902</c:v>
                </c:pt>
                <c:pt idx="5060">
                  <c:v>0.46570891819378418</c:v>
                </c:pt>
                <c:pt idx="5061">
                  <c:v>0.46566235549282092</c:v>
                </c:pt>
                <c:pt idx="5062">
                  <c:v>0.46566235549282092</c:v>
                </c:pt>
                <c:pt idx="5063">
                  <c:v>0.46566235549282092</c:v>
                </c:pt>
                <c:pt idx="5064">
                  <c:v>0.76666982721465471</c:v>
                </c:pt>
                <c:pt idx="5065">
                  <c:v>0.76666982721465471</c:v>
                </c:pt>
                <c:pt idx="5066">
                  <c:v>0.76666982721465471</c:v>
                </c:pt>
                <c:pt idx="5067">
                  <c:v>0.76666982721465471</c:v>
                </c:pt>
                <c:pt idx="5068">
                  <c:v>0.76666982721465471</c:v>
                </c:pt>
                <c:pt idx="5069">
                  <c:v>0.76666982721465471</c:v>
                </c:pt>
                <c:pt idx="5070">
                  <c:v>0.76666982721465471</c:v>
                </c:pt>
                <c:pt idx="5071">
                  <c:v>3.2663597713883044</c:v>
                </c:pt>
                <c:pt idx="5072">
                  <c:v>3.674654742811843</c:v>
                </c:pt>
                <c:pt idx="5073">
                  <c:v>4.0829497142353803</c:v>
                </c:pt>
                <c:pt idx="5074">
                  <c:v>4.0829497142353803</c:v>
                </c:pt>
                <c:pt idx="5075">
                  <c:v>4.8995396570824559</c:v>
                </c:pt>
                <c:pt idx="5076">
                  <c:v>4.8995396570824559</c:v>
                </c:pt>
                <c:pt idx="5077">
                  <c:v>3.2663597713883044</c:v>
                </c:pt>
                <c:pt idx="5078">
                  <c:v>4.8995396570824559</c:v>
                </c:pt>
                <c:pt idx="5079">
                  <c:v>4.8995396570824559</c:v>
                </c:pt>
                <c:pt idx="5080">
                  <c:v>2.8643416225662626</c:v>
                </c:pt>
                <c:pt idx="5081">
                  <c:v>0.82923978456503422</c:v>
                </c:pt>
                <c:pt idx="5082">
                  <c:v>0.80697534713217922</c:v>
                </c:pt>
                <c:pt idx="5083">
                  <c:v>0.80697534713217922</c:v>
                </c:pt>
                <c:pt idx="5084">
                  <c:v>0.80697534713217922</c:v>
                </c:pt>
                <c:pt idx="5085">
                  <c:v>0.80697534713217922</c:v>
                </c:pt>
                <c:pt idx="5086">
                  <c:v>0.80697534713217922</c:v>
                </c:pt>
                <c:pt idx="5087">
                  <c:v>0.80697534713217922</c:v>
                </c:pt>
                <c:pt idx="5088">
                  <c:v>0.53724872828330528</c:v>
                </c:pt>
                <c:pt idx="5089">
                  <c:v>0.81090484605254831</c:v>
                </c:pt>
                <c:pt idx="5090">
                  <c:v>0.81090484605254831</c:v>
                </c:pt>
                <c:pt idx="5091">
                  <c:v>0.81090484605254831</c:v>
                </c:pt>
                <c:pt idx="5092">
                  <c:v>0.81090484605254831</c:v>
                </c:pt>
                <c:pt idx="5093">
                  <c:v>0.81090484605254831</c:v>
                </c:pt>
                <c:pt idx="5094">
                  <c:v>0.81090484605254831</c:v>
                </c:pt>
                <c:pt idx="5095">
                  <c:v>3.3986939209361462</c:v>
                </c:pt>
                <c:pt idx="5096">
                  <c:v>3.7922269012550696</c:v>
                </c:pt>
                <c:pt idx="5097">
                  <c:v>4.1857598815739916</c:v>
                </c:pt>
                <c:pt idx="5098">
                  <c:v>4.1857598815739916</c:v>
                </c:pt>
                <c:pt idx="5099">
                  <c:v>5.0086015676953748</c:v>
                </c:pt>
                <c:pt idx="5100">
                  <c:v>5.0086015676953748</c:v>
                </c:pt>
                <c:pt idx="5101">
                  <c:v>3.3271424699690701</c:v>
                </c:pt>
                <c:pt idx="5102">
                  <c:v>5.0086015676953748</c:v>
                </c:pt>
                <c:pt idx="5103">
                  <c:v>5.0086015676953748</c:v>
                </c:pt>
                <c:pt idx="5104">
                  <c:v>2.9670046019721963</c:v>
                </c:pt>
                <c:pt idx="5105">
                  <c:v>1.2856582737836595</c:v>
                </c:pt>
                <c:pt idx="5106">
                  <c:v>0.83578267494066116</c:v>
                </c:pt>
                <c:pt idx="5107">
                  <c:v>0.83578267494066116</c:v>
                </c:pt>
                <c:pt idx="5108">
                  <c:v>0.83578267494066116</c:v>
                </c:pt>
                <c:pt idx="5109">
                  <c:v>0.83578267494066116</c:v>
                </c:pt>
                <c:pt idx="5110">
                  <c:v>0.83578267494066116</c:v>
                </c:pt>
                <c:pt idx="5111">
                  <c:v>0.83578267494066116</c:v>
                </c:pt>
                <c:pt idx="5112">
                  <c:v>0.80691285588546835</c:v>
                </c:pt>
                <c:pt idx="5113">
                  <c:v>0.80691285588546835</c:v>
                </c:pt>
                <c:pt idx="5114">
                  <c:v>0.80691285588546835</c:v>
                </c:pt>
                <c:pt idx="5115">
                  <c:v>0.80691285588546835</c:v>
                </c:pt>
                <c:pt idx="5116">
                  <c:v>0.80691285588546835</c:v>
                </c:pt>
                <c:pt idx="5117">
                  <c:v>0.80691285588546835</c:v>
                </c:pt>
                <c:pt idx="5118">
                  <c:v>0.80691285588546835</c:v>
                </c:pt>
                <c:pt idx="5119">
                  <c:v>3.2880795952928583</c:v>
                </c:pt>
                <c:pt idx="5120">
                  <c:v>3.6688046010636102</c:v>
                </c:pt>
                <c:pt idx="5121">
                  <c:v>4.0495296068343629</c:v>
                </c:pt>
                <c:pt idx="5122">
                  <c:v>4.0495296068343629</c:v>
                </c:pt>
                <c:pt idx="5123">
                  <c:v>4.8455909825368435</c:v>
                </c:pt>
                <c:pt idx="5124">
                  <c:v>4.8455909825368435</c:v>
                </c:pt>
                <c:pt idx="5125">
                  <c:v>3.2188568669709037</c:v>
                </c:pt>
                <c:pt idx="5126">
                  <c:v>4.8455909825368435</c:v>
                </c:pt>
                <c:pt idx="5127">
                  <c:v>4.8455909825368435</c:v>
                </c:pt>
                <c:pt idx="5128">
                  <c:v>2.863301988302474</c:v>
                </c:pt>
                <c:pt idx="5129">
                  <c:v>1.2318937508458425</c:v>
                </c:pt>
                <c:pt idx="5130">
                  <c:v>0.80691285588546835</c:v>
                </c:pt>
                <c:pt idx="5131">
                  <c:v>0.80691285588546835</c:v>
                </c:pt>
                <c:pt idx="5132">
                  <c:v>0.80691285588546835</c:v>
                </c:pt>
                <c:pt idx="5133">
                  <c:v>0.80691285588546835</c:v>
                </c:pt>
                <c:pt idx="5134">
                  <c:v>0.80691285588546835</c:v>
                </c:pt>
                <c:pt idx="5135">
                  <c:v>0.80691285588546835</c:v>
                </c:pt>
                <c:pt idx="5136">
                  <c:v>0.80895560564202618</c:v>
                </c:pt>
                <c:pt idx="5137">
                  <c:v>0.80895560564202618</c:v>
                </c:pt>
                <c:pt idx="5138">
                  <c:v>0.80895560564202618</c:v>
                </c:pt>
                <c:pt idx="5139">
                  <c:v>0.80895560564202618</c:v>
                </c:pt>
                <c:pt idx="5140">
                  <c:v>0.80895560564202618</c:v>
                </c:pt>
                <c:pt idx="5141">
                  <c:v>0.80895560564202618</c:v>
                </c:pt>
                <c:pt idx="5142">
                  <c:v>0.80895560564202618</c:v>
                </c:pt>
                <c:pt idx="5143">
                  <c:v>3.2955271358668088</c:v>
                </c:pt>
                <c:pt idx="5144">
                  <c:v>3.6771144884408611</c:v>
                </c:pt>
                <c:pt idx="5145">
                  <c:v>4.0587018410149138</c:v>
                </c:pt>
                <c:pt idx="5146">
                  <c:v>4.0587018410149138</c:v>
                </c:pt>
                <c:pt idx="5147">
                  <c:v>4.85656630548793</c:v>
                </c:pt>
                <c:pt idx="5148">
                  <c:v>4.85656630548793</c:v>
                </c:pt>
                <c:pt idx="5149">
                  <c:v>3.2261476172169821</c:v>
                </c:pt>
                <c:pt idx="5150">
                  <c:v>4.85656630548793</c:v>
                </c:pt>
                <c:pt idx="5151">
                  <c:v>4.85656630548793</c:v>
                </c:pt>
                <c:pt idx="5152">
                  <c:v>2.8704470498983081</c:v>
                </c:pt>
                <c:pt idx="5153">
                  <c:v>1.2357898207143363</c:v>
                </c:pt>
                <c:pt idx="5154">
                  <c:v>0.80895560564202618</c:v>
                </c:pt>
                <c:pt idx="5155">
                  <c:v>0.80895560564202618</c:v>
                </c:pt>
                <c:pt idx="5156">
                  <c:v>0.80895560564202618</c:v>
                </c:pt>
                <c:pt idx="5157">
                  <c:v>0.80895560564202618</c:v>
                </c:pt>
                <c:pt idx="5158">
                  <c:v>0.80895560564202618</c:v>
                </c:pt>
                <c:pt idx="5159">
                  <c:v>0.80895560564202618</c:v>
                </c:pt>
                <c:pt idx="5160">
                  <c:v>1.3249465423494085</c:v>
                </c:pt>
                <c:pt idx="5161">
                  <c:v>0.81500392322626514</c:v>
                </c:pt>
                <c:pt idx="5162">
                  <c:v>0.81500392322626514</c:v>
                </c:pt>
                <c:pt idx="5163">
                  <c:v>0.81500392322626514</c:v>
                </c:pt>
                <c:pt idx="5164">
                  <c:v>0.81500392322626514</c:v>
                </c:pt>
                <c:pt idx="5165">
                  <c:v>0.81500392322626514</c:v>
                </c:pt>
                <c:pt idx="5166">
                  <c:v>0.81500392322626514</c:v>
                </c:pt>
                <c:pt idx="5167">
                  <c:v>3.4246678155440371</c:v>
                </c:pt>
                <c:pt idx="5168">
                  <c:v>4.2808347694300455</c:v>
                </c:pt>
                <c:pt idx="5169">
                  <c:v>4.7089182463730506</c:v>
                </c:pt>
                <c:pt idx="5170">
                  <c:v>4.7089182463730506</c:v>
                </c:pt>
                <c:pt idx="5171">
                  <c:v>5.5650852002590607</c:v>
                </c:pt>
                <c:pt idx="5172">
                  <c:v>5.5650852002590607</c:v>
                </c:pt>
                <c:pt idx="5173">
                  <c:v>3.8527512924870408</c:v>
                </c:pt>
                <c:pt idx="5174">
                  <c:v>5.5650852002590607</c:v>
                </c:pt>
                <c:pt idx="5175">
                  <c:v>4.2911575622452451</c:v>
                </c:pt>
                <c:pt idx="5176">
                  <c:v>2.0596300783839459</c:v>
                </c:pt>
                <c:pt idx="5177">
                  <c:v>1.3770520679880305</c:v>
                </c:pt>
                <c:pt idx="5178">
                  <c:v>0.85423027854342992</c:v>
                </c:pt>
                <c:pt idx="5179">
                  <c:v>0.81500392322626514</c:v>
                </c:pt>
                <c:pt idx="5180">
                  <c:v>0.81500392322626514</c:v>
                </c:pt>
                <c:pt idx="5181">
                  <c:v>0.81500392322626514</c:v>
                </c:pt>
                <c:pt idx="5182">
                  <c:v>0.81500392322626514</c:v>
                </c:pt>
                <c:pt idx="5183">
                  <c:v>0.81500392322626514</c:v>
                </c:pt>
                <c:pt idx="5184">
                  <c:v>0.60190559162118396</c:v>
                </c:pt>
                <c:pt idx="5185">
                  <c:v>0.55288763470940105</c:v>
                </c:pt>
                <c:pt idx="5186">
                  <c:v>0.55288763470940105</c:v>
                </c:pt>
                <c:pt idx="5187">
                  <c:v>0.55288763470940105</c:v>
                </c:pt>
                <c:pt idx="5188">
                  <c:v>0.55288763470940105</c:v>
                </c:pt>
                <c:pt idx="5189">
                  <c:v>0.55329504734194479</c:v>
                </c:pt>
                <c:pt idx="5190">
                  <c:v>0.55382468376425176</c:v>
                </c:pt>
                <c:pt idx="5191">
                  <c:v>0.55419135513354112</c:v>
                </c:pt>
                <c:pt idx="5192">
                  <c:v>0.55419135513354112</c:v>
                </c:pt>
                <c:pt idx="5193">
                  <c:v>0.55419135513354112</c:v>
                </c:pt>
                <c:pt idx="5194">
                  <c:v>0.55419135513354112</c:v>
                </c:pt>
                <c:pt idx="5195">
                  <c:v>0.55419135513354112</c:v>
                </c:pt>
                <c:pt idx="5196">
                  <c:v>0.55419135513354112</c:v>
                </c:pt>
                <c:pt idx="5197">
                  <c:v>0.55419135513354112</c:v>
                </c:pt>
                <c:pt idx="5198">
                  <c:v>0.55419135513354112</c:v>
                </c:pt>
                <c:pt idx="5199">
                  <c:v>0.5539061662907605</c:v>
                </c:pt>
                <c:pt idx="5200">
                  <c:v>0.55366171871123415</c:v>
                </c:pt>
                <c:pt idx="5201">
                  <c:v>0.55341727113170802</c:v>
                </c:pt>
                <c:pt idx="5202">
                  <c:v>0.55333578860519916</c:v>
                </c:pt>
                <c:pt idx="5203">
                  <c:v>0.55292837597265543</c:v>
                </c:pt>
                <c:pt idx="5204">
                  <c:v>0.55248022207685732</c:v>
                </c:pt>
                <c:pt idx="5205">
                  <c:v>0.55248022207685732</c:v>
                </c:pt>
                <c:pt idx="5206">
                  <c:v>0.55248022207685732</c:v>
                </c:pt>
                <c:pt idx="5207">
                  <c:v>0.55248022207685732</c:v>
                </c:pt>
                <c:pt idx="5208">
                  <c:v>0.56842441567045754</c:v>
                </c:pt>
                <c:pt idx="5209">
                  <c:v>0.56868259663371401</c:v>
                </c:pt>
                <c:pt idx="5210">
                  <c:v>0.56868259663371401</c:v>
                </c:pt>
                <c:pt idx="5211">
                  <c:v>0.56868259663371401</c:v>
                </c:pt>
                <c:pt idx="5212">
                  <c:v>0.56868259663371401</c:v>
                </c:pt>
                <c:pt idx="5213">
                  <c:v>0.56914732236757548</c:v>
                </c:pt>
                <c:pt idx="5214">
                  <c:v>0.56956041190878581</c:v>
                </c:pt>
                <c:pt idx="5215">
                  <c:v>0.57007677383529864</c:v>
                </c:pt>
                <c:pt idx="5216">
                  <c:v>0.57007677383529864</c:v>
                </c:pt>
                <c:pt idx="5217">
                  <c:v>0.57007677383529864</c:v>
                </c:pt>
                <c:pt idx="5218">
                  <c:v>0.57007677383529864</c:v>
                </c:pt>
                <c:pt idx="5219">
                  <c:v>0.57007677383529864</c:v>
                </c:pt>
                <c:pt idx="5220">
                  <c:v>0.57007677383529864</c:v>
                </c:pt>
                <c:pt idx="5221">
                  <c:v>0.57007677383529864</c:v>
                </c:pt>
                <c:pt idx="5222">
                  <c:v>0.57007677383529864</c:v>
                </c:pt>
                <c:pt idx="5223">
                  <c:v>0.56971532048673967</c:v>
                </c:pt>
                <c:pt idx="5224">
                  <c:v>0.56966368429408831</c:v>
                </c:pt>
                <c:pt idx="5225">
                  <c:v>0.56925059475287798</c:v>
                </c:pt>
                <c:pt idx="5226">
                  <c:v>0.56909568617492423</c:v>
                </c:pt>
                <c:pt idx="5227">
                  <c:v>0.56873423282636515</c:v>
                </c:pt>
                <c:pt idx="5228">
                  <c:v>0.56842441567045754</c:v>
                </c:pt>
                <c:pt idx="5229">
                  <c:v>0.56821787089985232</c:v>
                </c:pt>
                <c:pt idx="5230">
                  <c:v>0.56821787089985232</c:v>
                </c:pt>
                <c:pt idx="5231">
                  <c:v>0.56821787089985232</c:v>
                </c:pt>
                <c:pt idx="5232">
                  <c:v>0.95953281795437462</c:v>
                </c:pt>
                <c:pt idx="5233">
                  <c:v>0.95953281795437462</c:v>
                </c:pt>
                <c:pt idx="5234">
                  <c:v>0.95953281795437462</c:v>
                </c:pt>
                <c:pt idx="5235">
                  <c:v>0.95953281795437462</c:v>
                </c:pt>
                <c:pt idx="5236">
                  <c:v>0.95953281795437462</c:v>
                </c:pt>
                <c:pt idx="5237">
                  <c:v>0.95953281795437462</c:v>
                </c:pt>
                <c:pt idx="5238">
                  <c:v>0.95953281795437462</c:v>
                </c:pt>
                <c:pt idx="5239">
                  <c:v>4.0910938612022978</c:v>
                </c:pt>
                <c:pt idx="5240">
                  <c:v>4.6024805938525857</c:v>
                </c:pt>
                <c:pt idx="5241">
                  <c:v>5.1138673265028727</c:v>
                </c:pt>
                <c:pt idx="5242">
                  <c:v>5.1138673265028727</c:v>
                </c:pt>
                <c:pt idx="5243">
                  <c:v>6.1366407918034476</c:v>
                </c:pt>
                <c:pt idx="5244">
                  <c:v>6.1366407918034476</c:v>
                </c:pt>
                <c:pt idx="5245">
                  <c:v>4.0910938612022978</c:v>
                </c:pt>
                <c:pt idx="5246">
                  <c:v>6.1366407918034476</c:v>
                </c:pt>
                <c:pt idx="5247">
                  <c:v>6.1366407918034476</c:v>
                </c:pt>
                <c:pt idx="5248">
                  <c:v>3.6428556565415198</c:v>
                </c:pt>
                <c:pt idx="5249">
                  <c:v>1.1500383148119999</c:v>
                </c:pt>
                <c:pt idx="5250">
                  <c:v>1.0273492262664219</c:v>
                </c:pt>
                <c:pt idx="5251">
                  <c:v>1.0273492262664219</c:v>
                </c:pt>
                <c:pt idx="5252">
                  <c:v>1.0273492262664219</c:v>
                </c:pt>
                <c:pt idx="5253">
                  <c:v>1.0273492262664219</c:v>
                </c:pt>
                <c:pt idx="5254">
                  <c:v>1.0273492262664219</c:v>
                </c:pt>
                <c:pt idx="5255">
                  <c:v>1.0273492262664219</c:v>
                </c:pt>
                <c:pt idx="5256">
                  <c:v>0.57859746556523461</c:v>
                </c:pt>
                <c:pt idx="5257">
                  <c:v>0.86464536188157448</c:v>
                </c:pt>
                <c:pt idx="5258">
                  <c:v>0.86464536188157448</c:v>
                </c:pt>
                <c:pt idx="5259">
                  <c:v>0.86464536188157448</c:v>
                </c:pt>
                <c:pt idx="5260">
                  <c:v>0.86464536188157448</c:v>
                </c:pt>
                <c:pt idx="5261">
                  <c:v>0.86464536188157448</c:v>
                </c:pt>
                <c:pt idx="5262">
                  <c:v>0.86464536188157448</c:v>
                </c:pt>
                <c:pt idx="5263">
                  <c:v>3.601625712809382</c:v>
                </c:pt>
                <c:pt idx="5264">
                  <c:v>4.018656058503101</c:v>
                </c:pt>
                <c:pt idx="5265">
                  <c:v>4.4356864041968196</c:v>
                </c:pt>
                <c:pt idx="5266">
                  <c:v>4.4356864041968196</c:v>
                </c:pt>
                <c:pt idx="5267">
                  <c:v>5.3076589451927747</c:v>
                </c:pt>
                <c:pt idx="5268">
                  <c:v>5.3076589451927747</c:v>
                </c:pt>
                <c:pt idx="5269">
                  <c:v>3.5258020135923425</c:v>
                </c:pt>
                <c:pt idx="5270">
                  <c:v>5.3076589451927747</c:v>
                </c:pt>
                <c:pt idx="5271">
                  <c:v>5.3076589451927747</c:v>
                </c:pt>
                <c:pt idx="5272">
                  <c:v>3.1617540630510979</c:v>
                </c:pt>
                <c:pt idx="5273">
                  <c:v>1.3918637354420329</c:v>
                </c:pt>
                <c:pt idx="5274">
                  <c:v>0.89064971609215082</c:v>
                </c:pt>
                <c:pt idx="5275">
                  <c:v>0.89064971609215082</c:v>
                </c:pt>
                <c:pt idx="5276">
                  <c:v>0.89064971609215082</c:v>
                </c:pt>
                <c:pt idx="5277">
                  <c:v>0.89064971609215082</c:v>
                </c:pt>
                <c:pt idx="5278">
                  <c:v>0.89064971609215082</c:v>
                </c:pt>
                <c:pt idx="5279">
                  <c:v>0.89064971609215082</c:v>
                </c:pt>
                <c:pt idx="5280">
                  <c:v>0.89883659493056911</c:v>
                </c:pt>
                <c:pt idx="5281">
                  <c:v>0.89883659493056911</c:v>
                </c:pt>
                <c:pt idx="5282">
                  <c:v>0.89883659493056911</c:v>
                </c:pt>
                <c:pt idx="5283">
                  <c:v>0.89883659493056911</c:v>
                </c:pt>
                <c:pt idx="5284">
                  <c:v>0.89883659493056911</c:v>
                </c:pt>
                <c:pt idx="5285">
                  <c:v>0.89883659493056911</c:v>
                </c:pt>
                <c:pt idx="5286">
                  <c:v>0.89883659493056911</c:v>
                </c:pt>
                <c:pt idx="5287">
                  <c:v>3.6232189211206465</c:v>
                </c:pt>
                <c:pt idx="5288">
                  <c:v>4.0427495330398795</c:v>
                </c:pt>
                <c:pt idx="5289">
                  <c:v>4.462280144959113</c:v>
                </c:pt>
                <c:pt idx="5290">
                  <c:v>4.462280144959113</c:v>
                </c:pt>
                <c:pt idx="5291">
                  <c:v>5.3394805153356897</c:v>
                </c:pt>
                <c:pt idx="5292">
                  <c:v>5.3394805153356897</c:v>
                </c:pt>
                <c:pt idx="5293">
                  <c:v>3.5469406280444224</c:v>
                </c:pt>
                <c:pt idx="5294">
                  <c:v>5.3394805153356897</c:v>
                </c:pt>
                <c:pt idx="5295">
                  <c:v>5.3394805153356897</c:v>
                </c:pt>
                <c:pt idx="5296">
                  <c:v>3.1848297601150009</c:v>
                </c:pt>
                <c:pt idx="5297">
                  <c:v>1.4072168949280466</c:v>
                </c:pt>
                <c:pt idx="5298">
                  <c:v>0.89883659493056911</c:v>
                </c:pt>
                <c:pt idx="5299">
                  <c:v>0.89883659493056911</c:v>
                </c:pt>
                <c:pt idx="5300">
                  <c:v>0.89883659493056911</c:v>
                </c:pt>
                <c:pt idx="5301">
                  <c:v>0.89883659493056911</c:v>
                </c:pt>
                <c:pt idx="5302">
                  <c:v>0.89883659493056911</c:v>
                </c:pt>
                <c:pt idx="5303">
                  <c:v>0.89883659493056911</c:v>
                </c:pt>
                <c:pt idx="5304">
                  <c:v>0.89679384517401128</c:v>
                </c:pt>
                <c:pt idx="5305">
                  <c:v>0.89679384517401128</c:v>
                </c:pt>
                <c:pt idx="5306">
                  <c:v>0.89679384517401128</c:v>
                </c:pt>
                <c:pt idx="5307">
                  <c:v>0.89679384517401128</c:v>
                </c:pt>
                <c:pt idx="5308">
                  <c:v>0.89679384517401128</c:v>
                </c:pt>
                <c:pt idx="5309">
                  <c:v>0.89679384517401128</c:v>
                </c:pt>
                <c:pt idx="5310">
                  <c:v>0.89679384517401128</c:v>
                </c:pt>
                <c:pt idx="5311">
                  <c:v>3.615771380546696</c:v>
                </c:pt>
                <c:pt idx="5312">
                  <c:v>4.0344396456626299</c:v>
                </c:pt>
                <c:pt idx="5313">
                  <c:v>4.4531079107785621</c:v>
                </c:pt>
                <c:pt idx="5314">
                  <c:v>4.4531079107785621</c:v>
                </c:pt>
                <c:pt idx="5315">
                  <c:v>5.3285051923846041</c:v>
                </c:pt>
                <c:pt idx="5316">
                  <c:v>5.3285051923846041</c:v>
                </c:pt>
                <c:pt idx="5317">
                  <c:v>3.5396498777983441</c:v>
                </c:pt>
                <c:pt idx="5318">
                  <c:v>5.3285051923846041</c:v>
                </c:pt>
                <c:pt idx="5319">
                  <c:v>5.3285051923846041</c:v>
                </c:pt>
                <c:pt idx="5320">
                  <c:v>3.1776846985191676</c:v>
                </c:pt>
                <c:pt idx="5321">
                  <c:v>1.403320825059553</c:v>
                </c:pt>
                <c:pt idx="5322">
                  <c:v>0.89679384517401128</c:v>
                </c:pt>
                <c:pt idx="5323">
                  <c:v>0.89679384517401128</c:v>
                </c:pt>
                <c:pt idx="5324">
                  <c:v>0.89679384517401128</c:v>
                </c:pt>
                <c:pt idx="5325">
                  <c:v>0.89679384517401128</c:v>
                </c:pt>
                <c:pt idx="5326">
                  <c:v>0.89679384517401128</c:v>
                </c:pt>
                <c:pt idx="5327">
                  <c:v>0.89679384517401128</c:v>
                </c:pt>
                <c:pt idx="5328">
                  <c:v>1.2838335265195646</c:v>
                </c:pt>
                <c:pt idx="5329">
                  <c:v>0.78622306802478881</c:v>
                </c:pt>
                <c:pt idx="5330">
                  <c:v>0.78622306802478881</c:v>
                </c:pt>
                <c:pt idx="5331">
                  <c:v>0.78622306802478881</c:v>
                </c:pt>
                <c:pt idx="5332">
                  <c:v>0.78622306802478881</c:v>
                </c:pt>
                <c:pt idx="5333">
                  <c:v>0.78622306802478881</c:v>
                </c:pt>
                <c:pt idx="5334">
                  <c:v>0.78622306802478881</c:v>
                </c:pt>
                <c:pt idx="5335">
                  <c:v>3.31726740195595</c:v>
                </c:pt>
                <c:pt idx="5336">
                  <c:v>4.1465842524449377</c:v>
                </c:pt>
                <c:pt idx="5337">
                  <c:v>4.5612426776894317</c:v>
                </c:pt>
                <c:pt idx="5338">
                  <c:v>4.5612426776894317</c:v>
                </c:pt>
                <c:pt idx="5339">
                  <c:v>5.3905595281784198</c:v>
                </c:pt>
                <c:pt idx="5340">
                  <c:v>5.3905595281784198</c:v>
                </c:pt>
                <c:pt idx="5341">
                  <c:v>3.7319258272004441</c:v>
                </c:pt>
                <c:pt idx="5342">
                  <c:v>5.3905595281784198</c:v>
                </c:pt>
                <c:pt idx="5343">
                  <c:v>4.1535848789994807</c:v>
                </c:pt>
                <c:pt idx="5344">
                  <c:v>1.9805590126788502</c:v>
                </c:pt>
                <c:pt idx="5345">
                  <c:v>1.3191700224615428</c:v>
                </c:pt>
                <c:pt idx="5346">
                  <c:v>0.82450079560131007</c:v>
                </c:pt>
                <c:pt idx="5347">
                  <c:v>0.78622306802478881</c:v>
                </c:pt>
                <c:pt idx="5348">
                  <c:v>0.78622306802478881</c:v>
                </c:pt>
                <c:pt idx="5349">
                  <c:v>0.78622306802478881</c:v>
                </c:pt>
                <c:pt idx="5350">
                  <c:v>0.78622306802478881</c:v>
                </c:pt>
                <c:pt idx="5351">
                  <c:v>0.78622306802478881</c:v>
                </c:pt>
                <c:pt idx="5352">
                  <c:v>0.51418946204832305</c:v>
                </c:pt>
                <c:pt idx="5353">
                  <c:v>0.46902193488366578</c:v>
                </c:pt>
                <c:pt idx="5354">
                  <c:v>0.46902193488366578</c:v>
                </c:pt>
                <c:pt idx="5355">
                  <c:v>0.46902193488366578</c:v>
                </c:pt>
                <c:pt idx="5356">
                  <c:v>0.46902193488366578</c:v>
                </c:pt>
                <c:pt idx="5357">
                  <c:v>0.46914195382948154</c:v>
                </c:pt>
                <c:pt idx="5358">
                  <c:v>0.46929797845904203</c:v>
                </c:pt>
                <c:pt idx="5359">
                  <c:v>0.46940599551027623</c:v>
                </c:pt>
                <c:pt idx="5360">
                  <c:v>0.46940599551027623</c:v>
                </c:pt>
                <c:pt idx="5361">
                  <c:v>0.46940599551027623</c:v>
                </c:pt>
                <c:pt idx="5362">
                  <c:v>0.46940599551027623</c:v>
                </c:pt>
                <c:pt idx="5363">
                  <c:v>0.46940599551027623</c:v>
                </c:pt>
                <c:pt idx="5364">
                  <c:v>0.46940599551027623</c:v>
                </c:pt>
                <c:pt idx="5365">
                  <c:v>0.46940599551027623</c:v>
                </c:pt>
                <c:pt idx="5366">
                  <c:v>0.46940599551027623</c:v>
                </c:pt>
                <c:pt idx="5367">
                  <c:v>0.46932198224820521</c:v>
                </c:pt>
                <c:pt idx="5368">
                  <c:v>0.46924997088071574</c:v>
                </c:pt>
                <c:pt idx="5369">
                  <c:v>0.46917795951322627</c:v>
                </c:pt>
                <c:pt idx="5370">
                  <c:v>0.46915395572406315</c:v>
                </c:pt>
                <c:pt idx="5371">
                  <c:v>0.46903393677824734</c:v>
                </c:pt>
                <c:pt idx="5372">
                  <c:v>0.46890191593785002</c:v>
                </c:pt>
                <c:pt idx="5373">
                  <c:v>0.46890191593785002</c:v>
                </c:pt>
                <c:pt idx="5374">
                  <c:v>0.46890191593785002</c:v>
                </c:pt>
                <c:pt idx="5375">
                  <c:v>0.46890191593785002</c:v>
                </c:pt>
                <c:pt idx="5376">
                  <c:v>0.42644906329382215</c:v>
                </c:pt>
                <c:pt idx="5377">
                  <c:v>0.42644906329382215</c:v>
                </c:pt>
                <c:pt idx="5378">
                  <c:v>0.42644906329382215</c:v>
                </c:pt>
                <c:pt idx="5379">
                  <c:v>0.42644906329382215</c:v>
                </c:pt>
                <c:pt idx="5380">
                  <c:v>0.42644906329382215</c:v>
                </c:pt>
                <c:pt idx="5381">
                  <c:v>0.42644906329382215</c:v>
                </c:pt>
                <c:pt idx="5382">
                  <c:v>0.42644906329382215</c:v>
                </c:pt>
                <c:pt idx="5383">
                  <c:v>0.42644906329382215</c:v>
                </c:pt>
                <c:pt idx="5384">
                  <c:v>0.42644906329382215</c:v>
                </c:pt>
                <c:pt idx="5385">
                  <c:v>0.42644906329382215</c:v>
                </c:pt>
                <c:pt idx="5386">
                  <c:v>0.42644906329382215</c:v>
                </c:pt>
                <c:pt idx="5387">
                  <c:v>0.42644906329382215</c:v>
                </c:pt>
                <c:pt idx="5388">
                  <c:v>0.42644906329382215</c:v>
                </c:pt>
                <c:pt idx="5389">
                  <c:v>0.42644906329382215</c:v>
                </c:pt>
                <c:pt idx="5390">
                  <c:v>0.42644906329382215</c:v>
                </c:pt>
                <c:pt idx="5391">
                  <c:v>0.42644906329382215</c:v>
                </c:pt>
                <c:pt idx="5392">
                  <c:v>0.42644906329382215</c:v>
                </c:pt>
                <c:pt idx="5393">
                  <c:v>0.42644906329382215</c:v>
                </c:pt>
                <c:pt idx="5394">
                  <c:v>0.42644906329382215</c:v>
                </c:pt>
                <c:pt idx="5395">
                  <c:v>0.42644906329382215</c:v>
                </c:pt>
                <c:pt idx="5396">
                  <c:v>0.42644906329382215</c:v>
                </c:pt>
                <c:pt idx="5397">
                  <c:v>0.42644906329382215</c:v>
                </c:pt>
                <c:pt idx="5398">
                  <c:v>0.42644906329382215</c:v>
                </c:pt>
                <c:pt idx="5399">
                  <c:v>0.42644906329382215</c:v>
                </c:pt>
                <c:pt idx="5400">
                  <c:v>0.72613898154176981</c:v>
                </c:pt>
                <c:pt idx="5401">
                  <c:v>0.72613898154176981</c:v>
                </c:pt>
                <c:pt idx="5402">
                  <c:v>0.72613898154176981</c:v>
                </c:pt>
                <c:pt idx="5403">
                  <c:v>0.72613898154176981</c:v>
                </c:pt>
                <c:pt idx="5404">
                  <c:v>0.72613898154176981</c:v>
                </c:pt>
                <c:pt idx="5405">
                  <c:v>0.72613898154176981</c:v>
                </c:pt>
                <c:pt idx="5406">
                  <c:v>0.72613898154176981</c:v>
                </c:pt>
                <c:pt idx="5407">
                  <c:v>3.0933520613679395</c:v>
                </c:pt>
                <c:pt idx="5408">
                  <c:v>3.4800210690389317</c:v>
                </c:pt>
                <c:pt idx="5409">
                  <c:v>3.8666900767099244</c:v>
                </c:pt>
                <c:pt idx="5410">
                  <c:v>3.8666900767099244</c:v>
                </c:pt>
                <c:pt idx="5411">
                  <c:v>4.6400280920519084</c:v>
                </c:pt>
                <c:pt idx="5412">
                  <c:v>4.6400280920519084</c:v>
                </c:pt>
                <c:pt idx="5413">
                  <c:v>3.0933520613679395</c:v>
                </c:pt>
                <c:pt idx="5414">
                  <c:v>4.6400280920519084</c:v>
                </c:pt>
                <c:pt idx="5415">
                  <c:v>4.6400280920519084</c:v>
                </c:pt>
                <c:pt idx="5416">
                  <c:v>2.7066830536969468</c:v>
                </c:pt>
                <c:pt idx="5417">
                  <c:v>0.77333801534198487</c:v>
                </c:pt>
                <c:pt idx="5418">
                  <c:v>0.76244593061885835</c:v>
                </c:pt>
                <c:pt idx="5419">
                  <c:v>0.76244593061885835</c:v>
                </c:pt>
                <c:pt idx="5420">
                  <c:v>0.76244593061885835</c:v>
                </c:pt>
                <c:pt idx="5421">
                  <c:v>0.76244593061885835</c:v>
                </c:pt>
                <c:pt idx="5422">
                  <c:v>0.76244593061885835</c:v>
                </c:pt>
                <c:pt idx="5423">
                  <c:v>0.76244593061885835</c:v>
                </c:pt>
                <c:pt idx="5424">
                  <c:v>0.47950127491649047</c:v>
                </c:pt>
                <c:pt idx="5425">
                  <c:v>0.73066860939655698</c:v>
                </c:pt>
                <c:pt idx="5426">
                  <c:v>0.73066860939655698</c:v>
                </c:pt>
                <c:pt idx="5427">
                  <c:v>0.73066860939655698</c:v>
                </c:pt>
                <c:pt idx="5428">
                  <c:v>0.73066860939655698</c:v>
                </c:pt>
                <c:pt idx="5429">
                  <c:v>0.73066860939655698</c:v>
                </c:pt>
                <c:pt idx="5430">
                  <c:v>0.73066860939655698</c:v>
                </c:pt>
                <c:pt idx="5431">
                  <c:v>3.08022485648736</c:v>
                </c:pt>
                <c:pt idx="5432">
                  <c:v>3.4368824714490547</c:v>
                </c:pt>
                <c:pt idx="5433">
                  <c:v>3.7935400864107485</c:v>
                </c:pt>
                <c:pt idx="5434">
                  <c:v>3.7935400864107485</c:v>
                </c:pt>
                <c:pt idx="5435">
                  <c:v>4.5392787358761089</c:v>
                </c:pt>
                <c:pt idx="5436">
                  <c:v>4.5392787358761089</c:v>
                </c:pt>
                <c:pt idx="5437">
                  <c:v>3.0153780174034153</c:v>
                </c:pt>
                <c:pt idx="5438">
                  <c:v>4.5392787358761089</c:v>
                </c:pt>
                <c:pt idx="5439">
                  <c:v>4.5392787358761089</c:v>
                </c:pt>
                <c:pt idx="5440">
                  <c:v>2.6749321122127072</c:v>
                </c:pt>
                <c:pt idx="5441">
                  <c:v>1.1416697021821205</c:v>
                </c:pt>
                <c:pt idx="5442">
                  <c:v>0.75350200344019935</c:v>
                </c:pt>
                <c:pt idx="5443">
                  <c:v>0.75350200344019935</c:v>
                </c:pt>
                <c:pt idx="5444">
                  <c:v>0.75350200344019935</c:v>
                </c:pt>
                <c:pt idx="5445">
                  <c:v>0.75350200344019935</c:v>
                </c:pt>
                <c:pt idx="5446">
                  <c:v>0.75350200344019935</c:v>
                </c:pt>
                <c:pt idx="5447">
                  <c:v>0.75350200344019935</c:v>
                </c:pt>
                <c:pt idx="5448">
                  <c:v>0.74580213263027995</c:v>
                </c:pt>
                <c:pt idx="5449">
                  <c:v>0.74580213263027995</c:v>
                </c:pt>
                <c:pt idx="5450">
                  <c:v>0.74580213263027995</c:v>
                </c:pt>
                <c:pt idx="5451">
                  <c:v>0.74580213263027995</c:v>
                </c:pt>
                <c:pt idx="5452">
                  <c:v>0.74580213263027995</c:v>
                </c:pt>
                <c:pt idx="5453">
                  <c:v>0.74580213263027995</c:v>
                </c:pt>
                <c:pt idx="5454">
                  <c:v>0.74580213263027995</c:v>
                </c:pt>
                <c:pt idx="5455">
                  <c:v>3.0487487179340826</c:v>
                </c:pt>
                <c:pt idx="5456">
                  <c:v>3.4017617273790828</c:v>
                </c:pt>
                <c:pt idx="5457">
                  <c:v>3.7547747368240816</c:v>
                </c:pt>
                <c:pt idx="5458">
                  <c:v>3.7547747368240816</c:v>
                </c:pt>
                <c:pt idx="5459">
                  <c:v>4.4928928474818068</c:v>
                </c:pt>
                <c:pt idx="5460">
                  <c:v>4.4928928474818068</c:v>
                </c:pt>
                <c:pt idx="5461">
                  <c:v>2.9845645343986287</c:v>
                </c:pt>
                <c:pt idx="5462">
                  <c:v>4.4928928474818068</c:v>
                </c:pt>
                <c:pt idx="5463">
                  <c:v>4.4928928474818068</c:v>
                </c:pt>
                <c:pt idx="5464">
                  <c:v>2.647597570837493</c:v>
                </c:pt>
                <c:pt idx="5465">
                  <c:v>1.1300032312579997</c:v>
                </c:pt>
                <c:pt idx="5466">
                  <c:v>0.74580213263027995</c:v>
                </c:pt>
                <c:pt idx="5467">
                  <c:v>0.74580213263027995</c:v>
                </c:pt>
                <c:pt idx="5468">
                  <c:v>0.74580213263027995</c:v>
                </c:pt>
                <c:pt idx="5469">
                  <c:v>0.74580213263027995</c:v>
                </c:pt>
                <c:pt idx="5470">
                  <c:v>0.74580213263027995</c:v>
                </c:pt>
                <c:pt idx="5471">
                  <c:v>0.74580213263027995</c:v>
                </c:pt>
                <c:pt idx="5472">
                  <c:v>0.78852810807644813</c:v>
                </c:pt>
                <c:pt idx="5473">
                  <c:v>0.78852810807644813</c:v>
                </c:pt>
                <c:pt idx="5474">
                  <c:v>0.78852810807644813</c:v>
                </c:pt>
                <c:pt idx="5475">
                  <c:v>0.78852810807644813</c:v>
                </c:pt>
                <c:pt idx="5476">
                  <c:v>0.78852810807644813</c:v>
                </c:pt>
                <c:pt idx="5477">
                  <c:v>0.78852810807644813</c:v>
                </c:pt>
                <c:pt idx="5478">
                  <c:v>0.78852810807644813</c:v>
                </c:pt>
                <c:pt idx="5479">
                  <c:v>3.2210517301273009</c:v>
                </c:pt>
                <c:pt idx="5480">
                  <c:v>3.5940156146683564</c:v>
                </c:pt>
                <c:pt idx="5481">
                  <c:v>3.9669794992094123</c:v>
                </c:pt>
                <c:pt idx="5482">
                  <c:v>3.9669794992094123</c:v>
                </c:pt>
                <c:pt idx="5483">
                  <c:v>4.7468130759770757</c:v>
                </c:pt>
                <c:pt idx="5484">
                  <c:v>4.7468130759770757</c:v>
                </c:pt>
                <c:pt idx="5485">
                  <c:v>3.1532401147561999</c:v>
                </c:pt>
                <c:pt idx="5486">
                  <c:v>4.7468130759770757</c:v>
                </c:pt>
                <c:pt idx="5487">
                  <c:v>4.7468130759770757</c:v>
                </c:pt>
                <c:pt idx="5488">
                  <c:v>2.7989964339399687</c:v>
                </c:pt>
                <c:pt idx="5489">
                  <c:v>1.1968291220294021</c:v>
                </c:pt>
                <c:pt idx="5490">
                  <c:v>0.78852810807644813</c:v>
                </c:pt>
                <c:pt idx="5491">
                  <c:v>0.78852810807644813</c:v>
                </c:pt>
                <c:pt idx="5492">
                  <c:v>0.78852810807644813</c:v>
                </c:pt>
                <c:pt idx="5493">
                  <c:v>0.78852810807644813</c:v>
                </c:pt>
                <c:pt idx="5494">
                  <c:v>0.78852810807644813</c:v>
                </c:pt>
                <c:pt idx="5495">
                  <c:v>0.78852810807644813</c:v>
                </c:pt>
                <c:pt idx="5496">
                  <c:v>1.1734248257603106</c:v>
                </c:pt>
                <c:pt idx="5497">
                  <c:v>0.71116656106685494</c:v>
                </c:pt>
                <c:pt idx="5498">
                  <c:v>0.71116656106685494</c:v>
                </c:pt>
                <c:pt idx="5499">
                  <c:v>0.71116656106685494</c:v>
                </c:pt>
                <c:pt idx="5500">
                  <c:v>0.71116656106685494</c:v>
                </c:pt>
                <c:pt idx="5501">
                  <c:v>0.71116656106685494</c:v>
                </c:pt>
                <c:pt idx="5502">
                  <c:v>0.71116656106685494</c:v>
                </c:pt>
                <c:pt idx="5503">
                  <c:v>3.0295695501448021</c:v>
                </c:pt>
                <c:pt idx="5504">
                  <c:v>3.7869619376810024</c:v>
                </c:pt>
                <c:pt idx="5505">
                  <c:v>4.1656581314491037</c:v>
                </c:pt>
                <c:pt idx="5506">
                  <c:v>4.1656581314491037</c:v>
                </c:pt>
                <c:pt idx="5507">
                  <c:v>4.9230505189853035</c:v>
                </c:pt>
                <c:pt idx="5508">
                  <c:v>4.9230505189853035</c:v>
                </c:pt>
                <c:pt idx="5509">
                  <c:v>3.408265743912902</c:v>
                </c:pt>
                <c:pt idx="5510">
                  <c:v>4.9230505189853035</c:v>
                </c:pt>
                <c:pt idx="5511">
                  <c:v>3.7869619376810024</c:v>
                </c:pt>
                <c:pt idx="5512">
                  <c:v>1.7779164026671372</c:v>
                </c:pt>
                <c:pt idx="5513">
                  <c:v>1.1734248257603106</c:v>
                </c:pt>
                <c:pt idx="5514">
                  <c:v>0.74672488912019763</c:v>
                </c:pt>
                <c:pt idx="5515">
                  <c:v>0.71116656106685494</c:v>
                </c:pt>
                <c:pt idx="5516">
                  <c:v>0.71116656106685494</c:v>
                </c:pt>
                <c:pt idx="5517">
                  <c:v>0.71116656106685494</c:v>
                </c:pt>
                <c:pt idx="5518">
                  <c:v>0.71116656106685494</c:v>
                </c:pt>
                <c:pt idx="5519">
                  <c:v>0.71116656106685494</c:v>
                </c:pt>
                <c:pt idx="5520">
                  <c:v>0.46060317563104947</c:v>
                </c:pt>
                <c:pt idx="5521">
                  <c:v>0.41790492717919842</c:v>
                </c:pt>
                <c:pt idx="5522">
                  <c:v>0.41790492717919842</c:v>
                </c:pt>
                <c:pt idx="5523">
                  <c:v>0.41790492717919842</c:v>
                </c:pt>
                <c:pt idx="5524">
                  <c:v>0.41790492717919842</c:v>
                </c:pt>
                <c:pt idx="5525">
                  <c:v>0.41790492717919842</c:v>
                </c:pt>
                <c:pt idx="5526">
                  <c:v>0.41790492717919842</c:v>
                </c:pt>
                <c:pt idx="5527">
                  <c:v>0.41790492717919842</c:v>
                </c:pt>
                <c:pt idx="5528">
                  <c:v>0.41790492717919842</c:v>
                </c:pt>
                <c:pt idx="5529">
                  <c:v>0.41790492717919842</c:v>
                </c:pt>
                <c:pt idx="5530">
                  <c:v>0.41790492717919842</c:v>
                </c:pt>
                <c:pt idx="5531">
                  <c:v>0.41790492717919842</c:v>
                </c:pt>
                <c:pt idx="5532">
                  <c:v>0.41790492717919842</c:v>
                </c:pt>
                <c:pt idx="5533">
                  <c:v>0.41790492717919842</c:v>
                </c:pt>
                <c:pt idx="5534">
                  <c:v>0.41790492717919842</c:v>
                </c:pt>
                <c:pt idx="5535">
                  <c:v>0.41790492717919842</c:v>
                </c:pt>
                <c:pt idx="5536">
                  <c:v>0.41790492717919842</c:v>
                </c:pt>
                <c:pt idx="5537">
                  <c:v>0.41790492717919842</c:v>
                </c:pt>
                <c:pt idx="5538">
                  <c:v>0.41790492717919842</c:v>
                </c:pt>
                <c:pt idx="5539">
                  <c:v>0.41790492717919842</c:v>
                </c:pt>
                <c:pt idx="5540">
                  <c:v>0.41790492717919842</c:v>
                </c:pt>
                <c:pt idx="5541">
                  <c:v>0.41790492717919842</c:v>
                </c:pt>
                <c:pt idx="5542">
                  <c:v>0.41790492717919842</c:v>
                </c:pt>
                <c:pt idx="5543">
                  <c:v>0.41790492717919842</c:v>
                </c:pt>
                <c:pt idx="5544">
                  <c:v>0.38924132993360766</c:v>
                </c:pt>
                <c:pt idx="5545">
                  <c:v>0.38924132993360766</c:v>
                </c:pt>
                <c:pt idx="5546">
                  <c:v>0.38924132993360766</c:v>
                </c:pt>
                <c:pt idx="5547">
                  <c:v>0.38924132993360766</c:v>
                </c:pt>
                <c:pt idx="5548">
                  <c:v>0.38924132993360766</c:v>
                </c:pt>
                <c:pt idx="5549">
                  <c:v>0.38924132993360766</c:v>
                </c:pt>
                <c:pt idx="5550">
                  <c:v>0.38924132993360766</c:v>
                </c:pt>
                <c:pt idx="5551">
                  <c:v>0.38924132993360766</c:v>
                </c:pt>
                <c:pt idx="5552">
                  <c:v>0.38924132993360766</c:v>
                </c:pt>
                <c:pt idx="5553">
                  <c:v>0.38924132993360766</c:v>
                </c:pt>
                <c:pt idx="5554">
                  <c:v>0.38924132993360766</c:v>
                </c:pt>
                <c:pt idx="5555">
                  <c:v>0.38924132993360766</c:v>
                </c:pt>
                <c:pt idx="5556">
                  <c:v>0.38924132993360766</c:v>
                </c:pt>
                <c:pt idx="5557">
                  <c:v>0.38924132993360766</c:v>
                </c:pt>
                <c:pt idx="5558">
                  <c:v>0.38924132993360766</c:v>
                </c:pt>
                <c:pt idx="5559">
                  <c:v>0.38924132993360766</c:v>
                </c:pt>
                <c:pt idx="5560">
                  <c:v>0.38924132993360766</c:v>
                </c:pt>
                <c:pt idx="5561">
                  <c:v>0.38924132993360766</c:v>
                </c:pt>
                <c:pt idx="5562">
                  <c:v>0.38924132993360766</c:v>
                </c:pt>
                <c:pt idx="5563">
                  <c:v>0.38924132993360766</c:v>
                </c:pt>
                <c:pt idx="5564">
                  <c:v>0.38924132993360766</c:v>
                </c:pt>
                <c:pt idx="5565">
                  <c:v>0.38924132993360766</c:v>
                </c:pt>
                <c:pt idx="5566">
                  <c:v>0.38924132993360766</c:v>
                </c:pt>
                <c:pt idx="5567">
                  <c:v>0.38924132993360766</c:v>
                </c:pt>
                <c:pt idx="5568">
                  <c:v>0.6855256766381177</c:v>
                </c:pt>
                <c:pt idx="5569">
                  <c:v>0.6855256766381177</c:v>
                </c:pt>
                <c:pt idx="5570">
                  <c:v>0.6855256766381177</c:v>
                </c:pt>
                <c:pt idx="5571">
                  <c:v>0.6855256766381177</c:v>
                </c:pt>
                <c:pt idx="5572">
                  <c:v>0.6855256766381177</c:v>
                </c:pt>
                <c:pt idx="5573">
                  <c:v>0.6855256766381177</c:v>
                </c:pt>
                <c:pt idx="5574">
                  <c:v>0.6855256766381177</c:v>
                </c:pt>
                <c:pt idx="5575">
                  <c:v>2.9203393824783812</c:v>
                </c:pt>
                <c:pt idx="5576">
                  <c:v>3.2853818052881794</c:v>
                </c:pt>
                <c:pt idx="5577">
                  <c:v>3.6504242280979766</c:v>
                </c:pt>
                <c:pt idx="5578">
                  <c:v>3.6504242280979766</c:v>
                </c:pt>
                <c:pt idx="5579">
                  <c:v>4.3805090737175716</c:v>
                </c:pt>
                <c:pt idx="5580">
                  <c:v>4.3805090737175716</c:v>
                </c:pt>
                <c:pt idx="5581">
                  <c:v>2.9203393824783812</c:v>
                </c:pt>
                <c:pt idx="5582">
                  <c:v>4.3805090737175716</c:v>
                </c:pt>
                <c:pt idx="5583">
                  <c:v>4.3805090737175716</c:v>
                </c:pt>
                <c:pt idx="5584">
                  <c:v>2.5552969596685831</c:v>
                </c:pt>
                <c:pt idx="5585">
                  <c:v>0.7300848456195953</c:v>
                </c:pt>
                <c:pt idx="5586">
                  <c:v>0.71980196047002365</c:v>
                </c:pt>
                <c:pt idx="5587">
                  <c:v>0.71980196047002365</c:v>
                </c:pt>
                <c:pt idx="5588">
                  <c:v>0.71980196047002365</c:v>
                </c:pt>
                <c:pt idx="5589">
                  <c:v>0.71980196047002365</c:v>
                </c:pt>
                <c:pt idx="5590">
                  <c:v>0.71980196047002365</c:v>
                </c:pt>
                <c:pt idx="5591">
                  <c:v>0.71980196047002365</c:v>
                </c:pt>
                <c:pt idx="5592">
                  <c:v>0.45058712497326375</c:v>
                </c:pt>
                <c:pt idx="5593">
                  <c:v>0.68660895234021158</c:v>
                </c:pt>
                <c:pt idx="5594">
                  <c:v>0.68660895234021158</c:v>
                </c:pt>
                <c:pt idx="5595">
                  <c:v>0.68660895234021158</c:v>
                </c:pt>
                <c:pt idx="5596">
                  <c:v>0.68660895234021158</c:v>
                </c:pt>
                <c:pt idx="5597">
                  <c:v>0.68660895234021158</c:v>
                </c:pt>
                <c:pt idx="5598">
                  <c:v>0.68660895234021158</c:v>
                </c:pt>
                <c:pt idx="5599">
                  <c:v>2.8944858647092038</c:v>
                </c:pt>
                <c:pt idx="5600">
                  <c:v>3.2296368595702694</c:v>
                </c:pt>
                <c:pt idx="5601">
                  <c:v>3.5647878544313358</c:v>
                </c:pt>
                <c:pt idx="5602">
                  <c:v>3.5647878544313358</c:v>
                </c:pt>
                <c:pt idx="5603">
                  <c:v>4.2655581164135628</c:v>
                </c:pt>
                <c:pt idx="5604">
                  <c:v>4.2655581164135628</c:v>
                </c:pt>
                <c:pt idx="5605">
                  <c:v>2.8335493201890096</c:v>
                </c:pt>
                <c:pt idx="5606">
                  <c:v>4.2655581164135628</c:v>
                </c:pt>
                <c:pt idx="5607">
                  <c:v>4.2655581164135628</c:v>
                </c:pt>
                <c:pt idx="5608">
                  <c:v>2.513632461457993</c:v>
                </c:pt>
                <c:pt idx="5609">
                  <c:v>1.0728264880315805</c:v>
                </c:pt>
                <c:pt idx="5610">
                  <c:v>0.70806548210084297</c:v>
                </c:pt>
                <c:pt idx="5611">
                  <c:v>0.70806548210084297</c:v>
                </c:pt>
                <c:pt idx="5612">
                  <c:v>0.70806548210084297</c:v>
                </c:pt>
                <c:pt idx="5613">
                  <c:v>0.70806548210084297</c:v>
                </c:pt>
                <c:pt idx="5614">
                  <c:v>0.70806548210084297</c:v>
                </c:pt>
                <c:pt idx="5615">
                  <c:v>0.70806548210084297</c:v>
                </c:pt>
                <c:pt idx="5616">
                  <c:v>0.72122692729180815</c:v>
                </c:pt>
                <c:pt idx="5617">
                  <c:v>0.72122692729180815</c:v>
                </c:pt>
                <c:pt idx="5618">
                  <c:v>0.72122692729180815</c:v>
                </c:pt>
                <c:pt idx="5619">
                  <c:v>0.72122692729180815</c:v>
                </c:pt>
                <c:pt idx="5620">
                  <c:v>0.72122692729180815</c:v>
                </c:pt>
                <c:pt idx="5621">
                  <c:v>0.72122692729180815</c:v>
                </c:pt>
                <c:pt idx="5622">
                  <c:v>0.72122692729180815</c:v>
                </c:pt>
                <c:pt idx="5623">
                  <c:v>2.948288257323179</c:v>
                </c:pt>
                <c:pt idx="5624">
                  <c:v>3.2896690029079694</c:v>
                </c:pt>
                <c:pt idx="5625">
                  <c:v>3.6310497484927584</c:v>
                </c:pt>
                <c:pt idx="5626">
                  <c:v>3.6310497484927584</c:v>
                </c:pt>
                <c:pt idx="5627">
                  <c:v>4.3448458528973175</c:v>
                </c:pt>
                <c:pt idx="5628">
                  <c:v>4.3448458528973175</c:v>
                </c:pt>
                <c:pt idx="5629">
                  <c:v>2.8862190308532178</c:v>
                </c:pt>
                <c:pt idx="5630">
                  <c:v>4.3448458528973175</c:v>
                </c:pt>
                <c:pt idx="5631">
                  <c:v>4.3448458528973175</c:v>
                </c:pt>
                <c:pt idx="5632">
                  <c:v>2.5603555918859189</c:v>
                </c:pt>
                <c:pt idx="5633">
                  <c:v>1.0927680716542552</c:v>
                </c:pt>
                <c:pt idx="5634">
                  <c:v>0.72122692729180815</c:v>
                </c:pt>
                <c:pt idx="5635">
                  <c:v>0.72122692729180815</c:v>
                </c:pt>
                <c:pt idx="5636">
                  <c:v>0.72122692729180815</c:v>
                </c:pt>
                <c:pt idx="5637">
                  <c:v>0.72122692729180815</c:v>
                </c:pt>
                <c:pt idx="5638">
                  <c:v>0.72122692729180815</c:v>
                </c:pt>
                <c:pt idx="5639">
                  <c:v>0.72122692729180815</c:v>
                </c:pt>
                <c:pt idx="5640">
                  <c:v>0.73214924077557353</c:v>
                </c:pt>
                <c:pt idx="5641">
                  <c:v>0.73214924077557353</c:v>
                </c:pt>
                <c:pt idx="5642">
                  <c:v>0.73214924077557353</c:v>
                </c:pt>
                <c:pt idx="5643">
                  <c:v>0.73214924077557353</c:v>
                </c:pt>
                <c:pt idx="5644">
                  <c:v>0.73214924077557353</c:v>
                </c:pt>
                <c:pt idx="5645">
                  <c:v>0.73214924077557353</c:v>
                </c:pt>
                <c:pt idx="5646">
                  <c:v>0.73214924077557353</c:v>
                </c:pt>
                <c:pt idx="5647">
                  <c:v>2.9929373509280257</c:v>
                </c:pt>
                <c:pt idx="5648">
                  <c:v>3.3394879915617963</c:v>
                </c:pt>
                <c:pt idx="5649">
                  <c:v>3.6860386321955692</c:v>
                </c:pt>
                <c:pt idx="5650">
                  <c:v>3.6860386321955692</c:v>
                </c:pt>
                <c:pt idx="5651">
                  <c:v>4.4106445171570892</c:v>
                </c:pt>
                <c:pt idx="5652">
                  <c:v>4.4106445171570892</c:v>
                </c:pt>
                <c:pt idx="5653">
                  <c:v>2.9299281435400668</c:v>
                </c:pt>
                <c:pt idx="5654">
                  <c:v>4.4106445171570892</c:v>
                </c:pt>
                <c:pt idx="5655">
                  <c:v>4.4106445171570892</c:v>
                </c:pt>
                <c:pt idx="5656">
                  <c:v>2.5991298047532854</c:v>
                </c:pt>
                <c:pt idx="5657">
                  <c:v>1.1093170314781413</c:v>
                </c:pt>
                <c:pt idx="5658">
                  <c:v>0.73214924077557353</c:v>
                </c:pt>
                <c:pt idx="5659">
                  <c:v>0.73214924077557353</c:v>
                </c:pt>
                <c:pt idx="5660">
                  <c:v>0.73214924077557353</c:v>
                </c:pt>
                <c:pt idx="5661">
                  <c:v>0.73214924077557353</c:v>
                </c:pt>
                <c:pt idx="5662">
                  <c:v>0.73214924077557353</c:v>
                </c:pt>
                <c:pt idx="5663">
                  <c:v>0.73214924077557353</c:v>
                </c:pt>
                <c:pt idx="5664">
                  <c:v>1.0836846414954211</c:v>
                </c:pt>
                <c:pt idx="5665">
                  <c:v>0.65677857060328559</c:v>
                </c:pt>
                <c:pt idx="5666">
                  <c:v>0.65677857060328559</c:v>
                </c:pt>
                <c:pt idx="5667">
                  <c:v>0.65677857060328559</c:v>
                </c:pt>
                <c:pt idx="5668">
                  <c:v>0.65677857060328559</c:v>
                </c:pt>
                <c:pt idx="5669">
                  <c:v>0.65677857060328559</c:v>
                </c:pt>
                <c:pt idx="5670">
                  <c:v>0.65677857060328559</c:v>
                </c:pt>
                <c:pt idx="5671">
                  <c:v>2.7978767107699967</c:v>
                </c:pt>
                <c:pt idx="5672">
                  <c:v>3.4973458884624953</c:v>
                </c:pt>
                <c:pt idx="5673">
                  <c:v>3.8470804773087455</c:v>
                </c:pt>
                <c:pt idx="5674">
                  <c:v>3.8470804773087455</c:v>
                </c:pt>
                <c:pt idx="5675">
                  <c:v>4.5465496550012441</c:v>
                </c:pt>
                <c:pt idx="5676">
                  <c:v>4.5465496550012441</c:v>
                </c:pt>
                <c:pt idx="5677">
                  <c:v>3.1476112996162464</c:v>
                </c:pt>
                <c:pt idx="5678">
                  <c:v>4.5465496550012441</c:v>
                </c:pt>
                <c:pt idx="5679">
                  <c:v>3.4973458884624953</c:v>
                </c:pt>
                <c:pt idx="5680">
                  <c:v>1.6419464265082142</c:v>
                </c:pt>
                <c:pt idx="5681">
                  <c:v>1.0836846414954211</c:v>
                </c:pt>
                <c:pt idx="5682">
                  <c:v>0.68961749913344972</c:v>
                </c:pt>
                <c:pt idx="5683">
                  <c:v>0.65677857060328559</c:v>
                </c:pt>
                <c:pt idx="5684">
                  <c:v>0.65677857060328559</c:v>
                </c:pt>
                <c:pt idx="5685">
                  <c:v>0.65677857060328559</c:v>
                </c:pt>
                <c:pt idx="5686">
                  <c:v>0.65677857060328559</c:v>
                </c:pt>
                <c:pt idx="5687">
                  <c:v>0.65677857060328559</c:v>
                </c:pt>
                <c:pt idx="5688">
                  <c:v>0.42860262765241325</c:v>
                </c:pt>
                <c:pt idx="5689">
                  <c:v>0.38752996916322474</c:v>
                </c:pt>
                <c:pt idx="5690">
                  <c:v>0.38752996916322474</c:v>
                </c:pt>
                <c:pt idx="5691">
                  <c:v>0.38752996916322474</c:v>
                </c:pt>
                <c:pt idx="5692">
                  <c:v>0.38752996916322474</c:v>
                </c:pt>
                <c:pt idx="5693">
                  <c:v>0.38752996916322474</c:v>
                </c:pt>
                <c:pt idx="5694">
                  <c:v>0.38752996916322474</c:v>
                </c:pt>
                <c:pt idx="5695">
                  <c:v>0.38752996916322474</c:v>
                </c:pt>
                <c:pt idx="5696">
                  <c:v>0.38752996916322474</c:v>
                </c:pt>
                <c:pt idx="5697">
                  <c:v>0.38752996916322474</c:v>
                </c:pt>
                <c:pt idx="5698">
                  <c:v>0.38752996916322474</c:v>
                </c:pt>
                <c:pt idx="5699">
                  <c:v>0.38752996916322474</c:v>
                </c:pt>
                <c:pt idx="5700">
                  <c:v>0.38752996916322474</c:v>
                </c:pt>
                <c:pt idx="5701">
                  <c:v>0.38752996916322474</c:v>
                </c:pt>
                <c:pt idx="5702">
                  <c:v>0.38752996916322474</c:v>
                </c:pt>
                <c:pt idx="5703">
                  <c:v>0.38752996916322474</c:v>
                </c:pt>
                <c:pt idx="5704">
                  <c:v>0.38752996916322474</c:v>
                </c:pt>
                <c:pt idx="5705">
                  <c:v>0.38752996916322474</c:v>
                </c:pt>
                <c:pt idx="5706">
                  <c:v>0.38752996916322474</c:v>
                </c:pt>
                <c:pt idx="5707">
                  <c:v>0.38752996916322474</c:v>
                </c:pt>
                <c:pt idx="5708">
                  <c:v>0.38752996916322474</c:v>
                </c:pt>
                <c:pt idx="5709">
                  <c:v>0.38752996916322474</c:v>
                </c:pt>
                <c:pt idx="5710">
                  <c:v>0.38752996916322474</c:v>
                </c:pt>
                <c:pt idx="5711">
                  <c:v>0.38752996916322474</c:v>
                </c:pt>
                <c:pt idx="5712">
                  <c:v>0.450301593572283</c:v>
                </c:pt>
                <c:pt idx="5713">
                  <c:v>0.45032980031042924</c:v>
                </c:pt>
                <c:pt idx="5714">
                  <c:v>0.45032980031042924</c:v>
                </c:pt>
                <c:pt idx="5715">
                  <c:v>0.45032980031042924</c:v>
                </c:pt>
                <c:pt idx="5716">
                  <c:v>0.45032980031042924</c:v>
                </c:pt>
                <c:pt idx="5717">
                  <c:v>0.4503805724390923</c:v>
                </c:pt>
                <c:pt idx="5718">
                  <c:v>0.45042570322012621</c:v>
                </c:pt>
                <c:pt idx="5719">
                  <c:v>0.45048211669641858</c:v>
                </c:pt>
                <c:pt idx="5720">
                  <c:v>0.45048211669641858</c:v>
                </c:pt>
                <c:pt idx="5721">
                  <c:v>0.45048211669641858</c:v>
                </c:pt>
                <c:pt idx="5722">
                  <c:v>0.45048211669641858</c:v>
                </c:pt>
                <c:pt idx="5723">
                  <c:v>0.45048211669641858</c:v>
                </c:pt>
                <c:pt idx="5724">
                  <c:v>0.45048211669641858</c:v>
                </c:pt>
                <c:pt idx="5725">
                  <c:v>0.45048211669641858</c:v>
                </c:pt>
                <c:pt idx="5726">
                  <c:v>0.45048211669641858</c:v>
                </c:pt>
                <c:pt idx="5727">
                  <c:v>0.45044262726301393</c:v>
                </c:pt>
                <c:pt idx="5728">
                  <c:v>0.45043698591538467</c:v>
                </c:pt>
                <c:pt idx="5729">
                  <c:v>0.45039185513435076</c:v>
                </c:pt>
                <c:pt idx="5730">
                  <c:v>0.45037493109146304</c:v>
                </c:pt>
                <c:pt idx="5731">
                  <c:v>0.45033544165805839</c:v>
                </c:pt>
                <c:pt idx="5732">
                  <c:v>0.450301593572283</c:v>
                </c:pt>
                <c:pt idx="5733">
                  <c:v>0.45027902818176607</c:v>
                </c:pt>
                <c:pt idx="5734">
                  <c:v>0.45027902818176607</c:v>
                </c:pt>
                <c:pt idx="5735">
                  <c:v>0.45027902818176607</c:v>
                </c:pt>
                <c:pt idx="5736">
                  <c:v>0.78424062160717534</c:v>
                </c:pt>
                <c:pt idx="5737">
                  <c:v>0.78424062160717534</c:v>
                </c:pt>
                <c:pt idx="5738">
                  <c:v>0.78424062160717534</c:v>
                </c:pt>
                <c:pt idx="5739">
                  <c:v>0.78424062160717534</c:v>
                </c:pt>
                <c:pt idx="5740">
                  <c:v>0.78424062160717534</c:v>
                </c:pt>
                <c:pt idx="5741">
                  <c:v>0.78424062160717534</c:v>
                </c:pt>
                <c:pt idx="5742">
                  <c:v>0.78424062160717534</c:v>
                </c:pt>
                <c:pt idx="5743">
                  <c:v>3.341613631046954</c:v>
                </c:pt>
                <c:pt idx="5744">
                  <c:v>3.7593153349278228</c:v>
                </c:pt>
                <c:pt idx="5745">
                  <c:v>4.1770170388086916</c:v>
                </c:pt>
                <c:pt idx="5746">
                  <c:v>4.1770170388086916</c:v>
                </c:pt>
                <c:pt idx="5747">
                  <c:v>5.0124204465704292</c:v>
                </c:pt>
                <c:pt idx="5748">
                  <c:v>5.0124204465704292</c:v>
                </c:pt>
                <c:pt idx="5749">
                  <c:v>3.341613631046954</c:v>
                </c:pt>
                <c:pt idx="5750">
                  <c:v>5.0124204465704292</c:v>
                </c:pt>
                <c:pt idx="5751">
                  <c:v>5.0124204465704292</c:v>
                </c:pt>
                <c:pt idx="5752">
                  <c:v>2.9374799940480947</c:v>
                </c:pt>
                <c:pt idx="5753">
                  <c:v>0.86274748124808986</c:v>
                </c:pt>
                <c:pt idx="5754">
                  <c:v>0.82771541699529216</c:v>
                </c:pt>
                <c:pt idx="5755">
                  <c:v>0.82771541699529216</c:v>
                </c:pt>
                <c:pt idx="5756">
                  <c:v>0.82771541699529216</c:v>
                </c:pt>
                <c:pt idx="5757">
                  <c:v>0.82771541699529216</c:v>
                </c:pt>
                <c:pt idx="5758">
                  <c:v>0.82771541699529216</c:v>
                </c:pt>
                <c:pt idx="5759">
                  <c:v>0.82771541699529216</c:v>
                </c:pt>
                <c:pt idx="5760">
                  <c:v>0.58319176970767128</c:v>
                </c:pt>
                <c:pt idx="5761">
                  <c:v>0.87061653030702202</c:v>
                </c:pt>
                <c:pt idx="5762">
                  <c:v>0.87061653030702202</c:v>
                </c:pt>
                <c:pt idx="5763">
                  <c:v>0.87061653030702202</c:v>
                </c:pt>
                <c:pt idx="5764">
                  <c:v>0.87061653030702202</c:v>
                </c:pt>
                <c:pt idx="5765">
                  <c:v>0.87061653030702202</c:v>
                </c:pt>
                <c:pt idx="5766">
                  <c:v>0.87061653030702202</c:v>
                </c:pt>
                <c:pt idx="5767">
                  <c:v>3.6241736896841865</c:v>
                </c:pt>
                <c:pt idx="5768">
                  <c:v>4.0438148537528829</c:v>
                </c:pt>
                <c:pt idx="5769">
                  <c:v>4.463456017821577</c:v>
                </c:pt>
                <c:pt idx="5770">
                  <c:v>4.463456017821577</c:v>
                </c:pt>
                <c:pt idx="5771">
                  <c:v>5.3408875426924851</c:v>
                </c:pt>
                <c:pt idx="5772">
                  <c:v>5.3408875426924851</c:v>
                </c:pt>
                <c:pt idx="5773">
                  <c:v>3.5478752962171516</c:v>
                </c:pt>
                <c:pt idx="5774">
                  <c:v>5.3408875426924851</c:v>
                </c:pt>
                <c:pt idx="5775">
                  <c:v>5.3408875426924851</c:v>
                </c:pt>
                <c:pt idx="5776">
                  <c:v>3.1833928920598651</c:v>
                </c:pt>
                <c:pt idx="5777">
                  <c:v>1.4036643422929636</c:v>
                </c:pt>
                <c:pt idx="5778">
                  <c:v>0.89674605399787199</c:v>
                </c:pt>
                <c:pt idx="5779">
                  <c:v>0.89674605399787199</c:v>
                </c:pt>
                <c:pt idx="5780">
                  <c:v>0.89674605399787199</c:v>
                </c:pt>
                <c:pt idx="5781">
                  <c:v>0.89674605399787199</c:v>
                </c:pt>
                <c:pt idx="5782">
                  <c:v>0.89674605399787199</c:v>
                </c:pt>
                <c:pt idx="5783">
                  <c:v>0.89674605399787199</c:v>
                </c:pt>
                <c:pt idx="5784">
                  <c:v>0.92130684225270487</c:v>
                </c:pt>
                <c:pt idx="5785">
                  <c:v>0.92130684225270487</c:v>
                </c:pt>
                <c:pt idx="5786">
                  <c:v>0.92130684225270487</c:v>
                </c:pt>
                <c:pt idx="5787">
                  <c:v>0.92130684225270487</c:v>
                </c:pt>
                <c:pt idx="5788">
                  <c:v>0.92130684225270487</c:v>
                </c:pt>
                <c:pt idx="5789">
                  <c:v>0.92130684225270487</c:v>
                </c:pt>
                <c:pt idx="5790">
                  <c:v>0.92130684225270487</c:v>
                </c:pt>
                <c:pt idx="5791">
                  <c:v>3.7051418674341052</c:v>
                </c:pt>
                <c:pt idx="5792">
                  <c:v>4.1341582941896338</c:v>
                </c:pt>
                <c:pt idx="5793">
                  <c:v>4.5631747209451623</c:v>
                </c:pt>
                <c:pt idx="5794">
                  <c:v>4.5631747209451623</c:v>
                </c:pt>
                <c:pt idx="5795">
                  <c:v>5.4602090677976305</c:v>
                </c:pt>
                <c:pt idx="5796">
                  <c:v>5.4602090677976305</c:v>
                </c:pt>
                <c:pt idx="5797">
                  <c:v>3.6271388807512825</c:v>
                </c:pt>
                <c:pt idx="5798">
                  <c:v>5.4602090677976305</c:v>
                </c:pt>
                <c:pt idx="5799">
                  <c:v>5.4602090677976305</c:v>
                </c:pt>
                <c:pt idx="5800">
                  <c:v>3.2634254376691745</c:v>
                </c:pt>
                <c:pt idx="5801">
                  <c:v>1.4500736634814737</c:v>
                </c:pt>
                <c:pt idx="5802">
                  <c:v>0.92130684225270487</c:v>
                </c:pt>
                <c:pt idx="5803">
                  <c:v>0.92130684225270487</c:v>
                </c:pt>
                <c:pt idx="5804">
                  <c:v>0.92130684225270487</c:v>
                </c:pt>
                <c:pt idx="5805">
                  <c:v>0.92130684225270487</c:v>
                </c:pt>
                <c:pt idx="5806">
                  <c:v>0.92130684225270487</c:v>
                </c:pt>
                <c:pt idx="5807">
                  <c:v>0.92130684225270487</c:v>
                </c:pt>
                <c:pt idx="5808">
                  <c:v>0.87636634760843335</c:v>
                </c:pt>
                <c:pt idx="5809">
                  <c:v>0.87636634760843335</c:v>
                </c:pt>
                <c:pt idx="5810">
                  <c:v>0.87636634760843335</c:v>
                </c:pt>
                <c:pt idx="5811">
                  <c:v>0.87636634760843335</c:v>
                </c:pt>
                <c:pt idx="5812">
                  <c:v>0.87636634760843335</c:v>
                </c:pt>
                <c:pt idx="5813">
                  <c:v>0.87636634760843335</c:v>
                </c:pt>
                <c:pt idx="5814">
                  <c:v>0.87636634760843335</c:v>
                </c:pt>
                <c:pt idx="5815">
                  <c:v>3.5412959748071868</c:v>
                </c:pt>
                <c:pt idx="5816">
                  <c:v>3.9513407718901243</c:v>
                </c:pt>
                <c:pt idx="5817">
                  <c:v>4.3613855689730627</c:v>
                </c:pt>
                <c:pt idx="5818">
                  <c:v>4.3613855689730627</c:v>
                </c:pt>
                <c:pt idx="5819">
                  <c:v>5.2187519628737489</c:v>
                </c:pt>
                <c:pt idx="5820">
                  <c:v>5.2187519628737489</c:v>
                </c:pt>
                <c:pt idx="5821">
                  <c:v>3.4667423753375619</c:v>
                </c:pt>
                <c:pt idx="5822">
                  <c:v>5.2187519628737489</c:v>
                </c:pt>
                <c:pt idx="5823">
                  <c:v>5.2187519628737489</c:v>
                </c:pt>
                <c:pt idx="5824">
                  <c:v>3.1062340825608272</c:v>
                </c:pt>
                <c:pt idx="5825">
                  <c:v>1.3643601263746188</c:v>
                </c:pt>
                <c:pt idx="5826">
                  <c:v>0.87636634760843335</c:v>
                </c:pt>
                <c:pt idx="5827">
                  <c:v>0.87636634760843335</c:v>
                </c:pt>
                <c:pt idx="5828">
                  <c:v>0.87636634760843335</c:v>
                </c:pt>
                <c:pt idx="5829">
                  <c:v>0.87636634760843335</c:v>
                </c:pt>
                <c:pt idx="5830">
                  <c:v>0.87636634760843335</c:v>
                </c:pt>
                <c:pt idx="5831">
                  <c:v>0.87636634760843335</c:v>
                </c:pt>
                <c:pt idx="5832">
                  <c:v>1.256424849299669</c:v>
                </c:pt>
                <c:pt idx="5833">
                  <c:v>0.7670358312238047</c:v>
                </c:pt>
                <c:pt idx="5834">
                  <c:v>0.7670358312238047</c:v>
                </c:pt>
                <c:pt idx="5835">
                  <c:v>0.7670358312238047</c:v>
                </c:pt>
                <c:pt idx="5836">
                  <c:v>0.7670358312238047</c:v>
                </c:pt>
                <c:pt idx="5837">
                  <c:v>0.7670358312238047</c:v>
                </c:pt>
                <c:pt idx="5838">
                  <c:v>0.7670358312238047</c:v>
                </c:pt>
                <c:pt idx="5839">
                  <c:v>3.2456671262305599</c:v>
                </c:pt>
                <c:pt idx="5840">
                  <c:v>4.0570839077881997</c:v>
                </c:pt>
                <c:pt idx="5841">
                  <c:v>4.4627922985670203</c:v>
                </c:pt>
                <c:pt idx="5842">
                  <c:v>4.4627922985670203</c:v>
                </c:pt>
                <c:pt idx="5843">
                  <c:v>5.2742090801246588</c:v>
                </c:pt>
                <c:pt idx="5844">
                  <c:v>5.2742090801246588</c:v>
                </c:pt>
                <c:pt idx="5845">
                  <c:v>3.6513755170093791</c:v>
                </c:pt>
                <c:pt idx="5846">
                  <c:v>5.2742090801246588</c:v>
                </c:pt>
                <c:pt idx="5847">
                  <c:v>4.0618697568356383</c:v>
                </c:pt>
                <c:pt idx="5848">
                  <c:v>1.9278449688754522</c:v>
                </c:pt>
                <c:pt idx="5849">
                  <c:v>1.280581992110551</c:v>
                </c:pt>
                <c:pt idx="5850">
                  <c:v>0.80468114030656357</c:v>
                </c:pt>
                <c:pt idx="5851">
                  <c:v>0.7670358312238047</c:v>
                </c:pt>
                <c:pt idx="5852">
                  <c:v>0.7670358312238047</c:v>
                </c:pt>
                <c:pt idx="5853">
                  <c:v>0.7670358312238047</c:v>
                </c:pt>
                <c:pt idx="5854">
                  <c:v>0.7670358312238047</c:v>
                </c:pt>
                <c:pt idx="5855">
                  <c:v>0.7670358312238047</c:v>
                </c:pt>
                <c:pt idx="5856">
                  <c:v>0.52314008751494145</c:v>
                </c:pt>
                <c:pt idx="5857">
                  <c:v>0.47757965935567953</c:v>
                </c:pt>
                <c:pt idx="5858">
                  <c:v>0.47757965935567953</c:v>
                </c:pt>
                <c:pt idx="5859">
                  <c:v>0.47757965935567953</c:v>
                </c:pt>
                <c:pt idx="5860">
                  <c:v>0.47757965935567953</c:v>
                </c:pt>
                <c:pt idx="5861">
                  <c:v>0.4777290041878961</c:v>
                </c:pt>
                <c:pt idx="5862">
                  <c:v>0.47792315246977768</c:v>
                </c:pt>
                <c:pt idx="5863">
                  <c:v>0.4780575628187726</c:v>
                </c:pt>
                <c:pt idx="5864">
                  <c:v>0.4780575628187726</c:v>
                </c:pt>
                <c:pt idx="5865">
                  <c:v>0.4780575628187726</c:v>
                </c:pt>
                <c:pt idx="5866">
                  <c:v>0.4780575628187726</c:v>
                </c:pt>
                <c:pt idx="5867">
                  <c:v>0.4780575628187726</c:v>
                </c:pt>
                <c:pt idx="5868">
                  <c:v>0.4780575628187726</c:v>
                </c:pt>
                <c:pt idx="5869">
                  <c:v>0.4780575628187726</c:v>
                </c:pt>
                <c:pt idx="5870">
                  <c:v>0.4780575628187726</c:v>
                </c:pt>
                <c:pt idx="5871">
                  <c:v>0.47795302143622098</c:v>
                </c:pt>
                <c:pt idx="5872">
                  <c:v>0.47786341453689107</c:v>
                </c:pt>
                <c:pt idx="5873">
                  <c:v>0.47777380763756111</c:v>
                </c:pt>
                <c:pt idx="5874">
                  <c:v>0.47774393867111775</c:v>
                </c:pt>
                <c:pt idx="5875">
                  <c:v>0.47759459383890118</c:v>
                </c:pt>
                <c:pt idx="5876">
                  <c:v>0.47743031452346302</c:v>
                </c:pt>
                <c:pt idx="5877">
                  <c:v>0.47743031452346302</c:v>
                </c:pt>
                <c:pt idx="5878">
                  <c:v>0.47743031452346302</c:v>
                </c:pt>
                <c:pt idx="5879">
                  <c:v>0.47743031452346302</c:v>
                </c:pt>
                <c:pt idx="5880">
                  <c:v>0.49309971752089699</c:v>
                </c:pt>
                <c:pt idx="5881">
                  <c:v>0.49321124825364832</c:v>
                </c:pt>
                <c:pt idx="5882">
                  <c:v>0.49321124825364832</c:v>
                </c:pt>
                <c:pt idx="5883">
                  <c:v>0.49321124825364832</c:v>
                </c:pt>
                <c:pt idx="5884">
                  <c:v>0.49321124825364832</c:v>
                </c:pt>
                <c:pt idx="5885">
                  <c:v>0.49341200357260068</c:v>
                </c:pt>
                <c:pt idx="5886">
                  <c:v>0.49359045274500285</c:v>
                </c:pt>
                <c:pt idx="5887">
                  <c:v>0.49381351421050557</c:v>
                </c:pt>
                <c:pt idx="5888">
                  <c:v>0.49381351421050557</c:v>
                </c:pt>
                <c:pt idx="5889">
                  <c:v>0.49381351421050557</c:v>
                </c:pt>
                <c:pt idx="5890">
                  <c:v>0.49381351421050557</c:v>
                </c:pt>
                <c:pt idx="5891">
                  <c:v>0.49381351421050557</c:v>
                </c:pt>
                <c:pt idx="5892">
                  <c:v>0.49381351421050557</c:v>
                </c:pt>
                <c:pt idx="5893">
                  <c:v>0.49381351421050557</c:v>
                </c:pt>
                <c:pt idx="5894">
                  <c:v>0.49381351421050557</c:v>
                </c:pt>
                <c:pt idx="5895">
                  <c:v>0.49365737118465364</c:v>
                </c:pt>
                <c:pt idx="5896">
                  <c:v>0.49363506503810339</c:v>
                </c:pt>
                <c:pt idx="5897">
                  <c:v>0.49345661586570128</c:v>
                </c:pt>
                <c:pt idx="5898">
                  <c:v>0.49338969742605049</c:v>
                </c:pt>
                <c:pt idx="5899">
                  <c:v>0.49323355440019856</c:v>
                </c:pt>
                <c:pt idx="5900">
                  <c:v>0.49309971752089699</c:v>
                </c:pt>
                <c:pt idx="5901">
                  <c:v>0.49301049293469595</c:v>
                </c:pt>
                <c:pt idx="5902">
                  <c:v>0.49301049293469595</c:v>
                </c:pt>
                <c:pt idx="5903">
                  <c:v>0.49301049293469595</c:v>
                </c:pt>
                <c:pt idx="5904">
                  <c:v>0.82641052814922455</c:v>
                </c:pt>
                <c:pt idx="5905">
                  <c:v>0.82641052814922455</c:v>
                </c:pt>
                <c:pt idx="5906">
                  <c:v>0.82641052814922455</c:v>
                </c:pt>
                <c:pt idx="5907">
                  <c:v>0.82641052814922455</c:v>
                </c:pt>
                <c:pt idx="5908">
                  <c:v>0.82641052814922455</c:v>
                </c:pt>
                <c:pt idx="5909">
                  <c:v>0.82641052814922455</c:v>
                </c:pt>
                <c:pt idx="5910">
                  <c:v>0.82641052814922455</c:v>
                </c:pt>
                <c:pt idx="5911">
                  <c:v>3.5222228942277098</c:v>
                </c:pt>
                <c:pt idx="5912">
                  <c:v>3.9625007560061745</c:v>
                </c:pt>
                <c:pt idx="5913">
                  <c:v>4.4027786177846382</c:v>
                </c:pt>
                <c:pt idx="5914">
                  <c:v>4.4027786177846382</c:v>
                </c:pt>
                <c:pt idx="5915">
                  <c:v>5.2833343413415648</c:v>
                </c:pt>
                <c:pt idx="5916">
                  <c:v>5.2833343413415648</c:v>
                </c:pt>
                <c:pt idx="5917">
                  <c:v>3.5222228942277098</c:v>
                </c:pt>
                <c:pt idx="5918">
                  <c:v>5.2833343413415648</c:v>
                </c:pt>
                <c:pt idx="5919">
                  <c:v>5.2833343413415648</c:v>
                </c:pt>
                <c:pt idx="5920">
                  <c:v>3.1130120856044918</c:v>
                </c:pt>
                <c:pt idx="5921">
                  <c:v>0.94316595328742248</c:v>
                </c:pt>
                <c:pt idx="5922">
                  <c:v>0.87749158466676291</c:v>
                </c:pt>
                <c:pt idx="5923">
                  <c:v>0.87749158466676291</c:v>
                </c:pt>
                <c:pt idx="5924">
                  <c:v>0.87749158466676291</c:v>
                </c:pt>
                <c:pt idx="5925">
                  <c:v>0.87749158466676291</c:v>
                </c:pt>
                <c:pt idx="5926">
                  <c:v>0.87749158466676291</c:v>
                </c:pt>
                <c:pt idx="5927">
                  <c:v>0.87749158466676291</c:v>
                </c:pt>
                <c:pt idx="5928">
                  <c:v>0.56022024899548839</c:v>
                </c:pt>
                <c:pt idx="5929">
                  <c:v>0.84076068817978511</c:v>
                </c:pt>
                <c:pt idx="5930">
                  <c:v>0.84076068817978511</c:v>
                </c:pt>
                <c:pt idx="5931">
                  <c:v>0.84076068817978511</c:v>
                </c:pt>
                <c:pt idx="5932">
                  <c:v>0.84076068817978511</c:v>
                </c:pt>
                <c:pt idx="5933">
                  <c:v>0.84076068817978511</c:v>
                </c:pt>
                <c:pt idx="5934">
                  <c:v>0.84076068817978511</c:v>
                </c:pt>
                <c:pt idx="5935">
                  <c:v>3.5114338053101668</c:v>
                </c:pt>
                <c:pt idx="5936">
                  <c:v>3.9180208775039751</c:v>
                </c:pt>
                <c:pt idx="5937">
                  <c:v>4.3246079496977838</c:v>
                </c:pt>
                <c:pt idx="5938">
                  <c:v>4.3246079496977838</c:v>
                </c:pt>
                <c:pt idx="5939">
                  <c:v>5.1747445551939295</c:v>
                </c:pt>
                <c:pt idx="5940">
                  <c:v>5.1747445551939295</c:v>
                </c:pt>
                <c:pt idx="5941">
                  <c:v>3.43750888309311</c:v>
                </c:pt>
                <c:pt idx="5942">
                  <c:v>5.1747445551939295</c:v>
                </c:pt>
                <c:pt idx="5943">
                  <c:v>5.1747445551939295</c:v>
                </c:pt>
                <c:pt idx="5944">
                  <c:v>3.0751987470160311</c:v>
                </c:pt>
                <c:pt idx="5945">
                  <c:v>1.3446613080383114</c:v>
                </c:pt>
                <c:pt idx="5946">
                  <c:v>0.86626436446926658</c:v>
                </c:pt>
                <c:pt idx="5947">
                  <c:v>0.86626436446926658</c:v>
                </c:pt>
                <c:pt idx="5948">
                  <c:v>0.86626436446926658</c:v>
                </c:pt>
                <c:pt idx="5949">
                  <c:v>0.86626436446926658</c:v>
                </c:pt>
                <c:pt idx="5950">
                  <c:v>0.86626436446926658</c:v>
                </c:pt>
                <c:pt idx="5951">
                  <c:v>0.86626436446926658</c:v>
                </c:pt>
                <c:pt idx="5952">
                  <c:v>0.82938310320760411</c:v>
                </c:pt>
                <c:pt idx="5953">
                  <c:v>0.82938310320760411</c:v>
                </c:pt>
                <c:pt idx="5954">
                  <c:v>0.82938310320760411</c:v>
                </c:pt>
                <c:pt idx="5955">
                  <c:v>0.82938310320760411</c:v>
                </c:pt>
                <c:pt idx="5956">
                  <c:v>0.82938310320760411</c:v>
                </c:pt>
                <c:pt idx="5957">
                  <c:v>0.82938310320760411</c:v>
                </c:pt>
                <c:pt idx="5958">
                  <c:v>0.82938310320760411</c:v>
                </c:pt>
                <c:pt idx="5959">
                  <c:v>3.370002541606318</c:v>
                </c:pt>
                <c:pt idx="5960">
                  <c:v>3.7602133622133653</c:v>
                </c:pt>
                <c:pt idx="5961">
                  <c:v>4.150424182820414</c:v>
                </c:pt>
                <c:pt idx="5962">
                  <c:v>4.150424182820414</c:v>
                </c:pt>
                <c:pt idx="5963">
                  <c:v>4.9663195349987843</c:v>
                </c:pt>
                <c:pt idx="5964">
                  <c:v>4.9663195349987843</c:v>
                </c:pt>
                <c:pt idx="5965">
                  <c:v>3.2990551196777642</c:v>
                </c:pt>
                <c:pt idx="5966">
                  <c:v>4.9663195349987843</c:v>
                </c:pt>
                <c:pt idx="5967">
                  <c:v>4.9663195349987843</c:v>
                </c:pt>
                <c:pt idx="5968">
                  <c:v>2.9418976658566476</c:v>
                </c:pt>
                <c:pt idx="5969">
                  <c:v>1.2747505193992705</c:v>
                </c:pt>
                <c:pt idx="5970">
                  <c:v>0.82938310320760411</c:v>
                </c:pt>
                <c:pt idx="5971">
                  <c:v>0.82938310320760411</c:v>
                </c:pt>
                <c:pt idx="5972">
                  <c:v>0.82938310320760411</c:v>
                </c:pt>
                <c:pt idx="5973">
                  <c:v>0.82938310320760411</c:v>
                </c:pt>
                <c:pt idx="5974">
                  <c:v>0.82938310320760411</c:v>
                </c:pt>
                <c:pt idx="5975">
                  <c:v>0.82938310320760411</c:v>
                </c:pt>
                <c:pt idx="5976">
                  <c:v>0.82325485393793063</c:v>
                </c:pt>
                <c:pt idx="5977">
                  <c:v>0.82325485393793063</c:v>
                </c:pt>
                <c:pt idx="5978">
                  <c:v>0.82325485393793063</c:v>
                </c:pt>
                <c:pt idx="5979">
                  <c:v>0.82325485393793063</c:v>
                </c:pt>
                <c:pt idx="5980">
                  <c:v>0.82325485393793063</c:v>
                </c:pt>
                <c:pt idx="5981">
                  <c:v>0.82325485393793063</c:v>
                </c:pt>
                <c:pt idx="5982">
                  <c:v>0.82325485393793063</c:v>
                </c:pt>
                <c:pt idx="5983">
                  <c:v>3.3476599198844648</c:v>
                </c:pt>
                <c:pt idx="5984">
                  <c:v>3.7352837000816135</c:v>
                </c:pt>
                <c:pt idx="5985">
                  <c:v>4.1229074802787622</c:v>
                </c:pt>
                <c:pt idx="5986">
                  <c:v>4.1229074802787622</c:v>
                </c:pt>
                <c:pt idx="5987">
                  <c:v>4.9333935661455275</c:v>
                </c:pt>
                <c:pt idx="5988">
                  <c:v>4.9333935661455275</c:v>
                </c:pt>
                <c:pt idx="5989">
                  <c:v>3.277182868939529</c:v>
                </c:pt>
                <c:pt idx="5990">
                  <c:v>4.9333935661455275</c:v>
                </c:pt>
                <c:pt idx="5991">
                  <c:v>4.9333935661455275</c:v>
                </c:pt>
                <c:pt idx="5992">
                  <c:v>2.9204624810691451</c:v>
                </c:pt>
                <c:pt idx="5993">
                  <c:v>1.2630623097937899</c:v>
                </c:pt>
                <c:pt idx="5994">
                  <c:v>0.82325485393793063</c:v>
                </c:pt>
                <c:pt idx="5995">
                  <c:v>0.82325485393793063</c:v>
                </c:pt>
                <c:pt idx="5996">
                  <c:v>0.82325485393793063</c:v>
                </c:pt>
                <c:pt idx="5997">
                  <c:v>0.82325485393793063</c:v>
                </c:pt>
                <c:pt idx="5998">
                  <c:v>0.82325485393793063</c:v>
                </c:pt>
                <c:pt idx="5999">
                  <c:v>0.82325485393793063</c:v>
                </c:pt>
                <c:pt idx="6000">
                  <c:v>1.2344979075237525</c:v>
                </c:pt>
                <c:pt idx="6001">
                  <c:v>0.75168604178301757</c:v>
                </c:pt>
                <c:pt idx="6002">
                  <c:v>0.75168604178301757</c:v>
                </c:pt>
                <c:pt idx="6003">
                  <c:v>0.75168604178301757</c:v>
                </c:pt>
                <c:pt idx="6004">
                  <c:v>0.75168604178301757</c:v>
                </c:pt>
                <c:pt idx="6005">
                  <c:v>0.75168604178301757</c:v>
                </c:pt>
                <c:pt idx="6006">
                  <c:v>0.75168604178301757</c:v>
                </c:pt>
                <c:pt idx="6007">
                  <c:v>3.1883869056502467</c:v>
                </c:pt>
                <c:pt idx="6008">
                  <c:v>3.9854836320628091</c:v>
                </c:pt>
                <c:pt idx="6009">
                  <c:v>4.3840319952690896</c:v>
                </c:pt>
                <c:pt idx="6010">
                  <c:v>4.3840319952690896</c:v>
                </c:pt>
                <c:pt idx="6011">
                  <c:v>5.1811287216816515</c:v>
                </c:pt>
                <c:pt idx="6012">
                  <c:v>5.1811287216816515</c:v>
                </c:pt>
                <c:pt idx="6013">
                  <c:v>3.5869352688565281</c:v>
                </c:pt>
                <c:pt idx="6014">
                  <c:v>5.1811287216816515</c:v>
                </c:pt>
                <c:pt idx="6015">
                  <c:v>3.9884976591045649</c:v>
                </c:pt>
                <c:pt idx="6016">
                  <c:v>1.8856737338327347</c:v>
                </c:pt>
                <c:pt idx="6017">
                  <c:v>1.2497115678297577</c:v>
                </c:pt>
                <c:pt idx="6018">
                  <c:v>0.78882541607076651</c:v>
                </c:pt>
                <c:pt idx="6019">
                  <c:v>0.75168604178301757</c:v>
                </c:pt>
                <c:pt idx="6020">
                  <c:v>0.75168604178301757</c:v>
                </c:pt>
                <c:pt idx="6021">
                  <c:v>0.75168604178301757</c:v>
                </c:pt>
                <c:pt idx="6022">
                  <c:v>0.75168604178301757</c:v>
                </c:pt>
                <c:pt idx="6023">
                  <c:v>0.75168604178301757</c:v>
                </c:pt>
                <c:pt idx="6024">
                  <c:v>0.50702896167502831</c:v>
                </c:pt>
                <c:pt idx="6025">
                  <c:v>0.46217575530605465</c:v>
                </c:pt>
                <c:pt idx="6026">
                  <c:v>0.46217575530605465</c:v>
                </c:pt>
                <c:pt idx="6027">
                  <c:v>0.46217575530605465</c:v>
                </c:pt>
                <c:pt idx="6028">
                  <c:v>0.46217575530605465</c:v>
                </c:pt>
                <c:pt idx="6029">
                  <c:v>0.46227231354274978</c:v>
                </c:pt>
                <c:pt idx="6030">
                  <c:v>0.46239783925045341</c:v>
                </c:pt>
                <c:pt idx="6031">
                  <c:v>0.46248474166347903</c:v>
                </c:pt>
                <c:pt idx="6032">
                  <c:v>0.46248474166347903</c:v>
                </c:pt>
                <c:pt idx="6033">
                  <c:v>0.46248474166347903</c:v>
                </c:pt>
                <c:pt idx="6034">
                  <c:v>0.46248474166347903</c:v>
                </c:pt>
                <c:pt idx="6035">
                  <c:v>0.46248474166347903</c:v>
                </c:pt>
                <c:pt idx="6036">
                  <c:v>0.46248474166347903</c:v>
                </c:pt>
                <c:pt idx="6037">
                  <c:v>0.46248474166347903</c:v>
                </c:pt>
                <c:pt idx="6038">
                  <c:v>0.46248474166347903</c:v>
                </c:pt>
                <c:pt idx="6039">
                  <c:v>0.46241715089779245</c:v>
                </c:pt>
                <c:pt idx="6040">
                  <c:v>0.46235921595577539</c:v>
                </c:pt>
                <c:pt idx="6041">
                  <c:v>0.46230128101375834</c:v>
                </c:pt>
                <c:pt idx="6042">
                  <c:v>0.4622819693664193</c:v>
                </c:pt>
                <c:pt idx="6043">
                  <c:v>0.46218541112972417</c:v>
                </c:pt>
                <c:pt idx="6044">
                  <c:v>0.46207919706935957</c:v>
                </c:pt>
                <c:pt idx="6045">
                  <c:v>0.46207919706935957</c:v>
                </c:pt>
                <c:pt idx="6046">
                  <c:v>0.46207919706935957</c:v>
                </c:pt>
                <c:pt idx="6047">
                  <c:v>0.46207919706935957</c:v>
                </c:pt>
                <c:pt idx="6048">
                  <c:v>0.46913276810967319</c:v>
                </c:pt>
                <c:pt idx="6049">
                  <c:v>0.46919763740544562</c:v>
                </c:pt>
                <c:pt idx="6050">
                  <c:v>0.46919763740544562</c:v>
                </c:pt>
                <c:pt idx="6051">
                  <c:v>0.46919763740544562</c:v>
                </c:pt>
                <c:pt idx="6052">
                  <c:v>0.46919763740544562</c:v>
                </c:pt>
                <c:pt idx="6053">
                  <c:v>0.46931440213783598</c:v>
                </c:pt>
                <c:pt idx="6054">
                  <c:v>0.4694181930110719</c:v>
                </c:pt>
                <c:pt idx="6055">
                  <c:v>0.46954793160261682</c:v>
                </c:pt>
                <c:pt idx="6056">
                  <c:v>0.46954793160261682</c:v>
                </c:pt>
                <c:pt idx="6057">
                  <c:v>0.46954793160261682</c:v>
                </c:pt>
                <c:pt idx="6058">
                  <c:v>0.46954793160261682</c:v>
                </c:pt>
                <c:pt idx="6059">
                  <c:v>0.46954793160261682</c:v>
                </c:pt>
                <c:pt idx="6060">
                  <c:v>0.46954793160261682</c:v>
                </c:pt>
                <c:pt idx="6061">
                  <c:v>0.46954793160261682</c:v>
                </c:pt>
                <c:pt idx="6062">
                  <c:v>0.46954793160261682</c:v>
                </c:pt>
                <c:pt idx="6063">
                  <c:v>0.4694571145885354</c:v>
                </c:pt>
                <c:pt idx="6064">
                  <c:v>0.4694441407293809</c:v>
                </c:pt>
                <c:pt idx="6065">
                  <c:v>0.46934034985614498</c:v>
                </c:pt>
                <c:pt idx="6066">
                  <c:v>0.46930142827868154</c:v>
                </c:pt>
                <c:pt idx="6067">
                  <c:v>0.46921061126460012</c:v>
                </c:pt>
                <c:pt idx="6068">
                  <c:v>0.46913276810967319</c:v>
                </c:pt>
                <c:pt idx="6069">
                  <c:v>0.4690808726730552</c:v>
                </c:pt>
                <c:pt idx="6070">
                  <c:v>0.4690808726730552</c:v>
                </c:pt>
                <c:pt idx="6071">
                  <c:v>0.4690808726730552</c:v>
                </c:pt>
                <c:pt idx="6072">
                  <c:v>0.74841079390828857</c:v>
                </c:pt>
                <c:pt idx="6073">
                  <c:v>0.74841079390828857</c:v>
                </c:pt>
                <c:pt idx="6074">
                  <c:v>0.74841079390828857</c:v>
                </c:pt>
                <c:pt idx="6075">
                  <c:v>0.74841079390828857</c:v>
                </c:pt>
                <c:pt idx="6076">
                  <c:v>0.74841079390828857</c:v>
                </c:pt>
                <c:pt idx="6077">
                  <c:v>0.74841079390828857</c:v>
                </c:pt>
                <c:pt idx="6078">
                  <c:v>0.74841079390828857</c:v>
                </c:pt>
                <c:pt idx="6079">
                  <c:v>3.1882299820493092</c:v>
                </c:pt>
                <c:pt idx="6080">
                  <c:v>3.5867587298054731</c:v>
                </c:pt>
                <c:pt idx="6081">
                  <c:v>3.9852874775616374</c:v>
                </c:pt>
                <c:pt idx="6082">
                  <c:v>3.9852874775616374</c:v>
                </c:pt>
                <c:pt idx="6083">
                  <c:v>4.7823449730739647</c:v>
                </c:pt>
                <c:pt idx="6084">
                  <c:v>4.7823449730739647</c:v>
                </c:pt>
                <c:pt idx="6085">
                  <c:v>3.1882299820493092</c:v>
                </c:pt>
                <c:pt idx="6086">
                  <c:v>4.7823449730739647</c:v>
                </c:pt>
                <c:pt idx="6087">
                  <c:v>4.7823449730739647</c:v>
                </c:pt>
                <c:pt idx="6088">
                  <c:v>2.7897012342931453</c:v>
                </c:pt>
                <c:pt idx="6089">
                  <c:v>0.7970574955123273</c:v>
                </c:pt>
                <c:pt idx="6090">
                  <c:v>0.78583133360370294</c:v>
                </c:pt>
                <c:pt idx="6091">
                  <c:v>0.78583133360370294</c:v>
                </c:pt>
                <c:pt idx="6092">
                  <c:v>0.78583133360370294</c:v>
                </c:pt>
                <c:pt idx="6093">
                  <c:v>0.78583133360370294</c:v>
                </c:pt>
                <c:pt idx="6094">
                  <c:v>0.78583133360370294</c:v>
                </c:pt>
                <c:pt idx="6095">
                  <c:v>0.78583133360370294</c:v>
                </c:pt>
                <c:pt idx="6096">
                  <c:v>0.49527262943097761</c:v>
                </c:pt>
                <c:pt idx="6097">
                  <c:v>0.75470114960910872</c:v>
                </c:pt>
                <c:pt idx="6098">
                  <c:v>0.75470114960910872</c:v>
                </c:pt>
                <c:pt idx="6099">
                  <c:v>0.75470114960910872</c:v>
                </c:pt>
                <c:pt idx="6100">
                  <c:v>0.75470114960910872</c:v>
                </c:pt>
                <c:pt idx="6101">
                  <c:v>0.75470114960910872</c:v>
                </c:pt>
                <c:pt idx="6102">
                  <c:v>0.75470114960910872</c:v>
                </c:pt>
                <c:pt idx="6103">
                  <c:v>3.181537033820899</c:v>
                </c:pt>
                <c:pt idx="6104">
                  <c:v>3.5499255324738455</c:v>
                </c:pt>
                <c:pt idx="6105">
                  <c:v>3.9183140311267923</c:v>
                </c:pt>
                <c:pt idx="6106">
                  <c:v>3.9183140311267923</c:v>
                </c:pt>
                <c:pt idx="6107">
                  <c:v>4.6885808919465886</c:v>
                </c:pt>
                <c:pt idx="6108">
                  <c:v>4.6885808919465886</c:v>
                </c:pt>
                <c:pt idx="6109">
                  <c:v>3.114557306793091</c:v>
                </c:pt>
                <c:pt idx="6110">
                  <c:v>4.6885808919465886</c:v>
                </c:pt>
                <c:pt idx="6111">
                  <c:v>4.6885808919465886</c:v>
                </c:pt>
                <c:pt idx="6112">
                  <c:v>2.7629137398970971</c:v>
                </c:pt>
                <c:pt idx="6113">
                  <c:v>1.1792205462642324</c:v>
                </c:pt>
                <c:pt idx="6114">
                  <c:v>0.77828556053439346</c:v>
                </c:pt>
                <c:pt idx="6115">
                  <c:v>0.77828556053439346</c:v>
                </c:pt>
                <c:pt idx="6116">
                  <c:v>0.77828556053439346</c:v>
                </c:pt>
                <c:pt idx="6117">
                  <c:v>0.77828556053439346</c:v>
                </c:pt>
                <c:pt idx="6118">
                  <c:v>0.77828556053439346</c:v>
                </c:pt>
                <c:pt idx="6119">
                  <c:v>0.77828556053439346</c:v>
                </c:pt>
                <c:pt idx="6120">
                  <c:v>0.76901204878328067</c:v>
                </c:pt>
                <c:pt idx="6121">
                  <c:v>0.76901204878328067</c:v>
                </c:pt>
                <c:pt idx="6122">
                  <c:v>0.76901204878328067</c:v>
                </c:pt>
                <c:pt idx="6123">
                  <c:v>0.76901204878328067</c:v>
                </c:pt>
                <c:pt idx="6124">
                  <c:v>0.76901204878328067</c:v>
                </c:pt>
                <c:pt idx="6125">
                  <c:v>0.76901204878328067</c:v>
                </c:pt>
                <c:pt idx="6126">
                  <c:v>0.76901204878328067</c:v>
                </c:pt>
                <c:pt idx="6127">
                  <c:v>3.1436280418443809</c:v>
                </c:pt>
                <c:pt idx="6128">
                  <c:v>3.5076270782684666</c:v>
                </c:pt>
                <c:pt idx="6129">
                  <c:v>3.8716261146925532</c:v>
                </c:pt>
                <c:pt idx="6130">
                  <c:v>3.8716261146925532</c:v>
                </c:pt>
                <c:pt idx="6131">
                  <c:v>4.6327150090338236</c:v>
                </c:pt>
                <c:pt idx="6132">
                  <c:v>4.6327150090338236</c:v>
                </c:pt>
                <c:pt idx="6133">
                  <c:v>3.0774463988581831</c:v>
                </c:pt>
                <c:pt idx="6134">
                  <c:v>4.6327150090338236</c:v>
                </c:pt>
                <c:pt idx="6135">
                  <c:v>4.6327150090338236</c:v>
                </c:pt>
                <c:pt idx="6136">
                  <c:v>2.7299927731806468</c:v>
                </c:pt>
                <c:pt idx="6137">
                  <c:v>1.1651697708837587</c:v>
                </c:pt>
                <c:pt idx="6138">
                  <c:v>0.76901204878328067</c:v>
                </c:pt>
                <c:pt idx="6139">
                  <c:v>0.76901204878328067</c:v>
                </c:pt>
                <c:pt idx="6140">
                  <c:v>0.76901204878328067</c:v>
                </c:pt>
                <c:pt idx="6141">
                  <c:v>0.76901204878328067</c:v>
                </c:pt>
                <c:pt idx="6142">
                  <c:v>0.76901204878328067</c:v>
                </c:pt>
                <c:pt idx="6143">
                  <c:v>0.76901204878328067</c:v>
                </c:pt>
                <c:pt idx="6144">
                  <c:v>0.83142585296416194</c:v>
                </c:pt>
                <c:pt idx="6145">
                  <c:v>0.83142585296416194</c:v>
                </c:pt>
                <c:pt idx="6146">
                  <c:v>0.83142585296416194</c:v>
                </c:pt>
                <c:pt idx="6147">
                  <c:v>0.83142585296416194</c:v>
                </c:pt>
                <c:pt idx="6148">
                  <c:v>0.83142585296416194</c:v>
                </c:pt>
                <c:pt idx="6149">
                  <c:v>0.83142585296416194</c:v>
                </c:pt>
                <c:pt idx="6150">
                  <c:v>0.83142585296416194</c:v>
                </c:pt>
                <c:pt idx="6151">
                  <c:v>3.3774500821802684</c:v>
                </c:pt>
                <c:pt idx="6152">
                  <c:v>3.7685232495906162</c:v>
                </c:pt>
                <c:pt idx="6153">
                  <c:v>4.1595964170009623</c:v>
                </c:pt>
                <c:pt idx="6154">
                  <c:v>4.1595964170009623</c:v>
                </c:pt>
                <c:pt idx="6155">
                  <c:v>4.977294857949869</c:v>
                </c:pt>
                <c:pt idx="6156">
                  <c:v>4.977294857949869</c:v>
                </c:pt>
                <c:pt idx="6157">
                  <c:v>3.3063458699238417</c:v>
                </c:pt>
                <c:pt idx="6158">
                  <c:v>4.977294857949869</c:v>
                </c:pt>
                <c:pt idx="6159">
                  <c:v>4.977294857949869</c:v>
                </c:pt>
                <c:pt idx="6160">
                  <c:v>2.9490427274524813</c:v>
                </c:pt>
                <c:pt idx="6161">
                  <c:v>1.2786465892677639</c:v>
                </c:pt>
                <c:pt idx="6162">
                  <c:v>0.83142585296416194</c:v>
                </c:pt>
                <c:pt idx="6163">
                  <c:v>0.83142585296416194</c:v>
                </c:pt>
                <c:pt idx="6164">
                  <c:v>0.83142585296416194</c:v>
                </c:pt>
                <c:pt idx="6165">
                  <c:v>0.83142585296416194</c:v>
                </c:pt>
                <c:pt idx="6166">
                  <c:v>0.83142585296416194</c:v>
                </c:pt>
                <c:pt idx="6167">
                  <c:v>0.83142585296416194</c:v>
                </c:pt>
                <c:pt idx="6168">
                  <c:v>1.3085013360174711</c:v>
                </c:pt>
                <c:pt idx="6169">
                  <c:v>0.80349158114567476</c:v>
                </c:pt>
                <c:pt idx="6170">
                  <c:v>0.80349158114567476</c:v>
                </c:pt>
                <c:pt idx="6171">
                  <c:v>0.80349158114567476</c:v>
                </c:pt>
                <c:pt idx="6172">
                  <c:v>0.80349158114567476</c:v>
                </c:pt>
                <c:pt idx="6173">
                  <c:v>0.80349158114567476</c:v>
                </c:pt>
                <c:pt idx="6174">
                  <c:v>0.80349158114567476</c:v>
                </c:pt>
                <c:pt idx="6175">
                  <c:v>3.3817076501088024</c:v>
                </c:pt>
                <c:pt idx="6176">
                  <c:v>4.2271345626360031</c:v>
                </c:pt>
                <c:pt idx="6177">
                  <c:v>4.6498480188996032</c:v>
                </c:pt>
                <c:pt idx="6178">
                  <c:v>4.6498480188996032</c:v>
                </c:pt>
                <c:pt idx="6179">
                  <c:v>5.4952749314268035</c:v>
                </c:pt>
                <c:pt idx="6180">
                  <c:v>5.4952749314268035</c:v>
                </c:pt>
                <c:pt idx="6181">
                  <c:v>3.8044211063724025</c:v>
                </c:pt>
                <c:pt idx="6182">
                  <c:v>5.4952749314268035</c:v>
                </c:pt>
                <c:pt idx="6183">
                  <c:v>4.2361284889469388</c:v>
                </c:pt>
                <c:pt idx="6184">
                  <c:v>2.0280016521019073</c:v>
                </c:pt>
                <c:pt idx="6185">
                  <c:v>1.3538992497774356</c:v>
                </c:pt>
                <c:pt idx="6186">
                  <c:v>0.84233848536658207</c:v>
                </c:pt>
                <c:pt idx="6187">
                  <c:v>0.80349158114567476</c:v>
                </c:pt>
                <c:pt idx="6188">
                  <c:v>0.80349158114567476</c:v>
                </c:pt>
                <c:pt idx="6189">
                  <c:v>0.80349158114567476</c:v>
                </c:pt>
                <c:pt idx="6190">
                  <c:v>0.80349158114567476</c:v>
                </c:pt>
                <c:pt idx="6191">
                  <c:v>0.80349158114567476</c:v>
                </c:pt>
                <c:pt idx="6192">
                  <c:v>0.53925121335485482</c:v>
                </c:pt>
                <c:pt idx="6193">
                  <c:v>0.49298356340530447</c:v>
                </c:pt>
                <c:pt idx="6194">
                  <c:v>0.49298356340530447</c:v>
                </c:pt>
                <c:pt idx="6195">
                  <c:v>0.49298356340530447</c:v>
                </c:pt>
                <c:pt idx="6196">
                  <c:v>0.49298356340530447</c:v>
                </c:pt>
                <c:pt idx="6197">
                  <c:v>0.49318569483304248</c:v>
                </c:pt>
                <c:pt idx="6198">
                  <c:v>0.49344846568910194</c:v>
                </c:pt>
                <c:pt idx="6199">
                  <c:v>0.49363038397406622</c:v>
                </c:pt>
                <c:pt idx="6200">
                  <c:v>0.49363038397406622</c:v>
                </c:pt>
                <c:pt idx="6201">
                  <c:v>0.49363038397406622</c:v>
                </c:pt>
                <c:pt idx="6202">
                  <c:v>0.49363038397406622</c:v>
                </c:pt>
                <c:pt idx="6203">
                  <c:v>0.49363038397406622</c:v>
                </c:pt>
                <c:pt idx="6204">
                  <c:v>0.49363038397406622</c:v>
                </c:pt>
                <c:pt idx="6205">
                  <c:v>0.49363038397406622</c:v>
                </c:pt>
                <c:pt idx="6206">
                  <c:v>0.49363038397406622</c:v>
                </c:pt>
                <c:pt idx="6207">
                  <c:v>0.49348889197464957</c:v>
                </c:pt>
                <c:pt idx="6208">
                  <c:v>0.49336761311800675</c:v>
                </c:pt>
                <c:pt idx="6209">
                  <c:v>0.49324633426136394</c:v>
                </c:pt>
                <c:pt idx="6210">
                  <c:v>0.49320590797581632</c:v>
                </c:pt>
                <c:pt idx="6211">
                  <c:v>0.4930037765480782</c:v>
                </c:pt>
                <c:pt idx="6212">
                  <c:v>0.49278143197756641</c:v>
                </c:pt>
                <c:pt idx="6213">
                  <c:v>0.49278143197756641</c:v>
                </c:pt>
                <c:pt idx="6214">
                  <c:v>0.49278143197756641</c:v>
                </c:pt>
                <c:pt idx="6215">
                  <c:v>0.49278143197756641</c:v>
                </c:pt>
                <c:pt idx="6216">
                  <c:v>0.48625201768911869</c:v>
                </c:pt>
                <c:pt idx="6217">
                  <c:v>0.48635021658273325</c:v>
                </c:pt>
                <c:pt idx="6218">
                  <c:v>0.48635021658273325</c:v>
                </c:pt>
                <c:pt idx="6219">
                  <c:v>0.48635021658273325</c:v>
                </c:pt>
                <c:pt idx="6220">
                  <c:v>0.48635021658273325</c:v>
                </c:pt>
                <c:pt idx="6221">
                  <c:v>0.48652697459123934</c:v>
                </c:pt>
                <c:pt idx="6222">
                  <c:v>0.48668409282102254</c:v>
                </c:pt>
                <c:pt idx="6223">
                  <c:v>0.48688049060825161</c:v>
                </c:pt>
                <c:pt idx="6224">
                  <c:v>0.48688049060825161</c:v>
                </c:pt>
                <c:pt idx="6225">
                  <c:v>0.48688049060825161</c:v>
                </c:pt>
                <c:pt idx="6226">
                  <c:v>0.48688049060825161</c:v>
                </c:pt>
                <c:pt idx="6227">
                  <c:v>0.48688049060825161</c:v>
                </c:pt>
                <c:pt idx="6228">
                  <c:v>0.48688049060825161</c:v>
                </c:pt>
                <c:pt idx="6229">
                  <c:v>0.48688049060825161</c:v>
                </c:pt>
                <c:pt idx="6230">
                  <c:v>0.48688049060825161</c:v>
                </c:pt>
                <c:pt idx="6231">
                  <c:v>0.48674301215719118</c:v>
                </c:pt>
                <c:pt idx="6232">
                  <c:v>0.4867233723784683</c:v>
                </c:pt>
                <c:pt idx="6233">
                  <c:v>0.48656625414868515</c:v>
                </c:pt>
                <c:pt idx="6234">
                  <c:v>0.48650733481251646</c:v>
                </c:pt>
                <c:pt idx="6235">
                  <c:v>0.48636985636145613</c:v>
                </c:pt>
                <c:pt idx="6236">
                  <c:v>0.48625201768911869</c:v>
                </c:pt>
                <c:pt idx="6237">
                  <c:v>0.48617345857422706</c:v>
                </c:pt>
                <c:pt idx="6238">
                  <c:v>0.48617345857422706</c:v>
                </c:pt>
                <c:pt idx="6239">
                  <c:v>0.48617345857422706</c:v>
                </c:pt>
                <c:pt idx="6240">
                  <c:v>0.77018398609315875</c:v>
                </c:pt>
                <c:pt idx="6241">
                  <c:v>0.77018398609315875</c:v>
                </c:pt>
                <c:pt idx="6242">
                  <c:v>0.77018398609315875</c:v>
                </c:pt>
                <c:pt idx="6243">
                  <c:v>0.77018398609315875</c:v>
                </c:pt>
                <c:pt idx="6244">
                  <c:v>0.77018398609315875</c:v>
                </c:pt>
                <c:pt idx="6245">
                  <c:v>0.77018398609315875</c:v>
                </c:pt>
                <c:pt idx="6246">
                  <c:v>0.77018398609315875</c:v>
                </c:pt>
                <c:pt idx="6247">
                  <c:v>3.281410543320034</c:v>
                </c:pt>
                <c:pt idx="6248">
                  <c:v>3.691586861235038</c:v>
                </c:pt>
                <c:pt idx="6249">
                  <c:v>4.1017631791500424</c:v>
                </c:pt>
                <c:pt idx="6250">
                  <c:v>4.1017631791500424</c:v>
                </c:pt>
                <c:pt idx="6251">
                  <c:v>4.9221158149800504</c:v>
                </c:pt>
                <c:pt idx="6252">
                  <c:v>4.9221158149800504</c:v>
                </c:pt>
                <c:pt idx="6253">
                  <c:v>3.281410543320034</c:v>
                </c:pt>
                <c:pt idx="6254">
                  <c:v>4.9221158149800504</c:v>
                </c:pt>
                <c:pt idx="6255">
                  <c:v>4.9221158149800504</c:v>
                </c:pt>
                <c:pt idx="6256">
                  <c:v>2.8789692968626288</c:v>
                </c:pt>
                <c:pt idx="6257">
                  <c:v>0.83594132390164533</c:v>
                </c:pt>
                <c:pt idx="6258">
                  <c:v>0.81112336110480177</c:v>
                </c:pt>
                <c:pt idx="6259">
                  <c:v>0.81112336110480177</c:v>
                </c:pt>
                <c:pt idx="6260">
                  <c:v>0.81112336110480177</c:v>
                </c:pt>
                <c:pt idx="6261">
                  <c:v>0.81112336110480177</c:v>
                </c:pt>
                <c:pt idx="6262">
                  <c:v>0.81112336110480177</c:v>
                </c:pt>
                <c:pt idx="6263">
                  <c:v>0.81112336110480177</c:v>
                </c:pt>
                <c:pt idx="6264">
                  <c:v>0.54490590185403287</c:v>
                </c:pt>
                <c:pt idx="6265">
                  <c:v>0.82085679342829354</c:v>
                </c:pt>
                <c:pt idx="6266">
                  <c:v>0.82085679342829354</c:v>
                </c:pt>
                <c:pt idx="6267">
                  <c:v>0.82085679342829354</c:v>
                </c:pt>
                <c:pt idx="6268">
                  <c:v>0.82085679342829354</c:v>
                </c:pt>
                <c:pt idx="6269">
                  <c:v>0.82085679342829354</c:v>
                </c:pt>
                <c:pt idx="6270">
                  <c:v>0.82085679342829354</c:v>
                </c:pt>
                <c:pt idx="6271">
                  <c:v>3.4362738823941523</c:v>
                </c:pt>
                <c:pt idx="6272">
                  <c:v>3.8341582266713701</c:v>
                </c:pt>
                <c:pt idx="6273">
                  <c:v>4.2320425709485887</c:v>
                </c:pt>
                <c:pt idx="6274">
                  <c:v>4.2320425709485887</c:v>
                </c:pt>
                <c:pt idx="6275">
                  <c:v>5.0639825635282261</c:v>
                </c:pt>
                <c:pt idx="6276">
                  <c:v>5.0639825635282261</c:v>
                </c:pt>
                <c:pt idx="6277">
                  <c:v>3.3639312743437499</c:v>
                </c:pt>
                <c:pt idx="6278">
                  <c:v>5.0639825635282261</c:v>
                </c:pt>
                <c:pt idx="6279">
                  <c:v>5.0639825635282261</c:v>
                </c:pt>
                <c:pt idx="6280">
                  <c:v>3.0030693169868083</c:v>
                </c:pt>
                <c:pt idx="6281">
                  <c:v>1.3053259518685436</c:v>
                </c:pt>
                <c:pt idx="6282">
                  <c:v>0.84594323811686278</c:v>
                </c:pt>
                <c:pt idx="6283">
                  <c:v>0.84594323811686278</c:v>
                </c:pt>
                <c:pt idx="6284">
                  <c:v>0.84594323811686278</c:v>
                </c:pt>
                <c:pt idx="6285">
                  <c:v>0.84594323811686278</c:v>
                </c:pt>
                <c:pt idx="6286">
                  <c:v>0.84594323811686278</c:v>
                </c:pt>
                <c:pt idx="6287">
                  <c:v>0.84594323811686278</c:v>
                </c:pt>
                <c:pt idx="6288">
                  <c:v>0.83346860272071965</c:v>
                </c:pt>
                <c:pt idx="6289">
                  <c:v>0.83346860272071965</c:v>
                </c:pt>
                <c:pt idx="6290">
                  <c:v>0.83346860272071965</c:v>
                </c:pt>
                <c:pt idx="6291">
                  <c:v>0.83346860272071965</c:v>
                </c:pt>
                <c:pt idx="6292">
                  <c:v>0.83346860272071965</c:v>
                </c:pt>
                <c:pt idx="6293">
                  <c:v>0.83346860272071965</c:v>
                </c:pt>
                <c:pt idx="6294">
                  <c:v>0.83346860272071965</c:v>
                </c:pt>
                <c:pt idx="6295">
                  <c:v>3.3848976227542198</c:v>
                </c:pt>
                <c:pt idx="6296">
                  <c:v>3.7768331369678658</c:v>
                </c:pt>
                <c:pt idx="6297">
                  <c:v>4.1687686511815132</c:v>
                </c:pt>
                <c:pt idx="6298">
                  <c:v>4.1687686511815132</c:v>
                </c:pt>
                <c:pt idx="6299">
                  <c:v>4.9882701809009546</c:v>
                </c:pt>
                <c:pt idx="6300">
                  <c:v>4.9882701809009546</c:v>
                </c:pt>
                <c:pt idx="6301">
                  <c:v>3.3136366201699201</c:v>
                </c:pt>
                <c:pt idx="6302">
                  <c:v>4.9882701809009546</c:v>
                </c:pt>
                <c:pt idx="6303">
                  <c:v>4.9882701809009546</c:v>
                </c:pt>
                <c:pt idx="6304">
                  <c:v>2.956187789048315</c:v>
                </c:pt>
                <c:pt idx="6305">
                  <c:v>1.2825426591362572</c:v>
                </c:pt>
                <c:pt idx="6306">
                  <c:v>0.83346860272071965</c:v>
                </c:pt>
                <c:pt idx="6307">
                  <c:v>0.83346860272071965</c:v>
                </c:pt>
                <c:pt idx="6308">
                  <c:v>0.83346860272071965</c:v>
                </c:pt>
                <c:pt idx="6309">
                  <c:v>0.83346860272071965</c:v>
                </c:pt>
                <c:pt idx="6310">
                  <c:v>0.83346860272071965</c:v>
                </c:pt>
                <c:pt idx="6311">
                  <c:v>0.83346860272071965</c:v>
                </c:pt>
                <c:pt idx="6312">
                  <c:v>0.80078460661579498</c:v>
                </c:pt>
                <c:pt idx="6313">
                  <c:v>0.80078460661579498</c:v>
                </c:pt>
                <c:pt idx="6314">
                  <c:v>0.80078460661579498</c:v>
                </c:pt>
                <c:pt idx="6315">
                  <c:v>0.80078460661579498</c:v>
                </c:pt>
                <c:pt idx="6316">
                  <c:v>0.80078460661579498</c:v>
                </c:pt>
                <c:pt idx="6317">
                  <c:v>0.80078460661579498</c:v>
                </c:pt>
                <c:pt idx="6318">
                  <c:v>0.80078460661579498</c:v>
                </c:pt>
                <c:pt idx="6319">
                  <c:v>3.2657369735710065</c:v>
                </c:pt>
                <c:pt idx="6320">
                  <c:v>3.6438749389318592</c:v>
                </c:pt>
                <c:pt idx="6321">
                  <c:v>4.0220129042927129</c:v>
                </c:pt>
                <c:pt idx="6322">
                  <c:v>4.0220129042927129</c:v>
                </c:pt>
                <c:pt idx="6323">
                  <c:v>4.8126650136835885</c:v>
                </c:pt>
                <c:pt idx="6324">
                  <c:v>4.8126650136835885</c:v>
                </c:pt>
                <c:pt idx="6325">
                  <c:v>3.1969846162326694</c:v>
                </c:pt>
                <c:pt idx="6326">
                  <c:v>4.8126650136835885</c:v>
                </c:pt>
                <c:pt idx="6327">
                  <c:v>4.8126650136835885</c:v>
                </c:pt>
                <c:pt idx="6328">
                  <c:v>2.8418668035149719</c:v>
                </c:pt>
                <c:pt idx="6329">
                  <c:v>1.2202055412403625</c:v>
                </c:pt>
                <c:pt idx="6330">
                  <c:v>0.80078460661579498</c:v>
                </c:pt>
                <c:pt idx="6331">
                  <c:v>0.80078460661579498</c:v>
                </c:pt>
                <c:pt idx="6332">
                  <c:v>0.80078460661579498</c:v>
                </c:pt>
                <c:pt idx="6333">
                  <c:v>0.80078460661579498</c:v>
                </c:pt>
                <c:pt idx="6334">
                  <c:v>0.80078460661579498</c:v>
                </c:pt>
                <c:pt idx="6335">
                  <c:v>0.80078460661579498</c:v>
                </c:pt>
                <c:pt idx="6336">
                  <c:v>1.242720510689721</c:v>
                </c:pt>
                <c:pt idx="6337">
                  <c:v>0.7574422128233127</c:v>
                </c:pt>
                <c:pt idx="6338">
                  <c:v>0.7574422128233127</c:v>
                </c:pt>
                <c:pt idx="6339">
                  <c:v>0.7574422128233127</c:v>
                </c:pt>
                <c:pt idx="6340">
                  <c:v>0.7574422128233127</c:v>
                </c:pt>
                <c:pt idx="6341">
                  <c:v>0.7574422128233127</c:v>
                </c:pt>
                <c:pt idx="6342">
                  <c:v>0.7574422128233127</c:v>
                </c:pt>
                <c:pt idx="6343">
                  <c:v>3.2098669883678639</c:v>
                </c:pt>
                <c:pt idx="6344">
                  <c:v>4.0123337354598299</c:v>
                </c:pt>
                <c:pt idx="6345">
                  <c:v>4.413567109005812</c:v>
                </c:pt>
                <c:pt idx="6346">
                  <c:v>4.413567109005812</c:v>
                </c:pt>
                <c:pt idx="6347">
                  <c:v>5.2160338560977788</c:v>
                </c:pt>
                <c:pt idx="6348">
                  <c:v>5.2160338560977788</c:v>
                </c:pt>
                <c:pt idx="6349">
                  <c:v>3.6111003619138469</c:v>
                </c:pt>
                <c:pt idx="6350">
                  <c:v>5.2160338560977788</c:v>
                </c:pt>
                <c:pt idx="6351">
                  <c:v>4.0160121957537163</c:v>
                </c:pt>
                <c:pt idx="6352">
                  <c:v>1.9014879469737533</c:v>
                </c:pt>
                <c:pt idx="6353">
                  <c:v>1.2612879769350549</c:v>
                </c:pt>
                <c:pt idx="6354">
                  <c:v>0.7947713126591901</c:v>
                </c:pt>
                <c:pt idx="6355">
                  <c:v>0.7574422128233127</c:v>
                </c:pt>
                <c:pt idx="6356">
                  <c:v>0.7574422128233127</c:v>
                </c:pt>
                <c:pt idx="6357">
                  <c:v>0.7574422128233127</c:v>
                </c:pt>
                <c:pt idx="6358">
                  <c:v>0.7574422128233127</c:v>
                </c:pt>
                <c:pt idx="6359">
                  <c:v>0.7574422128233127</c:v>
                </c:pt>
                <c:pt idx="6360">
                  <c:v>0.61085621708780258</c:v>
                </c:pt>
                <c:pt idx="6361">
                  <c:v>0.56144535918141503</c:v>
                </c:pt>
                <c:pt idx="6362">
                  <c:v>0.56144535918141503</c:v>
                </c:pt>
                <c:pt idx="6363">
                  <c:v>0.56144535918141503</c:v>
                </c:pt>
                <c:pt idx="6364">
                  <c:v>0.56144535918141503</c:v>
                </c:pt>
                <c:pt idx="6365">
                  <c:v>0.56188209770035946</c:v>
                </c:pt>
                <c:pt idx="6366">
                  <c:v>0.56244985777498746</c:v>
                </c:pt>
                <c:pt idx="6367">
                  <c:v>0.56284292244203771</c:v>
                </c:pt>
                <c:pt idx="6368">
                  <c:v>0.56284292244203771</c:v>
                </c:pt>
                <c:pt idx="6369">
                  <c:v>0.56284292244203771</c:v>
                </c:pt>
                <c:pt idx="6370">
                  <c:v>0.56284292244203771</c:v>
                </c:pt>
                <c:pt idx="6371">
                  <c:v>0.56284292244203771</c:v>
                </c:pt>
                <c:pt idx="6372">
                  <c:v>0.56284292244203771</c:v>
                </c:pt>
                <c:pt idx="6373">
                  <c:v>0.56284292244203771</c:v>
                </c:pt>
                <c:pt idx="6374">
                  <c:v>0.56284292244203771</c:v>
                </c:pt>
                <c:pt idx="6375">
                  <c:v>0.56253720547877639</c:v>
                </c:pt>
                <c:pt idx="6376">
                  <c:v>0.5622751623674096</c:v>
                </c:pt>
                <c:pt idx="6377">
                  <c:v>0.56201311925604291</c:v>
                </c:pt>
                <c:pt idx="6378">
                  <c:v>0.56192577155225398</c:v>
                </c:pt>
                <c:pt idx="6379">
                  <c:v>0.56148903303330944</c:v>
                </c:pt>
                <c:pt idx="6380">
                  <c:v>0.56100862066247037</c:v>
                </c:pt>
                <c:pt idx="6381">
                  <c:v>0.56100862066247037</c:v>
                </c:pt>
                <c:pt idx="6382">
                  <c:v>0.56100862066247037</c:v>
                </c:pt>
                <c:pt idx="6383">
                  <c:v>0.56100862066247037</c:v>
                </c:pt>
                <c:pt idx="6384">
                  <c:v>0.60878506320162717</c:v>
                </c:pt>
                <c:pt idx="6385">
                  <c:v>0.60909323856164665</c:v>
                </c:pt>
                <c:pt idx="6386">
                  <c:v>0.60909323856164665</c:v>
                </c:pt>
                <c:pt idx="6387">
                  <c:v>0.60909323856164665</c:v>
                </c:pt>
                <c:pt idx="6388">
                  <c:v>0.60909323856164665</c:v>
                </c:pt>
                <c:pt idx="6389">
                  <c:v>0.60964795420968176</c:v>
                </c:pt>
                <c:pt idx="6390">
                  <c:v>0.61014103478571302</c:v>
                </c:pt>
                <c:pt idx="6391">
                  <c:v>0.61075738550575209</c:v>
                </c:pt>
                <c:pt idx="6392">
                  <c:v>0.61075738550575209</c:v>
                </c:pt>
                <c:pt idx="6393">
                  <c:v>0.61075738550575209</c:v>
                </c:pt>
                <c:pt idx="6394">
                  <c:v>0.61075738550575209</c:v>
                </c:pt>
                <c:pt idx="6395">
                  <c:v>0.61075738550575209</c:v>
                </c:pt>
                <c:pt idx="6396">
                  <c:v>0.61075738550575209</c:v>
                </c:pt>
                <c:pt idx="6397">
                  <c:v>0.61075738550575209</c:v>
                </c:pt>
                <c:pt idx="6398">
                  <c:v>0.61075738550575209</c:v>
                </c:pt>
                <c:pt idx="6399">
                  <c:v>0.6103259400017248</c:v>
                </c:pt>
                <c:pt idx="6400">
                  <c:v>0.61026430492972095</c:v>
                </c:pt>
                <c:pt idx="6401">
                  <c:v>0.60977122435368969</c:v>
                </c:pt>
                <c:pt idx="6402">
                  <c:v>0.60958631913767791</c:v>
                </c:pt>
                <c:pt idx="6403">
                  <c:v>0.60915487363365062</c:v>
                </c:pt>
                <c:pt idx="6404">
                  <c:v>0.60878506320162717</c:v>
                </c:pt>
                <c:pt idx="6405">
                  <c:v>0.60853852291361155</c:v>
                </c:pt>
                <c:pt idx="6406">
                  <c:v>0.60853852291361155</c:v>
                </c:pt>
                <c:pt idx="6407">
                  <c:v>0.60853852291361155</c:v>
                </c:pt>
                <c:pt idx="6408">
                  <c:v>0.85452379917725751</c:v>
                </c:pt>
                <c:pt idx="6409">
                  <c:v>0.85452379917725751</c:v>
                </c:pt>
                <c:pt idx="6410">
                  <c:v>0.85452379917725751</c:v>
                </c:pt>
                <c:pt idx="6411">
                  <c:v>0.85452379917725751</c:v>
                </c:pt>
                <c:pt idx="6412">
                  <c:v>0.85452379917725751</c:v>
                </c:pt>
                <c:pt idx="6413">
                  <c:v>0.85452379917725751</c:v>
                </c:pt>
                <c:pt idx="6414">
                  <c:v>0.85452379917725751</c:v>
                </c:pt>
                <c:pt idx="6415">
                  <c:v>3.6426290696815484</c:v>
                </c:pt>
                <c:pt idx="6416">
                  <c:v>4.0979577033917423</c:v>
                </c:pt>
                <c:pt idx="6417">
                  <c:v>4.5532863371019356</c:v>
                </c:pt>
                <c:pt idx="6418">
                  <c:v>4.5532863371019356</c:v>
                </c:pt>
                <c:pt idx="6419">
                  <c:v>5.4639436045223215</c:v>
                </c:pt>
                <c:pt idx="6420">
                  <c:v>5.4639436045223215</c:v>
                </c:pt>
                <c:pt idx="6421">
                  <c:v>3.6426290696815484</c:v>
                </c:pt>
                <c:pt idx="6422">
                  <c:v>5.4639436045223215</c:v>
                </c:pt>
                <c:pt idx="6423">
                  <c:v>5.4639436045223215</c:v>
                </c:pt>
                <c:pt idx="6424">
                  <c:v>3.2300334799754231</c:v>
                </c:pt>
                <c:pt idx="6425">
                  <c:v>0.99677826798031133</c:v>
                </c:pt>
                <c:pt idx="6426">
                  <c:v>0.91067569644774349</c:v>
                </c:pt>
                <c:pt idx="6427">
                  <c:v>0.91067569644774349</c:v>
                </c:pt>
                <c:pt idx="6428">
                  <c:v>0.91067569644774349</c:v>
                </c:pt>
                <c:pt idx="6429">
                  <c:v>0.91067569644774349</c:v>
                </c:pt>
                <c:pt idx="6430">
                  <c:v>0.91067569644774349</c:v>
                </c:pt>
                <c:pt idx="6431">
                  <c:v>0.91067569644774349</c:v>
                </c:pt>
                <c:pt idx="6432">
                  <c:v>0.54950020599646943</c:v>
                </c:pt>
                <c:pt idx="6433">
                  <c:v>0.82682796185374108</c:v>
                </c:pt>
                <c:pt idx="6434">
                  <c:v>0.82682796185374108</c:v>
                </c:pt>
                <c:pt idx="6435">
                  <c:v>0.82682796185374108</c:v>
                </c:pt>
                <c:pt idx="6436">
                  <c:v>0.82682796185374108</c:v>
                </c:pt>
                <c:pt idx="6437">
                  <c:v>0.82682796185374108</c:v>
                </c:pt>
                <c:pt idx="6438">
                  <c:v>0.82682796185374108</c:v>
                </c:pt>
                <c:pt idx="6439">
                  <c:v>3.4588218592689572</c:v>
                </c:pt>
                <c:pt idx="6440">
                  <c:v>3.8593170219211519</c:v>
                </c:pt>
                <c:pt idx="6441">
                  <c:v>4.259812184573347</c:v>
                </c:pt>
                <c:pt idx="6442">
                  <c:v>4.259812184573347</c:v>
                </c:pt>
                <c:pt idx="6443">
                  <c:v>5.0972111610279374</c:v>
                </c:pt>
                <c:pt idx="6444">
                  <c:v>5.0972111610279374</c:v>
                </c:pt>
                <c:pt idx="6445">
                  <c:v>3.3860045569685573</c:v>
                </c:pt>
                <c:pt idx="6446">
                  <c:v>5.0972111610279374</c:v>
                </c:pt>
                <c:pt idx="6447">
                  <c:v>5.0972111610279374</c:v>
                </c:pt>
                <c:pt idx="6448">
                  <c:v>3.0247081459955747</c:v>
                </c:pt>
                <c:pt idx="6449">
                  <c:v>1.3171265587194738</c:v>
                </c:pt>
                <c:pt idx="6450">
                  <c:v>0.85203957602258384</c:v>
                </c:pt>
                <c:pt idx="6451">
                  <c:v>0.85203957602258384</c:v>
                </c:pt>
                <c:pt idx="6452">
                  <c:v>0.85203957602258384</c:v>
                </c:pt>
                <c:pt idx="6453">
                  <c:v>0.85203957602258384</c:v>
                </c:pt>
                <c:pt idx="6454">
                  <c:v>0.85203957602258384</c:v>
                </c:pt>
                <c:pt idx="6455">
                  <c:v>0.85203957602258384</c:v>
                </c:pt>
                <c:pt idx="6456">
                  <c:v>0.82529760369448857</c:v>
                </c:pt>
                <c:pt idx="6457">
                  <c:v>0.82529760369448857</c:v>
                </c:pt>
                <c:pt idx="6458">
                  <c:v>0.82529760369448857</c:v>
                </c:pt>
                <c:pt idx="6459">
                  <c:v>0.82529760369448857</c:v>
                </c:pt>
                <c:pt idx="6460">
                  <c:v>0.82529760369448857</c:v>
                </c:pt>
                <c:pt idx="6461">
                  <c:v>0.82529760369448857</c:v>
                </c:pt>
                <c:pt idx="6462">
                  <c:v>0.82529760369448857</c:v>
                </c:pt>
                <c:pt idx="6463">
                  <c:v>3.3551074604584161</c:v>
                </c:pt>
                <c:pt idx="6464">
                  <c:v>3.7435935874588644</c:v>
                </c:pt>
                <c:pt idx="6465">
                  <c:v>4.132079714459314</c:v>
                </c:pt>
                <c:pt idx="6466">
                  <c:v>4.132079714459314</c:v>
                </c:pt>
                <c:pt idx="6467">
                  <c:v>4.9443688890966131</c:v>
                </c:pt>
                <c:pt idx="6468">
                  <c:v>4.9443688890966131</c:v>
                </c:pt>
                <c:pt idx="6469">
                  <c:v>3.2844736191856074</c:v>
                </c:pt>
                <c:pt idx="6470">
                  <c:v>4.9443688890966131</c:v>
                </c:pt>
                <c:pt idx="6471">
                  <c:v>4.9443688890966131</c:v>
                </c:pt>
                <c:pt idx="6472">
                  <c:v>2.9276075426649788</c:v>
                </c:pt>
                <c:pt idx="6473">
                  <c:v>1.2669583796622836</c:v>
                </c:pt>
                <c:pt idx="6474">
                  <c:v>0.82529760369448857</c:v>
                </c:pt>
                <c:pt idx="6475">
                  <c:v>0.82529760369448857</c:v>
                </c:pt>
                <c:pt idx="6476">
                  <c:v>0.82529760369448857</c:v>
                </c:pt>
                <c:pt idx="6477">
                  <c:v>0.82529760369448857</c:v>
                </c:pt>
                <c:pt idx="6478">
                  <c:v>0.82529760369448857</c:v>
                </c:pt>
                <c:pt idx="6479">
                  <c:v>0.82529760369448857</c:v>
                </c:pt>
                <c:pt idx="6480">
                  <c:v>0.82121210418137303</c:v>
                </c:pt>
                <c:pt idx="6481">
                  <c:v>0.82121210418137303</c:v>
                </c:pt>
                <c:pt idx="6482">
                  <c:v>0.82121210418137303</c:v>
                </c:pt>
                <c:pt idx="6483">
                  <c:v>0.82121210418137303</c:v>
                </c:pt>
                <c:pt idx="6484">
                  <c:v>0.82121210418137303</c:v>
                </c:pt>
                <c:pt idx="6485">
                  <c:v>0.82121210418137303</c:v>
                </c:pt>
                <c:pt idx="6486">
                  <c:v>0.82121210418137303</c:v>
                </c:pt>
                <c:pt idx="6487">
                  <c:v>3.3402123793105143</c:v>
                </c:pt>
                <c:pt idx="6488">
                  <c:v>3.7269738127043639</c:v>
                </c:pt>
                <c:pt idx="6489">
                  <c:v>4.1137352460982139</c:v>
                </c:pt>
                <c:pt idx="6490">
                  <c:v>4.1137352460982139</c:v>
                </c:pt>
                <c:pt idx="6491">
                  <c:v>4.9224182431944428</c:v>
                </c:pt>
                <c:pt idx="6492">
                  <c:v>4.9224182431944428</c:v>
                </c:pt>
                <c:pt idx="6493">
                  <c:v>3.2698921186934506</c:v>
                </c:pt>
                <c:pt idx="6494">
                  <c:v>4.9224182431944428</c:v>
                </c:pt>
                <c:pt idx="6495">
                  <c:v>4.9224182431944428</c:v>
                </c:pt>
                <c:pt idx="6496">
                  <c:v>2.9133174194733118</c:v>
                </c:pt>
                <c:pt idx="6497">
                  <c:v>1.259166239925297</c:v>
                </c:pt>
                <c:pt idx="6498">
                  <c:v>0.82121210418137303</c:v>
                </c:pt>
                <c:pt idx="6499">
                  <c:v>0.82121210418137303</c:v>
                </c:pt>
                <c:pt idx="6500">
                  <c:v>0.82121210418137303</c:v>
                </c:pt>
                <c:pt idx="6501">
                  <c:v>0.82121210418137303</c:v>
                </c:pt>
                <c:pt idx="6502">
                  <c:v>0.82121210418137303</c:v>
                </c:pt>
                <c:pt idx="6503">
                  <c:v>0.82121210418137303</c:v>
                </c:pt>
                <c:pt idx="6504">
                  <c:v>1.2783517910755855</c:v>
                </c:pt>
                <c:pt idx="6505">
                  <c:v>0.78238562066459205</c:v>
                </c:pt>
                <c:pt idx="6506">
                  <c:v>0.78238562066459205</c:v>
                </c:pt>
                <c:pt idx="6507">
                  <c:v>0.78238562066459205</c:v>
                </c:pt>
                <c:pt idx="6508">
                  <c:v>0.78238562066459205</c:v>
                </c:pt>
                <c:pt idx="6509">
                  <c:v>0.78238562066459205</c:v>
                </c:pt>
                <c:pt idx="6510">
                  <c:v>0.78238562066459205</c:v>
                </c:pt>
                <c:pt idx="6511">
                  <c:v>3.3029473468108725</c:v>
                </c:pt>
                <c:pt idx="6512">
                  <c:v>4.1286841835135908</c:v>
                </c:pt>
                <c:pt idx="6513">
                  <c:v>4.5415526018649501</c:v>
                </c:pt>
                <c:pt idx="6514">
                  <c:v>4.5415526018649501</c:v>
                </c:pt>
                <c:pt idx="6515">
                  <c:v>5.3672894385676679</c:v>
                </c:pt>
                <c:pt idx="6516">
                  <c:v>5.3672894385676679</c:v>
                </c:pt>
                <c:pt idx="6517">
                  <c:v>3.7158157651622314</c:v>
                </c:pt>
                <c:pt idx="6518">
                  <c:v>5.3672894385676679</c:v>
                </c:pt>
                <c:pt idx="6519">
                  <c:v>4.1352418545667122</c:v>
                </c:pt>
                <c:pt idx="6520">
                  <c:v>1.9700162039181701</c:v>
                </c:pt>
                <c:pt idx="6521">
                  <c:v>1.3114524163913441</c:v>
                </c:pt>
                <c:pt idx="6522">
                  <c:v>0.82053686454236074</c:v>
                </c:pt>
                <c:pt idx="6523">
                  <c:v>0.78238562066459205</c:v>
                </c:pt>
                <c:pt idx="6524">
                  <c:v>0.78238562066459205</c:v>
                </c:pt>
                <c:pt idx="6525">
                  <c:v>0.78238562066459205</c:v>
                </c:pt>
                <c:pt idx="6526">
                  <c:v>0.78238562066459205</c:v>
                </c:pt>
                <c:pt idx="6527">
                  <c:v>0.78238562066459205</c:v>
                </c:pt>
                <c:pt idx="6528">
                  <c:v>0.57505371522132864</c:v>
                </c:pt>
                <c:pt idx="6529">
                  <c:v>0.52721446129335958</c:v>
                </c:pt>
                <c:pt idx="6530">
                  <c:v>0.52721446129335958</c:v>
                </c:pt>
                <c:pt idx="6531">
                  <c:v>0.52721446129335958</c:v>
                </c:pt>
                <c:pt idx="6532">
                  <c:v>0.52721446129335958</c:v>
                </c:pt>
                <c:pt idx="6533">
                  <c:v>0.52753389626670089</c:v>
                </c:pt>
                <c:pt idx="6534">
                  <c:v>0.52794916173204465</c:v>
                </c:pt>
                <c:pt idx="6535">
                  <c:v>0.52823665320805191</c:v>
                </c:pt>
                <c:pt idx="6536">
                  <c:v>0.52823665320805191</c:v>
                </c:pt>
                <c:pt idx="6537">
                  <c:v>0.52823665320805191</c:v>
                </c:pt>
                <c:pt idx="6538">
                  <c:v>0.52823665320805191</c:v>
                </c:pt>
                <c:pt idx="6539">
                  <c:v>0.52823665320805191</c:v>
                </c:pt>
                <c:pt idx="6540">
                  <c:v>0.52823665320805191</c:v>
                </c:pt>
                <c:pt idx="6541">
                  <c:v>0.52823665320805191</c:v>
                </c:pt>
                <c:pt idx="6542">
                  <c:v>0.52823665320805191</c:v>
                </c:pt>
                <c:pt idx="6543">
                  <c:v>0.52801304872671295</c:v>
                </c:pt>
                <c:pt idx="6544">
                  <c:v>0.52782138774270815</c:v>
                </c:pt>
                <c:pt idx="6545">
                  <c:v>0.52762972675870334</c:v>
                </c:pt>
                <c:pt idx="6546">
                  <c:v>0.52756583976403515</c:v>
                </c:pt>
                <c:pt idx="6547">
                  <c:v>0.52724640479069385</c:v>
                </c:pt>
                <c:pt idx="6548">
                  <c:v>0.52689502632001828</c:v>
                </c:pt>
                <c:pt idx="6549">
                  <c:v>0.52689502632001828</c:v>
                </c:pt>
                <c:pt idx="6550">
                  <c:v>0.52689502632001828</c:v>
                </c:pt>
                <c:pt idx="6551">
                  <c:v>0.52689502632001828</c:v>
                </c:pt>
                <c:pt idx="6552">
                  <c:v>0.54103361634334457</c:v>
                </c:pt>
                <c:pt idx="6553">
                  <c:v>0.54123846995005365</c:v>
                </c:pt>
                <c:pt idx="6554">
                  <c:v>0.54123846995005365</c:v>
                </c:pt>
                <c:pt idx="6555">
                  <c:v>0.54123846995005365</c:v>
                </c:pt>
                <c:pt idx="6556">
                  <c:v>0.54123846995005365</c:v>
                </c:pt>
                <c:pt idx="6557">
                  <c:v>0.54160720644213012</c:v>
                </c:pt>
                <c:pt idx="6558">
                  <c:v>0.54193497221286469</c:v>
                </c:pt>
                <c:pt idx="6559">
                  <c:v>0.54234467942628295</c:v>
                </c:pt>
                <c:pt idx="6560">
                  <c:v>0.54234467942628295</c:v>
                </c:pt>
                <c:pt idx="6561">
                  <c:v>0.54234467942628295</c:v>
                </c:pt>
                <c:pt idx="6562">
                  <c:v>0.54234467942628295</c:v>
                </c:pt>
                <c:pt idx="6563">
                  <c:v>0.54234467942628295</c:v>
                </c:pt>
                <c:pt idx="6564">
                  <c:v>0.54234467942628295</c:v>
                </c:pt>
                <c:pt idx="6565">
                  <c:v>0.54234467942628295</c:v>
                </c:pt>
                <c:pt idx="6566">
                  <c:v>0.54234467942628295</c:v>
                </c:pt>
                <c:pt idx="6567">
                  <c:v>0.54205788437689018</c:v>
                </c:pt>
                <c:pt idx="6568">
                  <c:v>0.54201691365554827</c:v>
                </c:pt>
                <c:pt idx="6569">
                  <c:v>0.5416891478848137</c:v>
                </c:pt>
                <c:pt idx="6570">
                  <c:v>0.54156623572078821</c:v>
                </c:pt>
                <c:pt idx="6571">
                  <c:v>0.54127944067139555</c:v>
                </c:pt>
                <c:pt idx="6572">
                  <c:v>0.54103361634334457</c:v>
                </c:pt>
                <c:pt idx="6573">
                  <c:v>0.54086973345797729</c:v>
                </c:pt>
                <c:pt idx="6574">
                  <c:v>0.54086973345797729</c:v>
                </c:pt>
                <c:pt idx="6575">
                  <c:v>0.54086973345797729</c:v>
                </c:pt>
                <c:pt idx="6576">
                  <c:v>0.81235389263520819</c:v>
                </c:pt>
                <c:pt idx="6577">
                  <c:v>0.81235389263520819</c:v>
                </c:pt>
                <c:pt idx="6578">
                  <c:v>0.81235389263520819</c:v>
                </c:pt>
                <c:pt idx="6579">
                  <c:v>0.81235389263520819</c:v>
                </c:pt>
                <c:pt idx="6580">
                  <c:v>0.81235389263520819</c:v>
                </c:pt>
                <c:pt idx="6581">
                  <c:v>0.81235389263520819</c:v>
                </c:pt>
                <c:pt idx="6582">
                  <c:v>0.81235389263520819</c:v>
                </c:pt>
                <c:pt idx="6583">
                  <c:v>3.4620198065007912</c:v>
                </c:pt>
                <c:pt idx="6584">
                  <c:v>3.8947722823133901</c:v>
                </c:pt>
                <c:pt idx="6585">
                  <c:v>4.3275247581259872</c:v>
                </c:pt>
                <c:pt idx="6586">
                  <c:v>4.3275247581259872</c:v>
                </c:pt>
                <c:pt idx="6587">
                  <c:v>5.1930297097511851</c:v>
                </c:pt>
                <c:pt idx="6588">
                  <c:v>5.1930297097511851</c:v>
                </c:pt>
                <c:pt idx="6589">
                  <c:v>3.4620198065007912</c:v>
                </c:pt>
                <c:pt idx="6590">
                  <c:v>5.1930297097511851</c:v>
                </c:pt>
                <c:pt idx="6591">
                  <c:v>5.1930297097511851</c:v>
                </c:pt>
                <c:pt idx="6592">
                  <c:v>3.054501388419026</c:v>
                </c:pt>
                <c:pt idx="6593">
                  <c:v>0.91635979594097827</c:v>
                </c:pt>
                <c:pt idx="6594">
                  <c:v>0.86089952877627252</c:v>
                </c:pt>
                <c:pt idx="6595">
                  <c:v>0.86089952877627252</c:v>
                </c:pt>
                <c:pt idx="6596">
                  <c:v>0.86089952877627252</c:v>
                </c:pt>
                <c:pt idx="6597">
                  <c:v>0.86089952877627252</c:v>
                </c:pt>
                <c:pt idx="6598">
                  <c:v>0.86089952877627252</c:v>
                </c:pt>
                <c:pt idx="6599">
                  <c:v>0.86089952877627252</c:v>
                </c:pt>
                <c:pt idx="6600">
                  <c:v>0.5540945101389062</c:v>
                </c:pt>
                <c:pt idx="6601">
                  <c:v>0.8327991302791885</c:v>
                </c:pt>
                <c:pt idx="6602">
                  <c:v>0.8327991302791885</c:v>
                </c:pt>
                <c:pt idx="6603">
                  <c:v>0.8327991302791885</c:v>
                </c:pt>
                <c:pt idx="6604">
                  <c:v>0.8327991302791885</c:v>
                </c:pt>
                <c:pt idx="6605">
                  <c:v>0.8327991302791885</c:v>
                </c:pt>
                <c:pt idx="6606">
                  <c:v>0.8327991302791885</c:v>
                </c:pt>
                <c:pt idx="6607">
                  <c:v>3.4813698361437617</c:v>
                </c:pt>
                <c:pt idx="6608">
                  <c:v>3.8844758171709337</c:v>
                </c:pt>
                <c:pt idx="6609">
                  <c:v>4.287581798198107</c:v>
                </c:pt>
                <c:pt idx="6610">
                  <c:v>4.287581798198107</c:v>
                </c:pt>
                <c:pt idx="6611">
                  <c:v>5.1304397585276487</c:v>
                </c:pt>
                <c:pt idx="6612">
                  <c:v>5.1304397585276487</c:v>
                </c:pt>
                <c:pt idx="6613">
                  <c:v>3.4080778395933664</c:v>
                </c:pt>
                <c:pt idx="6614">
                  <c:v>5.1304397585276487</c:v>
                </c:pt>
                <c:pt idx="6615">
                  <c:v>5.1304397585276487</c:v>
                </c:pt>
                <c:pt idx="6616">
                  <c:v>3.0463469750043419</c:v>
                </c:pt>
                <c:pt idx="6617">
                  <c:v>1.3289271655704042</c:v>
                </c:pt>
                <c:pt idx="6618">
                  <c:v>0.85813591392830513</c:v>
                </c:pt>
                <c:pt idx="6619">
                  <c:v>0.85813591392830513</c:v>
                </c:pt>
                <c:pt idx="6620">
                  <c:v>0.85813591392830513</c:v>
                </c:pt>
                <c:pt idx="6621">
                  <c:v>0.85813591392830513</c:v>
                </c:pt>
                <c:pt idx="6622">
                  <c:v>0.85813591392830513</c:v>
                </c:pt>
                <c:pt idx="6623">
                  <c:v>0.85813591392830513</c:v>
                </c:pt>
                <c:pt idx="6624">
                  <c:v>0.8620670993125289</c:v>
                </c:pt>
                <c:pt idx="6625">
                  <c:v>0.8620670993125289</c:v>
                </c:pt>
                <c:pt idx="6626">
                  <c:v>0.8620670993125289</c:v>
                </c:pt>
                <c:pt idx="6627">
                  <c:v>0.8620670993125289</c:v>
                </c:pt>
                <c:pt idx="6628">
                  <c:v>0.8620670993125289</c:v>
                </c:pt>
                <c:pt idx="6629">
                  <c:v>0.8620670993125289</c:v>
                </c:pt>
                <c:pt idx="6630">
                  <c:v>0.8620670993125289</c:v>
                </c:pt>
                <c:pt idx="6631">
                  <c:v>3.4891631907895313</c:v>
                </c:pt>
                <c:pt idx="6632">
                  <c:v>3.8931715602493719</c:v>
                </c:pt>
                <c:pt idx="6633">
                  <c:v>4.2971799297092126</c:v>
                </c:pt>
                <c:pt idx="6634">
                  <c:v>4.2971799297092126</c:v>
                </c:pt>
                <c:pt idx="6635">
                  <c:v>5.1419247022161514</c:v>
                </c:pt>
                <c:pt idx="6636">
                  <c:v>5.1419247022161514</c:v>
                </c:pt>
                <c:pt idx="6637">
                  <c:v>3.4157071236150149</c:v>
                </c:pt>
                <c:pt idx="6638">
                  <c:v>5.1419247022161514</c:v>
                </c:pt>
                <c:pt idx="6639">
                  <c:v>5.1419247022161514</c:v>
                </c:pt>
                <c:pt idx="6640">
                  <c:v>3.0562186513899907</c:v>
                </c:pt>
                <c:pt idx="6641">
                  <c:v>1.337087637295165</c:v>
                </c:pt>
                <c:pt idx="6642">
                  <c:v>0.8620670993125289</c:v>
                </c:pt>
                <c:pt idx="6643">
                  <c:v>0.8620670993125289</c:v>
                </c:pt>
                <c:pt idx="6644">
                  <c:v>0.8620670993125289</c:v>
                </c:pt>
                <c:pt idx="6645">
                  <c:v>0.8620670993125289</c:v>
                </c:pt>
                <c:pt idx="6646">
                  <c:v>0.8620670993125289</c:v>
                </c:pt>
                <c:pt idx="6647">
                  <c:v>0.8620670993125289</c:v>
                </c:pt>
                <c:pt idx="6648">
                  <c:v>0.95499328483333745</c:v>
                </c:pt>
                <c:pt idx="6649">
                  <c:v>0.95499328483333745</c:v>
                </c:pt>
                <c:pt idx="6650">
                  <c:v>0.95499328483333745</c:v>
                </c:pt>
                <c:pt idx="6651">
                  <c:v>0.95499328483333745</c:v>
                </c:pt>
                <c:pt idx="6652">
                  <c:v>0.95499328483333745</c:v>
                </c:pt>
                <c:pt idx="6653">
                  <c:v>0.95499328483333745</c:v>
                </c:pt>
                <c:pt idx="6654">
                  <c:v>0.95499328483333745</c:v>
                </c:pt>
                <c:pt idx="6655">
                  <c:v>3.8365271517247868</c:v>
                </c:pt>
                <c:pt idx="6656">
                  <c:v>4.280756611398183</c:v>
                </c:pt>
                <c:pt idx="6657">
                  <c:v>4.7249860710715792</c:v>
                </c:pt>
                <c:pt idx="6658">
                  <c:v>4.7249860710715792</c:v>
                </c:pt>
                <c:pt idx="6659">
                  <c:v>5.6538294867523167</c:v>
                </c:pt>
                <c:pt idx="6660">
                  <c:v>5.6538294867523167</c:v>
                </c:pt>
                <c:pt idx="6661">
                  <c:v>3.7557581590568963</c:v>
                </c:pt>
                <c:pt idx="6662">
                  <c:v>5.6538294867523167</c:v>
                </c:pt>
                <c:pt idx="6663">
                  <c:v>5.6538294867523167</c:v>
                </c:pt>
                <c:pt idx="6664">
                  <c:v>3.3822654085507962</c:v>
                </c:pt>
                <c:pt idx="6665">
                  <c:v>1.5067206893559706</c:v>
                </c:pt>
                <c:pt idx="6666">
                  <c:v>0.95499328483333745</c:v>
                </c:pt>
                <c:pt idx="6667">
                  <c:v>0.95499328483333745</c:v>
                </c:pt>
                <c:pt idx="6668">
                  <c:v>0.95499328483333745</c:v>
                </c:pt>
                <c:pt idx="6669">
                  <c:v>0.95499328483333745</c:v>
                </c:pt>
                <c:pt idx="6670">
                  <c:v>0.95499328483333745</c:v>
                </c:pt>
                <c:pt idx="6671">
                  <c:v>0.95499328483333745</c:v>
                </c:pt>
                <c:pt idx="6672">
                  <c:v>1.3797638967891999</c:v>
                </c:pt>
                <c:pt idx="6673">
                  <c:v>0.85337839682823324</c:v>
                </c:pt>
                <c:pt idx="6674">
                  <c:v>0.85337839682823324</c:v>
                </c:pt>
                <c:pt idx="6675">
                  <c:v>0.85337839682823324</c:v>
                </c:pt>
                <c:pt idx="6676">
                  <c:v>0.85337839682823324</c:v>
                </c:pt>
                <c:pt idx="6677">
                  <c:v>0.85337839682823324</c:v>
                </c:pt>
                <c:pt idx="6678">
                  <c:v>0.85337839682823324</c:v>
                </c:pt>
                <c:pt idx="6679">
                  <c:v>3.5678683669948188</c:v>
                </c:pt>
                <c:pt idx="6680">
                  <c:v>4.4598354587435223</c:v>
                </c:pt>
                <c:pt idx="6681">
                  <c:v>4.9058190046178751</c:v>
                </c:pt>
                <c:pt idx="6682">
                  <c:v>4.9058190046178751</c:v>
                </c:pt>
                <c:pt idx="6683">
                  <c:v>5.7977860963665799</c:v>
                </c:pt>
                <c:pt idx="6684">
                  <c:v>5.7977860963665799</c:v>
                </c:pt>
                <c:pt idx="6685">
                  <c:v>4.0138519128691703</c:v>
                </c:pt>
                <c:pt idx="6686">
                  <c:v>5.7977860963665799</c:v>
                </c:pt>
                <c:pt idx="6687">
                  <c:v>4.474587806572929</c:v>
                </c:pt>
                <c:pt idx="6688">
                  <c:v>2.16505816599074</c:v>
                </c:pt>
                <c:pt idx="6689">
                  <c:v>1.4542281286900138</c:v>
                </c:pt>
                <c:pt idx="6690">
                  <c:v>0.8938695891329228</c:v>
                </c:pt>
                <c:pt idx="6691">
                  <c:v>0.85337839682823324</c:v>
                </c:pt>
                <c:pt idx="6692">
                  <c:v>0.85337839682823324</c:v>
                </c:pt>
                <c:pt idx="6693">
                  <c:v>0.85337839682823324</c:v>
                </c:pt>
                <c:pt idx="6694">
                  <c:v>0.85337839682823324</c:v>
                </c:pt>
                <c:pt idx="6695">
                  <c:v>0.85337839682823324</c:v>
                </c:pt>
                <c:pt idx="6696">
                  <c:v>0.59474509124788921</c:v>
                </c:pt>
                <c:pt idx="6697">
                  <c:v>0.54604145513179014</c:v>
                </c:pt>
                <c:pt idx="6698">
                  <c:v>0.54604145513179014</c:v>
                </c:pt>
                <c:pt idx="6699">
                  <c:v>0.54604145513179014</c:v>
                </c:pt>
                <c:pt idx="6700">
                  <c:v>0.54604145513179014</c:v>
                </c:pt>
                <c:pt idx="6701">
                  <c:v>0.54642540705521325</c:v>
                </c:pt>
                <c:pt idx="6702">
                  <c:v>0.54692454455566331</c:v>
                </c:pt>
                <c:pt idx="6703">
                  <c:v>0.54727010128674414</c:v>
                </c:pt>
                <c:pt idx="6704">
                  <c:v>0.54727010128674414</c:v>
                </c:pt>
                <c:pt idx="6705">
                  <c:v>0.54727010128674414</c:v>
                </c:pt>
                <c:pt idx="6706">
                  <c:v>0.54727010128674414</c:v>
                </c:pt>
                <c:pt idx="6707">
                  <c:v>0.54727010128674414</c:v>
                </c:pt>
                <c:pt idx="6708">
                  <c:v>0.54727010128674414</c:v>
                </c:pt>
                <c:pt idx="6709">
                  <c:v>0.54727010128674414</c:v>
                </c:pt>
                <c:pt idx="6710">
                  <c:v>0.54727010128674414</c:v>
                </c:pt>
                <c:pt idx="6711">
                  <c:v>0.54700133494034797</c:v>
                </c:pt>
                <c:pt idx="6712">
                  <c:v>0.54677096378629397</c:v>
                </c:pt>
                <c:pt idx="6713">
                  <c:v>0.54654059263224009</c:v>
                </c:pt>
                <c:pt idx="6714">
                  <c:v>0.54646380224755553</c:v>
                </c:pt>
                <c:pt idx="6715">
                  <c:v>0.54607985032413242</c:v>
                </c:pt>
                <c:pt idx="6716">
                  <c:v>0.54565750320836703</c:v>
                </c:pt>
                <c:pt idx="6717">
                  <c:v>0.54565750320836703</c:v>
                </c:pt>
                <c:pt idx="6718">
                  <c:v>0.54565750320836703</c:v>
                </c:pt>
                <c:pt idx="6719">
                  <c:v>0.54565750320836703</c:v>
                </c:pt>
                <c:pt idx="6720">
                  <c:v>0.58725559020784768</c:v>
                </c:pt>
                <c:pt idx="6721">
                  <c:v>0.58755043372873028</c:v>
                </c:pt>
                <c:pt idx="6722">
                  <c:v>0.58755043372873028</c:v>
                </c:pt>
                <c:pt idx="6723">
                  <c:v>0.58755043372873028</c:v>
                </c:pt>
                <c:pt idx="6724">
                  <c:v>0.58755043372873028</c:v>
                </c:pt>
                <c:pt idx="6725">
                  <c:v>0.58808115206631917</c:v>
                </c:pt>
                <c:pt idx="6726">
                  <c:v>0.5885529016997314</c:v>
                </c:pt>
                <c:pt idx="6727">
                  <c:v>0.58914258874149683</c:v>
                </c:pt>
                <c:pt idx="6728">
                  <c:v>0.58914258874149683</c:v>
                </c:pt>
                <c:pt idx="6729">
                  <c:v>0.58914258874149683</c:v>
                </c:pt>
                <c:pt idx="6730">
                  <c:v>0.58914258874149683</c:v>
                </c:pt>
                <c:pt idx="6731">
                  <c:v>0.58914258874149683</c:v>
                </c:pt>
                <c:pt idx="6732">
                  <c:v>0.58914258874149683</c:v>
                </c:pt>
                <c:pt idx="6733">
                  <c:v>0.58914258874149683</c:v>
                </c:pt>
                <c:pt idx="6734">
                  <c:v>0.58914258874149683</c:v>
                </c:pt>
                <c:pt idx="6735">
                  <c:v>0.58872980781226103</c:v>
                </c:pt>
                <c:pt idx="6736">
                  <c:v>0.5886708391080846</c:v>
                </c:pt>
                <c:pt idx="6737">
                  <c:v>0.58819908947467225</c:v>
                </c:pt>
                <c:pt idx="6738">
                  <c:v>0.58802218336214263</c:v>
                </c:pt>
                <c:pt idx="6739">
                  <c:v>0.58760940243290694</c:v>
                </c:pt>
                <c:pt idx="6740">
                  <c:v>0.58725559020784768</c:v>
                </c:pt>
                <c:pt idx="6741">
                  <c:v>0.58701971539114151</c:v>
                </c:pt>
                <c:pt idx="6742">
                  <c:v>0.58701971539114151</c:v>
                </c:pt>
                <c:pt idx="6743">
                  <c:v>0.58701971539114151</c:v>
                </c:pt>
                <c:pt idx="6744">
                  <c:v>0.98867889274924003</c:v>
                </c:pt>
                <c:pt idx="6745">
                  <c:v>0.98867889274924003</c:v>
                </c:pt>
                <c:pt idx="6746">
                  <c:v>0.98867889274924003</c:v>
                </c:pt>
                <c:pt idx="6747">
                  <c:v>0.98867889274924003</c:v>
                </c:pt>
                <c:pt idx="6748">
                  <c:v>0.98867889274924003</c:v>
                </c:pt>
                <c:pt idx="6749">
                  <c:v>0.98867889274924003</c:v>
                </c:pt>
                <c:pt idx="6750">
                  <c:v>0.98867889274924003</c:v>
                </c:pt>
                <c:pt idx="6751">
                  <c:v>4.2154975051563328</c:v>
                </c:pt>
                <c:pt idx="6752">
                  <c:v>4.7424346933008739</c:v>
                </c:pt>
                <c:pt idx="6753">
                  <c:v>5.2693718814454158</c:v>
                </c:pt>
                <c:pt idx="6754">
                  <c:v>5.2693718814454158</c:v>
                </c:pt>
                <c:pt idx="6755">
                  <c:v>6.323246257734497</c:v>
                </c:pt>
                <c:pt idx="6756">
                  <c:v>6.323246257734497</c:v>
                </c:pt>
                <c:pt idx="6757">
                  <c:v>4.2154975051563328</c:v>
                </c:pt>
                <c:pt idx="6758">
                  <c:v>6.323246257734497</c:v>
                </c:pt>
                <c:pt idx="6759">
                  <c:v>6.323246257734497</c:v>
                </c:pt>
                <c:pt idx="6760">
                  <c:v>3.7560835915696082</c:v>
                </c:pt>
                <c:pt idx="6761">
                  <c:v>1.1899557648615442</c:v>
                </c:pt>
                <c:pt idx="6762">
                  <c:v>1.0593270462516102</c:v>
                </c:pt>
                <c:pt idx="6763">
                  <c:v>1.0593270462516102</c:v>
                </c:pt>
                <c:pt idx="6764">
                  <c:v>1.0593270462516102</c:v>
                </c:pt>
                <c:pt idx="6765">
                  <c:v>1.0593270462516102</c:v>
                </c:pt>
                <c:pt idx="6766">
                  <c:v>1.0593270462516102</c:v>
                </c:pt>
                <c:pt idx="6767">
                  <c:v>1.0593270462516102</c:v>
                </c:pt>
                <c:pt idx="6768">
                  <c:v>0.61850998063563078</c:v>
                </c:pt>
                <c:pt idx="6769">
                  <c:v>0.9179134752631517</c:v>
                </c:pt>
                <c:pt idx="6770">
                  <c:v>0.9179134752631517</c:v>
                </c:pt>
                <c:pt idx="6771">
                  <c:v>0.9179134752631517</c:v>
                </c:pt>
                <c:pt idx="6772">
                  <c:v>0.9179134752631517</c:v>
                </c:pt>
                <c:pt idx="6773">
                  <c:v>0.9179134752631517</c:v>
                </c:pt>
                <c:pt idx="6774">
                  <c:v>0.9179134752631517</c:v>
                </c:pt>
                <c:pt idx="6775">
                  <c:v>3.80693974981296</c:v>
                </c:pt>
                <c:pt idx="6776">
                  <c:v>4.2477432997913036</c:v>
                </c:pt>
                <c:pt idx="6777">
                  <c:v>4.6885468497696463</c:v>
                </c:pt>
                <c:pt idx="6778">
                  <c:v>4.6885468497696463</c:v>
                </c:pt>
                <c:pt idx="6779">
                  <c:v>5.6102269997243619</c:v>
                </c:pt>
                <c:pt idx="6780">
                  <c:v>5.6102269997243619</c:v>
                </c:pt>
                <c:pt idx="6781">
                  <c:v>3.7267936498168983</c:v>
                </c:pt>
                <c:pt idx="6782">
                  <c:v>5.6102269997243619</c:v>
                </c:pt>
                <c:pt idx="6783">
                  <c:v>5.6102269997243619</c:v>
                </c:pt>
                <c:pt idx="6784">
                  <c:v>3.3551428306263227</c:v>
                </c:pt>
                <c:pt idx="6785">
                  <c:v>1.4932133079659855</c:v>
                </c:pt>
                <c:pt idx="6786">
                  <c:v>0.94513197477474453</c:v>
                </c:pt>
                <c:pt idx="6787">
                  <c:v>0.94513197477474453</c:v>
                </c:pt>
                <c:pt idx="6788">
                  <c:v>0.94513197477474453</c:v>
                </c:pt>
                <c:pt idx="6789">
                  <c:v>0.94513197477474453</c:v>
                </c:pt>
                <c:pt idx="6790">
                  <c:v>0.94513197477474453</c:v>
                </c:pt>
                <c:pt idx="6791">
                  <c:v>0.94513197477474453</c:v>
                </c:pt>
                <c:pt idx="6792">
                  <c:v>0.90087934468712705</c:v>
                </c:pt>
                <c:pt idx="6793">
                  <c:v>0.90087934468712705</c:v>
                </c:pt>
                <c:pt idx="6794">
                  <c:v>0.90087934468712705</c:v>
                </c:pt>
                <c:pt idx="6795">
                  <c:v>0.90087934468712705</c:v>
                </c:pt>
                <c:pt idx="6796">
                  <c:v>0.90087934468712705</c:v>
                </c:pt>
                <c:pt idx="6797">
                  <c:v>0.90087934468712705</c:v>
                </c:pt>
                <c:pt idx="6798">
                  <c:v>0.90087934468712705</c:v>
                </c:pt>
                <c:pt idx="6799">
                  <c:v>3.6306664616945974</c:v>
                </c:pt>
                <c:pt idx="6800">
                  <c:v>4.05105942041713</c:v>
                </c:pt>
                <c:pt idx="6801">
                  <c:v>4.4714523791396621</c:v>
                </c:pt>
                <c:pt idx="6802">
                  <c:v>4.4714523791396621</c:v>
                </c:pt>
                <c:pt idx="6803">
                  <c:v>5.3504558382867753</c:v>
                </c:pt>
                <c:pt idx="6804">
                  <c:v>5.3504558382867753</c:v>
                </c:pt>
                <c:pt idx="6805">
                  <c:v>3.5542313782905004</c:v>
                </c:pt>
                <c:pt idx="6806">
                  <c:v>5.3504558382867753</c:v>
                </c:pt>
                <c:pt idx="6807">
                  <c:v>5.3504558382867753</c:v>
                </c:pt>
                <c:pt idx="6808">
                  <c:v>3.191974821710835</c:v>
                </c:pt>
                <c:pt idx="6809">
                  <c:v>1.4111129647965399</c:v>
                </c:pt>
                <c:pt idx="6810">
                  <c:v>0.90087934468712705</c:v>
                </c:pt>
                <c:pt idx="6811">
                  <c:v>0.90087934468712705</c:v>
                </c:pt>
                <c:pt idx="6812">
                  <c:v>0.90087934468712705</c:v>
                </c:pt>
                <c:pt idx="6813">
                  <c:v>0.90087934468712705</c:v>
                </c:pt>
                <c:pt idx="6814">
                  <c:v>0.90087934468712705</c:v>
                </c:pt>
                <c:pt idx="6815">
                  <c:v>0.90087934468712705</c:v>
                </c:pt>
                <c:pt idx="6816">
                  <c:v>0.88249459687810683</c:v>
                </c:pt>
                <c:pt idx="6817">
                  <c:v>0.88249459687810683</c:v>
                </c:pt>
                <c:pt idx="6818">
                  <c:v>0.88249459687810683</c:v>
                </c:pt>
                <c:pt idx="6819">
                  <c:v>0.88249459687810683</c:v>
                </c:pt>
                <c:pt idx="6820">
                  <c:v>0.88249459687810683</c:v>
                </c:pt>
                <c:pt idx="6821">
                  <c:v>0.88249459687810683</c:v>
                </c:pt>
                <c:pt idx="6822">
                  <c:v>0.88249459687810683</c:v>
                </c:pt>
                <c:pt idx="6823">
                  <c:v>3.5636385965290405</c:v>
                </c:pt>
                <c:pt idx="6824">
                  <c:v>3.9762704340218757</c:v>
                </c:pt>
                <c:pt idx="6825">
                  <c:v>4.3889022715147137</c:v>
                </c:pt>
                <c:pt idx="6826">
                  <c:v>4.3889022715147137</c:v>
                </c:pt>
                <c:pt idx="6827">
                  <c:v>5.2516779317270057</c:v>
                </c:pt>
                <c:pt idx="6828">
                  <c:v>5.2516779317270057</c:v>
                </c:pt>
                <c:pt idx="6829">
                  <c:v>3.4886146260757971</c:v>
                </c:pt>
                <c:pt idx="6830">
                  <c:v>5.2516779317270057</c:v>
                </c:pt>
                <c:pt idx="6831">
                  <c:v>5.2516779317270057</c:v>
                </c:pt>
                <c:pt idx="6832">
                  <c:v>3.1276692673483302</c:v>
                </c:pt>
                <c:pt idx="6833">
                  <c:v>1.3760483359800992</c:v>
                </c:pt>
                <c:pt idx="6834">
                  <c:v>0.88249459687810683</c:v>
                </c:pt>
                <c:pt idx="6835">
                  <c:v>0.88249459687810683</c:v>
                </c:pt>
                <c:pt idx="6836">
                  <c:v>0.88249459687810683</c:v>
                </c:pt>
                <c:pt idx="6837">
                  <c:v>0.88249459687810683</c:v>
                </c:pt>
                <c:pt idx="6838">
                  <c:v>0.88249459687810683</c:v>
                </c:pt>
                <c:pt idx="6839">
                  <c:v>0.88249459687810683</c:v>
                </c:pt>
                <c:pt idx="6840">
                  <c:v>1.2454613784117106</c:v>
                </c:pt>
                <c:pt idx="6841">
                  <c:v>0.75936093650341097</c:v>
                </c:pt>
                <c:pt idx="6842">
                  <c:v>0.75936093650341097</c:v>
                </c:pt>
                <c:pt idx="6843">
                  <c:v>0.75936093650341097</c:v>
                </c:pt>
                <c:pt idx="6844">
                  <c:v>0.75936093650341097</c:v>
                </c:pt>
                <c:pt idx="6845">
                  <c:v>0.75936093650341097</c:v>
                </c:pt>
                <c:pt idx="6846">
                  <c:v>0.75936093650341097</c:v>
                </c:pt>
                <c:pt idx="6847">
                  <c:v>3.2170270159404026</c:v>
                </c:pt>
                <c:pt idx="6848">
                  <c:v>4.0212837699255033</c:v>
                </c:pt>
                <c:pt idx="6849">
                  <c:v>4.4234121469180536</c:v>
                </c:pt>
                <c:pt idx="6850">
                  <c:v>4.4234121469180536</c:v>
                </c:pt>
                <c:pt idx="6851">
                  <c:v>5.2276689009031543</c:v>
                </c:pt>
                <c:pt idx="6852">
                  <c:v>5.2276689009031543</c:v>
                </c:pt>
                <c:pt idx="6853">
                  <c:v>3.619155392932953</c:v>
                </c:pt>
                <c:pt idx="6854">
                  <c:v>5.2276689009031543</c:v>
                </c:pt>
                <c:pt idx="6855">
                  <c:v>4.0251837079701014</c:v>
                </c:pt>
                <c:pt idx="6856">
                  <c:v>1.9067593513540932</c:v>
                </c:pt>
                <c:pt idx="6857">
                  <c:v>1.2651467799701539</c:v>
                </c:pt>
                <c:pt idx="6858">
                  <c:v>0.7967532781886647</c:v>
                </c:pt>
                <c:pt idx="6859">
                  <c:v>0.75936093650341097</c:v>
                </c:pt>
                <c:pt idx="6860">
                  <c:v>0.75936093650341097</c:v>
                </c:pt>
                <c:pt idx="6861">
                  <c:v>0.75936093650341097</c:v>
                </c:pt>
                <c:pt idx="6862">
                  <c:v>0.75936093650341097</c:v>
                </c:pt>
                <c:pt idx="6863">
                  <c:v>0.75936093650341097</c:v>
                </c:pt>
                <c:pt idx="6864">
                  <c:v>0.57505371522132864</c:v>
                </c:pt>
                <c:pt idx="6865">
                  <c:v>0.52721446129335958</c:v>
                </c:pt>
                <c:pt idx="6866">
                  <c:v>0.52721446129335958</c:v>
                </c:pt>
                <c:pt idx="6867">
                  <c:v>0.52721446129335958</c:v>
                </c:pt>
                <c:pt idx="6868">
                  <c:v>0.52721446129335958</c:v>
                </c:pt>
                <c:pt idx="6869">
                  <c:v>0.52753389626670089</c:v>
                </c:pt>
                <c:pt idx="6870">
                  <c:v>0.52794916173204465</c:v>
                </c:pt>
                <c:pt idx="6871">
                  <c:v>0.52823665320805191</c:v>
                </c:pt>
                <c:pt idx="6872">
                  <c:v>0.52823665320805191</c:v>
                </c:pt>
                <c:pt idx="6873">
                  <c:v>0.52823665320805191</c:v>
                </c:pt>
                <c:pt idx="6874">
                  <c:v>0.52823665320805191</c:v>
                </c:pt>
                <c:pt idx="6875">
                  <c:v>0.52823665320805191</c:v>
                </c:pt>
                <c:pt idx="6876">
                  <c:v>0.52823665320805191</c:v>
                </c:pt>
                <c:pt idx="6877">
                  <c:v>0.52823665320805191</c:v>
                </c:pt>
                <c:pt idx="6878">
                  <c:v>0.52823665320805191</c:v>
                </c:pt>
                <c:pt idx="6879">
                  <c:v>0.52801304872671295</c:v>
                </c:pt>
                <c:pt idx="6880">
                  <c:v>0.52782138774270815</c:v>
                </c:pt>
                <c:pt idx="6881">
                  <c:v>0.52762972675870334</c:v>
                </c:pt>
                <c:pt idx="6882">
                  <c:v>0.52756583976403515</c:v>
                </c:pt>
                <c:pt idx="6883">
                  <c:v>0.52724640479069385</c:v>
                </c:pt>
                <c:pt idx="6884">
                  <c:v>0.52689502632001828</c:v>
                </c:pt>
                <c:pt idx="6885">
                  <c:v>0.52689502632001828</c:v>
                </c:pt>
                <c:pt idx="6886">
                  <c:v>0.52689502632001828</c:v>
                </c:pt>
                <c:pt idx="6887">
                  <c:v>0.52689502632001828</c:v>
                </c:pt>
                <c:pt idx="6888">
                  <c:v>0.63255839671513514</c:v>
                </c:pt>
                <c:pt idx="6889">
                  <c:v>0.6328799039142915</c:v>
                </c:pt>
                <c:pt idx="6890">
                  <c:v>0.6328799039142915</c:v>
                </c:pt>
                <c:pt idx="6891">
                  <c:v>0.6328799039142915</c:v>
                </c:pt>
                <c:pt idx="6892">
                  <c:v>0.6328799039142915</c:v>
                </c:pt>
                <c:pt idx="6893">
                  <c:v>0.63345861687277294</c:v>
                </c:pt>
                <c:pt idx="6894">
                  <c:v>0.633973028391423</c:v>
                </c:pt>
                <c:pt idx="6895">
                  <c:v>0.63461604278973571</c:v>
                </c:pt>
                <c:pt idx="6896">
                  <c:v>0.63461604278973571</c:v>
                </c:pt>
                <c:pt idx="6897">
                  <c:v>0.63461604278973571</c:v>
                </c:pt>
                <c:pt idx="6898">
                  <c:v>0.63461604278973571</c:v>
                </c:pt>
                <c:pt idx="6899">
                  <c:v>0.63461604278973571</c:v>
                </c:pt>
                <c:pt idx="6900">
                  <c:v>0.63461604278973571</c:v>
                </c:pt>
                <c:pt idx="6901">
                  <c:v>0.63461604278973571</c:v>
                </c:pt>
                <c:pt idx="6902">
                  <c:v>0.63461604278973571</c:v>
                </c:pt>
                <c:pt idx="6903">
                  <c:v>0.63416593271091681</c:v>
                </c:pt>
                <c:pt idx="6904">
                  <c:v>0.63410163127108554</c:v>
                </c:pt>
                <c:pt idx="6905">
                  <c:v>0.63358721975243548</c:v>
                </c:pt>
                <c:pt idx="6906">
                  <c:v>0.63339431543294167</c:v>
                </c:pt>
                <c:pt idx="6907">
                  <c:v>0.63294420535412266</c:v>
                </c:pt>
                <c:pt idx="6908">
                  <c:v>0.63255839671513514</c:v>
                </c:pt>
                <c:pt idx="6909">
                  <c:v>0.63230119095581006</c:v>
                </c:pt>
                <c:pt idx="6910">
                  <c:v>0.63230119095581006</c:v>
                </c:pt>
                <c:pt idx="6911">
                  <c:v>0.63230119095581006</c:v>
                </c:pt>
                <c:pt idx="6912">
                  <c:v>1.3341580241139595</c:v>
                </c:pt>
                <c:pt idx="6913">
                  <c:v>1.3341580241139595</c:v>
                </c:pt>
                <c:pt idx="6914">
                  <c:v>1.3341580241139595</c:v>
                </c:pt>
                <c:pt idx="6915">
                  <c:v>1.3341580241139595</c:v>
                </c:pt>
                <c:pt idx="6916">
                  <c:v>1.3341580241139595</c:v>
                </c:pt>
                <c:pt idx="6917">
                  <c:v>1.3341580241139595</c:v>
                </c:pt>
                <c:pt idx="6918">
                  <c:v>1.3341580241139595</c:v>
                </c:pt>
                <c:pt idx="6919">
                  <c:v>5.6980865846619952</c:v>
                </c:pt>
                <c:pt idx="6920">
                  <c:v>6.4103474077447435</c:v>
                </c:pt>
                <c:pt idx="6921">
                  <c:v>7.1226082308274936</c:v>
                </c:pt>
                <c:pt idx="6922">
                  <c:v>7.1226082308274936</c:v>
                </c:pt>
                <c:pt idx="6923">
                  <c:v>8.5471298769929902</c:v>
                </c:pt>
                <c:pt idx="6924">
                  <c:v>8.5471298769929902</c:v>
                </c:pt>
                <c:pt idx="6925">
                  <c:v>5.6980865846619952</c:v>
                </c:pt>
                <c:pt idx="6926">
                  <c:v>8.5471298769929902</c:v>
                </c:pt>
                <c:pt idx="6927">
                  <c:v>8.5471298769929902</c:v>
                </c:pt>
                <c:pt idx="6928">
                  <c:v>5.249968671678829</c:v>
                </c:pt>
                <c:pt idx="6929">
                  <c:v>1.956855633569258</c:v>
                </c:pt>
                <c:pt idx="6930">
                  <c:v>1.4838533530137794</c:v>
                </c:pt>
                <c:pt idx="6931">
                  <c:v>1.4838533530137794</c:v>
                </c:pt>
                <c:pt idx="6932">
                  <c:v>1.4838533530137794</c:v>
                </c:pt>
                <c:pt idx="6933">
                  <c:v>1.4838533530137794</c:v>
                </c:pt>
                <c:pt idx="6934">
                  <c:v>1.4838533530137794</c:v>
                </c:pt>
                <c:pt idx="6935">
                  <c:v>1.4838533530137794</c:v>
                </c:pt>
                <c:pt idx="6936">
                  <c:v>1.0967860709743327</c:v>
                </c:pt>
                <c:pt idx="6937">
                  <c:v>1.5213469276088927</c:v>
                </c:pt>
                <c:pt idx="6938">
                  <c:v>1.5213469276088927</c:v>
                </c:pt>
                <c:pt idx="6939">
                  <c:v>1.5213469276088927</c:v>
                </c:pt>
                <c:pt idx="6940">
                  <c:v>1.5213469276088927</c:v>
                </c:pt>
                <c:pt idx="6941">
                  <c:v>1.5213469276088927</c:v>
                </c:pt>
                <c:pt idx="6942">
                  <c:v>1.5213469276088927</c:v>
                </c:pt>
                <c:pt idx="6943">
                  <c:v>6.0312757461330291</c:v>
                </c:pt>
                <c:pt idx="6944">
                  <c:v>6.7296339904221156</c:v>
                </c:pt>
                <c:pt idx="6945">
                  <c:v>7.4279922347112031</c:v>
                </c:pt>
                <c:pt idx="6946">
                  <c:v>7.4279922347112031</c:v>
                </c:pt>
                <c:pt idx="6947">
                  <c:v>8.8881958364065667</c:v>
                </c:pt>
                <c:pt idx="6948">
                  <c:v>8.8881958364065667</c:v>
                </c:pt>
                <c:pt idx="6949">
                  <c:v>5.9043015198986479</c:v>
                </c:pt>
                <c:pt idx="6950">
                  <c:v>8.8881958364065667</c:v>
                </c:pt>
                <c:pt idx="6951">
                  <c:v>8.8881958364065667</c:v>
                </c:pt>
                <c:pt idx="6952">
                  <c:v>5.5373372494135156</c:v>
                </c:pt>
                <c:pt idx="6953">
                  <c:v>2.7368928450182413</c:v>
                </c:pt>
                <c:pt idx="6954">
                  <c:v>1.5599433691211253</c:v>
                </c:pt>
                <c:pt idx="6955">
                  <c:v>1.5599433691211253</c:v>
                </c:pt>
                <c:pt idx="6956">
                  <c:v>1.5599433691211253</c:v>
                </c:pt>
                <c:pt idx="6957">
                  <c:v>1.5599433691211253</c:v>
                </c:pt>
                <c:pt idx="6958">
                  <c:v>1.5599433691211253</c:v>
                </c:pt>
                <c:pt idx="6959">
                  <c:v>1.5599433691211253</c:v>
                </c:pt>
                <c:pt idx="6960">
                  <c:v>1.5385159300082836</c:v>
                </c:pt>
                <c:pt idx="6961">
                  <c:v>1.5385159300082836</c:v>
                </c:pt>
                <c:pt idx="6962">
                  <c:v>1.5385159300082836</c:v>
                </c:pt>
                <c:pt idx="6963">
                  <c:v>1.5385159300082836</c:v>
                </c:pt>
                <c:pt idx="6964">
                  <c:v>1.5385159300082836</c:v>
                </c:pt>
                <c:pt idx="6965">
                  <c:v>1.5385159300082836</c:v>
                </c:pt>
                <c:pt idx="6966">
                  <c:v>1.5385159300082836</c:v>
                </c:pt>
                <c:pt idx="6967">
                  <c:v>5.909750725676207</c:v>
                </c:pt>
                <c:pt idx="6968">
                  <c:v>6.5940376518071364</c:v>
                </c:pt>
                <c:pt idx="6969">
                  <c:v>7.278324577938065</c:v>
                </c:pt>
                <c:pt idx="6970">
                  <c:v>7.278324577938065</c:v>
                </c:pt>
                <c:pt idx="6971">
                  <c:v>8.7091063325754607</c:v>
                </c:pt>
                <c:pt idx="6972">
                  <c:v>8.7091063325754607</c:v>
                </c:pt>
                <c:pt idx="6973">
                  <c:v>5.7853349209251288</c:v>
                </c:pt>
                <c:pt idx="6974">
                  <c:v>8.7091063325754607</c:v>
                </c:pt>
                <c:pt idx="6975">
                  <c:v>8.7091063325754607</c:v>
                </c:pt>
                <c:pt idx="6976">
                  <c:v>5.4168859464549177</c:v>
                </c:pt>
                <c:pt idx="6977">
                  <c:v>2.6677395564808304</c:v>
                </c:pt>
                <c:pt idx="6978">
                  <c:v>1.5385159300082836</c:v>
                </c:pt>
                <c:pt idx="6979">
                  <c:v>1.5385159300082836</c:v>
                </c:pt>
                <c:pt idx="6980">
                  <c:v>1.5385159300082836</c:v>
                </c:pt>
                <c:pt idx="6981">
                  <c:v>1.5385159300082836</c:v>
                </c:pt>
                <c:pt idx="6982">
                  <c:v>1.5385159300082836</c:v>
                </c:pt>
                <c:pt idx="6983">
                  <c:v>1.5385159300082836</c:v>
                </c:pt>
                <c:pt idx="6984">
                  <c:v>1.1708891433741058</c:v>
                </c:pt>
                <c:pt idx="6985">
                  <c:v>1.1708891433741058</c:v>
                </c:pt>
                <c:pt idx="6986">
                  <c:v>1.1708891433741058</c:v>
                </c:pt>
                <c:pt idx="6987">
                  <c:v>1.1708891433741058</c:v>
                </c:pt>
                <c:pt idx="6988">
                  <c:v>1.1708891433741058</c:v>
                </c:pt>
                <c:pt idx="6989">
                  <c:v>1.1708891433741058</c:v>
                </c:pt>
                <c:pt idx="6990">
                  <c:v>1.1708891433741058</c:v>
                </c:pt>
                <c:pt idx="6991">
                  <c:v>4.6763827085806255</c:v>
                </c:pt>
                <c:pt idx="6992">
                  <c:v>5.2178586011531198</c:v>
                </c:pt>
                <c:pt idx="6993">
                  <c:v>5.7593344937256141</c:v>
                </c:pt>
                <c:pt idx="6994">
                  <c:v>5.7593344937256141</c:v>
                </c:pt>
                <c:pt idx="6995">
                  <c:v>6.8915113600135536</c:v>
                </c:pt>
                <c:pt idx="6996">
                  <c:v>6.8915113600135536</c:v>
                </c:pt>
                <c:pt idx="6997">
                  <c:v>4.5779325462947185</c:v>
                </c:pt>
                <c:pt idx="6998">
                  <c:v>6.8915113600135536</c:v>
                </c:pt>
                <c:pt idx="6999">
                  <c:v>6.8915113600135536</c:v>
                </c:pt>
                <c:pt idx="7000">
                  <c:v>4.1436499845177828</c:v>
                </c:pt>
                <c:pt idx="7001">
                  <c:v>1.8717137318567687</c:v>
                </c:pt>
                <c:pt idx="7002">
                  <c:v>1.1708891433741058</c:v>
                </c:pt>
                <c:pt idx="7003">
                  <c:v>1.1708891433741058</c:v>
                </c:pt>
                <c:pt idx="7004">
                  <c:v>1.1708891433741058</c:v>
                </c:pt>
                <c:pt idx="7005">
                  <c:v>1.1708891433741058</c:v>
                </c:pt>
                <c:pt idx="7006">
                  <c:v>1.1708891433741058</c:v>
                </c:pt>
                <c:pt idx="7007">
                  <c:v>1.1708891433741058</c:v>
                </c:pt>
                <c:pt idx="7008">
                  <c:v>1.3715412936232314</c:v>
                </c:pt>
                <c:pt idx="7009">
                  <c:v>0.84762222578793811</c:v>
                </c:pt>
                <c:pt idx="7010">
                  <c:v>0.84762222578793811</c:v>
                </c:pt>
                <c:pt idx="7011">
                  <c:v>0.84762222578793811</c:v>
                </c:pt>
                <c:pt idx="7012">
                  <c:v>0.84762222578793811</c:v>
                </c:pt>
                <c:pt idx="7013">
                  <c:v>0.84762222578793811</c:v>
                </c:pt>
                <c:pt idx="7014">
                  <c:v>0.84762222578793811</c:v>
                </c:pt>
                <c:pt idx="7015">
                  <c:v>3.5463882842772017</c:v>
                </c:pt>
                <c:pt idx="7016">
                  <c:v>4.4329853553465028</c:v>
                </c:pt>
                <c:pt idx="7017">
                  <c:v>4.8762838908811519</c:v>
                </c:pt>
                <c:pt idx="7018">
                  <c:v>4.8762838908811519</c:v>
                </c:pt>
                <c:pt idx="7019">
                  <c:v>5.7628809619504526</c:v>
                </c:pt>
                <c:pt idx="7020">
                  <c:v>5.7628809619504526</c:v>
                </c:pt>
                <c:pt idx="7021">
                  <c:v>3.9896868198118516</c:v>
                </c:pt>
                <c:pt idx="7022">
                  <c:v>5.7628809619504526</c:v>
                </c:pt>
                <c:pt idx="7023">
                  <c:v>4.4470732699237772</c:v>
                </c:pt>
                <c:pt idx="7024">
                  <c:v>2.1492439528497216</c:v>
                </c:pt>
                <c:pt idx="7025">
                  <c:v>1.4426517195847168</c:v>
                </c:pt>
                <c:pt idx="7026">
                  <c:v>0.88792369254449932</c:v>
                </c:pt>
                <c:pt idx="7027">
                  <c:v>0.84762222578793811</c:v>
                </c:pt>
                <c:pt idx="7028">
                  <c:v>0.84762222578793811</c:v>
                </c:pt>
                <c:pt idx="7029">
                  <c:v>0.84762222578793811</c:v>
                </c:pt>
                <c:pt idx="7030">
                  <c:v>0.84762222578793811</c:v>
                </c:pt>
                <c:pt idx="7031">
                  <c:v>0.84762222578793811</c:v>
                </c:pt>
                <c:pt idx="7032">
                  <c:v>0.58221421559462339</c:v>
                </c:pt>
                <c:pt idx="7033">
                  <c:v>0.53406064087097072</c:v>
                </c:pt>
                <c:pt idx="7034">
                  <c:v>0.53406064087097072</c:v>
                </c:pt>
                <c:pt idx="7035">
                  <c:v>0.53406064087097072</c:v>
                </c:pt>
                <c:pt idx="7036">
                  <c:v>0.53406064087097072</c:v>
                </c:pt>
                <c:pt idx="7037">
                  <c:v>0.53440353655343265</c:v>
                </c:pt>
                <c:pt idx="7038">
                  <c:v>0.53484930094063321</c:v>
                </c:pt>
                <c:pt idx="7039">
                  <c:v>0.535157907054849</c:v>
                </c:pt>
                <c:pt idx="7040">
                  <c:v>0.535157907054849</c:v>
                </c:pt>
                <c:pt idx="7041">
                  <c:v>0.535157907054849</c:v>
                </c:pt>
                <c:pt idx="7042">
                  <c:v>0.535157907054849</c:v>
                </c:pt>
                <c:pt idx="7043">
                  <c:v>0.535157907054849</c:v>
                </c:pt>
                <c:pt idx="7044">
                  <c:v>0.535157907054849</c:v>
                </c:pt>
                <c:pt idx="7045">
                  <c:v>0.535157907054849</c:v>
                </c:pt>
                <c:pt idx="7046">
                  <c:v>0.535157907054849</c:v>
                </c:pt>
                <c:pt idx="7047">
                  <c:v>0.5349178800771256</c:v>
                </c:pt>
                <c:pt idx="7048">
                  <c:v>0.53471214266764844</c:v>
                </c:pt>
                <c:pt idx="7049">
                  <c:v>0.53450640525817128</c:v>
                </c:pt>
                <c:pt idx="7050">
                  <c:v>0.53443782612167878</c:v>
                </c:pt>
                <c:pt idx="7051">
                  <c:v>0.53409493043921685</c:v>
                </c:pt>
                <c:pt idx="7052">
                  <c:v>0.53371774518850879</c:v>
                </c:pt>
                <c:pt idx="7053">
                  <c:v>0.53371774518850879</c:v>
                </c:pt>
                <c:pt idx="7054">
                  <c:v>0.53371774518850879</c:v>
                </c:pt>
                <c:pt idx="7055">
                  <c:v>0.53371774518850879</c:v>
                </c:pt>
                <c:pt idx="7056">
                  <c:v>0.58554366524990309</c:v>
                </c:pt>
                <c:pt idx="7057">
                  <c:v>0.58583517581100153</c:v>
                </c:pt>
                <c:pt idx="7058">
                  <c:v>0.58583517581100153</c:v>
                </c:pt>
                <c:pt idx="7059">
                  <c:v>0.58583517581100153</c:v>
                </c:pt>
                <c:pt idx="7060">
                  <c:v>0.58583517581100153</c:v>
                </c:pt>
                <c:pt idx="7061">
                  <c:v>0.58635989482097883</c:v>
                </c:pt>
                <c:pt idx="7062">
                  <c:v>0.58682631171873634</c:v>
                </c:pt>
                <c:pt idx="7063">
                  <c:v>0.58740933284093344</c:v>
                </c:pt>
                <c:pt idx="7064">
                  <c:v>0.58740933284093344</c:v>
                </c:pt>
                <c:pt idx="7065">
                  <c:v>0.58740933284093344</c:v>
                </c:pt>
                <c:pt idx="7066">
                  <c:v>0.58740933284093344</c:v>
                </c:pt>
                <c:pt idx="7067">
                  <c:v>0.58740933284093344</c:v>
                </c:pt>
                <c:pt idx="7068">
                  <c:v>0.58740933284093344</c:v>
                </c:pt>
                <c:pt idx="7069">
                  <c:v>0.58740933284093344</c:v>
                </c:pt>
                <c:pt idx="7070">
                  <c:v>0.58740933284093344</c:v>
                </c:pt>
                <c:pt idx="7071">
                  <c:v>0.58700121805539551</c:v>
                </c:pt>
                <c:pt idx="7072">
                  <c:v>0.58694291594317582</c:v>
                </c:pt>
                <c:pt idx="7073">
                  <c:v>0.58647649904541821</c:v>
                </c:pt>
                <c:pt idx="7074">
                  <c:v>0.58630159270875903</c:v>
                </c:pt>
                <c:pt idx="7075">
                  <c:v>0.58589347792322122</c:v>
                </c:pt>
                <c:pt idx="7076">
                  <c:v>0.58554366524990309</c:v>
                </c:pt>
                <c:pt idx="7077">
                  <c:v>0.58531045680102423</c:v>
                </c:pt>
                <c:pt idx="7078">
                  <c:v>0.58531045680102423</c:v>
                </c:pt>
                <c:pt idx="7079">
                  <c:v>0.58531045680102423</c:v>
                </c:pt>
                <c:pt idx="7080">
                  <c:v>0.99839425101419499</c:v>
                </c:pt>
                <c:pt idx="7081">
                  <c:v>0.99839425101419499</c:v>
                </c:pt>
                <c:pt idx="7082">
                  <c:v>0.99839425101419499</c:v>
                </c:pt>
                <c:pt idx="7083">
                  <c:v>0.99839425101419499</c:v>
                </c:pt>
                <c:pt idx="7084">
                  <c:v>0.99839425101419499</c:v>
                </c:pt>
                <c:pt idx="7085">
                  <c:v>0.99839425101419499</c:v>
                </c:pt>
                <c:pt idx="7086">
                  <c:v>0.99839425101419499</c:v>
                </c:pt>
                <c:pt idx="7087">
                  <c:v>4.2569653864743424</c:v>
                </c:pt>
                <c:pt idx="7088">
                  <c:v>4.7890860597836351</c:v>
                </c:pt>
                <c:pt idx="7089">
                  <c:v>5.3212067330929278</c:v>
                </c:pt>
                <c:pt idx="7090">
                  <c:v>5.3212067330929278</c:v>
                </c:pt>
                <c:pt idx="7091">
                  <c:v>6.3854480797115123</c:v>
                </c:pt>
                <c:pt idx="7092">
                  <c:v>6.3854480797115123</c:v>
                </c:pt>
                <c:pt idx="7093">
                  <c:v>4.2569653864743424</c:v>
                </c:pt>
                <c:pt idx="7094">
                  <c:v>6.3854480797115123</c:v>
                </c:pt>
                <c:pt idx="7095">
                  <c:v>6.3854480797115123</c:v>
                </c:pt>
                <c:pt idx="7096">
                  <c:v>3.7938262365789708</c:v>
                </c:pt>
                <c:pt idx="7097">
                  <c:v>1.2032615815447252</c:v>
                </c:pt>
                <c:pt idx="7098">
                  <c:v>1.0699863195800063</c:v>
                </c:pt>
                <c:pt idx="7099">
                  <c:v>1.0699863195800063</c:v>
                </c:pt>
                <c:pt idx="7100">
                  <c:v>1.0699863195800063</c:v>
                </c:pt>
                <c:pt idx="7101">
                  <c:v>1.0699863195800063</c:v>
                </c:pt>
                <c:pt idx="7102">
                  <c:v>1.0699863195800063</c:v>
                </c:pt>
                <c:pt idx="7103">
                  <c:v>1.0699863195800063</c:v>
                </c:pt>
                <c:pt idx="7104">
                  <c:v>0.73026762081914964</c:v>
                </c:pt>
                <c:pt idx="7105">
                  <c:v>1.0775708465851668</c:v>
                </c:pt>
                <c:pt idx="7106">
                  <c:v>1.0775708465851668</c:v>
                </c:pt>
                <c:pt idx="7107">
                  <c:v>1.0775708465851668</c:v>
                </c:pt>
                <c:pt idx="7108">
                  <c:v>1.0775708465851668</c:v>
                </c:pt>
                <c:pt idx="7109">
                  <c:v>1.0775708465851668</c:v>
                </c:pt>
                <c:pt idx="7110">
                  <c:v>1.0775708465851668</c:v>
                </c:pt>
                <c:pt idx="7111">
                  <c:v>4.4528783122655309</c:v>
                </c:pt>
                <c:pt idx="7112">
                  <c:v>4.9684747484225928</c:v>
                </c:pt>
                <c:pt idx="7113">
                  <c:v>5.484071184579653</c:v>
                </c:pt>
                <c:pt idx="7114">
                  <c:v>5.484071184579653</c:v>
                </c:pt>
                <c:pt idx="7115">
                  <c:v>6.5621364601807821</c:v>
                </c:pt>
                <c:pt idx="7116">
                  <c:v>6.5621364601807821</c:v>
                </c:pt>
                <c:pt idx="7117">
                  <c:v>4.3591335056915188</c:v>
                </c:pt>
                <c:pt idx="7118">
                  <c:v>6.5621364601807821</c:v>
                </c:pt>
                <c:pt idx="7119">
                  <c:v>6.5621364601807821</c:v>
                </c:pt>
                <c:pt idx="7120">
                  <c:v>3.9373522859965622</c:v>
                </c:pt>
                <c:pt idx="7121">
                  <c:v>1.768208064580379</c:v>
                </c:pt>
                <c:pt idx="7122">
                  <c:v>1.1091438671093501</c:v>
                </c:pt>
                <c:pt idx="7123">
                  <c:v>1.1091438671093501</c:v>
                </c:pt>
                <c:pt idx="7124">
                  <c:v>1.1091438671093501</c:v>
                </c:pt>
                <c:pt idx="7125">
                  <c:v>1.1091438671093501</c:v>
                </c:pt>
                <c:pt idx="7126">
                  <c:v>1.1091438671093501</c:v>
                </c:pt>
                <c:pt idx="7127">
                  <c:v>1.1091438671093501</c:v>
                </c:pt>
                <c:pt idx="7128">
                  <c:v>0.9971848752654372</c:v>
                </c:pt>
                <c:pt idx="7129">
                  <c:v>0.9971848752654372</c:v>
                </c:pt>
                <c:pt idx="7130">
                  <c:v>0.9971848752654372</c:v>
                </c:pt>
                <c:pt idx="7131">
                  <c:v>0.9971848752654372</c:v>
                </c:pt>
                <c:pt idx="7132">
                  <c:v>0.9971848752654372</c:v>
                </c:pt>
                <c:pt idx="7133">
                  <c:v>0.9971848752654372</c:v>
                </c:pt>
                <c:pt idx="7134">
                  <c:v>0.9971848752654372</c:v>
                </c:pt>
                <c:pt idx="7135">
                  <c:v>4.0017774766804255</c:v>
                </c:pt>
                <c:pt idx="7136">
                  <c:v>4.4651411845065807</c:v>
                </c:pt>
                <c:pt idx="7137">
                  <c:v>4.928504892332735</c:v>
                </c:pt>
                <c:pt idx="7138">
                  <c:v>4.928504892332735</c:v>
                </c:pt>
                <c:pt idx="7139">
                  <c:v>5.897356281423785</c:v>
                </c:pt>
                <c:pt idx="7140">
                  <c:v>5.897356281423785</c:v>
                </c:pt>
                <c:pt idx="7141">
                  <c:v>3.9175295298029429</c:v>
                </c:pt>
                <c:pt idx="7142">
                  <c:v>5.897356281423785</c:v>
                </c:pt>
                <c:pt idx="7143">
                  <c:v>5.897356281423785</c:v>
                </c:pt>
                <c:pt idx="7144">
                  <c:v>3.5311919542651808</c:v>
                </c:pt>
                <c:pt idx="7145">
                  <c:v>1.5770552973639742</c:v>
                </c:pt>
                <c:pt idx="7146">
                  <c:v>0.9971848752654372</c:v>
                </c:pt>
                <c:pt idx="7147">
                  <c:v>0.9971848752654372</c:v>
                </c:pt>
                <c:pt idx="7148">
                  <c:v>0.9971848752654372</c:v>
                </c:pt>
                <c:pt idx="7149">
                  <c:v>0.9971848752654372</c:v>
                </c:pt>
                <c:pt idx="7150">
                  <c:v>0.9971848752654372</c:v>
                </c:pt>
                <c:pt idx="7151">
                  <c:v>0.9971848752654372</c:v>
                </c:pt>
                <c:pt idx="7152">
                  <c:v>1.0024588240694496</c:v>
                </c:pt>
                <c:pt idx="7153">
                  <c:v>1.0024588240694496</c:v>
                </c:pt>
                <c:pt idx="7154">
                  <c:v>1.0024588240694496</c:v>
                </c:pt>
                <c:pt idx="7155">
                  <c:v>1.0024588240694496</c:v>
                </c:pt>
                <c:pt idx="7156">
                  <c:v>1.0024588240694496</c:v>
                </c:pt>
                <c:pt idx="7157">
                  <c:v>1.0024588240694496</c:v>
                </c:pt>
                <c:pt idx="7158">
                  <c:v>1.0024588240694496</c:v>
                </c:pt>
                <c:pt idx="7159">
                  <c:v>4.0224337672998809</c:v>
                </c:pt>
                <c:pt idx="7160">
                  <c:v>4.4881892561451302</c:v>
                </c:pt>
                <c:pt idx="7161">
                  <c:v>4.9539447449903804</c:v>
                </c:pt>
                <c:pt idx="7162">
                  <c:v>4.9539447449903804</c:v>
                </c:pt>
                <c:pt idx="7163">
                  <c:v>5.9277971307577202</c:v>
                </c:pt>
                <c:pt idx="7164">
                  <c:v>5.9277971307577202</c:v>
                </c:pt>
                <c:pt idx="7165">
                  <c:v>3.9377509511461994</c:v>
                </c:pt>
                <c:pt idx="7166">
                  <c:v>5.9277971307577202</c:v>
                </c:pt>
                <c:pt idx="7167">
                  <c:v>5.9277971307577202</c:v>
                </c:pt>
                <c:pt idx="7168">
                  <c:v>3.549807772479479</c:v>
                </c:pt>
                <c:pt idx="7169">
                  <c:v>1.5858471233649749</c:v>
                </c:pt>
                <c:pt idx="7170">
                  <c:v>1.0024588240694496</c:v>
                </c:pt>
                <c:pt idx="7171">
                  <c:v>1.0024588240694496</c:v>
                </c:pt>
                <c:pt idx="7172">
                  <c:v>1.0024588240694496</c:v>
                </c:pt>
                <c:pt idx="7173">
                  <c:v>1.0024588240694496</c:v>
                </c:pt>
                <c:pt idx="7174">
                  <c:v>1.0024588240694496</c:v>
                </c:pt>
                <c:pt idx="7175">
                  <c:v>1.0024588240694496</c:v>
                </c:pt>
                <c:pt idx="7176">
                  <c:v>1.7001288523646452</c:v>
                </c:pt>
                <c:pt idx="7177">
                  <c:v>1.0586154202420972</c:v>
                </c:pt>
                <c:pt idx="7178">
                  <c:v>1.0586154202420972</c:v>
                </c:pt>
                <c:pt idx="7179">
                  <c:v>1.0586154202420972</c:v>
                </c:pt>
                <c:pt idx="7180">
                  <c:v>1.0586154202420972</c:v>
                </c:pt>
                <c:pt idx="7181">
                  <c:v>1.0586154202420972</c:v>
                </c:pt>
                <c:pt idx="7182">
                  <c:v>1.0586154202420972</c:v>
                </c:pt>
                <c:pt idx="7183">
                  <c:v>4.3985874686366326</c:v>
                </c:pt>
                <c:pt idx="7184">
                  <c:v>5.4982343357957904</c:v>
                </c:pt>
                <c:pt idx="7185">
                  <c:v>6.0480577693753705</c:v>
                </c:pt>
                <c:pt idx="7186">
                  <c:v>6.0480577693753705</c:v>
                </c:pt>
                <c:pt idx="7187">
                  <c:v>7.1477046365345283</c:v>
                </c:pt>
                <c:pt idx="7188">
                  <c:v>7.1477046365345283</c:v>
                </c:pt>
                <c:pt idx="7189">
                  <c:v>4.9484109022162119</c:v>
                </c:pt>
                <c:pt idx="7190">
                  <c:v>7.1477046365345283</c:v>
                </c:pt>
                <c:pt idx="7191">
                  <c:v>5.5225102269057436</c:v>
                </c:pt>
                <c:pt idx="7192">
                  <c:v>2.6985583172694292</c:v>
                </c:pt>
                <c:pt idx="7193">
                  <c:v>1.822664302729172</c:v>
                </c:pt>
                <c:pt idx="7194">
                  <c:v>1.107962607328447</c:v>
                </c:pt>
                <c:pt idx="7195">
                  <c:v>1.0586154202420972</c:v>
                </c:pt>
                <c:pt idx="7196">
                  <c:v>1.0586154202420972</c:v>
                </c:pt>
                <c:pt idx="7197">
                  <c:v>1.0586154202420972</c:v>
                </c:pt>
                <c:pt idx="7198">
                  <c:v>1.0586154202420972</c:v>
                </c:pt>
                <c:pt idx="7199">
                  <c:v>1.0586154202420972</c:v>
                </c:pt>
                <c:pt idx="7200">
                  <c:v>0.91501975048928641</c:v>
                </c:pt>
                <c:pt idx="7201">
                  <c:v>0.85000357449965658</c:v>
                </c:pt>
                <c:pt idx="7202">
                  <c:v>0.85000357449965658</c:v>
                </c:pt>
                <c:pt idx="7203">
                  <c:v>0.85000357449965658</c:v>
                </c:pt>
                <c:pt idx="7204">
                  <c:v>0.85000357449965658</c:v>
                </c:pt>
                <c:pt idx="7205">
                  <c:v>0.85096194934676184</c:v>
                </c:pt>
                <c:pt idx="7206">
                  <c:v>0.8522078366479986</c:v>
                </c:pt>
                <c:pt idx="7207">
                  <c:v>0.85307037401039332</c:v>
                </c:pt>
                <c:pt idx="7208">
                  <c:v>0.85307037401039332</c:v>
                </c:pt>
                <c:pt idx="7209">
                  <c:v>0.85307037401039332</c:v>
                </c:pt>
                <c:pt idx="7210">
                  <c:v>0.85307037401039332</c:v>
                </c:pt>
                <c:pt idx="7211">
                  <c:v>0.85307037401039332</c:v>
                </c:pt>
                <c:pt idx="7212">
                  <c:v>0.85307037401039332</c:v>
                </c:pt>
                <c:pt idx="7213">
                  <c:v>0.85307037401039332</c:v>
                </c:pt>
                <c:pt idx="7214">
                  <c:v>0.85307037401039332</c:v>
                </c:pt>
                <c:pt idx="7215">
                  <c:v>0.85239951161741967</c:v>
                </c:pt>
                <c:pt idx="7216">
                  <c:v>0.85182448670915656</c:v>
                </c:pt>
                <c:pt idx="7217">
                  <c:v>0.85124946180089334</c:v>
                </c:pt>
                <c:pt idx="7218">
                  <c:v>0.85105778683147237</c:v>
                </c:pt>
                <c:pt idx="7219">
                  <c:v>0.85009941198436711</c:v>
                </c:pt>
                <c:pt idx="7220">
                  <c:v>0.84904519965255132</c:v>
                </c:pt>
                <c:pt idx="7221">
                  <c:v>0.84904519965255132</c:v>
                </c:pt>
                <c:pt idx="7222">
                  <c:v>0.84904519965255132</c:v>
                </c:pt>
                <c:pt idx="7223">
                  <c:v>0.84904519965255132</c:v>
                </c:pt>
                <c:pt idx="7224">
                  <c:v>1.1029333182728633</c:v>
                </c:pt>
                <c:pt idx="7225">
                  <c:v>1.1039585790976421</c:v>
                </c:pt>
                <c:pt idx="7226">
                  <c:v>1.1039585790976421</c:v>
                </c:pt>
                <c:pt idx="7227">
                  <c:v>1.1039585790976421</c:v>
                </c:pt>
                <c:pt idx="7228">
                  <c:v>1.1039585790976421</c:v>
                </c:pt>
                <c:pt idx="7229">
                  <c:v>1.105804048582244</c:v>
                </c:pt>
                <c:pt idx="7230">
                  <c:v>1.1074444659018903</c:v>
                </c:pt>
                <c:pt idx="7231">
                  <c:v>1.1094949875514479</c:v>
                </c:pt>
                <c:pt idx="7232">
                  <c:v>1.1094949875514479</c:v>
                </c:pt>
                <c:pt idx="7233">
                  <c:v>1.1094949875514479</c:v>
                </c:pt>
                <c:pt idx="7234">
                  <c:v>1.1094949875514479</c:v>
                </c:pt>
                <c:pt idx="7235">
                  <c:v>1.1094949875514479</c:v>
                </c:pt>
                <c:pt idx="7236">
                  <c:v>1.1094949875514479</c:v>
                </c:pt>
                <c:pt idx="7237">
                  <c:v>1.1094949875514479</c:v>
                </c:pt>
                <c:pt idx="7238">
                  <c:v>1.1094949875514479</c:v>
                </c:pt>
                <c:pt idx="7239">
                  <c:v>1.1080596223967576</c:v>
                </c:pt>
                <c:pt idx="7240">
                  <c:v>1.1078545702318017</c:v>
                </c:pt>
                <c:pt idx="7241">
                  <c:v>1.1062141529121554</c:v>
                </c:pt>
                <c:pt idx="7242">
                  <c:v>1.1055989964172883</c:v>
                </c:pt>
                <c:pt idx="7243">
                  <c:v>1.104163631262598</c:v>
                </c:pt>
                <c:pt idx="7244">
                  <c:v>1.1029333182728633</c:v>
                </c:pt>
                <c:pt idx="7245">
                  <c:v>1.1021131096130403</c:v>
                </c:pt>
                <c:pt idx="7246">
                  <c:v>1.1021131096130403</c:v>
                </c:pt>
                <c:pt idx="7247">
                  <c:v>1.1021131096130403</c:v>
                </c:pt>
                <c:pt idx="7248">
                  <c:v>1.1393837284478072</c:v>
                </c:pt>
                <c:pt idx="7249">
                  <c:v>1.1393837284478072</c:v>
                </c:pt>
                <c:pt idx="7250">
                  <c:v>1.1393837284478072</c:v>
                </c:pt>
                <c:pt idx="7251">
                  <c:v>1.1393837284478072</c:v>
                </c:pt>
                <c:pt idx="7252">
                  <c:v>1.1393837284478072</c:v>
                </c:pt>
                <c:pt idx="7253">
                  <c:v>1.1393837284478072</c:v>
                </c:pt>
                <c:pt idx="7254">
                  <c:v>1.1393837284478072</c:v>
                </c:pt>
                <c:pt idx="7255">
                  <c:v>4.8603455241287588</c:v>
                </c:pt>
                <c:pt idx="7256">
                  <c:v>5.4678887146448538</c:v>
                </c:pt>
                <c:pt idx="7257">
                  <c:v>6.0754319051609489</c:v>
                </c:pt>
                <c:pt idx="7258">
                  <c:v>6.0754319051609489</c:v>
                </c:pt>
                <c:pt idx="7259">
                  <c:v>7.2905182861931364</c:v>
                </c:pt>
                <c:pt idx="7260">
                  <c:v>7.2905182861931364</c:v>
                </c:pt>
                <c:pt idx="7261">
                  <c:v>4.8603455241287588</c:v>
                </c:pt>
                <c:pt idx="7262">
                  <c:v>7.2905182861931364</c:v>
                </c:pt>
                <c:pt idx="7263">
                  <c:v>7.2905182861931364</c:v>
                </c:pt>
                <c:pt idx="7264">
                  <c:v>4.3718988256700984</c:v>
                </c:pt>
                <c:pt idx="7265">
                  <c:v>1.4551045987418114</c:v>
                </c:pt>
                <c:pt idx="7266">
                  <c:v>1.2337702035625719</c:v>
                </c:pt>
                <c:pt idx="7267">
                  <c:v>1.2337702035625719</c:v>
                </c:pt>
                <c:pt idx="7268">
                  <c:v>1.2337702035625719</c:v>
                </c:pt>
                <c:pt idx="7269">
                  <c:v>1.2337702035625719</c:v>
                </c:pt>
                <c:pt idx="7270">
                  <c:v>1.2337702035625719</c:v>
                </c:pt>
                <c:pt idx="7271">
                  <c:v>1.2337702035625719</c:v>
                </c:pt>
                <c:pt idx="7272">
                  <c:v>0.71224219498309815</c:v>
                </c:pt>
                <c:pt idx="7273">
                  <c:v>1.0518196576622612</c:v>
                </c:pt>
                <c:pt idx="7274">
                  <c:v>1.0518196576622612</c:v>
                </c:pt>
                <c:pt idx="7275">
                  <c:v>1.0518196576622612</c:v>
                </c:pt>
                <c:pt idx="7276">
                  <c:v>1.0518196576622612</c:v>
                </c:pt>
                <c:pt idx="7277">
                  <c:v>1.0518196576622612</c:v>
                </c:pt>
                <c:pt idx="7278">
                  <c:v>1.0518196576622612</c:v>
                </c:pt>
                <c:pt idx="7279">
                  <c:v>4.3486946731602769</c:v>
                </c:pt>
                <c:pt idx="7280">
                  <c:v>4.8522277405788348</c:v>
                </c:pt>
                <c:pt idx="7281">
                  <c:v>5.3557608079973944</c:v>
                </c:pt>
                <c:pt idx="7282">
                  <c:v>5.3557608079973944</c:v>
                </c:pt>
                <c:pt idx="7283">
                  <c:v>6.4086026762361969</c:v>
                </c:pt>
                <c:pt idx="7284">
                  <c:v>6.4086026762361969</c:v>
                </c:pt>
                <c:pt idx="7285">
                  <c:v>4.2571432063569024</c:v>
                </c:pt>
                <c:pt idx="7286">
                  <c:v>6.4086026762361969</c:v>
                </c:pt>
                <c:pt idx="7287">
                  <c:v>6.4086026762361969</c:v>
                </c:pt>
                <c:pt idx="7288">
                  <c:v>3.8434475351303945</c:v>
                </c:pt>
                <c:pt idx="7289">
                  <c:v>1.7238540715780573</c:v>
                </c:pt>
                <c:pt idx="7290">
                  <c:v>1.0826903360876396</c:v>
                </c:pt>
                <c:pt idx="7291">
                  <c:v>1.0826903360876396</c:v>
                </c:pt>
                <c:pt idx="7292">
                  <c:v>1.0826903360876396</c:v>
                </c:pt>
                <c:pt idx="7293">
                  <c:v>1.0826903360876396</c:v>
                </c:pt>
                <c:pt idx="7294">
                  <c:v>1.0826903360876396</c:v>
                </c:pt>
                <c:pt idx="7295">
                  <c:v>1.0826903360876396</c:v>
                </c:pt>
                <c:pt idx="7296">
                  <c:v>1.0657462097175989</c:v>
                </c:pt>
                <c:pt idx="7297">
                  <c:v>1.0657462097175989</c:v>
                </c:pt>
                <c:pt idx="7298">
                  <c:v>1.0657462097175989</c:v>
                </c:pt>
                <c:pt idx="7299">
                  <c:v>1.0657462097175989</c:v>
                </c:pt>
                <c:pt idx="7300">
                  <c:v>1.0657462097175989</c:v>
                </c:pt>
                <c:pt idx="7301">
                  <c:v>1.0657462097175989</c:v>
                </c:pt>
                <c:pt idx="7302">
                  <c:v>1.0657462097175989</c:v>
                </c:pt>
                <c:pt idx="7303">
                  <c:v>4.2703092547333394</c:v>
                </c:pt>
                <c:pt idx="7304">
                  <c:v>4.7647661158077277</c:v>
                </c:pt>
                <c:pt idx="7305">
                  <c:v>5.2592229768821133</c:v>
                </c:pt>
                <c:pt idx="7306">
                  <c:v>5.2592229768821133</c:v>
                </c:pt>
                <c:pt idx="7307">
                  <c:v>6.2930873227649222</c:v>
                </c:pt>
                <c:pt idx="7308">
                  <c:v>6.2930873227649222</c:v>
                </c:pt>
                <c:pt idx="7309">
                  <c:v>4.1804080072652683</c:v>
                </c:pt>
                <c:pt idx="7310">
                  <c:v>6.2930873227649222</c:v>
                </c:pt>
                <c:pt idx="7311">
                  <c:v>6.2930873227649222</c:v>
                </c:pt>
                <c:pt idx="7312">
                  <c:v>3.7731975910510545</c:v>
                </c:pt>
                <c:pt idx="7313">
                  <c:v>1.6913490353769802</c:v>
                </c:pt>
                <c:pt idx="7314">
                  <c:v>1.0657462097175989</c:v>
                </c:pt>
                <c:pt idx="7315">
                  <c:v>1.0657462097175989</c:v>
                </c:pt>
                <c:pt idx="7316">
                  <c:v>1.0657462097175989</c:v>
                </c:pt>
                <c:pt idx="7317">
                  <c:v>1.0657462097175989</c:v>
                </c:pt>
                <c:pt idx="7318">
                  <c:v>1.0657462097175989</c:v>
                </c:pt>
                <c:pt idx="7319">
                  <c:v>1.0657462097175989</c:v>
                </c:pt>
                <c:pt idx="7320">
                  <c:v>1.1343075441697608</c:v>
                </c:pt>
                <c:pt idx="7321">
                  <c:v>1.1343075441697608</c:v>
                </c:pt>
                <c:pt idx="7322">
                  <c:v>1.1343075441697608</c:v>
                </c:pt>
                <c:pt idx="7323">
                  <c:v>1.1343075441697608</c:v>
                </c:pt>
                <c:pt idx="7324">
                  <c:v>1.1343075441697608</c:v>
                </c:pt>
                <c:pt idx="7325">
                  <c:v>1.1343075441697608</c:v>
                </c:pt>
                <c:pt idx="7326">
                  <c:v>1.1343075441697608</c:v>
                </c:pt>
                <c:pt idx="7327">
                  <c:v>4.5388410327862516</c:v>
                </c:pt>
                <c:pt idx="7328">
                  <c:v>5.0643910471088729</c:v>
                </c:pt>
                <c:pt idx="7329">
                  <c:v>5.5899410614314906</c:v>
                </c:pt>
                <c:pt idx="7330">
                  <c:v>5.5899410614314906</c:v>
                </c:pt>
                <c:pt idx="7331">
                  <c:v>6.6888183641060568</c:v>
                </c:pt>
                <c:pt idx="7332">
                  <c:v>6.6888183641060568</c:v>
                </c:pt>
                <c:pt idx="7333">
                  <c:v>4.4432864847275955</c:v>
                </c:pt>
                <c:pt idx="7334">
                  <c:v>6.6888183641060568</c:v>
                </c:pt>
                <c:pt idx="7335">
                  <c:v>6.6888183641060568</c:v>
                </c:pt>
                <c:pt idx="7336">
                  <c:v>4.0152032278369276</c:v>
                </c:pt>
                <c:pt idx="7337">
                  <c:v>1.8056427733899865</c:v>
                </c:pt>
                <c:pt idx="7338">
                  <c:v>1.1343075441697608</c:v>
                </c:pt>
                <c:pt idx="7339">
                  <c:v>1.1343075441697608</c:v>
                </c:pt>
                <c:pt idx="7340">
                  <c:v>1.1343075441697608</c:v>
                </c:pt>
                <c:pt idx="7341">
                  <c:v>1.1343075441697608</c:v>
                </c:pt>
                <c:pt idx="7342">
                  <c:v>1.1343075441697608</c:v>
                </c:pt>
                <c:pt idx="7343">
                  <c:v>1.1343075441697608</c:v>
                </c:pt>
                <c:pt idx="7344">
                  <c:v>1.9050953859276776</c:v>
                </c:pt>
                <c:pt idx="7345">
                  <c:v>1.2137598661612183</c:v>
                </c:pt>
                <c:pt idx="7346">
                  <c:v>1.2137598661612183</c:v>
                </c:pt>
                <c:pt idx="7347">
                  <c:v>1.2137598661612183</c:v>
                </c:pt>
                <c:pt idx="7348">
                  <c:v>1.2137598661612183</c:v>
                </c:pt>
                <c:pt idx="7349">
                  <c:v>1.2137598661612183</c:v>
                </c:pt>
                <c:pt idx="7350">
                  <c:v>1.2137598661612183</c:v>
                </c:pt>
                <c:pt idx="7351">
                  <c:v>4.9378101127731284</c:v>
                </c:pt>
                <c:pt idx="7352">
                  <c:v>6.1722626409664114</c:v>
                </c:pt>
                <c:pt idx="7353">
                  <c:v>6.7894889050630516</c:v>
                </c:pt>
                <c:pt idx="7354">
                  <c:v>6.7894889050630516</c:v>
                </c:pt>
                <c:pt idx="7355">
                  <c:v>8.0239414332563328</c:v>
                </c:pt>
                <c:pt idx="7356">
                  <c:v>8.0239414332563328</c:v>
                </c:pt>
                <c:pt idx="7357">
                  <c:v>5.5550363768697704</c:v>
                </c:pt>
                <c:pt idx="7358">
                  <c:v>8.0239414332563328</c:v>
                </c:pt>
                <c:pt idx="7359">
                  <c:v>6.223125575408222</c:v>
                </c:pt>
                <c:pt idx="7360">
                  <c:v>3.1433916677783551</c:v>
                </c:pt>
                <c:pt idx="7361">
                  <c:v>2.1618321026339617</c:v>
                </c:pt>
                <c:pt idx="7362">
                  <c:v>1.2669395215278689</c:v>
                </c:pt>
                <c:pt idx="7363">
                  <c:v>1.2137598661612183</c:v>
                </c:pt>
                <c:pt idx="7364">
                  <c:v>1.2137598661612183</c:v>
                </c:pt>
                <c:pt idx="7365">
                  <c:v>1.2137598661612183</c:v>
                </c:pt>
                <c:pt idx="7366">
                  <c:v>1.2137598661612183</c:v>
                </c:pt>
                <c:pt idx="7367">
                  <c:v>1.2137598661612183</c:v>
                </c:pt>
                <c:pt idx="7368">
                  <c:v>1.3495624623007609</c:v>
                </c:pt>
                <c:pt idx="7369">
                  <c:v>1.2678251990713953</c:v>
                </c:pt>
                <c:pt idx="7370">
                  <c:v>1.2678251990713953</c:v>
                </c:pt>
                <c:pt idx="7371">
                  <c:v>1.2678251990713953</c:v>
                </c:pt>
                <c:pt idx="7372">
                  <c:v>1.2678251990713953</c:v>
                </c:pt>
                <c:pt idx="7373">
                  <c:v>1.2701932877337789</c:v>
                </c:pt>
                <c:pt idx="7374">
                  <c:v>1.273271802994878</c:v>
                </c:pt>
                <c:pt idx="7375">
                  <c:v>1.2754030827910232</c:v>
                </c:pt>
                <c:pt idx="7376">
                  <c:v>1.2754030827910232</c:v>
                </c:pt>
                <c:pt idx="7377">
                  <c:v>1.2754030827910232</c:v>
                </c:pt>
                <c:pt idx="7378">
                  <c:v>1.2754030827910232</c:v>
                </c:pt>
                <c:pt idx="7379">
                  <c:v>1.2754030827910232</c:v>
                </c:pt>
                <c:pt idx="7380">
                  <c:v>1.2754030827910232</c:v>
                </c:pt>
                <c:pt idx="7381">
                  <c:v>1.2754030827910232</c:v>
                </c:pt>
                <c:pt idx="7382">
                  <c:v>1.2754030827910232</c:v>
                </c:pt>
                <c:pt idx="7383">
                  <c:v>1.2737454207273546</c:v>
                </c:pt>
                <c:pt idx="7384">
                  <c:v>1.2723245675299244</c:v>
                </c:pt>
                <c:pt idx="7385">
                  <c:v>1.2709037143324942</c:v>
                </c:pt>
                <c:pt idx="7386">
                  <c:v>1.2704300966000175</c:v>
                </c:pt>
                <c:pt idx="7387">
                  <c:v>1.2680620079376337</c:v>
                </c:pt>
                <c:pt idx="7388">
                  <c:v>1.2654571104090118</c:v>
                </c:pt>
                <c:pt idx="7389">
                  <c:v>1.2654571104090118</c:v>
                </c:pt>
                <c:pt idx="7390">
                  <c:v>1.2654571104090118</c:v>
                </c:pt>
                <c:pt idx="7391">
                  <c:v>1.2654571104090118</c:v>
                </c:pt>
                <c:pt idx="7392">
                  <c:v>1.1029333182728633</c:v>
                </c:pt>
                <c:pt idx="7393">
                  <c:v>1.1039585790976421</c:v>
                </c:pt>
                <c:pt idx="7394">
                  <c:v>1.1039585790976421</c:v>
                </c:pt>
                <c:pt idx="7395">
                  <c:v>1.1039585790976421</c:v>
                </c:pt>
                <c:pt idx="7396">
                  <c:v>1.1039585790976421</c:v>
                </c:pt>
                <c:pt idx="7397">
                  <c:v>1.105804048582244</c:v>
                </c:pt>
                <c:pt idx="7398">
                  <c:v>1.1074444659018903</c:v>
                </c:pt>
                <c:pt idx="7399">
                  <c:v>1.1094949875514479</c:v>
                </c:pt>
                <c:pt idx="7400">
                  <c:v>1.1094949875514479</c:v>
                </c:pt>
                <c:pt idx="7401">
                  <c:v>1.1094949875514479</c:v>
                </c:pt>
                <c:pt idx="7402">
                  <c:v>1.1094949875514479</c:v>
                </c:pt>
                <c:pt idx="7403">
                  <c:v>1.1094949875514479</c:v>
                </c:pt>
                <c:pt idx="7404">
                  <c:v>1.1094949875514479</c:v>
                </c:pt>
                <c:pt idx="7405">
                  <c:v>1.1094949875514479</c:v>
                </c:pt>
                <c:pt idx="7406">
                  <c:v>1.1094949875514479</c:v>
                </c:pt>
                <c:pt idx="7407">
                  <c:v>1.1080596223967576</c:v>
                </c:pt>
                <c:pt idx="7408">
                  <c:v>1.1078545702318017</c:v>
                </c:pt>
                <c:pt idx="7409">
                  <c:v>1.1062141529121554</c:v>
                </c:pt>
                <c:pt idx="7410">
                  <c:v>1.1055989964172883</c:v>
                </c:pt>
                <c:pt idx="7411">
                  <c:v>1.104163631262598</c:v>
                </c:pt>
                <c:pt idx="7412">
                  <c:v>1.1029333182728633</c:v>
                </c:pt>
                <c:pt idx="7413">
                  <c:v>1.1021131096130403</c:v>
                </c:pt>
                <c:pt idx="7414">
                  <c:v>1.1021131096130403</c:v>
                </c:pt>
                <c:pt idx="7415">
                  <c:v>1.1021131096130403</c:v>
                </c:pt>
                <c:pt idx="7416">
                  <c:v>1.0178249675441056</c:v>
                </c:pt>
                <c:pt idx="7417">
                  <c:v>1.0178249675441056</c:v>
                </c:pt>
                <c:pt idx="7418">
                  <c:v>1.0178249675441056</c:v>
                </c:pt>
                <c:pt idx="7419">
                  <c:v>1.0178249675441056</c:v>
                </c:pt>
                <c:pt idx="7420">
                  <c:v>1.0178249675441056</c:v>
                </c:pt>
                <c:pt idx="7421">
                  <c:v>1.0178249675441056</c:v>
                </c:pt>
                <c:pt idx="7422">
                  <c:v>1.0178249675441056</c:v>
                </c:pt>
                <c:pt idx="7423">
                  <c:v>4.3399011491103652</c:v>
                </c:pt>
                <c:pt idx="7424">
                  <c:v>4.8823887927491612</c:v>
                </c:pt>
                <c:pt idx="7425">
                  <c:v>5.4248764363879571</c:v>
                </c:pt>
                <c:pt idx="7426">
                  <c:v>5.4248764363879571</c:v>
                </c:pt>
                <c:pt idx="7427">
                  <c:v>6.5098517236655455</c:v>
                </c:pt>
                <c:pt idx="7428">
                  <c:v>6.5098517236655455</c:v>
                </c:pt>
                <c:pt idx="7429">
                  <c:v>4.3399011491103652</c:v>
                </c:pt>
                <c:pt idx="7430">
                  <c:v>6.5098517236655455</c:v>
                </c:pt>
                <c:pt idx="7431">
                  <c:v>6.5098517236655455</c:v>
                </c:pt>
                <c:pt idx="7432">
                  <c:v>3.8693115265976958</c:v>
                </c:pt>
                <c:pt idx="7433">
                  <c:v>1.2298732149110883</c:v>
                </c:pt>
                <c:pt idx="7434">
                  <c:v>1.0913048662367986</c:v>
                </c:pt>
                <c:pt idx="7435">
                  <c:v>1.0913048662367986</c:v>
                </c:pt>
                <c:pt idx="7436">
                  <c:v>1.0913048662367986</c:v>
                </c:pt>
                <c:pt idx="7437">
                  <c:v>1.0913048662367986</c:v>
                </c:pt>
                <c:pt idx="7438">
                  <c:v>1.0913048662367986</c:v>
                </c:pt>
                <c:pt idx="7439">
                  <c:v>1.0913048662367986</c:v>
                </c:pt>
                <c:pt idx="7440">
                  <c:v>0.94592644944393112</c:v>
                </c:pt>
                <c:pt idx="7441">
                  <c:v>1.3426745589658158</c:v>
                </c:pt>
                <c:pt idx="7442">
                  <c:v>1.3426745589658158</c:v>
                </c:pt>
                <c:pt idx="7443">
                  <c:v>1.3426745589658158</c:v>
                </c:pt>
                <c:pt idx="7444">
                  <c:v>1.3426745589658158</c:v>
                </c:pt>
                <c:pt idx="7445">
                  <c:v>1.3426745589658158</c:v>
                </c:pt>
                <c:pt idx="7446">
                  <c:v>1.3426745589658158</c:v>
                </c:pt>
                <c:pt idx="7447">
                  <c:v>5.4085710871318238</c:v>
                </c:pt>
                <c:pt idx="7448">
                  <c:v>6.0348266866944567</c:v>
                </c:pt>
                <c:pt idx="7449">
                  <c:v>6.6610822862570886</c:v>
                </c:pt>
                <c:pt idx="7450">
                  <c:v>6.6610822862570886</c:v>
                </c:pt>
                <c:pt idx="7451">
                  <c:v>7.9705258126153176</c:v>
                </c:pt>
                <c:pt idx="7452">
                  <c:v>7.9705258126153176</c:v>
                </c:pt>
                <c:pt idx="7453">
                  <c:v>5.2947064326658904</c:v>
                </c:pt>
                <c:pt idx="7454">
                  <c:v>7.9705258126153176</c:v>
                </c:pt>
                <c:pt idx="7455">
                  <c:v>7.9705258126153176</c:v>
                </c:pt>
                <c:pt idx="7456">
                  <c:v>4.8942320902544134</c:v>
                </c:pt>
                <c:pt idx="7457">
                  <c:v>2.3348439238646619</c:v>
                </c:pt>
                <c:pt idx="7458">
                  <c:v>1.3787425689223507</c:v>
                </c:pt>
                <c:pt idx="7459">
                  <c:v>1.3787425689223507</c:v>
                </c:pt>
                <c:pt idx="7460">
                  <c:v>1.3787425689223507</c:v>
                </c:pt>
                <c:pt idx="7461">
                  <c:v>1.3787425689223507</c:v>
                </c:pt>
                <c:pt idx="7462">
                  <c:v>1.3787425689223507</c:v>
                </c:pt>
                <c:pt idx="7463">
                  <c:v>1.3787425689223507</c:v>
                </c:pt>
                <c:pt idx="7464">
                  <c:v>1.3342788263226291</c:v>
                </c:pt>
                <c:pt idx="7465">
                  <c:v>1.3342788263226291</c:v>
                </c:pt>
                <c:pt idx="7466">
                  <c:v>1.3342788263226291</c:v>
                </c:pt>
                <c:pt idx="7467">
                  <c:v>1.3342788263226291</c:v>
                </c:pt>
                <c:pt idx="7468">
                  <c:v>1.3342788263226291</c:v>
                </c:pt>
                <c:pt idx="7469">
                  <c:v>1.3342788263226291</c:v>
                </c:pt>
                <c:pt idx="7470">
                  <c:v>1.3342788263226291</c:v>
                </c:pt>
                <c:pt idx="7471">
                  <c:v>5.2245462717342175</c:v>
                </c:pt>
                <c:pt idx="7472">
                  <c:v>5.8294937347771274</c:v>
                </c:pt>
                <c:pt idx="7473">
                  <c:v>6.4344411978200373</c:v>
                </c:pt>
                <c:pt idx="7474">
                  <c:v>6.4344411978200373</c:v>
                </c:pt>
                <c:pt idx="7475">
                  <c:v>7.6993313478188465</c:v>
                </c:pt>
                <c:pt idx="7476">
                  <c:v>7.6993313478188465</c:v>
                </c:pt>
                <c:pt idx="7477">
                  <c:v>5.1145558239082343</c:v>
                </c:pt>
                <c:pt idx="7478">
                  <c:v>7.6993313478188465</c:v>
                </c:pt>
                <c:pt idx="7479">
                  <c:v>7.6993313478188465</c:v>
                </c:pt>
                <c:pt idx="7480">
                  <c:v>4.70953263426762</c:v>
                </c:pt>
                <c:pt idx="7481">
                  <c:v>2.2255029872452403</c:v>
                </c:pt>
                <c:pt idx="7482">
                  <c:v>1.3342788263226291</c:v>
                </c:pt>
                <c:pt idx="7483">
                  <c:v>1.3342788263226291</c:v>
                </c:pt>
                <c:pt idx="7484">
                  <c:v>1.3342788263226291</c:v>
                </c:pt>
                <c:pt idx="7485">
                  <c:v>1.3342788263226291</c:v>
                </c:pt>
                <c:pt idx="7486">
                  <c:v>1.3342788263226291</c:v>
                </c:pt>
                <c:pt idx="7487">
                  <c:v>1.3342788263226291</c:v>
                </c:pt>
                <c:pt idx="7488">
                  <c:v>1.681481902588241</c:v>
                </c:pt>
                <c:pt idx="7489">
                  <c:v>1.681481902588241</c:v>
                </c:pt>
                <c:pt idx="7490">
                  <c:v>1.681481902588241</c:v>
                </c:pt>
                <c:pt idx="7491">
                  <c:v>1.681481902588241</c:v>
                </c:pt>
                <c:pt idx="7492">
                  <c:v>1.681481902588241</c:v>
                </c:pt>
                <c:pt idx="7493">
                  <c:v>1.681481902588241</c:v>
                </c:pt>
                <c:pt idx="7494">
                  <c:v>1.681481902588241</c:v>
                </c:pt>
                <c:pt idx="7495">
                  <c:v>6.3893938434355988</c:v>
                </c:pt>
                <c:pt idx="7496">
                  <c:v>7.1292183937281415</c:v>
                </c:pt>
                <c:pt idx="7497">
                  <c:v>7.8690429440206833</c:v>
                </c:pt>
                <c:pt idx="7498">
                  <c:v>7.8690429440206833</c:v>
                </c:pt>
                <c:pt idx="7499">
                  <c:v>9.4159488219050917</c:v>
                </c:pt>
                <c:pt idx="7500">
                  <c:v>9.4159488219050917</c:v>
                </c:pt>
                <c:pt idx="7501">
                  <c:v>6.2548802888369552</c:v>
                </c:pt>
                <c:pt idx="7502">
                  <c:v>9.4159488219050917</c:v>
                </c:pt>
                <c:pt idx="7503">
                  <c:v>9.4159488219050917</c:v>
                </c:pt>
                <c:pt idx="7504">
                  <c:v>5.9120332649860243</c:v>
                </c:pt>
                <c:pt idx="7505">
                  <c:v>2.9773051549457432</c:v>
                </c:pt>
                <c:pt idx="7506">
                  <c:v>1.681481902588241</c:v>
                </c:pt>
                <c:pt idx="7507">
                  <c:v>1.681481902588241</c:v>
                </c:pt>
                <c:pt idx="7508">
                  <c:v>1.681481902588241</c:v>
                </c:pt>
                <c:pt idx="7509">
                  <c:v>1.681481902588241</c:v>
                </c:pt>
                <c:pt idx="7510">
                  <c:v>1.681481902588241</c:v>
                </c:pt>
                <c:pt idx="7511">
                  <c:v>1.681481902588241</c:v>
                </c:pt>
                <c:pt idx="7512">
                  <c:v>2.2535878247354084</c:v>
                </c:pt>
                <c:pt idx="7513">
                  <c:v>1.4847512797450864</c:v>
                </c:pt>
                <c:pt idx="7514">
                  <c:v>1.4847512797450864</c:v>
                </c:pt>
                <c:pt idx="7515">
                  <c:v>1.4847512797450864</c:v>
                </c:pt>
                <c:pt idx="7516">
                  <c:v>1.4847512797450864</c:v>
                </c:pt>
                <c:pt idx="7517">
                  <c:v>1.4847512797450864</c:v>
                </c:pt>
                <c:pt idx="7518">
                  <c:v>1.4847512797450864</c:v>
                </c:pt>
                <c:pt idx="7519">
                  <c:v>5.8569580261199299</c:v>
                </c:pt>
                <c:pt idx="7520">
                  <c:v>7.3211975326499124</c:v>
                </c:pt>
                <c:pt idx="7521">
                  <c:v>8.0533172859149023</c:v>
                </c:pt>
                <c:pt idx="7522">
                  <c:v>8.0533172859149023</c:v>
                </c:pt>
                <c:pt idx="7523">
                  <c:v>9.5175567924448856</c:v>
                </c:pt>
                <c:pt idx="7524">
                  <c:v>9.5175567924448856</c:v>
                </c:pt>
                <c:pt idx="7525">
                  <c:v>6.5890777793849207</c:v>
                </c:pt>
                <c:pt idx="7526">
                  <c:v>9.5175567924448856</c:v>
                </c:pt>
                <c:pt idx="7527">
                  <c:v>7.4234627317497548</c:v>
                </c:pt>
                <c:pt idx="7528">
                  <c:v>3.9310179117195219</c:v>
                </c:pt>
                <c:pt idx="7529">
                  <c:v>2.7697835916203295</c:v>
                </c:pt>
                <c:pt idx="7530">
                  <c:v>1.5438925524366494</c:v>
                </c:pt>
                <c:pt idx="7531">
                  <c:v>1.4847512797450864</c:v>
                </c:pt>
                <c:pt idx="7532">
                  <c:v>1.4847512797450864</c:v>
                </c:pt>
                <c:pt idx="7533">
                  <c:v>1.4847512797450864</c:v>
                </c:pt>
                <c:pt idx="7534">
                  <c:v>1.4847512797450864</c:v>
                </c:pt>
                <c:pt idx="7535">
                  <c:v>1.4847512797450864</c:v>
                </c:pt>
                <c:pt idx="7536">
                  <c:v>1.4737175228183246</c:v>
                </c:pt>
                <c:pt idx="7537">
                  <c:v>1.3872028060918924</c:v>
                </c:pt>
                <c:pt idx="7538">
                  <c:v>1.3872028060918924</c:v>
                </c:pt>
                <c:pt idx="7539">
                  <c:v>1.3872028060918924</c:v>
                </c:pt>
                <c:pt idx="7540">
                  <c:v>1.3872028060918924</c:v>
                </c:pt>
                <c:pt idx="7541">
                  <c:v>1.3899736701300698</c:v>
                </c:pt>
                <c:pt idx="7542">
                  <c:v>1.3935757933797006</c:v>
                </c:pt>
                <c:pt idx="7543">
                  <c:v>1.3960695710140605</c:v>
                </c:pt>
                <c:pt idx="7544">
                  <c:v>1.3960695710140605</c:v>
                </c:pt>
                <c:pt idx="7545">
                  <c:v>1.3960695710140605</c:v>
                </c:pt>
                <c:pt idx="7546">
                  <c:v>1.3960695710140605</c:v>
                </c:pt>
                <c:pt idx="7547">
                  <c:v>1.3960695710140605</c:v>
                </c:pt>
                <c:pt idx="7548">
                  <c:v>1.3960695710140605</c:v>
                </c:pt>
                <c:pt idx="7549">
                  <c:v>1.3960695710140605</c:v>
                </c:pt>
                <c:pt idx="7550">
                  <c:v>1.3960695710140605</c:v>
                </c:pt>
                <c:pt idx="7551">
                  <c:v>1.3941299661873361</c:v>
                </c:pt>
                <c:pt idx="7552">
                  <c:v>1.3924674477644294</c:v>
                </c:pt>
                <c:pt idx="7553">
                  <c:v>1.390804929341523</c:v>
                </c:pt>
                <c:pt idx="7554">
                  <c:v>1.3902507565338875</c:v>
                </c:pt>
                <c:pt idx="7555">
                  <c:v>1.3874798924957101</c:v>
                </c:pt>
                <c:pt idx="7556">
                  <c:v>1.3844319420537148</c:v>
                </c:pt>
                <c:pt idx="7557">
                  <c:v>1.3844319420537148</c:v>
                </c:pt>
                <c:pt idx="7558">
                  <c:v>1.3844319420537148</c:v>
                </c:pt>
                <c:pt idx="7559">
                  <c:v>1.3844319420537148</c:v>
                </c:pt>
                <c:pt idx="7560">
                  <c:v>1.4491292926984087</c:v>
                </c:pt>
                <c:pt idx="7561">
                  <c:v>1.4508183116313995</c:v>
                </c:pt>
                <c:pt idx="7562">
                  <c:v>1.4508183116313995</c:v>
                </c:pt>
                <c:pt idx="7563">
                  <c:v>1.4508183116313995</c:v>
                </c:pt>
                <c:pt idx="7564">
                  <c:v>1.4508183116313995</c:v>
                </c:pt>
                <c:pt idx="7565">
                  <c:v>1.4538585457107831</c:v>
                </c:pt>
                <c:pt idx="7566">
                  <c:v>1.4565609760035687</c:v>
                </c:pt>
                <c:pt idx="7567">
                  <c:v>1.4599390138695505</c:v>
                </c:pt>
                <c:pt idx="7568">
                  <c:v>1.4599390138695505</c:v>
                </c:pt>
                <c:pt idx="7569">
                  <c:v>1.4599390138695505</c:v>
                </c:pt>
                <c:pt idx="7570">
                  <c:v>1.4599390138695505</c:v>
                </c:pt>
                <c:pt idx="7571">
                  <c:v>1.4599390138695505</c:v>
                </c:pt>
                <c:pt idx="7572">
                  <c:v>1.4599390138695505</c:v>
                </c:pt>
                <c:pt idx="7573">
                  <c:v>1.4599390138695505</c:v>
                </c:pt>
                <c:pt idx="7574">
                  <c:v>1.4599390138695505</c:v>
                </c:pt>
                <c:pt idx="7575">
                  <c:v>1.4575743873633631</c:v>
                </c:pt>
                <c:pt idx="7576">
                  <c:v>1.4572365835767649</c:v>
                </c:pt>
                <c:pt idx="7577">
                  <c:v>1.4545341532839795</c:v>
                </c:pt>
                <c:pt idx="7578">
                  <c:v>1.4535207419241851</c:v>
                </c:pt>
                <c:pt idx="7579">
                  <c:v>1.4511561154179977</c:v>
                </c:pt>
                <c:pt idx="7580">
                  <c:v>1.4491292926984087</c:v>
                </c:pt>
                <c:pt idx="7581">
                  <c:v>1.4477780775520159</c:v>
                </c:pt>
                <c:pt idx="7582">
                  <c:v>1.4477780775520159</c:v>
                </c:pt>
                <c:pt idx="7583">
                  <c:v>1.4477780775520159</c:v>
                </c:pt>
                <c:pt idx="7584">
                  <c:v>1.6100882763076745</c:v>
                </c:pt>
                <c:pt idx="7585">
                  <c:v>1.6100882763076745</c:v>
                </c:pt>
                <c:pt idx="7586">
                  <c:v>1.6100882763076745</c:v>
                </c:pt>
                <c:pt idx="7587">
                  <c:v>1.6100882763076745</c:v>
                </c:pt>
                <c:pt idx="7588">
                  <c:v>1.6100882763076745</c:v>
                </c:pt>
                <c:pt idx="7589">
                  <c:v>1.6100882763076745</c:v>
                </c:pt>
                <c:pt idx="7590">
                  <c:v>1.6100882763076745</c:v>
                </c:pt>
                <c:pt idx="7591">
                  <c:v>6.8848864204174118</c:v>
                </c:pt>
                <c:pt idx="7592">
                  <c:v>7.745497222969588</c:v>
                </c:pt>
                <c:pt idx="7593">
                  <c:v>8.606108025521765</c:v>
                </c:pt>
                <c:pt idx="7594">
                  <c:v>8.606108025521765</c:v>
                </c:pt>
                <c:pt idx="7595">
                  <c:v>10.327329630626117</c:v>
                </c:pt>
                <c:pt idx="7596">
                  <c:v>10.327329630626117</c:v>
                </c:pt>
                <c:pt idx="7597">
                  <c:v>6.8848864204174118</c:v>
                </c:pt>
                <c:pt idx="7598">
                  <c:v>10.327329630626117</c:v>
                </c:pt>
                <c:pt idx="7599">
                  <c:v>10.327329630626117</c:v>
                </c:pt>
                <c:pt idx="7600">
                  <c:v>6.4939009535245287</c:v>
                </c:pt>
                <c:pt idx="7601">
                  <c:v>2.6676695995748076</c:v>
                </c:pt>
                <c:pt idx="7602">
                  <c:v>1.8381378147363228</c:v>
                </c:pt>
                <c:pt idx="7603">
                  <c:v>1.8381378147363228</c:v>
                </c:pt>
                <c:pt idx="7604">
                  <c:v>1.8381378147363228</c:v>
                </c:pt>
                <c:pt idx="7605">
                  <c:v>1.8381378147363228</c:v>
                </c:pt>
                <c:pt idx="7606">
                  <c:v>1.8381378147363228</c:v>
                </c:pt>
                <c:pt idx="7607">
                  <c:v>1.8381378147363228</c:v>
                </c:pt>
                <c:pt idx="7608">
                  <c:v>0.86211554859370809</c:v>
                </c:pt>
                <c:pt idx="7609">
                  <c:v>1.243412131941884</c:v>
                </c:pt>
                <c:pt idx="7610">
                  <c:v>1.243412131941884</c:v>
                </c:pt>
                <c:pt idx="7611">
                  <c:v>1.243412131941884</c:v>
                </c:pt>
                <c:pt idx="7612">
                  <c:v>1.243412131941884</c:v>
                </c:pt>
                <c:pt idx="7613">
                  <c:v>1.243412131941884</c:v>
                </c:pt>
                <c:pt idx="7614">
                  <c:v>1.243412131941884</c:v>
                </c:pt>
                <c:pt idx="7615">
                  <c:v>5.0626240543533774</c:v>
                </c:pt>
                <c:pt idx="7616">
                  <c:v>5.6488226290679791</c:v>
                </c:pt>
                <c:pt idx="7617">
                  <c:v>6.2350212037825816</c:v>
                </c:pt>
                <c:pt idx="7618">
                  <c:v>6.2350212037825816</c:v>
                </c:pt>
                <c:pt idx="7619">
                  <c:v>7.4607091327312931</c:v>
                </c:pt>
                <c:pt idx="7620">
                  <c:v>7.4607091327312931</c:v>
                </c:pt>
                <c:pt idx="7621">
                  <c:v>4.9560424953143603</c:v>
                </c:pt>
                <c:pt idx="7622">
                  <c:v>7.4607091327312931</c:v>
                </c:pt>
                <c:pt idx="7623">
                  <c:v>7.4607091327312931</c:v>
                </c:pt>
                <c:pt idx="7624">
                  <c:v>4.5369514462771363</c:v>
                </c:pt>
                <c:pt idx="7625">
                  <c:v>2.1114834121126735</c:v>
                </c:pt>
                <c:pt idx="7626">
                  <c:v>1.2780754577008093</c:v>
                </c:pt>
                <c:pt idx="7627">
                  <c:v>1.2780754577008093</c:v>
                </c:pt>
                <c:pt idx="7628">
                  <c:v>1.2780754577008093</c:v>
                </c:pt>
                <c:pt idx="7629">
                  <c:v>1.2780754577008093</c:v>
                </c:pt>
                <c:pt idx="7630">
                  <c:v>1.2780754577008093</c:v>
                </c:pt>
                <c:pt idx="7631">
                  <c:v>1.2780754577008093</c:v>
                </c:pt>
                <c:pt idx="7632">
                  <c:v>1.2219484192955195</c:v>
                </c:pt>
                <c:pt idx="7633">
                  <c:v>1.2219484192955195</c:v>
                </c:pt>
                <c:pt idx="7634">
                  <c:v>1.2219484192955195</c:v>
                </c:pt>
                <c:pt idx="7635">
                  <c:v>1.2219484192955195</c:v>
                </c:pt>
                <c:pt idx="7636">
                  <c:v>1.2219484192955195</c:v>
                </c:pt>
                <c:pt idx="7637">
                  <c:v>1.2219484192955195</c:v>
                </c:pt>
                <c:pt idx="7638">
                  <c:v>1.2219484192955195</c:v>
                </c:pt>
                <c:pt idx="7639">
                  <c:v>4.8476838220661227</c:v>
                </c:pt>
                <c:pt idx="7640">
                  <c:v>5.4089945804106234</c:v>
                </c:pt>
                <c:pt idx="7641">
                  <c:v>5.9703053387551224</c:v>
                </c:pt>
                <c:pt idx="7642">
                  <c:v>5.9703053387551224</c:v>
                </c:pt>
                <c:pt idx="7643">
                  <c:v>7.143955106202708</c:v>
                </c:pt>
                <c:pt idx="7644">
                  <c:v>7.143955106202708</c:v>
                </c:pt>
                <c:pt idx="7645">
                  <c:v>4.7456273205489419</c:v>
                </c:pt>
                <c:pt idx="7646">
                  <c:v>7.143955106202708</c:v>
                </c:pt>
                <c:pt idx="7647">
                  <c:v>7.143955106202708</c:v>
                </c:pt>
                <c:pt idx="7648">
                  <c:v>4.3204883125646072</c:v>
                </c:pt>
                <c:pt idx="7649">
                  <c:v>1.9822728741656661</c:v>
                </c:pt>
                <c:pt idx="7650">
                  <c:v>1.2219484192955195</c:v>
                </c:pt>
                <c:pt idx="7651">
                  <c:v>1.2219484192955195</c:v>
                </c:pt>
                <c:pt idx="7652">
                  <c:v>1.2219484192955195</c:v>
                </c:pt>
                <c:pt idx="7653">
                  <c:v>1.2219484192955195</c:v>
                </c:pt>
                <c:pt idx="7654">
                  <c:v>1.2219484192955195</c:v>
                </c:pt>
                <c:pt idx="7655">
                  <c:v>1.2219484192955195</c:v>
                </c:pt>
                <c:pt idx="7656">
                  <c:v>1.2525839848483677</c:v>
                </c:pt>
                <c:pt idx="7657">
                  <c:v>1.2525839848483677</c:v>
                </c:pt>
                <c:pt idx="7658">
                  <c:v>1.2525839848483677</c:v>
                </c:pt>
                <c:pt idx="7659">
                  <c:v>1.2525839848483677</c:v>
                </c:pt>
                <c:pt idx="7660">
                  <c:v>1.2525839848483677</c:v>
                </c:pt>
                <c:pt idx="7661">
                  <c:v>1.2525839848483677</c:v>
                </c:pt>
                <c:pt idx="7662">
                  <c:v>1.2525839848483677</c:v>
                </c:pt>
                <c:pt idx="7663">
                  <c:v>4.9504644901574224</c:v>
                </c:pt>
                <c:pt idx="7664">
                  <c:v>5.5236761679651254</c:v>
                </c:pt>
                <c:pt idx="7665">
                  <c:v>6.0968878457728275</c:v>
                </c:pt>
                <c:pt idx="7666">
                  <c:v>6.0968878457728275</c:v>
                </c:pt>
                <c:pt idx="7667">
                  <c:v>7.2954213539162014</c:v>
                </c:pt>
                <c:pt idx="7668">
                  <c:v>7.2954213539162014</c:v>
                </c:pt>
                <c:pt idx="7669">
                  <c:v>4.8462441851014759</c:v>
                </c:pt>
                <c:pt idx="7670">
                  <c:v>7.2954213539162014</c:v>
                </c:pt>
                <c:pt idx="7671">
                  <c:v>7.2954213539162014</c:v>
                </c:pt>
                <c:pt idx="7672">
                  <c:v>4.4265913093927018</c:v>
                </c:pt>
                <c:pt idx="7673">
                  <c:v>2.0486083595510047</c:v>
                </c:pt>
                <c:pt idx="7674">
                  <c:v>1.2525839848483677</c:v>
                </c:pt>
                <c:pt idx="7675">
                  <c:v>1.2525839848483677</c:v>
                </c:pt>
                <c:pt idx="7676">
                  <c:v>1.2525839848483677</c:v>
                </c:pt>
                <c:pt idx="7677">
                  <c:v>1.2525839848483677</c:v>
                </c:pt>
                <c:pt idx="7678">
                  <c:v>1.2525839848483677</c:v>
                </c:pt>
                <c:pt idx="7679">
                  <c:v>1.2525839848483677</c:v>
                </c:pt>
                <c:pt idx="7680">
                  <c:v>2.2038031906200177</c:v>
                </c:pt>
                <c:pt idx="7681">
                  <c:v>1.4460382206616766</c:v>
                </c:pt>
                <c:pt idx="7682">
                  <c:v>1.4460382206616766</c:v>
                </c:pt>
                <c:pt idx="7683">
                  <c:v>1.4460382206616766</c:v>
                </c:pt>
                <c:pt idx="7684">
                  <c:v>1.4460382206616766</c:v>
                </c:pt>
                <c:pt idx="7685">
                  <c:v>1.4460382206616766</c:v>
                </c:pt>
                <c:pt idx="7686">
                  <c:v>1.4460382206616766</c:v>
                </c:pt>
                <c:pt idx="7687">
                  <c:v>5.7256511813561017</c:v>
                </c:pt>
                <c:pt idx="7688">
                  <c:v>7.1570639766951274</c:v>
                </c:pt>
                <c:pt idx="7689">
                  <c:v>7.8727703743646398</c:v>
                </c:pt>
                <c:pt idx="7690">
                  <c:v>7.8727703743646398</c:v>
                </c:pt>
                <c:pt idx="7691">
                  <c:v>9.3041831697036645</c:v>
                </c:pt>
                <c:pt idx="7692">
                  <c:v>9.3041831697036645</c:v>
                </c:pt>
                <c:pt idx="7693">
                  <c:v>6.4413575790256132</c:v>
                </c:pt>
                <c:pt idx="7694">
                  <c:v>9.3041831697036645</c:v>
                </c:pt>
                <c:pt idx="7695">
                  <c:v>7.2519859951295365</c:v>
                </c:pt>
                <c:pt idx="7696">
                  <c:v>3.8184998768707841</c:v>
                </c:pt>
                <c:pt idx="7697">
                  <c:v>2.682933378907991</c:v>
                </c:pt>
                <c:pt idx="7698">
                  <c:v>1.5043278337353951</c:v>
                </c:pt>
                <c:pt idx="7699">
                  <c:v>1.4460382206616766</c:v>
                </c:pt>
                <c:pt idx="7700">
                  <c:v>1.4460382206616766</c:v>
                </c:pt>
                <c:pt idx="7701">
                  <c:v>1.4460382206616766</c:v>
                </c:pt>
                <c:pt idx="7702">
                  <c:v>1.4460382206616766</c:v>
                </c:pt>
                <c:pt idx="7703">
                  <c:v>1.4460382206616766</c:v>
                </c:pt>
                <c:pt idx="7704">
                  <c:v>1.8585982104227734</c:v>
                </c:pt>
                <c:pt idx="7705">
                  <c:v>1.7572733878554325</c:v>
                </c:pt>
                <c:pt idx="7706">
                  <c:v>1.7572733878554325</c:v>
                </c:pt>
                <c:pt idx="7707">
                  <c:v>1.7572733878554325</c:v>
                </c:pt>
                <c:pt idx="7708">
                  <c:v>1.7572733878554325</c:v>
                </c:pt>
                <c:pt idx="7709">
                  <c:v>1.7612928555585712</c:v>
                </c:pt>
                <c:pt idx="7710">
                  <c:v>1.766518163572651</c:v>
                </c:pt>
                <c:pt idx="7711">
                  <c:v>1.7701356845054756</c:v>
                </c:pt>
                <c:pt idx="7712">
                  <c:v>1.7701356845054756</c:v>
                </c:pt>
                <c:pt idx="7713">
                  <c:v>1.7701356845054756</c:v>
                </c:pt>
                <c:pt idx="7714">
                  <c:v>1.7701356845054756</c:v>
                </c:pt>
                <c:pt idx="7715">
                  <c:v>1.7701356845054756</c:v>
                </c:pt>
                <c:pt idx="7716">
                  <c:v>1.7701356845054756</c:v>
                </c:pt>
                <c:pt idx="7717">
                  <c:v>1.7701356845054756</c:v>
                </c:pt>
                <c:pt idx="7718">
                  <c:v>1.7701356845054756</c:v>
                </c:pt>
                <c:pt idx="7719">
                  <c:v>1.7673220571132788</c:v>
                </c:pt>
                <c:pt idx="7720">
                  <c:v>1.7649103764913956</c:v>
                </c:pt>
                <c:pt idx="7721">
                  <c:v>1.7624986958695126</c:v>
                </c:pt>
                <c:pt idx="7722">
                  <c:v>1.7616948023288848</c:v>
                </c:pt>
                <c:pt idx="7723">
                  <c:v>1.7576753346257465</c:v>
                </c:pt>
                <c:pt idx="7724">
                  <c:v>1.7532539201522941</c:v>
                </c:pt>
                <c:pt idx="7725">
                  <c:v>1.7532539201522941</c:v>
                </c:pt>
                <c:pt idx="7726">
                  <c:v>1.7532539201522941</c:v>
                </c:pt>
                <c:pt idx="7727">
                  <c:v>1.7532539201522941</c:v>
                </c:pt>
                <c:pt idx="7728">
                  <c:v>1.878889812674948</c:v>
                </c:pt>
                <c:pt idx="7729">
                  <c:v>1.8814028071905471</c:v>
                </c:pt>
                <c:pt idx="7730">
                  <c:v>1.8814028071905471</c:v>
                </c:pt>
                <c:pt idx="7731">
                  <c:v>1.8814028071905471</c:v>
                </c:pt>
                <c:pt idx="7732">
                  <c:v>1.8814028071905471</c:v>
                </c:pt>
                <c:pt idx="7733">
                  <c:v>1.885926197318625</c:v>
                </c:pt>
                <c:pt idx="7734">
                  <c:v>1.8899469885435833</c:v>
                </c:pt>
                <c:pt idx="7735">
                  <c:v>1.8949729775747812</c:v>
                </c:pt>
                <c:pt idx="7736">
                  <c:v>1.8949729775747812</c:v>
                </c:pt>
                <c:pt idx="7737">
                  <c:v>1.8949729775747812</c:v>
                </c:pt>
                <c:pt idx="7738">
                  <c:v>1.8949729775747812</c:v>
                </c:pt>
                <c:pt idx="7739">
                  <c:v>1.8949729775747812</c:v>
                </c:pt>
                <c:pt idx="7740">
                  <c:v>1.8949729775747812</c:v>
                </c:pt>
                <c:pt idx="7741">
                  <c:v>1.8949729775747812</c:v>
                </c:pt>
                <c:pt idx="7742">
                  <c:v>1.8949729775747812</c:v>
                </c:pt>
                <c:pt idx="7743">
                  <c:v>1.8914547852529429</c:v>
                </c:pt>
                <c:pt idx="7744">
                  <c:v>1.8909521863498231</c:v>
                </c:pt>
                <c:pt idx="7745">
                  <c:v>1.8869313951248645</c:v>
                </c:pt>
                <c:pt idx="7746">
                  <c:v>1.8854235984155052</c:v>
                </c:pt>
                <c:pt idx="7747">
                  <c:v>1.8819054060936669</c:v>
                </c:pt>
                <c:pt idx="7748">
                  <c:v>1.878889812674948</c:v>
                </c:pt>
                <c:pt idx="7749">
                  <c:v>1.876879417062469</c:v>
                </c:pt>
                <c:pt idx="7750">
                  <c:v>1.876879417062469</c:v>
                </c:pt>
                <c:pt idx="7751">
                  <c:v>1.876879417062469</c:v>
                </c:pt>
                <c:pt idx="7752">
                  <c:v>1.3179268328084466</c:v>
                </c:pt>
                <c:pt idx="7753">
                  <c:v>1.3179268328084466</c:v>
                </c:pt>
                <c:pt idx="7754">
                  <c:v>1.3179268328084466</c:v>
                </c:pt>
                <c:pt idx="7755">
                  <c:v>1.3179268328084466</c:v>
                </c:pt>
                <c:pt idx="7756">
                  <c:v>1.3179268328084466</c:v>
                </c:pt>
                <c:pt idx="7757">
                  <c:v>1.3179268328084466</c:v>
                </c:pt>
                <c:pt idx="7758">
                  <c:v>1.3179268328084466</c:v>
                </c:pt>
                <c:pt idx="7759">
                  <c:v>5.628274829617558</c:v>
                </c:pt>
                <c:pt idx="7760">
                  <c:v>6.3318091833197538</c:v>
                </c:pt>
                <c:pt idx="7761">
                  <c:v>7.0353435370219488</c:v>
                </c:pt>
                <c:pt idx="7762">
                  <c:v>7.0353435370219488</c:v>
                </c:pt>
                <c:pt idx="7763">
                  <c:v>8.4424122444263361</c:v>
                </c:pt>
                <c:pt idx="7764">
                  <c:v>8.4424122444263361</c:v>
                </c:pt>
                <c:pt idx="7765">
                  <c:v>5.628274829617558</c:v>
                </c:pt>
                <c:pt idx="7766">
                  <c:v>8.4424122444263361</c:v>
                </c:pt>
                <c:pt idx="7767">
                  <c:v>8.4424122444263361</c:v>
                </c:pt>
                <c:pt idx="7768">
                  <c:v>5.1767961845114341</c:v>
                </c:pt>
                <c:pt idx="7769">
                  <c:v>1.9150430473336375</c:v>
                </c:pt>
                <c:pt idx="7770">
                  <c:v>1.4630130905595118</c:v>
                </c:pt>
                <c:pt idx="7771">
                  <c:v>1.4630130905595118</c:v>
                </c:pt>
                <c:pt idx="7772">
                  <c:v>1.4630130905595118</c:v>
                </c:pt>
                <c:pt idx="7773">
                  <c:v>1.4630130905595118</c:v>
                </c:pt>
                <c:pt idx="7774">
                  <c:v>1.4630130905595118</c:v>
                </c:pt>
                <c:pt idx="7775">
                  <c:v>1.4630130905595118</c:v>
                </c:pt>
                <c:pt idx="7776">
                  <c:v>0.98783189986904285</c:v>
                </c:pt>
                <c:pt idx="7777">
                  <c:v>1.3923057724777816</c:v>
                </c:pt>
                <c:pt idx="7778">
                  <c:v>1.3923057724777816</c:v>
                </c:pt>
                <c:pt idx="7779">
                  <c:v>1.3923057724777816</c:v>
                </c:pt>
                <c:pt idx="7780">
                  <c:v>1.3923057724777816</c:v>
                </c:pt>
                <c:pt idx="7781">
                  <c:v>1.3923057724777816</c:v>
                </c:pt>
                <c:pt idx="7782">
                  <c:v>1.3923057724777816</c:v>
                </c:pt>
                <c:pt idx="7783">
                  <c:v>5.5815446035210465</c:v>
                </c:pt>
                <c:pt idx="7784">
                  <c:v>6.2278287155076955</c:v>
                </c:pt>
                <c:pt idx="7785">
                  <c:v>6.8741128274943426</c:v>
                </c:pt>
                <c:pt idx="7786">
                  <c:v>6.8741128274943426</c:v>
                </c:pt>
                <c:pt idx="7787">
                  <c:v>8.225434152557332</c:v>
                </c:pt>
                <c:pt idx="7788">
                  <c:v>8.225434152557332</c:v>
                </c:pt>
                <c:pt idx="7789">
                  <c:v>5.4640384013416563</c:v>
                </c:pt>
                <c:pt idx="7790">
                  <c:v>8.225434152557332</c:v>
                </c:pt>
                <c:pt idx="7791">
                  <c:v>8.225434152557332</c:v>
                </c:pt>
                <c:pt idx="7792">
                  <c:v>5.0728724122430542</c:v>
                </c:pt>
                <c:pt idx="7793">
                  <c:v>2.4465241797406563</c:v>
                </c:pt>
                <c:pt idx="7794">
                  <c:v>1.4290761245331214</c:v>
                </c:pt>
                <c:pt idx="7795">
                  <c:v>1.4290761245331214</c:v>
                </c:pt>
                <c:pt idx="7796">
                  <c:v>1.4290761245331214</c:v>
                </c:pt>
                <c:pt idx="7797">
                  <c:v>1.4290761245331214</c:v>
                </c:pt>
                <c:pt idx="7798">
                  <c:v>1.4290761245331214</c:v>
                </c:pt>
                <c:pt idx="7799">
                  <c:v>1.4290761245331214</c:v>
                </c:pt>
                <c:pt idx="7800">
                  <c:v>1.824447875168199</c:v>
                </c:pt>
                <c:pt idx="7801">
                  <c:v>1.824447875168199</c:v>
                </c:pt>
                <c:pt idx="7802">
                  <c:v>1.824447875168199</c:v>
                </c:pt>
                <c:pt idx="7803">
                  <c:v>1.824447875168199</c:v>
                </c:pt>
                <c:pt idx="7804">
                  <c:v>1.824447875168199</c:v>
                </c:pt>
                <c:pt idx="7805">
                  <c:v>1.824447875168199</c:v>
                </c:pt>
                <c:pt idx="7806">
                  <c:v>1.824447875168199</c:v>
                </c:pt>
                <c:pt idx="7807">
                  <c:v>6.8690369611949897</c:v>
                </c:pt>
                <c:pt idx="7808">
                  <c:v>7.6643991356491465</c:v>
                </c:pt>
                <c:pt idx="7809">
                  <c:v>8.4597613101033033</c:v>
                </c:pt>
                <c:pt idx="7810">
                  <c:v>8.4597613101033033</c:v>
                </c:pt>
                <c:pt idx="7811">
                  <c:v>10.122791311234723</c:v>
                </c:pt>
                <c:pt idx="7812">
                  <c:v>10.122791311234723</c:v>
                </c:pt>
                <c:pt idx="7813">
                  <c:v>6.7244256567487799</c:v>
                </c:pt>
                <c:pt idx="7814">
                  <c:v>10.122791311234723</c:v>
                </c:pt>
                <c:pt idx="7815">
                  <c:v>10.122791311234723</c:v>
                </c:pt>
                <c:pt idx="7816">
                  <c:v>6.40718058351713</c:v>
                </c:pt>
                <c:pt idx="7817">
                  <c:v>3.2868707534106556</c:v>
                </c:pt>
                <c:pt idx="7818">
                  <c:v>1.824447875168199</c:v>
                </c:pt>
                <c:pt idx="7819">
                  <c:v>1.824447875168199</c:v>
                </c:pt>
                <c:pt idx="7820">
                  <c:v>1.824447875168199</c:v>
                </c:pt>
                <c:pt idx="7821">
                  <c:v>1.824447875168199</c:v>
                </c:pt>
                <c:pt idx="7822">
                  <c:v>1.824447875168199</c:v>
                </c:pt>
                <c:pt idx="7823">
                  <c:v>1.824447875168199</c:v>
                </c:pt>
                <c:pt idx="7824">
                  <c:v>1.9265664270110261</c:v>
                </c:pt>
                <c:pt idx="7825">
                  <c:v>1.9265664270110261</c:v>
                </c:pt>
                <c:pt idx="7826">
                  <c:v>1.9265664270110261</c:v>
                </c:pt>
                <c:pt idx="7827">
                  <c:v>1.9265664270110261</c:v>
                </c:pt>
                <c:pt idx="7828">
                  <c:v>1.9265664270110261</c:v>
                </c:pt>
                <c:pt idx="7829">
                  <c:v>1.9265664270110261</c:v>
                </c:pt>
                <c:pt idx="7830">
                  <c:v>1.9265664270110261</c:v>
                </c:pt>
                <c:pt idx="7831">
                  <c:v>7.2116391881659831</c:v>
                </c:pt>
                <c:pt idx="7832">
                  <c:v>8.0466710941641519</c:v>
                </c:pt>
                <c:pt idx="7833">
                  <c:v>8.8817030001623181</c:v>
                </c:pt>
                <c:pt idx="7834">
                  <c:v>8.8817030001623181</c:v>
                </c:pt>
                <c:pt idx="7835">
                  <c:v>10.62767880361303</c:v>
                </c:pt>
                <c:pt idx="7836">
                  <c:v>10.62767880361303</c:v>
                </c:pt>
                <c:pt idx="7837">
                  <c:v>7.0598152052572276</c:v>
                </c:pt>
                <c:pt idx="7838">
                  <c:v>10.62767880361303</c:v>
                </c:pt>
                <c:pt idx="7839">
                  <c:v>10.62767880361303</c:v>
                </c:pt>
                <c:pt idx="7840">
                  <c:v>6.7608572396107789</c:v>
                </c:pt>
                <c:pt idx="7841">
                  <c:v>3.5079890380284504</c:v>
                </c:pt>
                <c:pt idx="7842">
                  <c:v>1.9265664270110261</c:v>
                </c:pt>
                <c:pt idx="7843">
                  <c:v>1.9265664270110261</c:v>
                </c:pt>
                <c:pt idx="7844">
                  <c:v>1.9265664270110261</c:v>
                </c:pt>
                <c:pt idx="7845">
                  <c:v>1.9265664270110261</c:v>
                </c:pt>
                <c:pt idx="7846">
                  <c:v>1.9265664270110261</c:v>
                </c:pt>
                <c:pt idx="7847">
                  <c:v>1.9265664270110261</c:v>
                </c:pt>
                <c:pt idx="7848">
                  <c:v>2.4651725197258156</c:v>
                </c:pt>
                <c:pt idx="7849">
                  <c:v>1.6492817808495777</c:v>
                </c:pt>
                <c:pt idx="7850">
                  <c:v>1.6492817808495777</c:v>
                </c:pt>
                <c:pt idx="7851">
                  <c:v>1.6492817808495777</c:v>
                </c:pt>
                <c:pt idx="7852">
                  <c:v>1.6492817808495777</c:v>
                </c:pt>
                <c:pt idx="7853">
                  <c:v>1.6492817808495777</c:v>
                </c:pt>
                <c:pt idx="7854">
                  <c:v>1.6492817808495777</c:v>
                </c:pt>
                <c:pt idx="7855">
                  <c:v>6.4150121163662011</c:v>
                </c:pt>
                <c:pt idx="7856">
                  <c:v>8.0187651454577509</c:v>
                </c:pt>
                <c:pt idx="7857">
                  <c:v>8.8206416600035258</c:v>
                </c:pt>
                <c:pt idx="7858">
                  <c:v>8.8206416600035258</c:v>
                </c:pt>
                <c:pt idx="7859">
                  <c:v>10.424394689095077</c:v>
                </c:pt>
                <c:pt idx="7860">
                  <c:v>10.424394689095077</c:v>
                </c:pt>
                <c:pt idx="7861">
                  <c:v>7.2168886309119769</c:v>
                </c:pt>
                <c:pt idx="7862">
                  <c:v>10.424394689095077</c:v>
                </c:pt>
                <c:pt idx="7863">
                  <c:v>8.1522388623856852</c:v>
                </c:pt>
                <c:pt idx="7864">
                  <c:v>4.4092195598266581</c:v>
                </c:pt>
                <c:pt idx="7865">
                  <c:v>3.1388969956477664</c:v>
                </c:pt>
                <c:pt idx="7866">
                  <c:v>1.7120426069169803</c:v>
                </c:pt>
                <c:pt idx="7867">
                  <c:v>1.6492817808495777</c:v>
                </c:pt>
                <c:pt idx="7868">
                  <c:v>1.6492817808495777</c:v>
                </c:pt>
                <c:pt idx="7869">
                  <c:v>1.6492817808495777</c:v>
                </c:pt>
                <c:pt idx="7870">
                  <c:v>1.6492817808495777</c:v>
                </c:pt>
                <c:pt idx="7871">
                  <c:v>1.6492817808495777</c:v>
                </c:pt>
                <c:pt idx="7872">
                  <c:v>2.206232379871953</c:v>
                </c:pt>
                <c:pt idx="7873">
                  <c:v>2.0915306875128241</c:v>
                </c:pt>
                <c:pt idx="7874">
                  <c:v>2.0915306875128241</c:v>
                </c:pt>
                <c:pt idx="7875">
                  <c:v>2.0915306875128241</c:v>
                </c:pt>
                <c:pt idx="7876">
                  <c:v>2.0915306875128241</c:v>
                </c:pt>
                <c:pt idx="7877">
                  <c:v>2.0966779262681854</c:v>
                </c:pt>
                <c:pt idx="7878">
                  <c:v>2.1033693366501542</c:v>
                </c:pt>
                <c:pt idx="7879">
                  <c:v>2.1080018515299801</c:v>
                </c:pt>
                <c:pt idx="7880">
                  <c:v>2.1080018515299801</c:v>
                </c:pt>
                <c:pt idx="7881">
                  <c:v>2.1080018515299801</c:v>
                </c:pt>
                <c:pt idx="7882">
                  <c:v>2.1080018515299801</c:v>
                </c:pt>
                <c:pt idx="7883">
                  <c:v>2.1080018515299801</c:v>
                </c:pt>
                <c:pt idx="7884">
                  <c:v>2.1080018515299801</c:v>
                </c:pt>
                <c:pt idx="7885">
                  <c:v>2.1080018515299801</c:v>
                </c:pt>
                <c:pt idx="7886">
                  <c:v>2.1080018515299801</c:v>
                </c:pt>
                <c:pt idx="7887">
                  <c:v>2.1043987844012269</c:v>
                </c:pt>
                <c:pt idx="7888">
                  <c:v>2.1013104411480104</c:v>
                </c:pt>
                <c:pt idx="7889">
                  <c:v>2.0982220978947934</c:v>
                </c:pt>
                <c:pt idx="7890">
                  <c:v>2.0971926501437212</c:v>
                </c:pt>
                <c:pt idx="7891">
                  <c:v>2.09204541138836</c:v>
                </c:pt>
                <c:pt idx="7892">
                  <c:v>2.0863834487574628</c:v>
                </c:pt>
                <c:pt idx="7893">
                  <c:v>2.0863834487574628</c:v>
                </c:pt>
                <c:pt idx="7894">
                  <c:v>2.0863834487574628</c:v>
                </c:pt>
                <c:pt idx="7895">
                  <c:v>2.0863834487574628</c:v>
                </c:pt>
                <c:pt idx="7896">
                  <c:v>2.1534590337710711</c:v>
                </c:pt>
                <c:pt idx="7897">
                  <c:v>2.1564984571311139</c:v>
                </c:pt>
                <c:pt idx="7898">
                  <c:v>2.1564984571311139</c:v>
                </c:pt>
                <c:pt idx="7899">
                  <c:v>2.1564984571311139</c:v>
                </c:pt>
                <c:pt idx="7900">
                  <c:v>2.1564984571311139</c:v>
                </c:pt>
                <c:pt idx="7901">
                  <c:v>2.1619694191791914</c:v>
                </c:pt>
                <c:pt idx="7902">
                  <c:v>2.1668324965552599</c:v>
                </c:pt>
                <c:pt idx="7903">
                  <c:v>2.1729113432753455</c:v>
                </c:pt>
                <c:pt idx="7904">
                  <c:v>2.1729113432753455</c:v>
                </c:pt>
                <c:pt idx="7905">
                  <c:v>2.1729113432753455</c:v>
                </c:pt>
                <c:pt idx="7906">
                  <c:v>2.1729113432753455</c:v>
                </c:pt>
                <c:pt idx="7907">
                  <c:v>2.1729113432753455</c:v>
                </c:pt>
                <c:pt idx="7908">
                  <c:v>2.1729113432753455</c:v>
                </c:pt>
                <c:pt idx="7909">
                  <c:v>2.1729113432753455</c:v>
                </c:pt>
                <c:pt idx="7910">
                  <c:v>2.1729113432753455</c:v>
                </c:pt>
                <c:pt idx="7911">
                  <c:v>2.1686561505712856</c:v>
                </c:pt>
                <c:pt idx="7912">
                  <c:v>2.1680482658992766</c:v>
                </c:pt>
                <c:pt idx="7913">
                  <c:v>2.1631851885232081</c:v>
                </c:pt>
                <c:pt idx="7914">
                  <c:v>2.1613615345071824</c:v>
                </c:pt>
                <c:pt idx="7915">
                  <c:v>2.1571063418031224</c:v>
                </c:pt>
                <c:pt idx="7916">
                  <c:v>2.1534590337710711</c:v>
                </c:pt>
                <c:pt idx="7917">
                  <c:v>2.1510274950830364</c:v>
                </c:pt>
                <c:pt idx="7918">
                  <c:v>2.1510274950830364</c:v>
                </c:pt>
                <c:pt idx="7919">
                  <c:v>2.1510274950830364</c:v>
                </c:pt>
                <c:pt idx="7920">
                  <c:v>1.7155910197935071</c:v>
                </c:pt>
                <c:pt idx="7921">
                  <c:v>1.7155910197935071</c:v>
                </c:pt>
                <c:pt idx="7922">
                  <c:v>1.7155910197935071</c:v>
                </c:pt>
                <c:pt idx="7923">
                  <c:v>1.7155910197935071</c:v>
                </c:pt>
                <c:pt idx="7924">
                  <c:v>1.7155910197935071</c:v>
                </c:pt>
                <c:pt idx="7925">
                  <c:v>1.7155910197935071</c:v>
                </c:pt>
                <c:pt idx="7926">
                  <c:v>1.7155910197935071</c:v>
                </c:pt>
                <c:pt idx="7927">
                  <c:v>7.3386628282062496</c:v>
                </c:pt>
                <c:pt idx="7928">
                  <c:v>8.2559956817320312</c:v>
                </c:pt>
                <c:pt idx="7929">
                  <c:v>9.1733285352578111</c:v>
                </c:pt>
                <c:pt idx="7930">
                  <c:v>9.1733285352578111</c:v>
                </c:pt>
                <c:pt idx="7931">
                  <c:v>11.007994242309374</c:v>
                </c:pt>
                <c:pt idx="7932">
                  <c:v>11.007994242309374</c:v>
                </c:pt>
                <c:pt idx="7933">
                  <c:v>7.3386628282062496</c:v>
                </c:pt>
                <c:pt idx="7934">
                  <c:v>11.007994242309374</c:v>
                </c:pt>
                <c:pt idx="7935">
                  <c:v>11.007994242309374</c:v>
                </c:pt>
                <c:pt idx="7936">
                  <c:v>6.9695221201125914</c:v>
                </c:pt>
                <c:pt idx="7937">
                  <c:v>2.9394514101063414</c:v>
                </c:pt>
                <c:pt idx="7938">
                  <c:v>1.97359952068906</c:v>
                </c:pt>
                <c:pt idx="7939">
                  <c:v>1.97359952068906</c:v>
                </c:pt>
                <c:pt idx="7940">
                  <c:v>1.97359952068906</c:v>
                </c:pt>
                <c:pt idx="7941">
                  <c:v>1.97359952068906</c:v>
                </c:pt>
                <c:pt idx="7942">
                  <c:v>1.97359952068906</c:v>
                </c:pt>
                <c:pt idx="7943">
                  <c:v>1.97359952068906</c:v>
                </c:pt>
                <c:pt idx="7944">
                  <c:v>1.4404107644602473</c:v>
                </c:pt>
                <c:pt idx="7945">
                  <c:v>1.9283228784070119</c:v>
                </c:pt>
                <c:pt idx="7946">
                  <c:v>1.9283228784070119</c:v>
                </c:pt>
                <c:pt idx="7947">
                  <c:v>1.9283228784070119</c:v>
                </c:pt>
                <c:pt idx="7948">
                  <c:v>1.9283228784070119</c:v>
                </c:pt>
                <c:pt idx="7949">
                  <c:v>1.9283228784070119</c:v>
                </c:pt>
                <c:pt idx="7950">
                  <c:v>1.9283228784070119</c:v>
                </c:pt>
                <c:pt idx="7951">
                  <c:v>7.4496585805246571</c:v>
                </c:pt>
                <c:pt idx="7952">
                  <c:v>8.3122506266906697</c:v>
                </c:pt>
                <c:pt idx="7953">
                  <c:v>9.1748426728566823</c:v>
                </c:pt>
                <c:pt idx="7954">
                  <c:v>9.1748426728566823</c:v>
                </c:pt>
                <c:pt idx="7955">
                  <c:v>10.978444223931074</c:v>
                </c:pt>
                <c:pt idx="7956">
                  <c:v>10.978444223931074</c:v>
                </c:pt>
                <c:pt idx="7957">
                  <c:v>7.2928236630399264</c:v>
                </c:pt>
                <c:pt idx="7958">
                  <c:v>10.978444223931074</c:v>
                </c:pt>
                <c:pt idx="7959">
                  <c:v>10.978444223931074</c:v>
                </c:pt>
                <c:pt idx="7960">
                  <c:v>7.0021878897203527</c:v>
                </c:pt>
                <c:pt idx="7961">
                  <c:v>3.652670943201394</c:v>
                </c:pt>
                <c:pt idx="7962">
                  <c:v>1.972678525129445</c:v>
                </c:pt>
                <c:pt idx="7963">
                  <c:v>1.972678525129445</c:v>
                </c:pt>
                <c:pt idx="7964">
                  <c:v>1.972678525129445</c:v>
                </c:pt>
                <c:pt idx="7965">
                  <c:v>1.972678525129445</c:v>
                </c:pt>
                <c:pt idx="7966">
                  <c:v>1.972678525129445</c:v>
                </c:pt>
                <c:pt idx="7967">
                  <c:v>1.972678525129445</c:v>
                </c:pt>
                <c:pt idx="7968">
                  <c:v>2.2996707741295794</c:v>
                </c:pt>
                <c:pt idx="7969">
                  <c:v>2.2996707741295794</c:v>
                </c:pt>
                <c:pt idx="7970">
                  <c:v>2.2996707741295794</c:v>
                </c:pt>
                <c:pt idx="7971">
                  <c:v>2.2996707741295794</c:v>
                </c:pt>
                <c:pt idx="7972">
                  <c:v>2.2996707741295794</c:v>
                </c:pt>
                <c:pt idx="7973">
                  <c:v>2.2996707741295794</c:v>
                </c:pt>
                <c:pt idx="7974">
                  <c:v>2.2996707741295794</c:v>
                </c:pt>
                <c:pt idx="7975">
                  <c:v>8.4673988085749663</c:v>
                </c:pt>
                <c:pt idx="7976">
                  <c:v>9.4478344600941728</c:v>
                </c:pt>
                <c:pt idx="7977">
                  <c:v>10.428270111613381</c:v>
                </c:pt>
                <c:pt idx="7978">
                  <c:v>10.428270111613381</c:v>
                </c:pt>
                <c:pt idx="7979">
                  <c:v>12.478271928426269</c:v>
                </c:pt>
                <c:pt idx="7980">
                  <c:v>12.478271928426269</c:v>
                </c:pt>
                <c:pt idx="7981">
                  <c:v>8.2891377810260192</c:v>
                </c:pt>
                <c:pt idx="7982">
                  <c:v>12.478271928426269</c:v>
                </c:pt>
                <c:pt idx="7983">
                  <c:v>12.478271928426269</c:v>
                </c:pt>
                <c:pt idx="7984">
                  <c:v>8.0535385412674465</c:v>
                </c:pt>
                <c:pt idx="7985">
                  <c:v>4.3123141967197478</c:v>
                </c:pt>
                <c:pt idx="7986">
                  <c:v>2.2996707741295794</c:v>
                </c:pt>
                <c:pt idx="7987">
                  <c:v>2.2996707741295794</c:v>
                </c:pt>
                <c:pt idx="7988">
                  <c:v>2.2996707741295794</c:v>
                </c:pt>
                <c:pt idx="7989">
                  <c:v>2.2996707741295794</c:v>
                </c:pt>
                <c:pt idx="7990">
                  <c:v>2.2996707741295794</c:v>
                </c:pt>
                <c:pt idx="7991">
                  <c:v>2.2996707741295794</c:v>
                </c:pt>
                <c:pt idx="7992">
                  <c:v>2.385349295956114</c:v>
                </c:pt>
                <c:pt idx="7993">
                  <c:v>2.385349295956114</c:v>
                </c:pt>
                <c:pt idx="7994">
                  <c:v>2.385349295956114</c:v>
                </c:pt>
                <c:pt idx="7995">
                  <c:v>2.385349295956114</c:v>
                </c:pt>
                <c:pt idx="7996">
                  <c:v>2.385349295956114</c:v>
                </c:pt>
                <c:pt idx="7997">
                  <c:v>2.385349295956114</c:v>
                </c:pt>
                <c:pt idx="7998">
                  <c:v>2.385349295956114</c:v>
                </c:pt>
                <c:pt idx="7999">
                  <c:v>8.7577653925615113</c:v>
                </c:pt>
                <c:pt idx="8000">
                  <c:v>9.7718224380160006</c:v>
                </c:pt>
                <c:pt idx="8001">
                  <c:v>10.785879483470492</c:v>
                </c:pt>
                <c:pt idx="8002">
                  <c:v>10.785879483470492</c:v>
                </c:pt>
                <c:pt idx="8003">
                  <c:v>12.9061805785117</c:v>
                </c:pt>
                <c:pt idx="8004">
                  <c:v>12.9061805785117</c:v>
                </c:pt>
                <c:pt idx="8005">
                  <c:v>8.5733913842970573</c:v>
                </c:pt>
                <c:pt idx="8006">
                  <c:v>12.9061805785117</c:v>
                </c:pt>
                <c:pt idx="8007">
                  <c:v>12.9061805785117</c:v>
                </c:pt>
                <c:pt idx="8008">
                  <c:v>8.3506219313929346</c:v>
                </c:pt>
                <c:pt idx="8009">
                  <c:v>4.4952447037356107</c:v>
                </c:pt>
                <c:pt idx="8010">
                  <c:v>2.385349295956114</c:v>
                </c:pt>
                <c:pt idx="8011">
                  <c:v>2.385349295956114</c:v>
                </c:pt>
                <c:pt idx="8012">
                  <c:v>2.385349295956114</c:v>
                </c:pt>
                <c:pt idx="8013">
                  <c:v>2.385349295956114</c:v>
                </c:pt>
                <c:pt idx="8014">
                  <c:v>2.385349295956114</c:v>
                </c:pt>
                <c:pt idx="8015">
                  <c:v>2.385349295956114</c:v>
                </c:pt>
                <c:pt idx="8016">
                  <c:v>3.1471604425941875</c:v>
                </c:pt>
                <c:pt idx="8017">
                  <c:v>2.1779052677547632</c:v>
                </c:pt>
                <c:pt idx="8018">
                  <c:v>2.1779052677547632</c:v>
                </c:pt>
                <c:pt idx="8019">
                  <c:v>2.1779052677547632</c:v>
                </c:pt>
                <c:pt idx="8020">
                  <c:v>2.1779052677547632</c:v>
                </c:pt>
                <c:pt idx="8021">
                  <c:v>2.1779052677547632</c:v>
                </c:pt>
                <c:pt idx="8022">
                  <c:v>2.1779052677547632</c:v>
                </c:pt>
                <c:pt idx="8023">
                  <c:v>8.2132025470070857</c:v>
                </c:pt>
                <c:pt idx="8024">
                  <c:v>10.266503183758857</c:v>
                </c:pt>
                <c:pt idx="8025">
                  <c:v>11.293153502134745</c:v>
                </c:pt>
                <c:pt idx="8026">
                  <c:v>11.293153502134745</c:v>
                </c:pt>
                <c:pt idx="8027">
                  <c:v>13.346454138886516</c:v>
                </c:pt>
                <c:pt idx="8028">
                  <c:v>13.346454138886516</c:v>
                </c:pt>
                <c:pt idx="8029">
                  <c:v>9.2398528653829715</c:v>
                </c:pt>
                <c:pt idx="8030">
                  <c:v>13.346454138886516</c:v>
                </c:pt>
                <c:pt idx="8031">
                  <c:v>10.499109839670139</c:v>
                </c:pt>
                <c:pt idx="8032">
                  <c:v>5.9432060034825103</c:v>
                </c:pt>
                <c:pt idx="8033">
                  <c:v>4.3212702295749388</c:v>
                </c:pt>
                <c:pt idx="8034">
                  <c:v>2.2524633581270268</c:v>
                </c:pt>
                <c:pt idx="8035">
                  <c:v>2.1779052677547632</c:v>
                </c:pt>
                <c:pt idx="8036">
                  <c:v>2.1779052677547632</c:v>
                </c:pt>
                <c:pt idx="8037">
                  <c:v>2.1779052677547632</c:v>
                </c:pt>
                <c:pt idx="8038">
                  <c:v>2.1779052677547632</c:v>
                </c:pt>
                <c:pt idx="8039">
                  <c:v>2.1779052677547632</c:v>
                </c:pt>
                <c:pt idx="8040">
                  <c:v>2.5538665493211319</c:v>
                </c:pt>
                <c:pt idx="8041">
                  <c:v>2.425787987170215</c:v>
                </c:pt>
                <c:pt idx="8042">
                  <c:v>2.425787987170215</c:v>
                </c:pt>
                <c:pt idx="8043">
                  <c:v>2.425787987170215</c:v>
                </c:pt>
                <c:pt idx="8044">
                  <c:v>2.425787987170215</c:v>
                </c:pt>
                <c:pt idx="8045">
                  <c:v>2.4320629969777987</c:v>
                </c:pt>
                <c:pt idx="8046">
                  <c:v>2.4402205097276579</c:v>
                </c:pt>
                <c:pt idx="8047">
                  <c:v>2.4458680185544832</c:v>
                </c:pt>
                <c:pt idx="8048">
                  <c:v>2.4458680185544832</c:v>
                </c:pt>
                <c:pt idx="8049">
                  <c:v>2.4458680185544832</c:v>
                </c:pt>
                <c:pt idx="8050">
                  <c:v>2.4458680185544832</c:v>
                </c:pt>
                <c:pt idx="8051">
                  <c:v>2.4458680185544832</c:v>
                </c:pt>
                <c:pt idx="8052">
                  <c:v>2.4458680185544832</c:v>
                </c:pt>
                <c:pt idx="8053">
                  <c:v>2.4458680185544832</c:v>
                </c:pt>
                <c:pt idx="8054">
                  <c:v>2.4458680185544832</c:v>
                </c:pt>
                <c:pt idx="8055">
                  <c:v>2.4414755116891746</c:v>
                </c:pt>
                <c:pt idx="8056">
                  <c:v>2.4377105058046245</c:v>
                </c:pt>
                <c:pt idx="8057">
                  <c:v>2.4339454999200738</c:v>
                </c:pt>
                <c:pt idx="8058">
                  <c:v>2.4326904979585571</c:v>
                </c:pt>
                <c:pt idx="8059">
                  <c:v>2.426415488150973</c:v>
                </c:pt>
                <c:pt idx="8060">
                  <c:v>2.4195129773626309</c:v>
                </c:pt>
                <c:pt idx="8061">
                  <c:v>2.4195129773626309</c:v>
                </c:pt>
                <c:pt idx="8062">
                  <c:v>2.4195129773626309</c:v>
                </c:pt>
                <c:pt idx="8063">
                  <c:v>2.4195129773626309</c:v>
                </c:pt>
                <c:pt idx="8064">
                  <c:v>2.6309707226338923</c:v>
                </c:pt>
                <c:pt idx="8065">
                  <c:v>2.6349256744190552</c:v>
                </c:pt>
                <c:pt idx="8066">
                  <c:v>2.6349256744190552</c:v>
                </c:pt>
                <c:pt idx="8067">
                  <c:v>2.6349256744190552</c:v>
                </c:pt>
                <c:pt idx="8068">
                  <c:v>2.6349256744190552</c:v>
                </c:pt>
                <c:pt idx="8069">
                  <c:v>2.6420445876323488</c:v>
                </c:pt>
                <c:pt idx="8070">
                  <c:v>2.6483725104886093</c:v>
                </c:pt>
                <c:pt idx="8071">
                  <c:v>2.6562824140589356</c:v>
                </c:pt>
                <c:pt idx="8072">
                  <c:v>2.6562824140589356</c:v>
                </c:pt>
                <c:pt idx="8073">
                  <c:v>2.6562824140589356</c:v>
                </c:pt>
                <c:pt idx="8074">
                  <c:v>2.6562824140589356</c:v>
                </c:pt>
                <c:pt idx="8075">
                  <c:v>2.6562824140589356</c:v>
                </c:pt>
                <c:pt idx="8076">
                  <c:v>2.6562824140589356</c:v>
                </c:pt>
                <c:pt idx="8077">
                  <c:v>2.6562824140589356</c:v>
                </c:pt>
                <c:pt idx="8078">
                  <c:v>2.6562824140589356</c:v>
                </c:pt>
                <c:pt idx="8079">
                  <c:v>2.6507454815597074</c:v>
                </c:pt>
                <c:pt idx="8080">
                  <c:v>2.6499544912026747</c:v>
                </c:pt>
                <c:pt idx="8081">
                  <c:v>2.6436265683464142</c:v>
                </c:pt>
                <c:pt idx="8082">
                  <c:v>2.6412535972753162</c:v>
                </c:pt>
                <c:pt idx="8083">
                  <c:v>2.6357166647760879</c:v>
                </c:pt>
                <c:pt idx="8084">
                  <c:v>2.6309707226338923</c:v>
                </c:pt>
                <c:pt idx="8085">
                  <c:v>2.6278067612057621</c:v>
                </c:pt>
                <c:pt idx="8086">
                  <c:v>2.6278067612057621</c:v>
                </c:pt>
                <c:pt idx="8087">
                  <c:v>2.6278067612057621</c:v>
                </c:pt>
                <c:pt idx="8088">
                  <c:v>2.3319211714056145</c:v>
                </c:pt>
                <c:pt idx="8089">
                  <c:v>2.3319211714056145</c:v>
                </c:pt>
                <c:pt idx="8090">
                  <c:v>2.3319211714056145</c:v>
                </c:pt>
                <c:pt idx="8091">
                  <c:v>2.3319211714056145</c:v>
                </c:pt>
                <c:pt idx="8092">
                  <c:v>2.3319211714056145</c:v>
                </c:pt>
                <c:pt idx="8093">
                  <c:v>2.3319211714056145</c:v>
                </c:pt>
                <c:pt idx="8094">
                  <c:v>2.3319211714056145</c:v>
                </c:pt>
                <c:pt idx="8095">
                  <c:v>9.98857039710159</c:v>
                </c:pt>
                <c:pt idx="8096">
                  <c:v>11.23714169673929</c:v>
                </c:pt>
                <c:pt idx="8097">
                  <c:v>12.485712996376986</c:v>
                </c:pt>
                <c:pt idx="8098">
                  <c:v>12.485712996376986</c:v>
                </c:pt>
                <c:pt idx="8099">
                  <c:v>14.982855595652383</c:v>
                </c:pt>
                <c:pt idx="8100">
                  <c:v>14.982855595652383</c:v>
                </c:pt>
                <c:pt idx="8101">
                  <c:v>9.98857039710159</c:v>
                </c:pt>
                <c:pt idx="8102">
                  <c:v>14.982855595652383</c:v>
                </c:pt>
                <c:pt idx="8103">
                  <c:v>14.982855595652383</c:v>
                </c:pt>
                <c:pt idx="8104">
                  <c:v>9.7293740977742154</c:v>
                </c:pt>
                <c:pt idx="8105">
                  <c:v>4.4910554351498462</c:v>
                </c:pt>
                <c:pt idx="8106">
                  <c:v>2.7593553526787558</c:v>
                </c:pt>
                <c:pt idx="8107">
                  <c:v>2.7593553526787558</c:v>
                </c:pt>
                <c:pt idx="8108">
                  <c:v>2.7593553526787558</c:v>
                </c:pt>
                <c:pt idx="8109">
                  <c:v>2.7593553526787558</c:v>
                </c:pt>
                <c:pt idx="8110">
                  <c:v>2.7593553526787558</c:v>
                </c:pt>
                <c:pt idx="8111">
                  <c:v>2.7593553526787558</c:v>
                </c:pt>
                <c:pt idx="8112">
                  <c:v>1.8690523760583984</c:v>
                </c:pt>
                <c:pt idx="8113">
                  <c:v>2.4392439390078673</c:v>
                </c:pt>
                <c:pt idx="8114">
                  <c:v>2.4392439390078673</c:v>
                </c:pt>
                <c:pt idx="8115">
                  <c:v>2.4392439390078673</c:v>
                </c:pt>
                <c:pt idx="8116">
                  <c:v>2.4392439390078673</c:v>
                </c:pt>
                <c:pt idx="8117">
                  <c:v>2.4392439390078673</c:v>
                </c:pt>
                <c:pt idx="8118">
                  <c:v>2.4392439390078673</c:v>
                </c:pt>
                <c:pt idx="8119">
                  <c:v>9.2409794958985589</c:v>
                </c:pt>
                <c:pt idx="8120">
                  <c:v>10.310987648055235</c:v>
                </c:pt>
                <c:pt idx="8121">
                  <c:v>11.380995800211911</c:v>
                </c:pt>
                <c:pt idx="8122">
                  <c:v>11.380995800211911</c:v>
                </c:pt>
                <c:pt idx="8123">
                  <c:v>13.618285572903142</c:v>
                </c:pt>
                <c:pt idx="8124">
                  <c:v>13.618285572903142</c:v>
                </c:pt>
                <c:pt idx="8125">
                  <c:v>9.0464325591428025</c:v>
                </c:pt>
                <c:pt idx="8126">
                  <c:v>13.618285572903142</c:v>
                </c:pt>
                <c:pt idx="8127">
                  <c:v>13.618285572903142</c:v>
                </c:pt>
                <c:pt idx="8128">
                  <c:v>8.8420734727355637</c:v>
                </c:pt>
                <c:pt idx="8129">
                  <c:v>4.7922999480257067</c:v>
                </c:pt>
                <c:pt idx="8130">
                  <c:v>2.4910795356396371</c:v>
                </c:pt>
                <c:pt idx="8131">
                  <c:v>2.4910795356396371</c:v>
                </c:pt>
                <c:pt idx="8132">
                  <c:v>2.4910795356396371</c:v>
                </c:pt>
                <c:pt idx="8133">
                  <c:v>2.4910795356396371</c:v>
                </c:pt>
                <c:pt idx="8134">
                  <c:v>2.4910795356396371</c:v>
                </c:pt>
                <c:pt idx="8135">
                  <c:v>2.4910795356396371</c:v>
                </c:pt>
                <c:pt idx="8136">
                  <c:v>2.2996707741295794</c:v>
                </c:pt>
                <c:pt idx="8137">
                  <c:v>2.2996707741295794</c:v>
                </c:pt>
                <c:pt idx="8138">
                  <c:v>2.2996707741295794</c:v>
                </c:pt>
                <c:pt idx="8139">
                  <c:v>2.2996707741295794</c:v>
                </c:pt>
                <c:pt idx="8140">
                  <c:v>2.2996707741295794</c:v>
                </c:pt>
                <c:pt idx="8141">
                  <c:v>2.2996707741295794</c:v>
                </c:pt>
                <c:pt idx="8142">
                  <c:v>2.2996707741295794</c:v>
                </c:pt>
                <c:pt idx="8143">
                  <c:v>8.4673988085749663</c:v>
                </c:pt>
                <c:pt idx="8144">
                  <c:v>9.4478344600941728</c:v>
                </c:pt>
                <c:pt idx="8145">
                  <c:v>10.428270111613381</c:v>
                </c:pt>
                <c:pt idx="8146">
                  <c:v>10.428270111613381</c:v>
                </c:pt>
                <c:pt idx="8147">
                  <c:v>12.478271928426269</c:v>
                </c:pt>
                <c:pt idx="8148">
                  <c:v>12.478271928426269</c:v>
                </c:pt>
                <c:pt idx="8149">
                  <c:v>8.2891377810260192</c:v>
                </c:pt>
                <c:pt idx="8150">
                  <c:v>12.478271928426269</c:v>
                </c:pt>
                <c:pt idx="8151">
                  <c:v>12.478271928426269</c:v>
                </c:pt>
                <c:pt idx="8152">
                  <c:v>8.0535385412674465</c:v>
                </c:pt>
                <c:pt idx="8153">
                  <c:v>4.3123141967197478</c:v>
                </c:pt>
                <c:pt idx="8154">
                  <c:v>2.2996707741295794</c:v>
                </c:pt>
                <c:pt idx="8155">
                  <c:v>2.2996707741295794</c:v>
                </c:pt>
                <c:pt idx="8156">
                  <c:v>2.2996707741295794</c:v>
                </c:pt>
                <c:pt idx="8157">
                  <c:v>2.2996707741295794</c:v>
                </c:pt>
                <c:pt idx="8158">
                  <c:v>2.2996707741295794</c:v>
                </c:pt>
                <c:pt idx="8159">
                  <c:v>2.2996707741295794</c:v>
                </c:pt>
                <c:pt idx="8160">
                  <c:v>2.0388968340381357</c:v>
                </c:pt>
                <c:pt idx="8161">
                  <c:v>2.0388968340381357</c:v>
                </c:pt>
                <c:pt idx="8162">
                  <c:v>2.0388968340381357</c:v>
                </c:pt>
                <c:pt idx="8163">
                  <c:v>2.0388968340381357</c:v>
                </c:pt>
                <c:pt idx="8164">
                  <c:v>2.0388968340381357</c:v>
                </c:pt>
                <c:pt idx="8165">
                  <c:v>2.0388968340381357</c:v>
                </c:pt>
                <c:pt idx="8166">
                  <c:v>2.0388968340381357</c:v>
                </c:pt>
                <c:pt idx="8167">
                  <c:v>7.5885016378340771</c:v>
                </c:pt>
                <c:pt idx="8168">
                  <c:v>8.4671702485306568</c:v>
                </c:pt>
                <c:pt idx="8169">
                  <c:v>9.3458388592272357</c:v>
                </c:pt>
                <c:pt idx="8170">
                  <c:v>9.3458388592272357</c:v>
                </c:pt>
                <c:pt idx="8171">
                  <c:v>11.183055045229167</c:v>
                </c:pt>
                <c:pt idx="8172">
                  <c:v>11.183055045229167</c:v>
                </c:pt>
                <c:pt idx="8173">
                  <c:v>7.4287437086165182</c:v>
                </c:pt>
                <c:pt idx="8174">
                  <c:v>11.183055045229167</c:v>
                </c:pt>
                <c:pt idx="8175">
                  <c:v>11.183055045229167</c:v>
                </c:pt>
                <c:pt idx="8176">
                  <c:v>7.1499015613137926</c:v>
                </c:pt>
                <c:pt idx="8177">
                  <c:v>3.7512191511080246</c:v>
                </c:pt>
                <c:pt idx="8178">
                  <c:v>2.0388968340381357</c:v>
                </c:pt>
                <c:pt idx="8179">
                  <c:v>2.0388968340381357</c:v>
                </c:pt>
                <c:pt idx="8180">
                  <c:v>2.0388968340381357</c:v>
                </c:pt>
                <c:pt idx="8181">
                  <c:v>2.0388968340381357</c:v>
                </c:pt>
                <c:pt idx="8182">
                  <c:v>2.0388968340381357</c:v>
                </c:pt>
                <c:pt idx="8183">
                  <c:v>2.0388968340381357</c:v>
                </c:pt>
                <c:pt idx="8184">
                  <c:v>3.1867824633293313</c:v>
                </c:pt>
                <c:pt idx="8185">
                  <c:v>2.2083240288240487</c:v>
                </c:pt>
                <c:pt idx="8186">
                  <c:v>2.2083240288240487</c:v>
                </c:pt>
                <c:pt idx="8187">
                  <c:v>2.2083240288240487</c:v>
                </c:pt>
                <c:pt idx="8188">
                  <c:v>2.2083240288240487</c:v>
                </c:pt>
                <c:pt idx="8189">
                  <c:v>2.2083240288240487</c:v>
                </c:pt>
                <c:pt idx="8190">
                  <c:v>2.2083240288240487</c:v>
                </c:pt>
                <c:pt idx="8191">
                  <c:v>8.3175783789636188</c:v>
                </c:pt>
                <c:pt idx="8192">
                  <c:v>10.396972973704525</c:v>
                </c:pt>
                <c:pt idx="8193">
                  <c:v>11.436670271074975</c:v>
                </c:pt>
                <c:pt idx="8194">
                  <c:v>11.436670271074975</c:v>
                </c:pt>
                <c:pt idx="8195">
                  <c:v>13.516064865815881</c:v>
                </c:pt>
                <c:pt idx="8196">
                  <c:v>13.516064865815881</c:v>
                </c:pt>
                <c:pt idx="8197">
                  <c:v>9.3572756763340728</c:v>
                </c:pt>
                <c:pt idx="8198">
                  <c:v>13.516064865815881</c:v>
                </c:pt>
                <c:pt idx="8199">
                  <c:v>10.635087015114879</c:v>
                </c:pt>
                <c:pt idx="8200">
                  <c:v>6.0310544465108844</c:v>
                </c:pt>
                <c:pt idx="8201">
                  <c:v>4.388691434257793</c:v>
                </c:pt>
                <c:pt idx="8202">
                  <c:v>2.2835900622475322</c:v>
                </c:pt>
                <c:pt idx="8203">
                  <c:v>2.2083240288240487</c:v>
                </c:pt>
                <c:pt idx="8204">
                  <c:v>2.2083240288240487</c:v>
                </c:pt>
                <c:pt idx="8205">
                  <c:v>2.2083240288240487</c:v>
                </c:pt>
                <c:pt idx="8206">
                  <c:v>2.2083240288240487</c:v>
                </c:pt>
                <c:pt idx="8207">
                  <c:v>2.2083240288240487</c:v>
                </c:pt>
                <c:pt idx="8208">
                  <c:v>2.4793735130105938</c:v>
                </c:pt>
                <c:pt idx="8209">
                  <c:v>2.3541614229579166</c:v>
                </c:pt>
                <c:pt idx="8210">
                  <c:v>2.3541614229579166</c:v>
                </c:pt>
                <c:pt idx="8211">
                  <c:v>2.3541614229579166</c:v>
                </c:pt>
                <c:pt idx="8212">
                  <c:v>2.3541614229579166</c:v>
                </c:pt>
                <c:pt idx="8213">
                  <c:v>2.3601947675400248</c:v>
                </c:pt>
                <c:pt idx="8214">
                  <c:v>2.3680381154967645</c:v>
                </c:pt>
                <c:pt idx="8215">
                  <c:v>2.3734681256206613</c:v>
                </c:pt>
                <c:pt idx="8216">
                  <c:v>2.3734681256206613</c:v>
                </c:pt>
                <c:pt idx="8217">
                  <c:v>2.3734681256206613</c:v>
                </c:pt>
                <c:pt idx="8218">
                  <c:v>2.3734681256206613</c:v>
                </c:pt>
                <c:pt idx="8219">
                  <c:v>2.3734681256206613</c:v>
                </c:pt>
                <c:pt idx="8220">
                  <c:v>2.3734681256206613</c:v>
                </c:pt>
                <c:pt idx="8221">
                  <c:v>2.3734681256206613</c:v>
                </c:pt>
                <c:pt idx="8222">
                  <c:v>2.3734681256206613</c:v>
                </c:pt>
                <c:pt idx="8223">
                  <c:v>2.3692447844131861</c:v>
                </c:pt>
                <c:pt idx="8224">
                  <c:v>2.3656247776639217</c:v>
                </c:pt>
                <c:pt idx="8225">
                  <c:v>2.3620047709146568</c:v>
                </c:pt>
                <c:pt idx="8226">
                  <c:v>2.3607981019982356</c:v>
                </c:pt>
                <c:pt idx="8227">
                  <c:v>2.3547647574161275</c:v>
                </c:pt>
                <c:pt idx="8228">
                  <c:v>2.3481280783758094</c:v>
                </c:pt>
                <c:pt idx="8229">
                  <c:v>2.3481280783758094</c:v>
                </c:pt>
                <c:pt idx="8230">
                  <c:v>2.3481280783758094</c:v>
                </c:pt>
                <c:pt idx="8231">
                  <c:v>2.3481280783758094</c:v>
                </c:pt>
                <c:pt idx="8232">
                  <c:v>1.9385787737828011</c:v>
                </c:pt>
                <c:pt idx="8233">
                  <c:v>1.9412062093515399</c:v>
                </c:pt>
                <c:pt idx="8234">
                  <c:v>1.9412062093515399</c:v>
                </c:pt>
                <c:pt idx="8235">
                  <c:v>1.9412062093515399</c:v>
                </c:pt>
                <c:pt idx="8236">
                  <c:v>1.9412062093515399</c:v>
                </c:pt>
                <c:pt idx="8237">
                  <c:v>1.9459355933752702</c:v>
                </c:pt>
                <c:pt idx="8238">
                  <c:v>1.9501394902852522</c:v>
                </c:pt>
                <c:pt idx="8239">
                  <c:v>1.9553943614227305</c:v>
                </c:pt>
                <c:pt idx="8240">
                  <c:v>1.9553943614227305</c:v>
                </c:pt>
                <c:pt idx="8241">
                  <c:v>1.9553943614227305</c:v>
                </c:pt>
                <c:pt idx="8242">
                  <c:v>1.9553943614227305</c:v>
                </c:pt>
                <c:pt idx="8243">
                  <c:v>1.9553943614227305</c:v>
                </c:pt>
                <c:pt idx="8244">
                  <c:v>1.9553943614227305</c:v>
                </c:pt>
                <c:pt idx="8245">
                  <c:v>1.9553943614227305</c:v>
                </c:pt>
                <c:pt idx="8246">
                  <c:v>1.9553943614227305</c:v>
                </c:pt>
                <c:pt idx="8247">
                  <c:v>1.9517159516264957</c:v>
                </c:pt>
                <c:pt idx="8248">
                  <c:v>1.951190464512748</c:v>
                </c:pt>
                <c:pt idx="8249">
                  <c:v>1.9469865676027658</c:v>
                </c:pt>
                <c:pt idx="8250">
                  <c:v>1.9454101062615221</c:v>
                </c:pt>
                <c:pt idx="8251">
                  <c:v>1.941731696465288</c:v>
                </c:pt>
                <c:pt idx="8252">
                  <c:v>1.9385787737828011</c:v>
                </c:pt>
                <c:pt idx="8253">
                  <c:v>1.9364768253278097</c:v>
                </c:pt>
                <c:pt idx="8254">
                  <c:v>1.9364768253278097</c:v>
                </c:pt>
                <c:pt idx="8255">
                  <c:v>1.9364768253278097</c:v>
                </c:pt>
                <c:pt idx="8256">
                  <c:v>1.7642845937100449</c:v>
                </c:pt>
                <c:pt idx="8257">
                  <c:v>1.7642845937100449</c:v>
                </c:pt>
                <c:pt idx="8258">
                  <c:v>1.7642845937100449</c:v>
                </c:pt>
                <c:pt idx="8259">
                  <c:v>1.7642845937100449</c:v>
                </c:pt>
                <c:pt idx="8260">
                  <c:v>1.7642845937100449</c:v>
                </c:pt>
                <c:pt idx="8261">
                  <c:v>1.7642845937100449</c:v>
                </c:pt>
                <c:pt idx="8262">
                  <c:v>1.7642845937100449</c:v>
                </c:pt>
                <c:pt idx="8263">
                  <c:v>7.5480980933395587</c:v>
                </c:pt>
                <c:pt idx="8264">
                  <c:v>8.491610355007003</c:v>
                </c:pt>
                <c:pt idx="8265">
                  <c:v>9.4351226166744482</c:v>
                </c:pt>
                <c:pt idx="8266">
                  <c:v>9.4351226166744482</c:v>
                </c:pt>
                <c:pt idx="8267">
                  <c:v>11.322147140009337</c:v>
                </c:pt>
                <c:pt idx="8268">
                  <c:v>11.322147140009337</c:v>
                </c:pt>
                <c:pt idx="8269">
                  <c:v>7.5480980933395587</c:v>
                </c:pt>
                <c:pt idx="8270">
                  <c:v>11.322147140009337</c:v>
                </c:pt>
                <c:pt idx="8271">
                  <c:v>11.322147140009337</c:v>
                </c:pt>
                <c:pt idx="8272">
                  <c:v>7.1890395816147743</c:v>
                </c:pt>
                <c:pt idx="8273">
                  <c:v>3.0648891688132029</c:v>
                </c:pt>
                <c:pt idx="8274">
                  <c:v>2.0361203080518617</c:v>
                </c:pt>
                <c:pt idx="8275">
                  <c:v>2.0361203080518617</c:v>
                </c:pt>
                <c:pt idx="8276">
                  <c:v>2.0361203080518617</c:v>
                </c:pt>
                <c:pt idx="8277">
                  <c:v>2.0361203080518617</c:v>
                </c:pt>
                <c:pt idx="8278">
                  <c:v>2.0361203080518617</c:v>
                </c:pt>
                <c:pt idx="8279">
                  <c:v>2.0361203080518617</c:v>
                </c:pt>
                <c:pt idx="8280">
                  <c:v>1.1722158817395336</c:v>
                </c:pt>
                <c:pt idx="8281">
                  <c:v>1.6106831119304312</c:v>
                </c:pt>
                <c:pt idx="8282">
                  <c:v>1.6106831119304312</c:v>
                </c:pt>
                <c:pt idx="8283">
                  <c:v>1.6106831119304312</c:v>
                </c:pt>
                <c:pt idx="8284">
                  <c:v>1.6106831119304312</c:v>
                </c:pt>
                <c:pt idx="8285">
                  <c:v>1.6106831119304312</c:v>
                </c:pt>
                <c:pt idx="8286">
                  <c:v>1.6106831119304312</c:v>
                </c:pt>
                <c:pt idx="8287">
                  <c:v>6.3426280756336286</c:v>
                </c:pt>
                <c:pt idx="8288">
                  <c:v>7.0770376422859451</c:v>
                </c:pt>
                <c:pt idx="8289">
                  <c:v>7.8114472089382598</c:v>
                </c:pt>
                <c:pt idx="8290">
                  <c:v>7.8114472089382598</c:v>
                </c:pt>
                <c:pt idx="8291">
                  <c:v>9.3470308483021913</c:v>
                </c:pt>
                <c:pt idx="8292">
                  <c:v>9.3470308483021913</c:v>
                </c:pt>
                <c:pt idx="8293">
                  <c:v>6.2090990635150272</c:v>
                </c:pt>
                <c:pt idx="8294">
                  <c:v>9.3470308483021913</c:v>
                </c:pt>
                <c:pt idx="8295">
                  <c:v>9.3470308483021913</c:v>
                </c:pt>
                <c:pt idx="8296">
                  <c:v>5.8588898289930649</c:v>
                </c:pt>
                <c:pt idx="8297">
                  <c:v>2.9379173055950312</c:v>
                </c:pt>
                <c:pt idx="8298">
                  <c:v>1.6505437692205127</c:v>
                </c:pt>
                <c:pt idx="8299">
                  <c:v>1.6505437692205127</c:v>
                </c:pt>
                <c:pt idx="8300">
                  <c:v>1.6505437692205127</c:v>
                </c:pt>
                <c:pt idx="8301">
                  <c:v>1.6505437692205127</c:v>
                </c:pt>
                <c:pt idx="8302">
                  <c:v>1.6505437692205127</c:v>
                </c:pt>
                <c:pt idx="8303">
                  <c:v>1.6505437692205127</c:v>
                </c:pt>
                <c:pt idx="8304">
                  <c:v>1.6712700474039586</c:v>
                </c:pt>
                <c:pt idx="8305">
                  <c:v>1.6712700474039586</c:v>
                </c:pt>
                <c:pt idx="8306">
                  <c:v>1.6712700474039586</c:v>
                </c:pt>
                <c:pt idx="8307">
                  <c:v>1.6712700474039586</c:v>
                </c:pt>
                <c:pt idx="8308">
                  <c:v>1.6712700474039586</c:v>
                </c:pt>
                <c:pt idx="8309">
                  <c:v>1.6712700474039586</c:v>
                </c:pt>
                <c:pt idx="8310">
                  <c:v>1.6712700474039586</c:v>
                </c:pt>
                <c:pt idx="8311">
                  <c:v>6.3551336207384983</c:v>
                </c:pt>
                <c:pt idx="8312">
                  <c:v>7.090991197876642</c:v>
                </c:pt>
                <c:pt idx="8313">
                  <c:v>7.8268487750147839</c:v>
                </c:pt>
                <c:pt idx="8314">
                  <c:v>7.8268487750147839</c:v>
                </c:pt>
                <c:pt idx="8315">
                  <c:v>9.3654600726672594</c:v>
                </c:pt>
                <c:pt idx="8316">
                  <c:v>9.3654600726672594</c:v>
                </c:pt>
                <c:pt idx="8317">
                  <c:v>6.2213413339861097</c:v>
                </c:pt>
                <c:pt idx="8318">
                  <c:v>9.3654600726672594</c:v>
                </c:pt>
                <c:pt idx="8319">
                  <c:v>9.3654600726672594</c:v>
                </c:pt>
                <c:pt idx="8320">
                  <c:v>5.8766655993766586</c:v>
                </c:pt>
                <c:pt idx="8321">
                  <c:v>2.9551933264839638</c:v>
                </c:pt>
                <c:pt idx="8322">
                  <c:v>1.6712700474039586</c:v>
                </c:pt>
                <c:pt idx="8323">
                  <c:v>1.6712700474039586</c:v>
                </c:pt>
                <c:pt idx="8324">
                  <c:v>1.6712700474039586</c:v>
                </c:pt>
                <c:pt idx="8325">
                  <c:v>1.6712700474039586</c:v>
                </c:pt>
                <c:pt idx="8326">
                  <c:v>1.6712700474039586</c:v>
                </c:pt>
                <c:pt idx="8327">
                  <c:v>1.6712700474039586</c:v>
                </c:pt>
                <c:pt idx="8328">
                  <c:v>1.7836004544310682</c:v>
                </c:pt>
                <c:pt idx="8329">
                  <c:v>1.7836004544310682</c:v>
                </c:pt>
                <c:pt idx="8330">
                  <c:v>1.7836004544310682</c:v>
                </c:pt>
                <c:pt idx="8331">
                  <c:v>1.7836004544310682</c:v>
                </c:pt>
                <c:pt idx="8332">
                  <c:v>1.7836004544310682</c:v>
                </c:pt>
                <c:pt idx="8333">
                  <c:v>1.7836004544310682</c:v>
                </c:pt>
                <c:pt idx="8334">
                  <c:v>1.7836004544310682</c:v>
                </c:pt>
                <c:pt idx="8335">
                  <c:v>6.7319960704065922</c:v>
                </c:pt>
                <c:pt idx="8336">
                  <c:v>7.5114903522431469</c:v>
                </c:pt>
                <c:pt idx="8337">
                  <c:v>8.2909846340796989</c:v>
                </c:pt>
                <c:pt idx="8338">
                  <c:v>8.2909846340796989</c:v>
                </c:pt>
                <c:pt idx="8339">
                  <c:v>9.9208363142833988</c:v>
                </c:pt>
                <c:pt idx="8340">
                  <c:v>9.9208363142833988</c:v>
                </c:pt>
                <c:pt idx="8341">
                  <c:v>6.5902698373454012</c:v>
                </c:pt>
                <c:pt idx="8342">
                  <c:v>9.9208363142833988</c:v>
                </c:pt>
                <c:pt idx="8343">
                  <c:v>9.9208363142833988</c:v>
                </c:pt>
                <c:pt idx="8344">
                  <c:v>6.2657099210796723</c:v>
                </c:pt>
                <c:pt idx="8345">
                  <c:v>3.1984234395635385</c:v>
                </c:pt>
                <c:pt idx="8346">
                  <c:v>1.7836004544310682</c:v>
                </c:pt>
                <c:pt idx="8347">
                  <c:v>1.7836004544310682</c:v>
                </c:pt>
                <c:pt idx="8348">
                  <c:v>1.7836004544310682</c:v>
                </c:pt>
                <c:pt idx="8349">
                  <c:v>1.7836004544310682</c:v>
                </c:pt>
                <c:pt idx="8350">
                  <c:v>1.7836004544310682</c:v>
                </c:pt>
                <c:pt idx="8351">
                  <c:v>1.7836004544310682</c:v>
                </c:pt>
                <c:pt idx="8352">
                  <c:v>2.6394187391296811</c:v>
                </c:pt>
                <c:pt idx="8353">
                  <c:v>1.7847774876415117</c:v>
                </c:pt>
                <c:pt idx="8354">
                  <c:v>1.7847774876415117</c:v>
                </c:pt>
                <c:pt idx="8355">
                  <c:v>1.7847774876415117</c:v>
                </c:pt>
                <c:pt idx="8356">
                  <c:v>1.7847774876415117</c:v>
                </c:pt>
                <c:pt idx="8357">
                  <c:v>1.7847774876415117</c:v>
                </c:pt>
                <c:pt idx="8358">
                  <c:v>1.7847774876415117</c:v>
                </c:pt>
                <c:pt idx="8359">
                  <c:v>6.8745860730396009</c:v>
                </c:pt>
                <c:pt idx="8360">
                  <c:v>8.5932325912994987</c:v>
                </c:pt>
                <c:pt idx="8361">
                  <c:v>9.4525558504294516</c:v>
                </c:pt>
                <c:pt idx="8362">
                  <c:v>9.4525558504294516</c:v>
                </c:pt>
                <c:pt idx="8363">
                  <c:v>11.17120236868935</c:v>
                </c:pt>
                <c:pt idx="8364">
                  <c:v>11.17120236868935</c:v>
                </c:pt>
                <c:pt idx="8365">
                  <c:v>7.7339093321695511</c:v>
                </c:pt>
                <c:pt idx="8366">
                  <c:v>11.17120236868935</c:v>
                </c:pt>
                <c:pt idx="8367">
                  <c:v>8.7524074405564498</c:v>
                </c:pt>
                <c:pt idx="8368">
                  <c:v>4.8030326817972409</c:v>
                </c:pt>
                <c:pt idx="8369">
                  <c:v>3.4428727401409502</c:v>
                </c:pt>
                <c:pt idx="8370">
                  <c:v>1.8505191223713706</c:v>
                </c:pt>
                <c:pt idx="8371">
                  <c:v>1.7847774876415117</c:v>
                </c:pt>
                <c:pt idx="8372">
                  <c:v>1.7847774876415117</c:v>
                </c:pt>
                <c:pt idx="8373">
                  <c:v>1.7847774876415117</c:v>
                </c:pt>
                <c:pt idx="8374">
                  <c:v>1.7847774876415117</c:v>
                </c:pt>
                <c:pt idx="8375">
                  <c:v>1.7847774876415117</c:v>
                </c:pt>
                <c:pt idx="8376">
                  <c:v>1.7716896680604786</c:v>
                </c:pt>
                <c:pt idx="8377">
                  <c:v>1.6737090629410847</c:v>
                </c:pt>
                <c:pt idx="8378">
                  <c:v>1.6737090629410847</c:v>
                </c:pt>
                <c:pt idx="8379">
                  <c:v>1.6737090629410847</c:v>
                </c:pt>
                <c:pt idx="8380">
                  <c:v>1.6737090629410847</c:v>
                </c:pt>
                <c:pt idx="8381">
                  <c:v>1.6774465878811673</c:v>
                </c:pt>
                <c:pt idx="8382">
                  <c:v>1.6823053703032749</c:v>
                </c:pt>
                <c:pt idx="8383">
                  <c:v>1.6856691427493493</c:v>
                </c:pt>
                <c:pt idx="8384">
                  <c:v>1.6856691427493493</c:v>
                </c:pt>
                <c:pt idx="8385">
                  <c:v>1.6856691427493493</c:v>
                </c:pt>
                <c:pt idx="8386">
                  <c:v>1.6856691427493493</c:v>
                </c:pt>
                <c:pt idx="8387">
                  <c:v>1.6856691427493493</c:v>
                </c:pt>
                <c:pt idx="8388">
                  <c:v>1.6856691427493493</c:v>
                </c:pt>
                <c:pt idx="8389">
                  <c:v>1.6856691427493493</c:v>
                </c:pt>
                <c:pt idx="8390">
                  <c:v>1.6856691427493493</c:v>
                </c:pt>
                <c:pt idx="8391">
                  <c:v>1.6830528752912914</c:v>
                </c:pt>
                <c:pt idx="8392">
                  <c:v>1.680810360327242</c:v>
                </c:pt>
                <c:pt idx="8393">
                  <c:v>1.6785678453631923</c:v>
                </c:pt>
                <c:pt idx="8394">
                  <c:v>1.6778203403751755</c:v>
                </c:pt>
                <c:pt idx="8395">
                  <c:v>1.6740828154350929</c:v>
                </c:pt>
                <c:pt idx="8396">
                  <c:v>1.6699715380010018</c:v>
                </c:pt>
                <c:pt idx="8397">
                  <c:v>1.6699715380010018</c:v>
                </c:pt>
                <c:pt idx="8398">
                  <c:v>1.6699715380010018</c:v>
                </c:pt>
                <c:pt idx="8399">
                  <c:v>1.6699715380010018</c:v>
                </c:pt>
                <c:pt idx="8400">
                  <c:v>1.4371915004768381</c:v>
                </c:pt>
                <c:pt idx="8401">
                  <c:v>1.438857631199201</c:v>
                </c:pt>
                <c:pt idx="8402">
                  <c:v>1.438857631199201</c:v>
                </c:pt>
                <c:pt idx="8403">
                  <c:v>1.438857631199201</c:v>
                </c:pt>
                <c:pt idx="8404">
                  <c:v>1.438857631199201</c:v>
                </c:pt>
                <c:pt idx="8405">
                  <c:v>1.4418566664994541</c:v>
                </c:pt>
                <c:pt idx="8406">
                  <c:v>1.4445224756552348</c:v>
                </c:pt>
                <c:pt idx="8407">
                  <c:v>1.4478547370999606</c:v>
                </c:pt>
                <c:pt idx="8408">
                  <c:v>1.4478547370999606</c:v>
                </c:pt>
                <c:pt idx="8409">
                  <c:v>1.4478547370999606</c:v>
                </c:pt>
                <c:pt idx="8410">
                  <c:v>1.4478547370999606</c:v>
                </c:pt>
                <c:pt idx="8411">
                  <c:v>1.4478547370999606</c:v>
                </c:pt>
                <c:pt idx="8412">
                  <c:v>1.4478547370999606</c:v>
                </c:pt>
                <c:pt idx="8413">
                  <c:v>1.4478547370999606</c:v>
                </c:pt>
                <c:pt idx="8414">
                  <c:v>1.4478547370999606</c:v>
                </c:pt>
                <c:pt idx="8415">
                  <c:v>1.4455221540886527</c:v>
                </c:pt>
                <c:pt idx="8416">
                  <c:v>1.4451889279441801</c:v>
                </c:pt>
                <c:pt idx="8417">
                  <c:v>1.4425231187883993</c:v>
                </c:pt>
                <c:pt idx="8418">
                  <c:v>1.4415234403549817</c:v>
                </c:pt>
                <c:pt idx="8419">
                  <c:v>1.4391908573436736</c:v>
                </c:pt>
                <c:pt idx="8420">
                  <c:v>1.4371915004768381</c:v>
                </c:pt>
                <c:pt idx="8421">
                  <c:v>1.4358585958989478</c:v>
                </c:pt>
                <c:pt idx="8422">
                  <c:v>1.4358585958989478</c:v>
                </c:pt>
                <c:pt idx="8423">
                  <c:v>1.4358585958989478</c:v>
                </c:pt>
                <c:pt idx="8424">
                  <c:v>1.3666204067249843</c:v>
                </c:pt>
                <c:pt idx="8425">
                  <c:v>1.3666204067249843</c:v>
                </c:pt>
                <c:pt idx="8426">
                  <c:v>1.3666204067249843</c:v>
                </c:pt>
                <c:pt idx="8427">
                  <c:v>1.3666204067249843</c:v>
                </c:pt>
                <c:pt idx="8428">
                  <c:v>1.3666204067249843</c:v>
                </c:pt>
                <c:pt idx="8429">
                  <c:v>1.3666204067249843</c:v>
                </c:pt>
                <c:pt idx="8430">
                  <c:v>1.3666204067249843</c:v>
                </c:pt>
                <c:pt idx="8431">
                  <c:v>5.8377100947508671</c:v>
                </c:pt>
                <c:pt idx="8432">
                  <c:v>6.5674238565947256</c:v>
                </c:pt>
                <c:pt idx="8433">
                  <c:v>7.2971376184385841</c:v>
                </c:pt>
                <c:pt idx="8434">
                  <c:v>7.2971376184385841</c:v>
                </c:pt>
                <c:pt idx="8435">
                  <c:v>8.7565651421263002</c:v>
                </c:pt>
                <c:pt idx="8436">
                  <c:v>8.7565651421263002</c:v>
                </c:pt>
                <c:pt idx="8437">
                  <c:v>5.8377100947508671</c:v>
                </c:pt>
                <c:pt idx="8438">
                  <c:v>8.7565651421263002</c:v>
                </c:pt>
                <c:pt idx="8439">
                  <c:v>8.7565651421263002</c:v>
                </c:pt>
                <c:pt idx="8440">
                  <c:v>5.396313646013617</c:v>
                </c:pt>
                <c:pt idx="8441">
                  <c:v>2.0404808060404989</c:v>
                </c:pt>
                <c:pt idx="8442">
                  <c:v>1.5255338779223138</c:v>
                </c:pt>
                <c:pt idx="8443">
                  <c:v>1.5255338779223138</c:v>
                </c:pt>
                <c:pt idx="8444">
                  <c:v>1.5255338779223138</c:v>
                </c:pt>
                <c:pt idx="8445">
                  <c:v>1.5255338779223138</c:v>
                </c:pt>
                <c:pt idx="8446">
                  <c:v>1.5255338779223138</c:v>
                </c:pt>
                <c:pt idx="8447">
                  <c:v>1.5255338779223138</c:v>
                </c:pt>
                <c:pt idx="8448">
                  <c:v>1.1303104313144221</c:v>
                </c:pt>
                <c:pt idx="8449">
                  <c:v>1.5610518984184654</c:v>
                </c:pt>
                <c:pt idx="8450">
                  <c:v>1.5610518984184654</c:v>
                </c:pt>
                <c:pt idx="8451">
                  <c:v>1.5610518984184654</c:v>
                </c:pt>
                <c:pt idx="8452">
                  <c:v>1.5610518984184654</c:v>
                </c:pt>
                <c:pt idx="8453">
                  <c:v>1.5610518984184654</c:v>
                </c:pt>
                <c:pt idx="8454">
                  <c:v>1.5610518984184654</c:v>
                </c:pt>
                <c:pt idx="8455">
                  <c:v>6.169654559244405</c:v>
                </c:pt>
                <c:pt idx="8456">
                  <c:v>6.8840356134727054</c:v>
                </c:pt>
                <c:pt idx="8457">
                  <c:v>7.5984166677010059</c:v>
                </c:pt>
                <c:pt idx="8458">
                  <c:v>7.5984166677010059</c:v>
                </c:pt>
                <c:pt idx="8459">
                  <c:v>9.0921225083601769</c:v>
                </c:pt>
                <c:pt idx="8460">
                  <c:v>9.0921225083601769</c:v>
                </c:pt>
                <c:pt idx="8461">
                  <c:v>6.0397670948392612</c:v>
                </c:pt>
                <c:pt idx="8462">
                  <c:v>9.0921225083601769</c:v>
                </c:pt>
                <c:pt idx="8463">
                  <c:v>9.0921225083601769</c:v>
                </c:pt>
                <c:pt idx="8464">
                  <c:v>5.6802495070044259</c:v>
                </c:pt>
                <c:pt idx="8465">
                  <c:v>2.8262370497190368</c:v>
                </c:pt>
                <c:pt idx="8466">
                  <c:v>1.6002102136097416</c:v>
                </c:pt>
                <c:pt idx="8467">
                  <c:v>1.6002102136097416</c:v>
                </c:pt>
                <c:pt idx="8468">
                  <c:v>1.6002102136097416</c:v>
                </c:pt>
                <c:pt idx="8469">
                  <c:v>1.6002102136097416</c:v>
                </c:pt>
                <c:pt idx="8470">
                  <c:v>1.6002102136097416</c:v>
                </c:pt>
                <c:pt idx="8471">
                  <c:v>1.6002102136097416</c:v>
                </c:pt>
                <c:pt idx="8472">
                  <c:v>2.0082612684852879</c:v>
                </c:pt>
                <c:pt idx="8473">
                  <c:v>2.0082612684852879</c:v>
                </c:pt>
                <c:pt idx="8474">
                  <c:v>2.0082612684852879</c:v>
                </c:pt>
                <c:pt idx="8475">
                  <c:v>2.0082612684852879</c:v>
                </c:pt>
                <c:pt idx="8476">
                  <c:v>2.0082612684852879</c:v>
                </c:pt>
                <c:pt idx="8477">
                  <c:v>2.0082612684852879</c:v>
                </c:pt>
                <c:pt idx="8478">
                  <c:v>2.0082612684852879</c:v>
                </c:pt>
                <c:pt idx="8479">
                  <c:v>7.48572096974278</c:v>
                </c:pt>
                <c:pt idx="8480">
                  <c:v>8.3524886609761548</c:v>
                </c:pt>
                <c:pt idx="8481">
                  <c:v>9.2192563522095288</c:v>
                </c:pt>
                <c:pt idx="8482">
                  <c:v>9.2192563522095288</c:v>
                </c:pt>
                <c:pt idx="8483">
                  <c:v>11.031588797515674</c:v>
                </c:pt>
                <c:pt idx="8484">
                  <c:v>11.031588797515674</c:v>
                </c:pt>
                <c:pt idx="8485">
                  <c:v>7.3281268440639842</c:v>
                </c:pt>
                <c:pt idx="8486">
                  <c:v>11.031588797515674</c:v>
                </c:pt>
                <c:pt idx="8487">
                  <c:v>11.031588797515674</c:v>
                </c:pt>
                <c:pt idx="8488">
                  <c:v>7.0437985644856971</c:v>
                </c:pt>
                <c:pt idx="8489">
                  <c:v>3.6848836657226869</c:v>
                </c:pt>
                <c:pt idx="8490">
                  <c:v>2.0082612684852879</c:v>
                </c:pt>
                <c:pt idx="8491">
                  <c:v>2.0082612684852879</c:v>
                </c:pt>
                <c:pt idx="8492">
                  <c:v>2.0082612684852879</c:v>
                </c:pt>
                <c:pt idx="8493">
                  <c:v>2.0082612684852879</c:v>
                </c:pt>
                <c:pt idx="8494">
                  <c:v>2.0082612684852879</c:v>
                </c:pt>
                <c:pt idx="8495">
                  <c:v>2.0082612684852879</c:v>
                </c:pt>
                <c:pt idx="8496">
                  <c:v>1.589575205929697</c:v>
                </c:pt>
                <c:pt idx="8497">
                  <c:v>1.589575205929697</c:v>
                </c:pt>
                <c:pt idx="8498">
                  <c:v>1.589575205929697</c:v>
                </c:pt>
                <c:pt idx="8499">
                  <c:v>1.589575205929697</c:v>
                </c:pt>
                <c:pt idx="8500">
                  <c:v>1.589575205929697</c:v>
                </c:pt>
                <c:pt idx="8501">
                  <c:v>1.589575205929697</c:v>
                </c:pt>
                <c:pt idx="8502">
                  <c:v>1.589575205929697</c:v>
                </c:pt>
                <c:pt idx="8503">
                  <c:v>6.0810518391617032</c:v>
                </c:pt>
                <c:pt idx="8504">
                  <c:v>6.7851736310646373</c:v>
                </c:pt>
                <c:pt idx="8505">
                  <c:v>7.4892954229675723</c:v>
                </c:pt>
                <c:pt idx="8506">
                  <c:v>7.4892954229675723</c:v>
                </c:pt>
                <c:pt idx="8507">
                  <c:v>8.9615500787646152</c:v>
                </c:pt>
                <c:pt idx="8508">
                  <c:v>8.9615500787646152</c:v>
                </c:pt>
                <c:pt idx="8509">
                  <c:v>5.9530296951793513</c:v>
                </c:pt>
                <c:pt idx="8510">
                  <c:v>8.9615500787646152</c:v>
                </c:pt>
                <c:pt idx="8511">
                  <c:v>8.9615500787646152</c:v>
                </c:pt>
                <c:pt idx="8512">
                  <c:v>5.5937242745017404</c:v>
                </c:pt>
                <c:pt idx="8513">
                  <c:v>2.7782986987897274</c:v>
                </c:pt>
                <c:pt idx="8514">
                  <c:v>1.589575205929697</c:v>
                </c:pt>
                <c:pt idx="8515">
                  <c:v>1.589575205929697</c:v>
                </c:pt>
                <c:pt idx="8516">
                  <c:v>1.589575205929697</c:v>
                </c:pt>
                <c:pt idx="8517">
                  <c:v>1.589575205929697</c:v>
                </c:pt>
                <c:pt idx="8518">
                  <c:v>1.589575205929697</c:v>
                </c:pt>
                <c:pt idx="8519">
                  <c:v>1.589575205929697</c:v>
                </c:pt>
                <c:pt idx="8520">
                  <c:v>2.2535878247354084</c:v>
                </c:pt>
                <c:pt idx="8521">
                  <c:v>1.4847512797450864</c:v>
                </c:pt>
                <c:pt idx="8522">
                  <c:v>1.4847512797450864</c:v>
                </c:pt>
                <c:pt idx="8523">
                  <c:v>1.4847512797450864</c:v>
                </c:pt>
                <c:pt idx="8524">
                  <c:v>1.4847512797450864</c:v>
                </c:pt>
                <c:pt idx="8525">
                  <c:v>1.4847512797450864</c:v>
                </c:pt>
                <c:pt idx="8526">
                  <c:v>1.4847512797450864</c:v>
                </c:pt>
                <c:pt idx="8527">
                  <c:v>5.8569580261199299</c:v>
                </c:pt>
                <c:pt idx="8528">
                  <c:v>7.3211975326499124</c:v>
                </c:pt>
                <c:pt idx="8529">
                  <c:v>8.0533172859149023</c:v>
                </c:pt>
                <c:pt idx="8530">
                  <c:v>8.0533172859149023</c:v>
                </c:pt>
                <c:pt idx="8531">
                  <c:v>9.5175567924448856</c:v>
                </c:pt>
                <c:pt idx="8532">
                  <c:v>9.5175567924448856</c:v>
                </c:pt>
                <c:pt idx="8533">
                  <c:v>6.5890777793849207</c:v>
                </c:pt>
                <c:pt idx="8534">
                  <c:v>9.5175567924448856</c:v>
                </c:pt>
                <c:pt idx="8535">
                  <c:v>7.4234627317497548</c:v>
                </c:pt>
                <c:pt idx="8536">
                  <c:v>3.9310179117195219</c:v>
                </c:pt>
                <c:pt idx="8537">
                  <c:v>2.7697835916203295</c:v>
                </c:pt>
                <c:pt idx="8538">
                  <c:v>1.5438925524366494</c:v>
                </c:pt>
                <c:pt idx="8539">
                  <c:v>1.4847512797450864</c:v>
                </c:pt>
                <c:pt idx="8540">
                  <c:v>1.4847512797450864</c:v>
                </c:pt>
                <c:pt idx="8541">
                  <c:v>1.4847512797450864</c:v>
                </c:pt>
                <c:pt idx="8542">
                  <c:v>1.4847512797450864</c:v>
                </c:pt>
                <c:pt idx="8543">
                  <c:v>1.4847512797450864</c:v>
                </c:pt>
                <c:pt idx="8544">
                  <c:v>1.9951687769920936</c:v>
                </c:pt>
                <c:pt idx="8545">
                  <c:v>1.888588755577979</c:v>
                </c:pt>
                <c:pt idx="8546">
                  <c:v>1.888588755577979</c:v>
                </c:pt>
                <c:pt idx="8547">
                  <c:v>1.888588755577979</c:v>
                </c:pt>
                <c:pt idx="8548">
                  <c:v>1.888588755577979</c:v>
                </c:pt>
                <c:pt idx="8549">
                  <c:v>1.8930512761944909</c:v>
                </c:pt>
                <c:pt idx="8550">
                  <c:v>1.8988525529959559</c:v>
                </c:pt>
                <c:pt idx="8551">
                  <c:v>1.9028688215508165</c:v>
                </c:pt>
                <c:pt idx="8552">
                  <c:v>1.9028688215508165</c:v>
                </c:pt>
                <c:pt idx="8553">
                  <c:v>1.9028688215508165</c:v>
                </c:pt>
                <c:pt idx="8554">
                  <c:v>1.9028688215508165</c:v>
                </c:pt>
                <c:pt idx="8555">
                  <c:v>1.9028688215508165</c:v>
                </c:pt>
                <c:pt idx="8556">
                  <c:v>1.9028688215508165</c:v>
                </c:pt>
                <c:pt idx="8557">
                  <c:v>1.9028688215508165</c:v>
                </c:pt>
                <c:pt idx="8558">
                  <c:v>1.9028688215508165</c:v>
                </c:pt>
                <c:pt idx="8559">
                  <c:v>1.8997450571192582</c:v>
                </c:pt>
                <c:pt idx="8560">
                  <c:v>1.8970675447493512</c:v>
                </c:pt>
                <c:pt idx="8561">
                  <c:v>1.8943900323794443</c:v>
                </c:pt>
                <c:pt idx="8562">
                  <c:v>1.8934975282561419</c:v>
                </c:pt>
                <c:pt idx="8563">
                  <c:v>1.8890350076396303</c:v>
                </c:pt>
                <c:pt idx="8564">
                  <c:v>1.8841262349614674</c:v>
                </c:pt>
                <c:pt idx="8565">
                  <c:v>1.8841262349614674</c:v>
                </c:pt>
                <c:pt idx="8566">
                  <c:v>1.8841262349614674</c:v>
                </c:pt>
                <c:pt idx="8567">
                  <c:v>1.8841262349614674</c:v>
                </c:pt>
                <c:pt idx="8568">
                  <c:v>1.6043205915788257</c:v>
                </c:pt>
                <c:pt idx="8569">
                  <c:v>1.6063071572499807</c:v>
                </c:pt>
                <c:pt idx="8570">
                  <c:v>1.6063071572499807</c:v>
                </c:pt>
                <c:pt idx="8571">
                  <c:v>1.6063071572499807</c:v>
                </c:pt>
                <c:pt idx="8572">
                  <c:v>1.6063071572499807</c:v>
                </c:pt>
                <c:pt idx="8573">
                  <c:v>1.6098829754580595</c:v>
                </c:pt>
                <c:pt idx="8574">
                  <c:v>1.6130614805319075</c:v>
                </c:pt>
                <c:pt idx="8575">
                  <c:v>1.6170346118742172</c:v>
                </c:pt>
                <c:pt idx="8576">
                  <c:v>1.6170346118742172</c:v>
                </c:pt>
                <c:pt idx="8577">
                  <c:v>1.6170346118742172</c:v>
                </c:pt>
                <c:pt idx="8578">
                  <c:v>1.6170346118742172</c:v>
                </c:pt>
                <c:pt idx="8579">
                  <c:v>1.6170346118742172</c:v>
                </c:pt>
                <c:pt idx="8580">
                  <c:v>1.6170346118742172</c:v>
                </c:pt>
                <c:pt idx="8581">
                  <c:v>1.6170346118742172</c:v>
                </c:pt>
                <c:pt idx="8582">
                  <c:v>1.6170346118742172</c:v>
                </c:pt>
                <c:pt idx="8583">
                  <c:v>1.6142534199346004</c:v>
                </c:pt>
                <c:pt idx="8584">
                  <c:v>1.6138561068003692</c:v>
                </c:pt>
                <c:pt idx="8585">
                  <c:v>1.6106776017265216</c:v>
                </c:pt>
                <c:pt idx="8586">
                  <c:v>1.6094856623238285</c:v>
                </c:pt>
                <c:pt idx="8587">
                  <c:v>1.6067044703842115</c:v>
                </c:pt>
                <c:pt idx="8588">
                  <c:v>1.6043205915788257</c:v>
                </c:pt>
                <c:pt idx="8589">
                  <c:v>1.6027313390419018</c:v>
                </c:pt>
                <c:pt idx="8590">
                  <c:v>1.6027313390419018</c:v>
                </c:pt>
                <c:pt idx="8591">
                  <c:v>1.6027313390419018</c:v>
                </c:pt>
                <c:pt idx="8592">
                  <c:v>1.0906901545312693</c:v>
                </c:pt>
                <c:pt idx="8593">
                  <c:v>1.0906901545312693</c:v>
                </c:pt>
                <c:pt idx="8594">
                  <c:v>1.0906901545312693</c:v>
                </c:pt>
                <c:pt idx="8595">
                  <c:v>1.0906901545312693</c:v>
                </c:pt>
                <c:pt idx="8596">
                  <c:v>1.0906901545312693</c:v>
                </c:pt>
                <c:pt idx="8597">
                  <c:v>1.0906901545312693</c:v>
                </c:pt>
                <c:pt idx="8598">
                  <c:v>1.0906901545312693</c:v>
                </c:pt>
                <c:pt idx="8599">
                  <c:v>4.6509102589954496</c:v>
                </c:pt>
                <c:pt idx="8600">
                  <c:v>5.2322740413698803</c:v>
                </c:pt>
                <c:pt idx="8601">
                  <c:v>5.8136378237443109</c:v>
                </c:pt>
                <c:pt idx="8602">
                  <c:v>5.8136378237443109</c:v>
                </c:pt>
                <c:pt idx="8603">
                  <c:v>6.9763653884931722</c:v>
                </c:pt>
                <c:pt idx="8604">
                  <c:v>6.9763653884931722</c:v>
                </c:pt>
                <c:pt idx="8605">
                  <c:v>4.6509102589954496</c:v>
                </c:pt>
                <c:pt idx="8606">
                  <c:v>6.9763653884931722</c:v>
                </c:pt>
                <c:pt idx="8607">
                  <c:v>6.9763653884931722</c:v>
                </c:pt>
                <c:pt idx="8608">
                  <c:v>4.1523813641679164</c:v>
                </c:pt>
                <c:pt idx="8609">
                  <c:v>1.3296668400349492</c:v>
                </c:pt>
                <c:pt idx="8610">
                  <c:v>1.17124941619977</c:v>
                </c:pt>
                <c:pt idx="8611">
                  <c:v>1.17124941619977</c:v>
                </c:pt>
                <c:pt idx="8612">
                  <c:v>1.17124941619977</c:v>
                </c:pt>
                <c:pt idx="8613">
                  <c:v>1.17124941619977</c:v>
                </c:pt>
                <c:pt idx="8614">
                  <c:v>1.17124941619977</c:v>
                </c:pt>
                <c:pt idx="8615">
                  <c:v>1.17124941619977</c:v>
                </c:pt>
                <c:pt idx="8616">
                  <c:v>0.82859118825361922</c:v>
                </c:pt>
                <c:pt idx="8617">
                  <c:v>1.2037071611323118</c:v>
                </c:pt>
                <c:pt idx="8618">
                  <c:v>1.2037071611323118</c:v>
                </c:pt>
                <c:pt idx="8619">
                  <c:v>1.2037071611323118</c:v>
                </c:pt>
                <c:pt idx="8620">
                  <c:v>1.2037071611323118</c:v>
                </c:pt>
                <c:pt idx="8621">
                  <c:v>1.2037071611323118</c:v>
                </c:pt>
                <c:pt idx="8622">
                  <c:v>1.2037071611323118</c:v>
                </c:pt>
                <c:pt idx="8623">
                  <c:v>4.9242452412420006</c:v>
                </c:pt>
                <c:pt idx="8624">
                  <c:v>5.4944210060173901</c:v>
                </c:pt>
                <c:pt idx="8625">
                  <c:v>6.0645967707927806</c:v>
                </c:pt>
                <c:pt idx="8626">
                  <c:v>6.0645967707927806</c:v>
                </c:pt>
                <c:pt idx="8627">
                  <c:v>7.2567824607776839</c:v>
                </c:pt>
                <c:pt idx="8628">
                  <c:v>7.2567824607776839</c:v>
                </c:pt>
                <c:pt idx="8629">
                  <c:v>4.8205769203737479</c:v>
                </c:pt>
                <c:pt idx="8630">
                  <c:v>7.2567824607776839</c:v>
                </c:pt>
                <c:pt idx="8631">
                  <c:v>7.2567824607776839</c:v>
                </c:pt>
                <c:pt idx="8632">
                  <c:v>4.394039188686226</c:v>
                </c:pt>
                <c:pt idx="8633">
                  <c:v>2.0221392074118789</c:v>
                </c:pt>
                <c:pt idx="8634">
                  <c:v>1.2378086132121928</c:v>
                </c:pt>
                <c:pt idx="8635">
                  <c:v>1.2378086132121928</c:v>
                </c:pt>
                <c:pt idx="8636">
                  <c:v>1.2378086132121928</c:v>
                </c:pt>
                <c:pt idx="8637">
                  <c:v>1.2378086132121928</c:v>
                </c:pt>
                <c:pt idx="8638">
                  <c:v>1.2378086132121928</c:v>
                </c:pt>
                <c:pt idx="8639">
                  <c:v>1.2378086132121928</c:v>
                </c:pt>
                <c:pt idx="8640">
                  <c:v>1.5078803644554353</c:v>
                </c:pt>
                <c:pt idx="8641">
                  <c:v>1.5078803644554353</c:v>
                </c:pt>
                <c:pt idx="8642">
                  <c:v>1.5078803644554353</c:v>
                </c:pt>
                <c:pt idx="8643">
                  <c:v>1.5078803644554353</c:v>
                </c:pt>
                <c:pt idx="8644">
                  <c:v>1.5078803644554353</c:v>
                </c:pt>
                <c:pt idx="8645">
                  <c:v>1.5078803644554353</c:v>
                </c:pt>
                <c:pt idx="8646">
                  <c:v>1.5078803644554353</c:v>
                </c:pt>
                <c:pt idx="8647">
                  <c:v>5.8069700575849073</c:v>
                </c:pt>
                <c:pt idx="8648">
                  <c:v>6.4793560642526344</c:v>
                </c:pt>
                <c:pt idx="8649">
                  <c:v>7.1517420709203607</c:v>
                </c:pt>
                <c:pt idx="8650">
                  <c:v>7.1517420709203607</c:v>
                </c:pt>
                <c:pt idx="8651">
                  <c:v>8.5576400848619691</c:v>
                </c:pt>
                <c:pt idx="8652">
                  <c:v>8.5576400848619691</c:v>
                </c:pt>
                <c:pt idx="8653">
                  <c:v>5.6847180563725939</c:v>
                </c:pt>
                <c:pt idx="8654">
                  <c:v>8.5576400848619691</c:v>
                </c:pt>
                <c:pt idx="8655">
                  <c:v>8.5576400848619691</c:v>
                </c:pt>
                <c:pt idx="8656">
                  <c:v>5.3107829496268213</c:v>
                </c:pt>
                <c:pt idx="8657">
                  <c:v>2.6014040710954913</c:v>
                </c:pt>
                <c:pt idx="8658">
                  <c:v>1.5078803644554353</c:v>
                </c:pt>
                <c:pt idx="8659">
                  <c:v>1.5078803644554353</c:v>
                </c:pt>
                <c:pt idx="8660">
                  <c:v>1.5078803644554353</c:v>
                </c:pt>
                <c:pt idx="8661">
                  <c:v>1.5078803644554353</c:v>
                </c:pt>
                <c:pt idx="8662">
                  <c:v>1.5078803644554353</c:v>
                </c:pt>
                <c:pt idx="8663">
                  <c:v>1.5078803644554353</c:v>
                </c:pt>
                <c:pt idx="8664">
                  <c:v>1.9163545718267434</c:v>
                </c:pt>
                <c:pt idx="8665">
                  <c:v>1.9163545718267434</c:v>
                </c:pt>
                <c:pt idx="8666">
                  <c:v>1.9163545718267434</c:v>
                </c:pt>
                <c:pt idx="8667">
                  <c:v>1.9163545718267434</c:v>
                </c:pt>
                <c:pt idx="8668">
                  <c:v>1.9163545718267434</c:v>
                </c:pt>
                <c:pt idx="8669">
                  <c:v>1.9163545718267434</c:v>
                </c:pt>
                <c:pt idx="8670">
                  <c:v>1.9163545718267434</c:v>
                </c:pt>
                <c:pt idx="8671">
                  <c:v>7.1773789654688853</c:v>
                </c:pt>
                <c:pt idx="8672">
                  <c:v>8.0084438983126507</c:v>
                </c:pt>
                <c:pt idx="8673">
                  <c:v>8.8395088311564152</c:v>
                </c:pt>
                <c:pt idx="8674">
                  <c:v>8.8395088311564152</c:v>
                </c:pt>
                <c:pt idx="8675">
                  <c:v>10.577190054375198</c:v>
                </c:pt>
                <c:pt idx="8676">
                  <c:v>10.577190054375198</c:v>
                </c:pt>
                <c:pt idx="8677">
                  <c:v>7.0262762504063812</c:v>
                </c:pt>
                <c:pt idx="8678">
                  <c:v>10.577190054375198</c:v>
                </c:pt>
                <c:pt idx="8679">
                  <c:v>10.577190054375198</c:v>
                </c:pt>
                <c:pt idx="8680">
                  <c:v>6.7254895740014149</c:v>
                </c:pt>
                <c:pt idx="8681">
                  <c:v>3.4858772095666706</c:v>
                </c:pt>
                <c:pt idx="8682">
                  <c:v>1.9163545718267434</c:v>
                </c:pt>
                <c:pt idx="8683">
                  <c:v>1.9163545718267434</c:v>
                </c:pt>
                <c:pt idx="8684">
                  <c:v>1.9163545718267434</c:v>
                </c:pt>
                <c:pt idx="8685">
                  <c:v>1.9163545718267434</c:v>
                </c:pt>
                <c:pt idx="8686">
                  <c:v>1.9163545718267434</c:v>
                </c:pt>
                <c:pt idx="8687">
                  <c:v>1.9163545718267434</c:v>
                </c:pt>
                <c:pt idx="8688">
                  <c:v>2.1664647150334755</c:v>
                </c:pt>
                <c:pt idx="8689">
                  <c:v>1.4170034263491191</c:v>
                </c:pt>
                <c:pt idx="8690">
                  <c:v>1.4170034263491191</c:v>
                </c:pt>
                <c:pt idx="8691">
                  <c:v>1.4170034263491191</c:v>
                </c:pt>
                <c:pt idx="8692">
                  <c:v>1.4170034263491191</c:v>
                </c:pt>
                <c:pt idx="8693">
                  <c:v>1.4170034263491191</c:v>
                </c:pt>
                <c:pt idx="8694">
                  <c:v>1.4170034263491191</c:v>
                </c:pt>
                <c:pt idx="8695">
                  <c:v>5.6271710477832295</c:v>
                </c:pt>
                <c:pt idx="8696">
                  <c:v>7.0339638097290358</c:v>
                </c:pt>
                <c:pt idx="8697">
                  <c:v>7.7373601907019403</c:v>
                </c:pt>
                <c:pt idx="8698">
                  <c:v>7.7373601907019403</c:v>
                </c:pt>
                <c:pt idx="8699">
                  <c:v>9.1441529526477474</c:v>
                </c:pt>
                <c:pt idx="8700">
                  <c:v>9.1441529526477474</c:v>
                </c:pt>
                <c:pt idx="8701">
                  <c:v>6.3305674287561322</c:v>
                </c:pt>
                <c:pt idx="8702">
                  <c:v>9.1441529526477474</c:v>
                </c:pt>
                <c:pt idx="8703">
                  <c:v>7.1233784426643707</c:v>
                </c:pt>
                <c:pt idx="8704">
                  <c:v>3.7341113507342301</c:v>
                </c:pt>
                <c:pt idx="8705">
                  <c:v>2.6177957193737371</c:v>
                </c:pt>
                <c:pt idx="8706">
                  <c:v>1.4746542947094541</c:v>
                </c:pt>
                <c:pt idx="8707">
                  <c:v>1.4170034263491191</c:v>
                </c:pt>
                <c:pt idx="8708">
                  <c:v>1.4170034263491191</c:v>
                </c:pt>
                <c:pt idx="8709">
                  <c:v>1.4170034263491191</c:v>
                </c:pt>
                <c:pt idx="8710">
                  <c:v>1.4170034263491191</c:v>
                </c:pt>
                <c:pt idx="8711">
                  <c:v>1.4170034263491191</c:v>
                </c:pt>
                <c:pt idx="8712">
                  <c:v>1.4488865107148121</c:v>
                </c:pt>
                <c:pt idx="8713">
                  <c:v>1.3633272846877931</c:v>
                </c:pt>
                <c:pt idx="8714">
                  <c:v>1.3633272846877931</c:v>
                </c:pt>
                <c:pt idx="8715">
                  <c:v>1.3633272846877931</c:v>
                </c:pt>
                <c:pt idx="8716">
                  <c:v>1.3633272846877931</c:v>
                </c:pt>
                <c:pt idx="8717">
                  <c:v>1.3660175936508119</c:v>
                </c:pt>
                <c:pt idx="8718">
                  <c:v>1.3695149953027361</c:v>
                </c:pt>
                <c:pt idx="8719">
                  <c:v>1.3719362733694531</c:v>
                </c:pt>
                <c:pt idx="8720">
                  <c:v>1.3719362733694531</c:v>
                </c:pt>
                <c:pt idx="8721">
                  <c:v>1.3719362733694531</c:v>
                </c:pt>
                <c:pt idx="8722">
                  <c:v>1.3719362733694531</c:v>
                </c:pt>
                <c:pt idx="8723">
                  <c:v>1.3719362733694531</c:v>
                </c:pt>
                <c:pt idx="8724">
                  <c:v>1.3719362733694531</c:v>
                </c:pt>
                <c:pt idx="8725">
                  <c:v>1.3719362733694531</c:v>
                </c:pt>
                <c:pt idx="8726">
                  <c:v>1.3719362733694531</c:v>
                </c:pt>
                <c:pt idx="8727">
                  <c:v>1.37005305709534</c:v>
                </c:pt>
                <c:pt idx="8728">
                  <c:v>1.3684388717175286</c:v>
                </c:pt>
                <c:pt idx="8729">
                  <c:v>1.3668246863397175</c:v>
                </c:pt>
                <c:pt idx="8730">
                  <c:v>1.3662866245471137</c:v>
                </c:pt>
                <c:pt idx="8731">
                  <c:v>1.3635963155840949</c:v>
                </c:pt>
                <c:pt idx="8732">
                  <c:v>1.3606369757247745</c:v>
                </c:pt>
                <c:pt idx="8733">
                  <c:v>1.3606369757247745</c:v>
                </c:pt>
                <c:pt idx="8734">
                  <c:v>1.3606369757247745</c:v>
                </c:pt>
                <c:pt idx="8735">
                  <c:v>1.3606369757247745</c:v>
                </c:pt>
                <c:pt idx="8736">
                  <c:v>1.7117607215729609</c:v>
                </c:pt>
                <c:pt idx="8737">
                  <c:v>1.7139532811397677</c:v>
                </c:pt>
                <c:pt idx="8738">
                  <c:v>1.7139532811397677</c:v>
                </c:pt>
                <c:pt idx="8739">
                  <c:v>1.7139532811397677</c:v>
                </c:pt>
                <c:pt idx="8740">
                  <c:v>1.7139532811397677</c:v>
                </c:pt>
                <c:pt idx="8741">
                  <c:v>1.7178998883600203</c:v>
                </c:pt>
                <c:pt idx="8742">
                  <c:v>1.7214079836669114</c:v>
                </c:pt>
                <c:pt idx="8743">
                  <c:v>1.7257931028005251</c:v>
                </c:pt>
                <c:pt idx="8744">
                  <c:v>1.7257931028005251</c:v>
                </c:pt>
                <c:pt idx="8745">
                  <c:v>1.7257931028005251</c:v>
                </c:pt>
                <c:pt idx="8746">
                  <c:v>1.7257931028005251</c:v>
                </c:pt>
                <c:pt idx="8747">
                  <c:v>1.7257931028005251</c:v>
                </c:pt>
                <c:pt idx="8748">
                  <c:v>1.7257931028005251</c:v>
                </c:pt>
                <c:pt idx="8749">
                  <c:v>1.7257931028005251</c:v>
                </c:pt>
                <c:pt idx="8750">
                  <c:v>1.7257931028005251</c:v>
                </c:pt>
                <c:pt idx="8751">
                  <c:v>1.7227235194069954</c:v>
                </c:pt>
                <c:pt idx="8752">
                  <c:v>1.722285007493634</c:v>
                </c:pt>
                <c:pt idx="8753">
                  <c:v>1.7187769121867431</c:v>
                </c:pt>
                <c:pt idx="8754">
                  <c:v>1.7174613764466589</c:v>
                </c:pt>
                <c:pt idx="8755">
                  <c:v>1.7143917930531292</c:v>
                </c:pt>
                <c:pt idx="8756">
                  <c:v>1.7117607215729609</c:v>
                </c:pt>
                <c:pt idx="8757">
                  <c:v>1.7100066739195152</c:v>
                </c:pt>
                <c:pt idx="8758">
                  <c:v>1.7100066739195152</c:v>
                </c:pt>
                <c:pt idx="8759">
                  <c:v>1.7100066739195152</c:v>
                </c:pt>
              </c:numCache>
            </c:numRef>
          </c:val>
          <c:extLst>
            <c:ext xmlns:c16="http://schemas.microsoft.com/office/drawing/2014/chart" uri="{C3380CC4-5D6E-409C-BE32-E72D297353CC}">
              <c16:uniqueId val="{00000000-2C0B-4701-B4D5-C67566BB76AF}"/>
            </c:ext>
          </c:extLst>
        </c:ser>
        <c:ser>
          <c:idx val="2"/>
          <c:order val="1"/>
          <c:tx>
            <c:strRef>
              <c:f>Output!$O$7</c:f>
              <c:strCache>
                <c:ptCount val="1"/>
                <c:pt idx="0">
                  <c:v>T2</c:v>
                </c:pt>
              </c:strCache>
            </c:strRef>
          </c:tx>
          <c:spPr>
            <a:solidFill>
              <a:schemeClr val="accent5">
                <a:lumMod val="40000"/>
                <a:lumOff val="60000"/>
              </a:schemeClr>
            </a:solidFill>
            <a:ln w="25400">
              <a:noFill/>
            </a:ln>
            <a:effectLst/>
          </c:spPr>
          <c:val>
            <c:numRef>
              <c:f>Output!$O$8:$O$8767</c:f>
              <c:numCache>
                <c:formatCode>_(* #,##0.00_);_(* \(#,##0.00\);_(* "-"??_);_(@_)</c:formatCode>
                <c:ptCount val="8760"/>
                <c:pt idx="0">
                  <c:v>4.9367335804643891E-2</c:v>
                </c:pt>
                <c:pt idx="1">
                  <c:v>4.9367335804643891E-2</c:v>
                </c:pt>
                <c:pt idx="2">
                  <c:v>4.9367335804643891E-2</c:v>
                </c:pt>
                <c:pt idx="3">
                  <c:v>4.9367335804643891E-2</c:v>
                </c:pt>
                <c:pt idx="4">
                  <c:v>4.9367335804643891E-2</c:v>
                </c:pt>
                <c:pt idx="5">
                  <c:v>4.9367335804643891E-2</c:v>
                </c:pt>
                <c:pt idx="6">
                  <c:v>4.9367335804643891E-2</c:v>
                </c:pt>
                <c:pt idx="7">
                  <c:v>4.9367335804643891E-2</c:v>
                </c:pt>
                <c:pt idx="8">
                  <c:v>4.9367335804643891E-2</c:v>
                </c:pt>
                <c:pt idx="9">
                  <c:v>4.9367335804643891E-2</c:v>
                </c:pt>
                <c:pt idx="10">
                  <c:v>4.9367335804643891E-2</c:v>
                </c:pt>
                <c:pt idx="11">
                  <c:v>4.9367335804643891E-2</c:v>
                </c:pt>
                <c:pt idx="12">
                  <c:v>4.9367335804643891E-2</c:v>
                </c:pt>
                <c:pt idx="13">
                  <c:v>4.9367335804643891E-2</c:v>
                </c:pt>
                <c:pt idx="14">
                  <c:v>4.9367335804643891E-2</c:v>
                </c:pt>
                <c:pt idx="15">
                  <c:v>4.9367335804643891E-2</c:v>
                </c:pt>
                <c:pt idx="16">
                  <c:v>4.9367335804643891E-2</c:v>
                </c:pt>
                <c:pt idx="17">
                  <c:v>4.9367335804643891E-2</c:v>
                </c:pt>
                <c:pt idx="18">
                  <c:v>4.9367335804643891E-2</c:v>
                </c:pt>
                <c:pt idx="19">
                  <c:v>4.9367335804643891E-2</c:v>
                </c:pt>
                <c:pt idx="20">
                  <c:v>4.9367335804643891E-2</c:v>
                </c:pt>
                <c:pt idx="21">
                  <c:v>4.9367335804643891E-2</c:v>
                </c:pt>
                <c:pt idx="22">
                  <c:v>4.9367335804643891E-2</c:v>
                </c:pt>
                <c:pt idx="23">
                  <c:v>4.9367335804643891E-2</c:v>
                </c:pt>
                <c:pt idx="24">
                  <c:v>8.3229487177484351E-2</c:v>
                </c:pt>
                <c:pt idx="25">
                  <c:v>8.3229487177484351E-2</c:v>
                </c:pt>
                <c:pt idx="26">
                  <c:v>8.3229487177484351E-2</c:v>
                </c:pt>
                <c:pt idx="27">
                  <c:v>8.3229487177484351E-2</c:v>
                </c:pt>
                <c:pt idx="28">
                  <c:v>8.3229487177484351E-2</c:v>
                </c:pt>
                <c:pt idx="29">
                  <c:v>8.3229487177484351E-2</c:v>
                </c:pt>
                <c:pt idx="30">
                  <c:v>8.3229487177484351E-2</c:v>
                </c:pt>
                <c:pt idx="31">
                  <c:v>0.35455761537608338</c:v>
                </c:pt>
                <c:pt idx="32">
                  <c:v>0.39887731729809384</c:v>
                </c:pt>
                <c:pt idx="33">
                  <c:v>0.44319701922010424</c:v>
                </c:pt>
                <c:pt idx="34">
                  <c:v>0.44319701922010424</c:v>
                </c:pt>
                <c:pt idx="35">
                  <c:v>0.53183642306412504</c:v>
                </c:pt>
                <c:pt idx="36">
                  <c:v>0.53183642306412504</c:v>
                </c:pt>
                <c:pt idx="37">
                  <c:v>0.35455761537608338</c:v>
                </c:pt>
                <c:pt idx="38">
                  <c:v>0.53183642306412504</c:v>
                </c:pt>
                <c:pt idx="39">
                  <c:v>0.53183642306412504</c:v>
                </c:pt>
                <c:pt idx="40">
                  <c:v>0.31023791345407292</c:v>
                </c:pt>
                <c:pt idx="41">
                  <c:v>8.8639403844020845E-2</c:v>
                </c:pt>
                <c:pt idx="42">
                  <c:v>8.7390961536358586E-2</c:v>
                </c:pt>
                <c:pt idx="43">
                  <c:v>8.7390961536358586E-2</c:v>
                </c:pt>
                <c:pt idx="44">
                  <c:v>8.7390961536358586E-2</c:v>
                </c:pt>
                <c:pt idx="45">
                  <c:v>8.7390961536358586E-2</c:v>
                </c:pt>
                <c:pt idx="46">
                  <c:v>8.7390961536358586E-2</c:v>
                </c:pt>
                <c:pt idx="47">
                  <c:v>8.7390961536358586E-2</c:v>
                </c:pt>
                <c:pt idx="48">
                  <c:v>5.5003328053888009E-2</c:v>
                </c:pt>
                <c:pt idx="49">
                  <c:v>8.3814595129734104E-2</c:v>
                </c:pt>
                <c:pt idx="50">
                  <c:v>8.3814595129734104E-2</c:v>
                </c:pt>
                <c:pt idx="51">
                  <c:v>8.3814595129734104E-2</c:v>
                </c:pt>
                <c:pt idx="52">
                  <c:v>8.3814595129734104E-2</c:v>
                </c:pt>
                <c:pt idx="53">
                  <c:v>8.3814595129734104E-2</c:v>
                </c:pt>
                <c:pt idx="54">
                  <c:v>8.3814595129734104E-2</c:v>
                </c:pt>
                <c:pt idx="55">
                  <c:v>0.35333090259378541</c:v>
                </c:pt>
                <c:pt idx="56">
                  <c:v>0.39424290184148686</c:v>
                </c:pt>
                <c:pt idx="57">
                  <c:v>0.43515490108918831</c:v>
                </c:pt>
                <c:pt idx="58">
                  <c:v>0.43515490108918831</c:v>
                </c:pt>
                <c:pt idx="59">
                  <c:v>0.52069817224347315</c:v>
                </c:pt>
                <c:pt idx="60">
                  <c:v>0.52069817224347315</c:v>
                </c:pt>
                <c:pt idx="61">
                  <c:v>0.34589235727602141</c:v>
                </c:pt>
                <c:pt idx="62">
                  <c:v>0.52069817224347315</c:v>
                </c:pt>
                <c:pt idx="63">
                  <c:v>0.52069817224347315</c:v>
                </c:pt>
                <c:pt idx="64">
                  <c:v>0.30683999435776099</c:v>
                </c:pt>
                <c:pt idx="65">
                  <c:v>0.13096030489020954</c:v>
                </c:pt>
                <c:pt idx="66">
                  <c:v>8.6433801227538298E-2</c:v>
                </c:pt>
                <c:pt idx="67">
                  <c:v>8.6433801227538298E-2</c:v>
                </c:pt>
                <c:pt idx="68">
                  <c:v>8.6433801227538298E-2</c:v>
                </c:pt>
                <c:pt idx="69">
                  <c:v>8.6433801227538298E-2</c:v>
                </c:pt>
                <c:pt idx="70">
                  <c:v>8.6433801227538298E-2</c:v>
                </c:pt>
                <c:pt idx="71">
                  <c:v>8.6433801227538298E-2</c:v>
                </c:pt>
                <c:pt idx="72">
                  <c:v>8.6069989989147944E-2</c:v>
                </c:pt>
                <c:pt idx="73">
                  <c:v>8.6069989989147944E-2</c:v>
                </c:pt>
                <c:pt idx="74">
                  <c:v>8.6069989989147944E-2</c:v>
                </c:pt>
                <c:pt idx="75">
                  <c:v>8.6069989989147944E-2</c:v>
                </c:pt>
                <c:pt idx="76">
                  <c:v>8.6069989989147944E-2</c:v>
                </c:pt>
                <c:pt idx="77">
                  <c:v>8.6069989989147944E-2</c:v>
                </c:pt>
                <c:pt idx="78">
                  <c:v>8.6069989989147944E-2</c:v>
                </c:pt>
                <c:pt idx="79">
                  <c:v>0.35184368634957741</c:v>
                </c:pt>
                <c:pt idx="80">
                  <c:v>0.39258348161110745</c:v>
                </c:pt>
                <c:pt idx="81">
                  <c:v>0.4333232768726375</c:v>
                </c:pt>
                <c:pt idx="82">
                  <c:v>0.4333232768726375</c:v>
                </c:pt>
                <c:pt idx="83">
                  <c:v>0.51850648514674558</c:v>
                </c:pt>
                <c:pt idx="84">
                  <c:v>0.51850648514674558</c:v>
                </c:pt>
                <c:pt idx="85">
                  <c:v>0.34443645084748109</c:v>
                </c:pt>
                <c:pt idx="86">
                  <c:v>0.51850648514674558</c:v>
                </c:pt>
                <c:pt idx="87">
                  <c:v>0.51850648514674558</c:v>
                </c:pt>
                <c:pt idx="88">
                  <c:v>0.30554846446147521</c:v>
                </c:pt>
                <c:pt idx="89">
                  <c:v>0.13040907574113325</c:v>
                </c:pt>
                <c:pt idx="90">
                  <c:v>8.6069989989147944E-2</c:v>
                </c:pt>
                <c:pt idx="91">
                  <c:v>8.6069989989147944E-2</c:v>
                </c:pt>
                <c:pt idx="92">
                  <c:v>8.6069989989147944E-2</c:v>
                </c:pt>
                <c:pt idx="93">
                  <c:v>8.6069989989147944E-2</c:v>
                </c:pt>
                <c:pt idx="94">
                  <c:v>8.6069989989147944E-2</c:v>
                </c:pt>
                <c:pt idx="95">
                  <c:v>8.6069989989147944E-2</c:v>
                </c:pt>
                <c:pt idx="96">
                  <c:v>8.3167388846878132E-2</c:v>
                </c:pt>
                <c:pt idx="97">
                  <c:v>8.3167388846878132E-2</c:v>
                </c:pt>
                <c:pt idx="98">
                  <c:v>8.3167388846878132E-2</c:v>
                </c:pt>
                <c:pt idx="99">
                  <c:v>8.3167388846878132E-2</c:v>
                </c:pt>
                <c:pt idx="100">
                  <c:v>8.3167388846878132E-2</c:v>
                </c:pt>
                <c:pt idx="101">
                  <c:v>8.3167388846878132E-2</c:v>
                </c:pt>
                <c:pt idx="102">
                  <c:v>8.3167388846878132E-2</c:v>
                </c:pt>
                <c:pt idx="103">
                  <c:v>0.33997820471041995</c:v>
                </c:pt>
                <c:pt idx="104">
                  <c:v>0.37934410209794228</c:v>
                </c:pt>
                <c:pt idx="105">
                  <c:v>0.41870999948546461</c:v>
                </c:pt>
                <c:pt idx="106">
                  <c:v>0.41870999948546461</c:v>
                </c:pt>
                <c:pt idx="107">
                  <c:v>0.50102051220482935</c:v>
                </c:pt>
                <c:pt idx="108">
                  <c:v>0.50102051220482935</c:v>
                </c:pt>
                <c:pt idx="109">
                  <c:v>0.33282076882177952</c:v>
                </c:pt>
                <c:pt idx="110">
                  <c:v>0.50102051220482935</c:v>
                </c:pt>
                <c:pt idx="111">
                  <c:v>0.50102051220482935</c:v>
                </c:pt>
                <c:pt idx="112">
                  <c:v>0.29524423040641734</c:v>
                </c:pt>
                <c:pt idx="113">
                  <c:v>0.12601119522254262</c:v>
                </c:pt>
                <c:pt idx="114">
                  <c:v>8.3167388846878132E-2</c:v>
                </c:pt>
                <c:pt idx="115">
                  <c:v>8.3167388846878132E-2</c:v>
                </c:pt>
                <c:pt idx="116">
                  <c:v>8.3167388846878132E-2</c:v>
                </c:pt>
                <c:pt idx="117">
                  <c:v>8.3167388846878132E-2</c:v>
                </c:pt>
                <c:pt idx="118">
                  <c:v>8.3167388846878132E-2</c:v>
                </c:pt>
                <c:pt idx="119">
                  <c:v>8.3167388846878132E-2</c:v>
                </c:pt>
                <c:pt idx="120">
                  <c:v>0.12833133417132966</c:v>
                </c:pt>
                <c:pt idx="121">
                  <c:v>7.7776566164442229E-2</c:v>
                </c:pt>
                <c:pt idx="122">
                  <c:v>7.7776566164442229E-2</c:v>
                </c:pt>
                <c:pt idx="123">
                  <c:v>7.7776566164442229E-2</c:v>
                </c:pt>
                <c:pt idx="124">
                  <c:v>7.7776566164442229E-2</c:v>
                </c:pt>
                <c:pt idx="125">
                  <c:v>7.7776566164442229E-2</c:v>
                </c:pt>
                <c:pt idx="126">
                  <c:v>7.7776566164442229E-2</c:v>
                </c:pt>
                <c:pt idx="127">
                  <c:v>0.33132817186052388</c:v>
                </c:pt>
                <c:pt idx="128">
                  <c:v>0.4141602148256549</c:v>
                </c:pt>
                <c:pt idx="129">
                  <c:v>0.45557623630822042</c:v>
                </c:pt>
                <c:pt idx="130">
                  <c:v>0.45557623630822042</c:v>
                </c:pt>
                <c:pt idx="131">
                  <c:v>0.53840827927335133</c:v>
                </c:pt>
                <c:pt idx="132">
                  <c:v>0.53840827927335133</c:v>
                </c:pt>
                <c:pt idx="133">
                  <c:v>0.37274419334308939</c:v>
                </c:pt>
                <c:pt idx="134">
                  <c:v>0.53840827927335133</c:v>
                </c:pt>
                <c:pt idx="135">
                  <c:v>0.4141602148256549</c:v>
                </c:pt>
                <c:pt idx="136">
                  <c:v>0.1944414154111056</c:v>
                </c:pt>
                <c:pt idx="137">
                  <c:v>0.12833133417132966</c:v>
                </c:pt>
                <c:pt idx="138">
                  <c:v>8.166539447266434E-2</c:v>
                </c:pt>
                <c:pt idx="139">
                  <c:v>7.7776566164442229E-2</c:v>
                </c:pt>
                <c:pt idx="140">
                  <c:v>7.7776566164442229E-2</c:v>
                </c:pt>
                <c:pt idx="141">
                  <c:v>7.7776566164442229E-2</c:v>
                </c:pt>
                <c:pt idx="142">
                  <c:v>7.7776566164442229E-2</c:v>
                </c:pt>
                <c:pt idx="143">
                  <c:v>7.7776566164442229E-2</c:v>
                </c:pt>
                <c:pt idx="144">
                  <c:v>4.8465740551499534E-2</c:v>
                </c:pt>
                <c:pt idx="145">
                  <c:v>4.3619166496349573E-2</c:v>
                </c:pt>
                <c:pt idx="146">
                  <c:v>4.3619166496349573E-2</c:v>
                </c:pt>
                <c:pt idx="147">
                  <c:v>4.3619166496349573E-2</c:v>
                </c:pt>
                <c:pt idx="148">
                  <c:v>4.3619166496349573E-2</c:v>
                </c:pt>
                <c:pt idx="149">
                  <c:v>4.3619166496349573E-2</c:v>
                </c:pt>
                <c:pt idx="150">
                  <c:v>4.3619166496349573E-2</c:v>
                </c:pt>
                <c:pt idx="151">
                  <c:v>4.3619166496349573E-2</c:v>
                </c:pt>
                <c:pt idx="152">
                  <c:v>4.3619166496349573E-2</c:v>
                </c:pt>
                <c:pt idx="153">
                  <c:v>4.3619166496349573E-2</c:v>
                </c:pt>
                <c:pt idx="154">
                  <c:v>4.3619166496349573E-2</c:v>
                </c:pt>
                <c:pt idx="155">
                  <c:v>4.3619166496349573E-2</c:v>
                </c:pt>
                <c:pt idx="156">
                  <c:v>4.3619166496349573E-2</c:v>
                </c:pt>
                <c:pt idx="157">
                  <c:v>4.3619166496349573E-2</c:v>
                </c:pt>
                <c:pt idx="158">
                  <c:v>4.3619166496349573E-2</c:v>
                </c:pt>
                <c:pt idx="159">
                  <c:v>4.3619166496349573E-2</c:v>
                </c:pt>
                <c:pt idx="160">
                  <c:v>4.3619166496349573E-2</c:v>
                </c:pt>
                <c:pt idx="161">
                  <c:v>4.3619166496349573E-2</c:v>
                </c:pt>
                <c:pt idx="162">
                  <c:v>4.3619166496349573E-2</c:v>
                </c:pt>
                <c:pt idx="163">
                  <c:v>4.3619166496349573E-2</c:v>
                </c:pt>
                <c:pt idx="164">
                  <c:v>4.3619166496349573E-2</c:v>
                </c:pt>
                <c:pt idx="165">
                  <c:v>4.3619166496349573E-2</c:v>
                </c:pt>
                <c:pt idx="166">
                  <c:v>4.3619166496349573E-2</c:v>
                </c:pt>
                <c:pt idx="167">
                  <c:v>4.3619166496349573E-2</c:v>
                </c:pt>
                <c:pt idx="168">
                  <c:v>5.2353766655308623E-2</c:v>
                </c:pt>
                <c:pt idx="169">
                  <c:v>5.2353766655308623E-2</c:v>
                </c:pt>
                <c:pt idx="170">
                  <c:v>5.2353766655308623E-2</c:v>
                </c:pt>
                <c:pt idx="171">
                  <c:v>5.2353766655308623E-2</c:v>
                </c:pt>
                <c:pt idx="172">
                  <c:v>5.2353766655308623E-2</c:v>
                </c:pt>
                <c:pt idx="173">
                  <c:v>5.2353766655308623E-2</c:v>
                </c:pt>
                <c:pt idx="174">
                  <c:v>5.2353766655308623E-2</c:v>
                </c:pt>
                <c:pt idx="175">
                  <c:v>5.2353766655308623E-2</c:v>
                </c:pt>
                <c:pt idx="176">
                  <c:v>5.2353766655308623E-2</c:v>
                </c:pt>
                <c:pt idx="177">
                  <c:v>5.2353766655308623E-2</c:v>
                </c:pt>
                <c:pt idx="178">
                  <c:v>5.2353766655308623E-2</c:v>
                </c:pt>
                <c:pt idx="179">
                  <c:v>5.2353766655308623E-2</c:v>
                </c:pt>
                <c:pt idx="180">
                  <c:v>5.2353766655308623E-2</c:v>
                </c:pt>
                <c:pt idx="181">
                  <c:v>5.2353766655308623E-2</c:v>
                </c:pt>
                <c:pt idx="182">
                  <c:v>5.2353766655308623E-2</c:v>
                </c:pt>
                <c:pt idx="183">
                  <c:v>5.2353766655308623E-2</c:v>
                </c:pt>
                <c:pt idx="184">
                  <c:v>5.2353766655308623E-2</c:v>
                </c:pt>
                <c:pt idx="185">
                  <c:v>5.2353766655308623E-2</c:v>
                </c:pt>
                <c:pt idx="186">
                  <c:v>5.2353766655308623E-2</c:v>
                </c:pt>
                <c:pt idx="187">
                  <c:v>5.2353766655308623E-2</c:v>
                </c:pt>
                <c:pt idx="188">
                  <c:v>5.2353766655308623E-2</c:v>
                </c:pt>
                <c:pt idx="189">
                  <c:v>5.2353766655308623E-2</c:v>
                </c:pt>
                <c:pt idx="190">
                  <c:v>5.2353766655308623E-2</c:v>
                </c:pt>
                <c:pt idx="191">
                  <c:v>5.2353766655308623E-2</c:v>
                </c:pt>
                <c:pt idx="192">
                  <c:v>8.3461594105364287E-2</c:v>
                </c:pt>
                <c:pt idx="193">
                  <c:v>8.3461594105364287E-2</c:v>
                </c:pt>
                <c:pt idx="194">
                  <c:v>8.3461594105364287E-2</c:v>
                </c:pt>
                <c:pt idx="195">
                  <c:v>8.3461594105364287E-2</c:v>
                </c:pt>
                <c:pt idx="196">
                  <c:v>8.3461594105364287E-2</c:v>
                </c:pt>
                <c:pt idx="197">
                  <c:v>8.3461594105364287E-2</c:v>
                </c:pt>
                <c:pt idx="198">
                  <c:v>8.3461594105364287E-2</c:v>
                </c:pt>
                <c:pt idx="199">
                  <c:v>0.35554639088885182</c:v>
                </c:pt>
                <c:pt idx="200">
                  <c:v>0.3999896897499583</c:v>
                </c:pt>
                <c:pt idx="201">
                  <c:v>0.44443298861106484</c:v>
                </c:pt>
                <c:pt idx="202">
                  <c:v>0.44443298861106484</c:v>
                </c:pt>
                <c:pt idx="203">
                  <c:v>0.53331958633327758</c:v>
                </c:pt>
                <c:pt idx="204">
                  <c:v>0.53331958633327758</c:v>
                </c:pt>
                <c:pt idx="205">
                  <c:v>0.35554639088885182</c:v>
                </c:pt>
                <c:pt idx="206">
                  <c:v>0.53331958633327758</c:v>
                </c:pt>
                <c:pt idx="207">
                  <c:v>0.53331958633327758</c:v>
                </c:pt>
                <c:pt idx="208">
                  <c:v>0.31110309202774533</c:v>
                </c:pt>
                <c:pt idx="209">
                  <c:v>8.8886597722212954E-2</c:v>
                </c:pt>
                <c:pt idx="210">
                  <c:v>8.7634673810632474E-2</c:v>
                </c:pt>
                <c:pt idx="211">
                  <c:v>8.7634673810632474E-2</c:v>
                </c:pt>
                <c:pt idx="212">
                  <c:v>8.7634673810632474E-2</c:v>
                </c:pt>
                <c:pt idx="213">
                  <c:v>8.7634673810632474E-2</c:v>
                </c:pt>
                <c:pt idx="214">
                  <c:v>8.7634673810632474E-2</c:v>
                </c:pt>
                <c:pt idx="215">
                  <c:v>8.7634673810632474E-2</c:v>
                </c:pt>
                <c:pt idx="216">
                  <c:v>5.5003328053888009E-2</c:v>
                </c:pt>
                <c:pt idx="217">
                  <c:v>8.3814595129734104E-2</c:v>
                </c:pt>
                <c:pt idx="218">
                  <c:v>8.3814595129734104E-2</c:v>
                </c:pt>
                <c:pt idx="219">
                  <c:v>8.3814595129734104E-2</c:v>
                </c:pt>
                <c:pt idx="220">
                  <c:v>8.3814595129734104E-2</c:v>
                </c:pt>
                <c:pt idx="221">
                  <c:v>8.3814595129734104E-2</c:v>
                </c:pt>
                <c:pt idx="222">
                  <c:v>8.3814595129734104E-2</c:v>
                </c:pt>
                <c:pt idx="223">
                  <c:v>0.35333090259378541</c:v>
                </c:pt>
                <c:pt idx="224">
                  <c:v>0.39424290184148686</c:v>
                </c:pt>
                <c:pt idx="225">
                  <c:v>0.43515490108918831</c:v>
                </c:pt>
                <c:pt idx="226">
                  <c:v>0.43515490108918831</c:v>
                </c:pt>
                <c:pt idx="227">
                  <c:v>0.52069817224347315</c:v>
                </c:pt>
                <c:pt idx="228">
                  <c:v>0.52069817224347315</c:v>
                </c:pt>
                <c:pt idx="229">
                  <c:v>0.34589235727602141</c:v>
                </c:pt>
                <c:pt idx="230">
                  <c:v>0.52069817224347315</c:v>
                </c:pt>
                <c:pt idx="231">
                  <c:v>0.52069817224347315</c:v>
                </c:pt>
                <c:pt idx="232">
                  <c:v>0.30683999435776099</c:v>
                </c:pt>
                <c:pt idx="233">
                  <c:v>0.13096030489020954</c:v>
                </c:pt>
                <c:pt idx="234">
                  <c:v>8.6433801227538298E-2</c:v>
                </c:pt>
                <c:pt idx="235">
                  <c:v>8.6433801227538298E-2</c:v>
                </c:pt>
                <c:pt idx="236">
                  <c:v>8.6433801227538298E-2</c:v>
                </c:pt>
                <c:pt idx="237">
                  <c:v>8.6433801227538298E-2</c:v>
                </c:pt>
                <c:pt idx="238">
                  <c:v>8.6433801227538298E-2</c:v>
                </c:pt>
                <c:pt idx="239">
                  <c:v>8.6433801227538298E-2</c:v>
                </c:pt>
                <c:pt idx="240">
                  <c:v>8.7218936274629733E-2</c:v>
                </c:pt>
                <c:pt idx="241">
                  <c:v>8.7218936274629733E-2</c:v>
                </c:pt>
                <c:pt idx="242">
                  <c:v>8.7218936274629733E-2</c:v>
                </c:pt>
                <c:pt idx="243">
                  <c:v>8.7218936274629733E-2</c:v>
                </c:pt>
                <c:pt idx="244">
                  <c:v>8.7218936274629733E-2</c:v>
                </c:pt>
                <c:pt idx="245">
                  <c:v>8.7218936274629733E-2</c:v>
                </c:pt>
                <c:pt idx="246">
                  <c:v>8.7218936274629733E-2</c:v>
                </c:pt>
                <c:pt idx="247">
                  <c:v>0.35654043949841063</c:v>
                </c:pt>
                <c:pt idx="248">
                  <c:v>0.39782406933506875</c:v>
                </c:pt>
                <c:pt idx="249">
                  <c:v>0.43910769917172687</c:v>
                </c:pt>
                <c:pt idx="250">
                  <c:v>0.43910769917172687</c:v>
                </c:pt>
                <c:pt idx="251">
                  <c:v>0.52542801610292089</c:v>
                </c:pt>
                <c:pt idx="252">
                  <c:v>0.52542801610292089</c:v>
                </c:pt>
                <c:pt idx="253">
                  <c:v>0.34903432498265463</c:v>
                </c:pt>
                <c:pt idx="254">
                  <c:v>0.52542801610292089</c:v>
                </c:pt>
                <c:pt idx="255">
                  <c:v>0.52542801610292089</c:v>
                </c:pt>
                <c:pt idx="256">
                  <c:v>0.30962722377493557</c:v>
                </c:pt>
                <c:pt idx="257">
                  <c:v>0.1321499034464087</c:v>
                </c:pt>
                <c:pt idx="258">
                  <c:v>8.7218936274629733E-2</c:v>
                </c:pt>
                <c:pt idx="259">
                  <c:v>8.7218936274629733E-2</c:v>
                </c:pt>
                <c:pt idx="260">
                  <c:v>8.7218936274629733E-2</c:v>
                </c:pt>
                <c:pt idx="261">
                  <c:v>8.7218936274629733E-2</c:v>
                </c:pt>
                <c:pt idx="262">
                  <c:v>8.7218936274629733E-2</c:v>
                </c:pt>
                <c:pt idx="263">
                  <c:v>8.7218936274629733E-2</c:v>
                </c:pt>
                <c:pt idx="264">
                  <c:v>8.4376805989490544E-2</c:v>
                </c:pt>
                <c:pt idx="265">
                  <c:v>8.4376805989490544E-2</c:v>
                </c:pt>
                <c:pt idx="266">
                  <c:v>8.4376805989490544E-2</c:v>
                </c:pt>
                <c:pt idx="267">
                  <c:v>8.4376805989490544E-2</c:v>
                </c:pt>
                <c:pt idx="268">
                  <c:v>8.4376805989490544E-2</c:v>
                </c:pt>
                <c:pt idx="269">
                  <c:v>8.4376805989490544E-2</c:v>
                </c:pt>
                <c:pt idx="270">
                  <c:v>8.4376805989490544E-2</c:v>
                </c:pt>
                <c:pt idx="271">
                  <c:v>0.34492215539340221</c:v>
                </c:pt>
                <c:pt idx="272">
                  <c:v>0.38486051022842777</c:v>
                </c:pt>
                <c:pt idx="273">
                  <c:v>0.42479886506345332</c:v>
                </c:pt>
                <c:pt idx="274">
                  <c:v>0.42479886506345332</c:v>
                </c:pt>
                <c:pt idx="275">
                  <c:v>0.5083063342639611</c:v>
                </c:pt>
                <c:pt idx="276">
                  <c:v>0.5083063342639611</c:v>
                </c:pt>
                <c:pt idx="277">
                  <c:v>0.3376606363324885</c:v>
                </c:pt>
                <c:pt idx="278">
                  <c:v>0.5083063342639611</c:v>
                </c:pt>
                <c:pt idx="279">
                  <c:v>0.5083063342639611</c:v>
                </c:pt>
                <c:pt idx="280">
                  <c:v>0.29953766126269143</c:v>
                </c:pt>
                <c:pt idx="281">
                  <c:v>0.12784364543862203</c:v>
                </c:pt>
                <c:pt idx="282">
                  <c:v>8.4376805989490544E-2</c:v>
                </c:pt>
                <c:pt idx="283">
                  <c:v>8.4376805989490544E-2</c:v>
                </c:pt>
                <c:pt idx="284">
                  <c:v>8.4376805989490544E-2</c:v>
                </c:pt>
                <c:pt idx="285">
                  <c:v>8.4376805989490544E-2</c:v>
                </c:pt>
                <c:pt idx="286">
                  <c:v>8.4376805989490544E-2</c:v>
                </c:pt>
                <c:pt idx="287">
                  <c:v>8.4376805989490544E-2</c:v>
                </c:pt>
                <c:pt idx="288">
                  <c:v>0.13027248494960472</c:v>
                </c:pt>
                <c:pt idx="289">
                  <c:v>7.8953021181578625E-2</c:v>
                </c:pt>
                <c:pt idx="290">
                  <c:v>7.8953021181578625E-2</c:v>
                </c:pt>
                <c:pt idx="291">
                  <c:v>7.8953021181578625E-2</c:v>
                </c:pt>
                <c:pt idx="292">
                  <c:v>7.8953021181578625E-2</c:v>
                </c:pt>
                <c:pt idx="293">
                  <c:v>7.8953021181578625E-2</c:v>
                </c:pt>
                <c:pt idx="294">
                  <c:v>7.8953021181578625E-2</c:v>
                </c:pt>
                <c:pt idx="295">
                  <c:v>0.33633987023352496</c:v>
                </c:pt>
                <c:pt idx="296">
                  <c:v>0.42042483779190615</c:v>
                </c:pt>
                <c:pt idx="297">
                  <c:v>0.46246732157109671</c:v>
                </c:pt>
                <c:pt idx="298">
                  <c:v>0.46246732157109671</c:v>
                </c:pt>
                <c:pt idx="299">
                  <c:v>0.54655228912947795</c:v>
                </c:pt>
                <c:pt idx="300">
                  <c:v>0.54655228912947795</c:v>
                </c:pt>
                <c:pt idx="301">
                  <c:v>0.37838235401271553</c:v>
                </c:pt>
                <c:pt idx="302">
                  <c:v>0.54655228912947795</c:v>
                </c:pt>
                <c:pt idx="303">
                  <c:v>0.42042483779190615</c:v>
                </c:pt>
                <c:pt idx="304">
                  <c:v>0.19738255295394652</c:v>
                </c:pt>
                <c:pt idx="305">
                  <c:v>0.13027248494960472</c:v>
                </c:pt>
                <c:pt idx="306">
                  <c:v>8.2900672240657544E-2</c:v>
                </c:pt>
                <c:pt idx="307">
                  <c:v>7.8953021181578625E-2</c:v>
                </c:pt>
                <c:pt idx="308">
                  <c:v>7.8953021181578625E-2</c:v>
                </c:pt>
                <c:pt idx="309">
                  <c:v>7.8953021181578625E-2</c:v>
                </c:pt>
                <c:pt idx="310">
                  <c:v>7.8953021181578625E-2</c:v>
                </c:pt>
                <c:pt idx="311">
                  <c:v>7.8953021181578625E-2</c:v>
                </c:pt>
                <c:pt idx="312">
                  <c:v>5.011722304956296E-2</c:v>
                </c:pt>
                <c:pt idx="313">
                  <c:v>4.5105500744606675E-2</c:v>
                </c:pt>
                <c:pt idx="314">
                  <c:v>4.5105500744606675E-2</c:v>
                </c:pt>
                <c:pt idx="315">
                  <c:v>4.5105500744606675E-2</c:v>
                </c:pt>
                <c:pt idx="316">
                  <c:v>4.5105500744606675E-2</c:v>
                </c:pt>
                <c:pt idx="317">
                  <c:v>4.5105500744606675E-2</c:v>
                </c:pt>
                <c:pt idx="318">
                  <c:v>4.5105500744606675E-2</c:v>
                </c:pt>
                <c:pt idx="319">
                  <c:v>4.5105500744606675E-2</c:v>
                </c:pt>
                <c:pt idx="320">
                  <c:v>4.5105500744606675E-2</c:v>
                </c:pt>
                <c:pt idx="321">
                  <c:v>4.5105500744606675E-2</c:v>
                </c:pt>
                <c:pt idx="322">
                  <c:v>4.5105500744606675E-2</c:v>
                </c:pt>
                <c:pt idx="323">
                  <c:v>4.5105500744606675E-2</c:v>
                </c:pt>
                <c:pt idx="324">
                  <c:v>4.5105500744606675E-2</c:v>
                </c:pt>
                <c:pt idx="325">
                  <c:v>4.5105500744606675E-2</c:v>
                </c:pt>
                <c:pt idx="326">
                  <c:v>4.5105500744606675E-2</c:v>
                </c:pt>
                <c:pt idx="327">
                  <c:v>4.5105500744606675E-2</c:v>
                </c:pt>
                <c:pt idx="328">
                  <c:v>4.5105500744606675E-2</c:v>
                </c:pt>
                <c:pt idx="329">
                  <c:v>4.5105500744606675E-2</c:v>
                </c:pt>
                <c:pt idx="330">
                  <c:v>4.5105500744606675E-2</c:v>
                </c:pt>
                <c:pt idx="331">
                  <c:v>4.5105500744606675E-2</c:v>
                </c:pt>
                <c:pt idx="332">
                  <c:v>4.5105500744606675E-2</c:v>
                </c:pt>
                <c:pt idx="333">
                  <c:v>4.5105500744606675E-2</c:v>
                </c:pt>
                <c:pt idx="334">
                  <c:v>4.5105500744606675E-2</c:v>
                </c:pt>
                <c:pt idx="335">
                  <c:v>4.5105500744606675E-2</c:v>
                </c:pt>
                <c:pt idx="336">
                  <c:v>5.1287184208642658E-2</c:v>
                </c:pt>
                <c:pt idx="337">
                  <c:v>5.1287184208642658E-2</c:v>
                </c:pt>
                <c:pt idx="338">
                  <c:v>5.1287184208642658E-2</c:v>
                </c:pt>
                <c:pt idx="339">
                  <c:v>5.1287184208642658E-2</c:v>
                </c:pt>
                <c:pt idx="340">
                  <c:v>5.1287184208642658E-2</c:v>
                </c:pt>
                <c:pt idx="341">
                  <c:v>5.1287184208642658E-2</c:v>
                </c:pt>
                <c:pt idx="342">
                  <c:v>5.1287184208642658E-2</c:v>
                </c:pt>
                <c:pt idx="343">
                  <c:v>5.1287184208642658E-2</c:v>
                </c:pt>
                <c:pt idx="344">
                  <c:v>5.1287184208642658E-2</c:v>
                </c:pt>
                <c:pt idx="345">
                  <c:v>5.1287184208642658E-2</c:v>
                </c:pt>
                <c:pt idx="346">
                  <c:v>5.1287184208642658E-2</c:v>
                </c:pt>
                <c:pt idx="347">
                  <c:v>5.1287184208642658E-2</c:v>
                </c:pt>
                <c:pt idx="348">
                  <c:v>5.1287184208642658E-2</c:v>
                </c:pt>
                <c:pt idx="349">
                  <c:v>5.1287184208642658E-2</c:v>
                </c:pt>
                <c:pt idx="350">
                  <c:v>5.1287184208642658E-2</c:v>
                </c:pt>
                <c:pt idx="351">
                  <c:v>5.1287184208642658E-2</c:v>
                </c:pt>
                <c:pt idx="352">
                  <c:v>5.1287184208642658E-2</c:v>
                </c:pt>
                <c:pt idx="353">
                  <c:v>5.1287184208642658E-2</c:v>
                </c:pt>
                <c:pt idx="354">
                  <c:v>5.1287184208642658E-2</c:v>
                </c:pt>
                <c:pt idx="355">
                  <c:v>5.1287184208642658E-2</c:v>
                </c:pt>
                <c:pt idx="356">
                  <c:v>5.1287184208642658E-2</c:v>
                </c:pt>
                <c:pt idx="357">
                  <c:v>5.1287184208642658E-2</c:v>
                </c:pt>
                <c:pt idx="358">
                  <c:v>5.1287184208642658E-2</c:v>
                </c:pt>
                <c:pt idx="359">
                  <c:v>5.1287184208642658E-2</c:v>
                </c:pt>
                <c:pt idx="360">
                  <c:v>8.3461594105364287E-2</c:v>
                </c:pt>
                <c:pt idx="361">
                  <c:v>8.3461594105364287E-2</c:v>
                </c:pt>
                <c:pt idx="362">
                  <c:v>8.3461594105364287E-2</c:v>
                </c:pt>
                <c:pt idx="363">
                  <c:v>8.3461594105364287E-2</c:v>
                </c:pt>
                <c:pt idx="364">
                  <c:v>8.3461594105364287E-2</c:v>
                </c:pt>
                <c:pt idx="365">
                  <c:v>8.3461594105364287E-2</c:v>
                </c:pt>
                <c:pt idx="366">
                  <c:v>8.3461594105364287E-2</c:v>
                </c:pt>
                <c:pt idx="367">
                  <c:v>0.35554639088885182</c:v>
                </c:pt>
                <c:pt idx="368">
                  <c:v>0.3999896897499583</c:v>
                </c:pt>
                <c:pt idx="369">
                  <c:v>0.44443298861106484</c:v>
                </c:pt>
                <c:pt idx="370">
                  <c:v>0.44443298861106484</c:v>
                </c:pt>
                <c:pt idx="371">
                  <c:v>0.53331958633327758</c:v>
                </c:pt>
                <c:pt idx="372">
                  <c:v>0.53331958633327758</c:v>
                </c:pt>
                <c:pt idx="373">
                  <c:v>0.35554639088885182</c:v>
                </c:pt>
                <c:pt idx="374">
                  <c:v>0.53331958633327758</c:v>
                </c:pt>
                <c:pt idx="375">
                  <c:v>0.53331958633327758</c:v>
                </c:pt>
                <c:pt idx="376">
                  <c:v>0.31110309202774533</c:v>
                </c:pt>
                <c:pt idx="377">
                  <c:v>8.8886597722212954E-2</c:v>
                </c:pt>
                <c:pt idx="378">
                  <c:v>8.7634673810632474E-2</c:v>
                </c:pt>
                <c:pt idx="379">
                  <c:v>8.7634673810632474E-2</c:v>
                </c:pt>
                <c:pt idx="380">
                  <c:v>8.7634673810632474E-2</c:v>
                </c:pt>
                <c:pt idx="381">
                  <c:v>8.7634673810632474E-2</c:v>
                </c:pt>
                <c:pt idx="382">
                  <c:v>8.7634673810632474E-2</c:v>
                </c:pt>
                <c:pt idx="383">
                  <c:v>8.7634673810632474E-2</c:v>
                </c:pt>
                <c:pt idx="384">
                  <c:v>5.6128751506572636E-2</c:v>
                </c:pt>
                <c:pt idx="385">
                  <c:v>8.552952610525355E-2</c:v>
                </c:pt>
                <c:pt idx="386">
                  <c:v>8.552952610525355E-2</c:v>
                </c:pt>
                <c:pt idx="387">
                  <c:v>8.552952610525355E-2</c:v>
                </c:pt>
                <c:pt idx="388">
                  <c:v>8.552952610525355E-2</c:v>
                </c:pt>
                <c:pt idx="389">
                  <c:v>8.552952610525355E-2</c:v>
                </c:pt>
                <c:pt idx="390">
                  <c:v>8.552952610525355E-2</c:v>
                </c:pt>
                <c:pt idx="391">
                  <c:v>0.36056040848745941</c:v>
                </c:pt>
                <c:pt idx="392">
                  <c:v>0.40230950841758634</c:v>
                </c:pt>
                <c:pt idx="393">
                  <c:v>0.44405860834771321</c:v>
                </c:pt>
                <c:pt idx="394">
                  <c:v>0.44405860834771321</c:v>
                </c:pt>
                <c:pt idx="395">
                  <c:v>0.5313521809288877</c:v>
                </c:pt>
                <c:pt idx="396">
                  <c:v>0.5313521809288877</c:v>
                </c:pt>
                <c:pt idx="397">
                  <c:v>0.35296966304561816</c:v>
                </c:pt>
                <c:pt idx="398">
                  <c:v>0.5313521809288877</c:v>
                </c:pt>
                <c:pt idx="399">
                  <c:v>0.5313521809288877</c:v>
                </c:pt>
                <c:pt idx="400">
                  <c:v>0.31311824947595168</c:v>
                </c:pt>
                <c:pt idx="401">
                  <c:v>0.13363988453945869</c:v>
                </c:pt>
                <c:pt idx="402">
                  <c:v>8.8202323796042717E-2</c:v>
                </c:pt>
                <c:pt idx="403">
                  <c:v>8.8202323796042717E-2</c:v>
                </c:pt>
                <c:pt idx="404">
                  <c:v>8.8202323796042717E-2</c:v>
                </c:pt>
                <c:pt idx="405">
                  <c:v>8.8202323796042717E-2</c:v>
                </c:pt>
                <c:pt idx="406">
                  <c:v>8.8202323796042717E-2</c:v>
                </c:pt>
                <c:pt idx="407">
                  <c:v>8.8202323796042717E-2</c:v>
                </c:pt>
                <c:pt idx="408">
                  <c:v>8.7097994560368486E-2</c:v>
                </c:pt>
                <c:pt idx="409">
                  <c:v>8.7097994560368486E-2</c:v>
                </c:pt>
                <c:pt idx="410">
                  <c:v>8.7097994560368486E-2</c:v>
                </c:pt>
                <c:pt idx="411">
                  <c:v>8.7097994560368486E-2</c:v>
                </c:pt>
                <c:pt idx="412">
                  <c:v>8.7097994560368486E-2</c:v>
                </c:pt>
                <c:pt idx="413">
                  <c:v>8.7097994560368486E-2</c:v>
                </c:pt>
                <c:pt idx="414">
                  <c:v>8.7097994560368486E-2</c:v>
                </c:pt>
                <c:pt idx="415">
                  <c:v>0.35604604443011245</c:v>
                </c:pt>
                <c:pt idx="416">
                  <c:v>0.39727242852202016</c:v>
                </c:pt>
                <c:pt idx="417">
                  <c:v>0.43849881261392798</c:v>
                </c:pt>
                <c:pt idx="418">
                  <c:v>0.43849881261392798</c:v>
                </c:pt>
                <c:pt idx="419">
                  <c:v>0.52469943389700779</c:v>
                </c:pt>
                <c:pt idx="420">
                  <c:v>0.52469943389700779</c:v>
                </c:pt>
                <c:pt idx="421">
                  <c:v>0.34855033823158377</c:v>
                </c:pt>
                <c:pt idx="422">
                  <c:v>0.52469943389700779</c:v>
                </c:pt>
                <c:pt idx="423">
                  <c:v>0.52469943389700779</c:v>
                </c:pt>
                <c:pt idx="424">
                  <c:v>0.3091978806893082</c:v>
                </c:pt>
                <c:pt idx="425">
                  <c:v>0.13196665842480076</c:v>
                </c:pt>
                <c:pt idx="426">
                  <c:v>8.7097994560368486E-2</c:v>
                </c:pt>
                <c:pt idx="427">
                  <c:v>8.7097994560368486E-2</c:v>
                </c:pt>
                <c:pt idx="428">
                  <c:v>8.7097994560368486E-2</c:v>
                </c:pt>
                <c:pt idx="429">
                  <c:v>8.7097994560368486E-2</c:v>
                </c:pt>
                <c:pt idx="430">
                  <c:v>8.7097994560368486E-2</c:v>
                </c:pt>
                <c:pt idx="431">
                  <c:v>8.7097994560368486E-2</c:v>
                </c:pt>
                <c:pt idx="432">
                  <c:v>8.7642232274544096E-2</c:v>
                </c:pt>
                <c:pt idx="433">
                  <c:v>8.7642232274544096E-2</c:v>
                </c:pt>
                <c:pt idx="434">
                  <c:v>8.7642232274544096E-2</c:v>
                </c:pt>
                <c:pt idx="435">
                  <c:v>8.7642232274544096E-2</c:v>
                </c:pt>
                <c:pt idx="436">
                  <c:v>8.7642232274544096E-2</c:v>
                </c:pt>
                <c:pt idx="437">
                  <c:v>8.7642232274544096E-2</c:v>
                </c:pt>
                <c:pt idx="438">
                  <c:v>8.7642232274544096E-2</c:v>
                </c:pt>
                <c:pt idx="439">
                  <c:v>0.35827082223745443</c:v>
                </c:pt>
                <c:pt idx="440">
                  <c:v>0.39975481218073872</c:v>
                </c:pt>
                <c:pt idx="441">
                  <c:v>0.44123880212402289</c:v>
                </c:pt>
                <c:pt idx="442">
                  <c:v>0.44123880212402289</c:v>
                </c:pt>
                <c:pt idx="443">
                  <c:v>0.52797805382361696</c:v>
                </c:pt>
                <c:pt idx="444">
                  <c:v>0.52797805382361696</c:v>
                </c:pt>
                <c:pt idx="445">
                  <c:v>0.35072827861140277</c:v>
                </c:pt>
                <c:pt idx="446">
                  <c:v>0.52797805382361696</c:v>
                </c:pt>
                <c:pt idx="447">
                  <c:v>0.52797805382361696</c:v>
                </c:pt>
                <c:pt idx="448">
                  <c:v>0.31112992457463151</c:v>
                </c:pt>
                <c:pt idx="449">
                  <c:v>0.13279126102203651</c:v>
                </c:pt>
                <c:pt idx="450">
                  <c:v>8.7642232274544096E-2</c:v>
                </c:pt>
                <c:pt idx="451">
                  <c:v>8.7642232274544096E-2</c:v>
                </c:pt>
                <c:pt idx="452">
                  <c:v>8.7642232274544096E-2</c:v>
                </c:pt>
                <c:pt idx="453">
                  <c:v>8.7642232274544096E-2</c:v>
                </c:pt>
                <c:pt idx="454">
                  <c:v>8.7642232274544096E-2</c:v>
                </c:pt>
                <c:pt idx="455">
                  <c:v>8.7642232274544096E-2</c:v>
                </c:pt>
                <c:pt idx="456">
                  <c:v>0.138760138720638</c:v>
                </c:pt>
                <c:pt idx="457">
                  <c:v>8.4097053770083641E-2</c:v>
                </c:pt>
                <c:pt idx="458">
                  <c:v>8.4097053770083641E-2</c:v>
                </c:pt>
                <c:pt idx="459">
                  <c:v>8.4097053770083641E-2</c:v>
                </c:pt>
                <c:pt idx="460">
                  <c:v>8.4097053770083641E-2</c:v>
                </c:pt>
                <c:pt idx="461">
                  <c:v>8.4097053770083641E-2</c:v>
                </c:pt>
                <c:pt idx="462">
                  <c:v>8.4097053770083641E-2</c:v>
                </c:pt>
                <c:pt idx="463">
                  <c:v>0.35825344906055634</c:v>
                </c:pt>
                <c:pt idx="464">
                  <c:v>0.44781681132569529</c:v>
                </c:pt>
                <c:pt idx="465">
                  <c:v>0.49259849245826476</c:v>
                </c:pt>
                <c:pt idx="466">
                  <c:v>0.49259849245826476</c:v>
                </c:pt>
                <c:pt idx="467">
                  <c:v>0.58216185472340387</c:v>
                </c:pt>
                <c:pt idx="468">
                  <c:v>0.58216185472340387</c:v>
                </c:pt>
                <c:pt idx="469">
                  <c:v>0.40303513019312581</c:v>
                </c:pt>
                <c:pt idx="470">
                  <c:v>0.58216185472340387</c:v>
                </c:pt>
                <c:pt idx="471">
                  <c:v>0.44781681132569529</c:v>
                </c:pt>
                <c:pt idx="472">
                  <c:v>0.2102426344252091</c:v>
                </c:pt>
                <c:pt idx="473">
                  <c:v>0.138760138720638</c:v>
                </c:pt>
                <c:pt idx="474">
                  <c:v>8.830190645858782E-2</c:v>
                </c:pt>
                <c:pt idx="475">
                  <c:v>8.4097053770083641E-2</c:v>
                </c:pt>
                <c:pt idx="476">
                  <c:v>8.4097053770083641E-2</c:v>
                </c:pt>
                <c:pt idx="477">
                  <c:v>8.4097053770083641E-2</c:v>
                </c:pt>
                <c:pt idx="478">
                  <c:v>8.4097053770083641E-2</c:v>
                </c:pt>
                <c:pt idx="479">
                  <c:v>8.4097053770083641E-2</c:v>
                </c:pt>
                <c:pt idx="480">
                  <c:v>6.9463160884020492E-2</c:v>
                </c:pt>
                <c:pt idx="481">
                  <c:v>6.2516844795618448E-2</c:v>
                </c:pt>
                <c:pt idx="482">
                  <c:v>6.2516844795618448E-2</c:v>
                </c:pt>
                <c:pt idx="483">
                  <c:v>6.2516844795618448E-2</c:v>
                </c:pt>
                <c:pt idx="484">
                  <c:v>6.2516844795618448E-2</c:v>
                </c:pt>
                <c:pt idx="485">
                  <c:v>6.2516844795618448E-2</c:v>
                </c:pt>
                <c:pt idx="486">
                  <c:v>6.2516844795618448E-2</c:v>
                </c:pt>
                <c:pt idx="487">
                  <c:v>6.2516844795618448E-2</c:v>
                </c:pt>
                <c:pt idx="488">
                  <c:v>6.2516844795618448E-2</c:v>
                </c:pt>
                <c:pt idx="489">
                  <c:v>6.2516844795618448E-2</c:v>
                </c:pt>
                <c:pt idx="490">
                  <c:v>6.2516844795618448E-2</c:v>
                </c:pt>
                <c:pt idx="491">
                  <c:v>6.2516844795618448E-2</c:v>
                </c:pt>
                <c:pt idx="492">
                  <c:v>6.2516844795618448E-2</c:v>
                </c:pt>
                <c:pt idx="493">
                  <c:v>6.2516844795618448E-2</c:v>
                </c:pt>
                <c:pt idx="494">
                  <c:v>6.2516844795618448E-2</c:v>
                </c:pt>
                <c:pt idx="495">
                  <c:v>6.2516844795618448E-2</c:v>
                </c:pt>
                <c:pt idx="496">
                  <c:v>6.2516844795618448E-2</c:v>
                </c:pt>
                <c:pt idx="497">
                  <c:v>6.2516844795618448E-2</c:v>
                </c:pt>
                <c:pt idx="498">
                  <c:v>6.2516844795618448E-2</c:v>
                </c:pt>
                <c:pt idx="499">
                  <c:v>6.2516844795618448E-2</c:v>
                </c:pt>
                <c:pt idx="500">
                  <c:v>6.2516844795618448E-2</c:v>
                </c:pt>
                <c:pt idx="501">
                  <c:v>6.2516844795618448E-2</c:v>
                </c:pt>
                <c:pt idx="502">
                  <c:v>6.2516844795618448E-2</c:v>
                </c:pt>
                <c:pt idx="503">
                  <c:v>6.2516844795618448E-2</c:v>
                </c:pt>
                <c:pt idx="504">
                  <c:v>6.280627463263519E-2</c:v>
                </c:pt>
                <c:pt idx="505">
                  <c:v>6.280627463263519E-2</c:v>
                </c:pt>
                <c:pt idx="506">
                  <c:v>6.280627463263519E-2</c:v>
                </c:pt>
                <c:pt idx="507">
                  <c:v>6.280627463263519E-2</c:v>
                </c:pt>
                <c:pt idx="508">
                  <c:v>6.280627463263519E-2</c:v>
                </c:pt>
                <c:pt idx="509">
                  <c:v>6.280627463263519E-2</c:v>
                </c:pt>
                <c:pt idx="510">
                  <c:v>6.280627463263519E-2</c:v>
                </c:pt>
                <c:pt idx="511">
                  <c:v>6.280627463263519E-2</c:v>
                </c:pt>
                <c:pt idx="512">
                  <c:v>6.280627463263519E-2</c:v>
                </c:pt>
                <c:pt idx="513">
                  <c:v>6.280627463263519E-2</c:v>
                </c:pt>
                <c:pt idx="514">
                  <c:v>6.280627463263519E-2</c:v>
                </c:pt>
                <c:pt idx="515">
                  <c:v>6.280627463263519E-2</c:v>
                </c:pt>
                <c:pt idx="516">
                  <c:v>6.280627463263519E-2</c:v>
                </c:pt>
                <c:pt idx="517">
                  <c:v>6.280627463263519E-2</c:v>
                </c:pt>
                <c:pt idx="518">
                  <c:v>6.280627463263519E-2</c:v>
                </c:pt>
                <c:pt idx="519">
                  <c:v>6.280627463263519E-2</c:v>
                </c:pt>
                <c:pt idx="520">
                  <c:v>6.280627463263519E-2</c:v>
                </c:pt>
                <c:pt idx="521">
                  <c:v>6.280627463263519E-2</c:v>
                </c:pt>
                <c:pt idx="522">
                  <c:v>6.280627463263519E-2</c:v>
                </c:pt>
                <c:pt idx="523">
                  <c:v>6.280627463263519E-2</c:v>
                </c:pt>
                <c:pt idx="524">
                  <c:v>6.280627463263519E-2</c:v>
                </c:pt>
                <c:pt idx="525">
                  <c:v>6.280627463263519E-2</c:v>
                </c:pt>
                <c:pt idx="526">
                  <c:v>6.280627463263519E-2</c:v>
                </c:pt>
                <c:pt idx="527">
                  <c:v>6.280627463263519E-2</c:v>
                </c:pt>
                <c:pt idx="528">
                  <c:v>8.5465208530383974E-2</c:v>
                </c:pt>
                <c:pt idx="529">
                  <c:v>8.5465208530383974E-2</c:v>
                </c:pt>
                <c:pt idx="530">
                  <c:v>8.5465208530383974E-2</c:v>
                </c:pt>
                <c:pt idx="531">
                  <c:v>8.5465208530383974E-2</c:v>
                </c:pt>
                <c:pt idx="532">
                  <c:v>8.5465208530383974E-2</c:v>
                </c:pt>
                <c:pt idx="533">
                  <c:v>8.5465208530383974E-2</c:v>
                </c:pt>
                <c:pt idx="534">
                  <c:v>8.5465208530383974E-2</c:v>
                </c:pt>
                <c:pt idx="535">
                  <c:v>0.36408178833943572</c:v>
                </c:pt>
                <c:pt idx="536">
                  <c:v>0.40959201188186523</c:v>
                </c:pt>
                <c:pt idx="537">
                  <c:v>0.45510223542429473</c:v>
                </c:pt>
                <c:pt idx="538">
                  <c:v>0.45510223542429473</c:v>
                </c:pt>
                <c:pt idx="539">
                  <c:v>0.54612268250915363</c:v>
                </c:pt>
                <c:pt idx="540">
                  <c:v>0.54612268250915363</c:v>
                </c:pt>
                <c:pt idx="541">
                  <c:v>0.36408178833943572</c:v>
                </c:pt>
                <c:pt idx="542">
                  <c:v>0.54612268250915363</c:v>
                </c:pt>
                <c:pt idx="543">
                  <c:v>0.54612268250915363</c:v>
                </c:pt>
                <c:pt idx="544">
                  <c:v>0.31857156479700621</c:v>
                </c:pt>
                <c:pt idx="545">
                  <c:v>9.102044708485893E-2</c:v>
                </c:pt>
                <c:pt idx="546">
                  <c:v>8.9738468956903183E-2</c:v>
                </c:pt>
                <c:pt idx="547">
                  <c:v>8.9738468956903183E-2</c:v>
                </c:pt>
                <c:pt idx="548">
                  <c:v>8.9738468956903183E-2</c:v>
                </c:pt>
                <c:pt idx="549">
                  <c:v>8.9738468956903183E-2</c:v>
                </c:pt>
                <c:pt idx="550">
                  <c:v>8.9738468956903183E-2</c:v>
                </c:pt>
                <c:pt idx="551">
                  <c:v>8.9738468956903183E-2</c:v>
                </c:pt>
                <c:pt idx="552">
                  <c:v>5.6633251675017468E-2</c:v>
                </c:pt>
                <c:pt idx="553">
                  <c:v>8.6298288266693307E-2</c:v>
                </c:pt>
                <c:pt idx="554">
                  <c:v>8.6298288266693307E-2</c:v>
                </c:pt>
                <c:pt idx="555">
                  <c:v>8.6298288266693307E-2</c:v>
                </c:pt>
                <c:pt idx="556">
                  <c:v>8.6298288266693307E-2</c:v>
                </c:pt>
                <c:pt idx="557">
                  <c:v>8.6298288266693307E-2</c:v>
                </c:pt>
                <c:pt idx="558">
                  <c:v>8.6298288266693307E-2</c:v>
                </c:pt>
                <c:pt idx="559">
                  <c:v>0.36380122147427885</c:v>
                </c:pt>
                <c:pt idx="560">
                  <c:v>0.40592557343445856</c:v>
                </c:pt>
                <c:pt idx="561">
                  <c:v>0.44804992539463823</c:v>
                </c:pt>
                <c:pt idx="562">
                  <c:v>0.44804992539463823</c:v>
                </c:pt>
                <c:pt idx="563">
                  <c:v>0.53612811585683207</c:v>
                </c:pt>
                <c:pt idx="564">
                  <c:v>0.53612811585683207</c:v>
                </c:pt>
                <c:pt idx="565">
                  <c:v>0.35614224839060982</c:v>
                </c:pt>
                <c:pt idx="566">
                  <c:v>0.53612811585683207</c:v>
                </c:pt>
                <c:pt idx="567">
                  <c:v>0.53612811585683207</c:v>
                </c:pt>
                <c:pt idx="568">
                  <c:v>0.31593263970134744</c:v>
                </c:pt>
                <c:pt idx="569">
                  <c:v>0.13484107541670826</c:v>
                </c:pt>
                <c:pt idx="570">
                  <c:v>8.8995109775027448E-2</c:v>
                </c:pt>
                <c:pt idx="571">
                  <c:v>8.8995109775027448E-2</c:v>
                </c:pt>
                <c:pt idx="572">
                  <c:v>8.8995109775027448E-2</c:v>
                </c:pt>
                <c:pt idx="573">
                  <c:v>8.8995109775027448E-2</c:v>
                </c:pt>
                <c:pt idx="574">
                  <c:v>8.8995109775027448E-2</c:v>
                </c:pt>
                <c:pt idx="575">
                  <c:v>8.8995109775027448E-2</c:v>
                </c:pt>
                <c:pt idx="576">
                  <c:v>8.8549295131503419E-2</c:v>
                </c:pt>
                <c:pt idx="577">
                  <c:v>8.8549295131503419E-2</c:v>
                </c:pt>
                <c:pt idx="578">
                  <c:v>8.8549295131503419E-2</c:v>
                </c:pt>
                <c:pt idx="579">
                  <c:v>8.8549295131503419E-2</c:v>
                </c:pt>
                <c:pt idx="580">
                  <c:v>8.8549295131503419E-2</c:v>
                </c:pt>
                <c:pt idx="581">
                  <c:v>8.8549295131503419E-2</c:v>
                </c:pt>
                <c:pt idx="582">
                  <c:v>8.8549295131503419E-2</c:v>
                </c:pt>
                <c:pt idx="583">
                  <c:v>0.36197878524969118</c:v>
                </c:pt>
                <c:pt idx="584">
                  <c:v>0.40389211827860283</c:v>
                </c:pt>
                <c:pt idx="585">
                  <c:v>0.44580545130751448</c:v>
                </c:pt>
                <c:pt idx="586">
                  <c:v>0.44580545130751448</c:v>
                </c:pt>
                <c:pt idx="587">
                  <c:v>0.53344242036796607</c:v>
                </c:pt>
                <c:pt idx="588">
                  <c:v>0.53344242036796607</c:v>
                </c:pt>
                <c:pt idx="589">
                  <c:v>0.35435817924443458</c:v>
                </c:pt>
                <c:pt idx="590">
                  <c:v>0.53344242036796607</c:v>
                </c:pt>
                <c:pt idx="591">
                  <c:v>0.53344242036796607</c:v>
                </c:pt>
                <c:pt idx="592">
                  <c:v>0.31434999771683714</c:v>
                </c:pt>
                <c:pt idx="593">
                  <c:v>0.13416559868409611</c:v>
                </c:pt>
                <c:pt idx="594">
                  <c:v>8.8549295131503419E-2</c:v>
                </c:pt>
                <c:pt idx="595">
                  <c:v>8.8549295131503419E-2</c:v>
                </c:pt>
                <c:pt idx="596">
                  <c:v>8.8549295131503419E-2</c:v>
                </c:pt>
                <c:pt idx="597">
                  <c:v>8.8549295131503419E-2</c:v>
                </c:pt>
                <c:pt idx="598">
                  <c:v>8.8549295131503419E-2</c:v>
                </c:pt>
                <c:pt idx="599">
                  <c:v>8.8549295131503419E-2</c:v>
                </c:pt>
                <c:pt idx="600">
                  <c:v>9.038114092738328E-2</c:v>
                </c:pt>
                <c:pt idx="601">
                  <c:v>9.038114092738328E-2</c:v>
                </c:pt>
                <c:pt idx="602">
                  <c:v>9.038114092738328E-2</c:v>
                </c:pt>
                <c:pt idx="603">
                  <c:v>9.038114092738328E-2</c:v>
                </c:pt>
                <c:pt idx="604">
                  <c:v>9.038114092738328E-2</c:v>
                </c:pt>
                <c:pt idx="605">
                  <c:v>9.038114092738328E-2</c:v>
                </c:pt>
                <c:pt idx="606">
                  <c:v>9.038114092738328E-2</c:v>
                </c:pt>
                <c:pt idx="607">
                  <c:v>0.36946714882133347</c:v>
                </c:pt>
                <c:pt idx="608">
                  <c:v>0.41224755552696157</c:v>
                </c:pt>
                <c:pt idx="609">
                  <c:v>0.45502796223258979</c:v>
                </c:pt>
                <c:pt idx="610">
                  <c:v>0.45502796223258979</c:v>
                </c:pt>
                <c:pt idx="611">
                  <c:v>0.54447790352617564</c:v>
                </c:pt>
                <c:pt idx="612">
                  <c:v>0.54447790352617564</c:v>
                </c:pt>
                <c:pt idx="613">
                  <c:v>0.36168889305667384</c:v>
                </c:pt>
                <c:pt idx="614">
                  <c:v>0.54447790352617564</c:v>
                </c:pt>
                <c:pt idx="615">
                  <c:v>0.54447790352617564</c:v>
                </c:pt>
                <c:pt idx="616">
                  <c:v>0.32085305029221067</c:v>
                </c:pt>
                <c:pt idx="617">
                  <c:v>0.13694112261724745</c:v>
                </c:pt>
                <c:pt idx="618">
                  <c:v>9.038114092738328E-2</c:v>
                </c:pt>
                <c:pt idx="619">
                  <c:v>9.038114092738328E-2</c:v>
                </c:pt>
                <c:pt idx="620">
                  <c:v>9.038114092738328E-2</c:v>
                </c:pt>
                <c:pt idx="621">
                  <c:v>9.038114092738328E-2</c:v>
                </c:pt>
                <c:pt idx="622">
                  <c:v>9.038114092738328E-2</c:v>
                </c:pt>
                <c:pt idx="623">
                  <c:v>9.038114092738328E-2</c:v>
                </c:pt>
                <c:pt idx="624">
                  <c:v>0.14057072268929938</c:v>
                </c:pt>
                <c:pt idx="625">
                  <c:v>8.5194377387454168E-2</c:v>
                </c:pt>
                <c:pt idx="626">
                  <c:v>8.5194377387454168E-2</c:v>
                </c:pt>
                <c:pt idx="627">
                  <c:v>8.5194377387454168E-2</c:v>
                </c:pt>
                <c:pt idx="628">
                  <c:v>8.5194377387454168E-2</c:v>
                </c:pt>
                <c:pt idx="629">
                  <c:v>8.5194377387454168E-2</c:v>
                </c:pt>
                <c:pt idx="630">
                  <c:v>8.5194377387454168E-2</c:v>
                </c:pt>
                <c:pt idx="631">
                  <c:v>0.36292804767055464</c:v>
                </c:pt>
                <c:pt idx="632">
                  <c:v>0.45366005958819333</c:v>
                </c:pt>
                <c:pt idx="633">
                  <c:v>0.49902606554701268</c:v>
                </c:pt>
                <c:pt idx="634">
                  <c:v>0.49902606554701268</c:v>
                </c:pt>
                <c:pt idx="635">
                  <c:v>0.58975807746465136</c:v>
                </c:pt>
                <c:pt idx="636">
                  <c:v>0.58975807746465136</c:v>
                </c:pt>
                <c:pt idx="637">
                  <c:v>0.40829405362937399</c:v>
                </c:pt>
                <c:pt idx="638">
                  <c:v>0.58975807746465136</c:v>
                </c:pt>
                <c:pt idx="639">
                  <c:v>0.45366005958819333</c:v>
                </c:pt>
                <c:pt idx="640">
                  <c:v>0.21298594346863542</c:v>
                </c:pt>
                <c:pt idx="641">
                  <c:v>0.14057072268929938</c:v>
                </c:pt>
                <c:pt idx="642">
                  <c:v>8.9454096256826862E-2</c:v>
                </c:pt>
                <c:pt idx="643">
                  <c:v>8.5194377387454168E-2</c:v>
                </c:pt>
                <c:pt idx="644">
                  <c:v>8.5194377387454168E-2</c:v>
                </c:pt>
                <c:pt idx="645">
                  <c:v>8.5194377387454168E-2</c:v>
                </c:pt>
                <c:pt idx="646">
                  <c:v>8.5194377387454168E-2</c:v>
                </c:pt>
                <c:pt idx="647">
                  <c:v>8.5194377387454168E-2</c:v>
                </c:pt>
                <c:pt idx="648">
                  <c:v>7.1586495524387755E-2</c:v>
                </c:pt>
                <c:pt idx="649">
                  <c:v>6.4427845971948977E-2</c:v>
                </c:pt>
                <c:pt idx="650">
                  <c:v>6.4427845971948977E-2</c:v>
                </c:pt>
                <c:pt idx="651">
                  <c:v>6.4427845971948977E-2</c:v>
                </c:pt>
                <c:pt idx="652">
                  <c:v>6.4427845971948977E-2</c:v>
                </c:pt>
                <c:pt idx="653">
                  <c:v>6.4427845971948977E-2</c:v>
                </c:pt>
                <c:pt idx="654">
                  <c:v>6.4427845971948977E-2</c:v>
                </c:pt>
                <c:pt idx="655">
                  <c:v>6.4427845971948977E-2</c:v>
                </c:pt>
                <c:pt idx="656">
                  <c:v>6.4427845971948977E-2</c:v>
                </c:pt>
                <c:pt idx="657">
                  <c:v>6.4427845971948977E-2</c:v>
                </c:pt>
                <c:pt idx="658">
                  <c:v>6.4427845971948977E-2</c:v>
                </c:pt>
                <c:pt idx="659">
                  <c:v>6.4427845971948977E-2</c:v>
                </c:pt>
                <c:pt idx="660">
                  <c:v>6.4427845971948977E-2</c:v>
                </c:pt>
                <c:pt idx="661">
                  <c:v>6.4427845971948977E-2</c:v>
                </c:pt>
                <c:pt idx="662">
                  <c:v>6.4427845971948977E-2</c:v>
                </c:pt>
                <c:pt idx="663">
                  <c:v>6.4427845971948977E-2</c:v>
                </c:pt>
                <c:pt idx="664">
                  <c:v>6.4427845971948977E-2</c:v>
                </c:pt>
                <c:pt idx="665">
                  <c:v>6.4427845971948977E-2</c:v>
                </c:pt>
                <c:pt idx="666">
                  <c:v>6.4427845971948977E-2</c:v>
                </c:pt>
                <c:pt idx="667">
                  <c:v>6.4427845971948977E-2</c:v>
                </c:pt>
                <c:pt idx="668">
                  <c:v>6.4427845971948977E-2</c:v>
                </c:pt>
                <c:pt idx="669">
                  <c:v>6.4427845971948977E-2</c:v>
                </c:pt>
                <c:pt idx="670">
                  <c:v>6.4427845971948977E-2</c:v>
                </c:pt>
                <c:pt idx="671">
                  <c:v>6.4427845971948977E-2</c:v>
                </c:pt>
                <c:pt idx="672">
                  <c:v>6.6006021972633111E-2</c:v>
                </c:pt>
                <c:pt idx="673">
                  <c:v>6.6006021972633111E-2</c:v>
                </c:pt>
                <c:pt idx="674">
                  <c:v>6.6006021972633111E-2</c:v>
                </c:pt>
                <c:pt idx="675">
                  <c:v>6.6006021972633111E-2</c:v>
                </c:pt>
                <c:pt idx="676">
                  <c:v>6.6006021972633111E-2</c:v>
                </c:pt>
                <c:pt idx="677">
                  <c:v>6.6006021972633111E-2</c:v>
                </c:pt>
                <c:pt idx="678">
                  <c:v>6.6006021972633111E-2</c:v>
                </c:pt>
                <c:pt idx="679">
                  <c:v>6.6006021972633111E-2</c:v>
                </c:pt>
                <c:pt idx="680">
                  <c:v>6.6006021972633111E-2</c:v>
                </c:pt>
                <c:pt idx="681">
                  <c:v>6.6006021972633111E-2</c:v>
                </c:pt>
                <c:pt idx="682">
                  <c:v>6.6006021972633111E-2</c:v>
                </c:pt>
                <c:pt idx="683">
                  <c:v>6.6006021972633111E-2</c:v>
                </c:pt>
                <c:pt idx="684">
                  <c:v>6.6006021972633111E-2</c:v>
                </c:pt>
                <c:pt idx="685">
                  <c:v>6.6006021972633111E-2</c:v>
                </c:pt>
                <c:pt idx="686">
                  <c:v>6.6006021972633111E-2</c:v>
                </c:pt>
                <c:pt idx="687">
                  <c:v>6.6006021972633111E-2</c:v>
                </c:pt>
                <c:pt idx="688">
                  <c:v>6.6006021972633111E-2</c:v>
                </c:pt>
                <c:pt idx="689">
                  <c:v>6.6006021972633111E-2</c:v>
                </c:pt>
                <c:pt idx="690">
                  <c:v>6.6006021972633111E-2</c:v>
                </c:pt>
                <c:pt idx="691">
                  <c:v>6.6006021972633111E-2</c:v>
                </c:pt>
                <c:pt idx="692">
                  <c:v>6.6006021972633111E-2</c:v>
                </c:pt>
                <c:pt idx="693">
                  <c:v>6.6006021972633111E-2</c:v>
                </c:pt>
                <c:pt idx="694">
                  <c:v>6.6006021972633111E-2</c:v>
                </c:pt>
                <c:pt idx="695">
                  <c:v>6.6006021972633111E-2</c:v>
                </c:pt>
                <c:pt idx="696">
                  <c:v>8.5086342600523557E-2</c:v>
                </c:pt>
                <c:pt idx="697">
                  <c:v>8.5086342600523557E-2</c:v>
                </c:pt>
                <c:pt idx="698">
                  <c:v>8.5086342600523557E-2</c:v>
                </c:pt>
                <c:pt idx="699">
                  <c:v>8.5086342600523557E-2</c:v>
                </c:pt>
                <c:pt idx="700">
                  <c:v>8.5086342600523557E-2</c:v>
                </c:pt>
                <c:pt idx="701">
                  <c:v>8.5086342600523557E-2</c:v>
                </c:pt>
                <c:pt idx="702">
                  <c:v>8.5086342600523557E-2</c:v>
                </c:pt>
                <c:pt idx="703">
                  <c:v>0.36246781947823031</c:v>
                </c:pt>
                <c:pt idx="704">
                  <c:v>0.4077762969130091</c:v>
                </c:pt>
                <c:pt idx="705">
                  <c:v>0.45308477434778793</c:v>
                </c:pt>
                <c:pt idx="706">
                  <c:v>0.45308477434778793</c:v>
                </c:pt>
                <c:pt idx="707">
                  <c:v>0.54370172921734539</c:v>
                </c:pt>
                <c:pt idx="708">
                  <c:v>0.54370172921734539</c:v>
                </c:pt>
                <c:pt idx="709">
                  <c:v>0.36246781947823031</c:v>
                </c:pt>
                <c:pt idx="710">
                  <c:v>0.54370172921734539</c:v>
                </c:pt>
                <c:pt idx="711">
                  <c:v>0.54370172921734539</c:v>
                </c:pt>
                <c:pt idx="712">
                  <c:v>0.31715934204345142</c:v>
                </c:pt>
                <c:pt idx="713">
                  <c:v>9.0616954869557578E-2</c:v>
                </c:pt>
                <c:pt idx="714">
                  <c:v>8.9340659730549721E-2</c:v>
                </c:pt>
                <c:pt idx="715">
                  <c:v>8.9340659730549721E-2</c:v>
                </c:pt>
                <c:pt idx="716">
                  <c:v>8.9340659730549721E-2</c:v>
                </c:pt>
                <c:pt idx="717">
                  <c:v>8.9340659730549721E-2</c:v>
                </c:pt>
                <c:pt idx="718">
                  <c:v>8.9340659730549721E-2</c:v>
                </c:pt>
                <c:pt idx="719">
                  <c:v>8.9340659730549721E-2</c:v>
                </c:pt>
                <c:pt idx="720">
                  <c:v>5.6012328390777681E-2</c:v>
                </c:pt>
                <c:pt idx="721">
                  <c:v>8.5352119452613617E-2</c:v>
                </c:pt>
                <c:pt idx="722">
                  <c:v>8.5352119452613617E-2</c:v>
                </c:pt>
                <c:pt idx="723">
                  <c:v>8.5352119452613617E-2</c:v>
                </c:pt>
                <c:pt idx="724">
                  <c:v>8.5352119452613617E-2</c:v>
                </c:pt>
                <c:pt idx="725">
                  <c:v>8.5352119452613617E-2</c:v>
                </c:pt>
                <c:pt idx="726">
                  <c:v>8.5352119452613617E-2</c:v>
                </c:pt>
                <c:pt idx="727">
                  <c:v>0.35981252856742418</c:v>
                </c:pt>
                <c:pt idx="728">
                  <c:v>0.40147503187523126</c:v>
                </c:pt>
                <c:pt idx="729">
                  <c:v>0.44313753518303828</c:v>
                </c:pt>
                <c:pt idx="730">
                  <c:v>0.44313753518303828</c:v>
                </c:pt>
                <c:pt idx="731">
                  <c:v>0.53025004209936211</c:v>
                </c:pt>
                <c:pt idx="732">
                  <c:v>0.53025004209936211</c:v>
                </c:pt>
                <c:pt idx="733">
                  <c:v>0.35223752796600483</c:v>
                </c:pt>
                <c:pt idx="734">
                  <c:v>0.53025004209936211</c:v>
                </c:pt>
                <c:pt idx="735">
                  <c:v>0.53025004209936211</c:v>
                </c:pt>
                <c:pt idx="736">
                  <c:v>0.31246877480855262</c:v>
                </c:pt>
                <c:pt idx="737">
                  <c:v>0.13336268664470877</c:v>
                </c:pt>
                <c:pt idx="738">
                  <c:v>8.8019373185507788E-2</c:v>
                </c:pt>
                <c:pt idx="739">
                  <c:v>8.8019373185507788E-2</c:v>
                </c:pt>
                <c:pt idx="740">
                  <c:v>8.8019373185507788E-2</c:v>
                </c:pt>
                <c:pt idx="741">
                  <c:v>8.8019373185507788E-2</c:v>
                </c:pt>
                <c:pt idx="742">
                  <c:v>8.8019373185507788E-2</c:v>
                </c:pt>
                <c:pt idx="743">
                  <c:v>8.8019373185507788E-2</c:v>
                </c:pt>
                <c:pt idx="744">
                  <c:v>8.6735169417584773E-2</c:v>
                </c:pt>
                <c:pt idx="745">
                  <c:v>8.6735169417584773E-2</c:v>
                </c:pt>
                <c:pt idx="746">
                  <c:v>8.6735169417584773E-2</c:v>
                </c:pt>
                <c:pt idx="747">
                  <c:v>8.6735169417584773E-2</c:v>
                </c:pt>
                <c:pt idx="748">
                  <c:v>8.6735169417584773E-2</c:v>
                </c:pt>
                <c:pt idx="749">
                  <c:v>8.6735169417584773E-2</c:v>
                </c:pt>
                <c:pt idx="750">
                  <c:v>8.6735169417584773E-2</c:v>
                </c:pt>
                <c:pt idx="751">
                  <c:v>0.35456285922521769</c:v>
                </c:pt>
                <c:pt idx="752">
                  <c:v>0.39561750608287449</c:v>
                </c:pt>
                <c:pt idx="753">
                  <c:v>0.43667215294053136</c:v>
                </c:pt>
                <c:pt idx="754">
                  <c:v>0.43667215294053136</c:v>
                </c:pt>
                <c:pt idx="755">
                  <c:v>0.52251368727926817</c:v>
                </c:pt>
                <c:pt idx="756">
                  <c:v>0.52251368727926817</c:v>
                </c:pt>
                <c:pt idx="757">
                  <c:v>0.34709837797837095</c:v>
                </c:pt>
                <c:pt idx="758">
                  <c:v>0.52251368727926817</c:v>
                </c:pt>
                <c:pt idx="759">
                  <c:v>0.52251368727926817</c:v>
                </c:pt>
                <c:pt idx="760">
                  <c:v>0.30790985143242589</c:v>
                </c:pt>
                <c:pt idx="761">
                  <c:v>0.13141692335997693</c:v>
                </c:pt>
                <c:pt idx="762">
                  <c:v>8.6735169417584773E-2</c:v>
                </c:pt>
                <c:pt idx="763">
                  <c:v>8.6735169417584773E-2</c:v>
                </c:pt>
                <c:pt idx="764">
                  <c:v>8.6735169417584773E-2</c:v>
                </c:pt>
                <c:pt idx="765">
                  <c:v>8.6735169417584773E-2</c:v>
                </c:pt>
                <c:pt idx="766">
                  <c:v>8.6735169417584773E-2</c:v>
                </c:pt>
                <c:pt idx="767">
                  <c:v>8.6735169417584773E-2</c:v>
                </c:pt>
                <c:pt idx="768">
                  <c:v>8.8005057417327809E-2</c:v>
                </c:pt>
                <c:pt idx="769">
                  <c:v>8.8005057417327809E-2</c:v>
                </c:pt>
                <c:pt idx="770">
                  <c:v>8.8005057417327809E-2</c:v>
                </c:pt>
                <c:pt idx="771">
                  <c:v>8.8005057417327809E-2</c:v>
                </c:pt>
                <c:pt idx="772">
                  <c:v>8.8005057417327809E-2</c:v>
                </c:pt>
                <c:pt idx="773">
                  <c:v>8.8005057417327809E-2</c:v>
                </c:pt>
                <c:pt idx="774">
                  <c:v>8.8005057417327809E-2</c:v>
                </c:pt>
                <c:pt idx="775">
                  <c:v>0.35975400744234909</c:v>
                </c:pt>
                <c:pt idx="776">
                  <c:v>0.40140973461988427</c:v>
                </c:pt>
                <c:pt idx="777">
                  <c:v>0.44306546179741957</c:v>
                </c:pt>
                <c:pt idx="778">
                  <c:v>0.44306546179741957</c:v>
                </c:pt>
                <c:pt idx="779">
                  <c:v>0.53016380044135669</c:v>
                </c:pt>
                <c:pt idx="780">
                  <c:v>0.53016380044135669</c:v>
                </c:pt>
                <c:pt idx="781">
                  <c:v>0.35218023886461558</c:v>
                </c:pt>
                <c:pt idx="782">
                  <c:v>0.53016380044135669</c:v>
                </c:pt>
                <c:pt idx="783">
                  <c:v>0.53016380044135669</c:v>
                </c:pt>
                <c:pt idx="784">
                  <c:v>0.31241795383151372</c:v>
                </c:pt>
                <c:pt idx="785">
                  <c:v>0.13334099608686034</c:v>
                </c:pt>
                <c:pt idx="786">
                  <c:v>8.8005057417327809E-2</c:v>
                </c:pt>
                <c:pt idx="787">
                  <c:v>8.8005057417327809E-2</c:v>
                </c:pt>
                <c:pt idx="788">
                  <c:v>8.8005057417327809E-2</c:v>
                </c:pt>
                <c:pt idx="789">
                  <c:v>8.8005057417327809E-2</c:v>
                </c:pt>
                <c:pt idx="790">
                  <c:v>8.8005057417327809E-2</c:v>
                </c:pt>
                <c:pt idx="791">
                  <c:v>8.8005057417327809E-2</c:v>
                </c:pt>
                <c:pt idx="792">
                  <c:v>0.1333228647440369</c:v>
                </c:pt>
                <c:pt idx="793">
                  <c:v>8.0801736208507211E-2</c:v>
                </c:pt>
                <c:pt idx="794">
                  <c:v>8.0801736208507211E-2</c:v>
                </c:pt>
                <c:pt idx="795">
                  <c:v>8.0801736208507211E-2</c:v>
                </c:pt>
                <c:pt idx="796">
                  <c:v>8.0801736208507211E-2</c:v>
                </c:pt>
                <c:pt idx="797">
                  <c:v>8.0801736208507211E-2</c:v>
                </c:pt>
                <c:pt idx="798">
                  <c:v>8.0801736208507211E-2</c:v>
                </c:pt>
                <c:pt idx="799">
                  <c:v>0.34421539624824071</c:v>
                </c:pt>
                <c:pt idx="800">
                  <c:v>0.43026924531030086</c:v>
                </c:pt>
                <c:pt idx="801">
                  <c:v>0.47329616984133094</c:v>
                </c:pt>
                <c:pt idx="802">
                  <c:v>0.47329616984133094</c:v>
                </c:pt>
                <c:pt idx="803">
                  <c:v>0.55935001890339109</c:v>
                </c:pt>
                <c:pt idx="804">
                  <c:v>0.55935001890339109</c:v>
                </c:pt>
                <c:pt idx="805">
                  <c:v>0.38724232077927073</c:v>
                </c:pt>
                <c:pt idx="806">
                  <c:v>0.55935001890339109</c:v>
                </c:pt>
                <c:pt idx="807">
                  <c:v>0.43026924531030086</c:v>
                </c:pt>
                <c:pt idx="808">
                  <c:v>0.20200434052126803</c:v>
                </c:pt>
                <c:pt idx="809">
                  <c:v>0.1333228647440369</c:v>
                </c:pt>
                <c:pt idx="810">
                  <c:v>8.4841823018932561E-2</c:v>
                </c:pt>
                <c:pt idx="811">
                  <c:v>8.0801736208507211E-2</c:v>
                </c:pt>
                <c:pt idx="812">
                  <c:v>8.0801736208507211E-2</c:v>
                </c:pt>
                <c:pt idx="813">
                  <c:v>8.0801736208507211E-2</c:v>
                </c:pt>
                <c:pt idx="814">
                  <c:v>8.0801736208507211E-2</c:v>
                </c:pt>
                <c:pt idx="815">
                  <c:v>8.0801736208507211E-2</c:v>
                </c:pt>
                <c:pt idx="816">
                  <c:v>6.0262044109095567E-2</c:v>
                </c:pt>
                <c:pt idx="817">
                  <c:v>5.4235839698186017E-2</c:v>
                </c:pt>
                <c:pt idx="818">
                  <c:v>5.4235839698186017E-2</c:v>
                </c:pt>
                <c:pt idx="819">
                  <c:v>5.4235839698186017E-2</c:v>
                </c:pt>
                <c:pt idx="820">
                  <c:v>5.4235839698186017E-2</c:v>
                </c:pt>
                <c:pt idx="821">
                  <c:v>5.4235839698186017E-2</c:v>
                </c:pt>
                <c:pt idx="822">
                  <c:v>5.4235839698186017E-2</c:v>
                </c:pt>
                <c:pt idx="823">
                  <c:v>5.4235839698186017E-2</c:v>
                </c:pt>
                <c:pt idx="824">
                  <c:v>5.4235839698186017E-2</c:v>
                </c:pt>
                <c:pt idx="825">
                  <c:v>5.4235839698186017E-2</c:v>
                </c:pt>
                <c:pt idx="826">
                  <c:v>5.4235839698186017E-2</c:v>
                </c:pt>
                <c:pt idx="827">
                  <c:v>5.4235839698186017E-2</c:v>
                </c:pt>
                <c:pt idx="828">
                  <c:v>5.4235839698186017E-2</c:v>
                </c:pt>
                <c:pt idx="829">
                  <c:v>5.4235839698186017E-2</c:v>
                </c:pt>
                <c:pt idx="830">
                  <c:v>5.4235839698186017E-2</c:v>
                </c:pt>
                <c:pt idx="831">
                  <c:v>5.4235839698186017E-2</c:v>
                </c:pt>
                <c:pt idx="832">
                  <c:v>5.4235839698186017E-2</c:v>
                </c:pt>
                <c:pt idx="833">
                  <c:v>5.4235839698186017E-2</c:v>
                </c:pt>
                <c:pt idx="834">
                  <c:v>5.4235839698186017E-2</c:v>
                </c:pt>
                <c:pt idx="835">
                  <c:v>5.4235839698186017E-2</c:v>
                </c:pt>
                <c:pt idx="836">
                  <c:v>5.4235839698186017E-2</c:v>
                </c:pt>
                <c:pt idx="837">
                  <c:v>5.4235839698186017E-2</c:v>
                </c:pt>
                <c:pt idx="838">
                  <c:v>5.4235839698186017E-2</c:v>
                </c:pt>
                <c:pt idx="839">
                  <c:v>5.4235839698186017E-2</c:v>
                </c:pt>
                <c:pt idx="840">
                  <c:v>6.4299490057967562E-2</c:v>
                </c:pt>
                <c:pt idx="841">
                  <c:v>6.4299490057967562E-2</c:v>
                </c:pt>
                <c:pt idx="842">
                  <c:v>6.4299490057967562E-2</c:v>
                </c:pt>
                <c:pt idx="843">
                  <c:v>6.4299490057967562E-2</c:v>
                </c:pt>
                <c:pt idx="844">
                  <c:v>6.4299490057967562E-2</c:v>
                </c:pt>
                <c:pt idx="845">
                  <c:v>6.4299490057967562E-2</c:v>
                </c:pt>
                <c:pt idx="846">
                  <c:v>6.4299490057967562E-2</c:v>
                </c:pt>
                <c:pt idx="847">
                  <c:v>6.4299490057967562E-2</c:v>
                </c:pt>
                <c:pt idx="848">
                  <c:v>6.4299490057967562E-2</c:v>
                </c:pt>
                <c:pt idx="849">
                  <c:v>6.4299490057967562E-2</c:v>
                </c:pt>
                <c:pt idx="850">
                  <c:v>6.4299490057967562E-2</c:v>
                </c:pt>
                <c:pt idx="851">
                  <c:v>6.4299490057967562E-2</c:v>
                </c:pt>
                <c:pt idx="852">
                  <c:v>6.4299490057967562E-2</c:v>
                </c:pt>
                <c:pt idx="853">
                  <c:v>6.4299490057967562E-2</c:v>
                </c:pt>
                <c:pt idx="854">
                  <c:v>6.4299490057967562E-2</c:v>
                </c:pt>
                <c:pt idx="855">
                  <c:v>6.4299490057967562E-2</c:v>
                </c:pt>
                <c:pt idx="856">
                  <c:v>6.4299490057967562E-2</c:v>
                </c:pt>
                <c:pt idx="857">
                  <c:v>6.4299490057967562E-2</c:v>
                </c:pt>
                <c:pt idx="858">
                  <c:v>6.4299490057967562E-2</c:v>
                </c:pt>
                <c:pt idx="859">
                  <c:v>6.4299490057967562E-2</c:v>
                </c:pt>
                <c:pt idx="860">
                  <c:v>6.4299490057967562E-2</c:v>
                </c:pt>
                <c:pt idx="861">
                  <c:v>6.4299490057967562E-2</c:v>
                </c:pt>
                <c:pt idx="862">
                  <c:v>6.4299490057967562E-2</c:v>
                </c:pt>
                <c:pt idx="863">
                  <c:v>6.4299490057967562E-2</c:v>
                </c:pt>
                <c:pt idx="864">
                  <c:v>9.114819747829081E-2</c:v>
                </c:pt>
                <c:pt idx="865">
                  <c:v>9.114819747829081E-2</c:v>
                </c:pt>
                <c:pt idx="866">
                  <c:v>9.114819747829081E-2</c:v>
                </c:pt>
                <c:pt idx="867">
                  <c:v>9.114819747829081E-2</c:v>
                </c:pt>
                <c:pt idx="868">
                  <c:v>9.114819747829081E-2</c:v>
                </c:pt>
                <c:pt idx="869">
                  <c:v>9.114819747829081E-2</c:v>
                </c:pt>
                <c:pt idx="870">
                  <c:v>9.114819747829081E-2</c:v>
                </c:pt>
                <c:pt idx="871">
                  <c:v>0.38829132125751875</c:v>
                </c:pt>
                <c:pt idx="872">
                  <c:v>0.43682773641470862</c:v>
                </c:pt>
                <c:pt idx="873">
                  <c:v>0.48536415157189849</c:v>
                </c:pt>
                <c:pt idx="874">
                  <c:v>0.48536415157189849</c:v>
                </c:pt>
                <c:pt idx="875">
                  <c:v>0.58243698188627824</c:v>
                </c:pt>
                <c:pt idx="876">
                  <c:v>0.58243698188627824</c:v>
                </c:pt>
                <c:pt idx="877">
                  <c:v>0.38829132125751875</c:v>
                </c:pt>
                <c:pt idx="878">
                  <c:v>0.58243698188627824</c:v>
                </c:pt>
                <c:pt idx="879">
                  <c:v>0.58243698188627824</c:v>
                </c:pt>
                <c:pt idx="880">
                  <c:v>0.33975490610032894</c:v>
                </c:pt>
                <c:pt idx="881">
                  <c:v>9.7072830314379688E-2</c:v>
                </c:pt>
                <c:pt idx="882">
                  <c:v>9.5705607352205346E-2</c:v>
                </c:pt>
                <c:pt idx="883">
                  <c:v>9.5705607352205346E-2</c:v>
                </c:pt>
                <c:pt idx="884">
                  <c:v>9.5705607352205346E-2</c:v>
                </c:pt>
                <c:pt idx="885">
                  <c:v>9.5705607352205346E-2</c:v>
                </c:pt>
                <c:pt idx="886">
                  <c:v>9.5705607352205346E-2</c:v>
                </c:pt>
                <c:pt idx="887">
                  <c:v>9.5705607352205346E-2</c:v>
                </c:pt>
                <c:pt idx="888">
                  <c:v>6.0959014286771404E-2</c:v>
                </c:pt>
                <c:pt idx="889">
                  <c:v>9.288992653222311E-2</c:v>
                </c:pt>
                <c:pt idx="890">
                  <c:v>9.288992653222311E-2</c:v>
                </c:pt>
                <c:pt idx="891">
                  <c:v>9.288992653222311E-2</c:v>
                </c:pt>
                <c:pt idx="892">
                  <c:v>9.288992653222311E-2</c:v>
                </c:pt>
                <c:pt idx="893">
                  <c:v>9.288992653222311E-2</c:v>
                </c:pt>
                <c:pt idx="894">
                  <c:v>9.288992653222311E-2</c:v>
                </c:pt>
                <c:pt idx="895">
                  <c:v>0.39158909653740293</c:v>
                </c:pt>
                <c:pt idx="896">
                  <c:v>0.43693099192594431</c:v>
                </c:pt>
                <c:pt idx="897">
                  <c:v>0.48227288731448575</c:v>
                </c:pt>
                <c:pt idx="898">
                  <c:v>0.48227288731448575</c:v>
                </c:pt>
                <c:pt idx="899">
                  <c:v>0.57707866858143597</c:v>
                </c:pt>
                <c:pt idx="900">
                  <c:v>0.57707866858143597</c:v>
                </c:pt>
                <c:pt idx="901">
                  <c:v>0.38334511555766815</c:v>
                </c:pt>
                <c:pt idx="902">
                  <c:v>0.57707866858143597</c:v>
                </c:pt>
                <c:pt idx="903">
                  <c:v>0.57707866858143597</c:v>
                </c:pt>
                <c:pt idx="904">
                  <c:v>0.34006421541406051</c:v>
                </c:pt>
                <c:pt idx="905">
                  <c:v>0.1451405102065986</c:v>
                </c:pt>
                <c:pt idx="906">
                  <c:v>9.5792736736355064E-2</c:v>
                </c:pt>
                <c:pt idx="907">
                  <c:v>9.5792736736355064E-2</c:v>
                </c:pt>
                <c:pt idx="908">
                  <c:v>9.5792736736355064E-2</c:v>
                </c:pt>
                <c:pt idx="909">
                  <c:v>9.5792736736355064E-2</c:v>
                </c:pt>
                <c:pt idx="910">
                  <c:v>9.5792736736355064E-2</c:v>
                </c:pt>
                <c:pt idx="911">
                  <c:v>9.5792736736355064E-2</c:v>
                </c:pt>
                <c:pt idx="912">
                  <c:v>9.3934557096899046E-2</c:v>
                </c:pt>
                <c:pt idx="913">
                  <c:v>9.3934557096899046E-2</c:v>
                </c:pt>
                <c:pt idx="914">
                  <c:v>9.3934557096899046E-2</c:v>
                </c:pt>
                <c:pt idx="915">
                  <c:v>9.3934557096899046E-2</c:v>
                </c:pt>
                <c:pt idx="916">
                  <c:v>9.3934557096899046E-2</c:v>
                </c:pt>
                <c:pt idx="917">
                  <c:v>9.3934557096899046E-2</c:v>
                </c:pt>
                <c:pt idx="918">
                  <c:v>9.3934557096899046E-2</c:v>
                </c:pt>
                <c:pt idx="919">
                  <c:v>0.38399308340520244</c:v>
                </c:pt>
                <c:pt idx="920">
                  <c:v>0.42845544043106798</c:v>
                </c:pt>
                <c:pt idx="921">
                  <c:v>0.47291779745693352</c:v>
                </c:pt>
                <c:pt idx="922">
                  <c:v>0.47291779745693352</c:v>
                </c:pt>
                <c:pt idx="923">
                  <c:v>0.56588454396556154</c:v>
                </c:pt>
                <c:pt idx="924">
                  <c:v>0.56588454396556154</c:v>
                </c:pt>
                <c:pt idx="925">
                  <c:v>0.37590901849140873</c:v>
                </c:pt>
                <c:pt idx="926">
                  <c:v>0.56588454396556154</c:v>
                </c:pt>
                <c:pt idx="927">
                  <c:v>0.56588454396556154</c:v>
                </c:pt>
                <c:pt idx="928">
                  <c:v>0.33346767769399166</c:v>
                </c:pt>
                <c:pt idx="929">
                  <c:v>0.14232508651045311</c:v>
                </c:pt>
                <c:pt idx="930">
                  <c:v>9.3934557096899046E-2</c:v>
                </c:pt>
                <c:pt idx="931">
                  <c:v>9.3934557096899046E-2</c:v>
                </c:pt>
                <c:pt idx="932">
                  <c:v>9.3934557096899046E-2</c:v>
                </c:pt>
                <c:pt idx="933">
                  <c:v>9.3934557096899046E-2</c:v>
                </c:pt>
                <c:pt idx="934">
                  <c:v>9.3934557096899046E-2</c:v>
                </c:pt>
                <c:pt idx="935">
                  <c:v>9.3934557096899046E-2</c:v>
                </c:pt>
                <c:pt idx="936">
                  <c:v>9.1960437002723633E-2</c:v>
                </c:pt>
                <c:pt idx="937">
                  <c:v>9.1960437002723633E-2</c:v>
                </c:pt>
                <c:pt idx="938">
                  <c:v>9.1960437002723633E-2</c:v>
                </c:pt>
                <c:pt idx="939">
                  <c:v>9.1960437002723633E-2</c:v>
                </c:pt>
                <c:pt idx="940">
                  <c:v>9.1960437002723633E-2</c:v>
                </c:pt>
                <c:pt idx="941">
                  <c:v>9.1960437002723633E-2</c:v>
                </c:pt>
                <c:pt idx="942">
                  <c:v>9.1960437002723633E-2</c:v>
                </c:pt>
                <c:pt idx="943">
                  <c:v>0.37592311974749759</c:v>
                </c:pt>
                <c:pt idx="944">
                  <c:v>0.41945105992878673</c:v>
                </c:pt>
                <c:pt idx="945">
                  <c:v>0.46297900011007598</c:v>
                </c:pt>
                <c:pt idx="946">
                  <c:v>0.46297900011007598</c:v>
                </c:pt>
                <c:pt idx="947">
                  <c:v>0.5539919659436805</c:v>
                </c:pt>
                <c:pt idx="948">
                  <c:v>0.5539919659436805</c:v>
                </c:pt>
                <c:pt idx="949">
                  <c:v>0.36800894880544499</c:v>
                </c:pt>
                <c:pt idx="950">
                  <c:v>0.5539919659436805</c:v>
                </c:pt>
                <c:pt idx="951">
                  <c:v>0.5539919659436805</c:v>
                </c:pt>
                <c:pt idx="952">
                  <c:v>0.32645955135966886</c:v>
                </c:pt>
                <c:pt idx="953">
                  <c:v>0.1393339954586722</c:v>
                </c:pt>
                <c:pt idx="954">
                  <c:v>9.1960437002723633E-2</c:v>
                </c:pt>
                <c:pt idx="955">
                  <c:v>9.1960437002723633E-2</c:v>
                </c:pt>
                <c:pt idx="956">
                  <c:v>9.1960437002723633E-2</c:v>
                </c:pt>
                <c:pt idx="957">
                  <c:v>9.1960437002723633E-2</c:v>
                </c:pt>
                <c:pt idx="958">
                  <c:v>9.1960437002723633E-2</c:v>
                </c:pt>
                <c:pt idx="959">
                  <c:v>9.1960437002723633E-2</c:v>
                </c:pt>
                <c:pt idx="960">
                  <c:v>0.13735190674501252</c:v>
                </c:pt>
                <c:pt idx="961">
                  <c:v>8.3243579845462129E-2</c:v>
                </c:pt>
                <c:pt idx="962">
                  <c:v>8.3243579845462129E-2</c:v>
                </c:pt>
                <c:pt idx="963">
                  <c:v>8.3243579845462129E-2</c:v>
                </c:pt>
                <c:pt idx="964">
                  <c:v>8.3243579845462129E-2</c:v>
                </c:pt>
                <c:pt idx="965">
                  <c:v>8.3243579845462129E-2</c:v>
                </c:pt>
                <c:pt idx="966">
                  <c:v>8.3243579845462129E-2</c:v>
                </c:pt>
                <c:pt idx="967">
                  <c:v>0.35461765014166868</c:v>
                </c:pt>
                <c:pt idx="968">
                  <c:v>0.44327206267708585</c:v>
                </c:pt>
                <c:pt idx="969">
                  <c:v>0.48759926894479444</c:v>
                </c:pt>
                <c:pt idx="970">
                  <c:v>0.48759926894479444</c:v>
                </c:pt>
                <c:pt idx="971">
                  <c:v>0.57625368148021161</c:v>
                </c:pt>
                <c:pt idx="972">
                  <c:v>0.57625368148021161</c:v>
                </c:pt>
                <c:pt idx="973">
                  <c:v>0.39894485640937727</c:v>
                </c:pt>
                <c:pt idx="974">
                  <c:v>0.57625368148021161</c:v>
                </c:pt>
                <c:pt idx="975">
                  <c:v>0.44327206267708585</c:v>
                </c:pt>
                <c:pt idx="976">
                  <c:v>0.20810894961365534</c:v>
                </c:pt>
                <c:pt idx="977">
                  <c:v>0.13735190674501252</c:v>
                </c:pt>
                <c:pt idx="978">
                  <c:v>8.7405758837735242E-2</c:v>
                </c:pt>
                <c:pt idx="979">
                  <c:v>8.3243579845462129E-2</c:v>
                </c:pt>
                <c:pt idx="980">
                  <c:v>8.3243579845462129E-2</c:v>
                </c:pt>
                <c:pt idx="981">
                  <c:v>8.3243579845462129E-2</c:v>
                </c:pt>
                <c:pt idx="982">
                  <c:v>8.3243579845462129E-2</c:v>
                </c:pt>
                <c:pt idx="983">
                  <c:v>8.3243579845462129E-2</c:v>
                </c:pt>
                <c:pt idx="984">
                  <c:v>6.0969822322551326E-2</c:v>
                </c:pt>
                <c:pt idx="985">
                  <c:v>5.4872840090296193E-2</c:v>
                </c:pt>
                <c:pt idx="986">
                  <c:v>5.4872840090296193E-2</c:v>
                </c:pt>
                <c:pt idx="987">
                  <c:v>5.4872840090296193E-2</c:v>
                </c:pt>
                <c:pt idx="988">
                  <c:v>5.4872840090296193E-2</c:v>
                </c:pt>
                <c:pt idx="989">
                  <c:v>5.4872840090296193E-2</c:v>
                </c:pt>
                <c:pt idx="990">
                  <c:v>5.4872840090296193E-2</c:v>
                </c:pt>
                <c:pt idx="991">
                  <c:v>5.4872840090296193E-2</c:v>
                </c:pt>
                <c:pt idx="992">
                  <c:v>5.4872840090296193E-2</c:v>
                </c:pt>
                <c:pt idx="993">
                  <c:v>5.4872840090296193E-2</c:v>
                </c:pt>
                <c:pt idx="994">
                  <c:v>5.4872840090296193E-2</c:v>
                </c:pt>
                <c:pt idx="995">
                  <c:v>5.4872840090296193E-2</c:v>
                </c:pt>
                <c:pt idx="996">
                  <c:v>5.4872840090296193E-2</c:v>
                </c:pt>
                <c:pt idx="997">
                  <c:v>5.4872840090296193E-2</c:v>
                </c:pt>
                <c:pt idx="998">
                  <c:v>5.4872840090296193E-2</c:v>
                </c:pt>
                <c:pt idx="999">
                  <c:v>5.4872840090296193E-2</c:v>
                </c:pt>
                <c:pt idx="1000">
                  <c:v>5.4872840090296193E-2</c:v>
                </c:pt>
                <c:pt idx="1001">
                  <c:v>5.4872840090296193E-2</c:v>
                </c:pt>
                <c:pt idx="1002">
                  <c:v>5.4872840090296193E-2</c:v>
                </c:pt>
                <c:pt idx="1003">
                  <c:v>5.4872840090296193E-2</c:v>
                </c:pt>
                <c:pt idx="1004">
                  <c:v>5.4872840090296193E-2</c:v>
                </c:pt>
                <c:pt idx="1005">
                  <c:v>5.4872840090296193E-2</c:v>
                </c:pt>
                <c:pt idx="1006">
                  <c:v>5.4872840090296193E-2</c:v>
                </c:pt>
                <c:pt idx="1007">
                  <c:v>5.4872840090296193E-2</c:v>
                </c:pt>
                <c:pt idx="1008">
                  <c:v>4.8727386336644293E-2</c:v>
                </c:pt>
                <c:pt idx="1009">
                  <c:v>4.8727386336644293E-2</c:v>
                </c:pt>
                <c:pt idx="1010">
                  <c:v>4.8727386336644293E-2</c:v>
                </c:pt>
                <c:pt idx="1011">
                  <c:v>4.8727386336644293E-2</c:v>
                </c:pt>
                <c:pt idx="1012">
                  <c:v>4.8727386336644293E-2</c:v>
                </c:pt>
                <c:pt idx="1013">
                  <c:v>4.8727386336644293E-2</c:v>
                </c:pt>
                <c:pt idx="1014">
                  <c:v>4.8727386336644293E-2</c:v>
                </c:pt>
                <c:pt idx="1015">
                  <c:v>4.8727386336644293E-2</c:v>
                </c:pt>
                <c:pt idx="1016">
                  <c:v>4.8727386336644293E-2</c:v>
                </c:pt>
                <c:pt idx="1017">
                  <c:v>4.8727386336644293E-2</c:v>
                </c:pt>
                <c:pt idx="1018">
                  <c:v>4.8727386336644293E-2</c:v>
                </c:pt>
                <c:pt idx="1019">
                  <c:v>4.8727386336644293E-2</c:v>
                </c:pt>
                <c:pt idx="1020">
                  <c:v>4.8727386336644293E-2</c:v>
                </c:pt>
                <c:pt idx="1021">
                  <c:v>4.8727386336644293E-2</c:v>
                </c:pt>
                <c:pt idx="1022">
                  <c:v>4.8727386336644293E-2</c:v>
                </c:pt>
                <c:pt idx="1023">
                  <c:v>4.8727386336644293E-2</c:v>
                </c:pt>
                <c:pt idx="1024">
                  <c:v>4.8727386336644293E-2</c:v>
                </c:pt>
                <c:pt idx="1025">
                  <c:v>4.8727386336644293E-2</c:v>
                </c:pt>
                <c:pt idx="1026">
                  <c:v>4.8727386336644293E-2</c:v>
                </c:pt>
                <c:pt idx="1027">
                  <c:v>4.8727386336644293E-2</c:v>
                </c:pt>
                <c:pt idx="1028">
                  <c:v>4.8727386336644293E-2</c:v>
                </c:pt>
                <c:pt idx="1029">
                  <c:v>4.8727386336644293E-2</c:v>
                </c:pt>
                <c:pt idx="1030">
                  <c:v>4.8727386336644293E-2</c:v>
                </c:pt>
                <c:pt idx="1031">
                  <c:v>4.8727386336644293E-2</c:v>
                </c:pt>
                <c:pt idx="1032">
                  <c:v>8.2707246589754604E-2</c:v>
                </c:pt>
                <c:pt idx="1033">
                  <c:v>8.2707246589754604E-2</c:v>
                </c:pt>
                <c:pt idx="1034">
                  <c:v>8.2707246589754604E-2</c:v>
                </c:pt>
                <c:pt idx="1035">
                  <c:v>8.2707246589754604E-2</c:v>
                </c:pt>
                <c:pt idx="1036">
                  <c:v>8.2707246589754604E-2</c:v>
                </c:pt>
                <c:pt idx="1037">
                  <c:v>8.2707246589754604E-2</c:v>
                </c:pt>
                <c:pt idx="1038">
                  <c:v>8.2707246589754604E-2</c:v>
                </c:pt>
                <c:pt idx="1039">
                  <c:v>0.35233287047235451</c:v>
                </c:pt>
                <c:pt idx="1040">
                  <c:v>0.39637447928139891</c:v>
                </c:pt>
                <c:pt idx="1041">
                  <c:v>0.44041608809044319</c:v>
                </c:pt>
                <c:pt idx="1042">
                  <c:v>0.44041608809044319</c:v>
                </c:pt>
                <c:pt idx="1043">
                  <c:v>0.52849930570853187</c:v>
                </c:pt>
                <c:pt idx="1044">
                  <c:v>0.52849930570853187</c:v>
                </c:pt>
                <c:pt idx="1045">
                  <c:v>0.35233287047235451</c:v>
                </c:pt>
                <c:pt idx="1046">
                  <c:v>0.52849930570853187</c:v>
                </c:pt>
                <c:pt idx="1047">
                  <c:v>0.52849930570853187</c:v>
                </c:pt>
                <c:pt idx="1048">
                  <c:v>0.30829126166331022</c:v>
                </c:pt>
                <c:pt idx="1049">
                  <c:v>8.8083217618088627E-2</c:v>
                </c:pt>
                <c:pt idx="1050">
                  <c:v>8.6842608919242309E-2</c:v>
                </c:pt>
                <c:pt idx="1051">
                  <c:v>8.6842608919242309E-2</c:v>
                </c:pt>
                <c:pt idx="1052">
                  <c:v>8.6842608919242309E-2</c:v>
                </c:pt>
                <c:pt idx="1053">
                  <c:v>8.6842608919242309E-2</c:v>
                </c:pt>
                <c:pt idx="1054">
                  <c:v>8.6842608919242309E-2</c:v>
                </c:pt>
                <c:pt idx="1055">
                  <c:v>8.6842608919242309E-2</c:v>
                </c:pt>
                <c:pt idx="1056">
                  <c:v>5.5507828222332842E-2</c:v>
                </c:pt>
                <c:pt idx="1057">
                  <c:v>8.4583357291173861E-2</c:v>
                </c:pt>
                <c:pt idx="1058">
                  <c:v>8.4583357291173861E-2</c:v>
                </c:pt>
                <c:pt idx="1059">
                  <c:v>8.4583357291173861E-2</c:v>
                </c:pt>
                <c:pt idx="1060">
                  <c:v>8.4583357291173861E-2</c:v>
                </c:pt>
                <c:pt idx="1061">
                  <c:v>8.4583357291173861E-2</c:v>
                </c:pt>
                <c:pt idx="1062">
                  <c:v>8.4583357291173861E-2</c:v>
                </c:pt>
                <c:pt idx="1063">
                  <c:v>0.35657171558060474</c:v>
                </c:pt>
                <c:pt idx="1064">
                  <c:v>0.39785896685835909</c:v>
                </c:pt>
                <c:pt idx="1065">
                  <c:v>0.43914621813611326</c:v>
                </c:pt>
                <c:pt idx="1066">
                  <c:v>0.43914621813611326</c:v>
                </c:pt>
                <c:pt idx="1067">
                  <c:v>0.52547410717141751</c:v>
                </c:pt>
                <c:pt idx="1068">
                  <c:v>0.52547410717141751</c:v>
                </c:pt>
                <c:pt idx="1069">
                  <c:v>0.34906494262101306</c:v>
                </c:pt>
                <c:pt idx="1070">
                  <c:v>0.52547410717141751</c:v>
                </c:pt>
                <c:pt idx="1071">
                  <c:v>0.52547410717141751</c:v>
                </c:pt>
                <c:pt idx="1072">
                  <c:v>0.30965438458315675</c:v>
                </c:pt>
                <c:pt idx="1073">
                  <c:v>0.13216149576745914</c:v>
                </c:pt>
                <c:pt idx="1074">
                  <c:v>8.7226587206523043E-2</c:v>
                </c:pt>
                <c:pt idx="1075">
                  <c:v>8.7226587206523043E-2</c:v>
                </c:pt>
                <c:pt idx="1076">
                  <c:v>8.7226587206523043E-2</c:v>
                </c:pt>
                <c:pt idx="1077">
                  <c:v>8.7226587206523043E-2</c:v>
                </c:pt>
                <c:pt idx="1078">
                  <c:v>8.7226587206523043E-2</c:v>
                </c:pt>
                <c:pt idx="1079">
                  <c:v>8.7226587206523043E-2</c:v>
                </c:pt>
                <c:pt idx="1080">
                  <c:v>8.770270313167472E-2</c:v>
                </c:pt>
                <c:pt idx="1081">
                  <c:v>8.770270313167472E-2</c:v>
                </c:pt>
                <c:pt idx="1082">
                  <c:v>8.770270313167472E-2</c:v>
                </c:pt>
                <c:pt idx="1083">
                  <c:v>8.770270313167472E-2</c:v>
                </c:pt>
                <c:pt idx="1084">
                  <c:v>8.770270313167472E-2</c:v>
                </c:pt>
                <c:pt idx="1085">
                  <c:v>8.770270313167472E-2</c:v>
                </c:pt>
                <c:pt idx="1086">
                  <c:v>8.770270313167472E-2</c:v>
                </c:pt>
                <c:pt idx="1087">
                  <c:v>0.35851801977160358</c:v>
                </c:pt>
                <c:pt idx="1088">
                  <c:v>0.4000306325872629</c:v>
                </c:pt>
                <c:pt idx="1089">
                  <c:v>0.44154324540292234</c:v>
                </c:pt>
                <c:pt idx="1090">
                  <c:v>0.44154324540292234</c:v>
                </c:pt>
                <c:pt idx="1091">
                  <c:v>0.52834234492657361</c:v>
                </c:pt>
                <c:pt idx="1092">
                  <c:v>0.52834234492657361</c:v>
                </c:pt>
                <c:pt idx="1093">
                  <c:v>0.3509702719869382</c:v>
                </c:pt>
                <c:pt idx="1094">
                  <c:v>0.52834234492657361</c:v>
                </c:pt>
                <c:pt idx="1095">
                  <c:v>0.52834234492657361</c:v>
                </c:pt>
                <c:pt idx="1096">
                  <c:v>0.31134459611744525</c:v>
                </c:pt>
                <c:pt idx="1097">
                  <c:v>0.13288288353284047</c:v>
                </c:pt>
                <c:pt idx="1098">
                  <c:v>8.770270313167472E-2</c:v>
                </c:pt>
                <c:pt idx="1099">
                  <c:v>8.770270313167472E-2</c:v>
                </c:pt>
                <c:pt idx="1100">
                  <c:v>8.770270313167472E-2</c:v>
                </c:pt>
                <c:pt idx="1101">
                  <c:v>8.770270313167472E-2</c:v>
                </c:pt>
                <c:pt idx="1102">
                  <c:v>8.770270313167472E-2</c:v>
                </c:pt>
                <c:pt idx="1103">
                  <c:v>8.770270313167472E-2</c:v>
                </c:pt>
                <c:pt idx="1104">
                  <c:v>8.8065528274458432E-2</c:v>
                </c:pt>
                <c:pt idx="1105">
                  <c:v>8.8065528274458432E-2</c:v>
                </c:pt>
                <c:pt idx="1106">
                  <c:v>8.8065528274458432E-2</c:v>
                </c:pt>
                <c:pt idx="1107">
                  <c:v>8.8065528274458432E-2</c:v>
                </c:pt>
                <c:pt idx="1108">
                  <c:v>8.8065528274458432E-2</c:v>
                </c:pt>
                <c:pt idx="1109">
                  <c:v>8.8065528274458432E-2</c:v>
                </c:pt>
                <c:pt idx="1110">
                  <c:v>8.8065528274458432E-2</c:v>
                </c:pt>
                <c:pt idx="1111">
                  <c:v>0.36000120497649823</c:v>
                </c:pt>
                <c:pt idx="1112">
                  <c:v>0.40168555502640857</c:v>
                </c:pt>
                <c:pt idx="1113">
                  <c:v>0.4433699050763189</c:v>
                </c:pt>
                <c:pt idx="1114">
                  <c:v>0.4433699050763189</c:v>
                </c:pt>
                <c:pt idx="1115">
                  <c:v>0.53052809154431313</c:v>
                </c:pt>
                <c:pt idx="1116">
                  <c:v>0.53052809154431313</c:v>
                </c:pt>
                <c:pt idx="1117">
                  <c:v>0.3524222322401509</c:v>
                </c:pt>
                <c:pt idx="1118">
                  <c:v>0.53052809154431313</c:v>
                </c:pt>
                <c:pt idx="1119">
                  <c:v>0.53052809154431313</c:v>
                </c:pt>
                <c:pt idx="1120">
                  <c:v>0.31263262537432746</c:v>
                </c:pt>
                <c:pt idx="1121">
                  <c:v>0.13343261859766428</c:v>
                </c:pt>
                <c:pt idx="1122">
                  <c:v>8.8065528274458432E-2</c:v>
                </c:pt>
                <c:pt idx="1123">
                  <c:v>8.8065528274458432E-2</c:v>
                </c:pt>
                <c:pt idx="1124">
                  <c:v>8.8065528274458432E-2</c:v>
                </c:pt>
                <c:pt idx="1125">
                  <c:v>8.8065528274458432E-2</c:v>
                </c:pt>
                <c:pt idx="1126">
                  <c:v>8.8065528274458432E-2</c:v>
                </c:pt>
                <c:pt idx="1127">
                  <c:v>8.8065528274458432E-2</c:v>
                </c:pt>
                <c:pt idx="1128">
                  <c:v>0.13008761344691183</c:v>
                </c:pt>
                <c:pt idx="1129">
                  <c:v>7.8840977846613244E-2</c:v>
                </c:pt>
                <c:pt idx="1130">
                  <c:v>7.8840977846613244E-2</c:v>
                </c:pt>
                <c:pt idx="1131">
                  <c:v>7.8840977846613244E-2</c:v>
                </c:pt>
                <c:pt idx="1132">
                  <c:v>7.8840977846613244E-2</c:v>
                </c:pt>
                <c:pt idx="1133">
                  <c:v>7.8840977846613244E-2</c:v>
                </c:pt>
                <c:pt idx="1134">
                  <c:v>7.8840977846613244E-2</c:v>
                </c:pt>
                <c:pt idx="1135">
                  <c:v>0.33586256562657235</c:v>
                </c:pt>
                <c:pt idx="1136">
                  <c:v>0.41982820703321549</c:v>
                </c:pt>
                <c:pt idx="1137">
                  <c:v>0.46181102773653704</c:v>
                </c:pt>
                <c:pt idx="1138">
                  <c:v>0.46181102773653704</c:v>
                </c:pt>
                <c:pt idx="1139">
                  <c:v>0.54577666914318024</c:v>
                </c:pt>
                <c:pt idx="1140">
                  <c:v>0.54577666914318024</c:v>
                </c:pt>
                <c:pt idx="1141">
                  <c:v>0.37784538632989395</c:v>
                </c:pt>
                <c:pt idx="1142">
                  <c:v>0.54577666914318024</c:v>
                </c:pt>
                <c:pt idx="1143">
                  <c:v>0.41982820703321549</c:v>
                </c:pt>
                <c:pt idx="1144">
                  <c:v>0.19710244461653315</c:v>
                </c:pt>
                <c:pt idx="1145">
                  <c:v>0.13008761344691183</c:v>
                </c:pt>
                <c:pt idx="1146">
                  <c:v>8.2783026738943888E-2</c:v>
                </c:pt>
                <c:pt idx="1147">
                  <c:v>7.8840977846613244E-2</c:v>
                </c:pt>
                <c:pt idx="1148">
                  <c:v>7.8840977846613244E-2</c:v>
                </c:pt>
                <c:pt idx="1149">
                  <c:v>7.8840977846613244E-2</c:v>
                </c:pt>
                <c:pt idx="1150">
                  <c:v>7.8840977846613244E-2</c:v>
                </c:pt>
                <c:pt idx="1151">
                  <c:v>7.8840977846613244E-2</c:v>
                </c:pt>
                <c:pt idx="1152">
                  <c:v>3.6905363065055388E-2</c:v>
                </c:pt>
                <c:pt idx="1153">
                  <c:v>3.3214826758549851E-2</c:v>
                </c:pt>
                <c:pt idx="1154">
                  <c:v>3.3214826758549851E-2</c:v>
                </c:pt>
                <c:pt idx="1155">
                  <c:v>3.3214826758549851E-2</c:v>
                </c:pt>
                <c:pt idx="1156">
                  <c:v>3.3214826758549851E-2</c:v>
                </c:pt>
                <c:pt idx="1157">
                  <c:v>3.3214826758549851E-2</c:v>
                </c:pt>
                <c:pt idx="1158">
                  <c:v>3.3214826758549851E-2</c:v>
                </c:pt>
                <c:pt idx="1159">
                  <c:v>3.3214826758549851E-2</c:v>
                </c:pt>
                <c:pt idx="1160">
                  <c:v>3.3214826758549851E-2</c:v>
                </c:pt>
                <c:pt idx="1161">
                  <c:v>3.3214826758549851E-2</c:v>
                </c:pt>
                <c:pt idx="1162">
                  <c:v>3.3214826758549851E-2</c:v>
                </c:pt>
                <c:pt idx="1163">
                  <c:v>3.3214826758549851E-2</c:v>
                </c:pt>
                <c:pt idx="1164">
                  <c:v>3.3214826758549851E-2</c:v>
                </c:pt>
                <c:pt idx="1165">
                  <c:v>3.3214826758549851E-2</c:v>
                </c:pt>
                <c:pt idx="1166">
                  <c:v>3.3214826758549851E-2</c:v>
                </c:pt>
                <c:pt idx="1167">
                  <c:v>3.3214826758549851E-2</c:v>
                </c:pt>
                <c:pt idx="1168">
                  <c:v>3.3214826758549851E-2</c:v>
                </c:pt>
                <c:pt idx="1169">
                  <c:v>3.3214826758549851E-2</c:v>
                </c:pt>
                <c:pt idx="1170">
                  <c:v>3.3214826758549851E-2</c:v>
                </c:pt>
                <c:pt idx="1171">
                  <c:v>3.3214826758549851E-2</c:v>
                </c:pt>
                <c:pt idx="1172">
                  <c:v>3.3214826758549851E-2</c:v>
                </c:pt>
                <c:pt idx="1173">
                  <c:v>3.3214826758549851E-2</c:v>
                </c:pt>
                <c:pt idx="1174">
                  <c:v>3.3214826758549851E-2</c:v>
                </c:pt>
                <c:pt idx="1175">
                  <c:v>3.3214826758549851E-2</c:v>
                </c:pt>
                <c:pt idx="1176">
                  <c:v>3.9768093784650113E-2</c:v>
                </c:pt>
                <c:pt idx="1177">
                  <c:v>3.9768093784650113E-2</c:v>
                </c:pt>
                <c:pt idx="1178">
                  <c:v>3.9768093784650113E-2</c:v>
                </c:pt>
                <c:pt idx="1179">
                  <c:v>3.9768093784650113E-2</c:v>
                </c:pt>
                <c:pt idx="1180">
                  <c:v>3.9768093784650113E-2</c:v>
                </c:pt>
                <c:pt idx="1181">
                  <c:v>3.9768093784650113E-2</c:v>
                </c:pt>
                <c:pt idx="1182">
                  <c:v>3.9768093784650113E-2</c:v>
                </c:pt>
                <c:pt idx="1183">
                  <c:v>3.9768093784650113E-2</c:v>
                </c:pt>
                <c:pt idx="1184">
                  <c:v>3.9768093784650113E-2</c:v>
                </c:pt>
                <c:pt idx="1185">
                  <c:v>3.9768093784650113E-2</c:v>
                </c:pt>
                <c:pt idx="1186">
                  <c:v>3.9768093784650113E-2</c:v>
                </c:pt>
                <c:pt idx="1187">
                  <c:v>3.9768093784650113E-2</c:v>
                </c:pt>
                <c:pt idx="1188">
                  <c:v>3.9768093784650113E-2</c:v>
                </c:pt>
                <c:pt idx="1189">
                  <c:v>3.9768093784650113E-2</c:v>
                </c:pt>
                <c:pt idx="1190">
                  <c:v>3.9768093784650113E-2</c:v>
                </c:pt>
                <c:pt idx="1191">
                  <c:v>3.9768093784650113E-2</c:v>
                </c:pt>
                <c:pt idx="1192">
                  <c:v>3.9768093784650113E-2</c:v>
                </c:pt>
                <c:pt idx="1193">
                  <c:v>3.9768093784650113E-2</c:v>
                </c:pt>
                <c:pt idx="1194">
                  <c:v>3.9768093784650113E-2</c:v>
                </c:pt>
                <c:pt idx="1195">
                  <c:v>3.9768093784650113E-2</c:v>
                </c:pt>
                <c:pt idx="1196">
                  <c:v>3.9768093784650113E-2</c:v>
                </c:pt>
                <c:pt idx="1197">
                  <c:v>3.9768093784650113E-2</c:v>
                </c:pt>
                <c:pt idx="1198">
                  <c:v>3.9768093784650113E-2</c:v>
                </c:pt>
                <c:pt idx="1199">
                  <c:v>3.9768093784650113E-2</c:v>
                </c:pt>
                <c:pt idx="1200">
                  <c:v>8.1488685218385148E-2</c:v>
                </c:pt>
                <c:pt idx="1201">
                  <c:v>8.1488685218385148E-2</c:v>
                </c:pt>
                <c:pt idx="1202">
                  <c:v>8.1488685218385148E-2</c:v>
                </c:pt>
                <c:pt idx="1203">
                  <c:v>8.1488685218385148E-2</c:v>
                </c:pt>
                <c:pt idx="1204">
                  <c:v>8.1488685218385148E-2</c:v>
                </c:pt>
                <c:pt idx="1205">
                  <c:v>8.1488685218385148E-2</c:v>
                </c:pt>
                <c:pt idx="1206">
                  <c:v>8.1488685218385148E-2</c:v>
                </c:pt>
                <c:pt idx="1207">
                  <c:v>0.34714179903032066</c:v>
                </c:pt>
                <c:pt idx="1208">
                  <c:v>0.39053452390911081</c:v>
                </c:pt>
                <c:pt idx="1209">
                  <c:v>0.4339272487879009</c:v>
                </c:pt>
                <c:pt idx="1210">
                  <c:v>0.4339272487879009</c:v>
                </c:pt>
                <c:pt idx="1211">
                  <c:v>0.52071269854548097</c:v>
                </c:pt>
                <c:pt idx="1212">
                  <c:v>0.52071269854548097</c:v>
                </c:pt>
                <c:pt idx="1213">
                  <c:v>0.34714179903032066</c:v>
                </c:pt>
                <c:pt idx="1214">
                  <c:v>0.52071269854548097</c:v>
                </c:pt>
                <c:pt idx="1215">
                  <c:v>0.52071269854548097</c:v>
                </c:pt>
                <c:pt idx="1216">
                  <c:v>0.30374907415153057</c:v>
                </c:pt>
                <c:pt idx="1217">
                  <c:v>8.6785449757580166E-2</c:v>
                </c:pt>
                <c:pt idx="1218">
                  <c:v>8.5563119479304395E-2</c:v>
                </c:pt>
                <c:pt idx="1219">
                  <c:v>8.5563119479304395E-2</c:v>
                </c:pt>
                <c:pt idx="1220">
                  <c:v>8.5563119479304395E-2</c:v>
                </c:pt>
                <c:pt idx="1221">
                  <c:v>8.5563119479304395E-2</c:v>
                </c:pt>
                <c:pt idx="1222">
                  <c:v>8.5563119479304395E-2</c:v>
                </c:pt>
                <c:pt idx="1223">
                  <c:v>8.5563119479304395E-2</c:v>
                </c:pt>
                <c:pt idx="1224">
                  <c:v>5.3062942790638667E-2</c:v>
                </c:pt>
                <c:pt idx="1225">
                  <c:v>8.0857817585735126E-2</c:v>
                </c:pt>
                <c:pt idx="1226">
                  <c:v>8.0857817585735126E-2</c:v>
                </c:pt>
                <c:pt idx="1227">
                  <c:v>8.0857817585735126E-2</c:v>
                </c:pt>
                <c:pt idx="1228">
                  <c:v>8.0857817585735126E-2</c:v>
                </c:pt>
                <c:pt idx="1229">
                  <c:v>8.0857817585735126E-2</c:v>
                </c:pt>
                <c:pt idx="1230">
                  <c:v>8.0857817585735126E-2</c:v>
                </c:pt>
                <c:pt idx="1231">
                  <c:v>0.34086623725986454</c:v>
                </c:pt>
                <c:pt idx="1232">
                  <c:v>0.38033495946890161</c:v>
                </c:pt>
                <c:pt idx="1233">
                  <c:v>0.41980368167793858</c:v>
                </c:pt>
                <c:pt idx="1234">
                  <c:v>0.41980368167793858</c:v>
                </c:pt>
                <c:pt idx="1235">
                  <c:v>0.50232919175137936</c:v>
                </c:pt>
                <c:pt idx="1236">
                  <c:v>0.50232919175137936</c:v>
                </c:pt>
                <c:pt idx="1237">
                  <c:v>0.33369010594913062</c:v>
                </c:pt>
                <c:pt idx="1238">
                  <c:v>0.50232919175137936</c:v>
                </c:pt>
                <c:pt idx="1239">
                  <c:v>0.50232919175137936</c:v>
                </c:pt>
                <c:pt idx="1240">
                  <c:v>0.29601541656777713</c:v>
                </c:pt>
                <c:pt idx="1241">
                  <c:v>0.12634033997771113</c:v>
                </c:pt>
                <c:pt idx="1242">
                  <c:v>8.3384624385289347E-2</c:v>
                </c:pt>
                <c:pt idx="1243">
                  <c:v>8.3384624385289347E-2</c:v>
                </c:pt>
                <c:pt idx="1244">
                  <c:v>8.3384624385289347E-2</c:v>
                </c:pt>
                <c:pt idx="1245">
                  <c:v>8.3384624385289347E-2</c:v>
                </c:pt>
                <c:pt idx="1246">
                  <c:v>8.3384624385289347E-2</c:v>
                </c:pt>
                <c:pt idx="1247">
                  <c:v>8.3384624385289347E-2</c:v>
                </c:pt>
                <c:pt idx="1248">
                  <c:v>8.2502209418441302E-2</c:v>
                </c:pt>
                <c:pt idx="1249">
                  <c:v>8.2502209418441302E-2</c:v>
                </c:pt>
                <c:pt idx="1250">
                  <c:v>8.2502209418441302E-2</c:v>
                </c:pt>
                <c:pt idx="1251">
                  <c:v>8.2502209418441302E-2</c:v>
                </c:pt>
                <c:pt idx="1252">
                  <c:v>8.2502209418441302E-2</c:v>
                </c:pt>
                <c:pt idx="1253">
                  <c:v>8.2502209418441302E-2</c:v>
                </c:pt>
                <c:pt idx="1254">
                  <c:v>8.2502209418441302E-2</c:v>
                </c:pt>
                <c:pt idx="1255">
                  <c:v>0.33725903183477968</c:v>
                </c:pt>
                <c:pt idx="1256">
                  <c:v>0.37631007762617524</c:v>
                </c:pt>
                <c:pt idx="1257">
                  <c:v>0.41536112341757081</c:v>
                </c:pt>
                <c:pt idx="1258">
                  <c:v>0.41536112341757081</c:v>
                </c:pt>
                <c:pt idx="1259">
                  <c:v>0.49701331007230687</c:v>
                </c:pt>
                <c:pt idx="1260">
                  <c:v>0.49701331007230687</c:v>
                </c:pt>
                <c:pt idx="1261">
                  <c:v>0.3301588416908896</c:v>
                </c:pt>
                <c:pt idx="1262">
                  <c:v>0.49701331007230687</c:v>
                </c:pt>
                <c:pt idx="1263">
                  <c:v>0.49701331007230687</c:v>
                </c:pt>
                <c:pt idx="1264">
                  <c:v>0.29288284343546656</c:v>
                </c:pt>
                <c:pt idx="1265">
                  <c:v>0.12500334760369894</c:v>
                </c:pt>
                <c:pt idx="1266">
                  <c:v>8.2502209418441302E-2</c:v>
                </c:pt>
                <c:pt idx="1267">
                  <c:v>8.2502209418441302E-2</c:v>
                </c:pt>
                <c:pt idx="1268">
                  <c:v>8.2502209418441302E-2</c:v>
                </c:pt>
                <c:pt idx="1269">
                  <c:v>8.2502209418441302E-2</c:v>
                </c:pt>
                <c:pt idx="1270">
                  <c:v>8.2502209418441302E-2</c:v>
                </c:pt>
                <c:pt idx="1271">
                  <c:v>8.2502209418441302E-2</c:v>
                </c:pt>
                <c:pt idx="1272">
                  <c:v>8.4255864275229297E-2</c:v>
                </c:pt>
                <c:pt idx="1273">
                  <c:v>8.4255864275229297E-2</c:v>
                </c:pt>
                <c:pt idx="1274">
                  <c:v>8.4255864275229297E-2</c:v>
                </c:pt>
                <c:pt idx="1275">
                  <c:v>8.4255864275229297E-2</c:v>
                </c:pt>
                <c:pt idx="1276">
                  <c:v>8.4255864275229297E-2</c:v>
                </c:pt>
                <c:pt idx="1277">
                  <c:v>8.4255864275229297E-2</c:v>
                </c:pt>
                <c:pt idx="1278">
                  <c:v>8.4255864275229297E-2</c:v>
                </c:pt>
                <c:pt idx="1279">
                  <c:v>0.34442776032510403</c:v>
                </c:pt>
                <c:pt idx="1280">
                  <c:v>0.38430886941537928</c:v>
                </c:pt>
                <c:pt idx="1281">
                  <c:v>0.42418997850565449</c:v>
                </c:pt>
                <c:pt idx="1282">
                  <c:v>0.42418997850565449</c:v>
                </c:pt>
                <c:pt idx="1283">
                  <c:v>0.507577752058048</c:v>
                </c:pt>
                <c:pt idx="1284">
                  <c:v>0.507577752058048</c:v>
                </c:pt>
                <c:pt idx="1285">
                  <c:v>0.33717664958141769</c:v>
                </c:pt>
                <c:pt idx="1286">
                  <c:v>0.507577752058048</c:v>
                </c:pt>
                <c:pt idx="1287">
                  <c:v>0.507577752058048</c:v>
                </c:pt>
                <c:pt idx="1288">
                  <c:v>0.29910831817706407</c:v>
                </c:pt>
                <c:pt idx="1289">
                  <c:v>0.1276604004170141</c:v>
                </c:pt>
                <c:pt idx="1290">
                  <c:v>8.4255864275229297E-2</c:v>
                </c:pt>
                <c:pt idx="1291">
                  <c:v>8.4255864275229297E-2</c:v>
                </c:pt>
                <c:pt idx="1292">
                  <c:v>8.4255864275229297E-2</c:v>
                </c:pt>
                <c:pt idx="1293">
                  <c:v>8.4255864275229297E-2</c:v>
                </c:pt>
                <c:pt idx="1294">
                  <c:v>8.4255864275229297E-2</c:v>
                </c:pt>
                <c:pt idx="1295">
                  <c:v>8.4255864275229297E-2</c:v>
                </c:pt>
                <c:pt idx="1296">
                  <c:v>0.12639018339305466</c:v>
                </c:pt>
                <c:pt idx="1297">
                  <c:v>7.660011114730586E-2</c:v>
                </c:pt>
                <c:pt idx="1298">
                  <c:v>7.660011114730586E-2</c:v>
                </c:pt>
                <c:pt idx="1299">
                  <c:v>7.660011114730586E-2</c:v>
                </c:pt>
                <c:pt idx="1300">
                  <c:v>7.660011114730586E-2</c:v>
                </c:pt>
                <c:pt idx="1301">
                  <c:v>7.660011114730586E-2</c:v>
                </c:pt>
                <c:pt idx="1302">
                  <c:v>7.660011114730586E-2</c:v>
                </c:pt>
                <c:pt idx="1303">
                  <c:v>0.32631647348752285</c:v>
                </c:pt>
                <c:pt idx="1304">
                  <c:v>0.40789559185940361</c:v>
                </c:pt>
                <c:pt idx="1305">
                  <c:v>0.44868515104534401</c:v>
                </c:pt>
                <c:pt idx="1306">
                  <c:v>0.44868515104534401</c:v>
                </c:pt>
                <c:pt idx="1307">
                  <c:v>0.53026426941722471</c:v>
                </c:pt>
                <c:pt idx="1308">
                  <c:v>0.53026426941722471</c:v>
                </c:pt>
                <c:pt idx="1309">
                  <c:v>0.36710603267346326</c:v>
                </c:pt>
                <c:pt idx="1310">
                  <c:v>0.53026426941722471</c:v>
                </c:pt>
                <c:pt idx="1311">
                  <c:v>0.40789559185940361</c:v>
                </c:pt>
                <c:pt idx="1312">
                  <c:v>0.19150027786826465</c:v>
                </c:pt>
                <c:pt idx="1313">
                  <c:v>0.12639018339305466</c:v>
                </c:pt>
                <c:pt idx="1314">
                  <c:v>8.0430116704671151E-2</c:v>
                </c:pt>
                <c:pt idx="1315">
                  <c:v>7.660011114730586E-2</c:v>
                </c:pt>
                <c:pt idx="1316">
                  <c:v>7.660011114730586E-2</c:v>
                </c:pt>
                <c:pt idx="1317">
                  <c:v>7.660011114730586E-2</c:v>
                </c:pt>
                <c:pt idx="1318">
                  <c:v>7.660011114730586E-2</c:v>
                </c:pt>
                <c:pt idx="1319">
                  <c:v>7.660011114730586E-2</c:v>
                </c:pt>
                <c:pt idx="1320">
                  <c:v>5.2004631618778344E-2</c:v>
                </c:pt>
                <c:pt idx="1321">
                  <c:v>4.6804168456900504E-2</c:v>
                </c:pt>
                <c:pt idx="1322">
                  <c:v>4.6804168456900504E-2</c:v>
                </c:pt>
                <c:pt idx="1323">
                  <c:v>4.6804168456900504E-2</c:v>
                </c:pt>
                <c:pt idx="1324">
                  <c:v>4.6804168456900504E-2</c:v>
                </c:pt>
                <c:pt idx="1325">
                  <c:v>4.6804168456900504E-2</c:v>
                </c:pt>
                <c:pt idx="1326">
                  <c:v>4.6804168456900504E-2</c:v>
                </c:pt>
                <c:pt idx="1327">
                  <c:v>4.6804168456900504E-2</c:v>
                </c:pt>
                <c:pt idx="1328">
                  <c:v>4.6804168456900504E-2</c:v>
                </c:pt>
                <c:pt idx="1329">
                  <c:v>4.6804168456900504E-2</c:v>
                </c:pt>
                <c:pt idx="1330">
                  <c:v>4.6804168456900504E-2</c:v>
                </c:pt>
                <c:pt idx="1331">
                  <c:v>4.6804168456900504E-2</c:v>
                </c:pt>
                <c:pt idx="1332">
                  <c:v>4.6804168456900504E-2</c:v>
                </c:pt>
                <c:pt idx="1333">
                  <c:v>4.6804168456900504E-2</c:v>
                </c:pt>
                <c:pt idx="1334">
                  <c:v>4.6804168456900504E-2</c:v>
                </c:pt>
                <c:pt idx="1335">
                  <c:v>4.6804168456900504E-2</c:v>
                </c:pt>
                <c:pt idx="1336">
                  <c:v>4.6804168456900504E-2</c:v>
                </c:pt>
                <c:pt idx="1337">
                  <c:v>4.6804168456900504E-2</c:v>
                </c:pt>
                <c:pt idx="1338">
                  <c:v>4.6804168456900504E-2</c:v>
                </c:pt>
                <c:pt idx="1339">
                  <c:v>4.6804168456900504E-2</c:v>
                </c:pt>
                <c:pt idx="1340">
                  <c:v>4.6804168456900504E-2</c:v>
                </c:pt>
                <c:pt idx="1341">
                  <c:v>4.6804168456900504E-2</c:v>
                </c:pt>
                <c:pt idx="1342">
                  <c:v>4.6804168456900504E-2</c:v>
                </c:pt>
                <c:pt idx="1343">
                  <c:v>4.6804168456900504E-2</c:v>
                </c:pt>
                <c:pt idx="1344">
                  <c:v>5.9606527292637254E-2</c:v>
                </c:pt>
                <c:pt idx="1345">
                  <c:v>5.9606527292637254E-2</c:v>
                </c:pt>
                <c:pt idx="1346">
                  <c:v>5.9606527292637254E-2</c:v>
                </c:pt>
                <c:pt idx="1347">
                  <c:v>5.9606527292637254E-2</c:v>
                </c:pt>
                <c:pt idx="1348">
                  <c:v>5.9606527292637254E-2</c:v>
                </c:pt>
                <c:pt idx="1349">
                  <c:v>5.9606527292637254E-2</c:v>
                </c:pt>
                <c:pt idx="1350">
                  <c:v>5.9606527292637254E-2</c:v>
                </c:pt>
                <c:pt idx="1351">
                  <c:v>5.9606527292637254E-2</c:v>
                </c:pt>
                <c:pt idx="1352">
                  <c:v>5.9606527292637254E-2</c:v>
                </c:pt>
                <c:pt idx="1353">
                  <c:v>5.9606527292637254E-2</c:v>
                </c:pt>
                <c:pt idx="1354">
                  <c:v>5.9606527292637254E-2</c:v>
                </c:pt>
                <c:pt idx="1355">
                  <c:v>5.9606527292637254E-2</c:v>
                </c:pt>
                <c:pt idx="1356">
                  <c:v>5.9606527292637254E-2</c:v>
                </c:pt>
                <c:pt idx="1357">
                  <c:v>5.9606527292637254E-2</c:v>
                </c:pt>
                <c:pt idx="1358">
                  <c:v>5.9606527292637254E-2</c:v>
                </c:pt>
                <c:pt idx="1359">
                  <c:v>5.9606527292637254E-2</c:v>
                </c:pt>
                <c:pt idx="1360">
                  <c:v>5.9606527292637254E-2</c:v>
                </c:pt>
                <c:pt idx="1361">
                  <c:v>5.9606527292637254E-2</c:v>
                </c:pt>
                <c:pt idx="1362">
                  <c:v>5.9606527292637254E-2</c:v>
                </c:pt>
                <c:pt idx="1363">
                  <c:v>5.9606527292637254E-2</c:v>
                </c:pt>
                <c:pt idx="1364">
                  <c:v>5.9606527292637254E-2</c:v>
                </c:pt>
                <c:pt idx="1365">
                  <c:v>5.9606527292637254E-2</c:v>
                </c:pt>
                <c:pt idx="1366">
                  <c:v>5.9606527292637254E-2</c:v>
                </c:pt>
                <c:pt idx="1367">
                  <c:v>5.9606527292637254E-2</c:v>
                </c:pt>
                <c:pt idx="1368">
                  <c:v>8.6222940390104891E-2</c:v>
                </c:pt>
                <c:pt idx="1369">
                  <c:v>8.6222940390104891E-2</c:v>
                </c:pt>
                <c:pt idx="1370">
                  <c:v>8.6222940390104891E-2</c:v>
                </c:pt>
                <c:pt idx="1371">
                  <c:v>8.6222940390104891E-2</c:v>
                </c:pt>
                <c:pt idx="1372">
                  <c:v>8.6222940390104891E-2</c:v>
                </c:pt>
                <c:pt idx="1373">
                  <c:v>8.6222940390104891E-2</c:v>
                </c:pt>
                <c:pt idx="1374">
                  <c:v>8.6222940390104891E-2</c:v>
                </c:pt>
                <c:pt idx="1375">
                  <c:v>0.36730972606184686</c:v>
                </c:pt>
                <c:pt idx="1376">
                  <c:v>0.41322344181957771</c:v>
                </c:pt>
                <c:pt idx="1377">
                  <c:v>0.4591371575773085</c:v>
                </c:pt>
                <c:pt idx="1378">
                  <c:v>0.4591371575773085</c:v>
                </c:pt>
                <c:pt idx="1379">
                  <c:v>0.55096458909277024</c:v>
                </c:pt>
                <c:pt idx="1380">
                  <c:v>0.55096458909277024</c:v>
                </c:pt>
                <c:pt idx="1381">
                  <c:v>0.36730972606184686</c:v>
                </c:pt>
                <c:pt idx="1382">
                  <c:v>0.55096458909277024</c:v>
                </c:pt>
                <c:pt idx="1383">
                  <c:v>0.55096458909277024</c:v>
                </c:pt>
                <c:pt idx="1384">
                  <c:v>0.32139601030411591</c:v>
                </c:pt>
                <c:pt idx="1385">
                  <c:v>9.1827431515461716E-2</c:v>
                </c:pt>
                <c:pt idx="1386">
                  <c:v>9.0534087409610137E-2</c:v>
                </c:pt>
                <c:pt idx="1387">
                  <c:v>9.0534087409610137E-2</c:v>
                </c:pt>
                <c:pt idx="1388">
                  <c:v>9.0534087409610137E-2</c:v>
                </c:pt>
                <c:pt idx="1389">
                  <c:v>9.0534087409610137E-2</c:v>
                </c:pt>
                <c:pt idx="1390">
                  <c:v>9.0534087409610137E-2</c:v>
                </c:pt>
                <c:pt idx="1391">
                  <c:v>9.0534087409610137E-2</c:v>
                </c:pt>
                <c:pt idx="1392">
                  <c:v>5.6866097906607391E-2</c:v>
                </c:pt>
                <c:pt idx="1393">
                  <c:v>8.6653101571973201E-2</c:v>
                </c:pt>
                <c:pt idx="1394">
                  <c:v>8.6653101571973201E-2</c:v>
                </c:pt>
                <c:pt idx="1395">
                  <c:v>8.6653101571973201E-2</c:v>
                </c:pt>
                <c:pt idx="1396">
                  <c:v>8.6653101571973201E-2</c:v>
                </c:pt>
                <c:pt idx="1397">
                  <c:v>8.6653101571973201E-2</c:v>
                </c:pt>
                <c:pt idx="1398">
                  <c:v>8.6653101571973201E-2</c:v>
                </c:pt>
                <c:pt idx="1399">
                  <c:v>0.3652969813143494</c:v>
                </c:pt>
                <c:pt idx="1400">
                  <c:v>0.40759452651916883</c:v>
                </c:pt>
                <c:pt idx="1401">
                  <c:v>0.44989207172398826</c:v>
                </c:pt>
                <c:pt idx="1402">
                  <c:v>0.44989207172398826</c:v>
                </c:pt>
                <c:pt idx="1403">
                  <c:v>0.53833239351588336</c:v>
                </c:pt>
                <c:pt idx="1404">
                  <c:v>0.53833239351588336</c:v>
                </c:pt>
                <c:pt idx="1405">
                  <c:v>0.35760651854983683</c:v>
                </c:pt>
                <c:pt idx="1406">
                  <c:v>0.53833239351588336</c:v>
                </c:pt>
                <c:pt idx="1407">
                  <c:v>0.53833239351588336</c:v>
                </c:pt>
                <c:pt idx="1408">
                  <c:v>0.31723158903614557</c:v>
                </c:pt>
                <c:pt idx="1409">
                  <c:v>0.1353954712062081</c:v>
                </c:pt>
                <c:pt idx="1410">
                  <c:v>8.9361010996097348E-2</c:v>
                </c:pt>
                <c:pt idx="1411">
                  <c:v>8.9361010996097348E-2</c:v>
                </c:pt>
                <c:pt idx="1412">
                  <c:v>8.9361010996097348E-2</c:v>
                </c:pt>
                <c:pt idx="1413">
                  <c:v>8.9361010996097348E-2</c:v>
                </c:pt>
                <c:pt idx="1414">
                  <c:v>8.9361010996097348E-2</c:v>
                </c:pt>
                <c:pt idx="1415">
                  <c:v>8.9361010996097348E-2</c:v>
                </c:pt>
                <c:pt idx="1416">
                  <c:v>8.7763173988805343E-2</c:v>
                </c:pt>
                <c:pt idx="1417">
                  <c:v>8.7763173988805343E-2</c:v>
                </c:pt>
                <c:pt idx="1418">
                  <c:v>8.7763173988805343E-2</c:v>
                </c:pt>
                <c:pt idx="1419">
                  <c:v>8.7763173988805343E-2</c:v>
                </c:pt>
                <c:pt idx="1420">
                  <c:v>8.7763173988805343E-2</c:v>
                </c:pt>
                <c:pt idx="1421">
                  <c:v>8.7763173988805343E-2</c:v>
                </c:pt>
                <c:pt idx="1422">
                  <c:v>8.7763173988805343E-2</c:v>
                </c:pt>
                <c:pt idx="1423">
                  <c:v>0.35876521730575267</c:v>
                </c:pt>
                <c:pt idx="1424">
                  <c:v>0.4003064529937872</c:v>
                </c:pt>
                <c:pt idx="1425">
                  <c:v>0.44184768868182173</c:v>
                </c:pt>
                <c:pt idx="1426">
                  <c:v>0.44184768868182173</c:v>
                </c:pt>
                <c:pt idx="1427">
                  <c:v>0.52870663602953027</c:v>
                </c:pt>
                <c:pt idx="1428">
                  <c:v>0.52870663602953027</c:v>
                </c:pt>
                <c:pt idx="1429">
                  <c:v>0.35121226536247363</c:v>
                </c:pt>
                <c:pt idx="1430">
                  <c:v>0.52870663602953027</c:v>
                </c:pt>
                <c:pt idx="1431">
                  <c:v>0.52870663602953027</c:v>
                </c:pt>
                <c:pt idx="1432">
                  <c:v>0.31155926766025899</c:v>
                </c:pt>
                <c:pt idx="1433">
                  <c:v>0.13297450604364444</c:v>
                </c:pt>
                <c:pt idx="1434">
                  <c:v>8.7763173988805343E-2</c:v>
                </c:pt>
                <c:pt idx="1435">
                  <c:v>8.7763173988805343E-2</c:v>
                </c:pt>
                <c:pt idx="1436">
                  <c:v>8.7763173988805343E-2</c:v>
                </c:pt>
                <c:pt idx="1437">
                  <c:v>8.7763173988805343E-2</c:v>
                </c:pt>
                <c:pt idx="1438">
                  <c:v>8.7763173988805343E-2</c:v>
                </c:pt>
                <c:pt idx="1439">
                  <c:v>8.7763173988805343E-2</c:v>
                </c:pt>
                <c:pt idx="1440">
                  <c:v>8.619093170340919E-2</c:v>
                </c:pt>
                <c:pt idx="1441">
                  <c:v>8.619093170340919E-2</c:v>
                </c:pt>
                <c:pt idx="1442">
                  <c:v>8.619093170340919E-2</c:v>
                </c:pt>
                <c:pt idx="1443">
                  <c:v>8.619093170340919E-2</c:v>
                </c:pt>
                <c:pt idx="1444">
                  <c:v>8.619093170340919E-2</c:v>
                </c:pt>
                <c:pt idx="1445">
                  <c:v>8.619093170340919E-2</c:v>
                </c:pt>
                <c:pt idx="1446">
                  <c:v>8.619093170340919E-2</c:v>
                </c:pt>
                <c:pt idx="1447">
                  <c:v>0.3523380814178757</c:v>
                </c:pt>
                <c:pt idx="1448">
                  <c:v>0.39313512242415605</c:v>
                </c:pt>
                <c:pt idx="1449">
                  <c:v>0.43393216343043645</c:v>
                </c:pt>
                <c:pt idx="1450">
                  <c:v>0.43393216343043645</c:v>
                </c:pt>
                <c:pt idx="1451">
                  <c:v>0.5192350673526589</c:v>
                </c:pt>
                <c:pt idx="1452">
                  <c:v>0.5192350673526589</c:v>
                </c:pt>
                <c:pt idx="1453">
                  <c:v>0.34492043759855201</c:v>
                </c:pt>
                <c:pt idx="1454">
                  <c:v>0.5192350673526589</c:v>
                </c:pt>
                <c:pt idx="1455">
                  <c:v>0.5192350673526589</c:v>
                </c:pt>
                <c:pt idx="1456">
                  <c:v>0.30597780754710258</c:v>
                </c:pt>
                <c:pt idx="1457">
                  <c:v>0.13059232076274119</c:v>
                </c:pt>
                <c:pt idx="1458">
                  <c:v>8.619093170340919E-2</c:v>
                </c:pt>
                <c:pt idx="1459">
                  <c:v>8.619093170340919E-2</c:v>
                </c:pt>
                <c:pt idx="1460">
                  <c:v>8.619093170340919E-2</c:v>
                </c:pt>
                <c:pt idx="1461">
                  <c:v>8.619093170340919E-2</c:v>
                </c:pt>
                <c:pt idx="1462">
                  <c:v>8.619093170340919E-2</c:v>
                </c:pt>
                <c:pt idx="1463">
                  <c:v>8.619093170340919E-2</c:v>
                </c:pt>
                <c:pt idx="1464">
                  <c:v>0.13175145697114757</c:v>
                </c:pt>
                <c:pt idx="1465">
                  <c:v>7.984936786130159E-2</c:v>
                </c:pt>
                <c:pt idx="1466">
                  <c:v>7.984936786130159E-2</c:v>
                </c:pt>
                <c:pt idx="1467">
                  <c:v>7.984936786130159E-2</c:v>
                </c:pt>
                <c:pt idx="1468">
                  <c:v>7.984936786130159E-2</c:v>
                </c:pt>
                <c:pt idx="1469">
                  <c:v>7.984936786130159E-2</c:v>
                </c:pt>
                <c:pt idx="1470">
                  <c:v>7.984936786130159E-2</c:v>
                </c:pt>
                <c:pt idx="1471">
                  <c:v>0.34015830708914468</c:v>
                </c:pt>
                <c:pt idx="1472">
                  <c:v>0.42519788386143087</c:v>
                </c:pt>
                <c:pt idx="1473">
                  <c:v>0.46771767224757399</c:v>
                </c:pt>
                <c:pt idx="1474">
                  <c:v>0.46771767224757399</c:v>
                </c:pt>
                <c:pt idx="1475">
                  <c:v>0.55275724901986012</c:v>
                </c:pt>
                <c:pt idx="1476">
                  <c:v>0.55275724901986012</c:v>
                </c:pt>
                <c:pt idx="1477">
                  <c:v>0.38267809547528775</c:v>
                </c:pt>
                <c:pt idx="1478">
                  <c:v>0.55275724901986012</c:v>
                </c:pt>
                <c:pt idx="1479">
                  <c:v>0.42519788386143087</c:v>
                </c:pt>
                <c:pt idx="1480">
                  <c:v>0.19962341965325392</c:v>
                </c:pt>
                <c:pt idx="1481">
                  <c:v>0.13175145697114757</c:v>
                </c:pt>
                <c:pt idx="1482">
                  <c:v>8.3841836254366642E-2</c:v>
                </c:pt>
                <c:pt idx="1483">
                  <c:v>7.984936786130159E-2</c:v>
                </c:pt>
                <c:pt idx="1484">
                  <c:v>7.984936786130159E-2</c:v>
                </c:pt>
                <c:pt idx="1485">
                  <c:v>7.984936786130159E-2</c:v>
                </c:pt>
                <c:pt idx="1486">
                  <c:v>7.984936786130159E-2</c:v>
                </c:pt>
                <c:pt idx="1487">
                  <c:v>7.984936786130159E-2</c:v>
                </c:pt>
                <c:pt idx="1488">
                  <c:v>5.4599818401449458E-2</c:v>
                </c:pt>
                <c:pt idx="1489">
                  <c:v>4.9139836561304523E-2</c:v>
                </c:pt>
                <c:pt idx="1490">
                  <c:v>4.9139836561304523E-2</c:v>
                </c:pt>
                <c:pt idx="1491">
                  <c:v>4.9139836561304523E-2</c:v>
                </c:pt>
                <c:pt idx="1492">
                  <c:v>4.9139836561304523E-2</c:v>
                </c:pt>
                <c:pt idx="1493">
                  <c:v>4.9139836561304523E-2</c:v>
                </c:pt>
                <c:pt idx="1494">
                  <c:v>4.9139836561304523E-2</c:v>
                </c:pt>
                <c:pt idx="1495">
                  <c:v>4.9139836561304523E-2</c:v>
                </c:pt>
                <c:pt idx="1496">
                  <c:v>4.9139836561304523E-2</c:v>
                </c:pt>
                <c:pt idx="1497">
                  <c:v>4.9139836561304523E-2</c:v>
                </c:pt>
                <c:pt idx="1498">
                  <c:v>4.9139836561304523E-2</c:v>
                </c:pt>
                <c:pt idx="1499">
                  <c:v>4.9139836561304523E-2</c:v>
                </c:pt>
                <c:pt idx="1500">
                  <c:v>4.9139836561304523E-2</c:v>
                </c:pt>
                <c:pt idx="1501">
                  <c:v>4.9139836561304523E-2</c:v>
                </c:pt>
                <c:pt idx="1502">
                  <c:v>4.9139836561304523E-2</c:v>
                </c:pt>
                <c:pt idx="1503">
                  <c:v>4.9139836561304523E-2</c:v>
                </c:pt>
                <c:pt idx="1504">
                  <c:v>4.9139836561304523E-2</c:v>
                </c:pt>
                <c:pt idx="1505">
                  <c:v>4.9139836561304523E-2</c:v>
                </c:pt>
                <c:pt idx="1506">
                  <c:v>4.9139836561304523E-2</c:v>
                </c:pt>
                <c:pt idx="1507">
                  <c:v>4.9139836561304523E-2</c:v>
                </c:pt>
                <c:pt idx="1508">
                  <c:v>4.9139836561304523E-2</c:v>
                </c:pt>
                <c:pt idx="1509">
                  <c:v>4.9139836561304523E-2</c:v>
                </c:pt>
                <c:pt idx="1510">
                  <c:v>4.9139836561304523E-2</c:v>
                </c:pt>
                <c:pt idx="1511">
                  <c:v>4.9139836561304523E-2</c:v>
                </c:pt>
                <c:pt idx="1512">
                  <c:v>5.470024803797377E-2</c:v>
                </c:pt>
                <c:pt idx="1513">
                  <c:v>5.470024803797377E-2</c:v>
                </c:pt>
                <c:pt idx="1514">
                  <c:v>5.470024803797377E-2</c:v>
                </c:pt>
                <c:pt idx="1515">
                  <c:v>5.470024803797377E-2</c:v>
                </c:pt>
                <c:pt idx="1516">
                  <c:v>5.470024803797377E-2</c:v>
                </c:pt>
                <c:pt idx="1517">
                  <c:v>5.470024803797377E-2</c:v>
                </c:pt>
                <c:pt idx="1518">
                  <c:v>5.470024803797377E-2</c:v>
                </c:pt>
                <c:pt idx="1519">
                  <c:v>5.470024803797377E-2</c:v>
                </c:pt>
                <c:pt idx="1520">
                  <c:v>5.470024803797377E-2</c:v>
                </c:pt>
                <c:pt idx="1521">
                  <c:v>5.470024803797377E-2</c:v>
                </c:pt>
                <c:pt idx="1522">
                  <c:v>5.470024803797377E-2</c:v>
                </c:pt>
                <c:pt idx="1523">
                  <c:v>5.470024803797377E-2</c:v>
                </c:pt>
                <c:pt idx="1524">
                  <c:v>5.470024803797377E-2</c:v>
                </c:pt>
                <c:pt idx="1525">
                  <c:v>5.470024803797377E-2</c:v>
                </c:pt>
                <c:pt idx="1526">
                  <c:v>5.470024803797377E-2</c:v>
                </c:pt>
                <c:pt idx="1527">
                  <c:v>5.470024803797377E-2</c:v>
                </c:pt>
                <c:pt idx="1528">
                  <c:v>5.470024803797377E-2</c:v>
                </c:pt>
                <c:pt idx="1529">
                  <c:v>5.470024803797377E-2</c:v>
                </c:pt>
                <c:pt idx="1530">
                  <c:v>5.470024803797377E-2</c:v>
                </c:pt>
                <c:pt idx="1531">
                  <c:v>5.470024803797377E-2</c:v>
                </c:pt>
                <c:pt idx="1532">
                  <c:v>5.470024803797377E-2</c:v>
                </c:pt>
                <c:pt idx="1533">
                  <c:v>5.470024803797377E-2</c:v>
                </c:pt>
                <c:pt idx="1534">
                  <c:v>5.470024803797377E-2</c:v>
                </c:pt>
                <c:pt idx="1535">
                  <c:v>5.470024803797377E-2</c:v>
                </c:pt>
                <c:pt idx="1536">
                  <c:v>8.2997380249604458E-2</c:v>
                </c:pt>
                <c:pt idx="1537">
                  <c:v>8.2997380249604458E-2</c:v>
                </c:pt>
                <c:pt idx="1538">
                  <c:v>8.2997380249604458E-2</c:v>
                </c:pt>
                <c:pt idx="1539">
                  <c:v>8.2997380249604458E-2</c:v>
                </c:pt>
                <c:pt idx="1540">
                  <c:v>8.2997380249604458E-2</c:v>
                </c:pt>
                <c:pt idx="1541">
                  <c:v>8.2997380249604458E-2</c:v>
                </c:pt>
                <c:pt idx="1542">
                  <c:v>8.2997380249604458E-2</c:v>
                </c:pt>
                <c:pt idx="1543">
                  <c:v>0.353568839863315</c:v>
                </c:pt>
                <c:pt idx="1544">
                  <c:v>0.39776494484622932</c:v>
                </c:pt>
                <c:pt idx="1545">
                  <c:v>0.44196104982914375</c:v>
                </c:pt>
                <c:pt idx="1546">
                  <c:v>0.44196104982914375</c:v>
                </c:pt>
                <c:pt idx="1547">
                  <c:v>0.5303532597949725</c:v>
                </c:pt>
                <c:pt idx="1548">
                  <c:v>0.5303532597949725</c:v>
                </c:pt>
                <c:pt idx="1549">
                  <c:v>0.353568839863315</c:v>
                </c:pt>
                <c:pt idx="1550">
                  <c:v>0.5303532597949725</c:v>
                </c:pt>
                <c:pt idx="1551">
                  <c:v>0.5303532597949725</c:v>
                </c:pt>
                <c:pt idx="1552">
                  <c:v>0.30937273488040057</c:v>
                </c:pt>
                <c:pt idx="1553">
                  <c:v>8.839220996582875E-2</c:v>
                </c:pt>
                <c:pt idx="1554">
                  <c:v>8.7147249262084669E-2</c:v>
                </c:pt>
                <c:pt idx="1555">
                  <c:v>8.7147249262084669E-2</c:v>
                </c:pt>
                <c:pt idx="1556">
                  <c:v>8.7147249262084669E-2</c:v>
                </c:pt>
                <c:pt idx="1557">
                  <c:v>8.7147249262084669E-2</c:v>
                </c:pt>
                <c:pt idx="1558">
                  <c:v>8.7147249262084669E-2</c:v>
                </c:pt>
                <c:pt idx="1559">
                  <c:v>8.7147249262084669E-2</c:v>
                </c:pt>
                <c:pt idx="1560">
                  <c:v>5.4964520348623029E-2</c:v>
                </c:pt>
                <c:pt idx="1561">
                  <c:v>8.3755459578854136E-2</c:v>
                </c:pt>
                <c:pt idx="1562">
                  <c:v>8.3755459578854136E-2</c:v>
                </c:pt>
                <c:pt idx="1563">
                  <c:v>8.3755459578854136E-2</c:v>
                </c:pt>
                <c:pt idx="1564">
                  <c:v>8.3755459578854136E-2</c:v>
                </c:pt>
                <c:pt idx="1565">
                  <c:v>8.3755459578854136E-2</c:v>
                </c:pt>
                <c:pt idx="1566">
                  <c:v>8.3755459578854136E-2</c:v>
                </c:pt>
                <c:pt idx="1567">
                  <c:v>0.35308160928710691</c:v>
                </c:pt>
                <c:pt idx="1568">
                  <c:v>0.39396474299403517</c:v>
                </c:pt>
                <c:pt idx="1569">
                  <c:v>0.43484787670096336</c:v>
                </c:pt>
                <c:pt idx="1570">
                  <c:v>0.43484787670096336</c:v>
                </c:pt>
                <c:pt idx="1571">
                  <c:v>0.52033079263363125</c:v>
                </c:pt>
                <c:pt idx="1572">
                  <c:v>0.52033079263363125</c:v>
                </c:pt>
                <c:pt idx="1573">
                  <c:v>0.34564831224948367</c:v>
                </c:pt>
                <c:pt idx="1574">
                  <c:v>0.52033079263363125</c:v>
                </c:pt>
                <c:pt idx="1575">
                  <c:v>0.52033079263363125</c:v>
                </c:pt>
                <c:pt idx="1576">
                  <c:v>0.30662350280196132</c:v>
                </c:pt>
                <c:pt idx="1577">
                  <c:v>0.1308679055919596</c:v>
                </c:pt>
                <c:pt idx="1578">
                  <c:v>8.6372817690693326E-2</c:v>
                </c:pt>
                <c:pt idx="1579">
                  <c:v>8.6372817690693326E-2</c:v>
                </c:pt>
                <c:pt idx="1580">
                  <c:v>8.6372817690693326E-2</c:v>
                </c:pt>
                <c:pt idx="1581">
                  <c:v>8.6372817690693326E-2</c:v>
                </c:pt>
                <c:pt idx="1582">
                  <c:v>8.6372817690693326E-2</c:v>
                </c:pt>
                <c:pt idx="1583">
                  <c:v>8.6372817690693326E-2</c:v>
                </c:pt>
                <c:pt idx="1584">
                  <c:v>8.5102456275057997E-2</c:v>
                </c:pt>
                <c:pt idx="1585">
                  <c:v>8.5102456275057997E-2</c:v>
                </c:pt>
                <c:pt idx="1586">
                  <c:v>8.5102456275057997E-2</c:v>
                </c:pt>
                <c:pt idx="1587">
                  <c:v>8.5102456275057997E-2</c:v>
                </c:pt>
                <c:pt idx="1588">
                  <c:v>8.5102456275057997E-2</c:v>
                </c:pt>
                <c:pt idx="1589">
                  <c:v>8.5102456275057997E-2</c:v>
                </c:pt>
                <c:pt idx="1590">
                  <c:v>8.5102456275057997E-2</c:v>
                </c:pt>
                <c:pt idx="1591">
                  <c:v>0.34788852580319163</c:v>
                </c:pt>
                <c:pt idx="1592">
                  <c:v>0.3881703551067191</c:v>
                </c:pt>
                <c:pt idx="1593">
                  <c:v>0.42845218441024652</c:v>
                </c:pt>
                <c:pt idx="1594">
                  <c:v>0.42845218441024652</c:v>
                </c:pt>
                <c:pt idx="1595">
                  <c:v>0.51267782749944035</c:v>
                </c:pt>
                <c:pt idx="1596">
                  <c:v>0.51267782749944035</c:v>
                </c:pt>
                <c:pt idx="1597">
                  <c:v>0.34056455683891396</c:v>
                </c:pt>
                <c:pt idx="1598">
                  <c:v>0.51267782749944035</c:v>
                </c:pt>
                <c:pt idx="1599">
                  <c:v>0.51267782749944035</c:v>
                </c:pt>
                <c:pt idx="1600">
                  <c:v>0.30211371977645585</c:v>
                </c:pt>
                <c:pt idx="1601">
                  <c:v>0.12894311556826971</c:v>
                </c:pt>
                <c:pt idx="1602">
                  <c:v>8.5102456275057997E-2</c:v>
                </c:pt>
                <c:pt idx="1603">
                  <c:v>8.5102456275057997E-2</c:v>
                </c:pt>
                <c:pt idx="1604">
                  <c:v>8.5102456275057997E-2</c:v>
                </c:pt>
                <c:pt idx="1605">
                  <c:v>8.5102456275057997E-2</c:v>
                </c:pt>
                <c:pt idx="1606">
                  <c:v>8.5102456275057997E-2</c:v>
                </c:pt>
                <c:pt idx="1607">
                  <c:v>8.5102456275057997E-2</c:v>
                </c:pt>
                <c:pt idx="1608">
                  <c:v>8.2985976275486262E-2</c:v>
                </c:pt>
                <c:pt idx="1609">
                  <c:v>8.2985976275486262E-2</c:v>
                </c:pt>
                <c:pt idx="1610">
                  <c:v>8.2985976275486262E-2</c:v>
                </c:pt>
                <c:pt idx="1611">
                  <c:v>8.2985976275486262E-2</c:v>
                </c:pt>
                <c:pt idx="1612">
                  <c:v>8.2985976275486262E-2</c:v>
                </c:pt>
                <c:pt idx="1613">
                  <c:v>8.2985976275486262E-2</c:v>
                </c:pt>
                <c:pt idx="1614">
                  <c:v>8.2985976275486262E-2</c:v>
                </c:pt>
                <c:pt idx="1615">
                  <c:v>0.33923661210797262</c:v>
                </c:pt>
                <c:pt idx="1616">
                  <c:v>0.37851664087836945</c:v>
                </c:pt>
                <c:pt idx="1617">
                  <c:v>0.41779666964876627</c:v>
                </c:pt>
                <c:pt idx="1618">
                  <c:v>0.41779666964876627</c:v>
                </c:pt>
                <c:pt idx="1619">
                  <c:v>0.49992763889595959</c:v>
                </c:pt>
                <c:pt idx="1620">
                  <c:v>0.49992763889595959</c:v>
                </c:pt>
                <c:pt idx="1621">
                  <c:v>0.33209478869517323</c:v>
                </c:pt>
                <c:pt idx="1622">
                  <c:v>0.49992763889595959</c:v>
                </c:pt>
                <c:pt idx="1623">
                  <c:v>0.49992763889595959</c:v>
                </c:pt>
                <c:pt idx="1624">
                  <c:v>0.29460021577797618</c:v>
                </c:pt>
                <c:pt idx="1625">
                  <c:v>0.12573632769013071</c:v>
                </c:pt>
                <c:pt idx="1626">
                  <c:v>8.2985976275486262E-2</c:v>
                </c:pt>
                <c:pt idx="1627">
                  <c:v>8.2985976275486262E-2</c:v>
                </c:pt>
                <c:pt idx="1628">
                  <c:v>8.2985976275486262E-2</c:v>
                </c:pt>
                <c:pt idx="1629">
                  <c:v>8.2985976275486262E-2</c:v>
                </c:pt>
                <c:pt idx="1630">
                  <c:v>8.2985976275486262E-2</c:v>
                </c:pt>
                <c:pt idx="1631">
                  <c:v>8.2985976275486262E-2</c:v>
                </c:pt>
                <c:pt idx="1632">
                  <c:v>0.12749941240921184</c:v>
                </c:pt>
                <c:pt idx="1633">
                  <c:v>7.7272371157098063E-2</c:v>
                </c:pt>
                <c:pt idx="1634">
                  <c:v>7.7272371157098063E-2</c:v>
                </c:pt>
                <c:pt idx="1635">
                  <c:v>7.7272371157098063E-2</c:v>
                </c:pt>
                <c:pt idx="1636">
                  <c:v>7.7272371157098063E-2</c:v>
                </c:pt>
                <c:pt idx="1637">
                  <c:v>7.7272371157098063E-2</c:v>
                </c:pt>
                <c:pt idx="1638">
                  <c:v>7.7272371157098063E-2</c:v>
                </c:pt>
                <c:pt idx="1639">
                  <c:v>0.3291803011292378</c:v>
                </c:pt>
                <c:pt idx="1640">
                  <c:v>0.41147537641154724</c:v>
                </c:pt>
                <c:pt idx="1641">
                  <c:v>0.45262291405270194</c:v>
                </c:pt>
                <c:pt idx="1642">
                  <c:v>0.45262291405270194</c:v>
                </c:pt>
                <c:pt idx="1643">
                  <c:v>0.53491798933501145</c:v>
                </c:pt>
                <c:pt idx="1644">
                  <c:v>0.53491798933501145</c:v>
                </c:pt>
                <c:pt idx="1645">
                  <c:v>0.37032783877039244</c:v>
                </c:pt>
                <c:pt idx="1646">
                  <c:v>0.53491798933501145</c:v>
                </c:pt>
                <c:pt idx="1647">
                  <c:v>0.41147537641154724</c:v>
                </c:pt>
                <c:pt idx="1648">
                  <c:v>0.19318092789274521</c:v>
                </c:pt>
                <c:pt idx="1649">
                  <c:v>0.12749941240921184</c:v>
                </c:pt>
                <c:pt idx="1650">
                  <c:v>8.1135989714952977E-2</c:v>
                </c:pt>
                <c:pt idx="1651">
                  <c:v>7.7272371157098063E-2</c:v>
                </c:pt>
                <c:pt idx="1652">
                  <c:v>7.7272371157098063E-2</c:v>
                </c:pt>
                <c:pt idx="1653">
                  <c:v>7.7272371157098063E-2</c:v>
                </c:pt>
                <c:pt idx="1654">
                  <c:v>7.7272371157098063E-2</c:v>
                </c:pt>
                <c:pt idx="1655">
                  <c:v>7.7272371157098063E-2</c:v>
                </c:pt>
                <c:pt idx="1656">
                  <c:v>5.1768705547626429E-2</c:v>
                </c:pt>
                <c:pt idx="1657">
                  <c:v>4.6591834992863769E-2</c:v>
                </c:pt>
                <c:pt idx="1658">
                  <c:v>4.6591834992863769E-2</c:v>
                </c:pt>
                <c:pt idx="1659">
                  <c:v>4.6591834992863769E-2</c:v>
                </c:pt>
                <c:pt idx="1660">
                  <c:v>4.6591834992863769E-2</c:v>
                </c:pt>
                <c:pt idx="1661">
                  <c:v>4.6591834992863769E-2</c:v>
                </c:pt>
                <c:pt idx="1662">
                  <c:v>4.6591834992863769E-2</c:v>
                </c:pt>
                <c:pt idx="1663">
                  <c:v>4.6591834992863769E-2</c:v>
                </c:pt>
                <c:pt idx="1664">
                  <c:v>4.6591834992863769E-2</c:v>
                </c:pt>
                <c:pt idx="1665">
                  <c:v>4.6591834992863769E-2</c:v>
                </c:pt>
                <c:pt idx="1666">
                  <c:v>4.6591834992863769E-2</c:v>
                </c:pt>
                <c:pt idx="1667">
                  <c:v>4.6591834992863769E-2</c:v>
                </c:pt>
                <c:pt idx="1668">
                  <c:v>4.6591834992863769E-2</c:v>
                </c:pt>
                <c:pt idx="1669">
                  <c:v>4.6591834992863769E-2</c:v>
                </c:pt>
                <c:pt idx="1670">
                  <c:v>4.6591834992863769E-2</c:v>
                </c:pt>
                <c:pt idx="1671">
                  <c:v>4.6591834992863769E-2</c:v>
                </c:pt>
                <c:pt idx="1672">
                  <c:v>4.6591834992863769E-2</c:v>
                </c:pt>
                <c:pt idx="1673">
                  <c:v>4.6591834992863769E-2</c:v>
                </c:pt>
                <c:pt idx="1674">
                  <c:v>4.6591834992863769E-2</c:v>
                </c:pt>
                <c:pt idx="1675">
                  <c:v>4.6591834992863769E-2</c:v>
                </c:pt>
                <c:pt idx="1676">
                  <c:v>4.6591834992863769E-2</c:v>
                </c:pt>
                <c:pt idx="1677">
                  <c:v>4.6591834992863769E-2</c:v>
                </c:pt>
                <c:pt idx="1678">
                  <c:v>4.6591834992863769E-2</c:v>
                </c:pt>
                <c:pt idx="1679">
                  <c:v>4.6591834992863769E-2</c:v>
                </c:pt>
                <c:pt idx="1680">
                  <c:v>5.3846982080640989E-2</c:v>
                </c:pt>
                <c:pt idx="1681">
                  <c:v>5.3846982080640989E-2</c:v>
                </c:pt>
                <c:pt idx="1682">
                  <c:v>5.3846982080640989E-2</c:v>
                </c:pt>
                <c:pt idx="1683">
                  <c:v>5.3846982080640989E-2</c:v>
                </c:pt>
                <c:pt idx="1684">
                  <c:v>5.3846982080640989E-2</c:v>
                </c:pt>
                <c:pt idx="1685">
                  <c:v>5.3846982080640989E-2</c:v>
                </c:pt>
                <c:pt idx="1686">
                  <c:v>5.3846982080640989E-2</c:v>
                </c:pt>
                <c:pt idx="1687">
                  <c:v>5.3846982080640989E-2</c:v>
                </c:pt>
                <c:pt idx="1688">
                  <c:v>5.3846982080640989E-2</c:v>
                </c:pt>
                <c:pt idx="1689">
                  <c:v>5.3846982080640989E-2</c:v>
                </c:pt>
                <c:pt idx="1690">
                  <c:v>5.3846982080640989E-2</c:v>
                </c:pt>
                <c:pt idx="1691">
                  <c:v>5.3846982080640989E-2</c:v>
                </c:pt>
                <c:pt idx="1692">
                  <c:v>5.3846982080640989E-2</c:v>
                </c:pt>
                <c:pt idx="1693">
                  <c:v>5.3846982080640989E-2</c:v>
                </c:pt>
                <c:pt idx="1694">
                  <c:v>5.3846982080640989E-2</c:v>
                </c:pt>
                <c:pt idx="1695">
                  <c:v>5.3846982080640989E-2</c:v>
                </c:pt>
                <c:pt idx="1696">
                  <c:v>5.3846982080640989E-2</c:v>
                </c:pt>
                <c:pt idx="1697">
                  <c:v>5.3846982080640989E-2</c:v>
                </c:pt>
                <c:pt idx="1698">
                  <c:v>5.3846982080640989E-2</c:v>
                </c:pt>
                <c:pt idx="1699">
                  <c:v>5.3846982080640989E-2</c:v>
                </c:pt>
                <c:pt idx="1700">
                  <c:v>5.3846982080640989E-2</c:v>
                </c:pt>
                <c:pt idx="1701">
                  <c:v>5.3846982080640989E-2</c:v>
                </c:pt>
                <c:pt idx="1702">
                  <c:v>5.3846982080640989E-2</c:v>
                </c:pt>
                <c:pt idx="1703">
                  <c:v>5.3846982080640989E-2</c:v>
                </c:pt>
                <c:pt idx="1704">
                  <c:v>8.0038016919135771E-2</c:v>
                </c:pt>
                <c:pt idx="1705">
                  <c:v>8.0038016919135771E-2</c:v>
                </c:pt>
                <c:pt idx="1706">
                  <c:v>8.0038016919135771E-2</c:v>
                </c:pt>
                <c:pt idx="1707">
                  <c:v>8.0038016919135771E-2</c:v>
                </c:pt>
                <c:pt idx="1708">
                  <c:v>8.0038016919135771E-2</c:v>
                </c:pt>
                <c:pt idx="1709">
                  <c:v>8.0038016919135771E-2</c:v>
                </c:pt>
                <c:pt idx="1710">
                  <c:v>8.0038016919135771E-2</c:v>
                </c:pt>
                <c:pt idx="1711">
                  <c:v>0.34096195207551838</c:v>
                </c:pt>
                <c:pt idx="1712">
                  <c:v>0.38358219608495814</c:v>
                </c:pt>
                <c:pt idx="1713">
                  <c:v>0.42620244009439795</c:v>
                </c:pt>
                <c:pt idx="1714">
                  <c:v>0.42620244009439795</c:v>
                </c:pt>
                <c:pt idx="1715">
                  <c:v>0.51144292811327752</c:v>
                </c:pt>
                <c:pt idx="1716">
                  <c:v>0.51144292811327752</c:v>
                </c:pt>
                <c:pt idx="1717">
                  <c:v>0.34096195207551838</c:v>
                </c:pt>
                <c:pt idx="1718">
                  <c:v>0.51144292811327752</c:v>
                </c:pt>
                <c:pt idx="1719">
                  <c:v>0.51144292811327752</c:v>
                </c:pt>
                <c:pt idx="1720">
                  <c:v>0.29834170806607863</c:v>
                </c:pt>
                <c:pt idx="1721">
                  <c:v>8.5240488018879595E-2</c:v>
                </c:pt>
                <c:pt idx="1722">
                  <c:v>8.4039917765092564E-2</c:v>
                </c:pt>
                <c:pt idx="1723">
                  <c:v>8.4039917765092564E-2</c:v>
                </c:pt>
                <c:pt idx="1724">
                  <c:v>8.4039917765092564E-2</c:v>
                </c:pt>
                <c:pt idx="1725">
                  <c:v>8.4039917765092564E-2</c:v>
                </c:pt>
                <c:pt idx="1726">
                  <c:v>8.4039917765092564E-2</c:v>
                </c:pt>
                <c:pt idx="1727">
                  <c:v>8.4039917765092564E-2</c:v>
                </c:pt>
                <c:pt idx="1728">
                  <c:v>5.3567442959083493E-2</c:v>
                </c:pt>
                <c:pt idx="1729">
                  <c:v>8.1626579747174854E-2</c:v>
                </c:pt>
                <c:pt idx="1730">
                  <c:v>8.1626579747174854E-2</c:v>
                </c:pt>
                <c:pt idx="1731">
                  <c:v>8.1626579747174854E-2</c:v>
                </c:pt>
                <c:pt idx="1732">
                  <c:v>8.1626579747174854E-2</c:v>
                </c:pt>
                <c:pt idx="1733">
                  <c:v>8.1626579747174854E-2</c:v>
                </c:pt>
                <c:pt idx="1734">
                  <c:v>8.1626579747174854E-2</c:v>
                </c:pt>
                <c:pt idx="1735">
                  <c:v>0.34410705024668398</c:v>
                </c:pt>
                <c:pt idx="1736">
                  <c:v>0.38395102448577367</c:v>
                </c:pt>
                <c:pt idx="1737">
                  <c:v>0.42379499872486337</c:v>
                </c:pt>
                <c:pt idx="1738">
                  <c:v>0.42379499872486337</c:v>
                </c:pt>
                <c:pt idx="1739">
                  <c:v>0.50710512667932373</c:v>
                </c:pt>
                <c:pt idx="1740">
                  <c:v>0.50710512667932373</c:v>
                </c:pt>
                <c:pt idx="1741">
                  <c:v>0.33686269129412211</c:v>
                </c:pt>
                <c:pt idx="1742">
                  <c:v>0.50710512667932373</c:v>
                </c:pt>
                <c:pt idx="1743">
                  <c:v>0.50710512667932373</c:v>
                </c:pt>
                <c:pt idx="1744">
                  <c:v>0.29882980679317295</c:v>
                </c:pt>
                <c:pt idx="1745">
                  <c:v>0.1275415308549607</c:v>
                </c:pt>
                <c:pt idx="1746">
                  <c:v>8.4177410364274063E-2</c:v>
                </c:pt>
                <c:pt idx="1747">
                  <c:v>8.4177410364274063E-2</c:v>
                </c:pt>
                <c:pt idx="1748">
                  <c:v>8.4177410364274063E-2</c:v>
                </c:pt>
                <c:pt idx="1749">
                  <c:v>8.4177410364274063E-2</c:v>
                </c:pt>
                <c:pt idx="1750">
                  <c:v>8.4177410364274063E-2</c:v>
                </c:pt>
                <c:pt idx="1751">
                  <c:v>8.4177410364274063E-2</c:v>
                </c:pt>
                <c:pt idx="1752">
                  <c:v>8.5344339703580491E-2</c:v>
                </c:pt>
                <c:pt idx="1753">
                  <c:v>8.5344339703580491E-2</c:v>
                </c:pt>
                <c:pt idx="1754">
                  <c:v>8.5344339703580491E-2</c:v>
                </c:pt>
                <c:pt idx="1755">
                  <c:v>8.5344339703580491E-2</c:v>
                </c:pt>
                <c:pt idx="1756">
                  <c:v>8.5344339703580491E-2</c:v>
                </c:pt>
                <c:pt idx="1757">
                  <c:v>8.5344339703580491E-2</c:v>
                </c:pt>
                <c:pt idx="1758">
                  <c:v>8.5344339703580491E-2</c:v>
                </c:pt>
                <c:pt idx="1759">
                  <c:v>0.34887731593978799</c:v>
                </c:pt>
                <c:pt idx="1760">
                  <c:v>0.38927363673281618</c:v>
                </c:pt>
                <c:pt idx="1761">
                  <c:v>0.4296699575258443</c:v>
                </c:pt>
                <c:pt idx="1762">
                  <c:v>0.4296699575258443</c:v>
                </c:pt>
                <c:pt idx="1763">
                  <c:v>0.51413499191126666</c:v>
                </c:pt>
                <c:pt idx="1764">
                  <c:v>0.51413499191126666</c:v>
                </c:pt>
                <c:pt idx="1765">
                  <c:v>0.34153253034105568</c:v>
                </c:pt>
                <c:pt idx="1766">
                  <c:v>0.51413499191126666</c:v>
                </c:pt>
                <c:pt idx="1767">
                  <c:v>0.51413499191126666</c:v>
                </c:pt>
                <c:pt idx="1768">
                  <c:v>0.30297240594771069</c:v>
                </c:pt>
                <c:pt idx="1769">
                  <c:v>0.12930960561148558</c:v>
                </c:pt>
                <c:pt idx="1770">
                  <c:v>8.5344339703580491E-2</c:v>
                </c:pt>
                <c:pt idx="1771">
                  <c:v>8.5344339703580491E-2</c:v>
                </c:pt>
                <c:pt idx="1772">
                  <c:v>8.5344339703580491E-2</c:v>
                </c:pt>
                <c:pt idx="1773">
                  <c:v>8.5344339703580491E-2</c:v>
                </c:pt>
                <c:pt idx="1774">
                  <c:v>8.5344339703580491E-2</c:v>
                </c:pt>
                <c:pt idx="1775">
                  <c:v>8.5344339703580491E-2</c:v>
                </c:pt>
                <c:pt idx="1776">
                  <c:v>8.6977052846107267E-2</c:v>
                </c:pt>
                <c:pt idx="1777">
                  <c:v>8.6977052846107267E-2</c:v>
                </c:pt>
                <c:pt idx="1778">
                  <c:v>8.6977052846107267E-2</c:v>
                </c:pt>
                <c:pt idx="1779">
                  <c:v>8.6977052846107267E-2</c:v>
                </c:pt>
                <c:pt idx="1780">
                  <c:v>8.6977052846107267E-2</c:v>
                </c:pt>
                <c:pt idx="1781">
                  <c:v>8.6977052846107267E-2</c:v>
                </c:pt>
                <c:pt idx="1782">
                  <c:v>8.6977052846107267E-2</c:v>
                </c:pt>
                <c:pt idx="1783">
                  <c:v>0.35555164936181416</c:v>
                </c:pt>
                <c:pt idx="1784">
                  <c:v>0.39672078770897168</c:v>
                </c:pt>
                <c:pt idx="1785">
                  <c:v>0.43788992605612909</c:v>
                </c:pt>
                <c:pt idx="1786">
                  <c:v>0.43788992605612909</c:v>
                </c:pt>
                <c:pt idx="1787">
                  <c:v>0.52397085169109459</c:v>
                </c:pt>
                <c:pt idx="1788">
                  <c:v>0.52397085169109459</c:v>
                </c:pt>
                <c:pt idx="1789">
                  <c:v>0.3480663514805129</c:v>
                </c:pt>
                <c:pt idx="1790">
                  <c:v>0.52397085169109459</c:v>
                </c:pt>
                <c:pt idx="1791">
                  <c:v>0.52397085169109459</c:v>
                </c:pt>
                <c:pt idx="1792">
                  <c:v>0.30876853760368084</c:v>
                </c:pt>
                <c:pt idx="1793">
                  <c:v>0.13178341340319286</c:v>
                </c:pt>
                <c:pt idx="1794">
                  <c:v>8.6977052846107267E-2</c:v>
                </c:pt>
                <c:pt idx="1795">
                  <c:v>8.6977052846107267E-2</c:v>
                </c:pt>
                <c:pt idx="1796">
                  <c:v>8.6977052846107267E-2</c:v>
                </c:pt>
                <c:pt idx="1797">
                  <c:v>8.6977052846107267E-2</c:v>
                </c:pt>
                <c:pt idx="1798">
                  <c:v>8.6977052846107267E-2</c:v>
                </c:pt>
                <c:pt idx="1799">
                  <c:v>8.6977052846107267E-2</c:v>
                </c:pt>
                <c:pt idx="1800">
                  <c:v>0.13045735645229758</c:v>
                </c:pt>
                <c:pt idx="1801">
                  <c:v>7.9065064516543979E-2</c:v>
                </c:pt>
                <c:pt idx="1802">
                  <c:v>7.9065064516543979E-2</c:v>
                </c:pt>
                <c:pt idx="1803">
                  <c:v>7.9065064516543979E-2</c:v>
                </c:pt>
                <c:pt idx="1804">
                  <c:v>7.9065064516543979E-2</c:v>
                </c:pt>
                <c:pt idx="1805">
                  <c:v>7.9065064516543979E-2</c:v>
                </c:pt>
                <c:pt idx="1806">
                  <c:v>7.9065064516543979E-2</c:v>
                </c:pt>
                <c:pt idx="1807">
                  <c:v>0.33681717484047735</c:v>
                </c:pt>
                <c:pt idx="1808">
                  <c:v>0.42102146855059674</c:v>
                </c:pt>
                <c:pt idx="1809">
                  <c:v>0.46312361540565639</c:v>
                </c:pt>
                <c:pt idx="1810">
                  <c:v>0.46312361540565639</c:v>
                </c:pt>
                <c:pt idx="1811">
                  <c:v>0.54732790911577567</c:v>
                </c:pt>
                <c:pt idx="1812">
                  <c:v>0.54732790911577567</c:v>
                </c:pt>
                <c:pt idx="1813">
                  <c:v>0.37891932169553699</c:v>
                </c:pt>
                <c:pt idx="1814">
                  <c:v>0.54732790911577567</c:v>
                </c:pt>
                <c:pt idx="1815">
                  <c:v>0.42102146855059674</c:v>
                </c:pt>
                <c:pt idx="1816">
                  <c:v>0.19766266129135998</c:v>
                </c:pt>
                <c:pt idx="1817">
                  <c:v>0.13045735645229758</c:v>
                </c:pt>
                <c:pt idx="1818">
                  <c:v>8.3018317742371173E-2</c:v>
                </c:pt>
                <c:pt idx="1819">
                  <c:v>7.9065064516543979E-2</c:v>
                </c:pt>
                <c:pt idx="1820">
                  <c:v>7.9065064516543979E-2</c:v>
                </c:pt>
                <c:pt idx="1821">
                  <c:v>7.9065064516543979E-2</c:v>
                </c:pt>
                <c:pt idx="1822">
                  <c:v>7.9065064516543979E-2</c:v>
                </c:pt>
                <c:pt idx="1823">
                  <c:v>7.9065064516543979E-2</c:v>
                </c:pt>
                <c:pt idx="1824">
                  <c:v>4.8701666622651449E-2</c:v>
                </c:pt>
                <c:pt idx="1825">
                  <c:v>4.3831499960386294E-2</c:v>
                </c:pt>
                <c:pt idx="1826">
                  <c:v>4.3831499960386294E-2</c:v>
                </c:pt>
                <c:pt idx="1827">
                  <c:v>4.3831499960386294E-2</c:v>
                </c:pt>
                <c:pt idx="1828">
                  <c:v>4.3831499960386294E-2</c:v>
                </c:pt>
                <c:pt idx="1829">
                  <c:v>4.3831499960386294E-2</c:v>
                </c:pt>
                <c:pt idx="1830">
                  <c:v>4.3831499960386294E-2</c:v>
                </c:pt>
                <c:pt idx="1831">
                  <c:v>4.3831499960386294E-2</c:v>
                </c:pt>
                <c:pt idx="1832">
                  <c:v>4.3831499960386294E-2</c:v>
                </c:pt>
                <c:pt idx="1833">
                  <c:v>4.3831499960386294E-2</c:v>
                </c:pt>
                <c:pt idx="1834">
                  <c:v>4.3831499960386294E-2</c:v>
                </c:pt>
                <c:pt idx="1835">
                  <c:v>4.3831499960386294E-2</c:v>
                </c:pt>
                <c:pt idx="1836">
                  <c:v>4.3831499960386294E-2</c:v>
                </c:pt>
                <c:pt idx="1837">
                  <c:v>4.3831499960386294E-2</c:v>
                </c:pt>
                <c:pt idx="1838">
                  <c:v>4.3831499960386294E-2</c:v>
                </c:pt>
                <c:pt idx="1839">
                  <c:v>4.3831499960386294E-2</c:v>
                </c:pt>
                <c:pt idx="1840">
                  <c:v>4.3831499960386294E-2</c:v>
                </c:pt>
                <c:pt idx="1841">
                  <c:v>4.3831499960386294E-2</c:v>
                </c:pt>
                <c:pt idx="1842">
                  <c:v>4.3831499960386294E-2</c:v>
                </c:pt>
                <c:pt idx="1843">
                  <c:v>4.3831499960386294E-2</c:v>
                </c:pt>
                <c:pt idx="1844">
                  <c:v>4.3831499960386294E-2</c:v>
                </c:pt>
                <c:pt idx="1845">
                  <c:v>4.3831499960386294E-2</c:v>
                </c:pt>
                <c:pt idx="1846">
                  <c:v>4.3831499960386294E-2</c:v>
                </c:pt>
                <c:pt idx="1847">
                  <c:v>4.3831499960386294E-2</c:v>
                </c:pt>
                <c:pt idx="1848">
                  <c:v>4.4247740060647203E-2</c:v>
                </c:pt>
                <c:pt idx="1849">
                  <c:v>4.4247740060647203E-2</c:v>
                </c:pt>
                <c:pt idx="1850">
                  <c:v>4.4247740060647203E-2</c:v>
                </c:pt>
                <c:pt idx="1851">
                  <c:v>4.4247740060647203E-2</c:v>
                </c:pt>
                <c:pt idx="1852">
                  <c:v>4.4247740060647203E-2</c:v>
                </c:pt>
                <c:pt idx="1853">
                  <c:v>4.4247740060647203E-2</c:v>
                </c:pt>
                <c:pt idx="1854">
                  <c:v>4.4247740060647203E-2</c:v>
                </c:pt>
                <c:pt idx="1855">
                  <c:v>4.4247740060647203E-2</c:v>
                </c:pt>
                <c:pt idx="1856">
                  <c:v>4.4247740060647203E-2</c:v>
                </c:pt>
                <c:pt idx="1857">
                  <c:v>4.4247740060647203E-2</c:v>
                </c:pt>
                <c:pt idx="1858">
                  <c:v>4.4247740060647203E-2</c:v>
                </c:pt>
                <c:pt idx="1859">
                  <c:v>4.4247740060647203E-2</c:v>
                </c:pt>
                <c:pt idx="1860">
                  <c:v>4.4247740060647203E-2</c:v>
                </c:pt>
                <c:pt idx="1861">
                  <c:v>4.4247740060647203E-2</c:v>
                </c:pt>
                <c:pt idx="1862">
                  <c:v>4.4247740060647203E-2</c:v>
                </c:pt>
                <c:pt idx="1863">
                  <c:v>4.4247740060647203E-2</c:v>
                </c:pt>
                <c:pt idx="1864">
                  <c:v>4.4247740060647203E-2</c:v>
                </c:pt>
                <c:pt idx="1865">
                  <c:v>4.4247740060647203E-2</c:v>
                </c:pt>
                <c:pt idx="1866">
                  <c:v>4.4247740060647203E-2</c:v>
                </c:pt>
                <c:pt idx="1867">
                  <c:v>4.4247740060647203E-2</c:v>
                </c:pt>
                <c:pt idx="1868">
                  <c:v>4.4247740060647203E-2</c:v>
                </c:pt>
                <c:pt idx="1869">
                  <c:v>4.4247740060647203E-2</c:v>
                </c:pt>
                <c:pt idx="1870">
                  <c:v>4.4247740060647203E-2</c:v>
                </c:pt>
                <c:pt idx="1871">
                  <c:v>4.4247740060647203E-2</c:v>
                </c:pt>
                <c:pt idx="1872">
                  <c:v>7.9283669403526089E-2</c:v>
                </c:pt>
                <c:pt idx="1873">
                  <c:v>7.9283669403526089E-2</c:v>
                </c:pt>
                <c:pt idx="1874">
                  <c:v>7.9283669403526089E-2</c:v>
                </c:pt>
                <c:pt idx="1875">
                  <c:v>7.9283669403526089E-2</c:v>
                </c:pt>
                <c:pt idx="1876">
                  <c:v>7.9283669403526089E-2</c:v>
                </c:pt>
                <c:pt idx="1877">
                  <c:v>7.9283669403526089E-2</c:v>
                </c:pt>
                <c:pt idx="1878">
                  <c:v>7.9283669403526089E-2</c:v>
                </c:pt>
                <c:pt idx="1879">
                  <c:v>0.33774843165902124</c:v>
                </c:pt>
                <c:pt idx="1880">
                  <c:v>0.37996698561639886</c:v>
                </c:pt>
                <c:pt idx="1881">
                  <c:v>0.42218553957377647</c:v>
                </c:pt>
                <c:pt idx="1882">
                  <c:v>0.42218553957377647</c:v>
                </c:pt>
                <c:pt idx="1883">
                  <c:v>0.5066226474885317</c:v>
                </c:pt>
                <c:pt idx="1884">
                  <c:v>0.5066226474885317</c:v>
                </c:pt>
                <c:pt idx="1885">
                  <c:v>0.33774843165902124</c:v>
                </c:pt>
                <c:pt idx="1886">
                  <c:v>0.5066226474885317</c:v>
                </c:pt>
                <c:pt idx="1887">
                  <c:v>0.5066226474885317</c:v>
                </c:pt>
                <c:pt idx="1888">
                  <c:v>0.29552987770164352</c:v>
                </c:pt>
                <c:pt idx="1889">
                  <c:v>8.4437107914755311E-2</c:v>
                </c:pt>
                <c:pt idx="1890">
                  <c:v>8.3247852873702413E-2</c:v>
                </c:pt>
                <c:pt idx="1891">
                  <c:v>8.3247852873702413E-2</c:v>
                </c:pt>
                <c:pt idx="1892">
                  <c:v>8.3247852873702413E-2</c:v>
                </c:pt>
                <c:pt idx="1893">
                  <c:v>8.3247852873702413E-2</c:v>
                </c:pt>
                <c:pt idx="1894">
                  <c:v>8.3247852873702413E-2</c:v>
                </c:pt>
                <c:pt idx="1895">
                  <c:v>8.3247852873702413E-2</c:v>
                </c:pt>
                <c:pt idx="1896">
                  <c:v>5.2636058032723823E-2</c:v>
                </c:pt>
                <c:pt idx="1897">
                  <c:v>8.0207326526055334E-2</c:v>
                </c:pt>
                <c:pt idx="1898">
                  <c:v>8.0207326526055334E-2</c:v>
                </c:pt>
                <c:pt idx="1899">
                  <c:v>8.0207326526055334E-2</c:v>
                </c:pt>
                <c:pt idx="1900">
                  <c:v>8.0207326526055334E-2</c:v>
                </c:pt>
                <c:pt idx="1901">
                  <c:v>8.0207326526055334E-2</c:v>
                </c:pt>
                <c:pt idx="1902">
                  <c:v>8.0207326526055334E-2</c:v>
                </c:pt>
                <c:pt idx="1903">
                  <c:v>0.33812401088640204</c:v>
                </c:pt>
                <c:pt idx="1904">
                  <c:v>0.37727521214693283</c:v>
                </c:pt>
                <c:pt idx="1905">
                  <c:v>0.41642641340746356</c:v>
                </c:pt>
                <c:pt idx="1906">
                  <c:v>0.41642641340746356</c:v>
                </c:pt>
                <c:pt idx="1907">
                  <c:v>0.49828801604311879</c:v>
                </c:pt>
                <c:pt idx="1908">
                  <c:v>0.49828801604311879</c:v>
                </c:pt>
                <c:pt idx="1909">
                  <c:v>0.33100561065721462</c:v>
                </c:pt>
                <c:pt idx="1910">
                  <c:v>0.49828801604311879</c:v>
                </c:pt>
                <c:pt idx="1911">
                  <c:v>0.49828801604311879</c:v>
                </c:pt>
                <c:pt idx="1912">
                  <c:v>0.29363400945398077</c:v>
                </c:pt>
                <c:pt idx="1913">
                  <c:v>0.12532394769696148</c:v>
                </c:pt>
                <c:pt idx="1914">
                  <c:v>8.2713805479994573E-2</c:v>
                </c:pt>
                <c:pt idx="1915">
                  <c:v>8.2713805479994573E-2</c:v>
                </c:pt>
                <c:pt idx="1916">
                  <c:v>8.2713805479994573E-2</c:v>
                </c:pt>
                <c:pt idx="1917">
                  <c:v>8.2713805479994573E-2</c:v>
                </c:pt>
                <c:pt idx="1918">
                  <c:v>8.2713805479994573E-2</c:v>
                </c:pt>
                <c:pt idx="1919">
                  <c:v>8.2713805479994573E-2</c:v>
                </c:pt>
                <c:pt idx="1920">
                  <c:v>8.0627612847392033E-2</c:v>
                </c:pt>
                <c:pt idx="1921">
                  <c:v>8.0627612847392033E-2</c:v>
                </c:pt>
                <c:pt idx="1922">
                  <c:v>8.0627612847392033E-2</c:v>
                </c:pt>
                <c:pt idx="1923">
                  <c:v>8.0627612847392033E-2</c:v>
                </c:pt>
                <c:pt idx="1924">
                  <c:v>8.0627612847392033E-2</c:v>
                </c:pt>
                <c:pt idx="1925">
                  <c:v>8.0627612847392033E-2</c:v>
                </c:pt>
                <c:pt idx="1926">
                  <c:v>8.0627612847392033E-2</c:v>
                </c:pt>
                <c:pt idx="1927">
                  <c:v>0.32959590827615703</c:v>
                </c:pt>
                <c:pt idx="1928">
                  <c:v>0.36775964502392261</c:v>
                </c:pt>
                <c:pt idx="1929">
                  <c:v>0.40592338177168819</c:v>
                </c:pt>
                <c:pt idx="1930">
                  <c:v>0.40592338177168819</c:v>
                </c:pt>
                <c:pt idx="1931">
                  <c:v>0.48572028588065252</c:v>
                </c:pt>
                <c:pt idx="1932">
                  <c:v>0.48572028588065252</c:v>
                </c:pt>
                <c:pt idx="1933">
                  <c:v>0.32265704704929066</c:v>
                </c:pt>
                <c:pt idx="1934">
                  <c:v>0.48572028588065252</c:v>
                </c:pt>
                <c:pt idx="1935">
                  <c:v>0.48572028588065252</c:v>
                </c:pt>
                <c:pt idx="1936">
                  <c:v>0.28622802560824168</c:v>
                </c:pt>
                <c:pt idx="1937">
                  <c:v>0.12216304976877582</c:v>
                </c:pt>
                <c:pt idx="1938">
                  <c:v>8.0627612847392033E-2</c:v>
                </c:pt>
                <c:pt idx="1939">
                  <c:v>8.0627612847392033E-2</c:v>
                </c:pt>
                <c:pt idx="1940">
                  <c:v>8.0627612847392033E-2</c:v>
                </c:pt>
                <c:pt idx="1941">
                  <c:v>8.0627612847392033E-2</c:v>
                </c:pt>
                <c:pt idx="1942">
                  <c:v>8.0627612847392033E-2</c:v>
                </c:pt>
                <c:pt idx="1943">
                  <c:v>8.0627612847392033E-2</c:v>
                </c:pt>
                <c:pt idx="1944">
                  <c:v>8.1171850561567616E-2</c:v>
                </c:pt>
                <c:pt idx="1945">
                  <c:v>8.1171850561567616E-2</c:v>
                </c:pt>
                <c:pt idx="1946">
                  <c:v>8.1171850561567616E-2</c:v>
                </c:pt>
                <c:pt idx="1947">
                  <c:v>8.1171850561567616E-2</c:v>
                </c:pt>
                <c:pt idx="1948">
                  <c:v>8.1171850561567616E-2</c:v>
                </c:pt>
                <c:pt idx="1949">
                  <c:v>8.1171850561567616E-2</c:v>
                </c:pt>
                <c:pt idx="1950">
                  <c:v>8.1171850561567616E-2</c:v>
                </c:pt>
                <c:pt idx="1951">
                  <c:v>0.33182068608349902</c:v>
                </c:pt>
                <c:pt idx="1952">
                  <c:v>0.37024202868264111</c:v>
                </c:pt>
                <c:pt idx="1953">
                  <c:v>0.40866337128178321</c:v>
                </c:pt>
                <c:pt idx="1954">
                  <c:v>0.40866337128178321</c:v>
                </c:pt>
                <c:pt idx="1955">
                  <c:v>0.48899890580726191</c:v>
                </c:pt>
                <c:pt idx="1956">
                  <c:v>0.48899890580726191</c:v>
                </c:pt>
                <c:pt idx="1957">
                  <c:v>0.32483498742910966</c:v>
                </c:pt>
                <c:pt idx="1958">
                  <c:v>0.48899890580726191</c:v>
                </c:pt>
                <c:pt idx="1959">
                  <c:v>0.48899890580726191</c:v>
                </c:pt>
                <c:pt idx="1960">
                  <c:v>0.2881600694935651</c:v>
                </c:pt>
                <c:pt idx="1961">
                  <c:v>0.12298765236601154</c:v>
                </c:pt>
                <c:pt idx="1962">
                  <c:v>8.1171850561567616E-2</c:v>
                </c:pt>
                <c:pt idx="1963">
                  <c:v>8.1171850561567616E-2</c:v>
                </c:pt>
                <c:pt idx="1964">
                  <c:v>8.1171850561567616E-2</c:v>
                </c:pt>
                <c:pt idx="1965">
                  <c:v>8.1171850561567616E-2</c:v>
                </c:pt>
                <c:pt idx="1966">
                  <c:v>8.1171850561567616E-2</c:v>
                </c:pt>
                <c:pt idx="1967">
                  <c:v>8.1171850561567616E-2</c:v>
                </c:pt>
                <c:pt idx="1968">
                  <c:v>0.12287762484189034</c:v>
                </c:pt>
                <c:pt idx="1969">
                  <c:v>7.447128778296383E-2</c:v>
                </c:pt>
                <c:pt idx="1970">
                  <c:v>7.447128778296383E-2</c:v>
                </c:pt>
                <c:pt idx="1971">
                  <c:v>7.447128778296383E-2</c:v>
                </c:pt>
                <c:pt idx="1972">
                  <c:v>7.447128778296383E-2</c:v>
                </c:pt>
                <c:pt idx="1973">
                  <c:v>7.447128778296383E-2</c:v>
                </c:pt>
                <c:pt idx="1974">
                  <c:v>7.447128778296383E-2</c:v>
                </c:pt>
                <c:pt idx="1975">
                  <c:v>0.31724768595542596</c:v>
                </c:pt>
                <c:pt idx="1976">
                  <c:v>0.39655960744428242</c:v>
                </c:pt>
                <c:pt idx="1977">
                  <c:v>0.43621556818871066</c:v>
                </c:pt>
                <c:pt idx="1978">
                  <c:v>0.43621556818871066</c:v>
                </c:pt>
                <c:pt idx="1979">
                  <c:v>0.51552748967756712</c:v>
                </c:pt>
                <c:pt idx="1980">
                  <c:v>0.51552748967756712</c:v>
                </c:pt>
                <c:pt idx="1981">
                  <c:v>0.35690364669985419</c:v>
                </c:pt>
                <c:pt idx="1982">
                  <c:v>0.51552748967756712</c:v>
                </c:pt>
                <c:pt idx="1983">
                  <c:v>0.39655960744428242</c:v>
                </c:pt>
                <c:pt idx="1984">
                  <c:v>0.18617821945740959</c:v>
                </c:pt>
                <c:pt idx="1985">
                  <c:v>0.12287762484189034</c:v>
                </c:pt>
                <c:pt idx="1986">
                  <c:v>7.8194852172112028E-2</c:v>
                </c:pt>
                <c:pt idx="1987">
                  <c:v>7.447128778296383E-2</c:v>
                </c:pt>
                <c:pt idx="1988">
                  <c:v>7.447128778296383E-2</c:v>
                </c:pt>
                <c:pt idx="1989">
                  <c:v>7.447128778296383E-2</c:v>
                </c:pt>
                <c:pt idx="1990">
                  <c:v>7.447128778296383E-2</c:v>
                </c:pt>
                <c:pt idx="1991">
                  <c:v>7.447128778296383E-2</c:v>
                </c:pt>
                <c:pt idx="1992">
                  <c:v>4.0444254132334198E-2</c:v>
                </c:pt>
                <c:pt idx="1993">
                  <c:v>3.6399828719100788E-2</c:v>
                </c:pt>
                <c:pt idx="1994">
                  <c:v>3.6399828719100788E-2</c:v>
                </c:pt>
                <c:pt idx="1995">
                  <c:v>3.6399828719100788E-2</c:v>
                </c:pt>
                <c:pt idx="1996">
                  <c:v>3.6399828719100788E-2</c:v>
                </c:pt>
                <c:pt idx="1997">
                  <c:v>3.6399828719100788E-2</c:v>
                </c:pt>
                <c:pt idx="1998">
                  <c:v>3.6399828719100788E-2</c:v>
                </c:pt>
                <c:pt idx="1999">
                  <c:v>3.6399828719100788E-2</c:v>
                </c:pt>
                <c:pt idx="2000">
                  <c:v>3.6399828719100788E-2</c:v>
                </c:pt>
                <c:pt idx="2001">
                  <c:v>3.6399828719100788E-2</c:v>
                </c:pt>
                <c:pt idx="2002">
                  <c:v>3.6399828719100788E-2</c:v>
                </c:pt>
                <c:pt idx="2003">
                  <c:v>3.6399828719100788E-2</c:v>
                </c:pt>
                <c:pt idx="2004">
                  <c:v>3.6399828719100788E-2</c:v>
                </c:pt>
                <c:pt idx="2005">
                  <c:v>3.6399828719100788E-2</c:v>
                </c:pt>
                <c:pt idx="2006">
                  <c:v>3.6399828719100788E-2</c:v>
                </c:pt>
                <c:pt idx="2007">
                  <c:v>3.6399828719100788E-2</c:v>
                </c:pt>
                <c:pt idx="2008">
                  <c:v>3.6399828719100788E-2</c:v>
                </c:pt>
                <c:pt idx="2009">
                  <c:v>3.6399828719100788E-2</c:v>
                </c:pt>
                <c:pt idx="2010">
                  <c:v>3.6399828719100788E-2</c:v>
                </c:pt>
                <c:pt idx="2011">
                  <c:v>3.6399828719100788E-2</c:v>
                </c:pt>
                <c:pt idx="2012">
                  <c:v>3.6399828719100788E-2</c:v>
                </c:pt>
                <c:pt idx="2013">
                  <c:v>3.6399828719100788E-2</c:v>
                </c:pt>
                <c:pt idx="2014">
                  <c:v>3.6399828719100788E-2</c:v>
                </c:pt>
                <c:pt idx="2015">
                  <c:v>3.6399828719100788E-2</c:v>
                </c:pt>
                <c:pt idx="2016">
                  <c:v>3.6994979423318572E-2</c:v>
                </c:pt>
                <c:pt idx="2017">
                  <c:v>3.6994979423318572E-2</c:v>
                </c:pt>
                <c:pt idx="2018">
                  <c:v>3.6994979423318572E-2</c:v>
                </c:pt>
                <c:pt idx="2019">
                  <c:v>3.6994979423318572E-2</c:v>
                </c:pt>
                <c:pt idx="2020">
                  <c:v>3.6994979423318572E-2</c:v>
                </c:pt>
                <c:pt idx="2021">
                  <c:v>3.6994979423318572E-2</c:v>
                </c:pt>
                <c:pt idx="2022">
                  <c:v>3.6994979423318572E-2</c:v>
                </c:pt>
                <c:pt idx="2023">
                  <c:v>3.6994979423318572E-2</c:v>
                </c:pt>
                <c:pt idx="2024">
                  <c:v>3.6994979423318572E-2</c:v>
                </c:pt>
                <c:pt idx="2025">
                  <c:v>3.6994979423318572E-2</c:v>
                </c:pt>
                <c:pt idx="2026">
                  <c:v>3.6994979423318572E-2</c:v>
                </c:pt>
                <c:pt idx="2027">
                  <c:v>3.6994979423318572E-2</c:v>
                </c:pt>
                <c:pt idx="2028">
                  <c:v>3.6994979423318572E-2</c:v>
                </c:pt>
                <c:pt idx="2029">
                  <c:v>3.6994979423318572E-2</c:v>
                </c:pt>
                <c:pt idx="2030">
                  <c:v>3.6994979423318572E-2</c:v>
                </c:pt>
                <c:pt idx="2031">
                  <c:v>3.6994979423318572E-2</c:v>
                </c:pt>
                <c:pt idx="2032">
                  <c:v>3.6994979423318572E-2</c:v>
                </c:pt>
                <c:pt idx="2033">
                  <c:v>3.6994979423318572E-2</c:v>
                </c:pt>
                <c:pt idx="2034">
                  <c:v>3.6994979423318572E-2</c:v>
                </c:pt>
                <c:pt idx="2035">
                  <c:v>3.6994979423318572E-2</c:v>
                </c:pt>
                <c:pt idx="2036">
                  <c:v>3.6994979423318572E-2</c:v>
                </c:pt>
                <c:pt idx="2037">
                  <c:v>3.6994979423318572E-2</c:v>
                </c:pt>
                <c:pt idx="2038">
                  <c:v>3.6994979423318572E-2</c:v>
                </c:pt>
                <c:pt idx="2039">
                  <c:v>3.6994979423318572E-2</c:v>
                </c:pt>
                <c:pt idx="2040">
                  <c:v>8.1952899074144922E-2</c:v>
                </c:pt>
                <c:pt idx="2041">
                  <c:v>8.1952899074144922E-2</c:v>
                </c:pt>
                <c:pt idx="2042">
                  <c:v>8.1952899074144922E-2</c:v>
                </c:pt>
                <c:pt idx="2043">
                  <c:v>8.1952899074144922E-2</c:v>
                </c:pt>
                <c:pt idx="2044">
                  <c:v>8.1952899074144922E-2</c:v>
                </c:pt>
                <c:pt idx="2045">
                  <c:v>8.1952899074144922E-2</c:v>
                </c:pt>
                <c:pt idx="2046">
                  <c:v>8.1952899074144922E-2</c:v>
                </c:pt>
                <c:pt idx="2047">
                  <c:v>0.34911935005585737</c:v>
                </c:pt>
                <c:pt idx="2048">
                  <c:v>0.39275926881283962</c:v>
                </c:pt>
                <c:pt idx="2049">
                  <c:v>0.43639918756982166</c:v>
                </c:pt>
                <c:pt idx="2050">
                  <c:v>0.43639918756982166</c:v>
                </c:pt>
                <c:pt idx="2051">
                  <c:v>0.52367902508378605</c:v>
                </c:pt>
                <c:pt idx="2052">
                  <c:v>0.52367902508378605</c:v>
                </c:pt>
                <c:pt idx="2053">
                  <c:v>0.34911935005585737</c:v>
                </c:pt>
                <c:pt idx="2054">
                  <c:v>0.52367902508378605</c:v>
                </c:pt>
                <c:pt idx="2055">
                  <c:v>0.52367902508378605</c:v>
                </c:pt>
                <c:pt idx="2056">
                  <c:v>0.30547943129887517</c:v>
                </c:pt>
                <c:pt idx="2057">
                  <c:v>8.7279837513964342E-2</c:v>
                </c:pt>
                <c:pt idx="2058">
                  <c:v>8.6050544027852172E-2</c:v>
                </c:pt>
                <c:pt idx="2059">
                  <c:v>8.6050544027852172E-2</c:v>
                </c:pt>
                <c:pt idx="2060">
                  <c:v>8.6050544027852172E-2</c:v>
                </c:pt>
                <c:pt idx="2061">
                  <c:v>8.6050544027852172E-2</c:v>
                </c:pt>
                <c:pt idx="2062">
                  <c:v>8.6050544027852172E-2</c:v>
                </c:pt>
                <c:pt idx="2063">
                  <c:v>8.6050544027852172E-2</c:v>
                </c:pt>
                <c:pt idx="2064">
                  <c:v>5.6051136096042668E-2</c:v>
                </c:pt>
                <c:pt idx="2065">
                  <c:v>8.54112550034936E-2</c:v>
                </c:pt>
                <c:pt idx="2066">
                  <c:v>8.54112550034936E-2</c:v>
                </c:pt>
                <c:pt idx="2067">
                  <c:v>8.54112550034936E-2</c:v>
                </c:pt>
                <c:pt idx="2068">
                  <c:v>8.54112550034936E-2</c:v>
                </c:pt>
                <c:pt idx="2069">
                  <c:v>8.54112550034936E-2</c:v>
                </c:pt>
                <c:pt idx="2070">
                  <c:v>8.54112550034936E-2</c:v>
                </c:pt>
                <c:pt idx="2071">
                  <c:v>0.36006182187410263</c:v>
                </c:pt>
                <c:pt idx="2072">
                  <c:v>0.40175319072268301</c:v>
                </c:pt>
                <c:pt idx="2073">
                  <c:v>0.44344455957126339</c:v>
                </c:pt>
                <c:pt idx="2074">
                  <c:v>0.44344455957126339</c:v>
                </c:pt>
                <c:pt idx="2075">
                  <c:v>0.53061742170920401</c:v>
                </c:pt>
                <c:pt idx="2076">
                  <c:v>0.53061742170920401</c:v>
                </c:pt>
                <c:pt idx="2077">
                  <c:v>0.35248157299254257</c:v>
                </c:pt>
                <c:pt idx="2078">
                  <c:v>0.53061742170920401</c:v>
                </c:pt>
                <c:pt idx="2079">
                  <c:v>0.53061742170920401</c:v>
                </c:pt>
                <c:pt idx="2080">
                  <c:v>0.31268526636435234</c:v>
                </c:pt>
                <c:pt idx="2081">
                  <c:v>0.13345508594295877</c:v>
                </c:pt>
                <c:pt idx="2082">
                  <c:v>8.8080356722352787E-2</c:v>
                </c:pt>
                <c:pt idx="2083">
                  <c:v>8.8080356722352787E-2</c:v>
                </c:pt>
                <c:pt idx="2084">
                  <c:v>8.8080356722352787E-2</c:v>
                </c:pt>
                <c:pt idx="2085">
                  <c:v>8.8080356722352787E-2</c:v>
                </c:pt>
                <c:pt idx="2086">
                  <c:v>8.8080356722352787E-2</c:v>
                </c:pt>
                <c:pt idx="2087">
                  <c:v>8.8080356722352787E-2</c:v>
                </c:pt>
                <c:pt idx="2088">
                  <c:v>8.7158465417499109E-2</c:v>
                </c:pt>
                <c:pt idx="2089">
                  <c:v>8.7158465417499109E-2</c:v>
                </c:pt>
                <c:pt idx="2090">
                  <c:v>8.7158465417499109E-2</c:v>
                </c:pt>
                <c:pt idx="2091">
                  <c:v>8.7158465417499109E-2</c:v>
                </c:pt>
                <c:pt idx="2092">
                  <c:v>8.7158465417499109E-2</c:v>
                </c:pt>
                <c:pt idx="2093">
                  <c:v>8.7158465417499109E-2</c:v>
                </c:pt>
                <c:pt idx="2094">
                  <c:v>8.7158465417499109E-2</c:v>
                </c:pt>
                <c:pt idx="2095">
                  <c:v>0.35629324196426149</c:v>
                </c:pt>
                <c:pt idx="2096">
                  <c:v>0.39754824892854446</c:v>
                </c:pt>
                <c:pt idx="2097">
                  <c:v>0.43880325589282737</c:v>
                </c:pt>
                <c:pt idx="2098">
                  <c:v>0.43880325589282737</c:v>
                </c:pt>
                <c:pt idx="2099">
                  <c:v>0.52506372499996434</c:v>
                </c:pt>
                <c:pt idx="2100">
                  <c:v>0.52506372499996434</c:v>
                </c:pt>
                <c:pt idx="2101">
                  <c:v>0.3487923316071192</c:v>
                </c:pt>
                <c:pt idx="2102">
                  <c:v>0.52506372499996434</c:v>
                </c:pt>
                <c:pt idx="2103">
                  <c:v>0.52506372499996434</c:v>
                </c:pt>
                <c:pt idx="2104">
                  <c:v>0.30941255223212183</c:v>
                </c:pt>
                <c:pt idx="2105">
                  <c:v>0.1320582809356047</c:v>
                </c:pt>
                <c:pt idx="2106">
                  <c:v>8.7158465417499109E-2</c:v>
                </c:pt>
                <c:pt idx="2107">
                  <c:v>8.7158465417499109E-2</c:v>
                </c:pt>
                <c:pt idx="2108">
                  <c:v>8.7158465417499109E-2</c:v>
                </c:pt>
                <c:pt idx="2109">
                  <c:v>8.7158465417499109E-2</c:v>
                </c:pt>
                <c:pt idx="2110">
                  <c:v>8.7158465417499109E-2</c:v>
                </c:pt>
                <c:pt idx="2111">
                  <c:v>8.7158465417499109E-2</c:v>
                </c:pt>
                <c:pt idx="2112">
                  <c:v>8.4497747703751819E-2</c:v>
                </c:pt>
                <c:pt idx="2113">
                  <c:v>8.4497747703751819E-2</c:v>
                </c:pt>
                <c:pt idx="2114">
                  <c:v>8.4497747703751819E-2</c:v>
                </c:pt>
                <c:pt idx="2115">
                  <c:v>8.4497747703751819E-2</c:v>
                </c:pt>
                <c:pt idx="2116">
                  <c:v>8.4497747703751819E-2</c:v>
                </c:pt>
                <c:pt idx="2117">
                  <c:v>8.4497747703751819E-2</c:v>
                </c:pt>
                <c:pt idx="2118">
                  <c:v>8.4497747703751819E-2</c:v>
                </c:pt>
                <c:pt idx="2119">
                  <c:v>0.3454165504617005</c:v>
                </c:pt>
                <c:pt idx="2120">
                  <c:v>0.38541215104147636</c:v>
                </c:pt>
                <c:pt idx="2121">
                  <c:v>0.42540775162125222</c:v>
                </c:pt>
                <c:pt idx="2122">
                  <c:v>0.42540775162125222</c:v>
                </c:pt>
                <c:pt idx="2123">
                  <c:v>0.50903491646987442</c:v>
                </c:pt>
                <c:pt idx="2124">
                  <c:v>0.50903491646987442</c:v>
                </c:pt>
                <c:pt idx="2125">
                  <c:v>0.33814462308355947</c:v>
                </c:pt>
                <c:pt idx="2126">
                  <c:v>0.50903491646987442</c:v>
                </c:pt>
                <c:pt idx="2127">
                  <c:v>0.50903491646987442</c:v>
                </c:pt>
                <c:pt idx="2128">
                  <c:v>0.29996700434831886</c:v>
                </c:pt>
                <c:pt idx="2129">
                  <c:v>0.12802689046023</c:v>
                </c:pt>
                <c:pt idx="2130">
                  <c:v>8.4497747703751819E-2</c:v>
                </c:pt>
                <c:pt idx="2131">
                  <c:v>8.4497747703751819E-2</c:v>
                </c:pt>
                <c:pt idx="2132">
                  <c:v>8.4497747703751819E-2</c:v>
                </c:pt>
                <c:pt idx="2133">
                  <c:v>8.4497747703751819E-2</c:v>
                </c:pt>
                <c:pt idx="2134">
                  <c:v>8.4497747703751819E-2</c:v>
                </c:pt>
                <c:pt idx="2135">
                  <c:v>8.4497747703751819E-2</c:v>
                </c:pt>
                <c:pt idx="2136">
                  <c:v>0.12509608287420465</c:v>
                </c:pt>
                <c:pt idx="2137">
                  <c:v>7.5815807802548263E-2</c:v>
                </c:pt>
                <c:pt idx="2138">
                  <c:v>7.5815807802548263E-2</c:v>
                </c:pt>
                <c:pt idx="2139">
                  <c:v>7.5815807802548263E-2</c:v>
                </c:pt>
                <c:pt idx="2140">
                  <c:v>7.5815807802548263E-2</c:v>
                </c:pt>
                <c:pt idx="2141">
                  <c:v>7.5815807802548263E-2</c:v>
                </c:pt>
                <c:pt idx="2142">
                  <c:v>7.5815807802548263E-2</c:v>
                </c:pt>
                <c:pt idx="2143">
                  <c:v>0.32297534123885563</c:v>
                </c:pt>
                <c:pt idx="2144">
                  <c:v>0.40371917654856948</c:v>
                </c:pt>
                <c:pt idx="2145">
                  <c:v>0.44409109420342646</c:v>
                </c:pt>
                <c:pt idx="2146">
                  <c:v>0.44409109420342646</c:v>
                </c:pt>
                <c:pt idx="2147">
                  <c:v>0.52483492951314037</c:v>
                </c:pt>
                <c:pt idx="2148">
                  <c:v>0.52483492951314037</c:v>
                </c:pt>
                <c:pt idx="2149">
                  <c:v>0.36334725889371255</c:v>
                </c:pt>
                <c:pt idx="2150">
                  <c:v>0.52483492951314037</c:v>
                </c:pt>
                <c:pt idx="2151">
                  <c:v>0.40371917654856948</c:v>
                </c:pt>
                <c:pt idx="2152">
                  <c:v>0.18953951950637071</c:v>
                </c:pt>
                <c:pt idx="2153">
                  <c:v>0.12509608287420465</c:v>
                </c:pt>
                <c:pt idx="2154">
                  <c:v>7.9606598192675682E-2</c:v>
                </c:pt>
                <c:pt idx="2155">
                  <c:v>7.5815807802548263E-2</c:v>
                </c:pt>
                <c:pt idx="2156">
                  <c:v>7.5815807802548263E-2</c:v>
                </c:pt>
                <c:pt idx="2157">
                  <c:v>7.5815807802548263E-2</c:v>
                </c:pt>
                <c:pt idx="2158">
                  <c:v>7.5815807802548263E-2</c:v>
                </c:pt>
                <c:pt idx="2159">
                  <c:v>7.5815807802548263E-2</c:v>
                </c:pt>
                <c:pt idx="2160">
                  <c:v>4.0208328061182283E-2</c:v>
                </c:pt>
                <c:pt idx="2161">
                  <c:v>3.6187495255064053E-2</c:v>
                </c:pt>
                <c:pt idx="2162">
                  <c:v>3.6187495255064053E-2</c:v>
                </c:pt>
                <c:pt idx="2163">
                  <c:v>3.6187495255064053E-2</c:v>
                </c:pt>
                <c:pt idx="2164">
                  <c:v>3.6187495255064053E-2</c:v>
                </c:pt>
                <c:pt idx="2165">
                  <c:v>3.6187495255064053E-2</c:v>
                </c:pt>
                <c:pt idx="2166">
                  <c:v>3.6187495255064053E-2</c:v>
                </c:pt>
                <c:pt idx="2167">
                  <c:v>3.6187495255064053E-2</c:v>
                </c:pt>
                <c:pt idx="2168">
                  <c:v>3.6187495255064053E-2</c:v>
                </c:pt>
                <c:pt idx="2169">
                  <c:v>3.6187495255064053E-2</c:v>
                </c:pt>
                <c:pt idx="2170">
                  <c:v>3.6187495255064053E-2</c:v>
                </c:pt>
                <c:pt idx="2171">
                  <c:v>3.6187495255064053E-2</c:v>
                </c:pt>
                <c:pt idx="2172">
                  <c:v>3.6187495255064053E-2</c:v>
                </c:pt>
                <c:pt idx="2173">
                  <c:v>3.6187495255064053E-2</c:v>
                </c:pt>
                <c:pt idx="2174">
                  <c:v>3.6187495255064053E-2</c:v>
                </c:pt>
                <c:pt idx="2175">
                  <c:v>3.6187495255064053E-2</c:v>
                </c:pt>
                <c:pt idx="2176">
                  <c:v>3.6187495255064053E-2</c:v>
                </c:pt>
                <c:pt idx="2177">
                  <c:v>3.6187495255064053E-2</c:v>
                </c:pt>
                <c:pt idx="2178">
                  <c:v>3.6187495255064053E-2</c:v>
                </c:pt>
                <c:pt idx="2179">
                  <c:v>3.6187495255064053E-2</c:v>
                </c:pt>
                <c:pt idx="2180">
                  <c:v>3.6187495255064053E-2</c:v>
                </c:pt>
                <c:pt idx="2181">
                  <c:v>3.6187495255064053E-2</c:v>
                </c:pt>
                <c:pt idx="2182">
                  <c:v>3.6187495255064053E-2</c:v>
                </c:pt>
                <c:pt idx="2183">
                  <c:v>3.6187495255064053E-2</c:v>
                </c:pt>
                <c:pt idx="2184">
                  <c:v>4.4887689528646788E-2</c:v>
                </c:pt>
                <c:pt idx="2185">
                  <c:v>4.4887689528646788E-2</c:v>
                </c:pt>
                <c:pt idx="2186">
                  <c:v>4.4887689528646788E-2</c:v>
                </c:pt>
                <c:pt idx="2187">
                  <c:v>4.4887689528646788E-2</c:v>
                </c:pt>
                <c:pt idx="2188">
                  <c:v>4.4887689528646788E-2</c:v>
                </c:pt>
                <c:pt idx="2189">
                  <c:v>4.4887689528646788E-2</c:v>
                </c:pt>
                <c:pt idx="2190">
                  <c:v>4.4887689528646788E-2</c:v>
                </c:pt>
                <c:pt idx="2191">
                  <c:v>4.4887689528646788E-2</c:v>
                </c:pt>
                <c:pt idx="2192">
                  <c:v>4.4887689528646788E-2</c:v>
                </c:pt>
                <c:pt idx="2193">
                  <c:v>4.4887689528646788E-2</c:v>
                </c:pt>
                <c:pt idx="2194">
                  <c:v>4.4887689528646788E-2</c:v>
                </c:pt>
                <c:pt idx="2195">
                  <c:v>4.4887689528646788E-2</c:v>
                </c:pt>
                <c:pt idx="2196">
                  <c:v>4.4887689528646788E-2</c:v>
                </c:pt>
                <c:pt idx="2197">
                  <c:v>4.4887689528646788E-2</c:v>
                </c:pt>
                <c:pt idx="2198">
                  <c:v>4.4887689528646788E-2</c:v>
                </c:pt>
                <c:pt idx="2199">
                  <c:v>4.4887689528646788E-2</c:v>
                </c:pt>
                <c:pt idx="2200">
                  <c:v>4.4887689528646788E-2</c:v>
                </c:pt>
                <c:pt idx="2201">
                  <c:v>4.4887689528646788E-2</c:v>
                </c:pt>
                <c:pt idx="2202">
                  <c:v>4.4887689528646788E-2</c:v>
                </c:pt>
                <c:pt idx="2203">
                  <c:v>4.4887689528646788E-2</c:v>
                </c:pt>
                <c:pt idx="2204">
                  <c:v>4.4887689528646788E-2</c:v>
                </c:pt>
                <c:pt idx="2205">
                  <c:v>4.4887689528646788E-2</c:v>
                </c:pt>
                <c:pt idx="2206">
                  <c:v>4.4887689528646788E-2</c:v>
                </c:pt>
                <c:pt idx="2207">
                  <c:v>4.4887689528646788E-2</c:v>
                </c:pt>
                <c:pt idx="2208">
                  <c:v>8.3519620837334246E-2</c:v>
                </c:pt>
                <c:pt idx="2209">
                  <c:v>8.3519620837334246E-2</c:v>
                </c:pt>
                <c:pt idx="2210">
                  <c:v>8.3519620837334246E-2</c:v>
                </c:pt>
                <c:pt idx="2211">
                  <c:v>8.3519620837334246E-2</c:v>
                </c:pt>
                <c:pt idx="2212">
                  <c:v>8.3519620837334246E-2</c:v>
                </c:pt>
                <c:pt idx="2213">
                  <c:v>8.3519620837334246E-2</c:v>
                </c:pt>
                <c:pt idx="2214">
                  <c:v>8.3519620837334246E-2</c:v>
                </c:pt>
                <c:pt idx="2215">
                  <c:v>0.35579358476704392</c:v>
                </c:pt>
                <c:pt idx="2216">
                  <c:v>0.40026778286292441</c:v>
                </c:pt>
                <c:pt idx="2217">
                  <c:v>0.44474198095880479</c:v>
                </c:pt>
                <c:pt idx="2218">
                  <c:v>0.44474198095880479</c:v>
                </c:pt>
                <c:pt idx="2219">
                  <c:v>0.53369037715056578</c:v>
                </c:pt>
                <c:pt idx="2220">
                  <c:v>0.53369037715056578</c:v>
                </c:pt>
                <c:pt idx="2221">
                  <c:v>0.35579358476704392</c:v>
                </c:pt>
                <c:pt idx="2222">
                  <c:v>0.53369037715056578</c:v>
                </c:pt>
                <c:pt idx="2223">
                  <c:v>0.53369037715056578</c:v>
                </c:pt>
                <c:pt idx="2224">
                  <c:v>0.31131938667116332</c:v>
                </c:pt>
                <c:pt idx="2225">
                  <c:v>8.8948396191760981E-2</c:v>
                </c:pt>
                <c:pt idx="2226">
                  <c:v>8.7695601879200946E-2</c:v>
                </c:pt>
                <c:pt idx="2227">
                  <c:v>8.7695601879200946E-2</c:v>
                </c:pt>
                <c:pt idx="2228">
                  <c:v>8.7695601879200946E-2</c:v>
                </c:pt>
                <c:pt idx="2229">
                  <c:v>8.7695601879200946E-2</c:v>
                </c:pt>
                <c:pt idx="2230">
                  <c:v>8.7695601879200946E-2</c:v>
                </c:pt>
                <c:pt idx="2231">
                  <c:v>8.7695601879200946E-2</c:v>
                </c:pt>
                <c:pt idx="2232">
                  <c:v>5.647802085395752E-2</c:v>
                </c:pt>
                <c:pt idx="2233">
                  <c:v>8.6061746063173378E-2</c:v>
                </c:pt>
                <c:pt idx="2234">
                  <c:v>8.6061746063173378E-2</c:v>
                </c:pt>
                <c:pt idx="2235">
                  <c:v>8.6061746063173378E-2</c:v>
                </c:pt>
                <c:pt idx="2236">
                  <c:v>8.6061746063173378E-2</c:v>
                </c:pt>
                <c:pt idx="2237">
                  <c:v>8.6061746063173378E-2</c:v>
                </c:pt>
                <c:pt idx="2238">
                  <c:v>8.6061746063173378E-2</c:v>
                </c:pt>
                <c:pt idx="2239">
                  <c:v>0.36280404824756518</c:v>
                </c:pt>
                <c:pt idx="2240">
                  <c:v>0.40481293804465174</c:v>
                </c:pt>
                <c:pt idx="2241">
                  <c:v>0.44682182784173829</c:v>
                </c:pt>
                <c:pt idx="2242">
                  <c:v>0.44682182784173829</c:v>
                </c:pt>
                <c:pt idx="2243">
                  <c:v>0.53465859741746458</c:v>
                </c:pt>
                <c:pt idx="2244">
                  <c:v>0.53465859741746458</c:v>
                </c:pt>
                <c:pt idx="2245">
                  <c:v>0.35516606828445862</c:v>
                </c:pt>
                <c:pt idx="2246">
                  <c:v>0.53465859741746458</c:v>
                </c:pt>
                <c:pt idx="2247">
                  <c:v>0.53465859741746458</c:v>
                </c:pt>
                <c:pt idx="2248">
                  <c:v>0.31506667347814876</c:v>
                </c:pt>
                <c:pt idx="2249">
                  <c:v>0.13447147822370842</c:v>
                </c:pt>
                <c:pt idx="2250">
                  <c:v>8.8751175627647533E-2</c:v>
                </c:pt>
                <c:pt idx="2251">
                  <c:v>8.8751175627647533E-2</c:v>
                </c:pt>
                <c:pt idx="2252">
                  <c:v>8.8751175627647533E-2</c:v>
                </c:pt>
                <c:pt idx="2253">
                  <c:v>8.8751175627647533E-2</c:v>
                </c:pt>
                <c:pt idx="2254">
                  <c:v>8.8751175627647533E-2</c:v>
                </c:pt>
                <c:pt idx="2255">
                  <c:v>8.8751175627647533E-2</c:v>
                </c:pt>
                <c:pt idx="2256">
                  <c:v>8.8186469988719693E-2</c:v>
                </c:pt>
                <c:pt idx="2257">
                  <c:v>8.8186469988719693E-2</c:v>
                </c:pt>
                <c:pt idx="2258">
                  <c:v>8.8186469988719693E-2</c:v>
                </c:pt>
                <c:pt idx="2259">
                  <c:v>8.8186469988719693E-2</c:v>
                </c:pt>
                <c:pt idx="2260">
                  <c:v>8.8186469988719693E-2</c:v>
                </c:pt>
                <c:pt idx="2261">
                  <c:v>8.8186469988719693E-2</c:v>
                </c:pt>
                <c:pt idx="2262">
                  <c:v>8.8186469988719693E-2</c:v>
                </c:pt>
                <c:pt idx="2263">
                  <c:v>0.36049560004479653</c:v>
                </c:pt>
                <c:pt idx="2264">
                  <c:v>0.40223719583945716</c:v>
                </c:pt>
                <c:pt idx="2265">
                  <c:v>0.44397879163411791</c:v>
                </c:pt>
                <c:pt idx="2266">
                  <c:v>0.44397879163411791</c:v>
                </c:pt>
                <c:pt idx="2267">
                  <c:v>0.53125667375022645</c:v>
                </c:pt>
                <c:pt idx="2268">
                  <c:v>0.53125667375022645</c:v>
                </c:pt>
                <c:pt idx="2269">
                  <c:v>0.35290621899122188</c:v>
                </c:pt>
                <c:pt idx="2270">
                  <c:v>0.53125667375022645</c:v>
                </c:pt>
                <c:pt idx="2271">
                  <c:v>0.53125667375022645</c:v>
                </c:pt>
                <c:pt idx="2272">
                  <c:v>0.31306196845995493</c:v>
                </c:pt>
                <c:pt idx="2273">
                  <c:v>0.13361586361927227</c:v>
                </c:pt>
                <c:pt idx="2274">
                  <c:v>8.8186469988719693E-2</c:v>
                </c:pt>
                <c:pt idx="2275">
                  <c:v>8.8186469988719693E-2</c:v>
                </c:pt>
                <c:pt idx="2276">
                  <c:v>8.8186469988719693E-2</c:v>
                </c:pt>
                <c:pt idx="2277">
                  <c:v>8.8186469988719693E-2</c:v>
                </c:pt>
                <c:pt idx="2278">
                  <c:v>8.8186469988719693E-2</c:v>
                </c:pt>
                <c:pt idx="2279">
                  <c:v>8.8186469988719693E-2</c:v>
                </c:pt>
                <c:pt idx="2280">
                  <c:v>8.6553756846192903E-2</c:v>
                </c:pt>
                <c:pt idx="2281">
                  <c:v>8.6553756846192903E-2</c:v>
                </c:pt>
                <c:pt idx="2282">
                  <c:v>8.6553756846192903E-2</c:v>
                </c:pt>
                <c:pt idx="2283">
                  <c:v>8.6553756846192903E-2</c:v>
                </c:pt>
                <c:pt idx="2284">
                  <c:v>8.6553756846192903E-2</c:v>
                </c:pt>
                <c:pt idx="2285">
                  <c:v>8.6553756846192903E-2</c:v>
                </c:pt>
                <c:pt idx="2286">
                  <c:v>8.6553756846192903E-2</c:v>
                </c:pt>
                <c:pt idx="2287">
                  <c:v>0.35382126662277036</c:v>
                </c:pt>
                <c:pt idx="2288">
                  <c:v>0.39479004486330171</c:v>
                </c:pt>
                <c:pt idx="2289">
                  <c:v>0.43575882310383296</c:v>
                </c:pt>
                <c:pt idx="2290">
                  <c:v>0.43575882310383296</c:v>
                </c:pt>
                <c:pt idx="2291">
                  <c:v>0.52142081397039841</c:v>
                </c:pt>
                <c:pt idx="2292">
                  <c:v>0.52142081397039841</c:v>
                </c:pt>
                <c:pt idx="2293">
                  <c:v>0.34637239785176466</c:v>
                </c:pt>
                <c:pt idx="2294">
                  <c:v>0.52142081397039841</c:v>
                </c:pt>
                <c:pt idx="2295">
                  <c:v>0.52142081397039841</c:v>
                </c:pt>
                <c:pt idx="2296">
                  <c:v>0.30726583680398478</c:v>
                </c:pt>
                <c:pt idx="2297">
                  <c:v>0.13114205582756502</c:v>
                </c:pt>
                <c:pt idx="2298">
                  <c:v>8.6553756846192903E-2</c:v>
                </c:pt>
                <c:pt idx="2299">
                  <c:v>8.6553756846192903E-2</c:v>
                </c:pt>
                <c:pt idx="2300">
                  <c:v>8.6553756846192903E-2</c:v>
                </c:pt>
                <c:pt idx="2301">
                  <c:v>8.6553756846192903E-2</c:v>
                </c:pt>
                <c:pt idx="2302">
                  <c:v>8.6553756846192903E-2</c:v>
                </c:pt>
                <c:pt idx="2303">
                  <c:v>8.6553756846192903E-2</c:v>
                </c:pt>
                <c:pt idx="2304">
                  <c:v>0.13091953520902971</c:v>
                </c:pt>
                <c:pt idx="2305">
                  <c:v>7.9345172853957396E-2</c:v>
                </c:pt>
                <c:pt idx="2306">
                  <c:v>7.9345172853957396E-2</c:v>
                </c:pt>
                <c:pt idx="2307">
                  <c:v>7.9345172853957396E-2</c:v>
                </c:pt>
                <c:pt idx="2308">
                  <c:v>7.9345172853957396E-2</c:v>
                </c:pt>
                <c:pt idx="2309">
                  <c:v>7.9345172853957396E-2</c:v>
                </c:pt>
                <c:pt idx="2310">
                  <c:v>7.9345172853957396E-2</c:v>
                </c:pt>
                <c:pt idx="2311">
                  <c:v>0.33801043635785849</c:v>
                </c:pt>
                <c:pt idx="2312">
                  <c:v>0.42251304544732315</c:v>
                </c:pt>
                <c:pt idx="2313">
                  <c:v>0.46476434999205546</c:v>
                </c:pt>
                <c:pt idx="2314">
                  <c:v>0.46476434999205546</c:v>
                </c:pt>
                <c:pt idx="2315">
                  <c:v>0.54926695908152001</c:v>
                </c:pt>
                <c:pt idx="2316">
                  <c:v>0.54926695908152001</c:v>
                </c:pt>
                <c:pt idx="2317">
                  <c:v>0.38026174090259091</c:v>
                </c:pt>
                <c:pt idx="2318">
                  <c:v>0.54926695908152001</c:v>
                </c:pt>
                <c:pt idx="2319">
                  <c:v>0.42251304544732315</c:v>
                </c:pt>
                <c:pt idx="2320">
                  <c:v>0.1983629321348935</c:v>
                </c:pt>
                <c:pt idx="2321">
                  <c:v>0.13091953520902971</c:v>
                </c:pt>
                <c:pt idx="2322">
                  <c:v>8.3312431496655265E-2</c:v>
                </c:pt>
                <c:pt idx="2323">
                  <c:v>7.9345172853957396E-2</c:v>
                </c:pt>
                <c:pt idx="2324">
                  <c:v>7.9345172853957396E-2</c:v>
                </c:pt>
                <c:pt idx="2325">
                  <c:v>7.9345172853957396E-2</c:v>
                </c:pt>
                <c:pt idx="2326">
                  <c:v>7.9345172853957396E-2</c:v>
                </c:pt>
                <c:pt idx="2327">
                  <c:v>7.9345172853957396E-2</c:v>
                </c:pt>
                <c:pt idx="2328">
                  <c:v>6.0969822322551326E-2</c:v>
                </c:pt>
                <c:pt idx="2329">
                  <c:v>5.4872840090296193E-2</c:v>
                </c:pt>
                <c:pt idx="2330">
                  <c:v>5.4872840090296193E-2</c:v>
                </c:pt>
                <c:pt idx="2331">
                  <c:v>5.4872840090296193E-2</c:v>
                </c:pt>
                <c:pt idx="2332">
                  <c:v>5.4872840090296193E-2</c:v>
                </c:pt>
                <c:pt idx="2333">
                  <c:v>5.4872840090296193E-2</c:v>
                </c:pt>
                <c:pt idx="2334">
                  <c:v>5.4872840090296193E-2</c:v>
                </c:pt>
                <c:pt idx="2335">
                  <c:v>5.4872840090296193E-2</c:v>
                </c:pt>
                <c:pt idx="2336">
                  <c:v>5.4872840090296193E-2</c:v>
                </c:pt>
                <c:pt idx="2337">
                  <c:v>5.4872840090296193E-2</c:v>
                </c:pt>
                <c:pt idx="2338">
                  <c:v>5.4872840090296193E-2</c:v>
                </c:pt>
                <c:pt idx="2339">
                  <c:v>5.4872840090296193E-2</c:v>
                </c:pt>
                <c:pt idx="2340">
                  <c:v>5.4872840090296193E-2</c:v>
                </c:pt>
                <c:pt idx="2341">
                  <c:v>5.4872840090296193E-2</c:v>
                </c:pt>
                <c:pt idx="2342">
                  <c:v>5.4872840090296193E-2</c:v>
                </c:pt>
                <c:pt idx="2343">
                  <c:v>5.4872840090296193E-2</c:v>
                </c:pt>
                <c:pt idx="2344">
                  <c:v>5.4872840090296193E-2</c:v>
                </c:pt>
                <c:pt idx="2345">
                  <c:v>5.4872840090296193E-2</c:v>
                </c:pt>
                <c:pt idx="2346">
                  <c:v>5.4872840090296193E-2</c:v>
                </c:pt>
                <c:pt idx="2347">
                  <c:v>5.4872840090296193E-2</c:v>
                </c:pt>
                <c:pt idx="2348">
                  <c:v>5.4872840090296193E-2</c:v>
                </c:pt>
                <c:pt idx="2349">
                  <c:v>5.4872840090296193E-2</c:v>
                </c:pt>
                <c:pt idx="2350">
                  <c:v>5.4872840090296193E-2</c:v>
                </c:pt>
                <c:pt idx="2351">
                  <c:v>5.4872840090296193E-2</c:v>
                </c:pt>
                <c:pt idx="2352">
                  <c:v>4.9580652293977096E-2</c:v>
                </c:pt>
                <c:pt idx="2353">
                  <c:v>4.9580652293977096E-2</c:v>
                </c:pt>
                <c:pt idx="2354">
                  <c:v>4.9580652293977096E-2</c:v>
                </c:pt>
                <c:pt idx="2355">
                  <c:v>4.9580652293977096E-2</c:v>
                </c:pt>
                <c:pt idx="2356">
                  <c:v>4.9580652293977096E-2</c:v>
                </c:pt>
                <c:pt idx="2357">
                  <c:v>4.9580652293977096E-2</c:v>
                </c:pt>
                <c:pt idx="2358">
                  <c:v>4.9580652293977096E-2</c:v>
                </c:pt>
                <c:pt idx="2359">
                  <c:v>4.9580652293977096E-2</c:v>
                </c:pt>
                <c:pt idx="2360">
                  <c:v>4.9580652293977096E-2</c:v>
                </c:pt>
                <c:pt idx="2361">
                  <c:v>4.9580652293977096E-2</c:v>
                </c:pt>
                <c:pt idx="2362">
                  <c:v>4.9580652293977096E-2</c:v>
                </c:pt>
                <c:pt idx="2363">
                  <c:v>4.9580652293977096E-2</c:v>
                </c:pt>
                <c:pt idx="2364">
                  <c:v>4.9580652293977096E-2</c:v>
                </c:pt>
                <c:pt idx="2365">
                  <c:v>4.9580652293977096E-2</c:v>
                </c:pt>
                <c:pt idx="2366">
                  <c:v>4.9580652293977096E-2</c:v>
                </c:pt>
                <c:pt idx="2367">
                  <c:v>4.9580652293977096E-2</c:v>
                </c:pt>
                <c:pt idx="2368">
                  <c:v>4.9580652293977096E-2</c:v>
                </c:pt>
                <c:pt idx="2369">
                  <c:v>4.9580652293977096E-2</c:v>
                </c:pt>
                <c:pt idx="2370">
                  <c:v>4.9580652293977096E-2</c:v>
                </c:pt>
                <c:pt idx="2371">
                  <c:v>4.9580652293977096E-2</c:v>
                </c:pt>
                <c:pt idx="2372">
                  <c:v>4.9580652293977096E-2</c:v>
                </c:pt>
                <c:pt idx="2373">
                  <c:v>4.9580652293977096E-2</c:v>
                </c:pt>
                <c:pt idx="2374">
                  <c:v>4.9580652293977096E-2</c:v>
                </c:pt>
                <c:pt idx="2375">
                  <c:v>4.9580652293977096E-2</c:v>
                </c:pt>
                <c:pt idx="2376">
                  <c:v>8.0618284238835519E-2</c:v>
                </c:pt>
                <c:pt idx="2377">
                  <c:v>8.0618284238835519E-2</c:v>
                </c:pt>
                <c:pt idx="2378">
                  <c:v>8.0618284238835519E-2</c:v>
                </c:pt>
                <c:pt idx="2379">
                  <c:v>8.0618284238835519E-2</c:v>
                </c:pt>
                <c:pt idx="2380">
                  <c:v>8.0618284238835519E-2</c:v>
                </c:pt>
                <c:pt idx="2381">
                  <c:v>8.0618284238835519E-2</c:v>
                </c:pt>
                <c:pt idx="2382">
                  <c:v>8.0618284238835519E-2</c:v>
                </c:pt>
                <c:pt idx="2383">
                  <c:v>0.34343389085743931</c:v>
                </c:pt>
                <c:pt idx="2384">
                  <c:v>0.38636312721461924</c:v>
                </c:pt>
                <c:pt idx="2385">
                  <c:v>0.42929236357179912</c:v>
                </c:pt>
                <c:pt idx="2386">
                  <c:v>0.42929236357179912</c:v>
                </c:pt>
                <c:pt idx="2387">
                  <c:v>0.51515083628615899</c:v>
                </c:pt>
                <c:pt idx="2388">
                  <c:v>0.51515083628615899</c:v>
                </c:pt>
                <c:pt idx="2389">
                  <c:v>0.34343389085743931</c:v>
                </c:pt>
                <c:pt idx="2390">
                  <c:v>0.51515083628615899</c:v>
                </c:pt>
                <c:pt idx="2391">
                  <c:v>0.51515083628615899</c:v>
                </c:pt>
                <c:pt idx="2392">
                  <c:v>0.30050465450025932</c:v>
                </c:pt>
                <c:pt idx="2393">
                  <c:v>8.5858472714359826E-2</c:v>
                </c:pt>
                <c:pt idx="2394">
                  <c:v>8.4649198450777285E-2</c:v>
                </c:pt>
                <c:pt idx="2395">
                  <c:v>8.4649198450777285E-2</c:v>
                </c:pt>
                <c:pt idx="2396">
                  <c:v>8.4649198450777285E-2</c:v>
                </c:pt>
                <c:pt idx="2397">
                  <c:v>8.4649198450777285E-2</c:v>
                </c:pt>
                <c:pt idx="2398">
                  <c:v>8.4649198450777285E-2</c:v>
                </c:pt>
                <c:pt idx="2399">
                  <c:v>8.4649198450777285E-2</c:v>
                </c:pt>
                <c:pt idx="2400">
                  <c:v>5.4460020180178204E-2</c:v>
                </c:pt>
                <c:pt idx="2401">
                  <c:v>8.2986697417414407E-2</c:v>
                </c:pt>
                <c:pt idx="2402">
                  <c:v>8.2986697417414407E-2</c:v>
                </c:pt>
                <c:pt idx="2403">
                  <c:v>8.2986697417414407E-2</c:v>
                </c:pt>
                <c:pt idx="2404">
                  <c:v>8.2986697417414407E-2</c:v>
                </c:pt>
                <c:pt idx="2405">
                  <c:v>8.2986697417414407E-2</c:v>
                </c:pt>
                <c:pt idx="2406">
                  <c:v>8.2986697417414407E-2</c:v>
                </c:pt>
                <c:pt idx="2407">
                  <c:v>0.34984079630028764</c:v>
                </c:pt>
                <c:pt idx="2408">
                  <c:v>0.39034867797716305</c:v>
                </c:pt>
                <c:pt idx="2409">
                  <c:v>0.43085655965403841</c:v>
                </c:pt>
                <c:pt idx="2410">
                  <c:v>0.43085655965403841</c:v>
                </c:pt>
                <c:pt idx="2411">
                  <c:v>0.51555485770568699</c:v>
                </c:pt>
                <c:pt idx="2412">
                  <c:v>0.51555485770568699</c:v>
                </c:pt>
                <c:pt idx="2413">
                  <c:v>0.34247572690449207</c:v>
                </c:pt>
                <c:pt idx="2414">
                  <c:v>0.51555485770568699</c:v>
                </c:pt>
                <c:pt idx="2415">
                  <c:v>0.51555485770568699</c:v>
                </c:pt>
                <c:pt idx="2416">
                  <c:v>0.30380911257656557</c:v>
                </c:pt>
                <c:pt idx="2417">
                  <c:v>0.12966671471471</c:v>
                </c:pt>
                <c:pt idx="2418">
                  <c:v>8.5580031711708596E-2</c:v>
                </c:pt>
                <c:pt idx="2419">
                  <c:v>8.5580031711708596E-2</c:v>
                </c:pt>
                <c:pt idx="2420">
                  <c:v>8.5580031711708596E-2</c:v>
                </c:pt>
                <c:pt idx="2421">
                  <c:v>8.5580031711708596E-2</c:v>
                </c:pt>
                <c:pt idx="2422">
                  <c:v>8.5580031711708596E-2</c:v>
                </c:pt>
                <c:pt idx="2423">
                  <c:v>8.5580031711708596E-2</c:v>
                </c:pt>
                <c:pt idx="2424">
                  <c:v>8.3893039132445557E-2</c:v>
                </c:pt>
                <c:pt idx="2425">
                  <c:v>8.3893039132445557E-2</c:v>
                </c:pt>
                <c:pt idx="2426">
                  <c:v>8.3893039132445557E-2</c:v>
                </c:pt>
                <c:pt idx="2427">
                  <c:v>8.3893039132445557E-2</c:v>
                </c:pt>
                <c:pt idx="2428">
                  <c:v>8.3893039132445557E-2</c:v>
                </c:pt>
                <c:pt idx="2429">
                  <c:v>8.3893039132445557E-2</c:v>
                </c:pt>
                <c:pt idx="2430">
                  <c:v>8.3893039132445557E-2</c:v>
                </c:pt>
                <c:pt idx="2431">
                  <c:v>0.34294457512020926</c:v>
                </c:pt>
                <c:pt idx="2432">
                  <c:v>0.38265394697623356</c:v>
                </c:pt>
                <c:pt idx="2433">
                  <c:v>0.42236331883225781</c:v>
                </c:pt>
                <c:pt idx="2434">
                  <c:v>0.42236331883225781</c:v>
                </c:pt>
                <c:pt idx="2435">
                  <c:v>0.50539200544030838</c:v>
                </c:pt>
                <c:pt idx="2436">
                  <c:v>0.50539200544030838</c:v>
                </c:pt>
                <c:pt idx="2437">
                  <c:v>0.33572468932820487</c:v>
                </c:pt>
                <c:pt idx="2438">
                  <c:v>0.50539200544030838</c:v>
                </c:pt>
                <c:pt idx="2439">
                  <c:v>0.50539200544030838</c:v>
                </c:pt>
                <c:pt idx="2440">
                  <c:v>0.29782028892018175</c:v>
                </c:pt>
                <c:pt idx="2441">
                  <c:v>0.12711066535219026</c:v>
                </c:pt>
                <c:pt idx="2442">
                  <c:v>8.3893039132445557E-2</c:v>
                </c:pt>
                <c:pt idx="2443">
                  <c:v>8.3893039132445557E-2</c:v>
                </c:pt>
                <c:pt idx="2444">
                  <c:v>8.3893039132445557E-2</c:v>
                </c:pt>
                <c:pt idx="2445">
                  <c:v>8.3893039132445557E-2</c:v>
                </c:pt>
                <c:pt idx="2446">
                  <c:v>8.3893039132445557E-2</c:v>
                </c:pt>
                <c:pt idx="2447">
                  <c:v>8.3893039132445557E-2</c:v>
                </c:pt>
                <c:pt idx="2448">
                  <c:v>8.3590684846792468E-2</c:v>
                </c:pt>
                <c:pt idx="2449">
                  <c:v>8.3590684846792468E-2</c:v>
                </c:pt>
                <c:pt idx="2450">
                  <c:v>8.3590684846792468E-2</c:v>
                </c:pt>
                <c:pt idx="2451">
                  <c:v>8.3590684846792468E-2</c:v>
                </c:pt>
                <c:pt idx="2452">
                  <c:v>8.3590684846792468E-2</c:v>
                </c:pt>
                <c:pt idx="2453">
                  <c:v>8.3590684846792468E-2</c:v>
                </c:pt>
                <c:pt idx="2454">
                  <c:v>8.3590684846792468E-2</c:v>
                </c:pt>
                <c:pt idx="2455">
                  <c:v>0.3417085874494637</c:v>
                </c:pt>
                <c:pt idx="2456">
                  <c:v>0.38127484494361219</c:v>
                </c:pt>
                <c:pt idx="2457">
                  <c:v>0.42084110243776063</c:v>
                </c:pt>
                <c:pt idx="2458">
                  <c:v>0.42084110243776063</c:v>
                </c:pt>
                <c:pt idx="2459">
                  <c:v>0.50357054992552541</c:v>
                </c:pt>
                <c:pt idx="2460">
                  <c:v>0.50357054992552541</c:v>
                </c:pt>
                <c:pt idx="2461">
                  <c:v>0.3345147224505276</c:v>
                </c:pt>
                <c:pt idx="2462">
                  <c:v>0.50357054992552541</c:v>
                </c:pt>
                <c:pt idx="2463">
                  <c:v>0.50357054992552541</c:v>
                </c:pt>
                <c:pt idx="2464">
                  <c:v>0.29674693120611323</c:v>
                </c:pt>
                <c:pt idx="2465">
                  <c:v>0.12665255279817039</c:v>
                </c:pt>
                <c:pt idx="2466">
                  <c:v>8.3590684846792468E-2</c:v>
                </c:pt>
                <c:pt idx="2467">
                  <c:v>8.3590684846792468E-2</c:v>
                </c:pt>
                <c:pt idx="2468">
                  <c:v>8.3590684846792468E-2</c:v>
                </c:pt>
                <c:pt idx="2469">
                  <c:v>8.3590684846792468E-2</c:v>
                </c:pt>
                <c:pt idx="2470">
                  <c:v>8.3590684846792468E-2</c:v>
                </c:pt>
                <c:pt idx="2471">
                  <c:v>8.3590684846792468E-2</c:v>
                </c:pt>
                <c:pt idx="2472">
                  <c:v>0.13239850723057262</c:v>
                </c:pt>
                <c:pt idx="2473">
                  <c:v>8.0241519533680361E-2</c:v>
                </c:pt>
                <c:pt idx="2474">
                  <c:v>8.0241519533680361E-2</c:v>
                </c:pt>
                <c:pt idx="2475">
                  <c:v>8.0241519533680361E-2</c:v>
                </c:pt>
                <c:pt idx="2476">
                  <c:v>8.0241519533680361E-2</c:v>
                </c:pt>
                <c:pt idx="2477">
                  <c:v>8.0241519533680361E-2</c:v>
                </c:pt>
                <c:pt idx="2478">
                  <c:v>8.0241519533680361E-2</c:v>
                </c:pt>
                <c:pt idx="2479">
                  <c:v>0.34182887321347832</c:v>
                </c:pt>
                <c:pt idx="2480">
                  <c:v>0.42728609151684793</c:v>
                </c:pt>
                <c:pt idx="2481">
                  <c:v>0.47001470066853279</c:v>
                </c:pt>
                <c:pt idx="2482">
                  <c:v>0.47001470066853279</c:v>
                </c:pt>
                <c:pt idx="2483">
                  <c:v>0.55547191897190229</c:v>
                </c:pt>
                <c:pt idx="2484">
                  <c:v>0.55547191897190229</c:v>
                </c:pt>
                <c:pt idx="2485">
                  <c:v>0.38455748236516318</c:v>
                </c:pt>
                <c:pt idx="2486">
                  <c:v>0.55547191897190229</c:v>
                </c:pt>
                <c:pt idx="2487">
                  <c:v>0.42728609151684793</c:v>
                </c:pt>
                <c:pt idx="2488">
                  <c:v>0.2006037988342009</c:v>
                </c:pt>
                <c:pt idx="2489">
                  <c:v>0.13239850723057262</c:v>
                </c:pt>
                <c:pt idx="2490">
                  <c:v>8.4253595510364376E-2</c:v>
                </c:pt>
                <c:pt idx="2491">
                  <c:v>8.0241519533680361E-2</c:v>
                </c:pt>
                <c:pt idx="2492">
                  <c:v>8.0241519533680361E-2</c:v>
                </c:pt>
                <c:pt idx="2493">
                  <c:v>8.0241519533680361E-2</c:v>
                </c:pt>
                <c:pt idx="2494">
                  <c:v>8.0241519533680361E-2</c:v>
                </c:pt>
                <c:pt idx="2495">
                  <c:v>8.0241519533680361E-2</c:v>
                </c:pt>
                <c:pt idx="2496">
                  <c:v>5.6723153041816757E-2</c:v>
                </c:pt>
                <c:pt idx="2497">
                  <c:v>5.105083773763508E-2</c:v>
                </c:pt>
                <c:pt idx="2498">
                  <c:v>5.105083773763508E-2</c:v>
                </c:pt>
                <c:pt idx="2499">
                  <c:v>5.105083773763508E-2</c:v>
                </c:pt>
                <c:pt idx="2500">
                  <c:v>5.105083773763508E-2</c:v>
                </c:pt>
                <c:pt idx="2501">
                  <c:v>5.105083773763508E-2</c:v>
                </c:pt>
                <c:pt idx="2502">
                  <c:v>5.105083773763508E-2</c:v>
                </c:pt>
                <c:pt idx="2503">
                  <c:v>5.105083773763508E-2</c:v>
                </c:pt>
                <c:pt idx="2504">
                  <c:v>5.105083773763508E-2</c:v>
                </c:pt>
                <c:pt idx="2505">
                  <c:v>5.105083773763508E-2</c:v>
                </c:pt>
                <c:pt idx="2506">
                  <c:v>5.105083773763508E-2</c:v>
                </c:pt>
                <c:pt idx="2507">
                  <c:v>5.105083773763508E-2</c:v>
                </c:pt>
                <c:pt idx="2508">
                  <c:v>5.105083773763508E-2</c:v>
                </c:pt>
                <c:pt idx="2509">
                  <c:v>5.105083773763508E-2</c:v>
                </c:pt>
                <c:pt idx="2510">
                  <c:v>5.105083773763508E-2</c:v>
                </c:pt>
                <c:pt idx="2511">
                  <c:v>5.105083773763508E-2</c:v>
                </c:pt>
                <c:pt idx="2512">
                  <c:v>5.105083773763508E-2</c:v>
                </c:pt>
                <c:pt idx="2513">
                  <c:v>5.105083773763508E-2</c:v>
                </c:pt>
                <c:pt idx="2514">
                  <c:v>5.105083773763508E-2</c:v>
                </c:pt>
                <c:pt idx="2515">
                  <c:v>5.105083773763508E-2</c:v>
                </c:pt>
                <c:pt idx="2516">
                  <c:v>5.105083773763508E-2</c:v>
                </c:pt>
                <c:pt idx="2517">
                  <c:v>5.105083773763508E-2</c:v>
                </c:pt>
                <c:pt idx="2518">
                  <c:v>5.105083773763508E-2</c:v>
                </c:pt>
                <c:pt idx="2519">
                  <c:v>5.105083773763508E-2</c:v>
                </c:pt>
                <c:pt idx="2520">
                  <c:v>4.5314322507313168E-2</c:v>
                </c:pt>
                <c:pt idx="2521">
                  <c:v>4.5314322507313168E-2</c:v>
                </c:pt>
                <c:pt idx="2522">
                  <c:v>4.5314322507313168E-2</c:v>
                </c:pt>
                <c:pt idx="2523">
                  <c:v>4.5314322507313168E-2</c:v>
                </c:pt>
                <c:pt idx="2524">
                  <c:v>4.5314322507313168E-2</c:v>
                </c:pt>
                <c:pt idx="2525">
                  <c:v>4.5314322507313168E-2</c:v>
                </c:pt>
                <c:pt idx="2526">
                  <c:v>4.5314322507313168E-2</c:v>
                </c:pt>
                <c:pt idx="2527">
                  <c:v>4.5314322507313168E-2</c:v>
                </c:pt>
                <c:pt idx="2528">
                  <c:v>4.5314322507313168E-2</c:v>
                </c:pt>
                <c:pt idx="2529">
                  <c:v>4.5314322507313168E-2</c:v>
                </c:pt>
                <c:pt idx="2530">
                  <c:v>4.5314322507313168E-2</c:v>
                </c:pt>
                <c:pt idx="2531">
                  <c:v>4.5314322507313168E-2</c:v>
                </c:pt>
                <c:pt idx="2532">
                  <c:v>4.5314322507313168E-2</c:v>
                </c:pt>
                <c:pt idx="2533">
                  <c:v>4.5314322507313168E-2</c:v>
                </c:pt>
                <c:pt idx="2534">
                  <c:v>4.5314322507313168E-2</c:v>
                </c:pt>
                <c:pt idx="2535">
                  <c:v>4.5314322507313168E-2</c:v>
                </c:pt>
                <c:pt idx="2536">
                  <c:v>4.5314322507313168E-2</c:v>
                </c:pt>
                <c:pt idx="2537">
                  <c:v>4.5314322507313168E-2</c:v>
                </c:pt>
                <c:pt idx="2538">
                  <c:v>4.5314322507313168E-2</c:v>
                </c:pt>
                <c:pt idx="2539">
                  <c:v>4.5314322507313168E-2</c:v>
                </c:pt>
                <c:pt idx="2540">
                  <c:v>4.5314322507313168E-2</c:v>
                </c:pt>
                <c:pt idx="2541">
                  <c:v>4.5314322507313168E-2</c:v>
                </c:pt>
                <c:pt idx="2542">
                  <c:v>4.5314322507313168E-2</c:v>
                </c:pt>
                <c:pt idx="2543">
                  <c:v>4.5314322507313168E-2</c:v>
                </c:pt>
                <c:pt idx="2544">
                  <c:v>7.9109589207616182E-2</c:v>
                </c:pt>
                <c:pt idx="2545">
                  <c:v>7.9109589207616182E-2</c:v>
                </c:pt>
                <c:pt idx="2546">
                  <c:v>7.9109589207616182E-2</c:v>
                </c:pt>
                <c:pt idx="2547">
                  <c:v>7.9109589207616182E-2</c:v>
                </c:pt>
                <c:pt idx="2548">
                  <c:v>7.9109589207616182E-2</c:v>
                </c:pt>
                <c:pt idx="2549">
                  <c:v>7.9109589207616182E-2</c:v>
                </c:pt>
                <c:pt idx="2550">
                  <c:v>7.9109589207616182E-2</c:v>
                </c:pt>
                <c:pt idx="2551">
                  <c:v>0.33700685002444486</c:v>
                </c:pt>
                <c:pt idx="2552">
                  <c:v>0.37913270627750051</c:v>
                </c:pt>
                <c:pt idx="2553">
                  <c:v>0.42125856253055616</c:v>
                </c:pt>
                <c:pt idx="2554">
                  <c:v>0.42125856253055616</c:v>
                </c:pt>
                <c:pt idx="2555">
                  <c:v>0.50551027503666734</c:v>
                </c:pt>
                <c:pt idx="2556">
                  <c:v>0.50551027503666734</c:v>
                </c:pt>
                <c:pt idx="2557">
                  <c:v>0.33700685002444486</c:v>
                </c:pt>
                <c:pt idx="2558">
                  <c:v>0.50551027503666734</c:v>
                </c:pt>
                <c:pt idx="2559">
                  <c:v>0.50551027503666734</c:v>
                </c:pt>
                <c:pt idx="2560">
                  <c:v>0.29488099377138932</c:v>
                </c:pt>
                <c:pt idx="2561">
                  <c:v>8.4251712506111215E-2</c:v>
                </c:pt>
                <c:pt idx="2562">
                  <c:v>8.3065068667996983E-2</c:v>
                </c:pt>
                <c:pt idx="2563">
                  <c:v>8.3065068667996983E-2</c:v>
                </c:pt>
                <c:pt idx="2564">
                  <c:v>8.3065068667996983E-2</c:v>
                </c:pt>
                <c:pt idx="2565">
                  <c:v>8.3065068667996983E-2</c:v>
                </c:pt>
                <c:pt idx="2566">
                  <c:v>8.3065068667996983E-2</c:v>
                </c:pt>
                <c:pt idx="2567">
                  <c:v>8.3065068667996983E-2</c:v>
                </c:pt>
                <c:pt idx="2568">
                  <c:v>5.302413508537368E-2</c:v>
                </c:pt>
                <c:pt idx="2569">
                  <c:v>8.0798682034855157E-2</c:v>
                </c:pt>
                <c:pt idx="2570">
                  <c:v>8.0798682034855157E-2</c:v>
                </c:pt>
                <c:pt idx="2571">
                  <c:v>8.0798682034855157E-2</c:v>
                </c:pt>
                <c:pt idx="2572">
                  <c:v>8.0798682034855157E-2</c:v>
                </c:pt>
                <c:pt idx="2573">
                  <c:v>8.0798682034855157E-2</c:v>
                </c:pt>
                <c:pt idx="2574">
                  <c:v>8.0798682034855157E-2</c:v>
                </c:pt>
                <c:pt idx="2575">
                  <c:v>0.34061694395318615</c:v>
                </c:pt>
                <c:pt idx="2576">
                  <c:v>0.38005680062144986</c:v>
                </c:pt>
                <c:pt idx="2577">
                  <c:v>0.41949665728971353</c:v>
                </c:pt>
                <c:pt idx="2578">
                  <c:v>0.41949665728971353</c:v>
                </c:pt>
                <c:pt idx="2579">
                  <c:v>0.50196181214153746</c:v>
                </c:pt>
                <c:pt idx="2580">
                  <c:v>0.50196181214153746</c:v>
                </c:pt>
                <c:pt idx="2581">
                  <c:v>0.33344606092259277</c:v>
                </c:pt>
                <c:pt idx="2582">
                  <c:v>0.50196181214153746</c:v>
                </c:pt>
                <c:pt idx="2583">
                  <c:v>0.50196181214153746</c:v>
                </c:pt>
                <c:pt idx="2584">
                  <c:v>0.29579892501197746</c:v>
                </c:pt>
                <c:pt idx="2585">
                  <c:v>0.12624794067946116</c:v>
                </c:pt>
                <c:pt idx="2586">
                  <c:v>8.3323640848444361E-2</c:v>
                </c:pt>
                <c:pt idx="2587">
                  <c:v>8.3323640848444361E-2</c:v>
                </c:pt>
                <c:pt idx="2588">
                  <c:v>8.3323640848444361E-2</c:v>
                </c:pt>
                <c:pt idx="2589">
                  <c:v>8.3323640848444361E-2</c:v>
                </c:pt>
                <c:pt idx="2590">
                  <c:v>8.3323640848444361E-2</c:v>
                </c:pt>
                <c:pt idx="2591">
                  <c:v>8.3323640848444361E-2</c:v>
                </c:pt>
                <c:pt idx="2592">
                  <c:v>8.3711626561053715E-2</c:v>
                </c:pt>
                <c:pt idx="2593">
                  <c:v>8.3711626561053715E-2</c:v>
                </c:pt>
                <c:pt idx="2594">
                  <c:v>8.3711626561053715E-2</c:v>
                </c:pt>
                <c:pt idx="2595">
                  <c:v>8.3711626561053715E-2</c:v>
                </c:pt>
                <c:pt idx="2596">
                  <c:v>8.3711626561053715E-2</c:v>
                </c:pt>
                <c:pt idx="2597">
                  <c:v>8.3711626561053715E-2</c:v>
                </c:pt>
                <c:pt idx="2598">
                  <c:v>8.3711626561053715E-2</c:v>
                </c:pt>
                <c:pt idx="2599">
                  <c:v>0.34220298251776193</c:v>
                </c:pt>
                <c:pt idx="2600">
                  <c:v>0.38182648575666078</c:v>
                </c:pt>
                <c:pt idx="2601">
                  <c:v>0.42144998899555952</c:v>
                </c:pt>
                <c:pt idx="2602">
                  <c:v>0.42144998899555952</c:v>
                </c:pt>
                <c:pt idx="2603">
                  <c:v>0.50429913213143873</c:v>
                </c:pt>
                <c:pt idx="2604">
                  <c:v>0.50429913213143873</c:v>
                </c:pt>
                <c:pt idx="2605">
                  <c:v>0.33499870920159863</c:v>
                </c:pt>
                <c:pt idx="2606">
                  <c:v>0.50429913213143873</c:v>
                </c:pt>
                <c:pt idx="2607">
                  <c:v>0.50429913213143873</c:v>
                </c:pt>
                <c:pt idx="2608">
                  <c:v>0.29717627429174071</c:v>
                </c:pt>
                <c:pt idx="2609">
                  <c:v>0.12683579781977836</c:v>
                </c:pt>
                <c:pt idx="2610">
                  <c:v>8.3711626561053715E-2</c:v>
                </c:pt>
                <c:pt idx="2611">
                  <c:v>8.3711626561053715E-2</c:v>
                </c:pt>
                <c:pt idx="2612">
                  <c:v>8.3711626561053715E-2</c:v>
                </c:pt>
                <c:pt idx="2613">
                  <c:v>8.3711626561053715E-2</c:v>
                </c:pt>
                <c:pt idx="2614">
                  <c:v>8.3711626561053715E-2</c:v>
                </c:pt>
                <c:pt idx="2615">
                  <c:v>8.3711626561053715E-2</c:v>
                </c:pt>
                <c:pt idx="2616">
                  <c:v>8.3046447132616885E-2</c:v>
                </c:pt>
                <c:pt idx="2617">
                  <c:v>8.3046447132616885E-2</c:v>
                </c:pt>
                <c:pt idx="2618">
                  <c:v>8.3046447132616885E-2</c:v>
                </c:pt>
                <c:pt idx="2619">
                  <c:v>8.3046447132616885E-2</c:v>
                </c:pt>
                <c:pt idx="2620">
                  <c:v>8.3046447132616885E-2</c:v>
                </c:pt>
                <c:pt idx="2621">
                  <c:v>8.3046447132616885E-2</c:v>
                </c:pt>
                <c:pt idx="2622">
                  <c:v>8.3046447132616885E-2</c:v>
                </c:pt>
                <c:pt idx="2623">
                  <c:v>0.33948380964212177</c:v>
                </c:pt>
                <c:pt idx="2624">
                  <c:v>0.37879246128489374</c:v>
                </c:pt>
                <c:pt idx="2625">
                  <c:v>0.41810111292766572</c:v>
                </c:pt>
                <c:pt idx="2626">
                  <c:v>0.41810111292766572</c:v>
                </c:pt>
                <c:pt idx="2627">
                  <c:v>0.50029192999891614</c:v>
                </c:pt>
                <c:pt idx="2628">
                  <c:v>0.50029192999891614</c:v>
                </c:pt>
                <c:pt idx="2629">
                  <c:v>0.3323367820707086</c:v>
                </c:pt>
                <c:pt idx="2630">
                  <c:v>0.50029192999891614</c:v>
                </c:pt>
                <c:pt idx="2631">
                  <c:v>0.50029192999891614</c:v>
                </c:pt>
                <c:pt idx="2632">
                  <c:v>0.29481488732078986</c:v>
                </c:pt>
                <c:pt idx="2633">
                  <c:v>0.12582795020093468</c:v>
                </c:pt>
                <c:pt idx="2634">
                  <c:v>8.3046447132616885E-2</c:v>
                </c:pt>
                <c:pt idx="2635">
                  <c:v>8.3046447132616885E-2</c:v>
                </c:pt>
                <c:pt idx="2636">
                  <c:v>8.3046447132616885E-2</c:v>
                </c:pt>
                <c:pt idx="2637">
                  <c:v>8.3046447132616885E-2</c:v>
                </c:pt>
                <c:pt idx="2638">
                  <c:v>8.3046447132616885E-2</c:v>
                </c:pt>
                <c:pt idx="2639">
                  <c:v>8.3046447132616885E-2</c:v>
                </c:pt>
                <c:pt idx="2640">
                  <c:v>0.12491121137151176</c:v>
                </c:pt>
                <c:pt idx="2641">
                  <c:v>7.5703764467582896E-2</c:v>
                </c:pt>
                <c:pt idx="2642">
                  <c:v>7.5703764467582896E-2</c:v>
                </c:pt>
                <c:pt idx="2643">
                  <c:v>7.5703764467582896E-2</c:v>
                </c:pt>
                <c:pt idx="2644">
                  <c:v>7.5703764467582896E-2</c:v>
                </c:pt>
                <c:pt idx="2645">
                  <c:v>7.5703764467582896E-2</c:v>
                </c:pt>
                <c:pt idx="2646">
                  <c:v>7.5703764467582896E-2</c:v>
                </c:pt>
                <c:pt idx="2647">
                  <c:v>0.32249803663190313</c:v>
                </c:pt>
                <c:pt idx="2648">
                  <c:v>0.40312254578987888</c:v>
                </c:pt>
                <c:pt idx="2649">
                  <c:v>0.44343480036886684</c:v>
                </c:pt>
                <c:pt idx="2650">
                  <c:v>0.44343480036886684</c:v>
                </c:pt>
                <c:pt idx="2651">
                  <c:v>0.52405930952684265</c:v>
                </c:pt>
                <c:pt idx="2652">
                  <c:v>0.52405930952684265</c:v>
                </c:pt>
                <c:pt idx="2653">
                  <c:v>0.36281029121089103</c:v>
                </c:pt>
                <c:pt idx="2654">
                  <c:v>0.52405930952684265</c:v>
                </c:pt>
                <c:pt idx="2655">
                  <c:v>0.40312254578987888</c:v>
                </c:pt>
                <c:pt idx="2656">
                  <c:v>0.18925941116895725</c:v>
                </c:pt>
                <c:pt idx="2657">
                  <c:v>0.12491121137151176</c:v>
                </c:pt>
                <c:pt idx="2658">
                  <c:v>7.9488952690962039E-2</c:v>
                </c:pt>
                <c:pt idx="2659">
                  <c:v>7.5703764467582896E-2</c:v>
                </c:pt>
                <c:pt idx="2660">
                  <c:v>7.5703764467582896E-2</c:v>
                </c:pt>
                <c:pt idx="2661">
                  <c:v>7.5703764467582896E-2</c:v>
                </c:pt>
                <c:pt idx="2662">
                  <c:v>7.5703764467582896E-2</c:v>
                </c:pt>
                <c:pt idx="2663">
                  <c:v>7.5703764467582896E-2</c:v>
                </c:pt>
                <c:pt idx="2664">
                  <c:v>3.4074250211232351E-2</c:v>
                </c:pt>
                <c:pt idx="2665">
                  <c:v>3.0666825190109104E-2</c:v>
                </c:pt>
                <c:pt idx="2666">
                  <c:v>3.0666825190109104E-2</c:v>
                </c:pt>
                <c:pt idx="2667">
                  <c:v>3.0666825190109104E-2</c:v>
                </c:pt>
                <c:pt idx="2668">
                  <c:v>3.0666825190109104E-2</c:v>
                </c:pt>
                <c:pt idx="2669">
                  <c:v>3.0666825190109104E-2</c:v>
                </c:pt>
                <c:pt idx="2670">
                  <c:v>3.0666825190109104E-2</c:v>
                </c:pt>
                <c:pt idx="2671">
                  <c:v>3.0666825190109104E-2</c:v>
                </c:pt>
                <c:pt idx="2672">
                  <c:v>3.0666825190109104E-2</c:v>
                </c:pt>
                <c:pt idx="2673">
                  <c:v>3.0666825190109104E-2</c:v>
                </c:pt>
                <c:pt idx="2674">
                  <c:v>3.0666825190109104E-2</c:v>
                </c:pt>
                <c:pt idx="2675">
                  <c:v>3.0666825190109104E-2</c:v>
                </c:pt>
                <c:pt idx="2676">
                  <c:v>3.0666825190109104E-2</c:v>
                </c:pt>
                <c:pt idx="2677">
                  <c:v>3.0666825190109104E-2</c:v>
                </c:pt>
                <c:pt idx="2678">
                  <c:v>3.0666825190109104E-2</c:v>
                </c:pt>
                <c:pt idx="2679">
                  <c:v>3.0666825190109104E-2</c:v>
                </c:pt>
                <c:pt idx="2680">
                  <c:v>3.0666825190109104E-2</c:v>
                </c:pt>
                <c:pt idx="2681">
                  <c:v>3.0666825190109104E-2</c:v>
                </c:pt>
                <c:pt idx="2682">
                  <c:v>3.0666825190109104E-2</c:v>
                </c:pt>
                <c:pt idx="2683">
                  <c:v>3.0666825190109104E-2</c:v>
                </c:pt>
                <c:pt idx="2684">
                  <c:v>3.0666825190109104E-2</c:v>
                </c:pt>
                <c:pt idx="2685">
                  <c:v>3.0666825190109104E-2</c:v>
                </c:pt>
                <c:pt idx="2686">
                  <c:v>3.0666825190109104E-2</c:v>
                </c:pt>
                <c:pt idx="2687">
                  <c:v>3.0666825190109104E-2</c:v>
                </c:pt>
                <c:pt idx="2688">
                  <c:v>2.9835000736007072E-2</c:v>
                </c:pt>
                <c:pt idx="2689">
                  <c:v>2.9835000736007072E-2</c:v>
                </c:pt>
                <c:pt idx="2690">
                  <c:v>2.9835000736007072E-2</c:v>
                </c:pt>
                <c:pt idx="2691">
                  <c:v>2.9835000736007072E-2</c:v>
                </c:pt>
                <c:pt idx="2692">
                  <c:v>2.9835000736007072E-2</c:v>
                </c:pt>
                <c:pt idx="2693">
                  <c:v>2.9835000736007072E-2</c:v>
                </c:pt>
                <c:pt idx="2694">
                  <c:v>2.9835000736007072E-2</c:v>
                </c:pt>
                <c:pt idx="2695">
                  <c:v>2.9835000736007072E-2</c:v>
                </c:pt>
                <c:pt idx="2696">
                  <c:v>2.9835000736007072E-2</c:v>
                </c:pt>
                <c:pt idx="2697">
                  <c:v>2.9835000736007072E-2</c:v>
                </c:pt>
                <c:pt idx="2698">
                  <c:v>2.9835000736007072E-2</c:v>
                </c:pt>
                <c:pt idx="2699">
                  <c:v>2.9835000736007072E-2</c:v>
                </c:pt>
                <c:pt idx="2700">
                  <c:v>2.9835000736007072E-2</c:v>
                </c:pt>
                <c:pt idx="2701">
                  <c:v>2.9835000736007072E-2</c:v>
                </c:pt>
                <c:pt idx="2702">
                  <c:v>2.9835000736007072E-2</c:v>
                </c:pt>
                <c:pt idx="2703">
                  <c:v>2.9835000736007072E-2</c:v>
                </c:pt>
                <c:pt idx="2704">
                  <c:v>2.9835000736007072E-2</c:v>
                </c:pt>
                <c:pt idx="2705">
                  <c:v>2.9835000736007072E-2</c:v>
                </c:pt>
                <c:pt idx="2706">
                  <c:v>2.9835000736007072E-2</c:v>
                </c:pt>
                <c:pt idx="2707">
                  <c:v>2.9835000736007072E-2</c:v>
                </c:pt>
                <c:pt idx="2708">
                  <c:v>2.9835000736007072E-2</c:v>
                </c:pt>
                <c:pt idx="2709">
                  <c:v>2.9835000736007072E-2</c:v>
                </c:pt>
                <c:pt idx="2710">
                  <c:v>2.9835000736007072E-2</c:v>
                </c:pt>
                <c:pt idx="2711">
                  <c:v>2.9835000736007072E-2</c:v>
                </c:pt>
                <c:pt idx="2712">
                  <c:v>7.7833001104276739E-2</c:v>
                </c:pt>
                <c:pt idx="2713">
                  <c:v>7.7833001104276739E-2</c:v>
                </c:pt>
                <c:pt idx="2714">
                  <c:v>7.7833001104276739E-2</c:v>
                </c:pt>
                <c:pt idx="2715">
                  <c:v>7.7833001104276739E-2</c:v>
                </c:pt>
                <c:pt idx="2716">
                  <c:v>7.7833001104276739E-2</c:v>
                </c:pt>
                <c:pt idx="2717">
                  <c:v>7.7833001104276739E-2</c:v>
                </c:pt>
                <c:pt idx="2718">
                  <c:v>7.7833001104276739E-2</c:v>
                </c:pt>
                <c:pt idx="2719">
                  <c:v>0.3315685847042189</c:v>
                </c:pt>
                <c:pt idx="2720">
                  <c:v>0.3730146577922463</c:v>
                </c:pt>
                <c:pt idx="2721">
                  <c:v>0.41446073088027363</c:v>
                </c:pt>
                <c:pt idx="2722">
                  <c:v>0.41446073088027363</c:v>
                </c:pt>
                <c:pt idx="2723">
                  <c:v>0.4973528770563283</c:v>
                </c:pt>
                <c:pt idx="2724">
                  <c:v>0.4973528770563283</c:v>
                </c:pt>
                <c:pt idx="2725">
                  <c:v>0.3315685847042189</c:v>
                </c:pt>
                <c:pt idx="2726">
                  <c:v>0.4973528770563283</c:v>
                </c:pt>
                <c:pt idx="2727">
                  <c:v>0.4973528770563283</c:v>
                </c:pt>
                <c:pt idx="2728">
                  <c:v>0.29012251161619151</c:v>
                </c:pt>
                <c:pt idx="2729">
                  <c:v>8.2892146176054726E-2</c:v>
                </c:pt>
                <c:pt idx="2730">
                  <c:v>8.1724651159490583E-2</c:v>
                </c:pt>
                <c:pt idx="2731">
                  <c:v>8.1724651159490583E-2</c:v>
                </c:pt>
                <c:pt idx="2732">
                  <c:v>8.1724651159490583E-2</c:v>
                </c:pt>
                <c:pt idx="2733">
                  <c:v>8.1724651159490583E-2</c:v>
                </c:pt>
                <c:pt idx="2734">
                  <c:v>8.1724651159490583E-2</c:v>
                </c:pt>
                <c:pt idx="2735">
                  <c:v>8.1724651159490583E-2</c:v>
                </c:pt>
                <c:pt idx="2736">
                  <c:v>5.3179365906433615E-2</c:v>
                </c:pt>
                <c:pt idx="2737">
                  <c:v>8.1035224238375045E-2</c:v>
                </c:pt>
                <c:pt idx="2738">
                  <c:v>8.1035224238375045E-2</c:v>
                </c:pt>
                <c:pt idx="2739">
                  <c:v>8.1035224238375045E-2</c:v>
                </c:pt>
                <c:pt idx="2740">
                  <c:v>8.1035224238375045E-2</c:v>
                </c:pt>
                <c:pt idx="2741">
                  <c:v>8.1035224238375045E-2</c:v>
                </c:pt>
                <c:pt idx="2742">
                  <c:v>8.1035224238375045E-2</c:v>
                </c:pt>
                <c:pt idx="2743">
                  <c:v>0.34161411717989976</c:v>
                </c:pt>
                <c:pt idx="2744">
                  <c:v>0.38116943601125663</c:v>
                </c:pt>
                <c:pt idx="2745">
                  <c:v>0.42072475484261346</c:v>
                </c:pt>
                <c:pt idx="2746">
                  <c:v>0.42072475484261346</c:v>
                </c:pt>
                <c:pt idx="2747">
                  <c:v>0.50343133058090495</c:v>
                </c:pt>
                <c:pt idx="2748">
                  <c:v>0.50343133058090495</c:v>
                </c:pt>
                <c:pt idx="2749">
                  <c:v>0.33442224102874402</c:v>
                </c:pt>
                <c:pt idx="2750">
                  <c:v>0.50343133058090495</c:v>
                </c:pt>
                <c:pt idx="2751">
                  <c:v>0.50343133058090495</c:v>
                </c:pt>
                <c:pt idx="2752">
                  <c:v>0.29666489123517614</c:v>
                </c:pt>
                <c:pt idx="2753">
                  <c:v>0.12661753787246102</c:v>
                </c:pt>
                <c:pt idx="2754">
                  <c:v>8.3567574995824262E-2</c:v>
                </c:pt>
                <c:pt idx="2755">
                  <c:v>8.3567574995824262E-2</c:v>
                </c:pt>
                <c:pt idx="2756">
                  <c:v>8.3567574995824262E-2</c:v>
                </c:pt>
                <c:pt idx="2757">
                  <c:v>8.3567574995824262E-2</c:v>
                </c:pt>
                <c:pt idx="2758">
                  <c:v>8.3567574995824262E-2</c:v>
                </c:pt>
                <c:pt idx="2759">
                  <c:v>8.3567574995824262E-2</c:v>
                </c:pt>
                <c:pt idx="2760">
                  <c:v>8.4195393418098674E-2</c:v>
                </c:pt>
                <c:pt idx="2761">
                  <c:v>8.4195393418098674E-2</c:v>
                </c:pt>
                <c:pt idx="2762">
                  <c:v>8.4195393418098674E-2</c:v>
                </c:pt>
                <c:pt idx="2763">
                  <c:v>8.4195393418098674E-2</c:v>
                </c:pt>
                <c:pt idx="2764">
                  <c:v>8.4195393418098674E-2</c:v>
                </c:pt>
                <c:pt idx="2765">
                  <c:v>8.4195393418098674E-2</c:v>
                </c:pt>
                <c:pt idx="2766">
                  <c:v>8.4195393418098674E-2</c:v>
                </c:pt>
                <c:pt idx="2767">
                  <c:v>0.34418056279095488</c:v>
                </c:pt>
                <c:pt idx="2768">
                  <c:v>0.38403304900885493</c:v>
                </c:pt>
                <c:pt idx="2769">
                  <c:v>0.42388553522675498</c:v>
                </c:pt>
                <c:pt idx="2770">
                  <c:v>0.42388553522675498</c:v>
                </c:pt>
                <c:pt idx="2771">
                  <c:v>0.50721346095509146</c:v>
                </c:pt>
                <c:pt idx="2772">
                  <c:v>0.50721346095509146</c:v>
                </c:pt>
                <c:pt idx="2773">
                  <c:v>0.33693465620588214</c:v>
                </c:pt>
                <c:pt idx="2774">
                  <c:v>0.50721346095509146</c:v>
                </c:pt>
                <c:pt idx="2775">
                  <c:v>0.50721346095509146</c:v>
                </c:pt>
                <c:pt idx="2776">
                  <c:v>0.29889364663425033</c:v>
                </c:pt>
                <c:pt idx="2777">
                  <c:v>0.12756877790621013</c:v>
                </c:pt>
                <c:pt idx="2778">
                  <c:v>8.4195393418098674E-2</c:v>
                </c:pt>
                <c:pt idx="2779">
                  <c:v>8.4195393418098674E-2</c:v>
                </c:pt>
                <c:pt idx="2780">
                  <c:v>8.4195393418098674E-2</c:v>
                </c:pt>
                <c:pt idx="2781">
                  <c:v>8.4195393418098674E-2</c:v>
                </c:pt>
                <c:pt idx="2782">
                  <c:v>8.4195393418098674E-2</c:v>
                </c:pt>
                <c:pt idx="2783">
                  <c:v>8.4195393418098674E-2</c:v>
                </c:pt>
                <c:pt idx="2784">
                  <c:v>8.3469743132531221E-2</c:v>
                </c:pt>
                <c:pt idx="2785">
                  <c:v>8.3469743132531221E-2</c:v>
                </c:pt>
                <c:pt idx="2786">
                  <c:v>8.3469743132531221E-2</c:v>
                </c:pt>
                <c:pt idx="2787">
                  <c:v>8.3469743132531221E-2</c:v>
                </c:pt>
                <c:pt idx="2788">
                  <c:v>8.3469743132531221E-2</c:v>
                </c:pt>
                <c:pt idx="2789">
                  <c:v>8.3469743132531221E-2</c:v>
                </c:pt>
                <c:pt idx="2790">
                  <c:v>8.3469743132531221E-2</c:v>
                </c:pt>
                <c:pt idx="2791">
                  <c:v>0.3412141923811654</c:v>
                </c:pt>
                <c:pt idx="2792">
                  <c:v>0.3807232041305636</c:v>
                </c:pt>
                <c:pt idx="2793">
                  <c:v>0.42023221587996168</c:v>
                </c:pt>
                <c:pt idx="2794">
                  <c:v>0.42023221587996168</c:v>
                </c:pt>
                <c:pt idx="2795">
                  <c:v>0.50284196771961231</c:v>
                </c:pt>
                <c:pt idx="2796">
                  <c:v>0.50284196771961231</c:v>
                </c:pt>
                <c:pt idx="2797">
                  <c:v>0.33403073569945674</c:v>
                </c:pt>
                <c:pt idx="2798">
                  <c:v>0.50284196771961231</c:v>
                </c:pt>
                <c:pt idx="2799">
                  <c:v>0.50284196771961231</c:v>
                </c:pt>
                <c:pt idx="2800">
                  <c:v>0.29631758812048581</c:v>
                </c:pt>
                <c:pt idx="2801">
                  <c:v>0.12646930777656246</c:v>
                </c:pt>
                <c:pt idx="2802">
                  <c:v>8.3469743132531221E-2</c:v>
                </c:pt>
                <c:pt idx="2803">
                  <c:v>8.3469743132531221E-2</c:v>
                </c:pt>
                <c:pt idx="2804">
                  <c:v>8.3469743132531221E-2</c:v>
                </c:pt>
                <c:pt idx="2805">
                  <c:v>8.3469743132531221E-2</c:v>
                </c:pt>
                <c:pt idx="2806">
                  <c:v>8.3469743132531221E-2</c:v>
                </c:pt>
                <c:pt idx="2807">
                  <c:v>8.3469743132531221E-2</c:v>
                </c:pt>
                <c:pt idx="2808">
                  <c:v>0.1258355688849761</c:v>
                </c:pt>
                <c:pt idx="2809">
                  <c:v>7.6263981142409759E-2</c:v>
                </c:pt>
                <c:pt idx="2810">
                  <c:v>7.6263981142409759E-2</c:v>
                </c:pt>
                <c:pt idx="2811">
                  <c:v>7.6263981142409759E-2</c:v>
                </c:pt>
                <c:pt idx="2812">
                  <c:v>7.6263981142409759E-2</c:v>
                </c:pt>
                <c:pt idx="2813">
                  <c:v>7.6263981142409759E-2</c:v>
                </c:pt>
                <c:pt idx="2814">
                  <c:v>7.6263981142409759E-2</c:v>
                </c:pt>
                <c:pt idx="2815">
                  <c:v>0.32488455966666552</c:v>
                </c:pt>
                <c:pt idx="2816">
                  <c:v>0.40610569958333198</c:v>
                </c:pt>
                <c:pt idx="2817">
                  <c:v>0.4467162695416651</c:v>
                </c:pt>
                <c:pt idx="2818">
                  <c:v>0.4467162695416651</c:v>
                </c:pt>
                <c:pt idx="2819">
                  <c:v>0.52793740945833156</c:v>
                </c:pt>
                <c:pt idx="2820">
                  <c:v>0.52793740945833156</c:v>
                </c:pt>
                <c:pt idx="2821">
                  <c:v>0.36549512962499875</c:v>
                </c:pt>
                <c:pt idx="2822">
                  <c:v>0.52793740945833156</c:v>
                </c:pt>
                <c:pt idx="2823">
                  <c:v>0.40610569958333198</c:v>
                </c:pt>
                <c:pt idx="2824">
                  <c:v>0.19065995285602438</c:v>
                </c:pt>
                <c:pt idx="2825">
                  <c:v>0.1258355688849761</c:v>
                </c:pt>
                <c:pt idx="2826">
                  <c:v>8.0077180199530251E-2</c:v>
                </c:pt>
                <c:pt idx="2827">
                  <c:v>7.6263981142409759E-2</c:v>
                </c:pt>
                <c:pt idx="2828">
                  <c:v>7.6263981142409759E-2</c:v>
                </c:pt>
                <c:pt idx="2829">
                  <c:v>7.6263981142409759E-2</c:v>
                </c:pt>
                <c:pt idx="2830">
                  <c:v>7.6263981142409759E-2</c:v>
                </c:pt>
                <c:pt idx="2831">
                  <c:v>7.6263981142409759E-2</c:v>
                </c:pt>
                <c:pt idx="2832">
                  <c:v>3.6905363065055388E-2</c:v>
                </c:pt>
                <c:pt idx="2833">
                  <c:v>3.3214826758549851E-2</c:v>
                </c:pt>
                <c:pt idx="2834">
                  <c:v>3.3214826758549851E-2</c:v>
                </c:pt>
                <c:pt idx="2835">
                  <c:v>3.3214826758549851E-2</c:v>
                </c:pt>
                <c:pt idx="2836">
                  <c:v>3.3214826758549851E-2</c:v>
                </c:pt>
                <c:pt idx="2837">
                  <c:v>3.3214826758549851E-2</c:v>
                </c:pt>
                <c:pt idx="2838">
                  <c:v>3.3214826758549851E-2</c:v>
                </c:pt>
                <c:pt idx="2839">
                  <c:v>3.3214826758549851E-2</c:v>
                </c:pt>
                <c:pt idx="2840">
                  <c:v>3.3214826758549851E-2</c:v>
                </c:pt>
                <c:pt idx="2841">
                  <c:v>3.3214826758549851E-2</c:v>
                </c:pt>
                <c:pt idx="2842">
                  <c:v>3.3214826758549851E-2</c:v>
                </c:pt>
                <c:pt idx="2843">
                  <c:v>3.3214826758549851E-2</c:v>
                </c:pt>
                <c:pt idx="2844">
                  <c:v>3.3214826758549851E-2</c:v>
                </c:pt>
                <c:pt idx="2845">
                  <c:v>3.3214826758549851E-2</c:v>
                </c:pt>
                <c:pt idx="2846">
                  <c:v>3.3214826758549851E-2</c:v>
                </c:pt>
                <c:pt idx="2847">
                  <c:v>3.3214826758549851E-2</c:v>
                </c:pt>
                <c:pt idx="2848">
                  <c:v>3.3214826758549851E-2</c:v>
                </c:pt>
                <c:pt idx="2849">
                  <c:v>3.3214826758549851E-2</c:v>
                </c:pt>
                <c:pt idx="2850">
                  <c:v>3.3214826758549851E-2</c:v>
                </c:pt>
                <c:pt idx="2851">
                  <c:v>3.3214826758549851E-2</c:v>
                </c:pt>
                <c:pt idx="2852">
                  <c:v>3.3214826758549851E-2</c:v>
                </c:pt>
                <c:pt idx="2853">
                  <c:v>3.3214826758549851E-2</c:v>
                </c:pt>
                <c:pt idx="2854">
                  <c:v>3.3214826758549851E-2</c:v>
                </c:pt>
                <c:pt idx="2855">
                  <c:v>3.3214826758549851E-2</c:v>
                </c:pt>
                <c:pt idx="2856">
                  <c:v>3.4221865061987024E-2</c:v>
                </c:pt>
                <c:pt idx="2857">
                  <c:v>3.4221865061987024E-2</c:v>
                </c:pt>
                <c:pt idx="2858">
                  <c:v>3.4221865061987024E-2</c:v>
                </c:pt>
                <c:pt idx="2859">
                  <c:v>3.4221865061987024E-2</c:v>
                </c:pt>
                <c:pt idx="2860">
                  <c:v>3.4221865061987024E-2</c:v>
                </c:pt>
                <c:pt idx="2861">
                  <c:v>3.4221865061987024E-2</c:v>
                </c:pt>
                <c:pt idx="2862">
                  <c:v>3.4221865061987024E-2</c:v>
                </c:pt>
                <c:pt idx="2863">
                  <c:v>3.4221865061987024E-2</c:v>
                </c:pt>
                <c:pt idx="2864">
                  <c:v>3.4221865061987024E-2</c:v>
                </c:pt>
                <c:pt idx="2865">
                  <c:v>3.4221865061987024E-2</c:v>
                </c:pt>
                <c:pt idx="2866">
                  <c:v>3.4221865061987024E-2</c:v>
                </c:pt>
                <c:pt idx="2867">
                  <c:v>3.4221865061987024E-2</c:v>
                </c:pt>
                <c:pt idx="2868">
                  <c:v>3.4221865061987024E-2</c:v>
                </c:pt>
                <c:pt idx="2869">
                  <c:v>3.4221865061987024E-2</c:v>
                </c:pt>
                <c:pt idx="2870">
                  <c:v>3.4221865061987024E-2</c:v>
                </c:pt>
                <c:pt idx="2871">
                  <c:v>3.4221865061987024E-2</c:v>
                </c:pt>
                <c:pt idx="2872">
                  <c:v>3.4221865061987024E-2</c:v>
                </c:pt>
                <c:pt idx="2873">
                  <c:v>3.4221865061987024E-2</c:v>
                </c:pt>
                <c:pt idx="2874">
                  <c:v>3.4221865061987024E-2</c:v>
                </c:pt>
                <c:pt idx="2875">
                  <c:v>3.4221865061987024E-2</c:v>
                </c:pt>
                <c:pt idx="2876">
                  <c:v>3.4221865061987024E-2</c:v>
                </c:pt>
                <c:pt idx="2877">
                  <c:v>3.4221865061987024E-2</c:v>
                </c:pt>
                <c:pt idx="2878">
                  <c:v>3.4221865061987024E-2</c:v>
                </c:pt>
                <c:pt idx="2879">
                  <c:v>3.4221865061987024E-2</c:v>
                </c:pt>
                <c:pt idx="2880">
                  <c:v>7.8587348619886421E-2</c:v>
                </c:pt>
                <c:pt idx="2881">
                  <c:v>7.8587348619886421E-2</c:v>
                </c:pt>
                <c:pt idx="2882">
                  <c:v>7.8587348619886421E-2</c:v>
                </c:pt>
                <c:pt idx="2883">
                  <c:v>7.8587348619886421E-2</c:v>
                </c:pt>
                <c:pt idx="2884">
                  <c:v>7.8587348619886421E-2</c:v>
                </c:pt>
                <c:pt idx="2885">
                  <c:v>7.8587348619886421E-2</c:v>
                </c:pt>
                <c:pt idx="2886">
                  <c:v>7.8587348619886421E-2</c:v>
                </c:pt>
                <c:pt idx="2887">
                  <c:v>0.33478210512071616</c:v>
                </c:pt>
                <c:pt idx="2888">
                  <c:v>0.37662986826080558</c:v>
                </c:pt>
                <c:pt idx="2889">
                  <c:v>0.41847763140089511</c:v>
                </c:pt>
                <c:pt idx="2890">
                  <c:v>0.41847763140089511</c:v>
                </c:pt>
                <c:pt idx="2891">
                  <c:v>0.50217315768107407</c:v>
                </c:pt>
                <c:pt idx="2892">
                  <c:v>0.50217315768107407</c:v>
                </c:pt>
                <c:pt idx="2893">
                  <c:v>0.33478210512071616</c:v>
                </c:pt>
                <c:pt idx="2894">
                  <c:v>0.50217315768107407</c:v>
                </c:pt>
                <c:pt idx="2895">
                  <c:v>0.50217315768107407</c:v>
                </c:pt>
                <c:pt idx="2896">
                  <c:v>0.29293434198062657</c:v>
                </c:pt>
                <c:pt idx="2897">
                  <c:v>8.3695526280179039E-2</c:v>
                </c:pt>
                <c:pt idx="2898">
                  <c:v>8.2516716050880706E-2</c:v>
                </c:pt>
                <c:pt idx="2899">
                  <c:v>8.2516716050880706E-2</c:v>
                </c:pt>
                <c:pt idx="2900">
                  <c:v>8.2516716050880706E-2</c:v>
                </c:pt>
                <c:pt idx="2901">
                  <c:v>8.2516716050880706E-2</c:v>
                </c:pt>
                <c:pt idx="2902">
                  <c:v>8.2516716050880706E-2</c:v>
                </c:pt>
                <c:pt idx="2903">
                  <c:v>8.2516716050880706E-2</c:v>
                </c:pt>
                <c:pt idx="2904">
                  <c:v>5.1859903927424081E-2</c:v>
                </c:pt>
                <c:pt idx="2905">
                  <c:v>7.9024615508455756E-2</c:v>
                </c:pt>
                <c:pt idx="2906">
                  <c:v>7.9024615508455756E-2</c:v>
                </c:pt>
                <c:pt idx="2907">
                  <c:v>7.9024615508455756E-2</c:v>
                </c:pt>
                <c:pt idx="2908">
                  <c:v>7.9024615508455756E-2</c:v>
                </c:pt>
                <c:pt idx="2909">
                  <c:v>7.9024615508455756E-2</c:v>
                </c:pt>
                <c:pt idx="2910">
                  <c:v>7.9024615508455756E-2</c:v>
                </c:pt>
                <c:pt idx="2911">
                  <c:v>0.33313814475283382</c:v>
                </c:pt>
                <c:pt idx="2912">
                  <c:v>0.37171203519789864</c:v>
                </c:pt>
                <c:pt idx="2913">
                  <c:v>0.41028592564296373</c:v>
                </c:pt>
                <c:pt idx="2914">
                  <c:v>0.41028592564296373</c:v>
                </c:pt>
                <c:pt idx="2915">
                  <c:v>0.49094042384628123</c:v>
                </c:pt>
                <c:pt idx="2916">
                  <c:v>0.49094042384628123</c:v>
                </c:pt>
                <c:pt idx="2917">
                  <c:v>0.32612471012645827</c:v>
                </c:pt>
                <c:pt idx="2918">
                  <c:v>0.49094042384628123</c:v>
                </c:pt>
                <c:pt idx="2919">
                  <c:v>0.49094042384628123</c:v>
                </c:pt>
                <c:pt idx="2920">
                  <c:v>0.28930417833798716</c:v>
                </c:pt>
                <c:pt idx="2921">
                  <c:v>0.12347596173196212</c:v>
                </c:pt>
                <c:pt idx="2922">
                  <c:v>8.1494134743094984E-2</c:v>
                </c:pt>
                <c:pt idx="2923">
                  <c:v>8.1494134743094984E-2</c:v>
                </c:pt>
                <c:pt idx="2924">
                  <c:v>8.1494134743094984E-2</c:v>
                </c:pt>
                <c:pt idx="2925">
                  <c:v>8.1494134743094984E-2</c:v>
                </c:pt>
                <c:pt idx="2926">
                  <c:v>8.1494134743094984E-2</c:v>
                </c:pt>
                <c:pt idx="2927">
                  <c:v>8.1494134743094984E-2</c:v>
                </c:pt>
                <c:pt idx="2928">
                  <c:v>8.1353263132959486E-2</c:v>
                </c:pt>
                <c:pt idx="2929">
                  <c:v>8.1353263132959486E-2</c:v>
                </c:pt>
                <c:pt idx="2930">
                  <c:v>8.1353263132959486E-2</c:v>
                </c:pt>
                <c:pt idx="2931">
                  <c:v>8.1353263132959486E-2</c:v>
                </c:pt>
                <c:pt idx="2932">
                  <c:v>8.1353263132959486E-2</c:v>
                </c:pt>
                <c:pt idx="2933">
                  <c:v>8.1353263132959486E-2</c:v>
                </c:pt>
                <c:pt idx="2934">
                  <c:v>8.1353263132959486E-2</c:v>
                </c:pt>
                <c:pt idx="2935">
                  <c:v>0.33256227868594651</c:v>
                </c:pt>
                <c:pt idx="2936">
                  <c:v>0.371069489902214</c:v>
                </c:pt>
                <c:pt idx="2937">
                  <c:v>0.40957670111848149</c:v>
                </c:pt>
                <c:pt idx="2938">
                  <c:v>0.40957670111848149</c:v>
                </c:pt>
                <c:pt idx="2939">
                  <c:v>0.49009177911613167</c:v>
                </c:pt>
                <c:pt idx="2940">
                  <c:v>0.49009177911613167</c:v>
                </c:pt>
                <c:pt idx="2941">
                  <c:v>0.32556096755571601</c:v>
                </c:pt>
                <c:pt idx="2942">
                  <c:v>0.49009177911613167</c:v>
                </c:pt>
                <c:pt idx="2943">
                  <c:v>0.49009177911613167</c:v>
                </c:pt>
                <c:pt idx="2944">
                  <c:v>0.2888040841220062</c:v>
                </c:pt>
                <c:pt idx="2945">
                  <c:v>0.12326251989842348</c:v>
                </c:pt>
                <c:pt idx="2946">
                  <c:v>8.1353263132959486E-2</c:v>
                </c:pt>
                <c:pt idx="2947">
                  <c:v>8.1353263132959486E-2</c:v>
                </c:pt>
                <c:pt idx="2948">
                  <c:v>8.1353263132959486E-2</c:v>
                </c:pt>
                <c:pt idx="2949">
                  <c:v>8.1353263132959486E-2</c:v>
                </c:pt>
                <c:pt idx="2950">
                  <c:v>8.1353263132959486E-2</c:v>
                </c:pt>
                <c:pt idx="2951">
                  <c:v>8.1353263132959486E-2</c:v>
                </c:pt>
                <c:pt idx="2952">
                  <c:v>8.1474204847220705E-2</c:v>
                </c:pt>
                <c:pt idx="2953">
                  <c:v>8.1474204847220705E-2</c:v>
                </c:pt>
                <c:pt idx="2954">
                  <c:v>8.1474204847220705E-2</c:v>
                </c:pt>
                <c:pt idx="2955">
                  <c:v>8.1474204847220705E-2</c:v>
                </c:pt>
                <c:pt idx="2956">
                  <c:v>8.1474204847220705E-2</c:v>
                </c:pt>
                <c:pt idx="2957">
                  <c:v>8.1474204847220705E-2</c:v>
                </c:pt>
                <c:pt idx="2958">
                  <c:v>8.1474204847220705E-2</c:v>
                </c:pt>
                <c:pt idx="2959">
                  <c:v>0.33305667375424464</c:v>
                </c:pt>
                <c:pt idx="2960">
                  <c:v>0.37162113071526248</c:v>
                </c:pt>
                <c:pt idx="2961">
                  <c:v>0.41018558767628033</c:v>
                </c:pt>
                <c:pt idx="2962">
                  <c:v>0.41018558767628033</c:v>
                </c:pt>
                <c:pt idx="2963">
                  <c:v>0.49082036132204476</c:v>
                </c:pt>
                <c:pt idx="2964">
                  <c:v>0.49082036132204476</c:v>
                </c:pt>
                <c:pt idx="2965">
                  <c:v>0.32604495430678687</c:v>
                </c:pt>
                <c:pt idx="2966">
                  <c:v>0.49082036132204476</c:v>
                </c:pt>
                <c:pt idx="2967">
                  <c:v>0.49082036132204476</c:v>
                </c:pt>
                <c:pt idx="2968">
                  <c:v>0.28923342720763351</c:v>
                </c:pt>
                <c:pt idx="2969">
                  <c:v>0.12344576492003137</c:v>
                </c:pt>
                <c:pt idx="2970">
                  <c:v>8.1474204847220705E-2</c:v>
                </c:pt>
                <c:pt idx="2971">
                  <c:v>8.1474204847220705E-2</c:v>
                </c:pt>
                <c:pt idx="2972">
                  <c:v>8.1474204847220705E-2</c:v>
                </c:pt>
                <c:pt idx="2973">
                  <c:v>8.1474204847220705E-2</c:v>
                </c:pt>
                <c:pt idx="2974">
                  <c:v>8.1474204847220705E-2</c:v>
                </c:pt>
                <c:pt idx="2975">
                  <c:v>8.1474204847220705E-2</c:v>
                </c:pt>
                <c:pt idx="2976">
                  <c:v>0.12278518909054394</c:v>
                </c:pt>
                <c:pt idx="2977">
                  <c:v>7.441526611548116E-2</c:v>
                </c:pt>
                <c:pt idx="2978">
                  <c:v>7.441526611548116E-2</c:v>
                </c:pt>
                <c:pt idx="2979">
                  <c:v>7.441526611548116E-2</c:v>
                </c:pt>
                <c:pt idx="2980">
                  <c:v>7.441526611548116E-2</c:v>
                </c:pt>
                <c:pt idx="2981">
                  <c:v>7.441526611548116E-2</c:v>
                </c:pt>
                <c:pt idx="2982">
                  <c:v>7.441526611548116E-2</c:v>
                </c:pt>
                <c:pt idx="2983">
                  <c:v>0.31700903365194977</c:v>
                </c:pt>
                <c:pt idx="2984">
                  <c:v>0.39626129206493715</c:v>
                </c:pt>
                <c:pt idx="2985">
                  <c:v>0.43588742127143087</c:v>
                </c:pt>
                <c:pt idx="2986">
                  <c:v>0.43588742127143087</c:v>
                </c:pt>
                <c:pt idx="2987">
                  <c:v>0.51513967968441843</c:v>
                </c:pt>
                <c:pt idx="2988">
                  <c:v>0.51513967968441843</c:v>
                </c:pt>
                <c:pt idx="2989">
                  <c:v>0.35663516285844343</c:v>
                </c:pt>
                <c:pt idx="2990">
                  <c:v>0.51513967968441843</c:v>
                </c:pt>
                <c:pt idx="2991">
                  <c:v>0.39626129206493715</c:v>
                </c:pt>
                <c:pt idx="2992">
                  <c:v>0.18603816528870287</c:v>
                </c:pt>
                <c:pt idx="2993">
                  <c:v>0.12278518909054394</c:v>
                </c:pt>
                <c:pt idx="2994">
                  <c:v>7.8136029421255193E-2</c:v>
                </c:pt>
                <c:pt idx="2995">
                  <c:v>7.441526611548116E-2</c:v>
                </c:pt>
                <c:pt idx="2996">
                  <c:v>7.441526611548116E-2</c:v>
                </c:pt>
                <c:pt idx="2997">
                  <c:v>7.441526611548116E-2</c:v>
                </c:pt>
                <c:pt idx="2998">
                  <c:v>7.441526611548116E-2</c:v>
                </c:pt>
                <c:pt idx="2999">
                  <c:v>7.441526611548116E-2</c:v>
                </c:pt>
                <c:pt idx="3000">
                  <c:v>3.2819489050970298E-2</c:v>
                </c:pt>
                <c:pt idx="3001">
                  <c:v>2.9537540145873269E-2</c:v>
                </c:pt>
                <c:pt idx="3002">
                  <c:v>2.9537540145873269E-2</c:v>
                </c:pt>
                <c:pt idx="3003">
                  <c:v>2.9537540145873269E-2</c:v>
                </c:pt>
                <c:pt idx="3004">
                  <c:v>2.9537540145873269E-2</c:v>
                </c:pt>
                <c:pt idx="3005">
                  <c:v>2.9537540145873269E-2</c:v>
                </c:pt>
                <c:pt idx="3006">
                  <c:v>2.9537540145873269E-2</c:v>
                </c:pt>
                <c:pt idx="3007">
                  <c:v>2.9537540145873269E-2</c:v>
                </c:pt>
                <c:pt idx="3008">
                  <c:v>2.9537540145873269E-2</c:v>
                </c:pt>
                <c:pt idx="3009">
                  <c:v>2.9537540145873269E-2</c:v>
                </c:pt>
                <c:pt idx="3010">
                  <c:v>2.9537540145873269E-2</c:v>
                </c:pt>
                <c:pt idx="3011">
                  <c:v>2.9537540145873269E-2</c:v>
                </c:pt>
                <c:pt idx="3012">
                  <c:v>2.9537540145873269E-2</c:v>
                </c:pt>
                <c:pt idx="3013">
                  <c:v>2.9537540145873269E-2</c:v>
                </c:pt>
                <c:pt idx="3014">
                  <c:v>2.9537540145873269E-2</c:v>
                </c:pt>
                <c:pt idx="3015">
                  <c:v>2.9537540145873269E-2</c:v>
                </c:pt>
                <c:pt idx="3016">
                  <c:v>2.9537540145873269E-2</c:v>
                </c:pt>
                <c:pt idx="3017">
                  <c:v>2.9537540145873269E-2</c:v>
                </c:pt>
                <c:pt idx="3018">
                  <c:v>2.9537540145873269E-2</c:v>
                </c:pt>
                <c:pt idx="3019">
                  <c:v>2.9537540145873269E-2</c:v>
                </c:pt>
                <c:pt idx="3020">
                  <c:v>2.9537540145873269E-2</c:v>
                </c:pt>
                <c:pt idx="3021">
                  <c:v>2.9537540145873269E-2</c:v>
                </c:pt>
                <c:pt idx="3022">
                  <c:v>2.9537540145873269E-2</c:v>
                </c:pt>
                <c:pt idx="3023">
                  <c:v>2.9537540145873269E-2</c:v>
                </c:pt>
                <c:pt idx="3024">
                  <c:v>3.0595484743322708E-2</c:v>
                </c:pt>
                <c:pt idx="3025">
                  <c:v>3.0595484743322708E-2</c:v>
                </c:pt>
                <c:pt idx="3026">
                  <c:v>3.0595484743322708E-2</c:v>
                </c:pt>
                <c:pt idx="3027">
                  <c:v>3.0595484743322708E-2</c:v>
                </c:pt>
                <c:pt idx="3028">
                  <c:v>3.0595484743322708E-2</c:v>
                </c:pt>
                <c:pt idx="3029">
                  <c:v>3.0595484743322708E-2</c:v>
                </c:pt>
                <c:pt idx="3030">
                  <c:v>3.0595484743322708E-2</c:v>
                </c:pt>
                <c:pt idx="3031">
                  <c:v>3.0595484743322708E-2</c:v>
                </c:pt>
                <c:pt idx="3032">
                  <c:v>3.0595484743322708E-2</c:v>
                </c:pt>
                <c:pt idx="3033">
                  <c:v>3.0595484743322708E-2</c:v>
                </c:pt>
                <c:pt idx="3034">
                  <c:v>3.0595484743322708E-2</c:v>
                </c:pt>
                <c:pt idx="3035">
                  <c:v>3.0595484743322708E-2</c:v>
                </c:pt>
                <c:pt idx="3036">
                  <c:v>3.0595484743322708E-2</c:v>
                </c:pt>
                <c:pt idx="3037">
                  <c:v>3.0595484743322708E-2</c:v>
                </c:pt>
                <c:pt idx="3038">
                  <c:v>3.0595484743322708E-2</c:v>
                </c:pt>
                <c:pt idx="3039">
                  <c:v>3.0595484743322708E-2</c:v>
                </c:pt>
                <c:pt idx="3040">
                  <c:v>3.0595484743322708E-2</c:v>
                </c:pt>
                <c:pt idx="3041">
                  <c:v>3.0595484743322708E-2</c:v>
                </c:pt>
                <c:pt idx="3042">
                  <c:v>3.0595484743322708E-2</c:v>
                </c:pt>
                <c:pt idx="3043">
                  <c:v>3.0595484743322708E-2</c:v>
                </c:pt>
                <c:pt idx="3044">
                  <c:v>3.0595484743322708E-2</c:v>
                </c:pt>
                <c:pt idx="3045">
                  <c:v>3.0595484743322708E-2</c:v>
                </c:pt>
                <c:pt idx="3046">
                  <c:v>3.0595484743322708E-2</c:v>
                </c:pt>
                <c:pt idx="3047">
                  <c:v>3.0595484743322708E-2</c:v>
                </c:pt>
                <c:pt idx="3048">
                  <c:v>7.9399722867466049E-2</c:v>
                </c:pt>
                <c:pt idx="3049">
                  <c:v>7.9399722867466049E-2</c:v>
                </c:pt>
                <c:pt idx="3050">
                  <c:v>7.9399722867466049E-2</c:v>
                </c:pt>
                <c:pt idx="3051">
                  <c:v>7.9399722867466049E-2</c:v>
                </c:pt>
                <c:pt idx="3052">
                  <c:v>7.9399722867466049E-2</c:v>
                </c:pt>
                <c:pt idx="3053">
                  <c:v>7.9399722867466049E-2</c:v>
                </c:pt>
                <c:pt idx="3054">
                  <c:v>7.9399722867466049E-2</c:v>
                </c:pt>
                <c:pt idx="3055">
                  <c:v>0.33824281941540535</c:v>
                </c:pt>
                <c:pt idx="3056">
                  <c:v>0.38052317184233109</c:v>
                </c:pt>
                <c:pt idx="3057">
                  <c:v>0.42280352426925683</c:v>
                </c:pt>
                <c:pt idx="3058">
                  <c:v>0.42280352426925683</c:v>
                </c:pt>
                <c:pt idx="3059">
                  <c:v>0.50736422912310797</c:v>
                </c:pt>
                <c:pt idx="3060">
                  <c:v>0.50736422912310797</c:v>
                </c:pt>
                <c:pt idx="3061">
                  <c:v>0.33824281941540535</c:v>
                </c:pt>
                <c:pt idx="3062">
                  <c:v>0.50736422912310797</c:v>
                </c:pt>
                <c:pt idx="3063">
                  <c:v>0.50736422912310797</c:v>
                </c:pt>
                <c:pt idx="3064">
                  <c:v>0.29596246698847972</c:v>
                </c:pt>
                <c:pt idx="3065">
                  <c:v>8.4560704853851337E-2</c:v>
                </c:pt>
                <c:pt idx="3066">
                  <c:v>8.3369709010839371E-2</c:v>
                </c:pt>
                <c:pt idx="3067">
                  <c:v>8.3369709010839371E-2</c:v>
                </c:pt>
                <c:pt idx="3068">
                  <c:v>8.3369709010839371E-2</c:v>
                </c:pt>
                <c:pt idx="3069">
                  <c:v>8.3369709010839371E-2</c:v>
                </c:pt>
                <c:pt idx="3070">
                  <c:v>8.3369709010839371E-2</c:v>
                </c:pt>
                <c:pt idx="3071">
                  <c:v>8.3369709010839371E-2</c:v>
                </c:pt>
                <c:pt idx="3072">
                  <c:v>5.2636058032723823E-2</c:v>
                </c:pt>
                <c:pt idx="3073">
                  <c:v>8.0207326526055334E-2</c:v>
                </c:pt>
                <c:pt idx="3074">
                  <c:v>8.0207326526055334E-2</c:v>
                </c:pt>
                <c:pt idx="3075">
                  <c:v>8.0207326526055334E-2</c:v>
                </c:pt>
                <c:pt idx="3076">
                  <c:v>8.0207326526055334E-2</c:v>
                </c:pt>
                <c:pt idx="3077">
                  <c:v>8.0207326526055334E-2</c:v>
                </c:pt>
                <c:pt idx="3078">
                  <c:v>8.0207326526055334E-2</c:v>
                </c:pt>
                <c:pt idx="3079">
                  <c:v>0.33812401088640204</c:v>
                </c:pt>
                <c:pt idx="3080">
                  <c:v>0.37727521214693283</c:v>
                </c:pt>
                <c:pt idx="3081">
                  <c:v>0.41642641340746356</c:v>
                </c:pt>
                <c:pt idx="3082">
                  <c:v>0.41642641340746356</c:v>
                </c:pt>
                <c:pt idx="3083">
                  <c:v>0.49828801604311879</c:v>
                </c:pt>
                <c:pt idx="3084">
                  <c:v>0.49828801604311879</c:v>
                </c:pt>
                <c:pt idx="3085">
                  <c:v>0.33100561065721462</c:v>
                </c:pt>
                <c:pt idx="3086">
                  <c:v>0.49828801604311879</c:v>
                </c:pt>
                <c:pt idx="3087">
                  <c:v>0.49828801604311879</c:v>
                </c:pt>
                <c:pt idx="3088">
                  <c:v>0.29363400945398077</c:v>
                </c:pt>
                <c:pt idx="3089">
                  <c:v>0.12532394769696148</c:v>
                </c:pt>
                <c:pt idx="3090">
                  <c:v>8.2713805479994573E-2</c:v>
                </c:pt>
                <c:pt idx="3091">
                  <c:v>8.2713805479994573E-2</c:v>
                </c:pt>
                <c:pt idx="3092">
                  <c:v>8.2713805479994573E-2</c:v>
                </c:pt>
                <c:pt idx="3093">
                  <c:v>8.2713805479994573E-2</c:v>
                </c:pt>
                <c:pt idx="3094">
                  <c:v>8.2713805479994573E-2</c:v>
                </c:pt>
                <c:pt idx="3095">
                  <c:v>8.2713805479994573E-2</c:v>
                </c:pt>
                <c:pt idx="3096">
                  <c:v>8.1111379704437006E-2</c:v>
                </c:pt>
                <c:pt idx="3097">
                  <c:v>8.1111379704437006E-2</c:v>
                </c:pt>
                <c:pt idx="3098">
                  <c:v>8.1111379704437006E-2</c:v>
                </c:pt>
                <c:pt idx="3099">
                  <c:v>8.1111379704437006E-2</c:v>
                </c:pt>
                <c:pt idx="3100">
                  <c:v>8.1111379704437006E-2</c:v>
                </c:pt>
                <c:pt idx="3101">
                  <c:v>8.1111379704437006E-2</c:v>
                </c:pt>
                <c:pt idx="3102">
                  <c:v>8.1111379704437006E-2</c:v>
                </c:pt>
                <c:pt idx="3103">
                  <c:v>0.33157348854935009</c:v>
                </c:pt>
                <c:pt idx="3104">
                  <c:v>0.36996620827611693</c:v>
                </c:pt>
                <c:pt idx="3105">
                  <c:v>0.40835892800288376</c:v>
                </c:pt>
                <c:pt idx="3106">
                  <c:v>0.40835892800288376</c:v>
                </c:pt>
                <c:pt idx="3107">
                  <c:v>0.48863461470430525</c:v>
                </c:pt>
                <c:pt idx="3108">
                  <c:v>0.48863461470430525</c:v>
                </c:pt>
                <c:pt idx="3109">
                  <c:v>0.32459299405357428</c:v>
                </c:pt>
                <c:pt idx="3110">
                  <c:v>0.48863461470430525</c:v>
                </c:pt>
                <c:pt idx="3111">
                  <c:v>0.48863461470430525</c:v>
                </c:pt>
                <c:pt idx="3112">
                  <c:v>0.28794539795075136</c:v>
                </c:pt>
                <c:pt idx="3113">
                  <c:v>0.12289602985520759</c:v>
                </c:pt>
                <c:pt idx="3114">
                  <c:v>8.1111379704437006E-2</c:v>
                </c:pt>
                <c:pt idx="3115">
                  <c:v>8.1111379704437006E-2</c:v>
                </c:pt>
                <c:pt idx="3116">
                  <c:v>8.1111379704437006E-2</c:v>
                </c:pt>
                <c:pt idx="3117">
                  <c:v>8.1111379704437006E-2</c:v>
                </c:pt>
                <c:pt idx="3118">
                  <c:v>8.1111379704437006E-2</c:v>
                </c:pt>
                <c:pt idx="3119">
                  <c:v>8.1111379704437006E-2</c:v>
                </c:pt>
                <c:pt idx="3120">
                  <c:v>8.0446200276000163E-2</c:v>
                </c:pt>
                <c:pt idx="3121">
                  <c:v>8.0446200276000163E-2</c:v>
                </c:pt>
                <c:pt idx="3122">
                  <c:v>8.0446200276000163E-2</c:v>
                </c:pt>
                <c:pt idx="3123">
                  <c:v>8.0446200276000163E-2</c:v>
                </c:pt>
                <c:pt idx="3124">
                  <c:v>8.0446200276000163E-2</c:v>
                </c:pt>
                <c:pt idx="3125">
                  <c:v>8.0446200276000163E-2</c:v>
                </c:pt>
                <c:pt idx="3126">
                  <c:v>8.0446200276000163E-2</c:v>
                </c:pt>
                <c:pt idx="3127">
                  <c:v>0.32885431567370971</c:v>
                </c:pt>
                <c:pt idx="3128">
                  <c:v>0.36693218380434978</c:v>
                </c:pt>
                <c:pt idx="3129">
                  <c:v>0.40501005193498996</c:v>
                </c:pt>
                <c:pt idx="3130">
                  <c:v>0.40501005193498996</c:v>
                </c:pt>
                <c:pt idx="3131">
                  <c:v>0.48462741257178266</c:v>
                </c:pt>
                <c:pt idx="3132">
                  <c:v>0.48462741257178266</c:v>
                </c:pt>
                <c:pt idx="3133">
                  <c:v>0.32193106692268425</c:v>
                </c:pt>
                <c:pt idx="3134">
                  <c:v>0.48462741257178266</c:v>
                </c:pt>
                <c:pt idx="3135">
                  <c:v>0.48462741257178266</c:v>
                </c:pt>
                <c:pt idx="3136">
                  <c:v>0.28558401097980057</c:v>
                </c:pt>
                <c:pt idx="3137">
                  <c:v>0.12188818223636388</c:v>
                </c:pt>
                <c:pt idx="3138">
                  <c:v>8.0446200276000163E-2</c:v>
                </c:pt>
                <c:pt idx="3139">
                  <c:v>8.0446200276000163E-2</c:v>
                </c:pt>
                <c:pt idx="3140">
                  <c:v>8.0446200276000163E-2</c:v>
                </c:pt>
                <c:pt idx="3141">
                  <c:v>8.0446200276000163E-2</c:v>
                </c:pt>
                <c:pt idx="3142">
                  <c:v>8.0446200276000163E-2</c:v>
                </c:pt>
                <c:pt idx="3143">
                  <c:v>8.0446200276000163E-2</c:v>
                </c:pt>
                <c:pt idx="3144">
                  <c:v>0.12463390411747251</c:v>
                </c:pt>
                <c:pt idx="3145">
                  <c:v>7.5535699465134859E-2</c:v>
                </c:pt>
                <c:pt idx="3146">
                  <c:v>7.5535699465134859E-2</c:v>
                </c:pt>
                <c:pt idx="3147">
                  <c:v>7.5535699465134859E-2</c:v>
                </c:pt>
                <c:pt idx="3148">
                  <c:v>7.5535699465134859E-2</c:v>
                </c:pt>
                <c:pt idx="3149">
                  <c:v>7.5535699465134859E-2</c:v>
                </c:pt>
                <c:pt idx="3150">
                  <c:v>7.5535699465134859E-2</c:v>
                </c:pt>
                <c:pt idx="3151">
                  <c:v>0.32178207972147443</c:v>
                </c:pt>
                <c:pt idx="3152">
                  <c:v>0.40222759965184307</c:v>
                </c:pt>
                <c:pt idx="3153">
                  <c:v>0.44245035961702739</c:v>
                </c:pt>
                <c:pt idx="3154">
                  <c:v>0.44245035961702739</c:v>
                </c:pt>
                <c:pt idx="3155">
                  <c:v>0.52289587954739603</c:v>
                </c:pt>
                <c:pt idx="3156">
                  <c:v>0.52289587954739603</c:v>
                </c:pt>
                <c:pt idx="3157">
                  <c:v>0.36200483968665875</c:v>
                </c:pt>
                <c:pt idx="3158">
                  <c:v>0.52289587954739603</c:v>
                </c:pt>
                <c:pt idx="3159">
                  <c:v>0.40222759965184307</c:v>
                </c:pt>
                <c:pt idx="3160">
                  <c:v>0.18883924866283713</c:v>
                </c:pt>
                <c:pt idx="3161">
                  <c:v>0.12463390411747251</c:v>
                </c:pt>
                <c:pt idx="3162">
                  <c:v>7.9312484438391589E-2</c:v>
                </c:pt>
                <c:pt idx="3163">
                  <c:v>7.5535699465134859E-2</c:v>
                </c:pt>
                <c:pt idx="3164">
                  <c:v>7.5535699465134859E-2</c:v>
                </c:pt>
                <c:pt idx="3165">
                  <c:v>7.5535699465134859E-2</c:v>
                </c:pt>
                <c:pt idx="3166">
                  <c:v>7.5535699465134859E-2</c:v>
                </c:pt>
                <c:pt idx="3167">
                  <c:v>7.5535699465134859E-2</c:v>
                </c:pt>
                <c:pt idx="3168">
                  <c:v>4.4219071270764951E-2</c:v>
                </c:pt>
                <c:pt idx="3169">
                  <c:v>3.9797164143688446E-2</c:v>
                </c:pt>
                <c:pt idx="3170">
                  <c:v>3.9797164143688446E-2</c:v>
                </c:pt>
                <c:pt idx="3171">
                  <c:v>3.9797164143688446E-2</c:v>
                </c:pt>
                <c:pt idx="3172">
                  <c:v>3.9797164143688446E-2</c:v>
                </c:pt>
                <c:pt idx="3173">
                  <c:v>3.9797164143688446E-2</c:v>
                </c:pt>
                <c:pt idx="3174">
                  <c:v>3.9797164143688446E-2</c:v>
                </c:pt>
                <c:pt idx="3175">
                  <c:v>3.9797164143688446E-2</c:v>
                </c:pt>
                <c:pt idx="3176">
                  <c:v>3.9797164143688446E-2</c:v>
                </c:pt>
                <c:pt idx="3177">
                  <c:v>3.9797164143688446E-2</c:v>
                </c:pt>
                <c:pt idx="3178">
                  <c:v>3.9797164143688446E-2</c:v>
                </c:pt>
                <c:pt idx="3179">
                  <c:v>3.9797164143688446E-2</c:v>
                </c:pt>
                <c:pt idx="3180">
                  <c:v>3.9797164143688446E-2</c:v>
                </c:pt>
                <c:pt idx="3181">
                  <c:v>3.9797164143688446E-2</c:v>
                </c:pt>
                <c:pt idx="3182">
                  <c:v>3.9797164143688446E-2</c:v>
                </c:pt>
                <c:pt idx="3183">
                  <c:v>3.9797164143688446E-2</c:v>
                </c:pt>
                <c:pt idx="3184">
                  <c:v>3.9797164143688446E-2</c:v>
                </c:pt>
                <c:pt idx="3185">
                  <c:v>3.9797164143688446E-2</c:v>
                </c:pt>
                <c:pt idx="3186">
                  <c:v>3.9797164143688446E-2</c:v>
                </c:pt>
                <c:pt idx="3187">
                  <c:v>3.9797164143688446E-2</c:v>
                </c:pt>
                <c:pt idx="3188">
                  <c:v>3.9797164143688446E-2</c:v>
                </c:pt>
                <c:pt idx="3189">
                  <c:v>3.9797164143688446E-2</c:v>
                </c:pt>
                <c:pt idx="3190">
                  <c:v>3.9797164143688446E-2</c:v>
                </c:pt>
                <c:pt idx="3191">
                  <c:v>3.9797164143688446E-2</c:v>
                </c:pt>
                <c:pt idx="3192">
                  <c:v>4.1047992720649268E-2</c:v>
                </c:pt>
                <c:pt idx="3193">
                  <c:v>4.1047992720649268E-2</c:v>
                </c:pt>
                <c:pt idx="3194">
                  <c:v>4.1047992720649268E-2</c:v>
                </c:pt>
                <c:pt idx="3195">
                  <c:v>4.1047992720649268E-2</c:v>
                </c:pt>
                <c:pt idx="3196">
                  <c:v>4.1047992720649268E-2</c:v>
                </c:pt>
                <c:pt idx="3197">
                  <c:v>4.1047992720649268E-2</c:v>
                </c:pt>
                <c:pt idx="3198">
                  <c:v>4.1047992720649268E-2</c:v>
                </c:pt>
                <c:pt idx="3199">
                  <c:v>4.1047992720649268E-2</c:v>
                </c:pt>
                <c:pt idx="3200">
                  <c:v>4.1047992720649268E-2</c:v>
                </c:pt>
                <c:pt idx="3201">
                  <c:v>4.1047992720649268E-2</c:v>
                </c:pt>
                <c:pt idx="3202">
                  <c:v>4.1047992720649268E-2</c:v>
                </c:pt>
                <c:pt idx="3203">
                  <c:v>4.1047992720649268E-2</c:v>
                </c:pt>
                <c:pt idx="3204">
                  <c:v>4.1047992720649268E-2</c:v>
                </c:pt>
                <c:pt idx="3205">
                  <c:v>4.1047992720649268E-2</c:v>
                </c:pt>
                <c:pt idx="3206">
                  <c:v>4.1047992720649268E-2</c:v>
                </c:pt>
                <c:pt idx="3207">
                  <c:v>4.1047992720649268E-2</c:v>
                </c:pt>
                <c:pt idx="3208">
                  <c:v>4.1047992720649268E-2</c:v>
                </c:pt>
                <c:pt idx="3209">
                  <c:v>4.1047992720649268E-2</c:v>
                </c:pt>
                <c:pt idx="3210">
                  <c:v>4.1047992720649268E-2</c:v>
                </c:pt>
                <c:pt idx="3211">
                  <c:v>4.1047992720649268E-2</c:v>
                </c:pt>
                <c:pt idx="3212">
                  <c:v>4.1047992720649268E-2</c:v>
                </c:pt>
                <c:pt idx="3213">
                  <c:v>4.1047992720649268E-2</c:v>
                </c:pt>
                <c:pt idx="3214">
                  <c:v>4.1047992720649268E-2</c:v>
                </c:pt>
                <c:pt idx="3215">
                  <c:v>4.1047992720649268E-2</c:v>
                </c:pt>
                <c:pt idx="3216">
                  <c:v>7.8007081300186659E-2</c:v>
                </c:pt>
                <c:pt idx="3217">
                  <c:v>7.8007081300186659E-2</c:v>
                </c:pt>
                <c:pt idx="3218">
                  <c:v>7.8007081300186659E-2</c:v>
                </c:pt>
                <c:pt idx="3219">
                  <c:v>7.8007081300186659E-2</c:v>
                </c:pt>
                <c:pt idx="3220">
                  <c:v>7.8007081300186659E-2</c:v>
                </c:pt>
                <c:pt idx="3221">
                  <c:v>7.8007081300186659E-2</c:v>
                </c:pt>
                <c:pt idx="3222">
                  <c:v>7.8007081300186659E-2</c:v>
                </c:pt>
                <c:pt idx="3223">
                  <c:v>0.33231016633879518</c:v>
                </c:pt>
                <c:pt idx="3224">
                  <c:v>0.37384893713114453</c:v>
                </c:pt>
                <c:pt idx="3225">
                  <c:v>0.41538770792349394</c:v>
                </c:pt>
                <c:pt idx="3226">
                  <c:v>0.41538770792349394</c:v>
                </c:pt>
                <c:pt idx="3227">
                  <c:v>0.4984652495081926</c:v>
                </c:pt>
                <c:pt idx="3228">
                  <c:v>0.4984652495081926</c:v>
                </c:pt>
                <c:pt idx="3229">
                  <c:v>0.33231016633879518</c:v>
                </c:pt>
                <c:pt idx="3230">
                  <c:v>0.4984652495081926</c:v>
                </c:pt>
                <c:pt idx="3231">
                  <c:v>0.4984652495081926</c:v>
                </c:pt>
                <c:pt idx="3232">
                  <c:v>0.29077139554644571</c:v>
                </c:pt>
                <c:pt idx="3233">
                  <c:v>8.3077541584698794E-2</c:v>
                </c:pt>
                <c:pt idx="3234">
                  <c:v>8.1907435365195985E-2</c:v>
                </c:pt>
                <c:pt idx="3235">
                  <c:v>8.1907435365195985E-2</c:v>
                </c:pt>
                <c:pt idx="3236">
                  <c:v>8.1907435365195985E-2</c:v>
                </c:pt>
                <c:pt idx="3237">
                  <c:v>8.1907435365195985E-2</c:v>
                </c:pt>
                <c:pt idx="3238">
                  <c:v>8.1907435365195985E-2</c:v>
                </c:pt>
                <c:pt idx="3239">
                  <c:v>8.1907435365195985E-2</c:v>
                </c:pt>
                <c:pt idx="3240">
                  <c:v>5.2131557864278991E-2</c:v>
                </c:pt>
                <c:pt idx="3241">
                  <c:v>7.9438564364615605E-2</c:v>
                </c:pt>
                <c:pt idx="3242">
                  <c:v>7.9438564364615605E-2</c:v>
                </c:pt>
                <c:pt idx="3243">
                  <c:v>7.9438564364615605E-2</c:v>
                </c:pt>
                <c:pt idx="3244">
                  <c:v>7.9438564364615605E-2</c:v>
                </c:pt>
                <c:pt idx="3245">
                  <c:v>7.9438564364615605E-2</c:v>
                </c:pt>
                <c:pt idx="3246">
                  <c:v>7.9438564364615605E-2</c:v>
                </c:pt>
                <c:pt idx="3247">
                  <c:v>0.33488319789958265</c:v>
                </c:pt>
                <c:pt idx="3248">
                  <c:v>0.3736591471300606</c:v>
                </c:pt>
                <c:pt idx="3249">
                  <c:v>0.4124350963605386</c:v>
                </c:pt>
                <c:pt idx="3250">
                  <c:v>0.4124350963605386</c:v>
                </c:pt>
                <c:pt idx="3251">
                  <c:v>0.49351208111517436</c:v>
                </c:pt>
                <c:pt idx="3252">
                  <c:v>0.49351208111517436</c:v>
                </c:pt>
                <c:pt idx="3253">
                  <c:v>0.32783302531222303</c:v>
                </c:pt>
                <c:pt idx="3254">
                  <c:v>0.49351208111517436</c:v>
                </c:pt>
                <c:pt idx="3255">
                  <c:v>0.49351208111517436</c:v>
                </c:pt>
                <c:pt idx="3256">
                  <c:v>0.2908196192285849</c:v>
                </c:pt>
                <c:pt idx="3257">
                  <c:v>0.12412275681971188</c:v>
                </c:pt>
                <c:pt idx="3258">
                  <c:v>8.1921019501009842E-2</c:v>
                </c:pt>
                <c:pt idx="3259">
                  <c:v>8.1921019501009842E-2</c:v>
                </c:pt>
                <c:pt idx="3260">
                  <c:v>8.1921019501009842E-2</c:v>
                </c:pt>
                <c:pt idx="3261">
                  <c:v>8.1921019501009842E-2</c:v>
                </c:pt>
                <c:pt idx="3262">
                  <c:v>8.1921019501009842E-2</c:v>
                </c:pt>
                <c:pt idx="3263">
                  <c:v>8.1921019501009842E-2</c:v>
                </c:pt>
                <c:pt idx="3264">
                  <c:v>8.3409272275400598E-2</c:v>
                </c:pt>
                <c:pt idx="3265">
                  <c:v>8.3409272275400598E-2</c:v>
                </c:pt>
                <c:pt idx="3266">
                  <c:v>8.3409272275400598E-2</c:v>
                </c:pt>
                <c:pt idx="3267">
                  <c:v>8.3409272275400598E-2</c:v>
                </c:pt>
                <c:pt idx="3268">
                  <c:v>8.3409272275400598E-2</c:v>
                </c:pt>
                <c:pt idx="3269">
                  <c:v>8.3409272275400598E-2</c:v>
                </c:pt>
                <c:pt idx="3270">
                  <c:v>8.3409272275400598E-2</c:v>
                </c:pt>
                <c:pt idx="3271">
                  <c:v>0.34096699484701642</c:v>
                </c:pt>
                <c:pt idx="3272">
                  <c:v>0.38044738372403936</c:v>
                </c:pt>
                <c:pt idx="3273">
                  <c:v>0.41992777260106234</c:v>
                </c:pt>
                <c:pt idx="3274">
                  <c:v>0.41992777260106234</c:v>
                </c:pt>
                <c:pt idx="3275">
                  <c:v>0.50247767661665577</c:v>
                </c:pt>
                <c:pt idx="3276">
                  <c:v>0.50247767661665577</c:v>
                </c:pt>
                <c:pt idx="3277">
                  <c:v>0.33378874232392142</c:v>
                </c:pt>
                <c:pt idx="3278">
                  <c:v>0.50247767661665577</c:v>
                </c:pt>
                <c:pt idx="3279">
                  <c:v>0.50247767661665577</c:v>
                </c:pt>
                <c:pt idx="3280">
                  <c:v>0.29610291657767213</c:v>
                </c:pt>
                <c:pt idx="3281">
                  <c:v>0.12637768526575849</c:v>
                </c:pt>
                <c:pt idx="3282">
                  <c:v>8.3409272275400598E-2</c:v>
                </c:pt>
                <c:pt idx="3283">
                  <c:v>8.3409272275400598E-2</c:v>
                </c:pt>
                <c:pt idx="3284">
                  <c:v>8.3409272275400598E-2</c:v>
                </c:pt>
                <c:pt idx="3285">
                  <c:v>8.3409272275400598E-2</c:v>
                </c:pt>
                <c:pt idx="3286">
                  <c:v>8.3409272275400598E-2</c:v>
                </c:pt>
                <c:pt idx="3287">
                  <c:v>8.3409272275400598E-2</c:v>
                </c:pt>
                <c:pt idx="3288">
                  <c:v>8.3590684846792468E-2</c:v>
                </c:pt>
                <c:pt idx="3289">
                  <c:v>8.3590684846792468E-2</c:v>
                </c:pt>
                <c:pt idx="3290">
                  <c:v>8.3590684846792468E-2</c:v>
                </c:pt>
                <c:pt idx="3291">
                  <c:v>8.3590684846792468E-2</c:v>
                </c:pt>
                <c:pt idx="3292">
                  <c:v>8.3590684846792468E-2</c:v>
                </c:pt>
                <c:pt idx="3293">
                  <c:v>8.3590684846792468E-2</c:v>
                </c:pt>
                <c:pt idx="3294">
                  <c:v>8.3590684846792468E-2</c:v>
                </c:pt>
                <c:pt idx="3295">
                  <c:v>0.3417085874494637</c:v>
                </c:pt>
                <c:pt idx="3296">
                  <c:v>0.38127484494361219</c:v>
                </c:pt>
                <c:pt idx="3297">
                  <c:v>0.42084110243776063</c:v>
                </c:pt>
                <c:pt idx="3298">
                  <c:v>0.42084110243776063</c:v>
                </c:pt>
                <c:pt idx="3299">
                  <c:v>0.50357054992552541</c:v>
                </c:pt>
                <c:pt idx="3300">
                  <c:v>0.50357054992552541</c:v>
                </c:pt>
                <c:pt idx="3301">
                  <c:v>0.3345147224505276</c:v>
                </c:pt>
                <c:pt idx="3302">
                  <c:v>0.50357054992552541</c:v>
                </c:pt>
                <c:pt idx="3303">
                  <c:v>0.50357054992552541</c:v>
                </c:pt>
                <c:pt idx="3304">
                  <c:v>0.29674693120611323</c:v>
                </c:pt>
                <c:pt idx="3305">
                  <c:v>0.12665255279817039</c:v>
                </c:pt>
                <c:pt idx="3306">
                  <c:v>8.3590684846792468E-2</c:v>
                </c:pt>
                <c:pt idx="3307">
                  <c:v>8.3590684846792468E-2</c:v>
                </c:pt>
                <c:pt idx="3308">
                  <c:v>8.3590684846792468E-2</c:v>
                </c:pt>
                <c:pt idx="3309">
                  <c:v>8.3590684846792468E-2</c:v>
                </c:pt>
                <c:pt idx="3310">
                  <c:v>8.3590684846792468E-2</c:v>
                </c:pt>
                <c:pt idx="3311">
                  <c:v>8.3590684846792468E-2</c:v>
                </c:pt>
                <c:pt idx="3312">
                  <c:v>0.12454146836612603</c:v>
                </c:pt>
                <c:pt idx="3313">
                  <c:v>7.5479677797652134E-2</c:v>
                </c:pt>
                <c:pt idx="3314">
                  <c:v>7.5479677797652134E-2</c:v>
                </c:pt>
                <c:pt idx="3315">
                  <c:v>7.5479677797652134E-2</c:v>
                </c:pt>
                <c:pt idx="3316">
                  <c:v>7.5479677797652134E-2</c:v>
                </c:pt>
                <c:pt idx="3317">
                  <c:v>7.5479677797652134E-2</c:v>
                </c:pt>
                <c:pt idx="3318">
                  <c:v>7.5479677797652134E-2</c:v>
                </c:pt>
                <c:pt idx="3319">
                  <c:v>0.32154342741799813</c:v>
                </c:pt>
                <c:pt idx="3320">
                  <c:v>0.40192928427249774</c:v>
                </c:pt>
                <c:pt idx="3321">
                  <c:v>0.44212221269974739</c:v>
                </c:pt>
                <c:pt idx="3322">
                  <c:v>0.44212221269974739</c:v>
                </c:pt>
                <c:pt idx="3323">
                  <c:v>0.522508069554247</c:v>
                </c:pt>
                <c:pt idx="3324">
                  <c:v>0.522508069554247</c:v>
                </c:pt>
                <c:pt idx="3325">
                  <c:v>0.36173635584524788</c:v>
                </c:pt>
                <c:pt idx="3326">
                  <c:v>0.522508069554247</c:v>
                </c:pt>
                <c:pt idx="3327">
                  <c:v>0.40192928427249774</c:v>
                </c:pt>
                <c:pt idx="3328">
                  <c:v>0.18869919449413036</c:v>
                </c:pt>
                <c:pt idx="3329">
                  <c:v>0.12454146836612603</c:v>
                </c:pt>
                <c:pt idx="3330">
                  <c:v>7.925366168753474E-2</c:v>
                </c:pt>
                <c:pt idx="3331">
                  <c:v>7.5479677797652134E-2</c:v>
                </c:pt>
                <c:pt idx="3332">
                  <c:v>7.5479677797652134E-2</c:v>
                </c:pt>
                <c:pt idx="3333">
                  <c:v>7.5479677797652134E-2</c:v>
                </c:pt>
                <c:pt idx="3334">
                  <c:v>7.5479677797652134E-2</c:v>
                </c:pt>
                <c:pt idx="3335">
                  <c:v>7.5479677797652134E-2</c:v>
                </c:pt>
                <c:pt idx="3336">
                  <c:v>3.2975017488797484E-2</c:v>
                </c:pt>
                <c:pt idx="3337">
                  <c:v>2.9677515739917733E-2</c:v>
                </c:pt>
                <c:pt idx="3338">
                  <c:v>2.9677515739917733E-2</c:v>
                </c:pt>
                <c:pt idx="3339">
                  <c:v>2.9677515739917733E-2</c:v>
                </c:pt>
                <c:pt idx="3340">
                  <c:v>2.9677515739917733E-2</c:v>
                </c:pt>
                <c:pt idx="3341">
                  <c:v>2.9677515739917733E-2</c:v>
                </c:pt>
                <c:pt idx="3342">
                  <c:v>2.9677515739917733E-2</c:v>
                </c:pt>
                <c:pt idx="3343">
                  <c:v>2.9677515739917733E-2</c:v>
                </c:pt>
                <c:pt idx="3344">
                  <c:v>2.9677515739917733E-2</c:v>
                </c:pt>
                <c:pt idx="3345">
                  <c:v>2.9677515739917733E-2</c:v>
                </c:pt>
                <c:pt idx="3346">
                  <c:v>2.9677515739917733E-2</c:v>
                </c:pt>
                <c:pt idx="3347">
                  <c:v>2.9677515739917733E-2</c:v>
                </c:pt>
                <c:pt idx="3348">
                  <c:v>2.9677515739917733E-2</c:v>
                </c:pt>
                <c:pt idx="3349">
                  <c:v>2.9677515739917733E-2</c:v>
                </c:pt>
                <c:pt idx="3350">
                  <c:v>2.9677515739917733E-2</c:v>
                </c:pt>
                <c:pt idx="3351">
                  <c:v>2.9677515739917733E-2</c:v>
                </c:pt>
                <c:pt idx="3352">
                  <c:v>2.9677515739917733E-2</c:v>
                </c:pt>
                <c:pt idx="3353">
                  <c:v>2.9677515739917733E-2</c:v>
                </c:pt>
                <c:pt idx="3354">
                  <c:v>2.9677515739917733E-2</c:v>
                </c:pt>
                <c:pt idx="3355">
                  <c:v>2.9677515739917733E-2</c:v>
                </c:pt>
                <c:pt idx="3356">
                  <c:v>2.9677515739917733E-2</c:v>
                </c:pt>
                <c:pt idx="3357">
                  <c:v>2.9677515739917733E-2</c:v>
                </c:pt>
                <c:pt idx="3358">
                  <c:v>2.9677515739917733E-2</c:v>
                </c:pt>
                <c:pt idx="3359">
                  <c:v>2.9677515739917733E-2</c:v>
                </c:pt>
                <c:pt idx="3360">
                  <c:v>2.9523619842773886E-2</c:v>
                </c:pt>
                <c:pt idx="3361">
                  <c:v>2.9523619842773886E-2</c:v>
                </c:pt>
                <c:pt idx="3362">
                  <c:v>2.9523619842773886E-2</c:v>
                </c:pt>
                <c:pt idx="3363">
                  <c:v>2.9523619842773886E-2</c:v>
                </c:pt>
                <c:pt idx="3364">
                  <c:v>2.9523619842773886E-2</c:v>
                </c:pt>
                <c:pt idx="3365">
                  <c:v>2.9523619842773886E-2</c:v>
                </c:pt>
                <c:pt idx="3366">
                  <c:v>2.9523619842773886E-2</c:v>
                </c:pt>
                <c:pt idx="3367">
                  <c:v>2.9523619842773886E-2</c:v>
                </c:pt>
                <c:pt idx="3368">
                  <c:v>2.9523619842773886E-2</c:v>
                </c:pt>
                <c:pt idx="3369">
                  <c:v>2.9523619842773886E-2</c:v>
                </c:pt>
                <c:pt idx="3370">
                  <c:v>2.9523619842773886E-2</c:v>
                </c:pt>
                <c:pt idx="3371">
                  <c:v>2.9523619842773886E-2</c:v>
                </c:pt>
                <c:pt idx="3372">
                  <c:v>2.9523619842773886E-2</c:v>
                </c:pt>
                <c:pt idx="3373">
                  <c:v>2.9523619842773886E-2</c:v>
                </c:pt>
                <c:pt idx="3374">
                  <c:v>2.9523619842773886E-2</c:v>
                </c:pt>
                <c:pt idx="3375">
                  <c:v>2.9523619842773886E-2</c:v>
                </c:pt>
                <c:pt idx="3376">
                  <c:v>2.9523619842773886E-2</c:v>
                </c:pt>
                <c:pt idx="3377">
                  <c:v>2.9523619842773886E-2</c:v>
                </c:pt>
                <c:pt idx="3378">
                  <c:v>2.9523619842773886E-2</c:v>
                </c:pt>
                <c:pt idx="3379">
                  <c:v>2.9523619842773886E-2</c:v>
                </c:pt>
                <c:pt idx="3380">
                  <c:v>2.9523619842773886E-2</c:v>
                </c:pt>
                <c:pt idx="3381">
                  <c:v>2.9523619842773886E-2</c:v>
                </c:pt>
                <c:pt idx="3382">
                  <c:v>2.9523619842773886E-2</c:v>
                </c:pt>
                <c:pt idx="3383">
                  <c:v>2.9523619842773886E-2</c:v>
                </c:pt>
                <c:pt idx="3384">
                  <c:v>7.3829156598348489E-2</c:v>
                </c:pt>
                <c:pt idx="3385">
                  <c:v>7.3829156598348489E-2</c:v>
                </c:pt>
                <c:pt idx="3386">
                  <c:v>7.3829156598348489E-2</c:v>
                </c:pt>
                <c:pt idx="3387">
                  <c:v>7.3829156598348489E-2</c:v>
                </c:pt>
                <c:pt idx="3388">
                  <c:v>7.3829156598348489E-2</c:v>
                </c:pt>
                <c:pt idx="3389">
                  <c:v>7.3829156598348489E-2</c:v>
                </c:pt>
                <c:pt idx="3390">
                  <c:v>7.3829156598348489E-2</c:v>
                </c:pt>
                <c:pt idx="3391">
                  <c:v>0.31451220710896449</c:v>
                </c:pt>
                <c:pt idx="3392">
                  <c:v>0.35382623299758509</c:v>
                </c:pt>
                <c:pt idx="3393">
                  <c:v>0.39314025888620563</c:v>
                </c:pt>
                <c:pt idx="3394">
                  <c:v>0.39314025888620563</c:v>
                </c:pt>
                <c:pt idx="3395">
                  <c:v>0.47176831066344671</c:v>
                </c:pt>
                <c:pt idx="3396">
                  <c:v>0.47176831066344671</c:v>
                </c:pt>
                <c:pt idx="3397">
                  <c:v>0.31451220710896449</c:v>
                </c:pt>
                <c:pt idx="3398">
                  <c:v>0.47176831066344671</c:v>
                </c:pt>
                <c:pt idx="3399">
                  <c:v>0.47176831066344671</c:v>
                </c:pt>
                <c:pt idx="3400">
                  <c:v>0.2751981812203439</c:v>
                </c:pt>
                <c:pt idx="3401">
                  <c:v>7.8628051777241123E-2</c:v>
                </c:pt>
                <c:pt idx="3402">
                  <c:v>7.7520614428265897E-2</c:v>
                </c:pt>
                <c:pt idx="3403">
                  <c:v>7.7520614428265897E-2</c:v>
                </c:pt>
                <c:pt idx="3404">
                  <c:v>7.7520614428265897E-2</c:v>
                </c:pt>
                <c:pt idx="3405">
                  <c:v>7.7520614428265897E-2</c:v>
                </c:pt>
                <c:pt idx="3406">
                  <c:v>7.7520614428265897E-2</c:v>
                </c:pt>
                <c:pt idx="3407">
                  <c:v>7.7520614428265897E-2</c:v>
                </c:pt>
                <c:pt idx="3408">
                  <c:v>4.9609057022054835E-2</c:v>
                </c:pt>
                <c:pt idx="3409">
                  <c:v>7.5594753557416905E-2</c:v>
                </c:pt>
                <c:pt idx="3410">
                  <c:v>7.5594753557416905E-2</c:v>
                </c:pt>
                <c:pt idx="3411">
                  <c:v>7.5594753557416905E-2</c:v>
                </c:pt>
                <c:pt idx="3412">
                  <c:v>7.5594753557416905E-2</c:v>
                </c:pt>
                <c:pt idx="3413">
                  <c:v>7.5594753557416905E-2</c:v>
                </c:pt>
                <c:pt idx="3414">
                  <c:v>7.5594753557416905E-2</c:v>
                </c:pt>
                <c:pt idx="3415">
                  <c:v>0.31867913296548556</c:v>
                </c:pt>
                <c:pt idx="3416">
                  <c:v>0.35557882204569974</c:v>
                </c:pt>
                <c:pt idx="3417">
                  <c:v>0.39247851112591381</c:v>
                </c:pt>
                <c:pt idx="3418">
                  <c:v>0.39247851112591381</c:v>
                </c:pt>
                <c:pt idx="3419">
                  <c:v>0.4696324064754524</c:v>
                </c:pt>
                <c:pt idx="3420">
                  <c:v>0.4696324064754524</c:v>
                </c:pt>
                <c:pt idx="3421">
                  <c:v>0.31197009858726482</c:v>
                </c:pt>
                <c:pt idx="3422">
                  <c:v>0.4696324064754524</c:v>
                </c:pt>
                <c:pt idx="3423">
                  <c:v>0.4696324064754524</c:v>
                </c:pt>
                <c:pt idx="3424">
                  <c:v>0.27674766810160595</c:v>
                </c:pt>
                <c:pt idx="3425">
                  <c:v>0.1181168024334639</c:v>
                </c:pt>
                <c:pt idx="3426">
                  <c:v>7.7957089606086161E-2</c:v>
                </c:pt>
                <c:pt idx="3427">
                  <c:v>7.7957089606086161E-2</c:v>
                </c:pt>
                <c:pt idx="3428">
                  <c:v>7.7957089606086161E-2</c:v>
                </c:pt>
                <c:pt idx="3429">
                  <c:v>7.7957089606086161E-2</c:v>
                </c:pt>
                <c:pt idx="3430">
                  <c:v>7.7957089606086161E-2</c:v>
                </c:pt>
                <c:pt idx="3431">
                  <c:v>7.7957089606086161E-2</c:v>
                </c:pt>
                <c:pt idx="3432">
                  <c:v>7.9418195704779607E-2</c:v>
                </c:pt>
                <c:pt idx="3433">
                  <c:v>7.9418195704779607E-2</c:v>
                </c:pt>
                <c:pt idx="3434">
                  <c:v>7.9418195704779607E-2</c:v>
                </c:pt>
                <c:pt idx="3435">
                  <c:v>7.9418195704779607E-2</c:v>
                </c:pt>
                <c:pt idx="3436">
                  <c:v>7.9418195704779607E-2</c:v>
                </c:pt>
                <c:pt idx="3437">
                  <c:v>7.9418195704779607E-2</c:v>
                </c:pt>
                <c:pt idx="3438">
                  <c:v>7.9418195704779607E-2</c:v>
                </c:pt>
                <c:pt idx="3439">
                  <c:v>0.32465195759317478</c:v>
                </c:pt>
                <c:pt idx="3440">
                  <c:v>0.36224323689343718</c:v>
                </c:pt>
                <c:pt idx="3441">
                  <c:v>0.39983451619369959</c:v>
                </c:pt>
                <c:pt idx="3442">
                  <c:v>0.39983451619369959</c:v>
                </c:pt>
                <c:pt idx="3443">
                  <c:v>0.47843446382152077</c:v>
                </c:pt>
                <c:pt idx="3444">
                  <c:v>0.47843446382152077</c:v>
                </c:pt>
                <c:pt idx="3445">
                  <c:v>0.31781717953858168</c:v>
                </c:pt>
                <c:pt idx="3446">
                  <c:v>0.47843446382152077</c:v>
                </c:pt>
                <c:pt idx="3447">
                  <c:v>0.47843446382152077</c:v>
                </c:pt>
                <c:pt idx="3448">
                  <c:v>0.28193459475196758</c:v>
                </c:pt>
                <c:pt idx="3449">
                  <c:v>0.12033059955269637</c:v>
                </c:pt>
                <c:pt idx="3450">
                  <c:v>7.9418195704779607E-2</c:v>
                </c:pt>
                <c:pt idx="3451">
                  <c:v>7.9418195704779607E-2</c:v>
                </c:pt>
                <c:pt idx="3452">
                  <c:v>7.9418195704779607E-2</c:v>
                </c:pt>
                <c:pt idx="3453">
                  <c:v>7.9418195704779607E-2</c:v>
                </c:pt>
                <c:pt idx="3454">
                  <c:v>7.9418195704779607E-2</c:v>
                </c:pt>
                <c:pt idx="3455">
                  <c:v>7.9418195704779607E-2</c:v>
                </c:pt>
                <c:pt idx="3456">
                  <c:v>7.9720549990432724E-2</c:v>
                </c:pt>
                <c:pt idx="3457">
                  <c:v>7.9720549990432724E-2</c:v>
                </c:pt>
                <c:pt idx="3458">
                  <c:v>7.9720549990432724E-2</c:v>
                </c:pt>
                <c:pt idx="3459">
                  <c:v>7.9720549990432724E-2</c:v>
                </c:pt>
                <c:pt idx="3460">
                  <c:v>7.9720549990432724E-2</c:v>
                </c:pt>
                <c:pt idx="3461">
                  <c:v>7.9720549990432724E-2</c:v>
                </c:pt>
                <c:pt idx="3462">
                  <c:v>7.9720549990432724E-2</c:v>
                </c:pt>
                <c:pt idx="3463">
                  <c:v>0.3258879452639204</c:v>
                </c:pt>
                <c:pt idx="3464">
                  <c:v>0.36362233892605855</c:v>
                </c:pt>
                <c:pt idx="3465">
                  <c:v>0.40135673258819682</c:v>
                </c:pt>
                <c:pt idx="3466">
                  <c:v>0.40135673258819682</c:v>
                </c:pt>
                <c:pt idx="3467">
                  <c:v>0.48025591933630374</c:v>
                </c:pt>
                <c:pt idx="3468">
                  <c:v>0.48025591933630374</c:v>
                </c:pt>
                <c:pt idx="3469">
                  <c:v>0.3190271464162589</c:v>
                </c:pt>
                <c:pt idx="3470">
                  <c:v>0.48025591933630374</c:v>
                </c:pt>
                <c:pt idx="3471">
                  <c:v>0.48025591933630374</c:v>
                </c:pt>
                <c:pt idx="3472">
                  <c:v>0.28300795246603616</c:v>
                </c:pt>
                <c:pt idx="3473">
                  <c:v>0.12078871210671624</c:v>
                </c:pt>
                <c:pt idx="3474">
                  <c:v>7.9720549990432724E-2</c:v>
                </c:pt>
                <c:pt idx="3475">
                  <c:v>7.9720549990432724E-2</c:v>
                </c:pt>
                <c:pt idx="3476">
                  <c:v>7.9720549990432724E-2</c:v>
                </c:pt>
                <c:pt idx="3477">
                  <c:v>7.9720549990432724E-2</c:v>
                </c:pt>
                <c:pt idx="3478">
                  <c:v>7.9720549990432724E-2</c:v>
                </c:pt>
                <c:pt idx="3479">
                  <c:v>7.9720549990432724E-2</c:v>
                </c:pt>
                <c:pt idx="3480">
                  <c:v>0.12075160256092243</c:v>
                </c:pt>
                <c:pt idx="3481">
                  <c:v>7.3182789430862094E-2</c:v>
                </c:pt>
                <c:pt idx="3482">
                  <c:v>7.3182789430862094E-2</c:v>
                </c:pt>
                <c:pt idx="3483">
                  <c:v>7.3182789430862094E-2</c:v>
                </c:pt>
                <c:pt idx="3484">
                  <c:v>7.3182789430862094E-2</c:v>
                </c:pt>
                <c:pt idx="3485">
                  <c:v>7.3182789430862094E-2</c:v>
                </c:pt>
                <c:pt idx="3486">
                  <c:v>7.3182789430862094E-2</c:v>
                </c:pt>
                <c:pt idx="3487">
                  <c:v>0.31175868297547249</c:v>
                </c:pt>
                <c:pt idx="3488">
                  <c:v>0.38969835371934047</c:v>
                </c:pt>
                <c:pt idx="3489">
                  <c:v>0.42866818909127463</c:v>
                </c:pt>
                <c:pt idx="3490">
                  <c:v>0.42866818909127463</c:v>
                </c:pt>
                <c:pt idx="3491">
                  <c:v>0.50660785983514267</c:v>
                </c:pt>
                <c:pt idx="3492">
                  <c:v>0.50660785983514267</c:v>
                </c:pt>
                <c:pt idx="3493">
                  <c:v>0.35072851834740648</c:v>
                </c:pt>
                <c:pt idx="3494">
                  <c:v>0.50660785983514267</c:v>
                </c:pt>
                <c:pt idx="3495">
                  <c:v>0.38969835371934047</c:v>
                </c:pt>
                <c:pt idx="3496">
                  <c:v>0.18295697357715521</c:v>
                </c:pt>
                <c:pt idx="3497">
                  <c:v>0.12075160256092243</c:v>
                </c:pt>
                <c:pt idx="3498">
                  <c:v>7.6841928902405182E-2</c:v>
                </c:pt>
                <c:pt idx="3499">
                  <c:v>7.3182789430862094E-2</c:v>
                </c:pt>
                <c:pt idx="3500">
                  <c:v>7.3182789430862094E-2</c:v>
                </c:pt>
                <c:pt idx="3501">
                  <c:v>7.3182789430862094E-2</c:v>
                </c:pt>
                <c:pt idx="3502">
                  <c:v>7.3182789430862094E-2</c:v>
                </c:pt>
                <c:pt idx="3503">
                  <c:v>7.3182789430862094E-2</c:v>
                </c:pt>
                <c:pt idx="3504">
                  <c:v>3.2908362444014398E-2</c:v>
                </c:pt>
                <c:pt idx="3505">
                  <c:v>2.961752619961296E-2</c:v>
                </c:pt>
                <c:pt idx="3506">
                  <c:v>2.961752619961296E-2</c:v>
                </c:pt>
                <c:pt idx="3507">
                  <c:v>2.961752619961296E-2</c:v>
                </c:pt>
                <c:pt idx="3508">
                  <c:v>2.961752619961296E-2</c:v>
                </c:pt>
                <c:pt idx="3509">
                  <c:v>2.961752619961296E-2</c:v>
                </c:pt>
                <c:pt idx="3510">
                  <c:v>2.961752619961296E-2</c:v>
                </c:pt>
                <c:pt idx="3511">
                  <c:v>2.961752619961296E-2</c:v>
                </c:pt>
                <c:pt idx="3512">
                  <c:v>2.961752619961296E-2</c:v>
                </c:pt>
                <c:pt idx="3513">
                  <c:v>2.961752619961296E-2</c:v>
                </c:pt>
                <c:pt idx="3514">
                  <c:v>2.961752619961296E-2</c:v>
                </c:pt>
                <c:pt idx="3515">
                  <c:v>2.961752619961296E-2</c:v>
                </c:pt>
                <c:pt idx="3516">
                  <c:v>2.961752619961296E-2</c:v>
                </c:pt>
                <c:pt idx="3517">
                  <c:v>2.961752619961296E-2</c:v>
                </c:pt>
                <c:pt idx="3518">
                  <c:v>2.961752619961296E-2</c:v>
                </c:pt>
                <c:pt idx="3519">
                  <c:v>2.961752619961296E-2</c:v>
                </c:pt>
                <c:pt idx="3520">
                  <c:v>2.961752619961296E-2</c:v>
                </c:pt>
                <c:pt idx="3521">
                  <c:v>2.961752619961296E-2</c:v>
                </c:pt>
                <c:pt idx="3522">
                  <c:v>2.961752619961296E-2</c:v>
                </c:pt>
                <c:pt idx="3523">
                  <c:v>2.961752619961296E-2</c:v>
                </c:pt>
                <c:pt idx="3524">
                  <c:v>2.961752619961296E-2</c:v>
                </c:pt>
                <c:pt idx="3525">
                  <c:v>2.961752619961296E-2</c:v>
                </c:pt>
                <c:pt idx="3526">
                  <c:v>2.961752619961296E-2</c:v>
                </c:pt>
                <c:pt idx="3527">
                  <c:v>2.961752619961296E-2</c:v>
                </c:pt>
                <c:pt idx="3528">
                  <c:v>2.9784778011292035E-2</c:v>
                </c:pt>
                <c:pt idx="3529">
                  <c:v>2.9784778011292035E-2</c:v>
                </c:pt>
                <c:pt idx="3530">
                  <c:v>2.9784778011292035E-2</c:v>
                </c:pt>
                <c:pt idx="3531">
                  <c:v>2.9784778011292035E-2</c:v>
                </c:pt>
                <c:pt idx="3532">
                  <c:v>2.9784778011292035E-2</c:v>
                </c:pt>
                <c:pt idx="3533">
                  <c:v>2.9784778011292035E-2</c:v>
                </c:pt>
                <c:pt idx="3534">
                  <c:v>2.9784778011292035E-2</c:v>
                </c:pt>
                <c:pt idx="3535">
                  <c:v>2.9784778011292035E-2</c:v>
                </c:pt>
                <c:pt idx="3536">
                  <c:v>2.9784778011292035E-2</c:v>
                </c:pt>
                <c:pt idx="3537">
                  <c:v>2.9784778011292035E-2</c:v>
                </c:pt>
                <c:pt idx="3538">
                  <c:v>2.9784778011292035E-2</c:v>
                </c:pt>
                <c:pt idx="3539">
                  <c:v>2.9784778011292035E-2</c:v>
                </c:pt>
                <c:pt idx="3540">
                  <c:v>2.9784778011292035E-2</c:v>
                </c:pt>
                <c:pt idx="3541">
                  <c:v>2.9784778011292035E-2</c:v>
                </c:pt>
                <c:pt idx="3542">
                  <c:v>2.9784778011292035E-2</c:v>
                </c:pt>
                <c:pt idx="3543">
                  <c:v>2.9784778011292035E-2</c:v>
                </c:pt>
                <c:pt idx="3544">
                  <c:v>2.9784778011292035E-2</c:v>
                </c:pt>
                <c:pt idx="3545">
                  <c:v>2.9784778011292035E-2</c:v>
                </c:pt>
                <c:pt idx="3546">
                  <c:v>2.9784778011292035E-2</c:v>
                </c:pt>
                <c:pt idx="3547">
                  <c:v>2.9784778011292035E-2</c:v>
                </c:pt>
                <c:pt idx="3548">
                  <c:v>2.9784778011292035E-2</c:v>
                </c:pt>
                <c:pt idx="3549">
                  <c:v>2.9784778011292035E-2</c:v>
                </c:pt>
                <c:pt idx="3550">
                  <c:v>2.9784778011292035E-2</c:v>
                </c:pt>
                <c:pt idx="3551">
                  <c:v>2.9784778011292035E-2</c:v>
                </c:pt>
                <c:pt idx="3552">
                  <c:v>7.5395878361537799E-2</c:v>
                </c:pt>
                <c:pt idx="3553">
                  <c:v>7.5395878361537799E-2</c:v>
                </c:pt>
                <c:pt idx="3554">
                  <c:v>7.5395878361537799E-2</c:v>
                </c:pt>
                <c:pt idx="3555">
                  <c:v>7.5395878361537799E-2</c:v>
                </c:pt>
                <c:pt idx="3556">
                  <c:v>7.5395878361537799E-2</c:v>
                </c:pt>
                <c:pt idx="3557">
                  <c:v>7.5395878361537799E-2</c:v>
                </c:pt>
                <c:pt idx="3558">
                  <c:v>7.5395878361537799E-2</c:v>
                </c:pt>
                <c:pt idx="3559">
                  <c:v>0.32118644182015099</c:v>
                </c:pt>
                <c:pt idx="3560">
                  <c:v>0.36133474704766994</c:v>
                </c:pt>
                <c:pt idx="3561">
                  <c:v>0.40148305227518877</c:v>
                </c:pt>
                <c:pt idx="3562">
                  <c:v>0.40148305227518877</c:v>
                </c:pt>
                <c:pt idx="3563">
                  <c:v>0.48177966273022643</c:v>
                </c:pt>
                <c:pt idx="3564">
                  <c:v>0.48177966273022643</c:v>
                </c:pt>
                <c:pt idx="3565">
                  <c:v>0.32118644182015099</c:v>
                </c:pt>
                <c:pt idx="3566">
                  <c:v>0.48177966273022643</c:v>
                </c:pt>
                <c:pt idx="3567">
                  <c:v>0.48177966273022643</c:v>
                </c:pt>
                <c:pt idx="3568">
                  <c:v>0.2810381365926321</c:v>
                </c:pt>
                <c:pt idx="3569">
                  <c:v>8.0296610455037748E-2</c:v>
                </c:pt>
                <c:pt idx="3570">
                  <c:v>7.9165672279614685E-2</c:v>
                </c:pt>
                <c:pt idx="3571">
                  <c:v>7.9165672279614685E-2</c:v>
                </c:pt>
                <c:pt idx="3572">
                  <c:v>7.9165672279614685E-2</c:v>
                </c:pt>
                <c:pt idx="3573">
                  <c:v>7.9165672279614685E-2</c:v>
                </c:pt>
                <c:pt idx="3574">
                  <c:v>7.9165672279614685E-2</c:v>
                </c:pt>
                <c:pt idx="3575">
                  <c:v>7.9165672279614685E-2</c:v>
                </c:pt>
                <c:pt idx="3576">
                  <c:v>5.0113557190499661E-2</c:v>
                </c:pt>
                <c:pt idx="3577">
                  <c:v>7.6363515718856634E-2</c:v>
                </c:pt>
                <c:pt idx="3578">
                  <c:v>7.6363515718856634E-2</c:v>
                </c:pt>
                <c:pt idx="3579">
                  <c:v>7.6363515718856634E-2</c:v>
                </c:pt>
                <c:pt idx="3580">
                  <c:v>7.6363515718856634E-2</c:v>
                </c:pt>
                <c:pt idx="3581">
                  <c:v>7.6363515718856634E-2</c:v>
                </c:pt>
                <c:pt idx="3582">
                  <c:v>7.6363515718856634E-2</c:v>
                </c:pt>
                <c:pt idx="3583">
                  <c:v>0.321919945952305</c:v>
                </c:pt>
                <c:pt idx="3584">
                  <c:v>0.35919488706257185</c:v>
                </c:pt>
                <c:pt idx="3585">
                  <c:v>0.39646982817283882</c:v>
                </c:pt>
                <c:pt idx="3586">
                  <c:v>0.39646982817283882</c:v>
                </c:pt>
                <c:pt idx="3587">
                  <c:v>0.47440834140339683</c:v>
                </c:pt>
                <c:pt idx="3588">
                  <c:v>0.47440834140339683</c:v>
                </c:pt>
                <c:pt idx="3589">
                  <c:v>0.31514268393225642</c:v>
                </c:pt>
                <c:pt idx="3590">
                  <c:v>0.47440834140339683</c:v>
                </c:pt>
                <c:pt idx="3591">
                  <c:v>0.47440834140339683</c:v>
                </c:pt>
                <c:pt idx="3592">
                  <c:v>0.27956205832700176</c:v>
                </c:pt>
                <c:pt idx="3593">
                  <c:v>0.11931799331071349</c:v>
                </c:pt>
                <c:pt idx="3594">
                  <c:v>7.8749875585070905E-2</c:v>
                </c:pt>
                <c:pt idx="3595">
                  <c:v>7.8749875585070905E-2</c:v>
                </c:pt>
                <c:pt idx="3596">
                  <c:v>7.8749875585070905E-2</c:v>
                </c:pt>
                <c:pt idx="3597">
                  <c:v>7.8749875585070905E-2</c:v>
                </c:pt>
                <c:pt idx="3598">
                  <c:v>7.8749875585070905E-2</c:v>
                </c:pt>
                <c:pt idx="3599">
                  <c:v>7.8749875585070905E-2</c:v>
                </c:pt>
                <c:pt idx="3600">
                  <c:v>7.8087836847905961E-2</c:v>
                </c:pt>
                <c:pt idx="3601">
                  <c:v>7.8087836847905961E-2</c:v>
                </c:pt>
                <c:pt idx="3602">
                  <c:v>7.8087836847905961E-2</c:v>
                </c:pt>
                <c:pt idx="3603">
                  <c:v>7.8087836847905961E-2</c:v>
                </c:pt>
                <c:pt idx="3604">
                  <c:v>7.8087836847905961E-2</c:v>
                </c:pt>
                <c:pt idx="3605">
                  <c:v>7.8087836847905961E-2</c:v>
                </c:pt>
                <c:pt idx="3606">
                  <c:v>7.8087836847905961E-2</c:v>
                </c:pt>
                <c:pt idx="3607">
                  <c:v>0.31921361184189434</c:v>
                </c:pt>
                <c:pt idx="3608">
                  <c:v>0.3561751879499031</c:v>
                </c:pt>
                <c:pt idx="3609">
                  <c:v>0.39313676405791192</c:v>
                </c:pt>
                <c:pt idx="3610">
                  <c:v>0.39313676405791192</c:v>
                </c:pt>
                <c:pt idx="3611">
                  <c:v>0.4704200595564757</c:v>
                </c:pt>
                <c:pt idx="3612">
                  <c:v>0.4704200595564757</c:v>
                </c:pt>
                <c:pt idx="3613">
                  <c:v>0.31249332527680174</c:v>
                </c:pt>
                <c:pt idx="3614">
                  <c:v>0.4704200595564757</c:v>
                </c:pt>
                <c:pt idx="3615">
                  <c:v>0.4704200595564757</c:v>
                </c:pt>
                <c:pt idx="3616">
                  <c:v>0.27721182081006601</c:v>
                </c:pt>
                <c:pt idx="3617">
                  <c:v>0.11831490431500902</c:v>
                </c:pt>
                <c:pt idx="3618">
                  <c:v>7.8087836847905961E-2</c:v>
                </c:pt>
                <c:pt idx="3619">
                  <c:v>7.8087836847905961E-2</c:v>
                </c:pt>
                <c:pt idx="3620">
                  <c:v>7.8087836847905961E-2</c:v>
                </c:pt>
                <c:pt idx="3621">
                  <c:v>7.8087836847905961E-2</c:v>
                </c:pt>
                <c:pt idx="3622">
                  <c:v>7.8087836847905961E-2</c:v>
                </c:pt>
                <c:pt idx="3623">
                  <c:v>7.8087836847905961E-2</c:v>
                </c:pt>
                <c:pt idx="3624">
                  <c:v>7.7725011705122207E-2</c:v>
                </c:pt>
                <c:pt idx="3625">
                  <c:v>7.7725011705122207E-2</c:v>
                </c:pt>
                <c:pt idx="3626">
                  <c:v>7.7725011705122207E-2</c:v>
                </c:pt>
                <c:pt idx="3627">
                  <c:v>7.7725011705122207E-2</c:v>
                </c:pt>
                <c:pt idx="3628">
                  <c:v>7.7725011705122207E-2</c:v>
                </c:pt>
                <c:pt idx="3629">
                  <c:v>7.7725011705122207E-2</c:v>
                </c:pt>
                <c:pt idx="3630">
                  <c:v>7.7725011705122207E-2</c:v>
                </c:pt>
                <c:pt idx="3631">
                  <c:v>0.31773042663699957</c:v>
                </c:pt>
                <c:pt idx="3632">
                  <c:v>0.35452026551075744</c:v>
                </c:pt>
                <c:pt idx="3633">
                  <c:v>0.3913101043845153</c:v>
                </c:pt>
                <c:pt idx="3634">
                  <c:v>0.3913101043845153</c:v>
                </c:pt>
                <c:pt idx="3635">
                  <c:v>0.4682343129387363</c:v>
                </c:pt>
                <c:pt idx="3636">
                  <c:v>0.4682343129387363</c:v>
                </c:pt>
                <c:pt idx="3637">
                  <c:v>0.31104136502358903</c:v>
                </c:pt>
                <c:pt idx="3638">
                  <c:v>0.4682343129387363</c:v>
                </c:pt>
                <c:pt idx="3639">
                  <c:v>0.4682343129387363</c:v>
                </c:pt>
                <c:pt idx="3640">
                  <c:v>0.27592379155318392</c:v>
                </c:pt>
                <c:pt idx="3641">
                  <c:v>0.11776516925018518</c:v>
                </c:pt>
                <c:pt idx="3642">
                  <c:v>7.7725011705122207E-2</c:v>
                </c:pt>
                <c:pt idx="3643">
                  <c:v>7.7725011705122207E-2</c:v>
                </c:pt>
                <c:pt idx="3644">
                  <c:v>7.7725011705122207E-2</c:v>
                </c:pt>
                <c:pt idx="3645">
                  <c:v>7.7725011705122207E-2</c:v>
                </c:pt>
                <c:pt idx="3646">
                  <c:v>7.7725011705122207E-2</c:v>
                </c:pt>
                <c:pt idx="3647">
                  <c:v>7.7725011705122207E-2</c:v>
                </c:pt>
                <c:pt idx="3648">
                  <c:v>0.11816340152322241</c:v>
                </c:pt>
                <c:pt idx="3649">
                  <c:v>7.1614182741346927E-2</c:v>
                </c:pt>
                <c:pt idx="3650">
                  <c:v>7.1614182741346927E-2</c:v>
                </c:pt>
                <c:pt idx="3651">
                  <c:v>7.1614182741346927E-2</c:v>
                </c:pt>
                <c:pt idx="3652">
                  <c:v>7.1614182741346927E-2</c:v>
                </c:pt>
                <c:pt idx="3653">
                  <c:v>7.1614182741346927E-2</c:v>
                </c:pt>
                <c:pt idx="3654">
                  <c:v>7.1614182741346927E-2</c:v>
                </c:pt>
                <c:pt idx="3655">
                  <c:v>0.30507641847813782</c:v>
                </c:pt>
                <c:pt idx="3656">
                  <c:v>0.38134552309767233</c:v>
                </c:pt>
                <c:pt idx="3657">
                  <c:v>0.41948007540743959</c:v>
                </c:pt>
                <c:pt idx="3658">
                  <c:v>0.41948007540743959</c:v>
                </c:pt>
                <c:pt idx="3659">
                  <c:v>0.49574918002697399</c:v>
                </c:pt>
                <c:pt idx="3660">
                  <c:v>0.49574918002697399</c:v>
                </c:pt>
                <c:pt idx="3661">
                  <c:v>0.34321097078790508</c:v>
                </c:pt>
                <c:pt idx="3662">
                  <c:v>0.49574918002697399</c:v>
                </c:pt>
                <c:pt idx="3663">
                  <c:v>0.38134552309767233</c:v>
                </c:pt>
                <c:pt idx="3664">
                  <c:v>0.1790354568533673</c:v>
                </c:pt>
                <c:pt idx="3665">
                  <c:v>0.11816340152322241</c:v>
                </c:pt>
                <c:pt idx="3666">
                  <c:v>7.5194891878414272E-2</c:v>
                </c:pt>
                <c:pt idx="3667">
                  <c:v>7.1614182741346927E-2</c:v>
                </c:pt>
                <c:pt idx="3668">
                  <c:v>7.1614182741346927E-2</c:v>
                </c:pt>
                <c:pt idx="3669">
                  <c:v>7.1614182741346927E-2</c:v>
                </c:pt>
                <c:pt idx="3670">
                  <c:v>7.1614182741346927E-2</c:v>
                </c:pt>
                <c:pt idx="3671">
                  <c:v>7.1614182741346927E-2</c:v>
                </c:pt>
                <c:pt idx="3672">
                  <c:v>3.3008345011189023E-2</c:v>
                </c:pt>
                <c:pt idx="3673">
                  <c:v>2.9707510510070121E-2</c:v>
                </c:pt>
                <c:pt idx="3674">
                  <c:v>2.9707510510070121E-2</c:v>
                </c:pt>
                <c:pt idx="3675">
                  <c:v>2.9707510510070121E-2</c:v>
                </c:pt>
                <c:pt idx="3676">
                  <c:v>2.9707510510070121E-2</c:v>
                </c:pt>
                <c:pt idx="3677">
                  <c:v>2.9707510510070121E-2</c:v>
                </c:pt>
                <c:pt idx="3678">
                  <c:v>2.9707510510070121E-2</c:v>
                </c:pt>
                <c:pt idx="3679">
                  <c:v>2.9707510510070121E-2</c:v>
                </c:pt>
                <c:pt idx="3680">
                  <c:v>2.9707510510070121E-2</c:v>
                </c:pt>
                <c:pt idx="3681">
                  <c:v>2.9707510510070121E-2</c:v>
                </c:pt>
                <c:pt idx="3682">
                  <c:v>2.9707510510070121E-2</c:v>
                </c:pt>
                <c:pt idx="3683">
                  <c:v>2.9707510510070121E-2</c:v>
                </c:pt>
                <c:pt idx="3684">
                  <c:v>2.9707510510070121E-2</c:v>
                </c:pt>
                <c:pt idx="3685">
                  <c:v>2.9707510510070121E-2</c:v>
                </c:pt>
                <c:pt idx="3686">
                  <c:v>2.9707510510070121E-2</c:v>
                </c:pt>
                <c:pt idx="3687">
                  <c:v>2.9707510510070121E-2</c:v>
                </c:pt>
                <c:pt idx="3688">
                  <c:v>2.9707510510070121E-2</c:v>
                </c:pt>
                <c:pt idx="3689">
                  <c:v>2.9707510510070121E-2</c:v>
                </c:pt>
                <c:pt idx="3690">
                  <c:v>2.9707510510070121E-2</c:v>
                </c:pt>
                <c:pt idx="3691">
                  <c:v>2.9707510510070121E-2</c:v>
                </c:pt>
                <c:pt idx="3692">
                  <c:v>2.9707510510070121E-2</c:v>
                </c:pt>
                <c:pt idx="3693">
                  <c:v>2.9707510510070121E-2</c:v>
                </c:pt>
                <c:pt idx="3694">
                  <c:v>2.9707510510070121E-2</c:v>
                </c:pt>
                <c:pt idx="3695">
                  <c:v>2.9707510510070121E-2</c:v>
                </c:pt>
                <c:pt idx="3696">
                  <c:v>2.9804867101178058E-2</c:v>
                </c:pt>
                <c:pt idx="3697">
                  <c:v>2.9804867101178058E-2</c:v>
                </c:pt>
                <c:pt idx="3698">
                  <c:v>2.9804867101178058E-2</c:v>
                </c:pt>
                <c:pt idx="3699">
                  <c:v>2.9804867101178058E-2</c:v>
                </c:pt>
                <c:pt idx="3700">
                  <c:v>2.9804867101178058E-2</c:v>
                </c:pt>
                <c:pt idx="3701">
                  <c:v>2.9804867101178058E-2</c:v>
                </c:pt>
                <c:pt idx="3702">
                  <c:v>2.9804867101178058E-2</c:v>
                </c:pt>
                <c:pt idx="3703">
                  <c:v>2.9804867101178058E-2</c:v>
                </c:pt>
                <c:pt idx="3704">
                  <c:v>2.9804867101178058E-2</c:v>
                </c:pt>
                <c:pt idx="3705">
                  <c:v>2.9804867101178058E-2</c:v>
                </c:pt>
                <c:pt idx="3706">
                  <c:v>2.9804867101178058E-2</c:v>
                </c:pt>
                <c:pt idx="3707">
                  <c:v>2.9804867101178058E-2</c:v>
                </c:pt>
                <c:pt idx="3708">
                  <c:v>2.9804867101178058E-2</c:v>
                </c:pt>
                <c:pt idx="3709">
                  <c:v>2.9804867101178058E-2</c:v>
                </c:pt>
                <c:pt idx="3710">
                  <c:v>2.9804867101178058E-2</c:v>
                </c:pt>
                <c:pt idx="3711">
                  <c:v>2.9804867101178058E-2</c:v>
                </c:pt>
                <c:pt idx="3712">
                  <c:v>2.9804867101178058E-2</c:v>
                </c:pt>
                <c:pt idx="3713">
                  <c:v>2.9804867101178058E-2</c:v>
                </c:pt>
                <c:pt idx="3714">
                  <c:v>2.9804867101178058E-2</c:v>
                </c:pt>
                <c:pt idx="3715">
                  <c:v>2.9804867101178058E-2</c:v>
                </c:pt>
                <c:pt idx="3716">
                  <c:v>2.9804867101178058E-2</c:v>
                </c:pt>
                <c:pt idx="3717">
                  <c:v>2.9804867101178058E-2</c:v>
                </c:pt>
                <c:pt idx="3718">
                  <c:v>2.9804867101178058E-2</c:v>
                </c:pt>
                <c:pt idx="3719">
                  <c:v>2.9804867101178058E-2</c:v>
                </c:pt>
                <c:pt idx="3720">
                  <c:v>7.5744038753357668E-2</c:v>
                </c:pt>
                <c:pt idx="3721">
                  <c:v>7.5744038753357668E-2</c:v>
                </c:pt>
                <c:pt idx="3722">
                  <c:v>7.5744038753357668E-2</c:v>
                </c:pt>
                <c:pt idx="3723">
                  <c:v>7.5744038753357668E-2</c:v>
                </c:pt>
                <c:pt idx="3724">
                  <c:v>7.5744038753357668E-2</c:v>
                </c:pt>
                <c:pt idx="3725">
                  <c:v>7.5744038753357668E-2</c:v>
                </c:pt>
                <c:pt idx="3726">
                  <c:v>7.5744038753357668E-2</c:v>
                </c:pt>
                <c:pt idx="3727">
                  <c:v>0.32266960508930365</c:v>
                </c:pt>
                <c:pt idx="3728">
                  <c:v>0.36300330572546652</c:v>
                </c:pt>
                <c:pt idx="3729">
                  <c:v>0.40333700636162939</c:v>
                </c:pt>
                <c:pt idx="3730">
                  <c:v>0.40333700636162939</c:v>
                </c:pt>
                <c:pt idx="3731">
                  <c:v>0.48400440763395536</c:v>
                </c:pt>
                <c:pt idx="3732">
                  <c:v>0.48400440763395536</c:v>
                </c:pt>
                <c:pt idx="3733">
                  <c:v>0.32266960508930365</c:v>
                </c:pt>
                <c:pt idx="3734">
                  <c:v>0.48400440763395536</c:v>
                </c:pt>
                <c:pt idx="3735">
                  <c:v>0.48400440763395536</c:v>
                </c:pt>
                <c:pt idx="3736">
                  <c:v>0.28233590445314061</c:v>
                </c:pt>
                <c:pt idx="3737">
                  <c:v>8.0667401272325912E-2</c:v>
                </c:pt>
                <c:pt idx="3738">
                  <c:v>7.9531240691025518E-2</c:v>
                </c:pt>
                <c:pt idx="3739">
                  <c:v>7.9531240691025518E-2</c:v>
                </c:pt>
                <c:pt idx="3740">
                  <c:v>7.9531240691025518E-2</c:v>
                </c:pt>
                <c:pt idx="3741">
                  <c:v>7.9531240691025518E-2</c:v>
                </c:pt>
                <c:pt idx="3742">
                  <c:v>7.9531240691025518E-2</c:v>
                </c:pt>
                <c:pt idx="3743">
                  <c:v>7.9531240691025518E-2</c:v>
                </c:pt>
                <c:pt idx="3744">
                  <c:v>5.0540441948414519E-2</c:v>
                </c:pt>
                <c:pt idx="3745">
                  <c:v>7.7014006778536426E-2</c:v>
                </c:pt>
                <c:pt idx="3746">
                  <c:v>7.7014006778536426E-2</c:v>
                </c:pt>
                <c:pt idx="3747">
                  <c:v>7.7014006778536426E-2</c:v>
                </c:pt>
                <c:pt idx="3748">
                  <c:v>7.7014006778536426E-2</c:v>
                </c:pt>
                <c:pt idx="3749">
                  <c:v>7.7014006778536426E-2</c:v>
                </c:pt>
                <c:pt idx="3750">
                  <c:v>7.7014006778536426E-2</c:v>
                </c:pt>
                <c:pt idx="3751">
                  <c:v>0.3246621723257675</c:v>
                </c:pt>
                <c:pt idx="3752">
                  <c:v>0.36225463438454064</c:v>
                </c:pt>
                <c:pt idx="3753">
                  <c:v>0.39984709644331373</c:v>
                </c:pt>
                <c:pt idx="3754">
                  <c:v>0.39984709644331373</c:v>
                </c:pt>
                <c:pt idx="3755">
                  <c:v>0.4784495171116574</c:v>
                </c:pt>
                <c:pt idx="3756">
                  <c:v>0.4784495171116574</c:v>
                </c:pt>
                <c:pt idx="3757">
                  <c:v>0.31782717922417236</c:v>
                </c:pt>
                <c:pt idx="3758">
                  <c:v>0.4784495171116574</c:v>
                </c:pt>
                <c:pt idx="3759">
                  <c:v>0.4784495171116574</c:v>
                </c:pt>
                <c:pt idx="3760">
                  <c:v>0.28194346544079807</c:v>
                </c:pt>
                <c:pt idx="3761">
                  <c:v>0.12033438559146314</c:v>
                </c:pt>
                <c:pt idx="3762">
                  <c:v>7.9420694490365679E-2</c:v>
                </c:pt>
                <c:pt idx="3763">
                  <c:v>7.9420694490365679E-2</c:v>
                </c:pt>
                <c:pt idx="3764">
                  <c:v>7.9420694490365679E-2</c:v>
                </c:pt>
                <c:pt idx="3765">
                  <c:v>7.9420694490365679E-2</c:v>
                </c:pt>
                <c:pt idx="3766">
                  <c:v>7.9420694490365679E-2</c:v>
                </c:pt>
                <c:pt idx="3767">
                  <c:v>7.9420694490365679E-2</c:v>
                </c:pt>
                <c:pt idx="3768">
                  <c:v>7.8450661990689646E-2</c:v>
                </c:pt>
                <c:pt idx="3769">
                  <c:v>7.8450661990689646E-2</c:v>
                </c:pt>
                <c:pt idx="3770">
                  <c:v>7.8450661990689646E-2</c:v>
                </c:pt>
                <c:pt idx="3771">
                  <c:v>7.8450661990689646E-2</c:v>
                </c:pt>
                <c:pt idx="3772">
                  <c:v>7.8450661990689646E-2</c:v>
                </c:pt>
                <c:pt idx="3773">
                  <c:v>7.8450661990689646E-2</c:v>
                </c:pt>
                <c:pt idx="3774">
                  <c:v>7.8450661990689646E-2</c:v>
                </c:pt>
                <c:pt idx="3775">
                  <c:v>0.32069679704678894</c:v>
                </c:pt>
                <c:pt idx="3776">
                  <c:v>0.35783011038904866</c:v>
                </c:pt>
                <c:pt idx="3777">
                  <c:v>0.39496342373130849</c:v>
                </c:pt>
                <c:pt idx="3778">
                  <c:v>0.39496342373130849</c:v>
                </c:pt>
                <c:pt idx="3779">
                  <c:v>0.47260580617421533</c:v>
                </c:pt>
                <c:pt idx="3780">
                  <c:v>0.47260580617421533</c:v>
                </c:pt>
                <c:pt idx="3781">
                  <c:v>0.31394528553001438</c:v>
                </c:pt>
                <c:pt idx="3782">
                  <c:v>0.47260580617421533</c:v>
                </c:pt>
                <c:pt idx="3783">
                  <c:v>0.47260580617421533</c:v>
                </c:pt>
                <c:pt idx="3784">
                  <c:v>0.27849985006694833</c:v>
                </c:pt>
                <c:pt idx="3785">
                  <c:v>0.11886463937983283</c:v>
                </c:pt>
                <c:pt idx="3786">
                  <c:v>7.8450661990689646E-2</c:v>
                </c:pt>
                <c:pt idx="3787">
                  <c:v>7.8450661990689646E-2</c:v>
                </c:pt>
                <c:pt idx="3788">
                  <c:v>7.8450661990689646E-2</c:v>
                </c:pt>
                <c:pt idx="3789">
                  <c:v>7.8450661990689646E-2</c:v>
                </c:pt>
                <c:pt idx="3790">
                  <c:v>7.8450661990689646E-2</c:v>
                </c:pt>
                <c:pt idx="3791">
                  <c:v>7.8450661990689646E-2</c:v>
                </c:pt>
                <c:pt idx="3792">
                  <c:v>7.8571603704950921E-2</c:v>
                </c:pt>
                <c:pt idx="3793">
                  <c:v>7.8571603704950921E-2</c:v>
                </c:pt>
                <c:pt idx="3794">
                  <c:v>7.8571603704950921E-2</c:v>
                </c:pt>
                <c:pt idx="3795">
                  <c:v>7.8571603704950921E-2</c:v>
                </c:pt>
                <c:pt idx="3796">
                  <c:v>7.8571603704950921E-2</c:v>
                </c:pt>
                <c:pt idx="3797">
                  <c:v>7.8571603704950921E-2</c:v>
                </c:pt>
                <c:pt idx="3798">
                  <c:v>7.8571603704950921E-2</c:v>
                </c:pt>
                <c:pt idx="3799">
                  <c:v>0.32119119211508718</c:v>
                </c:pt>
                <c:pt idx="3800">
                  <c:v>0.35838175120209737</c:v>
                </c:pt>
                <c:pt idx="3801">
                  <c:v>0.39557231028910733</c:v>
                </c:pt>
                <c:pt idx="3802">
                  <c:v>0.39557231028910733</c:v>
                </c:pt>
                <c:pt idx="3803">
                  <c:v>0.47333438838012842</c:v>
                </c:pt>
                <c:pt idx="3804">
                  <c:v>0.47333438838012842</c:v>
                </c:pt>
                <c:pt idx="3805">
                  <c:v>0.31442927228108536</c:v>
                </c:pt>
                <c:pt idx="3806">
                  <c:v>0.47333438838012842</c:v>
                </c:pt>
                <c:pt idx="3807">
                  <c:v>0.47333438838012842</c:v>
                </c:pt>
                <c:pt idx="3808">
                  <c:v>0.27892919315257569</c:v>
                </c:pt>
                <c:pt idx="3809">
                  <c:v>0.11904788440144076</c:v>
                </c:pt>
                <c:pt idx="3810">
                  <c:v>7.8571603704950921E-2</c:v>
                </c:pt>
                <c:pt idx="3811">
                  <c:v>7.8571603704950921E-2</c:v>
                </c:pt>
                <c:pt idx="3812">
                  <c:v>7.8571603704950921E-2</c:v>
                </c:pt>
                <c:pt idx="3813">
                  <c:v>7.8571603704950921E-2</c:v>
                </c:pt>
                <c:pt idx="3814">
                  <c:v>7.8571603704950921E-2</c:v>
                </c:pt>
                <c:pt idx="3815">
                  <c:v>7.8571603704950921E-2</c:v>
                </c:pt>
                <c:pt idx="3816">
                  <c:v>0.11936506629072599</c:v>
                </c:pt>
                <c:pt idx="3817">
                  <c:v>7.2342464418621827E-2</c:v>
                </c:pt>
                <c:pt idx="3818">
                  <c:v>7.2342464418621827E-2</c:v>
                </c:pt>
                <c:pt idx="3819">
                  <c:v>7.2342464418621827E-2</c:v>
                </c:pt>
                <c:pt idx="3820">
                  <c:v>7.2342464418621827E-2</c:v>
                </c:pt>
                <c:pt idx="3821">
                  <c:v>7.2342464418621827E-2</c:v>
                </c:pt>
                <c:pt idx="3822">
                  <c:v>7.2342464418621827E-2</c:v>
                </c:pt>
                <c:pt idx="3823">
                  <c:v>0.30817889842332891</c:v>
                </c:pt>
                <c:pt idx="3824">
                  <c:v>0.38522362302916113</c:v>
                </c:pt>
                <c:pt idx="3825">
                  <c:v>0.42374598533207719</c:v>
                </c:pt>
                <c:pt idx="3826">
                  <c:v>0.42374598533207719</c:v>
                </c:pt>
                <c:pt idx="3827">
                  <c:v>0.50079070993790942</c:v>
                </c:pt>
                <c:pt idx="3828">
                  <c:v>0.50079070993790942</c:v>
                </c:pt>
                <c:pt idx="3829">
                  <c:v>0.34670126072624502</c:v>
                </c:pt>
                <c:pt idx="3830">
                  <c:v>0.50079070993790942</c:v>
                </c:pt>
                <c:pt idx="3831">
                  <c:v>0.38522362302916113</c:v>
                </c:pt>
                <c:pt idx="3832">
                  <c:v>0.18085616104655455</c:v>
                </c:pt>
                <c:pt idx="3833">
                  <c:v>0.11936506629072599</c:v>
                </c:pt>
                <c:pt idx="3834">
                  <c:v>7.5959587639552906E-2</c:v>
                </c:pt>
                <c:pt idx="3835">
                  <c:v>7.2342464418621827E-2</c:v>
                </c:pt>
                <c:pt idx="3836">
                  <c:v>7.2342464418621827E-2</c:v>
                </c:pt>
                <c:pt idx="3837">
                  <c:v>7.2342464418621827E-2</c:v>
                </c:pt>
                <c:pt idx="3838">
                  <c:v>7.2342464418621827E-2</c:v>
                </c:pt>
                <c:pt idx="3839">
                  <c:v>7.2342464418621827E-2</c:v>
                </c:pt>
                <c:pt idx="3840">
                  <c:v>3.2719506483795673E-2</c:v>
                </c:pt>
                <c:pt idx="3841">
                  <c:v>2.9447555835416105E-2</c:v>
                </c:pt>
                <c:pt idx="3842">
                  <c:v>2.9447555835416105E-2</c:v>
                </c:pt>
                <c:pt idx="3843">
                  <c:v>2.9447555835416105E-2</c:v>
                </c:pt>
                <c:pt idx="3844">
                  <c:v>2.9447555835416105E-2</c:v>
                </c:pt>
                <c:pt idx="3845">
                  <c:v>2.9447555835416105E-2</c:v>
                </c:pt>
                <c:pt idx="3846">
                  <c:v>2.9447555835416105E-2</c:v>
                </c:pt>
                <c:pt idx="3847">
                  <c:v>2.9447555835416105E-2</c:v>
                </c:pt>
                <c:pt idx="3848">
                  <c:v>2.9447555835416105E-2</c:v>
                </c:pt>
                <c:pt idx="3849">
                  <c:v>2.9447555835416105E-2</c:v>
                </c:pt>
                <c:pt idx="3850">
                  <c:v>2.9447555835416105E-2</c:v>
                </c:pt>
                <c:pt idx="3851">
                  <c:v>2.9447555835416105E-2</c:v>
                </c:pt>
                <c:pt idx="3852">
                  <c:v>2.9447555835416105E-2</c:v>
                </c:pt>
                <c:pt idx="3853">
                  <c:v>2.9447555835416105E-2</c:v>
                </c:pt>
                <c:pt idx="3854">
                  <c:v>2.9447555835416105E-2</c:v>
                </c:pt>
                <c:pt idx="3855">
                  <c:v>2.9447555835416105E-2</c:v>
                </c:pt>
                <c:pt idx="3856">
                  <c:v>2.9447555835416105E-2</c:v>
                </c:pt>
                <c:pt idx="3857">
                  <c:v>2.9447555835416105E-2</c:v>
                </c:pt>
                <c:pt idx="3858">
                  <c:v>2.9447555835416105E-2</c:v>
                </c:pt>
                <c:pt idx="3859">
                  <c:v>2.9447555835416105E-2</c:v>
                </c:pt>
                <c:pt idx="3860">
                  <c:v>2.9447555835416105E-2</c:v>
                </c:pt>
                <c:pt idx="3861">
                  <c:v>2.9447555835416105E-2</c:v>
                </c:pt>
                <c:pt idx="3862">
                  <c:v>2.9447555835416105E-2</c:v>
                </c:pt>
                <c:pt idx="3863">
                  <c:v>2.9447555835416105E-2</c:v>
                </c:pt>
                <c:pt idx="3864">
                  <c:v>2.9664243471975972E-2</c:v>
                </c:pt>
                <c:pt idx="3865">
                  <c:v>2.9664243471975972E-2</c:v>
                </c:pt>
                <c:pt idx="3866">
                  <c:v>2.9664243471975972E-2</c:v>
                </c:pt>
                <c:pt idx="3867">
                  <c:v>2.9664243471975972E-2</c:v>
                </c:pt>
                <c:pt idx="3868">
                  <c:v>2.9664243471975972E-2</c:v>
                </c:pt>
                <c:pt idx="3869">
                  <c:v>2.9664243471975972E-2</c:v>
                </c:pt>
                <c:pt idx="3870">
                  <c:v>2.9664243471975972E-2</c:v>
                </c:pt>
                <c:pt idx="3871">
                  <c:v>2.9664243471975972E-2</c:v>
                </c:pt>
                <c:pt idx="3872">
                  <c:v>2.9664243471975972E-2</c:v>
                </c:pt>
                <c:pt idx="3873">
                  <c:v>2.9664243471975972E-2</c:v>
                </c:pt>
                <c:pt idx="3874">
                  <c:v>2.9664243471975972E-2</c:v>
                </c:pt>
                <c:pt idx="3875">
                  <c:v>2.9664243471975972E-2</c:v>
                </c:pt>
                <c:pt idx="3876">
                  <c:v>2.9664243471975972E-2</c:v>
                </c:pt>
                <c:pt idx="3877">
                  <c:v>2.9664243471975972E-2</c:v>
                </c:pt>
                <c:pt idx="3878">
                  <c:v>2.9664243471975972E-2</c:v>
                </c:pt>
                <c:pt idx="3879">
                  <c:v>2.9664243471975972E-2</c:v>
                </c:pt>
                <c:pt idx="3880">
                  <c:v>2.9664243471975972E-2</c:v>
                </c:pt>
                <c:pt idx="3881">
                  <c:v>2.9664243471975972E-2</c:v>
                </c:pt>
                <c:pt idx="3882">
                  <c:v>2.9664243471975972E-2</c:v>
                </c:pt>
                <c:pt idx="3883">
                  <c:v>2.9664243471975972E-2</c:v>
                </c:pt>
                <c:pt idx="3884">
                  <c:v>2.9664243471975972E-2</c:v>
                </c:pt>
                <c:pt idx="3885">
                  <c:v>2.9664243471975972E-2</c:v>
                </c:pt>
                <c:pt idx="3886">
                  <c:v>2.9664243471975972E-2</c:v>
                </c:pt>
                <c:pt idx="3887">
                  <c:v>2.9664243471975972E-2</c:v>
                </c:pt>
                <c:pt idx="3888">
                  <c:v>7.5279824897597852E-2</c:v>
                </c:pt>
                <c:pt idx="3889">
                  <c:v>7.5279824897597852E-2</c:v>
                </c:pt>
                <c:pt idx="3890">
                  <c:v>7.5279824897597852E-2</c:v>
                </c:pt>
                <c:pt idx="3891">
                  <c:v>7.5279824897597852E-2</c:v>
                </c:pt>
                <c:pt idx="3892">
                  <c:v>7.5279824897597852E-2</c:v>
                </c:pt>
                <c:pt idx="3893">
                  <c:v>7.5279824897597852E-2</c:v>
                </c:pt>
                <c:pt idx="3894">
                  <c:v>7.5279824897597852E-2</c:v>
                </c:pt>
                <c:pt idx="3895">
                  <c:v>0.32069205406376683</c:v>
                </c:pt>
                <c:pt idx="3896">
                  <c:v>0.36077856082173765</c:v>
                </c:pt>
                <c:pt idx="3897">
                  <c:v>0.40086506757970852</c:v>
                </c:pt>
                <c:pt idx="3898">
                  <c:v>0.40086506757970852</c:v>
                </c:pt>
                <c:pt idx="3899">
                  <c:v>0.48103808109565022</c:v>
                </c:pt>
                <c:pt idx="3900">
                  <c:v>0.48103808109565022</c:v>
                </c:pt>
                <c:pt idx="3901">
                  <c:v>0.32069205406376683</c:v>
                </c:pt>
                <c:pt idx="3902">
                  <c:v>0.48103808109565022</c:v>
                </c:pt>
                <c:pt idx="3903">
                  <c:v>0.48103808109565022</c:v>
                </c:pt>
                <c:pt idx="3904">
                  <c:v>0.2806055473057959</c:v>
                </c:pt>
                <c:pt idx="3905">
                  <c:v>8.0173013515941707E-2</c:v>
                </c:pt>
                <c:pt idx="3906">
                  <c:v>7.9043816142477741E-2</c:v>
                </c:pt>
                <c:pt idx="3907">
                  <c:v>7.9043816142477741E-2</c:v>
                </c:pt>
                <c:pt idx="3908">
                  <c:v>7.9043816142477741E-2</c:v>
                </c:pt>
                <c:pt idx="3909">
                  <c:v>7.9043816142477741E-2</c:v>
                </c:pt>
                <c:pt idx="3910">
                  <c:v>7.9043816142477741E-2</c:v>
                </c:pt>
                <c:pt idx="3911">
                  <c:v>7.9043816142477741E-2</c:v>
                </c:pt>
                <c:pt idx="3912">
                  <c:v>5.1161365232654313E-2</c:v>
                </c:pt>
                <c:pt idx="3913">
                  <c:v>7.7960175592616116E-2</c:v>
                </c:pt>
                <c:pt idx="3914">
                  <c:v>7.7960175592616116E-2</c:v>
                </c:pt>
                <c:pt idx="3915">
                  <c:v>7.7960175592616116E-2</c:v>
                </c:pt>
                <c:pt idx="3916">
                  <c:v>7.7960175592616116E-2</c:v>
                </c:pt>
                <c:pt idx="3917">
                  <c:v>7.7960175592616116E-2</c:v>
                </c:pt>
                <c:pt idx="3918">
                  <c:v>7.7960175592616116E-2</c:v>
                </c:pt>
                <c:pt idx="3919">
                  <c:v>0.32865086523262221</c:v>
                </c:pt>
                <c:pt idx="3920">
                  <c:v>0.36670517594376806</c:v>
                </c:pt>
                <c:pt idx="3921">
                  <c:v>0.40475948665491379</c:v>
                </c:pt>
                <c:pt idx="3922">
                  <c:v>0.40475948665491379</c:v>
                </c:pt>
                <c:pt idx="3923">
                  <c:v>0.48432759086912747</c:v>
                </c:pt>
                <c:pt idx="3924">
                  <c:v>0.48432759086912747</c:v>
                </c:pt>
                <c:pt idx="3925">
                  <c:v>0.32173189964877758</c:v>
                </c:pt>
                <c:pt idx="3926">
                  <c:v>0.48432759086912747</c:v>
                </c:pt>
                <c:pt idx="3927">
                  <c:v>0.48432759086912747</c:v>
                </c:pt>
                <c:pt idx="3928">
                  <c:v>0.285407330333593</c:v>
                </c:pt>
                <c:pt idx="3929">
                  <c:v>0.12181277436346266</c:v>
                </c:pt>
                <c:pt idx="3930">
                  <c:v>8.0396431079885367E-2</c:v>
                </c:pt>
                <c:pt idx="3931">
                  <c:v>8.0396431079885367E-2</c:v>
                </c:pt>
                <c:pt idx="3932">
                  <c:v>8.0396431079885367E-2</c:v>
                </c:pt>
                <c:pt idx="3933">
                  <c:v>8.0396431079885367E-2</c:v>
                </c:pt>
                <c:pt idx="3934">
                  <c:v>8.0396431079885367E-2</c:v>
                </c:pt>
                <c:pt idx="3935">
                  <c:v>8.0396431079885367E-2</c:v>
                </c:pt>
                <c:pt idx="3936">
                  <c:v>7.8934428847734661E-2</c:v>
                </c:pt>
                <c:pt idx="3937">
                  <c:v>7.8934428847734661E-2</c:v>
                </c:pt>
                <c:pt idx="3938">
                  <c:v>7.8934428847734661E-2</c:v>
                </c:pt>
                <c:pt idx="3939">
                  <c:v>7.8934428847734661E-2</c:v>
                </c:pt>
                <c:pt idx="3940">
                  <c:v>7.8934428847734661E-2</c:v>
                </c:pt>
                <c:pt idx="3941">
                  <c:v>7.8934428847734661E-2</c:v>
                </c:pt>
                <c:pt idx="3942">
                  <c:v>7.8934428847734661E-2</c:v>
                </c:pt>
                <c:pt idx="3943">
                  <c:v>0.32267437731998183</c:v>
                </c:pt>
                <c:pt idx="3944">
                  <c:v>0.36003667364124303</c:v>
                </c:pt>
                <c:pt idx="3945">
                  <c:v>0.39739896996250407</c:v>
                </c:pt>
                <c:pt idx="3946">
                  <c:v>0.39739896996250407</c:v>
                </c:pt>
                <c:pt idx="3947">
                  <c:v>0.47552013499786805</c:v>
                </c:pt>
                <c:pt idx="3948">
                  <c:v>0.47552013499786805</c:v>
                </c:pt>
                <c:pt idx="3949">
                  <c:v>0.31588123253429801</c:v>
                </c:pt>
                <c:pt idx="3950">
                  <c:v>0.47552013499786805</c:v>
                </c:pt>
                <c:pt idx="3951">
                  <c:v>0.47552013499786805</c:v>
                </c:pt>
                <c:pt idx="3952">
                  <c:v>0.28021722240945801</c:v>
                </c:pt>
                <c:pt idx="3953">
                  <c:v>0.11959761946626461</c:v>
                </c:pt>
                <c:pt idx="3954">
                  <c:v>7.8934428847734661E-2</c:v>
                </c:pt>
                <c:pt idx="3955">
                  <c:v>7.8934428847734661E-2</c:v>
                </c:pt>
                <c:pt idx="3956">
                  <c:v>7.8934428847734661E-2</c:v>
                </c:pt>
                <c:pt idx="3957">
                  <c:v>7.8934428847734661E-2</c:v>
                </c:pt>
                <c:pt idx="3958">
                  <c:v>7.8934428847734661E-2</c:v>
                </c:pt>
                <c:pt idx="3959">
                  <c:v>7.8934428847734661E-2</c:v>
                </c:pt>
                <c:pt idx="3960">
                  <c:v>7.8934428847734661E-2</c:v>
                </c:pt>
                <c:pt idx="3961">
                  <c:v>7.8934428847734661E-2</c:v>
                </c:pt>
                <c:pt idx="3962">
                  <c:v>7.8934428847734661E-2</c:v>
                </c:pt>
                <c:pt idx="3963">
                  <c:v>7.8934428847734661E-2</c:v>
                </c:pt>
                <c:pt idx="3964">
                  <c:v>7.8934428847734661E-2</c:v>
                </c:pt>
                <c:pt idx="3965">
                  <c:v>7.8934428847734661E-2</c:v>
                </c:pt>
                <c:pt idx="3966">
                  <c:v>7.8934428847734661E-2</c:v>
                </c:pt>
                <c:pt idx="3967">
                  <c:v>0.32267437731998183</c:v>
                </c:pt>
                <c:pt idx="3968">
                  <c:v>0.36003667364124303</c:v>
                </c:pt>
                <c:pt idx="3969">
                  <c:v>0.39739896996250407</c:v>
                </c:pt>
                <c:pt idx="3970">
                  <c:v>0.39739896996250407</c:v>
                </c:pt>
                <c:pt idx="3971">
                  <c:v>0.47552013499786805</c:v>
                </c:pt>
                <c:pt idx="3972">
                  <c:v>0.47552013499786805</c:v>
                </c:pt>
                <c:pt idx="3973">
                  <c:v>0.31588123253429801</c:v>
                </c:pt>
                <c:pt idx="3974">
                  <c:v>0.47552013499786805</c:v>
                </c:pt>
                <c:pt idx="3975">
                  <c:v>0.47552013499786805</c:v>
                </c:pt>
                <c:pt idx="3976">
                  <c:v>0.28021722240945801</c:v>
                </c:pt>
                <c:pt idx="3977">
                  <c:v>0.11959761946626461</c:v>
                </c:pt>
                <c:pt idx="3978">
                  <c:v>7.8934428847734661E-2</c:v>
                </c:pt>
                <c:pt idx="3979">
                  <c:v>7.8934428847734661E-2</c:v>
                </c:pt>
                <c:pt idx="3980">
                  <c:v>7.8934428847734661E-2</c:v>
                </c:pt>
                <c:pt idx="3981">
                  <c:v>7.8934428847734661E-2</c:v>
                </c:pt>
                <c:pt idx="3982">
                  <c:v>7.8934428847734661E-2</c:v>
                </c:pt>
                <c:pt idx="3983">
                  <c:v>7.8934428847734661E-2</c:v>
                </c:pt>
                <c:pt idx="3984">
                  <c:v>0.11881045178264739</c:v>
                </c:pt>
                <c:pt idx="3985">
                  <c:v>7.2006334413725698E-2</c:v>
                </c:pt>
                <c:pt idx="3986">
                  <c:v>7.2006334413725698E-2</c:v>
                </c:pt>
                <c:pt idx="3987">
                  <c:v>7.2006334413725698E-2</c:v>
                </c:pt>
                <c:pt idx="3988">
                  <c:v>7.2006334413725698E-2</c:v>
                </c:pt>
                <c:pt idx="3989">
                  <c:v>7.2006334413725698E-2</c:v>
                </c:pt>
                <c:pt idx="3990">
                  <c:v>7.2006334413725698E-2</c:v>
                </c:pt>
                <c:pt idx="3991">
                  <c:v>0.30674698460247146</c:v>
                </c:pt>
                <c:pt idx="3992">
                  <c:v>0.3834337307530894</c:v>
                </c:pt>
                <c:pt idx="3993">
                  <c:v>0.42177710382839828</c:v>
                </c:pt>
                <c:pt idx="3994">
                  <c:v>0.42177710382839828</c:v>
                </c:pt>
                <c:pt idx="3995">
                  <c:v>0.49846384997901622</c:v>
                </c:pt>
                <c:pt idx="3996">
                  <c:v>0.49846384997901622</c:v>
                </c:pt>
                <c:pt idx="3997">
                  <c:v>0.34509035767778046</c:v>
                </c:pt>
                <c:pt idx="3998">
                  <c:v>0.49846384997901622</c:v>
                </c:pt>
                <c:pt idx="3999">
                  <c:v>0.3834337307530894</c:v>
                </c:pt>
                <c:pt idx="4000">
                  <c:v>0.18001583603431426</c:v>
                </c:pt>
                <c:pt idx="4001">
                  <c:v>0.11881045178264739</c:v>
                </c:pt>
                <c:pt idx="4002">
                  <c:v>7.5606651134411978E-2</c:v>
                </c:pt>
                <c:pt idx="4003">
                  <c:v>7.2006334413725698E-2</c:v>
                </c:pt>
                <c:pt idx="4004">
                  <c:v>7.2006334413725698E-2</c:v>
                </c:pt>
                <c:pt idx="4005">
                  <c:v>7.2006334413725698E-2</c:v>
                </c:pt>
                <c:pt idx="4006">
                  <c:v>7.2006334413725698E-2</c:v>
                </c:pt>
                <c:pt idx="4007">
                  <c:v>7.2006334413725698E-2</c:v>
                </c:pt>
                <c:pt idx="4008">
                  <c:v>3.2663960613143118E-2</c:v>
                </c:pt>
                <c:pt idx="4009">
                  <c:v>2.9397564551828806E-2</c:v>
                </c:pt>
                <c:pt idx="4010">
                  <c:v>2.9397564551828806E-2</c:v>
                </c:pt>
                <c:pt idx="4011">
                  <c:v>2.9397564551828806E-2</c:v>
                </c:pt>
                <c:pt idx="4012">
                  <c:v>2.9397564551828806E-2</c:v>
                </c:pt>
                <c:pt idx="4013">
                  <c:v>2.9397564551828806E-2</c:v>
                </c:pt>
                <c:pt idx="4014">
                  <c:v>2.9397564551828806E-2</c:v>
                </c:pt>
                <c:pt idx="4015">
                  <c:v>2.9397564551828806E-2</c:v>
                </c:pt>
                <c:pt idx="4016">
                  <c:v>2.9397564551828806E-2</c:v>
                </c:pt>
                <c:pt idx="4017">
                  <c:v>2.9397564551828806E-2</c:v>
                </c:pt>
                <c:pt idx="4018">
                  <c:v>2.9397564551828806E-2</c:v>
                </c:pt>
                <c:pt idx="4019">
                  <c:v>2.9397564551828806E-2</c:v>
                </c:pt>
                <c:pt idx="4020">
                  <c:v>2.9397564551828806E-2</c:v>
                </c:pt>
                <c:pt idx="4021">
                  <c:v>2.9397564551828806E-2</c:v>
                </c:pt>
                <c:pt idx="4022">
                  <c:v>2.9397564551828806E-2</c:v>
                </c:pt>
                <c:pt idx="4023">
                  <c:v>2.9397564551828806E-2</c:v>
                </c:pt>
                <c:pt idx="4024">
                  <c:v>2.9397564551828806E-2</c:v>
                </c:pt>
                <c:pt idx="4025">
                  <c:v>2.9397564551828806E-2</c:v>
                </c:pt>
                <c:pt idx="4026">
                  <c:v>2.9397564551828806E-2</c:v>
                </c:pt>
                <c:pt idx="4027">
                  <c:v>2.9397564551828806E-2</c:v>
                </c:pt>
                <c:pt idx="4028">
                  <c:v>2.9397564551828806E-2</c:v>
                </c:pt>
                <c:pt idx="4029">
                  <c:v>2.9397564551828806E-2</c:v>
                </c:pt>
                <c:pt idx="4030">
                  <c:v>2.9397564551828806E-2</c:v>
                </c:pt>
                <c:pt idx="4031">
                  <c:v>2.9397564551828806E-2</c:v>
                </c:pt>
                <c:pt idx="4032">
                  <c:v>2.9372951668628799E-2</c:v>
                </c:pt>
                <c:pt idx="4033">
                  <c:v>2.9372951668628799E-2</c:v>
                </c:pt>
                <c:pt idx="4034">
                  <c:v>2.9372951668628799E-2</c:v>
                </c:pt>
                <c:pt idx="4035">
                  <c:v>2.9372951668628799E-2</c:v>
                </c:pt>
                <c:pt idx="4036">
                  <c:v>2.9372951668628799E-2</c:v>
                </c:pt>
                <c:pt idx="4037">
                  <c:v>2.9372951668628799E-2</c:v>
                </c:pt>
                <c:pt idx="4038">
                  <c:v>2.9372951668628799E-2</c:v>
                </c:pt>
                <c:pt idx="4039">
                  <c:v>2.9372951668628799E-2</c:v>
                </c:pt>
                <c:pt idx="4040">
                  <c:v>2.9372951668628799E-2</c:v>
                </c:pt>
                <c:pt idx="4041">
                  <c:v>2.9372951668628799E-2</c:v>
                </c:pt>
                <c:pt idx="4042">
                  <c:v>2.9372951668628799E-2</c:v>
                </c:pt>
                <c:pt idx="4043">
                  <c:v>2.9372951668628799E-2</c:v>
                </c:pt>
                <c:pt idx="4044">
                  <c:v>2.9372951668628799E-2</c:v>
                </c:pt>
                <c:pt idx="4045">
                  <c:v>2.9372951668628799E-2</c:v>
                </c:pt>
                <c:pt idx="4046">
                  <c:v>2.9372951668628799E-2</c:v>
                </c:pt>
                <c:pt idx="4047">
                  <c:v>2.9372951668628799E-2</c:v>
                </c:pt>
                <c:pt idx="4048">
                  <c:v>2.9372951668628799E-2</c:v>
                </c:pt>
                <c:pt idx="4049">
                  <c:v>2.9372951668628799E-2</c:v>
                </c:pt>
                <c:pt idx="4050">
                  <c:v>2.9372951668628799E-2</c:v>
                </c:pt>
                <c:pt idx="4051">
                  <c:v>2.9372951668628799E-2</c:v>
                </c:pt>
                <c:pt idx="4052">
                  <c:v>2.9372951668628799E-2</c:v>
                </c:pt>
                <c:pt idx="4053">
                  <c:v>2.9372951668628799E-2</c:v>
                </c:pt>
                <c:pt idx="4054">
                  <c:v>2.9372951668628799E-2</c:v>
                </c:pt>
                <c:pt idx="4055">
                  <c:v>2.9372951668628799E-2</c:v>
                </c:pt>
                <c:pt idx="4056">
                  <c:v>7.2436515031069099E-2</c:v>
                </c:pt>
                <c:pt idx="4057">
                  <c:v>7.2436515031069099E-2</c:v>
                </c:pt>
                <c:pt idx="4058">
                  <c:v>7.2436515031069099E-2</c:v>
                </c:pt>
                <c:pt idx="4059">
                  <c:v>7.2436515031069099E-2</c:v>
                </c:pt>
                <c:pt idx="4060">
                  <c:v>7.2436515031069099E-2</c:v>
                </c:pt>
                <c:pt idx="4061">
                  <c:v>7.2436515031069099E-2</c:v>
                </c:pt>
                <c:pt idx="4062">
                  <c:v>7.2436515031069099E-2</c:v>
                </c:pt>
                <c:pt idx="4063">
                  <c:v>0.30857955403235438</c:v>
                </c:pt>
                <c:pt idx="4064">
                  <c:v>0.34715199828639864</c:v>
                </c:pt>
                <c:pt idx="4065">
                  <c:v>0.38572444254044302</c:v>
                </c:pt>
                <c:pt idx="4066">
                  <c:v>0.38572444254044302</c:v>
                </c:pt>
                <c:pt idx="4067">
                  <c:v>0.46286933104853156</c:v>
                </c:pt>
                <c:pt idx="4068">
                  <c:v>0.46286933104853156</c:v>
                </c:pt>
                <c:pt idx="4069">
                  <c:v>0.30857955403235438</c:v>
                </c:pt>
                <c:pt idx="4070">
                  <c:v>0.46286933104853156</c:v>
                </c:pt>
                <c:pt idx="4071">
                  <c:v>0.46286933104853156</c:v>
                </c:pt>
                <c:pt idx="4072">
                  <c:v>0.27000710977831011</c:v>
                </c:pt>
                <c:pt idx="4073">
                  <c:v>7.7144888508088594E-2</c:v>
                </c:pt>
                <c:pt idx="4074">
                  <c:v>7.6058340782622552E-2</c:v>
                </c:pt>
                <c:pt idx="4075">
                  <c:v>7.6058340782622552E-2</c:v>
                </c:pt>
                <c:pt idx="4076">
                  <c:v>7.6058340782622552E-2</c:v>
                </c:pt>
                <c:pt idx="4077">
                  <c:v>7.6058340782622552E-2</c:v>
                </c:pt>
                <c:pt idx="4078">
                  <c:v>7.6058340782622552E-2</c:v>
                </c:pt>
                <c:pt idx="4079">
                  <c:v>7.6058340782622552E-2</c:v>
                </c:pt>
                <c:pt idx="4080">
                  <c:v>4.7435825527215564E-2</c:v>
                </c:pt>
                <c:pt idx="4081">
                  <c:v>7.2283162708138018E-2</c:v>
                </c:pt>
                <c:pt idx="4082">
                  <c:v>7.2283162708138018E-2</c:v>
                </c:pt>
                <c:pt idx="4083">
                  <c:v>7.2283162708138018E-2</c:v>
                </c:pt>
                <c:pt idx="4084">
                  <c:v>7.2283162708138018E-2</c:v>
                </c:pt>
                <c:pt idx="4085">
                  <c:v>7.2283162708138018E-2</c:v>
                </c:pt>
                <c:pt idx="4086">
                  <c:v>7.2283162708138018E-2</c:v>
                </c:pt>
                <c:pt idx="4087">
                  <c:v>0.30471870779149424</c:v>
                </c:pt>
                <c:pt idx="4088">
                  <c:v>0.34000192658840411</c:v>
                </c:pt>
                <c:pt idx="4089">
                  <c:v>0.37528514538531399</c:v>
                </c:pt>
                <c:pt idx="4090">
                  <c:v>0.37528514538531399</c:v>
                </c:pt>
                <c:pt idx="4091">
                  <c:v>0.44905914832430727</c:v>
                </c:pt>
                <c:pt idx="4092">
                  <c:v>0.44905914832430727</c:v>
                </c:pt>
                <c:pt idx="4093">
                  <c:v>0.29830357710114702</c:v>
                </c:pt>
                <c:pt idx="4094">
                  <c:v>0.44905914832430727</c:v>
                </c:pt>
                <c:pt idx="4095">
                  <c:v>0.44905914832430727</c:v>
                </c:pt>
                <c:pt idx="4096">
                  <c:v>0.26462414097682396</c:v>
                </c:pt>
                <c:pt idx="4097">
                  <c:v>0.11294244173146564</c:v>
                </c:pt>
                <c:pt idx="4098">
                  <c:v>7.4542011542767322E-2</c:v>
                </c:pt>
                <c:pt idx="4099">
                  <c:v>7.4542011542767322E-2</c:v>
                </c:pt>
                <c:pt idx="4100">
                  <c:v>7.4542011542767322E-2</c:v>
                </c:pt>
                <c:pt idx="4101">
                  <c:v>7.4542011542767322E-2</c:v>
                </c:pt>
                <c:pt idx="4102">
                  <c:v>7.4542011542767322E-2</c:v>
                </c:pt>
                <c:pt idx="4103">
                  <c:v>7.4542011542767322E-2</c:v>
                </c:pt>
                <c:pt idx="4104">
                  <c:v>7.3068755706064387E-2</c:v>
                </c:pt>
                <c:pt idx="4105">
                  <c:v>7.3068755706064387E-2</c:v>
                </c:pt>
                <c:pt idx="4106">
                  <c:v>7.3068755706064387E-2</c:v>
                </c:pt>
                <c:pt idx="4107">
                  <c:v>7.3068755706064387E-2</c:v>
                </c:pt>
                <c:pt idx="4108">
                  <c:v>7.3068755706064387E-2</c:v>
                </c:pt>
                <c:pt idx="4109">
                  <c:v>7.3068755706064387E-2</c:v>
                </c:pt>
                <c:pt idx="4110">
                  <c:v>7.3068755706064387E-2</c:v>
                </c:pt>
                <c:pt idx="4111">
                  <c:v>0.29869621650751765</c:v>
                </c:pt>
                <c:pt idx="4112">
                  <c:v>0.33328209420838817</c:v>
                </c:pt>
                <c:pt idx="4113">
                  <c:v>0.36786797190925868</c:v>
                </c:pt>
                <c:pt idx="4114">
                  <c:v>0.36786797190925868</c:v>
                </c:pt>
                <c:pt idx="4115">
                  <c:v>0.44018389801107871</c:v>
                </c:pt>
                <c:pt idx="4116">
                  <c:v>0.44018389801107871</c:v>
                </c:pt>
                <c:pt idx="4117">
                  <c:v>0.29240787510735944</c:v>
                </c:pt>
                <c:pt idx="4118">
                  <c:v>0.44018389801107871</c:v>
                </c:pt>
                <c:pt idx="4119">
                  <c:v>0.44018389801107871</c:v>
                </c:pt>
                <c:pt idx="4120">
                  <c:v>0.25939408275652859</c:v>
                </c:pt>
                <c:pt idx="4121">
                  <c:v>0.11071023591827937</c:v>
                </c:pt>
                <c:pt idx="4122">
                  <c:v>7.3068755706064387E-2</c:v>
                </c:pt>
                <c:pt idx="4123">
                  <c:v>7.3068755706064387E-2</c:v>
                </c:pt>
                <c:pt idx="4124">
                  <c:v>7.3068755706064387E-2</c:v>
                </c:pt>
                <c:pt idx="4125">
                  <c:v>7.3068755706064387E-2</c:v>
                </c:pt>
                <c:pt idx="4126">
                  <c:v>7.3068755706064387E-2</c:v>
                </c:pt>
                <c:pt idx="4127">
                  <c:v>7.3068755706064387E-2</c:v>
                </c:pt>
                <c:pt idx="4128">
                  <c:v>7.4338643705807422E-2</c:v>
                </c:pt>
                <c:pt idx="4129">
                  <c:v>7.4338643705807422E-2</c:v>
                </c:pt>
                <c:pt idx="4130">
                  <c:v>7.4338643705807422E-2</c:v>
                </c:pt>
                <c:pt idx="4131">
                  <c:v>7.4338643705807422E-2</c:v>
                </c:pt>
                <c:pt idx="4132">
                  <c:v>7.4338643705807422E-2</c:v>
                </c:pt>
                <c:pt idx="4133">
                  <c:v>7.4338643705807422E-2</c:v>
                </c:pt>
                <c:pt idx="4134">
                  <c:v>7.4338643705807422E-2</c:v>
                </c:pt>
                <c:pt idx="4135">
                  <c:v>0.30388736472464911</c:v>
                </c:pt>
                <c:pt idx="4136">
                  <c:v>0.33907432274539795</c:v>
                </c:pt>
                <c:pt idx="4137">
                  <c:v>0.37426128076614684</c:v>
                </c:pt>
                <c:pt idx="4138">
                  <c:v>0.37426128076614684</c:v>
                </c:pt>
                <c:pt idx="4139">
                  <c:v>0.44783401117316712</c:v>
                </c:pt>
                <c:pt idx="4140">
                  <c:v>0.44783401117316712</c:v>
                </c:pt>
                <c:pt idx="4141">
                  <c:v>0.29748973599360379</c:v>
                </c:pt>
                <c:pt idx="4142">
                  <c:v>0.44783401117316712</c:v>
                </c:pt>
                <c:pt idx="4143">
                  <c:v>0.44783401117316712</c:v>
                </c:pt>
                <c:pt idx="4144">
                  <c:v>0.26390218515561636</c:v>
                </c:pt>
                <c:pt idx="4145">
                  <c:v>0.11263430864516277</c:v>
                </c:pt>
                <c:pt idx="4146">
                  <c:v>7.4338643705807422E-2</c:v>
                </c:pt>
                <c:pt idx="4147">
                  <c:v>7.4338643705807422E-2</c:v>
                </c:pt>
                <c:pt idx="4148">
                  <c:v>7.4338643705807422E-2</c:v>
                </c:pt>
                <c:pt idx="4149">
                  <c:v>7.4338643705807422E-2</c:v>
                </c:pt>
                <c:pt idx="4150">
                  <c:v>7.4338643705807422E-2</c:v>
                </c:pt>
                <c:pt idx="4151">
                  <c:v>7.4338643705807422E-2</c:v>
                </c:pt>
                <c:pt idx="4152">
                  <c:v>0.11557520048552235</c:v>
                </c:pt>
                <c:pt idx="4153">
                  <c:v>7.0045576051831732E-2</c:v>
                </c:pt>
                <c:pt idx="4154">
                  <c:v>7.0045576051831732E-2</c:v>
                </c:pt>
                <c:pt idx="4155">
                  <c:v>7.0045576051831732E-2</c:v>
                </c:pt>
                <c:pt idx="4156">
                  <c:v>7.0045576051831732E-2</c:v>
                </c:pt>
                <c:pt idx="4157">
                  <c:v>7.0045576051831732E-2</c:v>
                </c:pt>
                <c:pt idx="4158">
                  <c:v>7.0045576051831732E-2</c:v>
                </c:pt>
                <c:pt idx="4159">
                  <c:v>0.29839415398080316</c:v>
                </c:pt>
                <c:pt idx="4160">
                  <c:v>0.37299269247600386</c:v>
                </c:pt>
                <c:pt idx="4161">
                  <c:v>0.41029196172360427</c:v>
                </c:pt>
                <c:pt idx="4162">
                  <c:v>0.41029196172360427</c:v>
                </c:pt>
                <c:pt idx="4163">
                  <c:v>0.48489050021880503</c:v>
                </c:pt>
                <c:pt idx="4164">
                  <c:v>0.48489050021880503</c:v>
                </c:pt>
                <c:pt idx="4165">
                  <c:v>0.33569342322840351</c:v>
                </c:pt>
                <c:pt idx="4166">
                  <c:v>0.48489050021880503</c:v>
                </c:pt>
                <c:pt idx="4167">
                  <c:v>0.37299269247600386</c:v>
                </c:pt>
                <c:pt idx="4168">
                  <c:v>0.17511394012957932</c:v>
                </c:pt>
                <c:pt idx="4169">
                  <c:v>0.11557520048552235</c:v>
                </c:pt>
                <c:pt idx="4170">
                  <c:v>7.3547854854423306E-2</c:v>
                </c:pt>
                <c:pt idx="4171">
                  <c:v>7.0045576051831732E-2</c:v>
                </c:pt>
                <c:pt idx="4172">
                  <c:v>7.0045576051831732E-2</c:v>
                </c:pt>
                <c:pt idx="4173">
                  <c:v>7.0045576051831732E-2</c:v>
                </c:pt>
                <c:pt idx="4174">
                  <c:v>7.0045576051831732E-2</c:v>
                </c:pt>
                <c:pt idx="4175">
                  <c:v>7.0045576051831732E-2</c:v>
                </c:pt>
                <c:pt idx="4176">
                  <c:v>3.2930580792275427E-2</c:v>
                </c:pt>
                <c:pt idx="4177">
                  <c:v>2.9637522713047884E-2</c:v>
                </c:pt>
                <c:pt idx="4178">
                  <c:v>2.9637522713047884E-2</c:v>
                </c:pt>
                <c:pt idx="4179">
                  <c:v>2.9637522713047884E-2</c:v>
                </c:pt>
                <c:pt idx="4180">
                  <c:v>2.9637522713047884E-2</c:v>
                </c:pt>
                <c:pt idx="4181">
                  <c:v>2.9637522713047884E-2</c:v>
                </c:pt>
                <c:pt idx="4182">
                  <c:v>2.9637522713047884E-2</c:v>
                </c:pt>
                <c:pt idx="4183">
                  <c:v>2.9637522713047884E-2</c:v>
                </c:pt>
                <c:pt idx="4184">
                  <c:v>2.9637522713047884E-2</c:v>
                </c:pt>
                <c:pt idx="4185">
                  <c:v>2.9637522713047884E-2</c:v>
                </c:pt>
                <c:pt idx="4186">
                  <c:v>2.9637522713047884E-2</c:v>
                </c:pt>
                <c:pt idx="4187">
                  <c:v>2.9637522713047884E-2</c:v>
                </c:pt>
                <c:pt idx="4188">
                  <c:v>2.9637522713047884E-2</c:v>
                </c:pt>
                <c:pt idx="4189">
                  <c:v>2.9637522713047884E-2</c:v>
                </c:pt>
                <c:pt idx="4190">
                  <c:v>2.9637522713047884E-2</c:v>
                </c:pt>
                <c:pt idx="4191">
                  <c:v>2.9637522713047884E-2</c:v>
                </c:pt>
                <c:pt idx="4192">
                  <c:v>2.9637522713047884E-2</c:v>
                </c:pt>
                <c:pt idx="4193">
                  <c:v>2.9637522713047884E-2</c:v>
                </c:pt>
                <c:pt idx="4194">
                  <c:v>2.9637522713047884E-2</c:v>
                </c:pt>
                <c:pt idx="4195">
                  <c:v>2.9637522713047884E-2</c:v>
                </c:pt>
                <c:pt idx="4196">
                  <c:v>2.9637522713047884E-2</c:v>
                </c:pt>
                <c:pt idx="4197">
                  <c:v>2.9637522713047884E-2</c:v>
                </c:pt>
                <c:pt idx="4198">
                  <c:v>2.9637522713047884E-2</c:v>
                </c:pt>
                <c:pt idx="4199">
                  <c:v>2.9637522713047884E-2</c:v>
                </c:pt>
                <c:pt idx="4200">
                  <c:v>2.9372951668628799E-2</c:v>
                </c:pt>
                <c:pt idx="4201">
                  <c:v>2.9372951668628799E-2</c:v>
                </c:pt>
                <c:pt idx="4202">
                  <c:v>2.9372951668628799E-2</c:v>
                </c:pt>
                <c:pt idx="4203">
                  <c:v>2.9372951668628799E-2</c:v>
                </c:pt>
                <c:pt idx="4204">
                  <c:v>2.9372951668628799E-2</c:v>
                </c:pt>
                <c:pt idx="4205">
                  <c:v>2.9372951668628799E-2</c:v>
                </c:pt>
                <c:pt idx="4206">
                  <c:v>2.9372951668628799E-2</c:v>
                </c:pt>
                <c:pt idx="4207">
                  <c:v>2.9372951668628799E-2</c:v>
                </c:pt>
                <c:pt idx="4208">
                  <c:v>2.9372951668628799E-2</c:v>
                </c:pt>
                <c:pt idx="4209">
                  <c:v>2.9372951668628799E-2</c:v>
                </c:pt>
                <c:pt idx="4210">
                  <c:v>2.9372951668628799E-2</c:v>
                </c:pt>
                <c:pt idx="4211">
                  <c:v>2.9372951668628799E-2</c:v>
                </c:pt>
                <c:pt idx="4212">
                  <c:v>2.9372951668628799E-2</c:v>
                </c:pt>
                <c:pt idx="4213">
                  <c:v>2.9372951668628799E-2</c:v>
                </c:pt>
                <c:pt idx="4214">
                  <c:v>2.9372951668628799E-2</c:v>
                </c:pt>
                <c:pt idx="4215">
                  <c:v>2.9372951668628799E-2</c:v>
                </c:pt>
                <c:pt idx="4216">
                  <c:v>2.9372951668628799E-2</c:v>
                </c:pt>
                <c:pt idx="4217">
                  <c:v>2.9372951668628799E-2</c:v>
                </c:pt>
                <c:pt idx="4218">
                  <c:v>2.9372951668628799E-2</c:v>
                </c:pt>
                <c:pt idx="4219">
                  <c:v>2.9372951668628799E-2</c:v>
                </c:pt>
                <c:pt idx="4220">
                  <c:v>2.9372951668628799E-2</c:v>
                </c:pt>
                <c:pt idx="4221">
                  <c:v>2.9372951668628799E-2</c:v>
                </c:pt>
                <c:pt idx="4222">
                  <c:v>2.9372951668628799E-2</c:v>
                </c:pt>
                <c:pt idx="4223">
                  <c:v>2.9372951668628799E-2</c:v>
                </c:pt>
                <c:pt idx="4224">
                  <c:v>7.2552568495009018E-2</c:v>
                </c:pt>
                <c:pt idx="4225">
                  <c:v>7.2552568495009018E-2</c:v>
                </c:pt>
                <c:pt idx="4226">
                  <c:v>7.2552568495009018E-2</c:v>
                </c:pt>
                <c:pt idx="4227">
                  <c:v>7.2552568495009018E-2</c:v>
                </c:pt>
                <c:pt idx="4228">
                  <c:v>7.2552568495009018E-2</c:v>
                </c:pt>
                <c:pt idx="4229">
                  <c:v>7.2552568495009018E-2</c:v>
                </c:pt>
                <c:pt idx="4230">
                  <c:v>7.2552568495009018E-2</c:v>
                </c:pt>
                <c:pt idx="4231">
                  <c:v>0.30907394178873848</c:v>
                </c:pt>
                <c:pt idx="4232">
                  <c:v>0.34770818451233076</c:v>
                </c:pt>
                <c:pt idx="4233">
                  <c:v>0.38634242723592316</c:v>
                </c:pt>
                <c:pt idx="4234">
                  <c:v>0.38634242723592316</c:v>
                </c:pt>
                <c:pt idx="4235">
                  <c:v>0.46361091268310772</c:v>
                </c:pt>
                <c:pt idx="4236">
                  <c:v>0.46361091268310772</c:v>
                </c:pt>
                <c:pt idx="4237">
                  <c:v>0.30907394178873848</c:v>
                </c:pt>
                <c:pt idx="4238">
                  <c:v>0.46361091268310772</c:v>
                </c:pt>
                <c:pt idx="4239">
                  <c:v>0.46361091268310772</c:v>
                </c:pt>
                <c:pt idx="4240">
                  <c:v>0.27043969906514614</c:v>
                </c:pt>
                <c:pt idx="4241">
                  <c:v>7.7268485447184621E-2</c:v>
                </c:pt>
                <c:pt idx="4242">
                  <c:v>7.6180196919759469E-2</c:v>
                </c:pt>
                <c:pt idx="4243">
                  <c:v>7.6180196919759469E-2</c:v>
                </c:pt>
                <c:pt idx="4244">
                  <c:v>7.6180196919759469E-2</c:v>
                </c:pt>
                <c:pt idx="4245">
                  <c:v>7.6180196919759469E-2</c:v>
                </c:pt>
                <c:pt idx="4246">
                  <c:v>7.6180196919759469E-2</c:v>
                </c:pt>
                <c:pt idx="4247">
                  <c:v>7.6180196919759469E-2</c:v>
                </c:pt>
                <c:pt idx="4248">
                  <c:v>4.8677672095695144E-2</c:v>
                </c:pt>
                <c:pt idx="4249">
                  <c:v>7.4175500336297384E-2</c:v>
                </c:pt>
                <c:pt idx="4250">
                  <c:v>7.4175500336297384E-2</c:v>
                </c:pt>
                <c:pt idx="4251">
                  <c:v>7.4175500336297384E-2</c:v>
                </c:pt>
                <c:pt idx="4252">
                  <c:v>7.4175500336297384E-2</c:v>
                </c:pt>
                <c:pt idx="4253">
                  <c:v>7.4175500336297384E-2</c:v>
                </c:pt>
                <c:pt idx="4254">
                  <c:v>7.4175500336297384E-2</c:v>
                </c:pt>
                <c:pt idx="4255">
                  <c:v>0.31269609360520356</c:v>
                </c:pt>
                <c:pt idx="4256">
                  <c:v>0.34890300970685872</c:v>
                </c:pt>
                <c:pt idx="4257">
                  <c:v>0.38510992580851394</c:v>
                </c:pt>
                <c:pt idx="4258">
                  <c:v>0.38510992580851394</c:v>
                </c:pt>
                <c:pt idx="4259">
                  <c:v>0.46081529583924741</c:v>
                </c:pt>
                <c:pt idx="4260">
                  <c:v>0.46081529583924741</c:v>
                </c:pt>
                <c:pt idx="4261">
                  <c:v>0.30611301795035728</c:v>
                </c:pt>
                <c:pt idx="4262">
                  <c:v>0.46081529583924741</c:v>
                </c:pt>
                <c:pt idx="4263">
                  <c:v>0.46081529583924741</c:v>
                </c:pt>
                <c:pt idx="4264">
                  <c:v>0.27155187076241361</c:v>
                </c:pt>
                <c:pt idx="4265">
                  <c:v>0.11589921927546468</c:v>
                </c:pt>
                <c:pt idx="4266">
                  <c:v>7.649348472180667E-2</c:v>
                </c:pt>
                <c:pt idx="4267">
                  <c:v>7.649348472180667E-2</c:v>
                </c:pt>
                <c:pt idx="4268">
                  <c:v>7.649348472180667E-2</c:v>
                </c:pt>
                <c:pt idx="4269">
                  <c:v>7.649348472180667E-2</c:v>
                </c:pt>
                <c:pt idx="4270">
                  <c:v>7.649348472180667E-2</c:v>
                </c:pt>
                <c:pt idx="4271">
                  <c:v>7.649348472180667E-2</c:v>
                </c:pt>
                <c:pt idx="4272">
                  <c:v>7.8571603704950921E-2</c:v>
                </c:pt>
                <c:pt idx="4273">
                  <c:v>7.8571603704950921E-2</c:v>
                </c:pt>
                <c:pt idx="4274">
                  <c:v>7.8571603704950921E-2</c:v>
                </c:pt>
                <c:pt idx="4275">
                  <c:v>7.8571603704950921E-2</c:v>
                </c:pt>
                <c:pt idx="4276">
                  <c:v>7.8571603704950921E-2</c:v>
                </c:pt>
                <c:pt idx="4277">
                  <c:v>7.8571603704950921E-2</c:v>
                </c:pt>
                <c:pt idx="4278">
                  <c:v>7.8571603704950921E-2</c:v>
                </c:pt>
                <c:pt idx="4279">
                  <c:v>0.32119119211508718</c:v>
                </c:pt>
                <c:pt idx="4280">
                  <c:v>0.35838175120209737</c:v>
                </c:pt>
                <c:pt idx="4281">
                  <c:v>0.39557231028910733</c:v>
                </c:pt>
                <c:pt idx="4282">
                  <c:v>0.39557231028910733</c:v>
                </c:pt>
                <c:pt idx="4283">
                  <c:v>0.47333438838012842</c:v>
                </c:pt>
                <c:pt idx="4284">
                  <c:v>0.47333438838012842</c:v>
                </c:pt>
                <c:pt idx="4285">
                  <c:v>0.31442927228108536</c:v>
                </c:pt>
                <c:pt idx="4286">
                  <c:v>0.47333438838012842</c:v>
                </c:pt>
                <c:pt idx="4287">
                  <c:v>0.47333438838012842</c:v>
                </c:pt>
                <c:pt idx="4288">
                  <c:v>0.27892919315257569</c:v>
                </c:pt>
                <c:pt idx="4289">
                  <c:v>0.11904788440144076</c:v>
                </c:pt>
                <c:pt idx="4290">
                  <c:v>7.8571603704950921E-2</c:v>
                </c:pt>
                <c:pt idx="4291">
                  <c:v>7.8571603704950921E-2</c:v>
                </c:pt>
                <c:pt idx="4292">
                  <c:v>7.8571603704950921E-2</c:v>
                </c:pt>
                <c:pt idx="4293">
                  <c:v>7.8571603704950921E-2</c:v>
                </c:pt>
                <c:pt idx="4294">
                  <c:v>7.8571603704950921E-2</c:v>
                </c:pt>
                <c:pt idx="4295">
                  <c:v>7.8571603704950921E-2</c:v>
                </c:pt>
                <c:pt idx="4296">
                  <c:v>7.6878419705293521E-2</c:v>
                </c:pt>
                <c:pt idx="4297">
                  <c:v>7.6878419705293521E-2</c:v>
                </c:pt>
                <c:pt idx="4298">
                  <c:v>7.6878419705293521E-2</c:v>
                </c:pt>
                <c:pt idx="4299">
                  <c:v>7.6878419705293521E-2</c:v>
                </c:pt>
                <c:pt idx="4300">
                  <c:v>7.6878419705293521E-2</c:v>
                </c:pt>
                <c:pt idx="4301">
                  <c:v>7.6878419705293521E-2</c:v>
                </c:pt>
                <c:pt idx="4302">
                  <c:v>7.6878419705293521E-2</c:v>
                </c:pt>
                <c:pt idx="4303">
                  <c:v>0.31426966115891197</c:v>
                </c:pt>
                <c:pt idx="4304">
                  <c:v>0.35065877981941762</c:v>
                </c:pt>
                <c:pt idx="4305">
                  <c:v>0.38704789847992321</c:v>
                </c:pt>
                <c:pt idx="4306">
                  <c:v>0.38704789847992321</c:v>
                </c:pt>
                <c:pt idx="4307">
                  <c:v>0.46313423749734395</c:v>
                </c:pt>
                <c:pt idx="4308">
                  <c:v>0.46313423749734395</c:v>
                </c:pt>
                <c:pt idx="4309">
                  <c:v>0.30765345776609276</c:v>
                </c:pt>
                <c:pt idx="4310">
                  <c:v>0.46313423749734395</c:v>
                </c:pt>
                <c:pt idx="4311">
                  <c:v>0.46313423749734395</c:v>
                </c:pt>
                <c:pt idx="4312">
                  <c:v>0.27291838995379197</c:v>
                </c:pt>
                <c:pt idx="4313">
                  <c:v>0.11648245409892957</c:v>
                </c:pt>
                <c:pt idx="4314">
                  <c:v>7.6878419705293521E-2</c:v>
                </c:pt>
                <c:pt idx="4315">
                  <c:v>7.6878419705293521E-2</c:v>
                </c:pt>
                <c:pt idx="4316">
                  <c:v>7.6878419705293521E-2</c:v>
                </c:pt>
                <c:pt idx="4317">
                  <c:v>7.6878419705293521E-2</c:v>
                </c:pt>
                <c:pt idx="4318">
                  <c:v>7.6878419705293521E-2</c:v>
                </c:pt>
                <c:pt idx="4319">
                  <c:v>7.6878419705293521E-2</c:v>
                </c:pt>
                <c:pt idx="4320">
                  <c:v>0.11548276473417592</c:v>
                </c:pt>
                <c:pt idx="4321">
                  <c:v>6.9989554384349048E-2</c:v>
                </c:pt>
                <c:pt idx="4322">
                  <c:v>6.9989554384349048E-2</c:v>
                </c:pt>
                <c:pt idx="4323">
                  <c:v>6.9989554384349048E-2</c:v>
                </c:pt>
                <c:pt idx="4324">
                  <c:v>6.9989554384349048E-2</c:v>
                </c:pt>
                <c:pt idx="4325">
                  <c:v>6.9989554384349048E-2</c:v>
                </c:pt>
                <c:pt idx="4326">
                  <c:v>6.9989554384349048E-2</c:v>
                </c:pt>
                <c:pt idx="4327">
                  <c:v>0.29815550167732696</c:v>
                </c:pt>
                <c:pt idx="4328">
                  <c:v>0.37269437709665865</c:v>
                </c:pt>
                <c:pt idx="4329">
                  <c:v>0.4099638148063246</c:v>
                </c:pt>
                <c:pt idx="4330">
                  <c:v>0.4099638148063246</c:v>
                </c:pt>
                <c:pt idx="4331">
                  <c:v>0.48450269022565634</c:v>
                </c:pt>
                <c:pt idx="4332">
                  <c:v>0.48450269022565634</c:v>
                </c:pt>
                <c:pt idx="4333">
                  <c:v>0.3354249393869928</c:v>
                </c:pt>
                <c:pt idx="4334">
                  <c:v>0.48450269022565634</c:v>
                </c:pt>
                <c:pt idx="4335">
                  <c:v>0.37269437709665865</c:v>
                </c:pt>
                <c:pt idx="4336">
                  <c:v>0.17497388596087265</c:v>
                </c:pt>
                <c:pt idx="4337">
                  <c:v>0.11548276473417592</c:v>
                </c:pt>
                <c:pt idx="4338">
                  <c:v>7.3489032103566498E-2</c:v>
                </c:pt>
                <c:pt idx="4339">
                  <c:v>6.9989554384349048E-2</c:v>
                </c:pt>
                <c:pt idx="4340">
                  <c:v>6.9989554384349048E-2</c:v>
                </c:pt>
                <c:pt idx="4341">
                  <c:v>6.9989554384349048E-2</c:v>
                </c:pt>
                <c:pt idx="4342">
                  <c:v>6.9989554384349048E-2</c:v>
                </c:pt>
                <c:pt idx="4343">
                  <c:v>6.9989554384349048E-2</c:v>
                </c:pt>
                <c:pt idx="4344">
                  <c:v>3.2563978045968479E-2</c:v>
                </c:pt>
                <c:pt idx="4345">
                  <c:v>2.9307580241371631E-2</c:v>
                </c:pt>
                <c:pt idx="4346">
                  <c:v>2.9307580241371631E-2</c:v>
                </c:pt>
                <c:pt idx="4347">
                  <c:v>2.9307580241371631E-2</c:v>
                </c:pt>
                <c:pt idx="4348">
                  <c:v>2.9307580241371631E-2</c:v>
                </c:pt>
                <c:pt idx="4349">
                  <c:v>2.9307580241371631E-2</c:v>
                </c:pt>
                <c:pt idx="4350">
                  <c:v>2.9307580241371631E-2</c:v>
                </c:pt>
                <c:pt idx="4351">
                  <c:v>2.9307580241371631E-2</c:v>
                </c:pt>
                <c:pt idx="4352">
                  <c:v>2.9307580241371631E-2</c:v>
                </c:pt>
                <c:pt idx="4353">
                  <c:v>2.9307580241371631E-2</c:v>
                </c:pt>
                <c:pt idx="4354">
                  <c:v>2.9307580241371631E-2</c:v>
                </c:pt>
                <c:pt idx="4355">
                  <c:v>2.9307580241371631E-2</c:v>
                </c:pt>
                <c:pt idx="4356">
                  <c:v>2.9307580241371631E-2</c:v>
                </c:pt>
                <c:pt idx="4357">
                  <c:v>2.9307580241371631E-2</c:v>
                </c:pt>
                <c:pt idx="4358">
                  <c:v>2.9307580241371631E-2</c:v>
                </c:pt>
                <c:pt idx="4359">
                  <c:v>2.9307580241371631E-2</c:v>
                </c:pt>
                <c:pt idx="4360">
                  <c:v>2.9307580241371631E-2</c:v>
                </c:pt>
                <c:pt idx="4361">
                  <c:v>2.9307580241371631E-2</c:v>
                </c:pt>
                <c:pt idx="4362">
                  <c:v>2.9307580241371631E-2</c:v>
                </c:pt>
                <c:pt idx="4363">
                  <c:v>2.9307580241371631E-2</c:v>
                </c:pt>
                <c:pt idx="4364">
                  <c:v>2.9307580241371631E-2</c:v>
                </c:pt>
                <c:pt idx="4365">
                  <c:v>2.9307580241371631E-2</c:v>
                </c:pt>
                <c:pt idx="4366">
                  <c:v>2.9307580241371631E-2</c:v>
                </c:pt>
                <c:pt idx="4367">
                  <c:v>2.9307580241371631E-2</c:v>
                </c:pt>
                <c:pt idx="4368">
                  <c:v>2.935286257874279E-2</c:v>
                </c:pt>
                <c:pt idx="4369">
                  <c:v>2.935286257874279E-2</c:v>
                </c:pt>
                <c:pt idx="4370">
                  <c:v>2.935286257874279E-2</c:v>
                </c:pt>
                <c:pt idx="4371">
                  <c:v>2.935286257874279E-2</c:v>
                </c:pt>
                <c:pt idx="4372">
                  <c:v>2.935286257874279E-2</c:v>
                </c:pt>
                <c:pt idx="4373">
                  <c:v>2.935286257874279E-2</c:v>
                </c:pt>
                <c:pt idx="4374">
                  <c:v>2.935286257874279E-2</c:v>
                </c:pt>
                <c:pt idx="4375">
                  <c:v>2.935286257874279E-2</c:v>
                </c:pt>
                <c:pt idx="4376">
                  <c:v>2.935286257874279E-2</c:v>
                </c:pt>
                <c:pt idx="4377">
                  <c:v>2.935286257874279E-2</c:v>
                </c:pt>
                <c:pt idx="4378">
                  <c:v>2.935286257874279E-2</c:v>
                </c:pt>
                <c:pt idx="4379">
                  <c:v>2.935286257874279E-2</c:v>
                </c:pt>
                <c:pt idx="4380">
                  <c:v>2.935286257874279E-2</c:v>
                </c:pt>
                <c:pt idx="4381">
                  <c:v>2.935286257874279E-2</c:v>
                </c:pt>
                <c:pt idx="4382">
                  <c:v>2.935286257874279E-2</c:v>
                </c:pt>
                <c:pt idx="4383">
                  <c:v>2.935286257874279E-2</c:v>
                </c:pt>
                <c:pt idx="4384">
                  <c:v>2.935286257874279E-2</c:v>
                </c:pt>
                <c:pt idx="4385">
                  <c:v>2.935286257874279E-2</c:v>
                </c:pt>
                <c:pt idx="4386">
                  <c:v>2.935286257874279E-2</c:v>
                </c:pt>
                <c:pt idx="4387">
                  <c:v>2.935286257874279E-2</c:v>
                </c:pt>
                <c:pt idx="4388">
                  <c:v>2.935286257874279E-2</c:v>
                </c:pt>
                <c:pt idx="4389">
                  <c:v>2.935286257874279E-2</c:v>
                </c:pt>
                <c:pt idx="4390">
                  <c:v>2.935286257874279E-2</c:v>
                </c:pt>
                <c:pt idx="4391">
                  <c:v>2.935286257874279E-2</c:v>
                </c:pt>
                <c:pt idx="4392">
                  <c:v>7.3655076402438568E-2</c:v>
                </c:pt>
                <c:pt idx="4393">
                  <c:v>7.3655076402438568E-2</c:v>
                </c:pt>
                <c:pt idx="4394">
                  <c:v>7.3655076402438568E-2</c:v>
                </c:pt>
                <c:pt idx="4395">
                  <c:v>7.3655076402438568E-2</c:v>
                </c:pt>
                <c:pt idx="4396">
                  <c:v>7.3655076402438568E-2</c:v>
                </c:pt>
                <c:pt idx="4397">
                  <c:v>7.3655076402438568E-2</c:v>
                </c:pt>
                <c:pt idx="4398">
                  <c:v>7.3655076402438568E-2</c:v>
                </c:pt>
                <c:pt idx="4399">
                  <c:v>0.31377062547438828</c:v>
                </c:pt>
                <c:pt idx="4400">
                  <c:v>0.3529919536586868</c:v>
                </c:pt>
                <c:pt idx="4401">
                  <c:v>0.39221328184298532</c:v>
                </c:pt>
                <c:pt idx="4402">
                  <c:v>0.39221328184298532</c:v>
                </c:pt>
                <c:pt idx="4403">
                  <c:v>0.47065593821158236</c:v>
                </c:pt>
                <c:pt idx="4404">
                  <c:v>0.47065593821158236</c:v>
                </c:pt>
                <c:pt idx="4405">
                  <c:v>0.31377062547438828</c:v>
                </c:pt>
                <c:pt idx="4406">
                  <c:v>0.47065593821158236</c:v>
                </c:pt>
                <c:pt idx="4407">
                  <c:v>0.47065593821158236</c:v>
                </c:pt>
                <c:pt idx="4408">
                  <c:v>0.2745492972900897</c:v>
                </c:pt>
                <c:pt idx="4409">
                  <c:v>7.8442656368597069E-2</c:v>
                </c:pt>
                <c:pt idx="4410">
                  <c:v>7.7337830222560494E-2</c:v>
                </c:pt>
                <c:pt idx="4411">
                  <c:v>7.7337830222560494E-2</c:v>
                </c:pt>
                <c:pt idx="4412">
                  <c:v>7.7337830222560494E-2</c:v>
                </c:pt>
                <c:pt idx="4413">
                  <c:v>7.7337830222560494E-2</c:v>
                </c:pt>
                <c:pt idx="4414">
                  <c:v>7.7337830222560494E-2</c:v>
                </c:pt>
                <c:pt idx="4415">
                  <c:v>7.7337830222560494E-2</c:v>
                </c:pt>
                <c:pt idx="4416">
                  <c:v>4.8406018158840221E-2</c:v>
                </c:pt>
                <c:pt idx="4417">
                  <c:v>7.3761551480137494E-2</c:v>
                </c:pt>
                <c:pt idx="4418">
                  <c:v>7.3761551480137494E-2</c:v>
                </c:pt>
                <c:pt idx="4419">
                  <c:v>7.3761551480137494E-2</c:v>
                </c:pt>
                <c:pt idx="4420">
                  <c:v>7.3761551480137494E-2</c:v>
                </c:pt>
                <c:pt idx="4421">
                  <c:v>7.3761551480137494E-2</c:v>
                </c:pt>
                <c:pt idx="4422">
                  <c:v>7.3761551480137494E-2</c:v>
                </c:pt>
                <c:pt idx="4423">
                  <c:v>0.31095104045845456</c:v>
                </c:pt>
                <c:pt idx="4424">
                  <c:v>0.34695589777469671</c:v>
                </c:pt>
                <c:pt idx="4425">
                  <c:v>0.38296075509093885</c:v>
                </c:pt>
                <c:pt idx="4426">
                  <c:v>0.38296075509093885</c:v>
                </c:pt>
                <c:pt idx="4427">
                  <c:v>0.45824363857035411</c:v>
                </c:pt>
                <c:pt idx="4428">
                  <c:v>0.45824363857035411</c:v>
                </c:pt>
                <c:pt idx="4429">
                  <c:v>0.30440470276459242</c:v>
                </c:pt>
                <c:pt idx="4430">
                  <c:v>0.45824363857035411</c:v>
                </c:pt>
                <c:pt idx="4431">
                  <c:v>0.45824363857035411</c:v>
                </c:pt>
                <c:pt idx="4432">
                  <c:v>0.27003642987181586</c:v>
                </c:pt>
                <c:pt idx="4433">
                  <c:v>0.11525242418771484</c:v>
                </c:pt>
                <c:pt idx="4434">
                  <c:v>7.6066599963891784E-2</c:v>
                </c:pt>
                <c:pt idx="4435">
                  <c:v>7.6066599963891784E-2</c:v>
                </c:pt>
                <c:pt idx="4436">
                  <c:v>7.6066599963891784E-2</c:v>
                </c:pt>
                <c:pt idx="4437">
                  <c:v>7.6066599963891784E-2</c:v>
                </c:pt>
                <c:pt idx="4438">
                  <c:v>7.6066599963891784E-2</c:v>
                </c:pt>
                <c:pt idx="4439">
                  <c:v>7.6066599963891784E-2</c:v>
                </c:pt>
                <c:pt idx="4440">
                  <c:v>7.5850415134072952E-2</c:v>
                </c:pt>
                <c:pt idx="4441">
                  <c:v>7.5850415134072952E-2</c:v>
                </c:pt>
                <c:pt idx="4442">
                  <c:v>7.5850415134072952E-2</c:v>
                </c:pt>
                <c:pt idx="4443">
                  <c:v>7.5850415134072952E-2</c:v>
                </c:pt>
                <c:pt idx="4444">
                  <c:v>7.5850415134072952E-2</c:v>
                </c:pt>
                <c:pt idx="4445">
                  <c:v>7.5850415134072952E-2</c:v>
                </c:pt>
                <c:pt idx="4446">
                  <c:v>7.5850415134072952E-2</c:v>
                </c:pt>
                <c:pt idx="4447">
                  <c:v>0.31006730307837699</c:v>
                </c:pt>
                <c:pt idx="4448">
                  <c:v>0.3459698329085048</c:v>
                </c:pt>
                <c:pt idx="4449">
                  <c:v>0.38187236273863279</c:v>
                </c:pt>
                <c:pt idx="4450">
                  <c:v>0.38187236273863279</c:v>
                </c:pt>
                <c:pt idx="4451">
                  <c:v>0.45694128874708184</c:v>
                </c:pt>
                <c:pt idx="4452">
                  <c:v>0.45694128874708184</c:v>
                </c:pt>
                <c:pt idx="4453">
                  <c:v>0.30353957038199009</c:v>
                </c:pt>
                <c:pt idx="4454">
                  <c:v>0.45694128874708184</c:v>
                </c:pt>
                <c:pt idx="4455">
                  <c:v>0.45694128874708184</c:v>
                </c:pt>
                <c:pt idx="4456">
                  <c:v>0.26926897372595893</c:v>
                </c:pt>
                <c:pt idx="4457">
                  <c:v>0.11492487141526204</c:v>
                </c:pt>
                <c:pt idx="4458">
                  <c:v>7.5850415134072952E-2</c:v>
                </c:pt>
                <c:pt idx="4459">
                  <c:v>7.5850415134072952E-2</c:v>
                </c:pt>
                <c:pt idx="4460">
                  <c:v>7.5850415134072952E-2</c:v>
                </c:pt>
                <c:pt idx="4461">
                  <c:v>7.5850415134072952E-2</c:v>
                </c:pt>
                <c:pt idx="4462">
                  <c:v>7.5850415134072952E-2</c:v>
                </c:pt>
                <c:pt idx="4463">
                  <c:v>7.5850415134072952E-2</c:v>
                </c:pt>
                <c:pt idx="4464">
                  <c:v>7.6878419705293521E-2</c:v>
                </c:pt>
                <c:pt idx="4465">
                  <c:v>7.6878419705293521E-2</c:v>
                </c:pt>
                <c:pt idx="4466">
                  <c:v>7.6878419705293521E-2</c:v>
                </c:pt>
                <c:pt idx="4467">
                  <c:v>7.6878419705293521E-2</c:v>
                </c:pt>
                <c:pt idx="4468">
                  <c:v>7.6878419705293521E-2</c:v>
                </c:pt>
                <c:pt idx="4469">
                  <c:v>7.6878419705293521E-2</c:v>
                </c:pt>
                <c:pt idx="4470">
                  <c:v>7.6878419705293521E-2</c:v>
                </c:pt>
                <c:pt idx="4471">
                  <c:v>0.31426966115891197</c:v>
                </c:pt>
                <c:pt idx="4472">
                  <c:v>0.35065877981941762</c:v>
                </c:pt>
                <c:pt idx="4473">
                  <c:v>0.38704789847992321</c:v>
                </c:pt>
                <c:pt idx="4474">
                  <c:v>0.38704789847992321</c:v>
                </c:pt>
                <c:pt idx="4475">
                  <c:v>0.46313423749734395</c:v>
                </c:pt>
                <c:pt idx="4476">
                  <c:v>0.46313423749734395</c:v>
                </c:pt>
                <c:pt idx="4477">
                  <c:v>0.30765345776609276</c:v>
                </c:pt>
                <c:pt idx="4478">
                  <c:v>0.46313423749734395</c:v>
                </c:pt>
                <c:pt idx="4479">
                  <c:v>0.46313423749734395</c:v>
                </c:pt>
                <c:pt idx="4480">
                  <c:v>0.27291838995379197</c:v>
                </c:pt>
                <c:pt idx="4481">
                  <c:v>0.11648245409892957</c:v>
                </c:pt>
                <c:pt idx="4482">
                  <c:v>7.6878419705293521E-2</c:v>
                </c:pt>
                <c:pt idx="4483">
                  <c:v>7.6878419705293521E-2</c:v>
                </c:pt>
                <c:pt idx="4484">
                  <c:v>7.6878419705293521E-2</c:v>
                </c:pt>
                <c:pt idx="4485">
                  <c:v>7.6878419705293521E-2</c:v>
                </c:pt>
                <c:pt idx="4486">
                  <c:v>7.6878419705293521E-2</c:v>
                </c:pt>
                <c:pt idx="4487">
                  <c:v>7.6878419705293521E-2</c:v>
                </c:pt>
                <c:pt idx="4488">
                  <c:v>0.11659199375033309</c:v>
                </c:pt>
                <c:pt idx="4489">
                  <c:v>7.0661814394141265E-2</c:v>
                </c:pt>
                <c:pt idx="4490">
                  <c:v>7.0661814394141265E-2</c:v>
                </c:pt>
                <c:pt idx="4491">
                  <c:v>7.0661814394141265E-2</c:v>
                </c:pt>
                <c:pt idx="4492">
                  <c:v>7.0661814394141265E-2</c:v>
                </c:pt>
                <c:pt idx="4493">
                  <c:v>7.0661814394141265E-2</c:v>
                </c:pt>
                <c:pt idx="4494">
                  <c:v>7.0661814394141265E-2</c:v>
                </c:pt>
                <c:pt idx="4495">
                  <c:v>0.3010193293190418</c:v>
                </c:pt>
                <c:pt idx="4496">
                  <c:v>0.37627416164880223</c:v>
                </c:pt>
                <c:pt idx="4497">
                  <c:v>0.41390157781368253</c:v>
                </c:pt>
                <c:pt idx="4498">
                  <c:v>0.41390157781368253</c:v>
                </c:pt>
                <c:pt idx="4499">
                  <c:v>0.48915641014344285</c:v>
                </c:pt>
                <c:pt idx="4500">
                  <c:v>0.48915641014344285</c:v>
                </c:pt>
                <c:pt idx="4501">
                  <c:v>0.33864674548392204</c:v>
                </c:pt>
                <c:pt idx="4502">
                  <c:v>0.48915641014344285</c:v>
                </c:pt>
                <c:pt idx="4503">
                  <c:v>0.37627416164880223</c:v>
                </c:pt>
                <c:pt idx="4504">
                  <c:v>0.17665453598535319</c:v>
                </c:pt>
                <c:pt idx="4505">
                  <c:v>0.11659199375033309</c:v>
                </c:pt>
                <c:pt idx="4506">
                  <c:v>7.4194905113848325E-2</c:v>
                </c:pt>
                <c:pt idx="4507">
                  <c:v>7.0661814394141265E-2</c:v>
                </c:pt>
                <c:pt idx="4508">
                  <c:v>7.0661814394141265E-2</c:v>
                </c:pt>
                <c:pt idx="4509">
                  <c:v>7.0661814394141265E-2</c:v>
                </c:pt>
                <c:pt idx="4510">
                  <c:v>7.0661814394141265E-2</c:v>
                </c:pt>
                <c:pt idx="4511">
                  <c:v>7.0661814394141265E-2</c:v>
                </c:pt>
                <c:pt idx="4512">
                  <c:v>3.2286248692705653E-2</c:v>
                </c:pt>
                <c:pt idx="4513">
                  <c:v>2.9057623823435089E-2</c:v>
                </c:pt>
                <c:pt idx="4514">
                  <c:v>2.9057623823435089E-2</c:v>
                </c:pt>
                <c:pt idx="4515">
                  <c:v>2.9057623823435089E-2</c:v>
                </c:pt>
                <c:pt idx="4516">
                  <c:v>2.9057623823435089E-2</c:v>
                </c:pt>
                <c:pt idx="4517">
                  <c:v>2.9057623823435089E-2</c:v>
                </c:pt>
                <c:pt idx="4518">
                  <c:v>2.9057623823435089E-2</c:v>
                </c:pt>
                <c:pt idx="4519">
                  <c:v>2.9057623823435089E-2</c:v>
                </c:pt>
                <c:pt idx="4520">
                  <c:v>2.9057623823435089E-2</c:v>
                </c:pt>
                <c:pt idx="4521">
                  <c:v>2.9057623823435089E-2</c:v>
                </c:pt>
                <c:pt idx="4522">
                  <c:v>2.9057623823435089E-2</c:v>
                </c:pt>
                <c:pt idx="4523">
                  <c:v>2.9057623823435089E-2</c:v>
                </c:pt>
                <c:pt idx="4524">
                  <c:v>2.9057623823435089E-2</c:v>
                </c:pt>
                <c:pt idx="4525">
                  <c:v>2.9057623823435089E-2</c:v>
                </c:pt>
                <c:pt idx="4526">
                  <c:v>2.9057623823435089E-2</c:v>
                </c:pt>
                <c:pt idx="4527">
                  <c:v>2.9057623823435089E-2</c:v>
                </c:pt>
                <c:pt idx="4528">
                  <c:v>2.9057623823435089E-2</c:v>
                </c:pt>
                <c:pt idx="4529">
                  <c:v>2.9057623823435089E-2</c:v>
                </c:pt>
                <c:pt idx="4530">
                  <c:v>2.9057623823435089E-2</c:v>
                </c:pt>
                <c:pt idx="4531">
                  <c:v>2.9057623823435089E-2</c:v>
                </c:pt>
                <c:pt idx="4532">
                  <c:v>2.9057623823435089E-2</c:v>
                </c:pt>
                <c:pt idx="4533">
                  <c:v>2.9057623823435089E-2</c:v>
                </c:pt>
                <c:pt idx="4534">
                  <c:v>2.9057623823435089E-2</c:v>
                </c:pt>
                <c:pt idx="4535">
                  <c:v>2.9057623823435089E-2</c:v>
                </c:pt>
                <c:pt idx="4536">
                  <c:v>2.8951080781022556E-2</c:v>
                </c:pt>
                <c:pt idx="4537">
                  <c:v>2.8951080781022556E-2</c:v>
                </c:pt>
                <c:pt idx="4538">
                  <c:v>2.8951080781022556E-2</c:v>
                </c:pt>
                <c:pt idx="4539">
                  <c:v>2.8951080781022556E-2</c:v>
                </c:pt>
                <c:pt idx="4540">
                  <c:v>2.8951080781022556E-2</c:v>
                </c:pt>
                <c:pt idx="4541">
                  <c:v>2.8951080781022556E-2</c:v>
                </c:pt>
                <c:pt idx="4542">
                  <c:v>2.8951080781022556E-2</c:v>
                </c:pt>
                <c:pt idx="4543">
                  <c:v>2.8951080781022556E-2</c:v>
                </c:pt>
                <c:pt idx="4544">
                  <c:v>2.8951080781022556E-2</c:v>
                </c:pt>
                <c:pt idx="4545">
                  <c:v>2.8951080781022556E-2</c:v>
                </c:pt>
                <c:pt idx="4546">
                  <c:v>2.8951080781022556E-2</c:v>
                </c:pt>
                <c:pt idx="4547">
                  <c:v>2.8951080781022556E-2</c:v>
                </c:pt>
                <c:pt idx="4548">
                  <c:v>2.8951080781022556E-2</c:v>
                </c:pt>
                <c:pt idx="4549">
                  <c:v>2.8951080781022556E-2</c:v>
                </c:pt>
                <c:pt idx="4550">
                  <c:v>2.8951080781022556E-2</c:v>
                </c:pt>
                <c:pt idx="4551">
                  <c:v>2.8951080781022556E-2</c:v>
                </c:pt>
                <c:pt idx="4552">
                  <c:v>2.8951080781022556E-2</c:v>
                </c:pt>
                <c:pt idx="4553">
                  <c:v>2.8951080781022556E-2</c:v>
                </c:pt>
                <c:pt idx="4554">
                  <c:v>2.8951080781022556E-2</c:v>
                </c:pt>
                <c:pt idx="4555">
                  <c:v>2.8951080781022556E-2</c:v>
                </c:pt>
                <c:pt idx="4556">
                  <c:v>2.8951080781022556E-2</c:v>
                </c:pt>
                <c:pt idx="4557">
                  <c:v>2.8951080781022556E-2</c:v>
                </c:pt>
                <c:pt idx="4558">
                  <c:v>2.8951080781022556E-2</c:v>
                </c:pt>
                <c:pt idx="4559">
                  <c:v>2.8951080781022556E-2</c:v>
                </c:pt>
                <c:pt idx="4560">
                  <c:v>7.0173472484240079E-2</c:v>
                </c:pt>
                <c:pt idx="4561">
                  <c:v>7.0173472484240079E-2</c:v>
                </c:pt>
                <c:pt idx="4562">
                  <c:v>7.0173472484240079E-2</c:v>
                </c:pt>
                <c:pt idx="4563">
                  <c:v>7.0173472484240079E-2</c:v>
                </c:pt>
                <c:pt idx="4564">
                  <c:v>7.0173472484240079E-2</c:v>
                </c:pt>
                <c:pt idx="4565">
                  <c:v>7.0173472484240079E-2</c:v>
                </c:pt>
                <c:pt idx="4566">
                  <c:v>7.0173472484240079E-2</c:v>
                </c:pt>
                <c:pt idx="4567">
                  <c:v>0.29893899278286279</c:v>
                </c:pt>
                <c:pt idx="4568">
                  <c:v>0.33630636688072058</c:v>
                </c:pt>
                <c:pt idx="4569">
                  <c:v>0.37367374097857853</c:v>
                </c:pt>
                <c:pt idx="4570">
                  <c:v>0.37367374097857853</c:v>
                </c:pt>
                <c:pt idx="4571">
                  <c:v>0.4484084891742941</c:v>
                </c:pt>
                <c:pt idx="4572">
                  <c:v>0.4484084891742941</c:v>
                </c:pt>
                <c:pt idx="4573">
                  <c:v>0.29893899278286279</c:v>
                </c:pt>
                <c:pt idx="4574">
                  <c:v>0.4484084891742941</c:v>
                </c:pt>
                <c:pt idx="4575">
                  <c:v>0.4484084891742941</c:v>
                </c:pt>
                <c:pt idx="4576">
                  <c:v>0.26157161868500489</c:v>
                </c:pt>
                <c:pt idx="4577">
                  <c:v>7.4734748195715697E-2</c:v>
                </c:pt>
                <c:pt idx="4578">
                  <c:v>7.3682146108452085E-2</c:v>
                </c:pt>
                <c:pt idx="4579">
                  <c:v>7.3682146108452085E-2</c:v>
                </c:pt>
                <c:pt idx="4580">
                  <c:v>7.3682146108452085E-2</c:v>
                </c:pt>
                <c:pt idx="4581">
                  <c:v>7.3682146108452085E-2</c:v>
                </c:pt>
                <c:pt idx="4582">
                  <c:v>7.3682146108452085E-2</c:v>
                </c:pt>
                <c:pt idx="4583">
                  <c:v>7.3682146108452085E-2</c:v>
                </c:pt>
                <c:pt idx="4584">
                  <c:v>4.7086556179830687E-2</c:v>
                </c:pt>
                <c:pt idx="4585">
                  <c:v>7.1750942750218191E-2</c:v>
                </c:pt>
                <c:pt idx="4586">
                  <c:v>7.1750942750218191E-2</c:v>
                </c:pt>
                <c:pt idx="4587">
                  <c:v>7.1750942750218191E-2</c:v>
                </c:pt>
                <c:pt idx="4588">
                  <c:v>7.1750942750218191E-2</c:v>
                </c:pt>
                <c:pt idx="4589">
                  <c:v>7.1750942750218191E-2</c:v>
                </c:pt>
                <c:pt idx="4590">
                  <c:v>7.1750942750218191E-2</c:v>
                </c:pt>
                <c:pt idx="4591">
                  <c:v>0.30247506803138852</c:v>
                </c:pt>
                <c:pt idx="4592">
                  <c:v>0.33749849696133882</c:v>
                </c:pt>
                <c:pt idx="4593">
                  <c:v>0.37252192589128907</c:v>
                </c:pt>
                <c:pt idx="4594">
                  <c:v>0.37252192589128907</c:v>
                </c:pt>
                <c:pt idx="4595">
                  <c:v>0.44575273183573039</c:v>
                </c:pt>
                <c:pt idx="4596">
                  <c:v>0.44575273183573039</c:v>
                </c:pt>
                <c:pt idx="4597">
                  <c:v>0.29610717186230662</c:v>
                </c:pt>
                <c:pt idx="4598">
                  <c:v>0.44575273183573039</c:v>
                </c:pt>
                <c:pt idx="4599">
                  <c:v>0.44575273183573039</c:v>
                </c:pt>
                <c:pt idx="4600">
                  <c:v>0.26267571697462694</c:v>
                </c:pt>
                <c:pt idx="4601">
                  <c:v>0.11211084804721591</c:v>
                </c:pt>
                <c:pt idx="4602">
                  <c:v>7.3993159711162493E-2</c:v>
                </c:pt>
                <c:pt idx="4603">
                  <c:v>7.3993159711162493E-2</c:v>
                </c:pt>
                <c:pt idx="4604">
                  <c:v>7.3993159711162493E-2</c:v>
                </c:pt>
                <c:pt idx="4605">
                  <c:v>7.3993159711162493E-2</c:v>
                </c:pt>
                <c:pt idx="4606">
                  <c:v>7.3993159711162493E-2</c:v>
                </c:pt>
                <c:pt idx="4607">
                  <c:v>7.3993159711162493E-2</c:v>
                </c:pt>
                <c:pt idx="4608">
                  <c:v>7.3189697420325606E-2</c:v>
                </c:pt>
                <c:pt idx="4609">
                  <c:v>7.3189697420325606E-2</c:v>
                </c:pt>
                <c:pt idx="4610">
                  <c:v>7.3189697420325606E-2</c:v>
                </c:pt>
                <c:pt idx="4611">
                  <c:v>7.3189697420325606E-2</c:v>
                </c:pt>
                <c:pt idx="4612">
                  <c:v>7.3189697420325606E-2</c:v>
                </c:pt>
                <c:pt idx="4613">
                  <c:v>7.3189697420325606E-2</c:v>
                </c:pt>
                <c:pt idx="4614">
                  <c:v>7.3189697420325606E-2</c:v>
                </c:pt>
                <c:pt idx="4615">
                  <c:v>0.29919061157581595</c:v>
                </c:pt>
                <c:pt idx="4616">
                  <c:v>0.33383373502143676</c:v>
                </c:pt>
                <c:pt idx="4617">
                  <c:v>0.36847685846705752</c:v>
                </c:pt>
                <c:pt idx="4618">
                  <c:v>0.36847685846705752</c:v>
                </c:pt>
                <c:pt idx="4619">
                  <c:v>0.44091248021699181</c:v>
                </c:pt>
                <c:pt idx="4620">
                  <c:v>0.44091248021699181</c:v>
                </c:pt>
                <c:pt idx="4621">
                  <c:v>0.29289186185843025</c:v>
                </c:pt>
                <c:pt idx="4622">
                  <c:v>0.44091248021699181</c:v>
                </c:pt>
                <c:pt idx="4623">
                  <c:v>0.44091248021699181</c:v>
                </c:pt>
                <c:pt idx="4624">
                  <c:v>0.2598234258421559</c:v>
                </c:pt>
                <c:pt idx="4625">
                  <c:v>0.1108934809398873</c:v>
                </c:pt>
                <c:pt idx="4626">
                  <c:v>7.3189697420325606E-2</c:v>
                </c:pt>
                <c:pt idx="4627">
                  <c:v>7.3189697420325606E-2</c:v>
                </c:pt>
                <c:pt idx="4628">
                  <c:v>7.3189697420325606E-2</c:v>
                </c:pt>
                <c:pt idx="4629">
                  <c:v>7.3189697420325606E-2</c:v>
                </c:pt>
                <c:pt idx="4630">
                  <c:v>7.3189697420325606E-2</c:v>
                </c:pt>
                <c:pt idx="4631">
                  <c:v>7.3189697420325606E-2</c:v>
                </c:pt>
                <c:pt idx="4632">
                  <c:v>7.5124764848505513E-2</c:v>
                </c:pt>
                <c:pt idx="4633">
                  <c:v>7.5124764848505513E-2</c:v>
                </c:pt>
                <c:pt idx="4634">
                  <c:v>7.5124764848505513E-2</c:v>
                </c:pt>
                <c:pt idx="4635">
                  <c:v>7.5124764848505513E-2</c:v>
                </c:pt>
                <c:pt idx="4636">
                  <c:v>7.5124764848505513E-2</c:v>
                </c:pt>
                <c:pt idx="4637">
                  <c:v>7.5124764848505513E-2</c:v>
                </c:pt>
                <c:pt idx="4638">
                  <c:v>7.5124764848505513E-2</c:v>
                </c:pt>
                <c:pt idx="4639">
                  <c:v>0.30710093266858762</c:v>
                </c:pt>
                <c:pt idx="4640">
                  <c:v>0.34265998803021358</c:v>
                </c:pt>
                <c:pt idx="4641">
                  <c:v>0.37821904339183954</c:v>
                </c:pt>
                <c:pt idx="4642">
                  <c:v>0.37821904339183954</c:v>
                </c:pt>
                <c:pt idx="4643">
                  <c:v>0.45256979551160281</c:v>
                </c:pt>
                <c:pt idx="4644">
                  <c:v>0.45256979551160281</c:v>
                </c:pt>
                <c:pt idx="4645">
                  <c:v>0.30063564987556468</c:v>
                </c:pt>
                <c:pt idx="4646">
                  <c:v>0.45256979551160281</c:v>
                </c:pt>
                <c:pt idx="4647">
                  <c:v>0.45256979551160281</c:v>
                </c:pt>
                <c:pt idx="4648">
                  <c:v>0.26669291521219457</c:v>
                </c:pt>
                <c:pt idx="4649">
                  <c:v>0.1138254012856144</c:v>
                </c:pt>
                <c:pt idx="4650">
                  <c:v>7.5124764848505513E-2</c:v>
                </c:pt>
                <c:pt idx="4651">
                  <c:v>7.5124764848505513E-2</c:v>
                </c:pt>
                <c:pt idx="4652">
                  <c:v>7.5124764848505513E-2</c:v>
                </c:pt>
                <c:pt idx="4653">
                  <c:v>7.5124764848505513E-2</c:v>
                </c:pt>
                <c:pt idx="4654">
                  <c:v>7.5124764848505513E-2</c:v>
                </c:pt>
                <c:pt idx="4655">
                  <c:v>7.5124764848505513E-2</c:v>
                </c:pt>
                <c:pt idx="4656">
                  <c:v>0.11437353571801878</c:v>
                </c:pt>
                <c:pt idx="4657">
                  <c:v>6.9317294374556818E-2</c:v>
                </c:pt>
                <c:pt idx="4658">
                  <c:v>6.9317294374556818E-2</c:v>
                </c:pt>
                <c:pt idx="4659">
                  <c:v>6.9317294374556818E-2</c:v>
                </c:pt>
                <c:pt idx="4660">
                  <c:v>6.9317294374556818E-2</c:v>
                </c:pt>
                <c:pt idx="4661">
                  <c:v>6.9317294374556818E-2</c:v>
                </c:pt>
                <c:pt idx="4662">
                  <c:v>6.9317294374556818E-2</c:v>
                </c:pt>
                <c:pt idx="4663">
                  <c:v>0.29529167403561207</c:v>
                </c:pt>
                <c:pt idx="4664">
                  <c:v>0.36911459254451512</c:v>
                </c:pt>
                <c:pt idx="4665">
                  <c:v>0.40602605179896656</c:v>
                </c:pt>
                <c:pt idx="4666">
                  <c:v>0.40602605179896656</c:v>
                </c:pt>
                <c:pt idx="4667">
                  <c:v>0.47984897030786955</c:v>
                </c:pt>
                <c:pt idx="4668">
                  <c:v>0.47984897030786955</c:v>
                </c:pt>
                <c:pt idx="4669">
                  <c:v>0.33220313329006357</c:v>
                </c:pt>
                <c:pt idx="4670">
                  <c:v>0.47984897030786955</c:v>
                </c:pt>
                <c:pt idx="4671">
                  <c:v>0.36911459254451512</c:v>
                </c:pt>
                <c:pt idx="4672">
                  <c:v>0.17329323593639206</c:v>
                </c:pt>
                <c:pt idx="4673">
                  <c:v>0.11437353571801878</c:v>
                </c:pt>
                <c:pt idx="4674">
                  <c:v>7.2783159093284672E-2</c:v>
                </c:pt>
                <c:pt idx="4675">
                  <c:v>6.9317294374556818E-2</c:v>
                </c:pt>
                <c:pt idx="4676">
                  <c:v>6.9317294374556818E-2</c:v>
                </c:pt>
                <c:pt idx="4677">
                  <c:v>6.9317294374556818E-2</c:v>
                </c:pt>
                <c:pt idx="4678">
                  <c:v>6.9317294374556818E-2</c:v>
                </c:pt>
                <c:pt idx="4679">
                  <c:v>6.9317294374556818E-2</c:v>
                </c:pt>
                <c:pt idx="4680">
                  <c:v>3.1908536772268195E-2</c:v>
                </c:pt>
                <c:pt idx="4681">
                  <c:v>2.8717683095041371E-2</c:v>
                </c:pt>
                <c:pt idx="4682">
                  <c:v>2.8717683095041371E-2</c:v>
                </c:pt>
                <c:pt idx="4683">
                  <c:v>2.8717683095041371E-2</c:v>
                </c:pt>
                <c:pt idx="4684">
                  <c:v>2.8717683095041371E-2</c:v>
                </c:pt>
                <c:pt idx="4685">
                  <c:v>2.8717683095041371E-2</c:v>
                </c:pt>
                <c:pt idx="4686">
                  <c:v>2.8717683095041371E-2</c:v>
                </c:pt>
                <c:pt idx="4687">
                  <c:v>2.8717683095041371E-2</c:v>
                </c:pt>
                <c:pt idx="4688">
                  <c:v>2.8717683095041371E-2</c:v>
                </c:pt>
                <c:pt idx="4689">
                  <c:v>2.8717683095041371E-2</c:v>
                </c:pt>
                <c:pt idx="4690">
                  <c:v>2.8717683095041371E-2</c:v>
                </c:pt>
                <c:pt idx="4691">
                  <c:v>2.8717683095041371E-2</c:v>
                </c:pt>
                <c:pt idx="4692">
                  <c:v>2.8717683095041371E-2</c:v>
                </c:pt>
                <c:pt idx="4693">
                  <c:v>2.8717683095041371E-2</c:v>
                </c:pt>
                <c:pt idx="4694">
                  <c:v>2.8717683095041371E-2</c:v>
                </c:pt>
                <c:pt idx="4695">
                  <c:v>2.8717683095041371E-2</c:v>
                </c:pt>
                <c:pt idx="4696">
                  <c:v>2.8717683095041371E-2</c:v>
                </c:pt>
                <c:pt idx="4697">
                  <c:v>2.8717683095041371E-2</c:v>
                </c:pt>
                <c:pt idx="4698">
                  <c:v>2.8717683095041371E-2</c:v>
                </c:pt>
                <c:pt idx="4699">
                  <c:v>2.8717683095041371E-2</c:v>
                </c:pt>
                <c:pt idx="4700">
                  <c:v>2.8717683095041371E-2</c:v>
                </c:pt>
                <c:pt idx="4701">
                  <c:v>2.8717683095041371E-2</c:v>
                </c:pt>
                <c:pt idx="4702">
                  <c:v>2.8717683095041371E-2</c:v>
                </c:pt>
                <c:pt idx="4703">
                  <c:v>2.8717683095041371E-2</c:v>
                </c:pt>
                <c:pt idx="4704">
                  <c:v>2.8699967157447406E-2</c:v>
                </c:pt>
                <c:pt idx="4705">
                  <c:v>2.8699967157447406E-2</c:v>
                </c:pt>
                <c:pt idx="4706">
                  <c:v>2.8699967157447406E-2</c:v>
                </c:pt>
                <c:pt idx="4707">
                  <c:v>2.8699967157447406E-2</c:v>
                </c:pt>
                <c:pt idx="4708">
                  <c:v>2.8699967157447406E-2</c:v>
                </c:pt>
                <c:pt idx="4709">
                  <c:v>2.8699967157447406E-2</c:v>
                </c:pt>
                <c:pt idx="4710">
                  <c:v>2.8699967157447406E-2</c:v>
                </c:pt>
                <c:pt idx="4711">
                  <c:v>2.8699967157447406E-2</c:v>
                </c:pt>
                <c:pt idx="4712">
                  <c:v>2.8699967157447406E-2</c:v>
                </c:pt>
                <c:pt idx="4713">
                  <c:v>2.8699967157447406E-2</c:v>
                </c:pt>
                <c:pt idx="4714">
                  <c:v>2.8699967157447406E-2</c:v>
                </c:pt>
                <c:pt idx="4715">
                  <c:v>2.8699967157447406E-2</c:v>
                </c:pt>
                <c:pt idx="4716">
                  <c:v>2.8699967157447406E-2</c:v>
                </c:pt>
                <c:pt idx="4717">
                  <c:v>2.8699967157447406E-2</c:v>
                </c:pt>
                <c:pt idx="4718">
                  <c:v>2.8699967157447406E-2</c:v>
                </c:pt>
                <c:pt idx="4719">
                  <c:v>2.8699967157447406E-2</c:v>
                </c:pt>
                <c:pt idx="4720">
                  <c:v>2.8699967157447406E-2</c:v>
                </c:pt>
                <c:pt idx="4721">
                  <c:v>2.8699967157447406E-2</c:v>
                </c:pt>
                <c:pt idx="4722">
                  <c:v>2.8699967157447406E-2</c:v>
                </c:pt>
                <c:pt idx="4723">
                  <c:v>2.8699967157447406E-2</c:v>
                </c:pt>
                <c:pt idx="4724">
                  <c:v>2.8699967157447406E-2</c:v>
                </c:pt>
                <c:pt idx="4725">
                  <c:v>2.8699967157447406E-2</c:v>
                </c:pt>
                <c:pt idx="4726">
                  <c:v>2.8699967157447406E-2</c:v>
                </c:pt>
                <c:pt idx="4727">
                  <c:v>2.8699967157447406E-2</c:v>
                </c:pt>
                <c:pt idx="4728">
                  <c:v>7.0231499216210067E-2</c:v>
                </c:pt>
                <c:pt idx="4729">
                  <c:v>7.0231499216210067E-2</c:v>
                </c:pt>
                <c:pt idx="4730">
                  <c:v>7.0231499216210067E-2</c:v>
                </c:pt>
                <c:pt idx="4731">
                  <c:v>7.0231499216210067E-2</c:v>
                </c:pt>
                <c:pt idx="4732">
                  <c:v>7.0231499216210067E-2</c:v>
                </c:pt>
                <c:pt idx="4733">
                  <c:v>7.0231499216210067E-2</c:v>
                </c:pt>
                <c:pt idx="4734">
                  <c:v>7.0231499216210067E-2</c:v>
                </c:pt>
                <c:pt idx="4735">
                  <c:v>0.29918618666105484</c:v>
                </c:pt>
                <c:pt idx="4736">
                  <c:v>0.33658445999368669</c:v>
                </c:pt>
                <c:pt idx="4737">
                  <c:v>0.37398273332631859</c:v>
                </c:pt>
                <c:pt idx="4738">
                  <c:v>0.37398273332631859</c:v>
                </c:pt>
                <c:pt idx="4739">
                  <c:v>0.44877927999158218</c:v>
                </c:pt>
                <c:pt idx="4740">
                  <c:v>0.44877927999158218</c:v>
                </c:pt>
                <c:pt idx="4741">
                  <c:v>0.29918618666105484</c:v>
                </c:pt>
                <c:pt idx="4742">
                  <c:v>0.44877927999158218</c:v>
                </c:pt>
                <c:pt idx="4743">
                  <c:v>0.44877927999158218</c:v>
                </c:pt>
                <c:pt idx="4744">
                  <c:v>0.26178791332842294</c:v>
                </c:pt>
                <c:pt idx="4745">
                  <c:v>7.4796546665263711E-2</c:v>
                </c:pt>
                <c:pt idx="4746">
                  <c:v>7.3743074177020557E-2</c:v>
                </c:pt>
                <c:pt idx="4747">
                  <c:v>7.3743074177020557E-2</c:v>
                </c:pt>
                <c:pt idx="4748">
                  <c:v>7.3743074177020557E-2</c:v>
                </c:pt>
                <c:pt idx="4749">
                  <c:v>7.3743074177020557E-2</c:v>
                </c:pt>
                <c:pt idx="4750">
                  <c:v>7.3743074177020557E-2</c:v>
                </c:pt>
                <c:pt idx="4751">
                  <c:v>7.3743074177020557E-2</c:v>
                </c:pt>
                <c:pt idx="4752">
                  <c:v>4.7086556179830687E-2</c:v>
                </c:pt>
                <c:pt idx="4753">
                  <c:v>7.1750942750218191E-2</c:v>
                </c:pt>
                <c:pt idx="4754">
                  <c:v>7.1750942750218191E-2</c:v>
                </c:pt>
                <c:pt idx="4755">
                  <c:v>7.1750942750218191E-2</c:v>
                </c:pt>
                <c:pt idx="4756">
                  <c:v>7.1750942750218191E-2</c:v>
                </c:pt>
                <c:pt idx="4757">
                  <c:v>7.1750942750218191E-2</c:v>
                </c:pt>
                <c:pt idx="4758">
                  <c:v>7.1750942750218191E-2</c:v>
                </c:pt>
                <c:pt idx="4759">
                  <c:v>0.30247506803138852</c:v>
                </c:pt>
                <c:pt idx="4760">
                  <c:v>0.33749849696133882</c:v>
                </c:pt>
                <c:pt idx="4761">
                  <c:v>0.37252192589128907</c:v>
                </c:pt>
                <c:pt idx="4762">
                  <c:v>0.37252192589128907</c:v>
                </c:pt>
                <c:pt idx="4763">
                  <c:v>0.44575273183573039</c:v>
                </c:pt>
                <c:pt idx="4764">
                  <c:v>0.44575273183573039</c:v>
                </c:pt>
                <c:pt idx="4765">
                  <c:v>0.29610717186230662</c:v>
                </c:pt>
                <c:pt idx="4766">
                  <c:v>0.44575273183573039</c:v>
                </c:pt>
                <c:pt idx="4767">
                  <c:v>0.44575273183573039</c:v>
                </c:pt>
                <c:pt idx="4768">
                  <c:v>0.26267571697462694</c:v>
                </c:pt>
                <c:pt idx="4769">
                  <c:v>0.11211084804721591</c:v>
                </c:pt>
                <c:pt idx="4770">
                  <c:v>7.3993159711162493E-2</c:v>
                </c:pt>
                <c:pt idx="4771">
                  <c:v>7.3993159711162493E-2</c:v>
                </c:pt>
                <c:pt idx="4772">
                  <c:v>7.3993159711162493E-2</c:v>
                </c:pt>
                <c:pt idx="4773">
                  <c:v>7.3993159711162493E-2</c:v>
                </c:pt>
                <c:pt idx="4774">
                  <c:v>7.3993159711162493E-2</c:v>
                </c:pt>
                <c:pt idx="4775">
                  <c:v>7.3993159711162493E-2</c:v>
                </c:pt>
                <c:pt idx="4776">
                  <c:v>7.3250168277456229E-2</c:v>
                </c:pt>
                <c:pt idx="4777">
                  <c:v>7.3250168277456229E-2</c:v>
                </c:pt>
                <c:pt idx="4778">
                  <c:v>7.3250168277456229E-2</c:v>
                </c:pt>
                <c:pt idx="4779">
                  <c:v>7.3250168277456229E-2</c:v>
                </c:pt>
                <c:pt idx="4780">
                  <c:v>7.3250168277456229E-2</c:v>
                </c:pt>
                <c:pt idx="4781">
                  <c:v>7.3250168277456229E-2</c:v>
                </c:pt>
                <c:pt idx="4782">
                  <c:v>7.3250168277456229E-2</c:v>
                </c:pt>
                <c:pt idx="4783">
                  <c:v>0.29943780910996498</c:v>
                </c:pt>
                <c:pt idx="4784">
                  <c:v>0.33410955542796095</c:v>
                </c:pt>
                <c:pt idx="4785">
                  <c:v>0.36878130174595691</c:v>
                </c:pt>
                <c:pt idx="4786">
                  <c:v>0.36878130174595691</c:v>
                </c:pt>
                <c:pt idx="4787">
                  <c:v>0.44127677131994841</c:v>
                </c:pt>
                <c:pt idx="4788">
                  <c:v>0.44127677131994841</c:v>
                </c:pt>
                <c:pt idx="4789">
                  <c:v>0.29313385523396573</c:v>
                </c:pt>
                <c:pt idx="4790">
                  <c:v>0.44127677131994841</c:v>
                </c:pt>
                <c:pt idx="4791">
                  <c:v>0.44127677131994841</c:v>
                </c:pt>
                <c:pt idx="4792">
                  <c:v>0.26003809738496964</c:v>
                </c:pt>
                <c:pt idx="4793">
                  <c:v>0.11098510345069128</c:v>
                </c:pt>
                <c:pt idx="4794">
                  <c:v>7.3250168277456229E-2</c:v>
                </c:pt>
                <c:pt idx="4795">
                  <c:v>7.3250168277456229E-2</c:v>
                </c:pt>
                <c:pt idx="4796">
                  <c:v>7.3250168277456229E-2</c:v>
                </c:pt>
                <c:pt idx="4797">
                  <c:v>7.3250168277456229E-2</c:v>
                </c:pt>
                <c:pt idx="4798">
                  <c:v>7.3250168277456229E-2</c:v>
                </c:pt>
                <c:pt idx="4799">
                  <c:v>7.3250168277456229E-2</c:v>
                </c:pt>
                <c:pt idx="4800">
                  <c:v>7.4761939705721786E-2</c:v>
                </c:pt>
                <c:pt idx="4801">
                  <c:v>7.4761939705721786E-2</c:v>
                </c:pt>
                <c:pt idx="4802">
                  <c:v>7.4761939705721786E-2</c:v>
                </c:pt>
                <c:pt idx="4803">
                  <c:v>7.4761939705721786E-2</c:v>
                </c:pt>
                <c:pt idx="4804">
                  <c:v>7.4761939705721786E-2</c:v>
                </c:pt>
                <c:pt idx="4805">
                  <c:v>7.4761939705721786E-2</c:v>
                </c:pt>
                <c:pt idx="4806">
                  <c:v>7.4761939705721786E-2</c:v>
                </c:pt>
                <c:pt idx="4807">
                  <c:v>0.30561774746369286</c:v>
                </c:pt>
                <c:pt idx="4808">
                  <c:v>0.34100506559106791</c:v>
                </c:pt>
                <c:pt idx="4809">
                  <c:v>0.37639238371844286</c:v>
                </c:pt>
                <c:pt idx="4810">
                  <c:v>0.37639238371844286</c:v>
                </c:pt>
                <c:pt idx="4811">
                  <c:v>0.4503840488938633</c:v>
                </c:pt>
                <c:pt idx="4812">
                  <c:v>0.4503840488938633</c:v>
                </c:pt>
                <c:pt idx="4813">
                  <c:v>0.29918368962235198</c:v>
                </c:pt>
                <c:pt idx="4814">
                  <c:v>0.4503840488938633</c:v>
                </c:pt>
                <c:pt idx="4815">
                  <c:v>0.4503840488938633</c:v>
                </c:pt>
                <c:pt idx="4816">
                  <c:v>0.26540488595531231</c:v>
                </c:pt>
                <c:pt idx="4817">
                  <c:v>0.11327566622079056</c:v>
                </c:pt>
                <c:pt idx="4818">
                  <c:v>7.4761939705721786E-2</c:v>
                </c:pt>
                <c:pt idx="4819">
                  <c:v>7.4761939705721786E-2</c:v>
                </c:pt>
                <c:pt idx="4820">
                  <c:v>7.4761939705721786E-2</c:v>
                </c:pt>
                <c:pt idx="4821">
                  <c:v>7.4761939705721786E-2</c:v>
                </c:pt>
                <c:pt idx="4822">
                  <c:v>7.4761939705721786E-2</c:v>
                </c:pt>
                <c:pt idx="4823">
                  <c:v>7.4761939705721786E-2</c:v>
                </c:pt>
                <c:pt idx="4824">
                  <c:v>0.11612981499360092</c:v>
                </c:pt>
                <c:pt idx="4825">
                  <c:v>7.0381706056727861E-2</c:v>
                </c:pt>
                <c:pt idx="4826">
                  <c:v>7.0381706056727861E-2</c:v>
                </c:pt>
                <c:pt idx="4827">
                  <c:v>7.0381706056727861E-2</c:v>
                </c:pt>
                <c:pt idx="4828">
                  <c:v>7.0381706056727861E-2</c:v>
                </c:pt>
                <c:pt idx="4829">
                  <c:v>7.0381706056727861E-2</c:v>
                </c:pt>
                <c:pt idx="4830">
                  <c:v>7.0381706056727861E-2</c:v>
                </c:pt>
                <c:pt idx="4831">
                  <c:v>0.29982606780166055</c:v>
                </c:pt>
                <c:pt idx="4832">
                  <c:v>0.37478258475207576</c:v>
                </c:pt>
                <c:pt idx="4833">
                  <c:v>0.41226084322728329</c:v>
                </c:pt>
                <c:pt idx="4834">
                  <c:v>0.41226084322728329</c:v>
                </c:pt>
                <c:pt idx="4835">
                  <c:v>0.48721736017769846</c:v>
                </c:pt>
                <c:pt idx="4836">
                  <c:v>0.48721736017769846</c:v>
                </c:pt>
                <c:pt idx="4837">
                  <c:v>0.33730432627686813</c:v>
                </c:pt>
                <c:pt idx="4838">
                  <c:v>0.48721736017769846</c:v>
                </c:pt>
                <c:pt idx="4839">
                  <c:v>0.37478258475207576</c:v>
                </c:pt>
                <c:pt idx="4840">
                  <c:v>0.17595426514181964</c:v>
                </c:pt>
                <c:pt idx="4841">
                  <c:v>0.11612981499360092</c:v>
                </c:pt>
                <c:pt idx="4842">
                  <c:v>7.3900791359564233E-2</c:v>
                </c:pt>
                <c:pt idx="4843">
                  <c:v>7.0381706056727861E-2</c:v>
                </c:pt>
                <c:pt idx="4844">
                  <c:v>7.0381706056727861E-2</c:v>
                </c:pt>
                <c:pt idx="4845">
                  <c:v>7.0381706056727861E-2</c:v>
                </c:pt>
                <c:pt idx="4846">
                  <c:v>7.0381706056727861E-2</c:v>
                </c:pt>
                <c:pt idx="4847">
                  <c:v>7.0381706056727861E-2</c:v>
                </c:pt>
                <c:pt idx="4848">
                  <c:v>3.2319576215097193E-2</c:v>
                </c:pt>
                <c:pt idx="4849">
                  <c:v>2.9087618593587473E-2</c:v>
                </c:pt>
                <c:pt idx="4850">
                  <c:v>2.9087618593587473E-2</c:v>
                </c:pt>
                <c:pt idx="4851">
                  <c:v>2.9087618593587473E-2</c:v>
                </c:pt>
                <c:pt idx="4852">
                  <c:v>2.9087618593587473E-2</c:v>
                </c:pt>
                <c:pt idx="4853">
                  <c:v>2.9087618593587473E-2</c:v>
                </c:pt>
                <c:pt idx="4854">
                  <c:v>2.9087618593587473E-2</c:v>
                </c:pt>
                <c:pt idx="4855">
                  <c:v>2.9087618593587473E-2</c:v>
                </c:pt>
                <c:pt idx="4856">
                  <c:v>2.9087618593587473E-2</c:v>
                </c:pt>
                <c:pt idx="4857">
                  <c:v>2.9087618593587473E-2</c:v>
                </c:pt>
                <c:pt idx="4858">
                  <c:v>2.9087618593587473E-2</c:v>
                </c:pt>
                <c:pt idx="4859">
                  <c:v>2.9087618593587473E-2</c:v>
                </c:pt>
                <c:pt idx="4860">
                  <c:v>2.9087618593587473E-2</c:v>
                </c:pt>
                <c:pt idx="4861">
                  <c:v>2.9087618593587473E-2</c:v>
                </c:pt>
                <c:pt idx="4862">
                  <c:v>2.9087618593587473E-2</c:v>
                </c:pt>
                <c:pt idx="4863">
                  <c:v>2.9087618593587473E-2</c:v>
                </c:pt>
                <c:pt idx="4864">
                  <c:v>2.9087618593587473E-2</c:v>
                </c:pt>
                <c:pt idx="4865">
                  <c:v>2.9087618593587473E-2</c:v>
                </c:pt>
                <c:pt idx="4866">
                  <c:v>2.9087618593587473E-2</c:v>
                </c:pt>
                <c:pt idx="4867">
                  <c:v>2.9087618593587473E-2</c:v>
                </c:pt>
                <c:pt idx="4868">
                  <c:v>2.9087618593587473E-2</c:v>
                </c:pt>
                <c:pt idx="4869">
                  <c:v>2.9087618593587473E-2</c:v>
                </c:pt>
                <c:pt idx="4870">
                  <c:v>2.9087618593587473E-2</c:v>
                </c:pt>
                <c:pt idx="4871">
                  <c:v>2.9087618593587473E-2</c:v>
                </c:pt>
                <c:pt idx="4872">
                  <c:v>2.905152623045261E-2</c:v>
                </c:pt>
                <c:pt idx="4873">
                  <c:v>2.905152623045261E-2</c:v>
                </c:pt>
                <c:pt idx="4874">
                  <c:v>2.905152623045261E-2</c:v>
                </c:pt>
                <c:pt idx="4875">
                  <c:v>2.905152623045261E-2</c:v>
                </c:pt>
                <c:pt idx="4876">
                  <c:v>2.905152623045261E-2</c:v>
                </c:pt>
                <c:pt idx="4877">
                  <c:v>2.905152623045261E-2</c:v>
                </c:pt>
                <c:pt idx="4878">
                  <c:v>2.905152623045261E-2</c:v>
                </c:pt>
                <c:pt idx="4879">
                  <c:v>2.905152623045261E-2</c:v>
                </c:pt>
                <c:pt idx="4880">
                  <c:v>2.905152623045261E-2</c:v>
                </c:pt>
                <c:pt idx="4881">
                  <c:v>2.905152623045261E-2</c:v>
                </c:pt>
                <c:pt idx="4882">
                  <c:v>2.905152623045261E-2</c:v>
                </c:pt>
                <c:pt idx="4883">
                  <c:v>2.905152623045261E-2</c:v>
                </c:pt>
                <c:pt idx="4884">
                  <c:v>2.905152623045261E-2</c:v>
                </c:pt>
                <c:pt idx="4885">
                  <c:v>2.905152623045261E-2</c:v>
                </c:pt>
                <c:pt idx="4886">
                  <c:v>2.905152623045261E-2</c:v>
                </c:pt>
                <c:pt idx="4887">
                  <c:v>2.905152623045261E-2</c:v>
                </c:pt>
                <c:pt idx="4888">
                  <c:v>2.905152623045261E-2</c:v>
                </c:pt>
                <c:pt idx="4889">
                  <c:v>2.905152623045261E-2</c:v>
                </c:pt>
                <c:pt idx="4890">
                  <c:v>2.905152623045261E-2</c:v>
                </c:pt>
                <c:pt idx="4891">
                  <c:v>2.905152623045261E-2</c:v>
                </c:pt>
                <c:pt idx="4892">
                  <c:v>2.905152623045261E-2</c:v>
                </c:pt>
                <c:pt idx="4893">
                  <c:v>2.905152623045261E-2</c:v>
                </c:pt>
                <c:pt idx="4894">
                  <c:v>2.905152623045261E-2</c:v>
                </c:pt>
                <c:pt idx="4895">
                  <c:v>2.905152623045261E-2</c:v>
                </c:pt>
                <c:pt idx="4896">
                  <c:v>7.0173472484240079E-2</c:v>
                </c:pt>
                <c:pt idx="4897">
                  <c:v>7.0173472484240079E-2</c:v>
                </c:pt>
                <c:pt idx="4898">
                  <c:v>7.0173472484240079E-2</c:v>
                </c:pt>
                <c:pt idx="4899">
                  <c:v>7.0173472484240079E-2</c:v>
                </c:pt>
                <c:pt idx="4900">
                  <c:v>7.0173472484240079E-2</c:v>
                </c:pt>
                <c:pt idx="4901">
                  <c:v>7.0173472484240079E-2</c:v>
                </c:pt>
                <c:pt idx="4902">
                  <c:v>7.0173472484240079E-2</c:v>
                </c:pt>
                <c:pt idx="4903">
                  <c:v>0.29893899278286279</c:v>
                </c:pt>
                <c:pt idx="4904">
                  <c:v>0.33630636688072058</c:v>
                </c:pt>
                <c:pt idx="4905">
                  <c:v>0.37367374097857853</c:v>
                </c:pt>
                <c:pt idx="4906">
                  <c:v>0.37367374097857853</c:v>
                </c:pt>
                <c:pt idx="4907">
                  <c:v>0.4484084891742941</c:v>
                </c:pt>
                <c:pt idx="4908">
                  <c:v>0.4484084891742941</c:v>
                </c:pt>
                <c:pt idx="4909">
                  <c:v>0.29893899278286279</c:v>
                </c:pt>
                <c:pt idx="4910">
                  <c:v>0.4484084891742941</c:v>
                </c:pt>
                <c:pt idx="4911">
                  <c:v>0.4484084891742941</c:v>
                </c:pt>
                <c:pt idx="4912">
                  <c:v>0.26157161868500489</c:v>
                </c:pt>
                <c:pt idx="4913">
                  <c:v>7.4734748195715697E-2</c:v>
                </c:pt>
                <c:pt idx="4914">
                  <c:v>7.3682146108452085E-2</c:v>
                </c:pt>
                <c:pt idx="4915">
                  <c:v>7.3682146108452085E-2</c:v>
                </c:pt>
                <c:pt idx="4916">
                  <c:v>7.3682146108452085E-2</c:v>
                </c:pt>
                <c:pt idx="4917">
                  <c:v>7.3682146108452085E-2</c:v>
                </c:pt>
                <c:pt idx="4918">
                  <c:v>7.3682146108452085E-2</c:v>
                </c:pt>
                <c:pt idx="4919">
                  <c:v>7.3682146108452085E-2</c:v>
                </c:pt>
                <c:pt idx="4920">
                  <c:v>4.9376210790464906E-2</c:v>
                </c:pt>
                <c:pt idx="4921">
                  <c:v>7.5239940252137011E-2</c:v>
                </c:pt>
                <c:pt idx="4922">
                  <c:v>7.5239940252137011E-2</c:v>
                </c:pt>
                <c:pt idx="4923">
                  <c:v>7.5239940252137011E-2</c:v>
                </c:pt>
                <c:pt idx="4924">
                  <c:v>7.5239940252137011E-2</c:v>
                </c:pt>
                <c:pt idx="4925">
                  <c:v>7.5239940252137011E-2</c:v>
                </c:pt>
                <c:pt idx="4926">
                  <c:v>7.5239940252137011E-2</c:v>
                </c:pt>
                <c:pt idx="4927">
                  <c:v>0.317183373125415</c:v>
                </c:pt>
                <c:pt idx="4928">
                  <c:v>0.35390986896098942</c:v>
                </c:pt>
                <c:pt idx="4929">
                  <c:v>0.39063636479656383</c:v>
                </c:pt>
                <c:pt idx="4930">
                  <c:v>0.39063636479656383</c:v>
                </c:pt>
                <c:pt idx="4931">
                  <c:v>0.46742812881640111</c:v>
                </c:pt>
                <c:pt idx="4932">
                  <c:v>0.46742812881640111</c:v>
                </c:pt>
                <c:pt idx="4933">
                  <c:v>0.31050582842803787</c:v>
                </c:pt>
                <c:pt idx="4934">
                  <c:v>0.46742812881640111</c:v>
                </c:pt>
                <c:pt idx="4935">
                  <c:v>0.46742812881640111</c:v>
                </c:pt>
                <c:pt idx="4936">
                  <c:v>0.27544871876680777</c:v>
                </c:pt>
                <c:pt idx="4937">
                  <c:v>0.11756240664396406</c:v>
                </c:pt>
                <c:pt idx="4938">
                  <c:v>7.7591188385016274E-2</c:v>
                </c:pt>
                <c:pt idx="4939">
                  <c:v>7.7591188385016274E-2</c:v>
                </c:pt>
                <c:pt idx="4940">
                  <c:v>7.7591188385016274E-2</c:v>
                </c:pt>
                <c:pt idx="4941">
                  <c:v>7.7591188385016274E-2</c:v>
                </c:pt>
                <c:pt idx="4942">
                  <c:v>7.7591188385016274E-2</c:v>
                </c:pt>
                <c:pt idx="4943">
                  <c:v>7.7591188385016274E-2</c:v>
                </c:pt>
                <c:pt idx="4944">
                  <c:v>7.8571603704950921E-2</c:v>
                </c:pt>
                <c:pt idx="4945">
                  <c:v>7.8571603704950921E-2</c:v>
                </c:pt>
                <c:pt idx="4946">
                  <c:v>7.8571603704950921E-2</c:v>
                </c:pt>
                <c:pt idx="4947">
                  <c:v>7.8571603704950921E-2</c:v>
                </c:pt>
                <c:pt idx="4948">
                  <c:v>7.8571603704950921E-2</c:v>
                </c:pt>
                <c:pt idx="4949">
                  <c:v>7.8571603704950921E-2</c:v>
                </c:pt>
                <c:pt idx="4950">
                  <c:v>7.8571603704950921E-2</c:v>
                </c:pt>
                <c:pt idx="4951">
                  <c:v>0.32119119211508718</c:v>
                </c:pt>
                <c:pt idx="4952">
                  <c:v>0.35838175120209737</c:v>
                </c:pt>
                <c:pt idx="4953">
                  <c:v>0.39557231028910733</c:v>
                </c:pt>
                <c:pt idx="4954">
                  <c:v>0.39557231028910733</c:v>
                </c:pt>
                <c:pt idx="4955">
                  <c:v>0.47333438838012842</c:v>
                </c:pt>
                <c:pt idx="4956">
                  <c:v>0.47333438838012842</c:v>
                </c:pt>
                <c:pt idx="4957">
                  <c:v>0.31442927228108536</c:v>
                </c:pt>
                <c:pt idx="4958">
                  <c:v>0.47333438838012842</c:v>
                </c:pt>
                <c:pt idx="4959">
                  <c:v>0.47333438838012842</c:v>
                </c:pt>
                <c:pt idx="4960">
                  <c:v>0.27892919315257569</c:v>
                </c:pt>
                <c:pt idx="4961">
                  <c:v>0.11904788440144076</c:v>
                </c:pt>
                <c:pt idx="4962">
                  <c:v>7.8571603704950921E-2</c:v>
                </c:pt>
                <c:pt idx="4963">
                  <c:v>7.8571603704950921E-2</c:v>
                </c:pt>
                <c:pt idx="4964">
                  <c:v>7.8571603704950921E-2</c:v>
                </c:pt>
                <c:pt idx="4965">
                  <c:v>7.8571603704950921E-2</c:v>
                </c:pt>
                <c:pt idx="4966">
                  <c:v>7.8571603704950921E-2</c:v>
                </c:pt>
                <c:pt idx="4967">
                  <c:v>7.8571603704950921E-2</c:v>
                </c:pt>
                <c:pt idx="4968">
                  <c:v>7.8087836847905961E-2</c:v>
                </c:pt>
                <c:pt idx="4969">
                  <c:v>7.8087836847905961E-2</c:v>
                </c:pt>
                <c:pt idx="4970">
                  <c:v>7.8087836847905961E-2</c:v>
                </c:pt>
                <c:pt idx="4971">
                  <c:v>7.8087836847905961E-2</c:v>
                </c:pt>
                <c:pt idx="4972">
                  <c:v>7.8087836847905961E-2</c:v>
                </c:pt>
                <c:pt idx="4973">
                  <c:v>7.8087836847905961E-2</c:v>
                </c:pt>
                <c:pt idx="4974">
                  <c:v>7.8087836847905961E-2</c:v>
                </c:pt>
                <c:pt idx="4975">
                  <c:v>0.31921361184189434</c:v>
                </c:pt>
                <c:pt idx="4976">
                  <c:v>0.3561751879499031</c:v>
                </c:pt>
                <c:pt idx="4977">
                  <c:v>0.39313676405791192</c:v>
                </c:pt>
                <c:pt idx="4978">
                  <c:v>0.39313676405791192</c:v>
                </c:pt>
                <c:pt idx="4979">
                  <c:v>0.4704200595564757</c:v>
                </c:pt>
                <c:pt idx="4980">
                  <c:v>0.4704200595564757</c:v>
                </c:pt>
                <c:pt idx="4981">
                  <c:v>0.31249332527680174</c:v>
                </c:pt>
                <c:pt idx="4982">
                  <c:v>0.4704200595564757</c:v>
                </c:pt>
                <c:pt idx="4983">
                  <c:v>0.4704200595564757</c:v>
                </c:pt>
                <c:pt idx="4984">
                  <c:v>0.27721182081006601</c:v>
                </c:pt>
                <c:pt idx="4985">
                  <c:v>0.11831490431500902</c:v>
                </c:pt>
                <c:pt idx="4986">
                  <c:v>7.8087836847905961E-2</c:v>
                </c:pt>
                <c:pt idx="4987">
                  <c:v>7.8087836847905961E-2</c:v>
                </c:pt>
                <c:pt idx="4988">
                  <c:v>7.8087836847905961E-2</c:v>
                </c:pt>
                <c:pt idx="4989">
                  <c:v>7.8087836847905961E-2</c:v>
                </c:pt>
                <c:pt idx="4990">
                  <c:v>7.8087836847905961E-2</c:v>
                </c:pt>
                <c:pt idx="4991">
                  <c:v>7.8087836847905961E-2</c:v>
                </c:pt>
                <c:pt idx="4992">
                  <c:v>0.11529789323148307</c:v>
                </c:pt>
                <c:pt idx="4993">
                  <c:v>6.9877511049383667E-2</c:v>
                </c:pt>
                <c:pt idx="4994">
                  <c:v>6.9877511049383667E-2</c:v>
                </c:pt>
                <c:pt idx="4995">
                  <c:v>6.9877511049383667E-2</c:v>
                </c:pt>
                <c:pt idx="4996">
                  <c:v>6.9877511049383667E-2</c:v>
                </c:pt>
                <c:pt idx="4997">
                  <c:v>6.9877511049383667E-2</c:v>
                </c:pt>
                <c:pt idx="4998">
                  <c:v>6.9877511049383667E-2</c:v>
                </c:pt>
                <c:pt idx="4999">
                  <c:v>0.29767819707037446</c:v>
                </c:pt>
                <c:pt idx="5000">
                  <c:v>0.37209774633796799</c:v>
                </c:pt>
                <c:pt idx="5001">
                  <c:v>0.40930752097176482</c:v>
                </c:pt>
                <c:pt idx="5002">
                  <c:v>0.40930752097176482</c:v>
                </c:pt>
                <c:pt idx="5003">
                  <c:v>0.48372707023935846</c:v>
                </c:pt>
                <c:pt idx="5004">
                  <c:v>0.48372707023935846</c:v>
                </c:pt>
                <c:pt idx="5005">
                  <c:v>0.33488797170417117</c:v>
                </c:pt>
                <c:pt idx="5006">
                  <c:v>0.48372707023935846</c:v>
                </c:pt>
                <c:pt idx="5007">
                  <c:v>0.37209774633796799</c:v>
                </c:pt>
                <c:pt idx="5008">
                  <c:v>0.17469377762345914</c:v>
                </c:pt>
                <c:pt idx="5009">
                  <c:v>0.11529789323148307</c:v>
                </c:pt>
                <c:pt idx="5010">
                  <c:v>7.3371386601852828E-2</c:v>
                </c:pt>
                <c:pt idx="5011">
                  <c:v>6.9877511049383667E-2</c:v>
                </c:pt>
                <c:pt idx="5012">
                  <c:v>6.9877511049383667E-2</c:v>
                </c:pt>
                <c:pt idx="5013">
                  <c:v>6.9877511049383667E-2</c:v>
                </c:pt>
                <c:pt idx="5014">
                  <c:v>6.9877511049383667E-2</c:v>
                </c:pt>
                <c:pt idx="5015">
                  <c:v>6.9877511049383667E-2</c:v>
                </c:pt>
                <c:pt idx="5016">
                  <c:v>3.2075174384225892E-2</c:v>
                </c:pt>
                <c:pt idx="5017">
                  <c:v>2.8867656945803302E-2</c:v>
                </c:pt>
                <c:pt idx="5018">
                  <c:v>2.8867656945803302E-2</c:v>
                </c:pt>
                <c:pt idx="5019">
                  <c:v>2.8867656945803302E-2</c:v>
                </c:pt>
                <c:pt idx="5020">
                  <c:v>2.8867656945803302E-2</c:v>
                </c:pt>
                <c:pt idx="5021">
                  <c:v>2.8867656945803302E-2</c:v>
                </c:pt>
                <c:pt idx="5022">
                  <c:v>2.8867656945803302E-2</c:v>
                </c:pt>
                <c:pt idx="5023">
                  <c:v>2.8867656945803302E-2</c:v>
                </c:pt>
                <c:pt idx="5024">
                  <c:v>2.8867656945803302E-2</c:v>
                </c:pt>
                <c:pt idx="5025">
                  <c:v>2.8867656945803302E-2</c:v>
                </c:pt>
                <c:pt idx="5026">
                  <c:v>2.8867656945803302E-2</c:v>
                </c:pt>
                <c:pt idx="5027">
                  <c:v>2.8867656945803302E-2</c:v>
                </c:pt>
                <c:pt idx="5028">
                  <c:v>2.8867656945803302E-2</c:v>
                </c:pt>
                <c:pt idx="5029">
                  <c:v>2.8867656945803302E-2</c:v>
                </c:pt>
                <c:pt idx="5030">
                  <c:v>2.8867656945803302E-2</c:v>
                </c:pt>
                <c:pt idx="5031">
                  <c:v>2.8867656945803302E-2</c:v>
                </c:pt>
                <c:pt idx="5032">
                  <c:v>2.8867656945803302E-2</c:v>
                </c:pt>
                <c:pt idx="5033">
                  <c:v>2.8867656945803302E-2</c:v>
                </c:pt>
                <c:pt idx="5034">
                  <c:v>2.8867656945803302E-2</c:v>
                </c:pt>
                <c:pt idx="5035">
                  <c:v>2.8867656945803302E-2</c:v>
                </c:pt>
                <c:pt idx="5036">
                  <c:v>2.8867656945803302E-2</c:v>
                </c:pt>
                <c:pt idx="5037">
                  <c:v>2.8867656945803302E-2</c:v>
                </c:pt>
                <c:pt idx="5038">
                  <c:v>2.8867656945803302E-2</c:v>
                </c:pt>
                <c:pt idx="5039">
                  <c:v>2.8867656945803302E-2</c:v>
                </c:pt>
                <c:pt idx="5040">
                  <c:v>2.9242372584369729E-2</c:v>
                </c:pt>
                <c:pt idx="5041">
                  <c:v>2.9242372584369729E-2</c:v>
                </c:pt>
                <c:pt idx="5042">
                  <c:v>2.9242372584369729E-2</c:v>
                </c:pt>
                <c:pt idx="5043">
                  <c:v>2.9242372584369729E-2</c:v>
                </c:pt>
                <c:pt idx="5044">
                  <c:v>2.9242372584369729E-2</c:v>
                </c:pt>
                <c:pt idx="5045">
                  <c:v>2.9242372584369729E-2</c:v>
                </c:pt>
                <c:pt idx="5046">
                  <c:v>2.9242372584369729E-2</c:v>
                </c:pt>
                <c:pt idx="5047">
                  <c:v>2.9242372584369729E-2</c:v>
                </c:pt>
                <c:pt idx="5048">
                  <c:v>2.9242372584369729E-2</c:v>
                </c:pt>
                <c:pt idx="5049">
                  <c:v>2.9242372584369729E-2</c:v>
                </c:pt>
                <c:pt idx="5050">
                  <c:v>2.9242372584369729E-2</c:v>
                </c:pt>
                <c:pt idx="5051">
                  <c:v>2.9242372584369729E-2</c:v>
                </c:pt>
                <c:pt idx="5052">
                  <c:v>2.9242372584369729E-2</c:v>
                </c:pt>
                <c:pt idx="5053">
                  <c:v>2.9242372584369729E-2</c:v>
                </c:pt>
                <c:pt idx="5054">
                  <c:v>2.9242372584369729E-2</c:v>
                </c:pt>
                <c:pt idx="5055">
                  <c:v>2.9242372584369729E-2</c:v>
                </c:pt>
                <c:pt idx="5056">
                  <c:v>2.9242372584369729E-2</c:v>
                </c:pt>
                <c:pt idx="5057">
                  <c:v>2.9242372584369729E-2</c:v>
                </c:pt>
                <c:pt idx="5058">
                  <c:v>2.9242372584369729E-2</c:v>
                </c:pt>
                <c:pt idx="5059">
                  <c:v>2.9242372584369729E-2</c:v>
                </c:pt>
                <c:pt idx="5060">
                  <c:v>2.9242372584369729E-2</c:v>
                </c:pt>
                <c:pt idx="5061">
                  <c:v>2.9242372584369729E-2</c:v>
                </c:pt>
                <c:pt idx="5062">
                  <c:v>2.9242372584369729E-2</c:v>
                </c:pt>
                <c:pt idx="5063">
                  <c:v>2.9242372584369729E-2</c:v>
                </c:pt>
                <c:pt idx="5064">
                  <c:v>7.3190862546678781E-2</c:v>
                </c:pt>
                <c:pt idx="5065">
                  <c:v>7.3190862546678781E-2</c:v>
                </c:pt>
                <c:pt idx="5066">
                  <c:v>7.3190862546678781E-2</c:v>
                </c:pt>
                <c:pt idx="5067">
                  <c:v>7.3190862546678781E-2</c:v>
                </c:pt>
                <c:pt idx="5068">
                  <c:v>7.3190862546678781E-2</c:v>
                </c:pt>
                <c:pt idx="5069">
                  <c:v>7.3190862546678781E-2</c:v>
                </c:pt>
                <c:pt idx="5070">
                  <c:v>7.3190862546678781E-2</c:v>
                </c:pt>
                <c:pt idx="5071">
                  <c:v>0.31179307444885151</c:v>
                </c:pt>
                <c:pt idx="5072">
                  <c:v>0.35076720875495793</c:v>
                </c:pt>
                <c:pt idx="5073">
                  <c:v>0.38974134306106445</c:v>
                </c:pt>
                <c:pt idx="5074">
                  <c:v>0.38974134306106445</c:v>
                </c:pt>
                <c:pt idx="5075">
                  <c:v>0.46768961167327727</c:v>
                </c:pt>
                <c:pt idx="5076">
                  <c:v>0.46768961167327727</c:v>
                </c:pt>
                <c:pt idx="5077">
                  <c:v>0.31179307444885151</c:v>
                </c:pt>
                <c:pt idx="5078">
                  <c:v>0.46768961167327727</c:v>
                </c:pt>
                <c:pt idx="5079">
                  <c:v>0.46768961167327727</c:v>
                </c:pt>
                <c:pt idx="5080">
                  <c:v>0.27281894014274505</c:v>
                </c:pt>
                <c:pt idx="5081">
                  <c:v>7.7948268612212879E-2</c:v>
                </c:pt>
                <c:pt idx="5082">
                  <c:v>7.6850405674012717E-2</c:v>
                </c:pt>
                <c:pt idx="5083">
                  <c:v>7.6850405674012717E-2</c:v>
                </c:pt>
                <c:pt idx="5084">
                  <c:v>7.6850405674012717E-2</c:v>
                </c:pt>
                <c:pt idx="5085">
                  <c:v>7.6850405674012717E-2</c:v>
                </c:pt>
                <c:pt idx="5086">
                  <c:v>7.6850405674012717E-2</c:v>
                </c:pt>
                <c:pt idx="5087">
                  <c:v>7.6850405674012717E-2</c:v>
                </c:pt>
                <c:pt idx="5088">
                  <c:v>4.9492633906259867E-2</c:v>
                </c:pt>
                <c:pt idx="5089">
                  <c:v>7.5417346904776972E-2</c:v>
                </c:pt>
                <c:pt idx="5090">
                  <c:v>7.5417346904776972E-2</c:v>
                </c:pt>
                <c:pt idx="5091">
                  <c:v>7.5417346904776972E-2</c:v>
                </c:pt>
                <c:pt idx="5092">
                  <c:v>7.5417346904776972E-2</c:v>
                </c:pt>
                <c:pt idx="5093">
                  <c:v>7.5417346904776972E-2</c:v>
                </c:pt>
                <c:pt idx="5094">
                  <c:v>7.5417346904776972E-2</c:v>
                </c:pt>
                <c:pt idx="5095">
                  <c:v>0.31793125304545028</c:v>
                </c:pt>
                <c:pt idx="5096">
                  <c:v>0.3547443455033446</c:v>
                </c:pt>
                <c:pt idx="5097">
                  <c:v>0.39155743796123887</c:v>
                </c:pt>
                <c:pt idx="5098">
                  <c:v>0.39155743796123887</c:v>
                </c:pt>
                <c:pt idx="5099">
                  <c:v>0.46853026764592687</c:v>
                </c:pt>
                <c:pt idx="5100">
                  <c:v>0.46853026764592687</c:v>
                </c:pt>
                <c:pt idx="5101">
                  <c:v>0.31123796350765137</c:v>
                </c:pt>
                <c:pt idx="5102">
                  <c:v>0.46853026764592687</c:v>
                </c:pt>
                <c:pt idx="5103">
                  <c:v>0.46853026764592687</c:v>
                </c:pt>
                <c:pt idx="5104">
                  <c:v>0.27609819343420683</c:v>
                </c:pt>
                <c:pt idx="5105">
                  <c:v>0.11783960453871399</c:v>
                </c:pt>
                <c:pt idx="5106">
                  <c:v>7.7774138995551245E-2</c:v>
                </c:pt>
                <c:pt idx="5107">
                  <c:v>7.7774138995551245E-2</c:v>
                </c:pt>
                <c:pt idx="5108">
                  <c:v>7.7774138995551245E-2</c:v>
                </c:pt>
                <c:pt idx="5109">
                  <c:v>7.7774138995551245E-2</c:v>
                </c:pt>
                <c:pt idx="5110">
                  <c:v>7.7774138995551245E-2</c:v>
                </c:pt>
                <c:pt idx="5111">
                  <c:v>7.7774138995551245E-2</c:v>
                </c:pt>
                <c:pt idx="5112">
                  <c:v>7.6455123705379158E-2</c:v>
                </c:pt>
                <c:pt idx="5113">
                  <c:v>7.6455123705379158E-2</c:v>
                </c:pt>
                <c:pt idx="5114">
                  <c:v>7.6455123705379158E-2</c:v>
                </c:pt>
                <c:pt idx="5115">
                  <c:v>7.6455123705379158E-2</c:v>
                </c:pt>
                <c:pt idx="5116">
                  <c:v>7.6455123705379158E-2</c:v>
                </c:pt>
                <c:pt idx="5117">
                  <c:v>7.6455123705379158E-2</c:v>
                </c:pt>
                <c:pt idx="5118">
                  <c:v>7.6455123705379158E-2</c:v>
                </c:pt>
                <c:pt idx="5119">
                  <c:v>0.31253927841986817</c:v>
                </c:pt>
                <c:pt idx="5120">
                  <c:v>0.34872803697374766</c:v>
                </c:pt>
                <c:pt idx="5121">
                  <c:v>0.38491679552762714</c:v>
                </c:pt>
                <c:pt idx="5122">
                  <c:v>0.38491679552762714</c:v>
                </c:pt>
                <c:pt idx="5123">
                  <c:v>0.46058419977664783</c:v>
                </c:pt>
                <c:pt idx="5124">
                  <c:v>0.46058419977664783</c:v>
                </c:pt>
                <c:pt idx="5125">
                  <c:v>0.30595950413734463</c:v>
                </c:pt>
                <c:pt idx="5126">
                  <c:v>0.46058419977664783</c:v>
                </c:pt>
                <c:pt idx="5127">
                  <c:v>0.46058419977664783</c:v>
                </c:pt>
                <c:pt idx="5128">
                  <c:v>0.27141568915409608</c:v>
                </c:pt>
                <c:pt idx="5129">
                  <c:v>0.11584109652330177</c:v>
                </c:pt>
                <c:pt idx="5130">
                  <c:v>7.6455123705379158E-2</c:v>
                </c:pt>
                <c:pt idx="5131">
                  <c:v>7.6455123705379158E-2</c:v>
                </c:pt>
                <c:pt idx="5132">
                  <c:v>7.6455123705379158E-2</c:v>
                </c:pt>
                <c:pt idx="5133">
                  <c:v>7.6455123705379158E-2</c:v>
                </c:pt>
                <c:pt idx="5134">
                  <c:v>7.6455123705379158E-2</c:v>
                </c:pt>
                <c:pt idx="5135">
                  <c:v>7.6455123705379158E-2</c:v>
                </c:pt>
                <c:pt idx="5136">
                  <c:v>7.6515594562509781E-2</c:v>
                </c:pt>
                <c:pt idx="5137">
                  <c:v>7.6515594562509781E-2</c:v>
                </c:pt>
                <c:pt idx="5138">
                  <c:v>7.6515594562509781E-2</c:v>
                </c:pt>
                <c:pt idx="5139">
                  <c:v>7.6515594562509781E-2</c:v>
                </c:pt>
                <c:pt idx="5140">
                  <c:v>7.6515594562509781E-2</c:v>
                </c:pt>
                <c:pt idx="5141">
                  <c:v>7.6515594562509781E-2</c:v>
                </c:pt>
                <c:pt idx="5142">
                  <c:v>7.6515594562509781E-2</c:v>
                </c:pt>
                <c:pt idx="5143">
                  <c:v>0.31278647595401721</c:v>
                </c:pt>
                <c:pt idx="5144">
                  <c:v>0.34900385738027195</c:v>
                </c:pt>
                <c:pt idx="5145">
                  <c:v>0.38522123880652648</c:v>
                </c:pt>
                <c:pt idx="5146">
                  <c:v>0.38522123880652648</c:v>
                </c:pt>
                <c:pt idx="5147">
                  <c:v>0.46094849087960432</c:v>
                </c:pt>
                <c:pt idx="5148">
                  <c:v>0.46094849087960432</c:v>
                </c:pt>
                <c:pt idx="5149">
                  <c:v>0.30620149751288006</c:v>
                </c:pt>
                <c:pt idx="5150">
                  <c:v>0.46094849087960432</c:v>
                </c:pt>
                <c:pt idx="5151">
                  <c:v>0.46094849087960432</c:v>
                </c:pt>
                <c:pt idx="5152">
                  <c:v>0.27163036069690971</c:v>
                </c:pt>
                <c:pt idx="5153">
                  <c:v>0.11593271903410574</c:v>
                </c:pt>
                <c:pt idx="5154">
                  <c:v>7.6515594562509781E-2</c:v>
                </c:pt>
                <c:pt idx="5155">
                  <c:v>7.6515594562509781E-2</c:v>
                </c:pt>
                <c:pt idx="5156">
                  <c:v>7.6515594562509781E-2</c:v>
                </c:pt>
                <c:pt idx="5157">
                  <c:v>7.6515594562509781E-2</c:v>
                </c:pt>
                <c:pt idx="5158">
                  <c:v>7.6515594562509781E-2</c:v>
                </c:pt>
                <c:pt idx="5159">
                  <c:v>7.6515594562509781E-2</c:v>
                </c:pt>
                <c:pt idx="5160">
                  <c:v>0.12010455230149741</c:v>
                </c:pt>
                <c:pt idx="5161">
                  <c:v>7.2790637758483281E-2</c:v>
                </c:pt>
                <c:pt idx="5162">
                  <c:v>7.2790637758483281E-2</c:v>
                </c:pt>
                <c:pt idx="5163">
                  <c:v>7.2790637758483281E-2</c:v>
                </c:pt>
                <c:pt idx="5164">
                  <c:v>7.2790637758483281E-2</c:v>
                </c:pt>
                <c:pt idx="5165">
                  <c:v>7.2790637758483281E-2</c:v>
                </c:pt>
                <c:pt idx="5166">
                  <c:v>7.2790637758483281E-2</c:v>
                </c:pt>
                <c:pt idx="5167">
                  <c:v>0.3100881168511388</c:v>
                </c:pt>
                <c:pt idx="5168">
                  <c:v>0.38761014606392352</c:v>
                </c:pt>
                <c:pt idx="5169">
                  <c:v>0.42637116067031583</c:v>
                </c:pt>
                <c:pt idx="5170">
                  <c:v>0.42637116067031583</c:v>
                </c:pt>
                <c:pt idx="5171">
                  <c:v>0.50389318988310061</c:v>
                </c:pt>
                <c:pt idx="5172">
                  <c:v>0.50389318988310061</c:v>
                </c:pt>
                <c:pt idx="5173">
                  <c:v>0.34884913145753116</c:v>
                </c:pt>
                <c:pt idx="5174">
                  <c:v>0.50389318988310061</c:v>
                </c:pt>
                <c:pt idx="5175">
                  <c:v>0.38761014606392352</c:v>
                </c:pt>
                <c:pt idx="5176">
                  <c:v>0.18197659439620822</c:v>
                </c:pt>
                <c:pt idx="5177">
                  <c:v>0.12010455230149741</c:v>
                </c:pt>
                <c:pt idx="5178">
                  <c:v>7.6430169646407448E-2</c:v>
                </c:pt>
                <c:pt idx="5179">
                  <c:v>7.2790637758483281E-2</c:v>
                </c:pt>
                <c:pt idx="5180">
                  <c:v>7.2790637758483281E-2</c:v>
                </c:pt>
                <c:pt idx="5181">
                  <c:v>7.2790637758483281E-2</c:v>
                </c:pt>
                <c:pt idx="5182">
                  <c:v>7.2790637758483281E-2</c:v>
                </c:pt>
                <c:pt idx="5183">
                  <c:v>7.2790637758483281E-2</c:v>
                </c:pt>
                <c:pt idx="5184">
                  <c:v>3.2919471618144916E-2</c:v>
                </c:pt>
                <c:pt idx="5185">
                  <c:v>2.9627524456330424E-2</c:v>
                </c:pt>
                <c:pt idx="5186">
                  <c:v>2.9627524456330424E-2</c:v>
                </c:pt>
                <c:pt idx="5187">
                  <c:v>2.9627524456330424E-2</c:v>
                </c:pt>
                <c:pt idx="5188">
                  <c:v>2.9627524456330424E-2</c:v>
                </c:pt>
                <c:pt idx="5189">
                  <c:v>2.9627524456330424E-2</c:v>
                </c:pt>
                <c:pt idx="5190">
                  <c:v>2.9627524456330424E-2</c:v>
                </c:pt>
                <c:pt idx="5191">
                  <c:v>2.9627524456330424E-2</c:v>
                </c:pt>
                <c:pt idx="5192">
                  <c:v>2.9627524456330424E-2</c:v>
                </c:pt>
                <c:pt idx="5193">
                  <c:v>2.9627524456330424E-2</c:v>
                </c:pt>
                <c:pt idx="5194">
                  <c:v>2.9627524456330424E-2</c:v>
                </c:pt>
                <c:pt idx="5195">
                  <c:v>2.9627524456330424E-2</c:v>
                </c:pt>
                <c:pt idx="5196">
                  <c:v>2.9627524456330424E-2</c:v>
                </c:pt>
                <c:pt idx="5197">
                  <c:v>2.9627524456330424E-2</c:v>
                </c:pt>
                <c:pt idx="5198">
                  <c:v>2.9627524456330424E-2</c:v>
                </c:pt>
                <c:pt idx="5199">
                  <c:v>2.9627524456330424E-2</c:v>
                </c:pt>
                <c:pt idx="5200">
                  <c:v>2.9627524456330424E-2</c:v>
                </c:pt>
                <c:pt idx="5201">
                  <c:v>2.9627524456330424E-2</c:v>
                </c:pt>
                <c:pt idx="5202">
                  <c:v>2.9627524456330424E-2</c:v>
                </c:pt>
                <c:pt idx="5203">
                  <c:v>2.9627524456330424E-2</c:v>
                </c:pt>
                <c:pt idx="5204">
                  <c:v>2.9627524456330424E-2</c:v>
                </c:pt>
                <c:pt idx="5205">
                  <c:v>2.9627524456330424E-2</c:v>
                </c:pt>
                <c:pt idx="5206">
                  <c:v>2.9627524456330424E-2</c:v>
                </c:pt>
                <c:pt idx="5207">
                  <c:v>2.9627524456330424E-2</c:v>
                </c:pt>
                <c:pt idx="5208">
                  <c:v>2.9845045280950076E-2</c:v>
                </c:pt>
                <c:pt idx="5209">
                  <c:v>2.9845045280950076E-2</c:v>
                </c:pt>
                <c:pt idx="5210">
                  <c:v>2.9845045280950076E-2</c:v>
                </c:pt>
                <c:pt idx="5211">
                  <c:v>2.9845045280950076E-2</c:v>
                </c:pt>
                <c:pt idx="5212">
                  <c:v>2.9845045280950076E-2</c:v>
                </c:pt>
                <c:pt idx="5213">
                  <c:v>2.9845045280950076E-2</c:v>
                </c:pt>
                <c:pt idx="5214">
                  <c:v>2.9845045280950076E-2</c:v>
                </c:pt>
                <c:pt idx="5215">
                  <c:v>2.9845045280950076E-2</c:v>
                </c:pt>
                <c:pt idx="5216">
                  <c:v>2.9845045280950076E-2</c:v>
                </c:pt>
                <c:pt idx="5217">
                  <c:v>2.9845045280950076E-2</c:v>
                </c:pt>
                <c:pt idx="5218">
                  <c:v>2.9845045280950076E-2</c:v>
                </c:pt>
                <c:pt idx="5219">
                  <c:v>2.9845045280950076E-2</c:v>
                </c:pt>
                <c:pt idx="5220">
                  <c:v>2.9845045280950076E-2</c:v>
                </c:pt>
                <c:pt idx="5221">
                  <c:v>2.9845045280950076E-2</c:v>
                </c:pt>
                <c:pt idx="5222">
                  <c:v>2.9845045280950076E-2</c:v>
                </c:pt>
                <c:pt idx="5223">
                  <c:v>2.9845045280950076E-2</c:v>
                </c:pt>
                <c:pt idx="5224">
                  <c:v>2.9845045280950076E-2</c:v>
                </c:pt>
                <c:pt idx="5225">
                  <c:v>2.9845045280950076E-2</c:v>
                </c:pt>
                <c:pt idx="5226">
                  <c:v>2.9845045280950076E-2</c:v>
                </c:pt>
                <c:pt idx="5227">
                  <c:v>2.9845045280950076E-2</c:v>
                </c:pt>
                <c:pt idx="5228">
                  <c:v>2.9845045280950076E-2</c:v>
                </c:pt>
                <c:pt idx="5229">
                  <c:v>2.9845045280950076E-2</c:v>
                </c:pt>
                <c:pt idx="5230">
                  <c:v>2.9845045280950076E-2</c:v>
                </c:pt>
                <c:pt idx="5231">
                  <c:v>2.9845045280950076E-2</c:v>
                </c:pt>
                <c:pt idx="5232">
                  <c:v>7.7716947640336792E-2</c:v>
                </c:pt>
                <c:pt idx="5233">
                  <c:v>7.7716947640336792E-2</c:v>
                </c:pt>
                <c:pt idx="5234">
                  <c:v>7.7716947640336792E-2</c:v>
                </c:pt>
                <c:pt idx="5235">
                  <c:v>7.7716947640336792E-2</c:v>
                </c:pt>
                <c:pt idx="5236">
                  <c:v>7.7716947640336792E-2</c:v>
                </c:pt>
                <c:pt idx="5237">
                  <c:v>7.7716947640336792E-2</c:v>
                </c:pt>
                <c:pt idx="5238">
                  <c:v>7.7716947640336792E-2</c:v>
                </c:pt>
                <c:pt idx="5239">
                  <c:v>0.33107419694783469</c:v>
                </c:pt>
                <c:pt idx="5240">
                  <c:v>0.37245847156631406</c:v>
                </c:pt>
                <c:pt idx="5241">
                  <c:v>0.41384274618479339</c:v>
                </c:pt>
                <c:pt idx="5242">
                  <c:v>0.41384274618479339</c:v>
                </c:pt>
                <c:pt idx="5243">
                  <c:v>0.49661129542175209</c:v>
                </c:pt>
                <c:pt idx="5244">
                  <c:v>0.49661129542175209</c:v>
                </c:pt>
                <c:pt idx="5245">
                  <c:v>0.33107419694783469</c:v>
                </c:pt>
                <c:pt idx="5246">
                  <c:v>0.49661129542175209</c:v>
                </c:pt>
                <c:pt idx="5247">
                  <c:v>0.49661129542175209</c:v>
                </c:pt>
                <c:pt idx="5248">
                  <c:v>0.28968992232935531</c:v>
                </c:pt>
                <c:pt idx="5249">
                  <c:v>8.2768549236958672E-2</c:v>
                </c:pt>
                <c:pt idx="5250">
                  <c:v>8.1602795022353625E-2</c:v>
                </c:pt>
                <c:pt idx="5251">
                  <c:v>8.1602795022353625E-2</c:v>
                </c:pt>
                <c:pt idx="5252">
                  <c:v>8.1602795022353625E-2</c:v>
                </c:pt>
                <c:pt idx="5253">
                  <c:v>8.1602795022353625E-2</c:v>
                </c:pt>
                <c:pt idx="5254">
                  <c:v>8.1602795022353625E-2</c:v>
                </c:pt>
                <c:pt idx="5255">
                  <c:v>8.1602795022353625E-2</c:v>
                </c:pt>
                <c:pt idx="5256">
                  <c:v>5.0540441948414519E-2</c:v>
                </c:pt>
                <c:pt idx="5257">
                  <c:v>7.7014006778536426E-2</c:v>
                </c:pt>
                <c:pt idx="5258">
                  <c:v>7.7014006778536426E-2</c:v>
                </c:pt>
                <c:pt idx="5259">
                  <c:v>7.7014006778536426E-2</c:v>
                </c:pt>
                <c:pt idx="5260">
                  <c:v>7.7014006778536426E-2</c:v>
                </c:pt>
                <c:pt idx="5261">
                  <c:v>7.7014006778536426E-2</c:v>
                </c:pt>
                <c:pt idx="5262">
                  <c:v>7.7014006778536426E-2</c:v>
                </c:pt>
                <c:pt idx="5263">
                  <c:v>0.3246621723257675</c:v>
                </c:pt>
                <c:pt idx="5264">
                  <c:v>0.36225463438454064</c:v>
                </c:pt>
                <c:pt idx="5265">
                  <c:v>0.39984709644331373</c:v>
                </c:pt>
                <c:pt idx="5266">
                  <c:v>0.39984709644331373</c:v>
                </c:pt>
                <c:pt idx="5267">
                  <c:v>0.4784495171116574</c:v>
                </c:pt>
                <c:pt idx="5268">
                  <c:v>0.4784495171116574</c:v>
                </c:pt>
                <c:pt idx="5269">
                  <c:v>0.31782717922417236</c:v>
                </c:pt>
                <c:pt idx="5270">
                  <c:v>0.4784495171116574</c:v>
                </c:pt>
                <c:pt idx="5271">
                  <c:v>0.4784495171116574</c:v>
                </c:pt>
                <c:pt idx="5272">
                  <c:v>0.28194346544079807</c:v>
                </c:pt>
                <c:pt idx="5273">
                  <c:v>0.12033438559146314</c:v>
                </c:pt>
                <c:pt idx="5274">
                  <c:v>7.9420694490365679E-2</c:v>
                </c:pt>
                <c:pt idx="5275">
                  <c:v>7.9420694490365679E-2</c:v>
                </c:pt>
                <c:pt idx="5276">
                  <c:v>7.9420694490365679E-2</c:v>
                </c:pt>
                <c:pt idx="5277">
                  <c:v>7.9420694490365679E-2</c:v>
                </c:pt>
                <c:pt idx="5278">
                  <c:v>7.9420694490365679E-2</c:v>
                </c:pt>
                <c:pt idx="5279">
                  <c:v>7.9420694490365679E-2</c:v>
                </c:pt>
                <c:pt idx="5280">
                  <c:v>7.9176312276257127E-2</c:v>
                </c:pt>
                <c:pt idx="5281">
                  <c:v>7.9176312276257127E-2</c:v>
                </c:pt>
                <c:pt idx="5282">
                  <c:v>7.9176312276257127E-2</c:v>
                </c:pt>
                <c:pt idx="5283">
                  <c:v>7.9176312276257127E-2</c:v>
                </c:pt>
                <c:pt idx="5284">
                  <c:v>7.9176312276257127E-2</c:v>
                </c:pt>
                <c:pt idx="5285">
                  <c:v>7.9176312276257127E-2</c:v>
                </c:pt>
                <c:pt idx="5286">
                  <c:v>7.9176312276257127E-2</c:v>
                </c:pt>
                <c:pt idx="5287">
                  <c:v>0.3236631674565783</c:v>
                </c:pt>
                <c:pt idx="5288">
                  <c:v>0.36113995526734011</c:v>
                </c:pt>
                <c:pt idx="5289">
                  <c:v>0.3986167430781018</c:v>
                </c:pt>
                <c:pt idx="5290">
                  <c:v>0.3986167430781018</c:v>
                </c:pt>
                <c:pt idx="5291">
                  <c:v>0.47697729940969436</c:v>
                </c:pt>
                <c:pt idx="5292">
                  <c:v>0.47697729940969436</c:v>
                </c:pt>
                <c:pt idx="5293">
                  <c:v>0.31684920603643985</c:v>
                </c:pt>
                <c:pt idx="5294">
                  <c:v>0.47697729940969436</c:v>
                </c:pt>
                <c:pt idx="5295">
                  <c:v>0.47697729940969436</c:v>
                </c:pt>
                <c:pt idx="5296">
                  <c:v>0.28107590858071274</c:v>
                </c:pt>
                <c:pt idx="5297">
                  <c:v>0.1199641095094805</c:v>
                </c:pt>
                <c:pt idx="5298">
                  <c:v>7.9176312276257127E-2</c:v>
                </c:pt>
                <c:pt idx="5299">
                  <c:v>7.9176312276257127E-2</c:v>
                </c:pt>
                <c:pt idx="5300">
                  <c:v>7.9176312276257127E-2</c:v>
                </c:pt>
                <c:pt idx="5301">
                  <c:v>7.9176312276257127E-2</c:v>
                </c:pt>
                <c:pt idx="5302">
                  <c:v>7.9176312276257127E-2</c:v>
                </c:pt>
                <c:pt idx="5303">
                  <c:v>7.9176312276257127E-2</c:v>
                </c:pt>
                <c:pt idx="5304">
                  <c:v>7.9115841419126504E-2</c:v>
                </c:pt>
                <c:pt idx="5305">
                  <c:v>7.9115841419126504E-2</c:v>
                </c:pt>
                <c:pt idx="5306">
                  <c:v>7.9115841419126504E-2</c:v>
                </c:pt>
                <c:pt idx="5307">
                  <c:v>7.9115841419126504E-2</c:v>
                </c:pt>
                <c:pt idx="5308">
                  <c:v>7.9115841419126504E-2</c:v>
                </c:pt>
                <c:pt idx="5309">
                  <c:v>7.9115841419126504E-2</c:v>
                </c:pt>
                <c:pt idx="5310">
                  <c:v>7.9115841419126504E-2</c:v>
                </c:pt>
                <c:pt idx="5311">
                  <c:v>0.32341596992242927</c:v>
                </c:pt>
                <c:pt idx="5312">
                  <c:v>0.36086413486081581</c:v>
                </c:pt>
                <c:pt idx="5313">
                  <c:v>0.39831229979920246</c:v>
                </c:pt>
                <c:pt idx="5314">
                  <c:v>0.39831229979920246</c:v>
                </c:pt>
                <c:pt idx="5315">
                  <c:v>0.47661300830673792</c:v>
                </c:pt>
                <c:pt idx="5316">
                  <c:v>0.47661300830673792</c:v>
                </c:pt>
                <c:pt idx="5317">
                  <c:v>0.31660721266090441</c:v>
                </c:pt>
                <c:pt idx="5318">
                  <c:v>0.47661300830673792</c:v>
                </c:pt>
                <c:pt idx="5319">
                  <c:v>0.47661300830673792</c:v>
                </c:pt>
                <c:pt idx="5320">
                  <c:v>0.28086123703789911</c:v>
                </c:pt>
                <c:pt idx="5321">
                  <c:v>0.11987248699867652</c:v>
                </c:pt>
                <c:pt idx="5322">
                  <c:v>7.9115841419126504E-2</c:v>
                </c:pt>
                <c:pt idx="5323">
                  <c:v>7.9115841419126504E-2</c:v>
                </c:pt>
                <c:pt idx="5324">
                  <c:v>7.9115841419126504E-2</c:v>
                </c:pt>
                <c:pt idx="5325">
                  <c:v>7.9115841419126504E-2</c:v>
                </c:pt>
                <c:pt idx="5326">
                  <c:v>7.9115841419126504E-2</c:v>
                </c:pt>
                <c:pt idx="5327">
                  <c:v>7.9115841419126504E-2</c:v>
                </c:pt>
                <c:pt idx="5328">
                  <c:v>0.11871801603130096</c:v>
                </c:pt>
                <c:pt idx="5329">
                  <c:v>7.1950312746243E-2</c:v>
                </c:pt>
                <c:pt idx="5330">
                  <c:v>7.1950312746243E-2</c:v>
                </c:pt>
                <c:pt idx="5331">
                  <c:v>7.1950312746243E-2</c:v>
                </c:pt>
                <c:pt idx="5332">
                  <c:v>7.1950312746243E-2</c:v>
                </c:pt>
                <c:pt idx="5333">
                  <c:v>7.1950312746243E-2</c:v>
                </c:pt>
                <c:pt idx="5334">
                  <c:v>7.1950312746243E-2</c:v>
                </c:pt>
                <c:pt idx="5335">
                  <c:v>0.30650833229899521</c:v>
                </c:pt>
                <c:pt idx="5336">
                  <c:v>0.38313541537374396</c:v>
                </c:pt>
                <c:pt idx="5337">
                  <c:v>0.4214489569111185</c:v>
                </c:pt>
                <c:pt idx="5338">
                  <c:v>0.4214489569111185</c:v>
                </c:pt>
                <c:pt idx="5339">
                  <c:v>0.49807603998586736</c:v>
                </c:pt>
                <c:pt idx="5340">
                  <c:v>0.49807603998586736</c:v>
                </c:pt>
                <c:pt idx="5341">
                  <c:v>0.34482187383636964</c:v>
                </c:pt>
                <c:pt idx="5342">
                  <c:v>0.49807603998586736</c:v>
                </c:pt>
                <c:pt idx="5343">
                  <c:v>0.38313541537374396</c:v>
                </c:pt>
                <c:pt idx="5344">
                  <c:v>0.17987578186560757</c:v>
                </c:pt>
                <c:pt idx="5345">
                  <c:v>0.11871801603130096</c:v>
                </c:pt>
                <c:pt idx="5346">
                  <c:v>7.5547828383555157E-2</c:v>
                </c:pt>
                <c:pt idx="5347">
                  <c:v>7.1950312746243E-2</c:v>
                </c:pt>
                <c:pt idx="5348">
                  <c:v>7.1950312746243E-2</c:v>
                </c:pt>
                <c:pt idx="5349">
                  <c:v>7.1950312746243E-2</c:v>
                </c:pt>
                <c:pt idx="5350">
                  <c:v>7.1950312746243E-2</c:v>
                </c:pt>
                <c:pt idx="5351">
                  <c:v>7.1950312746243E-2</c:v>
                </c:pt>
                <c:pt idx="5352">
                  <c:v>3.2375122085749754E-2</c:v>
                </c:pt>
                <c:pt idx="5353">
                  <c:v>2.9137609877174779E-2</c:v>
                </c:pt>
                <c:pt idx="5354">
                  <c:v>2.9137609877174779E-2</c:v>
                </c:pt>
                <c:pt idx="5355">
                  <c:v>2.9137609877174779E-2</c:v>
                </c:pt>
                <c:pt idx="5356">
                  <c:v>2.9137609877174779E-2</c:v>
                </c:pt>
                <c:pt idx="5357">
                  <c:v>2.9137609877174779E-2</c:v>
                </c:pt>
                <c:pt idx="5358">
                  <c:v>2.9137609877174779E-2</c:v>
                </c:pt>
                <c:pt idx="5359">
                  <c:v>2.9137609877174779E-2</c:v>
                </c:pt>
                <c:pt idx="5360">
                  <c:v>2.9137609877174779E-2</c:v>
                </c:pt>
                <c:pt idx="5361">
                  <c:v>2.9137609877174779E-2</c:v>
                </c:pt>
                <c:pt idx="5362">
                  <c:v>2.9137609877174779E-2</c:v>
                </c:pt>
                <c:pt idx="5363">
                  <c:v>2.9137609877174779E-2</c:v>
                </c:pt>
                <c:pt idx="5364">
                  <c:v>2.9137609877174779E-2</c:v>
                </c:pt>
                <c:pt idx="5365">
                  <c:v>2.9137609877174779E-2</c:v>
                </c:pt>
                <c:pt idx="5366">
                  <c:v>2.9137609877174779E-2</c:v>
                </c:pt>
                <c:pt idx="5367">
                  <c:v>2.9137609877174779E-2</c:v>
                </c:pt>
                <c:pt idx="5368">
                  <c:v>2.9137609877174779E-2</c:v>
                </c:pt>
                <c:pt idx="5369">
                  <c:v>2.9137609877174779E-2</c:v>
                </c:pt>
                <c:pt idx="5370">
                  <c:v>2.9137609877174779E-2</c:v>
                </c:pt>
                <c:pt idx="5371">
                  <c:v>2.9137609877174779E-2</c:v>
                </c:pt>
                <c:pt idx="5372">
                  <c:v>2.9137609877174779E-2</c:v>
                </c:pt>
                <c:pt idx="5373">
                  <c:v>2.9137609877174779E-2</c:v>
                </c:pt>
                <c:pt idx="5374">
                  <c:v>2.9137609877174779E-2</c:v>
                </c:pt>
                <c:pt idx="5375">
                  <c:v>2.9137609877174779E-2</c:v>
                </c:pt>
                <c:pt idx="5376">
                  <c:v>2.9011348050680591E-2</c:v>
                </c:pt>
                <c:pt idx="5377">
                  <c:v>2.9011348050680591E-2</c:v>
                </c:pt>
                <c:pt idx="5378">
                  <c:v>2.9011348050680591E-2</c:v>
                </c:pt>
                <c:pt idx="5379">
                  <c:v>2.9011348050680591E-2</c:v>
                </c:pt>
                <c:pt idx="5380">
                  <c:v>2.9011348050680591E-2</c:v>
                </c:pt>
                <c:pt idx="5381">
                  <c:v>2.9011348050680591E-2</c:v>
                </c:pt>
                <c:pt idx="5382">
                  <c:v>2.9011348050680591E-2</c:v>
                </c:pt>
                <c:pt idx="5383">
                  <c:v>2.9011348050680591E-2</c:v>
                </c:pt>
                <c:pt idx="5384">
                  <c:v>2.9011348050680591E-2</c:v>
                </c:pt>
                <c:pt idx="5385">
                  <c:v>2.9011348050680591E-2</c:v>
                </c:pt>
                <c:pt idx="5386">
                  <c:v>2.9011348050680591E-2</c:v>
                </c:pt>
                <c:pt idx="5387">
                  <c:v>2.9011348050680591E-2</c:v>
                </c:pt>
                <c:pt idx="5388">
                  <c:v>2.9011348050680591E-2</c:v>
                </c:pt>
                <c:pt idx="5389">
                  <c:v>2.9011348050680591E-2</c:v>
                </c:pt>
                <c:pt idx="5390">
                  <c:v>2.9011348050680591E-2</c:v>
                </c:pt>
                <c:pt idx="5391">
                  <c:v>2.9011348050680591E-2</c:v>
                </c:pt>
                <c:pt idx="5392">
                  <c:v>2.9011348050680591E-2</c:v>
                </c:pt>
                <c:pt idx="5393">
                  <c:v>2.9011348050680591E-2</c:v>
                </c:pt>
                <c:pt idx="5394">
                  <c:v>2.9011348050680591E-2</c:v>
                </c:pt>
                <c:pt idx="5395">
                  <c:v>2.9011348050680591E-2</c:v>
                </c:pt>
                <c:pt idx="5396">
                  <c:v>2.9011348050680591E-2</c:v>
                </c:pt>
                <c:pt idx="5397">
                  <c:v>2.9011348050680591E-2</c:v>
                </c:pt>
                <c:pt idx="5398">
                  <c:v>2.9011348050680591E-2</c:v>
                </c:pt>
                <c:pt idx="5399">
                  <c:v>2.9011348050680591E-2</c:v>
                </c:pt>
                <c:pt idx="5400">
                  <c:v>7.1566114051519469E-2</c:v>
                </c:pt>
                <c:pt idx="5401">
                  <c:v>7.1566114051519469E-2</c:v>
                </c:pt>
                <c:pt idx="5402">
                  <c:v>7.1566114051519469E-2</c:v>
                </c:pt>
                <c:pt idx="5403">
                  <c:v>7.1566114051519469E-2</c:v>
                </c:pt>
                <c:pt idx="5404">
                  <c:v>7.1566114051519469E-2</c:v>
                </c:pt>
                <c:pt idx="5405">
                  <c:v>7.1566114051519469E-2</c:v>
                </c:pt>
                <c:pt idx="5406">
                  <c:v>7.1566114051519469E-2</c:v>
                </c:pt>
                <c:pt idx="5407">
                  <c:v>0.30487164585947291</c:v>
                </c:pt>
                <c:pt idx="5408">
                  <c:v>0.34298060159190707</c:v>
                </c:pt>
                <c:pt idx="5409">
                  <c:v>0.38108955732434124</c:v>
                </c:pt>
                <c:pt idx="5410">
                  <c:v>0.38108955732434124</c:v>
                </c:pt>
                <c:pt idx="5411">
                  <c:v>0.45730746878920936</c:v>
                </c:pt>
                <c:pt idx="5412">
                  <c:v>0.45730746878920936</c:v>
                </c:pt>
                <c:pt idx="5413">
                  <c:v>0.30487164585947291</c:v>
                </c:pt>
                <c:pt idx="5414">
                  <c:v>0.45730746878920936</c:v>
                </c:pt>
                <c:pt idx="5415">
                  <c:v>0.45730746878920936</c:v>
                </c:pt>
                <c:pt idx="5416">
                  <c:v>0.26676269012703885</c:v>
                </c:pt>
                <c:pt idx="5417">
                  <c:v>7.6217911464868227E-2</c:v>
                </c:pt>
                <c:pt idx="5418">
                  <c:v>7.5144419754095443E-2</c:v>
                </c:pt>
                <c:pt idx="5419">
                  <c:v>7.5144419754095443E-2</c:v>
                </c:pt>
                <c:pt idx="5420">
                  <c:v>7.5144419754095443E-2</c:v>
                </c:pt>
                <c:pt idx="5421">
                  <c:v>7.5144419754095443E-2</c:v>
                </c:pt>
                <c:pt idx="5422">
                  <c:v>7.5144419754095443E-2</c:v>
                </c:pt>
                <c:pt idx="5423">
                  <c:v>7.5144419754095443E-2</c:v>
                </c:pt>
                <c:pt idx="5424">
                  <c:v>4.7591056348275526E-2</c:v>
                </c:pt>
                <c:pt idx="5425">
                  <c:v>7.2519704911657934E-2</c:v>
                </c:pt>
                <c:pt idx="5426">
                  <c:v>7.2519704911657934E-2</c:v>
                </c:pt>
                <c:pt idx="5427">
                  <c:v>7.2519704911657934E-2</c:v>
                </c:pt>
                <c:pt idx="5428">
                  <c:v>7.2519704911657934E-2</c:v>
                </c:pt>
                <c:pt idx="5429">
                  <c:v>7.2519704911657934E-2</c:v>
                </c:pt>
                <c:pt idx="5430">
                  <c:v>7.2519704911657934E-2</c:v>
                </c:pt>
                <c:pt idx="5431">
                  <c:v>0.3057158810182079</c:v>
                </c:pt>
                <c:pt idx="5432">
                  <c:v>0.341114561978211</c:v>
                </c:pt>
                <c:pt idx="5433">
                  <c:v>0.37651324293821398</c:v>
                </c:pt>
                <c:pt idx="5434">
                  <c:v>0.37651324293821398</c:v>
                </c:pt>
                <c:pt idx="5435">
                  <c:v>0.45052866676367487</c:v>
                </c:pt>
                <c:pt idx="5436">
                  <c:v>0.45052866676367487</c:v>
                </c:pt>
                <c:pt idx="5437">
                  <c:v>0.29927975720729827</c:v>
                </c:pt>
                <c:pt idx="5438">
                  <c:v>0.45052866676367487</c:v>
                </c:pt>
                <c:pt idx="5439">
                  <c:v>0.45052866676367487</c:v>
                </c:pt>
                <c:pt idx="5440">
                  <c:v>0.2654901072000227</c:v>
                </c:pt>
                <c:pt idx="5441">
                  <c:v>0.11331203892446554</c:v>
                </c:pt>
                <c:pt idx="5442">
                  <c:v>7.4785945690147237E-2</c:v>
                </c:pt>
                <c:pt idx="5443">
                  <c:v>7.4785945690147237E-2</c:v>
                </c:pt>
                <c:pt idx="5444">
                  <c:v>7.4785945690147237E-2</c:v>
                </c:pt>
                <c:pt idx="5445">
                  <c:v>7.4785945690147237E-2</c:v>
                </c:pt>
                <c:pt idx="5446">
                  <c:v>7.4785945690147237E-2</c:v>
                </c:pt>
                <c:pt idx="5447">
                  <c:v>7.4785945690147237E-2</c:v>
                </c:pt>
                <c:pt idx="5448">
                  <c:v>7.4096760277284929E-2</c:v>
                </c:pt>
                <c:pt idx="5449">
                  <c:v>7.4096760277284929E-2</c:v>
                </c:pt>
                <c:pt idx="5450">
                  <c:v>7.4096760277284929E-2</c:v>
                </c:pt>
                <c:pt idx="5451">
                  <c:v>7.4096760277284929E-2</c:v>
                </c:pt>
                <c:pt idx="5452">
                  <c:v>7.4096760277284929E-2</c:v>
                </c:pt>
                <c:pt idx="5453">
                  <c:v>7.4096760277284929E-2</c:v>
                </c:pt>
                <c:pt idx="5454">
                  <c:v>7.4096760277284929E-2</c:v>
                </c:pt>
                <c:pt idx="5455">
                  <c:v>0.30289857458805258</c:v>
                </c:pt>
                <c:pt idx="5456">
                  <c:v>0.33797104111930087</c:v>
                </c:pt>
                <c:pt idx="5457">
                  <c:v>0.37304350765054917</c:v>
                </c:pt>
                <c:pt idx="5458">
                  <c:v>0.37304350765054917</c:v>
                </c:pt>
                <c:pt idx="5459">
                  <c:v>0.44637684676134071</c:v>
                </c:pt>
                <c:pt idx="5460">
                  <c:v>0.44637684676134071</c:v>
                </c:pt>
                <c:pt idx="5461">
                  <c:v>0.29652176249146206</c:v>
                </c:pt>
                <c:pt idx="5462">
                  <c:v>0.44637684676134071</c:v>
                </c:pt>
                <c:pt idx="5463">
                  <c:v>0.44637684676134071</c:v>
                </c:pt>
                <c:pt idx="5464">
                  <c:v>0.26304349898436147</c:v>
                </c:pt>
                <c:pt idx="5465">
                  <c:v>0.11226781860194689</c:v>
                </c:pt>
                <c:pt idx="5466">
                  <c:v>7.4096760277284929E-2</c:v>
                </c:pt>
                <c:pt idx="5467">
                  <c:v>7.4096760277284929E-2</c:v>
                </c:pt>
                <c:pt idx="5468">
                  <c:v>7.4096760277284929E-2</c:v>
                </c:pt>
                <c:pt idx="5469">
                  <c:v>7.4096760277284929E-2</c:v>
                </c:pt>
                <c:pt idx="5470">
                  <c:v>7.4096760277284929E-2</c:v>
                </c:pt>
                <c:pt idx="5471">
                  <c:v>7.4096760277284929E-2</c:v>
                </c:pt>
                <c:pt idx="5472">
                  <c:v>7.5910885991203575E-2</c:v>
                </c:pt>
                <c:pt idx="5473">
                  <c:v>7.5910885991203575E-2</c:v>
                </c:pt>
                <c:pt idx="5474">
                  <c:v>7.5910885991203575E-2</c:v>
                </c:pt>
                <c:pt idx="5475">
                  <c:v>7.5910885991203575E-2</c:v>
                </c:pt>
                <c:pt idx="5476">
                  <c:v>7.5910885991203575E-2</c:v>
                </c:pt>
                <c:pt idx="5477">
                  <c:v>7.5910885991203575E-2</c:v>
                </c:pt>
                <c:pt idx="5478">
                  <c:v>7.5910885991203575E-2</c:v>
                </c:pt>
                <c:pt idx="5479">
                  <c:v>0.31031450061252608</c:v>
                </c:pt>
                <c:pt idx="5480">
                  <c:v>0.34624565331502916</c:v>
                </c:pt>
                <c:pt idx="5481">
                  <c:v>0.38217680601753212</c:v>
                </c:pt>
                <c:pt idx="5482">
                  <c:v>0.38217680601753212</c:v>
                </c:pt>
                <c:pt idx="5483">
                  <c:v>0.4573055798500385</c:v>
                </c:pt>
                <c:pt idx="5484">
                  <c:v>0.4573055798500385</c:v>
                </c:pt>
                <c:pt idx="5485">
                  <c:v>0.30378156375752552</c:v>
                </c:pt>
                <c:pt idx="5486">
                  <c:v>0.4573055798500385</c:v>
                </c:pt>
                <c:pt idx="5487">
                  <c:v>0.4573055798500385</c:v>
                </c:pt>
                <c:pt idx="5488">
                  <c:v>0.26948364526877272</c:v>
                </c:pt>
                <c:pt idx="5489">
                  <c:v>0.11501649392606603</c:v>
                </c:pt>
                <c:pt idx="5490">
                  <c:v>7.5910885991203575E-2</c:v>
                </c:pt>
                <c:pt idx="5491">
                  <c:v>7.5910885991203575E-2</c:v>
                </c:pt>
                <c:pt idx="5492">
                  <c:v>7.5910885991203575E-2</c:v>
                </c:pt>
                <c:pt idx="5493">
                  <c:v>7.5910885991203575E-2</c:v>
                </c:pt>
                <c:pt idx="5494">
                  <c:v>7.5910885991203575E-2</c:v>
                </c:pt>
                <c:pt idx="5495">
                  <c:v>7.5910885991203575E-2</c:v>
                </c:pt>
                <c:pt idx="5496">
                  <c:v>0.11474327872340449</c:v>
                </c:pt>
                <c:pt idx="5497">
                  <c:v>6.954138104448758E-2</c:v>
                </c:pt>
                <c:pt idx="5498">
                  <c:v>6.954138104448758E-2</c:v>
                </c:pt>
                <c:pt idx="5499">
                  <c:v>6.954138104448758E-2</c:v>
                </c:pt>
                <c:pt idx="5500">
                  <c:v>6.954138104448758E-2</c:v>
                </c:pt>
                <c:pt idx="5501">
                  <c:v>6.954138104448758E-2</c:v>
                </c:pt>
                <c:pt idx="5502">
                  <c:v>6.954138104448758E-2</c:v>
                </c:pt>
                <c:pt idx="5503">
                  <c:v>0.29624628324951702</c:v>
                </c:pt>
                <c:pt idx="5504">
                  <c:v>0.37030785406189631</c:v>
                </c:pt>
                <c:pt idx="5505">
                  <c:v>0.40733863946808596</c:v>
                </c:pt>
                <c:pt idx="5506">
                  <c:v>0.40733863946808596</c:v>
                </c:pt>
                <c:pt idx="5507">
                  <c:v>0.4814002102804652</c:v>
                </c:pt>
                <c:pt idx="5508">
                  <c:v>0.4814002102804652</c:v>
                </c:pt>
                <c:pt idx="5509">
                  <c:v>0.33327706865570667</c:v>
                </c:pt>
                <c:pt idx="5510">
                  <c:v>0.4814002102804652</c:v>
                </c:pt>
                <c:pt idx="5511">
                  <c:v>0.37030785406189631</c:v>
                </c:pt>
                <c:pt idx="5512">
                  <c:v>0.17385345261121893</c:v>
                </c:pt>
                <c:pt idx="5513">
                  <c:v>0.11474327872340449</c:v>
                </c:pt>
                <c:pt idx="5514">
                  <c:v>7.3018450096711929E-2</c:v>
                </c:pt>
                <c:pt idx="5515">
                  <c:v>6.954138104448758E-2</c:v>
                </c:pt>
                <c:pt idx="5516">
                  <c:v>6.954138104448758E-2</c:v>
                </c:pt>
                <c:pt idx="5517">
                  <c:v>6.954138104448758E-2</c:v>
                </c:pt>
                <c:pt idx="5518">
                  <c:v>6.954138104448758E-2</c:v>
                </c:pt>
                <c:pt idx="5519">
                  <c:v>6.954138104448758E-2</c:v>
                </c:pt>
                <c:pt idx="5520">
                  <c:v>3.204184686183436E-2</c:v>
                </c:pt>
                <c:pt idx="5521">
                  <c:v>2.8837662175650924E-2</c:v>
                </c:pt>
                <c:pt idx="5522">
                  <c:v>2.8837662175650924E-2</c:v>
                </c:pt>
                <c:pt idx="5523">
                  <c:v>2.8837662175650924E-2</c:v>
                </c:pt>
                <c:pt idx="5524">
                  <c:v>2.8837662175650924E-2</c:v>
                </c:pt>
                <c:pt idx="5525">
                  <c:v>2.8837662175650924E-2</c:v>
                </c:pt>
                <c:pt idx="5526">
                  <c:v>2.8837662175650924E-2</c:v>
                </c:pt>
                <c:pt idx="5527">
                  <c:v>2.8837662175650924E-2</c:v>
                </c:pt>
                <c:pt idx="5528">
                  <c:v>2.8837662175650924E-2</c:v>
                </c:pt>
                <c:pt idx="5529">
                  <c:v>2.8837662175650924E-2</c:v>
                </c:pt>
                <c:pt idx="5530">
                  <c:v>2.8837662175650924E-2</c:v>
                </c:pt>
                <c:pt idx="5531">
                  <c:v>2.8837662175650924E-2</c:v>
                </c:pt>
                <c:pt idx="5532">
                  <c:v>2.8837662175650924E-2</c:v>
                </c:pt>
                <c:pt idx="5533">
                  <c:v>2.8837662175650924E-2</c:v>
                </c:pt>
                <c:pt idx="5534">
                  <c:v>2.8837662175650924E-2</c:v>
                </c:pt>
                <c:pt idx="5535">
                  <c:v>2.8837662175650924E-2</c:v>
                </c:pt>
                <c:pt idx="5536">
                  <c:v>2.8837662175650924E-2</c:v>
                </c:pt>
                <c:pt idx="5537">
                  <c:v>2.8837662175650924E-2</c:v>
                </c:pt>
                <c:pt idx="5538">
                  <c:v>2.8837662175650924E-2</c:v>
                </c:pt>
                <c:pt idx="5539">
                  <c:v>2.8837662175650924E-2</c:v>
                </c:pt>
                <c:pt idx="5540">
                  <c:v>2.8837662175650924E-2</c:v>
                </c:pt>
                <c:pt idx="5541">
                  <c:v>2.8837662175650924E-2</c:v>
                </c:pt>
                <c:pt idx="5542">
                  <c:v>2.8837662175650924E-2</c:v>
                </c:pt>
                <c:pt idx="5543">
                  <c:v>2.8837662175650924E-2</c:v>
                </c:pt>
                <c:pt idx="5544">
                  <c:v>2.8790368061934461E-2</c:v>
                </c:pt>
                <c:pt idx="5545">
                  <c:v>2.8790368061934461E-2</c:v>
                </c:pt>
                <c:pt idx="5546">
                  <c:v>2.8790368061934461E-2</c:v>
                </c:pt>
                <c:pt idx="5547">
                  <c:v>2.8790368061934461E-2</c:v>
                </c:pt>
                <c:pt idx="5548">
                  <c:v>2.8790368061934461E-2</c:v>
                </c:pt>
                <c:pt idx="5549">
                  <c:v>2.8790368061934461E-2</c:v>
                </c:pt>
                <c:pt idx="5550">
                  <c:v>2.8790368061934461E-2</c:v>
                </c:pt>
                <c:pt idx="5551">
                  <c:v>2.8790368061934461E-2</c:v>
                </c:pt>
                <c:pt idx="5552">
                  <c:v>2.8790368061934461E-2</c:v>
                </c:pt>
                <c:pt idx="5553">
                  <c:v>2.8790368061934461E-2</c:v>
                </c:pt>
                <c:pt idx="5554">
                  <c:v>2.8790368061934461E-2</c:v>
                </c:pt>
                <c:pt idx="5555">
                  <c:v>2.8790368061934461E-2</c:v>
                </c:pt>
                <c:pt idx="5556">
                  <c:v>2.8790368061934461E-2</c:v>
                </c:pt>
                <c:pt idx="5557">
                  <c:v>2.8790368061934461E-2</c:v>
                </c:pt>
                <c:pt idx="5558">
                  <c:v>2.8790368061934461E-2</c:v>
                </c:pt>
                <c:pt idx="5559">
                  <c:v>2.8790368061934461E-2</c:v>
                </c:pt>
                <c:pt idx="5560">
                  <c:v>2.8790368061934461E-2</c:v>
                </c:pt>
                <c:pt idx="5561">
                  <c:v>2.8790368061934461E-2</c:v>
                </c:pt>
                <c:pt idx="5562">
                  <c:v>2.8790368061934461E-2</c:v>
                </c:pt>
                <c:pt idx="5563">
                  <c:v>2.8790368061934461E-2</c:v>
                </c:pt>
                <c:pt idx="5564">
                  <c:v>2.8790368061934461E-2</c:v>
                </c:pt>
                <c:pt idx="5565">
                  <c:v>2.8790368061934461E-2</c:v>
                </c:pt>
                <c:pt idx="5566">
                  <c:v>2.8790368061934461E-2</c:v>
                </c:pt>
                <c:pt idx="5567">
                  <c:v>2.8790368061934461E-2</c:v>
                </c:pt>
                <c:pt idx="5568">
                  <c:v>6.9767285360450265E-2</c:v>
                </c:pt>
                <c:pt idx="5569">
                  <c:v>6.9767285360450265E-2</c:v>
                </c:pt>
                <c:pt idx="5570">
                  <c:v>6.9767285360450265E-2</c:v>
                </c:pt>
                <c:pt idx="5571">
                  <c:v>6.9767285360450265E-2</c:v>
                </c:pt>
                <c:pt idx="5572">
                  <c:v>6.9767285360450265E-2</c:v>
                </c:pt>
                <c:pt idx="5573">
                  <c:v>6.9767285360450265E-2</c:v>
                </c:pt>
                <c:pt idx="5574">
                  <c:v>6.9767285360450265E-2</c:v>
                </c:pt>
                <c:pt idx="5575">
                  <c:v>0.29720863563551819</c:v>
                </c:pt>
                <c:pt idx="5576">
                  <c:v>0.33435971508995799</c:v>
                </c:pt>
                <c:pt idx="5577">
                  <c:v>0.37151079454439762</c:v>
                </c:pt>
                <c:pt idx="5578">
                  <c:v>0.37151079454439762</c:v>
                </c:pt>
                <c:pt idx="5579">
                  <c:v>0.44581295345327709</c:v>
                </c:pt>
                <c:pt idx="5580">
                  <c:v>0.44581295345327709</c:v>
                </c:pt>
                <c:pt idx="5581">
                  <c:v>0.29720863563551819</c:v>
                </c:pt>
                <c:pt idx="5582">
                  <c:v>0.44581295345327709</c:v>
                </c:pt>
                <c:pt idx="5583">
                  <c:v>0.44581295345327709</c:v>
                </c:pt>
                <c:pt idx="5584">
                  <c:v>0.26005755618107834</c:v>
                </c:pt>
                <c:pt idx="5585">
                  <c:v>7.4302158908879548E-2</c:v>
                </c:pt>
                <c:pt idx="5586">
                  <c:v>7.325564962847278E-2</c:v>
                </c:pt>
                <c:pt idx="5587">
                  <c:v>7.325564962847278E-2</c:v>
                </c:pt>
                <c:pt idx="5588">
                  <c:v>7.325564962847278E-2</c:v>
                </c:pt>
                <c:pt idx="5589">
                  <c:v>7.325564962847278E-2</c:v>
                </c:pt>
                <c:pt idx="5590">
                  <c:v>7.325564962847278E-2</c:v>
                </c:pt>
                <c:pt idx="5591">
                  <c:v>7.325564962847278E-2</c:v>
                </c:pt>
                <c:pt idx="5592">
                  <c:v>4.6310402074530937E-2</c:v>
                </c:pt>
                <c:pt idx="5593">
                  <c:v>7.0568231732618586E-2</c:v>
                </c:pt>
                <c:pt idx="5594">
                  <c:v>7.0568231732618586E-2</c:v>
                </c:pt>
                <c:pt idx="5595">
                  <c:v>7.0568231732618586E-2</c:v>
                </c:pt>
                <c:pt idx="5596">
                  <c:v>7.0568231732618586E-2</c:v>
                </c:pt>
                <c:pt idx="5597">
                  <c:v>7.0568231732618586E-2</c:v>
                </c:pt>
                <c:pt idx="5598">
                  <c:v>7.0568231732618586E-2</c:v>
                </c:pt>
                <c:pt idx="5599">
                  <c:v>0.29748920189782013</c:v>
                </c:pt>
                <c:pt idx="5600">
                  <c:v>0.33193532001230464</c:v>
                </c:pt>
                <c:pt idx="5601">
                  <c:v>0.36638143812678914</c:v>
                </c:pt>
                <c:pt idx="5602">
                  <c:v>0.36638143812678914</c:v>
                </c:pt>
                <c:pt idx="5603">
                  <c:v>0.43840513963889283</c:v>
                </c:pt>
                <c:pt idx="5604">
                  <c:v>0.43840513963889283</c:v>
                </c:pt>
                <c:pt idx="5605">
                  <c:v>0.29122627133155021</c:v>
                </c:pt>
                <c:pt idx="5606">
                  <c:v>0.43840513963889283</c:v>
                </c:pt>
                <c:pt idx="5607">
                  <c:v>0.43840513963889283</c:v>
                </c:pt>
                <c:pt idx="5608">
                  <c:v>0.25834588585863333</c:v>
                </c:pt>
                <c:pt idx="5609">
                  <c:v>0.11026286208221653</c:v>
                </c:pt>
                <c:pt idx="5610">
                  <c:v>7.277348897426289E-2</c:v>
                </c:pt>
                <c:pt idx="5611">
                  <c:v>7.277348897426289E-2</c:v>
                </c:pt>
                <c:pt idx="5612">
                  <c:v>7.277348897426289E-2</c:v>
                </c:pt>
                <c:pt idx="5613">
                  <c:v>7.277348897426289E-2</c:v>
                </c:pt>
                <c:pt idx="5614">
                  <c:v>7.277348897426289E-2</c:v>
                </c:pt>
                <c:pt idx="5615">
                  <c:v>7.277348897426289E-2</c:v>
                </c:pt>
                <c:pt idx="5616">
                  <c:v>7.3008284848933749E-2</c:v>
                </c:pt>
                <c:pt idx="5617">
                  <c:v>7.3008284848933749E-2</c:v>
                </c:pt>
                <c:pt idx="5618">
                  <c:v>7.3008284848933749E-2</c:v>
                </c:pt>
                <c:pt idx="5619">
                  <c:v>7.3008284848933749E-2</c:v>
                </c:pt>
                <c:pt idx="5620">
                  <c:v>7.3008284848933749E-2</c:v>
                </c:pt>
                <c:pt idx="5621">
                  <c:v>7.3008284848933749E-2</c:v>
                </c:pt>
                <c:pt idx="5622">
                  <c:v>7.3008284848933749E-2</c:v>
                </c:pt>
                <c:pt idx="5623">
                  <c:v>0.29844901897336851</c:v>
                </c:pt>
                <c:pt idx="5624">
                  <c:v>0.33300627380186398</c:v>
                </c:pt>
                <c:pt idx="5625">
                  <c:v>0.36756352863035924</c:v>
                </c:pt>
                <c:pt idx="5626">
                  <c:v>0.36756352863035924</c:v>
                </c:pt>
                <c:pt idx="5627">
                  <c:v>0.43981960690812205</c:v>
                </c:pt>
                <c:pt idx="5628">
                  <c:v>0.43981960690812205</c:v>
                </c:pt>
                <c:pt idx="5629">
                  <c:v>0.2921658817318239</c:v>
                </c:pt>
                <c:pt idx="5630">
                  <c:v>0.43981960690812205</c:v>
                </c:pt>
                <c:pt idx="5631">
                  <c:v>0.43981960690812205</c:v>
                </c:pt>
                <c:pt idx="5632">
                  <c:v>0.25917941121371479</c:v>
                </c:pt>
                <c:pt idx="5633">
                  <c:v>0.11061861340747539</c:v>
                </c:pt>
                <c:pt idx="5634">
                  <c:v>7.3008284848933749E-2</c:v>
                </c:pt>
                <c:pt idx="5635">
                  <c:v>7.3008284848933749E-2</c:v>
                </c:pt>
                <c:pt idx="5636">
                  <c:v>7.3008284848933749E-2</c:v>
                </c:pt>
                <c:pt idx="5637">
                  <c:v>7.3008284848933749E-2</c:v>
                </c:pt>
                <c:pt idx="5638">
                  <c:v>7.3008284848933749E-2</c:v>
                </c:pt>
                <c:pt idx="5639">
                  <c:v>7.3008284848933749E-2</c:v>
                </c:pt>
                <c:pt idx="5640">
                  <c:v>7.3492051705978723E-2</c:v>
                </c:pt>
                <c:pt idx="5641">
                  <c:v>7.3492051705978723E-2</c:v>
                </c:pt>
                <c:pt idx="5642">
                  <c:v>7.3492051705978723E-2</c:v>
                </c:pt>
                <c:pt idx="5643">
                  <c:v>7.3492051705978723E-2</c:v>
                </c:pt>
                <c:pt idx="5644">
                  <c:v>7.3492051705978723E-2</c:v>
                </c:pt>
                <c:pt idx="5645">
                  <c:v>7.3492051705978723E-2</c:v>
                </c:pt>
                <c:pt idx="5646">
                  <c:v>7.3492051705978723E-2</c:v>
                </c:pt>
                <c:pt idx="5647">
                  <c:v>0.30042659924656145</c:v>
                </c:pt>
                <c:pt idx="5648">
                  <c:v>0.33521283705405802</c:v>
                </c:pt>
                <c:pt idx="5649">
                  <c:v>0.3699990748615547</c:v>
                </c:pt>
                <c:pt idx="5650">
                  <c:v>0.3699990748615547</c:v>
                </c:pt>
                <c:pt idx="5651">
                  <c:v>0.44273393573177477</c:v>
                </c:pt>
                <c:pt idx="5652">
                  <c:v>0.44273393573177477</c:v>
                </c:pt>
                <c:pt idx="5653">
                  <c:v>0.29410182873610746</c:v>
                </c:pt>
                <c:pt idx="5654">
                  <c:v>0.44273393573177477</c:v>
                </c:pt>
                <c:pt idx="5655">
                  <c:v>0.44273393573177477</c:v>
                </c:pt>
                <c:pt idx="5656">
                  <c:v>0.26089678355622442</c:v>
                </c:pt>
                <c:pt idx="5657">
                  <c:v>0.11135159349390715</c:v>
                </c:pt>
                <c:pt idx="5658">
                  <c:v>7.3492051705978723E-2</c:v>
                </c:pt>
                <c:pt idx="5659">
                  <c:v>7.3492051705978723E-2</c:v>
                </c:pt>
                <c:pt idx="5660">
                  <c:v>7.3492051705978723E-2</c:v>
                </c:pt>
                <c:pt idx="5661">
                  <c:v>7.3492051705978723E-2</c:v>
                </c:pt>
                <c:pt idx="5662">
                  <c:v>7.3492051705978723E-2</c:v>
                </c:pt>
                <c:pt idx="5663">
                  <c:v>7.3492051705978723E-2</c:v>
                </c:pt>
                <c:pt idx="5664">
                  <c:v>0.11076854141550802</c:v>
                </c:pt>
                <c:pt idx="5665">
                  <c:v>6.7132449342732131E-2</c:v>
                </c:pt>
                <c:pt idx="5666">
                  <c:v>6.7132449342732131E-2</c:v>
                </c:pt>
                <c:pt idx="5667">
                  <c:v>6.7132449342732131E-2</c:v>
                </c:pt>
                <c:pt idx="5668">
                  <c:v>6.7132449342732131E-2</c:v>
                </c:pt>
                <c:pt idx="5669">
                  <c:v>6.7132449342732131E-2</c:v>
                </c:pt>
                <c:pt idx="5670">
                  <c:v>6.7132449342732131E-2</c:v>
                </c:pt>
                <c:pt idx="5671">
                  <c:v>0.28598423420003893</c:v>
                </c:pt>
                <c:pt idx="5672">
                  <c:v>0.35748029275004856</c:v>
                </c:pt>
                <c:pt idx="5673">
                  <c:v>0.39322832202505342</c:v>
                </c:pt>
                <c:pt idx="5674">
                  <c:v>0.39322832202505342</c:v>
                </c:pt>
                <c:pt idx="5675">
                  <c:v>0.46472438057506321</c:v>
                </c:pt>
                <c:pt idx="5676">
                  <c:v>0.46472438057506321</c:v>
                </c:pt>
                <c:pt idx="5677">
                  <c:v>0.32173226347504374</c:v>
                </c:pt>
                <c:pt idx="5678">
                  <c:v>0.46472438057506321</c:v>
                </c:pt>
                <c:pt idx="5679">
                  <c:v>0.35748029275004856</c:v>
                </c:pt>
                <c:pt idx="5680">
                  <c:v>0.16783112335683037</c:v>
                </c:pt>
                <c:pt idx="5681">
                  <c:v>0.11076854141550802</c:v>
                </c:pt>
                <c:pt idx="5682">
                  <c:v>7.0489071809868742E-2</c:v>
                </c:pt>
                <c:pt idx="5683">
                  <c:v>6.7132449342732131E-2</c:v>
                </c:pt>
                <c:pt idx="5684">
                  <c:v>6.7132449342732131E-2</c:v>
                </c:pt>
                <c:pt idx="5685">
                  <c:v>6.7132449342732131E-2</c:v>
                </c:pt>
                <c:pt idx="5686">
                  <c:v>6.7132449342732131E-2</c:v>
                </c:pt>
                <c:pt idx="5687">
                  <c:v>6.7132449342732131E-2</c:v>
                </c:pt>
                <c:pt idx="5688">
                  <c:v>3.1841881727485116E-2</c:v>
                </c:pt>
                <c:pt idx="5689">
                  <c:v>2.8657693554736605E-2</c:v>
                </c:pt>
                <c:pt idx="5690">
                  <c:v>2.8657693554736605E-2</c:v>
                </c:pt>
                <c:pt idx="5691">
                  <c:v>2.8657693554736605E-2</c:v>
                </c:pt>
                <c:pt idx="5692">
                  <c:v>2.8657693554736605E-2</c:v>
                </c:pt>
                <c:pt idx="5693">
                  <c:v>2.8657693554736605E-2</c:v>
                </c:pt>
                <c:pt idx="5694">
                  <c:v>2.8657693554736605E-2</c:v>
                </c:pt>
                <c:pt idx="5695">
                  <c:v>2.8657693554736605E-2</c:v>
                </c:pt>
                <c:pt idx="5696">
                  <c:v>2.8657693554736605E-2</c:v>
                </c:pt>
                <c:pt idx="5697">
                  <c:v>2.8657693554736605E-2</c:v>
                </c:pt>
                <c:pt idx="5698">
                  <c:v>2.8657693554736605E-2</c:v>
                </c:pt>
                <c:pt idx="5699">
                  <c:v>2.8657693554736605E-2</c:v>
                </c:pt>
                <c:pt idx="5700">
                  <c:v>2.8657693554736605E-2</c:v>
                </c:pt>
                <c:pt idx="5701">
                  <c:v>2.8657693554736605E-2</c:v>
                </c:pt>
                <c:pt idx="5702">
                  <c:v>2.8657693554736605E-2</c:v>
                </c:pt>
                <c:pt idx="5703">
                  <c:v>2.8657693554736605E-2</c:v>
                </c:pt>
                <c:pt idx="5704">
                  <c:v>2.8657693554736605E-2</c:v>
                </c:pt>
                <c:pt idx="5705">
                  <c:v>2.8657693554736605E-2</c:v>
                </c:pt>
                <c:pt idx="5706">
                  <c:v>2.8657693554736605E-2</c:v>
                </c:pt>
                <c:pt idx="5707">
                  <c:v>2.8657693554736605E-2</c:v>
                </c:pt>
                <c:pt idx="5708">
                  <c:v>2.8657693554736605E-2</c:v>
                </c:pt>
                <c:pt idx="5709">
                  <c:v>2.8657693554736605E-2</c:v>
                </c:pt>
                <c:pt idx="5710">
                  <c:v>2.8657693554736605E-2</c:v>
                </c:pt>
                <c:pt idx="5711">
                  <c:v>2.8657693554736605E-2</c:v>
                </c:pt>
                <c:pt idx="5712">
                  <c:v>2.915197167988267E-2</c:v>
                </c:pt>
                <c:pt idx="5713">
                  <c:v>2.915197167988267E-2</c:v>
                </c:pt>
                <c:pt idx="5714">
                  <c:v>2.915197167988267E-2</c:v>
                </c:pt>
                <c:pt idx="5715">
                  <c:v>2.915197167988267E-2</c:v>
                </c:pt>
                <c:pt idx="5716">
                  <c:v>2.915197167988267E-2</c:v>
                </c:pt>
                <c:pt idx="5717">
                  <c:v>2.915197167988267E-2</c:v>
                </c:pt>
                <c:pt idx="5718">
                  <c:v>2.915197167988267E-2</c:v>
                </c:pt>
                <c:pt idx="5719">
                  <c:v>2.915197167988267E-2</c:v>
                </c:pt>
                <c:pt idx="5720">
                  <c:v>2.915197167988267E-2</c:v>
                </c:pt>
                <c:pt idx="5721">
                  <c:v>2.915197167988267E-2</c:v>
                </c:pt>
                <c:pt idx="5722">
                  <c:v>2.915197167988267E-2</c:v>
                </c:pt>
                <c:pt idx="5723">
                  <c:v>2.915197167988267E-2</c:v>
                </c:pt>
                <c:pt idx="5724">
                  <c:v>2.915197167988267E-2</c:v>
                </c:pt>
                <c:pt idx="5725">
                  <c:v>2.915197167988267E-2</c:v>
                </c:pt>
                <c:pt idx="5726">
                  <c:v>2.915197167988267E-2</c:v>
                </c:pt>
                <c:pt idx="5727">
                  <c:v>2.915197167988267E-2</c:v>
                </c:pt>
                <c:pt idx="5728">
                  <c:v>2.915197167988267E-2</c:v>
                </c:pt>
                <c:pt idx="5729">
                  <c:v>2.915197167988267E-2</c:v>
                </c:pt>
                <c:pt idx="5730">
                  <c:v>2.915197167988267E-2</c:v>
                </c:pt>
                <c:pt idx="5731">
                  <c:v>2.915197167988267E-2</c:v>
                </c:pt>
                <c:pt idx="5732">
                  <c:v>2.915197167988267E-2</c:v>
                </c:pt>
                <c:pt idx="5733">
                  <c:v>2.915197167988267E-2</c:v>
                </c:pt>
                <c:pt idx="5734">
                  <c:v>2.915197167988267E-2</c:v>
                </c:pt>
                <c:pt idx="5735">
                  <c:v>2.915197167988267E-2</c:v>
                </c:pt>
                <c:pt idx="5736">
                  <c:v>7.3771129866378515E-2</c:v>
                </c:pt>
                <c:pt idx="5737">
                  <c:v>7.3771129866378515E-2</c:v>
                </c:pt>
                <c:pt idx="5738">
                  <c:v>7.3771129866378515E-2</c:v>
                </c:pt>
                <c:pt idx="5739">
                  <c:v>7.3771129866378515E-2</c:v>
                </c:pt>
                <c:pt idx="5740">
                  <c:v>7.3771129866378515E-2</c:v>
                </c:pt>
                <c:pt idx="5741">
                  <c:v>7.3771129866378515E-2</c:v>
                </c:pt>
                <c:pt idx="5742">
                  <c:v>7.3771129866378515E-2</c:v>
                </c:pt>
                <c:pt idx="5743">
                  <c:v>0.31426501323077255</c:v>
                </c:pt>
                <c:pt idx="5744">
                  <c:v>0.35354813988461908</c:v>
                </c:pt>
                <c:pt idx="5745">
                  <c:v>0.39283126653846556</c:v>
                </c:pt>
                <c:pt idx="5746">
                  <c:v>0.39283126653846556</c:v>
                </c:pt>
                <c:pt idx="5747">
                  <c:v>0.47139751984615863</c:v>
                </c:pt>
                <c:pt idx="5748">
                  <c:v>0.47139751984615863</c:v>
                </c:pt>
                <c:pt idx="5749">
                  <c:v>0.31426501323077255</c:v>
                </c:pt>
                <c:pt idx="5750">
                  <c:v>0.47139751984615863</c:v>
                </c:pt>
                <c:pt idx="5751">
                  <c:v>0.47139751984615863</c:v>
                </c:pt>
                <c:pt idx="5752">
                  <c:v>0.2749818865769259</c:v>
                </c:pt>
                <c:pt idx="5753">
                  <c:v>7.8566253307693137E-2</c:v>
                </c:pt>
                <c:pt idx="5754">
                  <c:v>7.7459686359697438E-2</c:v>
                </c:pt>
                <c:pt idx="5755">
                  <c:v>7.7459686359697438E-2</c:v>
                </c:pt>
                <c:pt idx="5756">
                  <c:v>7.7459686359697438E-2</c:v>
                </c:pt>
                <c:pt idx="5757">
                  <c:v>7.7459686359697438E-2</c:v>
                </c:pt>
                <c:pt idx="5758">
                  <c:v>7.7459686359697438E-2</c:v>
                </c:pt>
                <c:pt idx="5759">
                  <c:v>7.7459686359697438E-2</c:v>
                </c:pt>
                <c:pt idx="5760">
                  <c:v>5.0656865064209487E-2</c:v>
                </c:pt>
                <c:pt idx="5761">
                  <c:v>7.7191413431176359E-2</c:v>
                </c:pt>
                <c:pt idx="5762">
                  <c:v>7.7191413431176359E-2</c:v>
                </c:pt>
                <c:pt idx="5763">
                  <c:v>7.7191413431176359E-2</c:v>
                </c:pt>
                <c:pt idx="5764">
                  <c:v>7.7191413431176359E-2</c:v>
                </c:pt>
                <c:pt idx="5765">
                  <c:v>7.7191413431176359E-2</c:v>
                </c:pt>
                <c:pt idx="5766">
                  <c:v>7.7191413431176359E-2</c:v>
                </c:pt>
                <c:pt idx="5767">
                  <c:v>0.32541005224580277</c:v>
                </c:pt>
                <c:pt idx="5768">
                  <c:v>0.36308911092689578</c:v>
                </c:pt>
                <c:pt idx="5769">
                  <c:v>0.40076816960798878</c:v>
                </c:pt>
                <c:pt idx="5770">
                  <c:v>0.40076816960798878</c:v>
                </c:pt>
                <c:pt idx="5771">
                  <c:v>0.47955165594118304</c:v>
                </c:pt>
                <c:pt idx="5772">
                  <c:v>0.47955165594118304</c:v>
                </c:pt>
                <c:pt idx="5773">
                  <c:v>0.31855931430378592</c:v>
                </c:pt>
                <c:pt idx="5774">
                  <c:v>0.47955165594118304</c:v>
                </c:pt>
                <c:pt idx="5775">
                  <c:v>0.47955165594118304</c:v>
                </c:pt>
                <c:pt idx="5776">
                  <c:v>0.28259294010819719</c:v>
                </c:pt>
                <c:pt idx="5777">
                  <c:v>0.12061158348621308</c:v>
                </c:pt>
                <c:pt idx="5778">
                  <c:v>7.9603645100900622E-2</c:v>
                </c:pt>
                <c:pt idx="5779">
                  <c:v>7.9603645100900622E-2</c:v>
                </c:pt>
                <c:pt idx="5780">
                  <c:v>7.9603645100900622E-2</c:v>
                </c:pt>
                <c:pt idx="5781">
                  <c:v>7.9603645100900622E-2</c:v>
                </c:pt>
                <c:pt idx="5782">
                  <c:v>7.9603645100900622E-2</c:v>
                </c:pt>
                <c:pt idx="5783">
                  <c:v>7.9603645100900622E-2</c:v>
                </c:pt>
                <c:pt idx="5784">
                  <c:v>7.9841491704693957E-2</c:v>
                </c:pt>
                <c:pt idx="5785">
                  <c:v>7.9841491704693957E-2</c:v>
                </c:pt>
                <c:pt idx="5786">
                  <c:v>7.9841491704693957E-2</c:v>
                </c:pt>
                <c:pt idx="5787">
                  <c:v>7.9841491704693957E-2</c:v>
                </c:pt>
                <c:pt idx="5788">
                  <c:v>7.9841491704693957E-2</c:v>
                </c:pt>
                <c:pt idx="5789">
                  <c:v>7.9841491704693957E-2</c:v>
                </c:pt>
                <c:pt idx="5790">
                  <c:v>7.9841491704693957E-2</c:v>
                </c:pt>
                <c:pt idx="5791">
                  <c:v>0.32638234033221858</c:v>
                </c:pt>
                <c:pt idx="5792">
                  <c:v>0.36417397973910703</c:v>
                </c:pt>
                <c:pt idx="5793">
                  <c:v>0.40196561914599549</c:v>
                </c:pt>
                <c:pt idx="5794">
                  <c:v>0.40196561914599549</c:v>
                </c:pt>
                <c:pt idx="5795">
                  <c:v>0.48098450154221689</c:v>
                </c:pt>
                <c:pt idx="5796">
                  <c:v>0.48098450154221689</c:v>
                </c:pt>
                <c:pt idx="5797">
                  <c:v>0.31951113316732976</c:v>
                </c:pt>
                <c:pt idx="5798">
                  <c:v>0.48098450154221689</c:v>
                </c:pt>
                <c:pt idx="5799">
                  <c:v>0.48098450154221689</c:v>
                </c:pt>
                <c:pt idx="5800">
                  <c:v>0.28343729555166353</c:v>
                </c:pt>
                <c:pt idx="5801">
                  <c:v>0.12097195712832415</c:v>
                </c:pt>
                <c:pt idx="5802">
                  <c:v>7.9841491704693957E-2</c:v>
                </c:pt>
                <c:pt idx="5803">
                  <c:v>7.9841491704693957E-2</c:v>
                </c:pt>
                <c:pt idx="5804">
                  <c:v>7.9841491704693957E-2</c:v>
                </c:pt>
                <c:pt idx="5805">
                  <c:v>7.9841491704693957E-2</c:v>
                </c:pt>
                <c:pt idx="5806">
                  <c:v>7.9841491704693957E-2</c:v>
                </c:pt>
                <c:pt idx="5807">
                  <c:v>7.9841491704693957E-2</c:v>
                </c:pt>
                <c:pt idx="5808">
                  <c:v>7.8511132847820297E-2</c:v>
                </c:pt>
                <c:pt idx="5809">
                  <c:v>7.8511132847820297E-2</c:v>
                </c:pt>
                <c:pt idx="5810">
                  <c:v>7.8511132847820297E-2</c:v>
                </c:pt>
                <c:pt idx="5811">
                  <c:v>7.8511132847820297E-2</c:v>
                </c:pt>
                <c:pt idx="5812">
                  <c:v>7.8511132847820297E-2</c:v>
                </c:pt>
                <c:pt idx="5813">
                  <c:v>7.8511132847820297E-2</c:v>
                </c:pt>
                <c:pt idx="5814">
                  <c:v>7.8511132847820297E-2</c:v>
                </c:pt>
                <c:pt idx="5815">
                  <c:v>0.32094399458093809</c:v>
                </c:pt>
                <c:pt idx="5816">
                  <c:v>0.35810593079557301</c:v>
                </c:pt>
                <c:pt idx="5817">
                  <c:v>0.395267867010208</c:v>
                </c:pt>
                <c:pt idx="5818">
                  <c:v>0.395267867010208</c:v>
                </c:pt>
                <c:pt idx="5819">
                  <c:v>0.47297009727717187</c:v>
                </c:pt>
                <c:pt idx="5820">
                  <c:v>0.47297009727717187</c:v>
                </c:pt>
                <c:pt idx="5821">
                  <c:v>0.31418727890554987</c:v>
                </c:pt>
                <c:pt idx="5822">
                  <c:v>0.47297009727717187</c:v>
                </c:pt>
                <c:pt idx="5823">
                  <c:v>0.47297009727717187</c:v>
                </c:pt>
                <c:pt idx="5824">
                  <c:v>0.27871452160976201</c:v>
                </c:pt>
                <c:pt idx="5825">
                  <c:v>0.11895626189063681</c:v>
                </c:pt>
                <c:pt idx="5826">
                  <c:v>7.8511132847820297E-2</c:v>
                </c:pt>
                <c:pt idx="5827">
                  <c:v>7.8511132847820297E-2</c:v>
                </c:pt>
                <c:pt idx="5828">
                  <c:v>7.8511132847820297E-2</c:v>
                </c:pt>
                <c:pt idx="5829">
                  <c:v>7.8511132847820297E-2</c:v>
                </c:pt>
                <c:pt idx="5830">
                  <c:v>7.8511132847820297E-2</c:v>
                </c:pt>
                <c:pt idx="5831">
                  <c:v>7.8511132847820297E-2</c:v>
                </c:pt>
                <c:pt idx="5832">
                  <c:v>0.11779365851783666</c:v>
                </c:pt>
                <c:pt idx="5833">
                  <c:v>7.1390096071416165E-2</c:v>
                </c:pt>
                <c:pt idx="5834">
                  <c:v>7.1390096071416165E-2</c:v>
                </c:pt>
                <c:pt idx="5835">
                  <c:v>7.1390096071416165E-2</c:v>
                </c:pt>
                <c:pt idx="5836">
                  <c:v>7.1390096071416165E-2</c:v>
                </c:pt>
                <c:pt idx="5837">
                  <c:v>7.1390096071416165E-2</c:v>
                </c:pt>
                <c:pt idx="5838">
                  <c:v>7.1390096071416165E-2</c:v>
                </c:pt>
                <c:pt idx="5839">
                  <c:v>0.30412180926423288</c:v>
                </c:pt>
                <c:pt idx="5840">
                  <c:v>0.38015226158029114</c:v>
                </c:pt>
                <c:pt idx="5841">
                  <c:v>0.41816748773832024</c:v>
                </c:pt>
                <c:pt idx="5842">
                  <c:v>0.41816748773832024</c:v>
                </c:pt>
                <c:pt idx="5843">
                  <c:v>0.49419794005437845</c:v>
                </c:pt>
                <c:pt idx="5844">
                  <c:v>0.49419794005437845</c:v>
                </c:pt>
                <c:pt idx="5845">
                  <c:v>0.34213703542226204</c:v>
                </c:pt>
                <c:pt idx="5846">
                  <c:v>0.49419794005437845</c:v>
                </c:pt>
                <c:pt idx="5847">
                  <c:v>0.38015226158029114</c:v>
                </c:pt>
                <c:pt idx="5848">
                  <c:v>0.17847524017854041</c:v>
                </c:pt>
                <c:pt idx="5849">
                  <c:v>0.11779365851783666</c:v>
                </c:pt>
                <c:pt idx="5850">
                  <c:v>7.4959600874986987E-2</c:v>
                </c:pt>
                <c:pt idx="5851">
                  <c:v>7.1390096071416165E-2</c:v>
                </c:pt>
                <c:pt idx="5852">
                  <c:v>7.1390096071416165E-2</c:v>
                </c:pt>
                <c:pt idx="5853">
                  <c:v>7.1390096071416165E-2</c:v>
                </c:pt>
                <c:pt idx="5854">
                  <c:v>7.1390096071416165E-2</c:v>
                </c:pt>
                <c:pt idx="5855">
                  <c:v>7.1390096071416165E-2</c:v>
                </c:pt>
                <c:pt idx="5856">
                  <c:v>3.2430667956402322E-2</c:v>
                </c:pt>
                <c:pt idx="5857">
                  <c:v>2.9187601160762092E-2</c:v>
                </c:pt>
                <c:pt idx="5858">
                  <c:v>2.9187601160762092E-2</c:v>
                </c:pt>
                <c:pt idx="5859">
                  <c:v>2.9187601160762092E-2</c:v>
                </c:pt>
                <c:pt idx="5860">
                  <c:v>2.9187601160762092E-2</c:v>
                </c:pt>
                <c:pt idx="5861">
                  <c:v>2.9187601160762092E-2</c:v>
                </c:pt>
                <c:pt idx="5862">
                  <c:v>2.9187601160762092E-2</c:v>
                </c:pt>
                <c:pt idx="5863">
                  <c:v>2.9187601160762092E-2</c:v>
                </c:pt>
                <c:pt idx="5864">
                  <c:v>2.9187601160762092E-2</c:v>
                </c:pt>
                <c:pt idx="5865">
                  <c:v>2.9187601160762092E-2</c:v>
                </c:pt>
                <c:pt idx="5866">
                  <c:v>2.9187601160762092E-2</c:v>
                </c:pt>
                <c:pt idx="5867">
                  <c:v>2.9187601160762092E-2</c:v>
                </c:pt>
                <c:pt idx="5868">
                  <c:v>2.9187601160762092E-2</c:v>
                </c:pt>
                <c:pt idx="5869">
                  <c:v>2.9187601160762092E-2</c:v>
                </c:pt>
                <c:pt idx="5870">
                  <c:v>2.9187601160762092E-2</c:v>
                </c:pt>
                <c:pt idx="5871">
                  <c:v>2.9187601160762092E-2</c:v>
                </c:pt>
                <c:pt idx="5872">
                  <c:v>2.9187601160762092E-2</c:v>
                </c:pt>
                <c:pt idx="5873">
                  <c:v>2.9187601160762092E-2</c:v>
                </c:pt>
                <c:pt idx="5874">
                  <c:v>2.9187601160762092E-2</c:v>
                </c:pt>
                <c:pt idx="5875">
                  <c:v>2.9187601160762092E-2</c:v>
                </c:pt>
                <c:pt idx="5876">
                  <c:v>2.9187601160762092E-2</c:v>
                </c:pt>
                <c:pt idx="5877">
                  <c:v>2.9187601160762092E-2</c:v>
                </c:pt>
                <c:pt idx="5878">
                  <c:v>2.9187601160762092E-2</c:v>
                </c:pt>
                <c:pt idx="5879">
                  <c:v>2.9187601160762092E-2</c:v>
                </c:pt>
                <c:pt idx="5880">
                  <c:v>2.9403085303457817E-2</c:v>
                </c:pt>
                <c:pt idx="5881">
                  <c:v>2.9403085303457817E-2</c:v>
                </c:pt>
                <c:pt idx="5882">
                  <c:v>2.9403085303457817E-2</c:v>
                </c:pt>
                <c:pt idx="5883">
                  <c:v>2.9403085303457817E-2</c:v>
                </c:pt>
                <c:pt idx="5884">
                  <c:v>2.9403085303457817E-2</c:v>
                </c:pt>
                <c:pt idx="5885">
                  <c:v>2.9403085303457817E-2</c:v>
                </c:pt>
                <c:pt idx="5886">
                  <c:v>2.9403085303457817E-2</c:v>
                </c:pt>
                <c:pt idx="5887">
                  <c:v>2.9403085303457817E-2</c:v>
                </c:pt>
                <c:pt idx="5888">
                  <c:v>2.9403085303457817E-2</c:v>
                </c:pt>
                <c:pt idx="5889">
                  <c:v>2.9403085303457817E-2</c:v>
                </c:pt>
                <c:pt idx="5890">
                  <c:v>2.9403085303457817E-2</c:v>
                </c:pt>
                <c:pt idx="5891">
                  <c:v>2.9403085303457817E-2</c:v>
                </c:pt>
                <c:pt idx="5892">
                  <c:v>2.9403085303457817E-2</c:v>
                </c:pt>
                <c:pt idx="5893">
                  <c:v>2.9403085303457817E-2</c:v>
                </c:pt>
                <c:pt idx="5894">
                  <c:v>2.9403085303457817E-2</c:v>
                </c:pt>
                <c:pt idx="5895">
                  <c:v>2.9403085303457817E-2</c:v>
                </c:pt>
                <c:pt idx="5896">
                  <c:v>2.9403085303457817E-2</c:v>
                </c:pt>
                <c:pt idx="5897">
                  <c:v>2.9403085303457817E-2</c:v>
                </c:pt>
                <c:pt idx="5898">
                  <c:v>2.9403085303457817E-2</c:v>
                </c:pt>
                <c:pt idx="5899">
                  <c:v>2.9403085303457817E-2</c:v>
                </c:pt>
                <c:pt idx="5900">
                  <c:v>2.9403085303457817E-2</c:v>
                </c:pt>
                <c:pt idx="5901">
                  <c:v>2.9403085303457817E-2</c:v>
                </c:pt>
                <c:pt idx="5902">
                  <c:v>2.9403085303457817E-2</c:v>
                </c:pt>
                <c:pt idx="5903">
                  <c:v>2.9403085303457817E-2</c:v>
                </c:pt>
                <c:pt idx="5904">
                  <c:v>7.5163771433657905E-2</c:v>
                </c:pt>
                <c:pt idx="5905">
                  <c:v>7.5163771433657905E-2</c:v>
                </c:pt>
                <c:pt idx="5906">
                  <c:v>7.5163771433657905E-2</c:v>
                </c:pt>
                <c:pt idx="5907">
                  <c:v>7.5163771433657905E-2</c:v>
                </c:pt>
                <c:pt idx="5908">
                  <c:v>7.5163771433657905E-2</c:v>
                </c:pt>
                <c:pt idx="5909">
                  <c:v>7.5163771433657905E-2</c:v>
                </c:pt>
                <c:pt idx="5910">
                  <c:v>7.5163771433657905E-2</c:v>
                </c:pt>
                <c:pt idx="5911">
                  <c:v>0.32019766630738267</c:v>
                </c:pt>
                <c:pt idx="5912">
                  <c:v>0.36022237459580553</c:v>
                </c:pt>
                <c:pt idx="5913">
                  <c:v>0.40024708288422833</c:v>
                </c:pt>
                <c:pt idx="5914">
                  <c:v>0.40024708288422833</c:v>
                </c:pt>
                <c:pt idx="5915">
                  <c:v>0.48029649946107394</c:v>
                </c:pt>
                <c:pt idx="5916">
                  <c:v>0.48029649946107394</c:v>
                </c:pt>
                <c:pt idx="5917">
                  <c:v>0.32019766630738267</c:v>
                </c:pt>
                <c:pt idx="5918">
                  <c:v>0.48029649946107394</c:v>
                </c:pt>
                <c:pt idx="5919">
                  <c:v>0.48029649946107394</c:v>
                </c:pt>
                <c:pt idx="5920">
                  <c:v>0.28017295801895981</c:v>
                </c:pt>
                <c:pt idx="5921">
                  <c:v>8.0049416576845667E-2</c:v>
                </c:pt>
                <c:pt idx="5922">
                  <c:v>7.8921960005340797E-2</c:v>
                </c:pt>
                <c:pt idx="5923">
                  <c:v>7.8921960005340797E-2</c:v>
                </c:pt>
                <c:pt idx="5924">
                  <c:v>7.8921960005340797E-2</c:v>
                </c:pt>
                <c:pt idx="5925">
                  <c:v>7.8921960005340797E-2</c:v>
                </c:pt>
                <c:pt idx="5926">
                  <c:v>7.8921960005340797E-2</c:v>
                </c:pt>
                <c:pt idx="5927">
                  <c:v>7.8921960005340797E-2</c:v>
                </c:pt>
                <c:pt idx="5928">
                  <c:v>5.0074749485234674E-2</c:v>
                </c:pt>
                <c:pt idx="5929">
                  <c:v>7.6304380167976638E-2</c:v>
                </c:pt>
                <c:pt idx="5930">
                  <c:v>7.6304380167976638E-2</c:v>
                </c:pt>
                <c:pt idx="5931">
                  <c:v>7.6304380167976638E-2</c:v>
                </c:pt>
                <c:pt idx="5932">
                  <c:v>7.6304380167976638E-2</c:v>
                </c:pt>
                <c:pt idx="5933">
                  <c:v>7.6304380167976638E-2</c:v>
                </c:pt>
                <c:pt idx="5934">
                  <c:v>7.6304380167976638E-2</c:v>
                </c:pt>
                <c:pt idx="5935">
                  <c:v>0.3216706526456265</c:v>
                </c:pt>
                <c:pt idx="5936">
                  <c:v>0.35891672821512011</c:v>
                </c:pt>
                <c:pt idx="5937">
                  <c:v>0.39616280378461377</c:v>
                </c:pt>
                <c:pt idx="5938">
                  <c:v>0.39616280378461377</c:v>
                </c:pt>
                <c:pt idx="5939">
                  <c:v>0.47404096179355493</c:v>
                </c:pt>
                <c:pt idx="5940">
                  <c:v>0.47404096179355493</c:v>
                </c:pt>
                <c:pt idx="5941">
                  <c:v>0.31489863890571856</c:v>
                </c:pt>
                <c:pt idx="5942">
                  <c:v>0.47404096179355493</c:v>
                </c:pt>
                <c:pt idx="5943">
                  <c:v>0.47404096179355493</c:v>
                </c:pt>
                <c:pt idx="5944">
                  <c:v>0.27934556677120204</c:v>
                </c:pt>
                <c:pt idx="5945">
                  <c:v>0.11922559401246352</c:v>
                </c:pt>
                <c:pt idx="5946">
                  <c:v>7.8688892048225934E-2</c:v>
                </c:pt>
                <c:pt idx="5947">
                  <c:v>7.8688892048225934E-2</c:v>
                </c:pt>
                <c:pt idx="5948">
                  <c:v>7.8688892048225934E-2</c:v>
                </c:pt>
                <c:pt idx="5949">
                  <c:v>7.8688892048225934E-2</c:v>
                </c:pt>
                <c:pt idx="5950">
                  <c:v>7.8688892048225934E-2</c:v>
                </c:pt>
                <c:pt idx="5951">
                  <c:v>7.8688892048225934E-2</c:v>
                </c:pt>
                <c:pt idx="5952">
                  <c:v>7.7120303133816015E-2</c:v>
                </c:pt>
                <c:pt idx="5953">
                  <c:v>7.7120303133816015E-2</c:v>
                </c:pt>
                <c:pt idx="5954">
                  <c:v>7.7120303133816015E-2</c:v>
                </c:pt>
                <c:pt idx="5955">
                  <c:v>7.7120303133816015E-2</c:v>
                </c:pt>
                <c:pt idx="5956">
                  <c:v>7.7120303133816015E-2</c:v>
                </c:pt>
                <c:pt idx="5957">
                  <c:v>7.7120303133816015E-2</c:v>
                </c:pt>
                <c:pt idx="5958">
                  <c:v>7.7120303133816015E-2</c:v>
                </c:pt>
                <c:pt idx="5959">
                  <c:v>0.31525845129550839</c:v>
                </c:pt>
                <c:pt idx="5960">
                  <c:v>0.3517620614455147</c:v>
                </c:pt>
                <c:pt idx="5961">
                  <c:v>0.38826567159552094</c:v>
                </c:pt>
                <c:pt idx="5962">
                  <c:v>0.38826567159552094</c:v>
                </c:pt>
                <c:pt idx="5963">
                  <c:v>0.46459140190917031</c:v>
                </c:pt>
                <c:pt idx="5964">
                  <c:v>0.46459140190917031</c:v>
                </c:pt>
                <c:pt idx="5965">
                  <c:v>0.30862143126823455</c:v>
                </c:pt>
                <c:pt idx="5966">
                  <c:v>0.46459140190917031</c:v>
                </c:pt>
                <c:pt idx="5967">
                  <c:v>0.46459140190917031</c:v>
                </c:pt>
                <c:pt idx="5968">
                  <c:v>0.27377707612504681</c:v>
                </c:pt>
                <c:pt idx="5969">
                  <c:v>0.11684894414214547</c:v>
                </c:pt>
                <c:pt idx="5970">
                  <c:v>7.7120303133816015E-2</c:v>
                </c:pt>
                <c:pt idx="5971">
                  <c:v>7.7120303133816015E-2</c:v>
                </c:pt>
                <c:pt idx="5972">
                  <c:v>7.7120303133816015E-2</c:v>
                </c:pt>
                <c:pt idx="5973">
                  <c:v>7.7120303133816015E-2</c:v>
                </c:pt>
                <c:pt idx="5974">
                  <c:v>7.7120303133816015E-2</c:v>
                </c:pt>
                <c:pt idx="5975">
                  <c:v>7.7120303133816015E-2</c:v>
                </c:pt>
                <c:pt idx="5976">
                  <c:v>7.6938890562424117E-2</c:v>
                </c:pt>
                <c:pt idx="5977">
                  <c:v>7.6938890562424117E-2</c:v>
                </c:pt>
                <c:pt idx="5978">
                  <c:v>7.6938890562424117E-2</c:v>
                </c:pt>
                <c:pt idx="5979">
                  <c:v>7.6938890562424117E-2</c:v>
                </c:pt>
                <c:pt idx="5980">
                  <c:v>7.6938890562424117E-2</c:v>
                </c:pt>
                <c:pt idx="5981">
                  <c:v>7.6938890562424117E-2</c:v>
                </c:pt>
                <c:pt idx="5982">
                  <c:v>7.6938890562424117E-2</c:v>
                </c:pt>
                <c:pt idx="5983">
                  <c:v>0.31451685869306106</c:v>
                </c:pt>
                <c:pt idx="5984">
                  <c:v>0.35093460022594181</c:v>
                </c:pt>
                <c:pt idx="5985">
                  <c:v>0.3873523417588226</c:v>
                </c:pt>
                <c:pt idx="5986">
                  <c:v>0.3873523417588226</c:v>
                </c:pt>
                <c:pt idx="5987">
                  <c:v>0.4634985286003005</c:v>
                </c:pt>
                <c:pt idx="5988">
                  <c:v>0.4634985286003005</c:v>
                </c:pt>
                <c:pt idx="5989">
                  <c:v>0.30789545114162814</c:v>
                </c:pt>
                <c:pt idx="5990">
                  <c:v>0.4634985286003005</c:v>
                </c:pt>
                <c:pt idx="5991">
                  <c:v>0.4634985286003005</c:v>
                </c:pt>
                <c:pt idx="5992">
                  <c:v>0.27313306149660566</c:v>
                </c:pt>
                <c:pt idx="5993">
                  <c:v>0.11657407660973351</c:v>
                </c:pt>
                <c:pt idx="5994">
                  <c:v>7.6938890562424117E-2</c:v>
                </c:pt>
                <c:pt idx="5995">
                  <c:v>7.6938890562424117E-2</c:v>
                </c:pt>
                <c:pt idx="5996">
                  <c:v>7.6938890562424117E-2</c:v>
                </c:pt>
                <c:pt idx="5997">
                  <c:v>7.6938890562424117E-2</c:v>
                </c:pt>
                <c:pt idx="5998">
                  <c:v>7.6938890562424117E-2</c:v>
                </c:pt>
                <c:pt idx="5999">
                  <c:v>7.6938890562424117E-2</c:v>
                </c:pt>
                <c:pt idx="6000">
                  <c:v>0.11705417250706526</c:v>
                </c:pt>
                <c:pt idx="6001">
                  <c:v>7.0941922731554696E-2</c:v>
                </c:pt>
                <c:pt idx="6002">
                  <c:v>7.0941922731554696E-2</c:v>
                </c:pt>
                <c:pt idx="6003">
                  <c:v>7.0941922731554696E-2</c:v>
                </c:pt>
                <c:pt idx="6004">
                  <c:v>7.0941922731554696E-2</c:v>
                </c:pt>
                <c:pt idx="6005">
                  <c:v>7.0941922731554696E-2</c:v>
                </c:pt>
                <c:pt idx="6006">
                  <c:v>7.0941922731554696E-2</c:v>
                </c:pt>
                <c:pt idx="6007">
                  <c:v>0.30221259083642293</c:v>
                </c:pt>
                <c:pt idx="6008">
                  <c:v>0.37776573854552875</c:v>
                </c:pt>
                <c:pt idx="6009">
                  <c:v>0.41554231240008166</c:v>
                </c:pt>
                <c:pt idx="6010">
                  <c:v>0.41554231240008166</c:v>
                </c:pt>
                <c:pt idx="6011">
                  <c:v>0.49109546010918731</c:v>
                </c:pt>
                <c:pt idx="6012">
                  <c:v>0.49109546010918731</c:v>
                </c:pt>
                <c:pt idx="6013">
                  <c:v>0.33998916469097584</c:v>
                </c:pt>
                <c:pt idx="6014">
                  <c:v>0.49109546010918731</c:v>
                </c:pt>
                <c:pt idx="6015">
                  <c:v>0.37776573854552875</c:v>
                </c:pt>
                <c:pt idx="6016">
                  <c:v>0.17735480682888677</c:v>
                </c:pt>
                <c:pt idx="6017">
                  <c:v>0.11705417250706526</c:v>
                </c:pt>
                <c:pt idx="6018">
                  <c:v>7.4489018868132431E-2</c:v>
                </c:pt>
                <c:pt idx="6019">
                  <c:v>7.0941922731554696E-2</c:v>
                </c:pt>
                <c:pt idx="6020">
                  <c:v>7.0941922731554696E-2</c:v>
                </c:pt>
                <c:pt idx="6021">
                  <c:v>7.0941922731554696E-2</c:v>
                </c:pt>
                <c:pt idx="6022">
                  <c:v>7.0941922731554696E-2</c:v>
                </c:pt>
                <c:pt idx="6023">
                  <c:v>7.0941922731554696E-2</c:v>
                </c:pt>
                <c:pt idx="6024">
                  <c:v>3.2330685389227704E-2</c:v>
                </c:pt>
                <c:pt idx="6025">
                  <c:v>2.909761685030493E-2</c:v>
                </c:pt>
                <c:pt idx="6026">
                  <c:v>2.909761685030493E-2</c:v>
                </c:pt>
                <c:pt idx="6027">
                  <c:v>2.909761685030493E-2</c:v>
                </c:pt>
                <c:pt idx="6028">
                  <c:v>2.909761685030493E-2</c:v>
                </c:pt>
                <c:pt idx="6029">
                  <c:v>2.909761685030493E-2</c:v>
                </c:pt>
                <c:pt idx="6030">
                  <c:v>2.909761685030493E-2</c:v>
                </c:pt>
                <c:pt idx="6031">
                  <c:v>2.909761685030493E-2</c:v>
                </c:pt>
                <c:pt idx="6032">
                  <c:v>2.909761685030493E-2</c:v>
                </c:pt>
                <c:pt idx="6033">
                  <c:v>2.909761685030493E-2</c:v>
                </c:pt>
                <c:pt idx="6034">
                  <c:v>2.909761685030493E-2</c:v>
                </c:pt>
                <c:pt idx="6035">
                  <c:v>2.909761685030493E-2</c:v>
                </c:pt>
                <c:pt idx="6036">
                  <c:v>2.909761685030493E-2</c:v>
                </c:pt>
                <c:pt idx="6037">
                  <c:v>2.909761685030493E-2</c:v>
                </c:pt>
                <c:pt idx="6038">
                  <c:v>2.909761685030493E-2</c:v>
                </c:pt>
                <c:pt idx="6039">
                  <c:v>2.909761685030493E-2</c:v>
                </c:pt>
                <c:pt idx="6040">
                  <c:v>2.909761685030493E-2</c:v>
                </c:pt>
                <c:pt idx="6041">
                  <c:v>2.909761685030493E-2</c:v>
                </c:pt>
                <c:pt idx="6042">
                  <c:v>2.909761685030493E-2</c:v>
                </c:pt>
                <c:pt idx="6043">
                  <c:v>2.909761685030493E-2</c:v>
                </c:pt>
                <c:pt idx="6044">
                  <c:v>2.909761685030493E-2</c:v>
                </c:pt>
                <c:pt idx="6045">
                  <c:v>2.909761685030493E-2</c:v>
                </c:pt>
                <c:pt idx="6046">
                  <c:v>2.909761685030493E-2</c:v>
                </c:pt>
                <c:pt idx="6047">
                  <c:v>2.909761685030493E-2</c:v>
                </c:pt>
                <c:pt idx="6048">
                  <c:v>2.9262461674255731E-2</c:v>
                </c:pt>
                <c:pt idx="6049">
                  <c:v>2.9262461674255731E-2</c:v>
                </c:pt>
                <c:pt idx="6050">
                  <c:v>2.9262461674255731E-2</c:v>
                </c:pt>
                <c:pt idx="6051">
                  <c:v>2.9262461674255731E-2</c:v>
                </c:pt>
                <c:pt idx="6052">
                  <c:v>2.9262461674255731E-2</c:v>
                </c:pt>
                <c:pt idx="6053">
                  <c:v>2.9262461674255731E-2</c:v>
                </c:pt>
                <c:pt idx="6054">
                  <c:v>2.9262461674255731E-2</c:v>
                </c:pt>
                <c:pt idx="6055">
                  <c:v>2.9262461674255731E-2</c:v>
                </c:pt>
                <c:pt idx="6056">
                  <c:v>2.9262461674255731E-2</c:v>
                </c:pt>
                <c:pt idx="6057">
                  <c:v>2.9262461674255731E-2</c:v>
                </c:pt>
                <c:pt idx="6058">
                  <c:v>2.9262461674255731E-2</c:v>
                </c:pt>
                <c:pt idx="6059">
                  <c:v>2.9262461674255731E-2</c:v>
                </c:pt>
                <c:pt idx="6060">
                  <c:v>2.9262461674255731E-2</c:v>
                </c:pt>
                <c:pt idx="6061">
                  <c:v>2.9262461674255731E-2</c:v>
                </c:pt>
                <c:pt idx="6062">
                  <c:v>2.9262461674255731E-2</c:v>
                </c:pt>
                <c:pt idx="6063">
                  <c:v>2.9262461674255731E-2</c:v>
                </c:pt>
                <c:pt idx="6064">
                  <c:v>2.9262461674255731E-2</c:v>
                </c:pt>
                <c:pt idx="6065">
                  <c:v>2.9262461674255731E-2</c:v>
                </c:pt>
                <c:pt idx="6066">
                  <c:v>2.9262461674255731E-2</c:v>
                </c:pt>
                <c:pt idx="6067">
                  <c:v>2.9262461674255731E-2</c:v>
                </c:pt>
                <c:pt idx="6068">
                  <c:v>2.9262461674255731E-2</c:v>
                </c:pt>
                <c:pt idx="6069">
                  <c:v>2.9262461674255731E-2</c:v>
                </c:pt>
                <c:pt idx="6070">
                  <c:v>2.9262461674255731E-2</c:v>
                </c:pt>
                <c:pt idx="6071">
                  <c:v>2.9262461674255731E-2</c:v>
                </c:pt>
                <c:pt idx="6072">
                  <c:v>7.2552568495009018E-2</c:v>
                </c:pt>
                <c:pt idx="6073">
                  <c:v>7.2552568495009018E-2</c:v>
                </c:pt>
                <c:pt idx="6074">
                  <c:v>7.2552568495009018E-2</c:v>
                </c:pt>
                <c:pt idx="6075">
                  <c:v>7.2552568495009018E-2</c:v>
                </c:pt>
                <c:pt idx="6076">
                  <c:v>7.2552568495009018E-2</c:v>
                </c:pt>
                <c:pt idx="6077">
                  <c:v>7.2552568495009018E-2</c:v>
                </c:pt>
                <c:pt idx="6078">
                  <c:v>7.2552568495009018E-2</c:v>
                </c:pt>
                <c:pt idx="6079">
                  <c:v>0.30907394178873848</c:v>
                </c:pt>
                <c:pt idx="6080">
                  <c:v>0.34770818451233076</c:v>
                </c:pt>
                <c:pt idx="6081">
                  <c:v>0.38634242723592316</c:v>
                </c:pt>
                <c:pt idx="6082">
                  <c:v>0.38634242723592316</c:v>
                </c:pt>
                <c:pt idx="6083">
                  <c:v>0.46361091268310772</c:v>
                </c:pt>
                <c:pt idx="6084">
                  <c:v>0.46361091268310772</c:v>
                </c:pt>
                <c:pt idx="6085">
                  <c:v>0.30907394178873848</c:v>
                </c:pt>
                <c:pt idx="6086">
                  <c:v>0.46361091268310772</c:v>
                </c:pt>
                <c:pt idx="6087">
                  <c:v>0.46361091268310772</c:v>
                </c:pt>
                <c:pt idx="6088">
                  <c:v>0.27043969906514614</c:v>
                </c:pt>
                <c:pt idx="6089">
                  <c:v>7.7268485447184621E-2</c:v>
                </c:pt>
                <c:pt idx="6090">
                  <c:v>7.6180196919759469E-2</c:v>
                </c:pt>
                <c:pt idx="6091">
                  <c:v>7.6180196919759469E-2</c:v>
                </c:pt>
                <c:pt idx="6092">
                  <c:v>7.6180196919759469E-2</c:v>
                </c:pt>
                <c:pt idx="6093">
                  <c:v>7.6180196919759469E-2</c:v>
                </c:pt>
                <c:pt idx="6094">
                  <c:v>7.6180196919759469E-2</c:v>
                </c:pt>
                <c:pt idx="6095">
                  <c:v>7.6180196919759469E-2</c:v>
                </c:pt>
                <c:pt idx="6096">
                  <c:v>4.8289595043045266E-2</c:v>
                </c:pt>
                <c:pt idx="6097">
                  <c:v>7.3584144827497561E-2</c:v>
                </c:pt>
                <c:pt idx="6098">
                  <c:v>7.3584144827497561E-2</c:v>
                </c:pt>
                <c:pt idx="6099">
                  <c:v>7.3584144827497561E-2</c:v>
                </c:pt>
                <c:pt idx="6100">
                  <c:v>7.3584144827497561E-2</c:v>
                </c:pt>
                <c:pt idx="6101">
                  <c:v>7.3584144827497561E-2</c:v>
                </c:pt>
                <c:pt idx="6102">
                  <c:v>7.3584144827497561E-2</c:v>
                </c:pt>
                <c:pt idx="6103">
                  <c:v>0.3102031605384194</c:v>
                </c:pt>
                <c:pt idx="6104">
                  <c:v>0.34612142123234163</c:v>
                </c:pt>
                <c:pt idx="6105">
                  <c:v>0.38203968192626397</c:v>
                </c:pt>
                <c:pt idx="6106">
                  <c:v>0.38203968192626397</c:v>
                </c:pt>
                <c:pt idx="6107">
                  <c:v>0.45714149974082863</c:v>
                </c:pt>
                <c:pt idx="6108">
                  <c:v>0.45714149974082863</c:v>
                </c:pt>
                <c:pt idx="6109">
                  <c:v>0.30367256768497897</c:v>
                </c:pt>
                <c:pt idx="6110">
                  <c:v>0.45714149974082863</c:v>
                </c:pt>
                <c:pt idx="6111">
                  <c:v>0.45714149974082863</c:v>
                </c:pt>
                <c:pt idx="6112">
                  <c:v>0.26938695520441691</c:v>
                </c:pt>
                <c:pt idx="6113">
                  <c:v>0.11497522629296494</c:v>
                </c:pt>
                <c:pt idx="6114">
                  <c:v>7.5883649353356869E-2</c:v>
                </c:pt>
                <c:pt idx="6115">
                  <c:v>7.5883649353356869E-2</c:v>
                </c:pt>
                <c:pt idx="6116">
                  <c:v>7.5883649353356869E-2</c:v>
                </c:pt>
                <c:pt idx="6117">
                  <c:v>7.5883649353356869E-2</c:v>
                </c:pt>
                <c:pt idx="6118">
                  <c:v>7.5883649353356869E-2</c:v>
                </c:pt>
                <c:pt idx="6119">
                  <c:v>7.5883649353356869E-2</c:v>
                </c:pt>
                <c:pt idx="6120">
                  <c:v>7.5124764848505513E-2</c:v>
                </c:pt>
                <c:pt idx="6121">
                  <c:v>7.5124764848505513E-2</c:v>
                </c:pt>
                <c:pt idx="6122">
                  <c:v>7.5124764848505513E-2</c:v>
                </c:pt>
                <c:pt idx="6123">
                  <c:v>7.5124764848505513E-2</c:v>
                </c:pt>
                <c:pt idx="6124">
                  <c:v>7.5124764848505513E-2</c:v>
                </c:pt>
                <c:pt idx="6125">
                  <c:v>7.5124764848505513E-2</c:v>
                </c:pt>
                <c:pt idx="6126">
                  <c:v>7.5124764848505513E-2</c:v>
                </c:pt>
                <c:pt idx="6127">
                  <c:v>0.30710093266858762</c:v>
                </c:pt>
                <c:pt idx="6128">
                  <c:v>0.34265998803021358</c:v>
                </c:pt>
                <c:pt idx="6129">
                  <c:v>0.37821904339183954</c:v>
                </c:pt>
                <c:pt idx="6130">
                  <c:v>0.37821904339183954</c:v>
                </c:pt>
                <c:pt idx="6131">
                  <c:v>0.45256979551160281</c:v>
                </c:pt>
                <c:pt idx="6132">
                  <c:v>0.45256979551160281</c:v>
                </c:pt>
                <c:pt idx="6133">
                  <c:v>0.30063564987556468</c:v>
                </c:pt>
                <c:pt idx="6134">
                  <c:v>0.45256979551160281</c:v>
                </c:pt>
                <c:pt idx="6135">
                  <c:v>0.45256979551160281</c:v>
                </c:pt>
                <c:pt idx="6136">
                  <c:v>0.26669291521219457</c:v>
                </c:pt>
                <c:pt idx="6137">
                  <c:v>0.1138254012856144</c:v>
                </c:pt>
                <c:pt idx="6138">
                  <c:v>7.5124764848505513E-2</c:v>
                </c:pt>
                <c:pt idx="6139">
                  <c:v>7.5124764848505513E-2</c:v>
                </c:pt>
                <c:pt idx="6140">
                  <c:v>7.5124764848505513E-2</c:v>
                </c:pt>
                <c:pt idx="6141">
                  <c:v>7.5124764848505513E-2</c:v>
                </c:pt>
                <c:pt idx="6142">
                  <c:v>7.5124764848505513E-2</c:v>
                </c:pt>
                <c:pt idx="6143">
                  <c:v>7.5124764848505513E-2</c:v>
                </c:pt>
                <c:pt idx="6144">
                  <c:v>7.7180773990946624E-2</c:v>
                </c:pt>
                <c:pt idx="6145">
                  <c:v>7.7180773990946624E-2</c:v>
                </c:pt>
                <c:pt idx="6146">
                  <c:v>7.7180773990946624E-2</c:v>
                </c:pt>
                <c:pt idx="6147">
                  <c:v>7.7180773990946624E-2</c:v>
                </c:pt>
                <c:pt idx="6148">
                  <c:v>7.7180773990946624E-2</c:v>
                </c:pt>
                <c:pt idx="6149">
                  <c:v>7.7180773990946624E-2</c:v>
                </c:pt>
                <c:pt idx="6150">
                  <c:v>7.7180773990946624E-2</c:v>
                </c:pt>
                <c:pt idx="6151">
                  <c:v>0.31550564882965754</c:v>
                </c:pt>
                <c:pt idx="6152">
                  <c:v>0.35203788185203899</c:v>
                </c:pt>
                <c:pt idx="6153">
                  <c:v>0.38857011487442039</c:v>
                </c:pt>
                <c:pt idx="6154">
                  <c:v>0.38857011487442039</c:v>
                </c:pt>
                <c:pt idx="6155">
                  <c:v>0.4649556930121268</c:v>
                </c:pt>
                <c:pt idx="6156">
                  <c:v>0.4649556930121268</c:v>
                </c:pt>
                <c:pt idx="6157">
                  <c:v>0.30886342464377003</c:v>
                </c:pt>
                <c:pt idx="6158">
                  <c:v>0.4649556930121268</c:v>
                </c:pt>
                <c:pt idx="6159">
                  <c:v>0.4649556930121268</c:v>
                </c:pt>
                <c:pt idx="6160">
                  <c:v>0.2739917476678605</c:v>
                </c:pt>
                <c:pt idx="6161">
                  <c:v>0.11694056665294944</c:v>
                </c:pt>
                <c:pt idx="6162">
                  <c:v>7.7180773990946624E-2</c:v>
                </c:pt>
                <c:pt idx="6163">
                  <c:v>7.7180773990946624E-2</c:v>
                </c:pt>
                <c:pt idx="6164">
                  <c:v>7.7180773990946624E-2</c:v>
                </c:pt>
                <c:pt idx="6165">
                  <c:v>7.7180773990946624E-2</c:v>
                </c:pt>
                <c:pt idx="6166">
                  <c:v>7.7180773990946624E-2</c:v>
                </c:pt>
                <c:pt idx="6167">
                  <c:v>7.7180773990946624E-2</c:v>
                </c:pt>
                <c:pt idx="6168">
                  <c:v>0.11954993779341885</c:v>
                </c:pt>
                <c:pt idx="6169">
                  <c:v>7.2454507753587194E-2</c:v>
                </c:pt>
                <c:pt idx="6170">
                  <c:v>7.2454507753587194E-2</c:v>
                </c:pt>
                <c:pt idx="6171">
                  <c:v>7.2454507753587194E-2</c:v>
                </c:pt>
                <c:pt idx="6172">
                  <c:v>7.2454507753587194E-2</c:v>
                </c:pt>
                <c:pt idx="6173">
                  <c:v>7.2454507753587194E-2</c:v>
                </c:pt>
                <c:pt idx="6174">
                  <c:v>7.2454507753587194E-2</c:v>
                </c:pt>
                <c:pt idx="6175">
                  <c:v>0.30865620303028141</c:v>
                </c:pt>
                <c:pt idx="6176">
                  <c:v>0.38582025378785173</c:v>
                </c:pt>
                <c:pt idx="6177">
                  <c:v>0.42440227916663692</c:v>
                </c:pt>
                <c:pt idx="6178">
                  <c:v>0.42440227916663692</c:v>
                </c:pt>
                <c:pt idx="6179">
                  <c:v>0.50156632992420724</c:v>
                </c:pt>
                <c:pt idx="6180">
                  <c:v>0.50156632992420724</c:v>
                </c:pt>
                <c:pt idx="6181">
                  <c:v>0.3472382284090666</c:v>
                </c:pt>
                <c:pt idx="6182">
                  <c:v>0.50156632992420724</c:v>
                </c:pt>
                <c:pt idx="6183">
                  <c:v>0.38582025378785173</c:v>
                </c:pt>
                <c:pt idx="6184">
                  <c:v>0.18113626938396798</c:v>
                </c:pt>
                <c:pt idx="6185">
                  <c:v>0.11954993779341885</c:v>
                </c:pt>
                <c:pt idx="6186">
                  <c:v>7.6077233141266548E-2</c:v>
                </c:pt>
                <c:pt idx="6187">
                  <c:v>7.2454507753587194E-2</c:v>
                </c:pt>
                <c:pt idx="6188">
                  <c:v>7.2454507753587194E-2</c:v>
                </c:pt>
                <c:pt idx="6189">
                  <c:v>7.2454507753587194E-2</c:v>
                </c:pt>
                <c:pt idx="6190">
                  <c:v>7.2454507753587194E-2</c:v>
                </c:pt>
                <c:pt idx="6191">
                  <c:v>7.2454507753587194E-2</c:v>
                </c:pt>
                <c:pt idx="6192">
                  <c:v>3.2530650523576947E-2</c:v>
                </c:pt>
                <c:pt idx="6193">
                  <c:v>2.9277585471219253E-2</c:v>
                </c:pt>
                <c:pt idx="6194">
                  <c:v>2.9277585471219253E-2</c:v>
                </c:pt>
                <c:pt idx="6195">
                  <c:v>2.9277585471219253E-2</c:v>
                </c:pt>
                <c:pt idx="6196">
                  <c:v>2.9277585471219253E-2</c:v>
                </c:pt>
                <c:pt idx="6197">
                  <c:v>2.9277585471219253E-2</c:v>
                </c:pt>
                <c:pt idx="6198">
                  <c:v>2.9277585471219253E-2</c:v>
                </c:pt>
                <c:pt idx="6199">
                  <c:v>2.9277585471219253E-2</c:v>
                </c:pt>
                <c:pt idx="6200">
                  <c:v>2.9277585471219253E-2</c:v>
                </c:pt>
                <c:pt idx="6201">
                  <c:v>2.9277585471219253E-2</c:v>
                </c:pt>
                <c:pt idx="6202">
                  <c:v>2.9277585471219253E-2</c:v>
                </c:pt>
                <c:pt idx="6203">
                  <c:v>2.9277585471219253E-2</c:v>
                </c:pt>
                <c:pt idx="6204">
                  <c:v>2.9277585471219253E-2</c:v>
                </c:pt>
                <c:pt idx="6205">
                  <c:v>2.9277585471219253E-2</c:v>
                </c:pt>
                <c:pt idx="6206">
                  <c:v>2.9277585471219253E-2</c:v>
                </c:pt>
                <c:pt idx="6207">
                  <c:v>2.9277585471219253E-2</c:v>
                </c:pt>
                <c:pt idx="6208">
                  <c:v>2.9277585471219253E-2</c:v>
                </c:pt>
                <c:pt idx="6209">
                  <c:v>2.9277585471219253E-2</c:v>
                </c:pt>
                <c:pt idx="6210">
                  <c:v>2.9277585471219253E-2</c:v>
                </c:pt>
                <c:pt idx="6211">
                  <c:v>2.9277585471219253E-2</c:v>
                </c:pt>
                <c:pt idx="6212">
                  <c:v>2.9277585471219253E-2</c:v>
                </c:pt>
                <c:pt idx="6213">
                  <c:v>2.9277585471219253E-2</c:v>
                </c:pt>
                <c:pt idx="6214">
                  <c:v>2.9277585471219253E-2</c:v>
                </c:pt>
                <c:pt idx="6215">
                  <c:v>2.9277585471219253E-2</c:v>
                </c:pt>
                <c:pt idx="6216">
                  <c:v>2.9362907123685791E-2</c:v>
                </c:pt>
                <c:pt idx="6217">
                  <c:v>2.9362907123685791E-2</c:v>
                </c:pt>
                <c:pt idx="6218">
                  <c:v>2.9362907123685791E-2</c:v>
                </c:pt>
                <c:pt idx="6219">
                  <c:v>2.9362907123685791E-2</c:v>
                </c:pt>
                <c:pt idx="6220">
                  <c:v>2.9362907123685791E-2</c:v>
                </c:pt>
                <c:pt idx="6221">
                  <c:v>2.9362907123685791E-2</c:v>
                </c:pt>
                <c:pt idx="6222">
                  <c:v>2.9362907123685791E-2</c:v>
                </c:pt>
                <c:pt idx="6223">
                  <c:v>2.9362907123685791E-2</c:v>
                </c:pt>
                <c:pt idx="6224">
                  <c:v>2.9362907123685791E-2</c:v>
                </c:pt>
                <c:pt idx="6225">
                  <c:v>2.9362907123685791E-2</c:v>
                </c:pt>
                <c:pt idx="6226">
                  <c:v>2.9362907123685791E-2</c:v>
                </c:pt>
                <c:pt idx="6227">
                  <c:v>2.9362907123685791E-2</c:v>
                </c:pt>
                <c:pt idx="6228">
                  <c:v>2.9362907123685791E-2</c:v>
                </c:pt>
                <c:pt idx="6229">
                  <c:v>2.9362907123685791E-2</c:v>
                </c:pt>
                <c:pt idx="6230">
                  <c:v>2.9362907123685791E-2</c:v>
                </c:pt>
                <c:pt idx="6231">
                  <c:v>2.9362907123685791E-2</c:v>
                </c:pt>
                <c:pt idx="6232">
                  <c:v>2.9362907123685791E-2</c:v>
                </c:pt>
                <c:pt idx="6233">
                  <c:v>2.9362907123685791E-2</c:v>
                </c:pt>
                <c:pt idx="6234">
                  <c:v>2.9362907123685791E-2</c:v>
                </c:pt>
                <c:pt idx="6235">
                  <c:v>2.9362907123685791E-2</c:v>
                </c:pt>
                <c:pt idx="6236">
                  <c:v>2.9362907123685791E-2</c:v>
                </c:pt>
                <c:pt idx="6237">
                  <c:v>2.9362907123685791E-2</c:v>
                </c:pt>
                <c:pt idx="6238">
                  <c:v>2.9362907123685791E-2</c:v>
                </c:pt>
                <c:pt idx="6239">
                  <c:v>2.9362907123685791E-2</c:v>
                </c:pt>
                <c:pt idx="6240">
                  <c:v>7.33069160106187E-2</c:v>
                </c:pt>
                <c:pt idx="6241">
                  <c:v>7.33069160106187E-2</c:v>
                </c:pt>
                <c:pt idx="6242">
                  <c:v>7.33069160106187E-2</c:v>
                </c:pt>
                <c:pt idx="6243">
                  <c:v>7.33069160106187E-2</c:v>
                </c:pt>
                <c:pt idx="6244">
                  <c:v>7.33069160106187E-2</c:v>
                </c:pt>
                <c:pt idx="6245">
                  <c:v>7.33069160106187E-2</c:v>
                </c:pt>
                <c:pt idx="6246">
                  <c:v>7.33069160106187E-2</c:v>
                </c:pt>
                <c:pt idx="6247">
                  <c:v>0.31228746220523573</c:v>
                </c:pt>
                <c:pt idx="6248">
                  <c:v>0.35132339498089016</c:v>
                </c:pt>
                <c:pt idx="6249">
                  <c:v>0.39035932775654458</c:v>
                </c:pt>
                <c:pt idx="6250">
                  <c:v>0.39035932775654458</c:v>
                </c:pt>
                <c:pt idx="6251">
                  <c:v>0.46843119330785343</c:v>
                </c:pt>
                <c:pt idx="6252">
                  <c:v>0.46843119330785343</c:v>
                </c:pt>
                <c:pt idx="6253">
                  <c:v>0.31228746220523573</c:v>
                </c:pt>
                <c:pt idx="6254">
                  <c:v>0.46843119330785343</c:v>
                </c:pt>
                <c:pt idx="6255">
                  <c:v>0.46843119330785343</c:v>
                </c:pt>
                <c:pt idx="6256">
                  <c:v>0.2732515294295812</c:v>
                </c:pt>
                <c:pt idx="6257">
                  <c:v>7.8071865551308933E-2</c:v>
                </c:pt>
                <c:pt idx="6258">
                  <c:v>7.6972261811149648E-2</c:v>
                </c:pt>
                <c:pt idx="6259">
                  <c:v>7.6972261811149648E-2</c:v>
                </c:pt>
                <c:pt idx="6260">
                  <c:v>7.6972261811149648E-2</c:v>
                </c:pt>
                <c:pt idx="6261">
                  <c:v>7.6972261811149648E-2</c:v>
                </c:pt>
                <c:pt idx="6262">
                  <c:v>7.6972261811149648E-2</c:v>
                </c:pt>
                <c:pt idx="6263">
                  <c:v>7.6972261811149648E-2</c:v>
                </c:pt>
                <c:pt idx="6264">
                  <c:v>4.9686672432584802E-2</c:v>
                </c:pt>
                <c:pt idx="6265">
                  <c:v>7.5713024659176842E-2</c:v>
                </c:pt>
                <c:pt idx="6266">
                  <c:v>7.5713024659176842E-2</c:v>
                </c:pt>
                <c:pt idx="6267">
                  <c:v>7.5713024659176842E-2</c:v>
                </c:pt>
                <c:pt idx="6268">
                  <c:v>7.5713024659176842E-2</c:v>
                </c:pt>
                <c:pt idx="6269">
                  <c:v>7.5713024659176842E-2</c:v>
                </c:pt>
                <c:pt idx="6270">
                  <c:v>7.5713024659176842E-2</c:v>
                </c:pt>
                <c:pt idx="6271">
                  <c:v>0.31917771957884233</c:v>
                </c:pt>
                <c:pt idx="6272">
                  <c:v>0.35613513974060301</c:v>
                </c:pt>
                <c:pt idx="6273">
                  <c:v>0.39309255990236375</c:v>
                </c:pt>
                <c:pt idx="6274">
                  <c:v>0.39309255990236375</c:v>
                </c:pt>
                <c:pt idx="6275">
                  <c:v>0.47036716569513615</c:v>
                </c:pt>
                <c:pt idx="6276">
                  <c:v>0.47036716569513615</c:v>
                </c:pt>
                <c:pt idx="6277">
                  <c:v>0.31245818864034036</c:v>
                </c:pt>
                <c:pt idx="6278">
                  <c:v>0.47036716569513615</c:v>
                </c:pt>
                <c:pt idx="6279">
                  <c:v>0.47036716569513615</c:v>
                </c:pt>
                <c:pt idx="6280">
                  <c:v>0.27718065121320523</c:v>
                </c:pt>
                <c:pt idx="6281">
                  <c:v>0.11830160102996383</c:v>
                </c:pt>
                <c:pt idx="6282">
                  <c:v>7.8079056679776118E-2</c:v>
                </c:pt>
                <c:pt idx="6283">
                  <c:v>7.8079056679776118E-2</c:v>
                </c:pt>
                <c:pt idx="6284">
                  <c:v>7.8079056679776118E-2</c:v>
                </c:pt>
                <c:pt idx="6285">
                  <c:v>7.8079056679776118E-2</c:v>
                </c:pt>
                <c:pt idx="6286">
                  <c:v>7.8079056679776118E-2</c:v>
                </c:pt>
                <c:pt idx="6287">
                  <c:v>7.8079056679776118E-2</c:v>
                </c:pt>
                <c:pt idx="6288">
                  <c:v>7.7241244848077234E-2</c:v>
                </c:pt>
                <c:pt idx="6289">
                  <c:v>7.7241244848077234E-2</c:v>
                </c:pt>
                <c:pt idx="6290">
                  <c:v>7.7241244848077234E-2</c:v>
                </c:pt>
                <c:pt idx="6291">
                  <c:v>7.7241244848077234E-2</c:v>
                </c:pt>
                <c:pt idx="6292">
                  <c:v>7.7241244848077234E-2</c:v>
                </c:pt>
                <c:pt idx="6293">
                  <c:v>7.7241244848077234E-2</c:v>
                </c:pt>
                <c:pt idx="6294">
                  <c:v>7.7241244848077234E-2</c:v>
                </c:pt>
                <c:pt idx="6295">
                  <c:v>0.31575284636380668</c:v>
                </c:pt>
                <c:pt idx="6296">
                  <c:v>0.35231370225856318</c:v>
                </c:pt>
                <c:pt idx="6297">
                  <c:v>0.38887455815331984</c:v>
                </c:pt>
                <c:pt idx="6298">
                  <c:v>0.38887455815331984</c:v>
                </c:pt>
                <c:pt idx="6299">
                  <c:v>0.46531998411508357</c:v>
                </c:pt>
                <c:pt idx="6300">
                  <c:v>0.46531998411508357</c:v>
                </c:pt>
                <c:pt idx="6301">
                  <c:v>0.30910541801930547</c:v>
                </c:pt>
                <c:pt idx="6302">
                  <c:v>0.46531998411508357</c:v>
                </c:pt>
                <c:pt idx="6303">
                  <c:v>0.46531998411508357</c:v>
                </c:pt>
                <c:pt idx="6304">
                  <c:v>0.27420641921067423</c:v>
                </c:pt>
                <c:pt idx="6305">
                  <c:v>0.11703218916375339</c:v>
                </c:pt>
                <c:pt idx="6306">
                  <c:v>7.7241244848077234E-2</c:v>
                </c:pt>
                <c:pt idx="6307">
                  <c:v>7.7241244848077234E-2</c:v>
                </c:pt>
                <c:pt idx="6308">
                  <c:v>7.7241244848077234E-2</c:v>
                </c:pt>
                <c:pt idx="6309">
                  <c:v>7.7241244848077234E-2</c:v>
                </c:pt>
                <c:pt idx="6310">
                  <c:v>7.7241244848077234E-2</c:v>
                </c:pt>
                <c:pt idx="6311">
                  <c:v>7.7241244848077234E-2</c:v>
                </c:pt>
                <c:pt idx="6312">
                  <c:v>7.6273711133987315E-2</c:v>
                </c:pt>
                <c:pt idx="6313">
                  <c:v>7.6273711133987315E-2</c:v>
                </c:pt>
                <c:pt idx="6314">
                  <c:v>7.6273711133987315E-2</c:v>
                </c:pt>
                <c:pt idx="6315">
                  <c:v>7.6273711133987315E-2</c:v>
                </c:pt>
                <c:pt idx="6316">
                  <c:v>7.6273711133987315E-2</c:v>
                </c:pt>
                <c:pt idx="6317">
                  <c:v>7.6273711133987315E-2</c:v>
                </c:pt>
                <c:pt idx="6318">
                  <c:v>7.6273711133987315E-2</c:v>
                </c:pt>
                <c:pt idx="6319">
                  <c:v>0.31179768581742084</c:v>
                </c:pt>
                <c:pt idx="6320">
                  <c:v>0.34790057575417477</c:v>
                </c:pt>
                <c:pt idx="6321">
                  <c:v>0.3840034656909288</c:v>
                </c:pt>
                <c:pt idx="6322">
                  <c:v>0.3840034656909288</c:v>
                </c:pt>
                <c:pt idx="6323">
                  <c:v>0.45949132646777802</c:v>
                </c:pt>
                <c:pt idx="6324">
                  <c:v>0.45949132646777802</c:v>
                </c:pt>
                <c:pt idx="6325">
                  <c:v>0.30523352401073822</c:v>
                </c:pt>
                <c:pt idx="6326">
                  <c:v>0.45949132646777802</c:v>
                </c:pt>
                <c:pt idx="6327">
                  <c:v>0.45949132646777802</c:v>
                </c:pt>
                <c:pt idx="6328">
                  <c:v>0.27077167452565493</c:v>
                </c:pt>
                <c:pt idx="6329">
                  <c:v>0.11556622899088988</c:v>
                </c:pt>
                <c:pt idx="6330">
                  <c:v>7.6273711133987315E-2</c:v>
                </c:pt>
                <c:pt idx="6331">
                  <c:v>7.6273711133987315E-2</c:v>
                </c:pt>
                <c:pt idx="6332">
                  <c:v>7.6273711133987315E-2</c:v>
                </c:pt>
                <c:pt idx="6333">
                  <c:v>7.6273711133987315E-2</c:v>
                </c:pt>
                <c:pt idx="6334">
                  <c:v>7.6273711133987315E-2</c:v>
                </c:pt>
                <c:pt idx="6335">
                  <c:v>7.6273711133987315E-2</c:v>
                </c:pt>
                <c:pt idx="6336">
                  <c:v>0.11733147976110453</c:v>
                </c:pt>
                <c:pt idx="6337">
                  <c:v>7.1109987734002747E-2</c:v>
                </c:pt>
                <c:pt idx="6338">
                  <c:v>7.1109987734002747E-2</c:v>
                </c:pt>
                <c:pt idx="6339">
                  <c:v>7.1109987734002747E-2</c:v>
                </c:pt>
                <c:pt idx="6340">
                  <c:v>7.1109987734002747E-2</c:v>
                </c:pt>
                <c:pt idx="6341">
                  <c:v>7.1109987734002747E-2</c:v>
                </c:pt>
                <c:pt idx="6342">
                  <c:v>7.1109987734002747E-2</c:v>
                </c:pt>
                <c:pt idx="6343">
                  <c:v>0.30292854774685163</c:v>
                </c:pt>
                <c:pt idx="6344">
                  <c:v>0.37866068468356462</c:v>
                </c:pt>
                <c:pt idx="6345">
                  <c:v>0.416526753151921</c:v>
                </c:pt>
                <c:pt idx="6346">
                  <c:v>0.416526753151921</c:v>
                </c:pt>
                <c:pt idx="6347">
                  <c:v>0.49225889008863399</c:v>
                </c:pt>
                <c:pt idx="6348">
                  <c:v>0.49225889008863399</c:v>
                </c:pt>
                <c:pt idx="6349">
                  <c:v>0.34079461621520812</c:v>
                </c:pt>
                <c:pt idx="6350">
                  <c:v>0.49225889008863399</c:v>
                </c:pt>
                <c:pt idx="6351">
                  <c:v>0.37866068468356462</c:v>
                </c:pt>
                <c:pt idx="6352">
                  <c:v>0.17777496933500686</c:v>
                </c:pt>
                <c:pt idx="6353">
                  <c:v>0.11733147976110453</c:v>
                </c:pt>
                <c:pt idx="6354">
                  <c:v>7.4665487120702867E-2</c:v>
                </c:pt>
                <c:pt idx="6355">
                  <c:v>7.1109987734002747E-2</c:v>
                </c:pt>
                <c:pt idx="6356">
                  <c:v>7.1109987734002747E-2</c:v>
                </c:pt>
                <c:pt idx="6357">
                  <c:v>7.1109987734002747E-2</c:v>
                </c:pt>
                <c:pt idx="6358">
                  <c:v>7.1109987734002747E-2</c:v>
                </c:pt>
                <c:pt idx="6359">
                  <c:v>7.1109987734002747E-2</c:v>
                </c:pt>
                <c:pt idx="6360">
                  <c:v>3.2975017488797484E-2</c:v>
                </c:pt>
                <c:pt idx="6361">
                  <c:v>2.9677515739917733E-2</c:v>
                </c:pt>
                <c:pt idx="6362">
                  <c:v>2.9677515739917733E-2</c:v>
                </c:pt>
                <c:pt idx="6363">
                  <c:v>2.9677515739917733E-2</c:v>
                </c:pt>
                <c:pt idx="6364">
                  <c:v>2.9677515739917733E-2</c:v>
                </c:pt>
                <c:pt idx="6365">
                  <c:v>2.9677515739917733E-2</c:v>
                </c:pt>
                <c:pt idx="6366">
                  <c:v>2.9677515739917733E-2</c:v>
                </c:pt>
                <c:pt idx="6367">
                  <c:v>2.9677515739917733E-2</c:v>
                </c:pt>
                <c:pt idx="6368">
                  <c:v>2.9677515739917733E-2</c:v>
                </c:pt>
                <c:pt idx="6369">
                  <c:v>2.9677515739917733E-2</c:v>
                </c:pt>
                <c:pt idx="6370">
                  <c:v>2.9677515739917733E-2</c:v>
                </c:pt>
                <c:pt idx="6371">
                  <c:v>2.9677515739917733E-2</c:v>
                </c:pt>
                <c:pt idx="6372">
                  <c:v>2.9677515739917733E-2</c:v>
                </c:pt>
                <c:pt idx="6373">
                  <c:v>2.9677515739917733E-2</c:v>
                </c:pt>
                <c:pt idx="6374">
                  <c:v>2.9677515739917733E-2</c:v>
                </c:pt>
                <c:pt idx="6375">
                  <c:v>2.9677515739917733E-2</c:v>
                </c:pt>
                <c:pt idx="6376">
                  <c:v>2.9677515739917733E-2</c:v>
                </c:pt>
                <c:pt idx="6377">
                  <c:v>2.9677515739917733E-2</c:v>
                </c:pt>
                <c:pt idx="6378">
                  <c:v>2.9677515739917733E-2</c:v>
                </c:pt>
                <c:pt idx="6379">
                  <c:v>2.9677515739917733E-2</c:v>
                </c:pt>
                <c:pt idx="6380">
                  <c:v>2.9677515739917733E-2</c:v>
                </c:pt>
                <c:pt idx="6381">
                  <c:v>2.9677515739917733E-2</c:v>
                </c:pt>
                <c:pt idx="6382">
                  <c:v>2.9677515739917733E-2</c:v>
                </c:pt>
                <c:pt idx="6383">
                  <c:v>2.9677515739917733E-2</c:v>
                </c:pt>
                <c:pt idx="6384">
                  <c:v>3.0808801232655912E-2</c:v>
                </c:pt>
                <c:pt idx="6385">
                  <c:v>3.0808801232655912E-2</c:v>
                </c:pt>
                <c:pt idx="6386">
                  <c:v>3.0808801232655912E-2</c:v>
                </c:pt>
                <c:pt idx="6387">
                  <c:v>3.0808801232655912E-2</c:v>
                </c:pt>
                <c:pt idx="6388">
                  <c:v>3.0808801232655912E-2</c:v>
                </c:pt>
                <c:pt idx="6389">
                  <c:v>3.0808801232655912E-2</c:v>
                </c:pt>
                <c:pt idx="6390">
                  <c:v>3.0808801232655912E-2</c:v>
                </c:pt>
                <c:pt idx="6391">
                  <c:v>3.0808801232655912E-2</c:v>
                </c:pt>
                <c:pt idx="6392">
                  <c:v>3.0808801232655912E-2</c:v>
                </c:pt>
                <c:pt idx="6393">
                  <c:v>3.0808801232655912E-2</c:v>
                </c:pt>
                <c:pt idx="6394">
                  <c:v>3.0808801232655912E-2</c:v>
                </c:pt>
                <c:pt idx="6395">
                  <c:v>3.0808801232655912E-2</c:v>
                </c:pt>
                <c:pt idx="6396">
                  <c:v>3.0808801232655912E-2</c:v>
                </c:pt>
                <c:pt idx="6397">
                  <c:v>3.0808801232655912E-2</c:v>
                </c:pt>
                <c:pt idx="6398">
                  <c:v>3.0808801232655912E-2</c:v>
                </c:pt>
                <c:pt idx="6399">
                  <c:v>3.0808801232655912E-2</c:v>
                </c:pt>
                <c:pt idx="6400">
                  <c:v>3.0808801232655912E-2</c:v>
                </c:pt>
                <c:pt idx="6401">
                  <c:v>3.0808801232655912E-2</c:v>
                </c:pt>
                <c:pt idx="6402">
                  <c:v>3.0808801232655912E-2</c:v>
                </c:pt>
                <c:pt idx="6403">
                  <c:v>3.0808801232655912E-2</c:v>
                </c:pt>
                <c:pt idx="6404">
                  <c:v>3.0808801232655912E-2</c:v>
                </c:pt>
                <c:pt idx="6405">
                  <c:v>3.0808801232655912E-2</c:v>
                </c:pt>
                <c:pt idx="6406">
                  <c:v>3.0808801232655912E-2</c:v>
                </c:pt>
                <c:pt idx="6407">
                  <c:v>3.0808801232655912E-2</c:v>
                </c:pt>
                <c:pt idx="6408">
                  <c:v>7.6092199145177508E-2</c:v>
                </c:pt>
                <c:pt idx="6409">
                  <c:v>7.6092199145177508E-2</c:v>
                </c:pt>
                <c:pt idx="6410">
                  <c:v>7.6092199145177508E-2</c:v>
                </c:pt>
                <c:pt idx="6411">
                  <c:v>7.6092199145177508E-2</c:v>
                </c:pt>
                <c:pt idx="6412">
                  <c:v>7.6092199145177508E-2</c:v>
                </c:pt>
                <c:pt idx="6413">
                  <c:v>7.6092199145177508E-2</c:v>
                </c:pt>
                <c:pt idx="6414">
                  <c:v>7.6092199145177508E-2</c:v>
                </c:pt>
                <c:pt idx="6415">
                  <c:v>0.32415276835845608</c:v>
                </c:pt>
                <c:pt idx="6416">
                  <c:v>0.36467186440326316</c:v>
                </c:pt>
                <c:pt idx="6417">
                  <c:v>0.40519096044807018</c:v>
                </c:pt>
                <c:pt idx="6418">
                  <c:v>0.40519096044807018</c:v>
                </c:pt>
                <c:pt idx="6419">
                  <c:v>0.48622915253768412</c:v>
                </c:pt>
                <c:pt idx="6420">
                  <c:v>0.48622915253768412</c:v>
                </c:pt>
                <c:pt idx="6421">
                  <c:v>0.32415276835845608</c:v>
                </c:pt>
                <c:pt idx="6422">
                  <c:v>0.48622915253768412</c:v>
                </c:pt>
                <c:pt idx="6423">
                  <c:v>0.48622915253768412</c:v>
                </c:pt>
                <c:pt idx="6424">
                  <c:v>0.28363367231364911</c:v>
                </c:pt>
                <c:pt idx="6425">
                  <c:v>8.103819208961402E-2</c:v>
                </c:pt>
                <c:pt idx="6426">
                  <c:v>7.9896809102436378E-2</c:v>
                </c:pt>
                <c:pt idx="6427">
                  <c:v>7.9896809102436378E-2</c:v>
                </c:pt>
                <c:pt idx="6428">
                  <c:v>7.9896809102436378E-2</c:v>
                </c:pt>
                <c:pt idx="6429">
                  <c:v>7.9896809102436378E-2</c:v>
                </c:pt>
                <c:pt idx="6430">
                  <c:v>7.9896809102436378E-2</c:v>
                </c:pt>
                <c:pt idx="6431">
                  <c:v>7.9896809102436378E-2</c:v>
                </c:pt>
                <c:pt idx="6432">
                  <c:v>4.9803095548379757E-2</c:v>
                </c:pt>
                <c:pt idx="6433">
                  <c:v>7.5890431311816789E-2</c:v>
                </c:pt>
                <c:pt idx="6434">
                  <c:v>7.5890431311816789E-2</c:v>
                </c:pt>
                <c:pt idx="6435">
                  <c:v>7.5890431311816789E-2</c:v>
                </c:pt>
                <c:pt idx="6436">
                  <c:v>7.5890431311816789E-2</c:v>
                </c:pt>
                <c:pt idx="6437">
                  <c:v>7.5890431311816789E-2</c:v>
                </c:pt>
                <c:pt idx="6438">
                  <c:v>7.5890431311816789E-2</c:v>
                </c:pt>
                <c:pt idx="6439">
                  <c:v>0.31992559949887756</c:v>
                </c:pt>
                <c:pt idx="6440">
                  <c:v>0.35696961628295815</c:v>
                </c:pt>
                <c:pt idx="6441">
                  <c:v>0.39401363306703874</c:v>
                </c:pt>
                <c:pt idx="6442">
                  <c:v>0.39401363306703874</c:v>
                </c:pt>
                <c:pt idx="6443">
                  <c:v>0.47146930452466174</c:v>
                </c:pt>
                <c:pt idx="6444">
                  <c:v>0.47146930452466174</c:v>
                </c:pt>
                <c:pt idx="6445">
                  <c:v>0.31319032371995381</c:v>
                </c:pt>
                <c:pt idx="6446">
                  <c:v>0.47146930452466174</c:v>
                </c:pt>
                <c:pt idx="6447">
                  <c:v>0.47146930452466174</c:v>
                </c:pt>
                <c:pt idx="6448">
                  <c:v>0.27783012588060418</c:v>
                </c:pt>
                <c:pt idx="6449">
                  <c:v>0.11857879892471374</c:v>
                </c:pt>
                <c:pt idx="6450">
                  <c:v>7.8262007290311061E-2</c:v>
                </c:pt>
                <c:pt idx="6451">
                  <c:v>7.8262007290311061E-2</c:v>
                </c:pt>
                <c:pt idx="6452">
                  <c:v>7.8262007290311061E-2</c:v>
                </c:pt>
                <c:pt idx="6453">
                  <c:v>7.8262007290311061E-2</c:v>
                </c:pt>
                <c:pt idx="6454">
                  <c:v>7.8262007290311061E-2</c:v>
                </c:pt>
                <c:pt idx="6455">
                  <c:v>7.8262007290311061E-2</c:v>
                </c:pt>
                <c:pt idx="6456">
                  <c:v>7.6999361419554768E-2</c:v>
                </c:pt>
                <c:pt idx="6457">
                  <c:v>7.6999361419554768E-2</c:v>
                </c:pt>
                <c:pt idx="6458">
                  <c:v>7.6999361419554768E-2</c:v>
                </c:pt>
                <c:pt idx="6459">
                  <c:v>7.6999361419554768E-2</c:v>
                </c:pt>
                <c:pt idx="6460">
                  <c:v>7.6999361419554768E-2</c:v>
                </c:pt>
                <c:pt idx="6461">
                  <c:v>7.6999361419554768E-2</c:v>
                </c:pt>
                <c:pt idx="6462">
                  <c:v>7.6999361419554768E-2</c:v>
                </c:pt>
                <c:pt idx="6463">
                  <c:v>0.31476405622721015</c:v>
                </c:pt>
                <c:pt idx="6464">
                  <c:v>0.3512104206324661</c:v>
                </c:pt>
                <c:pt idx="6465">
                  <c:v>0.38765678503772205</c:v>
                </c:pt>
                <c:pt idx="6466">
                  <c:v>0.38765678503772205</c:v>
                </c:pt>
                <c:pt idx="6467">
                  <c:v>0.46386281970325716</c:v>
                </c:pt>
                <c:pt idx="6468">
                  <c:v>0.46386281970325716</c:v>
                </c:pt>
                <c:pt idx="6469">
                  <c:v>0.30813744451716363</c:v>
                </c:pt>
                <c:pt idx="6470">
                  <c:v>0.46386281970325716</c:v>
                </c:pt>
                <c:pt idx="6471">
                  <c:v>0.46386281970325716</c:v>
                </c:pt>
                <c:pt idx="6472">
                  <c:v>0.27334773303941928</c:v>
                </c:pt>
                <c:pt idx="6473">
                  <c:v>0.11666569912053749</c:v>
                </c:pt>
                <c:pt idx="6474">
                  <c:v>7.6999361419554768E-2</c:v>
                </c:pt>
                <c:pt idx="6475">
                  <c:v>7.6999361419554768E-2</c:v>
                </c:pt>
                <c:pt idx="6476">
                  <c:v>7.6999361419554768E-2</c:v>
                </c:pt>
                <c:pt idx="6477">
                  <c:v>7.6999361419554768E-2</c:v>
                </c:pt>
                <c:pt idx="6478">
                  <c:v>7.6999361419554768E-2</c:v>
                </c:pt>
                <c:pt idx="6479">
                  <c:v>7.6999361419554768E-2</c:v>
                </c:pt>
                <c:pt idx="6480">
                  <c:v>7.6878419705293521E-2</c:v>
                </c:pt>
                <c:pt idx="6481">
                  <c:v>7.6878419705293521E-2</c:v>
                </c:pt>
                <c:pt idx="6482">
                  <c:v>7.6878419705293521E-2</c:v>
                </c:pt>
                <c:pt idx="6483">
                  <c:v>7.6878419705293521E-2</c:v>
                </c:pt>
                <c:pt idx="6484">
                  <c:v>7.6878419705293521E-2</c:v>
                </c:pt>
                <c:pt idx="6485">
                  <c:v>7.6878419705293521E-2</c:v>
                </c:pt>
                <c:pt idx="6486">
                  <c:v>7.6878419705293521E-2</c:v>
                </c:pt>
                <c:pt idx="6487">
                  <c:v>0.31426966115891197</c:v>
                </c:pt>
                <c:pt idx="6488">
                  <c:v>0.35065877981941762</c:v>
                </c:pt>
                <c:pt idx="6489">
                  <c:v>0.38704789847992321</c:v>
                </c:pt>
                <c:pt idx="6490">
                  <c:v>0.38704789847992321</c:v>
                </c:pt>
                <c:pt idx="6491">
                  <c:v>0.46313423749734395</c:v>
                </c:pt>
                <c:pt idx="6492">
                  <c:v>0.46313423749734395</c:v>
                </c:pt>
                <c:pt idx="6493">
                  <c:v>0.30765345776609276</c:v>
                </c:pt>
                <c:pt idx="6494">
                  <c:v>0.46313423749734395</c:v>
                </c:pt>
                <c:pt idx="6495">
                  <c:v>0.46313423749734395</c:v>
                </c:pt>
                <c:pt idx="6496">
                  <c:v>0.27291838995379197</c:v>
                </c:pt>
                <c:pt idx="6497">
                  <c:v>0.11648245409892957</c:v>
                </c:pt>
                <c:pt idx="6498">
                  <c:v>7.6878419705293521E-2</c:v>
                </c:pt>
                <c:pt idx="6499">
                  <c:v>7.6878419705293521E-2</c:v>
                </c:pt>
                <c:pt idx="6500">
                  <c:v>7.6878419705293521E-2</c:v>
                </c:pt>
                <c:pt idx="6501">
                  <c:v>7.6878419705293521E-2</c:v>
                </c:pt>
                <c:pt idx="6502">
                  <c:v>7.6878419705293521E-2</c:v>
                </c:pt>
                <c:pt idx="6503">
                  <c:v>7.6878419705293521E-2</c:v>
                </c:pt>
                <c:pt idx="6504">
                  <c:v>0.11853314452860811</c:v>
                </c:pt>
                <c:pt idx="6505">
                  <c:v>7.1838269411277661E-2</c:v>
                </c:pt>
                <c:pt idx="6506">
                  <c:v>7.1838269411277661E-2</c:v>
                </c:pt>
                <c:pt idx="6507">
                  <c:v>7.1838269411277661E-2</c:v>
                </c:pt>
                <c:pt idx="6508">
                  <c:v>7.1838269411277661E-2</c:v>
                </c:pt>
                <c:pt idx="6509">
                  <c:v>7.1838269411277661E-2</c:v>
                </c:pt>
                <c:pt idx="6510">
                  <c:v>7.1838269411277661E-2</c:v>
                </c:pt>
                <c:pt idx="6511">
                  <c:v>0.30603102769204277</c:v>
                </c:pt>
                <c:pt idx="6512">
                  <c:v>0.38253878461505347</c:v>
                </c:pt>
                <c:pt idx="6513">
                  <c:v>0.42079266307655894</c:v>
                </c:pt>
                <c:pt idx="6514">
                  <c:v>0.42079266307655894</c:v>
                </c:pt>
                <c:pt idx="6515">
                  <c:v>0.49730041999956953</c:v>
                </c:pt>
                <c:pt idx="6516">
                  <c:v>0.49730041999956953</c:v>
                </c:pt>
                <c:pt idx="6517">
                  <c:v>0.34428490615354812</c:v>
                </c:pt>
                <c:pt idx="6518">
                  <c:v>0.49730041999956953</c:v>
                </c:pt>
                <c:pt idx="6519">
                  <c:v>0.38253878461505347</c:v>
                </c:pt>
                <c:pt idx="6520">
                  <c:v>0.17959567352819411</c:v>
                </c:pt>
                <c:pt idx="6521">
                  <c:v>0.11853314452860811</c:v>
                </c:pt>
                <c:pt idx="6522">
                  <c:v>7.5430182881841529E-2</c:v>
                </c:pt>
                <c:pt idx="6523">
                  <c:v>7.1838269411277661E-2</c:v>
                </c:pt>
                <c:pt idx="6524">
                  <c:v>7.1838269411277661E-2</c:v>
                </c:pt>
                <c:pt idx="6525">
                  <c:v>7.1838269411277661E-2</c:v>
                </c:pt>
                <c:pt idx="6526">
                  <c:v>7.1838269411277661E-2</c:v>
                </c:pt>
                <c:pt idx="6527">
                  <c:v>7.1838269411277661E-2</c:v>
                </c:pt>
                <c:pt idx="6528">
                  <c:v>3.2752834006187212E-2</c:v>
                </c:pt>
                <c:pt idx="6529">
                  <c:v>2.9477550605568489E-2</c:v>
                </c:pt>
                <c:pt idx="6530">
                  <c:v>2.9477550605568489E-2</c:v>
                </c:pt>
                <c:pt idx="6531">
                  <c:v>2.9477550605568489E-2</c:v>
                </c:pt>
                <c:pt idx="6532">
                  <c:v>2.9477550605568489E-2</c:v>
                </c:pt>
                <c:pt idx="6533">
                  <c:v>2.9477550605568489E-2</c:v>
                </c:pt>
                <c:pt idx="6534">
                  <c:v>2.9477550605568489E-2</c:v>
                </c:pt>
                <c:pt idx="6535">
                  <c:v>2.9477550605568489E-2</c:v>
                </c:pt>
                <c:pt idx="6536">
                  <c:v>2.9477550605568489E-2</c:v>
                </c:pt>
                <c:pt idx="6537">
                  <c:v>2.9477550605568489E-2</c:v>
                </c:pt>
                <c:pt idx="6538">
                  <c:v>2.9477550605568489E-2</c:v>
                </c:pt>
                <c:pt idx="6539">
                  <c:v>2.9477550605568489E-2</c:v>
                </c:pt>
                <c:pt idx="6540">
                  <c:v>2.9477550605568489E-2</c:v>
                </c:pt>
                <c:pt idx="6541">
                  <c:v>2.9477550605568489E-2</c:v>
                </c:pt>
                <c:pt idx="6542">
                  <c:v>2.9477550605568489E-2</c:v>
                </c:pt>
                <c:pt idx="6543">
                  <c:v>2.9477550605568489E-2</c:v>
                </c:pt>
                <c:pt idx="6544">
                  <c:v>2.9477550605568489E-2</c:v>
                </c:pt>
                <c:pt idx="6545">
                  <c:v>2.9477550605568489E-2</c:v>
                </c:pt>
                <c:pt idx="6546">
                  <c:v>2.9477550605568489E-2</c:v>
                </c:pt>
                <c:pt idx="6547">
                  <c:v>2.9477550605568489E-2</c:v>
                </c:pt>
                <c:pt idx="6548">
                  <c:v>2.9477550605568489E-2</c:v>
                </c:pt>
                <c:pt idx="6549">
                  <c:v>2.9477550605568489E-2</c:v>
                </c:pt>
                <c:pt idx="6550">
                  <c:v>2.9477550605568489E-2</c:v>
                </c:pt>
                <c:pt idx="6551">
                  <c:v>2.9477550605568489E-2</c:v>
                </c:pt>
                <c:pt idx="6552">
                  <c:v>2.9684332561861974E-2</c:v>
                </c:pt>
                <c:pt idx="6553">
                  <c:v>2.9684332561861974E-2</c:v>
                </c:pt>
                <c:pt idx="6554">
                  <c:v>2.9684332561861974E-2</c:v>
                </c:pt>
                <c:pt idx="6555">
                  <c:v>2.9684332561861974E-2</c:v>
                </c:pt>
                <c:pt idx="6556">
                  <c:v>2.9684332561861974E-2</c:v>
                </c:pt>
                <c:pt idx="6557">
                  <c:v>2.9684332561861974E-2</c:v>
                </c:pt>
                <c:pt idx="6558">
                  <c:v>2.9684332561861974E-2</c:v>
                </c:pt>
                <c:pt idx="6559">
                  <c:v>2.9684332561861974E-2</c:v>
                </c:pt>
                <c:pt idx="6560">
                  <c:v>2.9684332561861974E-2</c:v>
                </c:pt>
                <c:pt idx="6561">
                  <c:v>2.9684332561861974E-2</c:v>
                </c:pt>
                <c:pt idx="6562">
                  <c:v>2.9684332561861974E-2</c:v>
                </c:pt>
                <c:pt idx="6563">
                  <c:v>2.9684332561861974E-2</c:v>
                </c:pt>
                <c:pt idx="6564">
                  <c:v>2.9684332561861974E-2</c:v>
                </c:pt>
                <c:pt idx="6565">
                  <c:v>2.9684332561861974E-2</c:v>
                </c:pt>
                <c:pt idx="6566">
                  <c:v>2.9684332561861974E-2</c:v>
                </c:pt>
                <c:pt idx="6567">
                  <c:v>2.9684332561861974E-2</c:v>
                </c:pt>
                <c:pt idx="6568">
                  <c:v>2.9684332561861974E-2</c:v>
                </c:pt>
                <c:pt idx="6569">
                  <c:v>2.9684332561861974E-2</c:v>
                </c:pt>
                <c:pt idx="6570">
                  <c:v>2.9684332561861974E-2</c:v>
                </c:pt>
                <c:pt idx="6571">
                  <c:v>2.9684332561861974E-2</c:v>
                </c:pt>
                <c:pt idx="6572">
                  <c:v>2.9684332561861974E-2</c:v>
                </c:pt>
                <c:pt idx="6573">
                  <c:v>2.9684332561861974E-2</c:v>
                </c:pt>
                <c:pt idx="6574">
                  <c:v>2.9684332561861974E-2</c:v>
                </c:pt>
                <c:pt idx="6575">
                  <c:v>2.9684332561861974E-2</c:v>
                </c:pt>
                <c:pt idx="6576">
                  <c:v>7.4699557577898104E-2</c:v>
                </c:pt>
                <c:pt idx="6577">
                  <c:v>7.4699557577898104E-2</c:v>
                </c:pt>
                <c:pt idx="6578">
                  <c:v>7.4699557577898104E-2</c:v>
                </c:pt>
                <c:pt idx="6579">
                  <c:v>7.4699557577898104E-2</c:v>
                </c:pt>
                <c:pt idx="6580">
                  <c:v>7.4699557577898104E-2</c:v>
                </c:pt>
                <c:pt idx="6581">
                  <c:v>7.4699557577898104E-2</c:v>
                </c:pt>
                <c:pt idx="6582">
                  <c:v>7.4699557577898104E-2</c:v>
                </c:pt>
                <c:pt idx="6583">
                  <c:v>0.31822011528184591</c:v>
                </c:pt>
                <c:pt idx="6584">
                  <c:v>0.35799762969207666</c:v>
                </c:pt>
                <c:pt idx="6585">
                  <c:v>0.3977751441023073</c:v>
                </c:pt>
                <c:pt idx="6586">
                  <c:v>0.3977751441023073</c:v>
                </c:pt>
                <c:pt idx="6587">
                  <c:v>0.47733017292276869</c:v>
                </c:pt>
                <c:pt idx="6588">
                  <c:v>0.47733017292276869</c:v>
                </c:pt>
                <c:pt idx="6589">
                  <c:v>0.31822011528184591</c:v>
                </c:pt>
                <c:pt idx="6590">
                  <c:v>0.47733017292276869</c:v>
                </c:pt>
                <c:pt idx="6591">
                  <c:v>0.47733017292276869</c:v>
                </c:pt>
                <c:pt idx="6592">
                  <c:v>0.27844260087161515</c:v>
                </c:pt>
                <c:pt idx="6593">
                  <c:v>7.9555028820461476E-2</c:v>
                </c:pt>
                <c:pt idx="6594">
                  <c:v>7.8434535456792992E-2</c:v>
                </c:pt>
                <c:pt idx="6595">
                  <c:v>7.8434535456792992E-2</c:v>
                </c:pt>
                <c:pt idx="6596">
                  <c:v>7.8434535456792992E-2</c:v>
                </c:pt>
                <c:pt idx="6597">
                  <c:v>7.8434535456792992E-2</c:v>
                </c:pt>
                <c:pt idx="6598">
                  <c:v>7.8434535456792992E-2</c:v>
                </c:pt>
                <c:pt idx="6599">
                  <c:v>7.8434535456792992E-2</c:v>
                </c:pt>
                <c:pt idx="6600">
                  <c:v>4.9919518664174732E-2</c:v>
                </c:pt>
                <c:pt idx="6601">
                  <c:v>7.6067837964456736E-2</c:v>
                </c:pt>
                <c:pt idx="6602">
                  <c:v>7.6067837964456736E-2</c:v>
                </c:pt>
                <c:pt idx="6603">
                  <c:v>7.6067837964456736E-2</c:v>
                </c:pt>
                <c:pt idx="6604">
                  <c:v>7.6067837964456736E-2</c:v>
                </c:pt>
                <c:pt idx="6605">
                  <c:v>7.6067837964456736E-2</c:v>
                </c:pt>
                <c:pt idx="6606">
                  <c:v>7.6067837964456736E-2</c:v>
                </c:pt>
                <c:pt idx="6607">
                  <c:v>0.32067347941891294</c:v>
                </c:pt>
                <c:pt idx="6608">
                  <c:v>0.35780409282531334</c:v>
                </c:pt>
                <c:pt idx="6609">
                  <c:v>0.39493470623171378</c:v>
                </c:pt>
                <c:pt idx="6610">
                  <c:v>0.39493470623171378</c:v>
                </c:pt>
                <c:pt idx="6611">
                  <c:v>0.47257144335418744</c:v>
                </c:pt>
                <c:pt idx="6612">
                  <c:v>0.47257144335418744</c:v>
                </c:pt>
                <c:pt idx="6613">
                  <c:v>0.31392245879956737</c:v>
                </c:pt>
                <c:pt idx="6614">
                  <c:v>0.47257144335418744</c:v>
                </c:pt>
                <c:pt idx="6615">
                  <c:v>0.47257144335418744</c:v>
                </c:pt>
                <c:pt idx="6616">
                  <c:v>0.2784796005480033</c:v>
                </c:pt>
                <c:pt idx="6617">
                  <c:v>0.11885599681946364</c:v>
                </c:pt>
                <c:pt idx="6618">
                  <c:v>7.8444957900846005E-2</c:v>
                </c:pt>
                <c:pt idx="6619">
                  <c:v>7.8444957900846005E-2</c:v>
                </c:pt>
                <c:pt idx="6620">
                  <c:v>7.8444957900846005E-2</c:v>
                </c:pt>
                <c:pt idx="6621">
                  <c:v>7.8444957900846005E-2</c:v>
                </c:pt>
                <c:pt idx="6622">
                  <c:v>7.8444957900846005E-2</c:v>
                </c:pt>
                <c:pt idx="6623">
                  <c:v>7.8444957900846005E-2</c:v>
                </c:pt>
                <c:pt idx="6624">
                  <c:v>7.8087836847905961E-2</c:v>
                </c:pt>
                <c:pt idx="6625">
                  <c:v>7.8087836847905961E-2</c:v>
                </c:pt>
                <c:pt idx="6626">
                  <c:v>7.8087836847905961E-2</c:v>
                </c:pt>
                <c:pt idx="6627">
                  <c:v>7.8087836847905961E-2</c:v>
                </c:pt>
                <c:pt idx="6628">
                  <c:v>7.8087836847905961E-2</c:v>
                </c:pt>
                <c:pt idx="6629">
                  <c:v>7.8087836847905961E-2</c:v>
                </c:pt>
                <c:pt idx="6630">
                  <c:v>7.8087836847905961E-2</c:v>
                </c:pt>
                <c:pt idx="6631">
                  <c:v>0.31921361184189434</c:v>
                </c:pt>
                <c:pt idx="6632">
                  <c:v>0.3561751879499031</c:v>
                </c:pt>
                <c:pt idx="6633">
                  <c:v>0.39313676405791192</c:v>
                </c:pt>
                <c:pt idx="6634">
                  <c:v>0.39313676405791192</c:v>
                </c:pt>
                <c:pt idx="6635">
                  <c:v>0.4704200595564757</c:v>
                </c:pt>
                <c:pt idx="6636">
                  <c:v>0.4704200595564757</c:v>
                </c:pt>
                <c:pt idx="6637">
                  <c:v>0.31249332527680174</c:v>
                </c:pt>
                <c:pt idx="6638">
                  <c:v>0.4704200595564757</c:v>
                </c:pt>
                <c:pt idx="6639">
                  <c:v>0.4704200595564757</c:v>
                </c:pt>
                <c:pt idx="6640">
                  <c:v>0.27721182081006601</c:v>
                </c:pt>
                <c:pt idx="6641">
                  <c:v>0.11831490431500902</c:v>
                </c:pt>
                <c:pt idx="6642">
                  <c:v>7.8087836847905961E-2</c:v>
                </c:pt>
                <c:pt idx="6643">
                  <c:v>7.8087836847905961E-2</c:v>
                </c:pt>
                <c:pt idx="6644">
                  <c:v>7.8087836847905961E-2</c:v>
                </c:pt>
                <c:pt idx="6645">
                  <c:v>7.8087836847905961E-2</c:v>
                </c:pt>
                <c:pt idx="6646">
                  <c:v>7.8087836847905961E-2</c:v>
                </c:pt>
                <c:pt idx="6647">
                  <c:v>7.8087836847905961E-2</c:v>
                </c:pt>
                <c:pt idx="6648">
                  <c:v>8.0264787704608292E-2</c:v>
                </c:pt>
                <c:pt idx="6649">
                  <c:v>8.0264787704608292E-2</c:v>
                </c:pt>
                <c:pt idx="6650">
                  <c:v>8.0264787704608292E-2</c:v>
                </c:pt>
                <c:pt idx="6651">
                  <c:v>8.0264787704608292E-2</c:v>
                </c:pt>
                <c:pt idx="6652">
                  <c:v>8.0264787704608292E-2</c:v>
                </c:pt>
                <c:pt idx="6653">
                  <c:v>8.0264787704608292E-2</c:v>
                </c:pt>
                <c:pt idx="6654">
                  <c:v>8.0264787704608292E-2</c:v>
                </c:pt>
                <c:pt idx="6655">
                  <c:v>0.32811272307126238</c:v>
                </c:pt>
                <c:pt idx="6656">
                  <c:v>0.366104722584777</c:v>
                </c:pt>
                <c:pt idx="6657">
                  <c:v>0.40409672209829162</c:v>
                </c:pt>
                <c:pt idx="6658">
                  <c:v>0.40409672209829162</c:v>
                </c:pt>
                <c:pt idx="6659">
                  <c:v>0.48353453926291301</c:v>
                </c:pt>
                <c:pt idx="6660">
                  <c:v>0.48353453926291301</c:v>
                </c:pt>
                <c:pt idx="6661">
                  <c:v>0.32120508679607795</c:v>
                </c:pt>
                <c:pt idx="6662">
                  <c:v>0.48353453926291301</c:v>
                </c:pt>
                <c:pt idx="6663">
                  <c:v>0.48353453926291301</c:v>
                </c:pt>
                <c:pt idx="6664">
                  <c:v>0.28493999635135947</c:v>
                </c:pt>
                <c:pt idx="6665">
                  <c:v>0.12161331470395198</c:v>
                </c:pt>
                <c:pt idx="6666">
                  <c:v>8.0264787704608292E-2</c:v>
                </c:pt>
                <c:pt idx="6667">
                  <c:v>8.0264787704608292E-2</c:v>
                </c:pt>
                <c:pt idx="6668">
                  <c:v>8.0264787704608292E-2</c:v>
                </c:pt>
                <c:pt idx="6669">
                  <c:v>8.0264787704608292E-2</c:v>
                </c:pt>
                <c:pt idx="6670">
                  <c:v>8.0264787704608292E-2</c:v>
                </c:pt>
                <c:pt idx="6671">
                  <c:v>8.0264787704608292E-2</c:v>
                </c:pt>
                <c:pt idx="6672">
                  <c:v>0.121953267328426</c:v>
                </c:pt>
                <c:pt idx="6673">
                  <c:v>7.3911071108136994E-2</c:v>
                </c:pt>
                <c:pt idx="6674">
                  <c:v>7.3911071108136994E-2</c:v>
                </c:pt>
                <c:pt idx="6675">
                  <c:v>7.3911071108136994E-2</c:v>
                </c:pt>
                <c:pt idx="6676">
                  <c:v>7.3911071108136994E-2</c:v>
                </c:pt>
                <c:pt idx="6677">
                  <c:v>7.3911071108136994E-2</c:v>
                </c:pt>
                <c:pt idx="6678">
                  <c:v>7.3911071108136994E-2</c:v>
                </c:pt>
                <c:pt idx="6679">
                  <c:v>0.31486116292066357</c:v>
                </c:pt>
                <c:pt idx="6680">
                  <c:v>0.39357645365082938</c:v>
                </c:pt>
                <c:pt idx="6681">
                  <c:v>0.43293409901591234</c:v>
                </c:pt>
                <c:pt idx="6682">
                  <c:v>0.43293409901591234</c:v>
                </c:pt>
                <c:pt idx="6683">
                  <c:v>0.5116493897460781</c:v>
                </c:pt>
                <c:pt idx="6684">
                  <c:v>0.5116493897460781</c:v>
                </c:pt>
                <c:pt idx="6685">
                  <c:v>0.35421880828574648</c:v>
                </c:pt>
                <c:pt idx="6686">
                  <c:v>0.5116493897460781</c:v>
                </c:pt>
                <c:pt idx="6687">
                  <c:v>0.39357645365082938</c:v>
                </c:pt>
                <c:pt idx="6688">
                  <c:v>0.18477767777034246</c:v>
                </c:pt>
                <c:pt idx="6689">
                  <c:v>0.121953267328426</c:v>
                </c:pt>
                <c:pt idx="6690">
                  <c:v>7.7606624663543816E-2</c:v>
                </c:pt>
                <c:pt idx="6691">
                  <c:v>7.3911071108136994E-2</c:v>
                </c:pt>
                <c:pt idx="6692">
                  <c:v>7.3911071108136994E-2</c:v>
                </c:pt>
                <c:pt idx="6693">
                  <c:v>7.3911071108136994E-2</c:v>
                </c:pt>
                <c:pt idx="6694">
                  <c:v>7.3911071108136994E-2</c:v>
                </c:pt>
                <c:pt idx="6695">
                  <c:v>7.3911071108136994E-2</c:v>
                </c:pt>
                <c:pt idx="6696">
                  <c:v>3.2875034921622859E-2</c:v>
                </c:pt>
                <c:pt idx="6697">
                  <c:v>2.9587531429460572E-2</c:v>
                </c:pt>
                <c:pt idx="6698">
                  <c:v>2.9587531429460572E-2</c:v>
                </c:pt>
                <c:pt idx="6699">
                  <c:v>2.9587531429460572E-2</c:v>
                </c:pt>
                <c:pt idx="6700">
                  <c:v>2.9587531429460572E-2</c:v>
                </c:pt>
                <c:pt idx="6701">
                  <c:v>2.9587531429460572E-2</c:v>
                </c:pt>
                <c:pt idx="6702">
                  <c:v>2.9587531429460572E-2</c:v>
                </c:pt>
                <c:pt idx="6703">
                  <c:v>2.9587531429460572E-2</c:v>
                </c:pt>
                <c:pt idx="6704">
                  <c:v>2.9587531429460572E-2</c:v>
                </c:pt>
                <c:pt idx="6705">
                  <c:v>2.9587531429460572E-2</c:v>
                </c:pt>
                <c:pt idx="6706">
                  <c:v>2.9587531429460572E-2</c:v>
                </c:pt>
                <c:pt idx="6707">
                  <c:v>2.9587531429460572E-2</c:v>
                </c:pt>
                <c:pt idx="6708">
                  <c:v>2.9587531429460572E-2</c:v>
                </c:pt>
                <c:pt idx="6709">
                  <c:v>2.9587531429460572E-2</c:v>
                </c:pt>
                <c:pt idx="6710">
                  <c:v>2.9587531429460572E-2</c:v>
                </c:pt>
                <c:pt idx="6711">
                  <c:v>2.9587531429460572E-2</c:v>
                </c:pt>
                <c:pt idx="6712">
                  <c:v>2.9587531429460572E-2</c:v>
                </c:pt>
                <c:pt idx="6713">
                  <c:v>2.9587531429460572E-2</c:v>
                </c:pt>
                <c:pt idx="6714">
                  <c:v>2.9587531429460572E-2</c:v>
                </c:pt>
                <c:pt idx="6715">
                  <c:v>2.9587531429460572E-2</c:v>
                </c:pt>
                <c:pt idx="6716">
                  <c:v>2.9587531429460572E-2</c:v>
                </c:pt>
                <c:pt idx="6717">
                  <c:v>2.9587531429460572E-2</c:v>
                </c:pt>
                <c:pt idx="6718">
                  <c:v>2.9587531429460572E-2</c:v>
                </c:pt>
                <c:pt idx="6719">
                  <c:v>2.9587531429460572E-2</c:v>
                </c:pt>
                <c:pt idx="6720">
                  <c:v>2.9955535275323138E-2</c:v>
                </c:pt>
                <c:pt idx="6721">
                  <c:v>2.9955535275323138E-2</c:v>
                </c:pt>
                <c:pt idx="6722">
                  <c:v>2.9955535275323138E-2</c:v>
                </c:pt>
                <c:pt idx="6723">
                  <c:v>2.9955535275323138E-2</c:v>
                </c:pt>
                <c:pt idx="6724">
                  <c:v>2.9955535275323138E-2</c:v>
                </c:pt>
                <c:pt idx="6725">
                  <c:v>2.9955535275323138E-2</c:v>
                </c:pt>
                <c:pt idx="6726">
                  <c:v>2.9955535275323138E-2</c:v>
                </c:pt>
                <c:pt idx="6727">
                  <c:v>2.9955535275323138E-2</c:v>
                </c:pt>
                <c:pt idx="6728">
                  <c:v>2.9955535275323138E-2</c:v>
                </c:pt>
                <c:pt idx="6729">
                  <c:v>2.9955535275323138E-2</c:v>
                </c:pt>
                <c:pt idx="6730">
                  <c:v>2.9955535275323138E-2</c:v>
                </c:pt>
                <c:pt idx="6731">
                  <c:v>2.9955535275323138E-2</c:v>
                </c:pt>
                <c:pt idx="6732">
                  <c:v>2.9955535275323138E-2</c:v>
                </c:pt>
                <c:pt idx="6733">
                  <c:v>2.9955535275323138E-2</c:v>
                </c:pt>
                <c:pt idx="6734">
                  <c:v>2.9955535275323138E-2</c:v>
                </c:pt>
                <c:pt idx="6735">
                  <c:v>2.9955535275323138E-2</c:v>
                </c:pt>
                <c:pt idx="6736">
                  <c:v>2.9955535275323138E-2</c:v>
                </c:pt>
                <c:pt idx="6737">
                  <c:v>2.9955535275323138E-2</c:v>
                </c:pt>
                <c:pt idx="6738">
                  <c:v>2.9955535275323138E-2</c:v>
                </c:pt>
                <c:pt idx="6739">
                  <c:v>2.9955535275323138E-2</c:v>
                </c:pt>
                <c:pt idx="6740">
                  <c:v>2.9955535275323138E-2</c:v>
                </c:pt>
                <c:pt idx="6741">
                  <c:v>2.9955535275323138E-2</c:v>
                </c:pt>
                <c:pt idx="6742">
                  <c:v>2.9955535275323138E-2</c:v>
                </c:pt>
                <c:pt idx="6743">
                  <c:v>2.9955535275323138E-2</c:v>
                </c:pt>
                <c:pt idx="6744">
                  <c:v>7.8065108032156633E-2</c:v>
                </c:pt>
                <c:pt idx="6745">
                  <c:v>7.8065108032156633E-2</c:v>
                </c:pt>
                <c:pt idx="6746">
                  <c:v>7.8065108032156633E-2</c:v>
                </c:pt>
                <c:pt idx="6747">
                  <c:v>7.8065108032156633E-2</c:v>
                </c:pt>
                <c:pt idx="6748">
                  <c:v>7.8065108032156633E-2</c:v>
                </c:pt>
                <c:pt idx="6749">
                  <c:v>7.8065108032156633E-2</c:v>
                </c:pt>
                <c:pt idx="6750">
                  <c:v>7.8065108032156633E-2</c:v>
                </c:pt>
                <c:pt idx="6751">
                  <c:v>0.33255736021698729</c:v>
                </c:pt>
                <c:pt idx="6752">
                  <c:v>0.37412703024411065</c:v>
                </c:pt>
                <c:pt idx="6753">
                  <c:v>0.41569670027123407</c:v>
                </c:pt>
                <c:pt idx="6754">
                  <c:v>0.41569670027123407</c:v>
                </c:pt>
                <c:pt idx="6755">
                  <c:v>0.4988360403254809</c:v>
                </c:pt>
                <c:pt idx="6756">
                  <c:v>0.4988360403254809</c:v>
                </c:pt>
                <c:pt idx="6757">
                  <c:v>0.33255736021698729</c:v>
                </c:pt>
                <c:pt idx="6758">
                  <c:v>0.4988360403254809</c:v>
                </c:pt>
                <c:pt idx="6759">
                  <c:v>0.4988360403254809</c:v>
                </c:pt>
                <c:pt idx="6760">
                  <c:v>0.29098769018986376</c:v>
                </c:pt>
                <c:pt idx="6761">
                  <c:v>8.3139340054246821E-2</c:v>
                </c:pt>
                <c:pt idx="6762">
                  <c:v>8.1968363433764457E-2</c:v>
                </c:pt>
                <c:pt idx="6763">
                  <c:v>8.1968363433764457E-2</c:v>
                </c:pt>
                <c:pt idx="6764">
                  <c:v>8.1968363433764457E-2</c:v>
                </c:pt>
                <c:pt idx="6765">
                  <c:v>8.1968363433764457E-2</c:v>
                </c:pt>
                <c:pt idx="6766">
                  <c:v>8.1968363433764457E-2</c:v>
                </c:pt>
                <c:pt idx="6767">
                  <c:v>8.1968363433764457E-2</c:v>
                </c:pt>
                <c:pt idx="6768">
                  <c:v>5.1394211464244229E-2</c:v>
                </c:pt>
                <c:pt idx="6769">
                  <c:v>7.8314988897895982E-2</c:v>
                </c:pt>
                <c:pt idx="6770">
                  <c:v>7.8314988897895982E-2</c:v>
                </c:pt>
                <c:pt idx="6771">
                  <c:v>7.8314988897895982E-2</c:v>
                </c:pt>
                <c:pt idx="6772">
                  <c:v>7.8314988897895982E-2</c:v>
                </c:pt>
                <c:pt idx="6773">
                  <c:v>7.8314988897895982E-2</c:v>
                </c:pt>
                <c:pt idx="6774">
                  <c:v>7.8314988897895982E-2</c:v>
                </c:pt>
                <c:pt idx="6775">
                  <c:v>0.33014662507269266</c:v>
                </c:pt>
                <c:pt idx="6776">
                  <c:v>0.36837412902847821</c:v>
                </c:pt>
                <c:pt idx="6777">
                  <c:v>0.40660163298426366</c:v>
                </c:pt>
                <c:pt idx="6778">
                  <c:v>0.40660163298426366</c:v>
                </c:pt>
                <c:pt idx="6779">
                  <c:v>0.48653186852817876</c:v>
                </c:pt>
                <c:pt idx="6780">
                  <c:v>0.48653186852817876</c:v>
                </c:pt>
                <c:pt idx="6781">
                  <c:v>0.32319616980800442</c:v>
                </c:pt>
                <c:pt idx="6782">
                  <c:v>0.48653186852817876</c:v>
                </c:pt>
                <c:pt idx="6783">
                  <c:v>0.48653186852817876</c:v>
                </c:pt>
                <c:pt idx="6784">
                  <c:v>0.28670627966839102</c:v>
                </c:pt>
                <c:pt idx="6785">
                  <c:v>0.12236717015296247</c:v>
                </c:pt>
                <c:pt idx="6786">
                  <c:v>8.0762332300955225E-2</c:v>
                </c:pt>
                <c:pt idx="6787">
                  <c:v>8.0762332300955225E-2</c:v>
                </c:pt>
                <c:pt idx="6788">
                  <c:v>8.0762332300955225E-2</c:v>
                </c:pt>
                <c:pt idx="6789">
                  <c:v>8.0762332300955225E-2</c:v>
                </c:pt>
                <c:pt idx="6790">
                  <c:v>8.0762332300955225E-2</c:v>
                </c:pt>
                <c:pt idx="6791">
                  <c:v>8.0762332300955225E-2</c:v>
                </c:pt>
                <c:pt idx="6792">
                  <c:v>7.9236783133387736E-2</c:v>
                </c:pt>
                <c:pt idx="6793">
                  <c:v>7.9236783133387736E-2</c:v>
                </c:pt>
                <c:pt idx="6794">
                  <c:v>7.9236783133387736E-2</c:v>
                </c:pt>
                <c:pt idx="6795">
                  <c:v>7.9236783133387736E-2</c:v>
                </c:pt>
                <c:pt idx="6796">
                  <c:v>7.9236783133387736E-2</c:v>
                </c:pt>
                <c:pt idx="6797">
                  <c:v>7.9236783133387736E-2</c:v>
                </c:pt>
                <c:pt idx="6798">
                  <c:v>7.9236783133387736E-2</c:v>
                </c:pt>
                <c:pt idx="6799">
                  <c:v>0.32391036499072745</c:v>
                </c:pt>
                <c:pt idx="6800">
                  <c:v>0.36141577567386429</c:v>
                </c:pt>
                <c:pt idx="6801">
                  <c:v>0.39892118635700119</c:v>
                </c:pt>
                <c:pt idx="6802">
                  <c:v>0.39892118635700119</c:v>
                </c:pt>
                <c:pt idx="6803">
                  <c:v>0.4773415905126509</c:v>
                </c:pt>
                <c:pt idx="6804">
                  <c:v>0.4773415905126509</c:v>
                </c:pt>
                <c:pt idx="6805">
                  <c:v>0.31709119941197528</c:v>
                </c:pt>
                <c:pt idx="6806">
                  <c:v>0.4773415905126509</c:v>
                </c:pt>
                <c:pt idx="6807">
                  <c:v>0.4773415905126509</c:v>
                </c:pt>
                <c:pt idx="6808">
                  <c:v>0.28129058012352648</c:v>
                </c:pt>
                <c:pt idx="6809">
                  <c:v>0.12005573202028447</c:v>
                </c:pt>
                <c:pt idx="6810">
                  <c:v>7.9236783133387736E-2</c:v>
                </c:pt>
                <c:pt idx="6811">
                  <c:v>7.9236783133387736E-2</c:v>
                </c:pt>
                <c:pt idx="6812">
                  <c:v>7.9236783133387736E-2</c:v>
                </c:pt>
                <c:pt idx="6813">
                  <c:v>7.9236783133387736E-2</c:v>
                </c:pt>
                <c:pt idx="6814">
                  <c:v>7.9236783133387736E-2</c:v>
                </c:pt>
                <c:pt idx="6815">
                  <c:v>7.9236783133387736E-2</c:v>
                </c:pt>
                <c:pt idx="6816">
                  <c:v>7.869254541921214E-2</c:v>
                </c:pt>
                <c:pt idx="6817">
                  <c:v>7.869254541921214E-2</c:v>
                </c:pt>
                <c:pt idx="6818">
                  <c:v>7.869254541921214E-2</c:v>
                </c:pt>
                <c:pt idx="6819">
                  <c:v>7.869254541921214E-2</c:v>
                </c:pt>
                <c:pt idx="6820">
                  <c:v>7.869254541921214E-2</c:v>
                </c:pt>
                <c:pt idx="6821">
                  <c:v>7.869254541921214E-2</c:v>
                </c:pt>
                <c:pt idx="6822">
                  <c:v>7.869254541921214E-2</c:v>
                </c:pt>
                <c:pt idx="6823">
                  <c:v>0.32168558718338547</c:v>
                </c:pt>
                <c:pt idx="6824">
                  <c:v>0.35893339201514585</c:v>
                </c:pt>
                <c:pt idx="6825">
                  <c:v>0.39618119684690628</c:v>
                </c:pt>
                <c:pt idx="6826">
                  <c:v>0.39618119684690628</c:v>
                </c:pt>
                <c:pt idx="6827">
                  <c:v>0.47406297058604169</c:v>
                </c:pt>
                <c:pt idx="6828">
                  <c:v>0.47406297058604169</c:v>
                </c:pt>
                <c:pt idx="6829">
                  <c:v>0.31491325903215628</c:v>
                </c:pt>
                <c:pt idx="6830">
                  <c:v>0.47406297058604169</c:v>
                </c:pt>
                <c:pt idx="6831">
                  <c:v>0.47406297058604169</c:v>
                </c:pt>
                <c:pt idx="6832">
                  <c:v>0.27935853623820317</c:v>
                </c:pt>
                <c:pt idx="6833">
                  <c:v>0.11923112942304871</c:v>
                </c:pt>
                <c:pt idx="6834">
                  <c:v>7.869254541921214E-2</c:v>
                </c:pt>
                <c:pt idx="6835">
                  <c:v>7.869254541921214E-2</c:v>
                </c:pt>
                <c:pt idx="6836">
                  <c:v>7.869254541921214E-2</c:v>
                </c:pt>
                <c:pt idx="6837">
                  <c:v>7.869254541921214E-2</c:v>
                </c:pt>
                <c:pt idx="6838">
                  <c:v>7.869254541921214E-2</c:v>
                </c:pt>
                <c:pt idx="6839">
                  <c:v>7.869254541921214E-2</c:v>
                </c:pt>
                <c:pt idx="6840">
                  <c:v>0.11742391551245096</c:v>
                </c:pt>
                <c:pt idx="6841">
                  <c:v>7.1166009401485431E-2</c:v>
                </c:pt>
                <c:pt idx="6842">
                  <c:v>7.1166009401485431E-2</c:v>
                </c:pt>
                <c:pt idx="6843">
                  <c:v>7.1166009401485431E-2</c:v>
                </c:pt>
                <c:pt idx="6844">
                  <c:v>7.1166009401485431E-2</c:v>
                </c:pt>
                <c:pt idx="6845">
                  <c:v>7.1166009401485431E-2</c:v>
                </c:pt>
                <c:pt idx="6846">
                  <c:v>7.1166009401485431E-2</c:v>
                </c:pt>
                <c:pt idx="6847">
                  <c:v>0.30316720005032793</c:v>
                </c:pt>
                <c:pt idx="6848">
                  <c:v>0.37895900006290989</c:v>
                </c:pt>
                <c:pt idx="6849">
                  <c:v>0.41685490006920084</c:v>
                </c:pt>
                <c:pt idx="6850">
                  <c:v>0.41685490006920084</c:v>
                </c:pt>
                <c:pt idx="6851">
                  <c:v>0.49264670008178285</c:v>
                </c:pt>
                <c:pt idx="6852">
                  <c:v>0.49264670008178285</c:v>
                </c:pt>
                <c:pt idx="6853">
                  <c:v>0.34106310005661888</c:v>
                </c:pt>
                <c:pt idx="6854">
                  <c:v>0.49264670008178285</c:v>
                </c:pt>
                <c:pt idx="6855">
                  <c:v>0.37895900006290989</c:v>
                </c:pt>
                <c:pt idx="6856">
                  <c:v>0.17791502350371352</c:v>
                </c:pt>
                <c:pt idx="6857">
                  <c:v>0.11742391551245096</c:v>
                </c:pt>
                <c:pt idx="6858">
                  <c:v>7.4724309871559674E-2</c:v>
                </c:pt>
                <c:pt idx="6859">
                  <c:v>7.1166009401485431E-2</c:v>
                </c:pt>
                <c:pt idx="6860">
                  <c:v>7.1166009401485431E-2</c:v>
                </c:pt>
                <c:pt idx="6861">
                  <c:v>7.1166009401485431E-2</c:v>
                </c:pt>
                <c:pt idx="6862">
                  <c:v>7.1166009401485431E-2</c:v>
                </c:pt>
                <c:pt idx="6863">
                  <c:v>7.1166009401485431E-2</c:v>
                </c:pt>
                <c:pt idx="6864">
                  <c:v>3.2752834006187212E-2</c:v>
                </c:pt>
                <c:pt idx="6865">
                  <c:v>2.9477550605568489E-2</c:v>
                </c:pt>
                <c:pt idx="6866">
                  <c:v>2.9477550605568489E-2</c:v>
                </c:pt>
                <c:pt idx="6867">
                  <c:v>2.9477550605568489E-2</c:v>
                </c:pt>
                <c:pt idx="6868">
                  <c:v>2.9477550605568489E-2</c:v>
                </c:pt>
                <c:pt idx="6869">
                  <c:v>2.9477550605568489E-2</c:v>
                </c:pt>
                <c:pt idx="6870">
                  <c:v>2.9477550605568489E-2</c:v>
                </c:pt>
                <c:pt idx="6871">
                  <c:v>2.9477550605568489E-2</c:v>
                </c:pt>
                <c:pt idx="6872">
                  <c:v>2.9477550605568489E-2</c:v>
                </c:pt>
                <c:pt idx="6873">
                  <c:v>2.9477550605568489E-2</c:v>
                </c:pt>
                <c:pt idx="6874">
                  <c:v>2.9477550605568489E-2</c:v>
                </c:pt>
                <c:pt idx="6875">
                  <c:v>2.9477550605568489E-2</c:v>
                </c:pt>
                <c:pt idx="6876">
                  <c:v>2.9477550605568489E-2</c:v>
                </c:pt>
                <c:pt idx="6877">
                  <c:v>2.9477550605568489E-2</c:v>
                </c:pt>
                <c:pt idx="6878">
                  <c:v>2.9477550605568489E-2</c:v>
                </c:pt>
                <c:pt idx="6879">
                  <c:v>2.9477550605568489E-2</c:v>
                </c:pt>
                <c:pt idx="6880">
                  <c:v>2.9477550605568489E-2</c:v>
                </c:pt>
                <c:pt idx="6881">
                  <c:v>2.9477550605568489E-2</c:v>
                </c:pt>
                <c:pt idx="6882">
                  <c:v>2.9477550605568489E-2</c:v>
                </c:pt>
                <c:pt idx="6883">
                  <c:v>2.9477550605568489E-2</c:v>
                </c:pt>
                <c:pt idx="6884">
                  <c:v>2.9477550605568489E-2</c:v>
                </c:pt>
                <c:pt idx="6885">
                  <c:v>2.9477550605568489E-2</c:v>
                </c:pt>
                <c:pt idx="6886">
                  <c:v>2.9477550605568489E-2</c:v>
                </c:pt>
                <c:pt idx="6887">
                  <c:v>2.9477550605568489E-2</c:v>
                </c:pt>
                <c:pt idx="6888">
                  <c:v>3.166206718998868E-2</c:v>
                </c:pt>
                <c:pt idx="6889">
                  <c:v>3.166206718998868E-2</c:v>
                </c:pt>
                <c:pt idx="6890">
                  <c:v>3.166206718998868E-2</c:v>
                </c:pt>
                <c:pt idx="6891">
                  <c:v>3.166206718998868E-2</c:v>
                </c:pt>
                <c:pt idx="6892">
                  <c:v>3.166206718998868E-2</c:v>
                </c:pt>
                <c:pt idx="6893">
                  <c:v>3.166206718998868E-2</c:v>
                </c:pt>
                <c:pt idx="6894">
                  <c:v>3.166206718998868E-2</c:v>
                </c:pt>
                <c:pt idx="6895">
                  <c:v>3.166206718998868E-2</c:v>
                </c:pt>
                <c:pt idx="6896">
                  <c:v>3.166206718998868E-2</c:v>
                </c:pt>
                <c:pt idx="6897">
                  <c:v>3.166206718998868E-2</c:v>
                </c:pt>
                <c:pt idx="6898">
                  <c:v>3.166206718998868E-2</c:v>
                </c:pt>
                <c:pt idx="6899">
                  <c:v>3.166206718998868E-2</c:v>
                </c:pt>
                <c:pt idx="6900">
                  <c:v>3.166206718998868E-2</c:v>
                </c:pt>
                <c:pt idx="6901">
                  <c:v>3.166206718998868E-2</c:v>
                </c:pt>
                <c:pt idx="6902">
                  <c:v>3.166206718998868E-2</c:v>
                </c:pt>
                <c:pt idx="6903">
                  <c:v>3.166206718998868E-2</c:v>
                </c:pt>
                <c:pt idx="6904">
                  <c:v>3.166206718998868E-2</c:v>
                </c:pt>
                <c:pt idx="6905">
                  <c:v>3.166206718998868E-2</c:v>
                </c:pt>
                <c:pt idx="6906">
                  <c:v>3.166206718998868E-2</c:v>
                </c:pt>
                <c:pt idx="6907">
                  <c:v>3.166206718998868E-2</c:v>
                </c:pt>
                <c:pt idx="6908">
                  <c:v>3.166206718998868E-2</c:v>
                </c:pt>
                <c:pt idx="6909">
                  <c:v>3.166206718998868E-2</c:v>
                </c:pt>
                <c:pt idx="6910">
                  <c:v>3.166206718998868E-2</c:v>
                </c:pt>
                <c:pt idx="6911">
                  <c:v>3.166206718998868E-2</c:v>
                </c:pt>
                <c:pt idx="6912">
                  <c:v>8.1024471362625347E-2</c:v>
                </c:pt>
                <c:pt idx="6913">
                  <c:v>8.1024471362625347E-2</c:v>
                </c:pt>
                <c:pt idx="6914">
                  <c:v>8.1024471362625347E-2</c:v>
                </c:pt>
                <c:pt idx="6915">
                  <c:v>8.1024471362625347E-2</c:v>
                </c:pt>
                <c:pt idx="6916">
                  <c:v>8.1024471362625347E-2</c:v>
                </c:pt>
                <c:pt idx="6917">
                  <c:v>8.1024471362625347E-2</c:v>
                </c:pt>
                <c:pt idx="6918">
                  <c:v>8.1024471362625347E-2</c:v>
                </c:pt>
                <c:pt idx="6919">
                  <c:v>0.3451642480047839</c:v>
                </c:pt>
                <c:pt idx="6920">
                  <c:v>0.38830977900538199</c:v>
                </c:pt>
                <c:pt idx="6921">
                  <c:v>0.43145531000597992</c:v>
                </c:pt>
                <c:pt idx="6922">
                  <c:v>0.43145531000597992</c:v>
                </c:pt>
                <c:pt idx="6923">
                  <c:v>0.51774637200717577</c:v>
                </c:pt>
                <c:pt idx="6924">
                  <c:v>0.51774637200717577</c:v>
                </c:pt>
                <c:pt idx="6925">
                  <c:v>0.3451642480047839</c:v>
                </c:pt>
                <c:pt idx="6926">
                  <c:v>0.51774637200717577</c:v>
                </c:pt>
                <c:pt idx="6927">
                  <c:v>0.51774637200717577</c:v>
                </c:pt>
                <c:pt idx="6928">
                  <c:v>0.30201871700418592</c:v>
                </c:pt>
                <c:pt idx="6929">
                  <c:v>8.6291062001195976E-2</c:v>
                </c:pt>
                <c:pt idx="6930">
                  <c:v>8.507569493075659E-2</c:v>
                </c:pt>
                <c:pt idx="6931">
                  <c:v>8.507569493075659E-2</c:v>
                </c:pt>
                <c:pt idx="6932">
                  <c:v>8.507569493075659E-2</c:v>
                </c:pt>
                <c:pt idx="6933">
                  <c:v>8.507569493075659E-2</c:v>
                </c:pt>
                <c:pt idx="6934">
                  <c:v>8.507569493075659E-2</c:v>
                </c:pt>
                <c:pt idx="6935">
                  <c:v>8.507569493075659E-2</c:v>
                </c:pt>
                <c:pt idx="6936">
                  <c:v>5.4537635590708171E-2</c:v>
                </c:pt>
                <c:pt idx="6937">
                  <c:v>8.3104968519174371E-2</c:v>
                </c:pt>
                <c:pt idx="6938">
                  <c:v>8.3104968519174371E-2</c:v>
                </c:pt>
                <c:pt idx="6939">
                  <c:v>8.3104968519174371E-2</c:v>
                </c:pt>
                <c:pt idx="6940">
                  <c:v>8.3104968519174371E-2</c:v>
                </c:pt>
                <c:pt idx="6941">
                  <c:v>8.3104968519174371E-2</c:v>
                </c:pt>
                <c:pt idx="6942">
                  <c:v>8.3104968519174371E-2</c:v>
                </c:pt>
                <c:pt idx="6943">
                  <c:v>0.35033938291364441</c:v>
                </c:pt>
                <c:pt idx="6944">
                  <c:v>0.39090499567206638</c:v>
                </c:pt>
                <c:pt idx="6945">
                  <c:v>0.43147060843048846</c:v>
                </c:pt>
                <c:pt idx="6946">
                  <c:v>0.43147060843048846</c:v>
                </c:pt>
                <c:pt idx="6947">
                  <c:v>0.51628961692537068</c:v>
                </c:pt>
                <c:pt idx="6948">
                  <c:v>0.51628961692537068</c:v>
                </c:pt>
                <c:pt idx="6949">
                  <c:v>0.34296381695756772</c:v>
                </c:pt>
                <c:pt idx="6950">
                  <c:v>0.51628961692537068</c:v>
                </c:pt>
                <c:pt idx="6951">
                  <c:v>0.51628961692537068</c:v>
                </c:pt>
                <c:pt idx="6952">
                  <c:v>0.30424209568816496</c:v>
                </c:pt>
                <c:pt idx="6953">
                  <c:v>0.12985151331120995</c:v>
                </c:pt>
                <c:pt idx="6954">
                  <c:v>8.5701998785398567E-2</c:v>
                </c:pt>
                <c:pt idx="6955">
                  <c:v>8.5701998785398567E-2</c:v>
                </c:pt>
                <c:pt idx="6956">
                  <c:v>8.5701998785398567E-2</c:v>
                </c:pt>
                <c:pt idx="6957">
                  <c:v>8.5701998785398567E-2</c:v>
                </c:pt>
                <c:pt idx="6958">
                  <c:v>8.5701998785398567E-2</c:v>
                </c:pt>
                <c:pt idx="6959">
                  <c:v>8.5701998785398567E-2</c:v>
                </c:pt>
                <c:pt idx="6960">
                  <c:v>8.4860572846535504E-2</c:v>
                </c:pt>
                <c:pt idx="6961">
                  <c:v>8.4860572846535504E-2</c:v>
                </c:pt>
                <c:pt idx="6962">
                  <c:v>8.4860572846535504E-2</c:v>
                </c:pt>
                <c:pt idx="6963">
                  <c:v>8.4860572846535504E-2</c:v>
                </c:pt>
                <c:pt idx="6964">
                  <c:v>8.4860572846535504E-2</c:v>
                </c:pt>
                <c:pt idx="6965">
                  <c:v>8.4860572846535504E-2</c:v>
                </c:pt>
                <c:pt idx="6966">
                  <c:v>8.4860572846535504E-2</c:v>
                </c:pt>
                <c:pt idx="6967">
                  <c:v>0.34689973566659521</c:v>
                </c:pt>
                <c:pt idx="6968">
                  <c:v>0.38706707348062197</c:v>
                </c:pt>
                <c:pt idx="6969">
                  <c:v>0.42723441129464879</c:v>
                </c:pt>
                <c:pt idx="6970">
                  <c:v>0.42723441129464879</c:v>
                </c:pt>
                <c:pt idx="6971">
                  <c:v>0.51122066308761394</c:v>
                </c:pt>
                <c:pt idx="6972">
                  <c:v>0.51122066308761394</c:v>
                </c:pt>
                <c:pt idx="6973">
                  <c:v>0.33959658333677212</c:v>
                </c:pt>
                <c:pt idx="6974">
                  <c:v>0.51122066308761394</c:v>
                </c:pt>
                <c:pt idx="6975">
                  <c:v>0.51122066308761394</c:v>
                </c:pt>
                <c:pt idx="6976">
                  <c:v>0.30125503360520112</c:v>
                </c:pt>
                <c:pt idx="6977">
                  <c:v>0.12857662552505381</c:v>
                </c:pt>
                <c:pt idx="6978">
                  <c:v>8.4860572846535504E-2</c:v>
                </c:pt>
                <c:pt idx="6979">
                  <c:v>8.4860572846535504E-2</c:v>
                </c:pt>
                <c:pt idx="6980">
                  <c:v>8.4860572846535504E-2</c:v>
                </c:pt>
                <c:pt idx="6981">
                  <c:v>8.4860572846535504E-2</c:v>
                </c:pt>
                <c:pt idx="6982">
                  <c:v>8.4860572846535504E-2</c:v>
                </c:pt>
                <c:pt idx="6983">
                  <c:v>8.4860572846535504E-2</c:v>
                </c:pt>
                <c:pt idx="6984">
                  <c:v>8.2683621989833145E-2</c:v>
                </c:pt>
                <c:pt idx="6985">
                  <c:v>8.2683621989833145E-2</c:v>
                </c:pt>
                <c:pt idx="6986">
                  <c:v>8.2683621989833145E-2</c:v>
                </c:pt>
                <c:pt idx="6987">
                  <c:v>8.2683621989833145E-2</c:v>
                </c:pt>
                <c:pt idx="6988">
                  <c:v>8.2683621989833145E-2</c:v>
                </c:pt>
                <c:pt idx="6989">
                  <c:v>8.2683621989833145E-2</c:v>
                </c:pt>
                <c:pt idx="6990">
                  <c:v>8.2683621989833145E-2</c:v>
                </c:pt>
                <c:pt idx="6991">
                  <c:v>0.338000624437227</c:v>
                </c:pt>
                <c:pt idx="6992">
                  <c:v>0.37713753884574808</c:v>
                </c:pt>
                <c:pt idx="6993">
                  <c:v>0.41627445325426915</c:v>
                </c:pt>
                <c:pt idx="6994">
                  <c:v>0.41627445325426915</c:v>
                </c:pt>
                <c:pt idx="6995">
                  <c:v>0.49810618338117663</c:v>
                </c:pt>
                <c:pt idx="6996">
                  <c:v>0.49810618338117663</c:v>
                </c:pt>
                <c:pt idx="6997">
                  <c:v>0.3308848218174959</c:v>
                </c:pt>
                <c:pt idx="6998">
                  <c:v>0.49810618338117663</c:v>
                </c:pt>
                <c:pt idx="6999">
                  <c:v>0.49810618338117663</c:v>
                </c:pt>
                <c:pt idx="7000">
                  <c:v>0.29352685806390766</c:v>
                </c:pt>
                <c:pt idx="7001">
                  <c:v>0.12527821513611084</c:v>
                </c:pt>
                <c:pt idx="7002">
                  <c:v>8.2683621989833145E-2</c:v>
                </c:pt>
                <c:pt idx="7003">
                  <c:v>8.2683621989833145E-2</c:v>
                </c:pt>
                <c:pt idx="7004">
                  <c:v>8.2683621989833145E-2</c:v>
                </c:pt>
                <c:pt idx="7005">
                  <c:v>8.2683621989833145E-2</c:v>
                </c:pt>
                <c:pt idx="7006">
                  <c:v>8.2683621989833145E-2</c:v>
                </c:pt>
                <c:pt idx="7007">
                  <c:v>8.2683621989833145E-2</c:v>
                </c:pt>
                <c:pt idx="7008">
                  <c:v>0.12167596007438672</c:v>
                </c:pt>
                <c:pt idx="7009">
                  <c:v>7.374300610568893E-2</c:v>
                </c:pt>
                <c:pt idx="7010">
                  <c:v>7.374300610568893E-2</c:v>
                </c:pt>
                <c:pt idx="7011">
                  <c:v>7.374300610568893E-2</c:v>
                </c:pt>
                <c:pt idx="7012">
                  <c:v>7.374300610568893E-2</c:v>
                </c:pt>
                <c:pt idx="7013">
                  <c:v>7.374300610568893E-2</c:v>
                </c:pt>
                <c:pt idx="7014">
                  <c:v>7.374300610568893E-2</c:v>
                </c:pt>
                <c:pt idx="7015">
                  <c:v>0.31414520601023488</c:v>
                </c:pt>
                <c:pt idx="7016">
                  <c:v>0.39268150751279352</c:v>
                </c:pt>
                <c:pt idx="7017">
                  <c:v>0.43194965826407289</c:v>
                </c:pt>
                <c:pt idx="7018">
                  <c:v>0.43194965826407289</c:v>
                </c:pt>
                <c:pt idx="7019">
                  <c:v>0.51048595976663158</c:v>
                </c:pt>
                <c:pt idx="7020">
                  <c:v>0.51048595976663158</c:v>
                </c:pt>
                <c:pt idx="7021">
                  <c:v>0.3534133567615142</c:v>
                </c:pt>
                <c:pt idx="7022">
                  <c:v>0.51048595976663158</c:v>
                </c:pt>
                <c:pt idx="7023">
                  <c:v>0.39268150751279352</c:v>
                </c:pt>
                <c:pt idx="7024">
                  <c:v>0.18435751526422234</c:v>
                </c:pt>
                <c:pt idx="7025">
                  <c:v>0.12167596007438672</c:v>
                </c:pt>
                <c:pt idx="7026">
                  <c:v>7.7430156410973366E-2</c:v>
                </c:pt>
                <c:pt idx="7027">
                  <c:v>7.374300610568893E-2</c:v>
                </c:pt>
                <c:pt idx="7028">
                  <c:v>7.374300610568893E-2</c:v>
                </c:pt>
                <c:pt idx="7029">
                  <c:v>7.374300610568893E-2</c:v>
                </c:pt>
                <c:pt idx="7030">
                  <c:v>7.374300610568893E-2</c:v>
                </c:pt>
                <c:pt idx="7031">
                  <c:v>7.374300610568893E-2</c:v>
                </c:pt>
                <c:pt idx="7032">
                  <c:v>3.2797270702709269E-2</c:v>
                </c:pt>
                <c:pt idx="7033">
                  <c:v>2.9517543632438338E-2</c:v>
                </c:pt>
                <c:pt idx="7034">
                  <c:v>2.9517543632438338E-2</c:v>
                </c:pt>
                <c:pt idx="7035">
                  <c:v>2.9517543632438338E-2</c:v>
                </c:pt>
                <c:pt idx="7036">
                  <c:v>2.9517543632438338E-2</c:v>
                </c:pt>
                <c:pt idx="7037">
                  <c:v>2.9517543632438338E-2</c:v>
                </c:pt>
                <c:pt idx="7038">
                  <c:v>2.9517543632438338E-2</c:v>
                </c:pt>
                <c:pt idx="7039">
                  <c:v>2.9517543632438338E-2</c:v>
                </c:pt>
                <c:pt idx="7040">
                  <c:v>2.9517543632438338E-2</c:v>
                </c:pt>
                <c:pt idx="7041">
                  <c:v>2.9517543632438338E-2</c:v>
                </c:pt>
                <c:pt idx="7042">
                  <c:v>2.9517543632438338E-2</c:v>
                </c:pt>
                <c:pt idx="7043">
                  <c:v>2.9517543632438338E-2</c:v>
                </c:pt>
                <c:pt idx="7044">
                  <c:v>2.9517543632438338E-2</c:v>
                </c:pt>
                <c:pt idx="7045">
                  <c:v>2.9517543632438338E-2</c:v>
                </c:pt>
                <c:pt idx="7046">
                  <c:v>2.9517543632438338E-2</c:v>
                </c:pt>
                <c:pt idx="7047">
                  <c:v>2.9517543632438338E-2</c:v>
                </c:pt>
                <c:pt idx="7048">
                  <c:v>2.9517543632438338E-2</c:v>
                </c:pt>
                <c:pt idx="7049">
                  <c:v>2.9517543632438338E-2</c:v>
                </c:pt>
                <c:pt idx="7050">
                  <c:v>2.9517543632438338E-2</c:v>
                </c:pt>
                <c:pt idx="7051">
                  <c:v>2.9517543632438338E-2</c:v>
                </c:pt>
                <c:pt idx="7052">
                  <c:v>2.9517543632438338E-2</c:v>
                </c:pt>
                <c:pt idx="7053">
                  <c:v>2.9517543632438338E-2</c:v>
                </c:pt>
                <c:pt idx="7054">
                  <c:v>2.9517543632438338E-2</c:v>
                </c:pt>
                <c:pt idx="7055">
                  <c:v>2.9517543632438338E-2</c:v>
                </c:pt>
                <c:pt idx="7056">
                  <c:v>2.994549073038013E-2</c:v>
                </c:pt>
                <c:pt idx="7057">
                  <c:v>2.994549073038013E-2</c:v>
                </c:pt>
                <c:pt idx="7058">
                  <c:v>2.994549073038013E-2</c:v>
                </c:pt>
                <c:pt idx="7059">
                  <c:v>2.994549073038013E-2</c:v>
                </c:pt>
                <c:pt idx="7060">
                  <c:v>2.994549073038013E-2</c:v>
                </c:pt>
                <c:pt idx="7061">
                  <c:v>2.994549073038013E-2</c:v>
                </c:pt>
                <c:pt idx="7062">
                  <c:v>2.994549073038013E-2</c:v>
                </c:pt>
                <c:pt idx="7063">
                  <c:v>2.994549073038013E-2</c:v>
                </c:pt>
                <c:pt idx="7064">
                  <c:v>2.994549073038013E-2</c:v>
                </c:pt>
                <c:pt idx="7065">
                  <c:v>2.994549073038013E-2</c:v>
                </c:pt>
                <c:pt idx="7066">
                  <c:v>2.994549073038013E-2</c:v>
                </c:pt>
                <c:pt idx="7067">
                  <c:v>2.994549073038013E-2</c:v>
                </c:pt>
                <c:pt idx="7068">
                  <c:v>2.994549073038013E-2</c:v>
                </c:pt>
                <c:pt idx="7069">
                  <c:v>2.994549073038013E-2</c:v>
                </c:pt>
                <c:pt idx="7070">
                  <c:v>2.994549073038013E-2</c:v>
                </c:pt>
                <c:pt idx="7071">
                  <c:v>2.994549073038013E-2</c:v>
                </c:pt>
                <c:pt idx="7072">
                  <c:v>2.994549073038013E-2</c:v>
                </c:pt>
                <c:pt idx="7073">
                  <c:v>2.994549073038013E-2</c:v>
                </c:pt>
                <c:pt idx="7074">
                  <c:v>2.994549073038013E-2</c:v>
                </c:pt>
                <c:pt idx="7075">
                  <c:v>2.994549073038013E-2</c:v>
                </c:pt>
                <c:pt idx="7076">
                  <c:v>2.994549073038013E-2</c:v>
                </c:pt>
                <c:pt idx="7077">
                  <c:v>2.994549073038013E-2</c:v>
                </c:pt>
                <c:pt idx="7078">
                  <c:v>2.994549073038013E-2</c:v>
                </c:pt>
                <c:pt idx="7079">
                  <c:v>2.994549073038013E-2</c:v>
                </c:pt>
                <c:pt idx="7080">
                  <c:v>7.8181161496096579E-2</c:v>
                </c:pt>
                <c:pt idx="7081">
                  <c:v>7.8181161496096579E-2</c:v>
                </c:pt>
                <c:pt idx="7082">
                  <c:v>7.8181161496096579E-2</c:v>
                </c:pt>
                <c:pt idx="7083">
                  <c:v>7.8181161496096579E-2</c:v>
                </c:pt>
                <c:pt idx="7084">
                  <c:v>7.8181161496096579E-2</c:v>
                </c:pt>
                <c:pt idx="7085">
                  <c:v>7.8181161496096579E-2</c:v>
                </c:pt>
                <c:pt idx="7086">
                  <c:v>7.8181161496096579E-2</c:v>
                </c:pt>
                <c:pt idx="7087">
                  <c:v>0.33305174797337145</c:v>
                </c:pt>
                <c:pt idx="7088">
                  <c:v>0.37468321647004277</c:v>
                </c:pt>
                <c:pt idx="7089">
                  <c:v>0.4163146849667142</c:v>
                </c:pt>
                <c:pt idx="7090">
                  <c:v>0.4163146849667142</c:v>
                </c:pt>
                <c:pt idx="7091">
                  <c:v>0.49957762196005701</c:v>
                </c:pt>
                <c:pt idx="7092">
                  <c:v>0.49957762196005701</c:v>
                </c:pt>
                <c:pt idx="7093">
                  <c:v>0.33305174797337145</c:v>
                </c:pt>
                <c:pt idx="7094">
                  <c:v>0.49957762196005701</c:v>
                </c:pt>
                <c:pt idx="7095">
                  <c:v>0.49957762196005701</c:v>
                </c:pt>
                <c:pt idx="7096">
                  <c:v>0.29142027947669996</c:v>
                </c:pt>
                <c:pt idx="7097">
                  <c:v>8.3262936993342862E-2</c:v>
                </c:pt>
                <c:pt idx="7098">
                  <c:v>8.2090219570901402E-2</c:v>
                </c:pt>
                <c:pt idx="7099">
                  <c:v>8.2090219570901402E-2</c:v>
                </c:pt>
                <c:pt idx="7100">
                  <c:v>8.2090219570901402E-2</c:v>
                </c:pt>
                <c:pt idx="7101">
                  <c:v>8.2090219570901402E-2</c:v>
                </c:pt>
                <c:pt idx="7102">
                  <c:v>8.2090219570901402E-2</c:v>
                </c:pt>
                <c:pt idx="7103">
                  <c:v>8.2090219570901402E-2</c:v>
                </c:pt>
                <c:pt idx="7104">
                  <c:v>5.2597250327458822E-2</c:v>
                </c:pt>
                <c:pt idx="7105">
                  <c:v>8.0148190975175351E-2</c:v>
                </c:pt>
                <c:pt idx="7106">
                  <c:v>8.0148190975175351E-2</c:v>
                </c:pt>
                <c:pt idx="7107">
                  <c:v>8.0148190975175351E-2</c:v>
                </c:pt>
                <c:pt idx="7108">
                  <c:v>8.0148190975175351E-2</c:v>
                </c:pt>
                <c:pt idx="7109">
                  <c:v>8.0148190975175351E-2</c:v>
                </c:pt>
                <c:pt idx="7110">
                  <c:v>8.0148190975175351E-2</c:v>
                </c:pt>
                <c:pt idx="7111">
                  <c:v>0.33787471757972365</c:v>
                </c:pt>
                <c:pt idx="7112">
                  <c:v>0.37699705329948108</c:v>
                </c:pt>
                <c:pt idx="7113">
                  <c:v>0.41611938901923862</c:v>
                </c:pt>
                <c:pt idx="7114">
                  <c:v>0.41611938901923862</c:v>
                </c:pt>
                <c:pt idx="7115">
                  <c:v>0.49792063643327689</c:v>
                </c:pt>
                <c:pt idx="7116">
                  <c:v>0.49792063643327689</c:v>
                </c:pt>
                <c:pt idx="7117">
                  <c:v>0.33076156563067682</c:v>
                </c:pt>
                <c:pt idx="7118">
                  <c:v>0.49792063643327689</c:v>
                </c:pt>
                <c:pt idx="7119">
                  <c:v>0.49792063643327689</c:v>
                </c:pt>
                <c:pt idx="7120">
                  <c:v>0.29341751789818105</c:v>
                </c:pt>
                <c:pt idx="7121">
                  <c:v>0.12523154839871148</c:v>
                </c:pt>
                <c:pt idx="7122">
                  <c:v>8.2652821943149574E-2</c:v>
                </c:pt>
                <c:pt idx="7123">
                  <c:v>8.2652821943149574E-2</c:v>
                </c:pt>
                <c:pt idx="7124">
                  <c:v>8.2652821943149574E-2</c:v>
                </c:pt>
                <c:pt idx="7125">
                  <c:v>8.2652821943149574E-2</c:v>
                </c:pt>
                <c:pt idx="7126">
                  <c:v>8.2652821943149574E-2</c:v>
                </c:pt>
                <c:pt idx="7127">
                  <c:v>8.2652821943149574E-2</c:v>
                </c:pt>
                <c:pt idx="7128">
                  <c:v>8.074855456165328E-2</c:v>
                </c:pt>
                <c:pt idx="7129">
                  <c:v>8.074855456165328E-2</c:v>
                </c:pt>
                <c:pt idx="7130">
                  <c:v>8.074855456165328E-2</c:v>
                </c:pt>
                <c:pt idx="7131">
                  <c:v>8.074855456165328E-2</c:v>
                </c:pt>
                <c:pt idx="7132">
                  <c:v>8.074855456165328E-2</c:v>
                </c:pt>
                <c:pt idx="7133">
                  <c:v>8.074855456165328E-2</c:v>
                </c:pt>
                <c:pt idx="7134">
                  <c:v>8.074855456165328E-2</c:v>
                </c:pt>
                <c:pt idx="7135">
                  <c:v>0.33009030334445533</c:v>
                </c:pt>
                <c:pt idx="7136">
                  <c:v>0.36831128583697126</c:v>
                </c:pt>
                <c:pt idx="7137">
                  <c:v>0.40653226832948713</c:v>
                </c:pt>
                <c:pt idx="7138">
                  <c:v>0.40653226832948713</c:v>
                </c:pt>
                <c:pt idx="7139">
                  <c:v>0.48644886808656579</c:v>
                </c:pt>
                <c:pt idx="7140">
                  <c:v>0.48644886808656579</c:v>
                </c:pt>
                <c:pt idx="7141">
                  <c:v>0.32314103380036152</c:v>
                </c:pt>
                <c:pt idx="7142">
                  <c:v>0.48644886808656579</c:v>
                </c:pt>
                <c:pt idx="7143">
                  <c:v>0.48644886808656579</c:v>
                </c:pt>
                <c:pt idx="7144">
                  <c:v>0.28665736869386915</c:v>
                </c:pt>
                <c:pt idx="7145">
                  <c:v>0.12234629479038375</c:v>
                </c:pt>
                <c:pt idx="7146">
                  <c:v>8.074855456165328E-2</c:v>
                </c:pt>
                <c:pt idx="7147">
                  <c:v>8.074855456165328E-2</c:v>
                </c:pt>
                <c:pt idx="7148">
                  <c:v>8.074855456165328E-2</c:v>
                </c:pt>
                <c:pt idx="7149">
                  <c:v>8.074855456165328E-2</c:v>
                </c:pt>
                <c:pt idx="7150">
                  <c:v>8.074855456165328E-2</c:v>
                </c:pt>
                <c:pt idx="7151">
                  <c:v>8.074855456165328E-2</c:v>
                </c:pt>
                <c:pt idx="7152">
                  <c:v>8.0809025418783903E-2</c:v>
                </c:pt>
                <c:pt idx="7153">
                  <c:v>8.0809025418783903E-2</c:v>
                </c:pt>
                <c:pt idx="7154">
                  <c:v>8.0809025418783903E-2</c:v>
                </c:pt>
                <c:pt idx="7155">
                  <c:v>8.0809025418783903E-2</c:v>
                </c:pt>
                <c:pt idx="7156">
                  <c:v>8.0809025418783903E-2</c:v>
                </c:pt>
                <c:pt idx="7157">
                  <c:v>8.0809025418783903E-2</c:v>
                </c:pt>
                <c:pt idx="7158">
                  <c:v>8.0809025418783903E-2</c:v>
                </c:pt>
                <c:pt idx="7159">
                  <c:v>0.33033750087860453</c:v>
                </c:pt>
                <c:pt idx="7160">
                  <c:v>0.36858710624349555</c:v>
                </c:pt>
                <c:pt idx="7161">
                  <c:v>0.40683671160838664</c:v>
                </c:pt>
                <c:pt idx="7162">
                  <c:v>0.40683671160838664</c:v>
                </c:pt>
                <c:pt idx="7163">
                  <c:v>0.48681315918952239</c:v>
                </c:pt>
                <c:pt idx="7164">
                  <c:v>0.48681315918952239</c:v>
                </c:pt>
                <c:pt idx="7165">
                  <c:v>0.32338302717589706</c:v>
                </c:pt>
                <c:pt idx="7166">
                  <c:v>0.48681315918952239</c:v>
                </c:pt>
                <c:pt idx="7167">
                  <c:v>0.48681315918952239</c:v>
                </c:pt>
                <c:pt idx="7168">
                  <c:v>0.28687204023668289</c:v>
                </c:pt>
                <c:pt idx="7169">
                  <c:v>0.12243791730118775</c:v>
                </c:pt>
                <c:pt idx="7170">
                  <c:v>8.0809025418783903E-2</c:v>
                </c:pt>
                <c:pt idx="7171">
                  <c:v>8.0809025418783903E-2</c:v>
                </c:pt>
                <c:pt idx="7172">
                  <c:v>8.0809025418783903E-2</c:v>
                </c:pt>
                <c:pt idx="7173">
                  <c:v>8.0809025418783903E-2</c:v>
                </c:pt>
                <c:pt idx="7174">
                  <c:v>8.0809025418783903E-2</c:v>
                </c:pt>
                <c:pt idx="7175">
                  <c:v>8.0809025418783903E-2</c:v>
                </c:pt>
                <c:pt idx="7176">
                  <c:v>0.12592800463632248</c:v>
                </c:pt>
                <c:pt idx="7177">
                  <c:v>7.6320002809892429E-2</c:v>
                </c:pt>
                <c:pt idx="7178">
                  <c:v>7.6320002809892429E-2</c:v>
                </c:pt>
                <c:pt idx="7179">
                  <c:v>7.6320002809892429E-2</c:v>
                </c:pt>
                <c:pt idx="7180">
                  <c:v>7.6320002809892429E-2</c:v>
                </c:pt>
                <c:pt idx="7181">
                  <c:v>7.6320002809892429E-2</c:v>
                </c:pt>
                <c:pt idx="7182">
                  <c:v>7.6320002809892429E-2</c:v>
                </c:pt>
                <c:pt idx="7183">
                  <c:v>0.32512321197014171</c:v>
                </c:pt>
                <c:pt idx="7184">
                  <c:v>0.40640401496267708</c:v>
                </c:pt>
                <c:pt idx="7185">
                  <c:v>0.44704441645894477</c:v>
                </c:pt>
                <c:pt idx="7186">
                  <c:v>0.44704441645894477</c:v>
                </c:pt>
                <c:pt idx="7187">
                  <c:v>0.52832521945148025</c:v>
                </c:pt>
                <c:pt idx="7188">
                  <c:v>0.52832521945148025</c:v>
                </c:pt>
                <c:pt idx="7189">
                  <c:v>0.3657636134664094</c:v>
                </c:pt>
                <c:pt idx="7190">
                  <c:v>0.52832521945148025</c:v>
                </c:pt>
                <c:pt idx="7191">
                  <c:v>0.40640401496267708</c:v>
                </c:pt>
                <c:pt idx="7192">
                  <c:v>0.19080000702473104</c:v>
                </c:pt>
                <c:pt idx="7193">
                  <c:v>0.12592800463632248</c:v>
                </c:pt>
                <c:pt idx="7194">
                  <c:v>8.0136002950387031E-2</c:v>
                </c:pt>
                <c:pt idx="7195">
                  <c:v>7.6320002809892429E-2</c:v>
                </c:pt>
                <c:pt idx="7196">
                  <c:v>7.6320002809892429E-2</c:v>
                </c:pt>
                <c:pt idx="7197">
                  <c:v>7.6320002809892429E-2</c:v>
                </c:pt>
                <c:pt idx="7198">
                  <c:v>7.6320002809892429E-2</c:v>
                </c:pt>
                <c:pt idx="7199">
                  <c:v>7.6320002809892429E-2</c:v>
                </c:pt>
                <c:pt idx="7200">
                  <c:v>3.9736475918878439E-2</c:v>
                </c:pt>
                <c:pt idx="7201">
                  <c:v>3.5762828326990584E-2</c:v>
                </c:pt>
                <c:pt idx="7202">
                  <c:v>3.5762828326990584E-2</c:v>
                </c:pt>
                <c:pt idx="7203">
                  <c:v>3.5762828326990584E-2</c:v>
                </c:pt>
                <c:pt idx="7204">
                  <c:v>3.5762828326990584E-2</c:v>
                </c:pt>
                <c:pt idx="7205">
                  <c:v>3.5762828326990584E-2</c:v>
                </c:pt>
                <c:pt idx="7206">
                  <c:v>3.5762828326990584E-2</c:v>
                </c:pt>
                <c:pt idx="7207">
                  <c:v>3.5762828326990584E-2</c:v>
                </c:pt>
                <c:pt idx="7208">
                  <c:v>3.5762828326990584E-2</c:v>
                </c:pt>
                <c:pt idx="7209">
                  <c:v>3.5762828326990584E-2</c:v>
                </c:pt>
                <c:pt idx="7210">
                  <c:v>3.5762828326990584E-2</c:v>
                </c:pt>
                <c:pt idx="7211">
                  <c:v>3.5762828326990584E-2</c:v>
                </c:pt>
                <c:pt idx="7212">
                  <c:v>3.5762828326990584E-2</c:v>
                </c:pt>
                <c:pt idx="7213">
                  <c:v>3.5762828326990584E-2</c:v>
                </c:pt>
                <c:pt idx="7214">
                  <c:v>3.5762828326990584E-2</c:v>
                </c:pt>
                <c:pt idx="7215">
                  <c:v>3.5762828326990584E-2</c:v>
                </c:pt>
                <c:pt idx="7216">
                  <c:v>3.5762828326990584E-2</c:v>
                </c:pt>
                <c:pt idx="7217">
                  <c:v>3.5762828326990584E-2</c:v>
                </c:pt>
                <c:pt idx="7218">
                  <c:v>3.5762828326990584E-2</c:v>
                </c:pt>
                <c:pt idx="7219">
                  <c:v>3.5762828326990584E-2</c:v>
                </c:pt>
                <c:pt idx="7220">
                  <c:v>3.5762828326990584E-2</c:v>
                </c:pt>
                <c:pt idx="7221">
                  <c:v>3.5762828326990584E-2</c:v>
                </c:pt>
                <c:pt idx="7222">
                  <c:v>3.5762828326990584E-2</c:v>
                </c:pt>
                <c:pt idx="7223">
                  <c:v>3.5762828326990584E-2</c:v>
                </c:pt>
                <c:pt idx="7224">
                  <c:v>4.040804325264969E-2</c:v>
                </c:pt>
                <c:pt idx="7225">
                  <c:v>4.040804325264969E-2</c:v>
                </c:pt>
                <c:pt idx="7226">
                  <c:v>4.040804325264969E-2</c:v>
                </c:pt>
                <c:pt idx="7227">
                  <c:v>4.040804325264969E-2</c:v>
                </c:pt>
                <c:pt idx="7228">
                  <c:v>4.040804325264969E-2</c:v>
                </c:pt>
                <c:pt idx="7229">
                  <c:v>4.040804325264969E-2</c:v>
                </c:pt>
                <c:pt idx="7230">
                  <c:v>4.040804325264969E-2</c:v>
                </c:pt>
                <c:pt idx="7231">
                  <c:v>4.040804325264969E-2</c:v>
                </c:pt>
                <c:pt idx="7232">
                  <c:v>4.040804325264969E-2</c:v>
                </c:pt>
                <c:pt idx="7233">
                  <c:v>4.040804325264969E-2</c:v>
                </c:pt>
                <c:pt idx="7234">
                  <c:v>4.040804325264969E-2</c:v>
                </c:pt>
                <c:pt idx="7235">
                  <c:v>4.040804325264969E-2</c:v>
                </c:pt>
                <c:pt idx="7236">
                  <c:v>4.040804325264969E-2</c:v>
                </c:pt>
                <c:pt idx="7237">
                  <c:v>4.040804325264969E-2</c:v>
                </c:pt>
                <c:pt idx="7238">
                  <c:v>4.040804325264969E-2</c:v>
                </c:pt>
                <c:pt idx="7239">
                  <c:v>4.040804325264969E-2</c:v>
                </c:pt>
                <c:pt idx="7240">
                  <c:v>4.040804325264969E-2</c:v>
                </c:pt>
                <c:pt idx="7241">
                  <c:v>4.040804325264969E-2</c:v>
                </c:pt>
                <c:pt idx="7242">
                  <c:v>4.040804325264969E-2</c:v>
                </c:pt>
                <c:pt idx="7243">
                  <c:v>4.040804325264969E-2</c:v>
                </c:pt>
                <c:pt idx="7244">
                  <c:v>4.040804325264969E-2</c:v>
                </c:pt>
                <c:pt idx="7245">
                  <c:v>4.040804325264969E-2</c:v>
                </c:pt>
                <c:pt idx="7246">
                  <c:v>4.040804325264969E-2</c:v>
                </c:pt>
                <c:pt idx="7247">
                  <c:v>4.040804325264969E-2</c:v>
                </c:pt>
                <c:pt idx="7248">
                  <c:v>7.9631829795345957E-2</c:v>
                </c:pt>
                <c:pt idx="7249">
                  <c:v>7.9631829795345957E-2</c:v>
                </c:pt>
                <c:pt idx="7250">
                  <c:v>7.9631829795345957E-2</c:v>
                </c:pt>
                <c:pt idx="7251">
                  <c:v>7.9631829795345957E-2</c:v>
                </c:pt>
                <c:pt idx="7252">
                  <c:v>7.9631829795345957E-2</c:v>
                </c:pt>
                <c:pt idx="7253">
                  <c:v>7.9631829795345957E-2</c:v>
                </c:pt>
                <c:pt idx="7254">
                  <c:v>7.9631829795345957E-2</c:v>
                </c:pt>
                <c:pt idx="7255">
                  <c:v>0.33923159492817373</c:v>
                </c:pt>
                <c:pt idx="7256">
                  <c:v>0.38163554429419544</c:v>
                </c:pt>
                <c:pt idx="7257">
                  <c:v>0.4240394936602172</c:v>
                </c:pt>
                <c:pt idx="7258">
                  <c:v>0.4240394936602172</c:v>
                </c:pt>
                <c:pt idx="7259">
                  <c:v>0.50884739239226051</c:v>
                </c:pt>
                <c:pt idx="7260">
                  <c:v>0.50884739239226051</c:v>
                </c:pt>
                <c:pt idx="7261">
                  <c:v>0.33923159492817373</c:v>
                </c:pt>
                <c:pt idx="7262">
                  <c:v>0.50884739239226051</c:v>
                </c:pt>
                <c:pt idx="7263">
                  <c:v>0.50884739239226051</c:v>
                </c:pt>
                <c:pt idx="7264">
                  <c:v>0.29682764556215202</c:v>
                </c:pt>
                <c:pt idx="7265">
                  <c:v>8.4807898732043432E-2</c:v>
                </c:pt>
                <c:pt idx="7266">
                  <c:v>8.3613421285113232E-2</c:v>
                </c:pt>
                <c:pt idx="7267">
                  <c:v>8.3613421285113232E-2</c:v>
                </c:pt>
                <c:pt idx="7268">
                  <c:v>8.3613421285113232E-2</c:v>
                </c:pt>
                <c:pt idx="7269">
                  <c:v>8.3613421285113232E-2</c:v>
                </c:pt>
                <c:pt idx="7270">
                  <c:v>8.3613421285113232E-2</c:v>
                </c:pt>
                <c:pt idx="7271">
                  <c:v>8.3613421285113232E-2</c:v>
                </c:pt>
                <c:pt idx="7272">
                  <c:v>5.2403211801133887E-2</c:v>
                </c:pt>
                <c:pt idx="7273">
                  <c:v>7.985251322077544E-2</c:v>
                </c:pt>
                <c:pt idx="7274">
                  <c:v>7.985251322077544E-2</c:v>
                </c:pt>
                <c:pt idx="7275">
                  <c:v>7.985251322077544E-2</c:v>
                </c:pt>
                <c:pt idx="7276">
                  <c:v>7.985251322077544E-2</c:v>
                </c:pt>
                <c:pt idx="7277">
                  <c:v>7.985251322077544E-2</c:v>
                </c:pt>
                <c:pt idx="7278">
                  <c:v>7.985251322077544E-2</c:v>
                </c:pt>
                <c:pt idx="7279">
                  <c:v>0.33662825104633143</c:v>
                </c:pt>
                <c:pt idx="7280">
                  <c:v>0.3756062590622225</c:v>
                </c:pt>
                <c:pt idx="7281">
                  <c:v>0.41458426707811352</c:v>
                </c:pt>
                <c:pt idx="7282">
                  <c:v>0.41458426707811352</c:v>
                </c:pt>
                <c:pt idx="7283">
                  <c:v>0.4960837383840675</c:v>
                </c:pt>
                <c:pt idx="7284">
                  <c:v>0.4960837383840675</c:v>
                </c:pt>
                <c:pt idx="7285">
                  <c:v>0.32954134049798767</c:v>
                </c:pt>
                <c:pt idx="7286">
                  <c:v>0.4960837383840675</c:v>
                </c:pt>
                <c:pt idx="7287">
                  <c:v>0.4960837383840675</c:v>
                </c:pt>
                <c:pt idx="7288">
                  <c:v>0.29233506011918264</c:v>
                </c:pt>
                <c:pt idx="7289">
                  <c:v>0.12476955190746164</c:v>
                </c:pt>
                <c:pt idx="7290">
                  <c:v>8.2347904258924687E-2</c:v>
                </c:pt>
                <c:pt idx="7291">
                  <c:v>8.2347904258924687E-2</c:v>
                </c:pt>
                <c:pt idx="7292">
                  <c:v>8.2347904258924687E-2</c:v>
                </c:pt>
                <c:pt idx="7293">
                  <c:v>8.2347904258924687E-2</c:v>
                </c:pt>
                <c:pt idx="7294">
                  <c:v>8.2347904258924687E-2</c:v>
                </c:pt>
                <c:pt idx="7295">
                  <c:v>8.2347904258924687E-2</c:v>
                </c:pt>
                <c:pt idx="7296">
                  <c:v>8.1534675704351356E-2</c:v>
                </c:pt>
                <c:pt idx="7297">
                  <c:v>8.1534675704351356E-2</c:v>
                </c:pt>
                <c:pt idx="7298">
                  <c:v>8.1534675704351356E-2</c:v>
                </c:pt>
                <c:pt idx="7299">
                  <c:v>8.1534675704351356E-2</c:v>
                </c:pt>
                <c:pt idx="7300">
                  <c:v>8.1534675704351356E-2</c:v>
                </c:pt>
                <c:pt idx="7301">
                  <c:v>8.1534675704351356E-2</c:v>
                </c:pt>
                <c:pt idx="7302">
                  <c:v>8.1534675704351356E-2</c:v>
                </c:pt>
                <c:pt idx="7303">
                  <c:v>0.33330387128839389</c:v>
                </c:pt>
                <c:pt idx="7304">
                  <c:v>0.37189695112178689</c:v>
                </c:pt>
                <c:pt idx="7305">
                  <c:v>0.41049003095517983</c:v>
                </c:pt>
                <c:pt idx="7306">
                  <c:v>0.41049003095517983</c:v>
                </c:pt>
                <c:pt idx="7307">
                  <c:v>0.49118465242500142</c:v>
                </c:pt>
                <c:pt idx="7308">
                  <c:v>0.49118465242500142</c:v>
                </c:pt>
                <c:pt idx="7309">
                  <c:v>0.32628694768232247</c:v>
                </c:pt>
                <c:pt idx="7310">
                  <c:v>0.49118465242500142</c:v>
                </c:pt>
                <c:pt idx="7311">
                  <c:v>0.49118465242500142</c:v>
                </c:pt>
                <c:pt idx="7312">
                  <c:v>0.2894480987504473</c:v>
                </c:pt>
                <c:pt idx="7313">
                  <c:v>0.12353738743083538</c:v>
                </c:pt>
                <c:pt idx="7314">
                  <c:v>8.1534675704351356E-2</c:v>
                </c:pt>
                <c:pt idx="7315">
                  <c:v>8.1534675704351356E-2</c:v>
                </c:pt>
                <c:pt idx="7316">
                  <c:v>8.1534675704351356E-2</c:v>
                </c:pt>
                <c:pt idx="7317">
                  <c:v>8.1534675704351356E-2</c:v>
                </c:pt>
                <c:pt idx="7318">
                  <c:v>8.1534675704351356E-2</c:v>
                </c:pt>
                <c:pt idx="7319">
                  <c:v>8.1534675704351356E-2</c:v>
                </c:pt>
                <c:pt idx="7320">
                  <c:v>8.2320796847049432E-2</c:v>
                </c:pt>
                <c:pt idx="7321">
                  <c:v>8.2320796847049432E-2</c:v>
                </c:pt>
                <c:pt idx="7322">
                  <c:v>8.2320796847049432E-2</c:v>
                </c:pt>
                <c:pt idx="7323">
                  <c:v>8.2320796847049432E-2</c:v>
                </c:pt>
                <c:pt idx="7324">
                  <c:v>8.2320796847049432E-2</c:v>
                </c:pt>
                <c:pt idx="7325">
                  <c:v>8.2320796847049432E-2</c:v>
                </c:pt>
                <c:pt idx="7326">
                  <c:v>8.2320796847049432E-2</c:v>
                </c:pt>
                <c:pt idx="7327">
                  <c:v>0.33651743923233235</c:v>
                </c:pt>
                <c:pt idx="7328">
                  <c:v>0.37548261640660252</c:v>
                </c:pt>
                <c:pt idx="7329">
                  <c:v>0.41444779358087258</c:v>
                </c:pt>
                <c:pt idx="7330">
                  <c:v>0.41444779358087258</c:v>
                </c:pt>
                <c:pt idx="7331">
                  <c:v>0.49592043676343717</c:v>
                </c:pt>
                <c:pt idx="7332">
                  <c:v>0.49592043676343717</c:v>
                </c:pt>
                <c:pt idx="7333">
                  <c:v>0.32943286156428331</c:v>
                </c:pt>
                <c:pt idx="7334">
                  <c:v>0.49592043676343717</c:v>
                </c:pt>
                <c:pt idx="7335">
                  <c:v>0.49592043676343717</c:v>
                </c:pt>
                <c:pt idx="7336">
                  <c:v>0.29223882880702545</c:v>
                </c:pt>
                <c:pt idx="7337">
                  <c:v>0.12472848007128705</c:v>
                </c:pt>
                <c:pt idx="7338">
                  <c:v>8.2320796847049432E-2</c:v>
                </c:pt>
                <c:pt idx="7339">
                  <c:v>8.2320796847049432E-2</c:v>
                </c:pt>
                <c:pt idx="7340">
                  <c:v>8.2320796847049432E-2</c:v>
                </c:pt>
                <c:pt idx="7341">
                  <c:v>8.2320796847049432E-2</c:v>
                </c:pt>
                <c:pt idx="7342">
                  <c:v>8.2320796847049432E-2</c:v>
                </c:pt>
                <c:pt idx="7343">
                  <c:v>8.2320796847049432E-2</c:v>
                </c:pt>
                <c:pt idx="7344">
                  <c:v>0.12759184816055824</c:v>
                </c:pt>
                <c:pt idx="7345">
                  <c:v>7.7328392824580747E-2</c:v>
                </c:pt>
                <c:pt idx="7346">
                  <c:v>7.7328392824580747E-2</c:v>
                </c:pt>
                <c:pt idx="7347">
                  <c:v>7.7328392824580747E-2</c:v>
                </c:pt>
                <c:pt idx="7348">
                  <c:v>7.7328392824580747E-2</c:v>
                </c:pt>
                <c:pt idx="7349">
                  <c:v>7.7328392824580747E-2</c:v>
                </c:pt>
                <c:pt idx="7350">
                  <c:v>7.7328392824580747E-2</c:v>
                </c:pt>
                <c:pt idx="7351">
                  <c:v>0.32941895343271399</c:v>
                </c:pt>
                <c:pt idx="7352">
                  <c:v>0.41177369179089252</c:v>
                </c:pt>
                <c:pt idx="7353">
                  <c:v>0.45295106096998172</c:v>
                </c:pt>
                <c:pt idx="7354">
                  <c:v>0.45295106096998172</c:v>
                </c:pt>
                <c:pt idx="7355">
                  <c:v>0.53530579932816014</c:v>
                </c:pt>
                <c:pt idx="7356">
                  <c:v>0.53530579932816014</c:v>
                </c:pt>
                <c:pt idx="7357">
                  <c:v>0.3705963226118032</c:v>
                </c:pt>
                <c:pt idx="7358">
                  <c:v>0.53530579932816014</c:v>
                </c:pt>
                <c:pt idx="7359">
                  <c:v>0.41177369179089252</c:v>
                </c:pt>
                <c:pt idx="7360">
                  <c:v>0.19332098206145187</c:v>
                </c:pt>
                <c:pt idx="7361">
                  <c:v>0.12759184816055824</c:v>
                </c:pt>
                <c:pt idx="7362">
                  <c:v>8.1194812465809785E-2</c:v>
                </c:pt>
                <c:pt idx="7363">
                  <c:v>7.7328392824580747E-2</c:v>
                </c:pt>
                <c:pt idx="7364">
                  <c:v>7.7328392824580747E-2</c:v>
                </c:pt>
                <c:pt idx="7365">
                  <c:v>7.7328392824580747E-2</c:v>
                </c:pt>
                <c:pt idx="7366">
                  <c:v>7.7328392824580747E-2</c:v>
                </c:pt>
                <c:pt idx="7367">
                  <c:v>7.7328392824580747E-2</c:v>
                </c:pt>
                <c:pt idx="7368">
                  <c:v>4.7993888409195676E-2</c:v>
                </c:pt>
                <c:pt idx="7369">
                  <c:v>4.3194499568276118E-2</c:v>
                </c:pt>
                <c:pt idx="7370">
                  <c:v>4.3194499568276118E-2</c:v>
                </c:pt>
                <c:pt idx="7371">
                  <c:v>4.3194499568276118E-2</c:v>
                </c:pt>
                <c:pt idx="7372">
                  <c:v>4.3194499568276118E-2</c:v>
                </c:pt>
                <c:pt idx="7373">
                  <c:v>4.3194499568276118E-2</c:v>
                </c:pt>
                <c:pt idx="7374">
                  <c:v>4.3194499568276118E-2</c:v>
                </c:pt>
                <c:pt idx="7375">
                  <c:v>4.3194499568276118E-2</c:v>
                </c:pt>
                <c:pt idx="7376">
                  <c:v>4.3194499568276118E-2</c:v>
                </c:pt>
                <c:pt idx="7377">
                  <c:v>4.3194499568276118E-2</c:v>
                </c:pt>
                <c:pt idx="7378">
                  <c:v>4.3194499568276118E-2</c:v>
                </c:pt>
                <c:pt idx="7379">
                  <c:v>4.3194499568276118E-2</c:v>
                </c:pt>
                <c:pt idx="7380">
                  <c:v>4.3194499568276118E-2</c:v>
                </c:pt>
                <c:pt idx="7381">
                  <c:v>4.3194499568276118E-2</c:v>
                </c:pt>
                <c:pt idx="7382">
                  <c:v>4.3194499568276118E-2</c:v>
                </c:pt>
                <c:pt idx="7383">
                  <c:v>4.3194499568276118E-2</c:v>
                </c:pt>
                <c:pt idx="7384">
                  <c:v>4.3194499568276118E-2</c:v>
                </c:pt>
                <c:pt idx="7385">
                  <c:v>4.3194499568276118E-2</c:v>
                </c:pt>
                <c:pt idx="7386">
                  <c:v>4.3194499568276118E-2</c:v>
                </c:pt>
                <c:pt idx="7387">
                  <c:v>4.3194499568276118E-2</c:v>
                </c:pt>
                <c:pt idx="7388">
                  <c:v>4.3194499568276118E-2</c:v>
                </c:pt>
                <c:pt idx="7389">
                  <c:v>4.3194499568276118E-2</c:v>
                </c:pt>
                <c:pt idx="7390">
                  <c:v>4.3194499568276118E-2</c:v>
                </c:pt>
                <c:pt idx="7391">
                  <c:v>4.3194499568276118E-2</c:v>
                </c:pt>
                <c:pt idx="7392">
                  <c:v>4.040804325264969E-2</c:v>
                </c:pt>
                <c:pt idx="7393">
                  <c:v>4.040804325264969E-2</c:v>
                </c:pt>
                <c:pt idx="7394">
                  <c:v>4.040804325264969E-2</c:v>
                </c:pt>
                <c:pt idx="7395">
                  <c:v>4.040804325264969E-2</c:v>
                </c:pt>
                <c:pt idx="7396">
                  <c:v>4.040804325264969E-2</c:v>
                </c:pt>
                <c:pt idx="7397">
                  <c:v>4.040804325264969E-2</c:v>
                </c:pt>
                <c:pt idx="7398">
                  <c:v>4.040804325264969E-2</c:v>
                </c:pt>
                <c:pt idx="7399">
                  <c:v>4.040804325264969E-2</c:v>
                </c:pt>
                <c:pt idx="7400">
                  <c:v>4.040804325264969E-2</c:v>
                </c:pt>
                <c:pt idx="7401">
                  <c:v>4.040804325264969E-2</c:v>
                </c:pt>
                <c:pt idx="7402">
                  <c:v>4.040804325264969E-2</c:v>
                </c:pt>
                <c:pt idx="7403">
                  <c:v>4.040804325264969E-2</c:v>
                </c:pt>
                <c:pt idx="7404">
                  <c:v>4.040804325264969E-2</c:v>
                </c:pt>
                <c:pt idx="7405">
                  <c:v>4.040804325264969E-2</c:v>
                </c:pt>
                <c:pt idx="7406">
                  <c:v>4.040804325264969E-2</c:v>
                </c:pt>
                <c:pt idx="7407">
                  <c:v>4.040804325264969E-2</c:v>
                </c:pt>
                <c:pt idx="7408">
                  <c:v>4.040804325264969E-2</c:v>
                </c:pt>
                <c:pt idx="7409">
                  <c:v>4.040804325264969E-2</c:v>
                </c:pt>
                <c:pt idx="7410">
                  <c:v>4.040804325264969E-2</c:v>
                </c:pt>
                <c:pt idx="7411">
                  <c:v>4.040804325264969E-2</c:v>
                </c:pt>
                <c:pt idx="7412">
                  <c:v>4.040804325264969E-2</c:v>
                </c:pt>
                <c:pt idx="7413">
                  <c:v>4.040804325264969E-2</c:v>
                </c:pt>
                <c:pt idx="7414">
                  <c:v>4.040804325264969E-2</c:v>
                </c:pt>
                <c:pt idx="7415">
                  <c:v>4.040804325264969E-2</c:v>
                </c:pt>
                <c:pt idx="7416">
                  <c:v>7.8413268423976473E-2</c:v>
                </c:pt>
                <c:pt idx="7417">
                  <c:v>7.8413268423976473E-2</c:v>
                </c:pt>
                <c:pt idx="7418">
                  <c:v>7.8413268423976473E-2</c:v>
                </c:pt>
                <c:pt idx="7419">
                  <c:v>7.8413268423976473E-2</c:v>
                </c:pt>
                <c:pt idx="7420">
                  <c:v>7.8413268423976473E-2</c:v>
                </c:pt>
                <c:pt idx="7421">
                  <c:v>7.8413268423976473E-2</c:v>
                </c:pt>
                <c:pt idx="7422">
                  <c:v>7.8413268423976473E-2</c:v>
                </c:pt>
                <c:pt idx="7423">
                  <c:v>0.33404052348613977</c:v>
                </c:pt>
                <c:pt idx="7424">
                  <c:v>0.37579558892190734</c:v>
                </c:pt>
                <c:pt idx="7425">
                  <c:v>0.4175506543576748</c:v>
                </c:pt>
                <c:pt idx="7426">
                  <c:v>0.4175506543576748</c:v>
                </c:pt>
                <c:pt idx="7427">
                  <c:v>0.5010607852292096</c:v>
                </c:pt>
                <c:pt idx="7428">
                  <c:v>0.5010607852292096</c:v>
                </c:pt>
                <c:pt idx="7429">
                  <c:v>0.33404052348613977</c:v>
                </c:pt>
                <c:pt idx="7430">
                  <c:v>0.5010607852292096</c:v>
                </c:pt>
                <c:pt idx="7431">
                  <c:v>0.5010607852292096</c:v>
                </c:pt>
                <c:pt idx="7432">
                  <c:v>0.2922854580503722</c:v>
                </c:pt>
                <c:pt idx="7433">
                  <c:v>8.3510130871534943E-2</c:v>
                </c:pt>
                <c:pt idx="7434">
                  <c:v>8.233393184517529E-2</c:v>
                </c:pt>
                <c:pt idx="7435">
                  <c:v>8.233393184517529E-2</c:v>
                </c:pt>
                <c:pt idx="7436">
                  <c:v>8.233393184517529E-2</c:v>
                </c:pt>
                <c:pt idx="7437">
                  <c:v>8.233393184517529E-2</c:v>
                </c:pt>
                <c:pt idx="7438">
                  <c:v>8.233393184517529E-2</c:v>
                </c:pt>
                <c:pt idx="7439">
                  <c:v>8.233393184517529E-2</c:v>
                </c:pt>
                <c:pt idx="7440">
                  <c:v>5.3839096895938403E-2</c:v>
                </c:pt>
                <c:pt idx="7441">
                  <c:v>8.2040528603334703E-2</c:v>
                </c:pt>
                <c:pt idx="7442">
                  <c:v>8.2040528603334703E-2</c:v>
                </c:pt>
                <c:pt idx="7443">
                  <c:v>8.2040528603334703E-2</c:v>
                </c:pt>
                <c:pt idx="7444">
                  <c:v>8.2040528603334703E-2</c:v>
                </c:pt>
                <c:pt idx="7445">
                  <c:v>8.2040528603334703E-2</c:v>
                </c:pt>
                <c:pt idx="7446">
                  <c:v>8.2040528603334703E-2</c:v>
                </c:pt>
                <c:pt idx="7447">
                  <c:v>0.34585210339343286</c:v>
                </c:pt>
                <c:pt idx="7448">
                  <c:v>0.38589813641793569</c:v>
                </c:pt>
                <c:pt idx="7449">
                  <c:v>0.4259441694424384</c:v>
                </c:pt>
                <c:pt idx="7450">
                  <c:v>0.4259441694424384</c:v>
                </c:pt>
                <c:pt idx="7451">
                  <c:v>0.5096767839482168</c:v>
                </c:pt>
                <c:pt idx="7452">
                  <c:v>0.5096767839482168</c:v>
                </c:pt>
                <c:pt idx="7453">
                  <c:v>0.33857100647988692</c:v>
                </c:pt>
                <c:pt idx="7454">
                  <c:v>0.5096767839482168</c:v>
                </c:pt>
                <c:pt idx="7455">
                  <c:v>0.5096767839482168</c:v>
                </c:pt>
                <c:pt idx="7456">
                  <c:v>0.30034524768377069</c:v>
                </c:pt>
                <c:pt idx="7457">
                  <c:v>0.12818832594271051</c:v>
                </c:pt>
                <c:pt idx="7458">
                  <c:v>8.4604295122188922E-2</c:v>
                </c:pt>
                <c:pt idx="7459">
                  <c:v>8.4604295122188922E-2</c:v>
                </c:pt>
                <c:pt idx="7460">
                  <c:v>8.4604295122188922E-2</c:v>
                </c:pt>
                <c:pt idx="7461">
                  <c:v>8.4604295122188922E-2</c:v>
                </c:pt>
                <c:pt idx="7462">
                  <c:v>8.4604295122188922E-2</c:v>
                </c:pt>
                <c:pt idx="7463">
                  <c:v>8.4604295122188922E-2</c:v>
                </c:pt>
                <c:pt idx="7464">
                  <c:v>8.3651155703923091E-2</c:v>
                </c:pt>
                <c:pt idx="7465">
                  <c:v>8.3651155703923091E-2</c:v>
                </c:pt>
                <c:pt idx="7466">
                  <c:v>8.3651155703923091E-2</c:v>
                </c:pt>
                <c:pt idx="7467">
                  <c:v>8.3651155703923091E-2</c:v>
                </c:pt>
                <c:pt idx="7468">
                  <c:v>8.3651155703923091E-2</c:v>
                </c:pt>
                <c:pt idx="7469">
                  <c:v>8.3651155703923091E-2</c:v>
                </c:pt>
                <c:pt idx="7470">
                  <c:v>8.3651155703923091E-2</c:v>
                </c:pt>
                <c:pt idx="7471">
                  <c:v>0.34195578498361279</c:v>
                </c:pt>
                <c:pt idx="7472">
                  <c:v>0.38155066535013649</c:v>
                </c:pt>
                <c:pt idx="7473">
                  <c:v>0.42114554571666007</c:v>
                </c:pt>
                <c:pt idx="7474">
                  <c:v>0.42114554571666007</c:v>
                </c:pt>
                <c:pt idx="7475">
                  <c:v>0.50393484102848207</c:v>
                </c:pt>
                <c:pt idx="7476">
                  <c:v>0.50393484102848207</c:v>
                </c:pt>
                <c:pt idx="7477">
                  <c:v>0.33475671582606314</c:v>
                </c:pt>
                <c:pt idx="7478">
                  <c:v>0.50393484102848207</c:v>
                </c:pt>
                <c:pt idx="7479">
                  <c:v>0.50393484102848207</c:v>
                </c:pt>
                <c:pt idx="7480">
                  <c:v>0.29696160274892691</c:v>
                </c:pt>
                <c:pt idx="7481">
                  <c:v>0.12674417530897436</c:v>
                </c:pt>
                <c:pt idx="7482">
                  <c:v>8.3651155703923091E-2</c:v>
                </c:pt>
                <c:pt idx="7483">
                  <c:v>8.3651155703923091E-2</c:v>
                </c:pt>
                <c:pt idx="7484">
                  <c:v>8.3651155703923091E-2</c:v>
                </c:pt>
                <c:pt idx="7485">
                  <c:v>8.3651155703923091E-2</c:v>
                </c:pt>
                <c:pt idx="7486">
                  <c:v>8.3651155703923091E-2</c:v>
                </c:pt>
                <c:pt idx="7487">
                  <c:v>8.3651155703923091E-2</c:v>
                </c:pt>
                <c:pt idx="7488">
                  <c:v>8.5707164846364203E-2</c:v>
                </c:pt>
                <c:pt idx="7489">
                  <c:v>8.5707164846364203E-2</c:v>
                </c:pt>
                <c:pt idx="7490">
                  <c:v>8.5707164846364203E-2</c:v>
                </c:pt>
                <c:pt idx="7491">
                  <c:v>8.5707164846364203E-2</c:v>
                </c:pt>
                <c:pt idx="7492">
                  <c:v>8.5707164846364203E-2</c:v>
                </c:pt>
                <c:pt idx="7493">
                  <c:v>8.5707164846364203E-2</c:v>
                </c:pt>
                <c:pt idx="7494">
                  <c:v>8.5707164846364203E-2</c:v>
                </c:pt>
                <c:pt idx="7495">
                  <c:v>0.35036050114468276</c:v>
                </c:pt>
                <c:pt idx="7496">
                  <c:v>0.39092855917196179</c:v>
                </c:pt>
                <c:pt idx="7497">
                  <c:v>0.43149661719924093</c:v>
                </c:pt>
                <c:pt idx="7498">
                  <c:v>0.43149661719924093</c:v>
                </c:pt>
                <c:pt idx="7499">
                  <c:v>0.51632073852900617</c:v>
                </c:pt>
                <c:pt idx="7500">
                  <c:v>0.51632073852900617</c:v>
                </c:pt>
                <c:pt idx="7501">
                  <c:v>0.34298449059426839</c:v>
                </c:pt>
                <c:pt idx="7502">
                  <c:v>0.51632073852900617</c:v>
                </c:pt>
                <c:pt idx="7503">
                  <c:v>0.51632073852900617</c:v>
                </c:pt>
                <c:pt idx="7504">
                  <c:v>0.30426043520459289</c:v>
                </c:pt>
                <c:pt idx="7505">
                  <c:v>0.12985934067630939</c:v>
                </c:pt>
                <c:pt idx="7506">
                  <c:v>8.5707164846364203E-2</c:v>
                </c:pt>
                <c:pt idx="7507">
                  <c:v>8.5707164846364203E-2</c:v>
                </c:pt>
                <c:pt idx="7508">
                  <c:v>8.5707164846364203E-2</c:v>
                </c:pt>
                <c:pt idx="7509">
                  <c:v>8.5707164846364203E-2</c:v>
                </c:pt>
                <c:pt idx="7510">
                  <c:v>8.5707164846364203E-2</c:v>
                </c:pt>
                <c:pt idx="7511">
                  <c:v>8.5707164846364203E-2</c:v>
                </c:pt>
                <c:pt idx="7512">
                  <c:v>0.13018004919825829</c:v>
                </c:pt>
                <c:pt idx="7513">
                  <c:v>7.8896999514095956E-2</c:v>
                </c:pt>
                <c:pt idx="7514">
                  <c:v>7.8896999514095956E-2</c:v>
                </c:pt>
                <c:pt idx="7515">
                  <c:v>7.8896999514095956E-2</c:v>
                </c:pt>
                <c:pt idx="7516">
                  <c:v>7.8896999514095956E-2</c:v>
                </c:pt>
                <c:pt idx="7517">
                  <c:v>7.8896999514095956E-2</c:v>
                </c:pt>
                <c:pt idx="7518">
                  <c:v>7.8896999514095956E-2</c:v>
                </c:pt>
                <c:pt idx="7519">
                  <c:v>0.33610121793004866</c:v>
                </c:pt>
                <c:pt idx="7520">
                  <c:v>0.42012652241256088</c:v>
                </c:pt>
                <c:pt idx="7521">
                  <c:v>0.46213917465381693</c:v>
                </c:pt>
                <c:pt idx="7522">
                  <c:v>0.46213917465381693</c:v>
                </c:pt>
                <c:pt idx="7523">
                  <c:v>0.54616447913632904</c:v>
                </c:pt>
                <c:pt idx="7524">
                  <c:v>0.54616447913632904</c:v>
                </c:pt>
                <c:pt idx="7525">
                  <c:v>0.37811387017130471</c:v>
                </c:pt>
                <c:pt idx="7526">
                  <c:v>0.54616447913632904</c:v>
                </c:pt>
                <c:pt idx="7527">
                  <c:v>0.42012652241256088</c:v>
                </c:pt>
                <c:pt idx="7528">
                  <c:v>0.19724249878523986</c:v>
                </c:pt>
                <c:pt idx="7529">
                  <c:v>0.13018004919825829</c:v>
                </c:pt>
                <c:pt idx="7530">
                  <c:v>8.2841849489800723E-2</c:v>
                </c:pt>
                <c:pt idx="7531">
                  <c:v>7.8896999514095956E-2</c:v>
                </c:pt>
                <c:pt idx="7532">
                  <c:v>7.8896999514095956E-2</c:v>
                </c:pt>
                <c:pt idx="7533">
                  <c:v>7.8896999514095956E-2</c:v>
                </c:pt>
                <c:pt idx="7534">
                  <c:v>7.8896999514095956E-2</c:v>
                </c:pt>
                <c:pt idx="7535">
                  <c:v>7.8896999514095956E-2</c:v>
                </c:pt>
                <c:pt idx="7536">
                  <c:v>5.0353149120714896E-2</c:v>
                </c:pt>
                <c:pt idx="7537">
                  <c:v>4.5317834208643396E-2</c:v>
                </c:pt>
                <c:pt idx="7538">
                  <c:v>4.5317834208643396E-2</c:v>
                </c:pt>
                <c:pt idx="7539">
                  <c:v>4.5317834208643396E-2</c:v>
                </c:pt>
                <c:pt idx="7540">
                  <c:v>4.5317834208643396E-2</c:v>
                </c:pt>
                <c:pt idx="7541">
                  <c:v>4.5317834208643396E-2</c:v>
                </c:pt>
                <c:pt idx="7542">
                  <c:v>4.5317834208643396E-2</c:v>
                </c:pt>
                <c:pt idx="7543">
                  <c:v>4.5317834208643396E-2</c:v>
                </c:pt>
                <c:pt idx="7544">
                  <c:v>4.5317834208643396E-2</c:v>
                </c:pt>
                <c:pt idx="7545">
                  <c:v>4.5317834208643396E-2</c:v>
                </c:pt>
                <c:pt idx="7546">
                  <c:v>4.5317834208643396E-2</c:v>
                </c:pt>
                <c:pt idx="7547">
                  <c:v>4.5317834208643396E-2</c:v>
                </c:pt>
                <c:pt idx="7548">
                  <c:v>4.5317834208643396E-2</c:v>
                </c:pt>
                <c:pt idx="7549">
                  <c:v>4.5317834208643396E-2</c:v>
                </c:pt>
                <c:pt idx="7550">
                  <c:v>4.5317834208643396E-2</c:v>
                </c:pt>
                <c:pt idx="7551">
                  <c:v>4.5317834208643396E-2</c:v>
                </c:pt>
                <c:pt idx="7552">
                  <c:v>4.5317834208643396E-2</c:v>
                </c:pt>
                <c:pt idx="7553">
                  <c:v>4.5317834208643396E-2</c:v>
                </c:pt>
                <c:pt idx="7554">
                  <c:v>4.5317834208643396E-2</c:v>
                </c:pt>
                <c:pt idx="7555">
                  <c:v>4.5317834208643396E-2</c:v>
                </c:pt>
                <c:pt idx="7556">
                  <c:v>4.5317834208643396E-2</c:v>
                </c:pt>
                <c:pt idx="7557">
                  <c:v>4.5317834208643396E-2</c:v>
                </c:pt>
                <c:pt idx="7558">
                  <c:v>4.5317834208643396E-2</c:v>
                </c:pt>
                <c:pt idx="7559">
                  <c:v>4.5317834208643396E-2</c:v>
                </c:pt>
                <c:pt idx="7560">
                  <c:v>4.6594221443312357E-2</c:v>
                </c:pt>
                <c:pt idx="7561">
                  <c:v>4.6594221443312357E-2</c:v>
                </c:pt>
                <c:pt idx="7562">
                  <c:v>4.6594221443312357E-2</c:v>
                </c:pt>
                <c:pt idx="7563">
                  <c:v>4.6594221443312357E-2</c:v>
                </c:pt>
                <c:pt idx="7564">
                  <c:v>4.6594221443312357E-2</c:v>
                </c:pt>
                <c:pt idx="7565">
                  <c:v>4.6594221443312357E-2</c:v>
                </c:pt>
                <c:pt idx="7566">
                  <c:v>4.6594221443312357E-2</c:v>
                </c:pt>
                <c:pt idx="7567">
                  <c:v>4.6594221443312357E-2</c:v>
                </c:pt>
                <c:pt idx="7568">
                  <c:v>4.6594221443312357E-2</c:v>
                </c:pt>
                <c:pt idx="7569">
                  <c:v>4.6594221443312357E-2</c:v>
                </c:pt>
                <c:pt idx="7570">
                  <c:v>4.6594221443312357E-2</c:v>
                </c:pt>
                <c:pt idx="7571">
                  <c:v>4.6594221443312357E-2</c:v>
                </c:pt>
                <c:pt idx="7572">
                  <c:v>4.6594221443312357E-2</c:v>
                </c:pt>
                <c:pt idx="7573">
                  <c:v>4.6594221443312357E-2</c:v>
                </c:pt>
                <c:pt idx="7574">
                  <c:v>4.6594221443312357E-2</c:v>
                </c:pt>
                <c:pt idx="7575">
                  <c:v>4.6594221443312357E-2</c:v>
                </c:pt>
                <c:pt idx="7576">
                  <c:v>4.6594221443312357E-2</c:v>
                </c:pt>
                <c:pt idx="7577">
                  <c:v>4.6594221443312357E-2</c:v>
                </c:pt>
                <c:pt idx="7578">
                  <c:v>4.6594221443312357E-2</c:v>
                </c:pt>
                <c:pt idx="7579">
                  <c:v>4.6594221443312357E-2</c:v>
                </c:pt>
                <c:pt idx="7580">
                  <c:v>4.6594221443312357E-2</c:v>
                </c:pt>
                <c:pt idx="7581">
                  <c:v>4.6594221443312357E-2</c:v>
                </c:pt>
                <c:pt idx="7582">
                  <c:v>4.6594221443312357E-2</c:v>
                </c:pt>
                <c:pt idx="7583">
                  <c:v>4.6594221443312357E-2</c:v>
                </c:pt>
                <c:pt idx="7584">
                  <c:v>8.2997380249604458E-2</c:v>
                </c:pt>
                <c:pt idx="7585">
                  <c:v>8.2997380249604458E-2</c:v>
                </c:pt>
                <c:pt idx="7586">
                  <c:v>8.2997380249604458E-2</c:v>
                </c:pt>
                <c:pt idx="7587">
                  <c:v>8.2997380249604458E-2</c:v>
                </c:pt>
                <c:pt idx="7588">
                  <c:v>8.2997380249604458E-2</c:v>
                </c:pt>
                <c:pt idx="7589">
                  <c:v>8.2997380249604458E-2</c:v>
                </c:pt>
                <c:pt idx="7590">
                  <c:v>8.2997380249604458E-2</c:v>
                </c:pt>
                <c:pt idx="7591">
                  <c:v>0.353568839863315</c:v>
                </c:pt>
                <c:pt idx="7592">
                  <c:v>0.39776494484622932</c:v>
                </c:pt>
                <c:pt idx="7593">
                  <c:v>0.44196104982914375</c:v>
                </c:pt>
                <c:pt idx="7594">
                  <c:v>0.44196104982914375</c:v>
                </c:pt>
                <c:pt idx="7595">
                  <c:v>0.5303532597949725</c:v>
                </c:pt>
                <c:pt idx="7596">
                  <c:v>0.5303532597949725</c:v>
                </c:pt>
                <c:pt idx="7597">
                  <c:v>0.353568839863315</c:v>
                </c:pt>
                <c:pt idx="7598">
                  <c:v>0.5303532597949725</c:v>
                </c:pt>
                <c:pt idx="7599">
                  <c:v>0.5303532597949725</c:v>
                </c:pt>
                <c:pt idx="7600">
                  <c:v>0.30937273488040057</c:v>
                </c:pt>
                <c:pt idx="7601">
                  <c:v>8.839220996582875E-2</c:v>
                </c:pt>
                <c:pt idx="7602">
                  <c:v>8.7147249262084669E-2</c:v>
                </c:pt>
                <c:pt idx="7603">
                  <c:v>8.7147249262084669E-2</c:v>
                </c:pt>
                <c:pt idx="7604">
                  <c:v>8.7147249262084669E-2</c:v>
                </c:pt>
                <c:pt idx="7605">
                  <c:v>8.7147249262084669E-2</c:v>
                </c:pt>
                <c:pt idx="7606">
                  <c:v>8.7147249262084669E-2</c:v>
                </c:pt>
                <c:pt idx="7607">
                  <c:v>8.7147249262084669E-2</c:v>
                </c:pt>
                <c:pt idx="7608">
                  <c:v>5.3451019843288539E-2</c:v>
                </c:pt>
                <c:pt idx="7609">
                  <c:v>8.1449173094534921E-2</c:v>
                </c:pt>
                <c:pt idx="7610">
                  <c:v>8.1449173094534921E-2</c:v>
                </c:pt>
                <c:pt idx="7611">
                  <c:v>8.1449173094534921E-2</c:v>
                </c:pt>
                <c:pt idx="7612">
                  <c:v>8.1449173094534921E-2</c:v>
                </c:pt>
                <c:pt idx="7613">
                  <c:v>8.1449173094534921E-2</c:v>
                </c:pt>
                <c:pt idx="7614">
                  <c:v>8.1449173094534921E-2</c:v>
                </c:pt>
                <c:pt idx="7615">
                  <c:v>0.34335917032664875</c:v>
                </c:pt>
                <c:pt idx="7616">
                  <c:v>0.38311654794341865</c:v>
                </c:pt>
                <c:pt idx="7617">
                  <c:v>0.42287392556018849</c:v>
                </c:pt>
                <c:pt idx="7618">
                  <c:v>0.42287392556018849</c:v>
                </c:pt>
                <c:pt idx="7619">
                  <c:v>0.50600298784979825</c:v>
                </c:pt>
                <c:pt idx="7620">
                  <c:v>0.50600298784979825</c:v>
                </c:pt>
                <c:pt idx="7621">
                  <c:v>0.33613055621450882</c:v>
                </c:pt>
                <c:pt idx="7622">
                  <c:v>0.50600298784979825</c:v>
                </c:pt>
                <c:pt idx="7623">
                  <c:v>0.50600298784979825</c:v>
                </c:pt>
                <c:pt idx="7624">
                  <c:v>0.29818033212577388</c:v>
                </c:pt>
                <c:pt idx="7625">
                  <c:v>0.12726433296021084</c:v>
                </c:pt>
                <c:pt idx="7626">
                  <c:v>8.3994459753739148E-2</c:v>
                </c:pt>
                <c:pt idx="7627">
                  <c:v>8.3994459753739148E-2</c:v>
                </c:pt>
                <c:pt idx="7628">
                  <c:v>8.3994459753739148E-2</c:v>
                </c:pt>
                <c:pt idx="7629">
                  <c:v>8.3994459753739148E-2</c:v>
                </c:pt>
                <c:pt idx="7630">
                  <c:v>8.3994459753739148E-2</c:v>
                </c:pt>
                <c:pt idx="7631">
                  <c:v>8.3994459753739148E-2</c:v>
                </c:pt>
                <c:pt idx="7632">
                  <c:v>8.2985976275486262E-2</c:v>
                </c:pt>
                <c:pt idx="7633">
                  <c:v>8.2985976275486262E-2</c:v>
                </c:pt>
                <c:pt idx="7634">
                  <c:v>8.2985976275486262E-2</c:v>
                </c:pt>
                <c:pt idx="7635">
                  <c:v>8.2985976275486262E-2</c:v>
                </c:pt>
                <c:pt idx="7636">
                  <c:v>8.2985976275486262E-2</c:v>
                </c:pt>
                <c:pt idx="7637">
                  <c:v>8.2985976275486262E-2</c:v>
                </c:pt>
                <c:pt idx="7638">
                  <c:v>8.2985976275486262E-2</c:v>
                </c:pt>
                <c:pt idx="7639">
                  <c:v>0.33923661210797262</c:v>
                </c:pt>
                <c:pt idx="7640">
                  <c:v>0.37851664087836945</c:v>
                </c:pt>
                <c:pt idx="7641">
                  <c:v>0.41779666964876627</c:v>
                </c:pt>
                <c:pt idx="7642">
                  <c:v>0.41779666964876627</c:v>
                </c:pt>
                <c:pt idx="7643">
                  <c:v>0.49992763889595959</c:v>
                </c:pt>
                <c:pt idx="7644">
                  <c:v>0.49992763889595959</c:v>
                </c:pt>
                <c:pt idx="7645">
                  <c:v>0.33209478869517323</c:v>
                </c:pt>
                <c:pt idx="7646">
                  <c:v>0.49992763889595959</c:v>
                </c:pt>
                <c:pt idx="7647">
                  <c:v>0.49992763889595959</c:v>
                </c:pt>
                <c:pt idx="7648">
                  <c:v>0.29460021577797618</c:v>
                </c:pt>
                <c:pt idx="7649">
                  <c:v>0.12573632769013071</c:v>
                </c:pt>
                <c:pt idx="7650">
                  <c:v>8.2985976275486262E-2</c:v>
                </c:pt>
                <c:pt idx="7651">
                  <c:v>8.2985976275486262E-2</c:v>
                </c:pt>
                <c:pt idx="7652">
                  <c:v>8.2985976275486262E-2</c:v>
                </c:pt>
                <c:pt idx="7653">
                  <c:v>8.2985976275486262E-2</c:v>
                </c:pt>
                <c:pt idx="7654">
                  <c:v>8.2985976275486262E-2</c:v>
                </c:pt>
                <c:pt idx="7655">
                  <c:v>8.2985976275486262E-2</c:v>
                </c:pt>
                <c:pt idx="7656">
                  <c:v>8.3167388846878132E-2</c:v>
                </c:pt>
                <c:pt idx="7657">
                  <c:v>8.3167388846878132E-2</c:v>
                </c:pt>
                <c:pt idx="7658">
                  <c:v>8.3167388846878132E-2</c:v>
                </c:pt>
                <c:pt idx="7659">
                  <c:v>8.3167388846878132E-2</c:v>
                </c:pt>
                <c:pt idx="7660">
                  <c:v>8.3167388846878132E-2</c:v>
                </c:pt>
                <c:pt idx="7661">
                  <c:v>8.3167388846878132E-2</c:v>
                </c:pt>
                <c:pt idx="7662">
                  <c:v>8.3167388846878132E-2</c:v>
                </c:pt>
                <c:pt idx="7663">
                  <c:v>0.33997820471041995</c:v>
                </c:pt>
                <c:pt idx="7664">
                  <c:v>0.37934410209794228</c:v>
                </c:pt>
                <c:pt idx="7665">
                  <c:v>0.41870999948546461</c:v>
                </c:pt>
                <c:pt idx="7666">
                  <c:v>0.41870999948546461</c:v>
                </c:pt>
                <c:pt idx="7667">
                  <c:v>0.50102051220482935</c:v>
                </c:pt>
                <c:pt idx="7668">
                  <c:v>0.50102051220482935</c:v>
                </c:pt>
                <c:pt idx="7669">
                  <c:v>0.33282076882177952</c:v>
                </c:pt>
                <c:pt idx="7670">
                  <c:v>0.50102051220482935</c:v>
                </c:pt>
                <c:pt idx="7671">
                  <c:v>0.50102051220482935</c:v>
                </c:pt>
                <c:pt idx="7672">
                  <c:v>0.29524423040641734</c:v>
                </c:pt>
                <c:pt idx="7673">
                  <c:v>0.12601119522254262</c:v>
                </c:pt>
                <c:pt idx="7674">
                  <c:v>8.3167388846878132E-2</c:v>
                </c:pt>
                <c:pt idx="7675">
                  <c:v>8.3167388846878132E-2</c:v>
                </c:pt>
                <c:pt idx="7676">
                  <c:v>8.3167388846878132E-2</c:v>
                </c:pt>
                <c:pt idx="7677">
                  <c:v>8.3167388846878132E-2</c:v>
                </c:pt>
                <c:pt idx="7678">
                  <c:v>8.3167388846878132E-2</c:v>
                </c:pt>
                <c:pt idx="7679">
                  <c:v>8.3167388846878132E-2</c:v>
                </c:pt>
                <c:pt idx="7680">
                  <c:v>0.12981030619287259</c:v>
                </c:pt>
                <c:pt idx="7681">
                  <c:v>7.8672912844165194E-2</c:v>
                </c:pt>
                <c:pt idx="7682">
                  <c:v>7.8672912844165194E-2</c:v>
                </c:pt>
                <c:pt idx="7683">
                  <c:v>7.8672912844165194E-2</c:v>
                </c:pt>
                <c:pt idx="7684">
                  <c:v>7.8672912844165194E-2</c:v>
                </c:pt>
                <c:pt idx="7685">
                  <c:v>7.8672912844165194E-2</c:v>
                </c:pt>
                <c:pt idx="7686">
                  <c:v>7.8672912844165194E-2</c:v>
                </c:pt>
                <c:pt idx="7687">
                  <c:v>0.33514660871614377</c:v>
                </c:pt>
                <c:pt idx="7688">
                  <c:v>0.41893326089517968</c:v>
                </c:pt>
                <c:pt idx="7689">
                  <c:v>0.46082658698469764</c:v>
                </c:pt>
                <c:pt idx="7690">
                  <c:v>0.46082658698469764</c:v>
                </c:pt>
                <c:pt idx="7691">
                  <c:v>0.54461323916373372</c:v>
                </c:pt>
                <c:pt idx="7692">
                  <c:v>0.54461323916373372</c:v>
                </c:pt>
                <c:pt idx="7693">
                  <c:v>0.37703993480566173</c:v>
                </c:pt>
                <c:pt idx="7694">
                  <c:v>0.54461323916373372</c:v>
                </c:pt>
                <c:pt idx="7695">
                  <c:v>0.41893326089517968</c:v>
                </c:pt>
                <c:pt idx="7696">
                  <c:v>0.196682282110413</c:v>
                </c:pt>
                <c:pt idx="7697">
                  <c:v>0.12981030619287259</c:v>
                </c:pt>
                <c:pt idx="7698">
                  <c:v>8.2606558486373452E-2</c:v>
                </c:pt>
                <c:pt idx="7699">
                  <c:v>7.8672912844165194E-2</c:v>
                </c:pt>
                <c:pt idx="7700">
                  <c:v>7.8672912844165194E-2</c:v>
                </c:pt>
                <c:pt idx="7701">
                  <c:v>7.8672912844165194E-2</c:v>
                </c:pt>
                <c:pt idx="7702">
                  <c:v>7.8672912844165194E-2</c:v>
                </c:pt>
                <c:pt idx="7703">
                  <c:v>7.8672912844165194E-2</c:v>
                </c:pt>
                <c:pt idx="7704">
                  <c:v>5.7666857326424431E-2</c:v>
                </c:pt>
                <c:pt idx="7705">
                  <c:v>5.1900171593781991E-2</c:v>
                </c:pt>
                <c:pt idx="7706">
                  <c:v>5.1900171593781991E-2</c:v>
                </c:pt>
                <c:pt idx="7707">
                  <c:v>5.1900171593781991E-2</c:v>
                </c:pt>
                <c:pt idx="7708">
                  <c:v>5.1900171593781991E-2</c:v>
                </c:pt>
                <c:pt idx="7709">
                  <c:v>5.1900171593781991E-2</c:v>
                </c:pt>
                <c:pt idx="7710">
                  <c:v>5.1900171593781991E-2</c:v>
                </c:pt>
                <c:pt idx="7711">
                  <c:v>5.1900171593781991E-2</c:v>
                </c:pt>
                <c:pt idx="7712">
                  <c:v>5.1900171593781991E-2</c:v>
                </c:pt>
                <c:pt idx="7713">
                  <c:v>5.1900171593781991E-2</c:v>
                </c:pt>
                <c:pt idx="7714">
                  <c:v>5.1900171593781991E-2</c:v>
                </c:pt>
                <c:pt idx="7715">
                  <c:v>5.1900171593781991E-2</c:v>
                </c:pt>
                <c:pt idx="7716">
                  <c:v>5.1900171593781991E-2</c:v>
                </c:pt>
                <c:pt idx="7717">
                  <c:v>5.1900171593781991E-2</c:v>
                </c:pt>
                <c:pt idx="7718">
                  <c:v>5.1900171593781991E-2</c:v>
                </c:pt>
                <c:pt idx="7719">
                  <c:v>5.1900171593781991E-2</c:v>
                </c:pt>
                <c:pt idx="7720">
                  <c:v>5.1900171593781991E-2</c:v>
                </c:pt>
                <c:pt idx="7721">
                  <c:v>5.1900171593781991E-2</c:v>
                </c:pt>
                <c:pt idx="7722">
                  <c:v>5.1900171593781991E-2</c:v>
                </c:pt>
                <c:pt idx="7723">
                  <c:v>5.1900171593781991E-2</c:v>
                </c:pt>
                <c:pt idx="7724">
                  <c:v>5.1900171593781991E-2</c:v>
                </c:pt>
                <c:pt idx="7725">
                  <c:v>5.1900171593781991E-2</c:v>
                </c:pt>
                <c:pt idx="7726">
                  <c:v>5.1900171593781991E-2</c:v>
                </c:pt>
                <c:pt idx="7727">
                  <c:v>5.1900171593781991E-2</c:v>
                </c:pt>
                <c:pt idx="7728">
                  <c:v>5.4273615059307376E-2</c:v>
                </c:pt>
                <c:pt idx="7729">
                  <c:v>5.4273615059307376E-2</c:v>
                </c:pt>
                <c:pt idx="7730">
                  <c:v>5.4273615059307376E-2</c:v>
                </c:pt>
                <c:pt idx="7731">
                  <c:v>5.4273615059307376E-2</c:v>
                </c:pt>
                <c:pt idx="7732">
                  <c:v>5.4273615059307376E-2</c:v>
                </c:pt>
                <c:pt idx="7733">
                  <c:v>5.4273615059307376E-2</c:v>
                </c:pt>
                <c:pt idx="7734">
                  <c:v>5.4273615059307376E-2</c:v>
                </c:pt>
                <c:pt idx="7735">
                  <c:v>5.4273615059307376E-2</c:v>
                </c:pt>
                <c:pt idx="7736">
                  <c:v>5.4273615059307376E-2</c:v>
                </c:pt>
                <c:pt idx="7737">
                  <c:v>5.4273615059307376E-2</c:v>
                </c:pt>
                <c:pt idx="7738">
                  <c:v>5.4273615059307376E-2</c:v>
                </c:pt>
                <c:pt idx="7739">
                  <c:v>5.4273615059307376E-2</c:v>
                </c:pt>
                <c:pt idx="7740">
                  <c:v>5.4273615059307376E-2</c:v>
                </c:pt>
                <c:pt idx="7741">
                  <c:v>5.4273615059307376E-2</c:v>
                </c:pt>
                <c:pt idx="7742">
                  <c:v>5.4273615059307376E-2</c:v>
                </c:pt>
                <c:pt idx="7743">
                  <c:v>5.4273615059307376E-2</c:v>
                </c:pt>
                <c:pt idx="7744">
                  <c:v>5.4273615059307376E-2</c:v>
                </c:pt>
                <c:pt idx="7745">
                  <c:v>5.4273615059307376E-2</c:v>
                </c:pt>
                <c:pt idx="7746">
                  <c:v>5.4273615059307376E-2</c:v>
                </c:pt>
                <c:pt idx="7747">
                  <c:v>5.4273615059307376E-2</c:v>
                </c:pt>
                <c:pt idx="7748">
                  <c:v>5.4273615059307376E-2</c:v>
                </c:pt>
                <c:pt idx="7749">
                  <c:v>5.4273615059307376E-2</c:v>
                </c:pt>
                <c:pt idx="7750">
                  <c:v>5.4273615059307376E-2</c:v>
                </c:pt>
                <c:pt idx="7751">
                  <c:v>5.4273615059307376E-2</c:v>
                </c:pt>
                <c:pt idx="7752">
                  <c:v>8.0908417898685386E-2</c:v>
                </c:pt>
                <c:pt idx="7753">
                  <c:v>8.0908417898685386E-2</c:v>
                </c:pt>
                <c:pt idx="7754">
                  <c:v>8.0908417898685386E-2</c:v>
                </c:pt>
                <c:pt idx="7755">
                  <c:v>8.0908417898685386E-2</c:v>
                </c:pt>
                <c:pt idx="7756">
                  <c:v>8.0908417898685386E-2</c:v>
                </c:pt>
                <c:pt idx="7757">
                  <c:v>8.0908417898685386E-2</c:v>
                </c:pt>
                <c:pt idx="7758">
                  <c:v>8.0908417898685386E-2</c:v>
                </c:pt>
                <c:pt idx="7759">
                  <c:v>0.34466986024839974</c:v>
                </c:pt>
                <c:pt idx="7760">
                  <c:v>0.38775359277944971</c:v>
                </c:pt>
                <c:pt idx="7761">
                  <c:v>0.43083732531049967</c:v>
                </c:pt>
                <c:pt idx="7762">
                  <c:v>0.43083732531049967</c:v>
                </c:pt>
                <c:pt idx="7763">
                  <c:v>0.5170047903725995</c:v>
                </c:pt>
                <c:pt idx="7764">
                  <c:v>0.5170047903725995</c:v>
                </c:pt>
                <c:pt idx="7765">
                  <c:v>0.34466986024839974</c:v>
                </c:pt>
                <c:pt idx="7766">
                  <c:v>0.5170047903725995</c:v>
                </c:pt>
                <c:pt idx="7767">
                  <c:v>0.5170047903725995</c:v>
                </c:pt>
                <c:pt idx="7768">
                  <c:v>0.30158612771734972</c:v>
                </c:pt>
                <c:pt idx="7769">
                  <c:v>8.6167465062099935E-2</c:v>
                </c:pt>
                <c:pt idx="7770">
                  <c:v>8.4953838793619646E-2</c:v>
                </c:pt>
                <c:pt idx="7771">
                  <c:v>8.4953838793619646E-2</c:v>
                </c:pt>
                <c:pt idx="7772">
                  <c:v>8.4953838793619646E-2</c:v>
                </c:pt>
                <c:pt idx="7773">
                  <c:v>8.4953838793619646E-2</c:v>
                </c:pt>
                <c:pt idx="7774">
                  <c:v>8.4953838793619646E-2</c:v>
                </c:pt>
                <c:pt idx="7775">
                  <c:v>8.4953838793619646E-2</c:v>
                </c:pt>
                <c:pt idx="7776">
                  <c:v>5.4033135422263345E-2</c:v>
                </c:pt>
                <c:pt idx="7777">
                  <c:v>8.2336206357734615E-2</c:v>
                </c:pt>
                <c:pt idx="7778">
                  <c:v>8.2336206357734615E-2</c:v>
                </c:pt>
                <c:pt idx="7779">
                  <c:v>8.2336206357734615E-2</c:v>
                </c:pt>
                <c:pt idx="7780">
                  <c:v>8.2336206357734615E-2</c:v>
                </c:pt>
                <c:pt idx="7781">
                  <c:v>8.2336206357734615E-2</c:v>
                </c:pt>
                <c:pt idx="7782">
                  <c:v>8.2336206357734615E-2</c:v>
                </c:pt>
                <c:pt idx="7783">
                  <c:v>0.34709856992682497</c:v>
                </c:pt>
                <c:pt idx="7784">
                  <c:v>0.38728893065519421</c:v>
                </c:pt>
                <c:pt idx="7785">
                  <c:v>0.42747929138356344</c:v>
                </c:pt>
                <c:pt idx="7786">
                  <c:v>0.42747929138356344</c:v>
                </c:pt>
                <c:pt idx="7787">
                  <c:v>0.5115136819974262</c:v>
                </c:pt>
                <c:pt idx="7788">
                  <c:v>0.5115136819974262</c:v>
                </c:pt>
                <c:pt idx="7789">
                  <c:v>0.33979123161257596</c:v>
                </c:pt>
                <c:pt idx="7790">
                  <c:v>0.5115136819974262</c:v>
                </c:pt>
                <c:pt idx="7791">
                  <c:v>0.5115136819974262</c:v>
                </c:pt>
                <c:pt idx="7792">
                  <c:v>0.30142770546276909</c:v>
                </c:pt>
                <c:pt idx="7793">
                  <c:v>0.12865032243396035</c:v>
                </c:pt>
                <c:pt idx="7794">
                  <c:v>8.4909212806413809E-2</c:v>
                </c:pt>
                <c:pt idx="7795">
                  <c:v>8.4909212806413809E-2</c:v>
                </c:pt>
                <c:pt idx="7796">
                  <c:v>8.4909212806413809E-2</c:v>
                </c:pt>
                <c:pt idx="7797">
                  <c:v>8.4909212806413809E-2</c:v>
                </c:pt>
                <c:pt idx="7798">
                  <c:v>8.4909212806413809E-2</c:v>
                </c:pt>
                <c:pt idx="7799">
                  <c:v>8.4909212806413809E-2</c:v>
                </c:pt>
                <c:pt idx="7800">
                  <c:v>8.6553756846192903E-2</c:v>
                </c:pt>
                <c:pt idx="7801">
                  <c:v>8.6553756846192903E-2</c:v>
                </c:pt>
                <c:pt idx="7802">
                  <c:v>8.6553756846192903E-2</c:v>
                </c:pt>
                <c:pt idx="7803">
                  <c:v>8.6553756846192903E-2</c:v>
                </c:pt>
                <c:pt idx="7804">
                  <c:v>8.6553756846192903E-2</c:v>
                </c:pt>
                <c:pt idx="7805">
                  <c:v>8.6553756846192903E-2</c:v>
                </c:pt>
                <c:pt idx="7806">
                  <c:v>8.6553756846192903E-2</c:v>
                </c:pt>
                <c:pt idx="7807">
                  <c:v>0.35382126662277036</c:v>
                </c:pt>
                <c:pt idx="7808">
                  <c:v>0.39479004486330171</c:v>
                </c:pt>
                <c:pt idx="7809">
                  <c:v>0.43575882310383296</c:v>
                </c:pt>
                <c:pt idx="7810">
                  <c:v>0.43575882310383296</c:v>
                </c:pt>
                <c:pt idx="7811">
                  <c:v>0.52142081397039841</c:v>
                </c:pt>
                <c:pt idx="7812">
                  <c:v>0.52142081397039841</c:v>
                </c:pt>
                <c:pt idx="7813">
                  <c:v>0.34637239785176466</c:v>
                </c:pt>
                <c:pt idx="7814">
                  <c:v>0.52142081397039841</c:v>
                </c:pt>
                <c:pt idx="7815">
                  <c:v>0.52142081397039841</c:v>
                </c:pt>
                <c:pt idx="7816">
                  <c:v>0.30726583680398478</c:v>
                </c:pt>
                <c:pt idx="7817">
                  <c:v>0.13114205582756502</c:v>
                </c:pt>
                <c:pt idx="7818">
                  <c:v>8.6553756846192903E-2</c:v>
                </c:pt>
                <c:pt idx="7819">
                  <c:v>8.6553756846192903E-2</c:v>
                </c:pt>
                <c:pt idx="7820">
                  <c:v>8.6553756846192903E-2</c:v>
                </c:pt>
                <c:pt idx="7821">
                  <c:v>8.6553756846192903E-2</c:v>
                </c:pt>
                <c:pt idx="7822">
                  <c:v>8.6553756846192903E-2</c:v>
                </c:pt>
                <c:pt idx="7823">
                  <c:v>8.6553756846192903E-2</c:v>
                </c:pt>
                <c:pt idx="7824">
                  <c:v>8.7158465417499109E-2</c:v>
                </c:pt>
                <c:pt idx="7825">
                  <c:v>8.7158465417499109E-2</c:v>
                </c:pt>
                <c:pt idx="7826">
                  <c:v>8.7158465417499109E-2</c:v>
                </c:pt>
                <c:pt idx="7827">
                  <c:v>8.7158465417499109E-2</c:v>
                </c:pt>
                <c:pt idx="7828">
                  <c:v>8.7158465417499109E-2</c:v>
                </c:pt>
                <c:pt idx="7829">
                  <c:v>8.7158465417499109E-2</c:v>
                </c:pt>
                <c:pt idx="7830">
                  <c:v>8.7158465417499109E-2</c:v>
                </c:pt>
                <c:pt idx="7831">
                  <c:v>0.35629324196426149</c:v>
                </c:pt>
                <c:pt idx="7832">
                  <c:v>0.39754824892854446</c:v>
                </c:pt>
                <c:pt idx="7833">
                  <c:v>0.43880325589282737</c:v>
                </c:pt>
                <c:pt idx="7834">
                  <c:v>0.43880325589282737</c:v>
                </c:pt>
                <c:pt idx="7835">
                  <c:v>0.52506372499996434</c:v>
                </c:pt>
                <c:pt idx="7836">
                  <c:v>0.52506372499996434</c:v>
                </c:pt>
                <c:pt idx="7837">
                  <c:v>0.3487923316071192</c:v>
                </c:pt>
                <c:pt idx="7838">
                  <c:v>0.52506372499996434</c:v>
                </c:pt>
                <c:pt idx="7839">
                  <c:v>0.52506372499996434</c:v>
                </c:pt>
                <c:pt idx="7840">
                  <c:v>0.30941255223212183</c:v>
                </c:pt>
                <c:pt idx="7841">
                  <c:v>0.1320582809356047</c:v>
                </c:pt>
                <c:pt idx="7842">
                  <c:v>8.7158465417499109E-2</c:v>
                </c:pt>
                <c:pt idx="7843">
                  <c:v>8.7158465417499109E-2</c:v>
                </c:pt>
                <c:pt idx="7844">
                  <c:v>8.7158465417499109E-2</c:v>
                </c:pt>
                <c:pt idx="7845">
                  <c:v>8.7158465417499109E-2</c:v>
                </c:pt>
                <c:pt idx="7846">
                  <c:v>8.7158465417499109E-2</c:v>
                </c:pt>
                <c:pt idx="7847">
                  <c:v>8.7158465417499109E-2</c:v>
                </c:pt>
                <c:pt idx="7848">
                  <c:v>0.13175145697114757</c:v>
                </c:pt>
                <c:pt idx="7849">
                  <c:v>7.984936786130159E-2</c:v>
                </c:pt>
                <c:pt idx="7850">
                  <c:v>7.984936786130159E-2</c:v>
                </c:pt>
                <c:pt idx="7851">
                  <c:v>7.984936786130159E-2</c:v>
                </c:pt>
                <c:pt idx="7852">
                  <c:v>7.984936786130159E-2</c:v>
                </c:pt>
                <c:pt idx="7853">
                  <c:v>7.984936786130159E-2</c:v>
                </c:pt>
                <c:pt idx="7854">
                  <c:v>7.984936786130159E-2</c:v>
                </c:pt>
                <c:pt idx="7855">
                  <c:v>0.34015830708914468</c:v>
                </c:pt>
                <c:pt idx="7856">
                  <c:v>0.42519788386143087</c:v>
                </c:pt>
                <c:pt idx="7857">
                  <c:v>0.46771767224757399</c:v>
                </c:pt>
                <c:pt idx="7858">
                  <c:v>0.46771767224757399</c:v>
                </c:pt>
                <c:pt idx="7859">
                  <c:v>0.55275724901986012</c:v>
                </c:pt>
                <c:pt idx="7860">
                  <c:v>0.55275724901986012</c:v>
                </c:pt>
                <c:pt idx="7861">
                  <c:v>0.38267809547528775</c:v>
                </c:pt>
                <c:pt idx="7862">
                  <c:v>0.55275724901986012</c:v>
                </c:pt>
                <c:pt idx="7863">
                  <c:v>0.42519788386143087</c:v>
                </c:pt>
                <c:pt idx="7864">
                  <c:v>0.19962341965325392</c:v>
                </c:pt>
                <c:pt idx="7865">
                  <c:v>0.13175145697114757</c:v>
                </c:pt>
                <c:pt idx="7866">
                  <c:v>8.3841836254366642E-2</c:v>
                </c:pt>
                <c:pt idx="7867">
                  <c:v>7.984936786130159E-2</c:v>
                </c:pt>
                <c:pt idx="7868">
                  <c:v>7.984936786130159E-2</c:v>
                </c:pt>
                <c:pt idx="7869">
                  <c:v>7.984936786130159E-2</c:v>
                </c:pt>
                <c:pt idx="7870">
                  <c:v>7.984936786130159E-2</c:v>
                </c:pt>
                <c:pt idx="7871">
                  <c:v>7.984936786130159E-2</c:v>
                </c:pt>
                <c:pt idx="7872">
                  <c:v>6.4272787318678221E-2</c:v>
                </c:pt>
                <c:pt idx="7873">
                  <c:v>5.784550858681041E-2</c:v>
                </c:pt>
                <c:pt idx="7874">
                  <c:v>5.784550858681041E-2</c:v>
                </c:pt>
                <c:pt idx="7875">
                  <c:v>5.784550858681041E-2</c:v>
                </c:pt>
                <c:pt idx="7876">
                  <c:v>5.784550858681041E-2</c:v>
                </c:pt>
                <c:pt idx="7877">
                  <c:v>5.784550858681041E-2</c:v>
                </c:pt>
                <c:pt idx="7878">
                  <c:v>5.784550858681041E-2</c:v>
                </c:pt>
                <c:pt idx="7879">
                  <c:v>5.784550858681041E-2</c:v>
                </c:pt>
                <c:pt idx="7880">
                  <c:v>5.784550858681041E-2</c:v>
                </c:pt>
                <c:pt idx="7881">
                  <c:v>5.784550858681041E-2</c:v>
                </c:pt>
                <c:pt idx="7882">
                  <c:v>5.784550858681041E-2</c:v>
                </c:pt>
                <c:pt idx="7883">
                  <c:v>5.784550858681041E-2</c:v>
                </c:pt>
                <c:pt idx="7884">
                  <c:v>5.784550858681041E-2</c:v>
                </c:pt>
                <c:pt idx="7885">
                  <c:v>5.784550858681041E-2</c:v>
                </c:pt>
                <c:pt idx="7886">
                  <c:v>5.784550858681041E-2</c:v>
                </c:pt>
                <c:pt idx="7887">
                  <c:v>5.784550858681041E-2</c:v>
                </c:pt>
                <c:pt idx="7888">
                  <c:v>5.784550858681041E-2</c:v>
                </c:pt>
                <c:pt idx="7889">
                  <c:v>5.784550858681041E-2</c:v>
                </c:pt>
                <c:pt idx="7890">
                  <c:v>5.784550858681041E-2</c:v>
                </c:pt>
                <c:pt idx="7891">
                  <c:v>5.784550858681041E-2</c:v>
                </c:pt>
                <c:pt idx="7892">
                  <c:v>5.784550858681041E-2</c:v>
                </c:pt>
                <c:pt idx="7893">
                  <c:v>5.784550858681041E-2</c:v>
                </c:pt>
                <c:pt idx="7894">
                  <c:v>5.784550858681041E-2</c:v>
                </c:pt>
                <c:pt idx="7895">
                  <c:v>5.784550858681041E-2</c:v>
                </c:pt>
                <c:pt idx="7896">
                  <c:v>5.917989431397086E-2</c:v>
                </c:pt>
                <c:pt idx="7897">
                  <c:v>5.917989431397086E-2</c:v>
                </c:pt>
                <c:pt idx="7898">
                  <c:v>5.917989431397086E-2</c:v>
                </c:pt>
                <c:pt idx="7899">
                  <c:v>5.917989431397086E-2</c:v>
                </c:pt>
                <c:pt idx="7900">
                  <c:v>5.917989431397086E-2</c:v>
                </c:pt>
                <c:pt idx="7901">
                  <c:v>5.917989431397086E-2</c:v>
                </c:pt>
                <c:pt idx="7902">
                  <c:v>5.917989431397086E-2</c:v>
                </c:pt>
                <c:pt idx="7903">
                  <c:v>5.917989431397086E-2</c:v>
                </c:pt>
                <c:pt idx="7904">
                  <c:v>5.917989431397086E-2</c:v>
                </c:pt>
                <c:pt idx="7905">
                  <c:v>5.917989431397086E-2</c:v>
                </c:pt>
                <c:pt idx="7906">
                  <c:v>5.917989431397086E-2</c:v>
                </c:pt>
                <c:pt idx="7907">
                  <c:v>5.917989431397086E-2</c:v>
                </c:pt>
                <c:pt idx="7908">
                  <c:v>5.917989431397086E-2</c:v>
                </c:pt>
                <c:pt idx="7909">
                  <c:v>5.917989431397086E-2</c:v>
                </c:pt>
                <c:pt idx="7910">
                  <c:v>5.917989431397086E-2</c:v>
                </c:pt>
                <c:pt idx="7911">
                  <c:v>5.917989431397086E-2</c:v>
                </c:pt>
                <c:pt idx="7912">
                  <c:v>5.917989431397086E-2</c:v>
                </c:pt>
                <c:pt idx="7913">
                  <c:v>5.917989431397086E-2</c:v>
                </c:pt>
                <c:pt idx="7914">
                  <c:v>5.917989431397086E-2</c:v>
                </c:pt>
                <c:pt idx="7915">
                  <c:v>5.917989431397086E-2</c:v>
                </c:pt>
                <c:pt idx="7916">
                  <c:v>5.917989431397086E-2</c:v>
                </c:pt>
                <c:pt idx="7917">
                  <c:v>5.917989431397086E-2</c:v>
                </c:pt>
                <c:pt idx="7918">
                  <c:v>5.917989431397086E-2</c:v>
                </c:pt>
                <c:pt idx="7919">
                  <c:v>5.917989431397086E-2</c:v>
                </c:pt>
                <c:pt idx="7920">
                  <c:v>8.375172776521414E-2</c:v>
                </c:pt>
                <c:pt idx="7921">
                  <c:v>8.375172776521414E-2</c:v>
                </c:pt>
                <c:pt idx="7922">
                  <c:v>8.375172776521414E-2</c:v>
                </c:pt>
                <c:pt idx="7923">
                  <c:v>8.375172776521414E-2</c:v>
                </c:pt>
                <c:pt idx="7924">
                  <c:v>8.375172776521414E-2</c:v>
                </c:pt>
                <c:pt idx="7925">
                  <c:v>8.375172776521414E-2</c:v>
                </c:pt>
                <c:pt idx="7926">
                  <c:v>8.375172776521414E-2</c:v>
                </c:pt>
                <c:pt idx="7927">
                  <c:v>0.35678236027981225</c:v>
                </c:pt>
                <c:pt idx="7928">
                  <c:v>0.40138015531478877</c:v>
                </c:pt>
                <c:pt idx="7929">
                  <c:v>0.44597795034976528</c:v>
                </c:pt>
                <c:pt idx="7930">
                  <c:v>0.44597795034976528</c:v>
                </c:pt>
                <c:pt idx="7931">
                  <c:v>0.53517354041971832</c:v>
                </c:pt>
                <c:pt idx="7932">
                  <c:v>0.53517354041971832</c:v>
                </c:pt>
                <c:pt idx="7933">
                  <c:v>0.35678236027981225</c:v>
                </c:pt>
                <c:pt idx="7934">
                  <c:v>0.53517354041971832</c:v>
                </c:pt>
                <c:pt idx="7935">
                  <c:v>0.53517354041971832</c:v>
                </c:pt>
                <c:pt idx="7936">
                  <c:v>0.31218456524483573</c:v>
                </c:pt>
                <c:pt idx="7937">
                  <c:v>8.9195590069953062E-2</c:v>
                </c:pt>
                <c:pt idx="7938">
                  <c:v>8.7939314153474848E-2</c:v>
                </c:pt>
                <c:pt idx="7939">
                  <c:v>8.7939314153474848E-2</c:v>
                </c:pt>
                <c:pt idx="7940">
                  <c:v>8.7939314153474848E-2</c:v>
                </c:pt>
                <c:pt idx="7941">
                  <c:v>8.7939314153474848E-2</c:v>
                </c:pt>
                <c:pt idx="7942">
                  <c:v>8.7939314153474848E-2</c:v>
                </c:pt>
                <c:pt idx="7943">
                  <c:v>8.7939314153474848E-2</c:v>
                </c:pt>
                <c:pt idx="7944">
                  <c:v>5.6128751506572636E-2</c:v>
                </c:pt>
                <c:pt idx="7945">
                  <c:v>8.552952610525355E-2</c:v>
                </c:pt>
                <c:pt idx="7946">
                  <c:v>8.552952610525355E-2</c:v>
                </c:pt>
                <c:pt idx="7947">
                  <c:v>8.552952610525355E-2</c:v>
                </c:pt>
                <c:pt idx="7948">
                  <c:v>8.552952610525355E-2</c:v>
                </c:pt>
                <c:pt idx="7949">
                  <c:v>8.552952610525355E-2</c:v>
                </c:pt>
                <c:pt idx="7950">
                  <c:v>8.552952610525355E-2</c:v>
                </c:pt>
                <c:pt idx="7951">
                  <c:v>0.36056040848745941</c:v>
                </c:pt>
                <c:pt idx="7952">
                  <c:v>0.40230950841758634</c:v>
                </c:pt>
                <c:pt idx="7953">
                  <c:v>0.44405860834771321</c:v>
                </c:pt>
                <c:pt idx="7954">
                  <c:v>0.44405860834771321</c:v>
                </c:pt>
                <c:pt idx="7955">
                  <c:v>0.5313521809288877</c:v>
                </c:pt>
                <c:pt idx="7956">
                  <c:v>0.5313521809288877</c:v>
                </c:pt>
                <c:pt idx="7957">
                  <c:v>0.35296966304561816</c:v>
                </c:pt>
                <c:pt idx="7958">
                  <c:v>0.5313521809288877</c:v>
                </c:pt>
                <c:pt idx="7959">
                  <c:v>0.5313521809288877</c:v>
                </c:pt>
                <c:pt idx="7960">
                  <c:v>0.31311824947595168</c:v>
                </c:pt>
                <c:pt idx="7961">
                  <c:v>0.13363988453945869</c:v>
                </c:pt>
                <c:pt idx="7962">
                  <c:v>8.8202323796042717E-2</c:v>
                </c:pt>
                <c:pt idx="7963">
                  <c:v>8.8202323796042717E-2</c:v>
                </c:pt>
                <c:pt idx="7964">
                  <c:v>8.8202323796042717E-2</c:v>
                </c:pt>
                <c:pt idx="7965">
                  <c:v>8.8202323796042717E-2</c:v>
                </c:pt>
                <c:pt idx="7966">
                  <c:v>8.8202323796042717E-2</c:v>
                </c:pt>
                <c:pt idx="7967">
                  <c:v>8.8202323796042717E-2</c:v>
                </c:pt>
                <c:pt idx="7968">
                  <c:v>9.0117924914826592E-2</c:v>
                </c:pt>
                <c:pt idx="7969">
                  <c:v>9.0117924914826592E-2</c:v>
                </c:pt>
                <c:pt idx="7970">
                  <c:v>9.0117924914826592E-2</c:v>
                </c:pt>
                <c:pt idx="7971">
                  <c:v>9.0117924914826592E-2</c:v>
                </c:pt>
                <c:pt idx="7972">
                  <c:v>9.0117924914826592E-2</c:v>
                </c:pt>
                <c:pt idx="7973">
                  <c:v>9.0117924914826592E-2</c:v>
                </c:pt>
                <c:pt idx="7974">
                  <c:v>9.0117924914826592E-2</c:v>
                </c:pt>
                <c:pt idx="7975">
                  <c:v>0.36839115366697284</c:v>
                </c:pt>
                <c:pt idx="7976">
                  <c:v>0.41104697145999081</c:v>
                </c:pt>
                <c:pt idx="7977">
                  <c:v>0.45370278925300878</c:v>
                </c:pt>
                <c:pt idx="7978">
                  <c:v>0.45370278925300878</c:v>
                </c:pt>
                <c:pt idx="7979">
                  <c:v>0.54289222645659174</c:v>
                </c:pt>
                <c:pt idx="7980">
                  <c:v>0.54289222645659174</c:v>
                </c:pt>
                <c:pt idx="7981">
                  <c:v>0.36063555043187867</c:v>
                </c:pt>
                <c:pt idx="7982">
                  <c:v>0.54289222645659174</c:v>
                </c:pt>
                <c:pt idx="7983">
                  <c:v>0.54289222645659174</c:v>
                </c:pt>
                <c:pt idx="7984">
                  <c:v>0.31991863344763433</c:v>
                </c:pt>
                <c:pt idx="7985">
                  <c:v>0.13654231047700999</c:v>
                </c:pt>
                <c:pt idx="7986">
                  <c:v>9.0117924914826592E-2</c:v>
                </c:pt>
                <c:pt idx="7987">
                  <c:v>9.0117924914826592E-2</c:v>
                </c:pt>
                <c:pt idx="7988">
                  <c:v>9.0117924914826592E-2</c:v>
                </c:pt>
                <c:pt idx="7989">
                  <c:v>9.0117924914826592E-2</c:v>
                </c:pt>
                <c:pt idx="7990">
                  <c:v>9.0117924914826592E-2</c:v>
                </c:pt>
                <c:pt idx="7991">
                  <c:v>9.0117924914826592E-2</c:v>
                </c:pt>
                <c:pt idx="7992">
                  <c:v>9.1170788965053456E-2</c:v>
                </c:pt>
                <c:pt idx="7993">
                  <c:v>9.1170788965053456E-2</c:v>
                </c:pt>
                <c:pt idx="7994">
                  <c:v>9.1170788965053456E-2</c:v>
                </c:pt>
                <c:pt idx="7995">
                  <c:v>9.1170788965053456E-2</c:v>
                </c:pt>
                <c:pt idx="7996">
                  <c:v>9.1170788965053456E-2</c:v>
                </c:pt>
                <c:pt idx="7997">
                  <c:v>9.1170788965053456E-2</c:v>
                </c:pt>
                <c:pt idx="7998">
                  <c:v>9.1170788965053456E-2</c:v>
                </c:pt>
                <c:pt idx="7999">
                  <c:v>0.37269513428441553</c:v>
                </c:pt>
                <c:pt idx="8000">
                  <c:v>0.41584930772787421</c:v>
                </c:pt>
                <c:pt idx="8001">
                  <c:v>0.45900348117133283</c:v>
                </c:pt>
                <c:pt idx="8002">
                  <c:v>0.45900348117133283</c:v>
                </c:pt>
                <c:pt idx="8003">
                  <c:v>0.54923493473492813</c:v>
                </c:pt>
                <c:pt idx="8004">
                  <c:v>0.54923493473492813</c:v>
                </c:pt>
                <c:pt idx="8005">
                  <c:v>0.36484892093105936</c:v>
                </c:pt>
                <c:pt idx="8006">
                  <c:v>0.54923493473492813</c:v>
                </c:pt>
                <c:pt idx="8007">
                  <c:v>0.54923493473492813</c:v>
                </c:pt>
                <c:pt idx="8008">
                  <c:v>0.32365630082593982</c:v>
                </c:pt>
                <c:pt idx="8009">
                  <c:v>0.13813755903795982</c:v>
                </c:pt>
                <c:pt idx="8010">
                  <c:v>9.1170788965053456E-2</c:v>
                </c:pt>
                <c:pt idx="8011">
                  <c:v>9.1170788965053456E-2</c:v>
                </c:pt>
                <c:pt idx="8012">
                  <c:v>9.1170788965053456E-2</c:v>
                </c:pt>
                <c:pt idx="8013">
                  <c:v>9.1170788965053456E-2</c:v>
                </c:pt>
                <c:pt idx="8014">
                  <c:v>9.1170788965053456E-2</c:v>
                </c:pt>
                <c:pt idx="8015">
                  <c:v>9.1170788965053456E-2</c:v>
                </c:pt>
                <c:pt idx="8016">
                  <c:v>0.13815661073108421</c:v>
                </c:pt>
                <c:pt idx="8017">
                  <c:v>8.3731279230960132E-2</c:v>
                </c:pt>
                <c:pt idx="8018">
                  <c:v>8.3731279230960132E-2</c:v>
                </c:pt>
                <c:pt idx="8019">
                  <c:v>8.3731279230960132E-2</c:v>
                </c:pt>
                <c:pt idx="8020">
                  <c:v>8.3731279230960132E-2</c:v>
                </c:pt>
                <c:pt idx="8021">
                  <c:v>8.3731279230960132E-2</c:v>
                </c:pt>
                <c:pt idx="8022">
                  <c:v>8.3731279230960132E-2</c:v>
                </c:pt>
                <c:pt idx="8023">
                  <c:v>0.35669524952389015</c:v>
                </c:pt>
                <c:pt idx="8024">
                  <c:v>0.4458690619048627</c:v>
                </c:pt>
                <c:pt idx="8025">
                  <c:v>0.49045596809534892</c:v>
                </c:pt>
                <c:pt idx="8026">
                  <c:v>0.49045596809534892</c:v>
                </c:pt>
                <c:pt idx="8027">
                  <c:v>0.57962978047632152</c:v>
                </c:pt>
                <c:pt idx="8028">
                  <c:v>0.57962978047632152</c:v>
                </c:pt>
                <c:pt idx="8029">
                  <c:v>0.40128215571437642</c:v>
                </c:pt>
                <c:pt idx="8030">
                  <c:v>0.57962978047632152</c:v>
                </c:pt>
                <c:pt idx="8031">
                  <c:v>0.4458690619048627</c:v>
                </c:pt>
                <c:pt idx="8032">
                  <c:v>0.20932819807740027</c:v>
                </c:pt>
                <c:pt idx="8033">
                  <c:v>0.13815661073108421</c:v>
                </c:pt>
                <c:pt idx="8034">
                  <c:v>8.7917843192508116E-2</c:v>
                </c:pt>
                <c:pt idx="8035">
                  <c:v>8.3731279230960132E-2</c:v>
                </c:pt>
                <c:pt idx="8036">
                  <c:v>8.3731279230960132E-2</c:v>
                </c:pt>
                <c:pt idx="8037">
                  <c:v>8.3731279230960132E-2</c:v>
                </c:pt>
                <c:pt idx="8038">
                  <c:v>8.3731279230960132E-2</c:v>
                </c:pt>
                <c:pt idx="8039">
                  <c:v>8.3731279230960132E-2</c:v>
                </c:pt>
                <c:pt idx="8040">
                  <c:v>7.0878717310931982E-2</c:v>
                </c:pt>
                <c:pt idx="8041">
                  <c:v>6.3790845579838801E-2</c:v>
                </c:pt>
                <c:pt idx="8042">
                  <c:v>6.3790845579838801E-2</c:v>
                </c:pt>
                <c:pt idx="8043">
                  <c:v>6.3790845579838801E-2</c:v>
                </c:pt>
                <c:pt idx="8044">
                  <c:v>6.3790845579838801E-2</c:v>
                </c:pt>
                <c:pt idx="8045">
                  <c:v>6.3790845579838801E-2</c:v>
                </c:pt>
                <c:pt idx="8046">
                  <c:v>6.3790845579838801E-2</c:v>
                </c:pt>
                <c:pt idx="8047">
                  <c:v>6.3790845579838801E-2</c:v>
                </c:pt>
                <c:pt idx="8048">
                  <c:v>6.3790845579838801E-2</c:v>
                </c:pt>
                <c:pt idx="8049">
                  <c:v>6.3790845579838801E-2</c:v>
                </c:pt>
                <c:pt idx="8050">
                  <c:v>6.3790845579838801E-2</c:v>
                </c:pt>
                <c:pt idx="8051">
                  <c:v>6.3790845579838801E-2</c:v>
                </c:pt>
                <c:pt idx="8052">
                  <c:v>6.3790845579838801E-2</c:v>
                </c:pt>
                <c:pt idx="8053">
                  <c:v>6.3790845579838801E-2</c:v>
                </c:pt>
                <c:pt idx="8054">
                  <c:v>6.3790845579838801E-2</c:v>
                </c:pt>
                <c:pt idx="8055">
                  <c:v>6.3790845579838801E-2</c:v>
                </c:pt>
                <c:pt idx="8056">
                  <c:v>6.3790845579838801E-2</c:v>
                </c:pt>
                <c:pt idx="8057">
                  <c:v>6.3790845579838801E-2</c:v>
                </c:pt>
                <c:pt idx="8058">
                  <c:v>6.3790845579838801E-2</c:v>
                </c:pt>
                <c:pt idx="8059">
                  <c:v>6.3790845579838801E-2</c:v>
                </c:pt>
                <c:pt idx="8060">
                  <c:v>6.3790845579838801E-2</c:v>
                </c:pt>
                <c:pt idx="8061">
                  <c:v>6.3790845579838801E-2</c:v>
                </c:pt>
                <c:pt idx="8062">
                  <c:v>6.3790845579838801E-2</c:v>
                </c:pt>
                <c:pt idx="8063">
                  <c:v>6.3790845579838801E-2</c:v>
                </c:pt>
                <c:pt idx="8064">
                  <c:v>6.7712553887298688E-2</c:v>
                </c:pt>
                <c:pt idx="8065">
                  <c:v>6.7712553887298688E-2</c:v>
                </c:pt>
                <c:pt idx="8066">
                  <c:v>6.7712553887298688E-2</c:v>
                </c:pt>
                <c:pt idx="8067">
                  <c:v>6.7712553887298688E-2</c:v>
                </c:pt>
                <c:pt idx="8068">
                  <c:v>6.7712553887298688E-2</c:v>
                </c:pt>
                <c:pt idx="8069">
                  <c:v>6.7712553887298688E-2</c:v>
                </c:pt>
                <c:pt idx="8070">
                  <c:v>6.7712553887298688E-2</c:v>
                </c:pt>
                <c:pt idx="8071">
                  <c:v>6.7712553887298688E-2</c:v>
                </c:pt>
                <c:pt idx="8072">
                  <c:v>6.7712553887298688E-2</c:v>
                </c:pt>
                <c:pt idx="8073">
                  <c:v>6.7712553887298688E-2</c:v>
                </c:pt>
                <c:pt idx="8074">
                  <c:v>6.7712553887298688E-2</c:v>
                </c:pt>
                <c:pt idx="8075">
                  <c:v>6.7712553887298688E-2</c:v>
                </c:pt>
                <c:pt idx="8076">
                  <c:v>6.7712553887298688E-2</c:v>
                </c:pt>
                <c:pt idx="8077">
                  <c:v>6.7712553887298688E-2</c:v>
                </c:pt>
                <c:pt idx="8078">
                  <c:v>6.7712553887298688E-2</c:v>
                </c:pt>
                <c:pt idx="8079">
                  <c:v>6.7712553887298688E-2</c:v>
                </c:pt>
                <c:pt idx="8080">
                  <c:v>6.7712553887298688E-2</c:v>
                </c:pt>
                <c:pt idx="8081">
                  <c:v>6.7712553887298688E-2</c:v>
                </c:pt>
                <c:pt idx="8082">
                  <c:v>6.7712553887298688E-2</c:v>
                </c:pt>
                <c:pt idx="8083">
                  <c:v>6.7712553887298688E-2</c:v>
                </c:pt>
                <c:pt idx="8084">
                  <c:v>6.7712553887298688E-2</c:v>
                </c:pt>
                <c:pt idx="8085">
                  <c:v>6.7712553887298688E-2</c:v>
                </c:pt>
                <c:pt idx="8086">
                  <c:v>6.7712553887298688E-2</c:v>
                </c:pt>
                <c:pt idx="8087">
                  <c:v>6.7712553887298688E-2</c:v>
                </c:pt>
                <c:pt idx="8088">
                  <c:v>9.1400774764864468E-2</c:v>
                </c:pt>
                <c:pt idx="8089">
                  <c:v>9.1400774764864468E-2</c:v>
                </c:pt>
                <c:pt idx="8090">
                  <c:v>9.1400774764864468E-2</c:v>
                </c:pt>
                <c:pt idx="8091">
                  <c:v>9.1400774764864468E-2</c:v>
                </c:pt>
                <c:pt idx="8092">
                  <c:v>9.1400774764864468E-2</c:v>
                </c:pt>
                <c:pt idx="8093">
                  <c:v>9.1400774764864468E-2</c:v>
                </c:pt>
                <c:pt idx="8094">
                  <c:v>9.1400774764864468E-2</c:v>
                </c:pt>
                <c:pt idx="8095">
                  <c:v>0.38936730049832258</c:v>
                </c:pt>
                <c:pt idx="8096">
                  <c:v>0.43803821306061286</c:v>
                </c:pt>
                <c:pt idx="8097">
                  <c:v>0.48670912562290325</c:v>
                </c:pt>
                <c:pt idx="8098">
                  <c:v>0.48670912562290325</c:v>
                </c:pt>
                <c:pt idx="8099">
                  <c:v>0.58405095074748381</c:v>
                </c:pt>
                <c:pt idx="8100">
                  <c:v>0.58405095074748381</c:v>
                </c:pt>
                <c:pt idx="8101">
                  <c:v>0.38936730049832258</c:v>
                </c:pt>
                <c:pt idx="8102">
                  <c:v>0.58405095074748381</c:v>
                </c:pt>
                <c:pt idx="8103">
                  <c:v>0.58405095074748381</c:v>
                </c:pt>
                <c:pt idx="8104">
                  <c:v>0.34069638793603219</c:v>
                </c:pt>
                <c:pt idx="8105">
                  <c:v>9.7341825124580644E-2</c:v>
                </c:pt>
                <c:pt idx="8106">
                  <c:v>9.5970813503107683E-2</c:v>
                </c:pt>
                <c:pt idx="8107">
                  <c:v>9.5970813503107683E-2</c:v>
                </c:pt>
                <c:pt idx="8108">
                  <c:v>9.5970813503107683E-2</c:v>
                </c:pt>
                <c:pt idx="8109">
                  <c:v>9.5970813503107683E-2</c:v>
                </c:pt>
                <c:pt idx="8110">
                  <c:v>9.5970813503107683E-2</c:v>
                </c:pt>
                <c:pt idx="8111">
                  <c:v>9.5970813503107683E-2</c:v>
                </c:pt>
                <c:pt idx="8112">
                  <c:v>5.9438723533684255E-2</c:v>
                </c:pt>
                <c:pt idx="8113">
                  <c:v>9.0573293003709365E-2</c:v>
                </c:pt>
                <c:pt idx="8114">
                  <c:v>9.0573293003709365E-2</c:v>
                </c:pt>
                <c:pt idx="8115">
                  <c:v>9.0573293003709365E-2</c:v>
                </c:pt>
                <c:pt idx="8116">
                  <c:v>9.0573293003709365E-2</c:v>
                </c:pt>
                <c:pt idx="8117">
                  <c:v>9.0573293003709365E-2</c:v>
                </c:pt>
                <c:pt idx="8118">
                  <c:v>9.0573293003709365E-2</c:v>
                </c:pt>
                <c:pt idx="8119">
                  <c:v>0.38182303831876208</c:v>
                </c:pt>
                <c:pt idx="8120">
                  <c:v>0.4260341269661978</c:v>
                </c:pt>
                <c:pt idx="8121">
                  <c:v>0.47024521561363342</c:v>
                </c:pt>
                <c:pt idx="8122">
                  <c:v>0.47024521561363342</c:v>
                </c:pt>
                <c:pt idx="8123">
                  <c:v>0.56268658278554429</c:v>
                </c:pt>
                <c:pt idx="8124">
                  <c:v>0.56268658278554429</c:v>
                </c:pt>
                <c:pt idx="8125">
                  <c:v>0.37378465856468301</c:v>
                </c:pt>
                <c:pt idx="8126">
                  <c:v>0.56268658278554429</c:v>
                </c:pt>
                <c:pt idx="8127">
                  <c:v>0.56268658278554429</c:v>
                </c:pt>
                <c:pt idx="8128">
                  <c:v>0.33158316485576711</c:v>
                </c:pt>
                <c:pt idx="8129">
                  <c:v>0.14152077031829585</c:v>
                </c:pt>
                <c:pt idx="8130">
                  <c:v>9.3403708410075267E-2</c:v>
                </c:pt>
                <c:pt idx="8131">
                  <c:v>9.3403708410075267E-2</c:v>
                </c:pt>
                <c:pt idx="8132">
                  <c:v>9.3403708410075267E-2</c:v>
                </c:pt>
                <c:pt idx="8133">
                  <c:v>9.3403708410075267E-2</c:v>
                </c:pt>
                <c:pt idx="8134">
                  <c:v>9.3403708410075267E-2</c:v>
                </c:pt>
                <c:pt idx="8135">
                  <c:v>9.3403708410075267E-2</c:v>
                </c:pt>
                <c:pt idx="8136">
                  <c:v>9.0117924914826592E-2</c:v>
                </c:pt>
                <c:pt idx="8137">
                  <c:v>9.0117924914826592E-2</c:v>
                </c:pt>
                <c:pt idx="8138">
                  <c:v>9.0117924914826592E-2</c:v>
                </c:pt>
                <c:pt idx="8139">
                  <c:v>9.0117924914826592E-2</c:v>
                </c:pt>
                <c:pt idx="8140">
                  <c:v>9.0117924914826592E-2</c:v>
                </c:pt>
                <c:pt idx="8141">
                  <c:v>9.0117924914826592E-2</c:v>
                </c:pt>
                <c:pt idx="8142">
                  <c:v>9.0117924914826592E-2</c:v>
                </c:pt>
                <c:pt idx="8143">
                  <c:v>0.36839115366697284</c:v>
                </c:pt>
                <c:pt idx="8144">
                  <c:v>0.41104697145999081</c:v>
                </c:pt>
                <c:pt idx="8145">
                  <c:v>0.45370278925300878</c:v>
                </c:pt>
                <c:pt idx="8146">
                  <c:v>0.45370278925300878</c:v>
                </c:pt>
                <c:pt idx="8147">
                  <c:v>0.54289222645659174</c:v>
                </c:pt>
                <c:pt idx="8148">
                  <c:v>0.54289222645659174</c:v>
                </c:pt>
                <c:pt idx="8149">
                  <c:v>0.36063555043187867</c:v>
                </c:pt>
                <c:pt idx="8150">
                  <c:v>0.54289222645659174</c:v>
                </c:pt>
                <c:pt idx="8151">
                  <c:v>0.54289222645659174</c:v>
                </c:pt>
                <c:pt idx="8152">
                  <c:v>0.31991863344763433</c:v>
                </c:pt>
                <c:pt idx="8153">
                  <c:v>0.13654231047700999</c:v>
                </c:pt>
                <c:pt idx="8154">
                  <c:v>9.0117924914826592E-2</c:v>
                </c:pt>
                <c:pt idx="8155">
                  <c:v>9.0117924914826592E-2</c:v>
                </c:pt>
                <c:pt idx="8156">
                  <c:v>9.0117924914826592E-2</c:v>
                </c:pt>
                <c:pt idx="8157">
                  <c:v>9.0117924914826592E-2</c:v>
                </c:pt>
                <c:pt idx="8158">
                  <c:v>9.0117924914826592E-2</c:v>
                </c:pt>
                <c:pt idx="8159">
                  <c:v>9.0117924914826592E-2</c:v>
                </c:pt>
                <c:pt idx="8160">
                  <c:v>8.7823644845935966E-2</c:v>
                </c:pt>
                <c:pt idx="8161">
                  <c:v>8.7823644845935966E-2</c:v>
                </c:pt>
                <c:pt idx="8162">
                  <c:v>8.7823644845935966E-2</c:v>
                </c:pt>
                <c:pt idx="8163">
                  <c:v>8.7823644845935966E-2</c:v>
                </c:pt>
                <c:pt idx="8164">
                  <c:v>8.7823644845935966E-2</c:v>
                </c:pt>
                <c:pt idx="8165">
                  <c:v>8.7823644845935966E-2</c:v>
                </c:pt>
                <c:pt idx="8166">
                  <c:v>8.7823644845935966E-2</c:v>
                </c:pt>
                <c:pt idx="8167">
                  <c:v>0.35901241483990182</c:v>
                </c:pt>
                <c:pt idx="8168">
                  <c:v>0.40058227340031149</c:v>
                </c:pt>
                <c:pt idx="8169">
                  <c:v>0.44215213196072123</c:v>
                </c:pt>
                <c:pt idx="8170">
                  <c:v>0.44215213196072123</c:v>
                </c:pt>
                <c:pt idx="8171">
                  <c:v>0.52907092713248693</c:v>
                </c:pt>
                <c:pt idx="8172">
                  <c:v>0.52907092713248693</c:v>
                </c:pt>
                <c:pt idx="8173">
                  <c:v>0.35145425873800906</c:v>
                </c:pt>
                <c:pt idx="8174">
                  <c:v>0.52907092713248693</c:v>
                </c:pt>
                <c:pt idx="8175">
                  <c:v>0.52907092713248693</c:v>
                </c:pt>
                <c:pt idx="8176">
                  <c:v>0.31177393920307261</c:v>
                </c:pt>
                <c:pt idx="8177">
                  <c:v>0.13306612855444844</c:v>
                </c:pt>
                <c:pt idx="8178">
                  <c:v>8.7823644845935966E-2</c:v>
                </c:pt>
                <c:pt idx="8179">
                  <c:v>8.7823644845935966E-2</c:v>
                </c:pt>
                <c:pt idx="8180">
                  <c:v>8.7823644845935966E-2</c:v>
                </c:pt>
                <c:pt idx="8181">
                  <c:v>8.7823644845935966E-2</c:v>
                </c:pt>
                <c:pt idx="8182">
                  <c:v>8.7823644845935966E-2</c:v>
                </c:pt>
                <c:pt idx="8183">
                  <c:v>8.7823644845935966E-2</c:v>
                </c:pt>
                <c:pt idx="8184">
                  <c:v>0.138760138720638</c:v>
                </c:pt>
                <c:pt idx="8185">
                  <c:v>8.4097053770083641E-2</c:v>
                </c:pt>
                <c:pt idx="8186">
                  <c:v>8.4097053770083641E-2</c:v>
                </c:pt>
                <c:pt idx="8187">
                  <c:v>8.4097053770083641E-2</c:v>
                </c:pt>
                <c:pt idx="8188">
                  <c:v>8.4097053770083641E-2</c:v>
                </c:pt>
                <c:pt idx="8189">
                  <c:v>8.4097053770083641E-2</c:v>
                </c:pt>
                <c:pt idx="8190">
                  <c:v>8.4097053770083641E-2</c:v>
                </c:pt>
                <c:pt idx="8191">
                  <c:v>0.35825344906055634</c:v>
                </c:pt>
                <c:pt idx="8192">
                  <c:v>0.44781681132569529</c:v>
                </c:pt>
                <c:pt idx="8193">
                  <c:v>0.49259849245826476</c:v>
                </c:pt>
                <c:pt idx="8194">
                  <c:v>0.49259849245826476</c:v>
                </c:pt>
                <c:pt idx="8195">
                  <c:v>0.58216185472340387</c:v>
                </c:pt>
                <c:pt idx="8196">
                  <c:v>0.58216185472340387</c:v>
                </c:pt>
                <c:pt idx="8197">
                  <c:v>0.40303513019312581</c:v>
                </c:pt>
                <c:pt idx="8198">
                  <c:v>0.58216185472340387</c:v>
                </c:pt>
                <c:pt idx="8199">
                  <c:v>0.44781681132569529</c:v>
                </c:pt>
                <c:pt idx="8200">
                  <c:v>0.2102426344252091</c:v>
                </c:pt>
                <c:pt idx="8201">
                  <c:v>0.138760138720638</c:v>
                </c:pt>
                <c:pt idx="8202">
                  <c:v>8.830190645858782E-2</c:v>
                </c:pt>
                <c:pt idx="8203">
                  <c:v>8.4097053770083641E-2</c:v>
                </c:pt>
                <c:pt idx="8204">
                  <c:v>8.4097053770083641E-2</c:v>
                </c:pt>
                <c:pt idx="8205">
                  <c:v>8.4097053770083641E-2</c:v>
                </c:pt>
                <c:pt idx="8206">
                  <c:v>8.4097053770083641E-2</c:v>
                </c:pt>
                <c:pt idx="8207">
                  <c:v>8.4097053770083641E-2</c:v>
                </c:pt>
                <c:pt idx="8208">
                  <c:v>6.9463160884020492E-2</c:v>
                </c:pt>
                <c:pt idx="8209">
                  <c:v>6.2516844795618448E-2</c:v>
                </c:pt>
                <c:pt idx="8210">
                  <c:v>6.2516844795618448E-2</c:v>
                </c:pt>
                <c:pt idx="8211">
                  <c:v>6.2516844795618448E-2</c:v>
                </c:pt>
                <c:pt idx="8212">
                  <c:v>6.2516844795618448E-2</c:v>
                </c:pt>
                <c:pt idx="8213">
                  <c:v>6.2516844795618448E-2</c:v>
                </c:pt>
                <c:pt idx="8214">
                  <c:v>6.2516844795618448E-2</c:v>
                </c:pt>
                <c:pt idx="8215">
                  <c:v>6.2516844795618448E-2</c:v>
                </c:pt>
                <c:pt idx="8216">
                  <c:v>6.2516844795618448E-2</c:v>
                </c:pt>
                <c:pt idx="8217">
                  <c:v>6.2516844795618448E-2</c:v>
                </c:pt>
                <c:pt idx="8218">
                  <c:v>6.2516844795618448E-2</c:v>
                </c:pt>
                <c:pt idx="8219">
                  <c:v>6.2516844795618448E-2</c:v>
                </c:pt>
                <c:pt idx="8220">
                  <c:v>6.2516844795618448E-2</c:v>
                </c:pt>
                <c:pt idx="8221">
                  <c:v>6.2516844795618448E-2</c:v>
                </c:pt>
                <c:pt idx="8222">
                  <c:v>6.2516844795618448E-2</c:v>
                </c:pt>
                <c:pt idx="8223">
                  <c:v>6.2516844795618448E-2</c:v>
                </c:pt>
                <c:pt idx="8224">
                  <c:v>6.2516844795618448E-2</c:v>
                </c:pt>
                <c:pt idx="8225">
                  <c:v>6.2516844795618448E-2</c:v>
                </c:pt>
                <c:pt idx="8226">
                  <c:v>6.2516844795618448E-2</c:v>
                </c:pt>
                <c:pt idx="8227">
                  <c:v>6.2516844795618448E-2</c:v>
                </c:pt>
                <c:pt idx="8228">
                  <c:v>6.2516844795618448E-2</c:v>
                </c:pt>
                <c:pt idx="8229">
                  <c:v>6.2516844795618448E-2</c:v>
                </c:pt>
                <c:pt idx="8230">
                  <c:v>6.2516844795618448E-2</c:v>
                </c:pt>
                <c:pt idx="8231">
                  <c:v>6.2516844795618448E-2</c:v>
                </c:pt>
                <c:pt idx="8232">
                  <c:v>5.5340197505973354E-2</c:v>
                </c:pt>
                <c:pt idx="8233">
                  <c:v>5.5340197505973354E-2</c:v>
                </c:pt>
                <c:pt idx="8234">
                  <c:v>5.5340197505973354E-2</c:v>
                </c:pt>
                <c:pt idx="8235">
                  <c:v>5.5340197505973354E-2</c:v>
                </c:pt>
                <c:pt idx="8236">
                  <c:v>5.5340197505973354E-2</c:v>
                </c:pt>
                <c:pt idx="8237">
                  <c:v>5.5340197505973354E-2</c:v>
                </c:pt>
                <c:pt idx="8238">
                  <c:v>5.5340197505973354E-2</c:v>
                </c:pt>
                <c:pt idx="8239">
                  <c:v>5.5340197505973354E-2</c:v>
                </c:pt>
                <c:pt idx="8240">
                  <c:v>5.5340197505973354E-2</c:v>
                </c:pt>
                <c:pt idx="8241">
                  <c:v>5.5340197505973354E-2</c:v>
                </c:pt>
                <c:pt idx="8242">
                  <c:v>5.5340197505973354E-2</c:v>
                </c:pt>
                <c:pt idx="8243">
                  <c:v>5.5340197505973354E-2</c:v>
                </c:pt>
                <c:pt idx="8244">
                  <c:v>5.5340197505973354E-2</c:v>
                </c:pt>
                <c:pt idx="8245">
                  <c:v>5.5340197505973354E-2</c:v>
                </c:pt>
                <c:pt idx="8246">
                  <c:v>5.5340197505973354E-2</c:v>
                </c:pt>
                <c:pt idx="8247">
                  <c:v>5.5340197505973354E-2</c:v>
                </c:pt>
                <c:pt idx="8248">
                  <c:v>5.5340197505973354E-2</c:v>
                </c:pt>
                <c:pt idx="8249">
                  <c:v>5.5340197505973354E-2</c:v>
                </c:pt>
                <c:pt idx="8250">
                  <c:v>5.5340197505973354E-2</c:v>
                </c:pt>
                <c:pt idx="8251">
                  <c:v>5.5340197505973354E-2</c:v>
                </c:pt>
                <c:pt idx="8252">
                  <c:v>5.5340197505973354E-2</c:v>
                </c:pt>
                <c:pt idx="8253">
                  <c:v>5.5340197505973354E-2</c:v>
                </c:pt>
                <c:pt idx="8254">
                  <c:v>5.5340197505973354E-2</c:v>
                </c:pt>
                <c:pt idx="8255">
                  <c:v>5.5340197505973354E-2</c:v>
                </c:pt>
                <c:pt idx="8256">
                  <c:v>8.4099888157033981E-2</c:v>
                </c:pt>
                <c:pt idx="8257">
                  <c:v>8.4099888157033981E-2</c:v>
                </c:pt>
                <c:pt idx="8258">
                  <c:v>8.4099888157033981E-2</c:v>
                </c:pt>
                <c:pt idx="8259">
                  <c:v>8.4099888157033981E-2</c:v>
                </c:pt>
                <c:pt idx="8260">
                  <c:v>8.4099888157033981E-2</c:v>
                </c:pt>
                <c:pt idx="8261">
                  <c:v>8.4099888157033981E-2</c:v>
                </c:pt>
                <c:pt idx="8262">
                  <c:v>8.4099888157033981E-2</c:v>
                </c:pt>
                <c:pt idx="8263">
                  <c:v>0.35826552354896479</c:v>
                </c:pt>
                <c:pt idx="8264">
                  <c:v>0.40304871399258535</c:v>
                </c:pt>
                <c:pt idx="8265">
                  <c:v>0.44783190443620591</c:v>
                </c:pt>
                <c:pt idx="8266">
                  <c:v>0.44783190443620591</c:v>
                </c:pt>
                <c:pt idx="8267">
                  <c:v>0.53739828532344713</c:v>
                </c:pt>
                <c:pt idx="8268">
                  <c:v>0.53739828532344713</c:v>
                </c:pt>
                <c:pt idx="8269">
                  <c:v>0.35826552354896479</c:v>
                </c:pt>
                <c:pt idx="8270">
                  <c:v>0.53739828532344713</c:v>
                </c:pt>
                <c:pt idx="8271">
                  <c:v>0.53739828532344713</c:v>
                </c:pt>
                <c:pt idx="8272">
                  <c:v>0.31348233310534412</c:v>
                </c:pt>
                <c:pt idx="8273">
                  <c:v>8.9566380887241198E-2</c:v>
                </c:pt>
                <c:pt idx="8274">
                  <c:v>8.8304882564885667E-2</c:v>
                </c:pt>
                <c:pt idx="8275">
                  <c:v>8.8304882564885667E-2</c:v>
                </c:pt>
                <c:pt idx="8276">
                  <c:v>8.8304882564885667E-2</c:v>
                </c:pt>
                <c:pt idx="8277">
                  <c:v>8.8304882564885667E-2</c:v>
                </c:pt>
                <c:pt idx="8278">
                  <c:v>8.8304882564885667E-2</c:v>
                </c:pt>
                <c:pt idx="8279">
                  <c:v>8.8304882564885667E-2</c:v>
                </c:pt>
                <c:pt idx="8280">
                  <c:v>5.4886904938093055E-2</c:v>
                </c:pt>
                <c:pt idx="8281">
                  <c:v>8.3637188477094199E-2</c:v>
                </c:pt>
                <c:pt idx="8282">
                  <c:v>8.3637188477094199E-2</c:v>
                </c:pt>
                <c:pt idx="8283">
                  <c:v>8.3637188477094199E-2</c:v>
                </c:pt>
                <c:pt idx="8284">
                  <c:v>8.3637188477094199E-2</c:v>
                </c:pt>
                <c:pt idx="8285">
                  <c:v>8.3637188477094199E-2</c:v>
                </c:pt>
                <c:pt idx="8286">
                  <c:v>8.3637188477094199E-2</c:v>
                </c:pt>
                <c:pt idx="8287">
                  <c:v>0.35258302267375013</c:v>
                </c:pt>
                <c:pt idx="8288">
                  <c:v>0.39340842529913178</c:v>
                </c:pt>
                <c:pt idx="8289">
                  <c:v>0.43423382792451343</c:v>
                </c:pt>
                <c:pt idx="8290">
                  <c:v>0.43423382792451343</c:v>
                </c:pt>
                <c:pt idx="8291">
                  <c:v>0.51959603341394756</c:v>
                </c:pt>
                <c:pt idx="8292">
                  <c:v>0.51959603341394756</c:v>
                </c:pt>
                <c:pt idx="8293">
                  <c:v>0.34516022219640807</c:v>
                </c:pt>
                <c:pt idx="8294">
                  <c:v>0.51959603341394756</c:v>
                </c:pt>
                <c:pt idx="8295">
                  <c:v>0.51959603341394756</c:v>
                </c:pt>
                <c:pt idx="8296">
                  <c:v>0.30619051969036193</c:v>
                </c:pt>
                <c:pt idx="8297">
                  <c:v>0.13068310699545968</c:v>
                </c:pt>
                <c:pt idx="8298">
                  <c:v>8.6250850617003383E-2</c:v>
                </c:pt>
                <c:pt idx="8299">
                  <c:v>8.6250850617003383E-2</c:v>
                </c:pt>
                <c:pt idx="8300">
                  <c:v>8.6250850617003383E-2</c:v>
                </c:pt>
                <c:pt idx="8301">
                  <c:v>8.6250850617003383E-2</c:v>
                </c:pt>
                <c:pt idx="8302">
                  <c:v>8.6250850617003383E-2</c:v>
                </c:pt>
                <c:pt idx="8303">
                  <c:v>8.6250850617003383E-2</c:v>
                </c:pt>
                <c:pt idx="8304">
                  <c:v>8.564669398923358E-2</c:v>
                </c:pt>
                <c:pt idx="8305">
                  <c:v>8.564669398923358E-2</c:v>
                </c:pt>
                <c:pt idx="8306">
                  <c:v>8.564669398923358E-2</c:v>
                </c:pt>
                <c:pt idx="8307">
                  <c:v>8.564669398923358E-2</c:v>
                </c:pt>
                <c:pt idx="8308">
                  <c:v>8.564669398923358E-2</c:v>
                </c:pt>
                <c:pt idx="8309">
                  <c:v>8.564669398923358E-2</c:v>
                </c:pt>
                <c:pt idx="8310">
                  <c:v>8.564669398923358E-2</c:v>
                </c:pt>
                <c:pt idx="8311">
                  <c:v>0.35011330361053361</c:v>
                </c:pt>
                <c:pt idx="8312">
                  <c:v>0.3906527387654376</c:v>
                </c:pt>
                <c:pt idx="8313">
                  <c:v>0.43119217392034143</c:v>
                </c:pt>
                <c:pt idx="8314">
                  <c:v>0.43119217392034143</c:v>
                </c:pt>
                <c:pt idx="8315">
                  <c:v>0.51595644742604962</c:v>
                </c:pt>
                <c:pt idx="8316">
                  <c:v>0.51595644742604962</c:v>
                </c:pt>
                <c:pt idx="8317">
                  <c:v>0.34274249721873296</c:v>
                </c:pt>
                <c:pt idx="8318">
                  <c:v>0.51595644742604962</c:v>
                </c:pt>
                <c:pt idx="8319">
                  <c:v>0.51595644742604962</c:v>
                </c:pt>
                <c:pt idx="8320">
                  <c:v>0.30404576366177921</c:v>
                </c:pt>
                <c:pt idx="8321">
                  <c:v>0.12976771816550545</c:v>
                </c:pt>
                <c:pt idx="8322">
                  <c:v>8.564669398923358E-2</c:v>
                </c:pt>
                <c:pt idx="8323">
                  <c:v>8.564669398923358E-2</c:v>
                </c:pt>
                <c:pt idx="8324">
                  <c:v>8.564669398923358E-2</c:v>
                </c:pt>
                <c:pt idx="8325">
                  <c:v>8.564669398923358E-2</c:v>
                </c:pt>
                <c:pt idx="8326">
                  <c:v>8.564669398923358E-2</c:v>
                </c:pt>
                <c:pt idx="8327">
                  <c:v>8.564669398923358E-2</c:v>
                </c:pt>
                <c:pt idx="8328">
                  <c:v>8.6311873417670409E-2</c:v>
                </c:pt>
                <c:pt idx="8329">
                  <c:v>8.6311873417670409E-2</c:v>
                </c:pt>
                <c:pt idx="8330">
                  <c:v>8.6311873417670409E-2</c:v>
                </c:pt>
                <c:pt idx="8331">
                  <c:v>8.6311873417670409E-2</c:v>
                </c:pt>
                <c:pt idx="8332">
                  <c:v>8.6311873417670409E-2</c:v>
                </c:pt>
                <c:pt idx="8333">
                  <c:v>8.6311873417670409E-2</c:v>
                </c:pt>
                <c:pt idx="8334">
                  <c:v>8.6311873417670409E-2</c:v>
                </c:pt>
                <c:pt idx="8335">
                  <c:v>0.35283247648617388</c:v>
                </c:pt>
                <c:pt idx="8336">
                  <c:v>0.39368676323720453</c:v>
                </c:pt>
                <c:pt idx="8337">
                  <c:v>0.43454104998823517</c:v>
                </c:pt>
                <c:pt idx="8338">
                  <c:v>0.43454104998823517</c:v>
                </c:pt>
                <c:pt idx="8339">
                  <c:v>0.51996364955857199</c:v>
                </c:pt>
                <c:pt idx="8340">
                  <c:v>0.51996364955857199</c:v>
                </c:pt>
                <c:pt idx="8341">
                  <c:v>0.34540442434962282</c:v>
                </c:pt>
                <c:pt idx="8342">
                  <c:v>0.51996364955857199</c:v>
                </c:pt>
                <c:pt idx="8343">
                  <c:v>0.51996364955857199</c:v>
                </c:pt>
                <c:pt idx="8344">
                  <c:v>0.30640715063272994</c:v>
                </c:pt>
                <c:pt idx="8345">
                  <c:v>0.13077556578434912</c:v>
                </c:pt>
                <c:pt idx="8346">
                  <c:v>8.6311873417670409E-2</c:v>
                </c:pt>
                <c:pt idx="8347">
                  <c:v>8.6311873417670409E-2</c:v>
                </c:pt>
                <c:pt idx="8348">
                  <c:v>8.6311873417670409E-2</c:v>
                </c:pt>
                <c:pt idx="8349">
                  <c:v>8.6311873417670409E-2</c:v>
                </c:pt>
                <c:pt idx="8350">
                  <c:v>8.6311873417670409E-2</c:v>
                </c:pt>
                <c:pt idx="8351">
                  <c:v>8.6311873417670409E-2</c:v>
                </c:pt>
                <c:pt idx="8352">
                  <c:v>0.13304555748999763</c:v>
                </c:pt>
                <c:pt idx="8353">
                  <c:v>8.063367120605916E-2</c:v>
                </c:pt>
                <c:pt idx="8354">
                  <c:v>8.063367120605916E-2</c:v>
                </c:pt>
                <c:pt idx="8355">
                  <c:v>8.063367120605916E-2</c:v>
                </c:pt>
                <c:pt idx="8356">
                  <c:v>8.063367120605916E-2</c:v>
                </c:pt>
                <c:pt idx="8357">
                  <c:v>8.063367120605916E-2</c:v>
                </c:pt>
                <c:pt idx="8358">
                  <c:v>8.063367120605916E-2</c:v>
                </c:pt>
                <c:pt idx="8359">
                  <c:v>0.34349943933781202</c:v>
                </c:pt>
                <c:pt idx="8360">
                  <c:v>0.42937429917226499</c:v>
                </c:pt>
                <c:pt idx="8361">
                  <c:v>0.47231172908949148</c:v>
                </c:pt>
                <c:pt idx="8362">
                  <c:v>0.47231172908949148</c:v>
                </c:pt>
                <c:pt idx="8363">
                  <c:v>0.55818658892394446</c:v>
                </c:pt>
                <c:pt idx="8364">
                  <c:v>0.55818658892394446</c:v>
                </c:pt>
                <c:pt idx="8365">
                  <c:v>0.38643686925503851</c:v>
                </c:pt>
                <c:pt idx="8366">
                  <c:v>0.55818658892394446</c:v>
                </c:pt>
                <c:pt idx="8367">
                  <c:v>0.42937429917226499</c:v>
                </c:pt>
                <c:pt idx="8368">
                  <c:v>0.20158417801514789</c:v>
                </c:pt>
                <c:pt idx="8369">
                  <c:v>0.13304555748999763</c:v>
                </c:pt>
                <c:pt idx="8370">
                  <c:v>8.4665354766362125E-2</c:v>
                </c:pt>
                <c:pt idx="8371">
                  <c:v>8.063367120605916E-2</c:v>
                </c:pt>
                <c:pt idx="8372">
                  <c:v>8.063367120605916E-2</c:v>
                </c:pt>
                <c:pt idx="8373">
                  <c:v>8.063367120605916E-2</c:v>
                </c:pt>
                <c:pt idx="8374">
                  <c:v>8.063367120605916E-2</c:v>
                </c:pt>
                <c:pt idx="8375">
                  <c:v>8.063367120605916E-2</c:v>
                </c:pt>
                <c:pt idx="8376">
                  <c:v>5.6015374828360984E-2</c:v>
                </c:pt>
                <c:pt idx="8377">
                  <c:v>5.0413837345524889E-2</c:v>
                </c:pt>
                <c:pt idx="8378">
                  <c:v>5.0413837345524889E-2</c:v>
                </c:pt>
                <c:pt idx="8379">
                  <c:v>5.0413837345524889E-2</c:v>
                </c:pt>
                <c:pt idx="8380">
                  <c:v>5.0413837345524889E-2</c:v>
                </c:pt>
                <c:pt idx="8381">
                  <c:v>5.0413837345524889E-2</c:v>
                </c:pt>
                <c:pt idx="8382">
                  <c:v>5.0413837345524889E-2</c:v>
                </c:pt>
                <c:pt idx="8383">
                  <c:v>5.0413837345524889E-2</c:v>
                </c:pt>
                <c:pt idx="8384">
                  <c:v>5.0413837345524889E-2</c:v>
                </c:pt>
                <c:pt idx="8385">
                  <c:v>5.0413837345524889E-2</c:v>
                </c:pt>
                <c:pt idx="8386">
                  <c:v>5.0413837345524889E-2</c:v>
                </c:pt>
                <c:pt idx="8387">
                  <c:v>5.0413837345524889E-2</c:v>
                </c:pt>
                <c:pt idx="8388">
                  <c:v>5.0413837345524889E-2</c:v>
                </c:pt>
                <c:pt idx="8389">
                  <c:v>5.0413837345524889E-2</c:v>
                </c:pt>
                <c:pt idx="8390">
                  <c:v>5.0413837345524889E-2</c:v>
                </c:pt>
                <c:pt idx="8391">
                  <c:v>5.0413837345524889E-2</c:v>
                </c:pt>
                <c:pt idx="8392">
                  <c:v>5.0413837345524889E-2</c:v>
                </c:pt>
                <c:pt idx="8393">
                  <c:v>5.0413837345524889E-2</c:v>
                </c:pt>
                <c:pt idx="8394">
                  <c:v>5.0413837345524889E-2</c:v>
                </c:pt>
                <c:pt idx="8395">
                  <c:v>5.0413837345524889E-2</c:v>
                </c:pt>
                <c:pt idx="8396">
                  <c:v>5.0413837345524889E-2</c:v>
                </c:pt>
                <c:pt idx="8397">
                  <c:v>5.0413837345524889E-2</c:v>
                </c:pt>
                <c:pt idx="8398">
                  <c:v>5.0413837345524889E-2</c:v>
                </c:pt>
                <c:pt idx="8399">
                  <c:v>5.0413837345524889E-2</c:v>
                </c:pt>
                <c:pt idx="8400">
                  <c:v>4.6380904953979153E-2</c:v>
                </c:pt>
                <c:pt idx="8401">
                  <c:v>4.6380904953979153E-2</c:v>
                </c:pt>
                <c:pt idx="8402">
                  <c:v>4.6380904953979153E-2</c:v>
                </c:pt>
                <c:pt idx="8403">
                  <c:v>4.6380904953979153E-2</c:v>
                </c:pt>
                <c:pt idx="8404">
                  <c:v>4.6380904953979153E-2</c:v>
                </c:pt>
                <c:pt idx="8405">
                  <c:v>4.6380904953979153E-2</c:v>
                </c:pt>
                <c:pt idx="8406">
                  <c:v>4.6380904953979153E-2</c:v>
                </c:pt>
                <c:pt idx="8407">
                  <c:v>4.6380904953979153E-2</c:v>
                </c:pt>
                <c:pt idx="8408">
                  <c:v>4.6380904953979153E-2</c:v>
                </c:pt>
                <c:pt idx="8409">
                  <c:v>4.6380904953979153E-2</c:v>
                </c:pt>
                <c:pt idx="8410">
                  <c:v>4.6380904953979153E-2</c:v>
                </c:pt>
                <c:pt idx="8411">
                  <c:v>4.6380904953979153E-2</c:v>
                </c:pt>
                <c:pt idx="8412">
                  <c:v>4.6380904953979153E-2</c:v>
                </c:pt>
                <c:pt idx="8413">
                  <c:v>4.6380904953979153E-2</c:v>
                </c:pt>
                <c:pt idx="8414">
                  <c:v>4.6380904953979153E-2</c:v>
                </c:pt>
                <c:pt idx="8415">
                  <c:v>4.6380904953979153E-2</c:v>
                </c:pt>
                <c:pt idx="8416">
                  <c:v>4.6380904953979153E-2</c:v>
                </c:pt>
                <c:pt idx="8417">
                  <c:v>4.6380904953979153E-2</c:v>
                </c:pt>
                <c:pt idx="8418">
                  <c:v>4.6380904953979153E-2</c:v>
                </c:pt>
                <c:pt idx="8419">
                  <c:v>4.6380904953979153E-2</c:v>
                </c:pt>
                <c:pt idx="8420">
                  <c:v>4.6380904953979153E-2</c:v>
                </c:pt>
                <c:pt idx="8421">
                  <c:v>4.6380904953979153E-2</c:v>
                </c:pt>
                <c:pt idx="8422">
                  <c:v>4.6380904953979153E-2</c:v>
                </c:pt>
                <c:pt idx="8423">
                  <c:v>4.6380904953979153E-2</c:v>
                </c:pt>
                <c:pt idx="8424">
                  <c:v>8.1256578290505227E-2</c:v>
                </c:pt>
                <c:pt idx="8425">
                  <c:v>8.1256578290505227E-2</c:v>
                </c:pt>
                <c:pt idx="8426">
                  <c:v>8.1256578290505227E-2</c:v>
                </c:pt>
                <c:pt idx="8427">
                  <c:v>8.1256578290505227E-2</c:v>
                </c:pt>
                <c:pt idx="8428">
                  <c:v>8.1256578290505227E-2</c:v>
                </c:pt>
                <c:pt idx="8429">
                  <c:v>8.1256578290505227E-2</c:v>
                </c:pt>
                <c:pt idx="8430">
                  <c:v>8.1256578290505227E-2</c:v>
                </c:pt>
                <c:pt idx="8431">
                  <c:v>0.34615302351755228</c:v>
                </c:pt>
                <c:pt idx="8432">
                  <c:v>0.38942215145724635</c:v>
                </c:pt>
                <c:pt idx="8433">
                  <c:v>0.43269127939694035</c:v>
                </c:pt>
                <c:pt idx="8434">
                  <c:v>0.43269127939694035</c:v>
                </c:pt>
                <c:pt idx="8435">
                  <c:v>0.51922953527632831</c:v>
                </c:pt>
                <c:pt idx="8436">
                  <c:v>0.51922953527632831</c:v>
                </c:pt>
                <c:pt idx="8437">
                  <c:v>0.34615302351755228</c:v>
                </c:pt>
                <c:pt idx="8438">
                  <c:v>0.51922953527632831</c:v>
                </c:pt>
                <c:pt idx="8439">
                  <c:v>0.51922953527632831</c:v>
                </c:pt>
                <c:pt idx="8440">
                  <c:v>0.30288389557785822</c:v>
                </c:pt>
                <c:pt idx="8441">
                  <c:v>8.6538255879388071E-2</c:v>
                </c:pt>
                <c:pt idx="8442">
                  <c:v>8.5319407205030492E-2</c:v>
                </c:pt>
                <c:pt idx="8443">
                  <c:v>8.5319407205030492E-2</c:v>
                </c:pt>
                <c:pt idx="8444">
                  <c:v>8.5319407205030492E-2</c:v>
                </c:pt>
                <c:pt idx="8445">
                  <c:v>8.5319407205030492E-2</c:v>
                </c:pt>
                <c:pt idx="8446">
                  <c:v>8.5319407205030492E-2</c:v>
                </c:pt>
                <c:pt idx="8447">
                  <c:v>8.5319407205030492E-2</c:v>
                </c:pt>
                <c:pt idx="8448">
                  <c:v>5.4692866411768126E-2</c:v>
                </c:pt>
                <c:pt idx="8449">
                  <c:v>8.3341510722694301E-2</c:v>
                </c:pt>
                <c:pt idx="8450">
                  <c:v>8.3341510722694301E-2</c:v>
                </c:pt>
                <c:pt idx="8451">
                  <c:v>8.3341510722694301E-2</c:v>
                </c:pt>
                <c:pt idx="8452">
                  <c:v>8.3341510722694301E-2</c:v>
                </c:pt>
                <c:pt idx="8453">
                  <c:v>8.3341510722694301E-2</c:v>
                </c:pt>
                <c:pt idx="8454">
                  <c:v>8.3341510722694301E-2</c:v>
                </c:pt>
                <c:pt idx="8455">
                  <c:v>0.35133655614035803</c:v>
                </c:pt>
                <c:pt idx="8456">
                  <c:v>0.39201763106187326</c:v>
                </c:pt>
                <c:pt idx="8457">
                  <c:v>0.43269870598338844</c:v>
                </c:pt>
                <c:pt idx="8458">
                  <c:v>0.43269870598338844</c:v>
                </c:pt>
                <c:pt idx="8459">
                  <c:v>0.51775913536473828</c:v>
                </c:pt>
                <c:pt idx="8460">
                  <c:v>0.51775913536473828</c:v>
                </c:pt>
                <c:pt idx="8461">
                  <c:v>0.34393999706371897</c:v>
                </c:pt>
                <c:pt idx="8462">
                  <c:v>0.51775913536473828</c:v>
                </c:pt>
                <c:pt idx="8463">
                  <c:v>0.51775913536473828</c:v>
                </c:pt>
                <c:pt idx="8464">
                  <c:v>0.30510806191136364</c:v>
                </c:pt>
                <c:pt idx="8465">
                  <c:v>0.13022111050420981</c:v>
                </c:pt>
                <c:pt idx="8466">
                  <c:v>8.5945932932778482E-2</c:v>
                </c:pt>
                <c:pt idx="8467">
                  <c:v>8.5945932932778482E-2</c:v>
                </c:pt>
                <c:pt idx="8468">
                  <c:v>8.5945932932778482E-2</c:v>
                </c:pt>
                <c:pt idx="8469">
                  <c:v>8.5945932932778482E-2</c:v>
                </c:pt>
                <c:pt idx="8470">
                  <c:v>8.5945932932778482E-2</c:v>
                </c:pt>
                <c:pt idx="8471">
                  <c:v>8.5945932932778482E-2</c:v>
                </c:pt>
                <c:pt idx="8472">
                  <c:v>8.7642232274544096E-2</c:v>
                </c:pt>
                <c:pt idx="8473">
                  <c:v>8.7642232274544096E-2</c:v>
                </c:pt>
                <c:pt idx="8474">
                  <c:v>8.7642232274544096E-2</c:v>
                </c:pt>
                <c:pt idx="8475">
                  <c:v>8.7642232274544096E-2</c:v>
                </c:pt>
                <c:pt idx="8476">
                  <c:v>8.7642232274544096E-2</c:v>
                </c:pt>
                <c:pt idx="8477">
                  <c:v>8.7642232274544096E-2</c:v>
                </c:pt>
                <c:pt idx="8478">
                  <c:v>8.7642232274544096E-2</c:v>
                </c:pt>
                <c:pt idx="8479">
                  <c:v>0.35827082223745443</c:v>
                </c:pt>
                <c:pt idx="8480">
                  <c:v>0.39975481218073872</c:v>
                </c:pt>
                <c:pt idx="8481">
                  <c:v>0.44123880212402289</c:v>
                </c:pt>
                <c:pt idx="8482">
                  <c:v>0.44123880212402289</c:v>
                </c:pt>
                <c:pt idx="8483">
                  <c:v>0.52797805382361696</c:v>
                </c:pt>
                <c:pt idx="8484">
                  <c:v>0.52797805382361696</c:v>
                </c:pt>
                <c:pt idx="8485">
                  <c:v>0.35072827861140277</c:v>
                </c:pt>
                <c:pt idx="8486">
                  <c:v>0.52797805382361696</c:v>
                </c:pt>
                <c:pt idx="8487">
                  <c:v>0.52797805382361696</c:v>
                </c:pt>
                <c:pt idx="8488">
                  <c:v>0.31112992457463151</c:v>
                </c:pt>
                <c:pt idx="8489">
                  <c:v>0.13279126102203651</c:v>
                </c:pt>
                <c:pt idx="8490">
                  <c:v>8.7642232274544096E-2</c:v>
                </c:pt>
                <c:pt idx="8491">
                  <c:v>8.7642232274544096E-2</c:v>
                </c:pt>
                <c:pt idx="8492">
                  <c:v>8.7642232274544096E-2</c:v>
                </c:pt>
                <c:pt idx="8493">
                  <c:v>8.7642232274544096E-2</c:v>
                </c:pt>
                <c:pt idx="8494">
                  <c:v>8.7642232274544096E-2</c:v>
                </c:pt>
                <c:pt idx="8495">
                  <c:v>8.7642232274544096E-2</c:v>
                </c:pt>
                <c:pt idx="8496">
                  <c:v>8.5162927132188621E-2</c:v>
                </c:pt>
                <c:pt idx="8497">
                  <c:v>8.5162927132188621E-2</c:v>
                </c:pt>
                <c:pt idx="8498">
                  <c:v>8.5162927132188621E-2</c:v>
                </c:pt>
                <c:pt idx="8499">
                  <c:v>8.5162927132188621E-2</c:v>
                </c:pt>
                <c:pt idx="8500">
                  <c:v>8.5162927132188621E-2</c:v>
                </c:pt>
                <c:pt idx="8501">
                  <c:v>8.5162927132188621E-2</c:v>
                </c:pt>
                <c:pt idx="8502">
                  <c:v>8.5162927132188621E-2</c:v>
                </c:pt>
                <c:pt idx="8503">
                  <c:v>0.34813572333734072</c:v>
                </c:pt>
                <c:pt idx="8504">
                  <c:v>0.38844617551324345</c:v>
                </c:pt>
                <c:pt idx="8505">
                  <c:v>0.42875662768914602</c:v>
                </c:pt>
                <c:pt idx="8506">
                  <c:v>0.42875662768914602</c:v>
                </c:pt>
                <c:pt idx="8507">
                  <c:v>0.5130421186023969</c:v>
                </c:pt>
                <c:pt idx="8508">
                  <c:v>0.5130421186023969</c:v>
                </c:pt>
                <c:pt idx="8509">
                  <c:v>0.34080655021444939</c:v>
                </c:pt>
                <c:pt idx="8510">
                  <c:v>0.5130421186023969</c:v>
                </c:pt>
                <c:pt idx="8511">
                  <c:v>0.5130421186023969</c:v>
                </c:pt>
                <c:pt idx="8512">
                  <c:v>0.30232839131926964</c:v>
                </c:pt>
                <c:pt idx="8513">
                  <c:v>0.1290347380790737</c:v>
                </c:pt>
                <c:pt idx="8514">
                  <c:v>8.5162927132188621E-2</c:v>
                </c:pt>
                <c:pt idx="8515">
                  <c:v>8.5162927132188621E-2</c:v>
                </c:pt>
                <c:pt idx="8516">
                  <c:v>8.5162927132188621E-2</c:v>
                </c:pt>
                <c:pt idx="8517">
                  <c:v>8.5162927132188621E-2</c:v>
                </c:pt>
                <c:pt idx="8518">
                  <c:v>8.5162927132188621E-2</c:v>
                </c:pt>
                <c:pt idx="8519">
                  <c:v>8.5162927132188621E-2</c:v>
                </c:pt>
                <c:pt idx="8520">
                  <c:v>0.13018004919825829</c:v>
                </c:pt>
                <c:pt idx="8521">
                  <c:v>7.8896999514095956E-2</c:v>
                </c:pt>
                <c:pt idx="8522">
                  <c:v>7.8896999514095956E-2</c:v>
                </c:pt>
                <c:pt idx="8523">
                  <c:v>7.8896999514095956E-2</c:v>
                </c:pt>
                <c:pt idx="8524">
                  <c:v>7.8896999514095956E-2</c:v>
                </c:pt>
                <c:pt idx="8525">
                  <c:v>7.8896999514095956E-2</c:v>
                </c:pt>
                <c:pt idx="8526">
                  <c:v>7.8896999514095956E-2</c:v>
                </c:pt>
                <c:pt idx="8527">
                  <c:v>0.33610121793004866</c:v>
                </c:pt>
                <c:pt idx="8528">
                  <c:v>0.42012652241256088</c:v>
                </c:pt>
                <c:pt idx="8529">
                  <c:v>0.46213917465381693</c:v>
                </c:pt>
                <c:pt idx="8530">
                  <c:v>0.46213917465381693</c:v>
                </c:pt>
                <c:pt idx="8531">
                  <c:v>0.54616447913632904</c:v>
                </c:pt>
                <c:pt idx="8532">
                  <c:v>0.54616447913632904</c:v>
                </c:pt>
                <c:pt idx="8533">
                  <c:v>0.37811387017130471</c:v>
                </c:pt>
                <c:pt idx="8534">
                  <c:v>0.54616447913632904</c:v>
                </c:pt>
                <c:pt idx="8535">
                  <c:v>0.42012652241256088</c:v>
                </c:pt>
                <c:pt idx="8536">
                  <c:v>0.19724249878523986</c:v>
                </c:pt>
                <c:pt idx="8537">
                  <c:v>0.13018004919825829</c:v>
                </c:pt>
                <c:pt idx="8538">
                  <c:v>8.2841849489800723E-2</c:v>
                </c:pt>
                <c:pt idx="8539">
                  <c:v>7.8896999514095956E-2</c:v>
                </c:pt>
                <c:pt idx="8540">
                  <c:v>7.8896999514095956E-2</c:v>
                </c:pt>
                <c:pt idx="8541">
                  <c:v>7.8896999514095956E-2</c:v>
                </c:pt>
                <c:pt idx="8542">
                  <c:v>7.8896999514095956E-2</c:v>
                </c:pt>
                <c:pt idx="8543">
                  <c:v>7.8896999514095956E-2</c:v>
                </c:pt>
                <c:pt idx="8544">
                  <c:v>6.0262044109095567E-2</c:v>
                </c:pt>
                <c:pt idx="8545">
                  <c:v>5.4235839698186017E-2</c:v>
                </c:pt>
                <c:pt idx="8546">
                  <c:v>5.4235839698186017E-2</c:v>
                </c:pt>
                <c:pt idx="8547">
                  <c:v>5.4235839698186017E-2</c:v>
                </c:pt>
                <c:pt idx="8548">
                  <c:v>5.4235839698186017E-2</c:v>
                </c:pt>
                <c:pt idx="8549">
                  <c:v>5.4235839698186017E-2</c:v>
                </c:pt>
                <c:pt idx="8550">
                  <c:v>5.4235839698186017E-2</c:v>
                </c:pt>
                <c:pt idx="8551">
                  <c:v>5.4235839698186017E-2</c:v>
                </c:pt>
                <c:pt idx="8552">
                  <c:v>5.4235839698186017E-2</c:v>
                </c:pt>
                <c:pt idx="8553">
                  <c:v>5.4235839698186017E-2</c:v>
                </c:pt>
                <c:pt idx="8554">
                  <c:v>5.4235839698186017E-2</c:v>
                </c:pt>
                <c:pt idx="8555">
                  <c:v>5.4235839698186017E-2</c:v>
                </c:pt>
                <c:pt idx="8556">
                  <c:v>5.4235839698186017E-2</c:v>
                </c:pt>
                <c:pt idx="8557">
                  <c:v>5.4235839698186017E-2</c:v>
                </c:pt>
                <c:pt idx="8558">
                  <c:v>5.4235839698186017E-2</c:v>
                </c:pt>
                <c:pt idx="8559">
                  <c:v>5.4235839698186017E-2</c:v>
                </c:pt>
                <c:pt idx="8560">
                  <c:v>5.4235839698186017E-2</c:v>
                </c:pt>
                <c:pt idx="8561">
                  <c:v>5.4235839698186017E-2</c:v>
                </c:pt>
                <c:pt idx="8562">
                  <c:v>5.4235839698186017E-2</c:v>
                </c:pt>
                <c:pt idx="8563">
                  <c:v>5.4235839698186017E-2</c:v>
                </c:pt>
                <c:pt idx="8564">
                  <c:v>5.4235839698186017E-2</c:v>
                </c:pt>
                <c:pt idx="8565">
                  <c:v>5.4235839698186017E-2</c:v>
                </c:pt>
                <c:pt idx="8566">
                  <c:v>5.4235839698186017E-2</c:v>
                </c:pt>
                <c:pt idx="8567">
                  <c:v>5.4235839698186017E-2</c:v>
                </c:pt>
                <c:pt idx="8568">
                  <c:v>4.9367335804643891E-2</c:v>
                </c:pt>
                <c:pt idx="8569">
                  <c:v>4.9367335804643891E-2</c:v>
                </c:pt>
                <c:pt idx="8570">
                  <c:v>4.9367335804643891E-2</c:v>
                </c:pt>
                <c:pt idx="8571">
                  <c:v>4.9367335804643891E-2</c:v>
                </c:pt>
                <c:pt idx="8572">
                  <c:v>4.9367335804643891E-2</c:v>
                </c:pt>
                <c:pt idx="8573">
                  <c:v>4.9367335804643891E-2</c:v>
                </c:pt>
                <c:pt idx="8574">
                  <c:v>4.9367335804643891E-2</c:v>
                </c:pt>
                <c:pt idx="8575">
                  <c:v>4.9367335804643891E-2</c:v>
                </c:pt>
                <c:pt idx="8576">
                  <c:v>4.9367335804643891E-2</c:v>
                </c:pt>
                <c:pt idx="8577">
                  <c:v>4.9367335804643891E-2</c:v>
                </c:pt>
                <c:pt idx="8578">
                  <c:v>4.9367335804643891E-2</c:v>
                </c:pt>
                <c:pt idx="8579">
                  <c:v>4.9367335804643891E-2</c:v>
                </c:pt>
                <c:pt idx="8580">
                  <c:v>4.9367335804643891E-2</c:v>
                </c:pt>
                <c:pt idx="8581">
                  <c:v>4.9367335804643891E-2</c:v>
                </c:pt>
                <c:pt idx="8582">
                  <c:v>4.9367335804643891E-2</c:v>
                </c:pt>
                <c:pt idx="8583">
                  <c:v>4.9367335804643891E-2</c:v>
                </c:pt>
                <c:pt idx="8584">
                  <c:v>4.9367335804643891E-2</c:v>
                </c:pt>
                <c:pt idx="8585">
                  <c:v>4.9367335804643891E-2</c:v>
                </c:pt>
                <c:pt idx="8586">
                  <c:v>4.9367335804643891E-2</c:v>
                </c:pt>
                <c:pt idx="8587">
                  <c:v>4.9367335804643891E-2</c:v>
                </c:pt>
                <c:pt idx="8588">
                  <c:v>4.9367335804643891E-2</c:v>
                </c:pt>
                <c:pt idx="8589">
                  <c:v>4.9367335804643891E-2</c:v>
                </c:pt>
                <c:pt idx="8590">
                  <c:v>4.9367335804643891E-2</c:v>
                </c:pt>
                <c:pt idx="8591">
                  <c:v>4.9367335804643891E-2</c:v>
                </c:pt>
                <c:pt idx="8592">
                  <c:v>7.9283669403526089E-2</c:v>
                </c:pt>
                <c:pt idx="8593">
                  <c:v>7.9283669403526089E-2</c:v>
                </c:pt>
                <c:pt idx="8594">
                  <c:v>7.9283669403526089E-2</c:v>
                </c:pt>
                <c:pt idx="8595">
                  <c:v>7.9283669403526089E-2</c:v>
                </c:pt>
                <c:pt idx="8596">
                  <c:v>7.9283669403526089E-2</c:v>
                </c:pt>
                <c:pt idx="8597">
                  <c:v>7.9283669403526089E-2</c:v>
                </c:pt>
                <c:pt idx="8598">
                  <c:v>7.9283669403526089E-2</c:v>
                </c:pt>
                <c:pt idx="8599">
                  <c:v>0.33774843165902124</c:v>
                </c:pt>
                <c:pt idx="8600">
                  <c:v>0.37996698561639886</c:v>
                </c:pt>
                <c:pt idx="8601">
                  <c:v>0.42218553957377647</c:v>
                </c:pt>
                <c:pt idx="8602">
                  <c:v>0.42218553957377647</c:v>
                </c:pt>
                <c:pt idx="8603">
                  <c:v>0.5066226474885317</c:v>
                </c:pt>
                <c:pt idx="8604">
                  <c:v>0.5066226474885317</c:v>
                </c:pt>
                <c:pt idx="8605">
                  <c:v>0.33774843165902124</c:v>
                </c:pt>
                <c:pt idx="8606">
                  <c:v>0.5066226474885317</c:v>
                </c:pt>
                <c:pt idx="8607">
                  <c:v>0.5066226474885317</c:v>
                </c:pt>
                <c:pt idx="8608">
                  <c:v>0.29552987770164352</c:v>
                </c:pt>
                <c:pt idx="8609">
                  <c:v>8.4437107914755311E-2</c:v>
                </c:pt>
                <c:pt idx="8610">
                  <c:v>8.3247852873702413E-2</c:v>
                </c:pt>
                <c:pt idx="8611">
                  <c:v>8.3247852873702413E-2</c:v>
                </c:pt>
                <c:pt idx="8612">
                  <c:v>8.3247852873702413E-2</c:v>
                </c:pt>
                <c:pt idx="8613">
                  <c:v>8.3247852873702413E-2</c:v>
                </c:pt>
                <c:pt idx="8614">
                  <c:v>8.3247852873702413E-2</c:v>
                </c:pt>
                <c:pt idx="8615">
                  <c:v>8.3247852873702413E-2</c:v>
                </c:pt>
                <c:pt idx="8616">
                  <c:v>5.329578902222859E-2</c:v>
                </c:pt>
                <c:pt idx="8617">
                  <c:v>8.1212630891015006E-2</c:v>
                </c:pt>
                <c:pt idx="8618">
                  <c:v>8.1212630891015006E-2</c:v>
                </c:pt>
                <c:pt idx="8619">
                  <c:v>8.1212630891015006E-2</c:v>
                </c:pt>
                <c:pt idx="8620">
                  <c:v>8.1212630891015006E-2</c:v>
                </c:pt>
                <c:pt idx="8621">
                  <c:v>8.1212630891015006E-2</c:v>
                </c:pt>
                <c:pt idx="8622">
                  <c:v>8.1212630891015006E-2</c:v>
                </c:pt>
                <c:pt idx="8623">
                  <c:v>0.34236199709993509</c:v>
                </c:pt>
                <c:pt idx="8624">
                  <c:v>0.38200391255361177</c:v>
                </c:pt>
                <c:pt idx="8625">
                  <c:v>0.42164582800728856</c:v>
                </c:pt>
                <c:pt idx="8626">
                  <c:v>0.42164582800728856</c:v>
                </c:pt>
                <c:pt idx="8627">
                  <c:v>0.50453346941043065</c:v>
                </c:pt>
                <c:pt idx="8628">
                  <c:v>0.50453346941043065</c:v>
                </c:pt>
                <c:pt idx="8629">
                  <c:v>0.33515437610835747</c:v>
                </c:pt>
                <c:pt idx="8630">
                  <c:v>0.50453346941043065</c:v>
                </c:pt>
                <c:pt idx="8631">
                  <c:v>0.50453346941043065</c:v>
                </c:pt>
                <c:pt idx="8632">
                  <c:v>0.29731436590257521</c:v>
                </c:pt>
                <c:pt idx="8633">
                  <c:v>0.12689473576721094</c:v>
                </c:pt>
                <c:pt idx="8634">
                  <c:v>8.3750525606359233E-2</c:v>
                </c:pt>
                <c:pt idx="8635">
                  <c:v>8.3750525606359233E-2</c:v>
                </c:pt>
                <c:pt idx="8636">
                  <c:v>8.3750525606359233E-2</c:v>
                </c:pt>
                <c:pt idx="8637">
                  <c:v>8.3750525606359233E-2</c:v>
                </c:pt>
                <c:pt idx="8638">
                  <c:v>8.3750525606359233E-2</c:v>
                </c:pt>
                <c:pt idx="8639">
                  <c:v>8.3750525606359233E-2</c:v>
                </c:pt>
                <c:pt idx="8640">
                  <c:v>8.4679160275143661E-2</c:v>
                </c:pt>
                <c:pt idx="8641">
                  <c:v>8.4679160275143661E-2</c:v>
                </c:pt>
                <c:pt idx="8642">
                  <c:v>8.4679160275143661E-2</c:v>
                </c:pt>
                <c:pt idx="8643">
                  <c:v>8.4679160275143661E-2</c:v>
                </c:pt>
                <c:pt idx="8644">
                  <c:v>8.4679160275143661E-2</c:v>
                </c:pt>
                <c:pt idx="8645">
                  <c:v>8.4679160275143661E-2</c:v>
                </c:pt>
                <c:pt idx="8646">
                  <c:v>8.4679160275143661E-2</c:v>
                </c:pt>
                <c:pt idx="8647">
                  <c:v>0.34615814306414783</c:v>
                </c:pt>
                <c:pt idx="8648">
                  <c:v>0.38623961226104919</c:v>
                </c:pt>
                <c:pt idx="8649">
                  <c:v>0.42632108145795045</c:v>
                </c:pt>
                <c:pt idx="8650">
                  <c:v>0.42632108145795045</c:v>
                </c:pt>
                <c:pt idx="8651">
                  <c:v>0.51012778977874407</c:v>
                </c:pt>
                <c:pt idx="8652">
                  <c:v>0.51012778977874407</c:v>
                </c:pt>
                <c:pt idx="8653">
                  <c:v>0.33887060321016577</c:v>
                </c:pt>
                <c:pt idx="8654">
                  <c:v>0.51012778977874407</c:v>
                </c:pt>
                <c:pt idx="8655">
                  <c:v>0.51012778977874407</c:v>
                </c:pt>
                <c:pt idx="8656">
                  <c:v>0.30061101897676001</c:v>
                </c:pt>
                <c:pt idx="8657">
                  <c:v>0.1283017579926419</c:v>
                </c:pt>
                <c:pt idx="8658">
                  <c:v>8.4679160275143661E-2</c:v>
                </c:pt>
                <c:pt idx="8659">
                  <c:v>8.4679160275143661E-2</c:v>
                </c:pt>
                <c:pt idx="8660">
                  <c:v>8.4679160275143661E-2</c:v>
                </c:pt>
                <c:pt idx="8661">
                  <c:v>8.4679160275143661E-2</c:v>
                </c:pt>
                <c:pt idx="8662">
                  <c:v>8.4679160275143661E-2</c:v>
                </c:pt>
                <c:pt idx="8663">
                  <c:v>8.4679160275143661E-2</c:v>
                </c:pt>
                <c:pt idx="8664">
                  <c:v>8.7097994560368486E-2</c:v>
                </c:pt>
                <c:pt idx="8665">
                  <c:v>8.7097994560368486E-2</c:v>
                </c:pt>
                <c:pt idx="8666">
                  <c:v>8.7097994560368486E-2</c:v>
                </c:pt>
                <c:pt idx="8667">
                  <c:v>8.7097994560368486E-2</c:v>
                </c:pt>
                <c:pt idx="8668">
                  <c:v>8.7097994560368486E-2</c:v>
                </c:pt>
                <c:pt idx="8669">
                  <c:v>8.7097994560368486E-2</c:v>
                </c:pt>
                <c:pt idx="8670">
                  <c:v>8.7097994560368486E-2</c:v>
                </c:pt>
                <c:pt idx="8671">
                  <c:v>0.35604604443011245</c:v>
                </c:pt>
                <c:pt idx="8672">
                  <c:v>0.39727242852202016</c:v>
                </c:pt>
                <c:pt idx="8673">
                  <c:v>0.43849881261392798</c:v>
                </c:pt>
                <c:pt idx="8674">
                  <c:v>0.43849881261392798</c:v>
                </c:pt>
                <c:pt idx="8675">
                  <c:v>0.52469943389700779</c:v>
                </c:pt>
                <c:pt idx="8676">
                  <c:v>0.52469943389700779</c:v>
                </c:pt>
                <c:pt idx="8677">
                  <c:v>0.34855033823158377</c:v>
                </c:pt>
                <c:pt idx="8678">
                  <c:v>0.52469943389700779</c:v>
                </c:pt>
                <c:pt idx="8679">
                  <c:v>0.52469943389700779</c:v>
                </c:pt>
                <c:pt idx="8680">
                  <c:v>0.3091978806893082</c:v>
                </c:pt>
                <c:pt idx="8681">
                  <c:v>0.13196665842480076</c:v>
                </c:pt>
                <c:pt idx="8682">
                  <c:v>8.7097994560368486E-2</c:v>
                </c:pt>
                <c:pt idx="8683">
                  <c:v>8.7097994560368486E-2</c:v>
                </c:pt>
                <c:pt idx="8684">
                  <c:v>8.7097994560368486E-2</c:v>
                </c:pt>
                <c:pt idx="8685">
                  <c:v>8.7097994560368486E-2</c:v>
                </c:pt>
                <c:pt idx="8686">
                  <c:v>8.7097994560368486E-2</c:v>
                </c:pt>
                <c:pt idx="8687">
                  <c:v>8.7097994560368486E-2</c:v>
                </c:pt>
                <c:pt idx="8688">
                  <c:v>0.12953299893883324</c:v>
                </c:pt>
                <c:pt idx="8689">
                  <c:v>7.8504847841717115E-2</c:v>
                </c:pt>
                <c:pt idx="8690">
                  <c:v>7.8504847841717115E-2</c:v>
                </c:pt>
                <c:pt idx="8691">
                  <c:v>7.8504847841717115E-2</c:v>
                </c:pt>
                <c:pt idx="8692">
                  <c:v>7.8504847841717115E-2</c:v>
                </c:pt>
                <c:pt idx="8693">
                  <c:v>7.8504847841717115E-2</c:v>
                </c:pt>
                <c:pt idx="8694">
                  <c:v>7.8504847841717115E-2</c:v>
                </c:pt>
                <c:pt idx="8695">
                  <c:v>0.33443065180571496</c:v>
                </c:pt>
                <c:pt idx="8696">
                  <c:v>0.41803831475714376</c:v>
                </c:pt>
                <c:pt idx="8697">
                  <c:v>0.45984214623285802</c:v>
                </c:pt>
                <c:pt idx="8698">
                  <c:v>0.45984214623285802</c:v>
                </c:pt>
                <c:pt idx="8699">
                  <c:v>0.54344980918428676</c:v>
                </c:pt>
                <c:pt idx="8700">
                  <c:v>0.54344980918428676</c:v>
                </c:pt>
                <c:pt idx="8701">
                  <c:v>0.37623448328142933</c:v>
                </c:pt>
                <c:pt idx="8702">
                  <c:v>0.54344980918428676</c:v>
                </c:pt>
                <c:pt idx="8703">
                  <c:v>0.41803831475714376</c:v>
                </c:pt>
                <c:pt idx="8704">
                  <c:v>0.19626211960429282</c:v>
                </c:pt>
                <c:pt idx="8705">
                  <c:v>0.12953299893883324</c:v>
                </c:pt>
                <c:pt idx="8706">
                  <c:v>8.2430090233802988E-2</c:v>
                </c:pt>
                <c:pt idx="8707">
                  <c:v>7.8504847841717115E-2</c:v>
                </c:pt>
                <c:pt idx="8708">
                  <c:v>7.8504847841717115E-2</c:v>
                </c:pt>
                <c:pt idx="8709">
                  <c:v>7.8504847841717115E-2</c:v>
                </c:pt>
                <c:pt idx="8710">
                  <c:v>7.8504847841717115E-2</c:v>
                </c:pt>
                <c:pt idx="8711">
                  <c:v>7.8504847841717115E-2</c:v>
                </c:pt>
                <c:pt idx="8712">
                  <c:v>4.9881296978411052E-2</c:v>
                </c:pt>
                <c:pt idx="8713">
                  <c:v>4.489316728056994E-2</c:v>
                </c:pt>
                <c:pt idx="8714">
                  <c:v>4.489316728056994E-2</c:v>
                </c:pt>
                <c:pt idx="8715">
                  <c:v>4.489316728056994E-2</c:v>
                </c:pt>
                <c:pt idx="8716">
                  <c:v>4.489316728056994E-2</c:v>
                </c:pt>
                <c:pt idx="8717">
                  <c:v>4.489316728056994E-2</c:v>
                </c:pt>
                <c:pt idx="8718">
                  <c:v>4.489316728056994E-2</c:v>
                </c:pt>
                <c:pt idx="8719">
                  <c:v>4.489316728056994E-2</c:v>
                </c:pt>
                <c:pt idx="8720">
                  <c:v>4.489316728056994E-2</c:v>
                </c:pt>
                <c:pt idx="8721">
                  <c:v>4.489316728056994E-2</c:v>
                </c:pt>
                <c:pt idx="8722">
                  <c:v>4.489316728056994E-2</c:v>
                </c:pt>
                <c:pt idx="8723">
                  <c:v>4.489316728056994E-2</c:v>
                </c:pt>
                <c:pt idx="8724">
                  <c:v>4.489316728056994E-2</c:v>
                </c:pt>
                <c:pt idx="8725">
                  <c:v>4.489316728056994E-2</c:v>
                </c:pt>
                <c:pt idx="8726">
                  <c:v>4.489316728056994E-2</c:v>
                </c:pt>
                <c:pt idx="8727">
                  <c:v>4.489316728056994E-2</c:v>
                </c:pt>
                <c:pt idx="8728">
                  <c:v>4.489316728056994E-2</c:v>
                </c:pt>
                <c:pt idx="8729">
                  <c:v>4.489316728056994E-2</c:v>
                </c:pt>
                <c:pt idx="8730">
                  <c:v>4.489316728056994E-2</c:v>
                </c:pt>
                <c:pt idx="8731">
                  <c:v>4.489316728056994E-2</c:v>
                </c:pt>
                <c:pt idx="8732">
                  <c:v>4.489316728056994E-2</c:v>
                </c:pt>
                <c:pt idx="8733">
                  <c:v>4.489316728056994E-2</c:v>
                </c:pt>
                <c:pt idx="8734">
                  <c:v>4.489316728056994E-2</c:v>
                </c:pt>
                <c:pt idx="8735">
                  <c:v>4.489316728056994E-2</c:v>
                </c:pt>
                <c:pt idx="8736">
                  <c:v>5.1287184208642658E-2</c:v>
                </c:pt>
                <c:pt idx="8737">
                  <c:v>5.1287184208642658E-2</c:v>
                </c:pt>
                <c:pt idx="8738">
                  <c:v>5.1287184208642658E-2</c:v>
                </c:pt>
                <c:pt idx="8739">
                  <c:v>5.1287184208642658E-2</c:v>
                </c:pt>
                <c:pt idx="8740">
                  <c:v>5.1287184208642658E-2</c:v>
                </c:pt>
                <c:pt idx="8741">
                  <c:v>5.1287184208642658E-2</c:v>
                </c:pt>
                <c:pt idx="8742">
                  <c:v>5.1287184208642658E-2</c:v>
                </c:pt>
                <c:pt idx="8743">
                  <c:v>5.1287184208642658E-2</c:v>
                </c:pt>
                <c:pt idx="8744">
                  <c:v>5.1287184208642658E-2</c:v>
                </c:pt>
                <c:pt idx="8745">
                  <c:v>5.1287184208642658E-2</c:v>
                </c:pt>
                <c:pt idx="8746">
                  <c:v>5.1287184208642658E-2</c:v>
                </c:pt>
                <c:pt idx="8747">
                  <c:v>5.1287184208642658E-2</c:v>
                </c:pt>
                <c:pt idx="8748">
                  <c:v>5.1287184208642658E-2</c:v>
                </c:pt>
                <c:pt idx="8749">
                  <c:v>5.1287184208642658E-2</c:v>
                </c:pt>
                <c:pt idx="8750">
                  <c:v>5.1287184208642658E-2</c:v>
                </c:pt>
                <c:pt idx="8751">
                  <c:v>5.1287184208642658E-2</c:v>
                </c:pt>
                <c:pt idx="8752">
                  <c:v>5.1287184208642658E-2</c:v>
                </c:pt>
                <c:pt idx="8753">
                  <c:v>5.1287184208642658E-2</c:v>
                </c:pt>
                <c:pt idx="8754">
                  <c:v>5.1287184208642658E-2</c:v>
                </c:pt>
                <c:pt idx="8755">
                  <c:v>5.1287184208642658E-2</c:v>
                </c:pt>
                <c:pt idx="8756">
                  <c:v>5.1287184208642658E-2</c:v>
                </c:pt>
                <c:pt idx="8757">
                  <c:v>5.1287184208642658E-2</c:v>
                </c:pt>
                <c:pt idx="8758">
                  <c:v>5.1287184208642658E-2</c:v>
                </c:pt>
                <c:pt idx="8759">
                  <c:v>5.1287184208642658E-2</c:v>
                </c:pt>
              </c:numCache>
            </c:numRef>
          </c:val>
          <c:extLst>
            <c:ext xmlns:c16="http://schemas.microsoft.com/office/drawing/2014/chart" uri="{C3380CC4-5D6E-409C-BE32-E72D297353CC}">
              <c16:uniqueId val="{00000001-2C0B-4701-B4D5-C67566BB76AF}"/>
            </c:ext>
          </c:extLst>
        </c:ser>
        <c:ser>
          <c:idx val="3"/>
          <c:order val="2"/>
          <c:tx>
            <c:strRef>
              <c:f>Output!$P$7</c:f>
              <c:strCache>
                <c:ptCount val="1"/>
                <c:pt idx="0">
                  <c:v>T3</c:v>
                </c:pt>
              </c:strCache>
            </c:strRef>
          </c:tx>
          <c:spPr>
            <a:solidFill>
              <a:schemeClr val="accent5">
                <a:lumMod val="60000"/>
                <a:lumOff val="40000"/>
              </a:schemeClr>
            </a:solidFill>
            <a:ln w="25400">
              <a:noFill/>
            </a:ln>
            <a:effectLst/>
          </c:spPr>
          <c:val>
            <c:numRef>
              <c:f>Output!$P$8:$P$8767</c:f>
              <c:numCache>
                <c:formatCode>_(* #,##0.00_);_(* \(#,##0.00\);_(* "-"??_);_(@_)</c:formatCode>
                <c:ptCount val="8760"/>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0</c:v>
                </c:pt>
                <c:pt idx="2387">
                  <c:v>0</c:v>
                </c:pt>
                <c:pt idx="2388">
                  <c:v>0</c:v>
                </c:pt>
                <c:pt idx="2389">
                  <c:v>0</c:v>
                </c:pt>
                <c:pt idx="2390">
                  <c:v>0</c:v>
                </c:pt>
                <c:pt idx="2391">
                  <c:v>0</c:v>
                </c:pt>
                <c:pt idx="2392">
                  <c:v>0</c:v>
                </c:pt>
                <c:pt idx="2393">
                  <c:v>0</c:v>
                </c:pt>
                <c:pt idx="2394">
                  <c:v>0</c:v>
                </c:pt>
                <c:pt idx="2395">
                  <c:v>0</c:v>
                </c:pt>
                <c:pt idx="2396">
                  <c:v>0</c:v>
                </c:pt>
                <c:pt idx="2397">
                  <c:v>0</c:v>
                </c:pt>
                <c:pt idx="2398">
                  <c:v>0</c:v>
                </c:pt>
                <c:pt idx="2399">
                  <c:v>0</c:v>
                </c:pt>
                <c:pt idx="2400">
                  <c:v>0</c:v>
                </c:pt>
                <c:pt idx="2401">
                  <c:v>0</c:v>
                </c:pt>
                <c:pt idx="2402">
                  <c:v>0</c:v>
                </c:pt>
                <c:pt idx="2403">
                  <c:v>0</c:v>
                </c:pt>
                <c:pt idx="2404">
                  <c:v>0</c:v>
                </c:pt>
                <c:pt idx="2405">
                  <c:v>0</c:v>
                </c:pt>
                <c:pt idx="2406">
                  <c:v>0</c:v>
                </c:pt>
                <c:pt idx="2407">
                  <c:v>0</c:v>
                </c:pt>
                <c:pt idx="2408">
                  <c:v>0</c:v>
                </c:pt>
                <c:pt idx="2409">
                  <c:v>0</c:v>
                </c:pt>
                <c:pt idx="2410">
                  <c:v>0</c:v>
                </c:pt>
                <c:pt idx="2411">
                  <c:v>0</c:v>
                </c:pt>
                <c:pt idx="2412">
                  <c:v>0</c:v>
                </c:pt>
                <c:pt idx="2413">
                  <c:v>0</c:v>
                </c:pt>
                <c:pt idx="2414">
                  <c:v>0</c:v>
                </c:pt>
                <c:pt idx="2415">
                  <c:v>0</c:v>
                </c:pt>
                <c:pt idx="2416">
                  <c:v>0</c:v>
                </c:pt>
                <c:pt idx="2417">
                  <c:v>0</c:v>
                </c:pt>
                <c:pt idx="2418">
                  <c:v>0</c:v>
                </c:pt>
                <c:pt idx="2419">
                  <c:v>0</c:v>
                </c:pt>
                <c:pt idx="2420">
                  <c:v>0</c:v>
                </c:pt>
                <c:pt idx="2421">
                  <c:v>0</c:v>
                </c:pt>
                <c:pt idx="2422">
                  <c:v>0</c:v>
                </c:pt>
                <c:pt idx="2423">
                  <c:v>0</c:v>
                </c:pt>
                <c:pt idx="2424">
                  <c:v>0</c:v>
                </c:pt>
                <c:pt idx="2425">
                  <c:v>0</c:v>
                </c:pt>
                <c:pt idx="2426">
                  <c:v>0</c:v>
                </c:pt>
                <c:pt idx="2427">
                  <c:v>0</c:v>
                </c:pt>
                <c:pt idx="2428">
                  <c:v>0</c:v>
                </c:pt>
                <c:pt idx="2429">
                  <c:v>0</c:v>
                </c:pt>
                <c:pt idx="2430">
                  <c:v>0</c:v>
                </c:pt>
                <c:pt idx="2431">
                  <c:v>0</c:v>
                </c:pt>
                <c:pt idx="2432">
                  <c:v>0</c:v>
                </c:pt>
                <c:pt idx="2433">
                  <c:v>0</c:v>
                </c:pt>
                <c:pt idx="2434">
                  <c:v>0</c:v>
                </c:pt>
                <c:pt idx="2435">
                  <c:v>0</c:v>
                </c:pt>
                <c:pt idx="2436">
                  <c:v>0</c:v>
                </c:pt>
                <c:pt idx="2437">
                  <c:v>0</c:v>
                </c:pt>
                <c:pt idx="2438">
                  <c:v>0</c:v>
                </c:pt>
                <c:pt idx="2439">
                  <c:v>0</c:v>
                </c:pt>
                <c:pt idx="2440">
                  <c:v>0</c:v>
                </c:pt>
                <c:pt idx="2441">
                  <c:v>0</c:v>
                </c:pt>
                <c:pt idx="2442">
                  <c:v>0</c:v>
                </c:pt>
                <c:pt idx="2443">
                  <c:v>0</c:v>
                </c:pt>
                <c:pt idx="2444">
                  <c:v>0</c:v>
                </c:pt>
                <c:pt idx="2445">
                  <c:v>0</c:v>
                </c:pt>
                <c:pt idx="2446">
                  <c:v>0</c:v>
                </c:pt>
                <c:pt idx="2447">
                  <c:v>0</c:v>
                </c:pt>
                <c:pt idx="2448">
                  <c:v>0</c:v>
                </c:pt>
                <c:pt idx="2449">
                  <c:v>0</c:v>
                </c:pt>
                <c:pt idx="2450">
                  <c:v>0</c:v>
                </c:pt>
                <c:pt idx="2451">
                  <c:v>0</c:v>
                </c:pt>
                <c:pt idx="2452">
                  <c:v>0</c:v>
                </c:pt>
                <c:pt idx="2453">
                  <c:v>0</c:v>
                </c:pt>
                <c:pt idx="2454">
                  <c:v>0</c:v>
                </c:pt>
                <c:pt idx="2455">
                  <c:v>0</c:v>
                </c:pt>
                <c:pt idx="2456">
                  <c:v>0</c:v>
                </c:pt>
                <c:pt idx="2457">
                  <c:v>0</c:v>
                </c:pt>
                <c:pt idx="2458">
                  <c:v>0</c:v>
                </c:pt>
                <c:pt idx="2459">
                  <c:v>0</c:v>
                </c:pt>
                <c:pt idx="2460">
                  <c:v>0</c:v>
                </c:pt>
                <c:pt idx="2461">
                  <c:v>0</c:v>
                </c:pt>
                <c:pt idx="2462">
                  <c:v>0</c:v>
                </c:pt>
                <c:pt idx="2463">
                  <c:v>0</c:v>
                </c:pt>
                <c:pt idx="2464">
                  <c:v>0</c:v>
                </c:pt>
                <c:pt idx="2465">
                  <c:v>0</c:v>
                </c:pt>
                <c:pt idx="2466">
                  <c:v>0</c:v>
                </c:pt>
                <c:pt idx="2467">
                  <c:v>0</c:v>
                </c:pt>
                <c:pt idx="2468">
                  <c:v>0</c:v>
                </c:pt>
                <c:pt idx="2469">
                  <c:v>0</c:v>
                </c:pt>
                <c:pt idx="2470">
                  <c:v>0</c:v>
                </c:pt>
                <c:pt idx="2471">
                  <c:v>0</c:v>
                </c:pt>
                <c:pt idx="2472">
                  <c:v>0</c:v>
                </c:pt>
                <c:pt idx="2473">
                  <c:v>0</c:v>
                </c:pt>
                <c:pt idx="2474">
                  <c:v>0</c:v>
                </c:pt>
                <c:pt idx="2475">
                  <c:v>0</c:v>
                </c:pt>
                <c:pt idx="2476">
                  <c:v>0</c:v>
                </c:pt>
                <c:pt idx="2477">
                  <c:v>0</c:v>
                </c:pt>
                <c:pt idx="2478">
                  <c:v>0</c:v>
                </c:pt>
                <c:pt idx="2479">
                  <c:v>0</c:v>
                </c:pt>
                <c:pt idx="2480">
                  <c:v>0</c:v>
                </c:pt>
                <c:pt idx="2481">
                  <c:v>0</c:v>
                </c:pt>
                <c:pt idx="2482">
                  <c:v>0</c:v>
                </c:pt>
                <c:pt idx="2483">
                  <c:v>0</c:v>
                </c:pt>
                <c:pt idx="2484">
                  <c:v>0</c:v>
                </c:pt>
                <c:pt idx="2485">
                  <c:v>0</c:v>
                </c:pt>
                <c:pt idx="2486">
                  <c:v>0</c:v>
                </c:pt>
                <c:pt idx="2487">
                  <c:v>0</c:v>
                </c:pt>
                <c:pt idx="2488">
                  <c:v>0</c:v>
                </c:pt>
                <c:pt idx="2489">
                  <c:v>0</c:v>
                </c:pt>
                <c:pt idx="2490">
                  <c:v>0</c:v>
                </c:pt>
                <c:pt idx="2491">
                  <c:v>0</c:v>
                </c:pt>
                <c:pt idx="2492">
                  <c:v>0</c:v>
                </c:pt>
                <c:pt idx="2493">
                  <c:v>0</c:v>
                </c:pt>
                <c:pt idx="2494">
                  <c:v>0</c:v>
                </c:pt>
                <c:pt idx="2495">
                  <c:v>0</c:v>
                </c:pt>
                <c:pt idx="2496">
                  <c:v>0</c:v>
                </c:pt>
                <c:pt idx="2497">
                  <c:v>0</c:v>
                </c:pt>
                <c:pt idx="2498">
                  <c:v>0</c:v>
                </c:pt>
                <c:pt idx="2499">
                  <c:v>0</c:v>
                </c:pt>
                <c:pt idx="2500">
                  <c:v>0</c:v>
                </c:pt>
                <c:pt idx="2501">
                  <c:v>0</c:v>
                </c:pt>
                <c:pt idx="2502">
                  <c:v>0</c:v>
                </c:pt>
                <c:pt idx="2503">
                  <c:v>0</c:v>
                </c:pt>
                <c:pt idx="2504">
                  <c:v>0</c:v>
                </c:pt>
                <c:pt idx="2505">
                  <c:v>0</c:v>
                </c:pt>
                <c:pt idx="2506">
                  <c:v>0</c:v>
                </c:pt>
                <c:pt idx="2507">
                  <c:v>0</c:v>
                </c:pt>
                <c:pt idx="2508">
                  <c:v>0</c:v>
                </c:pt>
                <c:pt idx="2509">
                  <c:v>0</c:v>
                </c:pt>
                <c:pt idx="2510">
                  <c:v>0</c:v>
                </c:pt>
                <c:pt idx="2511">
                  <c:v>0</c:v>
                </c:pt>
                <c:pt idx="2512">
                  <c:v>0</c:v>
                </c:pt>
                <c:pt idx="2513">
                  <c:v>0</c:v>
                </c:pt>
                <c:pt idx="2514">
                  <c:v>0</c:v>
                </c:pt>
                <c:pt idx="2515">
                  <c:v>0</c:v>
                </c:pt>
                <c:pt idx="2516">
                  <c:v>0</c:v>
                </c:pt>
                <c:pt idx="2517">
                  <c:v>0</c:v>
                </c:pt>
                <c:pt idx="2518">
                  <c:v>0</c:v>
                </c:pt>
                <c:pt idx="2519">
                  <c:v>0</c:v>
                </c:pt>
                <c:pt idx="2520">
                  <c:v>0</c:v>
                </c:pt>
                <c:pt idx="2521">
                  <c:v>0</c:v>
                </c:pt>
                <c:pt idx="2522">
                  <c:v>0</c:v>
                </c:pt>
                <c:pt idx="2523">
                  <c:v>0</c:v>
                </c:pt>
                <c:pt idx="2524">
                  <c:v>0</c:v>
                </c:pt>
                <c:pt idx="2525">
                  <c:v>0</c:v>
                </c:pt>
                <c:pt idx="2526">
                  <c:v>0</c:v>
                </c:pt>
                <c:pt idx="2527">
                  <c:v>0</c:v>
                </c:pt>
                <c:pt idx="2528">
                  <c:v>0</c:v>
                </c:pt>
                <c:pt idx="2529">
                  <c:v>0</c:v>
                </c:pt>
                <c:pt idx="2530">
                  <c:v>0</c:v>
                </c:pt>
                <c:pt idx="2531">
                  <c:v>0</c:v>
                </c:pt>
                <c:pt idx="2532">
                  <c:v>0</c:v>
                </c:pt>
                <c:pt idx="2533">
                  <c:v>0</c:v>
                </c:pt>
                <c:pt idx="2534">
                  <c:v>0</c:v>
                </c:pt>
                <c:pt idx="2535">
                  <c:v>0</c:v>
                </c:pt>
                <c:pt idx="2536">
                  <c:v>0</c:v>
                </c:pt>
                <c:pt idx="2537">
                  <c:v>0</c:v>
                </c:pt>
                <c:pt idx="2538">
                  <c:v>0</c:v>
                </c:pt>
                <c:pt idx="2539">
                  <c:v>0</c:v>
                </c:pt>
                <c:pt idx="2540">
                  <c:v>0</c:v>
                </c:pt>
                <c:pt idx="2541">
                  <c:v>0</c:v>
                </c:pt>
                <c:pt idx="2542">
                  <c:v>0</c:v>
                </c:pt>
                <c:pt idx="2543">
                  <c:v>0</c:v>
                </c:pt>
                <c:pt idx="2544">
                  <c:v>0</c:v>
                </c:pt>
                <c:pt idx="2545">
                  <c:v>0</c:v>
                </c:pt>
                <c:pt idx="2546">
                  <c:v>0</c:v>
                </c:pt>
                <c:pt idx="2547">
                  <c:v>0</c:v>
                </c:pt>
                <c:pt idx="2548">
                  <c:v>0</c:v>
                </c:pt>
                <c:pt idx="2549">
                  <c:v>0</c:v>
                </c:pt>
                <c:pt idx="2550">
                  <c:v>0</c:v>
                </c:pt>
                <c:pt idx="2551">
                  <c:v>0</c:v>
                </c:pt>
                <c:pt idx="2552">
                  <c:v>0</c:v>
                </c:pt>
                <c:pt idx="2553">
                  <c:v>0</c:v>
                </c:pt>
                <c:pt idx="2554">
                  <c:v>0</c:v>
                </c:pt>
                <c:pt idx="2555">
                  <c:v>0</c:v>
                </c:pt>
                <c:pt idx="2556">
                  <c:v>0</c:v>
                </c:pt>
                <c:pt idx="2557">
                  <c:v>0</c:v>
                </c:pt>
                <c:pt idx="2558">
                  <c:v>0</c:v>
                </c:pt>
                <c:pt idx="2559">
                  <c:v>0</c:v>
                </c:pt>
                <c:pt idx="2560">
                  <c:v>0</c:v>
                </c:pt>
                <c:pt idx="2561">
                  <c:v>0</c:v>
                </c:pt>
                <c:pt idx="2562">
                  <c:v>0</c:v>
                </c:pt>
                <c:pt idx="2563">
                  <c:v>0</c:v>
                </c:pt>
                <c:pt idx="2564">
                  <c:v>0</c:v>
                </c:pt>
                <c:pt idx="2565">
                  <c:v>0</c:v>
                </c:pt>
                <c:pt idx="2566">
                  <c:v>0</c:v>
                </c:pt>
                <c:pt idx="2567">
                  <c:v>0</c:v>
                </c:pt>
                <c:pt idx="2568">
                  <c:v>0</c:v>
                </c:pt>
                <c:pt idx="2569">
                  <c:v>0</c:v>
                </c:pt>
                <c:pt idx="2570">
                  <c:v>0</c:v>
                </c:pt>
                <c:pt idx="2571">
                  <c:v>0</c:v>
                </c:pt>
                <c:pt idx="2572">
                  <c:v>0</c:v>
                </c:pt>
                <c:pt idx="2573">
                  <c:v>0</c:v>
                </c:pt>
                <c:pt idx="2574">
                  <c:v>0</c:v>
                </c:pt>
                <c:pt idx="2575">
                  <c:v>0</c:v>
                </c:pt>
                <c:pt idx="2576">
                  <c:v>0</c:v>
                </c:pt>
                <c:pt idx="2577">
                  <c:v>0</c:v>
                </c:pt>
                <c:pt idx="2578">
                  <c:v>0</c:v>
                </c:pt>
                <c:pt idx="2579">
                  <c:v>0</c:v>
                </c:pt>
                <c:pt idx="2580">
                  <c:v>0</c:v>
                </c:pt>
                <c:pt idx="2581">
                  <c:v>0</c:v>
                </c:pt>
                <c:pt idx="2582">
                  <c:v>0</c:v>
                </c:pt>
                <c:pt idx="2583">
                  <c:v>0</c:v>
                </c:pt>
                <c:pt idx="2584">
                  <c:v>0</c:v>
                </c:pt>
                <c:pt idx="2585">
                  <c:v>0</c:v>
                </c:pt>
                <c:pt idx="2586">
                  <c:v>0</c:v>
                </c:pt>
                <c:pt idx="2587">
                  <c:v>0</c:v>
                </c:pt>
                <c:pt idx="2588">
                  <c:v>0</c:v>
                </c:pt>
                <c:pt idx="2589">
                  <c:v>0</c:v>
                </c:pt>
                <c:pt idx="2590">
                  <c:v>0</c:v>
                </c:pt>
                <c:pt idx="2591">
                  <c:v>0</c:v>
                </c:pt>
                <c:pt idx="2592">
                  <c:v>0</c:v>
                </c:pt>
                <c:pt idx="2593">
                  <c:v>0</c:v>
                </c:pt>
                <c:pt idx="2594">
                  <c:v>0</c:v>
                </c:pt>
                <c:pt idx="2595">
                  <c:v>0</c:v>
                </c:pt>
                <c:pt idx="2596">
                  <c:v>0</c:v>
                </c:pt>
                <c:pt idx="2597">
                  <c:v>0</c:v>
                </c:pt>
                <c:pt idx="2598">
                  <c:v>0</c:v>
                </c:pt>
                <c:pt idx="2599">
                  <c:v>0</c:v>
                </c:pt>
                <c:pt idx="2600">
                  <c:v>0</c:v>
                </c:pt>
                <c:pt idx="2601">
                  <c:v>0</c:v>
                </c:pt>
                <c:pt idx="2602">
                  <c:v>0</c:v>
                </c:pt>
                <c:pt idx="2603">
                  <c:v>0</c:v>
                </c:pt>
                <c:pt idx="2604">
                  <c:v>0</c:v>
                </c:pt>
                <c:pt idx="2605">
                  <c:v>0</c:v>
                </c:pt>
                <c:pt idx="2606">
                  <c:v>0</c:v>
                </c:pt>
                <c:pt idx="2607">
                  <c:v>0</c:v>
                </c:pt>
                <c:pt idx="2608">
                  <c:v>0</c:v>
                </c:pt>
                <c:pt idx="2609">
                  <c:v>0</c:v>
                </c:pt>
                <c:pt idx="2610">
                  <c:v>0</c:v>
                </c:pt>
                <c:pt idx="2611">
                  <c:v>0</c:v>
                </c:pt>
                <c:pt idx="2612">
                  <c:v>0</c:v>
                </c:pt>
                <c:pt idx="2613">
                  <c:v>0</c:v>
                </c:pt>
                <c:pt idx="2614">
                  <c:v>0</c:v>
                </c:pt>
                <c:pt idx="2615">
                  <c:v>0</c:v>
                </c:pt>
                <c:pt idx="2616">
                  <c:v>0</c:v>
                </c:pt>
                <c:pt idx="2617">
                  <c:v>0</c:v>
                </c:pt>
                <c:pt idx="2618">
                  <c:v>0</c:v>
                </c:pt>
                <c:pt idx="2619">
                  <c:v>0</c:v>
                </c:pt>
                <c:pt idx="2620">
                  <c:v>0</c:v>
                </c:pt>
                <c:pt idx="2621">
                  <c:v>0</c:v>
                </c:pt>
                <c:pt idx="2622">
                  <c:v>0</c:v>
                </c:pt>
                <c:pt idx="2623">
                  <c:v>0</c:v>
                </c:pt>
                <c:pt idx="2624">
                  <c:v>0</c:v>
                </c:pt>
                <c:pt idx="2625">
                  <c:v>0</c:v>
                </c:pt>
                <c:pt idx="2626">
                  <c:v>0</c:v>
                </c:pt>
                <c:pt idx="2627">
                  <c:v>0</c:v>
                </c:pt>
                <c:pt idx="2628">
                  <c:v>0</c:v>
                </c:pt>
                <c:pt idx="2629">
                  <c:v>0</c:v>
                </c:pt>
                <c:pt idx="2630">
                  <c:v>0</c:v>
                </c:pt>
                <c:pt idx="2631">
                  <c:v>0</c:v>
                </c:pt>
                <c:pt idx="2632">
                  <c:v>0</c:v>
                </c:pt>
                <c:pt idx="2633">
                  <c:v>0</c:v>
                </c:pt>
                <c:pt idx="2634">
                  <c:v>0</c:v>
                </c:pt>
                <c:pt idx="2635">
                  <c:v>0</c:v>
                </c:pt>
                <c:pt idx="2636">
                  <c:v>0</c:v>
                </c:pt>
                <c:pt idx="2637">
                  <c:v>0</c:v>
                </c:pt>
                <c:pt idx="2638">
                  <c:v>0</c:v>
                </c:pt>
                <c:pt idx="2639">
                  <c:v>0</c:v>
                </c:pt>
                <c:pt idx="2640">
                  <c:v>0</c:v>
                </c:pt>
                <c:pt idx="2641">
                  <c:v>0</c:v>
                </c:pt>
                <c:pt idx="2642">
                  <c:v>0</c:v>
                </c:pt>
                <c:pt idx="2643">
                  <c:v>0</c:v>
                </c:pt>
                <c:pt idx="2644">
                  <c:v>0</c:v>
                </c:pt>
                <c:pt idx="2645">
                  <c:v>0</c:v>
                </c:pt>
                <c:pt idx="2646">
                  <c:v>0</c:v>
                </c:pt>
                <c:pt idx="2647">
                  <c:v>0</c:v>
                </c:pt>
                <c:pt idx="2648">
                  <c:v>0</c:v>
                </c:pt>
                <c:pt idx="2649">
                  <c:v>0</c:v>
                </c:pt>
                <c:pt idx="2650">
                  <c:v>0</c:v>
                </c:pt>
                <c:pt idx="2651">
                  <c:v>0</c:v>
                </c:pt>
                <c:pt idx="2652">
                  <c:v>0</c:v>
                </c:pt>
                <c:pt idx="2653">
                  <c:v>0</c:v>
                </c:pt>
                <c:pt idx="2654">
                  <c:v>0</c:v>
                </c:pt>
                <c:pt idx="2655">
                  <c:v>0</c:v>
                </c:pt>
                <c:pt idx="2656">
                  <c:v>0</c:v>
                </c:pt>
                <c:pt idx="2657">
                  <c:v>0</c:v>
                </c:pt>
                <c:pt idx="2658">
                  <c:v>0</c:v>
                </c:pt>
                <c:pt idx="2659">
                  <c:v>0</c:v>
                </c:pt>
                <c:pt idx="2660">
                  <c:v>0</c:v>
                </c:pt>
                <c:pt idx="2661">
                  <c:v>0</c:v>
                </c:pt>
                <c:pt idx="2662">
                  <c:v>0</c:v>
                </c:pt>
                <c:pt idx="2663">
                  <c:v>0</c:v>
                </c:pt>
                <c:pt idx="2664">
                  <c:v>0</c:v>
                </c:pt>
                <c:pt idx="2665">
                  <c:v>0</c:v>
                </c:pt>
                <c:pt idx="2666">
                  <c:v>0</c:v>
                </c:pt>
                <c:pt idx="2667">
                  <c:v>0</c:v>
                </c:pt>
                <c:pt idx="2668">
                  <c:v>0</c:v>
                </c:pt>
                <c:pt idx="2669">
                  <c:v>0</c:v>
                </c:pt>
                <c:pt idx="2670">
                  <c:v>0</c:v>
                </c:pt>
                <c:pt idx="2671">
                  <c:v>0</c:v>
                </c:pt>
                <c:pt idx="2672">
                  <c:v>0</c:v>
                </c:pt>
                <c:pt idx="2673">
                  <c:v>0</c:v>
                </c:pt>
                <c:pt idx="2674">
                  <c:v>0</c:v>
                </c:pt>
                <c:pt idx="2675">
                  <c:v>0</c:v>
                </c:pt>
                <c:pt idx="2676">
                  <c:v>0</c:v>
                </c:pt>
                <c:pt idx="2677">
                  <c:v>0</c:v>
                </c:pt>
                <c:pt idx="2678">
                  <c:v>0</c:v>
                </c:pt>
                <c:pt idx="2679">
                  <c:v>0</c:v>
                </c:pt>
                <c:pt idx="2680">
                  <c:v>0</c:v>
                </c:pt>
                <c:pt idx="2681">
                  <c:v>0</c:v>
                </c:pt>
                <c:pt idx="2682">
                  <c:v>0</c:v>
                </c:pt>
                <c:pt idx="2683">
                  <c:v>0</c:v>
                </c:pt>
                <c:pt idx="2684">
                  <c:v>0</c:v>
                </c:pt>
                <c:pt idx="2685">
                  <c:v>0</c:v>
                </c:pt>
                <c:pt idx="2686">
                  <c:v>0</c:v>
                </c:pt>
                <c:pt idx="2687">
                  <c:v>0</c:v>
                </c:pt>
                <c:pt idx="2688">
                  <c:v>0</c:v>
                </c:pt>
                <c:pt idx="2689">
                  <c:v>0</c:v>
                </c:pt>
                <c:pt idx="2690">
                  <c:v>0</c:v>
                </c:pt>
                <c:pt idx="2691">
                  <c:v>0</c:v>
                </c:pt>
                <c:pt idx="2692">
                  <c:v>0</c:v>
                </c:pt>
                <c:pt idx="2693">
                  <c:v>0</c:v>
                </c:pt>
                <c:pt idx="2694">
                  <c:v>0</c:v>
                </c:pt>
                <c:pt idx="2695">
                  <c:v>0</c:v>
                </c:pt>
                <c:pt idx="2696">
                  <c:v>0</c:v>
                </c:pt>
                <c:pt idx="2697">
                  <c:v>0</c:v>
                </c:pt>
                <c:pt idx="2698">
                  <c:v>0</c:v>
                </c:pt>
                <c:pt idx="2699">
                  <c:v>0</c:v>
                </c:pt>
                <c:pt idx="2700">
                  <c:v>0</c:v>
                </c:pt>
                <c:pt idx="2701">
                  <c:v>0</c:v>
                </c:pt>
                <c:pt idx="2702">
                  <c:v>0</c:v>
                </c:pt>
                <c:pt idx="2703">
                  <c:v>0</c:v>
                </c:pt>
                <c:pt idx="2704">
                  <c:v>0</c:v>
                </c:pt>
                <c:pt idx="2705">
                  <c:v>0</c:v>
                </c:pt>
                <c:pt idx="2706">
                  <c:v>0</c:v>
                </c:pt>
                <c:pt idx="2707">
                  <c:v>0</c:v>
                </c:pt>
                <c:pt idx="2708">
                  <c:v>0</c:v>
                </c:pt>
                <c:pt idx="2709">
                  <c:v>0</c:v>
                </c:pt>
                <c:pt idx="2710">
                  <c:v>0</c:v>
                </c:pt>
                <c:pt idx="2711">
                  <c:v>0</c:v>
                </c:pt>
                <c:pt idx="2712">
                  <c:v>0</c:v>
                </c:pt>
                <c:pt idx="2713">
                  <c:v>0</c:v>
                </c:pt>
                <c:pt idx="2714">
                  <c:v>0</c:v>
                </c:pt>
                <c:pt idx="2715">
                  <c:v>0</c:v>
                </c:pt>
                <c:pt idx="2716">
                  <c:v>0</c:v>
                </c:pt>
                <c:pt idx="2717">
                  <c:v>0</c:v>
                </c:pt>
                <c:pt idx="2718">
                  <c:v>0</c:v>
                </c:pt>
                <c:pt idx="2719">
                  <c:v>0</c:v>
                </c:pt>
                <c:pt idx="2720">
                  <c:v>0</c:v>
                </c:pt>
                <c:pt idx="2721">
                  <c:v>0</c:v>
                </c:pt>
                <c:pt idx="2722">
                  <c:v>0</c:v>
                </c:pt>
                <c:pt idx="2723">
                  <c:v>0</c:v>
                </c:pt>
                <c:pt idx="2724">
                  <c:v>0</c:v>
                </c:pt>
                <c:pt idx="2725">
                  <c:v>0</c:v>
                </c:pt>
                <c:pt idx="2726">
                  <c:v>0</c:v>
                </c:pt>
                <c:pt idx="2727">
                  <c:v>0</c:v>
                </c:pt>
                <c:pt idx="2728">
                  <c:v>0</c:v>
                </c:pt>
                <c:pt idx="2729">
                  <c:v>0</c:v>
                </c:pt>
                <c:pt idx="2730">
                  <c:v>0</c:v>
                </c:pt>
                <c:pt idx="2731">
                  <c:v>0</c:v>
                </c:pt>
                <c:pt idx="2732">
                  <c:v>0</c:v>
                </c:pt>
                <c:pt idx="2733">
                  <c:v>0</c:v>
                </c:pt>
                <c:pt idx="2734">
                  <c:v>0</c:v>
                </c:pt>
                <c:pt idx="2735">
                  <c:v>0</c:v>
                </c:pt>
                <c:pt idx="2736">
                  <c:v>0</c:v>
                </c:pt>
                <c:pt idx="2737">
                  <c:v>0</c:v>
                </c:pt>
                <c:pt idx="2738">
                  <c:v>0</c:v>
                </c:pt>
                <c:pt idx="2739">
                  <c:v>0</c:v>
                </c:pt>
                <c:pt idx="2740">
                  <c:v>0</c:v>
                </c:pt>
                <c:pt idx="2741">
                  <c:v>0</c:v>
                </c:pt>
                <c:pt idx="2742">
                  <c:v>0</c:v>
                </c:pt>
                <c:pt idx="2743">
                  <c:v>0</c:v>
                </c:pt>
                <c:pt idx="2744">
                  <c:v>0</c:v>
                </c:pt>
                <c:pt idx="2745">
                  <c:v>0</c:v>
                </c:pt>
                <c:pt idx="2746">
                  <c:v>0</c:v>
                </c:pt>
                <c:pt idx="2747">
                  <c:v>0</c:v>
                </c:pt>
                <c:pt idx="2748">
                  <c:v>0</c:v>
                </c:pt>
                <c:pt idx="2749">
                  <c:v>0</c:v>
                </c:pt>
                <c:pt idx="2750">
                  <c:v>0</c:v>
                </c:pt>
                <c:pt idx="2751">
                  <c:v>0</c:v>
                </c:pt>
                <c:pt idx="2752">
                  <c:v>0</c:v>
                </c:pt>
                <c:pt idx="2753">
                  <c:v>0</c:v>
                </c:pt>
                <c:pt idx="2754">
                  <c:v>0</c:v>
                </c:pt>
                <c:pt idx="2755">
                  <c:v>0</c:v>
                </c:pt>
                <c:pt idx="2756">
                  <c:v>0</c:v>
                </c:pt>
                <c:pt idx="2757">
                  <c:v>0</c:v>
                </c:pt>
                <c:pt idx="2758">
                  <c:v>0</c:v>
                </c:pt>
                <c:pt idx="2759">
                  <c:v>0</c:v>
                </c:pt>
                <c:pt idx="2760">
                  <c:v>0</c:v>
                </c:pt>
                <c:pt idx="2761">
                  <c:v>0</c:v>
                </c:pt>
                <c:pt idx="2762">
                  <c:v>0</c:v>
                </c:pt>
                <c:pt idx="2763">
                  <c:v>0</c:v>
                </c:pt>
                <c:pt idx="2764">
                  <c:v>0</c:v>
                </c:pt>
                <c:pt idx="2765">
                  <c:v>0</c:v>
                </c:pt>
                <c:pt idx="2766">
                  <c:v>0</c:v>
                </c:pt>
                <c:pt idx="2767">
                  <c:v>0</c:v>
                </c:pt>
                <c:pt idx="2768">
                  <c:v>0</c:v>
                </c:pt>
                <c:pt idx="2769">
                  <c:v>0</c:v>
                </c:pt>
                <c:pt idx="2770">
                  <c:v>0</c:v>
                </c:pt>
                <c:pt idx="2771">
                  <c:v>0</c:v>
                </c:pt>
                <c:pt idx="2772">
                  <c:v>0</c:v>
                </c:pt>
                <c:pt idx="2773">
                  <c:v>0</c:v>
                </c:pt>
                <c:pt idx="2774">
                  <c:v>0</c:v>
                </c:pt>
                <c:pt idx="2775">
                  <c:v>0</c:v>
                </c:pt>
                <c:pt idx="2776">
                  <c:v>0</c:v>
                </c:pt>
                <c:pt idx="2777">
                  <c:v>0</c:v>
                </c:pt>
                <c:pt idx="2778">
                  <c:v>0</c:v>
                </c:pt>
                <c:pt idx="2779">
                  <c:v>0</c:v>
                </c:pt>
                <c:pt idx="2780">
                  <c:v>0</c:v>
                </c:pt>
                <c:pt idx="2781">
                  <c:v>0</c:v>
                </c:pt>
                <c:pt idx="2782">
                  <c:v>0</c:v>
                </c:pt>
                <c:pt idx="2783">
                  <c:v>0</c:v>
                </c:pt>
                <c:pt idx="2784">
                  <c:v>0</c:v>
                </c:pt>
                <c:pt idx="2785">
                  <c:v>0</c:v>
                </c:pt>
                <c:pt idx="2786">
                  <c:v>0</c:v>
                </c:pt>
                <c:pt idx="2787">
                  <c:v>0</c:v>
                </c:pt>
                <c:pt idx="2788">
                  <c:v>0</c:v>
                </c:pt>
                <c:pt idx="2789">
                  <c:v>0</c:v>
                </c:pt>
                <c:pt idx="2790">
                  <c:v>0</c:v>
                </c:pt>
                <c:pt idx="2791">
                  <c:v>0</c:v>
                </c:pt>
                <c:pt idx="2792">
                  <c:v>0</c:v>
                </c:pt>
                <c:pt idx="2793">
                  <c:v>0</c:v>
                </c:pt>
                <c:pt idx="2794">
                  <c:v>0</c:v>
                </c:pt>
                <c:pt idx="2795">
                  <c:v>0</c:v>
                </c:pt>
                <c:pt idx="2796">
                  <c:v>0</c:v>
                </c:pt>
                <c:pt idx="2797">
                  <c:v>0</c:v>
                </c:pt>
                <c:pt idx="2798">
                  <c:v>0</c:v>
                </c:pt>
                <c:pt idx="2799">
                  <c:v>0</c:v>
                </c:pt>
                <c:pt idx="2800">
                  <c:v>0</c:v>
                </c:pt>
                <c:pt idx="2801">
                  <c:v>0</c:v>
                </c:pt>
                <c:pt idx="2802">
                  <c:v>0</c:v>
                </c:pt>
                <c:pt idx="2803">
                  <c:v>0</c:v>
                </c:pt>
                <c:pt idx="2804">
                  <c:v>0</c:v>
                </c:pt>
                <c:pt idx="2805">
                  <c:v>0</c:v>
                </c:pt>
                <c:pt idx="2806">
                  <c:v>0</c:v>
                </c:pt>
                <c:pt idx="2807">
                  <c:v>0</c:v>
                </c:pt>
                <c:pt idx="2808">
                  <c:v>0</c:v>
                </c:pt>
                <c:pt idx="2809">
                  <c:v>0</c:v>
                </c:pt>
                <c:pt idx="2810">
                  <c:v>0</c:v>
                </c:pt>
                <c:pt idx="2811">
                  <c:v>0</c:v>
                </c:pt>
                <c:pt idx="2812">
                  <c:v>0</c:v>
                </c:pt>
                <c:pt idx="2813">
                  <c:v>0</c:v>
                </c:pt>
                <c:pt idx="2814">
                  <c:v>0</c:v>
                </c:pt>
                <c:pt idx="2815">
                  <c:v>0</c:v>
                </c:pt>
                <c:pt idx="2816">
                  <c:v>0</c:v>
                </c:pt>
                <c:pt idx="2817">
                  <c:v>0</c:v>
                </c:pt>
                <c:pt idx="2818">
                  <c:v>0</c:v>
                </c:pt>
                <c:pt idx="2819">
                  <c:v>0</c:v>
                </c:pt>
                <c:pt idx="2820">
                  <c:v>0</c:v>
                </c:pt>
                <c:pt idx="2821">
                  <c:v>0</c:v>
                </c:pt>
                <c:pt idx="2822">
                  <c:v>0</c:v>
                </c:pt>
                <c:pt idx="2823">
                  <c:v>0</c:v>
                </c:pt>
                <c:pt idx="2824">
                  <c:v>0</c:v>
                </c:pt>
                <c:pt idx="2825">
                  <c:v>0</c:v>
                </c:pt>
                <c:pt idx="2826">
                  <c:v>0</c:v>
                </c:pt>
                <c:pt idx="2827">
                  <c:v>0</c:v>
                </c:pt>
                <c:pt idx="2828">
                  <c:v>0</c:v>
                </c:pt>
                <c:pt idx="2829">
                  <c:v>0</c:v>
                </c:pt>
                <c:pt idx="2830">
                  <c:v>0</c:v>
                </c:pt>
                <c:pt idx="2831">
                  <c:v>0</c:v>
                </c:pt>
                <c:pt idx="2832">
                  <c:v>0</c:v>
                </c:pt>
                <c:pt idx="2833">
                  <c:v>0</c:v>
                </c:pt>
                <c:pt idx="2834">
                  <c:v>0</c:v>
                </c:pt>
                <c:pt idx="2835">
                  <c:v>0</c:v>
                </c:pt>
                <c:pt idx="2836">
                  <c:v>0</c:v>
                </c:pt>
                <c:pt idx="2837">
                  <c:v>0</c:v>
                </c:pt>
                <c:pt idx="2838">
                  <c:v>0</c:v>
                </c:pt>
                <c:pt idx="2839">
                  <c:v>0</c:v>
                </c:pt>
                <c:pt idx="2840">
                  <c:v>0</c:v>
                </c:pt>
                <c:pt idx="2841">
                  <c:v>0</c:v>
                </c:pt>
                <c:pt idx="2842">
                  <c:v>0</c:v>
                </c:pt>
                <c:pt idx="2843">
                  <c:v>0</c:v>
                </c:pt>
                <c:pt idx="2844">
                  <c:v>0</c:v>
                </c:pt>
                <c:pt idx="2845">
                  <c:v>0</c:v>
                </c:pt>
                <c:pt idx="2846">
                  <c:v>0</c:v>
                </c:pt>
                <c:pt idx="2847">
                  <c:v>0</c:v>
                </c:pt>
                <c:pt idx="2848">
                  <c:v>0</c:v>
                </c:pt>
                <c:pt idx="2849">
                  <c:v>0</c:v>
                </c:pt>
                <c:pt idx="2850">
                  <c:v>0</c:v>
                </c:pt>
                <c:pt idx="2851">
                  <c:v>0</c:v>
                </c:pt>
                <c:pt idx="2852">
                  <c:v>0</c:v>
                </c:pt>
                <c:pt idx="2853">
                  <c:v>0</c:v>
                </c:pt>
                <c:pt idx="2854">
                  <c:v>0</c:v>
                </c:pt>
                <c:pt idx="2855">
                  <c:v>0</c:v>
                </c:pt>
                <c:pt idx="2856">
                  <c:v>0</c:v>
                </c:pt>
                <c:pt idx="2857">
                  <c:v>0</c:v>
                </c:pt>
                <c:pt idx="2858">
                  <c:v>0</c:v>
                </c:pt>
                <c:pt idx="2859">
                  <c:v>0</c:v>
                </c:pt>
                <c:pt idx="2860">
                  <c:v>0</c:v>
                </c:pt>
                <c:pt idx="2861">
                  <c:v>0</c:v>
                </c:pt>
                <c:pt idx="2862">
                  <c:v>0</c:v>
                </c:pt>
                <c:pt idx="2863">
                  <c:v>0</c:v>
                </c:pt>
                <c:pt idx="2864">
                  <c:v>0</c:v>
                </c:pt>
                <c:pt idx="2865">
                  <c:v>0</c:v>
                </c:pt>
                <c:pt idx="2866">
                  <c:v>0</c:v>
                </c:pt>
                <c:pt idx="2867">
                  <c:v>0</c:v>
                </c:pt>
                <c:pt idx="2868">
                  <c:v>0</c:v>
                </c:pt>
                <c:pt idx="2869">
                  <c:v>0</c:v>
                </c:pt>
                <c:pt idx="2870">
                  <c:v>0</c:v>
                </c:pt>
                <c:pt idx="2871">
                  <c:v>0</c:v>
                </c:pt>
                <c:pt idx="2872">
                  <c:v>0</c:v>
                </c:pt>
                <c:pt idx="2873">
                  <c:v>0</c:v>
                </c:pt>
                <c:pt idx="2874">
                  <c:v>0</c:v>
                </c:pt>
                <c:pt idx="2875">
                  <c:v>0</c:v>
                </c:pt>
                <c:pt idx="2876">
                  <c:v>0</c:v>
                </c:pt>
                <c:pt idx="2877">
                  <c:v>0</c:v>
                </c:pt>
                <c:pt idx="2878">
                  <c:v>0</c:v>
                </c:pt>
                <c:pt idx="2879">
                  <c:v>0</c:v>
                </c:pt>
                <c:pt idx="2880">
                  <c:v>0</c:v>
                </c:pt>
                <c:pt idx="2881">
                  <c:v>0</c:v>
                </c:pt>
                <c:pt idx="2882">
                  <c:v>0</c:v>
                </c:pt>
                <c:pt idx="2883">
                  <c:v>0</c:v>
                </c:pt>
                <c:pt idx="2884">
                  <c:v>0</c:v>
                </c:pt>
                <c:pt idx="2885">
                  <c:v>0</c:v>
                </c:pt>
                <c:pt idx="2886">
                  <c:v>0</c:v>
                </c:pt>
                <c:pt idx="2887">
                  <c:v>0</c:v>
                </c:pt>
                <c:pt idx="2888">
                  <c:v>0</c:v>
                </c:pt>
                <c:pt idx="2889">
                  <c:v>0</c:v>
                </c:pt>
                <c:pt idx="2890">
                  <c:v>0</c:v>
                </c:pt>
                <c:pt idx="2891">
                  <c:v>0</c:v>
                </c:pt>
                <c:pt idx="2892">
                  <c:v>0</c:v>
                </c:pt>
                <c:pt idx="2893">
                  <c:v>0</c:v>
                </c:pt>
                <c:pt idx="2894">
                  <c:v>0</c:v>
                </c:pt>
                <c:pt idx="2895">
                  <c:v>0</c:v>
                </c:pt>
                <c:pt idx="2896">
                  <c:v>0</c:v>
                </c:pt>
                <c:pt idx="2897">
                  <c:v>0</c:v>
                </c:pt>
                <c:pt idx="2898">
                  <c:v>0</c:v>
                </c:pt>
                <c:pt idx="2899">
                  <c:v>0</c:v>
                </c:pt>
                <c:pt idx="2900">
                  <c:v>0</c:v>
                </c:pt>
                <c:pt idx="2901">
                  <c:v>0</c:v>
                </c:pt>
                <c:pt idx="2902">
                  <c:v>0</c:v>
                </c:pt>
                <c:pt idx="2903">
                  <c:v>0</c:v>
                </c:pt>
                <c:pt idx="2904">
                  <c:v>0</c:v>
                </c:pt>
                <c:pt idx="2905">
                  <c:v>0</c:v>
                </c:pt>
                <c:pt idx="2906">
                  <c:v>0</c:v>
                </c:pt>
                <c:pt idx="2907">
                  <c:v>0</c:v>
                </c:pt>
                <c:pt idx="2908">
                  <c:v>0</c:v>
                </c:pt>
                <c:pt idx="2909">
                  <c:v>0</c:v>
                </c:pt>
                <c:pt idx="2910">
                  <c:v>0</c:v>
                </c:pt>
                <c:pt idx="2911">
                  <c:v>0</c:v>
                </c:pt>
                <c:pt idx="2912">
                  <c:v>0</c:v>
                </c:pt>
                <c:pt idx="2913">
                  <c:v>0</c:v>
                </c:pt>
                <c:pt idx="2914">
                  <c:v>0</c:v>
                </c:pt>
                <c:pt idx="2915">
                  <c:v>0</c:v>
                </c:pt>
                <c:pt idx="2916">
                  <c:v>0</c:v>
                </c:pt>
                <c:pt idx="2917">
                  <c:v>0</c:v>
                </c:pt>
                <c:pt idx="2918">
                  <c:v>0</c:v>
                </c:pt>
                <c:pt idx="2919">
                  <c:v>0</c:v>
                </c:pt>
                <c:pt idx="2920">
                  <c:v>0</c:v>
                </c:pt>
                <c:pt idx="2921">
                  <c:v>0</c:v>
                </c:pt>
                <c:pt idx="2922">
                  <c:v>0</c:v>
                </c:pt>
                <c:pt idx="2923">
                  <c:v>0</c:v>
                </c:pt>
                <c:pt idx="2924">
                  <c:v>0</c:v>
                </c:pt>
                <c:pt idx="2925">
                  <c:v>0</c:v>
                </c:pt>
                <c:pt idx="2926">
                  <c:v>0</c:v>
                </c:pt>
                <c:pt idx="2927">
                  <c:v>0</c:v>
                </c:pt>
                <c:pt idx="2928">
                  <c:v>0</c:v>
                </c:pt>
                <c:pt idx="2929">
                  <c:v>0</c:v>
                </c:pt>
                <c:pt idx="2930">
                  <c:v>0</c:v>
                </c:pt>
                <c:pt idx="2931">
                  <c:v>0</c:v>
                </c:pt>
                <c:pt idx="2932">
                  <c:v>0</c:v>
                </c:pt>
                <c:pt idx="2933">
                  <c:v>0</c:v>
                </c:pt>
                <c:pt idx="2934">
                  <c:v>0</c:v>
                </c:pt>
                <c:pt idx="2935">
                  <c:v>0</c:v>
                </c:pt>
                <c:pt idx="2936">
                  <c:v>0</c:v>
                </c:pt>
                <c:pt idx="2937">
                  <c:v>0</c:v>
                </c:pt>
                <c:pt idx="2938">
                  <c:v>0</c:v>
                </c:pt>
                <c:pt idx="2939">
                  <c:v>0</c:v>
                </c:pt>
                <c:pt idx="2940">
                  <c:v>0</c:v>
                </c:pt>
                <c:pt idx="2941">
                  <c:v>0</c:v>
                </c:pt>
                <c:pt idx="2942">
                  <c:v>0</c:v>
                </c:pt>
                <c:pt idx="2943">
                  <c:v>0</c:v>
                </c:pt>
                <c:pt idx="2944">
                  <c:v>0</c:v>
                </c:pt>
                <c:pt idx="2945">
                  <c:v>0</c:v>
                </c:pt>
                <c:pt idx="2946">
                  <c:v>0</c:v>
                </c:pt>
                <c:pt idx="2947">
                  <c:v>0</c:v>
                </c:pt>
                <c:pt idx="2948">
                  <c:v>0</c:v>
                </c:pt>
                <c:pt idx="2949">
                  <c:v>0</c:v>
                </c:pt>
                <c:pt idx="2950">
                  <c:v>0</c:v>
                </c:pt>
                <c:pt idx="2951">
                  <c:v>0</c:v>
                </c:pt>
                <c:pt idx="2952">
                  <c:v>0</c:v>
                </c:pt>
                <c:pt idx="2953">
                  <c:v>0</c:v>
                </c:pt>
                <c:pt idx="2954">
                  <c:v>0</c:v>
                </c:pt>
                <c:pt idx="2955">
                  <c:v>0</c:v>
                </c:pt>
                <c:pt idx="2956">
                  <c:v>0</c:v>
                </c:pt>
                <c:pt idx="2957">
                  <c:v>0</c:v>
                </c:pt>
                <c:pt idx="2958">
                  <c:v>0</c:v>
                </c:pt>
                <c:pt idx="2959">
                  <c:v>0</c:v>
                </c:pt>
                <c:pt idx="2960">
                  <c:v>0</c:v>
                </c:pt>
                <c:pt idx="2961">
                  <c:v>0</c:v>
                </c:pt>
                <c:pt idx="2962">
                  <c:v>0</c:v>
                </c:pt>
                <c:pt idx="2963">
                  <c:v>0</c:v>
                </c:pt>
                <c:pt idx="2964">
                  <c:v>0</c:v>
                </c:pt>
                <c:pt idx="2965">
                  <c:v>0</c:v>
                </c:pt>
                <c:pt idx="2966">
                  <c:v>0</c:v>
                </c:pt>
                <c:pt idx="2967">
                  <c:v>0</c:v>
                </c:pt>
                <c:pt idx="2968">
                  <c:v>0</c:v>
                </c:pt>
                <c:pt idx="2969">
                  <c:v>0</c:v>
                </c:pt>
                <c:pt idx="2970">
                  <c:v>0</c:v>
                </c:pt>
                <c:pt idx="2971">
                  <c:v>0</c:v>
                </c:pt>
                <c:pt idx="2972">
                  <c:v>0</c:v>
                </c:pt>
                <c:pt idx="2973">
                  <c:v>0</c:v>
                </c:pt>
                <c:pt idx="2974">
                  <c:v>0</c:v>
                </c:pt>
                <c:pt idx="2975">
                  <c:v>0</c:v>
                </c:pt>
                <c:pt idx="2976">
                  <c:v>0</c:v>
                </c:pt>
                <c:pt idx="2977">
                  <c:v>0</c:v>
                </c:pt>
                <c:pt idx="2978">
                  <c:v>0</c:v>
                </c:pt>
                <c:pt idx="2979">
                  <c:v>0</c:v>
                </c:pt>
                <c:pt idx="2980">
                  <c:v>0</c:v>
                </c:pt>
                <c:pt idx="2981">
                  <c:v>0</c:v>
                </c:pt>
                <c:pt idx="2982">
                  <c:v>0</c:v>
                </c:pt>
                <c:pt idx="2983">
                  <c:v>0</c:v>
                </c:pt>
                <c:pt idx="2984">
                  <c:v>0</c:v>
                </c:pt>
                <c:pt idx="2985">
                  <c:v>0</c:v>
                </c:pt>
                <c:pt idx="2986">
                  <c:v>0</c:v>
                </c:pt>
                <c:pt idx="2987">
                  <c:v>0</c:v>
                </c:pt>
                <c:pt idx="2988">
                  <c:v>0</c:v>
                </c:pt>
                <c:pt idx="2989">
                  <c:v>0</c:v>
                </c:pt>
                <c:pt idx="2990">
                  <c:v>0</c:v>
                </c:pt>
                <c:pt idx="2991">
                  <c:v>0</c:v>
                </c:pt>
                <c:pt idx="2992">
                  <c:v>0</c:v>
                </c:pt>
                <c:pt idx="2993">
                  <c:v>0</c:v>
                </c:pt>
                <c:pt idx="2994">
                  <c:v>0</c:v>
                </c:pt>
                <c:pt idx="2995">
                  <c:v>0</c:v>
                </c:pt>
                <c:pt idx="2996">
                  <c:v>0</c:v>
                </c:pt>
                <c:pt idx="2997">
                  <c:v>0</c:v>
                </c:pt>
                <c:pt idx="2998">
                  <c:v>0</c:v>
                </c:pt>
                <c:pt idx="2999">
                  <c:v>0</c:v>
                </c:pt>
                <c:pt idx="3000">
                  <c:v>0</c:v>
                </c:pt>
                <c:pt idx="3001">
                  <c:v>0</c:v>
                </c:pt>
                <c:pt idx="3002">
                  <c:v>0</c:v>
                </c:pt>
                <c:pt idx="3003">
                  <c:v>0</c:v>
                </c:pt>
                <c:pt idx="3004">
                  <c:v>0</c:v>
                </c:pt>
                <c:pt idx="3005">
                  <c:v>0</c:v>
                </c:pt>
                <c:pt idx="3006">
                  <c:v>0</c:v>
                </c:pt>
                <c:pt idx="3007">
                  <c:v>0</c:v>
                </c:pt>
                <c:pt idx="3008">
                  <c:v>0</c:v>
                </c:pt>
                <c:pt idx="3009">
                  <c:v>0</c:v>
                </c:pt>
                <c:pt idx="3010">
                  <c:v>0</c:v>
                </c:pt>
                <c:pt idx="3011">
                  <c:v>0</c:v>
                </c:pt>
                <c:pt idx="3012">
                  <c:v>0</c:v>
                </c:pt>
                <c:pt idx="3013">
                  <c:v>0</c:v>
                </c:pt>
                <c:pt idx="3014">
                  <c:v>0</c:v>
                </c:pt>
                <c:pt idx="3015">
                  <c:v>0</c:v>
                </c:pt>
                <c:pt idx="3016">
                  <c:v>0</c:v>
                </c:pt>
                <c:pt idx="3017">
                  <c:v>0</c:v>
                </c:pt>
                <c:pt idx="3018">
                  <c:v>0</c:v>
                </c:pt>
                <c:pt idx="3019">
                  <c:v>0</c:v>
                </c:pt>
                <c:pt idx="3020">
                  <c:v>0</c:v>
                </c:pt>
                <c:pt idx="3021">
                  <c:v>0</c:v>
                </c:pt>
                <c:pt idx="3022">
                  <c:v>0</c:v>
                </c:pt>
                <c:pt idx="3023">
                  <c:v>0</c:v>
                </c:pt>
                <c:pt idx="3024">
                  <c:v>0</c:v>
                </c:pt>
                <c:pt idx="3025">
                  <c:v>0</c:v>
                </c:pt>
                <c:pt idx="3026">
                  <c:v>0</c:v>
                </c:pt>
                <c:pt idx="3027">
                  <c:v>0</c:v>
                </c:pt>
                <c:pt idx="3028">
                  <c:v>0</c:v>
                </c:pt>
                <c:pt idx="3029">
                  <c:v>0</c:v>
                </c:pt>
                <c:pt idx="3030">
                  <c:v>0</c:v>
                </c:pt>
                <c:pt idx="3031">
                  <c:v>0</c:v>
                </c:pt>
                <c:pt idx="3032">
                  <c:v>0</c:v>
                </c:pt>
                <c:pt idx="3033">
                  <c:v>0</c:v>
                </c:pt>
                <c:pt idx="3034">
                  <c:v>0</c:v>
                </c:pt>
                <c:pt idx="3035">
                  <c:v>0</c:v>
                </c:pt>
                <c:pt idx="3036">
                  <c:v>0</c:v>
                </c:pt>
                <c:pt idx="3037">
                  <c:v>0</c:v>
                </c:pt>
                <c:pt idx="3038">
                  <c:v>0</c:v>
                </c:pt>
                <c:pt idx="3039">
                  <c:v>0</c:v>
                </c:pt>
                <c:pt idx="3040">
                  <c:v>0</c:v>
                </c:pt>
                <c:pt idx="3041">
                  <c:v>0</c:v>
                </c:pt>
                <c:pt idx="3042">
                  <c:v>0</c:v>
                </c:pt>
                <c:pt idx="3043">
                  <c:v>0</c:v>
                </c:pt>
                <c:pt idx="3044">
                  <c:v>0</c:v>
                </c:pt>
                <c:pt idx="3045">
                  <c:v>0</c:v>
                </c:pt>
                <c:pt idx="3046">
                  <c:v>0</c:v>
                </c:pt>
                <c:pt idx="3047">
                  <c:v>0</c:v>
                </c:pt>
                <c:pt idx="3048">
                  <c:v>0</c:v>
                </c:pt>
                <c:pt idx="3049">
                  <c:v>0</c:v>
                </c:pt>
                <c:pt idx="3050">
                  <c:v>0</c:v>
                </c:pt>
                <c:pt idx="3051">
                  <c:v>0</c:v>
                </c:pt>
                <c:pt idx="3052">
                  <c:v>0</c:v>
                </c:pt>
                <c:pt idx="3053">
                  <c:v>0</c:v>
                </c:pt>
                <c:pt idx="3054">
                  <c:v>0</c:v>
                </c:pt>
                <c:pt idx="3055">
                  <c:v>0</c:v>
                </c:pt>
                <c:pt idx="3056">
                  <c:v>0</c:v>
                </c:pt>
                <c:pt idx="3057">
                  <c:v>0</c:v>
                </c:pt>
                <c:pt idx="3058">
                  <c:v>0</c:v>
                </c:pt>
                <c:pt idx="3059">
                  <c:v>0</c:v>
                </c:pt>
                <c:pt idx="3060">
                  <c:v>0</c:v>
                </c:pt>
                <c:pt idx="3061">
                  <c:v>0</c:v>
                </c:pt>
                <c:pt idx="3062">
                  <c:v>0</c:v>
                </c:pt>
                <c:pt idx="3063">
                  <c:v>0</c:v>
                </c:pt>
                <c:pt idx="3064">
                  <c:v>0</c:v>
                </c:pt>
                <c:pt idx="3065">
                  <c:v>0</c:v>
                </c:pt>
                <c:pt idx="3066">
                  <c:v>0</c:v>
                </c:pt>
                <c:pt idx="3067">
                  <c:v>0</c:v>
                </c:pt>
                <c:pt idx="3068">
                  <c:v>0</c:v>
                </c:pt>
                <c:pt idx="3069">
                  <c:v>0</c:v>
                </c:pt>
                <c:pt idx="3070">
                  <c:v>0</c:v>
                </c:pt>
                <c:pt idx="3071">
                  <c:v>0</c:v>
                </c:pt>
                <c:pt idx="3072">
                  <c:v>0</c:v>
                </c:pt>
                <c:pt idx="3073">
                  <c:v>0</c:v>
                </c:pt>
                <c:pt idx="3074">
                  <c:v>0</c:v>
                </c:pt>
                <c:pt idx="3075">
                  <c:v>0</c:v>
                </c:pt>
                <c:pt idx="3076">
                  <c:v>0</c:v>
                </c:pt>
                <c:pt idx="3077">
                  <c:v>0</c:v>
                </c:pt>
                <c:pt idx="3078">
                  <c:v>0</c:v>
                </c:pt>
                <c:pt idx="3079">
                  <c:v>0</c:v>
                </c:pt>
                <c:pt idx="3080">
                  <c:v>0</c:v>
                </c:pt>
                <c:pt idx="3081">
                  <c:v>0</c:v>
                </c:pt>
                <c:pt idx="3082">
                  <c:v>0</c:v>
                </c:pt>
                <c:pt idx="3083">
                  <c:v>0</c:v>
                </c:pt>
                <c:pt idx="3084">
                  <c:v>0</c:v>
                </c:pt>
                <c:pt idx="3085">
                  <c:v>0</c:v>
                </c:pt>
                <c:pt idx="3086">
                  <c:v>0</c:v>
                </c:pt>
                <c:pt idx="3087">
                  <c:v>0</c:v>
                </c:pt>
                <c:pt idx="3088">
                  <c:v>0</c:v>
                </c:pt>
                <c:pt idx="3089">
                  <c:v>0</c:v>
                </c:pt>
                <c:pt idx="3090">
                  <c:v>0</c:v>
                </c:pt>
                <c:pt idx="3091">
                  <c:v>0</c:v>
                </c:pt>
                <c:pt idx="3092">
                  <c:v>0</c:v>
                </c:pt>
                <c:pt idx="3093">
                  <c:v>0</c:v>
                </c:pt>
                <c:pt idx="3094">
                  <c:v>0</c:v>
                </c:pt>
                <c:pt idx="3095">
                  <c:v>0</c:v>
                </c:pt>
                <c:pt idx="3096">
                  <c:v>0</c:v>
                </c:pt>
                <c:pt idx="3097">
                  <c:v>0</c:v>
                </c:pt>
                <c:pt idx="3098">
                  <c:v>0</c:v>
                </c:pt>
                <c:pt idx="3099">
                  <c:v>0</c:v>
                </c:pt>
                <c:pt idx="3100">
                  <c:v>0</c:v>
                </c:pt>
                <c:pt idx="3101">
                  <c:v>0</c:v>
                </c:pt>
                <c:pt idx="3102">
                  <c:v>0</c:v>
                </c:pt>
                <c:pt idx="3103">
                  <c:v>0</c:v>
                </c:pt>
                <c:pt idx="3104">
                  <c:v>0</c:v>
                </c:pt>
                <c:pt idx="3105">
                  <c:v>0</c:v>
                </c:pt>
                <c:pt idx="3106">
                  <c:v>0</c:v>
                </c:pt>
                <c:pt idx="3107">
                  <c:v>0</c:v>
                </c:pt>
                <c:pt idx="3108">
                  <c:v>0</c:v>
                </c:pt>
                <c:pt idx="3109">
                  <c:v>0</c:v>
                </c:pt>
                <c:pt idx="3110">
                  <c:v>0</c:v>
                </c:pt>
                <c:pt idx="3111">
                  <c:v>0</c:v>
                </c:pt>
                <c:pt idx="3112">
                  <c:v>0</c:v>
                </c:pt>
                <c:pt idx="3113">
                  <c:v>0</c:v>
                </c:pt>
                <c:pt idx="3114">
                  <c:v>0</c:v>
                </c:pt>
                <c:pt idx="3115">
                  <c:v>0</c:v>
                </c:pt>
                <c:pt idx="3116">
                  <c:v>0</c:v>
                </c:pt>
                <c:pt idx="3117">
                  <c:v>0</c:v>
                </c:pt>
                <c:pt idx="3118">
                  <c:v>0</c:v>
                </c:pt>
                <c:pt idx="3119">
                  <c:v>0</c:v>
                </c:pt>
                <c:pt idx="3120">
                  <c:v>0</c:v>
                </c:pt>
                <c:pt idx="3121">
                  <c:v>0</c:v>
                </c:pt>
                <c:pt idx="3122">
                  <c:v>0</c:v>
                </c:pt>
                <c:pt idx="3123">
                  <c:v>0</c:v>
                </c:pt>
                <c:pt idx="3124">
                  <c:v>0</c:v>
                </c:pt>
                <c:pt idx="3125">
                  <c:v>0</c:v>
                </c:pt>
                <c:pt idx="3126">
                  <c:v>0</c:v>
                </c:pt>
                <c:pt idx="3127">
                  <c:v>0</c:v>
                </c:pt>
                <c:pt idx="3128">
                  <c:v>0</c:v>
                </c:pt>
                <c:pt idx="3129">
                  <c:v>0</c:v>
                </c:pt>
                <c:pt idx="3130">
                  <c:v>0</c:v>
                </c:pt>
                <c:pt idx="3131">
                  <c:v>0</c:v>
                </c:pt>
                <c:pt idx="3132">
                  <c:v>0</c:v>
                </c:pt>
                <c:pt idx="3133">
                  <c:v>0</c:v>
                </c:pt>
                <c:pt idx="3134">
                  <c:v>0</c:v>
                </c:pt>
                <c:pt idx="3135">
                  <c:v>0</c:v>
                </c:pt>
                <c:pt idx="3136">
                  <c:v>0</c:v>
                </c:pt>
                <c:pt idx="3137">
                  <c:v>0</c:v>
                </c:pt>
                <c:pt idx="3138">
                  <c:v>0</c:v>
                </c:pt>
                <c:pt idx="3139">
                  <c:v>0</c:v>
                </c:pt>
                <c:pt idx="3140">
                  <c:v>0</c:v>
                </c:pt>
                <c:pt idx="3141">
                  <c:v>0</c:v>
                </c:pt>
                <c:pt idx="3142">
                  <c:v>0</c:v>
                </c:pt>
                <c:pt idx="3143">
                  <c:v>0</c:v>
                </c:pt>
                <c:pt idx="3144">
                  <c:v>0</c:v>
                </c:pt>
                <c:pt idx="3145">
                  <c:v>0</c:v>
                </c:pt>
                <c:pt idx="3146">
                  <c:v>0</c:v>
                </c:pt>
                <c:pt idx="3147">
                  <c:v>0</c:v>
                </c:pt>
                <c:pt idx="3148">
                  <c:v>0</c:v>
                </c:pt>
                <c:pt idx="3149">
                  <c:v>0</c:v>
                </c:pt>
                <c:pt idx="3150">
                  <c:v>0</c:v>
                </c:pt>
                <c:pt idx="3151">
                  <c:v>0</c:v>
                </c:pt>
                <c:pt idx="3152">
                  <c:v>0</c:v>
                </c:pt>
                <c:pt idx="3153">
                  <c:v>0</c:v>
                </c:pt>
                <c:pt idx="3154">
                  <c:v>0</c:v>
                </c:pt>
                <c:pt idx="3155">
                  <c:v>0</c:v>
                </c:pt>
                <c:pt idx="3156">
                  <c:v>0</c:v>
                </c:pt>
                <c:pt idx="3157">
                  <c:v>0</c:v>
                </c:pt>
                <c:pt idx="3158">
                  <c:v>0</c:v>
                </c:pt>
                <c:pt idx="3159">
                  <c:v>0</c:v>
                </c:pt>
                <c:pt idx="3160">
                  <c:v>0</c:v>
                </c:pt>
                <c:pt idx="3161">
                  <c:v>0</c:v>
                </c:pt>
                <c:pt idx="3162">
                  <c:v>0</c:v>
                </c:pt>
                <c:pt idx="3163">
                  <c:v>0</c:v>
                </c:pt>
                <c:pt idx="3164">
                  <c:v>0</c:v>
                </c:pt>
                <c:pt idx="3165">
                  <c:v>0</c:v>
                </c:pt>
                <c:pt idx="3166">
                  <c:v>0</c:v>
                </c:pt>
                <c:pt idx="3167">
                  <c:v>0</c:v>
                </c:pt>
                <c:pt idx="3168">
                  <c:v>0</c:v>
                </c:pt>
                <c:pt idx="3169">
                  <c:v>0</c:v>
                </c:pt>
                <c:pt idx="3170">
                  <c:v>0</c:v>
                </c:pt>
                <c:pt idx="3171">
                  <c:v>0</c:v>
                </c:pt>
                <c:pt idx="3172">
                  <c:v>0</c:v>
                </c:pt>
                <c:pt idx="3173">
                  <c:v>0</c:v>
                </c:pt>
                <c:pt idx="3174">
                  <c:v>0</c:v>
                </c:pt>
                <c:pt idx="3175">
                  <c:v>0</c:v>
                </c:pt>
                <c:pt idx="3176">
                  <c:v>0</c:v>
                </c:pt>
                <c:pt idx="3177">
                  <c:v>0</c:v>
                </c:pt>
                <c:pt idx="3178">
                  <c:v>0</c:v>
                </c:pt>
                <c:pt idx="3179">
                  <c:v>0</c:v>
                </c:pt>
                <c:pt idx="3180">
                  <c:v>0</c:v>
                </c:pt>
                <c:pt idx="3181">
                  <c:v>0</c:v>
                </c:pt>
                <c:pt idx="3182">
                  <c:v>0</c:v>
                </c:pt>
                <c:pt idx="3183">
                  <c:v>0</c:v>
                </c:pt>
                <c:pt idx="3184">
                  <c:v>0</c:v>
                </c:pt>
                <c:pt idx="3185">
                  <c:v>0</c:v>
                </c:pt>
                <c:pt idx="3186">
                  <c:v>0</c:v>
                </c:pt>
                <c:pt idx="3187">
                  <c:v>0</c:v>
                </c:pt>
                <c:pt idx="3188">
                  <c:v>0</c:v>
                </c:pt>
                <c:pt idx="3189">
                  <c:v>0</c:v>
                </c:pt>
                <c:pt idx="3190">
                  <c:v>0</c:v>
                </c:pt>
                <c:pt idx="3191">
                  <c:v>0</c:v>
                </c:pt>
                <c:pt idx="3192">
                  <c:v>0</c:v>
                </c:pt>
                <c:pt idx="3193">
                  <c:v>0</c:v>
                </c:pt>
                <c:pt idx="3194">
                  <c:v>0</c:v>
                </c:pt>
                <c:pt idx="3195">
                  <c:v>0</c:v>
                </c:pt>
                <c:pt idx="3196">
                  <c:v>0</c:v>
                </c:pt>
                <c:pt idx="3197">
                  <c:v>0</c:v>
                </c:pt>
                <c:pt idx="3198">
                  <c:v>0</c:v>
                </c:pt>
                <c:pt idx="3199">
                  <c:v>0</c:v>
                </c:pt>
                <c:pt idx="3200">
                  <c:v>0</c:v>
                </c:pt>
                <c:pt idx="3201">
                  <c:v>0</c:v>
                </c:pt>
                <c:pt idx="3202">
                  <c:v>0</c:v>
                </c:pt>
                <c:pt idx="3203">
                  <c:v>0</c:v>
                </c:pt>
                <c:pt idx="3204">
                  <c:v>0</c:v>
                </c:pt>
                <c:pt idx="3205">
                  <c:v>0</c:v>
                </c:pt>
                <c:pt idx="3206">
                  <c:v>0</c:v>
                </c:pt>
                <c:pt idx="3207">
                  <c:v>0</c:v>
                </c:pt>
                <c:pt idx="3208">
                  <c:v>0</c:v>
                </c:pt>
                <c:pt idx="3209">
                  <c:v>0</c:v>
                </c:pt>
                <c:pt idx="3210">
                  <c:v>0</c:v>
                </c:pt>
                <c:pt idx="3211">
                  <c:v>0</c:v>
                </c:pt>
                <c:pt idx="3212">
                  <c:v>0</c:v>
                </c:pt>
                <c:pt idx="3213">
                  <c:v>0</c:v>
                </c:pt>
                <c:pt idx="3214">
                  <c:v>0</c:v>
                </c:pt>
                <c:pt idx="3215">
                  <c:v>0</c:v>
                </c:pt>
                <c:pt idx="3216">
                  <c:v>0</c:v>
                </c:pt>
                <c:pt idx="3217">
                  <c:v>0</c:v>
                </c:pt>
                <c:pt idx="3218">
                  <c:v>0</c:v>
                </c:pt>
                <c:pt idx="3219">
                  <c:v>0</c:v>
                </c:pt>
                <c:pt idx="3220">
                  <c:v>0</c:v>
                </c:pt>
                <c:pt idx="3221">
                  <c:v>0</c:v>
                </c:pt>
                <c:pt idx="3222">
                  <c:v>0</c:v>
                </c:pt>
                <c:pt idx="3223">
                  <c:v>0</c:v>
                </c:pt>
                <c:pt idx="3224">
                  <c:v>0</c:v>
                </c:pt>
                <c:pt idx="3225">
                  <c:v>0</c:v>
                </c:pt>
                <c:pt idx="3226">
                  <c:v>0</c:v>
                </c:pt>
                <c:pt idx="3227">
                  <c:v>0</c:v>
                </c:pt>
                <c:pt idx="3228">
                  <c:v>0</c:v>
                </c:pt>
                <c:pt idx="3229">
                  <c:v>0</c:v>
                </c:pt>
                <c:pt idx="3230">
                  <c:v>0</c:v>
                </c:pt>
                <c:pt idx="3231">
                  <c:v>0</c:v>
                </c:pt>
                <c:pt idx="3232">
                  <c:v>0</c:v>
                </c:pt>
                <c:pt idx="3233">
                  <c:v>0</c:v>
                </c:pt>
                <c:pt idx="3234">
                  <c:v>0</c:v>
                </c:pt>
                <c:pt idx="3235">
                  <c:v>0</c:v>
                </c:pt>
                <c:pt idx="3236">
                  <c:v>0</c:v>
                </c:pt>
                <c:pt idx="3237">
                  <c:v>0</c:v>
                </c:pt>
                <c:pt idx="3238">
                  <c:v>0</c:v>
                </c:pt>
                <c:pt idx="3239">
                  <c:v>0</c:v>
                </c:pt>
                <c:pt idx="3240">
                  <c:v>0</c:v>
                </c:pt>
                <c:pt idx="3241">
                  <c:v>0</c:v>
                </c:pt>
                <c:pt idx="3242">
                  <c:v>0</c:v>
                </c:pt>
                <c:pt idx="3243">
                  <c:v>0</c:v>
                </c:pt>
                <c:pt idx="3244">
                  <c:v>0</c:v>
                </c:pt>
                <c:pt idx="3245">
                  <c:v>0</c:v>
                </c:pt>
                <c:pt idx="3246">
                  <c:v>0</c:v>
                </c:pt>
                <c:pt idx="3247">
                  <c:v>0</c:v>
                </c:pt>
                <c:pt idx="3248">
                  <c:v>0</c:v>
                </c:pt>
                <c:pt idx="3249">
                  <c:v>0</c:v>
                </c:pt>
                <c:pt idx="3250">
                  <c:v>0</c:v>
                </c:pt>
                <c:pt idx="3251">
                  <c:v>0</c:v>
                </c:pt>
                <c:pt idx="3252">
                  <c:v>0</c:v>
                </c:pt>
                <c:pt idx="3253">
                  <c:v>0</c:v>
                </c:pt>
                <c:pt idx="3254">
                  <c:v>0</c:v>
                </c:pt>
                <c:pt idx="3255">
                  <c:v>0</c:v>
                </c:pt>
                <c:pt idx="3256">
                  <c:v>0</c:v>
                </c:pt>
                <c:pt idx="3257">
                  <c:v>0</c:v>
                </c:pt>
                <c:pt idx="3258">
                  <c:v>0</c:v>
                </c:pt>
                <c:pt idx="3259">
                  <c:v>0</c:v>
                </c:pt>
                <c:pt idx="3260">
                  <c:v>0</c:v>
                </c:pt>
                <c:pt idx="3261">
                  <c:v>0</c:v>
                </c:pt>
                <c:pt idx="3262">
                  <c:v>0</c:v>
                </c:pt>
                <c:pt idx="3263">
                  <c:v>0</c:v>
                </c:pt>
                <c:pt idx="3264">
                  <c:v>0</c:v>
                </c:pt>
                <c:pt idx="3265">
                  <c:v>0</c:v>
                </c:pt>
                <c:pt idx="3266">
                  <c:v>0</c:v>
                </c:pt>
                <c:pt idx="3267">
                  <c:v>0</c:v>
                </c:pt>
                <c:pt idx="3268">
                  <c:v>0</c:v>
                </c:pt>
                <c:pt idx="3269">
                  <c:v>0</c:v>
                </c:pt>
                <c:pt idx="3270">
                  <c:v>0</c:v>
                </c:pt>
                <c:pt idx="3271">
                  <c:v>0</c:v>
                </c:pt>
                <c:pt idx="3272">
                  <c:v>0</c:v>
                </c:pt>
                <c:pt idx="3273">
                  <c:v>0</c:v>
                </c:pt>
                <c:pt idx="3274">
                  <c:v>0</c:v>
                </c:pt>
                <c:pt idx="3275">
                  <c:v>0</c:v>
                </c:pt>
                <c:pt idx="3276">
                  <c:v>0</c:v>
                </c:pt>
                <c:pt idx="3277">
                  <c:v>0</c:v>
                </c:pt>
                <c:pt idx="3278">
                  <c:v>0</c:v>
                </c:pt>
                <c:pt idx="3279">
                  <c:v>0</c:v>
                </c:pt>
                <c:pt idx="3280">
                  <c:v>0</c:v>
                </c:pt>
                <c:pt idx="3281">
                  <c:v>0</c:v>
                </c:pt>
                <c:pt idx="3282">
                  <c:v>0</c:v>
                </c:pt>
                <c:pt idx="3283">
                  <c:v>0</c:v>
                </c:pt>
                <c:pt idx="3284">
                  <c:v>0</c:v>
                </c:pt>
                <c:pt idx="3285">
                  <c:v>0</c:v>
                </c:pt>
                <c:pt idx="3286">
                  <c:v>0</c:v>
                </c:pt>
                <c:pt idx="3287">
                  <c:v>0</c:v>
                </c:pt>
                <c:pt idx="3288">
                  <c:v>0</c:v>
                </c:pt>
                <c:pt idx="3289">
                  <c:v>0</c:v>
                </c:pt>
                <c:pt idx="3290">
                  <c:v>0</c:v>
                </c:pt>
                <c:pt idx="3291">
                  <c:v>0</c:v>
                </c:pt>
                <c:pt idx="3292">
                  <c:v>0</c:v>
                </c:pt>
                <c:pt idx="3293">
                  <c:v>0</c:v>
                </c:pt>
                <c:pt idx="3294">
                  <c:v>0</c:v>
                </c:pt>
                <c:pt idx="3295">
                  <c:v>0</c:v>
                </c:pt>
                <c:pt idx="3296">
                  <c:v>0</c:v>
                </c:pt>
                <c:pt idx="3297">
                  <c:v>0</c:v>
                </c:pt>
                <c:pt idx="3298">
                  <c:v>0</c:v>
                </c:pt>
                <c:pt idx="3299">
                  <c:v>0</c:v>
                </c:pt>
                <c:pt idx="3300">
                  <c:v>0</c:v>
                </c:pt>
                <c:pt idx="3301">
                  <c:v>0</c:v>
                </c:pt>
                <c:pt idx="3302">
                  <c:v>0</c:v>
                </c:pt>
                <c:pt idx="3303">
                  <c:v>0</c:v>
                </c:pt>
                <c:pt idx="3304">
                  <c:v>0</c:v>
                </c:pt>
                <c:pt idx="3305">
                  <c:v>0</c:v>
                </c:pt>
                <c:pt idx="3306">
                  <c:v>0</c:v>
                </c:pt>
                <c:pt idx="3307">
                  <c:v>0</c:v>
                </c:pt>
                <c:pt idx="3308">
                  <c:v>0</c:v>
                </c:pt>
                <c:pt idx="3309">
                  <c:v>0</c:v>
                </c:pt>
                <c:pt idx="3310">
                  <c:v>0</c:v>
                </c:pt>
                <c:pt idx="3311">
                  <c:v>0</c:v>
                </c:pt>
                <c:pt idx="3312">
                  <c:v>0</c:v>
                </c:pt>
                <c:pt idx="3313">
                  <c:v>0</c:v>
                </c:pt>
                <c:pt idx="3314">
                  <c:v>0</c:v>
                </c:pt>
                <c:pt idx="3315">
                  <c:v>0</c:v>
                </c:pt>
                <c:pt idx="3316">
                  <c:v>0</c:v>
                </c:pt>
                <c:pt idx="3317">
                  <c:v>0</c:v>
                </c:pt>
                <c:pt idx="3318">
                  <c:v>0</c:v>
                </c:pt>
                <c:pt idx="3319">
                  <c:v>0</c:v>
                </c:pt>
                <c:pt idx="3320">
                  <c:v>0</c:v>
                </c:pt>
                <c:pt idx="3321">
                  <c:v>0</c:v>
                </c:pt>
                <c:pt idx="3322">
                  <c:v>0</c:v>
                </c:pt>
                <c:pt idx="3323">
                  <c:v>0</c:v>
                </c:pt>
                <c:pt idx="3324">
                  <c:v>0</c:v>
                </c:pt>
                <c:pt idx="3325">
                  <c:v>0</c:v>
                </c:pt>
                <c:pt idx="3326">
                  <c:v>0</c:v>
                </c:pt>
                <c:pt idx="3327">
                  <c:v>0</c:v>
                </c:pt>
                <c:pt idx="3328">
                  <c:v>0</c:v>
                </c:pt>
                <c:pt idx="3329">
                  <c:v>0</c:v>
                </c:pt>
                <c:pt idx="3330">
                  <c:v>0</c:v>
                </c:pt>
                <c:pt idx="3331">
                  <c:v>0</c:v>
                </c:pt>
                <c:pt idx="3332">
                  <c:v>0</c:v>
                </c:pt>
                <c:pt idx="3333">
                  <c:v>0</c:v>
                </c:pt>
                <c:pt idx="3334">
                  <c:v>0</c:v>
                </c:pt>
                <c:pt idx="3335">
                  <c:v>0</c:v>
                </c:pt>
                <c:pt idx="3336">
                  <c:v>0</c:v>
                </c:pt>
                <c:pt idx="3337">
                  <c:v>0</c:v>
                </c:pt>
                <c:pt idx="3338">
                  <c:v>0</c:v>
                </c:pt>
                <c:pt idx="3339">
                  <c:v>0</c:v>
                </c:pt>
                <c:pt idx="3340">
                  <c:v>0</c:v>
                </c:pt>
                <c:pt idx="3341">
                  <c:v>0</c:v>
                </c:pt>
                <c:pt idx="3342">
                  <c:v>0</c:v>
                </c:pt>
                <c:pt idx="3343">
                  <c:v>0</c:v>
                </c:pt>
                <c:pt idx="3344">
                  <c:v>0</c:v>
                </c:pt>
                <c:pt idx="3345">
                  <c:v>0</c:v>
                </c:pt>
                <c:pt idx="3346">
                  <c:v>0</c:v>
                </c:pt>
                <c:pt idx="3347">
                  <c:v>0</c:v>
                </c:pt>
                <c:pt idx="3348">
                  <c:v>0</c:v>
                </c:pt>
                <c:pt idx="3349">
                  <c:v>0</c:v>
                </c:pt>
                <c:pt idx="3350">
                  <c:v>0</c:v>
                </c:pt>
                <c:pt idx="3351">
                  <c:v>0</c:v>
                </c:pt>
                <c:pt idx="3352">
                  <c:v>0</c:v>
                </c:pt>
                <c:pt idx="3353">
                  <c:v>0</c:v>
                </c:pt>
                <c:pt idx="3354">
                  <c:v>0</c:v>
                </c:pt>
                <c:pt idx="3355">
                  <c:v>0</c:v>
                </c:pt>
                <c:pt idx="3356">
                  <c:v>0</c:v>
                </c:pt>
                <c:pt idx="3357">
                  <c:v>0</c:v>
                </c:pt>
                <c:pt idx="3358">
                  <c:v>0</c:v>
                </c:pt>
                <c:pt idx="3359">
                  <c:v>0</c:v>
                </c:pt>
                <c:pt idx="3360">
                  <c:v>0</c:v>
                </c:pt>
                <c:pt idx="3361">
                  <c:v>0</c:v>
                </c:pt>
                <c:pt idx="3362">
                  <c:v>0</c:v>
                </c:pt>
                <c:pt idx="3363">
                  <c:v>0</c:v>
                </c:pt>
                <c:pt idx="3364">
                  <c:v>0</c:v>
                </c:pt>
                <c:pt idx="3365">
                  <c:v>0</c:v>
                </c:pt>
                <c:pt idx="3366">
                  <c:v>0</c:v>
                </c:pt>
                <c:pt idx="3367">
                  <c:v>0</c:v>
                </c:pt>
                <c:pt idx="3368">
                  <c:v>0</c:v>
                </c:pt>
                <c:pt idx="3369">
                  <c:v>0</c:v>
                </c:pt>
                <c:pt idx="3370">
                  <c:v>0</c:v>
                </c:pt>
                <c:pt idx="3371">
                  <c:v>0</c:v>
                </c:pt>
                <c:pt idx="3372">
                  <c:v>0</c:v>
                </c:pt>
                <c:pt idx="3373">
                  <c:v>0</c:v>
                </c:pt>
                <c:pt idx="3374">
                  <c:v>0</c:v>
                </c:pt>
                <c:pt idx="3375">
                  <c:v>0</c:v>
                </c:pt>
                <c:pt idx="3376">
                  <c:v>0</c:v>
                </c:pt>
                <c:pt idx="3377">
                  <c:v>0</c:v>
                </c:pt>
                <c:pt idx="3378">
                  <c:v>0</c:v>
                </c:pt>
                <c:pt idx="3379">
                  <c:v>0</c:v>
                </c:pt>
                <c:pt idx="3380">
                  <c:v>0</c:v>
                </c:pt>
                <c:pt idx="3381">
                  <c:v>0</c:v>
                </c:pt>
                <c:pt idx="3382">
                  <c:v>0</c:v>
                </c:pt>
                <c:pt idx="3383">
                  <c:v>0</c:v>
                </c:pt>
                <c:pt idx="3384">
                  <c:v>0</c:v>
                </c:pt>
                <c:pt idx="3385">
                  <c:v>0</c:v>
                </c:pt>
                <c:pt idx="3386">
                  <c:v>0</c:v>
                </c:pt>
                <c:pt idx="3387">
                  <c:v>0</c:v>
                </c:pt>
                <c:pt idx="3388">
                  <c:v>0</c:v>
                </c:pt>
                <c:pt idx="3389">
                  <c:v>0</c:v>
                </c:pt>
                <c:pt idx="3390">
                  <c:v>0</c:v>
                </c:pt>
                <c:pt idx="3391">
                  <c:v>0</c:v>
                </c:pt>
                <c:pt idx="3392">
                  <c:v>0</c:v>
                </c:pt>
                <c:pt idx="3393">
                  <c:v>0</c:v>
                </c:pt>
                <c:pt idx="3394">
                  <c:v>0</c:v>
                </c:pt>
                <c:pt idx="3395">
                  <c:v>0</c:v>
                </c:pt>
                <c:pt idx="3396">
                  <c:v>0</c:v>
                </c:pt>
                <c:pt idx="3397">
                  <c:v>0</c:v>
                </c:pt>
                <c:pt idx="3398">
                  <c:v>0</c:v>
                </c:pt>
                <c:pt idx="3399">
                  <c:v>0</c:v>
                </c:pt>
                <c:pt idx="3400">
                  <c:v>0</c:v>
                </c:pt>
                <c:pt idx="3401">
                  <c:v>0</c:v>
                </c:pt>
                <c:pt idx="3402">
                  <c:v>0</c:v>
                </c:pt>
                <c:pt idx="3403">
                  <c:v>0</c:v>
                </c:pt>
                <c:pt idx="3404">
                  <c:v>0</c:v>
                </c:pt>
                <c:pt idx="3405">
                  <c:v>0</c:v>
                </c:pt>
                <c:pt idx="3406">
                  <c:v>0</c:v>
                </c:pt>
                <c:pt idx="3407">
                  <c:v>0</c:v>
                </c:pt>
                <c:pt idx="3408">
                  <c:v>0</c:v>
                </c:pt>
                <c:pt idx="3409">
                  <c:v>0</c:v>
                </c:pt>
                <c:pt idx="3410">
                  <c:v>0</c:v>
                </c:pt>
                <c:pt idx="3411">
                  <c:v>0</c:v>
                </c:pt>
                <c:pt idx="3412">
                  <c:v>0</c:v>
                </c:pt>
                <c:pt idx="3413">
                  <c:v>0</c:v>
                </c:pt>
                <c:pt idx="3414">
                  <c:v>0</c:v>
                </c:pt>
                <c:pt idx="3415">
                  <c:v>0</c:v>
                </c:pt>
                <c:pt idx="3416">
                  <c:v>0</c:v>
                </c:pt>
                <c:pt idx="3417">
                  <c:v>0</c:v>
                </c:pt>
                <c:pt idx="3418">
                  <c:v>0</c:v>
                </c:pt>
                <c:pt idx="3419">
                  <c:v>0</c:v>
                </c:pt>
                <c:pt idx="3420">
                  <c:v>0</c:v>
                </c:pt>
                <c:pt idx="3421">
                  <c:v>0</c:v>
                </c:pt>
                <c:pt idx="3422">
                  <c:v>0</c:v>
                </c:pt>
                <c:pt idx="3423">
                  <c:v>0</c:v>
                </c:pt>
                <c:pt idx="3424">
                  <c:v>0</c:v>
                </c:pt>
                <c:pt idx="3425">
                  <c:v>0</c:v>
                </c:pt>
                <c:pt idx="3426">
                  <c:v>0</c:v>
                </c:pt>
                <c:pt idx="3427">
                  <c:v>0</c:v>
                </c:pt>
                <c:pt idx="3428">
                  <c:v>0</c:v>
                </c:pt>
                <c:pt idx="3429">
                  <c:v>0</c:v>
                </c:pt>
                <c:pt idx="3430">
                  <c:v>0</c:v>
                </c:pt>
                <c:pt idx="3431">
                  <c:v>0</c:v>
                </c:pt>
                <c:pt idx="3432">
                  <c:v>0</c:v>
                </c:pt>
                <c:pt idx="3433">
                  <c:v>0</c:v>
                </c:pt>
                <c:pt idx="3434">
                  <c:v>0</c:v>
                </c:pt>
                <c:pt idx="3435">
                  <c:v>0</c:v>
                </c:pt>
                <c:pt idx="3436">
                  <c:v>0</c:v>
                </c:pt>
                <c:pt idx="3437">
                  <c:v>0</c:v>
                </c:pt>
                <c:pt idx="3438">
                  <c:v>0</c:v>
                </c:pt>
                <c:pt idx="3439">
                  <c:v>0</c:v>
                </c:pt>
                <c:pt idx="3440">
                  <c:v>0</c:v>
                </c:pt>
                <c:pt idx="3441">
                  <c:v>0</c:v>
                </c:pt>
                <c:pt idx="3442">
                  <c:v>0</c:v>
                </c:pt>
                <c:pt idx="3443">
                  <c:v>0</c:v>
                </c:pt>
                <c:pt idx="3444">
                  <c:v>0</c:v>
                </c:pt>
                <c:pt idx="3445">
                  <c:v>0</c:v>
                </c:pt>
                <c:pt idx="3446">
                  <c:v>0</c:v>
                </c:pt>
                <c:pt idx="3447">
                  <c:v>0</c:v>
                </c:pt>
                <c:pt idx="3448">
                  <c:v>0</c:v>
                </c:pt>
                <c:pt idx="3449">
                  <c:v>0</c:v>
                </c:pt>
                <c:pt idx="3450">
                  <c:v>0</c:v>
                </c:pt>
                <c:pt idx="3451">
                  <c:v>0</c:v>
                </c:pt>
                <c:pt idx="3452">
                  <c:v>0</c:v>
                </c:pt>
                <c:pt idx="3453">
                  <c:v>0</c:v>
                </c:pt>
                <c:pt idx="3454">
                  <c:v>0</c:v>
                </c:pt>
                <c:pt idx="3455">
                  <c:v>0</c:v>
                </c:pt>
                <c:pt idx="3456">
                  <c:v>0</c:v>
                </c:pt>
                <c:pt idx="3457">
                  <c:v>0</c:v>
                </c:pt>
                <c:pt idx="3458">
                  <c:v>0</c:v>
                </c:pt>
                <c:pt idx="3459">
                  <c:v>0</c:v>
                </c:pt>
                <c:pt idx="3460">
                  <c:v>0</c:v>
                </c:pt>
                <c:pt idx="3461">
                  <c:v>0</c:v>
                </c:pt>
                <c:pt idx="3462">
                  <c:v>0</c:v>
                </c:pt>
                <c:pt idx="3463">
                  <c:v>0</c:v>
                </c:pt>
                <c:pt idx="3464">
                  <c:v>0</c:v>
                </c:pt>
                <c:pt idx="3465">
                  <c:v>0</c:v>
                </c:pt>
                <c:pt idx="3466">
                  <c:v>0</c:v>
                </c:pt>
                <c:pt idx="3467">
                  <c:v>0</c:v>
                </c:pt>
                <c:pt idx="3468">
                  <c:v>0</c:v>
                </c:pt>
                <c:pt idx="3469">
                  <c:v>0</c:v>
                </c:pt>
                <c:pt idx="3470">
                  <c:v>0</c:v>
                </c:pt>
                <c:pt idx="3471">
                  <c:v>0</c:v>
                </c:pt>
                <c:pt idx="3472">
                  <c:v>0</c:v>
                </c:pt>
                <c:pt idx="3473">
                  <c:v>0</c:v>
                </c:pt>
                <c:pt idx="3474">
                  <c:v>0</c:v>
                </c:pt>
                <c:pt idx="3475">
                  <c:v>0</c:v>
                </c:pt>
                <c:pt idx="3476">
                  <c:v>0</c:v>
                </c:pt>
                <c:pt idx="3477">
                  <c:v>0</c:v>
                </c:pt>
                <c:pt idx="3478">
                  <c:v>0</c:v>
                </c:pt>
                <c:pt idx="3479">
                  <c:v>0</c:v>
                </c:pt>
                <c:pt idx="3480">
                  <c:v>0</c:v>
                </c:pt>
                <c:pt idx="3481">
                  <c:v>0</c:v>
                </c:pt>
                <c:pt idx="3482">
                  <c:v>0</c:v>
                </c:pt>
                <c:pt idx="3483">
                  <c:v>0</c:v>
                </c:pt>
                <c:pt idx="3484">
                  <c:v>0</c:v>
                </c:pt>
                <c:pt idx="3485">
                  <c:v>0</c:v>
                </c:pt>
                <c:pt idx="3486">
                  <c:v>0</c:v>
                </c:pt>
                <c:pt idx="3487">
                  <c:v>0</c:v>
                </c:pt>
                <c:pt idx="3488">
                  <c:v>0</c:v>
                </c:pt>
                <c:pt idx="3489">
                  <c:v>0</c:v>
                </c:pt>
                <c:pt idx="3490">
                  <c:v>0</c:v>
                </c:pt>
                <c:pt idx="3491">
                  <c:v>0</c:v>
                </c:pt>
                <c:pt idx="3492">
                  <c:v>0</c:v>
                </c:pt>
                <c:pt idx="3493">
                  <c:v>0</c:v>
                </c:pt>
                <c:pt idx="3494">
                  <c:v>0</c:v>
                </c:pt>
                <c:pt idx="3495">
                  <c:v>0</c:v>
                </c:pt>
                <c:pt idx="3496">
                  <c:v>0</c:v>
                </c:pt>
                <c:pt idx="3497">
                  <c:v>0</c:v>
                </c:pt>
                <c:pt idx="3498">
                  <c:v>0</c:v>
                </c:pt>
                <c:pt idx="3499">
                  <c:v>0</c:v>
                </c:pt>
                <c:pt idx="3500">
                  <c:v>0</c:v>
                </c:pt>
                <c:pt idx="3501">
                  <c:v>0</c:v>
                </c:pt>
                <c:pt idx="3502">
                  <c:v>0</c:v>
                </c:pt>
                <c:pt idx="3503">
                  <c:v>0</c:v>
                </c:pt>
                <c:pt idx="3504">
                  <c:v>0</c:v>
                </c:pt>
                <c:pt idx="3505">
                  <c:v>0</c:v>
                </c:pt>
                <c:pt idx="3506">
                  <c:v>0</c:v>
                </c:pt>
                <c:pt idx="3507">
                  <c:v>0</c:v>
                </c:pt>
                <c:pt idx="3508">
                  <c:v>0</c:v>
                </c:pt>
                <c:pt idx="3509">
                  <c:v>0</c:v>
                </c:pt>
                <c:pt idx="3510">
                  <c:v>0</c:v>
                </c:pt>
                <c:pt idx="3511">
                  <c:v>0</c:v>
                </c:pt>
                <c:pt idx="3512">
                  <c:v>0</c:v>
                </c:pt>
                <c:pt idx="3513">
                  <c:v>0</c:v>
                </c:pt>
                <c:pt idx="3514">
                  <c:v>0</c:v>
                </c:pt>
                <c:pt idx="3515">
                  <c:v>0</c:v>
                </c:pt>
                <c:pt idx="3516">
                  <c:v>0</c:v>
                </c:pt>
                <c:pt idx="3517">
                  <c:v>0</c:v>
                </c:pt>
                <c:pt idx="3518">
                  <c:v>0</c:v>
                </c:pt>
                <c:pt idx="3519">
                  <c:v>0</c:v>
                </c:pt>
                <c:pt idx="3520">
                  <c:v>0</c:v>
                </c:pt>
                <c:pt idx="3521">
                  <c:v>0</c:v>
                </c:pt>
                <c:pt idx="3522">
                  <c:v>0</c:v>
                </c:pt>
                <c:pt idx="3523">
                  <c:v>0</c:v>
                </c:pt>
                <c:pt idx="3524">
                  <c:v>0</c:v>
                </c:pt>
                <c:pt idx="3525">
                  <c:v>0</c:v>
                </c:pt>
                <c:pt idx="3526">
                  <c:v>0</c:v>
                </c:pt>
                <c:pt idx="3527">
                  <c:v>0</c:v>
                </c:pt>
                <c:pt idx="3528">
                  <c:v>0</c:v>
                </c:pt>
                <c:pt idx="3529">
                  <c:v>0</c:v>
                </c:pt>
                <c:pt idx="3530">
                  <c:v>0</c:v>
                </c:pt>
                <c:pt idx="3531">
                  <c:v>0</c:v>
                </c:pt>
                <c:pt idx="3532">
                  <c:v>0</c:v>
                </c:pt>
                <c:pt idx="3533">
                  <c:v>0</c:v>
                </c:pt>
                <c:pt idx="3534">
                  <c:v>0</c:v>
                </c:pt>
                <c:pt idx="3535">
                  <c:v>0</c:v>
                </c:pt>
                <c:pt idx="3536">
                  <c:v>0</c:v>
                </c:pt>
                <c:pt idx="3537">
                  <c:v>0</c:v>
                </c:pt>
                <c:pt idx="3538">
                  <c:v>0</c:v>
                </c:pt>
                <c:pt idx="3539">
                  <c:v>0</c:v>
                </c:pt>
                <c:pt idx="3540">
                  <c:v>0</c:v>
                </c:pt>
                <c:pt idx="3541">
                  <c:v>0</c:v>
                </c:pt>
                <c:pt idx="3542">
                  <c:v>0</c:v>
                </c:pt>
                <c:pt idx="3543">
                  <c:v>0</c:v>
                </c:pt>
                <c:pt idx="3544">
                  <c:v>0</c:v>
                </c:pt>
                <c:pt idx="3545">
                  <c:v>0</c:v>
                </c:pt>
                <c:pt idx="3546">
                  <c:v>0</c:v>
                </c:pt>
                <c:pt idx="3547">
                  <c:v>0</c:v>
                </c:pt>
                <c:pt idx="3548">
                  <c:v>0</c:v>
                </c:pt>
                <c:pt idx="3549">
                  <c:v>0</c:v>
                </c:pt>
                <c:pt idx="3550">
                  <c:v>0</c:v>
                </c:pt>
                <c:pt idx="3551">
                  <c:v>0</c:v>
                </c:pt>
                <c:pt idx="3552">
                  <c:v>0</c:v>
                </c:pt>
                <c:pt idx="3553">
                  <c:v>0</c:v>
                </c:pt>
                <c:pt idx="3554">
                  <c:v>0</c:v>
                </c:pt>
                <c:pt idx="3555">
                  <c:v>0</c:v>
                </c:pt>
                <c:pt idx="3556">
                  <c:v>0</c:v>
                </c:pt>
                <c:pt idx="3557">
                  <c:v>0</c:v>
                </c:pt>
                <c:pt idx="3558">
                  <c:v>0</c:v>
                </c:pt>
                <c:pt idx="3559">
                  <c:v>0</c:v>
                </c:pt>
                <c:pt idx="3560">
                  <c:v>0</c:v>
                </c:pt>
                <c:pt idx="3561">
                  <c:v>0</c:v>
                </c:pt>
                <c:pt idx="3562">
                  <c:v>0</c:v>
                </c:pt>
                <c:pt idx="3563">
                  <c:v>0</c:v>
                </c:pt>
                <c:pt idx="3564">
                  <c:v>0</c:v>
                </c:pt>
                <c:pt idx="3565">
                  <c:v>0</c:v>
                </c:pt>
                <c:pt idx="3566">
                  <c:v>0</c:v>
                </c:pt>
                <c:pt idx="3567">
                  <c:v>0</c:v>
                </c:pt>
                <c:pt idx="3568">
                  <c:v>0</c:v>
                </c:pt>
                <c:pt idx="3569">
                  <c:v>0</c:v>
                </c:pt>
                <c:pt idx="3570">
                  <c:v>0</c:v>
                </c:pt>
                <c:pt idx="3571">
                  <c:v>0</c:v>
                </c:pt>
                <c:pt idx="3572">
                  <c:v>0</c:v>
                </c:pt>
                <c:pt idx="3573">
                  <c:v>0</c:v>
                </c:pt>
                <c:pt idx="3574">
                  <c:v>0</c:v>
                </c:pt>
                <c:pt idx="3575">
                  <c:v>0</c:v>
                </c:pt>
                <c:pt idx="3576">
                  <c:v>0</c:v>
                </c:pt>
                <c:pt idx="3577">
                  <c:v>0</c:v>
                </c:pt>
                <c:pt idx="3578">
                  <c:v>0</c:v>
                </c:pt>
                <c:pt idx="3579">
                  <c:v>0</c:v>
                </c:pt>
                <c:pt idx="3580">
                  <c:v>0</c:v>
                </c:pt>
                <c:pt idx="3581">
                  <c:v>0</c:v>
                </c:pt>
                <c:pt idx="3582">
                  <c:v>0</c:v>
                </c:pt>
                <c:pt idx="3583">
                  <c:v>0</c:v>
                </c:pt>
                <c:pt idx="3584">
                  <c:v>0</c:v>
                </c:pt>
                <c:pt idx="3585">
                  <c:v>0</c:v>
                </c:pt>
                <c:pt idx="3586">
                  <c:v>0</c:v>
                </c:pt>
                <c:pt idx="3587">
                  <c:v>0</c:v>
                </c:pt>
                <c:pt idx="3588">
                  <c:v>0</c:v>
                </c:pt>
                <c:pt idx="3589">
                  <c:v>0</c:v>
                </c:pt>
                <c:pt idx="3590">
                  <c:v>0</c:v>
                </c:pt>
                <c:pt idx="3591">
                  <c:v>0</c:v>
                </c:pt>
                <c:pt idx="3592">
                  <c:v>0</c:v>
                </c:pt>
                <c:pt idx="3593">
                  <c:v>0</c:v>
                </c:pt>
                <c:pt idx="3594">
                  <c:v>0</c:v>
                </c:pt>
                <c:pt idx="3595">
                  <c:v>0</c:v>
                </c:pt>
                <c:pt idx="3596">
                  <c:v>0</c:v>
                </c:pt>
                <c:pt idx="3597">
                  <c:v>0</c:v>
                </c:pt>
                <c:pt idx="3598">
                  <c:v>0</c:v>
                </c:pt>
                <c:pt idx="3599">
                  <c:v>0</c:v>
                </c:pt>
                <c:pt idx="3600">
                  <c:v>0</c:v>
                </c:pt>
                <c:pt idx="3601">
                  <c:v>0</c:v>
                </c:pt>
                <c:pt idx="3602">
                  <c:v>0</c:v>
                </c:pt>
                <c:pt idx="3603">
                  <c:v>0</c:v>
                </c:pt>
                <c:pt idx="3604">
                  <c:v>0</c:v>
                </c:pt>
                <c:pt idx="3605">
                  <c:v>0</c:v>
                </c:pt>
                <c:pt idx="3606">
                  <c:v>0</c:v>
                </c:pt>
                <c:pt idx="3607">
                  <c:v>0</c:v>
                </c:pt>
                <c:pt idx="3608">
                  <c:v>0</c:v>
                </c:pt>
                <c:pt idx="3609">
                  <c:v>0</c:v>
                </c:pt>
                <c:pt idx="3610">
                  <c:v>0</c:v>
                </c:pt>
                <c:pt idx="3611">
                  <c:v>0</c:v>
                </c:pt>
                <c:pt idx="3612">
                  <c:v>0</c:v>
                </c:pt>
                <c:pt idx="3613">
                  <c:v>0</c:v>
                </c:pt>
                <c:pt idx="3614">
                  <c:v>0</c:v>
                </c:pt>
                <c:pt idx="3615">
                  <c:v>0</c:v>
                </c:pt>
                <c:pt idx="3616">
                  <c:v>0</c:v>
                </c:pt>
                <c:pt idx="3617">
                  <c:v>0</c:v>
                </c:pt>
                <c:pt idx="3618">
                  <c:v>0</c:v>
                </c:pt>
                <c:pt idx="3619">
                  <c:v>0</c:v>
                </c:pt>
                <c:pt idx="3620">
                  <c:v>0</c:v>
                </c:pt>
                <c:pt idx="3621">
                  <c:v>0</c:v>
                </c:pt>
                <c:pt idx="3622">
                  <c:v>0</c:v>
                </c:pt>
                <c:pt idx="3623">
                  <c:v>0</c:v>
                </c:pt>
                <c:pt idx="3624">
                  <c:v>0</c:v>
                </c:pt>
                <c:pt idx="3625">
                  <c:v>0</c:v>
                </c:pt>
                <c:pt idx="3626">
                  <c:v>0</c:v>
                </c:pt>
                <c:pt idx="3627">
                  <c:v>0</c:v>
                </c:pt>
                <c:pt idx="3628">
                  <c:v>0</c:v>
                </c:pt>
                <c:pt idx="3629">
                  <c:v>0</c:v>
                </c:pt>
                <c:pt idx="3630">
                  <c:v>0</c:v>
                </c:pt>
                <c:pt idx="3631">
                  <c:v>0</c:v>
                </c:pt>
                <c:pt idx="3632">
                  <c:v>0</c:v>
                </c:pt>
                <c:pt idx="3633">
                  <c:v>0</c:v>
                </c:pt>
                <c:pt idx="3634">
                  <c:v>0</c:v>
                </c:pt>
                <c:pt idx="3635">
                  <c:v>0</c:v>
                </c:pt>
                <c:pt idx="3636">
                  <c:v>0</c:v>
                </c:pt>
                <c:pt idx="3637">
                  <c:v>0</c:v>
                </c:pt>
                <c:pt idx="3638">
                  <c:v>0</c:v>
                </c:pt>
                <c:pt idx="3639">
                  <c:v>0</c:v>
                </c:pt>
                <c:pt idx="3640">
                  <c:v>0</c:v>
                </c:pt>
                <c:pt idx="3641">
                  <c:v>0</c:v>
                </c:pt>
                <c:pt idx="3642">
                  <c:v>0</c:v>
                </c:pt>
                <c:pt idx="3643">
                  <c:v>0</c:v>
                </c:pt>
                <c:pt idx="3644">
                  <c:v>0</c:v>
                </c:pt>
                <c:pt idx="3645">
                  <c:v>0</c:v>
                </c:pt>
                <c:pt idx="3646">
                  <c:v>0</c:v>
                </c:pt>
                <c:pt idx="3647">
                  <c:v>0</c:v>
                </c:pt>
                <c:pt idx="3648">
                  <c:v>0</c:v>
                </c:pt>
                <c:pt idx="3649">
                  <c:v>0</c:v>
                </c:pt>
                <c:pt idx="3650">
                  <c:v>0</c:v>
                </c:pt>
                <c:pt idx="3651">
                  <c:v>0</c:v>
                </c:pt>
                <c:pt idx="3652">
                  <c:v>0</c:v>
                </c:pt>
                <c:pt idx="3653">
                  <c:v>0</c:v>
                </c:pt>
                <c:pt idx="3654">
                  <c:v>0</c:v>
                </c:pt>
                <c:pt idx="3655">
                  <c:v>0</c:v>
                </c:pt>
                <c:pt idx="3656">
                  <c:v>0</c:v>
                </c:pt>
                <c:pt idx="3657">
                  <c:v>0</c:v>
                </c:pt>
                <c:pt idx="3658">
                  <c:v>0</c:v>
                </c:pt>
                <c:pt idx="3659">
                  <c:v>0</c:v>
                </c:pt>
                <c:pt idx="3660">
                  <c:v>0</c:v>
                </c:pt>
                <c:pt idx="3661">
                  <c:v>0</c:v>
                </c:pt>
                <c:pt idx="3662">
                  <c:v>0</c:v>
                </c:pt>
                <c:pt idx="3663">
                  <c:v>0</c:v>
                </c:pt>
                <c:pt idx="3664">
                  <c:v>0</c:v>
                </c:pt>
                <c:pt idx="3665">
                  <c:v>0</c:v>
                </c:pt>
                <c:pt idx="3666">
                  <c:v>0</c:v>
                </c:pt>
                <c:pt idx="3667">
                  <c:v>0</c:v>
                </c:pt>
                <c:pt idx="3668">
                  <c:v>0</c:v>
                </c:pt>
                <c:pt idx="3669">
                  <c:v>0</c:v>
                </c:pt>
                <c:pt idx="3670">
                  <c:v>0</c:v>
                </c:pt>
                <c:pt idx="3671">
                  <c:v>0</c:v>
                </c:pt>
                <c:pt idx="3672">
                  <c:v>0</c:v>
                </c:pt>
                <c:pt idx="3673">
                  <c:v>0</c:v>
                </c:pt>
                <c:pt idx="3674">
                  <c:v>0</c:v>
                </c:pt>
                <c:pt idx="3675">
                  <c:v>0</c:v>
                </c:pt>
                <c:pt idx="3676">
                  <c:v>0</c:v>
                </c:pt>
                <c:pt idx="3677">
                  <c:v>0</c:v>
                </c:pt>
                <c:pt idx="3678">
                  <c:v>0</c:v>
                </c:pt>
                <c:pt idx="3679">
                  <c:v>0</c:v>
                </c:pt>
                <c:pt idx="3680">
                  <c:v>0</c:v>
                </c:pt>
                <c:pt idx="3681">
                  <c:v>0</c:v>
                </c:pt>
                <c:pt idx="3682">
                  <c:v>0</c:v>
                </c:pt>
                <c:pt idx="3683">
                  <c:v>0</c:v>
                </c:pt>
                <c:pt idx="3684">
                  <c:v>0</c:v>
                </c:pt>
                <c:pt idx="3685">
                  <c:v>0</c:v>
                </c:pt>
                <c:pt idx="3686">
                  <c:v>0</c:v>
                </c:pt>
                <c:pt idx="3687">
                  <c:v>0</c:v>
                </c:pt>
                <c:pt idx="3688">
                  <c:v>0</c:v>
                </c:pt>
                <c:pt idx="3689">
                  <c:v>0</c:v>
                </c:pt>
                <c:pt idx="3690">
                  <c:v>0</c:v>
                </c:pt>
                <c:pt idx="3691">
                  <c:v>0</c:v>
                </c:pt>
                <c:pt idx="3692">
                  <c:v>0</c:v>
                </c:pt>
                <c:pt idx="3693">
                  <c:v>0</c:v>
                </c:pt>
                <c:pt idx="3694">
                  <c:v>0</c:v>
                </c:pt>
                <c:pt idx="3695">
                  <c:v>0</c:v>
                </c:pt>
                <c:pt idx="3696">
                  <c:v>0</c:v>
                </c:pt>
                <c:pt idx="3697">
                  <c:v>0</c:v>
                </c:pt>
                <c:pt idx="3698">
                  <c:v>0</c:v>
                </c:pt>
                <c:pt idx="3699">
                  <c:v>0</c:v>
                </c:pt>
                <c:pt idx="3700">
                  <c:v>0</c:v>
                </c:pt>
                <c:pt idx="3701">
                  <c:v>0</c:v>
                </c:pt>
                <c:pt idx="3702">
                  <c:v>0</c:v>
                </c:pt>
                <c:pt idx="3703">
                  <c:v>0</c:v>
                </c:pt>
                <c:pt idx="3704">
                  <c:v>0</c:v>
                </c:pt>
                <c:pt idx="3705">
                  <c:v>0</c:v>
                </c:pt>
                <c:pt idx="3706">
                  <c:v>0</c:v>
                </c:pt>
                <c:pt idx="3707">
                  <c:v>0</c:v>
                </c:pt>
                <c:pt idx="3708">
                  <c:v>0</c:v>
                </c:pt>
                <c:pt idx="3709">
                  <c:v>0</c:v>
                </c:pt>
                <c:pt idx="3710">
                  <c:v>0</c:v>
                </c:pt>
                <c:pt idx="3711">
                  <c:v>0</c:v>
                </c:pt>
                <c:pt idx="3712">
                  <c:v>0</c:v>
                </c:pt>
                <c:pt idx="3713">
                  <c:v>0</c:v>
                </c:pt>
                <c:pt idx="3714">
                  <c:v>0</c:v>
                </c:pt>
                <c:pt idx="3715">
                  <c:v>0</c:v>
                </c:pt>
                <c:pt idx="3716">
                  <c:v>0</c:v>
                </c:pt>
                <c:pt idx="3717">
                  <c:v>0</c:v>
                </c:pt>
                <c:pt idx="3718">
                  <c:v>0</c:v>
                </c:pt>
                <c:pt idx="3719">
                  <c:v>0</c:v>
                </c:pt>
                <c:pt idx="3720">
                  <c:v>0</c:v>
                </c:pt>
                <c:pt idx="3721">
                  <c:v>0</c:v>
                </c:pt>
                <c:pt idx="3722">
                  <c:v>0</c:v>
                </c:pt>
                <c:pt idx="3723">
                  <c:v>0</c:v>
                </c:pt>
                <c:pt idx="3724">
                  <c:v>0</c:v>
                </c:pt>
                <c:pt idx="3725">
                  <c:v>0</c:v>
                </c:pt>
                <c:pt idx="3726">
                  <c:v>0</c:v>
                </c:pt>
                <c:pt idx="3727">
                  <c:v>0</c:v>
                </c:pt>
                <c:pt idx="3728">
                  <c:v>0</c:v>
                </c:pt>
                <c:pt idx="3729">
                  <c:v>0</c:v>
                </c:pt>
                <c:pt idx="3730">
                  <c:v>0</c:v>
                </c:pt>
                <c:pt idx="3731">
                  <c:v>0</c:v>
                </c:pt>
                <c:pt idx="3732">
                  <c:v>0</c:v>
                </c:pt>
                <c:pt idx="3733">
                  <c:v>0</c:v>
                </c:pt>
                <c:pt idx="3734">
                  <c:v>0</c:v>
                </c:pt>
                <c:pt idx="3735">
                  <c:v>0</c:v>
                </c:pt>
                <c:pt idx="3736">
                  <c:v>0</c:v>
                </c:pt>
                <c:pt idx="3737">
                  <c:v>0</c:v>
                </c:pt>
                <c:pt idx="3738">
                  <c:v>0</c:v>
                </c:pt>
                <c:pt idx="3739">
                  <c:v>0</c:v>
                </c:pt>
                <c:pt idx="3740">
                  <c:v>0</c:v>
                </c:pt>
                <c:pt idx="3741">
                  <c:v>0</c:v>
                </c:pt>
                <c:pt idx="3742">
                  <c:v>0</c:v>
                </c:pt>
                <c:pt idx="3743">
                  <c:v>0</c:v>
                </c:pt>
                <c:pt idx="3744">
                  <c:v>0</c:v>
                </c:pt>
                <c:pt idx="3745">
                  <c:v>0</c:v>
                </c:pt>
                <c:pt idx="3746">
                  <c:v>0</c:v>
                </c:pt>
                <c:pt idx="3747">
                  <c:v>0</c:v>
                </c:pt>
                <c:pt idx="3748">
                  <c:v>0</c:v>
                </c:pt>
                <c:pt idx="3749">
                  <c:v>0</c:v>
                </c:pt>
                <c:pt idx="3750">
                  <c:v>0</c:v>
                </c:pt>
                <c:pt idx="3751">
                  <c:v>0</c:v>
                </c:pt>
                <c:pt idx="3752">
                  <c:v>0</c:v>
                </c:pt>
                <c:pt idx="3753">
                  <c:v>0</c:v>
                </c:pt>
                <c:pt idx="3754">
                  <c:v>0</c:v>
                </c:pt>
                <c:pt idx="3755">
                  <c:v>0</c:v>
                </c:pt>
                <c:pt idx="3756">
                  <c:v>0</c:v>
                </c:pt>
                <c:pt idx="3757">
                  <c:v>0</c:v>
                </c:pt>
                <c:pt idx="3758">
                  <c:v>0</c:v>
                </c:pt>
                <c:pt idx="3759">
                  <c:v>0</c:v>
                </c:pt>
                <c:pt idx="3760">
                  <c:v>0</c:v>
                </c:pt>
                <c:pt idx="3761">
                  <c:v>0</c:v>
                </c:pt>
                <c:pt idx="3762">
                  <c:v>0</c:v>
                </c:pt>
                <c:pt idx="3763">
                  <c:v>0</c:v>
                </c:pt>
                <c:pt idx="3764">
                  <c:v>0</c:v>
                </c:pt>
                <c:pt idx="3765">
                  <c:v>0</c:v>
                </c:pt>
                <c:pt idx="3766">
                  <c:v>0</c:v>
                </c:pt>
                <c:pt idx="3767">
                  <c:v>0</c:v>
                </c:pt>
                <c:pt idx="3768">
                  <c:v>0</c:v>
                </c:pt>
                <c:pt idx="3769">
                  <c:v>0</c:v>
                </c:pt>
                <c:pt idx="3770">
                  <c:v>0</c:v>
                </c:pt>
                <c:pt idx="3771">
                  <c:v>0</c:v>
                </c:pt>
                <c:pt idx="3772">
                  <c:v>0</c:v>
                </c:pt>
                <c:pt idx="3773">
                  <c:v>0</c:v>
                </c:pt>
                <c:pt idx="3774">
                  <c:v>0</c:v>
                </c:pt>
                <c:pt idx="3775">
                  <c:v>0</c:v>
                </c:pt>
                <c:pt idx="3776">
                  <c:v>0</c:v>
                </c:pt>
                <c:pt idx="3777">
                  <c:v>0</c:v>
                </c:pt>
                <c:pt idx="3778">
                  <c:v>0</c:v>
                </c:pt>
                <c:pt idx="3779">
                  <c:v>0</c:v>
                </c:pt>
                <c:pt idx="3780">
                  <c:v>0</c:v>
                </c:pt>
                <c:pt idx="3781">
                  <c:v>0</c:v>
                </c:pt>
                <c:pt idx="3782">
                  <c:v>0</c:v>
                </c:pt>
                <c:pt idx="3783">
                  <c:v>0</c:v>
                </c:pt>
                <c:pt idx="3784">
                  <c:v>0</c:v>
                </c:pt>
                <c:pt idx="3785">
                  <c:v>0</c:v>
                </c:pt>
                <c:pt idx="3786">
                  <c:v>0</c:v>
                </c:pt>
                <c:pt idx="3787">
                  <c:v>0</c:v>
                </c:pt>
                <c:pt idx="3788">
                  <c:v>0</c:v>
                </c:pt>
                <c:pt idx="3789">
                  <c:v>0</c:v>
                </c:pt>
                <c:pt idx="3790">
                  <c:v>0</c:v>
                </c:pt>
                <c:pt idx="3791">
                  <c:v>0</c:v>
                </c:pt>
                <c:pt idx="3792">
                  <c:v>0</c:v>
                </c:pt>
                <c:pt idx="3793">
                  <c:v>0</c:v>
                </c:pt>
                <c:pt idx="3794">
                  <c:v>0</c:v>
                </c:pt>
                <c:pt idx="3795">
                  <c:v>0</c:v>
                </c:pt>
                <c:pt idx="3796">
                  <c:v>0</c:v>
                </c:pt>
                <c:pt idx="3797">
                  <c:v>0</c:v>
                </c:pt>
                <c:pt idx="3798">
                  <c:v>0</c:v>
                </c:pt>
                <c:pt idx="3799">
                  <c:v>0</c:v>
                </c:pt>
                <c:pt idx="3800">
                  <c:v>0</c:v>
                </c:pt>
                <c:pt idx="3801">
                  <c:v>0</c:v>
                </c:pt>
                <c:pt idx="3802">
                  <c:v>0</c:v>
                </c:pt>
                <c:pt idx="3803">
                  <c:v>0</c:v>
                </c:pt>
                <c:pt idx="3804">
                  <c:v>0</c:v>
                </c:pt>
                <c:pt idx="3805">
                  <c:v>0</c:v>
                </c:pt>
                <c:pt idx="3806">
                  <c:v>0</c:v>
                </c:pt>
                <c:pt idx="3807">
                  <c:v>0</c:v>
                </c:pt>
                <c:pt idx="3808">
                  <c:v>0</c:v>
                </c:pt>
                <c:pt idx="3809">
                  <c:v>0</c:v>
                </c:pt>
                <c:pt idx="3810">
                  <c:v>0</c:v>
                </c:pt>
                <c:pt idx="3811">
                  <c:v>0</c:v>
                </c:pt>
                <c:pt idx="3812">
                  <c:v>0</c:v>
                </c:pt>
                <c:pt idx="3813">
                  <c:v>0</c:v>
                </c:pt>
                <c:pt idx="3814">
                  <c:v>0</c:v>
                </c:pt>
                <c:pt idx="3815">
                  <c:v>0</c:v>
                </c:pt>
                <c:pt idx="3816">
                  <c:v>0</c:v>
                </c:pt>
                <c:pt idx="3817">
                  <c:v>0</c:v>
                </c:pt>
                <c:pt idx="3818">
                  <c:v>0</c:v>
                </c:pt>
                <c:pt idx="3819">
                  <c:v>0</c:v>
                </c:pt>
                <c:pt idx="3820">
                  <c:v>0</c:v>
                </c:pt>
                <c:pt idx="3821">
                  <c:v>0</c:v>
                </c:pt>
                <c:pt idx="3822">
                  <c:v>0</c:v>
                </c:pt>
                <c:pt idx="3823">
                  <c:v>0</c:v>
                </c:pt>
                <c:pt idx="3824">
                  <c:v>0</c:v>
                </c:pt>
                <c:pt idx="3825">
                  <c:v>0</c:v>
                </c:pt>
                <c:pt idx="3826">
                  <c:v>0</c:v>
                </c:pt>
                <c:pt idx="3827">
                  <c:v>0</c:v>
                </c:pt>
                <c:pt idx="3828">
                  <c:v>0</c:v>
                </c:pt>
                <c:pt idx="3829">
                  <c:v>0</c:v>
                </c:pt>
                <c:pt idx="3830">
                  <c:v>0</c:v>
                </c:pt>
                <c:pt idx="3831">
                  <c:v>0</c:v>
                </c:pt>
                <c:pt idx="3832">
                  <c:v>0</c:v>
                </c:pt>
                <c:pt idx="3833">
                  <c:v>0</c:v>
                </c:pt>
                <c:pt idx="3834">
                  <c:v>0</c:v>
                </c:pt>
                <c:pt idx="3835">
                  <c:v>0</c:v>
                </c:pt>
                <c:pt idx="3836">
                  <c:v>0</c:v>
                </c:pt>
                <c:pt idx="3837">
                  <c:v>0</c:v>
                </c:pt>
                <c:pt idx="3838">
                  <c:v>0</c:v>
                </c:pt>
                <c:pt idx="3839">
                  <c:v>0</c:v>
                </c:pt>
                <c:pt idx="3840">
                  <c:v>0</c:v>
                </c:pt>
                <c:pt idx="3841">
                  <c:v>0</c:v>
                </c:pt>
                <c:pt idx="3842">
                  <c:v>0</c:v>
                </c:pt>
                <c:pt idx="3843">
                  <c:v>0</c:v>
                </c:pt>
                <c:pt idx="3844">
                  <c:v>0</c:v>
                </c:pt>
                <c:pt idx="3845">
                  <c:v>0</c:v>
                </c:pt>
                <c:pt idx="3846">
                  <c:v>0</c:v>
                </c:pt>
                <c:pt idx="3847">
                  <c:v>0</c:v>
                </c:pt>
                <c:pt idx="3848">
                  <c:v>0</c:v>
                </c:pt>
                <c:pt idx="3849">
                  <c:v>0</c:v>
                </c:pt>
                <c:pt idx="3850">
                  <c:v>0</c:v>
                </c:pt>
                <c:pt idx="3851">
                  <c:v>0</c:v>
                </c:pt>
                <c:pt idx="3852">
                  <c:v>0</c:v>
                </c:pt>
                <c:pt idx="3853">
                  <c:v>0</c:v>
                </c:pt>
                <c:pt idx="3854">
                  <c:v>0</c:v>
                </c:pt>
                <c:pt idx="3855">
                  <c:v>0</c:v>
                </c:pt>
                <c:pt idx="3856">
                  <c:v>0</c:v>
                </c:pt>
                <c:pt idx="3857">
                  <c:v>0</c:v>
                </c:pt>
                <c:pt idx="3858">
                  <c:v>0</c:v>
                </c:pt>
                <c:pt idx="3859">
                  <c:v>0</c:v>
                </c:pt>
                <c:pt idx="3860">
                  <c:v>0</c:v>
                </c:pt>
                <c:pt idx="3861">
                  <c:v>0</c:v>
                </c:pt>
                <c:pt idx="3862">
                  <c:v>0</c:v>
                </c:pt>
                <c:pt idx="3863">
                  <c:v>0</c:v>
                </c:pt>
                <c:pt idx="3864">
                  <c:v>0</c:v>
                </c:pt>
                <c:pt idx="3865">
                  <c:v>0</c:v>
                </c:pt>
                <c:pt idx="3866">
                  <c:v>0</c:v>
                </c:pt>
                <c:pt idx="3867">
                  <c:v>0</c:v>
                </c:pt>
                <c:pt idx="3868">
                  <c:v>0</c:v>
                </c:pt>
                <c:pt idx="3869">
                  <c:v>0</c:v>
                </c:pt>
                <c:pt idx="3870">
                  <c:v>0</c:v>
                </c:pt>
                <c:pt idx="3871">
                  <c:v>0</c:v>
                </c:pt>
                <c:pt idx="3872">
                  <c:v>0</c:v>
                </c:pt>
                <c:pt idx="3873">
                  <c:v>0</c:v>
                </c:pt>
                <c:pt idx="3874">
                  <c:v>0</c:v>
                </c:pt>
                <c:pt idx="3875">
                  <c:v>0</c:v>
                </c:pt>
                <c:pt idx="3876">
                  <c:v>0</c:v>
                </c:pt>
                <c:pt idx="3877">
                  <c:v>0</c:v>
                </c:pt>
                <c:pt idx="3878">
                  <c:v>0</c:v>
                </c:pt>
                <c:pt idx="3879">
                  <c:v>0</c:v>
                </c:pt>
                <c:pt idx="3880">
                  <c:v>0</c:v>
                </c:pt>
                <c:pt idx="3881">
                  <c:v>0</c:v>
                </c:pt>
                <c:pt idx="3882">
                  <c:v>0</c:v>
                </c:pt>
                <c:pt idx="3883">
                  <c:v>0</c:v>
                </c:pt>
                <c:pt idx="3884">
                  <c:v>0</c:v>
                </c:pt>
                <c:pt idx="3885">
                  <c:v>0</c:v>
                </c:pt>
                <c:pt idx="3886">
                  <c:v>0</c:v>
                </c:pt>
                <c:pt idx="3887">
                  <c:v>0</c:v>
                </c:pt>
                <c:pt idx="3888">
                  <c:v>0</c:v>
                </c:pt>
                <c:pt idx="3889">
                  <c:v>0</c:v>
                </c:pt>
                <c:pt idx="3890">
                  <c:v>0</c:v>
                </c:pt>
                <c:pt idx="3891">
                  <c:v>0</c:v>
                </c:pt>
                <c:pt idx="3892">
                  <c:v>0</c:v>
                </c:pt>
                <c:pt idx="3893">
                  <c:v>0</c:v>
                </c:pt>
                <c:pt idx="3894">
                  <c:v>0</c:v>
                </c:pt>
                <c:pt idx="3895">
                  <c:v>0</c:v>
                </c:pt>
                <c:pt idx="3896">
                  <c:v>0</c:v>
                </c:pt>
                <c:pt idx="3897">
                  <c:v>0</c:v>
                </c:pt>
                <c:pt idx="3898">
                  <c:v>0</c:v>
                </c:pt>
                <c:pt idx="3899">
                  <c:v>0</c:v>
                </c:pt>
                <c:pt idx="3900">
                  <c:v>0</c:v>
                </c:pt>
                <c:pt idx="3901">
                  <c:v>0</c:v>
                </c:pt>
                <c:pt idx="3902">
                  <c:v>0</c:v>
                </c:pt>
                <c:pt idx="3903">
                  <c:v>0</c:v>
                </c:pt>
                <c:pt idx="3904">
                  <c:v>0</c:v>
                </c:pt>
                <c:pt idx="3905">
                  <c:v>0</c:v>
                </c:pt>
                <c:pt idx="3906">
                  <c:v>0</c:v>
                </c:pt>
                <c:pt idx="3907">
                  <c:v>0</c:v>
                </c:pt>
                <c:pt idx="3908">
                  <c:v>0</c:v>
                </c:pt>
                <c:pt idx="3909">
                  <c:v>0</c:v>
                </c:pt>
                <c:pt idx="3910">
                  <c:v>0</c:v>
                </c:pt>
                <c:pt idx="3911">
                  <c:v>0</c:v>
                </c:pt>
                <c:pt idx="3912">
                  <c:v>0</c:v>
                </c:pt>
                <c:pt idx="3913">
                  <c:v>0</c:v>
                </c:pt>
                <c:pt idx="3914">
                  <c:v>0</c:v>
                </c:pt>
                <c:pt idx="3915">
                  <c:v>0</c:v>
                </c:pt>
                <c:pt idx="3916">
                  <c:v>0</c:v>
                </c:pt>
                <c:pt idx="3917">
                  <c:v>0</c:v>
                </c:pt>
                <c:pt idx="3918">
                  <c:v>0</c:v>
                </c:pt>
                <c:pt idx="3919">
                  <c:v>0</c:v>
                </c:pt>
                <c:pt idx="3920">
                  <c:v>0</c:v>
                </c:pt>
                <c:pt idx="3921">
                  <c:v>0</c:v>
                </c:pt>
                <c:pt idx="3922">
                  <c:v>0</c:v>
                </c:pt>
                <c:pt idx="3923">
                  <c:v>0</c:v>
                </c:pt>
                <c:pt idx="3924">
                  <c:v>0</c:v>
                </c:pt>
                <c:pt idx="3925">
                  <c:v>0</c:v>
                </c:pt>
                <c:pt idx="3926">
                  <c:v>0</c:v>
                </c:pt>
                <c:pt idx="3927">
                  <c:v>0</c:v>
                </c:pt>
                <c:pt idx="3928">
                  <c:v>0</c:v>
                </c:pt>
                <c:pt idx="3929">
                  <c:v>0</c:v>
                </c:pt>
                <c:pt idx="3930">
                  <c:v>0</c:v>
                </c:pt>
                <c:pt idx="3931">
                  <c:v>0</c:v>
                </c:pt>
                <c:pt idx="3932">
                  <c:v>0</c:v>
                </c:pt>
                <c:pt idx="3933">
                  <c:v>0</c:v>
                </c:pt>
                <c:pt idx="3934">
                  <c:v>0</c:v>
                </c:pt>
                <c:pt idx="3935">
                  <c:v>0</c:v>
                </c:pt>
                <c:pt idx="3936">
                  <c:v>0</c:v>
                </c:pt>
                <c:pt idx="3937">
                  <c:v>0</c:v>
                </c:pt>
                <c:pt idx="3938">
                  <c:v>0</c:v>
                </c:pt>
                <c:pt idx="3939">
                  <c:v>0</c:v>
                </c:pt>
                <c:pt idx="3940">
                  <c:v>0</c:v>
                </c:pt>
                <c:pt idx="3941">
                  <c:v>0</c:v>
                </c:pt>
                <c:pt idx="3942">
                  <c:v>0</c:v>
                </c:pt>
                <c:pt idx="3943">
                  <c:v>0</c:v>
                </c:pt>
                <c:pt idx="3944">
                  <c:v>0</c:v>
                </c:pt>
                <c:pt idx="3945">
                  <c:v>0</c:v>
                </c:pt>
                <c:pt idx="3946">
                  <c:v>0</c:v>
                </c:pt>
                <c:pt idx="3947">
                  <c:v>0</c:v>
                </c:pt>
                <c:pt idx="3948">
                  <c:v>0</c:v>
                </c:pt>
                <c:pt idx="3949">
                  <c:v>0</c:v>
                </c:pt>
                <c:pt idx="3950">
                  <c:v>0</c:v>
                </c:pt>
                <c:pt idx="3951">
                  <c:v>0</c:v>
                </c:pt>
                <c:pt idx="3952">
                  <c:v>0</c:v>
                </c:pt>
                <c:pt idx="3953">
                  <c:v>0</c:v>
                </c:pt>
                <c:pt idx="3954">
                  <c:v>0</c:v>
                </c:pt>
                <c:pt idx="3955">
                  <c:v>0</c:v>
                </c:pt>
                <c:pt idx="3956">
                  <c:v>0</c:v>
                </c:pt>
                <c:pt idx="3957">
                  <c:v>0</c:v>
                </c:pt>
                <c:pt idx="3958">
                  <c:v>0</c:v>
                </c:pt>
                <c:pt idx="3959">
                  <c:v>0</c:v>
                </c:pt>
                <c:pt idx="3960">
                  <c:v>0</c:v>
                </c:pt>
                <c:pt idx="3961">
                  <c:v>0</c:v>
                </c:pt>
                <c:pt idx="3962">
                  <c:v>0</c:v>
                </c:pt>
                <c:pt idx="3963">
                  <c:v>0</c:v>
                </c:pt>
                <c:pt idx="3964">
                  <c:v>0</c:v>
                </c:pt>
                <c:pt idx="3965">
                  <c:v>0</c:v>
                </c:pt>
                <c:pt idx="3966">
                  <c:v>0</c:v>
                </c:pt>
                <c:pt idx="3967">
                  <c:v>0</c:v>
                </c:pt>
                <c:pt idx="3968">
                  <c:v>0</c:v>
                </c:pt>
                <c:pt idx="3969">
                  <c:v>0</c:v>
                </c:pt>
                <c:pt idx="3970">
                  <c:v>0</c:v>
                </c:pt>
                <c:pt idx="3971">
                  <c:v>0</c:v>
                </c:pt>
                <c:pt idx="3972">
                  <c:v>0</c:v>
                </c:pt>
                <c:pt idx="3973">
                  <c:v>0</c:v>
                </c:pt>
                <c:pt idx="3974">
                  <c:v>0</c:v>
                </c:pt>
                <c:pt idx="3975">
                  <c:v>0</c:v>
                </c:pt>
                <c:pt idx="3976">
                  <c:v>0</c:v>
                </c:pt>
                <c:pt idx="3977">
                  <c:v>0</c:v>
                </c:pt>
                <c:pt idx="3978">
                  <c:v>0</c:v>
                </c:pt>
                <c:pt idx="3979">
                  <c:v>0</c:v>
                </c:pt>
                <c:pt idx="3980">
                  <c:v>0</c:v>
                </c:pt>
                <c:pt idx="3981">
                  <c:v>0</c:v>
                </c:pt>
                <c:pt idx="3982">
                  <c:v>0</c:v>
                </c:pt>
                <c:pt idx="3983">
                  <c:v>0</c:v>
                </c:pt>
                <c:pt idx="3984">
                  <c:v>0</c:v>
                </c:pt>
                <c:pt idx="3985">
                  <c:v>0</c:v>
                </c:pt>
                <c:pt idx="3986">
                  <c:v>0</c:v>
                </c:pt>
                <c:pt idx="3987">
                  <c:v>0</c:v>
                </c:pt>
                <c:pt idx="3988">
                  <c:v>0</c:v>
                </c:pt>
                <c:pt idx="3989">
                  <c:v>0</c:v>
                </c:pt>
                <c:pt idx="3990">
                  <c:v>0</c:v>
                </c:pt>
                <c:pt idx="3991">
                  <c:v>0</c:v>
                </c:pt>
                <c:pt idx="3992">
                  <c:v>0</c:v>
                </c:pt>
                <c:pt idx="3993">
                  <c:v>0</c:v>
                </c:pt>
                <c:pt idx="3994">
                  <c:v>0</c:v>
                </c:pt>
                <c:pt idx="3995">
                  <c:v>0</c:v>
                </c:pt>
                <c:pt idx="3996">
                  <c:v>0</c:v>
                </c:pt>
                <c:pt idx="3997">
                  <c:v>0</c:v>
                </c:pt>
                <c:pt idx="3998">
                  <c:v>0</c:v>
                </c:pt>
                <c:pt idx="3999">
                  <c:v>0</c:v>
                </c:pt>
                <c:pt idx="4000">
                  <c:v>0</c:v>
                </c:pt>
                <c:pt idx="4001">
                  <c:v>0</c:v>
                </c:pt>
                <c:pt idx="4002">
                  <c:v>0</c:v>
                </c:pt>
                <c:pt idx="4003">
                  <c:v>0</c:v>
                </c:pt>
                <c:pt idx="4004">
                  <c:v>0</c:v>
                </c:pt>
                <c:pt idx="4005">
                  <c:v>0</c:v>
                </c:pt>
                <c:pt idx="4006">
                  <c:v>0</c:v>
                </c:pt>
                <c:pt idx="4007">
                  <c:v>0</c:v>
                </c:pt>
                <c:pt idx="4008">
                  <c:v>0</c:v>
                </c:pt>
                <c:pt idx="4009">
                  <c:v>0</c:v>
                </c:pt>
                <c:pt idx="4010">
                  <c:v>0</c:v>
                </c:pt>
                <c:pt idx="4011">
                  <c:v>0</c:v>
                </c:pt>
                <c:pt idx="4012">
                  <c:v>0</c:v>
                </c:pt>
                <c:pt idx="4013">
                  <c:v>0</c:v>
                </c:pt>
                <c:pt idx="4014">
                  <c:v>0</c:v>
                </c:pt>
                <c:pt idx="4015">
                  <c:v>0</c:v>
                </c:pt>
                <c:pt idx="4016">
                  <c:v>0</c:v>
                </c:pt>
                <c:pt idx="4017">
                  <c:v>0</c:v>
                </c:pt>
                <c:pt idx="4018">
                  <c:v>0</c:v>
                </c:pt>
                <c:pt idx="4019">
                  <c:v>0</c:v>
                </c:pt>
                <c:pt idx="4020">
                  <c:v>0</c:v>
                </c:pt>
                <c:pt idx="4021">
                  <c:v>0</c:v>
                </c:pt>
                <c:pt idx="4022">
                  <c:v>0</c:v>
                </c:pt>
                <c:pt idx="4023">
                  <c:v>0</c:v>
                </c:pt>
                <c:pt idx="4024">
                  <c:v>0</c:v>
                </c:pt>
                <c:pt idx="4025">
                  <c:v>0</c:v>
                </c:pt>
                <c:pt idx="4026">
                  <c:v>0</c:v>
                </c:pt>
                <c:pt idx="4027">
                  <c:v>0</c:v>
                </c:pt>
                <c:pt idx="4028">
                  <c:v>0</c:v>
                </c:pt>
                <c:pt idx="4029">
                  <c:v>0</c:v>
                </c:pt>
                <c:pt idx="4030">
                  <c:v>0</c:v>
                </c:pt>
                <c:pt idx="4031">
                  <c:v>0</c:v>
                </c:pt>
                <c:pt idx="4032">
                  <c:v>0</c:v>
                </c:pt>
                <c:pt idx="4033">
                  <c:v>0</c:v>
                </c:pt>
                <c:pt idx="4034">
                  <c:v>0</c:v>
                </c:pt>
                <c:pt idx="4035">
                  <c:v>0</c:v>
                </c:pt>
                <c:pt idx="4036">
                  <c:v>0</c:v>
                </c:pt>
                <c:pt idx="4037">
                  <c:v>0</c:v>
                </c:pt>
                <c:pt idx="4038">
                  <c:v>0</c:v>
                </c:pt>
                <c:pt idx="4039">
                  <c:v>0</c:v>
                </c:pt>
                <c:pt idx="4040">
                  <c:v>0</c:v>
                </c:pt>
                <c:pt idx="4041">
                  <c:v>0</c:v>
                </c:pt>
                <c:pt idx="4042">
                  <c:v>0</c:v>
                </c:pt>
                <c:pt idx="4043">
                  <c:v>0</c:v>
                </c:pt>
                <c:pt idx="4044">
                  <c:v>0</c:v>
                </c:pt>
                <c:pt idx="4045">
                  <c:v>0</c:v>
                </c:pt>
                <c:pt idx="4046">
                  <c:v>0</c:v>
                </c:pt>
                <c:pt idx="4047">
                  <c:v>0</c:v>
                </c:pt>
                <c:pt idx="4048">
                  <c:v>0</c:v>
                </c:pt>
                <c:pt idx="4049">
                  <c:v>0</c:v>
                </c:pt>
                <c:pt idx="4050">
                  <c:v>0</c:v>
                </c:pt>
                <c:pt idx="4051">
                  <c:v>0</c:v>
                </c:pt>
                <c:pt idx="4052">
                  <c:v>0</c:v>
                </c:pt>
                <c:pt idx="4053">
                  <c:v>0</c:v>
                </c:pt>
                <c:pt idx="4054">
                  <c:v>0</c:v>
                </c:pt>
                <c:pt idx="4055">
                  <c:v>0</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c:v>
                </c:pt>
                <c:pt idx="4177">
                  <c:v>0</c:v>
                </c:pt>
                <c:pt idx="4178">
                  <c:v>0</c:v>
                </c:pt>
                <c:pt idx="4179">
                  <c:v>0</c:v>
                </c:pt>
                <c:pt idx="4180">
                  <c:v>0</c:v>
                </c:pt>
                <c:pt idx="4181">
                  <c:v>0</c:v>
                </c:pt>
                <c:pt idx="4182">
                  <c:v>0</c:v>
                </c:pt>
                <c:pt idx="4183">
                  <c:v>0</c:v>
                </c:pt>
                <c:pt idx="4184">
                  <c:v>0</c:v>
                </c:pt>
                <c:pt idx="4185">
                  <c:v>0</c:v>
                </c:pt>
                <c:pt idx="4186">
                  <c:v>0</c:v>
                </c:pt>
                <c:pt idx="4187">
                  <c:v>0</c:v>
                </c:pt>
                <c:pt idx="4188">
                  <c:v>0</c:v>
                </c:pt>
                <c:pt idx="4189">
                  <c:v>0</c:v>
                </c:pt>
                <c:pt idx="4190">
                  <c:v>0</c:v>
                </c:pt>
                <c:pt idx="4191">
                  <c:v>0</c:v>
                </c:pt>
                <c:pt idx="4192">
                  <c:v>0</c:v>
                </c:pt>
                <c:pt idx="4193">
                  <c:v>0</c:v>
                </c:pt>
                <c:pt idx="4194">
                  <c:v>0</c:v>
                </c:pt>
                <c:pt idx="4195">
                  <c:v>0</c:v>
                </c:pt>
                <c:pt idx="4196">
                  <c:v>0</c:v>
                </c:pt>
                <c:pt idx="4197">
                  <c:v>0</c:v>
                </c:pt>
                <c:pt idx="4198">
                  <c:v>0</c:v>
                </c:pt>
                <c:pt idx="4199">
                  <c:v>0</c:v>
                </c:pt>
                <c:pt idx="4200">
                  <c:v>0</c:v>
                </c:pt>
                <c:pt idx="4201">
                  <c:v>0</c:v>
                </c:pt>
                <c:pt idx="4202">
                  <c:v>0</c:v>
                </c:pt>
                <c:pt idx="4203">
                  <c:v>0</c:v>
                </c:pt>
                <c:pt idx="4204">
                  <c:v>0</c:v>
                </c:pt>
                <c:pt idx="4205">
                  <c:v>0</c:v>
                </c:pt>
                <c:pt idx="4206">
                  <c:v>0</c:v>
                </c:pt>
                <c:pt idx="4207">
                  <c:v>0</c:v>
                </c:pt>
                <c:pt idx="4208">
                  <c:v>0</c:v>
                </c:pt>
                <c:pt idx="4209">
                  <c:v>0</c:v>
                </c:pt>
                <c:pt idx="4210">
                  <c:v>0</c:v>
                </c:pt>
                <c:pt idx="4211">
                  <c:v>0</c:v>
                </c:pt>
                <c:pt idx="4212">
                  <c:v>0</c:v>
                </c:pt>
                <c:pt idx="4213">
                  <c:v>0</c:v>
                </c:pt>
                <c:pt idx="4214">
                  <c:v>0</c:v>
                </c:pt>
                <c:pt idx="4215">
                  <c:v>0</c:v>
                </c:pt>
                <c:pt idx="4216">
                  <c:v>0</c:v>
                </c:pt>
                <c:pt idx="4217">
                  <c:v>0</c:v>
                </c:pt>
                <c:pt idx="4218">
                  <c:v>0</c:v>
                </c:pt>
                <c:pt idx="4219">
                  <c:v>0</c:v>
                </c:pt>
                <c:pt idx="4220">
                  <c:v>0</c:v>
                </c:pt>
                <c:pt idx="4221">
                  <c:v>0</c:v>
                </c:pt>
                <c:pt idx="4222">
                  <c:v>0</c:v>
                </c:pt>
                <c:pt idx="4223">
                  <c:v>0</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0</c:v>
                </c:pt>
                <c:pt idx="4249">
                  <c:v>0</c:v>
                </c:pt>
                <c:pt idx="4250">
                  <c:v>0</c:v>
                </c:pt>
                <c:pt idx="4251">
                  <c:v>0</c:v>
                </c:pt>
                <c:pt idx="4252">
                  <c:v>0</c:v>
                </c:pt>
                <c:pt idx="4253">
                  <c:v>0</c:v>
                </c:pt>
                <c:pt idx="4254">
                  <c:v>0</c:v>
                </c:pt>
                <c:pt idx="4255">
                  <c:v>0</c:v>
                </c:pt>
                <c:pt idx="4256">
                  <c:v>0</c:v>
                </c:pt>
                <c:pt idx="4257">
                  <c:v>0</c:v>
                </c:pt>
                <c:pt idx="4258">
                  <c:v>0</c:v>
                </c:pt>
                <c:pt idx="4259">
                  <c:v>0</c:v>
                </c:pt>
                <c:pt idx="4260">
                  <c:v>0</c:v>
                </c:pt>
                <c:pt idx="4261">
                  <c:v>0</c:v>
                </c:pt>
                <c:pt idx="4262">
                  <c:v>0</c:v>
                </c:pt>
                <c:pt idx="4263">
                  <c:v>0</c:v>
                </c:pt>
                <c:pt idx="4264">
                  <c:v>0</c:v>
                </c:pt>
                <c:pt idx="4265">
                  <c:v>0</c:v>
                </c:pt>
                <c:pt idx="4266">
                  <c:v>0</c:v>
                </c:pt>
                <c:pt idx="4267">
                  <c:v>0</c:v>
                </c:pt>
                <c:pt idx="4268">
                  <c:v>0</c:v>
                </c:pt>
                <c:pt idx="4269">
                  <c:v>0</c:v>
                </c:pt>
                <c:pt idx="4270">
                  <c:v>0</c:v>
                </c:pt>
                <c:pt idx="4271">
                  <c:v>0</c:v>
                </c:pt>
                <c:pt idx="4272">
                  <c:v>0</c:v>
                </c:pt>
                <c:pt idx="4273">
                  <c:v>0</c:v>
                </c:pt>
                <c:pt idx="4274">
                  <c:v>0</c:v>
                </c:pt>
                <c:pt idx="4275">
                  <c:v>0</c:v>
                </c:pt>
                <c:pt idx="4276">
                  <c:v>0</c:v>
                </c:pt>
                <c:pt idx="4277">
                  <c:v>0</c:v>
                </c:pt>
                <c:pt idx="4278">
                  <c:v>0</c:v>
                </c:pt>
                <c:pt idx="4279">
                  <c:v>0</c:v>
                </c:pt>
                <c:pt idx="4280">
                  <c:v>0</c:v>
                </c:pt>
                <c:pt idx="4281">
                  <c:v>0</c:v>
                </c:pt>
                <c:pt idx="4282">
                  <c:v>0</c:v>
                </c:pt>
                <c:pt idx="4283">
                  <c:v>0</c:v>
                </c:pt>
                <c:pt idx="4284">
                  <c:v>0</c:v>
                </c:pt>
                <c:pt idx="4285">
                  <c:v>0</c:v>
                </c:pt>
                <c:pt idx="4286">
                  <c:v>0</c:v>
                </c:pt>
                <c:pt idx="4287">
                  <c:v>0</c:v>
                </c:pt>
                <c:pt idx="4288">
                  <c:v>0</c:v>
                </c:pt>
                <c:pt idx="4289">
                  <c:v>0</c:v>
                </c:pt>
                <c:pt idx="4290">
                  <c:v>0</c:v>
                </c:pt>
                <c:pt idx="4291">
                  <c:v>0</c:v>
                </c:pt>
                <c:pt idx="4292">
                  <c:v>0</c:v>
                </c:pt>
                <c:pt idx="4293">
                  <c:v>0</c:v>
                </c:pt>
                <c:pt idx="4294">
                  <c:v>0</c:v>
                </c:pt>
                <c:pt idx="4295">
                  <c:v>0</c:v>
                </c:pt>
                <c:pt idx="4296">
                  <c:v>0</c:v>
                </c:pt>
                <c:pt idx="4297">
                  <c:v>0</c:v>
                </c:pt>
                <c:pt idx="4298">
                  <c:v>0</c:v>
                </c:pt>
                <c:pt idx="4299">
                  <c:v>0</c:v>
                </c:pt>
                <c:pt idx="4300">
                  <c:v>0</c:v>
                </c:pt>
                <c:pt idx="4301">
                  <c:v>0</c:v>
                </c:pt>
                <c:pt idx="4302">
                  <c:v>0</c:v>
                </c:pt>
                <c:pt idx="4303">
                  <c:v>0</c:v>
                </c:pt>
                <c:pt idx="4304">
                  <c:v>0</c:v>
                </c:pt>
                <c:pt idx="4305">
                  <c:v>0</c:v>
                </c:pt>
                <c:pt idx="4306">
                  <c:v>0</c:v>
                </c:pt>
                <c:pt idx="4307">
                  <c:v>0</c:v>
                </c:pt>
                <c:pt idx="4308">
                  <c:v>0</c:v>
                </c:pt>
                <c:pt idx="4309">
                  <c:v>0</c:v>
                </c:pt>
                <c:pt idx="4310">
                  <c:v>0</c:v>
                </c:pt>
                <c:pt idx="4311">
                  <c:v>0</c:v>
                </c:pt>
                <c:pt idx="4312">
                  <c:v>0</c:v>
                </c:pt>
                <c:pt idx="4313">
                  <c:v>0</c:v>
                </c:pt>
                <c:pt idx="4314">
                  <c:v>0</c:v>
                </c:pt>
                <c:pt idx="4315">
                  <c:v>0</c:v>
                </c:pt>
                <c:pt idx="4316">
                  <c:v>0</c:v>
                </c:pt>
                <c:pt idx="4317">
                  <c:v>0</c:v>
                </c:pt>
                <c:pt idx="4318">
                  <c:v>0</c:v>
                </c:pt>
                <c:pt idx="4319">
                  <c:v>0</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0</c:v>
                </c:pt>
                <c:pt idx="4345">
                  <c:v>0</c:v>
                </c:pt>
                <c:pt idx="4346">
                  <c:v>0</c:v>
                </c:pt>
                <c:pt idx="4347">
                  <c:v>0</c:v>
                </c:pt>
                <c:pt idx="4348">
                  <c:v>0</c:v>
                </c:pt>
                <c:pt idx="4349">
                  <c:v>0</c:v>
                </c:pt>
                <c:pt idx="4350">
                  <c:v>0</c:v>
                </c:pt>
                <c:pt idx="4351">
                  <c:v>0</c:v>
                </c:pt>
                <c:pt idx="4352">
                  <c:v>0</c:v>
                </c:pt>
                <c:pt idx="4353">
                  <c:v>0</c:v>
                </c:pt>
                <c:pt idx="4354">
                  <c:v>0</c:v>
                </c:pt>
                <c:pt idx="4355">
                  <c:v>0</c:v>
                </c:pt>
                <c:pt idx="4356">
                  <c:v>0</c:v>
                </c:pt>
                <c:pt idx="4357">
                  <c:v>0</c:v>
                </c:pt>
                <c:pt idx="4358">
                  <c:v>0</c:v>
                </c:pt>
                <c:pt idx="4359">
                  <c:v>0</c:v>
                </c:pt>
                <c:pt idx="4360">
                  <c:v>0</c:v>
                </c:pt>
                <c:pt idx="4361">
                  <c:v>0</c:v>
                </c:pt>
                <c:pt idx="4362">
                  <c:v>0</c:v>
                </c:pt>
                <c:pt idx="4363">
                  <c:v>0</c:v>
                </c:pt>
                <c:pt idx="4364">
                  <c:v>0</c:v>
                </c:pt>
                <c:pt idx="4365">
                  <c:v>0</c:v>
                </c:pt>
                <c:pt idx="4366">
                  <c:v>0</c:v>
                </c:pt>
                <c:pt idx="4367">
                  <c:v>0</c:v>
                </c:pt>
                <c:pt idx="4368">
                  <c:v>0</c:v>
                </c:pt>
                <c:pt idx="4369">
                  <c:v>0</c:v>
                </c:pt>
                <c:pt idx="4370">
                  <c:v>0</c:v>
                </c:pt>
                <c:pt idx="4371">
                  <c:v>0</c:v>
                </c:pt>
                <c:pt idx="4372">
                  <c:v>0</c:v>
                </c:pt>
                <c:pt idx="4373">
                  <c:v>0</c:v>
                </c:pt>
                <c:pt idx="4374">
                  <c:v>0</c:v>
                </c:pt>
                <c:pt idx="4375">
                  <c:v>0</c:v>
                </c:pt>
                <c:pt idx="4376">
                  <c:v>0</c:v>
                </c:pt>
                <c:pt idx="4377">
                  <c:v>0</c:v>
                </c:pt>
                <c:pt idx="4378">
                  <c:v>0</c:v>
                </c:pt>
                <c:pt idx="4379">
                  <c:v>0</c:v>
                </c:pt>
                <c:pt idx="4380">
                  <c:v>0</c:v>
                </c:pt>
                <c:pt idx="4381">
                  <c:v>0</c:v>
                </c:pt>
                <c:pt idx="4382">
                  <c:v>0</c:v>
                </c:pt>
                <c:pt idx="4383">
                  <c:v>0</c:v>
                </c:pt>
                <c:pt idx="4384">
                  <c:v>0</c:v>
                </c:pt>
                <c:pt idx="4385">
                  <c:v>0</c:v>
                </c:pt>
                <c:pt idx="4386">
                  <c:v>0</c:v>
                </c:pt>
                <c:pt idx="4387">
                  <c:v>0</c:v>
                </c:pt>
                <c:pt idx="4388">
                  <c:v>0</c:v>
                </c:pt>
                <c:pt idx="4389">
                  <c:v>0</c:v>
                </c:pt>
                <c:pt idx="4390">
                  <c:v>0</c:v>
                </c:pt>
                <c:pt idx="4391">
                  <c:v>0</c:v>
                </c:pt>
                <c:pt idx="4392">
                  <c:v>0</c:v>
                </c:pt>
                <c:pt idx="4393">
                  <c:v>0</c:v>
                </c:pt>
                <c:pt idx="4394">
                  <c:v>0</c:v>
                </c:pt>
                <c:pt idx="4395">
                  <c:v>0</c:v>
                </c:pt>
                <c:pt idx="4396">
                  <c:v>0</c:v>
                </c:pt>
                <c:pt idx="4397">
                  <c:v>0</c:v>
                </c:pt>
                <c:pt idx="4398">
                  <c:v>0</c:v>
                </c:pt>
                <c:pt idx="4399">
                  <c:v>0</c:v>
                </c:pt>
                <c:pt idx="4400">
                  <c:v>0</c:v>
                </c:pt>
                <c:pt idx="4401">
                  <c:v>0</c:v>
                </c:pt>
                <c:pt idx="4402">
                  <c:v>0</c:v>
                </c:pt>
                <c:pt idx="4403">
                  <c:v>0</c:v>
                </c:pt>
                <c:pt idx="4404">
                  <c:v>0</c:v>
                </c:pt>
                <c:pt idx="4405">
                  <c:v>0</c:v>
                </c:pt>
                <c:pt idx="4406">
                  <c:v>0</c:v>
                </c:pt>
                <c:pt idx="4407">
                  <c:v>0</c:v>
                </c:pt>
                <c:pt idx="4408">
                  <c:v>0</c:v>
                </c:pt>
                <c:pt idx="4409">
                  <c:v>0</c:v>
                </c:pt>
                <c:pt idx="4410">
                  <c:v>0</c:v>
                </c:pt>
                <c:pt idx="4411">
                  <c:v>0</c:v>
                </c:pt>
                <c:pt idx="4412">
                  <c:v>0</c:v>
                </c:pt>
                <c:pt idx="4413">
                  <c:v>0</c:v>
                </c:pt>
                <c:pt idx="4414">
                  <c:v>0</c:v>
                </c:pt>
                <c:pt idx="4415">
                  <c:v>0</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0</c:v>
                </c:pt>
                <c:pt idx="4441">
                  <c:v>0</c:v>
                </c:pt>
                <c:pt idx="4442">
                  <c:v>0</c:v>
                </c:pt>
                <c:pt idx="4443">
                  <c:v>0</c:v>
                </c:pt>
                <c:pt idx="4444">
                  <c:v>0</c:v>
                </c:pt>
                <c:pt idx="4445">
                  <c:v>0</c:v>
                </c:pt>
                <c:pt idx="4446">
                  <c:v>0</c:v>
                </c:pt>
                <c:pt idx="4447">
                  <c:v>0</c:v>
                </c:pt>
                <c:pt idx="4448">
                  <c:v>0</c:v>
                </c:pt>
                <c:pt idx="4449">
                  <c:v>0</c:v>
                </c:pt>
                <c:pt idx="4450">
                  <c:v>0</c:v>
                </c:pt>
                <c:pt idx="4451">
                  <c:v>0</c:v>
                </c:pt>
                <c:pt idx="4452">
                  <c:v>0</c:v>
                </c:pt>
                <c:pt idx="4453">
                  <c:v>0</c:v>
                </c:pt>
                <c:pt idx="4454">
                  <c:v>0</c:v>
                </c:pt>
                <c:pt idx="4455">
                  <c:v>0</c:v>
                </c:pt>
                <c:pt idx="4456">
                  <c:v>0</c:v>
                </c:pt>
                <c:pt idx="4457">
                  <c:v>0</c:v>
                </c:pt>
                <c:pt idx="4458">
                  <c:v>0</c:v>
                </c:pt>
                <c:pt idx="4459">
                  <c:v>0</c:v>
                </c:pt>
                <c:pt idx="4460">
                  <c:v>0</c:v>
                </c:pt>
                <c:pt idx="4461">
                  <c:v>0</c:v>
                </c:pt>
                <c:pt idx="4462">
                  <c:v>0</c:v>
                </c:pt>
                <c:pt idx="4463">
                  <c:v>0</c:v>
                </c:pt>
                <c:pt idx="4464">
                  <c:v>0</c:v>
                </c:pt>
                <c:pt idx="4465">
                  <c:v>0</c:v>
                </c:pt>
                <c:pt idx="4466">
                  <c:v>0</c:v>
                </c:pt>
                <c:pt idx="4467">
                  <c:v>0</c:v>
                </c:pt>
                <c:pt idx="4468">
                  <c:v>0</c:v>
                </c:pt>
                <c:pt idx="4469">
                  <c:v>0</c:v>
                </c:pt>
                <c:pt idx="4470">
                  <c:v>0</c:v>
                </c:pt>
                <c:pt idx="4471">
                  <c:v>0</c:v>
                </c:pt>
                <c:pt idx="4472">
                  <c:v>0</c:v>
                </c:pt>
                <c:pt idx="4473">
                  <c:v>0</c:v>
                </c:pt>
                <c:pt idx="4474">
                  <c:v>0</c:v>
                </c:pt>
                <c:pt idx="4475">
                  <c:v>0</c:v>
                </c:pt>
                <c:pt idx="4476">
                  <c:v>0</c:v>
                </c:pt>
                <c:pt idx="4477">
                  <c:v>0</c:v>
                </c:pt>
                <c:pt idx="4478">
                  <c:v>0</c:v>
                </c:pt>
                <c:pt idx="4479">
                  <c:v>0</c:v>
                </c:pt>
                <c:pt idx="4480">
                  <c:v>0</c:v>
                </c:pt>
                <c:pt idx="4481">
                  <c:v>0</c:v>
                </c:pt>
                <c:pt idx="4482">
                  <c:v>0</c:v>
                </c:pt>
                <c:pt idx="4483">
                  <c:v>0</c:v>
                </c:pt>
                <c:pt idx="4484">
                  <c:v>0</c:v>
                </c:pt>
                <c:pt idx="4485">
                  <c:v>0</c:v>
                </c:pt>
                <c:pt idx="4486">
                  <c:v>0</c:v>
                </c:pt>
                <c:pt idx="4487">
                  <c:v>0</c:v>
                </c:pt>
                <c:pt idx="4488">
                  <c:v>0</c:v>
                </c:pt>
                <c:pt idx="4489">
                  <c:v>0</c:v>
                </c:pt>
                <c:pt idx="4490">
                  <c:v>0</c:v>
                </c:pt>
                <c:pt idx="4491">
                  <c:v>0</c:v>
                </c:pt>
                <c:pt idx="4492">
                  <c:v>0</c:v>
                </c:pt>
                <c:pt idx="4493">
                  <c:v>0</c:v>
                </c:pt>
                <c:pt idx="4494">
                  <c:v>0</c:v>
                </c:pt>
                <c:pt idx="4495">
                  <c:v>0</c:v>
                </c:pt>
                <c:pt idx="4496">
                  <c:v>0</c:v>
                </c:pt>
                <c:pt idx="4497">
                  <c:v>0</c:v>
                </c:pt>
                <c:pt idx="4498">
                  <c:v>0</c:v>
                </c:pt>
                <c:pt idx="4499">
                  <c:v>0</c:v>
                </c:pt>
                <c:pt idx="4500">
                  <c:v>0</c:v>
                </c:pt>
                <c:pt idx="4501">
                  <c:v>0</c:v>
                </c:pt>
                <c:pt idx="4502">
                  <c:v>0</c:v>
                </c:pt>
                <c:pt idx="4503">
                  <c:v>0</c:v>
                </c:pt>
                <c:pt idx="4504">
                  <c:v>0</c:v>
                </c:pt>
                <c:pt idx="4505">
                  <c:v>0</c:v>
                </c:pt>
                <c:pt idx="4506">
                  <c:v>0</c:v>
                </c:pt>
                <c:pt idx="4507">
                  <c:v>0</c:v>
                </c:pt>
                <c:pt idx="4508">
                  <c:v>0</c:v>
                </c:pt>
                <c:pt idx="4509">
                  <c:v>0</c:v>
                </c:pt>
                <c:pt idx="4510">
                  <c:v>0</c:v>
                </c:pt>
                <c:pt idx="4511">
                  <c:v>0</c:v>
                </c:pt>
                <c:pt idx="4512">
                  <c:v>0</c:v>
                </c:pt>
                <c:pt idx="4513">
                  <c:v>0</c:v>
                </c:pt>
                <c:pt idx="4514">
                  <c:v>0</c:v>
                </c:pt>
                <c:pt idx="4515">
                  <c:v>0</c:v>
                </c:pt>
                <c:pt idx="4516">
                  <c:v>0</c:v>
                </c:pt>
                <c:pt idx="4517">
                  <c:v>0</c:v>
                </c:pt>
                <c:pt idx="4518">
                  <c:v>0</c:v>
                </c:pt>
                <c:pt idx="4519">
                  <c:v>0</c:v>
                </c:pt>
                <c:pt idx="4520">
                  <c:v>0</c:v>
                </c:pt>
                <c:pt idx="4521">
                  <c:v>0</c:v>
                </c:pt>
                <c:pt idx="4522">
                  <c:v>0</c:v>
                </c:pt>
                <c:pt idx="4523">
                  <c:v>0</c:v>
                </c:pt>
                <c:pt idx="4524">
                  <c:v>0</c:v>
                </c:pt>
                <c:pt idx="4525">
                  <c:v>0</c:v>
                </c:pt>
                <c:pt idx="4526">
                  <c:v>0</c:v>
                </c:pt>
                <c:pt idx="4527">
                  <c:v>0</c:v>
                </c:pt>
                <c:pt idx="4528">
                  <c:v>0</c:v>
                </c:pt>
                <c:pt idx="4529">
                  <c:v>0</c:v>
                </c:pt>
                <c:pt idx="4530">
                  <c:v>0</c:v>
                </c:pt>
                <c:pt idx="4531">
                  <c:v>0</c:v>
                </c:pt>
                <c:pt idx="4532">
                  <c:v>0</c:v>
                </c:pt>
                <c:pt idx="4533">
                  <c:v>0</c:v>
                </c:pt>
                <c:pt idx="4534">
                  <c:v>0</c:v>
                </c:pt>
                <c:pt idx="4535">
                  <c:v>0</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0</c:v>
                </c:pt>
                <c:pt idx="4825">
                  <c:v>0</c:v>
                </c:pt>
                <c:pt idx="4826">
                  <c:v>0</c:v>
                </c:pt>
                <c:pt idx="4827">
                  <c:v>0</c:v>
                </c:pt>
                <c:pt idx="4828">
                  <c:v>0</c:v>
                </c:pt>
                <c:pt idx="4829">
                  <c:v>0</c:v>
                </c:pt>
                <c:pt idx="4830">
                  <c:v>0</c:v>
                </c:pt>
                <c:pt idx="4831">
                  <c:v>0</c:v>
                </c:pt>
                <c:pt idx="4832">
                  <c:v>0</c:v>
                </c:pt>
                <c:pt idx="4833">
                  <c:v>0</c:v>
                </c:pt>
                <c:pt idx="4834">
                  <c:v>0</c:v>
                </c:pt>
                <c:pt idx="4835">
                  <c:v>0</c:v>
                </c:pt>
                <c:pt idx="4836">
                  <c:v>0</c:v>
                </c:pt>
                <c:pt idx="4837">
                  <c:v>0</c:v>
                </c:pt>
                <c:pt idx="4838">
                  <c:v>0</c:v>
                </c:pt>
                <c:pt idx="4839">
                  <c:v>0</c:v>
                </c:pt>
                <c:pt idx="4840">
                  <c:v>0</c:v>
                </c:pt>
                <c:pt idx="4841">
                  <c:v>0</c:v>
                </c:pt>
                <c:pt idx="4842">
                  <c:v>0</c:v>
                </c:pt>
                <c:pt idx="4843">
                  <c:v>0</c:v>
                </c:pt>
                <c:pt idx="4844">
                  <c:v>0</c:v>
                </c:pt>
                <c:pt idx="4845">
                  <c:v>0</c:v>
                </c:pt>
                <c:pt idx="4846">
                  <c:v>0</c:v>
                </c:pt>
                <c:pt idx="4847">
                  <c:v>0</c:v>
                </c:pt>
                <c:pt idx="4848">
                  <c:v>0</c:v>
                </c:pt>
                <c:pt idx="4849">
                  <c:v>0</c:v>
                </c:pt>
                <c:pt idx="4850">
                  <c:v>0</c:v>
                </c:pt>
                <c:pt idx="4851">
                  <c:v>0</c:v>
                </c:pt>
                <c:pt idx="4852">
                  <c:v>0</c:v>
                </c:pt>
                <c:pt idx="4853">
                  <c:v>0</c:v>
                </c:pt>
                <c:pt idx="4854">
                  <c:v>0</c:v>
                </c:pt>
                <c:pt idx="4855">
                  <c:v>0</c:v>
                </c:pt>
                <c:pt idx="4856">
                  <c:v>0</c:v>
                </c:pt>
                <c:pt idx="4857">
                  <c:v>0</c:v>
                </c:pt>
                <c:pt idx="4858">
                  <c:v>0</c:v>
                </c:pt>
                <c:pt idx="4859">
                  <c:v>0</c:v>
                </c:pt>
                <c:pt idx="4860">
                  <c:v>0</c:v>
                </c:pt>
                <c:pt idx="4861">
                  <c:v>0</c:v>
                </c:pt>
                <c:pt idx="4862">
                  <c:v>0</c:v>
                </c:pt>
                <c:pt idx="4863">
                  <c:v>0</c:v>
                </c:pt>
                <c:pt idx="4864">
                  <c:v>0</c:v>
                </c:pt>
                <c:pt idx="4865">
                  <c:v>0</c:v>
                </c:pt>
                <c:pt idx="4866">
                  <c:v>0</c:v>
                </c:pt>
                <c:pt idx="4867">
                  <c:v>0</c:v>
                </c:pt>
                <c:pt idx="4868">
                  <c:v>0</c:v>
                </c:pt>
                <c:pt idx="4869">
                  <c:v>0</c:v>
                </c:pt>
                <c:pt idx="4870">
                  <c:v>0</c:v>
                </c:pt>
                <c:pt idx="4871">
                  <c:v>0</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0</c:v>
                </c:pt>
                <c:pt idx="4921">
                  <c:v>0</c:v>
                </c:pt>
                <c:pt idx="4922">
                  <c:v>0</c:v>
                </c:pt>
                <c:pt idx="4923">
                  <c:v>0</c:v>
                </c:pt>
                <c:pt idx="4924">
                  <c:v>0</c:v>
                </c:pt>
                <c:pt idx="4925">
                  <c:v>0</c:v>
                </c:pt>
                <c:pt idx="4926">
                  <c:v>0</c:v>
                </c:pt>
                <c:pt idx="4927">
                  <c:v>0</c:v>
                </c:pt>
                <c:pt idx="4928">
                  <c:v>0</c:v>
                </c:pt>
                <c:pt idx="4929">
                  <c:v>0</c:v>
                </c:pt>
                <c:pt idx="4930">
                  <c:v>0</c:v>
                </c:pt>
                <c:pt idx="4931">
                  <c:v>0</c:v>
                </c:pt>
                <c:pt idx="4932">
                  <c:v>0</c:v>
                </c:pt>
                <c:pt idx="4933">
                  <c:v>0</c:v>
                </c:pt>
                <c:pt idx="4934">
                  <c:v>0</c:v>
                </c:pt>
                <c:pt idx="4935">
                  <c:v>0</c:v>
                </c:pt>
                <c:pt idx="4936">
                  <c:v>0</c:v>
                </c:pt>
                <c:pt idx="4937">
                  <c:v>0</c:v>
                </c:pt>
                <c:pt idx="4938">
                  <c:v>0</c:v>
                </c:pt>
                <c:pt idx="4939">
                  <c:v>0</c:v>
                </c:pt>
                <c:pt idx="4940">
                  <c:v>0</c:v>
                </c:pt>
                <c:pt idx="4941">
                  <c:v>0</c:v>
                </c:pt>
                <c:pt idx="4942">
                  <c:v>0</c:v>
                </c:pt>
                <c:pt idx="4943">
                  <c:v>0</c:v>
                </c:pt>
                <c:pt idx="4944">
                  <c:v>0</c:v>
                </c:pt>
                <c:pt idx="4945">
                  <c:v>0</c:v>
                </c:pt>
                <c:pt idx="4946">
                  <c:v>0</c:v>
                </c:pt>
                <c:pt idx="4947">
                  <c:v>0</c:v>
                </c:pt>
                <c:pt idx="4948">
                  <c:v>0</c:v>
                </c:pt>
                <c:pt idx="4949">
                  <c:v>0</c:v>
                </c:pt>
                <c:pt idx="4950">
                  <c:v>0</c:v>
                </c:pt>
                <c:pt idx="4951">
                  <c:v>0</c:v>
                </c:pt>
                <c:pt idx="4952">
                  <c:v>0</c:v>
                </c:pt>
                <c:pt idx="4953">
                  <c:v>0</c:v>
                </c:pt>
                <c:pt idx="4954">
                  <c:v>0</c:v>
                </c:pt>
                <c:pt idx="4955">
                  <c:v>0</c:v>
                </c:pt>
                <c:pt idx="4956">
                  <c:v>0</c:v>
                </c:pt>
                <c:pt idx="4957">
                  <c:v>0</c:v>
                </c:pt>
                <c:pt idx="4958">
                  <c:v>0</c:v>
                </c:pt>
                <c:pt idx="4959">
                  <c:v>0</c:v>
                </c:pt>
                <c:pt idx="4960">
                  <c:v>0</c:v>
                </c:pt>
                <c:pt idx="4961">
                  <c:v>0</c:v>
                </c:pt>
                <c:pt idx="4962">
                  <c:v>0</c:v>
                </c:pt>
                <c:pt idx="4963">
                  <c:v>0</c:v>
                </c:pt>
                <c:pt idx="4964">
                  <c:v>0</c:v>
                </c:pt>
                <c:pt idx="4965">
                  <c:v>0</c:v>
                </c:pt>
                <c:pt idx="4966">
                  <c:v>0</c:v>
                </c:pt>
                <c:pt idx="4967">
                  <c:v>0</c:v>
                </c:pt>
                <c:pt idx="4968">
                  <c:v>0</c:v>
                </c:pt>
                <c:pt idx="4969">
                  <c:v>0</c:v>
                </c:pt>
                <c:pt idx="4970">
                  <c:v>0</c:v>
                </c:pt>
                <c:pt idx="4971">
                  <c:v>0</c:v>
                </c:pt>
                <c:pt idx="4972">
                  <c:v>0</c:v>
                </c:pt>
                <c:pt idx="4973">
                  <c:v>0</c:v>
                </c:pt>
                <c:pt idx="4974">
                  <c:v>0</c:v>
                </c:pt>
                <c:pt idx="4975">
                  <c:v>0</c:v>
                </c:pt>
                <c:pt idx="4976">
                  <c:v>0</c:v>
                </c:pt>
                <c:pt idx="4977">
                  <c:v>0</c:v>
                </c:pt>
                <c:pt idx="4978">
                  <c:v>0</c:v>
                </c:pt>
                <c:pt idx="4979">
                  <c:v>0</c:v>
                </c:pt>
                <c:pt idx="4980">
                  <c:v>0</c:v>
                </c:pt>
                <c:pt idx="4981">
                  <c:v>0</c:v>
                </c:pt>
                <c:pt idx="4982">
                  <c:v>0</c:v>
                </c:pt>
                <c:pt idx="4983">
                  <c:v>0</c:v>
                </c:pt>
                <c:pt idx="4984">
                  <c:v>0</c:v>
                </c:pt>
                <c:pt idx="4985">
                  <c:v>0</c:v>
                </c:pt>
                <c:pt idx="4986">
                  <c:v>0</c:v>
                </c:pt>
                <c:pt idx="4987">
                  <c:v>0</c:v>
                </c:pt>
                <c:pt idx="4988">
                  <c:v>0</c:v>
                </c:pt>
                <c:pt idx="4989">
                  <c:v>0</c:v>
                </c:pt>
                <c:pt idx="4990">
                  <c:v>0</c:v>
                </c:pt>
                <c:pt idx="4991">
                  <c:v>0</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0</c:v>
                </c:pt>
                <c:pt idx="5041">
                  <c:v>0</c:v>
                </c:pt>
                <c:pt idx="5042">
                  <c:v>0</c:v>
                </c:pt>
                <c:pt idx="5043">
                  <c:v>0</c:v>
                </c:pt>
                <c:pt idx="5044">
                  <c:v>0</c:v>
                </c:pt>
                <c:pt idx="5045">
                  <c:v>0</c:v>
                </c:pt>
                <c:pt idx="5046">
                  <c:v>0</c:v>
                </c:pt>
                <c:pt idx="5047">
                  <c:v>0</c:v>
                </c:pt>
                <c:pt idx="5048">
                  <c:v>0</c:v>
                </c:pt>
                <c:pt idx="5049">
                  <c:v>0</c:v>
                </c:pt>
                <c:pt idx="5050">
                  <c:v>0</c:v>
                </c:pt>
                <c:pt idx="5051">
                  <c:v>0</c:v>
                </c:pt>
                <c:pt idx="5052">
                  <c:v>0</c:v>
                </c:pt>
                <c:pt idx="5053">
                  <c:v>0</c:v>
                </c:pt>
                <c:pt idx="5054">
                  <c:v>0</c:v>
                </c:pt>
                <c:pt idx="5055">
                  <c:v>0</c:v>
                </c:pt>
                <c:pt idx="5056">
                  <c:v>0</c:v>
                </c:pt>
                <c:pt idx="5057">
                  <c:v>0</c:v>
                </c:pt>
                <c:pt idx="5058">
                  <c:v>0</c:v>
                </c:pt>
                <c:pt idx="5059">
                  <c:v>0</c:v>
                </c:pt>
                <c:pt idx="5060">
                  <c:v>0</c:v>
                </c:pt>
                <c:pt idx="5061">
                  <c:v>0</c:v>
                </c:pt>
                <c:pt idx="5062">
                  <c:v>0</c:v>
                </c:pt>
                <c:pt idx="5063">
                  <c:v>0</c:v>
                </c:pt>
                <c:pt idx="5064">
                  <c:v>0</c:v>
                </c:pt>
                <c:pt idx="5065">
                  <c:v>0</c:v>
                </c:pt>
                <c:pt idx="5066">
                  <c:v>0</c:v>
                </c:pt>
                <c:pt idx="5067">
                  <c:v>0</c:v>
                </c:pt>
                <c:pt idx="5068">
                  <c:v>0</c:v>
                </c:pt>
                <c:pt idx="5069">
                  <c:v>0</c:v>
                </c:pt>
                <c:pt idx="5070">
                  <c:v>0</c:v>
                </c:pt>
                <c:pt idx="5071">
                  <c:v>0</c:v>
                </c:pt>
                <c:pt idx="5072">
                  <c:v>0</c:v>
                </c:pt>
                <c:pt idx="5073">
                  <c:v>0</c:v>
                </c:pt>
                <c:pt idx="5074">
                  <c:v>0</c:v>
                </c:pt>
                <c:pt idx="5075">
                  <c:v>0</c:v>
                </c:pt>
                <c:pt idx="5076">
                  <c:v>0</c:v>
                </c:pt>
                <c:pt idx="5077">
                  <c:v>0</c:v>
                </c:pt>
                <c:pt idx="5078">
                  <c:v>0</c:v>
                </c:pt>
                <c:pt idx="5079">
                  <c:v>0</c:v>
                </c:pt>
                <c:pt idx="5080">
                  <c:v>0</c:v>
                </c:pt>
                <c:pt idx="5081">
                  <c:v>0</c:v>
                </c:pt>
                <c:pt idx="5082">
                  <c:v>0</c:v>
                </c:pt>
                <c:pt idx="5083">
                  <c:v>0</c:v>
                </c:pt>
                <c:pt idx="5084">
                  <c:v>0</c:v>
                </c:pt>
                <c:pt idx="5085">
                  <c:v>0</c:v>
                </c:pt>
                <c:pt idx="5086">
                  <c:v>0</c:v>
                </c:pt>
                <c:pt idx="5087">
                  <c:v>0</c:v>
                </c:pt>
                <c:pt idx="5088">
                  <c:v>0</c:v>
                </c:pt>
                <c:pt idx="5089">
                  <c:v>0</c:v>
                </c:pt>
                <c:pt idx="5090">
                  <c:v>0</c:v>
                </c:pt>
                <c:pt idx="5091">
                  <c:v>0</c:v>
                </c:pt>
                <c:pt idx="5092">
                  <c:v>0</c:v>
                </c:pt>
                <c:pt idx="5093">
                  <c:v>0</c:v>
                </c:pt>
                <c:pt idx="5094">
                  <c:v>0</c:v>
                </c:pt>
                <c:pt idx="5095">
                  <c:v>0</c:v>
                </c:pt>
                <c:pt idx="5096">
                  <c:v>0</c:v>
                </c:pt>
                <c:pt idx="5097">
                  <c:v>0</c:v>
                </c:pt>
                <c:pt idx="5098">
                  <c:v>0</c:v>
                </c:pt>
                <c:pt idx="5099">
                  <c:v>0</c:v>
                </c:pt>
                <c:pt idx="5100">
                  <c:v>0</c:v>
                </c:pt>
                <c:pt idx="5101">
                  <c:v>0</c:v>
                </c:pt>
                <c:pt idx="5102">
                  <c:v>0</c:v>
                </c:pt>
                <c:pt idx="5103">
                  <c:v>0</c:v>
                </c:pt>
                <c:pt idx="5104">
                  <c:v>0</c:v>
                </c:pt>
                <c:pt idx="5105">
                  <c:v>0</c:v>
                </c:pt>
                <c:pt idx="5106">
                  <c:v>0</c:v>
                </c:pt>
                <c:pt idx="5107">
                  <c:v>0</c:v>
                </c:pt>
                <c:pt idx="5108">
                  <c:v>0</c:v>
                </c:pt>
                <c:pt idx="5109">
                  <c:v>0</c:v>
                </c:pt>
                <c:pt idx="5110">
                  <c:v>0</c:v>
                </c:pt>
                <c:pt idx="5111">
                  <c:v>0</c:v>
                </c:pt>
                <c:pt idx="5112">
                  <c:v>0</c:v>
                </c:pt>
                <c:pt idx="5113">
                  <c:v>0</c:v>
                </c:pt>
                <c:pt idx="5114">
                  <c:v>0</c:v>
                </c:pt>
                <c:pt idx="5115">
                  <c:v>0</c:v>
                </c:pt>
                <c:pt idx="5116">
                  <c:v>0</c:v>
                </c:pt>
                <c:pt idx="5117">
                  <c:v>0</c:v>
                </c:pt>
                <c:pt idx="5118">
                  <c:v>0</c:v>
                </c:pt>
                <c:pt idx="5119">
                  <c:v>0</c:v>
                </c:pt>
                <c:pt idx="5120">
                  <c:v>0</c:v>
                </c:pt>
                <c:pt idx="5121">
                  <c:v>0</c:v>
                </c:pt>
                <c:pt idx="5122">
                  <c:v>0</c:v>
                </c:pt>
                <c:pt idx="5123">
                  <c:v>0</c:v>
                </c:pt>
                <c:pt idx="5124">
                  <c:v>0</c:v>
                </c:pt>
                <c:pt idx="5125">
                  <c:v>0</c:v>
                </c:pt>
                <c:pt idx="5126">
                  <c:v>0</c:v>
                </c:pt>
                <c:pt idx="5127">
                  <c:v>0</c:v>
                </c:pt>
                <c:pt idx="5128">
                  <c:v>0</c:v>
                </c:pt>
                <c:pt idx="5129">
                  <c:v>0</c:v>
                </c:pt>
                <c:pt idx="5130">
                  <c:v>0</c:v>
                </c:pt>
                <c:pt idx="5131">
                  <c:v>0</c:v>
                </c:pt>
                <c:pt idx="5132">
                  <c:v>0</c:v>
                </c:pt>
                <c:pt idx="5133">
                  <c:v>0</c:v>
                </c:pt>
                <c:pt idx="5134">
                  <c:v>0</c:v>
                </c:pt>
                <c:pt idx="5135">
                  <c:v>0</c:v>
                </c:pt>
                <c:pt idx="5136">
                  <c:v>0</c:v>
                </c:pt>
                <c:pt idx="5137">
                  <c:v>0</c:v>
                </c:pt>
                <c:pt idx="5138">
                  <c:v>0</c:v>
                </c:pt>
                <c:pt idx="5139">
                  <c:v>0</c:v>
                </c:pt>
                <c:pt idx="5140">
                  <c:v>0</c:v>
                </c:pt>
                <c:pt idx="5141">
                  <c:v>0</c:v>
                </c:pt>
                <c:pt idx="5142">
                  <c:v>0</c:v>
                </c:pt>
                <c:pt idx="5143">
                  <c:v>0</c:v>
                </c:pt>
                <c:pt idx="5144">
                  <c:v>0</c:v>
                </c:pt>
                <c:pt idx="5145">
                  <c:v>0</c:v>
                </c:pt>
                <c:pt idx="5146">
                  <c:v>0</c:v>
                </c:pt>
                <c:pt idx="5147">
                  <c:v>0</c:v>
                </c:pt>
                <c:pt idx="5148">
                  <c:v>0</c:v>
                </c:pt>
                <c:pt idx="5149">
                  <c:v>0</c:v>
                </c:pt>
                <c:pt idx="5150">
                  <c:v>0</c:v>
                </c:pt>
                <c:pt idx="5151">
                  <c:v>0</c:v>
                </c:pt>
                <c:pt idx="5152">
                  <c:v>0</c:v>
                </c:pt>
                <c:pt idx="5153">
                  <c:v>0</c:v>
                </c:pt>
                <c:pt idx="5154">
                  <c:v>0</c:v>
                </c:pt>
                <c:pt idx="5155">
                  <c:v>0</c:v>
                </c:pt>
                <c:pt idx="5156">
                  <c:v>0</c:v>
                </c:pt>
                <c:pt idx="5157">
                  <c:v>0</c:v>
                </c:pt>
                <c:pt idx="5158">
                  <c:v>0</c:v>
                </c:pt>
                <c:pt idx="5159">
                  <c:v>0</c:v>
                </c:pt>
                <c:pt idx="5160">
                  <c:v>0</c:v>
                </c:pt>
                <c:pt idx="5161">
                  <c:v>0</c:v>
                </c:pt>
                <c:pt idx="5162">
                  <c:v>0</c:v>
                </c:pt>
                <c:pt idx="5163">
                  <c:v>0</c:v>
                </c:pt>
                <c:pt idx="5164">
                  <c:v>0</c:v>
                </c:pt>
                <c:pt idx="5165">
                  <c:v>0</c:v>
                </c:pt>
                <c:pt idx="5166">
                  <c:v>0</c:v>
                </c:pt>
                <c:pt idx="5167">
                  <c:v>0</c:v>
                </c:pt>
                <c:pt idx="5168">
                  <c:v>0</c:v>
                </c:pt>
                <c:pt idx="5169">
                  <c:v>0</c:v>
                </c:pt>
                <c:pt idx="5170">
                  <c:v>0</c:v>
                </c:pt>
                <c:pt idx="5171">
                  <c:v>0</c:v>
                </c:pt>
                <c:pt idx="5172">
                  <c:v>0</c:v>
                </c:pt>
                <c:pt idx="5173">
                  <c:v>0</c:v>
                </c:pt>
                <c:pt idx="5174">
                  <c:v>0</c:v>
                </c:pt>
                <c:pt idx="5175">
                  <c:v>0</c:v>
                </c:pt>
                <c:pt idx="5176">
                  <c:v>0</c:v>
                </c:pt>
                <c:pt idx="5177">
                  <c:v>0</c:v>
                </c:pt>
                <c:pt idx="5178">
                  <c:v>0</c:v>
                </c:pt>
                <c:pt idx="5179">
                  <c:v>0</c:v>
                </c:pt>
                <c:pt idx="5180">
                  <c:v>0</c:v>
                </c:pt>
                <c:pt idx="5181">
                  <c:v>0</c:v>
                </c:pt>
                <c:pt idx="5182">
                  <c:v>0</c:v>
                </c:pt>
                <c:pt idx="5183">
                  <c:v>0</c:v>
                </c:pt>
                <c:pt idx="5184">
                  <c:v>0</c:v>
                </c:pt>
                <c:pt idx="5185">
                  <c:v>0</c:v>
                </c:pt>
                <c:pt idx="5186">
                  <c:v>0</c:v>
                </c:pt>
                <c:pt idx="5187">
                  <c:v>0</c:v>
                </c:pt>
                <c:pt idx="5188">
                  <c:v>0</c:v>
                </c:pt>
                <c:pt idx="5189">
                  <c:v>0</c:v>
                </c:pt>
                <c:pt idx="5190">
                  <c:v>0</c:v>
                </c:pt>
                <c:pt idx="5191">
                  <c:v>0</c:v>
                </c:pt>
                <c:pt idx="5192">
                  <c:v>0</c:v>
                </c:pt>
                <c:pt idx="5193">
                  <c:v>0</c:v>
                </c:pt>
                <c:pt idx="5194">
                  <c:v>0</c:v>
                </c:pt>
                <c:pt idx="5195">
                  <c:v>0</c:v>
                </c:pt>
                <c:pt idx="5196">
                  <c:v>0</c:v>
                </c:pt>
                <c:pt idx="5197">
                  <c:v>0</c:v>
                </c:pt>
                <c:pt idx="5198">
                  <c:v>0</c:v>
                </c:pt>
                <c:pt idx="5199">
                  <c:v>0</c:v>
                </c:pt>
                <c:pt idx="5200">
                  <c:v>0</c:v>
                </c:pt>
                <c:pt idx="5201">
                  <c:v>0</c:v>
                </c:pt>
                <c:pt idx="5202">
                  <c:v>0</c:v>
                </c:pt>
                <c:pt idx="5203">
                  <c:v>0</c:v>
                </c:pt>
                <c:pt idx="5204">
                  <c:v>0</c:v>
                </c:pt>
                <c:pt idx="5205">
                  <c:v>0</c:v>
                </c:pt>
                <c:pt idx="5206">
                  <c:v>0</c:v>
                </c:pt>
                <c:pt idx="5207">
                  <c:v>0</c:v>
                </c:pt>
                <c:pt idx="5208">
                  <c:v>0</c:v>
                </c:pt>
                <c:pt idx="5209">
                  <c:v>0</c:v>
                </c:pt>
                <c:pt idx="5210">
                  <c:v>0</c:v>
                </c:pt>
                <c:pt idx="5211">
                  <c:v>0</c:v>
                </c:pt>
                <c:pt idx="5212">
                  <c:v>0</c:v>
                </c:pt>
                <c:pt idx="5213">
                  <c:v>0</c:v>
                </c:pt>
                <c:pt idx="5214">
                  <c:v>0</c:v>
                </c:pt>
                <c:pt idx="5215">
                  <c:v>0</c:v>
                </c:pt>
                <c:pt idx="5216">
                  <c:v>0</c:v>
                </c:pt>
                <c:pt idx="5217">
                  <c:v>0</c:v>
                </c:pt>
                <c:pt idx="5218">
                  <c:v>0</c:v>
                </c:pt>
                <c:pt idx="5219">
                  <c:v>0</c:v>
                </c:pt>
                <c:pt idx="5220">
                  <c:v>0</c:v>
                </c:pt>
                <c:pt idx="5221">
                  <c:v>0</c:v>
                </c:pt>
                <c:pt idx="5222">
                  <c:v>0</c:v>
                </c:pt>
                <c:pt idx="5223">
                  <c:v>0</c:v>
                </c:pt>
                <c:pt idx="5224">
                  <c:v>0</c:v>
                </c:pt>
                <c:pt idx="5225">
                  <c:v>0</c:v>
                </c:pt>
                <c:pt idx="5226">
                  <c:v>0</c:v>
                </c:pt>
                <c:pt idx="5227">
                  <c:v>0</c:v>
                </c:pt>
                <c:pt idx="5228">
                  <c:v>0</c:v>
                </c:pt>
                <c:pt idx="5229">
                  <c:v>0</c:v>
                </c:pt>
                <c:pt idx="5230">
                  <c:v>0</c:v>
                </c:pt>
                <c:pt idx="5231">
                  <c:v>0</c:v>
                </c:pt>
                <c:pt idx="5232">
                  <c:v>0</c:v>
                </c:pt>
                <c:pt idx="5233">
                  <c:v>0</c:v>
                </c:pt>
                <c:pt idx="5234">
                  <c:v>0</c:v>
                </c:pt>
                <c:pt idx="5235">
                  <c:v>0</c:v>
                </c:pt>
                <c:pt idx="5236">
                  <c:v>0</c:v>
                </c:pt>
                <c:pt idx="5237">
                  <c:v>0</c:v>
                </c:pt>
                <c:pt idx="5238">
                  <c:v>0</c:v>
                </c:pt>
                <c:pt idx="5239">
                  <c:v>0</c:v>
                </c:pt>
                <c:pt idx="5240">
                  <c:v>0</c:v>
                </c:pt>
                <c:pt idx="5241">
                  <c:v>0</c:v>
                </c:pt>
                <c:pt idx="5242">
                  <c:v>0</c:v>
                </c:pt>
                <c:pt idx="5243">
                  <c:v>0</c:v>
                </c:pt>
                <c:pt idx="5244">
                  <c:v>0</c:v>
                </c:pt>
                <c:pt idx="5245">
                  <c:v>0</c:v>
                </c:pt>
                <c:pt idx="5246">
                  <c:v>0</c:v>
                </c:pt>
                <c:pt idx="5247">
                  <c:v>0</c:v>
                </c:pt>
                <c:pt idx="5248">
                  <c:v>0</c:v>
                </c:pt>
                <c:pt idx="5249">
                  <c:v>0</c:v>
                </c:pt>
                <c:pt idx="5250">
                  <c:v>0</c:v>
                </c:pt>
                <c:pt idx="5251">
                  <c:v>0</c:v>
                </c:pt>
                <c:pt idx="5252">
                  <c:v>0</c:v>
                </c:pt>
                <c:pt idx="5253">
                  <c:v>0</c:v>
                </c:pt>
                <c:pt idx="5254">
                  <c:v>0</c:v>
                </c:pt>
                <c:pt idx="5255">
                  <c:v>0</c:v>
                </c:pt>
                <c:pt idx="5256">
                  <c:v>0</c:v>
                </c:pt>
                <c:pt idx="5257">
                  <c:v>0</c:v>
                </c:pt>
                <c:pt idx="5258">
                  <c:v>0</c:v>
                </c:pt>
                <c:pt idx="5259">
                  <c:v>0</c:v>
                </c:pt>
                <c:pt idx="5260">
                  <c:v>0</c:v>
                </c:pt>
                <c:pt idx="5261">
                  <c:v>0</c:v>
                </c:pt>
                <c:pt idx="5262">
                  <c:v>0</c:v>
                </c:pt>
                <c:pt idx="5263">
                  <c:v>0</c:v>
                </c:pt>
                <c:pt idx="5264">
                  <c:v>0</c:v>
                </c:pt>
                <c:pt idx="5265">
                  <c:v>0</c:v>
                </c:pt>
                <c:pt idx="5266">
                  <c:v>0</c:v>
                </c:pt>
                <c:pt idx="5267">
                  <c:v>0</c:v>
                </c:pt>
                <c:pt idx="5268">
                  <c:v>0</c:v>
                </c:pt>
                <c:pt idx="5269">
                  <c:v>0</c:v>
                </c:pt>
                <c:pt idx="5270">
                  <c:v>0</c:v>
                </c:pt>
                <c:pt idx="5271">
                  <c:v>0</c:v>
                </c:pt>
                <c:pt idx="5272">
                  <c:v>0</c:v>
                </c:pt>
                <c:pt idx="5273">
                  <c:v>0</c:v>
                </c:pt>
                <c:pt idx="5274">
                  <c:v>0</c:v>
                </c:pt>
                <c:pt idx="5275">
                  <c:v>0</c:v>
                </c:pt>
                <c:pt idx="5276">
                  <c:v>0</c:v>
                </c:pt>
                <c:pt idx="5277">
                  <c:v>0</c:v>
                </c:pt>
                <c:pt idx="5278">
                  <c:v>0</c:v>
                </c:pt>
                <c:pt idx="5279">
                  <c:v>0</c:v>
                </c:pt>
                <c:pt idx="5280">
                  <c:v>0</c:v>
                </c:pt>
                <c:pt idx="5281">
                  <c:v>0</c:v>
                </c:pt>
                <c:pt idx="5282">
                  <c:v>0</c:v>
                </c:pt>
                <c:pt idx="5283">
                  <c:v>0</c:v>
                </c:pt>
                <c:pt idx="5284">
                  <c:v>0</c:v>
                </c:pt>
                <c:pt idx="5285">
                  <c:v>0</c:v>
                </c:pt>
                <c:pt idx="5286">
                  <c:v>0</c:v>
                </c:pt>
                <c:pt idx="5287">
                  <c:v>0</c:v>
                </c:pt>
                <c:pt idx="5288">
                  <c:v>0</c:v>
                </c:pt>
                <c:pt idx="5289">
                  <c:v>0</c:v>
                </c:pt>
                <c:pt idx="5290">
                  <c:v>0</c:v>
                </c:pt>
                <c:pt idx="5291">
                  <c:v>0</c:v>
                </c:pt>
                <c:pt idx="5292">
                  <c:v>0</c:v>
                </c:pt>
                <c:pt idx="5293">
                  <c:v>0</c:v>
                </c:pt>
                <c:pt idx="5294">
                  <c:v>0</c:v>
                </c:pt>
                <c:pt idx="5295">
                  <c:v>0</c:v>
                </c:pt>
                <c:pt idx="5296">
                  <c:v>0</c:v>
                </c:pt>
                <c:pt idx="5297">
                  <c:v>0</c:v>
                </c:pt>
                <c:pt idx="5298">
                  <c:v>0</c:v>
                </c:pt>
                <c:pt idx="5299">
                  <c:v>0</c:v>
                </c:pt>
                <c:pt idx="5300">
                  <c:v>0</c:v>
                </c:pt>
                <c:pt idx="5301">
                  <c:v>0</c:v>
                </c:pt>
                <c:pt idx="5302">
                  <c:v>0</c:v>
                </c:pt>
                <c:pt idx="5303">
                  <c:v>0</c:v>
                </c:pt>
                <c:pt idx="5304">
                  <c:v>0</c:v>
                </c:pt>
                <c:pt idx="5305">
                  <c:v>0</c:v>
                </c:pt>
                <c:pt idx="5306">
                  <c:v>0</c:v>
                </c:pt>
                <c:pt idx="5307">
                  <c:v>0</c:v>
                </c:pt>
                <c:pt idx="5308">
                  <c:v>0</c:v>
                </c:pt>
                <c:pt idx="5309">
                  <c:v>0</c:v>
                </c:pt>
                <c:pt idx="5310">
                  <c:v>0</c:v>
                </c:pt>
                <c:pt idx="5311">
                  <c:v>0</c:v>
                </c:pt>
                <c:pt idx="5312">
                  <c:v>0</c:v>
                </c:pt>
                <c:pt idx="5313">
                  <c:v>0</c:v>
                </c:pt>
                <c:pt idx="5314">
                  <c:v>0</c:v>
                </c:pt>
                <c:pt idx="5315">
                  <c:v>0</c:v>
                </c:pt>
                <c:pt idx="5316">
                  <c:v>0</c:v>
                </c:pt>
                <c:pt idx="5317">
                  <c:v>0</c:v>
                </c:pt>
                <c:pt idx="5318">
                  <c:v>0</c:v>
                </c:pt>
                <c:pt idx="5319">
                  <c:v>0</c:v>
                </c:pt>
                <c:pt idx="5320">
                  <c:v>0</c:v>
                </c:pt>
                <c:pt idx="5321">
                  <c:v>0</c:v>
                </c:pt>
                <c:pt idx="5322">
                  <c:v>0</c:v>
                </c:pt>
                <c:pt idx="5323">
                  <c:v>0</c:v>
                </c:pt>
                <c:pt idx="5324">
                  <c:v>0</c:v>
                </c:pt>
                <c:pt idx="5325">
                  <c:v>0</c:v>
                </c:pt>
                <c:pt idx="5326">
                  <c:v>0</c:v>
                </c:pt>
                <c:pt idx="5327">
                  <c:v>0</c:v>
                </c:pt>
                <c:pt idx="5328">
                  <c:v>0</c:v>
                </c:pt>
                <c:pt idx="5329">
                  <c:v>0</c:v>
                </c:pt>
                <c:pt idx="5330">
                  <c:v>0</c:v>
                </c:pt>
                <c:pt idx="5331">
                  <c:v>0</c:v>
                </c:pt>
                <c:pt idx="5332">
                  <c:v>0</c:v>
                </c:pt>
                <c:pt idx="5333">
                  <c:v>0</c:v>
                </c:pt>
                <c:pt idx="5334">
                  <c:v>0</c:v>
                </c:pt>
                <c:pt idx="5335">
                  <c:v>0</c:v>
                </c:pt>
                <c:pt idx="5336">
                  <c:v>0</c:v>
                </c:pt>
                <c:pt idx="5337">
                  <c:v>0</c:v>
                </c:pt>
                <c:pt idx="5338">
                  <c:v>0</c:v>
                </c:pt>
                <c:pt idx="5339">
                  <c:v>0</c:v>
                </c:pt>
                <c:pt idx="5340">
                  <c:v>0</c:v>
                </c:pt>
                <c:pt idx="5341">
                  <c:v>0</c:v>
                </c:pt>
                <c:pt idx="5342">
                  <c:v>0</c:v>
                </c:pt>
                <c:pt idx="5343">
                  <c:v>0</c:v>
                </c:pt>
                <c:pt idx="5344">
                  <c:v>0</c:v>
                </c:pt>
                <c:pt idx="5345">
                  <c:v>0</c:v>
                </c:pt>
                <c:pt idx="5346">
                  <c:v>0</c:v>
                </c:pt>
                <c:pt idx="5347">
                  <c:v>0</c:v>
                </c:pt>
                <c:pt idx="5348">
                  <c:v>0</c:v>
                </c:pt>
                <c:pt idx="5349">
                  <c:v>0</c:v>
                </c:pt>
                <c:pt idx="5350">
                  <c:v>0</c:v>
                </c:pt>
                <c:pt idx="5351">
                  <c:v>0</c:v>
                </c:pt>
                <c:pt idx="5352">
                  <c:v>0</c:v>
                </c:pt>
                <c:pt idx="5353">
                  <c:v>0</c:v>
                </c:pt>
                <c:pt idx="5354">
                  <c:v>0</c:v>
                </c:pt>
                <c:pt idx="5355">
                  <c:v>0</c:v>
                </c:pt>
                <c:pt idx="5356">
                  <c:v>0</c:v>
                </c:pt>
                <c:pt idx="5357">
                  <c:v>0</c:v>
                </c:pt>
                <c:pt idx="5358">
                  <c:v>0</c:v>
                </c:pt>
                <c:pt idx="5359">
                  <c:v>0</c:v>
                </c:pt>
                <c:pt idx="5360">
                  <c:v>0</c:v>
                </c:pt>
                <c:pt idx="5361">
                  <c:v>0</c:v>
                </c:pt>
                <c:pt idx="5362">
                  <c:v>0</c:v>
                </c:pt>
                <c:pt idx="5363">
                  <c:v>0</c:v>
                </c:pt>
                <c:pt idx="5364">
                  <c:v>0</c:v>
                </c:pt>
                <c:pt idx="5365">
                  <c:v>0</c:v>
                </c:pt>
                <c:pt idx="5366">
                  <c:v>0</c:v>
                </c:pt>
                <c:pt idx="5367">
                  <c:v>0</c:v>
                </c:pt>
                <c:pt idx="5368">
                  <c:v>0</c:v>
                </c:pt>
                <c:pt idx="5369">
                  <c:v>0</c:v>
                </c:pt>
                <c:pt idx="5370">
                  <c:v>0</c:v>
                </c:pt>
                <c:pt idx="5371">
                  <c:v>0</c:v>
                </c:pt>
                <c:pt idx="5372">
                  <c:v>0</c:v>
                </c:pt>
                <c:pt idx="5373">
                  <c:v>0</c:v>
                </c:pt>
                <c:pt idx="5374">
                  <c:v>0</c:v>
                </c:pt>
                <c:pt idx="5375">
                  <c:v>0</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0</c:v>
                </c:pt>
                <c:pt idx="5473">
                  <c:v>0</c:v>
                </c:pt>
                <c:pt idx="5474">
                  <c:v>0</c:v>
                </c:pt>
                <c:pt idx="5475">
                  <c:v>0</c:v>
                </c:pt>
                <c:pt idx="5476">
                  <c:v>0</c:v>
                </c:pt>
                <c:pt idx="5477">
                  <c:v>0</c:v>
                </c:pt>
                <c:pt idx="5478">
                  <c:v>0</c:v>
                </c:pt>
                <c:pt idx="5479">
                  <c:v>0</c:v>
                </c:pt>
                <c:pt idx="5480">
                  <c:v>0</c:v>
                </c:pt>
                <c:pt idx="5481">
                  <c:v>0</c:v>
                </c:pt>
                <c:pt idx="5482">
                  <c:v>0</c:v>
                </c:pt>
                <c:pt idx="5483">
                  <c:v>0</c:v>
                </c:pt>
                <c:pt idx="5484">
                  <c:v>0</c:v>
                </c:pt>
                <c:pt idx="5485">
                  <c:v>0</c:v>
                </c:pt>
                <c:pt idx="5486">
                  <c:v>0</c:v>
                </c:pt>
                <c:pt idx="5487">
                  <c:v>0</c:v>
                </c:pt>
                <c:pt idx="5488">
                  <c:v>0</c:v>
                </c:pt>
                <c:pt idx="5489">
                  <c:v>0</c:v>
                </c:pt>
                <c:pt idx="5490">
                  <c:v>0</c:v>
                </c:pt>
                <c:pt idx="5491">
                  <c:v>0</c:v>
                </c:pt>
                <c:pt idx="5492">
                  <c:v>0</c:v>
                </c:pt>
                <c:pt idx="5493">
                  <c:v>0</c:v>
                </c:pt>
                <c:pt idx="5494">
                  <c:v>0</c:v>
                </c:pt>
                <c:pt idx="5495">
                  <c:v>0</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0</c:v>
                </c:pt>
                <c:pt idx="5713">
                  <c:v>0</c:v>
                </c:pt>
                <c:pt idx="5714">
                  <c:v>0</c:v>
                </c:pt>
                <c:pt idx="5715">
                  <c:v>0</c:v>
                </c:pt>
                <c:pt idx="5716">
                  <c:v>0</c:v>
                </c:pt>
                <c:pt idx="5717">
                  <c:v>0</c:v>
                </c:pt>
                <c:pt idx="5718">
                  <c:v>0</c:v>
                </c:pt>
                <c:pt idx="5719">
                  <c:v>0</c:v>
                </c:pt>
                <c:pt idx="5720">
                  <c:v>0</c:v>
                </c:pt>
                <c:pt idx="5721">
                  <c:v>0</c:v>
                </c:pt>
                <c:pt idx="5722">
                  <c:v>0</c:v>
                </c:pt>
                <c:pt idx="5723">
                  <c:v>0</c:v>
                </c:pt>
                <c:pt idx="5724">
                  <c:v>0</c:v>
                </c:pt>
                <c:pt idx="5725">
                  <c:v>0</c:v>
                </c:pt>
                <c:pt idx="5726">
                  <c:v>0</c:v>
                </c:pt>
                <c:pt idx="5727">
                  <c:v>0</c:v>
                </c:pt>
                <c:pt idx="5728">
                  <c:v>0</c:v>
                </c:pt>
                <c:pt idx="5729">
                  <c:v>0</c:v>
                </c:pt>
                <c:pt idx="5730">
                  <c:v>0</c:v>
                </c:pt>
                <c:pt idx="5731">
                  <c:v>0</c:v>
                </c:pt>
                <c:pt idx="5732">
                  <c:v>0</c:v>
                </c:pt>
                <c:pt idx="5733">
                  <c:v>0</c:v>
                </c:pt>
                <c:pt idx="5734">
                  <c:v>0</c:v>
                </c:pt>
                <c:pt idx="5735">
                  <c:v>0</c:v>
                </c:pt>
                <c:pt idx="5736">
                  <c:v>0</c:v>
                </c:pt>
                <c:pt idx="5737">
                  <c:v>0</c:v>
                </c:pt>
                <c:pt idx="5738">
                  <c:v>0</c:v>
                </c:pt>
                <c:pt idx="5739">
                  <c:v>0</c:v>
                </c:pt>
                <c:pt idx="5740">
                  <c:v>0</c:v>
                </c:pt>
                <c:pt idx="5741">
                  <c:v>0</c:v>
                </c:pt>
                <c:pt idx="5742">
                  <c:v>0</c:v>
                </c:pt>
                <c:pt idx="5743">
                  <c:v>0</c:v>
                </c:pt>
                <c:pt idx="5744">
                  <c:v>0</c:v>
                </c:pt>
                <c:pt idx="5745">
                  <c:v>0</c:v>
                </c:pt>
                <c:pt idx="5746">
                  <c:v>0</c:v>
                </c:pt>
                <c:pt idx="5747">
                  <c:v>0</c:v>
                </c:pt>
                <c:pt idx="5748">
                  <c:v>0</c:v>
                </c:pt>
                <c:pt idx="5749">
                  <c:v>0</c:v>
                </c:pt>
                <c:pt idx="5750">
                  <c:v>0</c:v>
                </c:pt>
                <c:pt idx="5751">
                  <c:v>0</c:v>
                </c:pt>
                <c:pt idx="5752">
                  <c:v>0</c:v>
                </c:pt>
                <c:pt idx="5753">
                  <c:v>0</c:v>
                </c:pt>
                <c:pt idx="5754">
                  <c:v>0</c:v>
                </c:pt>
                <c:pt idx="5755">
                  <c:v>0</c:v>
                </c:pt>
                <c:pt idx="5756">
                  <c:v>0</c:v>
                </c:pt>
                <c:pt idx="5757">
                  <c:v>0</c:v>
                </c:pt>
                <c:pt idx="5758">
                  <c:v>0</c:v>
                </c:pt>
                <c:pt idx="5759">
                  <c:v>0</c:v>
                </c:pt>
                <c:pt idx="5760">
                  <c:v>0</c:v>
                </c:pt>
                <c:pt idx="5761">
                  <c:v>0</c:v>
                </c:pt>
                <c:pt idx="5762">
                  <c:v>0</c:v>
                </c:pt>
                <c:pt idx="5763">
                  <c:v>0</c:v>
                </c:pt>
                <c:pt idx="5764">
                  <c:v>0</c:v>
                </c:pt>
                <c:pt idx="5765">
                  <c:v>0</c:v>
                </c:pt>
                <c:pt idx="5766">
                  <c:v>0</c:v>
                </c:pt>
                <c:pt idx="5767">
                  <c:v>0</c:v>
                </c:pt>
                <c:pt idx="5768">
                  <c:v>0</c:v>
                </c:pt>
                <c:pt idx="5769">
                  <c:v>0</c:v>
                </c:pt>
                <c:pt idx="5770">
                  <c:v>0</c:v>
                </c:pt>
                <c:pt idx="5771">
                  <c:v>0</c:v>
                </c:pt>
                <c:pt idx="5772">
                  <c:v>0</c:v>
                </c:pt>
                <c:pt idx="5773">
                  <c:v>0</c:v>
                </c:pt>
                <c:pt idx="5774">
                  <c:v>0</c:v>
                </c:pt>
                <c:pt idx="5775">
                  <c:v>0</c:v>
                </c:pt>
                <c:pt idx="5776">
                  <c:v>0</c:v>
                </c:pt>
                <c:pt idx="5777">
                  <c:v>0</c:v>
                </c:pt>
                <c:pt idx="5778">
                  <c:v>0</c:v>
                </c:pt>
                <c:pt idx="5779">
                  <c:v>0</c:v>
                </c:pt>
                <c:pt idx="5780">
                  <c:v>0</c:v>
                </c:pt>
                <c:pt idx="5781">
                  <c:v>0</c:v>
                </c:pt>
                <c:pt idx="5782">
                  <c:v>0</c:v>
                </c:pt>
                <c:pt idx="5783">
                  <c:v>0</c:v>
                </c:pt>
                <c:pt idx="5784">
                  <c:v>0</c:v>
                </c:pt>
                <c:pt idx="5785">
                  <c:v>0</c:v>
                </c:pt>
                <c:pt idx="5786">
                  <c:v>0</c:v>
                </c:pt>
                <c:pt idx="5787">
                  <c:v>0</c:v>
                </c:pt>
                <c:pt idx="5788">
                  <c:v>0</c:v>
                </c:pt>
                <c:pt idx="5789">
                  <c:v>0</c:v>
                </c:pt>
                <c:pt idx="5790">
                  <c:v>0</c:v>
                </c:pt>
                <c:pt idx="5791">
                  <c:v>0</c:v>
                </c:pt>
                <c:pt idx="5792">
                  <c:v>0</c:v>
                </c:pt>
                <c:pt idx="5793">
                  <c:v>0</c:v>
                </c:pt>
                <c:pt idx="5794">
                  <c:v>0</c:v>
                </c:pt>
                <c:pt idx="5795">
                  <c:v>0</c:v>
                </c:pt>
                <c:pt idx="5796">
                  <c:v>0</c:v>
                </c:pt>
                <c:pt idx="5797">
                  <c:v>0</c:v>
                </c:pt>
                <c:pt idx="5798">
                  <c:v>0</c:v>
                </c:pt>
                <c:pt idx="5799">
                  <c:v>0</c:v>
                </c:pt>
                <c:pt idx="5800">
                  <c:v>0</c:v>
                </c:pt>
                <c:pt idx="5801">
                  <c:v>0</c:v>
                </c:pt>
                <c:pt idx="5802">
                  <c:v>0</c:v>
                </c:pt>
                <c:pt idx="5803">
                  <c:v>0</c:v>
                </c:pt>
                <c:pt idx="5804">
                  <c:v>0</c:v>
                </c:pt>
                <c:pt idx="5805">
                  <c:v>0</c:v>
                </c:pt>
                <c:pt idx="5806">
                  <c:v>0</c:v>
                </c:pt>
                <c:pt idx="5807">
                  <c:v>0</c:v>
                </c:pt>
                <c:pt idx="5808">
                  <c:v>0</c:v>
                </c:pt>
                <c:pt idx="5809">
                  <c:v>0</c:v>
                </c:pt>
                <c:pt idx="5810">
                  <c:v>0</c:v>
                </c:pt>
                <c:pt idx="5811">
                  <c:v>0</c:v>
                </c:pt>
                <c:pt idx="5812">
                  <c:v>0</c:v>
                </c:pt>
                <c:pt idx="5813">
                  <c:v>0</c:v>
                </c:pt>
                <c:pt idx="5814">
                  <c:v>0</c:v>
                </c:pt>
                <c:pt idx="5815">
                  <c:v>0</c:v>
                </c:pt>
                <c:pt idx="5816">
                  <c:v>0</c:v>
                </c:pt>
                <c:pt idx="5817">
                  <c:v>0</c:v>
                </c:pt>
                <c:pt idx="5818">
                  <c:v>0</c:v>
                </c:pt>
                <c:pt idx="5819">
                  <c:v>0</c:v>
                </c:pt>
                <c:pt idx="5820">
                  <c:v>0</c:v>
                </c:pt>
                <c:pt idx="5821">
                  <c:v>0</c:v>
                </c:pt>
                <c:pt idx="5822">
                  <c:v>0</c:v>
                </c:pt>
                <c:pt idx="5823">
                  <c:v>0</c:v>
                </c:pt>
                <c:pt idx="5824">
                  <c:v>0</c:v>
                </c:pt>
                <c:pt idx="5825">
                  <c:v>0</c:v>
                </c:pt>
                <c:pt idx="5826">
                  <c:v>0</c:v>
                </c:pt>
                <c:pt idx="5827">
                  <c:v>0</c:v>
                </c:pt>
                <c:pt idx="5828">
                  <c:v>0</c:v>
                </c:pt>
                <c:pt idx="5829">
                  <c:v>0</c:v>
                </c:pt>
                <c:pt idx="5830">
                  <c:v>0</c:v>
                </c:pt>
                <c:pt idx="5831">
                  <c:v>0</c:v>
                </c:pt>
                <c:pt idx="5832">
                  <c:v>0</c:v>
                </c:pt>
                <c:pt idx="5833">
                  <c:v>0</c:v>
                </c:pt>
                <c:pt idx="5834">
                  <c:v>0</c:v>
                </c:pt>
                <c:pt idx="5835">
                  <c:v>0</c:v>
                </c:pt>
                <c:pt idx="5836">
                  <c:v>0</c:v>
                </c:pt>
                <c:pt idx="5837">
                  <c:v>0</c:v>
                </c:pt>
                <c:pt idx="5838">
                  <c:v>0</c:v>
                </c:pt>
                <c:pt idx="5839">
                  <c:v>0</c:v>
                </c:pt>
                <c:pt idx="5840">
                  <c:v>0</c:v>
                </c:pt>
                <c:pt idx="5841">
                  <c:v>0</c:v>
                </c:pt>
                <c:pt idx="5842">
                  <c:v>0</c:v>
                </c:pt>
                <c:pt idx="5843">
                  <c:v>0</c:v>
                </c:pt>
                <c:pt idx="5844">
                  <c:v>0</c:v>
                </c:pt>
                <c:pt idx="5845">
                  <c:v>0</c:v>
                </c:pt>
                <c:pt idx="5846">
                  <c:v>0</c:v>
                </c:pt>
                <c:pt idx="5847">
                  <c:v>0</c:v>
                </c:pt>
                <c:pt idx="5848">
                  <c:v>0</c:v>
                </c:pt>
                <c:pt idx="5849">
                  <c:v>0</c:v>
                </c:pt>
                <c:pt idx="5850">
                  <c:v>0</c:v>
                </c:pt>
                <c:pt idx="5851">
                  <c:v>0</c:v>
                </c:pt>
                <c:pt idx="5852">
                  <c:v>0</c:v>
                </c:pt>
                <c:pt idx="5853">
                  <c:v>0</c:v>
                </c:pt>
                <c:pt idx="5854">
                  <c:v>0</c:v>
                </c:pt>
                <c:pt idx="5855">
                  <c:v>0</c:v>
                </c:pt>
                <c:pt idx="5856">
                  <c:v>0</c:v>
                </c:pt>
                <c:pt idx="5857">
                  <c:v>0</c:v>
                </c:pt>
                <c:pt idx="5858">
                  <c:v>0</c:v>
                </c:pt>
                <c:pt idx="5859">
                  <c:v>0</c:v>
                </c:pt>
                <c:pt idx="5860">
                  <c:v>0</c:v>
                </c:pt>
                <c:pt idx="5861">
                  <c:v>0</c:v>
                </c:pt>
                <c:pt idx="5862">
                  <c:v>0</c:v>
                </c:pt>
                <c:pt idx="5863">
                  <c:v>0</c:v>
                </c:pt>
                <c:pt idx="5864">
                  <c:v>0</c:v>
                </c:pt>
                <c:pt idx="5865">
                  <c:v>0</c:v>
                </c:pt>
                <c:pt idx="5866">
                  <c:v>0</c:v>
                </c:pt>
                <c:pt idx="5867">
                  <c:v>0</c:v>
                </c:pt>
                <c:pt idx="5868">
                  <c:v>0</c:v>
                </c:pt>
                <c:pt idx="5869">
                  <c:v>0</c:v>
                </c:pt>
                <c:pt idx="5870">
                  <c:v>0</c:v>
                </c:pt>
                <c:pt idx="5871">
                  <c:v>0</c:v>
                </c:pt>
                <c:pt idx="5872">
                  <c:v>0</c:v>
                </c:pt>
                <c:pt idx="5873">
                  <c:v>0</c:v>
                </c:pt>
                <c:pt idx="5874">
                  <c:v>0</c:v>
                </c:pt>
                <c:pt idx="5875">
                  <c:v>0</c:v>
                </c:pt>
                <c:pt idx="5876">
                  <c:v>0</c:v>
                </c:pt>
                <c:pt idx="5877">
                  <c:v>0</c:v>
                </c:pt>
                <c:pt idx="5878">
                  <c:v>0</c:v>
                </c:pt>
                <c:pt idx="5879">
                  <c:v>0</c:v>
                </c:pt>
                <c:pt idx="5880">
                  <c:v>0</c:v>
                </c:pt>
                <c:pt idx="5881">
                  <c:v>0</c:v>
                </c:pt>
                <c:pt idx="5882">
                  <c:v>0</c:v>
                </c:pt>
                <c:pt idx="5883">
                  <c:v>0</c:v>
                </c:pt>
                <c:pt idx="5884">
                  <c:v>0</c:v>
                </c:pt>
                <c:pt idx="5885">
                  <c:v>0</c:v>
                </c:pt>
                <c:pt idx="5886">
                  <c:v>0</c:v>
                </c:pt>
                <c:pt idx="5887">
                  <c:v>0</c:v>
                </c:pt>
                <c:pt idx="5888">
                  <c:v>0</c:v>
                </c:pt>
                <c:pt idx="5889">
                  <c:v>0</c:v>
                </c:pt>
                <c:pt idx="5890">
                  <c:v>0</c:v>
                </c:pt>
                <c:pt idx="5891">
                  <c:v>0</c:v>
                </c:pt>
                <c:pt idx="5892">
                  <c:v>0</c:v>
                </c:pt>
                <c:pt idx="5893">
                  <c:v>0</c:v>
                </c:pt>
                <c:pt idx="5894">
                  <c:v>0</c:v>
                </c:pt>
                <c:pt idx="5895">
                  <c:v>0</c:v>
                </c:pt>
                <c:pt idx="5896">
                  <c:v>0</c:v>
                </c:pt>
                <c:pt idx="5897">
                  <c:v>0</c:v>
                </c:pt>
                <c:pt idx="5898">
                  <c:v>0</c:v>
                </c:pt>
                <c:pt idx="5899">
                  <c:v>0</c:v>
                </c:pt>
                <c:pt idx="5900">
                  <c:v>0</c:v>
                </c:pt>
                <c:pt idx="5901">
                  <c:v>0</c:v>
                </c:pt>
                <c:pt idx="5902">
                  <c:v>0</c:v>
                </c:pt>
                <c:pt idx="5903">
                  <c:v>0</c:v>
                </c:pt>
                <c:pt idx="5904">
                  <c:v>0</c:v>
                </c:pt>
                <c:pt idx="5905">
                  <c:v>0</c:v>
                </c:pt>
                <c:pt idx="5906">
                  <c:v>0</c:v>
                </c:pt>
                <c:pt idx="5907">
                  <c:v>0</c:v>
                </c:pt>
                <c:pt idx="5908">
                  <c:v>0</c:v>
                </c:pt>
                <c:pt idx="5909">
                  <c:v>0</c:v>
                </c:pt>
                <c:pt idx="5910">
                  <c:v>0</c:v>
                </c:pt>
                <c:pt idx="5911">
                  <c:v>0</c:v>
                </c:pt>
                <c:pt idx="5912">
                  <c:v>0</c:v>
                </c:pt>
                <c:pt idx="5913">
                  <c:v>0</c:v>
                </c:pt>
                <c:pt idx="5914">
                  <c:v>0</c:v>
                </c:pt>
                <c:pt idx="5915">
                  <c:v>0</c:v>
                </c:pt>
                <c:pt idx="5916">
                  <c:v>0</c:v>
                </c:pt>
                <c:pt idx="5917">
                  <c:v>0</c:v>
                </c:pt>
                <c:pt idx="5918">
                  <c:v>0</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0</c:v>
                </c:pt>
                <c:pt idx="8244">
                  <c:v>0</c:v>
                </c:pt>
                <c:pt idx="8245">
                  <c:v>0</c:v>
                </c:pt>
                <c:pt idx="8246">
                  <c:v>0</c:v>
                </c:pt>
                <c:pt idx="8247">
                  <c:v>0</c:v>
                </c:pt>
                <c:pt idx="8248">
                  <c:v>0</c:v>
                </c:pt>
                <c:pt idx="8249">
                  <c:v>0</c:v>
                </c:pt>
                <c:pt idx="8250">
                  <c:v>0</c:v>
                </c:pt>
                <c:pt idx="8251">
                  <c:v>0</c:v>
                </c:pt>
                <c:pt idx="8252">
                  <c:v>0</c:v>
                </c:pt>
                <c:pt idx="8253">
                  <c:v>0</c:v>
                </c:pt>
                <c:pt idx="8254">
                  <c:v>0</c:v>
                </c:pt>
                <c:pt idx="8255">
                  <c:v>0</c:v>
                </c:pt>
                <c:pt idx="8256">
                  <c:v>0</c:v>
                </c:pt>
                <c:pt idx="8257">
                  <c:v>0</c:v>
                </c:pt>
                <c:pt idx="8258">
                  <c:v>0</c:v>
                </c:pt>
                <c:pt idx="8259">
                  <c:v>0</c:v>
                </c:pt>
                <c:pt idx="8260">
                  <c:v>0</c:v>
                </c:pt>
                <c:pt idx="8261">
                  <c:v>0</c:v>
                </c:pt>
                <c:pt idx="8262">
                  <c:v>0</c:v>
                </c:pt>
                <c:pt idx="8263">
                  <c:v>0</c:v>
                </c:pt>
                <c:pt idx="8264">
                  <c:v>0</c:v>
                </c:pt>
                <c:pt idx="8265">
                  <c:v>0</c:v>
                </c:pt>
                <c:pt idx="8266">
                  <c:v>0</c:v>
                </c:pt>
                <c:pt idx="8267">
                  <c:v>0</c:v>
                </c:pt>
                <c:pt idx="8268">
                  <c:v>0</c:v>
                </c:pt>
                <c:pt idx="8269">
                  <c:v>0</c:v>
                </c:pt>
                <c:pt idx="8270">
                  <c:v>0</c:v>
                </c:pt>
                <c:pt idx="8271">
                  <c:v>0</c:v>
                </c:pt>
                <c:pt idx="8272">
                  <c:v>0</c:v>
                </c:pt>
                <c:pt idx="8273">
                  <c:v>0</c:v>
                </c:pt>
                <c:pt idx="8274">
                  <c:v>0</c:v>
                </c:pt>
                <c:pt idx="8275">
                  <c:v>0</c:v>
                </c:pt>
                <c:pt idx="8276">
                  <c:v>0</c:v>
                </c:pt>
                <c:pt idx="8277">
                  <c:v>0</c:v>
                </c:pt>
                <c:pt idx="8278">
                  <c:v>0</c:v>
                </c:pt>
                <c:pt idx="8279">
                  <c:v>0</c:v>
                </c:pt>
                <c:pt idx="8280">
                  <c:v>0</c:v>
                </c:pt>
                <c:pt idx="8281">
                  <c:v>0</c:v>
                </c:pt>
                <c:pt idx="8282">
                  <c:v>0</c:v>
                </c:pt>
                <c:pt idx="8283">
                  <c:v>0</c:v>
                </c:pt>
                <c:pt idx="8284">
                  <c:v>0</c:v>
                </c:pt>
                <c:pt idx="8285">
                  <c:v>0</c:v>
                </c:pt>
                <c:pt idx="8286">
                  <c:v>0</c:v>
                </c:pt>
                <c:pt idx="8287">
                  <c:v>0</c:v>
                </c:pt>
                <c:pt idx="8288">
                  <c:v>0</c:v>
                </c:pt>
                <c:pt idx="8289">
                  <c:v>0</c:v>
                </c:pt>
                <c:pt idx="8290">
                  <c:v>0</c:v>
                </c:pt>
                <c:pt idx="8291">
                  <c:v>0</c:v>
                </c:pt>
                <c:pt idx="8292">
                  <c:v>0</c:v>
                </c:pt>
                <c:pt idx="8293">
                  <c:v>0</c:v>
                </c:pt>
                <c:pt idx="8294">
                  <c:v>0</c:v>
                </c:pt>
                <c:pt idx="8295">
                  <c:v>0</c:v>
                </c:pt>
                <c:pt idx="8296">
                  <c:v>0</c:v>
                </c:pt>
                <c:pt idx="8297">
                  <c:v>0</c:v>
                </c:pt>
                <c:pt idx="8298">
                  <c:v>0</c:v>
                </c:pt>
                <c:pt idx="8299">
                  <c:v>0</c:v>
                </c:pt>
                <c:pt idx="8300">
                  <c:v>0</c:v>
                </c:pt>
                <c:pt idx="8301">
                  <c:v>0</c:v>
                </c:pt>
                <c:pt idx="8302">
                  <c:v>0</c:v>
                </c:pt>
                <c:pt idx="8303">
                  <c:v>0</c:v>
                </c:pt>
                <c:pt idx="8304">
                  <c:v>0</c:v>
                </c:pt>
                <c:pt idx="8305">
                  <c:v>0</c:v>
                </c:pt>
                <c:pt idx="8306">
                  <c:v>0</c:v>
                </c:pt>
                <c:pt idx="8307">
                  <c:v>0</c:v>
                </c:pt>
                <c:pt idx="8308">
                  <c:v>0</c:v>
                </c:pt>
                <c:pt idx="8309">
                  <c:v>0</c:v>
                </c:pt>
                <c:pt idx="8310">
                  <c:v>0</c:v>
                </c:pt>
                <c:pt idx="8311">
                  <c:v>0</c:v>
                </c:pt>
                <c:pt idx="8312">
                  <c:v>0</c:v>
                </c:pt>
                <c:pt idx="8313">
                  <c:v>0</c:v>
                </c:pt>
                <c:pt idx="8314">
                  <c:v>0</c:v>
                </c:pt>
                <c:pt idx="8315">
                  <c:v>0</c:v>
                </c:pt>
                <c:pt idx="8316">
                  <c:v>0</c:v>
                </c:pt>
                <c:pt idx="8317">
                  <c:v>0</c:v>
                </c:pt>
                <c:pt idx="8318">
                  <c:v>0</c:v>
                </c:pt>
                <c:pt idx="8319">
                  <c:v>0</c:v>
                </c:pt>
                <c:pt idx="8320">
                  <c:v>0</c:v>
                </c:pt>
                <c:pt idx="8321">
                  <c:v>0</c:v>
                </c:pt>
                <c:pt idx="8322">
                  <c:v>0</c:v>
                </c:pt>
                <c:pt idx="8323">
                  <c:v>0</c:v>
                </c:pt>
                <c:pt idx="8324">
                  <c:v>0</c:v>
                </c:pt>
                <c:pt idx="8325">
                  <c:v>0</c:v>
                </c:pt>
                <c:pt idx="8326">
                  <c:v>0</c:v>
                </c:pt>
                <c:pt idx="8327">
                  <c:v>0</c:v>
                </c:pt>
                <c:pt idx="8328">
                  <c:v>0</c:v>
                </c:pt>
                <c:pt idx="8329">
                  <c:v>0</c:v>
                </c:pt>
                <c:pt idx="8330">
                  <c:v>0</c:v>
                </c:pt>
                <c:pt idx="8331">
                  <c:v>0</c:v>
                </c:pt>
                <c:pt idx="8332">
                  <c:v>0</c:v>
                </c:pt>
                <c:pt idx="8333">
                  <c:v>0</c:v>
                </c:pt>
                <c:pt idx="8334">
                  <c:v>0</c:v>
                </c:pt>
                <c:pt idx="8335">
                  <c:v>0</c:v>
                </c:pt>
                <c:pt idx="8336">
                  <c:v>0</c:v>
                </c:pt>
                <c:pt idx="8337">
                  <c:v>0</c:v>
                </c:pt>
                <c:pt idx="8338">
                  <c:v>0</c:v>
                </c:pt>
                <c:pt idx="8339">
                  <c:v>0</c:v>
                </c:pt>
                <c:pt idx="8340">
                  <c:v>0</c:v>
                </c:pt>
                <c:pt idx="8341">
                  <c:v>0</c:v>
                </c:pt>
                <c:pt idx="8342">
                  <c:v>0</c:v>
                </c:pt>
                <c:pt idx="8343">
                  <c:v>0</c:v>
                </c:pt>
                <c:pt idx="8344">
                  <c:v>0</c:v>
                </c:pt>
                <c:pt idx="8345">
                  <c:v>0</c:v>
                </c:pt>
                <c:pt idx="8346">
                  <c:v>0</c:v>
                </c:pt>
                <c:pt idx="8347">
                  <c:v>0</c:v>
                </c:pt>
                <c:pt idx="8348">
                  <c:v>0</c:v>
                </c:pt>
                <c:pt idx="8349">
                  <c:v>0</c:v>
                </c:pt>
                <c:pt idx="8350">
                  <c:v>0</c:v>
                </c:pt>
                <c:pt idx="8351">
                  <c:v>0</c:v>
                </c:pt>
                <c:pt idx="8352">
                  <c:v>0</c:v>
                </c:pt>
                <c:pt idx="8353">
                  <c:v>0</c:v>
                </c:pt>
                <c:pt idx="8354">
                  <c:v>0</c:v>
                </c:pt>
                <c:pt idx="8355">
                  <c:v>0</c:v>
                </c:pt>
                <c:pt idx="8356">
                  <c:v>0</c:v>
                </c:pt>
                <c:pt idx="8357">
                  <c:v>0</c:v>
                </c:pt>
                <c:pt idx="8358">
                  <c:v>0</c:v>
                </c:pt>
                <c:pt idx="8359">
                  <c:v>0</c:v>
                </c:pt>
                <c:pt idx="8360">
                  <c:v>0</c:v>
                </c:pt>
                <c:pt idx="8361">
                  <c:v>0</c:v>
                </c:pt>
                <c:pt idx="8362">
                  <c:v>0</c:v>
                </c:pt>
                <c:pt idx="8363">
                  <c:v>0</c:v>
                </c:pt>
                <c:pt idx="8364">
                  <c:v>0</c:v>
                </c:pt>
                <c:pt idx="8365">
                  <c:v>0</c:v>
                </c:pt>
                <c:pt idx="8366">
                  <c:v>0</c:v>
                </c:pt>
                <c:pt idx="8367">
                  <c:v>0</c:v>
                </c:pt>
                <c:pt idx="8368">
                  <c:v>0</c:v>
                </c:pt>
                <c:pt idx="8369">
                  <c:v>0</c:v>
                </c:pt>
                <c:pt idx="8370">
                  <c:v>0</c:v>
                </c:pt>
                <c:pt idx="8371">
                  <c:v>0</c:v>
                </c:pt>
                <c:pt idx="8372">
                  <c:v>0</c:v>
                </c:pt>
                <c:pt idx="8373">
                  <c:v>0</c:v>
                </c:pt>
                <c:pt idx="8374">
                  <c:v>0</c:v>
                </c:pt>
                <c:pt idx="8375">
                  <c:v>0</c:v>
                </c:pt>
                <c:pt idx="8376">
                  <c:v>0</c:v>
                </c:pt>
                <c:pt idx="8377">
                  <c:v>0</c:v>
                </c:pt>
                <c:pt idx="8378">
                  <c:v>0</c:v>
                </c:pt>
                <c:pt idx="8379">
                  <c:v>0</c:v>
                </c:pt>
                <c:pt idx="8380">
                  <c:v>0</c:v>
                </c:pt>
                <c:pt idx="8381">
                  <c:v>0</c:v>
                </c:pt>
                <c:pt idx="8382">
                  <c:v>0</c:v>
                </c:pt>
                <c:pt idx="8383">
                  <c:v>0</c:v>
                </c:pt>
                <c:pt idx="8384">
                  <c:v>0</c:v>
                </c:pt>
                <c:pt idx="8385">
                  <c:v>0</c:v>
                </c:pt>
                <c:pt idx="8386">
                  <c:v>0</c:v>
                </c:pt>
                <c:pt idx="8387">
                  <c:v>0</c:v>
                </c:pt>
                <c:pt idx="8388">
                  <c:v>0</c:v>
                </c:pt>
                <c:pt idx="8389">
                  <c:v>0</c:v>
                </c:pt>
                <c:pt idx="8390">
                  <c:v>0</c:v>
                </c:pt>
                <c:pt idx="8391">
                  <c:v>0</c:v>
                </c:pt>
                <c:pt idx="8392">
                  <c:v>0</c:v>
                </c:pt>
                <c:pt idx="8393">
                  <c:v>0</c:v>
                </c:pt>
                <c:pt idx="8394">
                  <c:v>0</c:v>
                </c:pt>
                <c:pt idx="8395">
                  <c:v>0</c:v>
                </c:pt>
                <c:pt idx="8396">
                  <c:v>0</c:v>
                </c:pt>
                <c:pt idx="8397">
                  <c:v>0</c:v>
                </c:pt>
                <c:pt idx="8398">
                  <c:v>0</c:v>
                </c:pt>
                <c:pt idx="8399">
                  <c:v>0</c:v>
                </c:pt>
                <c:pt idx="8400">
                  <c:v>0</c:v>
                </c:pt>
                <c:pt idx="8401">
                  <c:v>0</c:v>
                </c:pt>
                <c:pt idx="8402">
                  <c:v>0</c:v>
                </c:pt>
                <c:pt idx="8403">
                  <c:v>0</c:v>
                </c:pt>
                <c:pt idx="8404">
                  <c:v>0</c:v>
                </c:pt>
                <c:pt idx="8405">
                  <c:v>0</c:v>
                </c:pt>
                <c:pt idx="8406">
                  <c:v>0</c:v>
                </c:pt>
                <c:pt idx="8407">
                  <c:v>0</c:v>
                </c:pt>
                <c:pt idx="8408">
                  <c:v>0</c:v>
                </c:pt>
                <c:pt idx="8409">
                  <c:v>0</c:v>
                </c:pt>
                <c:pt idx="8410">
                  <c:v>0</c:v>
                </c:pt>
                <c:pt idx="8411">
                  <c:v>0</c:v>
                </c:pt>
                <c:pt idx="8412">
                  <c:v>0</c:v>
                </c:pt>
                <c:pt idx="8413">
                  <c:v>0</c:v>
                </c:pt>
                <c:pt idx="8414">
                  <c:v>0</c:v>
                </c:pt>
                <c:pt idx="8415">
                  <c:v>0</c:v>
                </c:pt>
                <c:pt idx="8416">
                  <c:v>0</c:v>
                </c:pt>
                <c:pt idx="8417">
                  <c:v>0</c:v>
                </c:pt>
                <c:pt idx="8418">
                  <c:v>0</c:v>
                </c:pt>
                <c:pt idx="8419">
                  <c:v>0</c:v>
                </c:pt>
                <c:pt idx="8420">
                  <c:v>0</c:v>
                </c:pt>
                <c:pt idx="8421">
                  <c:v>0</c:v>
                </c:pt>
                <c:pt idx="8422">
                  <c:v>0</c:v>
                </c:pt>
                <c:pt idx="8423">
                  <c:v>0</c:v>
                </c:pt>
                <c:pt idx="8424">
                  <c:v>0</c:v>
                </c:pt>
                <c:pt idx="8425">
                  <c:v>0</c:v>
                </c:pt>
                <c:pt idx="8426">
                  <c:v>0</c:v>
                </c:pt>
                <c:pt idx="8427">
                  <c:v>0</c:v>
                </c:pt>
                <c:pt idx="8428">
                  <c:v>0</c:v>
                </c:pt>
                <c:pt idx="8429">
                  <c:v>0</c:v>
                </c:pt>
                <c:pt idx="8430">
                  <c:v>0</c:v>
                </c:pt>
                <c:pt idx="8431">
                  <c:v>0</c:v>
                </c:pt>
                <c:pt idx="8432">
                  <c:v>0</c:v>
                </c:pt>
                <c:pt idx="8433">
                  <c:v>0</c:v>
                </c:pt>
                <c:pt idx="8434">
                  <c:v>0</c:v>
                </c:pt>
                <c:pt idx="8435">
                  <c:v>0</c:v>
                </c:pt>
                <c:pt idx="8436">
                  <c:v>0</c:v>
                </c:pt>
                <c:pt idx="8437">
                  <c:v>0</c:v>
                </c:pt>
                <c:pt idx="8438">
                  <c:v>0</c:v>
                </c:pt>
                <c:pt idx="8439">
                  <c:v>0</c:v>
                </c:pt>
                <c:pt idx="8440">
                  <c:v>0</c:v>
                </c:pt>
                <c:pt idx="8441">
                  <c:v>0</c:v>
                </c:pt>
                <c:pt idx="8442">
                  <c:v>0</c:v>
                </c:pt>
                <c:pt idx="8443">
                  <c:v>0</c:v>
                </c:pt>
                <c:pt idx="8444">
                  <c:v>0</c:v>
                </c:pt>
                <c:pt idx="8445">
                  <c:v>0</c:v>
                </c:pt>
                <c:pt idx="8446">
                  <c:v>0</c:v>
                </c:pt>
                <c:pt idx="8447">
                  <c:v>0</c:v>
                </c:pt>
                <c:pt idx="8448">
                  <c:v>0</c:v>
                </c:pt>
                <c:pt idx="8449">
                  <c:v>0</c:v>
                </c:pt>
                <c:pt idx="8450">
                  <c:v>0</c:v>
                </c:pt>
                <c:pt idx="8451">
                  <c:v>0</c:v>
                </c:pt>
                <c:pt idx="8452">
                  <c:v>0</c:v>
                </c:pt>
                <c:pt idx="8453">
                  <c:v>0</c:v>
                </c:pt>
                <c:pt idx="8454">
                  <c:v>0</c:v>
                </c:pt>
                <c:pt idx="8455">
                  <c:v>0</c:v>
                </c:pt>
                <c:pt idx="8456">
                  <c:v>0</c:v>
                </c:pt>
                <c:pt idx="8457">
                  <c:v>0</c:v>
                </c:pt>
                <c:pt idx="8458">
                  <c:v>0</c:v>
                </c:pt>
                <c:pt idx="8459">
                  <c:v>0</c:v>
                </c:pt>
                <c:pt idx="8460">
                  <c:v>0</c:v>
                </c:pt>
                <c:pt idx="8461">
                  <c:v>0</c:v>
                </c:pt>
                <c:pt idx="8462">
                  <c:v>0</c:v>
                </c:pt>
                <c:pt idx="8463">
                  <c:v>0</c:v>
                </c:pt>
                <c:pt idx="8464">
                  <c:v>0</c:v>
                </c:pt>
                <c:pt idx="8465">
                  <c:v>0</c:v>
                </c:pt>
                <c:pt idx="8466">
                  <c:v>0</c:v>
                </c:pt>
                <c:pt idx="8467">
                  <c:v>0</c:v>
                </c:pt>
                <c:pt idx="8468">
                  <c:v>0</c:v>
                </c:pt>
                <c:pt idx="8469">
                  <c:v>0</c:v>
                </c:pt>
                <c:pt idx="8470">
                  <c:v>0</c:v>
                </c:pt>
                <c:pt idx="8471">
                  <c:v>0</c:v>
                </c:pt>
                <c:pt idx="8472">
                  <c:v>0</c:v>
                </c:pt>
                <c:pt idx="8473">
                  <c:v>0</c:v>
                </c:pt>
                <c:pt idx="8474">
                  <c:v>0</c:v>
                </c:pt>
                <c:pt idx="8475">
                  <c:v>0</c:v>
                </c:pt>
                <c:pt idx="8476">
                  <c:v>0</c:v>
                </c:pt>
                <c:pt idx="8477">
                  <c:v>0</c:v>
                </c:pt>
                <c:pt idx="8478">
                  <c:v>0</c:v>
                </c:pt>
                <c:pt idx="8479">
                  <c:v>0</c:v>
                </c:pt>
                <c:pt idx="8480">
                  <c:v>0</c:v>
                </c:pt>
                <c:pt idx="8481">
                  <c:v>0</c:v>
                </c:pt>
                <c:pt idx="8482">
                  <c:v>0</c:v>
                </c:pt>
                <c:pt idx="8483">
                  <c:v>0</c:v>
                </c:pt>
                <c:pt idx="8484">
                  <c:v>0</c:v>
                </c:pt>
                <c:pt idx="8485">
                  <c:v>0</c:v>
                </c:pt>
                <c:pt idx="8486">
                  <c:v>0</c:v>
                </c:pt>
                <c:pt idx="8487">
                  <c:v>0</c:v>
                </c:pt>
                <c:pt idx="8488">
                  <c:v>0</c:v>
                </c:pt>
                <c:pt idx="8489">
                  <c:v>0</c:v>
                </c:pt>
                <c:pt idx="8490">
                  <c:v>0</c:v>
                </c:pt>
                <c:pt idx="8491">
                  <c:v>0</c:v>
                </c:pt>
                <c:pt idx="8492">
                  <c:v>0</c:v>
                </c:pt>
                <c:pt idx="8493">
                  <c:v>0</c:v>
                </c:pt>
                <c:pt idx="8494">
                  <c:v>0</c:v>
                </c:pt>
                <c:pt idx="8495">
                  <c:v>0</c:v>
                </c:pt>
                <c:pt idx="8496">
                  <c:v>0</c:v>
                </c:pt>
                <c:pt idx="8497">
                  <c:v>0</c:v>
                </c:pt>
                <c:pt idx="8498">
                  <c:v>0</c:v>
                </c:pt>
                <c:pt idx="8499">
                  <c:v>0</c:v>
                </c:pt>
                <c:pt idx="8500">
                  <c:v>0</c:v>
                </c:pt>
                <c:pt idx="8501">
                  <c:v>0</c:v>
                </c:pt>
                <c:pt idx="8502">
                  <c:v>0</c:v>
                </c:pt>
                <c:pt idx="8503">
                  <c:v>0</c:v>
                </c:pt>
                <c:pt idx="8504">
                  <c:v>0</c:v>
                </c:pt>
                <c:pt idx="8505">
                  <c:v>0</c:v>
                </c:pt>
                <c:pt idx="8506">
                  <c:v>0</c:v>
                </c:pt>
                <c:pt idx="8507">
                  <c:v>0</c:v>
                </c:pt>
                <c:pt idx="8508">
                  <c:v>0</c:v>
                </c:pt>
                <c:pt idx="8509">
                  <c:v>0</c:v>
                </c:pt>
                <c:pt idx="8510">
                  <c:v>0</c:v>
                </c:pt>
                <c:pt idx="8511">
                  <c:v>0</c:v>
                </c:pt>
                <c:pt idx="8512">
                  <c:v>0</c:v>
                </c:pt>
                <c:pt idx="8513">
                  <c:v>0</c:v>
                </c:pt>
                <c:pt idx="8514">
                  <c:v>0</c:v>
                </c:pt>
                <c:pt idx="8515">
                  <c:v>0</c:v>
                </c:pt>
                <c:pt idx="8516">
                  <c:v>0</c:v>
                </c:pt>
                <c:pt idx="8517">
                  <c:v>0</c:v>
                </c:pt>
                <c:pt idx="8518">
                  <c:v>0</c:v>
                </c:pt>
                <c:pt idx="8519">
                  <c:v>0</c:v>
                </c:pt>
                <c:pt idx="8520">
                  <c:v>0</c:v>
                </c:pt>
                <c:pt idx="8521">
                  <c:v>0</c:v>
                </c:pt>
                <c:pt idx="8522">
                  <c:v>0</c:v>
                </c:pt>
                <c:pt idx="8523">
                  <c:v>0</c:v>
                </c:pt>
                <c:pt idx="8524">
                  <c:v>0</c:v>
                </c:pt>
                <c:pt idx="8525">
                  <c:v>0</c:v>
                </c:pt>
                <c:pt idx="8526">
                  <c:v>0</c:v>
                </c:pt>
                <c:pt idx="8527">
                  <c:v>0</c:v>
                </c:pt>
                <c:pt idx="8528">
                  <c:v>0</c:v>
                </c:pt>
                <c:pt idx="8529">
                  <c:v>0</c:v>
                </c:pt>
                <c:pt idx="8530">
                  <c:v>0</c:v>
                </c:pt>
                <c:pt idx="8531">
                  <c:v>0</c:v>
                </c:pt>
                <c:pt idx="8532">
                  <c:v>0</c:v>
                </c:pt>
                <c:pt idx="8533">
                  <c:v>0</c:v>
                </c:pt>
                <c:pt idx="8534">
                  <c:v>0</c:v>
                </c:pt>
                <c:pt idx="8535">
                  <c:v>0</c:v>
                </c:pt>
                <c:pt idx="8536">
                  <c:v>0</c:v>
                </c:pt>
                <c:pt idx="8537">
                  <c:v>0</c:v>
                </c:pt>
                <c:pt idx="8538">
                  <c:v>0</c:v>
                </c:pt>
                <c:pt idx="8539">
                  <c:v>0</c:v>
                </c:pt>
                <c:pt idx="8540">
                  <c:v>0</c:v>
                </c:pt>
                <c:pt idx="8541">
                  <c:v>0</c:v>
                </c:pt>
                <c:pt idx="8542">
                  <c:v>0</c:v>
                </c:pt>
                <c:pt idx="8543">
                  <c:v>0</c:v>
                </c:pt>
                <c:pt idx="8544">
                  <c:v>0</c:v>
                </c:pt>
                <c:pt idx="8545">
                  <c:v>0</c:v>
                </c:pt>
                <c:pt idx="8546">
                  <c:v>0</c:v>
                </c:pt>
                <c:pt idx="8547">
                  <c:v>0</c:v>
                </c:pt>
                <c:pt idx="8548">
                  <c:v>0</c:v>
                </c:pt>
                <c:pt idx="8549">
                  <c:v>0</c:v>
                </c:pt>
                <c:pt idx="8550">
                  <c:v>0</c:v>
                </c:pt>
                <c:pt idx="8551">
                  <c:v>0</c:v>
                </c:pt>
                <c:pt idx="8552">
                  <c:v>0</c:v>
                </c:pt>
                <c:pt idx="8553">
                  <c:v>0</c:v>
                </c:pt>
                <c:pt idx="8554">
                  <c:v>0</c:v>
                </c:pt>
                <c:pt idx="8555">
                  <c:v>0</c:v>
                </c:pt>
                <c:pt idx="8556">
                  <c:v>0</c:v>
                </c:pt>
                <c:pt idx="8557">
                  <c:v>0</c:v>
                </c:pt>
                <c:pt idx="8558">
                  <c:v>0</c:v>
                </c:pt>
                <c:pt idx="8559">
                  <c:v>0</c:v>
                </c:pt>
                <c:pt idx="8560">
                  <c:v>0</c:v>
                </c:pt>
                <c:pt idx="8561">
                  <c:v>0</c:v>
                </c:pt>
                <c:pt idx="8562">
                  <c:v>0</c:v>
                </c:pt>
                <c:pt idx="8563">
                  <c:v>0</c:v>
                </c:pt>
                <c:pt idx="8564">
                  <c:v>0</c:v>
                </c:pt>
                <c:pt idx="8565">
                  <c:v>0</c:v>
                </c:pt>
                <c:pt idx="8566">
                  <c:v>0</c:v>
                </c:pt>
                <c:pt idx="8567">
                  <c:v>0</c:v>
                </c:pt>
                <c:pt idx="8568">
                  <c:v>0</c:v>
                </c:pt>
                <c:pt idx="8569">
                  <c:v>0</c:v>
                </c:pt>
                <c:pt idx="8570">
                  <c:v>0</c:v>
                </c:pt>
                <c:pt idx="8571">
                  <c:v>0</c:v>
                </c:pt>
                <c:pt idx="8572">
                  <c:v>0</c:v>
                </c:pt>
                <c:pt idx="8573">
                  <c:v>0</c:v>
                </c:pt>
                <c:pt idx="8574">
                  <c:v>0</c:v>
                </c:pt>
                <c:pt idx="8575">
                  <c:v>0</c:v>
                </c:pt>
                <c:pt idx="8576">
                  <c:v>0</c:v>
                </c:pt>
                <c:pt idx="8577">
                  <c:v>0</c:v>
                </c:pt>
                <c:pt idx="8578">
                  <c:v>0</c:v>
                </c:pt>
                <c:pt idx="8579">
                  <c:v>0</c:v>
                </c:pt>
                <c:pt idx="8580">
                  <c:v>0</c:v>
                </c:pt>
                <c:pt idx="8581">
                  <c:v>0</c:v>
                </c:pt>
                <c:pt idx="8582">
                  <c:v>0</c:v>
                </c:pt>
                <c:pt idx="8583">
                  <c:v>0</c:v>
                </c:pt>
                <c:pt idx="8584">
                  <c:v>0</c:v>
                </c:pt>
                <c:pt idx="8585">
                  <c:v>0</c:v>
                </c:pt>
                <c:pt idx="8586">
                  <c:v>0</c:v>
                </c:pt>
                <c:pt idx="8587">
                  <c:v>0</c:v>
                </c:pt>
                <c:pt idx="8588">
                  <c:v>0</c:v>
                </c:pt>
                <c:pt idx="8589">
                  <c:v>0</c:v>
                </c:pt>
                <c:pt idx="8590">
                  <c:v>0</c:v>
                </c:pt>
                <c:pt idx="8591">
                  <c:v>0</c:v>
                </c:pt>
                <c:pt idx="8592">
                  <c:v>0</c:v>
                </c:pt>
                <c:pt idx="8593">
                  <c:v>0</c:v>
                </c:pt>
                <c:pt idx="8594">
                  <c:v>0</c:v>
                </c:pt>
                <c:pt idx="8595">
                  <c:v>0</c:v>
                </c:pt>
                <c:pt idx="8596">
                  <c:v>0</c:v>
                </c:pt>
                <c:pt idx="8597">
                  <c:v>0</c:v>
                </c:pt>
                <c:pt idx="8598">
                  <c:v>0</c:v>
                </c:pt>
                <c:pt idx="8599">
                  <c:v>0</c:v>
                </c:pt>
                <c:pt idx="8600">
                  <c:v>0</c:v>
                </c:pt>
                <c:pt idx="8601">
                  <c:v>0</c:v>
                </c:pt>
                <c:pt idx="8602">
                  <c:v>0</c:v>
                </c:pt>
                <c:pt idx="8603">
                  <c:v>0</c:v>
                </c:pt>
                <c:pt idx="8604">
                  <c:v>0</c:v>
                </c:pt>
                <c:pt idx="8605">
                  <c:v>0</c:v>
                </c:pt>
                <c:pt idx="8606">
                  <c:v>0</c:v>
                </c:pt>
                <c:pt idx="8607">
                  <c:v>0</c:v>
                </c:pt>
                <c:pt idx="8608">
                  <c:v>0</c:v>
                </c:pt>
                <c:pt idx="8609">
                  <c:v>0</c:v>
                </c:pt>
                <c:pt idx="8610">
                  <c:v>0</c:v>
                </c:pt>
                <c:pt idx="8611">
                  <c:v>0</c:v>
                </c:pt>
                <c:pt idx="8612">
                  <c:v>0</c:v>
                </c:pt>
                <c:pt idx="8613">
                  <c:v>0</c:v>
                </c:pt>
                <c:pt idx="8614">
                  <c:v>0</c:v>
                </c:pt>
                <c:pt idx="8615">
                  <c:v>0</c:v>
                </c:pt>
                <c:pt idx="8616">
                  <c:v>0</c:v>
                </c:pt>
                <c:pt idx="8617">
                  <c:v>0</c:v>
                </c:pt>
                <c:pt idx="8618">
                  <c:v>0</c:v>
                </c:pt>
                <c:pt idx="8619">
                  <c:v>0</c:v>
                </c:pt>
                <c:pt idx="8620">
                  <c:v>0</c:v>
                </c:pt>
                <c:pt idx="8621">
                  <c:v>0</c:v>
                </c:pt>
                <c:pt idx="8622">
                  <c:v>0</c:v>
                </c:pt>
                <c:pt idx="8623">
                  <c:v>0</c:v>
                </c:pt>
                <c:pt idx="8624">
                  <c:v>0</c:v>
                </c:pt>
                <c:pt idx="8625">
                  <c:v>0</c:v>
                </c:pt>
                <c:pt idx="8626">
                  <c:v>0</c:v>
                </c:pt>
                <c:pt idx="8627">
                  <c:v>0</c:v>
                </c:pt>
                <c:pt idx="8628">
                  <c:v>0</c:v>
                </c:pt>
                <c:pt idx="8629">
                  <c:v>0</c:v>
                </c:pt>
                <c:pt idx="8630">
                  <c:v>0</c:v>
                </c:pt>
                <c:pt idx="8631">
                  <c:v>0</c:v>
                </c:pt>
                <c:pt idx="8632">
                  <c:v>0</c:v>
                </c:pt>
                <c:pt idx="8633">
                  <c:v>0</c:v>
                </c:pt>
                <c:pt idx="8634">
                  <c:v>0</c:v>
                </c:pt>
                <c:pt idx="8635">
                  <c:v>0</c:v>
                </c:pt>
                <c:pt idx="8636">
                  <c:v>0</c:v>
                </c:pt>
                <c:pt idx="8637">
                  <c:v>0</c:v>
                </c:pt>
                <c:pt idx="8638">
                  <c:v>0</c:v>
                </c:pt>
                <c:pt idx="8639">
                  <c:v>0</c:v>
                </c:pt>
                <c:pt idx="8640">
                  <c:v>0</c:v>
                </c:pt>
                <c:pt idx="8641">
                  <c:v>0</c:v>
                </c:pt>
                <c:pt idx="8642">
                  <c:v>0</c:v>
                </c:pt>
                <c:pt idx="8643">
                  <c:v>0</c:v>
                </c:pt>
                <c:pt idx="8644">
                  <c:v>0</c:v>
                </c:pt>
                <c:pt idx="8645">
                  <c:v>0</c:v>
                </c:pt>
                <c:pt idx="8646">
                  <c:v>0</c:v>
                </c:pt>
                <c:pt idx="8647">
                  <c:v>0</c:v>
                </c:pt>
                <c:pt idx="8648">
                  <c:v>0</c:v>
                </c:pt>
                <c:pt idx="8649">
                  <c:v>0</c:v>
                </c:pt>
                <c:pt idx="8650">
                  <c:v>0</c:v>
                </c:pt>
                <c:pt idx="8651">
                  <c:v>0</c:v>
                </c:pt>
                <c:pt idx="8652">
                  <c:v>0</c:v>
                </c:pt>
                <c:pt idx="8653">
                  <c:v>0</c:v>
                </c:pt>
                <c:pt idx="8654">
                  <c:v>0</c:v>
                </c:pt>
                <c:pt idx="8655">
                  <c:v>0</c:v>
                </c:pt>
                <c:pt idx="8656">
                  <c:v>0</c:v>
                </c:pt>
                <c:pt idx="8657">
                  <c:v>0</c:v>
                </c:pt>
                <c:pt idx="8658">
                  <c:v>0</c:v>
                </c:pt>
                <c:pt idx="8659">
                  <c:v>0</c:v>
                </c:pt>
                <c:pt idx="8660">
                  <c:v>0</c:v>
                </c:pt>
                <c:pt idx="8661">
                  <c:v>0</c:v>
                </c:pt>
                <c:pt idx="8662">
                  <c:v>0</c:v>
                </c:pt>
                <c:pt idx="8663">
                  <c:v>0</c:v>
                </c:pt>
                <c:pt idx="8664">
                  <c:v>0</c:v>
                </c:pt>
                <c:pt idx="8665">
                  <c:v>0</c:v>
                </c:pt>
                <c:pt idx="8666">
                  <c:v>0</c:v>
                </c:pt>
                <c:pt idx="8667">
                  <c:v>0</c:v>
                </c:pt>
                <c:pt idx="8668">
                  <c:v>0</c:v>
                </c:pt>
                <c:pt idx="8669">
                  <c:v>0</c:v>
                </c:pt>
                <c:pt idx="8670">
                  <c:v>0</c:v>
                </c:pt>
                <c:pt idx="8671">
                  <c:v>0</c:v>
                </c:pt>
                <c:pt idx="8672">
                  <c:v>0</c:v>
                </c:pt>
                <c:pt idx="8673">
                  <c:v>0</c:v>
                </c:pt>
                <c:pt idx="8674">
                  <c:v>0</c:v>
                </c:pt>
                <c:pt idx="8675">
                  <c:v>0</c:v>
                </c:pt>
                <c:pt idx="8676">
                  <c:v>0</c:v>
                </c:pt>
                <c:pt idx="8677">
                  <c:v>0</c:v>
                </c:pt>
                <c:pt idx="8678">
                  <c:v>0</c:v>
                </c:pt>
                <c:pt idx="8679">
                  <c:v>0</c:v>
                </c:pt>
                <c:pt idx="8680">
                  <c:v>0</c:v>
                </c:pt>
                <c:pt idx="8681">
                  <c:v>0</c:v>
                </c:pt>
                <c:pt idx="8682">
                  <c:v>0</c:v>
                </c:pt>
                <c:pt idx="8683">
                  <c:v>0</c:v>
                </c:pt>
                <c:pt idx="8684">
                  <c:v>0</c:v>
                </c:pt>
                <c:pt idx="8685">
                  <c:v>0</c:v>
                </c:pt>
                <c:pt idx="8686">
                  <c:v>0</c:v>
                </c:pt>
                <c:pt idx="8687">
                  <c:v>0</c:v>
                </c:pt>
                <c:pt idx="8688">
                  <c:v>0</c:v>
                </c:pt>
                <c:pt idx="8689">
                  <c:v>0</c:v>
                </c:pt>
                <c:pt idx="8690">
                  <c:v>0</c:v>
                </c:pt>
                <c:pt idx="8691">
                  <c:v>0</c:v>
                </c:pt>
                <c:pt idx="8692">
                  <c:v>0</c:v>
                </c:pt>
                <c:pt idx="8693">
                  <c:v>0</c:v>
                </c:pt>
                <c:pt idx="8694">
                  <c:v>0</c:v>
                </c:pt>
                <c:pt idx="8695">
                  <c:v>0</c:v>
                </c:pt>
                <c:pt idx="8696">
                  <c:v>0</c:v>
                </c:pt>
                <c:pt idx="8697">
                  <c:v>0</c:v>
                </c:pt>
                <c:pt idx="8698">
                  <c:v>0</c:v>
                </c:pt>
                <c:pt idx="8699">
                  <c:v>0</c:v>
                </c:pt>
                <c:pt idx="8700">
                  <c:v>0</c:v>
                </c:pt>
                <c:pt idx="8701">
                  <c:v>0</c:v>
                </c:pt>
                <c:pt idx="8702">
                  <c:v>0</c:v>
                </c:pt>
                <c:pt idx="8703">
                  <c:v>0</c:v>
                </c:pt>
                <c:pt idx="8704">
                  <c:v>0</c:v>
                </c:pt>
                <c:pt idx="8705">
                  <c:v>0</c:v>
                </c:pt>
                <c:pt idx="8706">
                  <c:v>0</c:v>
                </c:pt>
                <c:pt idx="8707">
                  <c:v>0</c:v>
                </c:pt>
                <c:pt idx="8708">
                  <c:v>0</c:v>
                </c:pt>
                <c:pt idx="8709">
                  <c:v>0</c:v>
                </c:pt>
                <c:pt idx="8710">
                  <c:v>0</c:v>
                </c:pt>
                <c:pt idx="8711">
                  <c:v>0</c:v>
                </c:pt>
                <c:pt idx="8712">
                  <c:v>0</c:v>
                </c:pt>
                <c:pt idx="8713">
                  <c:v>0</c:v>
                </c:pt>
                <c:pt idx="8714">
                  <c:v>0</c:v>
                </c:pt>
                <c:pt idx="8715">
                  <c:v>0</c:v>
                </c:pt>
                <c:pt idx="8716">
                  <c:v>0</c:v>
                </c:pt>
                <c:pt idx="8717">
                  <c:v>0</c:v>
                </c:pt>
                <c:pt idx="8718">
                  <c:v>0</c:v>
                </c:pt>
                <c:pt idx="8719">
                  <c:v>0</c:v>
                </c:pt>
                <c:pt idx="8720">
                  <c:v>0</c:v>
                </c:pt>
                <c:pt idx="8721">
                  <c:v>0</c:v>
                </c:pt>
                <c:pt idx="8722">
                  <c:v>0</c:v>
                </c:pt>
                <c:pt idx="8723">
                  <c:v>0</c:v>
                </c:pt>
                <c:pt idx="8724">
                  <c:v>0</c:v>
                </c:pt>
                <c:pt idx="8725">
                  <c:v>0</c:v>
                </c:pt>
                <c:pt idx="8726">
                  <c:v>0</c:v>
                </c:pt>
                <c:pt idx="8727">
                  <c:v>0</c:v>
                </c:pt>
                <c:pt idx="8728">
                  <c:v>0</c:v>
                </c:pt>
                <c:pt idx="8729">
                  <c:v>0</c:v>
                </c:pt>
                <c:pt idx="8730">
                  <c:v>0</c:v>
                </c:pt>
                <c:pt idx="8731">
                  <c:v>0</c:v>
                </c:pt>
                <c:pt idx="8732">
                  <c:v>0</c:v>
                </c:pt>
                <c:pt idx="8733">
                  <c:v>0</c:v>
                </c:pt>
                <c:pt idx="8734">
                  <c:v>0</c:v>
                </c:pt>
                <c:pt idx="8735">
                  <c:v>0</c:v>
                </c:pt>
                <c:pt idx="8736">
                  <c:v>0</c:v>
                </c:pt>
                <c:pt idx="8737">
                  <c:v>0</c:v>
                </c:pt>
                <c:pt idx="8738">
                  <c:v>0</c:v>
                </c:pt>
                <c:pt idx="8739">
                  <c:v>0</c:v>
                </c:pt>
                <c:pt idx="8740">
                  <c:v>0</c:v>
                </c:pt>
                <c:pt idx="8741">
                  <c:v>0</c:v>
                </c:pt>
                <c:pt idx="8742">
                  <c:v>0</c:v>
                </c:pt>
                <c:pt idx="8743">
                  <c:v>0</c:v>
                </c:pt>
                <c:pt idx="8744">
                  <c:v>0</c:v>
                </c:pt>
                <c:pt idx="8745">
                  <c:v>0</c:v>
                </c:pt>
                <c:pt idx="8746">
                  <c:v>0</c:v>
                </c:pt>
                <c:pt idx="8747">
                  <c:v>0</c:v>
                </c:pt>
                <c:pt idx="8748">
                  <c:v>0</c:v>
                </c:pt>
                <c:pt idx="8749">
                  <c:v>0</c:v>
                </c:pt>
                <c:pt idx="8750">
                  <c:v>0</c:v>
                </c:pt>
                <c:pt idx="8751">
                  <c:v>0</c:v>
                </c:pt>
                <c:pt idx="8752">
                  <c:v>0</c:v>
                </c:pt>
                <c:pt idx="8753">
                  <c:v>0</c:v>
                </c:pt>
                <c:pt idx="8754">
                  <c:v>0</c:v>
                </c:pt>
                <c:pt idx="8755">
                  <c:v>0</c:v>
                </c:pt>
                <c:pt idx="8756">
                  <c:v>0</c:v>
                </c:pt>
                <c:pt idx="8757">
                  <c:v>0</c:v>
                </c:pt>
                <c:pt idx="8758">
                  <c:v>0</c:v>
                </c:pt>
                <c:pt idx="8759">
                  <c:v>0</c:v>
                </c:pt>
              </c:numCache>
            </c:numRef>
          </c:val>
          <c:extLst>
            <c:ext xmlns:c16="http://schemas.microsoft.com/office/drawing/2014/chart" uri="{C3380CC4-5D6E-409C-BE32-E72D297353CC}">
              <c16:uniqueId val="{00000002-2C0B-4701-B4D5-C67566BB76AF}"/>
            </c:ext>
          </c:extLst>
        </c:ser>
        <c:ser>
          <c:idx val="4"/>
          <c:order val="3"/>
          <c:tx>
            <c:strRef>
              <c:f>Output!$Q$7</c:f>
              <c:strCache>
                <c:ptCount val="1"/>
                <c:pt idx="0">
                  <c:v>T4</c:v>
                </c:pt>
              </c:strCache>
            </c:strRef>
          </c:tx>
          <c:spPr>
            <a:solidFill>
              <a:schemeClr val="accent5"/>
            </a:solidFill>
            <a:ln w="25400">
              <a:noFill/>
            </a:ln>
            <a:effectLst/>
          </c:spPr>
          <c:val>
            <c:numRef>
              <c:f>Output!$Q$8:$Q$8767</c:f>
              <c:numCache>
                <c:formatCode>_(* #,##0.00_);_(* \(#,##0.00\);_(* "-"??_);_(@_)</c:formatCode>
                <c:ptCount val="8760"/>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0</c:v>
                </c:pt>
                <c:pt idx="2387">
                  <c:v>0</c:v>
                </c:pt>
                <c:pt idx="2388">
                  <c:v>0</c:v>
                </c:pt>
                <c:pt idx="2389">
                  <c:v>0</c:v>
                </c:pt>
                <c:pt idx="2390">
                  <c:v>0</c:v>
                </c:pt>
                <c:pt idx="2391">
                  <c:v>0</c:v>
                </c:pt>
                <c:pt idx="2392">
                  <c:v>0</c:v>
                </c:pt>
                <c:pt idx="2393">
                  <c:v>0</c:v>
                </c:pt>
                <c:pt idx="2394">
                  <c:v>0</c:v>
                </c:pt>
                <c:pt idx="2395">
                  <c:v>0</c:v>
                </c:pt>
                <c:pt idx="2396">
                  <c:v>0</c:v>
                </c:pt>
                <c:pt idx="2397">
                  <c:v>0</c:v>
                </c:pt>
                <c:pt idx="2398">
                  <c:v>0</c:v>
                </c:pt>
                <c:pt idx="2399">
                  <c:v>0</c:v>
                </c:pt>
                <c:pt idx="2400">
                  <c:v>0</c:v>
                </c:pt>
                <c:pt idx="2401">
                  <c:v>0</c:v>
                </c:pt>
                <c:pt idx="2402">
                  <c:v>0</c:v>
                </c:pt>
                <c:pt idx="2403">
                  <c:v>0</c:v>
                </c:pt>
                <c:pt idx="2404">
                  <c:v>0</c:v>
                </c:pt>
                <c:pt idx="2405">
                  <c:v>0</c:v>
                </c:pt>
                <c:pt idx="2406">
                  <c:v>0</c:v>
                </c:pt>
                <c:pt idx="2407">
                  <c:v>0</c:v>
                </c:pt>
                <c:pt idx="2408">
                  <c:v>0</c:v>
                </c:pt>
                <c:pt idx="2409">
                  <c:v>0</c:v>
                </c:pt>
                <c:pt idx="2410">
                  <c:v>0</c:v>
                </c:pt>
                <c:pt idx="2411">
                  <c:v>0</c:v>
                </c:pt>
                <c:pt idx="2412">
                  <c:v>0</c:v>
                </c:pt>
                <c:pt idx="2413">
                  <c:v>0</c:v>
                </c:pt>
                <c:pt idx="2414">
                  <c:v>0</c:v>
                </c:pt>
                <c:pt idx="2415">
                  <c:v>0</c:v>
                </c:pt>
                <c:pt idx="2416">
                  <c:v>0</c:v>
                </c:pt>
                <c:pt idx="2417">
                  <c:v>0</c:v>
                </c:pt>
                <c:pt idx="2418">
                  <c:v>0</c:v>
                </c:pt>
                <c:pt idx="2419">
                  <c:v>0</c:v>
                </c:pt>
                <c:pt idx="2420">
                  <c:v>0</c:v>
                </c:pt>
                <c:pt idx="2421">
                  <c:v>0</c:v>
                </c:pt>
                <c:pt idx="2422">
                  <c:v>0</c:v>
                </c:pt>
                <c:pt idx="2423">
                  <c:v>0</c:v>
                </c:pt>
                <c:pt idx="2424">
                  <c:v>0</c:v>
                </c:pt>
                <c:pt idx="2425">
                  <c:v>0</c:v>
                </c:pt>
                <c:pt idx="2426">
                  <c:v>0</c:v>
                </c:pt>
                <c:pt idx="2427">
                  <c:v>0</c:v>
                </c:pt>
                <c:pt idx="2428">
                  <c:v>0</c:v>
                </c:pt>
                <c:pt idx="2429">
                  <c:v>0</c:v>
                </c:pt>
                <c:pt idx="2430">
                  <c:v>0</c:v>
                </c:pt>
                <c:pt idx="2431">
                  <c:v>0</c:v>
                </c:pt>
                <c:pt idx="2432">
                  <c:v>0</c:v>
                </c:pt>
                <c:pt idx="2433">
                  <c:v>0</c:v>
                </c:pt>
                <c:pt idx="2434">
                  <c:v>0</c:v>
                </c:pt>
                <c:pt idx="2435">
                  <c:v>0</c:v>
                </c:pt>
                <c:pt idx="2436">
                  <c:v>0</c:v>
                </c:pt>
                <c:pt idx="2437">
                  <c:v>0</c:v>
                </c:pt>
                <c:pt idx="2438">
                  <c:v>0</c:v>
                </c:pt>
                <c:pt idx="2439">
                  <c:v>0</c:v>
                </c:pt>
                <c:pt idx="2440">
                  <c:v>0</c:v>
                </c:pt>
                <c:pt idx="2441">
                  <c:v>0</c:v>
                </c:pt>
                <c:pt idx="2442">
                  <c:v>0</c:v>
                </c:pt>
                <c:pt idx="2443">
                  <c:v>0</c:v>
                </c:pt>
                <c:pt idx="2444">
                  <c:v>0</c:v>
                </c:pt>
                <c:pt idx="2445">
                  <c:v>0</c:v>
                </c:pt>
                <c:pt idx="2446">
                  <c:v>0</c:v>
                </c:pt>
                <c:pt idx="2447">
                  <c:v>0</c:v>
                </c:pt>
                <c:pt idx="2448">
                  <c:v>0</c:v>
                </c:pt>
                <c:pt idx="2449">
                  <c:v>0</c:v>
                </c:pt>
                <c:pt idx="2450">
                  <c:v>0</c:v>
                </c:pt>
                <c:pt idx="2451">
                  <c:v>0</c:v>
                </c:pt>
                <c:pt idx="2452">
                  <c:v>0</c:v>
                </c:pt>
                <c:pt idx="2453">
                  <c:v>0</c:v>
                </c:pt>
                <c:pt idx="2454">
                  <c:v>0</c:v>
                </c:pt>
                <c:pt idx="2455">
                  <c:v>0</c:v>
                </c:pt>
                <c:pt idx="2456">
                  <c:v>0</c:v>
                </c:pt>
                <c:pt idx="2457">
                  <c:v>0</c:v>
                </c:pt>
                <c:pt idx="2458">
                  <c:v>0</c:v>
                </c:pt>
                <c:pt idx="2459">
                  <c:v>0</c:v>
                </c:pt>
                <c:pt idx="2460">
                  <c:v>0</c:v>
                </c:pt>
                <c:pt idx="2461">
                  <c:v>0</c:v>
                </c:pt>
                <c:pt idx="2462">
                  <c:v>0</c:v>
                </c:pt>
                <c:pt idx="2463">
                  <c:v>0</c:v>
                </c:pt>
                <c:pt idx="2464">
                  <c:v>0</c:v>
                </c:pt>
                <c:pt idx="2465">
                  <c:v>0</c:v>
                </c:pt>
                <c:pt idx="2466">
                  <c:v>0</c:v>
                </c:pt>
                <c:pt idx="2467">
                  <c:v>0</c:v>
                </c:pt>
                <c:pt idx="2468">
                  <c:v>0</c:v>
                </c:pt>
                <c:pt idx="2469">
                  <c:v>0</c:v>
                </c:pt>
                <c:pt idx="2470">
                  <c:v>0</c:v>
                </c:pt>
                <c:pt idx="2471">
                  <c:v>0</c:v>
                </c:pt>
                <c:pt idx="2472">
                  <c:v>0</c:v>
                </c:pt>
                <c:pt idx="2473">
                  <c:v>0</c:v>
                </c:pt>
                <c:pt idx="2474">
                  <c:v>0</c:v>
                </c:pt>
                <c:pt idx="2475">
                  <c:v>0</c:v>
                </c:pt>
                <c:pt idx="2476">
                  <c:v>0</c:v>
                </c:pt>
                <c:pt idx="2477">
                  <c:v>0</c:v>
                </c:pt>
                <c:pt idx="2478">
                  <c:v>0</c:v>
                </c:pt>
                <c:pt idx="2479">
                  <c:v>0</c:v>
                </c:pt>
                <c:pt idx="2480">
                  <c:v>0</c:v>
                </c:pt>
                <c:pt idx="2481">
                  <c:v>0</c:v>
                </c:pt>
                <c:pt idx="2482">
                  <c:v>0</c:v>
                </c:pt>
                <c:pt idx="2483">
                  <c:v>0</c:v>
                </c:pt>
                <c:pt idx="2484">
                  <c:v>0</c:v>
                </c:pt>
                <c:pt idx="2485">
                  <c:v>0</c:v>
                </c:pt>
                <c:pt idx="2486">
                  <c:v>0</c:v>
                </c:pt>
                <c:pt idx="2487">
                  <c:v>0</c:v>
                </c:pt>
                <c:pt idx="2488">
                  <c:v>0</c:v>
                </c:pt>
                <c:pt idx="2489">
                  <c:v>0</c:v>
                </c:pt>
                <c:pt idx="2490">
                  <c:v>0</c:v>
                </c:pt>
                <c:pt idx="2491">
                  <c:v>0</c:v>
                </c:pt>
                <c:pt idx="2492">
                  <c:v>0</c:v>
                </c:pt>
                <c:pt idx="2493">
                  <c:v>0</c:v>
                </c:pt>
                <c:pt idx="2494">
                  <c:v>0</c:v>
                </c:pt>
                <c:pt idx="2495">
                  <c:v>0</c:v>
                </c:pt>
                <c:pt idx="2496">
                  <c:v>0</c:v>
                </c:pt>
                <c:pt idx="2497">
                  <c:v>0</c:v>
                </c:pt>
                <c:pt idx="2498">
                  <c:v>0</c:v>
                </c:pt>
                <c:pt idx="2499">
                  <c:v>0</c:v>
                </c:pt>
                <c:pt idx="2500">
                  <c:v>0</c:v>
                </c:pt>
                <c:pt idx="2501">
                  <c:v>0</c:v>
                </c:pt>
                <c:pt idx="2502">
                  <c:v>0</c:v>
                </c:pt>
                <c:pt idx="2503">
                  <c:v>0</c:v>
                </c:pt>
                <c:pt idx="2504">
                  <c:v>0</c:v>
                </c:pt>
                <c:pt idx="2505">
                  <c:v>0</c:v>
                </c:pt>
                <c:pt idx="2506">
                  <c:v>0</c:v>
                </c:pt>
                <c:pt idx="2507">
                  <c:v>0</c:v>
                </c:pt>
                <c:pt idx="2508">
                  <c:v>0</c:v>
                </c:pt>
                <c:pt idx="2509">
                  <c:v>0</c:v>
                </c:pt>
                <c:pt idx="2510">
                  <c:v>0</c:v>
                </c:pt>
                <c:pt idx="2511">
                  <c:v>0</c:v>
                </c:pt>
                <c:pt idx="2512">
                  <c:v>0</c:v>
                </c:pt>
                <c:pt idx="2513">
                  <c:v>0</c:v>
                </c:pt>
                <c:pt idx="2514">
                  <c:v>0</c:v>
                </c:pt>
                <c:pt idx="2515">
                  <c:v>0</c:v>
                </c:pt>
                <c:pt idx="2516">
                  <c:v>0</c:v>
                </c:pt>
                <c:pt idx="2517">
                  <c:v>0</c:v>
                </c:pt>
                <c:pt idx="2518">
                  <c:v>0</c:v>
                </c:pt>
                <c:pt idx="2519">
                  <c:v>0</c:v>
                </c:pt>
                <c:pt idx="2520">
                  <c:v>0</c:v>
                </c:pt>
                <c:pt idx="2521">
                  <c:v>0</c:v>
                </c:pt>
                <c:pt idx="2522">
                  <c:v>0</c:v>
                </c:pt>
                <c:pt idx="2523">
                  <c:v>0</c:v>
                </c:pt>
                <c:pt idx="2524">
                  <c:v>0</c:v>
                </c:pt>
                <c:pt idx="2525">
                  <c:v>0</c:v>
                </c:pt>
                <c:pt idx="2526">
                  <c:v>0</c:v>
                </c:pt>
                <c:pt idx="2527">
                  <c:v>0</c:v>
                </c:pt>
                <c:pt idx="2528">
                  <c:v>0</c:v>
                </c:pt>
                <c:pt idx="2529">
                  <c:v>0</c:v>
                </c:pt>
                <c:pt idx="2530">
                  <c:v>0</c:v>
                </c:pt>
                <c:pt idx="2531">
                  <c:v>0</c:v>
                </c:pt>
                <c:pt idx="2532">
                  <c:v>0</c:v>
                </c:pt>
                <c:pt idx="2533">
                  <c:v>0</c:v>
                </c:pt>
                <c:pt idx="2534">
                  <c:v>0</c:v>
                </c:pt>
                <c:pt idx="2535">
                  <c:v>0</c:v>
                </c:pt>
                <c:pt idx="2536">
                  <c:v>0</c:v>
                </c:pt>
                <c:pt idx="2537">
                  <c:v>0</c:v>
                </c:pt>
                <c:pt idx="2538">
                  <c:v>0</c:v>
                </c:pt>
                <c:pt idx="2539">
                  <c:v>0</c:v>
                </c:pt>
                <c:pt idx="2540">
                  <c:v>0</c:v>
                </c:pt>
                <c:pt idx="2541">
                  <c:v>0</c:v>
                </c:pt>
                <c:pt idx="2542">
                  <c:v>0</c:v>
                </c:pt>
                <c:pt idx="2543">
                  <c:v>0</c:v>
                </c:pt>
                <c:pt idx="2544">
                  <c:v>0</c:v>
                </c:pt>
                <c:pt idx="2545">
                  <c:v>0</c:v>
                </c:pt>
                <c:pt idx="2546">
                  <c:v>0</c:v>
                </c:pt>
                <c:pt idx="2547">
                  <c:v>0</c:v>
                </c:pt>
                <c:pt idx="2548">
                  <c:v>0</c:v>
                </c:pt>
                <c:pt idx="2549">
                  <c:v>0</c:v>
                </c:pt>
                <c:pt idx="2550">
                  <c:v>0</c:v>
                </c:pt>
                <c:pt idx="2551">
                  <c:v>0</c:v>
                </c:pt>
                <c:pt idx="2552">
                  <c:v>0</c:v>
                </c:pt>
                <c:pt idx="2553">
                  <c:v>0</c:v>
                </c:pt>
                <c:pt idx="2554">
                  <c:v>0</c:v>
                </c:pt>
                <c:pt idx="2555">
                  <c:v>0</c:v>
                </c:pt>
                <c:pt idx="2556">
                  <c:v>0</c:v>
                </c:pt>
                <c:pt idx="2557">
                  <c:v>0</c:v>
                </c:pt>
                <c:pt idx="2558">
                  <c:v>0</c:v>
                </c:pt>
                <c:pt idx="2559">
                  <c:v>0</c:v>
                </c:pt>
                <c:pt idx="2560">
                  <c:v>0</c:v>
                </c:pt>
                <c:pt idx="2561">
                  <c:v>0</c:v>
                </c:pt>
                <c:pt idx="2562">
                  <c:v>0</c:v>
                </c:pt>
                <c:pt idx="2563">
                  <c:v>0</c:v>
                </c:pt>
                <c:pt idx="2564">
                  <c:v>0</c:v>
                </c:pt>
                <c:pt idx="2565">
                  <c:v>0</c:v>
                </c:pt>
                <c:pt idx="2566">
                  <c:v>0</c:v>
                </c:pt>
                <c:pt idx="2567">
                  <c:v>0</c:v>
                </c:pt>
                <c:pt idx="2568">
                  <c:v>0</c:v>
                </c:pt>
                <c:pt idx="2569">
                  <c:v>0</c:v>
                </c:pt>
                <c:pt idx="2570">
                  <c:v>0</c:v>
                </c:pt>
                <c:pt idx="2571">
                  <c:v>0</c:v>
                </c:pt>
                <c:pt idx="2572">
                  <c:v>0</c:v>
                </c:pt>
                <c:pt idx="2573">
                  <c:v>0</c:v>
                </c:pt>
                <c:pt idx="2574">
                  <c:v>0</c:v>
                </c:pt>
                <c:pt idx="2575">
                  <c:v>0</c:v>
                </c:pt>
                <c:pt idx="2576">
                  <c:v>0</c:v>
                </c:pt>
                <c:pt idx="2577">
                  <c:v>0</c:v>
                </c:pt>
                <c:pt idx="2578">
                  <c:v>0</c:v>
                </c:pt>
                <c:pt idx="2579">
                  <c:v>0</c:v>
                </c:pt>
                <c:pt idx="2580">
                  <c:v>0</c:v>
                </c:pt>
                <c:pt idx="2581">
                  <c:v>0</c:v>
                </c:pt>
                <c:pt idx="2582">
                  <c:v>0</c:v>
                </c:pt>
                <c:pt idx="2583">
                  <c:v>0</c:v>
                </c:pt>
                <c:pt idx="2584">
                  <c:v>0</c:v>
                </c:pt>
                <c:pt idx="2585">
                  <c:v>0</c:v>
                </c:pt>
                <c:pt idx="2586">
                  <c:v>0</c:v>
                </c:pt>
                <c:pt idx="2587">
                  <c:v>0</c:v>
                </c:pt>
                <c:pt idx="2588">
                  <c:v>0</c:v>
                </c:pt>
                <c:pt idx="2589">
                  <c:v>0</c:v>
                </c:pt>
                <c:pt idx="2590">
                  <c:v>0</c:v>
                </c:pt>
                <c:pt idx="2591">
                  <c:v>0</c:v>
                </c:pt>
                <c:pt idx="2592">
                  <c:v>0</c:v>
                </c:pt>
                <c:pt idx="2593">
                  <c:v>0</c:v>
                </c:pt>
                <c:pt idx="2594">
                  <c:v>0</c:v>
                </c:pt>
                <c:pt idx="2595">
                  <c:v>0</c:v>
                </c:pt>
                <c:pt idx="2596">
                  <c:v>0</c:v>
                </c:pt>
                <c:pt idx="2597">
                  <c:v>0</c:v>
                </c:pt>
                <c:pt idx="2598">
                  <c:v>0</c:v>
                </c:pt>
                <c:pt idx="2599">
                  <c:v>0</c:v>
                </c:pt>
                <c:pt idx="2600">
                  <c:v>0</c:v>
                </c:pt>
                <c:pt idx="2601">
                  <c:v>0</c:v>
                </c:pt>
                <c:pt idx="2602">
                  <c:v>0</c:v>
                </c:pt>
                <c:pt idx="2603">
                  <c:v>0</c:v>
                </c:pt>
                <c:pt idx="2604">
                  <c:v>0</c:v>
                </c:pt>
                <c:pt idx="2605">
                  <c:v>0</c:v>
                </c:pt>
                <c:pt idx="2606">
                  <c:v>0</c:v>
                </c:pt>
                <c:pt idx="2607">
                  <c:v>0</c:v>
                </c:pt>
                <c:pt idx="2608">
                  <c:v>0</c:v>
                </c:pt>
                <c:pt idx="2609">
                  <c:v>0</c:v>
                </c:pt>
                <c:pt idx="2610">
                  <c:v>0</c:v>
                </c:pt>
                <c:pt idx="2611">
                  <c:v>0</c:v>
                </c:pt>
                <c:pt idx="2612">
                  <c:v>0</c:v>
                </c:pt>
                <c:pt idx="2613">
                  <c:v>0</c:v>
                </c:pt>
                <c:pt idx="2614">
                  <c:v>0</c:v>
                </c:pt>
                <c:pt idx="2615">
                  <c:v>0</c:v>
                </c:pt>
                <c:pt idx="2616">
                  <c:v>0</c:v>
                </c:pt>
                <c:pt idx="2617">
                  <c:v>0</c:v>
                </c:pt>
                <c:pt idx="2618">
                  <c:v>0</c:v>
                </c:pt>
                <c:pt idx="2619">
                  <c:v>0</c:v>
                </c:pt>
                <c:pt idx="2620">
                  <c:v>0</c:v>
                </c:pt>
                <c:pt idx="2621">
                  <c:v>0</c:v>
                </c:pt>
                <c:pt idx="2622">
                  <c:v>0</c:v>
                </c:pt>
                <c:pt idx="2623">
                  <c:v>0</c:v>
                </c:pt>
                <c:pt idx="2624">
                  <c:v>0</c:v>
                </c:pt>
                <c:pt idx="2625">
                  <c:v>0</c:v>
                </c:pt>
                <c:pt idx="2626">
                  <c:v>0</c:v>
                </c:pt>
                <c:pt idx="2627">
                  <c:v>0</c:v>
                </c:pt>
                <c:pt idx="2628">
                  <c:v>0</c:v>
                </c:pt>
                <c:pt idx="2629">
                  <c:v>0</c:v>
                </c:pt>
                <c:pt idx="2630">
                  <c:v>0</c:v>
                </c:pt>
                <c:pt idx="2631">
                  <c:v>0</c:v>
                </c:pt>
                <c:pt idx="2632">
                  <c:v>0</c:v>
                </c:pt>
                <c:pt idx="2633">
                  <c:v>0</c:v>
                </c:pt>
                <c:pt idx="2634">
                  <c:v>0</c:v>
                </c:pt>
                <c:pt idx="2635">
                  <c:v>0</c:v>
                </c:pt>
                <c:pt idx="2636">
                  <c:v>0</c:v>
                </c:pt>
                <c:pt idx="2637">
                  <c:v>0</c:v>
                </c:pt>
                <c:pt idx="2638">
                  <c:v>0</c:v>
                </c:pt>
                <c:pt idx="2639">
                  <c:v>0</c:v>
                </c:pt>
                <c:pt idx="2640">
                  <c:v>0</c:v>
                </c:pt>
                <c:pt idx="2641">
                  <c:v>0</c:v>
                </c:pt>
                <c:pt idx="2642">
                  <c:v>0</c:v>
                </c:pt>
                <c:pt idx="2643">
                  <c:v>0</c:v>
                </c:pt>
                <c:pt idx="2644">
                  <c:v>0</c:v>
                </c:pt>
                <c:pt idx="2645">
                  <c:v>0</c:v>
                </c:pt>
                <c:pt idx="2646">
                  <c:v>0</c:v>
                </c:pt>
                <c:pt idx="2647">
                  <c:v>0</c:v>
                </c:pt>
                <c:pt idx="2648">
                  <c:v>0</c:v>
                </c:pt>
                <c:pt idx="2649">
                  <c:v>0</c:v>
                </c:pt>
                <c:pt idx="2650">
                  <c:v>0</c:v>
                </c:pt>
                <c:pt idx="2651">
                  <c:v>0</c:v>
                </c:pt>
                <c:pt idx="2652">
                  <c:v>0</c:v>
                </c:pt>
                <c:pt idx="2653">
                  <c:v>0</c:v>
                </c:pt>
                <c:pt idx="2654">
                  <c:v>0</c:v>
                </c:pt>
                <c:pt idx="2655">
                  <c:v>0</c:v>
                </c:pt>
                <c:pt idx="2656">
                  <c:v>0</c:v>
                </c:pt>
                <c:pt idx="2657">
                  <c:v>0</c:v>
                </c:pt>
                <c:pt idx="2658">
                  <c:v>0</c:v>
                </c:pt>
                <c:pt idx="2659">
                  <c:v>0</c:v>
                </c:pt>
                <c:pt idx="2660">
                  <c:v>0</c:v>
                </c:pt>
                <c:pt idx="2661">
                  <c:v>0</c:v>
                </c:pt>
                <c:pt idx="2662">
                  <c:v>0</c:v>
                </c:pt>
                <c:pt idx="2663">
                  <c:v>0</c:v>
                </c:pt>
                <c:pt idx="2664">
                  <c:v>0</c:v>
                </c:pt>
                <c:pt idx="2665">
                  <c:v>0</c:v>
                </c:pt>
                <c:pt idx="2666">
                  <c:v>0</c:v>
                </c:pt>
                <c:pt idx="2667">
                  <c:v>0</c:v>
                </c:pt>
                <c:pt idx="2668">
                  <c:v>0</c:v>
                </c:pt>
                <c:pt idx="2669">
                  <c:v>0</c:v>
                </c:pt>
                <c:pt idx="2670">
                  <c:v>0</c:v>
                </c:pt>
                <c:pt idx="2671">
                  <c:v>0</c:v>
                </c:pt>
                <c:pt idx="2672">
                  <c:v>0</c:v>
                </c:pt>
                <c:pt idx="2673">
                  <c:v>0</c:v>
                </c:pt>
                <c:pt idx="2674">
                  <c:v>0</c:v>
                </c:pt>
                <c:pt idx="2675">
                  <c:v>0</c:v>
                </c:pt>
                <c:pt idx="2676">
                  <c:v>0</c:v>
                </c:pt>
                <c:pt idx="2677">
                  <c:v>0</c:v>
                </c:pt>
                <c:pt idx="2678">
                  <c:v>0</c:v>
                </c:pt>
                <c:pt idx="2679">
                  <c:v>0</c:v>
                </c:pt>
                <c:pt idx="2680">
                  <c:v>0</c:v>
                </c:pt>
                <c:pt idx="2681">
                  <c:v>0</c:v>
                </c:pt>
                <c:pt idx="2682">
                  <c:v>0</c:v>
                </c:pt>
                <c:pt idx="2683">
                  <c:v>0</c:v>
                </c:pt>
                <c:pt idx="2684">
                  <c:v>0</c:v>
                </c:pt>
                <c:pt idx="2685">
                  <c:v>0</c:v>
                </c:pt>
                <c:pt idx="2686">
                  <c:v>0</c:v>
                </c:pt>
                <c:pt idx="2687">
                  <c:v>0</c:v>
                </c:pt>
                <c:pt idx="2688">
                  <c:v>0</c:v>
                </c:pt>
                <c:pt idx="2689">
                  <c:v>0</c:v>
                </c:pt>
                <c:pt idx="2690">
                  <c:v>0</c:v>
                </c:pt>
                <c:pt idx="2691">
                  <c:v>0</c:v>
                </c:pt>
                <c:pt idx="2692">
                  <c:v>0</c:v>
                </c:pt>
                <c:pt idx="2693">
                  <c:v>0</c:v>
                </c:pt>
                <c:pt idx="2694">
                  <c:v>0</c:v>
                </c:pt>
                <c:pt idx="2695">
                  <c:v>0</c:v>
                </c:pt>
                <c:pt idx="2696">
                  <c:v>0</c:v>
                </c:pt>
                <c:pt idx="2697">
                  <c:v>0</c:v>
                </c:pt>
                <c:pt idx="2698">
                  <c:v>0</c:v>
                </c:pt>
                <c:pt idx="2699">
                  <c:v>0</c:v>
                </c:pt>
                <c:pt idx="2700">
                  <c:v>0</c:v>
                </c:pt>
                <c:pt idx="2701">
                  <c:v>0</c:v>
                </c:pt>
                <c:pt idx="2702">
                  <c:v>0</c:v>
                </c:pt>
                <c:pt idx="2703">
                  <c:v>0</c:v>
                </c:pt>
                <c:pt idx="2704">
                  <c:v>0</c:v>
                </c:pt>
                <c:pt idx="2705">
                  <c:v>0</c:v>
                </c:pt>
                <c:pt idx="2706">
                  <c:v>0</c:v>
                </c:pt>
                <c:pt idx="2707">
                  <c:v>0</c:v>
                </c:pt>
                <c:pt idx="2708">
                  <c:v>0</c:v>
                </c:pt>
                <c:pt idx="2709">
                  <c:v>0</c:v>
                </c:pt>
                <c:pt idx="2710">
                  <c:v>0</c:v>
                </c:pt>
                <c:pt idx="2711">
                  <c:v>0</c:v>
                </c:pt>
                <c:pt idx="2712">
                  <c:v>0</c:v>
                </c:pt>
                <c:pt idx="2713">
                  <c:v>0</c:v>
                </c:pt>
                <c:pt idx="2714">
                  <c:v>0</c:v>
                </c:pt>
                <c:pt idx="2715">
                  <c:v>0</c:v>
                </c:pt>
                <c:pt idx="2716">
                  <c:v>0</c:v>
                </c:pt>
                <c:pt idx="2717">
                  <c:v>0</c:v>
                </c:pt>
                <c:pt idx="2718">
                  <c:v>0</c:v>
                </c:pt>
                <c:pt idx="2719">
                  <c:v>0</c:v>
                </c:pt>
                <c:pt idx="2720">
                  <c:v>0</c:v>
                </c:pt>
                <c:pt idx="2721">
                  <c:v>0</c:v>
                </c:pt>
                <c:pt idx="2722">
                  <c:v>0</c:v>
                </c:pt>
                <c:pt idx="2723">
                  <c:v>0</c:v>
                </c:pt>
                <c:pt idx="2724">
                  <c:v>0</c:v>
                </c:pt>
                <c:pt idx="2725">
                  <c:v>0</c:v>
                </c:pt>
                <c:pt idx="2726">
                  <c:v>0</c:v>
                </c:pt>
                <c:pt idx="2727">
                  <c:v>0</c:v>
                </c:pt>
                <c:pt idx="2728">
                  <c:v>0</c:v>
                </c:pt>
                <c:pt idx="2729">
                  <c:v>0</c:v>
                </c:pt>
                <c:pt idx="2730">
                  <c:v>0</c:v>
                </c:pt>
                <c:pt idx="2731">
                  <c:v>0</c:v>
                </c:pt>
                <c:pt idx="2732">
                  <c:v>0</c:v>
                </c:pt>
                <c:pt idx="2733">
                  <c:v>0</c:v>
                </c:pt>
                <c:pt idx="2734">
                  <c:v>0</c:v>
                </c:pt>
                <c:pt idx="2735">
                  <c:v>0</c:v>
                </c:pt>
                <c:pt idx="2736">
                  <c:v>0</c:v>
                </c:pt>
                <c:pt idx="2737">
                  <c:v>0</c:v>
                </c:pt>
                <c:pt idx="2738">
                  <c:v>0</c:v>
                </c:pt>
                <c:pt idx="2739">
                  <c:v>0</c:v>
                </c:pt>
                <c:pt idx="2740">
                  <c:v>0</c:v>
                </c:pt>
                <c:pt idx="2741">
                  <c:v>0</c:v>
                </c:pt>
                <c:pt idx="2742">
                  <c:v>0</c:v>
                </c:pt>
                <c:pt idx="2743">
                  <c:v>0</c:v>
                </c:pt>
                <c:pt idx="2744">
                  <c:v>0</c:v>
                </c:pt>
                <c:pt idx="2745">
                  <c:v>0</c:v>
                </c:pt>
                <c:pt idx="2746">
                  <c:v>0</c:v>
                </c:pt>
                <c:pt idx="2747">
                  <c:v>0</c:v>
                </c:pt>
                <c:pt idx="2748">
                  <c:v>0</c:v>
                </c:pt>
                <c:pt idx="2749">
                  <c:v>0</c:v>
                </c:pt>
                <c:pt idx="2750">
                  <c:v>0</c:v>
                </c:pt>
                <c:pt idx="2751">
                  <c:v>0</c:v>
                </c:pt>
                <c:pt idx="2752">
                  <c:v>0</c:v>
                </c:pt>
                <c:pt idx="2753">
                  <c:v>0</c:v>
                </c:pt>
                <c:pt idx="2754">
                  <c:v>0</c:v>
                </c:pt>
                <c:pt idx="2755">
                  <c:v>0</c:v>
                </c:pt>
                <c:pt idx="2756">
                  <c:v>0</c:v>
                </c:pt>
                <c:pt idx="2757">
                  <c:v>0</c:v>
                </c:pt>
                <c:pt idx="2758">
                  <c:v>0</c:v>
                </c:pt>
                <c:pt idx="2759">
                  <c:v>0</c:v>
                </c:pt>
                <c:pt idx="2760">
                  <c:v>0</c:v>
                </c:pt>
                <c:pt idx="2761">
                  <c:v>0</c:v>
                </c:pt>
                <c:pt idx="2762">
                  <c:v>0</c:v>
                </c:pt>
                <c:pt idx="2763">
                  <c:v>0</c:v>
                </c:pt>
                <c:pt idx="2764">
                  <c:v>0</c:v>
                </c:pt>
                <c:pt idx="2765">
                  <c:v>0</c:v>
                </c:pt>
                <c:pt idx="2766">
                  <c:v>0</c:v>
                </c:pt>
                <c:pt idx="2767">
                  <c:v>0</c:v>
                </c:pt>
                <c:pt idx="2768">
                  <c:v>0</c:v>
                </c:pt>
                <c:pt idx="2769">
                  <c:v>0</c:v>
                </c:pt>
                <c:pt idx="2770">
                  <c:v>0</c:v>
                </c:pt>
                <c:pt idx="2771">
                  <c:v>0</c:v>
                </c:pt>
                <c:pt idx="2772">
                  <c:v>0</c:v>
                </c:pt>
                <c:pt idx="2773">
                  <c:v>0</c:v>
                </c:pt>
                <c:pt idx="2774">
                  <c:v>0</c:v>
                </c:pt>
                <c:pt idx="2775">
                  <c:v>0</c:v>
                </c:pt>
                <c:pt idx="2776">
                  <c:v>0</c:v>
                </c:pt>
                <c:pt idx="2777">
                  <c:v>0</c:v>
                </c:pt>
                <c:pt idx="2778">
                  <c:v>0</c:v>
                </c:pt>
                <c:pt idx="2779">
                  <c:v>0</c:v>
                </c:pt>
                <c:pt idx="2780">
                  <c:v>0</c:v>
                </c:pt>
                <c:pt idx="2781">
                  <c:v>0</c:v>
                </c:pt>
                <c:pt idx="2782">
                  <c:v>0</c:v>
                </c:pt>
                <c:pt idx="2783">
                  <c:v>0</c:v>
                </c:pt>
                <c:pt idx="2784">
                  <c:v>0</c:v>
                </c:pt>
                <c:pt idx="2785">
                  <c:v>0</c:v>
                </c:pt>
                <c:pt idx="2786">
                  <c:v>0</c:v>
                </c:pt>
                <c:pt idx="2787">
                  <c:v>0</c:v>
                </c:pt>
                <c:pt idx="2788">
                  <c:v>0</c:v>
                </c:pt>
                <c:pt idx="2789">
                  <c:v>0</c:v>
                </c:pt>
                <c:pt idx="2790">
                  <c:v>0</c:v>
                </c:pt>
                <c:pt idx="2791">
                  <c:v>0</c:v>
                </c:pt>
                <c:pt idx="2792">
                  <c:v>0</c:v>
                </c:pt>
                <c:pt idx="2793">
                  <c:v>0</c:v>
                </c:pt>
                <c:pt idx="2794">
                  <c:v>0</c:v>
                </c:pt>
                <c:pt idx="2795">
                  <c:v>0</c:v>
                </c:pt>
                <c:pt idx="2796">
                  <c:v>0</c:v>
                </c:pt>
                <c:pt idx="2797">
                  <c:v>0</c:v>
                </c:pt>
                <c:pt idx="2798">
                  <c:v>0</c:v>
                </c:pt>
                <c:pt idx="2799">
                  <c:v>0</c:v>
                </c:pt>
                <c:pt idx="2800">
                  <c:v>0</c:v>
                </c:pt>
                <c:pt idx="2801">
                  <c:v>0</c:v>
                </c:pt>
                <c:pt idx="2802">
                  <c:v>0</c:v>
                </c:pt>
                <c:pt idx="2803">
                  <c:v>0</c:v>
                </c:pt>
                <c:pt idx="2804">
                  <c:v>0</c:v>
                </c:pt>
                <c:pt idx="2805">
                  <c:v>0</c:v>
                </c:pt>
                <c:pt idx="2806">
                  <c:v>0</c:v>
                </c:pt>
                <c:pt idx="2807">
                  <c:v>0</c:v>
                </c:pt>
                <c:pt idx="2808">
                  <c:v>0</c:v>
                </c:pt>
                <c:pt idx="2809">
                  <c:v>0</c:v>
                </c:pt>
                <c:pt idx="2810">
                  <c:v>0</c:v>
                </c:pt>
                <c:pt idx="2811">
                  <c:v>0</c:v>
                </c:pt>
                <c:pt idx="2812">
                  <c:v>0</c:v>
                </c:pt>
                <c:pt idx="2813">
                  <c:v>0</c:v>
                </c:pt>
                <c:pt idx="2814">
                  <c:v>0</c:v>
                </c:pt>
                <c:pt idx="2815">
                  <c:v>0</c:v>
                </c:pt>
                <c:pt idx="2816">
                  <c:v>0</c:v>
                </c:pt>
                <c:pt idx="2817">
                  <c:v>0</c:v>
                </c:pt>
                <c:pt idx="2818">
                  <c:v>0</c:v>
                </c:pt>
                <c:pt idx="2819">
                  <c:v>0</c:v>
                </c:pt>
                <c:pt idx="2820">
                  <c:v>0</c:v>
                </c:pt>
                <c:pt idx="2821">
                  <c:v>0</c:v>
                </c:pt>
                <c:pt idx="2822">
                  <c:v>0</c:v>
                </c:pt>
                <c:pt idx="2823">
                  <c:v>0</c:v>
                </c:pt>
                <c:pt idx="2824">
                  <c:v>0</c:v>
                </c:pt>
                <c:pt idx="2825">
                  <c:v>0</c:v>
                </c:pt>
                <c:pt idx="2826">
                  <c:v>0</c:v>
                </c:pt>
                <c:pt idx="2827">
                  <c:v>0</c:v>
                </c:pt>
                <c:pt idx="2828">
                  <c:v>0</c:v>
                </c:pt>
                <c:pt idx="2829">
                  <c:v>0</c:v>
                </c:pt>
                <c:pt idx="2830">
                  <c:v>0</c:v>
                </c:pt>
                <c:pt idx="2831">
                  <c:v>0</c:v>
                </c:pt>
                <c:pt idx="2832">
                  <c:v>0</c:v>
                </c:pt>
                <c:pt idx="2833">
                  <c:v>0</c:v>
                </c:pt>
                <c:pt idx="2834">
                  <c:v>0</c:v>
                </c:pt>
                <c:pt idx="2835">
                  <c:v>0</c:v>
                </c:pt>
                <c:pt idx="2836">
                  <c:v>0</c:v>
                </c:pt>
                <c:pt idx="2837">
                  <c:v>0</c:v>
                </c:pt>
                <c:pt idx="2838">
                  <c:v>0</c:v>
                </c:pt>
                <c:pt idx="2839">
                  <c:v>0</c:v>
                </c:pt>
                <c:pt idx="2840">
                  <c:v>0</c:v>
                </c:pt>
                <c:pt idx="2841">
                  <c:v>0</c:v>
                </c:pt>
                <c:pt idx="2842">
                  <c:v>0</c:v>
                </c:pt>
                <c:pt idx="2843">
                  <c:v>0</c:v>
                </c:pt>
                <c:pt idx="2844">
                  <c:v>0</c:v>
                </c:pt>
                <c:pt idx="2845">
                  <c:v>0</c:v>
                </c:pt>
                <c:pt idx="2846">
                  <c:v>0</c:v>
                </c:pt>
                <c:pt idx="2847">
                  <c:v>0</c:v>
                </c:pt>
                <c:pt idx="2848">
                  <c:v>0</c:v>
                </c:pt>
                <c:pt idx="2849">
                  <c:v>0</c:v>
                </c:pt>
                <c:pt idx="2850">
                  <c:v>0</c:v>
                </c:pt>
                <c:pt idx="2851">
                  <c:v>0</c:v>
                </c:pt>
                <c:pt idx="2852">
                  <c:v>0</c:v>
                </c:pt>
                <c:pt idx="2853">
                  <c:v>0</c:v>
                </c:pt>
                <c:pt idx="2854">
                  <c:v>0</c:v>
                </c:pt>
                <c:pt idx="2855">
                  <c:v>0</c:v>
                </c:pt>
                <c:pt idx="2856">
                  <c:v>0</c:v>
                </c:pt>
                <c:pt idx="2857">
                  <c:v>0</c:v>
                </c:pt>
                <c:pt idx="2858">
                  <c:v>0</c:v>
                </c:pt>
                <c:pt idx="2859">
                  <c:v>0</c:v>
                </c:pt>
                <c:pt idx="2860">
                  <c:v>0</c:v>
                </c:pt>
                <c:pt idx="2861">
                  <c:v>0</c:v>
                </c:pt>
                <c:pt idx="2862">
                  <c:v>0</c:v>
                </c:pt>
                <c:pt idx="2863">
                  <c:v>0</c:v>
                </c:pt>
                <c:pt idx="2864">
                  <c:v>0</c:v>
                </c:pt>
                <c:pt idx="2865">
                  <c:v>0</c:v>
                </c:pt>
                <c:pt idx="2866">
                  <c:v>0</c:v>
                </c:pt>
                <c:pt idx="2867">
                  <c:v>0</c:v>
                </c:pt>
                <c:pt idx="2868">
                  <c:v>0</c:v>
                </c:pt>
                <c:pt idx="2869">
                  <c:v>0</c:v>
                </c:pt>
                <c:pt idx="2870">
                  <c:v>0</c:v>
                </c:pt>
                <c:pt idx="2871">
                  <c:v>0</c:v>
                </c:pt>
                <c:pt idx="2872">
                  <c:v>0</c:v>
                </c:pt>
                <c:pt idx="2873">
                  <c:v>0</c:v>
                </c:pt>
                <c:pt idx="2874">
                  <c:v>0</c:v>
                </c:pt>
                <c:pt idx="2875">
                  <c:v>0</c:v>
                </c:pt>
                <c:pt idx="2876">
                  <c:v>0</c:v>
                </c:pt>
                <c:pt idx="2877">
                  <c:v>0</c:v>
                </c:pt>
                <c:pt idx="2878">
                  <c:v>0</c:v>
                </c:pt>
                <c:pt idx="2879">
                  <c:v>0</c:v>
                </c:pt>
                <c:pt idx="2880">
                  <c:v>0</c:v>
                </c:pt>
                <c:pt idx="2881">
                  <c:v>0</c:v>
                </c:pt>
                <c:pt idx="2882">
                  <c:v>0</c:v>
                </c:pt>
                <c:pt idx="2883">
                  <c:v>0</c:v>
                </c:pt>
                <c:pt idx="2884">
                  <c:v>0</c:v>
                </c:pt>
                <c:pt idx="2885">
                  <c:v>0</c:v>
                </c:pt>
                <c:pt idx="2886">
                  <c:v>0</c:v>
                </c:pt>
                <c:pt idx="2887">
                  <c:v>0</c:v>
                </c:pt>
                <c:pt idx="2888">
                  <c:v>0</c:v>
                </c:pt>
                <c:pt idx="2889">
                  <c:v>0</c:v>
                </c:pt>
                <c:pt idx="2890">
                  <c:v>0</c:v>
                </c:pt>
                <c:pt idx="2891">
                  <c:v>0</c:v>
                </c:pt>
                <c:pt idx="2892">
                  <c:v>0</c:v>
                </c:pt>
                <c:pt idx="2893">
                  <c:v>0</c:v>
                </c:pt>
                <c:pt idx="2894">
                  <c:v>0</c:v>
                </c:pt>
                <c:pt idx="2895">
                  <c:v>0</c:v>
                </c:pt>
                <c:pt idx="2896">
                  <c:v>0</c:v>
                </c:pt>
                <c:pt idx="2897">
                  <c:v>0</c:v>
                </c:pt>
                <c:pt idx="2898">
                  <c:v>0</c:v>
                </c:pt>
                <c:pt idx="2899">
                  <c:v>0</c:v>
                </c:pt>
                <c:pt idx="2900">
                  <c:v>0</c:v>
                </c:pt>
                <c:pt idx="2901">
                  <c:v>0</c:v>
                </c:pt>
                <c:pt idx="2902">
                  <c:v>0</c:v>
                </c:pt>
                <c:pt idx="2903">
                  <c:v>0</c:v>
                </c:pt>
                <c:pt idx="2904">
                  <c:v>0</c:v>
                </c:pt>
                <c:pt idx="2905">
                  <c:v>0</c:v>
                </c:pt>
                <c:pt idx="2906">
                  <c:v>0</c:v>
                </c:pt>
                <c:pt idx="2907">
                  <c:v>0</c:v>
                </c:pt>
                <c:pt idx="2908">
                  <c:v>0</c:v>
                </c:pt>
                <c:pt idx="2909">
                  <c:v>0</c:v>
                </c:pt>
                <c:pt idx="2910">
                  <c:v>0</c:v>
                </c:pt>
                <c:pt idx="2911">
                  <c:v>0</c:v>
                </c:pt>
                <c:pt idx="2912">
                  <c:v>0</c:v>
                </c:pt>
                <c:pt idx="2913">
                  <c:v>0</c:v>
                </c:pt>
                <c:pt idx="2914">
                  <c:v>0</c:v>
                </c:pt>
                <c:pt idx="2915">
                  <c:v>0</c:v>
                </c:pt>
                <c:pt idx="2916">
                  <c:v>0</c:v>
                </c:pt>
                <c:pt idx="2917">
                  <c:v>0</c:v>
                </c:pt>
                <c:pt idx="2918">
                  <c:v>0</c:v>
                </c:pt>
                <c:pt idx="2919">
                  <c:v>0</c:v>
                </c:pt>
                <c:pt idx="2920">
                  <c:v>0</c:v>
                </c:pt>
                <c:pt idx="2921">
                  <c:v>0</c:v>
                </c:pt>
                <c:pt idx="2922">
                  <c:v>0</c:v>
                </c:pt>
                <c:pt idx="2923">
                  <c:v>0</c:v>
                </c:pt>
                <c:pt idx="2924">
                  <c:v>0</c:v>
                </c:pt>
                <c:pt idx="2925">
                  <c:v>0</c:v>
                </c:pt>
                <c:pt idx="2926">
                  <c:v>0</c:v>
                </c:pt>
                <c:pt idx="2927">
                  <c:v>0</c:v>
                </c:pt>
                <c:pt idx="2928">
                  <c:v>0</c:v>
                </c:pt>
                <c:pt idx="2929">
                  <c:v>0</c:v>
                </c:pt>
                <c:pt idx="2930">
                  <c:v>0</c:v>
                </c:pt>
                <c:pt idx="2931">
                  <c:v>0</c:v>
                </c:pt>
                <c:pt idx="2932">
                  <c:v>0</c:v>
                </c:pt>
                <c:pt idx="2933">
                  <c:v>0</c:v>
                </c:pt>
                <c:pt idx="2934">
                  <c:v>0</c:v>
                </c:pt>
                <c:pt idx="2935">
                  <c:v>0</c:v>
                </c:pt>
                <c:pt idx="2936">
                  <c:v>0</c:v>
                </c:pt>
                <c:pt idx="2937">
                  <c:v>0</c:v>
                </c:pt>
                <c:pt idx="2938">
                  <c:v>0</c:v>
                </c:pt>
                <c:pt idx="2939">
                  <c:v>0</c:v>
                </c:pt>
                <c:pt idx="2940">
                  <c:v>0</c:v>
                </c:pt>
                <c:pt idx="2941">
                  <c:v>0</c:v>
                </c:pt>
                <c:pt idx="2942">
                  <c:v>0</c:v>
                </c:pt>
                <c:pt idx="2943">
                  <c:v>0</c:v>
                </c:pt>
                <c:pt idx="2944">
                  <c:v>0</c:v>
                </c:pt>
                <c:pt idx="2945">
                  <c:v>0</c:v>
                </c:pt>
                <c:pt idx="2946">
                  <c:v>0</c:v>
                </c:pt>
                <c:pt idx="2947">
                  <c:v>0</c:v>
                </c:pt>
                <c:pt idx="2948">
                  <c:v>0</c:v>
                </c:pt>
                <c:pt idx="2949">
                  <c:v>0</c:v>
                </c:pt>
                <c:pt idx="2950">
                  <c:v>0</c:v>
                </c:pt>
                <c:pt idx="2951">
                  <c:v>0</c:v>
                </c:pt>
                <c:pt idx="2952">
                  <c:v>0</c:v>
                </c:pt>
                <c:pt idx="2953">
                  <c:v>0</c:v>
                </c:pt>
                <c:pt idx="2954">
                  <c:v>0</c:v>
                </c:pt>
                <c:pt idx="2955">
                  <c:v>0</c:v>
                </c:pt>
                <c:pt idx="2956">
                  <c:v>0</c:v>
                </c:pt>
                <c:pt idx="2957">
                  <c:v>0</c:v>
                </c:pt>
                <c:pt idx="2958">
                  <c:v>0</c:v>
                </c:pt>
                <c:pt idx="2959">
                  <c:v>0</c:v>
                </c:pt>
                <c:pt idx="2960">
                  <c:v>0</c:v>
                </c:pt>
                <c:pt idx="2961">
                  <c:v>0</c:v>
                </c:pt>
                <c:pt idx="2962">
                  <c:v>0</c:v>
                </c:pt>
                <c:pt idx="2963">
                  <c:v>0</c:v>
                </c:pt>
                <c:pt idx="2964">
                  <c:v>0</c:v>
                </c:pt>
                <c:pt idx="2965">
                  <c:v>0</c:v>
                </c:pt>
                <c:pt idx="2966">
                  <c:v>0</c:v>
                </c:pt>
                <c:pt idx="2967">
                  <c:v>0</c:v>
                </c:pt>
                <c:pt idx="2968">
                  <c:v>0</c:v>
                </c:pt>
                <c:pt idx="2969">
                  <c:v>0</c:v>
                </c:pt>
                <c:pt idx="2970">
                  <c:v>0</c:v>
                </c:pt>
                <c:pt idx="2971">
                  <c:v>0</c:v>
                </c:pt>
                <c:pt idx="2972">
                  <c:v>0</c:v>
                </c:pt>
                <c:pt idx="2973">
                  <c:v>0</c:v>
                </c:pt>
                <c:pt idx="2974">
                  <c:v>0</c:v>
                </c:pt>
                <c:pt idx="2975">
                  <c:v>0</c:v>
                </c:pt>
                <c:pt idx="2976">
                  <c:v>0</c:v>
                </c:pt>
                <c:pt idx="2977">
                  <c:v>0</c:v>
                </c:pt>
                <c:pt idx="2978">
                  <c:v>0</c:v>
                </c:pt>
                <c:pt idx="2979">
                  <c:v>0</c:v>
                </c:pt>
                <c:pt idx="2980">
                  <c:v>0</c:v>
                </c:pt>
                <c:pt idx="2981">
                  <c:v>0</c:v>
                </c:pt>
                <c:pt idx="2982">
                  <c:v>0</c:v>
                </c:pt>
                <c:pt idx="2983">
                  <c:v>0</c:v>
                </c:pt>
                <c:pt idx="2984">
                  <c:v>0</c:v>
                </c:pt>
                <c:pt idx="2985">
                  <c:v>0</c:v>
                </c:pt>
                <c:pt idx="2986">
                  <c:v>0</c:v>
                </c:pt>
                <c:pt idx="2987">
                  <c:v>0</c:v>
                </c:pt>
                <c:pt idx="2988">
                  <c:v>0</c:v>
                </c:pt>
                <c:pt idx="2989">
                  <c:v>0</c:v>
                </c:pt>
                <c:pt idx="2990">
                  <c:v>0</c:v>
                </c:pt>
                <c:pt idx="2991">
                  <c:v>0</c:v>
                </c:pt>
                <c:pt idx="2992">
                  <c:v>0</c:v>
                </c:pt>
                <c:pt idx="2993">
                  <c:v>0</c:v>
                </c:pt>
                <c:pt idx="2994">
                  <c:v>0</c:v>
                </c:pt>
                <c:pt idx="2995">
                  <c:v>0</c:v>
                </c:pt>
                <c:pt idx="2996">
                  <c:v>0</c:v>
                </c:pt>
                <c:pt idx="2997">
                  <c:v>0</c:v>
                </c:pt>
                <c:pt idx="2998">
                  <c:v>0</c:v>
                </c:pt>
                <c:pt idx="2999">
                  <c:v>0</c:v>
                </c:pt>
                <c:pt idx="3000">
                  <c:v>0</c:v>
                </c:pt>
                <c:pt idx="3001">
                  <c:v>0</c:v>
                </c:pt>
                <c:pt idx="3002">
                  <c:v>0</c:v>
                </c:pt>
                <c:pt idx="3003">
                  <c:v>0</c:v>
                </c:pt>
                <c:pt idx="3004">
                  <c:v>0</c:v>
                </c:pt>
                <c:pt idx="3005">
                  <c:v>0</c:v>
                </c:pt>
                <c:pt idx="3006">
                  <c:v>0</c:v>
                </c:pt>
                <c:pt idx="3007">
                  <c:v>0</c:v>
                </c:pt>
                <c:pt idx="3008">
                  <c:v>0</c:v>
                </c:pt>
                <c:pt idx="3009">
                  <c:v>0</c:v>
                </c:pt>
                <c:pt idx="3010">
                  <c:v>0</c:v>
                </c:pt>
                <c:pt idx="3011">
                  <c:v>0</c:v>
                </c:pt>
                <c:pt idx="3012">
                  <c:v>0</c:v>
                </c:pt>
                <c:pt idx="3013">
                  <c:v>0</c:v>
                </c:pt>
                <c:pt idx="3014">
                  <c:v>0</c:v>
                </c:pt>
                <c:pt idx="3015">
                  <c:v>0</c:v>
                </c:pt>
                <c:pt idx="3016">
                  <c:v>0</c:v>
                </c:pt>
                <c:pt idx="3017">
                  <c:v>0</c:v>
                </c:pt>
                <c:pt idx="3018">
                  <c:v>0</c:v>
                </c:pt>
                <c:pt idx="3019">
                  <c:v>0</c:v>
                </c:pt>
                <c:pt idx="3020">
                  <c:v>0</c:v>
                </c:pt>
                <c:pt idx="3021">
                  <c:v>0</c:v>
                </c:pt>
                <c:pt idx="3022">
                  <c:v>0</c:v>
                </c:pt>
                <c:pt idx="3023">
                  <c:v>0</c:v>
                </c:pt>
                <c:pt idx="3024">
                  <c:v>0</c:v>
                </c:pt>
                <c:pt idx="3025">
                  <c:v>0</c:v>
                </c:pt>
                <c:pt idx="3026">
                  <c:v>0</c:v>
                </c:pt>
                <c:pt idx="3027">
                  <c:v>0</c:v>
                </c:pt>
                <c:pt idx="3028">
                  <c:v>0</c:v>
                </c:pt>
                <c:pt idx="3029">
                  <c:v>0</c:v>
                </c:pt>
                <c:pt idx="3030">
                  <c:v>0</c:v>
                </c:pt>
                <c:pt idx="3031">
                  <c:v>0</c:v>
                </c:pt>
                <c:pt idx="3032">
                  <c:v>0</c:v>
                </c:pt>
                <c:pt idx="3033">
                  <c:v>0</c:v>
                </c:pt>
                <c:pt idx="3034">
                  <c:v>0</c:v>
                </c:pt>
                <c:pt idx="3035">
                  <c:v>0</c:v>
                </c:pt>
                <c:pt idx="3036">
                  <c:v>0</c:v>
                </c:pt>
                <c:pt idx="3037">
                  <c:v>0</c:v>
                </c:pt>
                <c:pt idx="3038">
                  <c:v>0</c:v>
                </c:pt>
                <c:pt idx="3039">
                  <c:v>0</c:v>
                </c:pt>
                <c:pt idx="3040">
                  <c:v>0</c:v>
                </c:pt>
                <c:pt idx="3041">
                  <c:v>0</c:v>
                </c:pt>
                <c:pt idx="3042">
                  <c:v>0</c:v>
                </c:pt>
                <c:pt idx="3043">
                  <c:v>0</c:v>
                </c:pt>
                <c:pt idx="3044">
                  <c:v>0</c:v>
                </c:pt>
                <c:pt idx="3045">
                  <c:v>0</c:v>
                </c:pt>
                <c:pt idx="3046">
                  <c:v>0</c:v>
                </c:pt>
                <c:pt idx="3047">
                  <c:v>0</c:v>
                </c:pt>
                <c:pt idx="3048">
                  <c:v>0</c:v>
                </c:pt>
                <c:pt idx="3049">
                  <c:v>0</c:v>
                </c:pt>
                <c:pt idx="3050">
                  <c:v>0</c:v>
                </c:pt>
                <c:pt idx="3051">
                  <c:v>0</c:v>
                </c:pt>
                <c:pt idx="3052">
                  <c:v>0</c:v>
                </c:pt>
                <c:pt idx="3053">
                  <c:v>0</c:v>
                </c:pt>
                <c:pt idx="3054">
                  <c:v>0</c:v>
                </c:pt>
                <c:pt idx="3055">
                  <c:v>0</c:v>
                </c:pt>
                <c:pt idx="3056">
                  <c:v>0</c:v>
                </c:pt>
                <c:pt idx="3057">
                  <c:v>0</c:v>
                </c:pt>
                <c:pt idx="3058">
                  <c:v>0</c:v>
                </c:pt>
                <c:pt idx="3059">
                  <c:v>0</c:v>
                </c:pt>
                <c:pt idx="3060">
                  <c:v>0</c:v>
                </c:pt>
                <c:pt idx="3061">
                  <c:v>0</c:v>
                </c:pt>
                <c:pt idx="3062">
                  <c:v>0</c:v>
                </c:pt>
                <c:pt idx="3063">
                  <c:v>0</c:v>
                </c:pt>
                <c:pt idx="3064">
                  <c:v>0</c:v>
                </c:pt>
                <c:pt idx="3065">
                  <c:v>0</c:v>
                </c:pt>
                <c:pt idx="3066">
                  <c:v>0</c:v>
                </c:pt>
                <c:pt idx="3067">
                  <c:v>0</c:v>
                </c:pt>
                <c:pt idx="3068">
                  <c:v>0</c:v>
                </c:pt>
                <c:pt idx="3069">
                  <c:v>0</c:v>
                </c:pt>
                <c:pt idx="3070">
                  <c:v>0</c:v>
                </c:pt>
                <c:pt idx="3071">
                  <c:v>0</c:v>
                </c:pt>
                <c:pt idx="3072">
                  <c:v>0</c:v>
                </c:pt>
                <c:pt idx="3073">
                  <c:v>0</c:v>
                </c:pt>
                <c:pt idx="3074">
                  <c:v>0</c:v>
                </c:pt>
                <c:pt idx="3075">
                  <c:v>0</c:v>
                </c:pt>
                <c:pt idx="3076">
                  <c:v>0</c:v>
                </c:pt>
                <c:pt idx="3077">
                  <c:v>0</c:v>
                </c:pt>
                <c:pt idx="3078">
                  <c:v>0</c:v>
                </c:pt>
                <c:pt idx="3079">
                  <c:v>0</c:v>
                </c:pt>
                <c:pt idx="3080">
                  <c:v>0</c:v>
                </c:pt>
                <c:pt idx="3081">
                  <c:v>0</c:v>
                </c:pt>
                <c:pt idx="3082">
                  <c:v>0</c:v>
                </c:pt>
                <c:pt idx="3083">
                  <c:v>0</c:v>
                </c:pt>
                <c:pt idx="3084">
                  <c:v>0</c:v>
                </c:pt>
                <c:pt idx="3085">
                  <c:v>0</c:v>
                </c:pt>
                <c:pt idx="3086">
                  <c:v>0</c:v>
                </c:pt>
                <c:pt idx="3087">
                  <c:v>0</c:v>
                </c:pt>
                <c:pt idx="3088">
                  <c:v>0</c:v>
                </c:pt>
                <c:pt idx="3089">
                  <c:v>0</c:v>
                </c:pt>
                <c:pt idx="3090">
                  <c:v>0</c:v>
                </c:pt>
                <c:pt idx="3091">
                  <c:v>0</c:v>
                </c:pt>
                <c:pt idx="3092">
                  <c:v>0</c:v>
                </c:pt>
                <c:pt idx="3093">
                  <c:v>0</c:v>
                </c:pt>
                <c:pt idx="3094">
                  <c:v>0</c:v>
                </c:pt>
                <c:pt idx="3095">
                  <c:v>0</c:v>
                </c:pt>
                <c:pt idx="3096">
                  <c:v>0</c:v>
                </c:pt>
                <c:pt idx="3097">
                  <c:v>0</c:v>
                </c:pt>
                <c:pt idx="3098">
                  <c:v>0</c:v>
                </c:pt>
                <c:pt idx="3099">
                  <c:v>0</c:v>
                </c:pt>
                <c:pt idx="3100">
                  <c:v>0</c:v>
                </c:pt>
                <c:pt idx="3101">
                  <c:v>0</c:v>
                </c:pt>
                <c:pt idx="3102">
                  <c:v>0</c:v>
                </c:pt>
                <c:pt idx="3103">
                  <c:v>0</c:v>
                </c:pt>
                <c:pt idx="3104">
                  <c:v>0</c:v>
                </c:pt>
                <c:pt idx="3105">
                  <c:v>0</c:v>
                </c:pt>
                <c:pt idx="3106">
                  <c:v>0</c:v>
                </c:pt>
                <c:pt idx="3107">
                  <c:v>0</c:v>
                </c:pt>
                <c:pt idx="3108">
                  <c:v>0</c:v>
                </c:pt>
                <c:pt idx="3109">
                  <c:v>0</c:v>
                </c:pt>
                <c:pt idx="3110">
                  <c:v>0</c:v>
                </c:pt>
                <c:pt idx="3111">
                  <c:v>0</c:v>
                </c:pt>
                <c:pt idx="3112">
                  <c:v>0</c:v>
                </c:pt>
                <c:pt idx="3113">
                  <c:v>0</c:v>
                </c:pt>
                <c:pt idx="3114">
                  <c:v>0</c:v>
                </c:pt>
                <c:pt idx="3115">
                  <c:v>0</c:v>
                </c:pt>
                <c:pt idx="3116">
                  <c:v>0</c:v>
                </c:pt>
                <c:pt idx="3117">
                  <c:v>0</c:v>
                </c:pt>
                <c:pt idx="3118">
                  <c:v>0</c:v>
                </c:pt>
                <c:pt idx="3119">
                  <c:v>0</c:v>
                </c:pt>
                <c:pt idx="3120">
                  <c:v>0</c:v>
                </c:pt>
                <c:pt idx="3121">
                  <c:v>0</c:v>
                </c:pt>
                <c:pt idx="3122">
                  <c:v>0</c:v>
                </c:pt>
                <c:pt idx="3123">
                  <c:v>0</c:v>
                </c:pt>
                <c:pt idx="3124">
                  <c:v>0</c:v>
                </c:pt>
                <c:pt idx="3125">
                  <c:v>0</c:v>
                </c:pt>
                <c:pt idx="3126">
                  <c:v>0</c:v>
                </c:pt>
                <c:pt idx="3127">
                  <c:v>0</c:v>
                </c:pt>
                <c:pt idx="3128">
                  <c:v>0</c:v>
                </c:pt>
                <c:pt idx="3129">
                  <c:v>0</c:v>
                </c:pt>
                <c:pt idx="3130">
                  <c:v>0</c:v>
                </c:pt>
                <c:pt idx="3131">
                  <c:v>0</c:v>
                </c:pt>
                <c:pt idx="3132">
                  <c:v>0</c:v>
                </c:pt>
                <c:pt idx="3133">
                  <c:v>0</c:v>
                </c:pt>
                <c:pt idx="3134">
                  <c:v>0</c:v>
                </c:pt>
                <c:pt idx="3135">
                  <c:v>0</c:v>
                </c:pt>
                <c:pt idx="3136">
                  <c:v>0</c:v>
                </c:pt>
                <c:pt idx="3137">
                  <c:v>0</c:v>
                </c:pt>
                <c:pt idx="3138">
                  <c:v>0</c:v>
                </c:pt>
                <c:pt idx="3139">
                  <c:v>0</c:v>
                </c:pt>
                <c:pt idx="3140">
                  <c:v>0</c:v>
                </c:pt>
                <c:pt idx="3141">
                  <c:v>0</c:v>
                </c:pt>
                <c:pt idx="3142">
                  <c:v>0</c:v>
                </c:pt>
                <c:pt idx="3143">
                  <c:v>0</c:v>
                </c:pt>
                <c:pt idx="3144">
                  <c:v>0</c:v>
                </c:pt>
                <c:pt idx="3145">
                  <c:v>0</c:v>
                </c:pt>
                <c:pt idx="3146">
                  <c:v>0</c:v>
                </c:pt>
                <c:pt idx="3147">
                  <c:v>0</c:v>
                </c:pt>
                <c:pt idx="3148">
                  <c:v>0</c:v>
                </c:pt>
                <c:pt idx="3149">
                  <c:v>0</c:v>
                </c:pt>
                <c:pt idx="3150">
                  <c:v>0</c:v>
                </c:pt>
                <c:pt idx="3151">
                  <c:v>0</c:v>
                </c:pt>
                <c:pt idx="3152">
                  <c:v>0</c:v>
                </c:pt>
                <c:pt idx="3153">
                  <c:v>0</c:v>
                </c:pt>
                <c:pt idx="3154">
                  <c:v>0</c:v>
                </c:pt>
                <c:pt idx="3155">
                  <c:v>0</c:v>
                </c:pt>
                <c:pt idx="3156">
                  <c:v>0</c:v>
                </c:pt>
                <c:pt idx="3157">
                  <c:v>0</c:v>
                </c:pt>
                <c:pt idx="3158">
                  <c:v>0</c:v>
                </c:pt>
                <c:pt idx="3159">
                  <c:v>0</c:v>
                </c:pt>
                <c:pt idx="3160">
                  <c:v>0</c:v>
                </c:pt>
                <c:pt idx="3161">
                  <c:v>0</c:v>
                </c:pt>
                <c:pt idx="3162">
                  <c:v>0</c:v>
                </c:pt>
                <c:pt idx="3163">
                  <c:v>0</c:v>
                </c:pt>
                <c:pt idx="3164">
                  <c:v>0</c:v>
                </c:pt>
                <c:pt idx="3165">
                  <c:v>0</c:v>
                </c:pt>
                <c:pt idx="3166">
                  <c:v>0</c:v>
                </c:pt>
                <c:pt idx="3167">
                  <c:v>0</c:v>
                </c:pt>
                <c:pt idx="3168">
                  <c:v>0</c:v>
                </c:pt>
                <c:pt idx="3169">
                  <c:v>0</c:v>
                </c:pt>
                <c:pt idx="3170">
                  <c:v>0</c:v>
                </c:pt>
                <c:pt idx="3171">
                  <c:v>0</c:v>
                </c:pt>
                <c:pt idx="3172">
                  <c:v>0</c:v>
                </c:pt>
                <c:pt idx="3173">
                  <c:v>0</c:v>
                </c:pt>
                <c:pt idx="3174">
                  <c:v>0</c:v>
                </c:pt>
                <c:pt idx="3175">
                  <c:v>0</c:v>
                </c:pt>
                <c:pt idx="3176">
                  <c:v>0</c:v>
                </c:pt>
                <c:pt idx="3177">
                  <c:v>0</c:v>
                </c:pt>
                <c:pt idx="3178">
                  <c:v>0</c:v>
                </c:pt>
                <c:pt idx="3179">
                  <c:v>0</c:v>
                </c:pt>
                <c:pt idx="3180">
                  <c:v>0</c:v>
                </c:pt>
                <c:pt idx="3181">
                  <c:v>0</c:v>
                </c:pt>
                <c:pt idx="3182">
                  <c:v>0</c:v>
                </c:pt>
                <c:pt idx="3183">
                  <c:v>0</c:v>
                </c:pt>
                <c:pt idx="3184">
                  <c:v>0</c:v>
                </c:pt>
                <c:pt idx="3185">
                  <c:v>0</c:v>
                </c:pt>
                <c:pt idx="3186">
                  <c:v>0</c:v>
                </c:pt>
                <c:pt idx="3187">
                  <c:v>0</c:v>
                </c:pt>
                <c:pt idx="3188">
                  <c:v>0</c:v>
                </c:pt>
                <c:pt idx="3189">
                  <c:v>0</c:v>
                </c:pt>
                <c:pt idx="3190">
                  <c:v>0</c:v>
                </c:pt>
                <c:pt idx="3191">
                  <c:v>0</c:v>
                </c:pt>
                <c:pt idx="3192">
                  <c:v>0</c:v>
                </c:pt>
                <c:pt idx="3193">
                  <c:v>0</c:v>
                </c:pt>
                <c:pt idx="3194">
                  <c:v>0</c:v>
                </c:pt>
                <c:pt idx="3195">
                  <c:v>0</c:v>
                </c:pt>
                <c:pt idx="3196">
                  <c:v>0</c:v>
                </c:pt>
                <c:pt idx="3197">
                  <c:v>0</c:v>
                </c:pt>
                <c:pt idx="3198">
                  <c:v>0</c:v>
                </c:pt>
                <c:pt idx="3199">
                  <c:v>0</c:v>
                </c:pt>
                <c:pt idx="3200">
                  <c:v>0</c:v>
                </c:pt>
                <c:pt idx="3201">
                  <c:v>0</c:v>
                </c:pt>
                <c:pt idx="3202">
                  <c:v>0</c:v>
                </c:pt>
                <c:pt idx="3203">
                  <c:v>0</c:v>
                </c:pt>
                <c:pt idx="3204">
                  <c:v>0</c:v>
                </c:pt>
                <c:pt idx="3205">
                  <c:v>0</c:v>
                </c:pt>
                <c:pt idx="3206">
                  <c:v>0</c:v>
                </c:pt>
                <c:pt idx="3207">
                  <c:v>0</c:v>
                </c:pt>
                <c:pt idx="3208">
                  <c:v>0</c:v>
                </c:pt>
                <c:pt idx="3209">
                  <c:v>0</c:v>
                </c:pt>
                <c:pt idx="3210">
                  <c:v>0</c:v>
                </c:pt>
                <c:pt idx="3211">
                  <c:v>0</c:v>
                </c:pt>
                <c:pt idx="3212">
                  <c:v>0</c:v>
                </c:pt>
                <c:pt idx="3213">
                  <c:v>0</c:v>
                </c:pt>
                <c:pt idx="3214">
                  <c:v>0</c:v>
                </c:pt>
                <c:pt idx="3215">
                  <c:v>0</c:v>
                </c:pt>
                <c:pt idx="3216">
                  <c:v>0</c:v>
                </c:pt>
                <c:pt idx="3217">
                  <c:v>0</c:v>
                </c:pt>
                <c:pt idx="3218">
                  <c:v>0</c:v>
                </c:pt>
                <c:pt idx="3219">
                  <c:v>0</c:v>
                </c:pt>
                <c:pt idx="3220">
                  <c:v>0</c:v>
                </c:pt>
                <c:pt idx="3221">
                  <c:v>0</c:v>
                </c:pt>
                <c:pt idx="3222">
                  <c:v>0</c:v>
                </c:pt>
                <c:pt idx="3223">
                  <c:v>0</c:v>
                </c:pt>
                <c:pt idx="3224">
                  <c:v>0</c:v>
                </c:pt>
                <c:pt idx="3225">
                  <c:v>0</c:v>
                </c:pt>
                <c:pt idx="3226">
                  <c:v>0</c:v>
                </c:pt>
                <c:pt idx="3227">
                  <c:v>0</c:v>
                </c:pt>
                <c:pt idx="3228">
                  <c:v>0</c:v>
                </c:pt>
                <c:pt idx="3229">
                  <c:v>0</c:v>
                </c:pt>
                <c:pt idx="3230">
                  <c:v>0</c:v>
                </c:pt>
                <c:pt idx="3231">
                  <c:v>0</c:v>
                </c:pt>
                <c:pt idx="3232">
                  <c:v>0</c:v>
                </c:pt>
                <c:pt idx="3233">
                  <c:v>0</c:v>
                </c:pt>
                <c:pt idx="3234">
                  <c:v>0</c:v>
                </c:pt>
                <c:pt idx="3235">
                  <c:v>0</c:v>
                </c:pt>
                <c:pt idx="3236">
                  <c:v>0</c:v>
                </c:pt>
                <c:pt idx="3237">
                  <c:v>0</c:v>
                </c:pt>
                <c:pt idx="3238">
                  <c:v>0</c:v>
                </c:pt>
                <c:pt idx="3239">
                  <c:v>0</c:v>
                </c:pt>
                <c:pt idx="3240">
                  <c:v>0</c:v>
                </c:pt>
                <c:pt idx="3241">
                  <c:v>0</c:v>
                </c:pt>
                <c:pt idx="3242">
                  <c:v>0</c:v>
                </c:pt>
                <c:pt idx="3243">
                  <c:v>0</c:v>
                </c:pt>
                <c:pt idx="3244">
                  <c:v>0</c:v>
                </c:pt>
                <c:pt idx="3245">
                  <c:v>0</c:v>
                </c:pt>
                <c:pt idx="3246">
                  <c:v>0</c:v>
                </c:pt>
                <c:pt idx="3247">
                  <c:v>0</c:v>
                </c:pt>
                <c:pt idx="3248">
                  <c:v>0</c:v>
                </c:pt>
                <c:pt idx="3249">
                  <c:v>0</c:v>
                </c:pt>
                <c:pt idx="3250">
                  <c:v>0</c:v>
                </c:pt>
                <c:pt idx="3251">
                  <c:v>0</c:v>
                </c:pt>
                <c:pt idx="3252">
                  <c:v>0</c:v>
                </c:pt>
                <c:pt idx="3253">
                  <c:v>0</c:v>
                </c:pt>
                <c:pt idx="3254">
                  <c:v>0</c:v>
                </c:pt>
                <c:pt idx="3255">
                  <c:v>0</c:v>
                </c:pt>
                <c:pt idx="3256">
                  <c:v>0</c:v>
                </c:pt>
                <c:pt idx="3257">
                  <c:v>0</c:v>
                </c:pt>
                <c:pt idx="3258">
                  <c:v>0</c:v>
                </c:pt>
                <c:pt idx="3259">
                  <c:v>0</c:v>
                </c:pt>
                <c:pt idx="3260">
                  <c:v>0</c:v>
                </c:pt>
                <c:pt idx="3261">
                  <c:v>0</c:v>
                </c:pt>
                <c:pt idx="3262">
                  <c:v>0</c:v>
                </c:pt>
                <c:pt idx="3263">
                  <c:v>0</c:v>
                </c:pt>
                <c:pt idx="3264">
                  <c:v>0</c:v>
                </c:pt>
                <c:pt idx="3265">
                  <c:v>0</c:v>
                </c:pt>
                <c:pt idx="3266">
                  <c:v>0</c:v>
                </c:pt>
                <c:pt idx="3267">
                  <c:v>0</c:v>
                </c:pt>
                <c:pt idx="3268">
                  <c:v>0</c:v>
                </c:pt>
                <c:pt idx="3269">
                  <c:v>0</c:v>
                </c:pt>
                <c:pt idx="3270">
                  <c:v>0</c:v>
                </c:pt>
                <c:pt idx="3271">
                  <c:v>0</c:v>
                </c:pt>
                <c:pt idx="3272">
                  <c:v>0</c:v>
                </c:pt>
                <c:pt idx="3273">
                  <c:v>0</c:v>
                </c:pt>
                <c:pt idx="3274">
                  <c:v>0</c:v>
                </c:pt>
                <c:pt idx="3275">
                  <c:v>0</c:v>
                </c:pt>
                <c:pt idx="3276">
                  <c:v>0</c:v>
                </c:pt>
                <c:pt idx="3277">
                  <c:v>0</c:v>
                </c:pt>
                <c:pt idx="3278">
                  <c:v>0</c:v>
                </c:pt>
                <c:pt idx="3279">
                  <c:v>0</c:v>
                </c:pt>
                <c:pt idx="3280">
                  <c:v>0</c:v>
                </c:pt>
                <c:pt idx="3281">
                  <c:v>0</c:v>
                </c:pt>
                <c:pt idx="3282">
                  <c:v>0</c:v>
                </c:pt>
                <c:pt idx="3283">
                  <c:v>0</c:v>
                </c:pt>
                <c:pt idx="3284">
                  <c:v>0</c:v>
                </c:pt>
                <c:pt idx="3285">
                  <c:v>0</c:v>
                </c:pt>
                <c:pt idx="3286">
                  <c:v>0</c:v>
                </c:pt>
                <c:pt idx="3287">
                  <c:v>0</c:v>
                </c:pt>
                <c:pt idx="3288">
                  <c:v>0</c:v>
                </c:pt>
                <c:pt idx="3289">
                  <c:v>0</c:v>
                </c:pt>
                <c:pt idx="3290">
                  <c:v>0</c:v>
                </c:pt>
                <c:pt idx="3291">
                  <c:v>0</c:v>
                </c:pt>
                <c:pt idx="3292">
                  <c:v>0</c:v>
                </c:pt>
                <c:pt idx="3293">
                  <c:v>0</c:v>
                </c:pt>
                <c:pt idx="3294">
                  <c:v>0</c:v>
                </c:pt>
                <c:pt idx="3295">
                  <c:v>0</c:v>
                </c:pt>
                <c:pt idx="3296">
                  <c:v>0</c:v>
                </c:pt>
                <c:pt idx="3297">
                  <c:v>0</c:v>
                </c:pt>
                <c:pt idx="3298">
                  <c:v>0</c:v>
                </c:pt>
                <c:pt idx="3299">
                  <c:v>0</c:v>
                </c:pt>
                <c:pt idx="3300">
                  <c:v>0</c:v>
                </c:pt>
                <c:pt idx="3301">
                  <c:v>0</c:v>
                </c:pt>
                <c:pt idx="3302">
                  <c:v>0</c:v>
                </c:pt>
                <c:pt idx="3303">
                  <c:v>0</c:v>
                </c:pt>
                <c:pt idx="3304">
                  <c:v>0</c:v>
                </c:pt>
                <c:pt idx="3305">
                  <c:v>0</c:v>
                </c:pt>
                <c:pt idx="3306">
                  <c:v>0</c:v>
                </c:pt>
                <c:pt idx="3307">
                  <c:v>0</c:v>
                </c:pt>
                <c:pt idx="3308">
                  <c:v>0</c:v>
                </c:pt>
                <c:pt idx="3309">
                  <c:v>0</c:v>
                </c:pt>
                <c:pt idx="3310">
                  <c:v>0</c:v>
                </c:pt>
                <c:pt idx="3311">
                  <c:v>0</c:v>
                </c:pt>
                <c:pt idx="3312">
                  <c:v>0</c:v>
                </c:pt>
                <c:pt idx="3313">
                  <c:v>0</c:v>
                </c:pt>
                <c:pt idx="3314">
                  <c:v>0</c:v>
                </c:pt>
                <c:pt idx="3315">
                  <c:v>0</c:v>
                </c:pt>
                <c:pt idx="3316">
                  <c:v>0</c:v>
                </c:pt>
                <c:pt idx="3317">
                  <c:v>0</c:v>
                </c:pt>
                <c:pt idx="3318">
                  <c:v>0</c:v>
                </c:pt>
                <c:pt idx="3319">
                  <c:v>0</c:v>
                </c:pt>
                <c:pt idx="3320">
                  <c:v>0</c:v>
                </c:pt>
                <c:pt idx="3321">
                  <c:v>0</c:v>
                </c:pt>
                <c:pt idx="3322">
                  <c:v>0</c:v>
                </c:pt>
                <c:pt idx="3323">
                  <c:v>0</c:v>
                </c:pt>
                <c:pt idx="3324">
                  <c:v>0</c:v>
                </c:pt>
                <c:pt idx="3325">
                  <c:v>0</c:v>
                </c:pt>
                <c:pt idx="3326">
                  <c:v>0</c:v>
                </c:pt>
                <c:pt idx="3327">
                  <c:v>0</c:v>
                </c:pt>
                <c:pt idx="3328">
                  <c:v>0</c:v>
                </c:pt>
                <c:pt idx="3329">
                  <c:v>0</c:v>
                </c:pt>
                <c:pt idx="3330">
                  <c:v>0</c:v>
                </c:pt>
                <c:pt idx="3331">
                  <c:v>0</c:v>
                </c:pt>
                <c:pt idx="3332">
                  <c:v>0</c:v>
                </c:pt>
                <c:pt idx="3333">
                  <c:v>0</c:v>
                </c:pt>
                <c:pt idx="3334">
                  <c:v>0</c:v>
                </c:pt>
                <c:pt idx="3335">
                  <c:v>0</c:v>
                </c:pt>
                <c:pt idx="3336">
                  <c:v>0</c:v>
                </c:pt>
                <c:pt idx="3337">
                  <c:v>0</c:v>
                </c:pt>
                <c:pt idx="3338">
                  <c:v>0</c:v>
                </c:pt>
                <c:pt idx="3339">
                  <c:v>0</c:v>
                </c:pt>
                <c:pt idx="3340">
                  <c:v>0</c:v>
                </c:pt>
                <c:pt idx="3341">
                  <c:v>0</c:v>
                </c:pt>
                <c:pt idx="3342">
                  <c:v>0</c:v>
                </c:pt>
                <c:pt idx="3343">
                  <c:v>0</c:v>
                </c:pt>
                <c:pt idx="3344">
                  <c:v>0</c:v>
                </c:pt>
                <c:pt idx="3345">
                  <c:v>0</c:v>
                </c:pt>
                <c:pt idx="3346">
                  <c:v>0</c:v>
                </c:pt>
                <c:pt idx="3347">
                  <c:v>0</c:v>
                </c:pt>
                <c:pt idx="3348">
                  <c:v>0</c:v>
                </c:pt>
                <c:pt idx="3349">
                  <c:v>0</c:v>
                </c:pt>
                <c:pt idx="3350">
                  <c:v>0</c:v>
                </c:pt>
                <c:pt idx="3351">
                  <c:v>0</c:v>
                </c:pt>
                <c:pt idx="3352">
                  <c:v>0</c:v>
                </c:pt>
                <c:pt idx="3353">
                  <c:v>0</c:v>
                </c:pt>
                <c:pt idx="3354">
                  <c:v>0</c:v>
                </c:pt>
                <c:pt idx="3355">
                  <c:v>0</c:v>
                </c:pt>
                <c:pt idx="3356">
                  <c:v>0</c:v>
                </c:pt>
                <c:pt idx="3357">
                  <c:v>0</c:v>
                </c:pt>
                <c:pt idx="3358">
                  <c:v>0</c:v>
                </c:pt>
                <c:pt idx="3359">
                  <c:v>0</c:v>
                </c:pt>
                <c:pt idx="3360">
                  <c:v>0</c:v>
                </c:pt>
                <c:pt idx="3361">
                  <c:v>0</c:v>
                </c:pt>
                <c:pt idx="3362">
                  <c:v>0</c:v>
                </c:pt>
                <c:pt idx="3363">
                  <c:v>0</c:v>
                </c:pt>
                <c:pt idx="3364">
                  <c:v>0</c:v>
                </c:pt>
                <c:pt idx="3365">
                  <c:v>0</c:v>
                </c:pt>
                <c:pt idx="3366">
                  <c:v>0</c:v>
                </c:pt>
                <c:pt idx="3367">
                  <c:v>0</c:v>
                </c:pt>
                <c:pt idx="3368">
                  <c:v>0</c:v>
                </c:pt>
                <c:pt idx="3369">
                  <c:v>0</c:v>
                </c:pt>
                <c:pt idx="3370">
                  <c:v>0</c:v>
                </c:pt>
                <c:pt idx="3371">
                  <c:v>0</c:v>
                </c:pt>
                <c:pt idx="3372">
                  <c:v>0</c:v>
                </c:pt>
                <c:pt idx="3373">
                  <c:v>0</c:v>
                </c:pt>
                <c:pt idx="3374">
                  <c:v>0</c:v>
                </c:pt>
                <c:pt idx="3375">
                  <c:v>0</c:v>
                </c:pt>
                <c:pt idx="3376">
                  <c:v>0</c:v>
                </c:pt>
                <c:pt idx="3377">
                  <c:v>0</c:v>
                </c:pt>
                <c:pt idx="3378">
                  <c:v>0</c:v>
                </c:pt>
                <c:pt idx="3379">
                  <c:v>0</c:v>
                </c:pt>
                <c:pt idx="3380">
                  <c:v>0</c:v>
                </c:pt>
                <c:pt idx="3381">
                  <c:v>0</c:v>
                </c:pt>
                <c:pt idx="3382">
                  <c:v>0</c:v>
                </c:pt>
                <c:pt idx="3383">
                  <c:v>0</c:v>
                </c:pt>
                <c:pt idx="3384">
                  <c:v>0</c:v>
                </c:pt>
                <c:pt idx="3385">
                  <c:v>0</c:v>
                </c:pt>
                <c:pt idx="3386">
                  <c:v>0</c:v>
                </c:pt>
                <c:pt idx="3387">
                  <c:v>0</c:v>
                </c:pt>
                <c:pt idx="3388">
                  <c:v>0</c:v>
                </c:pt>
                <c:pt idx="3389">
                  <c:v>0</c:v>
                </c:pt>
                <c:pt idx="3390">
                  <c:v>0</c:v>
                </c:pt>
                <c:pt idx="3391">
                  <c:v>0</c:v>
                </c:pt>
                <c:pt idx="3392">
                  <c:v>0</c:v>
                </c:pt>
                <c:pt idx="3393">
                  <c:v>0</c:v>
                </c:pt>
                <c:pt idx="3394">
                  <c:v>0</c:v>
                </c:pt>
                <c:pt idx="3395">
                  <c:v>0</c:v>
                </c:pt>
                <c:pt idx="3396">
                  <c:v>0</c:v>
                </c:pt>
                <c:pt idx="3397">
                  <c:v>0</c:v>
                </c:pt>
                <c:pt idx="3398">
                  <c:v>0</c:v>
                </c:pt>
                <c:pt idx="3399">
                  <c:v>0</c:v>
                </c:pt>
                <c:pt idx="3400">
                  <c:v>0</c:v>
                </c:pt>
                <c:pt idx="3401">
                  <c:v>0</c:v>
                </c:pt>
                <c:pt idx="3402">
                  <c:v>0</c:v>
                </c:pt>
                <c:pt idx="3403">
                  <c:v>0</c:v>
                </c:pt>
                <c:pt idx="3404">
                  <c:v>0</c:v>
                </c:pt>
                <c:pt idx="3405">
                  <c:v>0</c:v>
                </c:pt>
                <c:pt idx="3406">
                  <c:v>0</c:v>
                </c:pt>
                <c:pt idx="3407">
                  <c:v>0</c:v>
                </c:pt>
                <c:pt idx="3408">
                  <c:v>0</c:v>
                </c:pt>
                <c:pt idx="3409">
                  <c:v>0</c:v>
                </c:pt>
                <c:pt idx="3410">
                  <c:v>0</c:v>
                </c:pt>
                <c:pt idx="3411">
                  <c:v>0</c:v>
                </c:pt>
                <c:pt idx="3412">
                  <c:v>0</c:v>
                </c:pt>
                <c:pt idx="3413">
                  <c:v>0</c:v>
                </c:pt>
                <c:pt idx="3414">
                  <c:v>0</c:v>
                </c:pt>
                <c:pt idx="3415">
                  <c:v>0</c:v>
                </c:pt>
                <c:pt idx="3416">
                  <c:v>0</c:v>
                </c:pt>
                <c:pt idx="3417">
                  <c:v>0</c:v>
                </c:pt>
                <c:pt idx="3418">
                  <c:v>0</c:v>
                </c:pt>
                <c:pt idx="3419">
                  <c:v>0</c:v>
                </c:pt>
                <c:pt idx="3420">
                  <c:v>0</c:v>
                </c:pt>
                <c:pt idx="3421">
                  <c:v>0</c:v>
                </c:pt>
                <c:pt idx="3422">
                  <c:v>0</c:v>
                </c:pt>
                <c:pt idx="3423">
                  <c:v>0</c:v>
                </c:pt>
                <c:pt idx="3424">
                  <c:v>0</c:v>
                </c:pt>
                <c:pt idx="3425">
                  <c:v>0</c:v>
                </c:pt>
                <c:pt idx="3426">
                  <c:v>0</c:v>
                </c:pt>
                <c:pt idx="3427">
                  <c:v>0</c:v>
                </c:pt>
                <c:pt idx="3428">
                  <c:v>0</c:v>
                </c:pt>
                <c:pt idx="3429">
                  <c:v>0</c:v>
                </c:pt>
                <c:pt idx="3430">
                  <c:v>0</c:v>
                </c:pt>
                <c:pt idx="3431">
                  <c:v>0</c:v>
                </c:pt>
                <c:pt idx="3432">
                  <c:v>0</c:v>
                </c:pt>
                <c:pt idx="3433">
                  <c:v>0</c:v>
                </c:pt>
                <c:pt idx="3434">
                  <c:v>0</c:v>
                </c:pt>
                <c:pt idx="3435">
                  <c:v>0</c:v>
                </c:pt>
                <c:pt idx="3436">
                  <c:v>0</c:v>
                </c:pt>
                <c:pt idx="3437">
                  <c:v>0</c:v>
                </c:pt>
                <c:pt idx="3438">
                  <c:v>0</c:v>
                </c:pt>
                <c:pt idx="3439">
                  <c:v>0</c:v>
                </c:pt>
                <c:pt idx="3440">
                  <c:v>0</c:v>
                </c:pt>
                <c:pt idx="3441">
                  <c:v>0</c:v>
                </c:pt>
                <c:pt idx="3442">
                  <c:v>0</c:v>
                </c:pt>
                <c:pt idx="3443">
                  <c:v>0</c:v>
                </c:pt>
                <c:pt idx="3444">
                  <c:v>0</c:v>
                </c:pt>
                <c:pt idx="3445">
                  <c:v>0</c:v>
                </c:pt>
                <c:pt idx="3446">
                  <c:v>0</c:v>
                </c:pt>
                <c:pt idx="3447">
                  <c:v>0</c:v>
                </c:pt>
                <c:pt idx="3448">
                  <c:v>0</c:v>
                </c:pt>
                <c:pt idx="3449">
                  <c:v>0</c:v>
                </c:pt>
                <c:pt idx="3450">
                  <c:v>0</c:v>
                </c:pt>
                <c:pt idx="3451">
                  <c:v>0</c:v>
                </c:pt>
                <c:pt idx="3452">
                  <c:v>0</c:v>
                </c:pt>
                <c:pt idx="3453">
                  <c:v>0</c:v>
                </c:pt>
                <c:pt idx="3454">
                  <c:v>0</c:v>
                </c:pt>
                <c:pt idx="3455">
                  <c:v>0</c:v>
                </c:pt>
                <c:pt idx="3456">
                  <c:v>0</c:v>
                </c:pt>
                <c:pt idx="3457">
                  <c:v>0</c:v>
                </c:pt>
                <c:pt idx="3458">
                  <c:v>0</c:v>
                </c:pt>
                <c:pt idx="3459">
                  <c:v>0</c:v>
                </c:pt>
                <c:pt idx="3460">
                  <c:v>0</c:v>
                </c:pt>
                <c:pt idx="3461">
                  <c:v>0</c:v>
                </c:pt>
                <c:pt idx="3462">
                  <c:v>0</c:v>
                </c:pt>
                <c:pt idx="3463">
                  <c:v>0</c:v>
                </c:pt>
                <c:pt idx="3464">
                  <c:v>0</c:v>
                </c:pt>
                <c:pt idx="3465">
                  <c:v>0</c:v>
                </c:pt>
                <c:pt idx="3466">
                  <c:v>0</c:v>
                </c:pt>
                <c:pt idx="3467">
                  <c:v>0</c:v>
                </c:pt>
                <c:pt idx="3468">
                  <c:v>0</c:v>
                </c:pt>
                <c:pt idx="3469">
                  <c:v>0</c:v>
                </c:pt>
                <c:pt idx="3470">
                  <c:v>0</c:v>
                </c:pt>
                <c:pt idx="3471">
                  <c:v>0</c:v>
                </c:pt>
                <c:pt idx="3472">
                  <c:v>0</c:v>
                </c:pt>
                <c:pt idx="3473">
                  <c:v>0</c:v>
                </c:pt>
                <c:pt idx="3474">
                  <c:v>0</c:v>
                </c:pt>
                <c:pt idx="3475">
                  <c:v>0</c:v>
                </c:pt>
                <c:pt idx="3476">
                  <c:v>0</c:v>
                </c:pt>
                <c:pt idx="3477">
                  <c:v>0</c:v>
                </c:pt>
                <c:pt idx="3478">
                  <c:v>0</c:v>
                </c:pt>
                <c:pt idx="3479">
                  <c:v>0</c:v>
                </c:pt>
                <c:pt idx="3480">
                  <c:v>0</c:v>
                </c:pt>
                <c:pt idx="3481">
                  <c:v>0</c:v>
                </c:pt>
                <c:pt idx="3482">
                  <c:v>0</c:v>
                </c:pt>
                <c:pt idx="3483">
                  <c:v>0</c:v>
                </c:pt>
                <c:pt idx="3484">
                  <c:v>0</c:v>
                </c:pt>
                <c:pt idx="3485">
                  <c:v>0</c:v>
                </c:pt>
                <c:pt idx="3486">
                  <c:v>0</c:v>
                </c:pt>
                <c:pt idx="3487">
                  <c:v>0</c:v>
                </c:pt>
                <c:pt idx="3488">
                  <c:v>0</c:v>
                </c:pt>
                <c:pt idx="3489">
                  <c:v>0</c:v>
                </c:pt>
                <c:pt idx="3490">
                  <c:v>0</c:v>
                </c:pt>
                <c:pt idx="3491">
                  <c:v>0</c:v>
                </c:pt>
                <c:pt idx="3492">
                  <c:v>0</c:v>
                </c:pt>
                <c:pt idx="3493">
                  <c:v>0</c:v>
                </c:pt>
                <c:pt idx="3494">
                  <c:v>0</c:v>
                </c:pt>
                <c:pt idx="3495">
                  <c:v>0</c:v>
                </c:pt>
                <c:pt idx="3496">
                  <c:v>0</c:v>
                </c:pt>
                <c:pt idx="3497">
                  <c:v>0</c:v>
                </c:pt>
                <c:pt idx="3498">
                  <c:v>0</c:v>
                </c:pt>
                <c:pt idx="3499">
                  <c:v>0</c:v>
                </c:pt>
                <c:pt idx="3500">
                  <c:v>0</c:v>
                </c:pt>
                <c:pt idx="3501">
                  <c:v>0</c:v>
                </c:pt>
                <c:pt idx="3502">
                  <c:v>0</c:v>
                </c:pt>
                <c:pt idx="3503">
                  <c:v>0</c:v>
                </c:pt>
                <c:pt idx="3504">
                  <c:v>0</c:v>
                </c:pt>
                <c:pt idx="3505">
                  <c:v>0</c:v>
                </c:pt>
                <c:pt idx="3506">
                  <c:v>0</c:v>
                </c:pt>
                <c:pt idx="3507">
                  <c:v>0</c:v>
                </c:pt>
                <c:pt idx="3508">
                  <c:v>0</c:v>
                </c:pt>
                <c:pt idx="3509">
                  <c:v>0</c:v>
                </c:pt>
                <c:pt idx="3510">
                  <c:v>0</c:v>
                </c:pt>
                <c:pt idx="3511">
                  <c:v>0</c:v>
                </c:pt>
                <c:pt idx="3512">
                  <c:v>0</c:v>
                </c:pt>
                <c:pt idx="3513">
                  <c:v>0</c:v>
                </c:pt>
                <c:pt idx="3514">
                  <c:v>0</c:v>
                </c:pt>
                <c:pt idx="3515">
                  <c:v>0</c:v>
                </c:pt>
                <c:pt idx="3516">
                  <c:v>0</c:v>
                </c:pt>
                <c:pt idx="3517">
                  <c:v>0</c:v>
                </c:pt>
                <c:pt idx="3518">
                  <c:v>0</c:v>
                </c:pt>
                <c:pt idx="3519">
                  <c:v>0</c:v>
                </c:pt>
                <c:pt idx="3520">
                  <c:v>0</c:v>
                </c:pt>
                <c:pt idx="3521">
                  <c:v>0</c:v>
                </c:pt>
                <c:pt idx="3522">
                  <c:v>0</c:v>
                </c:pt>
                <c:pt idx="3523">
                  <c:v>0</c:v>
                </c:pt>
                <c:pt idx="3524">
                  <c:v>0</c:v>
                </c:pt>
                <c:pt idx="3525">
                  <c:v>0</c:v>
                </c:pt>
                <c:pt idx="3526">
                  <c:v>0</c:v>
                </c:pt>
                <c:pt idx="3527">
                  <c:v>0</c:v>
                </c:pt>
                <c:pt idx="3528">
                  <c:v>0</c:v>
                </c:pt>
                <c:pt idx="3529">
                  <c:v>0</c:v>
                </c:pt>
                <c:pt idx="3530">
                  <c:v>0</c:v>
                </c:pt>
                <c:pt idx="3531">
                  <c:v>0</c:v>
                </c:pt>
                <c:pt idx="3532">
                  <c:v>0</c:v>
                </c:pt>
                <c:pt idx="3533">
                  <c:v>0</c:v>
                </c:pt>
                <c:pt idx="3534">
                  <c:v>0</c:v>
                </c:pt>
                <c:pt idx="3535">
                  <c:v>0</c:v>
                </c:pt>
                <c:pt idx="3536">
                  <c:v>0</c:v>
                </c:pt>
                <c:pt idx="3537">
                  <c:v>0</c:v>
                </c:pt>
                <c:pt idx="3538">
                  <c:v>0</c:v>
                </c:pt>
                <c:pt idx="3539">
                  <c:v>0</c:v>
                </c:pt>
                <c:pt idx="3540">
                  <c:v>0</c:v>
                </c:pt>
                <c:pt idx="3541">
                  <c:v>0</c:v>
                </c:pt>
                <c:pt idx="3542">
                  <c:v>0</c:v>
                </c:pt>
                <c:pt idx="3543">
                  <c:v>0</c:v>
                </c:pt>
                <c:pt idx="3544">
                  <c:v>0</c:v>
                </c:pt>
                <c:pt idx="3545">
                  <c:v>0</c:v>
                </c:pt>
                <c:pt idx="3546">
                  <c:v>0</c:v>
                </c:pt>
                <c:pt idx="3547">
                  <c:v>0</c:v>
                </c:pt>
                <c:pt idx="3548">
                  <c:v>0</c:v>
                </c:pt>
                <c:pt idx="3549">
                  <c:v>0</c:v>
                </c:pt>
                <c:pt idx="3550">
                  <c:v>0</c:v>
                </c:pt>
                <c:pt idx="3551">
                  <c:v>0</c:v>
                </c:pt>
                <c:pt idx="3552">
                  <c:v>0</c:v>
                </c:pt>
                <c:pt idx="3553">
                  <c:v>0</c:v>
                </c:pt>
                <c:pt idx="3554">
                  <c:v>0</c:v>
                </c:pt>
                <c:pt idx="3555">
                  <c:v>0</c:v>
                </c:pt>
                <c:pt idx="3556">
                  <c:v>0</c:v>
                </c:pt>
                <c:pt idx="3557">
                  <c:v>0</c:v>
                </c:pt>
                <c:pt idx="3558">
                  <c:v>0</c:v>
                </c:pt>
                <c:pt idx="3559">
                  <c:v>0</c:v>
                </c:pt>
                <c:pt idx="3560">
                  <c:v>0</c:v>
                </c:pt>
                <c:pt idx="3561">
                  <c:v>0</c:v>
                </c:pt>
                <c:pt idx="3562">
                  <c:v>0</c:v>
                </c:pt>
                <c:pt idx="3563">
                  <c:v>0</c:v>
                </c:pt>
                <c:pt idx="3564">
                  <c:v>0</c:v>
                </c:pt>
                <c:pt idx="3565">
                  <c:v>0</c:v>
                </c:pt>
                <c:pt idx="3566">
                  <c:v>0</c:v>
                </c:pt>
                <c:pt idx="3567">
                  <c:v>0</c:v>
                </c:pt>
                <c:pt idx="3568">
                  <c:v>0</c:v>
                </c:pt>
                <c:pt idx="3569">
                  <c:v>0</c:v>
                </c:pt>
                <c:pt idx="3570">
                  <c:v>0</c:v>
                </c:pt>
                <c:pt idx="3571">
                  <c:v>0</c:v>
                </c:pt>
                <c:pt idx="3572">
                  <c:v>0</c:v>
                </c:pt>
                <c:pt idx="3573">
                  <c:v>0</c:v>
                </c:pt>
                <c:pt idx="3574">
                  <c:v>0</c:v>
                </c:pt>
                <c:pt idx="3575">
                  <c:v>0</c:v>
                </c:pt>
                <c:pt idx="3576">
                  <c:v>0</c:v>
                </c:pt>
                <c:pt idx="3577">
                  <c:v>0</c:v>
                </c:pt>
                <c:pt idx="3578">
                  <c:v>0</c:v>
                </c:pt>
                <c:pt idx="3579">
                  <c:v>0</c:v>
                </c:pt>
                <c:pt idx="3580">
                  <c:v>0</c:v>
                </c:pt>
                <c:pt idx="3581">
                  <c:v>0</c:v>
                </c:pt>
                <c:pt idx="3582">
                  <c:v>0</c:v>
                </c:pt>
                <c:pt idx="3583">
                  <c:v>0</c:v>
                </c:pt>
                <c:pt idx="3584">
                  <c:v>0</c:v>
                </c:pt>
                <c:pt idx="3585">
                  <c:v>0</c:v>
                </c:pt>
                <c:pt idx="3586">
                  <c:v>0</c:v>
                </c:pt>
                <c:pt idx="3587">
                  <c:v>0</c:v>
                </c:pt>
                <c:pt idx="3588">
                  <c:v>0</c:v>
                </c:pt>
                <c:pt idx="3589">
                  <c:v>0</c:v>
                </c:pt>
                <c:pt idx="3590">
                  <c:v>0</c:v>
                </c:pt>
                <c:pt idx="3591">
                  <c:v>0</c:v>
                </c:pt>
                <c:pt idx="3592">
                  <c:v>0</c:v>
                </c:pt>
                <c:pt idx="3593">
                  <c:v>0</c:v>
                </c:pt>
                <c:pt idx="3594">
                  <c:v>0</c:v>
                </c:pt>
                <c:pt idx="3595">
                  <c:v>0</c:v>
                </c:pt>
                <c:pt idx="3596">
                  <c:v>0</c:v>
                </c:pt>
                <c:pt idx="3597">
                  <c:v>0</c:v>
                </c:pt>
                <c:pt idx="3598">
                  <c:v>0</c:v>
                </c:pt>
                <c:pt idx="3599">
                  <c:v>0</c:v>
                </c:pt>
                <c:pt idx="3600">
                  <c:v>0</c:v>
                </c:pt>
                <c:pt idx="3601">
                  <c:v>0</c:v>
                </c:pt>
                <c:pt idx="3602">
                  <c:v>0</c:v>
                </c:pt>
                <c:pt idx="3603">
                  <c:v>0</c:v>
                </c:pt>
                <c:pt idx="3604">
                  <c:v>0</c:v>
                </c:pt>
                <c:pt idx="3605">
                  <c:v>0</c:v>
                </c:pt>
                <c:pt idx="3606">
                  <c:v>0</c:v>
                </c:pt>
                <c:pt idx="3607">
                  <c:v>0</c:v>
                </c:pt>
                <c:pt idx="3608">
                  <c:v>0</c:v>
                </c:pt>
                <c:pt idx="3609">
                  <c:v>0</c:v>
                </c:pt>
                <c:pt idx="3610">
                  <c:v>0</c:v>
                </c:pt>
                <c:pt idx="3611">
                  <c:v>0</c:v>
                </c:pt>
                <c:pt idx="3612">
                  <c:v>0</c:v>
                </c:pt>
                <c:pt idx="3613">
                  <c:v>0</c:v>
                </c:pt>
                <c:pt idx="3614">
                  <c:v>0</c:v>
                </c:pt>
                <c:pt idx="3615">
                  <c:v>0</c:v>
                </c:pt>
                <c:pt idx="3616">
                  <c:v>0</c:v>
                </c:pt>
                <c:pt idx="3617">
                  <c:v>0</c:v>
                </c:pt>
                <c:pt idx="3618">
                  <c:v>0</c:v>
                </c:pt>
                <c:pt idx="3619">
                  <c:v>0</c:v>
                </c:pt>
                <c:pt idx="3620">
                  <c:v>0</c:v>
                </c:pt>
                <c:pt idx="3621">
                  <c:v>0</c:v>
                </c:pt>
                <c:pt idx="3622">
                  <c:v>0</c:v>
                </c:pt>
                <c:pt idx="3623">
                  <c:v>0</c:v>
                </c:pt>
                <c:pt idx="3624">
                  <c:v>0</c:v>
                </c:pt>
                <c:pt idx="3625">
                  <c:v>0</c:v>
                </c:pt>
                <c:pt idx="3626">
                  <c:v>0</c:v>
                </c:pt>
                <c:pt idx="3627">
                  <c:v>0</c:v>
                </c:pt>
                <c:pt idx="3628">
                  <c:v>0</c:v>
                </c:pt>
                <c:pt idx="3629">
                  <c:v>0</c:v>
                </c:pt>
                <c:pt idx="3630">
                  <c:v>0</c:v>
                </c:pt>
                <c:pt idx="3631">
                  <c:v>0</c:v>
                </c:pt>
                <c:pt idx="3632">
                  <c:v>0</c:v>
                </c:pt>
                <c:pt idx="3633">
                  <c:v>0</c:v>
                </c:pt>
                <c:pt idx="3634">
                  <c:v>0</c:v>
                </c:pt>
                <c:pt idx="3635">
                  <c:v>0</c:v>
                </c:pt>
                <c:pt idx="3636">
                  <c:v>0</c:v>
                </c:pt>
                <c:pt idx="3637">
                  <c:v>0</c:v>
                </c:pt>
                <c:pt idx="3638">
                  <c:v>0</c:v>
                </c:pt>
                <c:pt idx="3639">
                  <c:v>0</c:v>
                </c:pt>
                <c:pt idx="3640">
                  <c:v>0</c:v>
                </c:pt>
                <c:pt idx="3641">
                  <c:v>0</c:v>
                </c:pt>
                <c:pt idx="3642">
                  <c:v>0</c:v>
                </c:pt>
                <c:pt idx="3643">
                  <c:v>0</c:v>
                </c:pt>
                <c:pt idx="3644">
                  <c:v>0</c:v>
                </c:pt>
                <c:pt idx="3645">
                  <c:v>0</c:v>
                </c:pt>
                <c:pt idx="3646">
                  <c:v>0</c:v>
                </c:pt>
                <c:pt idx="3647">
                  <c:v>0</c:v>
                </c:pt>
                <c:pt idx="3648">
                  <c:v>0</c:v>
                </c:pt>
                <c:pt idx="3649">
                  <c:v>0</c:v>
                </c:pt>
                <c:pt idx="3650">
                  <c:v>0</c:v>
                </c:pt>
                <c:pt idx="3651">
                  <c:v>0</c:v>
                </c:pt>
                <c:pt idx="3652">
                  <c:v>0</c:v>
                </c:pt>
                <c:pt idx="3653">
                  <c:v>0</c:v>
                </c:pt>
                <c:pt idx="3654">
                  <c:v>0</c:v>
                </c:pt>
                <c:pt idx="3655">
                  <c:v>0</c:v>
                </c:pt>
                <c:pt idx="3656">
                  <c:v>0</c:v>
                </c:pt>
                <c:pt idx="3657">
                  <c:v>0</c:v>
                </c:pt>
                <c:pt idx="3658">
                  <c:v>0</c:v>
                </c:pt>
                <c:pt idx="3659">
                  <c:v>0</c:v>
                </c:pt>
                <c:pt idx="3660">
                  <c:v>0</c:v>
                </c:pt>
                <c:pt idx="3661">
                  <c:v>0</c:v>
                </c:pt>
                <c:pt idx="3662">
                  <c:v>0</c:v>
                </c:pt>
                <c:pt idx="3663">
                  <c:v>0</c:v>
                </c:pt>
                <c:pt idx="3664">
                  <c:v>0</c:v>
                </c:pt>
                <c:pt idx="3665">
                  <c:v>0</c:v>
                </c:pt>
                <c:pt idx="3666">
                  <c:v>0</c:v>
                </c:pt>
                <c:pt idx="3667">
                  <c:v>0</c:v>
                </c:pt>
                <c:pt idx="3668">
                  <c:v>0</c:v>
                </c:pt>
                <c:pt idx="3669">
                  <c:v>0</c:v>
                </c:pt>
                <c:pt idx="3670">
                  <c:v>0</c:v>
                </c:pt>
                <c:pt idx="3671">
                  <c:v>0</c:v>
                </c:pt>
                <c:pt idx="3672">
                  <c:v>0</c:v>
                </c:pt>
                <c:pt idx="3673">
                  <c:v>0</c:v>
                </c:pt>
                <c:pt idx="3674">
                  <c:v>0</c:v>
                </c:pt>
                <c:pt idx="3675">
                  <c:v>0</c:v>
                </c:pt>
                <c:pt idx="3676">
                  <c:v>0</c:v>
                </c:pt>
                <c:pt idx="3677">
                  <c:v>0</c:v>
                </c:pt>
                <c:pt idx="3678">
                  <c:v>0</c:v>
                </c:pt>
                <c:pt idx="3679">
                  <c:v>0</c:v>
                </c:pt>
                <c:pt idx="3680">
                  <c:v>0</c:v>
                </c:pt>
                <c:pt idx="3681">
                  <c:v>0</c:v>
                </c:pt>
                <c:pt idx="3682">
                  <c:v>0</c:v>
                </c:pt>
                <c:pt idx="3683">
                  <c:v>0</c:v>
                </c:pt>
                <c:pt idx="3684">
                  <c:v>0</c:v>
                </c:pt>
                <c:pt idx="3685">
                  <c:v>0</c:v>
                </c:pt>
                <c:pt idx="3686">
                  <c:v>0</c:v>
                </c:pt>
                <c:pt idx="3687">
                  <c:v>0</c:v>
                </c:pt>
                <c:pt idx="3688">
                  <c:v>0</c:v>
                </c:pt>
                <c:pt idx="3689">
                  <c:v>0</c:v>
                </c:pt>
                <c:pt idx="3690">
                  <c:v>0</c:v>
                </c:pt>
                <c:pt idx="3691">
                  <c:v>0</c:v>
                </c:pt>
                <c:pt idx="3692">
                  <c:v>0</c:v>
                </c:pt>
                <c:pt idx="3693">
                  <c:v>0</c:v>
                </c:pt>
                <c:pt idx="3694">
                  <c:v>0</c:v>
                </c:pt>
                <c:pt idx="3695">
                  <c:v>0</c:v>
                </c:pt>
                <c:pt idx="3696">
                  <c:v>0</c:v>
                </c:pt>
                <c:pt idx="3697">
                  <c:v>0</c:v>
                </c:pt>
                <c:pt idx="3698">
                  <c:v>0</c:v>
                </c:pt>
                <c:pt idx="3699">
                  <c:v>0</c:v>
                </c:pt>
                <c:pt idx="3700">
                  <c:v>0</c:v>
                </c:pt>
                <c:pt idx="3701">
                  <c:v>0</c:v>
                </c:pt>
                <c:pt idx="3702">
                  <c:v>0</c:v>
                </c:pt>
                <c:pt idx="3703">
                  <c:v>0</c:v>
                </c:pt>
                <c:pt idx="3704">
                  <c:v>0</c:v>
                </c:pt>
                <c:pt idx="3705">
                  <c:v>0</c:v>
                </c:pt>
                <c:pt idx="3706">
                  <c:v>0</c:v>
                </c:pt>
                <c:pt idx="3707">
                  <c:v>0</c:v>
                </c:pt>
                <c:pt idx="3708">
                  <c:v>0</c:v>
                </c:pt>
                <c:pt idx="3709">
                  <c:v>0</c:v>
                </c:pt>
                <c:pt idx="3710">
                  <c:v>0</c:v>
                </c:pt>
                <c:pt idx="3711">
                  <c:v>0</c:v>
                </c:pt>
                <c:pt idx="3712">
                  <c:v>0</c:v>
                </c:pt>
                <c:pt idx="3713">
                  <c:v>0</c:v>
                </c:pt>
                <c:pt idx="3714">
                  <c:v>0</c:v>
                </c:pt>
                <c:pt idx="3715">
                  <c:v>0</c:v>
                </c:pt>
                <c:pt idx="3716">
                  <c:v>0</c:v>
                </c:pt>
                <c:pt idx="3717">
                  <c:v>0</c:v>
                </c:pt>
                <c:pt idx="3718">
                  <c:v>0</c:v>
                </c:pt>
                <c:pt idx="3719">
                  <c:v>0</c:v>
                </c:pt>
                <c:pt idx="3720">
                  <c:v>0</c:v>
                </c:pt>
                <c:pt idx="3721">
                  <c:v>0</c:v>
                </c:pt>
                <c:pt idx="3722">
                  <c:v>0</c:v>
                </c:pt>
                <c:pt idx="3723">
                  <c:v>0</c:v>
                </c:pt>
                <c:pt idx="3724">
                  <c:v>0</c:v>
                </c:pt>
                <c:pt idx="3725">
                  <c:v>0</c:v>
                </c:pt>
                <c:pt idx="3726">
                  <c:v>0</c:v>
                </c:pt>
                <c:pt idx="3727">
                  <c:v>0</c:v>
                </c:pt>
                <c:pt idx="3728">
                  <c:v>0</c:v>
                </c:pt>
                <c:pt idx="3729">
                  <c:v>0</c:v>
                </c:pt>
                <c:pt idx="3730">
                  <c:v>0</c:v>
                </c:pt>
                <c:pt idx="3731">
                  <c:v>0</c:v>
                </c:pt>
                <c:pt idx="3732">
                  <c:v>0</c:v>
                </c:pt>
                <c:pt idx="3733">
                  <c:v>0</c:v>
                </c:pt>
                <c:pt idx="3734">
                  <c:v>0</c:v>
                </c:pt>
                <c:pt idx="3735">
                  <c:v>0</c:v>
                </c:pt>
                <c:pt idx="3736">
                  <c:v>0</c:v>
                </c:pt>
                <c:pt idx="3737">
                  <c:v>0</c:v>
                </c:pt>
                <c:pt idx="3738">
                  <c:v>0</c:v>
                </c:pt>
                <c:pt idx="3739">
                  <c:v>0</c:v>
                </c:pt>
                <c:pt idx="3740">
                  <c:v>0</c:v>
                </c:pt>
                <c:pt idx="3741">
                  <c:v>0</c:v>
                </c:pt>
                <c:pt idx="3742">
                  <c:v>0</c:v>
                </c:pt>
                <c:pt idx="3743">
                  <c:v>0</c:v>
                </c:pt>
                <c:pt idx="3744">
                  <c:v>0</c:v>
                </c:pt>
                <c:pt idx="3745">
                  <c:v>0</c:v>
                </c:pt>
                <c:pt idx="3746">
                  <c:v>0</c:v>
                </c:pt>
                <c:pt idx="3747">
                  <c:v>0</c:v>
                </c:pt>
                <c:pt idx="3748">
                  <c:v>0</c:v>
                </c:pt>
                <c:pt idx="3749">
                  <c:v>0</c:v>
                </c:pt>
                <c:pt idx="3750">
                  <c:v>0</c:v>
                </c:pt>
                <c:pt idx="3751">
                  <c:v>0</c:v>
                </c:pt>
                <c:pt idx="3752">
                  <c:v>0</c:v>
                </c:pt>
                <c:pt idx="3753">
                  <c:v>0</c:v>
                </c:pt>
                <c:pt idx="3754">
                  <c:v>0</c:v>
                </c:pt>
                <c:pt idx="3755">
                  <c:v>0</c:v>
                </c:pt>
                <c:pt idx="3756">
                  <c:v>0</c:v>
                </c:pt>
                <c:pt idx="3757">
                  <c:v>0</c:v>
                </c:pt>
                <c:pt idx="3758">
                  <c:v>0</c:v>
                </c:pt>
                <c:pt idx="3759">
                  <c:v>0</c:v>
                </c:pt>
                <c:pt idx="3760">
                  <c:v>0</c:v>
                </c:pt>
                <c:pt idx="3761">
                  <c:v>0</c:v>
                </c:pt>
                <c:pt idx="3762">
                  <c:v>0</c:v>
                </c:pt>
                <c:pt idx="3763">
                  <c:v>0</c:v>
                </c:pt>
                <c:pt idx="3764">
                  <c:v>0</c:v>
                </c:pt>
                <c:pt idx="3765">
                  <c:v>0</c:v>
                </c:pt>
                <c:pt idx="3766">
                  <c:v>0</c:v>
                </c:pt>
                <c:pt idx="3767">
                  <c:v>0</c:v>
                </c:pt>
                <c:pt idx="3768">
                  <c:v>0</c:v>
                </c:pt>
                <c:pt idx="3769">
                  <c:v>0</c:v>
                </c:pt>
                <c:pt idx="3770">
                  <c:v>0</c:v>
                </c:pt>
                <c:pt idx="3771">
                  <c:v>0</c:v>
                </c:pt>
                <c:pt idx="3772">
                  <c:v>0</c:v>
                </c:pt>
                <c:pt idx="3773">
                  <c:v>0</c:v>
                </c:pt>
                <c:pt idx="3774">
                  <c:v>0</c:v>
                </c:pt>
                <c:pt idx="3775">
                  <c:v>0</c:v>
                </c:pt>
                <c:pt idx="3776">
                  <c:v>0</c:v>
                </c:pt>
                <c:pt idx="3777">
                  <c:v>0</c:v>
                </c:pt>
                <c:pt idx="3778">
                  <c:v>0</c:v>
                </c:pt>
                <c:pt idx="3779">
                  <c:v>0</c:v>
                </c:pt>
                <c:pt idx="3780">
                  <c:v>0</c:v>
                </c:pt>
                <c:pt idx="3781">
                  <c:v>0</c:v>
                </c:pt>
                <c:pt idx="3782">
                  <c:v>0</c:v>
                </c:pt>
                <c:pt idx="3783">
                  <c:v>0</c:v>
                </c:pt>
                <c:pt idx="3784">
                  <c:v>0</c:v>
                </c:pt>
                <c:pt idx="3785">
                  <c:v>0</c:v>
                </c:pt>
                <c:pt idx="3786">
                  <c:v>0</c:v>
                </c:pt>
                <c:pt idx="3787">
                  <c:v>0</c:v>
                </c:pt>
                <c:pt idx="3788">
                  <c:v>0</c:v>
                </c:pt>
                <c:pt idx="3789">
                  <c:v>0</c:v>
                </c:pt>
                <c:pt idx="3790">
                  <c:v>0</c:v>
                </c:pt>
                <c:pt idx="3791">
                  <c:v>0</c:v>
                </c:pt>
                <c:pt idx="3792">
                  <c:v>0</c:v>
                </c:pt>
                <c:pt idx="3793">
                  <c:v>0</c:v>
                </c:pt>
                <c:pt idx="3794">
                  <c:v>0</c:v>
                </c:pt>
                <c:pt idx="3795">
                  <c:v>0</c:v>
                </c:pt>
                <c:pt idx="3796">
                  <c:v>0</c:v>
                </c:pt>
                <c:pt idx="3797">
                  <c:v>0</c:v>
                </c:pt>
                <c:pt idx="3798">
                  <c:v>0</c:v>
                </c:pt>
                <c:pt idx="3799">
                  <c:v>0</c:v>
                </c:pt>
                <c:pt idx="3800">
                  <c:v>0</c:v>
                </c:pt>
                <c:pt idx="3801">
                  <c:v>0</c:v>
                </c:pt>
                <c:pt idx="3802">
                  <c:v>0</c:v>
                </c:pt>
                <c:pt idx="3803">
                  <c:v>0</c:v>
                </c:pt>
                <c:pt idx="3804">
                  <c:v>0</c:v>
                </c:pt>
                <c:pt idx="3805">
                  <c:v>0</c:v>
                </c:pt>
                <c:pt idx="3806">
                  <c:v>0</c:v>
                </c:pt>
                <c:pt idx="3807">
                  <c:v>0</c:v>
                </c:pt>
                <c:pt idx="3808">
                  <c:v>0</c:v>
                </c:pt>
                <c:pt idx="3809">
                  <c:v>0</c:v>
                </c:pt>
                <c:pt idx="3810">
                  <c:v>0</c:v>
                </c:pt>
                <c:pt idx="3811">
                  <c:v>0</c:v>
                </c:pt>
                <c:pt idx="3812">
                  <c:v>0</c:v>
                </c:pt>
                <c:pt idx="3813">
                  <c:v>0</c:v>
                </c:pt>
                <c:pt idx="3814">
                  <c:v>0</c:v>
                </c:pt>
                <c:pt idx="3815">
                  <c:v>0</c:v>
                </c:pt>
                <c:pt idx="3816">
                  <c:v>0</c:v>
                </c:pt>
                <c:pt idx="3817">
                  <c:v>0</c:v>
                </c:pt>
                <c:pt idx="3818">
                  <c:v>0</c:v>
                </c:pt>
                <c:pt idx="3819">
                  <c:v>0</c:v>
                </c:pt>
                <c:pt idx="3820">
                  <c:v>0</c:v>
                </c:pt>
                <c:pt idx="3821">
                  <c:v>0</c:v>
                </c:pt>
                <c:pt idx="3822">
                  <c:v>0</c:v>
                </c:pt>
                <c:pt idx="3823">
                  <c:v>0</c:v>
                </c:pt>
                <c:pt idx="3824">
                  <c:v>0</c:v>
                </c:pt>
                <c:pt idx="3825">
                  <c:v>0</c:v>
                </c:pt>
                <c:pt idx="3826">
                  <c:v>0</c:v>
                </c:pt>
                <c:pt idx="3827">
                  <c:v>0</c:v>
                </c:pt>
                <c:pt idx="3828">
                  <c:v>0</c:v>
                </c:pt>
                <c:pt idx="3829">
                  <c:v>0</c:v>
                </c:pt>
                <c:pt idx="3830">
                  <c:v>0</c:v>
                </c:pt>
                <c:pt idx="3831">
                  <c:v>0</c:v>
                </c:pt>
                <c:pt idx="3832">
                  <c:v>0</c:v>
                </c:pt>
                <c:pt idx="3833">
                  <c:v>0</c:v>
                </c:pt>
                <c:pt idx="3834">
                  <c:v>0</c:v>
                </c:pt>
                <c:pt idx="3835">
                  <c:v>0</c:v>
                </c:pt>
                <c:pt idx="3836">
                  <c:v>0</c:v>
                </c:pt>
                <c:pt idx="3837">
                  <c:v>0</c:v>
                </c:pt>
                <c:pt idx="3838">
                  <c:v>0</c:v>
                </c:pt>
                <c:pt idx="3839">
                  <c:v>0</c:v>
                </c:pt>
                <c:pt idx="3840">
                  <c:v>0</c:v>
                </c:pt>
                <c:pt idx="3841">
                  <c:v>0</c:v>
                </c:pt>
                <c:pt idx="3842">
                  <c:v>0</c:v>
                </c:pt>
                <c:pt idx="3843">
                  <c:v>0</c:v>
                </c:pt>
                <c:pt idx="3844">
                  <c:v>0</c:v>
                </c:pt>
                <c:pt idx="3845">
                  <c:v>0</c:v>
                </c:pt>
                <c:pt idx="3846">
                  <c:v>0</c:v>
                </c:pt>
                <c:pt idx="3847">
                  <c:v>0</c:v>
                </c:pt>
                <c:pt idx="3848">
                  <c:v>0</c:v>
                </c:pt>
                <c:pt idx="3849">
                  <c:v>0</c:v>
                </c:pt>
                <c:pt idx="3850">
                  <c:v>0</c:v>
                </c:pt>
                <c:pt idx="3851">
                  <c:v>0</c:v>
                </c:pt>
                <c:pt idx="3852">
                  <c:v>0</c:v>
                </c:pt>
                <c:pt idx="3853">
                  <c:v>0</c:v>
                </c:pt>
                <c:pt idx="3854">
                  <c:v>0</c:v>
                </c:pt>
                <c:pt idx="3855">
                  <c:v>0</c:v>
                </c:pt>
                <c:pt idx="3856">
                  <c:v>0</c:v>
                </c:pt>
                <c:pt idx="3857">
                  <c:v>0</c:v>
                </c:pt>
                <c:pt idx="3858">
                  <c:v>0</c:v>
                </c:pt>
                <c:pt idx="3859">
                  <c:v>0</c:v>
                </c:pt>
                <c:pt idx="3860">
                  <c:v>0</c:v>
                </c:pt>
                <c:pt idx="3861">
                  <c:v>0</c:v>
                </c:pt>
                <c:pt idx="3862">
                  <c:v>0</c:v>
                </c:pt>
                <c:pt idx="3863">
                  <c:v>0</c:v>
                </c:pt>
                <c:pt idx="3864">
                  <c:v>0</c:v>
                </c:pt>
                <c:pt idx="3865">
                  <c:v>0</c:v>
                </c:pt>
                <c:pt idx="3866">
                  <c:v>0</c:v>
                </c:pt>
                <c:pt idx="3867">
                  <c:v>0</c:v>
                </c:pt>
                <c:pt idx="3868">
                  <c:v>0</c:v>
                </c:pt>
                <c:pt idx="3869">
                  <c:v>0</c:v>
                </c:pt>
                <c:pt idx="3870">
                  <c:v>0</c:v>
                </c:pt>
                <c:pt idx="3871">
                  <c:v>0</c:v>
                </c:pt>
                <c:pt idx="3872">
                  <c:v>0</c:v>
                </c:pt>
                <c:pt idx="3873">
                  <c:v>0</c:v>
                </c:pt>
                <c:pt idx="3874">
                  <c:v>0</c:v>
                </c:pt>
                <c:pt idx="3875">
                  <c:v>0</c:v>
                </c:pt>
                <c:pt idx="3876">
                  <c:v>0</c:v>
                </c:pt>
                <c:pt idx="3877">
                  <c:v>0</c:v>
                </c:pt>
                <c:pt idx="3878">
                  <c:v>0</c:v>
                </c:pt>
                <c:pt idx="3879">
                  <c:v>0</c:v>
                </c:pt>
                <c:pt idx="3880">
                  <c:v>0</c:v>
                </c:pt>
                <c:pt idx="3881">
                  <c:v>0</c:v>
                </c:pt>
                <c:pt idx="3882">
                  <c:v>0</c:v>
                </c:pt>
                <c:pt idx="3883">
                  <c:v>0</c:v>
                </c:pt>
                <c:pt idx="3884">
                  <c:v>0</c:v>
                </c:pt>
                <c:pt idx="3885">
                  <c:v>0</c:v>
                </c:pt>
                <c:pt idx="3886">
                  <c:v>0</c:v>
                </c:pt>
                <c:pt idx="3887">
                  <c:v>0</c:v>
                </c:pt>
                <c:pt idx="3888">
                  <c:v>0</c:v>
                </c:pt>
                <c:pt idx="3889">
                  <c:v>0</c:v>
                </c:pt>
                <c:pt idx="3890">
                  <c:v>0</c:v>
                </c:pt>
                <c:pt idx="3891">
                  <c:v>0</c:v>
                </c:pt>
                <c:pt idx="3892">
                  <c:v>0</c:v>
                </c:pt>
                <c:pt idx="3893">
                  <c:v>0</c:v>
                </c:pt>
                <c:pt idx="3894">
                  <c:v>0</c:v>
                </c:pt>
                <c:pt idx="3895">
                  <c:v>0</c:v>
                </c:pt>
                <c:pt idx="3896">
                  <c:v>0</c:v>
                </c:pt>
                <c:pt idx="3897">
                  <c:v>0</c:v>
                </c:pt>
                <c:pt idx="3898">
                  <c:v>0</c:v>
                </c:pt>
                <c:pt idx="3899">
                  <c:v>0</c:v>
                </c:pt>
                <c:pt idx="3900">
                  <c:v>0</c:v>
                </c:pt>
                <c:pt idx="3901">
                  <c:v>0</c:v>
                </c:pt>
                <c:pt idx="3902">
                  <c:v>0</c:v>
                </c:pt>
                <c:pt idx="3903">
                  <c:v>0</c:v>
                </c:pt>
                <c:pt idx="3904">
                  <c:v>0</c:v>
                </c:pt>
                <c:pt idx="3905">
                  <c:v>0</c:v>
                </c:pt>
                <c:pt idx="3906">
                  <c:v>0</c:v>
                </c:pt>
                <c:pt idx="3907">
                  <c:v>0</c:v>
                </c:pt>
                <c:pt idx="3908">
                  <c:v>0</c:v>
                </c:pt>
                <c:pt idx="3909">
                  <c:v>0</c:v>
                </c:pt>
                <c:pt idx="3910">
                  <c:v>0</c:v>
                </c:pt>
                <c:pt idx="3911">
                  <c:v>0</c:v>
                </c:pt>
                <c:pt idx="3912">
                  <c:v>0</c:v>
                </c:pt>
                <c:pt idx="3913">
                  <c:v>0</c:v>
                </c:pt>
                <c:pt idx="3914">
                  <c:v>0</c:v>
                </c:pt>
                <c:pt idx="3915">
                  <c:v>0</c:v>
                </c:pt>
                <c:pt idx="3916">
                  <c:v>0</c:v>
                </c:pt>
                <c:pt idx="3917">
                  <c:v>0</c:v>
                </c:pt>
                <c:pt idx="3918">
                  <c:v>0</c:v>
                </c:pt>
                <c:pt idx="3919">
                  <c:v>0</c:v>
                </c:pt>
                <c:pt idx="3920">
                  <c:v>0</c:v>
                </c:pt>
                <c:pt idx="3921">
                  <c:v>0</c:v>
                </c:pt>
                <c:pt idx="3922">
                  <c:v>0</c:v>
                </c:pt>
                <c:pt idx="3923">
                  <c:v>0</c:v>
                </c:pt>
                <c:pt idx="3924">
                  <c:v>0</c:v>
                </c:pt>
                <c:pt idx="3925">
                  <c:v>0</c:v>
                </c:pt>
                <c:pt idx="3926">
                  <c:v>0</c:v>
                </c:pt>
                <c:pt idx="3927">
                  <c:v>0</c:v>
                </c:pt>
                <c:pt idx="3928">
                  <c:v>0</c:v>
                </c:pt>
                <c:pt idx="3929">
                  <c:v>0</c:v>
                </c:pt>
                <c:pt idx="3930">
                  <c:v>0</c:v>
                </c:pt>
                <c:pt idx="3931">
                  <c:v>0</c:v>
                </c:pt>
                <c:pt idx="3932">
                  <c:v>0</c:v>
                </c:pt>
                <c:pt idx="3933">
                  <c:v>0</c:v>
                </c:pt>
                <c:pt idx="3934">
                  <c:v>0</c:v>
                </c:pt>
                <c:pt idx="3935">
                  <c:v>0</c:v>
                </c:pt>
                <c:pt idx="3936">
                  <c:v>0</c:v>
                </c:pt>
                <c:pt idx="3937">
                  <c:v>0</c:v>
                </c:pt>
                <c:pt idx="3938">
                  <c:v>0</c:v>
                </c:pt>
                <c:pt idx="3939">
                  <c:v>0</c:v>
                </c:pt>
                <c:pt idx="3940">
                  <c:v>0</c:v>
                </c:pt>
                <c:pt idx="3941">
                  <c:v>0</c:v>
                </c:pt>
                <c:pt idx="3942">
                  <c:v>0</c:v>
                </c:pt>
                <c:pt idx="3943">
                  <c:v>0</c:v>
                </c:pt>
                <c:pt idx="3944">
                  <c:v>0</c:v>
                </c:pt>
                <c:pt idx="3945">
                  <c:v>0</c:v>
                </c:pt>
                <c:pt idx="3946">
                  <c:v>0</c:v>
                </c:pt>
                <c:pt idx="3947">
                  <c:v>0</c:v>
                </c:pt>
                <c:pt idx="3948">
                  <c:v>0</c:v>
                </c:pt>
                <c:pt idx="3949">
                  <c:v>0</c:v>
                </c:pt>
                <c:pt idx="3950">
                  <c:v>0</c:v>
                </c:pt>
                <c:pt idx="3951">
                  <c:v>0</c:v>
                </c:pt>
                <c:pt idx="3952">
                  <c:v>0</c:v>
                </c:pt>
                <c:pt idx="3953">
                  <c:v>0</c:v>
                </c:pt>
                <c:pt idx="3954">
                  <c:v>0</c:v>
                </c:pt>
                <c:pt idx="3955">
                  <c:v>0</c:v>
                </c:pt>
                <c:pt idx="3956">
                  <c:v>0</c:v>
                </c:pt>
                <c:pt idx="3957">
                  <c:v>0</c:v>
                </c:pt>
                <c:pt idx="3958">
                  <c:v>0</c:v>
                </c:pt>
                <c:pt idx="3959">
                  <c:v>0</c:v>
                </c:pt>
                <c:pt idx="3960">
                  <c:v>0</c:v>
                </c:pt>
                <c:pt idx="3961">
                  <c:v>0</c:v>
                </c:pt>
                <c:pt idx="3962">
                  <c:v>0</c:v>
                </c:pt>
                <c:pt idx="3963">
                  <c:v>0</c:v>
                </c:pt>
                <c:pt idx="3964">
                  <c:v>0</c:v>
                </c:pt>
                <c:pt idx="3965">
                  <c:v>0</c:v>
                </c:pt>
                <c:pt idx="3966">
                  <c:v>0</c:v>
                </c:pt>
                <c:pt idx="3967">
                  <c:v>0</c:v>
                </c:pt>
                <c:pt idx="3968">
                  <c:v>0</c:v>
                </c:pt>
                <c:pt idx="3969">
                  <c:v>0</c:v>
                </c:pt>
                <c:pt idx="3970">
                  <c:v>0</c:v>
                </c:pt>
                <c:pt idx="3971">
                  <c:v>0</c:v>
                </c:pt>
                <c:pt idx="3972">
                  <c:v>0</c:v>
                </c:pt>
                <c:pt idx="3973">
                  <c:v>0</c:v>
                </c:pt>
                <c:pt idx="3974">
                  <c:v>0</c:v>
                </c:pt>
                <c:pt idx="3975">
                  <c:v>0</c:v>
                </c:pt>
                <c:pt idx="3976">
                  <c:v>0</c:v>
                </c:pt>
                <c:pt idx="3977">
                  <c:v>0</c:v>
                </c:pt>
                <c:pt idx="3978">
                  <c:v>0</c:v>
                </c:pt>
                <c:pt idx="3979">
                  <c:v>0</c:v>
                </c:pt>
                <c:pt idx="3980">
                  <c:v>0</c:v>
                </c:pt>
                <c:pt idx="3981">
                  <c:v>0</c:v>
                </c:pt>
                <c:pt idx="3982">
                  <c:v>0</c:v>
                </c:pt>
                <c:pt idx="3983">
                  <c:v>0</c:v>
                </c:pt>
                <c:pt idx="3984">
                  <c:v>0</c:v>
                </c:pt>
                <c:pt idx="3985">
                  <c:v>0</c:v>
                </c:pt>
                <c:pt idx="3986">
                  <c:v>0</c:v>
                </c:pt>
                <c:pt idx="3987">
                  <c:v>0</c:v>
                </c:pt>
                <c:pt idx="3988">
                  <c:v>0</c:v>
                </c:pt>
                <c:pt idx="3989">
                  <c:v>0</c:v>
                </c:pt>
                <c:pt idx="3990">
                  <c:v>0</c:v>
                </c:pt>
                <c:pt idx="3991">
                  <c:v>0</c:v>
                </c:pt>
                <c:pt idx="3992">
                  <c:v>0</c:v>
                </c:pt>
                <c:pt idx="3993">
                  <c:v>0</c:v>
                </c:pt>
                <c:pt idx="3994">
                  <c:v>0</c:v>
                </c:pt>
                <c:pt idx="3995">
                  <c:v>0</c:v>
                </c:pt>
                <c:pt idx="3996">
                  <c:v>0</c:v>
                </c:pt>
                <c:pt idx="3997">
                  <c:v>0</c:v>
                </c:pt>
                <c:pt idx="3998">
                  <c:v>0</c:v>
                </c:pt>
                <c:pt idx="3999">
                  <c:v>0</c:v>
                </c:pt>
                <c:pt idx="4000">
                  <c:v>0</c:v>
                </c:pt>
                <c:pt idx="4001">
                  <c:v>0</c:v>
                </c:pt>
                <c:pt idx="4002">
                  <c:v>0</c:v>
                </c:pt>
                <c:pt idx="4003">
                  <c:v>0</c:v>
                </c:pt>
                <c:pt idx="4004">
                  <c:v>0</c:v>
                </c:pt>
                <c:pt idx="4005">
                  <c:v>0</c:v>
                </c:pt>
                <c:pt idx="4006">
                  <c:v>0</c:v>
                </c:pt>
                <c:pt idx="4007">
                  <c:v>0</c:v>
                </c:pt>
                <c:pt idx="4008">
                  <c:v>0</c:v>
                </c:pt>
                <c:pt idx="4009">
                  <c:v>0</c:v>
                </c:pt>
                <c:pt idx="4010">
                  <c:v>0</c:v>
                </c:pt>
                <c:pt idx="4011">
                  <c:v>0</c:v>
                </c:pt>
                <c:pt idx="4012">
                  <c:v>0</c:v>
                </c:pt>
                <c:pt idx="4013">
                  <c:v>0</c:v>
                </c:pt>
                <c:pt idx="4014">
                  <c:v>0</c:v>
                </c:pt>
                <c:pt idx="4015">
                  <c:v>0</c:v>
                </c:pt>
                <c:pt idx="4016">
                  <c:v>0</c:v>
                </c:pt>
                <c:pt idx="4017">
                  <c:v>0</c:v>
                </c:pt>
                <c:pt idx="4018">
                  <c:v>0</c:v>
                </c:pt>
                <c:pt idx="4019">
                  <c:v>0</c:v>
                </c:pt>
                <c:pt idx="4020">
                  <c:v>0</c:v>
                </c:pt>
                <c:pt idx="4021">
                  <c:v>0</c:v>
                </c:pt>
                <c:pt idx="4022">
                  <c:v>0</c:v>
                </c:pt>
                <c:pt idx="4023">
                  <c:v>0</c:v>
                </c:pt>
                <c:pt idx="4024">
                  <c:v>0</c:v>
                </c:pt>
                <c:pt idx="4025">
                  <c:v>0</c:v>
                </c:pt>
                <c:pt idx="4026">
                  <c:v>0</c:v>
                </c:pt>
                <c:pt idx="4027">
                  <c:v>0</c:v>
                </c:pt>
                <c:pt idx="4028">
                  <c:v>0</c:v>
                </c:pt>
                <c:pt idx="4029">
                  <c:v>0</c:v>
                </c:pt>
                <c:pt idx="4030">
                  <c:v>0</c:v>
                </c:pt>
                <c:pt idx="4031">
                  <c:v>0</c:v>
                </c:pt>
                <c:pt idx="4032">
                  <c:v>0</c:v>
                </c:pt>
                <c:pt idx="4033">
                  <c:v>0</c:v>
                </c:pt>
                <c:pt idx="4034">
                  <c:v>0</c:v>
                </c:pt>
                <c:pt idx="4035">
                  <c:v>0</c:v>
                </c:pt>
                <c:pt idx="4036">
                  <c:v>0</c:v>
                </c:pt>
                <c:pt idx="4037">
                  <c:v>0</c:v>
                </c:pt>
                <c:pt idx="4038">
                  <c:v>0</c:v>
                </c:pt>
                <c:pt idx="4039">
                  <c:v>0</c:v>
                </c:pt>
                <c:pt idx="4040">
                  <c:v>0</c:v>
                </c:pt>
                <c:pt idx="4041">
                  <c:v>0</c:v>
                </c:pt>
                <c:pt idx="4042">
                  <c:v>0</c:v>
                </c:pt>
                <c:pt idx="4043">
                  <c:v>0</c:v>
                </c:pt>
                <c:pt idx="4044">
                  <c:v>0</c:v>
                </c:pt>
                <c:pt idx="4045">
                  <c:v>0</c:v>
                </c:pt>
                <c:pt idx="4046">
                  <c:v>0</c:v>
                </c:pt>
                <c:pt idx="4047">
                  <c:v>0</c:v>
                </c:pt>
                <c:pt idx="4048">
                  <c:v>0</c:v>
                </c:pt>
                <c:pt idx="4049">
                  <c:v>0</c:v>
                </c:pt>
                <c:pt idx="4050">
                  <c:v>0</c:v>
                </c:pt>
                <c:pt idx="4051">
                  <c:v>0</c:v>
                </c:pt>
                <c:pt idx="4052">
                  <c:v>0</c:v>
                </c:pt>
                <c:pt idx="4053">
                  <c:v>0</c:v>
                </c:pt>
                <c:pt idx="4054">
                  <c:v>0</c:v>
                </c:pt>
                <c:pt idx="4055">
                  <c:v>0</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c:v>
                </c:pt>
                <c:pt idx="4177">
                  <c:v>0</c:v>
                </c:pt>
                <c:pt idx="4178">
                  <c:v>0</c:v>
                </c:pt>
                <c:pt idx="4179">
                  <c:v>0</c:v>
                </c:pt>
                <c:pt idx="4180">
                  <c:v>0</c:v>
                </c:pt>
                <c:pt idx="4181">
                  <c:v>0</c:v>
                </c:pt>
                <c:pt idx="4182">
                  <c:v>0</c:v>
                </c:pt>
                <c:pt idx="4183">
                  <c:v>0</c:v>
                </c:pt>
                <c:pt idx="4184">
                  <c:v>0</c:v>
                </c:pt>
                <c:pt idx="4185">
                  <c:v>0</c:v>
                </c:pt>
                <c:pt idx="4186">
                  <c:v>0</c:v>
                </c:pt>
                <c:pt idx="4187">
                  <c:v>0</c:v>
                </c:pt>
                <c:pt idx="4188">
                  <c:v>0</c:v>
                </c:pt>
                <c:pt idx="4189">
                  <c:v>0</c:v>
                </c:pt>
                <c:pt idx="4190">
                  <c:v>0</c:v>
                </c:pt>
                <c:pt idx="4191">
                  <c:v>0</c:v>
                </c:pt>
                <c:pt idx="4192">
                  <c:v>0</c:v>
                </c:pt>
                <c:pt idx="4193">
                  <c:v>0</c:v>
                </c:pt>
                <c:pt idx="4194">
                  <c:v>0</c:v>
                </c:pt>
                <c:pt idx="4195">
                  <c:v>0</c:v>
                </c:pt>
                <c:pt idx="4196">
                  <c:v>0</c:v>
                </c:pt>
                <c:pt idx="4197">
                  <c:v>0</c:v>
                </c:pt>
                <c:pt idx="4198">
                  <c:v>0</c:v>
                </c:pt>
                <c:pt idx="4199">
                  <c:v>0</c:v>
                </c:pt>
                <c:pt idx="4200">
                  <c:v>0</c:v>
                </c:pt>
                <c:pt idx="4201">
                  <c:v>0</c:v>
                </c:pt>
                <c:pt idx="4202">
                  <c:v>0</c:v>
                </c:pt>
                <c:pt idx="4203">
                  <c:v>0</c:v>
                </c:pt>
                <c:pt idx="4204">
                  <c:v>0</c:v>
                </c:pt>
                <c:pt idx="4205">
                  <c:v>0</c:v>
                </c:pt>
                <c:pt idx="4206">
                  <c:v>0</c:v>
                </c:pt>
                <c:pt idx="4207">
                  <c:v>0</c:v>
                </c:pt>
                <c:pt idx="4208">
                  <c:v>0</c:v>
                </c:pt>
                <c:pt idx="4209">
                  <c:v>0</c:v>
                </c:pt>
                <c:pt idx="4210">
                  <c:v>0</c:v>
                </c:pt>
                <c:pt idx="4211">
                  <c:v>0</c:v>
                </c:pt>
                <c:pt idx="4212">
                  <c:v>0</c:v>
                </c:pt>
                <c:pt idx="4213">
                  <c:v>0</c:v>
                </c:pt>
                <c:pt idx="4214">
                  <c:v>0</c:v>
                </c:pt>
                <c:pt idx="4215">
                  <c:v>0</c:v>
                </c:pt>
                <c:pt idx="4216">
                  <c:v>0</c:v>
                </c:pt>
                <c:pt idx="4217">
                  <c:v>0</c:v>
                </c:pt>
                <c:pt idx="4218">
                  <c:v>0</c:v>
                </c:pt>
                <c:pt idx="4219">
                  <c:v>0</c:v>
                </c:pt>
                <c:pt idx="4220">
                  <c:v>0</c:v>
                </c:pt>
                <c:pt idx="4221">
                  <c:v>0</c:v>
                </c:pt>
                <c:pt idx="4222">
                  <c:v>0</c:v>
                </c:pt>
                <c:pt idx="4223">
                  <c:v>0</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0</c:v>
                </c:pt>
                <c:pt idx="4249">
                  <c:v>0</c:v>
                </c:pt>
                <c:pt idx="4250">
                  <c:v>0</c:v>
                </c:pt>
                <c:pt idx="4251">
                  <c:v>0</c:v>
                </c:pt>
                <c:pt idx="4252">
                  <c:v>0</c:v>
                </c:pt>
                <c:pt idx="4253">
                  <c:v>0</c:v>
                </c:pt>
                <c:pt idx="4254">
                  <c:v>0</c:v>
                </c:pt>
                <c:pt idx="4255">
                  <c:v>0</c:v>
                </c:pt>
                <c:pt idx="4256">
                  <c:v>0</c:v>
                </c:pt>
                <c:pt idx="4257">
                  <c:v>0</c:v>
                </c:pt>
                <c:pt idx="4258">
                  <c:v>0</c:v>
                </c:pt>
                <c:pt idx="4259">
                  <c:v>0</c:v>
                </c:pt>
                <c:pt idx="4260">
                  <c:v>0</c:v>
                </c:pt>
                <c:pt idx="4261">
                  <c:v>0</c:v>
                </c:pt>
                <c:pt idx="4262">
                  <c:v>0</c:v>
                </c:pt>
                <c:pt idx="4263">
                  <c:v>0</c:v>
                </c:pt>
                <c:pt idx="4264">
                  <c:v>0</c:v>
                </c:pt>
                <c:pt idx="4265">
                  <c:v>0</c:v>
                </c:pt>
                <c:pt idx="4266">
                  <c:v>0</c:v>
                </c:pt>
                <c:pt idx="4267">
                  <c:v>0</c:v>
                </c:pt>
                <c:pt idx="4268">
                  <c:v>0</c:v>
                </c:pt>
                <c:pt idx="4269">
                  <c:v>0</c:v>
                </c:pt>
                <c:pt idx="4270">
                  <c:v>0</c:v>
                </c:pt>
                <c:pt idx="4271">
                  <c:v>0</c:v>
                </c:pt>
                <c:pt idx="4272">
                  <c:v>0</c:v>
                </c:pt>
                <c:pt idx="4273">
                  <c:v>0</c:v>
                </c:pt>
                <c:pt idx="4274">
                  <c:v>0</c:v>
                </c:pt>
                <c:pt idx="4275">
                  <c:v>0</c:v>
                </c:pt>
                <c:pt idx="4276">
                  <c:v>0</c:v>
                </c:pt>
                <c:pt idx="4277">
                  <c:v>0</c:v>
                </c:pt>
                <c:pt idx="4278">
                  <c:v>0</c:v>
                </c:pt>
                <c:pt idx="4279">
                  <c:v>0</c:v>
                </c:pt>
                <c:pt idx="4280">
                  <c:v>0</c:v>
                </c:pt>
                <c:pt idx="4281">
                  <c:v>0</c:v>
                </c:pt>
                <c:pt idx="4282">
                  <c:v>0</c:v>
                </c:pt>
                <c:pt idx="4283">
                  <c:v>0</c:v>
                </c:pt>
                <c:pt idx="4284">
                  <c:v>0</c:v>
                </c:pt>
                <c:pt idx="4285">
                  <c:v>0</c:v>
                </c:pt>
                <c:pt idx="4286">
                  <c:v>0</c:v>
                </c:pt>
                <c:pt idx="4287">
                  <c:v>0</c:v>
                </c:pt>
                <c:pt idx="4288">
                  <c:v>0</c:v>
                </c:pt>
                <c:pt idx="4289">
                  <c:v>0</c:v>
                </c:pt>
                <c:pt idx="4290">
                  <c:v>0</c:v>
                </c:pt>
                <c:pt idx="4291">
                  <c:v>0</c:v>
                </c:pt>
                <c:pt idx="4292">
                  <c:v>0</c:v>
                </c:pt>
                <c:pt idx="4293">
                  <c:v>0</c:v>
                </c:pt>
                <c:pt idx="4294">
                  <c:v>0</c:v>
                </c:pt>
                <c:pt idx="4295">
                  <c:v>0</c:v>
                </c:pt>
                <c:pt idx="4296">
                  <c:v>0</c:v>
                </c:pt>
                <c:pt idx="4297">
                  <c:v>0</c:v>
                </c:pt>
                <c:pt idx="4298">
                  <c:v>0</c:v>
                </c:pt>
                <c:pt idx="4299">
                  <c:v>0</c:v>
                </c:pt>
                <c:pt idx="4300">
                  <c:v>0</c:v>
                </c:pt>
                <c:pt idx="4301">
                  <c:v>0</c:v>
                </c:pt>
                <c:pt idx="4302">
                  <c:v>0</c:v>
                </c:pt>
                <c:pt idx="4303">
                  <c:v>0</c:v>
                </c:pt>
                <c:pt idx="4304">
                  <c:v>0</c:v>
                </c:pt>
                <c:pt idx="4305">
                  <c:v>0</c:v>
                </c:pt>
                <c:pt idx="4306">
                  <c:v>0</c:v>
                </c:pt>
                <c:pt idx="4307">
                  <c:v>0</c:v>
                </c:pt>
                <c:pt idx="4308">
                  <c:v>0</c:v>
                </c:pt>
                <c:pt idx="4309">
                  <c:v>0</c:v>
                </c:pt>
                <c:pt idx="4310">
                  <c:v>0</c:v>
                </c:pt>
                <c:pt idx="4311">
                  <c:v>0</c:v>
                </c:pt>
                <c:pt idx="4312">
                  <c:v>0</c:v>
                </c:pt>
                <c:pt idx="4313">
                  <c:v>0</c:v>
                </c:pt>
                <c:pt idx="4314">
                  <c:v>0</c:v>
                </c:pt>
                <c:pt idx="4315">
                  <c:v>0</c:v>
                </c:pt>
                <c:pt idx="4316">
                  <c:v>0</c:v>
                </c:pt>
                <c:pt idx="4317">
                  <c:v>0</c:v>
                </c:pt>
                <c:pt idx="4318">
                  <c:v>0</c:v>
                </c:pt>
                <c:pt idx="4319">
                  <c:v>0</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0</c:v>
                </c:pt>
                <c:pt idx="4345">
                  <c:v>0</c:v>
                </c:pt>
                <c:pt idx="4346">
                  <c:v>0</c:v>
                </c:pt>
                <c:pt idx="4347">
                  <c:v>0</c:v>
                </c:pt>
                <c:pt idx="4348">
                  <c:v>0</c:v>
                </c:pt>
                <c:pt idx="4349">
                  <c:v>0</c:v>
                </c:pt>
                <c:pt idx="4350">
                  <c:v>0</c:v>
                </c:pt>
                <c:pt idx="4351">
                  <c:v>0</c:v>
                </c:pt>
                <c:pt idx="4352">
                  <c:v>0</c:v>
                </c:pt>
                <c:pt idx="4353">
                  <c:v>0</c:v>
                </c:pt>
                <c:pt idx="4354">
                  <c:v>0</c:v>
                </c:pt>
                <c:pt idx="4355">
                  <c:v>0</c:v>
                </c:pt>
                <c:pt idx="4356">
                  <c:v>0</c:v>
                </c:pt>
                <c:pt idx="4357">
                  <c:v>0</c:v>
                </c:pt>
                <c:pt idx="4358">
                  <c:v>0</c:v>
                </c:pt>
                <c:pt idx="4359">
                  <c:v>0</c:v>
                </c:pt>
                <c:pt idx="4360">
                  <c:v>0</c:v>
                </c:pt>
                <c:pt idx="4361">
                  <c:v>0</c:v>
                </c:pt>
                <c:pt idx="4362">
                  <c:v>0</c:v>
                </c:pt>
                <c:pt idx="4363">
                  <c:v>0</c:v>
                </c:pt>
                <c:pt idx="4364">
                  <c:v>0</c:v>
                </c:pt>
                <c:pt idx="4365">
                  <c:v>0</c:v>
                </c:pt>
                <c:pt idx="4366">
                  <c:v>0</c:v>
                </c:pt>
                <c:pt idx="4367">
                  <c:v>0</c:v>
                </c:pt>
                <c:pt idx="4368">
                  <c:v>0</c:v>
                </c:pt>
                <c:pt idx="4369">
                  <c:v>0</c:v>
                </c:pt>
                <c:pt idx="4370">
                  <c:v>0</c:v>
                </c:pt>
                <c:pt idx="4371">
                  <c:v>0</c:v>
                </c:pt>
                <c:pt idx="4372">
                  <c:v>0</c:v>
                </c:pt>
                <c:pt idx="4373">
                  <c:v>0</c:v>
                </c:pt>
                <c:pt idx="4374">
                  <c:v>0</c:v>
                </c:pt>
                <c:pt idx="4375">
                  <c:v>0</c:v>
                </c:pt>
                <c:pt idx="4376">
                  <c:v>0</c:v>
                </c:pt>
                <c:pt idx="4377">
                  <c:v>0</c:v>
                </c:pt>
                <c:pt idx="4378">
                  <c:v>0</c:v>
                </c:pt>
                <c:pt idx="4379">
                  <c:v>0</c:v>
                </c:pt>
                <c:pt idx="4380">
                  <c:v>0</c:v>
                </c:pt>
                <c:pt idx="4381">
                  <c:v>0</c:v>
                </c:pt>
                <c:pt idx="4382">
                  <c:v>0</c:v>
                </c:pt>
                <c:pt idx="4383">
                  <c:v>0</c:v>
                </c:pt>
                <c:pt idx="4384">
                  <c:v>0</c:v>
                </c:pt>
                <c:pt idx="4385">
                  <c:v>0</c:v>
                </c:pt>
                <c:pt idx="4386">
                  <c:v>0</c:v>
                </c:pt>
                <c:pt idx="4387">
                  <c:v>0</c:v>
                </c:pt>
                <c:pt idx="4388">
                  <c:v>0</c:v>
                </c:pt>
                <c:pt idx="4389">
                  <c:v>0</c:v>
                </c:pt>
                <c:pt idx="4390">
                  <c:v>0</c:v>
                </c:pt>
                <c:pt idx="4391">
                  <c:v>0</c:v>
                </c:pt>
                <c:pt idx="4392">
                  <c:v>0</c:v>
                </c:pt>
                <c:pt idx="4393">
                  <c:v>0</c:v>
                </c:pt>
                <c:pt idx="4394">
                  <c:v>0</c:v>
                </c:pt>
                <c:pt idx="4395">
                  <c:v>0</c:v>
                </c:pt>
                <c:pt idx="4396">
                  <c:v>0</c:v>
                </c:pt>
                <c:pt idx="4397">
                  <c:v>0</c:v>
                </c:pt>
                <c:pt idx="4398">
                  <c:v>0</c:v>
                </c:pt>
                <c:pt idx="4399">
                  <c:v>0</c:v>
                </c:pt>
                <c:pt idx="4400">
                  <c:v>0</c:v>
                </c:pt>
                <c:pt idx="4401">
                  <c:v>0</c:v>
                </c:pt>
                <c:pt idx="4402">
                  <c:v>0</c:v>
                </c:pt>
                <c:pt idx="4403">
                  <c:v>0</c:v>
                </c:pt>
                <c:pt idx="4404">
                  <c:v>0</c:v>
                </c:pt>
                <c:pt idx="4405">
                  <c:v>0</c:v>
                </c:pt>
                <c:pt idx="4406">
                  <c:v>0</c:v>
                </c:pt>
                <c:pt idx="4407">
                  <c:v>0</c:v>
                </c:pt>
                <c:pt idx="4408">
                  <c:v>0</c:v>
                </c:pt>
                <c:pt idx="4409">
                  <c:v>0</c:v>
                </c:pt>
                <c:pt idx="4410">
                  <c:v>0</c:v>
                </c:pt>
                <c:pt idx="4411">
                  <c:v>0</c:v>
                </c:pt>
                <c:pt idx="4412">
                  <c:v>0</c:v>
                </c:pt>
                <c:pt idx="4413">
                  <c:v>0</c:v>
                </c:pt>
                <c:pt idx="4414">
                  <c:v>0</c:v>
                </c:pt>
                <c:pt idx="4415">
                  <c:v>0</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0</c:v>
                </c:pt>
                <c:pt idx="4441">
                  <c:v>0</c:v>
                </c:pt>
                <c:pt idx="4442">
                  <c:v>0</c:v>
                </c:pt>
                <c:pt idx="4443">
                  <c:v>0</c:v>
                </c:pt>
                <c:pt idx="4444">
                  <c:v>0</c:v>
                </c:pt>
                <c:pt idx="4445">
                  <c:v>0</c:v>
                </c:pt>
                <c:pt idx="4446">
                  <c:v>0</c:v>
                </c:pt>
                <c:pt idx="4447">
                  <c:v>0</c:v>
                </c:pt>
                <c:pt idx="4448">
                  <c:v>0</c:v>
                </c:pt>
                <c:pt idx="4449">
                  <c:v>0</c:v>
                </c:pt>
                <c:pt idx="4450">
                  <c:v>0</c:v>
                </c:pt>
                <c:pt idx="4451">
                  <c:v>0</c:v>
                </c:pt>
                <c:pt idx="4452">
                  <c:v>0</c:v>
                </c:pt>
                <c:pt idx="4453">
                  <c:v>0</c:v>
                </c:pt>
                <c:pt idx="4454">
                  <c:v>0</c:v>
                </c:pt>
                <c:pt idx="4455">
                  <c:v>0</c:v>
                </c:pt>
                <c:pt idx="4456">
                  <c:v>0</c:v>
                </c:pt>
                <c:pt idx="4457">
                  <c:v>0</c:v>
                </c:pt>
                <c:pt idx="4458">
                  <c:v>0</c:v>
                </c:pt>
                <c:pt idx="4459">
                  <c:v>0</c:v>
                </c:pt>
                <c:pt idx="4460">
                  <c:v>0</c:v>
                </c:pt>
                <c:pt idx="4461">
                  <c:v>0</c:v>
                </c:pt>
                <c:pt idx="4462">
                  <c:v>0</c:v>
                </c:pt>
                <c:pt idx="4463">
                  <c:v>0</c:v>
                </c:pt>
                <c:pt idx="4464">
                  <c:v>0</c:v>
                </c:pt>
                <c:pt idx="4465">
                  <c:v>0</c:v>
                </c:pt>
                <c:pt idx="4466">
                  <c:v>0</c:v>
                </c:pt>
                <c:pt idx="4467">
                  <c:v>0</c:v>
                </c:pt>
                <c:pt idx="4468">
                  <c:v>0</c:v>
                </c:pt>
                <c:pt idx="4469">
                  <c:v>0</c:v>
                </c:pt>
                <c:pt idx="4470">
                  <c:v>0</c:v>
                </c:pt>
                <c:pt idx="4471">
                  <c:v>0</c:v>
                </c:pt>
                <c:pt idx="4472">
                  <c:v>0</c:v>
                </c:pt>
                <c:pt idx="4473">
                  <c:v>0</c:v>
                </c:pt>
                <c:pt idx="4474">
                  <c:v>0</c:v>
                </c:pt>
                <c:pt idx="4475">
                  <c:v>0</c:v>
                </c:pt>
                <c:pt idx="4476">
                  <c:v>0</c:v>
                </c:pt>
                <c:pt idx="4477">
                  <c:v>0</c:v>
                </c:pt>
                <c:pt idx="4478">
                  <c:v>0</c:v>
                </c:pt>
                <c:pt idx="4479">
                  <c:v>0</c:v>
                </c:pt>
                <c:pt idx="4480">
                  <c:v>0</c:v>
                </c:pt>
                <c:pt idx="4481">
                  <c:v>0</c:v>
                </c:pt>
                <c:pt idx="4482">
                  <c:v>0</c:v>
                </c:pt>
                <c:pt idx="4483">
                  <c:v>0</c:v>
                </c:pt>
                <c:pt idx="4484">
                  <c:v>0</c:v>
                </c:pt>
                <c:pt idx="4485">
                  <c:v>0</c:v>
                </c:pt>
                <c:pt idx="4486">
                  <c:v>0</c:v>
                </c:pt>
                <c:pt idx="4487">
                  <c:v>0</c:v>
                </c:pt>
                <c:pt idx="4488">
                  <c:v>0</c:v>
                </c:pt>
                <c:pt idx="4489">
                  <c:v>0</c:v>
                </c:pt>
                <c:pt idx="4490">
                  <c:v>0</c:v>
                </c:pt>
                <c:pt idx="4491">
                  <c:v>0</c:v>
                </c:pt>
                <c:pt idx="4492">
                  <c:v>0</c:v>
                </c:pt>
                <c:pt idx="4493">
                  <c:v>0</c:v>
                </c:pt>
                <c:pt idx="4494">
                  <c:v>0</c:v>
                </c:pt>
                <c:pt idx="4495">
                  <c:v>0</c:v>
                </c:pt>
                <c:pt idx="4496">
                  <c:v>0</c:v>
                </c:pt>
                <c:pt idx="4497">
                  <c:v>0</c:v>
                </c:pt>
                <c:pt idx="4498">
                  <c:v>0</c:v>
                </c:pt>
                <c:pt idx="4499">
                  <c:v>0</c:v>
                </c:pt>
                <c:pt idx="4500">
                  <c:v>0</c:v>
                </c:pt>
                <c:pt idx="4501">
                  <c:v>0</c:v>
                </c:pt>
                <c:pt idx="4502">
                  <c:v>0</c:v>
                </c:pt>
                <c:pt idx="4503">
                  <c:v>0</c:v>
                </c:pt>
                <c:pt idx="4504">
                  <c:v>0</c:v>
                </c:pt>
                <c:pt idx="4505">
                  <c:v>0</c:v>
                </c:pt>
                <c:pt idx="4506">
                  <c:v>0</c:v>
                </c:pt>
                <c:pt idx="4507">
                  <c:v>0</c:v>
                </c:pt>
                <c:pt idx="4508">
                  <c:v>0</c:v>
                </c:pt>
                <c:pt idx="4509">
                  <c:v>0</c:v>
                </c:pt>
                <c:pt idx="4510">
                  <c:v>0</c:v>
                </c:pt>
                <c:pt idx="4511">
                  <c:v>0</c:v>
                </c:pt>
                <c:pt idx="4512">
                  <c:v>0</c:v>
                </c:pt>
                <c:pt idx="4513">
                  <c:v>0</c:v>
                </c:pt>
                <c:pt idx="4514">
                  <c:v>0</c:v>
                </c:pt>
                <c:pt idx="4515">
                  <c:v>0</c:v>
                </c:pt>
                <c:pt idx="4516">
                  <c:v>0</c:v>
                </c:pt>
                <c:pt idx="4517">
                  <c:v>0</c:v>
                </c:pt>
                <c:pt idx="4518">
                  <c:v>0</c:v>
                </c:pt>
                <c:pt idx="4519">
                  <c:v>0</c:v>
                </c:pt>
                <c:pt idx="4520">
                  <c:v>0</c:v>
                </c:pt>
                <c:pt idx="4521">
                  <c:v>0</c:v>
                </c:pt>
                <c:pt idx="4522">
                  <c:v>0</c:v>
                </c:pt>
                <c:pt idx="4523">
                  <c:v>0</c:v>
                </c:pt>
                <c:pt idx="4524">
                  <c:v>0</c:v>
                </c:pt>
                <c:pt idx="4525">
                  <c:v>0</c:v>
                </c:pt>
                <c:pt idx="4526">
                  <c:v>0</c:v>
                </c:pt>
                <c:pt idx="4527">
                  <c:v>0</c:v>
                </c:pt>
                <c:pt idx="4528">
                  <c:v>0</c:v>
                </c:pt>
                <c:pt idx="4529">
                  <c:v>0</c:v>
                </c:pt>
                <c:pt idx="4530">
                  <c:v>0</c:v>
                </c:pt>
                <c:pt idx="4531">
                  <c:v>0</c:v>
                </c:pt>
                <c:pt idx="4532">
                  <c:v>0</c:v>
                </c:pt>
                <c:pt idx="4533">
                  <c:v>0</c:v>
                </c:pt>
                <c:pt idx="4534">
                  <c:v>0</c:v>
                </c:pt>
                <c:pt idx="4535">
                  <c:v>0</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0</c:v>
                </c:pt>
                <c:pt idx="4825">
                  <c:v>0</c:v>
                </c:pt>
                <c:pt idx="4826">
                  <c:v>0</c:v>
                </c:pt>
                <c:pt idx="4827">
                  <c:v>0</c:v>
                </c:pt>
                <c:pt idx="4828">
                  <c:v>0</c:v>
                </c:pt>
                <c:pt idx="4829">
                  <c:v>0</c:v>
                </c:pt>
                <c:pt idx="4830">
                  <c:v>0</c:v>
                </c:pt>
                <c:pt idx="4831">
                  <c:v>0</c:v>
                </c:pt>
                <c:pt idx="4832">
                  <c:v>0</c:v>
                </c:pt>
                <c:pt idx="4833">
                  <c:v>0</c:v>
                </c:pt>
                <c:pt idx="4834">
                  <c:v>0</c:v>
                </c:pt>
                <c:pt idx="4835">
                  <c:v>0</c:v>
                </c:pt>
                <c:pt idx="4836">
                  <c:v>0</c:v>
                </c:pt>
                <c:pt idx="4837">
                  <c:v>0</c:v>
                </c:pt>
                <c:pt idx="4838">
                  <c:v>0</c:v>
                </c:pt>
                <c:pt idx="4839">
                  <c:v>0</c:v>
                </c:pt>
                <c:pt idx="4840">
                  <c:v>0</c:v>
                </c:pt>
                <c:pt idx="4841">
                  <c:v>0</c:v>
                </c:pt>
                <c:pt idx="4842">
                  <c:v>0</c:v>
                </c:pt>
                <c:pt idx="4843">
                  <c:v>0</c:v>
                </c:pt>
                <c:pt idx="4844">
                  <c:v>0</c:v>
                </c:pt>
                <c:pt idx="4845">
                  <c:v>0</c:v>
                </c:pt>
                <c:pt idx="4846">
                  <c:v>0</c:v>
                </c:pt>
                <c:pt idx="4847">
                  <c:v>0</c:v>
                </c:pt>
                <c:pt idx="4848">
                  <c:v>0</c:v>
                </c:pt>
                <c:pt idx="4849">
                  <c:v>0</c:v>
                </c:pt>
                <c:pt idx="4850">
                  <c:v>0</c:v>
                </c:pt>
                <c:pt idx="4851">
                  <c:v>0</c:v>
                </c:pt>
                <c:pt idx="4852">
                  <c:v>0</c:v>
                </c:pt>
                <c:pt idx="4853">
                  <c:v>0</c:v>
                </c:pt>
                <c:pt idx="4854">
                  <c:v>0</c:v>
                </c:pt>
                <c:pt idx="4855">
                  <c:v>0</c:v>
                </c:pt>
                <c:pt idx="4856">
                  <c:v>0</c:v>
                </c:pt>
                <c:pt idx="4857">
                  <c:v>0</c:v>
                </c:pt>
                <c:pt idx="4858">
                  <c:v>0</c:v>
                </c:pt>
                <c:pt idx="4859">
                  <c:v>0</c:v>
                </c:pt>
                <c:pt idx="4860">
                  <c:v>0</c:v>
                </c:pt>
                <c:pt idx="4861">
                  <c:v>0</c:v>
                </c:pt>
                <c:pt idx="4862">
                  <c:v>0</c:v>
                </c:pt>
                <c:pt idx="4863">
                  <c:v>0</c:v>
                </c:pt>
                <c:pt idx="4864">
                  <c:v>0</c:v>
                </c:pt>
                <c:pt idx="4865">
                  <c:v>0</c:v>
                </c:pt>
                <c:pt idx="4866">
                  <c:v>0</c:v>
                </c:pt>
                <c:pt idx="4867">
                  <c:v>0</c:v>
                </c:pt>
                <c:pt idx="4868">
                  <c:v>0</c:v>
                </c:pt>
                <c:pt idx="4869">
                  <c:v>0</c:v>
                </c:pt>
                <c:pt idx="4870">
                  <c:v>0</c:v>
                </c:pt>
                <c:pt idx="4871">
                  <c:v>0</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0</c:v>
                </c:pt>
                <c:pt idx="4921">
                  <c:v>0</c:v>
                </c:pt>
                <c:pt idx="4922">
                  <c:v>0</c:v>
                </c:pt>
                <c:pt idx="4923">
                  <c:v>0</c:v>
                </c:pt>
                <c:pt idx="4924">
                  <c:v>0</c:v>
                </c:pt>
                <c:pt idx="4925">
                  <c:v>0</c:v>
                </c:pt>
                <c:pt idx="4926">
                  <c:v>0</c:v>
                </c:pt>
                <c:pt idx="4927">
                  <c:v>0</c:v>
                </c:pt>
                <c:pt idx="4928">
                  <c:v>0</c:v>
                </c:pt>
                <c:pt idx="4929">
                  <c:v>0</c:v>
                </c:pt>
                <c:pt idx="4930">
                  <c:v>0</c:v>
                </c:pt>
                <c:pt idx="4931">
                  <c:v>0</c:v>
                </c:pt>
                <c:pt idx="4932">
                  <c:v>0</c:v>
                </c:pt>
                <c:pt idx="4933">
                  <c:v>0</c:v>
                </c:pt>
                <c:pt idx="4934">
                  <c:v>0</c:v>
                </c:pt>
                <c:pt idx="4935">
                  <c:v>0</c:v>
                </c:pt>
                <c:pt idx="4936">
                  <c:v>0</c:v>
                </c:pt>
                <c:pt idx="4937">
                  <c:v>0</c:v>
                </c:pt>
                <c:pt idx="4938">
                  <c:v>0</c:v>
                </c:pt>
                <c:pt idx="4939">
                  <c:v>0</c:v>
                </c:pt>
                <c:pt idx="4940">
                  <c:v>0</c:v>
                </c:pt>
                <c:pt idx="4941">
                  <c:v>0</c:v>
                </c:pt>
                <c:pt idx="4942">
                  <c:v>0</c:v>
                </c:pt>
                <c:pt idx="4943">
                  <c:v>0</c:v>
                </c:pt>
                <c:pt idx="4944">
                  <c:v>0</c:v>
                </c:pt>
                <c:pt idx="4945">
                  <c:v>0</c:v>
                </c:pt>
                <c:pt idx="4946">
                  <c:v>0</c:v>
                </c:pt>
                <c:pt idx="4947">
                  <c:v>0</c:v>
                </c:pt>
                <c:pt idx="4948">
                  <c:v>0</c:v>
                </c:pt>
                <c:pt idx="4949">
                  <c:v>0</c:v>
                </c:pt>
                <c:pt idx="4950">
                  <c:v>0</c:v>
                </c:pt>
                <c:pt idx="4951">
                  <c:v>0</c:v>
                </c:pt>
                <c:pt idx="4952">
                  <c:v>0</c:v>
                </c:pt>
                <c:pt idx="4953">
                  <c:v>0</c:v>
                </c:pt>
                <c:pt idx="4954">
                  <c:v>0</c:v>
                </c:pt>
                <c:pt idx="4955">
                  <c:v>0</c:v>
                </c:pt>
                <c:pt idx="4956">
                  <c:v>0</c:v>
                </c:pt>
                <c:pt idx="4957">
                  <c:v>0</c:v>
                </c:pt>
                <c:pt idx="4958">
                  <c:v>0</c:v>
                </c:pt>
                <c:pt idx="4959">
                  <c:v>0</c:v>
                </c:pt>
                <c:pt idx="4960">
                  <c:v>0</c:v>
                </c:pt>
                <c:pt idx="4961">
                  <c:v>0</c:v>
                </c:pt>
                <c:pt idx="4962">
                  <c:v>0</c:v>
                </c:pt>
                <c:pt idx="4963">
                  <c:v>0</c:v>
                </c:pt>
                <c:pt idx="4964">
                  <c:v>0</c:v>
                </c:pt>
                <c:pt idx="4965">
                  <c:v>0</c:v>
                </c:pt>
                <c:pt idx="4966">
                  <c:v>0</c:v>
                </c:pt>
                <c:pt idx="4967">
                  <c:v>0</c:v>
                </c:pt>
                <c:pt idx="4968">
                  <c:v>0</c:v>
                </c:pt>
                <c:pt idx="4969">
                  <c:v>0</c:v>
                </c:pt>
                <c:pt idx="4970">
                  <c:v>0</c:v>
                </c:pt>
                <c:pt idx="4971">
                  <c:v>0</c:v>
                </c:pt>
                <c:pt idx="4972">
                  <c:v>0</c:v>
                </c:pt>
                <c:pt idx="4973">
                  <c:v>0</c:v>
                </c:pt>
                <c:pt idx="4974">
                  <c:v>0</c:v>
                </c:pt>
                <c:pt idx="4975">
                  <c:v>0</c:v>
                </c:pt>
                <c:pt idx="4976">
                  <c:v>0</c:v>
                </c:pt>
                <c:pt idx="4977">
                  <c:v>0</c:v>
                </c:pt>
                <c:pt idx="4978">
                  <c:v>0</c:v>
                </c:pt>
                <c:pt idx="4979">
                  <c:v>0</c:v>
                </c:pt>
                <c:pt idx="4980">
                  <c:v>0</c:v>
                </c:pt>
                <c:pt idx="4981">
                  <c:v>0</c:v>
                </c:pt>
                <c:pt idx="4982">
                  <c:v>0</c:v>
                </c:pt>
                <c:pt idx="4983">
                  <c:v>0</c:v>
                </c:pt>
                <c:pt idx="4984">
                  <c:v>0</c:v>
                </c:pt>
                <c:pt idx="4985">
                  <c:v>0</c:v>
                </c:pt>
                <c:pt idx="4986">
                  <c:v>0</c:v>
                </c:pt>
                <c:pt idx="4987">
                  <c:v>0</c:v>
                </c:pt>
                <c:pt idx="4988">
                  <c:v>0</c:v>
                </c:pt>
                <c:pt idx="4989">
                  <c:v>0</c:v>
                </c:pt>
                <c:pt idx="4990">
                  <c:v>0</c:v>
                </c:pt>
                <c:pt idx="4991">
                  <c:v>0</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0</c:v>
                </c:pt>
                <c:pt idx="5041">
                  <c:v>0</c:v>
                </c:pt>
                <c:pt idx="5042">
                  <c:v>0</c:v>
                </c:pt>
                <c:pt idx="5043">
                  <c:v>0</c:v>
                </c:pt>
                <c:pt idx="5044">
                  <c:v>0</c:v>
                </c:pt>
                <c:pt idx="5045">
                  <c:v>0</c:v>
                </c:pt>
                <c:pt idx="5046">
                  <c:v>0</c:v>
                </c:pt>
                <c:pt idx="5047">
                  <c:v>0</c:v>
                </c:pt>
                <c:pt idx="5048">
                  <c:v>0</c:v>
                </c:pt>
                <c:pt idx="5049">
                  <c:v>0</c:v>
                </c:pt>
                <c:pt idx="5050">
                  <c:v>0</c:v>
                </c:pt>
                <c:pt idx="5051">
                  <c:v>0</c:v>
                </c:pt>
                <c:pt idx="5052">
                  <c:v>0</c:v>
                </c:pt>
                <c:pt idx="5053">
                  <c:v>0</c:v>
                </c:pt>
                <c:pt idx="5054">
                  <c:v>0</c:v>
                </c:pt>
                <c:pt idx="5055">
                  <c:v>0</c:v>
                </c:pt>
                <c:pt idx="5056">
                  <c:v>0</c:v>
                </c:pt>
                <c:pt idx="5057">
                  <c:v>0</c:v>
                </c:pt>
                <c:pt idx="5058">
                  <c:v>0</c:v>
                </c:pt>
                <c:pt idx="5059">
                  <c:v>0</c:v>
                </c:pt>
                <c:pt idx="5060">
                  <c:v>0</c:v>
                </c:pt>
                <c:pt idx="5061">
                  <c:v>0</c:v>
                </c:pt>
                <c:pt idx="5062">
                  <c:v>0</c:v>
                </c:pt>
                <c:pt idx="5063">
                  <c:v>0</c:v>
                </c:pt>
                <c:pt idx="5064">
                  <c:v>0</c:v>
                </c:pt>
                <c:pt idx="5065">
                  <c:v>0</c:v>
                </c:pt>
                <c:pt idx="5066">
                  <c:v>0</c:v>
                </c:pt>
                <c:pt idx="5067">
                  <c:v>0</c:v>
                </c:pt>
                <c:pt idx="5068">
                  <c:v>0</c:v>
                </c:pt>
                <c:pt idx="5069">
                  <c:v>0</c:v>
                </c:pt>
                <c:pt idx="5070">
                  <c:v>0</c:v>
                </c:pt>
                <c:pt idx="5071">
                  <c:v>0</c:v>
                </c:pt>
                <c:pt idx="5072">
                  <c:v>0</c:v>
                </c:pt>
                <c:pt idx="5073">
                  <c:v>0</c:v>
                </c:pt>
                <c:pt idx="5074">
                  <c:v>0</c:v>
                </c:pt>
                <c:pt idx="5075">
                  <c:v>0</c:v>
                </c:pt>
                <c:pt idx="5076">
                  <c:v>0</c:v>
                </c:pt>
                <c:pt idx="5077">
                  <c:v>0</c:v>
                </c:pt>
                <c:pt idx="5078">
                  <c:v>0</c:v>
                </c:pt>
                <c:pt idx="5079">
                  <c:v>0</c:v>
                </c:pt>
                <c:pt idx="5080">
                  <c:v>0</c:v>
                </c:pt>
                <c:pt idx="5081">
                  <c:v>0</c:v>
                </c:pt>
                <c:pt idx="5082">
                  <c:v>0</c:v>
                </c:pt>
                <c:pt idx="5083">
                  <c:v>0</c:v>
                </c:pt>
                <c:pt idx="5084">
                  <c:v>0</c:v>
                </c:pt>
                <c:pt idx="5085">
                  <c:v>0</c:v>
                </c:pt>
                <c:pt idx="5086">
                  <c:v>0</c:v>
                </c:pt>
                <c:pt idx="5087">
                  <c:v>0</c:v>
                </c:pt>
                <c:pt idx="5088">
                  <c:v>0</c:v>
                </c:pt>
                <c:pt idx="5089">
                  <c:v>0</c:v>
                </c:pt>
                <c:pt idx="5090">
                  <c:v>0</c:v>
                </c:pt>
                <c:pt idx="5091">
                  <c:v>0</c:v>
                </c:pt>
                <c:pt idx="5092">
                  <c:v>0</c:v>
                </c:pt>
                <c:pt idx="5093">
                  <c:v>0</c:v>
                </c:pt>
                <c:pt idx="5094">
                  <c:v>0</c:v>
                </c:pt>
                <c:pt idx="5095">
                  <c:v>0</c:v>
                </c:pt>
                <c:pt idx="5096">
                  <c:v>0</c:v>
                </c:pt>
                <c:pt idx="5097">
                  <c:v>0</c:v>
                </c:pt>
                <c:pt idx="5098">
                  <c:v>0</c:v>
                </c:pt>
                <c:pt idx="5099">
                  <c:v>0</c:v>
                </c:pt>
                <c:pt idx="5100">
                  <c:v>0</c:v>
                </c:pt>
                <c:pt idx="5101">
                  <c:v>0</c:v>
                </c:pt>
                <c:pt idx="5102">
                  <c:v>0</c:v>
                </c:pt>
                <c:pt idx="5103">
                  <c:v>0</c:v>
                </c:pt>
                <c:pt idx="5104">
                  <c:v>0</c:v>
                </c:pt>
                <c:pt idx="5105">
                  <c:v>0</c:v>
                </c:pt>
                <c:pt idx="5106">
                  <c:v>0</c:v>
                </c:pt>
                <c:pt idx="5107">
                  <c:v>0</c:v>
                </c:pt>
                <c:pt idx="5108">
                  <c:v>0</c:v>
                </c:pt>
                <c:pt idx="5109">
                  <c:v>0</c:v>
                </c:pt>
                <c:pt idx="5110">
                  <c:v>0</c:v>
                </c:pt>
                <c:pt idx="5111">
                  <c:v>0</c:v>
                </c:pt>
                <c:pt idx="5112">
                  <c:v>0</c:v>
                </c:pt>
                <c:pt idx="5113">
                  <c:v>0</c:v>
                </c:pt>
                <c:pt idx="5114">
                  <c:v>0</c:v>
                </c:pt>
                <c:pt idx="5115">
                  <c:v>0</c:v>
                </c:pt>
                <c:pt idx="5116">
                  <c:v>0</c:v>
                </c:pt>
                <c:pt idx="5117">
                  <c:v>0</c:v>
                </c:pt>
                <c:pt idx="5118">
                  <c:v>0</c:v>
                </c:pt>
                <c:pt idx="5119">
                  <c:v>0</c:v>
                </c:pt>
                <c:pt idx="5120">
                  <c:v>0</c:v>
                </c:pt>
                <c:pt idx="5121">
                  <c:v>0</c:v>
                </c:pt>
                <c:pt idx="5122">
                  <c:v>0</c:v>
                </c:pt>
                <c:pt idx="5123">
                  <c:v>0</c:v>
                </c:pt>
                <c:pt idx="5124">
                  <c:v>0</c:v>
                </c:pt>
                <c:pt idx="5125">
                  <c:v>0</c:v>
                </c:pt>
                <c:pt idx="5126">
                  <c:v>0</c:v>
                </c:pt>
                <c:pt idx="5127">
                  <c:v>0</c:v>
                </c:pt>
                <c:pt idx="5128">
                  <c:v>0</c:v>
                </c:pt>
                <c:pt idx="5129">
                  <c:v>0</c:v>
                </c:pt>
                <c:pt idx="5130">
                  <c:v>0</c:v>
                </c:pt>
                <c:pt idx="5131">
                  <c:v>0</c:v>
                </c:pt>
                <c:pt idx="5132">
                  <c:v>0</c:v>
                </c:pt>
                <c:pt idx="5133">
                  <c:v>0</c:v>
                </c:pt>
                <c:pt idx="5134">
                  <c:v>0</c:v>
                </c:pt>
                <c:pt idx="5135">
                  <c:v>0</c:v>
                </c:pt>
                <c:pt idx="5136">
                  <c:v>0</c:v>
                </c:pt>
                <c:pt idx="5137">
                  <c:v>0</c:v>
                </c:pt>
                <c:pt idx="5138">
                  <c:v>0</c:v>
                </c:pt>
                <c:pt idx="5139">
                  <c:v>0</c:v>
                </c:pt>
                <c:pt idx="5140">
                  <c:v>0</c:v>
                </c:pt>
                <c:pt idx="5141">
                  <c:v>0</c:v>
                </c:pt>
                <c:pt idx="5142">
                  <c:v>0</c:v>
                </c:pt>
                <c:pt idx="5143">
                  <c:v>0</c:v>
                </c:pt>
                <c:pt idx="5144">
                  <c:v>0</c:v>
                </c:pt>
                <c:pt idx="5145">
                  <c:v>0</c:v>
                </c:pt>
                <c:pt idx="5146">
                  <c:v>0</c:v>
                </c:pt>
                <c:pt idx="5147">
                  <c:v>0</c:v>
                </c:pt>
                <c:pt idx="5148">
                  <c:v>0</c:v>
                </c:pt>
                <c:pt idx="5149">
                  <c:v>0</c:v>
                </c:pt>
                <c:pt idx="5150">
                  <c:v>0</c:v>
                </c:pt>
                <c:pt idx="5151">
                  <c:v>0</c:v>
                </c:pt>
                <c:pt idx="5152">
                  <c:v>0</c:v>
                </c:pt>
                <c:pt idx="5153">
                  <c:v>0</c:v>
                </c:pt>
                <c:pt idx="5154">
                  <c:v>0</c:v>
                </c:pt>
                <c:pt idx="5155">
                  <c:v>0</c:v>
                </c:pt>
                <c:pt idx="5156">
                  <c:v>0</c:v>
                </c:pt>
                <c:pt idx="5157">
                  <c:v>0</c:v>
                </c:pt>
                <c:pt idx="5158">
                  <c:v>0</c:v>
                </c:pt>
                <c:pt idx="5159">
                  <c:v>0</c:v>
                </c:pt>
                <c:pt idx="5160">
                  <c:v>0</c:v>
                </c:pt>
                <c:pt idx="5161">
                  <c:v>0</c:v>
                </c:pt>
                <c:pt idx="5162">
                  <c:v>0</c:v>
                </c:pt>
                <c:pt idx="5163">
                  <c:v>0</c:v>
                </c:pt>
                <c:pt idx="5164">
                  <c:v>0</c:v>
                </c:pt>
                <c:pt idx="5165">
                  <c:v>0</c:v>
                </c:pt>
                <c:pt idx="5166">
                  <c:v>0</c:v>
                </c:pt>
                <c:pt idx="5167">
                  <c:v>0</c:v>
                </c:pt>
                <c:pt idx="5168">
                  <c:v>0</c:v>
                </c:pt>
                <c:pt idx="5169">
                  <c:v>0</c:v>
                </c:pt>
                <c:pt idx="5170">
                  <c:v>0</c:v>
                </c:pt>
                <c:pt idx="5171">
                  <c:v>0</c:v>
                </c:pt>
                <c:pt idx="5172">
                  <c:v>0</c:v>
                </c:pt>
                <c:pt idx="5173">
                  <c:v>0</c:v>
                </c:pt>
                <c:pt idx="5174">
                  <c:v>0</c:v>
                </c:pt>
                <c:pt idx="5175">
                  <c:v>0</c:v>
                </c:pt>
                <c:pt idx="5176">
                  <c:v>0</c:v>
                </c:pt>
                <c:pt idx="5177">
                  <c:v>0</c:v>
                </c:pt>
                <c:pt idx="5178">
                  <c:v>0</c:v>
                </c:pt>
                <c:pt idx="5179">
                  <c:v>0</c:v>
                </c:pt>
                <c:pt idx="5180">
                  <c:v>0</c:v>
                </c:pt>
                <c:pt idx="5181">
                  <c:v>0</c:v>
                </c:pt>
                <c:pt idx="5182">
                  <c:v>0</c:v>
                </c:pt>
                <c:pt idx="5183">
                  <c:v>0</c:v>
                </c:pt>
                <c:pt idx="5184">
                  <c:v>0</c:v>
                </c:pt>
                <c:pt idx="5185">
                  <c:v>0</c:v>
                </c:pt>
                <c:pt idx="5186">
                  <c:v>0</c:v>
                </c:pt>
                <c:pt idx="5187">
                  <c:v>0</c:v>
                </c:pt>
                <c:pt idx="5188">
                  <c:v>0</c:v>
                </c:pt>
                <c:pt idx="5189">
                  <c:v>0</c:v>
                </c:pt>
                <c:pt idx="5190">
                  <c:v>0</c:v>
                </c:pt>
                <c:pt idx="5191">
                  <c:v>0</c:v>
                </c:pt>
                <c:pt idx="5192">
                  <c:v>0</c:v>
                </c:pt>
                <c:pt idx="5193">
                  <c:v>0</c:v>
                </c:pt>
                <c:pt idx="5194">
                  <c:v>0</c:v>
                </c:pt>
                <c:pt idx="5195">
                  <c:v>0</c:v>
                </c:pt>
                <c:pt idx="5196">
                  <c:v>0</c:v>
                </c:pt>
                <c:pt idx="5197">
                  <c:v>0</c:v>
                </c:pt>
                <c:pt idx="5198">
                  <c:v>0</c:v>
                </c:pt>
                <c:pt idx="5199">
                  <c:v>0</c:v>
                </c:pt>
                <c:pt idx="5200">
                  <c:v>0</c:v>
                </c:pt>
                <c:pt idx="5201">
                  <c:v>0</c:v>
                </c:pt>
                <c:pt idx="5202">
                  <c:v>0</c:v>
                </c:pt>
                <c:pt idx="5203">
                  <c:v>0</c:v>
                </c:pt>
                <c:pt idx="5204">
                  <c:v>0</c:v>
                </c:pt>
                <c:pt idx="5205">
                  <c:v>0</c:v>
                </c:pt>
                <c:pt idx="5206">
                  <c:v>0</c:v>
                </c:pt>
                <c:pt idx="5207">
                  <c:v>0</c:v>
                </c:pt>
                <c:pt idx="5208">
                  <c:v>0</c:v>
                </c:pt>
                <c:pt idx="5209">
                  <c:v>0</c:v>
                </c:pt>
                <c:pt idx="5210">
                  <c:v>0</c:v>
                </c:pt>
                <c:pt idx="5211">
                  <c:v>0</c:v>
                </c:pt>
                <c:pt idx="5212">
                  <c:v>0</c:v>
                </c:pt>
                <c:pt idx="5213">
                  <c:v>0</c:v>
                </c:pt>
                <c:pt idx="5214">
                  <c:v>0</c:v>
                </c:pt>
                <c:pt idx="5215">
                  <c:v>0</c:v>
                </c:pt>
                <c:pt idx="5216">
                  <c:v>0</c:v>
                </c:pt>
                <c:pt idx="5217">
                  <c:v>0</c:v>
                </c:pt>
                <c:pt idx="5218">
                  <c:v>0</c:v>
                </c:pt>
                <c:pt idx="5219">
                  <c:v>0</c:v>
                </c:pt>
                <c:pt idx="5220">
                  <c:v>0</c:v>
                </c:pt>
                <c:pt idx="5221">
                  <c:v>0</c:v>
                </c:pt>
                <c:pt idx="5222">
                  <c:v>0</c:v>
                </c:pt>
                <c:pt idx="5223">
                  <c:v>0</c:v>
                </c:pt>
                <c:pt idx="5224">
                  <c:v>0</c:v>
                </c:pt>
                <c:pt idx="5225">
                  <c:v>0</c:v>
                </c:pt>
                <c:pt idx="5226">
                  <c:v>0</c:v>
                </c:pt>
                <c:pt idx="5227">
                  <c:v>0</c:v>
                </c:pt>
                <c:pt idx="5228">
                  <c:v>0</c:v>
                </c:pt>
                <c:pt idx="5229">
                  <c:v>0</c:v>
                </c:pt>
                <c:pt idx="5230">
                  <c:v>0</c:v>
                </c:pt>
                <c:pt idx="5231">
                  <c:v>0</c:v>
                </c:pt>
                <c:pt idx="5232">
                  <c:v>0</c:v>
                </c:pt>
                <c:pt idx="5233">
                  <c:v>0</c:v>
                </c:pt>
                <c:pt idx="5234">
                  <c:v>0</c:v>
                </c:pt>
                <c:pt idx="5235">
                  <c:v>0</c:v>
                </c:pt>
                <c:pt idx="5236">
                  <c:v>0</c:v>
                </c:pt>
                <c:pt idx="5237">
                  <c:v>0</c:v>
                </c:pt>
                <c:pt idx="5238">
                  <c:v>0</c:v>
                </c:pt>
                <c:pt idx="5239">
                  <c:v>0</c:v>
                </c:pt>
                <c:pt idx="5240">
                  <c:v>0</c:v>
                </c:pt>
                <c:pt idx="5241">
                  <c:v>0</c:v>
                </c:pt>
                <c:pt idx="5242">
                  <c:v>0</c:v>
                </c:pt>
                <c:pt idx="5243">
                  <c:v>0</c:v>
                </c:pt>
                <c:pt idx="5244">
                  <c:v>0</c:v>
                </c:pt>
                <c:pt idx="5245">
                  <c:v>0</c:v>
                </c:pt>
                <c:pt idx="5246">
                  <c:v>0</c:v>
                </c:pt>
                <c:pt idx="5247">
                  <c:v>0</c:v>
                </c:pt>
                <c:pt idx="5248">
                  <c:v>0</c:v>
                </c:pt>
                <c:pt idx="5249">
                  <c:v>0</c:v>
                </c:pt>
                <c:pt idx="5250">
                  <c:v>0</c:v>
                </c:pt>
                <c:pt idx="5251">
                  <c:v>0</c:v>
                </c:pt>
                <c:pt idx="5252">
                  <c:v>0</c:v>
                </c:pt>
                <c:pt idx="5253">
                  <c:v>0</c:v>
                </c:pt>
                <c:pt idx="5254">
                  <c:v>0</c:v>
                </c:pt>
                <c:pt idx="5255">
                  <c:v>0</c:v>
                </c:pt>
                <c:pt idx="5256">
                  <c:v>0</c:v>
                </c:pt>
                <c:pt idx="5257">
                  <c:v>0</c:v>
                </c:pt>
                <c:pt idx="5258">
                  <c:v>0</c:v>
                </c:pt>
                <c:pt idx="5259">
                  <c:v>0</c:v>
                </c:pt>
                <c:pt idx="5260">
                  <c:v>0</c:v>
                </c:pt>
                <c:pt idx="5261">
                  <c:v>0</c:v>
                </c:pt>
                <c:pt idx="5262">
                  <c:v>0</c:v>
                </c:pt>
                <c:pt idx="5263">
                  <c:v>0</c:v>
                </c:pt>
                <c:pt idx="5264">
                  <c:v>0</c:v>
                </c:pt>
                <c:pt idx="5265">
                  <c:v>0</c:v>
                </c:pt>
                <c:pt idx="5266">
                  <c:v>0</c:v>
                </c:pt>
                <c:pt idx="5267">
                  <c:v>0</c:v>
                </c:pt>
                <c:pt idx="5268">
                  <c:v>0</c:v>
                </c:pt>
                <c:pt idx="5269">
                  <c:v>0</c:v>
                </c:pt>
                <c:pt idx="5270">
                  <c:v>0</c:v>
                </c:pt>
                <c:pt idx="5271">
                  <c:v>0</c:v>
                </c:pt>
                <c:pt idx="5272">
                  <c:v>0</c:v>
                </c:pt>
                <c:pt idx="5273">
                  <c:v>0</c:v>
                </c:pt>
                <c:pt idx="5274">
                  <c:v>0</c:v>
                </c:pt>
                <c:pt idx="5275">
                  <c:v>0</c:v>
                </c:pt>
                <c:pt idx="5276">
                  <c:v>0</c:v>
                </c:pt>
                <c:pt idx="5277">
                  <c:v>0</c:v>
                </c:pt>
                <c:pt idx="5278">
                  <c:v>0</c:v>
                </c:pt>
                <c:pt idx="5279">
                  <c:v>0</c:v>
                </c:pt>
                <c:pt idx="5280">
                  <c:v>0</c:v>
                </c:pt>
                <c:pt idx="5281">
                  <c:v>0</c:v>
                </c:pt>
                <c:pt idx="5282">
                  <c:v>0</c:v>
                </c:pt>
                <c:pt idx="5283">
                  <c:v>0</c:v>
                </c:pt>
                <c:pt idx="5284">
                  <c:v>0</c:v>
                </c:pt>
                <c:pt idx="5285">
                  <c:v>0</c:v>
                </c:pt>
                <c:pt idx="5286">
                  <c:v>0</c:v>
                </c:pt>
                <c:pt idx="5287">
                  <c:v>0</c:v>
                </c:pt>
                <c:pt idx="5288">
                  <c:v>0</c:v>
                </c:pt>
                <c:pt idx="5289">
                  <c:v>0</c:v>
                </c:pt>
                <c:pt idx="5290">
                  <c:v>0</c:v>
                </c:pt>
                <c:pt idx="5291">
                  <c:v>0</c:v>
                </c:pt>
                <c:pt idx="5292">
                  <c:v>0</c:v>
                </c:pt>
                <c:pt idx="5293">
                  <c:v>0</c:v>
                </c:pt>
                <c:pt idx="5294">
                  <c:v>0</c:v>
                </c:pt>
                <c:pt idx="5295">
                  <c:v>0</c:v>
                </c:pt>
                <c:pt idx="5296">
                  <c:v>0</c:v>
                </c:pt>
                <c:pt idx="5297">
                  <c:v>0</c:v>
                </c:pt>
                <c:pt idx="5298">
                  <c:v>0</c:v>
                </c:pt>
                <c:pt idx="5299">
                  <c:v>0</c:v>
                </c:pt>
                <c:pt idx="5300">
                  <c:v>0</c:v>
                </c:pt>
                <c:pt idx="5301">
                  <c:v>0</c:v>
                </c:pt>
                <c:pt idx="5302">
                  <c:v>0</c:v>
                </c:pt>
                <c:pt idx="5303">
                  <c:v>0</c:v>
                </c:pt>
                <c:pt idx="5304">
                  <c:v>0</c:v>
                </c:pt>
                <c:pt idx="5305">
                  <c:v>0</c:v>
                </c:pt>
                <c:pt idx="5306">
                  <c:v>0</c:v>
                </c:pt>
                <c:pt idx="5307">
                  <c:v>0</c:v>
                </c:pt>
                <c:pt idx="5308">
                  <c:v>0</c:v>
                </c:pt>
                <c:pt idx="5309">
                  <c:v>0</c:v>
                </c:pt>
                <c:pt idx="5310">
                  <c:v>0</c:v>
                </c:pt>
                <c:pt idx="5311">
                  <c:v>0</c:v>
                </c:pt>
                <c:pt idx="5312">
                  <c:v>0</c:v>
                </c:pt>
                <c:pt idx="5313">
                  <c:v>0</c:v>
                </c:pt>
                <c:pt idx="5314">
                  <c:v>0</c:v>
                </c:pt>
                <c:pt idx="5315">
                  <c:v>0</c:v>
                </c:pt>
                <c:pt idx="5316">
                  <c:v>0</c:v>
                </c:pt>
                <c:pt idx="5317">
                  <c:v>0</c:v>
                </c:pt>
                <c:pt idx="5318">
                  <c:v>0</c:v>
                </c:pt>
                <c:pt idx="5319">
                  <c:v>0</c:v>
                </c:pt>
                <c:pt idx="5320">
                  <c:v>0</c:v>
                </c:pt>
                <c:pt idx="5321">
                  <c:v>0</c:v>
                </c:pt>
                <c:pt idx="5322">
                  <c:v>0</c:v>
                </c:pt>
                <c:pt idx="5323">
                  <c:v>0</c:v>
                </c:pt>
                <c:pt idx="5324">
                  <c:v>0</c:v>
                </c:pt>
                <c:pt idx="5325">
                  <c:v>0</c:v>
                </c:pt>
                <c:pt idx="5326">
                  <c:v>0</c:v>
                </c:pt>
                <c:pt idx="5327">
                  <c:v>0</c:v>
                </c:pt>
                <c:pt idx="5328">
                  <c:v>0</c:v>
                </c:pt>
                <c:pt idx="5329">
                  <c:v>0</c:v>
                </c:pt>
                <c:pt idx="5330">
                  <c:v>0</c:v>
                </c:pt>
                <c:pt idx="5331">
                  <c:v>0</c:v>
                </c:pt>
                <c:pt idx="5332">
                  <c:v>0</c:v>
                </c:pt>
                <c:pt idx="5333">
                  <c:v>0</c:v>
                </c:pt>
                <c:pt idx="5334">
                  <c:v>0</c:v>
                </c:pt>
                <c:pt idx="5335">
                  <c:v>0</c:v>
                </c:pt>
                <c:pt idx="5336">
                  <c:v>0</c:v>
                </c:pt>
                <c:pt idx="5337">
                  <c:v>0</c:v>
                </c:pt>
                <c:pt idx="5338">
                  <c:v>0</c:v>
                </c:pt>
                <c:pt idx="5339">
                  <c:v>0</c:v>
                </c:pt>
                <c:pt idx="5340">
                  <c:v>0</c:v>
                </c:pt>
                <c:pt idx="5341">
                  <c:v>0</c:v>
                </c:pt>
                <c:pt idx="5342">
                  <c:v>0</c:v>
                </c:pt>
                <c:pt idx="5343">
                  <c:v>0</c:v>
                </c:pt>
                <c:pt idx="5344">
                  <c:v>0</c:v>
                </c:pt>
                <c:pt idx="5345">
                  <c:v>0</c:v>
                </c:pt>
                <c:pt idx="5346">
                  <c:v>0</c:v>
                </c:pt>
                <c:pt idx="5347">
                  <c:v>0</c:v>
                </c:pt>
                <c:pt idx="5348">
                  <c:v>0</c:v>
                </c:pt>
                <c:pt idx="5349">
                  <c:v>0</c:v>
                </c:pt>
                <c:pt idx="5350">
                  <c:v>0</c:v>
                </c:pt>
                <c:pt idx="5351">
                  <c:v>0</c:v>
                </c:pt>
                <c:pt idx="5352">
                  <c:v>0</c:v>
                </c:pt>
                <c:pt idx="5353">
                  <c:v>0</c:v>
                </c:pt>
                <c:pt idx="5354">
                  <c:v>0</c:v>
                </c:pt>
                <c:pt idx="5355">
                  <c:v>0</c:v>
                </c:pt>
                <c:pt idx="5356">
                  <c:v>0</c:v>
                </c:pt>
                <c:pt idx="5357">
                  <c:v>0</c:v>
                </c:pt>
                <c:pt idx="5358">
                  <c:v>0</c:v>
                </c:pt>
                <c:pt idx="5359">
                  <c:v>0</c:v>
                </c:pt>
                <c:pt idx="5360">
                  <c:v>0</c:v>
                </c:pt>
                <c:pt idx="5361">
                  <c:v>0</c:v>
                </c:pt>
                <c:pt idx="5362">
                  <c:v>0</c:v>
                </c:pt>
                <c:pt idx="5363">
                  <c:v>0</c:v>
                </c:pt>
                <c:pt idx="5364">
                  <c:v>0</c:v>
                </c:pt>
                <c:pt idx="5365">
                  <c:v>0</c:v>
                </c:pt>
                <c:pt idx="5366">
                  <c:v>0</c:v>
                </c:pt>
                <c:pt idx="5367">
                  <c:v>0</c:v>
                </c:pt>
                <c:pt idx="5368">
                  <c:v>0</c:v>
                </c:pt>
                <c:pt idx="5369">
                  <c:v>0</c:v>
                </c:pt>
                <c:pt idx="5370">
                  <c:v>0</c:v>
                </c:pt>
                <c:pt idx="5371">
                  <c:v>0</c:v>
                </c:pt>
                <c:pt idx="5372">
                  <c:v>0</c:v>
                </c:pt>
                <c:pt idx="5373">
                  <c:v>0</c:v>
                </c:pt>
                <c:pt idx="5374">
                  <c:v>0</c:v>
                </c:pt>
                <c:pt idx="5375">
                  <c:v>0</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0</c:v>
                </c:pt>
                <c:pt idx="5473">
                  <c:v>0</c:v>
                </c:pt>
                <c:pt idx="5474">
                  <c:v>0</c:v>
                </c:pt>
                <c:pt idx="5475">
                  <c:v>0</c:v>
                </c:pt>
                <c:pt idx="5476">
                  <c:v>0</c:v>
                </c:pt>
                <c:pt idx="5477">
                  <c:v>0</c:v>
                </c:pt>
                <c:pt idx="5478">
                  <c:v>0</c:v>
                </c:pt>
                <c:pt idx="5479">
                  <c:v>0</c:v>
                </c:pt>
                <c:pt idx="5480">
                  <c:v>0</c:v>
                </c:pt>
                <c:pt idx="5481">
                  <c:v>0</c:v>
                </c:pt>
                <c:pt idx="5482">
                  <c:v>0</c:v>
                </c:pt>
                <c:pt idx="5483">
                  <c:v>0</c:v>
                </c:pt>
                <c:pt idx="5484">
                  <c:v>0</c:v>
                </c:pt>
                <c:pt idx="5485">
                  <c:v>0</c:v>
                </c:pt>
                <c:pt idx="5486">
                  <c:v>0</c:v>
                </c:pt>
                <c:pt idx="5487">
                  <c:v>0</c:v>
                </c:pt>
                <c:pt idx="5488">
                  <c:v>0</c:v>
                </c:pt>
                <c:pt idx="5489">
                  <c:v>0</c:v>
                </c:pt>
                <c:pt idx="5490">
                  <c:v>0</c:v>
                </c:pt>
                <c:pt idx="5491">
                  <c:v>0</c:v>
                </c:pt>
                <c:pt idx="5492">
                  <c:v>0</c:v>
                </c:pt>
                <c:pt idx="5493">
                  <c:v>0</c:v>
                </c:pt>
                <c:pt idx="5494">
                  <c:v>0</c:v>
                </c:pt>
                <c:pt idx="5495">
                  <c:v>0</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0</c:v>
                </c:pt>
                <c:pt idx="5713">
                  <c:v>0</c:v>
                </c:pt>
                <c:pt idx="5714">
                  <c:v>0</c:v>
                </c:pt>
                <c:pt idx="5715">
                  <c:v>0</c:v>
                </c:pt>
                <c:pt idx="5716">
                  <c:v>0</c:v>
                </c:pt>
                <c:pt idx="5717">
                  <c:v>0</c:v>
                </c:pt>
                <c:pt idx="5718">
                  <c:v>0</c:v>
                </c:pt>
                <c:pt idx="5719">
                  <c:v>0</c:v>
                </c:pt>
                <c:pt idx="5720">
                  <c:v>0</c:v>
                </c:pt>
                <c:pt idx="5721">
                  <c:v>0</c:v>
                </c:pt>
                <c:pt idx="5722">
                  <c:v>0</c:v>
                </c:pt>
                <c:pt idx="5723">
                  <c:v>0</c:v>
                </c:pt>
                <c:pt idx="5724">
                  <c:v>0</c:v>
                </c:pt>
                <c:pt idx="5725">
                  <c:v>0</c:v>
                </c:pt>
                <c:pt idx="5726">
                  <c:v>0</c:v>
                </c:pt>
                <c:pt idx="5727">
                  <c:v>0</c:v>
                </c:pt>
                <c:pt idx="5728">
                  <c:v>0</c:v>
                </c:pt>
                <c:pt idx="5729">
                  <c:v>0</c:v>
                </c:pt>
                <c:pt idx="5730">
                  <c:v>0</c:v>
                </c:pt>
                <c:pt idx="5731">
                  <c:v>0</c:v>
                </c:pt>
                <c:pt idx="5732">
                  <c:v>0</c:v>
                </c:pt>
                <c:pt idx="5733">
                  <c:v>0</c:v>
                </c:pt>
                <c:pt idx="5734">
                  <c:v>0</c:v>
                </c:pt>
                <c:pt idx="5735">
                  <c:v>0</c:v>
                </c:pt>
                <c:pt idx="5736">
                  <c:v>0</c:v>
                </c:pt>
                <c:pt idx="5737">
                  <c:v>0</c:v>
                </c:pt>
                <c:pt idx="5738">
                  <c:v>0</c:v>
                </c:pt>
                <c:pt idx="5739">
                  <c:v>0</c:v>
                </c:pt>
                <c:pt idx="5740">
                  <c:v>0</c:v>
                </c:pt>
                <c:pt idx="5741">
                  <c:v>0</c:v>
                </c:pt>
                <c:pt idx="5742">
                  <c:v>0</c:v>
                </c:pt>
                <c:pt idx="5743">
                  <c:v>0</c:v>
                </c:pt>
                <c:pt idx="5744">
                  <c:v>0</c:v>
                </c:pt>
                <c:pt idx="5745">
                  <c:v>0</c:v>
                </c:pt>
                <c:pt idx="5746">
                  <c:v>0</c:v>
                </c:pt>
                <c:pt idx="5747">
                  <c:v>0</c:v>
                </c:pt>
                <c:pt idx="5748">
                  <c:v>0</c:v>
                </c:pt>
                <c:pt idx="5749">
                  <c:v>0</c:v>
                </c:pt>
                <c:pt idx="5750">
                  <c:v>0</c:v>
                </c:pt>
                <c:pt idx="5751">
                  <c:v>0</c:v>
                </c:pt>
                <c:pt idx="5752">
                  <c:v>0</c:v>
                </c:pt>
                <c:pt idx="5753">
                  <c:v>0</c:v>
                </c:pt>
                <c:pt idx="5754">
                  <c:v>0</c:v>
                </c:pt>
                <c:pt idx="5755">
                  <c:v>0</c:v>
                </c:pt>
                <c:pt idx="5756">
                  <c:v>0</c:v>
                </c:pt>
                <c:pt idx="5757">
                  <c:v>0</c:v>
                </c:pt>
                <c:pt idx="5758">
                  <c:v>0</c:v>
                </c:pt>
                <c:pt idx="5759">
                  <c:v>0</c:v>
                </c:pt>
                <c:pt idx="5760">
                  <c:v>0</c:v>
                </c:pt>
                <c:pt idx="5761">
                  <c:v>0</c:v>
                </c:pt>
                <c:pt idx="5762">
                  <c:v>0</c:v>
                </c:pt>
                <c:pt idx="5763">
                  <c:v>0</c:v>
                </c:pt>
                <c:pt idx="5764">
                  <c:v>0</c:v>
                </c:pt>
                <c:pt idx="5765">
                  <c:v>0</c:v>
                </c:pt>
                <c:pt idx="5766">
                  <c:v>0</c:v>
                </c:pt>
                <c:pt idx="5767">
                  <c:v>0</c:v>
                </c:pt>
                <c:pt idx="5768">
                  <c:v>0</c:v>
                </c:pt>
                <c:pt idx="5769">
                  <c:v>0</c:v>
                </c:pt>
                <c:pt idx="5770">
                  <c:v>0</c:v>
                </c:pt>
                <c:pt idx="5771">
                  <c:v>0</c:v>
                </c:pt>
                <c:pt idx="5772">
                  <c:v>0</c:v>
                </c:pt>
                <c:pt idx="5773">
                  <c:v>0</c:v>
                </c:pt>
                <c:pt idx="5774">
                  <c:v>0</c:v>
                </c:pt>
                <c:pt idx="5775">
                  <c:v>0</c:v>
                </c:pt>
                <c:pt idx="5776">
                  <c:v>0</c:v>
                </c:pt>
                <c:pt idx="5777">
                  <c:v>0</c:v>
                </c:pt>
                <c:pt idx="5778">
                  <c:v>0</c:v>
                </c:pt>
                <c:pt idx="5779">
                  <c:v>0</c:v>
                </c:pt>
                <c:pt idx="5780">
                  <c:v>0</c:v>
                </c:pt>
                <c:pt idx="5781">
                  <c:v>0</c:v>
                </c:pt>
                <c:pt idx="5782">
                  <c:v>0</c:v>
                </c:pt>
                <c:pt idx="5783">
                  <c:v>0</c:v>
                </c:pt>
                <c:pt idx="5784">
                  <c:v>0</c:v>
                </c:pt>
                <c:pt idx="5785">
                  <c:v>0</c:v>
                </c:pt>
                <c:pt idx="5786">
                  <c:v>0</c:v>
                </c:pt>
                <c:pt idx="5787">
                  <c:v>0</c:v>
                </c:pt>
                <c:pt idx="5788">
                  <c:v>0</c:v>
                </c:pt>
                <c:pt idx="5789">
                  <c:v>0</c:v>
                </c:pt>
                <c:pt idx="5790">
                  <c:v>0</c:v>
                </c:pt>
                <c:pt idx="5791">
                  <c:v>0</c:v>
                </c:pt>
                <c:pt idx="5792">
                  <c:v>0</c:v>
                </c:pt>
                <c:pt idx="5793">
                  <c:v>0</c:v>
                </c:pt>
                <c:pt idx="5794">
                  <c:v>0</c:v>
                </c:pt>
                <c:pt idx="5795">
                  <c:v>0</c:v>
                </c:pt>
                <c:pt idx="5796">
                  <c:v>0</c:v>
                </c:pt>
                <c:pt idx="5797">
                  <c:v>0</c:v>
                </c:pt>
                <c:pt idx="5798">
                  <c:v>0</c:v>
                </c:pt>
                <c:pt idx="5799">
                  <c:v>0</c:v>
                </c:pt>
                <c:pt idx="5800">
                  <c:v>0</c:v>
                </c:pt>
                <c:pt idx="5801">
                  <c:v>0</c:v>
                </c:pt>
                <c:pt idx="5802">
                  <c:v>0</c:v>
                </c:pt>
                <c:pt idx="5803">
                  <c:v>0</c:v>
                </c:pt>
                <c:pt idx="5804">
                  <c:v>0</c:v>
                </c:pt>
                <c:pt idx="5805">
                  <c:v>0</c:v>
                </c:pt>
                <c:pt idx="5806">
                  <c:v>0</c:v>
                </c:pt>
                <c:pt idx="5807">
                  <c:v>0</c:v>
                </c:pt>
                <c:pt idx="5808">
                  <c:v>0</c:v>
                </c:pt>
                <c:pt idx="5809">
                  <c:v>0</c:v>
                </c:pt>
                <c:pt idx="5810">
                  <c:v>0</c:v>
                </c:pt>
                <c:pt idx="5811">
                  <c:v>0</c:v>
                </c:pt>
                <c:pt idx="5812">
                  <c:v>0</c:v>
                </c:pt>
                <c:pt idx="5813">
                  <c:v>0</c:v>
                </c:pt>
                <c:pt idx="5814">
                  <c:v>0</c:v>
                </c:pt>
                <c:pt idx="5815">
                  <c:v>0</c:v>
                </c:pt>
                <c:pt idx="5816">
                  <c:v>0</c:v>
                </c:pt>
                <c:pt idx="5817">
                  <c:v>0</c:v>
                </c:pt>
                <c:pt idx="5818">
                  <c:v>0</c:v>
                </c:pt>
                <c:pt idx="5819">
                  <c:v>0</c:v>
                </c:pt>
                <c:pt idx="5820">
                  <c:v>0</c:v>
                </c:pt>
                <c:pt idx="5821">
                  <c:v>0</c:v>
                </c:pt>
                <c:pt idx="5822">
                  <c:v>0</c:v>
                </c:pt>
                <c:pt idx="5823">
                  <c:v>0</c:v>
                </c:pt>
                <c:pt idx="5824">
                  <c:v>0</c:v>
                </c:pt>
                <c:pt idx="5825">
                  <c:v>0</c:v>
                </c:pt>
                <c:pt idx="5826">
                  <c:v>0</c:v>
                </c:pt>
                <c:pt idx="5827">
                  <c:v>0</c:v>
                </c:pt>
                <c:pt idx="5828">
                  <c:v>0</c:v>
                </c:pt>
                <c:pt idx="5829">
                  <c:v>0</c:v>
                </c:pt>
                <c:pt idx="5830">
                  <c:v>0</c:v>
                </c:pt>
                <c:pt idx="5831">
                  <c:v>0</c:v>
                </c:pt>
                <c:pt idx="5832">
                  <c:v>0</c:v>
                </c:pt>
                <c:pt idx="5833">
                  <c:v>0</c:v>
                </c:pt>
                <c:pt idx="5834">
                  <c:v>0</c:v>
                </c:pt>
                <c:pt idx="5835">
                  <c:v>0</c:v>
                </c:pt>
                <c:pt idx="5836">
                  <c:v>0</c:v>
                </c:pt>
                <c:pt idx="5837">
                  <c:v>0</c:v>
                </c:pt>
                <c:pt idx="5838">
                  <c:v>0</c:v>
                </c:pt>
                <c:pt idx="5839">
                  <c:v>0</c:v>
                </c:pt>
                <c:pt idx="5840">
                  <c:v>0</c:v>
                </c:pt>
                <c:pt idx="5841">
                  <c:v>0</c:v>
                </c:pt>
                <c:pt idx="5842">
                  <c:v>0</c:v>
                </c:pt>
                <c:pt idx="5843">
                  <c:v>0</c:v>
                </c:pt>
                <c:pt idx="5844">
                  <c:v>0</c:v>
                </c:pt>
                <c:pt idx="5845">
                  <c:v>0</c:v>
                </c:pt>
                <c:pt idx="5846">
                  <c:v>0</c:v>
                </c:pt>
                <c:pt idx="5847">
                  <c:v>0</c:v>
                </c:pt>
                <c:pt idx="5848">
                  <c:v>0</c:v>
                </c:pt>
                <c:pt idx="5849">
                  <c:v>0</c:v>
                </c:pt>
                <c:pt idx="5850">
                  <c:v>0</c:v>
                </c:pt>
                <c:pt idx="5851">
                  <c:v>0</c:v>
                </c:pt>
                <c:pt idx="5852">
                  <c:v>0</c:v>
                </c:pt>
                <c:pt idx="5853">
                  <c:v>0</c:v>
                </c:pt>
                <c:pt idx="5854">
                  <c:v>0</c:v>
                </c:pt>
                <c:pt idx="5855">
                  <c:v>0</c:v>
                </c:pt>
                <c:pt idx="5856">
                  <c:v>0</c:v>
                </c:pt>
                <c:pt idx="5857">
                  <c:v>0</c:v>
                </c:pt>
                <c:pt idx="5858">
                  <c:v>0</c:v>
                </c:pt>
                <c:pt idx="5859">
                  <c:v>0</c:v>
                </c:pt>
                <c:pt idx="5860">
                  <c:v>0</c:v>
                </c:pt>
                <c:pt idx="5861">
                  <c:v>0</c:v>
                </c:pt>
                <c:pt idx="5862">
                  <c:v>0</c:v>
                </c:pt>
                <c:pt idx="5863">
                  <c:v>0</c:v>
                </c:pt>
                <c:pt idx="5864">
                  <c:v>0</c:v>
                </c:pt>
                <c:pt idx="5865">
                  <c:v>0</c:v>
                </c:pt>
                <c:pt idx="5866">
                  <c:v>0</c:v>
                </c:pt>
                <c:pt idx="5867">
                  <c:v>0</c:v>
                </c:pt>
                <c:pt idx="5868">
                  <c:v>0</c:v>
                </c:pt>
                <c:pt idx="5869">
                  <c:v>0</c:v>
                </c:pt>
                <c:pt idx="5870">
                  <c:v>0</c:v>
                </c:pt>
                <c:pt idx="5871">
                  <c:v>0</c:v>
                </c:pt>
                <c:pt idx="5872">
                  <c:v>0</c:v>
                </c:pt>
                <c:pt idx="5873">
                  <c:v>0</c:v>
                </c:pt>
                <c:pt idx="5874">
                  <c:v>0</c:v>
                </c:pt>
                <c:pt idx="5875">
                  <c:v>0</c:v>
                </c:pt>
                <c:pt idx="5876">
                  <c:v>0</c:v>
                </c:pt>
                <c:pt idx="5877">
                  <c:v>0</c:v>
                </c:pt>
                <c:pt idx="5878">
                  <c:v>0</c:v>
                </c:pt>
                <c:pt idx="5879">
                  <c:v>0</c:v>
                </c:pt>
                <c:pt idx="5880">
                  <c:v>0</c:v>
                </c:pt>
                <c:pt idx="5881">
                  <c:v>0</c:v>
                </c:pt>
                <c:pt idx="5882">
                  <c:v>0</c:v>
                </c:pt>
                <c:pt idx="5883">
                  <c:v>0</c:v>
                </c:pt>
                <c:pt idx="5884">
                  <c:v>0</c:v>
                </c:pt>
                <c:pt idx="5885">
                  <c:v>0</c:v>
                </c:pt>
                <c:pt idx="5886">
                  <c:v>0</c:v>
                </c:pt>
                <c:pt idx="5887">
                  <c:v>0</c:v>
                </c:pt>
                <c:pt idx="5888">
                  <c:v>0</c:v>
                </c:pt>
                <c:pt idx="5889">
                  <c:v>0</c:v>
                </c:pt>
                <c:pt idx="5890">
                  <c:v>0</c:v>
                </c:pt>
                <c:pt idx="5891">
                  <c:v>0</c:v>
                </c:pt>
                <c:pt idx="5892">
                  <c:v>0</c:v>
                </c:pt>
                <c:pt idx="5893">
                  <c:v>0</c:v>
                </c:pt>
                <c:pt idx="5894">
                  <c:v>0</c:v>
                </c:pt>
                <c:pt idx="5895">
                  <c:v>0</c:v>
                </c:pt>
                <c:pt idx="5896">
                  <c:v>0</c:v>
                </c:pt>
                <c:pt idx="5897">
                  <c:v>0</c:v>
                </c:pt>
                <c:pt idx="5898">
                  <c:v>0</c:v>
                </c:pt>
                <c:pt idx="5899">
                  <c:v>0</c:v>
                </c:pt>
                <c:pt idx="5900">
                  <c:v>0</c:v>
                </c:pt>
                <c:pt idx="5901">
                  <c:v>0</c:v>
                </c:pt>
                <c:pt idx="5902">
                  <c:v>0</c:v>
                </c:pt>
                <c:pt idx="5903">
                  <c:v>0</c:v>
                </c:pt>
                <c:pt idx="5904">
                  <c:v>0</c:v>
                </c:pt>
                <c:pt idx="5905">
                  <c:v>0</c:v>
                </c:pt>
                <c:pt idx="5906">
                  <c:v>0</c:v>
                </c:pt>
                <c:pt idx="5907">
                  <c:v>0</c:v>
                </c:pt>
                <c:pt idx="5908">
                  <c:v>0</c:v>
                </c:pt>
                <c:pt idx="5909">
                  <c:v>0</c:v>
                </c:pt>
                <c:pt idx="5910">
                  <c:v>0</c:v>
                </c:pt>
                <c:pt idx="5911">
                  <c:v>0</c:v>
                </c:pt>
                <c:pt idx="5912">
                  <c:v>0</c:v>
                </c:pt>
                <c:pt idx="5913">
                  <c:v>0</c:v>
                </c:pt>
                <c:pt idx="5914">
                  <c:v>0</c:v>
                </c:pt>
                <c:pt idx="5915">
                  <c:v>0</c:v>
                </c:pt>
                <c:pt idx="5916">
                  <c:v>0</c:v>
                </c:pt>
                <c:pt idx="5917">
                  <c:v>0</c:v>
                </c:pt>
                <c:pt idx="5918">
                  <c:v>0</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0</c:v>
                </c:pt>
                <c:pt idx="8244">
                  <c:v>0</c:v>
                </c:pt>
                <c:pt idx="8245">
                  <c:v>0</c:v>
                </c:pt>
                <c:pt idx="8246">
                  <c:v>0</c:v>
                </c:pt>
                <c:pt idx="8247">
                  <c:v>0</c:v>
                </c:pt>
                <c:pt idx="8248">
                  <c:v>0</c:v>
                </c:pt>
                <c:pt idx="8249">
                  <c:v>0</c:v>
                </c:pt>
                <c:pt idx="8250">
                  <c:v>0</c:v>
                </c:pt>
                <c:pt idx="8251">
                  <c:v>0</c:v>
                </c:pt>
                <c:pt idx="8252">
                  <c:v>0</c:v>
                </c:pt>
                <c:pt idx="8253">
                  <c:v>0</c:v>
                </c:pt>
                <c:pt idx="8254">
                  <c:v>0</c:v>
                </c:pt>
                <c:pt idx="8255">
                  <c:v>0</c:v>
                </c:pt>
                <c:pt idx="8256">
                  <c:v>0</c:v>
                </c:pt>
                <c:pt idx="8257">
                  <c:v>0</c:v>
                </c:pt>
                <c:pt idx="8258">
                  <c:v>0</c:v>
                </c:pt>
                <c:pt idx="8259">
                  <c:v>0</c:v>
                </c:pt>
                <c:pt idx="8260">
                  <c:v>0</c:v>
                </c:pt>
                <c:pt idx="8261">
                  <c:v>0</c:v>
                </c:pt>
                <c:pt idx="8262">
                  <c:v>0</c:v>
                </c:pt>
                <c:pt idx="8263">
                  <c:v>0</c:v>
                </c:pt>
                <c:pt idx="8264">
                  <c:v>0</c:v>
                </c:pt>
                <c:pt idx="8265">
                  <c:v>0</c:v>
                </c:pt>
                <c:pt idx="8266">
                  <c:v>0</c:v>
                </c:pt>
                <c:pt idx="8267">
                  <c:v>0</c:v>
                </c:pt>
                <c:pt idx="8268">
                  <c:v>0</c:v>
                </c:pt>
                <c:pt idx="8269">
                  <c:v>0</c:v>
                </c:pt>
                <c:pt idx="8270">
                  <c:v>0</c:v>
                </c:pt>
                <c:pt idx="8271">
                  <c:v>0</c:v>
                </c:pt>
                <c:pt idx="8272">
                  <c:v>0</c:v>
                </c:pt>
                <c:pt idx="8273">
                  <c:v>0</c:v>
                </c:pt>
                <c:pt idx="8274">
                  <c:v>0</c:v>
                </c:pt>
                <c:pt idx="8275">
                  <c:v>0</c:v>
                </c:pt>
                <c:pt idx="8276">
                  <c:v>0</c:v>
                </c:pt>
                <c:pt idx="8277">
                  <c:v>0</c:v>
                </c:pt>
                <c:pt idx="8278">
                  <c:v>0</c:v>
                </c:pt>
                <c:pt idx="8279">
                  <c:v>0</c:v>
                </c:pt>
                <c:pt idx="8280">
                  <c:v>0</c:v>
                </c:pt>
                <c:pt idx="8281">
                  <c:v>0</c:v>
                </c:pt>
                <c:pt idx="8282">
                  <c:v>0</c:v>
                </c:pt>
                <c:pt idx="8283">
                  <c:v>0</c:v>
                </c:pt>
                <c:pt idx="8284">
                  <c:v>0</c:v>
                </c:pt>
                <c:pt idx="8285">
                  <c:v>0</c:v>
                </c:pt>
                <c:pt idx="8286">
                  <c:v>0</c:v>
                </c:pt>
                <c:pt idx="8287">
                  <c:v>0</c:v>
                </c:pt>
                <c:pt idx="8288">
                  <c:v>0</c:v>
                </c:pt>
                <c:pt idx="8289">
                  <c:v>0</c:v>
                </c:pt>
                <c:pt idx="8290">
                  <c:v>0</c:v>
                </c:pt>
                <c:pt idx="8291">
                  <c:v>0</c:v>
                </c:pt>
                <c:pt idx="8292">
                  <c:v>0</c:v>
                </c:pt>
                <c:pt idx="8293">
                  <c:v>0</c:v>
                </c:pt>
                <c:pt idx="8294">
                  <c:v>0</c:v>
                </c:pt>
                <c:pt idx="8295">
                  <c:v>0</c:v>
                </c:pt>
                <c:pt idx="8296">
                  <c:v>0</c:v>
                </c:pt>
                <c:pt idx="8297">
                  <c:v>0</c:v>
                </c:pt>
                <c:pt idx="8298">
                  <c:v>0</c:v>
                </c:pt>
                <c:pt idx="8299">
                  <c:v>0</c:v>
                </c:pt>
                <c:pt idx="8300">
                  <c:v>0</c:v>
                </c:pt>
                <c:pt idx="8301">
                  <c:v>0</c:v>
                </c:pt>
                <c:pt idx="8302">
                  <c:v>0</c:v>
                </c:pt>
                <c:pt idx="8303">
                  <c:v>0</c:v>
                </c:pt>
                <c:pt idx="8304">
                  <c:v>0</c:v>
                </c:pt>
                <c:pt idx="8305">
                  <c:v>0</c:v>
                </c:pt>
                <c:pt idx="8306">
                  <c:v>0</c:v>
                </c:pt>
                <c:pt idx="8307">
                  <c:v>0</c:v>
                </c:pt>
                <c:pt idx="8308">
                  <c:v>0</c:v>
                </c:pt>
                <c:pt idx="8309">
                  <c:v>0</c:v>
                </c:pt>
                <c:pt idx="8310">
                  <c:v>0</c:v>
                </c:pt>
                <c:pt idx="8311">
                  <c:v>0</c:v>
                </c:pt>
                <c:pt idx="8312">
                  <c:v>0</c:v>
                </c:pt>
                <c:pt idx="8313">
                  <c:v>0</c:v>
                </c:pt>
                <c:pt idx="8314">
                  <c:v>0</c:v>
                </c:pt>
                <c:pt idx="8315">
                  <c:v>0</c:v>
                </c:pt>
                <c:pt idx="8316">
                  <c:v>0</c:v>
                </c:pt>
                <c:pt idx="8317">
                  <c:v>0</c:v>
                </c:pt>
                <c:pt idx="8318">
                  <c:v>0</c:v>
                </c:pt>
                <c:pt idx="8319">
                  <c:v>0</c:v>
                </c:pt>
                <c:pt idx="8320">
                  <c:v>0</c:v>
                </c:pt>
                <c:pt idx="8321">
                  <c:v>0</c:v>
                </c:pt>
                <c:pt idx="8322">
                  <c:v>0</c:v>
                </c:pt>
                <c:pt idx="8323">
                  <c:v>0</c:v>
                </c:pt>
                <c:pt idx="8324">
                  <c:v>0</c:v>
                </c:pt>
                <c:pt idx="8325">
                  <c:v>0</c:v>
                </c:pt>
                <c:pt idx="8326">
                  <c:v>0</c:v>
                </c:pt>
                <c:pt idx="8327">
                  <c:v>0</c:v>
                </c:pt>
                <c:pt idx="8328">
                  <c:v>0</c:v>
                </c:pt>
                <c:pt idx="8329">
                  <c:v>0</c:v>
                </c:pt>
                <c:pt idx="8330">
                  <c:v>0</c:v>
                </c:pt>
                <c:pt idx="8331">
                  <c:v>0</c:v>
                </c:pt>
                <c:pt idx="8332">
                  <c:v>0</c:v>
                </c:pt>
                <c:pt idx="8333">
                  <c:v>0</c:v>
                </c:pt>
                <c:pt idx="8334">
                  <c:v>0</c:v>
                </c:pt>
                <c:pt idx="8335">
                  <c:v>0</c:v>
                </c:pt>
                <c:pt idx="8336">
                  <c:v>0</c:v>
                </c:pt>
                <c:pt idx="8337">
                  <c:v>0</c:v>
                </c:pt>
                <c:pt idx="8338">
                  <c:v>0</c:v>
                </c:pt>
                <c:pt idx="8339">
                  <c:v>0</c:v>
                </c:pt>
                <c:pt idx="8340">
                  <c:v>0</c:v>
                </c:pt>
                <c:pt idx="8341">
                  <c:v>0</c:v>
                </c:pt>
                <c:pt idx="8342">
                  <c:v>0</c:v>
                </c:pt>
                <c:pt idx="8343">
                  <c:v>0</c:v>
                </c:pt>
                <c:pt idx="8344">
                  <c:v>0</c:v>
                </c:pt>
                <c:pt idx="8345">
                  <c:v>0</c:v>
                </c:pt>
                <c:pt idx="8346">
                  <c:v>0</c:v>
                </c:pt>
                <c:pt idx="8347">
                  <c:v>0</c:v>
                </c:pt>
                <c:pt idx="8348">
                  <c:v>0</c:v>
                </c:pt>
                <c:pt idx="8349">
                  <c:v>0</c:v>
                </c:pt>
                <c:pt idx="8350">
                  <c:v>0</c:v>
                </c:pt>
                <c:pt idx="8351">
                  <c:v>0</c:v>
                </c:pt>
                <c:pt idx="8352">
                  <c:v>0</c:v>
                </c:pt>
                <c:pt idx="8353">
                  <c:v>0</c:v>
                </c:pt>
                <c:pt idx="8354">
                  <c:v>0</c:v>
                </c:pt>
                <c:pt idx="8355">
                  <c:v>0</c:v>
                </c:pt>
                <c:pt idx="8356">
                  <c:v>0</c:v>
                </c:pt>
                <c:pt idx="8357">
                  <c:v>0</c:v>
                </c:pt>
                <c:pt idx="8358">
                  <c:v>0</c:v>
                </c:pt>
                <c:pt idx="8359">
                  <c:v>0</c:v>
                </c:pt>
                <c:pt idx="8360">
                  <c:v>0</c:v>
                </c:pt>
                <c:pt idx="8361">
                  <c:v>0</c:v>
                </c:pt>
                <c:pt idx="8362">
                  <c:v>0</c:v>
                </c:pt>
                <c:pt idx="8363">
                  <c:v>0</c:v>
                </c:pt>
                <c:pt idx="8364">
                  <c:v>0</c:v>
                </c:pt>
                <c:pt idx="8365">
                  <c:v>0</c:v>
                </c:pt>
                <c:pt idx="8366">
                  <c:v>0</c:v>
                </c:pt>
                <c:pt idx="8367">
                  <c:v>0</c:v>
                </c:pt>
                <c:pt idx="8368">
                  <c:v>0</c:v>
                </c:pt>
                <c:pt idx="8369">
                  <c:v>0</c:v>
                </c:pt>
                <c:pt idx="8370">
                  <c:v>0</c:v>
                </c:pt>
                <c:pt idx="8371">
                  <c:v>0</c:v>
                </c:pt>
                <c:pt idx="8372">
                  <c:v>0</c:v>
                </c:pt>
                <c:pt idx="8373">
                  <c:v>0</c:v>
                </c:pt>
                <c:pt idx="8374">
                  <c:v>0</c:v>
                </c:pt>
                <c:pt idx="8375">
                  <c:v>0</c:v>
                </c:pt>
                <c:pt idx="8376">
                  <c:v>0</c:v>
                </c:pt>
                <c:pt idx="8377">
                  <c:v>0</c:v>
                </c:pt>
                <c:pt idx="8378">
                  <c:v>0</c:v>
                </c:pt>
                <c:pt idx="8379">
                  <c:v>0</c:v>
                </c:pt>
                <c:pt idx="8380">
                  <c:v>0</c:v>
                </c:pt>
                <c:pt idx="8381">
                  <c:v>0</c:v>
                </c:pt>
                <c:pt idx="8382">
                  <c:v>0</c:v>
                </c:pt>
                <c:pt idx="8383">
                  <c:v>0</c:v>
                </c:pt>
                <c:pt idx="8384">
                  <c:v>0</c:v>
                </c:pt>
                <c:pt idx="8385">
                  <c:v>0</c:v>
                </c:pt>
                <c:pt idx="8386">
                  <c:v>0</c:v>
                </c:pt>
                <c:pt idx="8387">
                  <c:v>0</c:v>
                </c:pt>
                <c:pt idx="8388">
                  <c:v>0</c:v>
                </c:pt>
                <c:pt idx="8389">
                  <c:v>0</c:v>
                </c:pt>
                <c:pt idx="8390">
                  <c:v>0</c:v>
                </c:pt>
                <c:pt idx="8391">
                  <c:v>0</c:v>
                </c:pt>
                <c:pt idx="8392">
                  <c:v>0</c:v>
                </c:pt>
                <c:pt idx="8393">
                  <c:v>0</c:v>
                </c:pt>
                <c:pt idx="8394">
                  <c:v>0</c:v>
                </c:pt>
                <c:pt idx="8395">
                  <c:v>0</c:v>
                </c:pt>
                <c:pt idx="8396">
                  <c:v>0</c:v>
                </c:pt>
                <c:pt idx="8397">
                  <c:v>0</c:v>
                </c:pt>
                <c:pt idx="8398">
                  <c:v>0</c:v>
                </c:pt>
                <c:pt idx="8399">
                  <c:v>0</c:v>
                </c:pt>
                <c:pt idx="8400">
                  <c:v>0</c:v>
                </c:pt>
                <c:pt idx="8401">
                  <c:v>0</c:v>
                </c:pt>
                <c:pt idx="8402">
                  <c:v>0</c:v>
                </c:pt>
                <c:pt idx="8403">
                  <c:v>0</c:v>
                </c:pt>
                <c:pt idx="8404">
                  <c:v>0</c:v>
                </c:pt>
                <c:pt idx="8405">
                  <c:v>0</c:v>
                </c:pt>
                <c:pt idx="8406">
                  <c:v>0</c:v>
                </c:pt>
                <c:pt idx="8407">
                  <c:v>0</c:v>
                </c:pt>
                <c:pt idx="8408">
                  <c:v>0</c:v>
                </c:pt>
                <c:pt idx="8409">
                  <c:v>0</c:v>
                </c:pt>
                <c:pt idx="8410">
                  <c:v>0</c:v>
                </c:pt>
                <c:pt idx="8411">
                  <c:v>0</c:v>
                </c:pt>
                <c:pt idx="8412">
                  <c:v>0</c:v>
                </c:pt>
                <c:pt idx="8413">
                  <c:v>0</c:v>
                </c:pt>
                <c:pt idx="8414">
                  <c:v>0</c:v>
                </c:pt>
                <c:pt idx="8415">
                  <c:v>0</c:v>
                </c:pt>
                <c:pt idx="8416">
                  <c:v>0</c:v>
                </c:pt>
                <c:pt idx="8417">
                  <c:v>0</c:v>
                </c:pt>
                <c:pt idx="8418">
                  <c:v>0</c:v>
                </c:pt>
                <c:pt idx="8419">
                  <c:v>0</c:v>
                </c:pt>
                <c:pt idx="8420">
                  <c:v>0</c:v>
                </c:pt>
                <c:pt idx="8421">
                  <c:v>0</c:v>
                </c:pt>
                <c:pt idx="8422">
                  <c:v>0</c:v>
                </c:pt>
                <c:pt idx="8423">
                  <c:v>0</c:v>
                </c:pt>
                <c:pt idx="8424">
                  <c:v>0</c:v>
                </c:pt>
                <c:pt idx="8425">
                  <c:v>0</c:v>
                </c:pt>
                <c:pt idx="8426">
                  <c:v>0</c:v>
                </c:pt>
                <c:pt idx="8427">
                  <c:v>0</c:v>
                </c:pt>
                <c:pt idx="8428">
                  <c:v>0</c:v>
                </c:pt>
                <c:pt idx="8429">
                  <c:v>0</c:v>
                </c:pt>
                <c:pt idx="8430">
                  <c:v>0</c:v>
                </c:pt>
                <c:pt idx="8431">
                  <c:v>0</c:v>
                </c:pt>
                <c:pt idx="8432">
                  <c:v>0</c:v>
                </c:pt>
                <c:pt idx="8433">
                  <c:v>0</c:v>
                </c:pt>
                <c:pt idx="8434">
                  <c:v>0</c:v>
                </c:pt>
                <c:pt idx="8435">
                  <c:v>0</c:v>
                </c:pt>
                <c:pt idx="8436">
                  <c:v>0</c:v>
                </c:pt>
                <c:pt idx="8437">
                  <c:v>0</c:v>
                </c:pt>
                <c:pt idx="8438">
                  <c:v>0</c:v>
                </c:pt>
                <c:pt idx="8439">
                  <c:v>0</c:v>
                </c:pt>
                <c:pt idx="8440">
                  <c:v>0</c:v>
                </c:pt>
                <c:pt idx="8441">
                  <c:v>0</c:v>
                </c:pt>
                <c:pt idx="8442">
                  <c:v>0</c:v>
                </c:pt>
                <c:pt idx="8443">
                  <c:v>0</c:v>
                </c:pt>
                <c:pt idx="8444">
                  <c:v>0</c:v>
                </c:pt>
                <c:pt idx="8445">
                  <c:v>0</c:v>
                </c:pt>
                <c:pt idx="8446">
                  <c:v>0</c:v>
                </c:pt>
                <c:pt idx="8447">
                  <c:v>0</c:v>
                </c:pt>
                <c:pt idx="8448">
                  <c:v>0</c:v>
                </c:pt>
                <c:pt idx="8449">
                  <c:v>0</c:v>
                </c:pt>
                <c:pt idx="8450">
                  <c:v>0</c:v>
                </c:pt>
                <c:pt idx="8451">
                  <c:v>0</c:v>
                </c:pt>
                <c:pt idx="8452">
                  <c:v>0</c:v>
                </c:pt>
                <c:pt idx="8453">
                  <c:v>0</c:v>
                </c:pt>
                <c:pt idx="8454">
                  <c:v>0</c:v>
                </c:pt>
                <c:pt idx="8455">
                  <c:v>0</c:v>
                </c:pt>
                <c:pt idx="8456">
                  <c:v>0</c:v>
                </c:pt>
                <c:pt idx="8457">
                  <c:v>0</c:v>
                </c:pt>
                <c:pt idx="8458">
                  <c:v>0</c:v>
                </c:pt>
                <c:pt idx="8459">
                  <c:v>0</c:v>
                </c:pt>
                <c:pt idx="8460">
                  <c:v>0</c:v>
                </c:pt>
                <c:pt idx="8461">
                  <c:v>0</c:v>
                </c:pt>
                <c:pt idx="8462">
                  <c:v>0</c:v>
                </c:pt>
                <c:pt idx="8463">
                  <c:v>0</c:v>
                </c:pt>
                <c:pt idx="8464">
                  <c:v>0</c:v>
                </c:pt>
                <c:pt idx="8465">
                  <c:v>0</c:v>
                </c:pt>
                <c:pt idx="8466">
                  <c:v>0</c:v>
                </c:pt>
                <c:pt idx="8467">
                  <c:v>0</c:v>
                </c:pt>
                <c:pt idx="8468">
                  <c:v>0</c:v>
                </c:pt>
                <c:pt idx="8469">
                  <c:v>0</c:v>
                </c:pt>
                <c:pt idx="8470">
                  <c:v>0</c:v>
                </c:pt>
                <c:pt idx="8471">
                  <c:v>0</c:v>
                </c:pt>
                <c:pt idx="8472">
                  <c:v>0</c:v>
                </c:pt>
                <c:pt idx="8473">
                  <c:v>0</c:v>
                </c:pt>
                <c:pt idx="8474">
                  <c:v>0</c:v>
                </c:pt>
                <c:pt idx="8475">
                  <c:v>0</c:v>
                </c:pt>
                <c:pt idx="8476">
                  <c:v>0</c:v>
                </c:pt>
                <c:pt idx="8477">
                  <c:v>0</c:v>
                </c:pt>
                <c:pt idx="8478">
                  <c:v>0</c:v>
                </c:pt>
                <c:pt idx="8479">
                  <c:v>0</c:v>
                </c:pt>
                <c:pt idx="8480">
                  <c:v>0</c:v>
                </c:pt>
                <c:pt idx="8481">
                  <c:v>0</c:v>
                </c:pt>
                <c:pt idx="8482">
                  <c:v>0</c:v>
                </c:pt>
                <c:pt idx="8483">
                  <c:v>0</c:v>
                </c:pt>
                <c:pt idx="8484">
                  <c:v>0</c:v>
                </c:pt>
                <c:pt idx="8485">
                  <c:v>0</c:v>
                </c:pt>
                <c:pt idx="8486">
                  <c:v>0</c:v>
                </c:pt>
                <c:pt idx="8487">
                  <c:v>0</c:v>
                </c:pt>
                <c:pt idx="8488">
                  <c:v>0</c:v>
                </c:pt>
                <c:pt idx="8489">
                  <c:v>0</c:v>
                </c:pt>
                <c:pt idx="8490">
                  <c:v>0</c:v>
                </c:pt>
                <c:pt idx="8491">
                  <c:v>0</c:v>
                </c:pt>
                <c:pt idx="8492">
                  <c:v>0</c:v>
                </c:pt>
                <c:pt idx="8493">
                  <c:v>0</c:v>
                </c:pt>
                <c:pt idx="8494">
                  <c:v>0</c:v>
                </c:pt>
                <c:pt idx="8495">
                  <c:v>0</c:v>
                </c:pt>
                <c:pt idx="8496">
                  <c:v>0</c:v>
                </c:pt>
                <c:pt idx="8497">
                  <c:v>0</c:v>
                </c:pt>
                <c:pt idx="8498">
                  <c:v>0</c:v>
                </c:pt>
                <c:pt idx="8499">
                  <c:v>0</c:v>
                </c:pt>
                <c:pt idx="8500">
                  <c:v>0</c:v>
                </c:pt>
                <c:pt idx="8501">
                  <c:v>0</c:v>
                </c:pt>
                <c:pt idx="8502">
                  <c:v>0</c:v>
                </c:pt>
                <c:pt idx="8503">
                  <c:v>0</c:v>
                </c:pt>
                <c:pt idx="8504">
                  <c:v>0</c:v>
                </c:pt>
                <c:pt idx="8505">
                  <c:v>0</c:v>
                </c:pt>
                <c:pt idx="8506">
                  <c:v>0</c:v>
                </c:pt>
                <c:pt idx="8507">
                  <c:v>0</c:v>
                </c:pt>
                <c:pt idx="8508">
                  <c:v>0</c:v>
                </c:pt>
                <c:pt idx="8509">
                  <c:v>0</c:v>
                </c:pt>
                <c:pt idx="8510">
                  <c:v>0</c:v>
                </c:pt>
                <c:pt idx="8511">
                  <c:v>0</c:v>
                </c:pt>
                <c:pt idx="8512">
                  <c:v>0</c:v>
                </c:pt>
                <c:pt idx="8513">
                  <c:v>0</c:v>
                </c:pt>
                <c:pt idx="8514">
                  <c:v>0</c:v>
                </c:pt>
                <c:pt idx="8515">
                  <c:v>0</c:v>
                </c:pt>
                <c:pt idx="8516">
                  <c:v>0</c:v>
                </c:pt>
                <c:pt idx="8517">
                  <c:v>0</c:v>
                </c:pt>
                <c:pt idx="8518">
                  <c:v>0</c:v>
                </c:pt>
                <c:pt idx="8519">
                  <c:v>0</c:v>
                </c:pt>
                <c:pt idx="8520">
                  <c:v>0</c:v>
                </c:pt>
                <c:pt idx="8521">
                  <c:v>0</c:v>
                </c:pt>
                <c:pt idx="8522">
                  <c:v>0</c:v>
                </c:pt>
                <c:pt idx="8523">
                  <c:v>0</c:v>
                </c:pt>
                <c:pt idx="8524">
                  <c:v>0</c:v>
                </c:pt>
                <c:pt idx="8525">
                  <c:v>0</c:v>
                </c:pt>
                <c:pt idx="8526">
                  <c:v>0</c:v>
                </c:pt>
                <c:pt idx="8527">
                  <c:v>0</c:v>
                </c:pt>
                <c:pt idx="8528">
                  <c:v>0</c:v>
                </c:pt>
                <c:pt idx="8529">
                  <c:v>0</c:v>
                </c:pt>
                <c:pt idx="8530">
                  <c:v>0</c:v>
                </c:pt>
                <c:pt idx="8531">
                  <c:v>0</c:v>
                </c:pt>
                <c:pt idx="8532">
                  <c:v>0</c:v>
                </c:pt>
                <c:pt idx="8533">
                  <c:v>0</c:v>
                </c:pt>
                <c:pt idx="8534">
                  <c:v>0</c:v>
                </c:pt>
                <c:pt idx="8535">
                  <c:v>0</c:v>
                </c:pt>
                <c:pt idx="8536">
                  <c:v>0</c:v>
                </c:pt>
                <c:pt idx="8537">
                  <c:v>0</c:v>
                </c:pt>
                <c:pt idx="8538">
                  <c:v>0</c:v>
                </c:pt>
                <c:pt idx="8539">
                  <c:v>0</c:v>
                </c:pt>
                <c:pt idx="8540">
                  <c:v>0</c:v>
                </c:pt>
                <c:pt idx="8541">
                  <c:v>0</c:v>
                </c:pt>
                <c:pt idx="8542">
                  <c:v>0</c:v>
                </c:pt>
                <c:pt idx="8543">
                  <c:v>0</c:v>
                </c:pt>
                <c:pt idx="8544">
                  <c:v>0</c:v>
                </c:pt>
                <c:pt idx="8545">
                  <c:v>0</c:v>
                </c:pt>
                <c:pt idx="8546">
                  <c:v>0</c:v>
                </c:pt>
                <c:pt idx="8547">
                  <c:v>0</c:v>
                </c:pt>
                <c:pt idx="8548">
                  <c:v>0</c:v>
                </c:pt>
                <c:pt idx="8549">
                  <c:v>0</c:v>
                </c:pt>
                <c:pt idx="8550">
                  <c:v>0</c:v>
                </c:pt>
                <c:pt idx="8551">
                  <c:v>0</c:v>
                </c:pt>
                <c:pt idx="8552">
                  <c:v>0</c:v>
                </c:pt>
                <c:pt idx="8553">
                  <c:v>0</c:v>
                </c:pt>
                <c:pt idx="8554">
                  <c:v>0</c:v>
                </c:pt>
                <c:pt idx="8555">
                  <c:v>0</c:v>
                </c:pt>
                <c:pt idx="8556">
                  <c:v>0</c:v>
                </c:pt>
                <c:pt idx="8557">
                  <c:v>0</c:v>
                </c:pt>
                <c:pt idx="8558">
                  <c:v>0</c:v>
                </c:pt>
                <c:pt idx="8559">
                  <c:v>0</c:v>
                </c:pt>
                <c:pt idx="8560">
                  <c:v>0</c:v>
                </c:pt>
                <c:pt idx="8561">
                  <c:v>0</c:v>
                </c:pt>
                <c:pt idx="8562">
                  <c:v>0</c:v>
                </c:pt>
                <c:pt idx="8563">
                  <c:v>0</c:v>
                </c:pt>
                <c:pt idx="8564">
                  <c:v>0</c:v>
                </c:pt>
                <c:pt idx="8565">
                  <c:v>0</c:v>
                </c:pt>
                <c:pt idx="8566">
                  <c:v>0</c:v>
                </c:pt>
                <c:pt idx="8567">
                  <c:v>0</c:v>
                </c:pt>
                <c:pt idx="8568">
                  <c:v>0</c:v>
                </c:pt>
                <c:pt idx="8569">
                  <c:v>0</c:v>
                </c:pt>
                <c:pt idx="8570">
                  <c:v>0</c:v>
                </c:pt>
                <c:pt idx="8571">
                  <c:v>0</c:v>
                </c:pt>
                <c:pt idx="8572">
                  <c:v>0</c:v>
                </c:pt>
                <c:pt idx="8573">
                  <c:v>0</c:v>
                </c:pt>
                <c:pt idx="8574">
                  <c:v>0</c:v>
                </c:pt>
                <c:pt idx="8575">
                  <c:v>0</c:v>
                </c:pt>
                <c:pt idx="8576">
                  <c:v>0</c:v>
                </c:pt>
                <c:pt idx="8577">
                  <c:v>0</c:v>
                </c:pt>
                <c:pt idx="8578">
                  <c:v>0</c:v>
                </c:pt>
                <c:pt idx="8579">
                  <c:v>0</c:v>
                </c:pt>
                <c:pt idx="8580">
                  <c:v>0</c:v>
                </c:pt>
                <c:pt idx="8581">
                  <c:v>0</c:v>
                </c:pt>
                <c:pt idx="8582">
                  <c:v>0</c:v>
                </c:pt>
                <c:pt idx="8583">
                  <c:v>0</c:v>
                </c:pt>
                <c:pt idx="8584">
                  <c:v>0</c:v>
                </c:pt>
                <c:pt idx="8585">
                  <c:v>0</c:v>
                </c:pt>
                <c:pt idx="8586">
                  <c:v>0</c:v>
                </c:pt>
                <c:pt idx="8587">
                  <c:v>0</c:v>
                </c:pt>
                <c:pt idx="8588">
                  <c:v>0</c:v>
                </c:pt>
                <c:pt idx="8589">
                  <c:v>0</c:v>
                </c:pt>
                <c:pt idx="8590">
                  <c:v>0</c:v>
                </c:pt>
                <c:pt idx="8591">
                  <c:v>0</c:v>
                </c:pt>
                <c:pt idx="8592">
                  <c:v>0</c:v>
                </c:pt>
                <c:pt idx="8593">
                  <c:v>0</c:v>
                </c:pt>
                <c:pt idx="8594">
                  <c:v>0</c:v>
                </c:pt>
                <c:pt idx="8595">
                  <c:v>0</c:v>
                </c:pt>
                <c:pt idx="8596">
                  <c:v>0</c:v>
                </c:pt>
                <c:pt idx="8597">
                  <c:v>0</c:v>
                </c:pt>
                <c:pt idx="8598">
                  <c:v>0</c:v>
                </c:pt>
                <c:pt idx="8599">
                  <c:v>0</c:v>
                </c:pt>
                <c:pt idx="8600">
                  <c:v>0</c:v>
                </c:pt>
                <c:pt idx="8601">
                  <c:v>0</c:v>
                </c:pt>
                <c:pt idx="8602">
                  <c:v>0</c:v>
                </c:pt>
                <c:pt idx="8603">
                  <c:v>0</c:v>
                </c:pt>
                <c:pt idx="8604">
                  <c:v>0</c:v>
                </c:pt>
                <c:pt idx="8605">
                  <c:v>0</c:v>
                </c:pt>
                <c:pt idx="8606">
                  <c:v>0</c:v>
                </c:pt>
                <c:pt idx="8607">
                  <c:v>0</c:v>
                </c:pt>
                <c:pt idx="8608">
                  <c:v>0</c:v>
                </c:pt>
                <c:pt idx="8609">
                  <c:v>0</c:v>
                </c:pt>
                <c:pt idx="8610">
                  <c:v>0</c:v>
                </c:pt>
                <c:pt idx="8611">
                  <c:v>0</c:v>
                </c:pt>
                <c:pt idx="8612">
                  <c:v>0</c:v>
                </c:pt>
                <c:pt idx="8613">
                  <c:v>0</c:v>
                </c:pt>
                <c:pt idx="8614">
                  <c:v>0</c:v>
                </c:pt>
                <c:pt idx="8615">
                  <c:v>0</c:v>
                </c:pt>
                <c:pt idx="8616">
                  <c:v>0</c:v>
                </c:pt>
                <c:pt idx="8617">
                  <c:v>0</c:v>
                </c:pt>
                <c:pt idx="8618">
                  <c:v>0</c:v>
                </c:pt>
                <c:pt idx="8619">
                  <c:v>0</c:v>
                </c:pt>
                <c:pt idx="8620">
                  <c:v>0</c:v>
                </c:pt>
                <c:pt idx="8621">
                  <c:v>0</c:v>
                </c:pt>
                <c:pt idx="8622">
                  <c:v>0</c:v>
                </c:pt>
                <c:pt idx="8623">
                  <c:v>0</c:v>
                </c:pt>
                <c:pt idx="8624">
                  <c:v>0</c:v>
                </c:pt>
                <c:pt idx="8625">
                  <c:v>0</c:v>
                </c:pt>
                <c:pt idx="8626">
                  <c:v>0</c:v>
                </c:pt>
                <c:pt idx="8627">
                  <c:v>0</c:v>
                </c:pt>
                <c:pt idx="8628">
                  <c:v>0</c:v>
                </c:pt>
                <c:pt idx="8629">
                  <c:v>0</c:v>
                </c:pt>
                <c:pt idx="8630">
                  <c:v>0</c:v>
                </c:pt>
                <c:pt idx="8631">
                  <c:v>0</c:v>
                </c:pt>
                <c:pt idx="8632">
                  <c:v>0</c:v>
                </c:pt>
                <c:pt idx="8633">
                  <c:v>0</c:v>
                </c:pt>
                <c:pt idx="8634">
                  <c:v>0</c:v>
                </c:pt>
                <c:pt idx="8635">
                  <c:v>0</c:v>
                </c:pt>
                <c:pt idx="8636">
                  <c:v>0</c:v>
                </c:pt>
                <c:pt idx="8637">
                  <c:v>0</c:v>
                </c:pt>
                <c:pt idx="8638">
                  <c:v>0</c:v>
                </c:pt>
                <c:pt idx="8639">
                  <c:v>0</c:v>
                </c:pt>
                <c:pt idx="8640">
                  <c:v>0</c:v>
                </c:pt>
                <c:pt idx="8641">
                  <c:v>0</c:v>
                </c:pt>
                <c:pt idx="8642">
                  <c:v>0</c:v>
                </c:pt>
                <c:pt idx="8643">
                  <c:v>0</c:v>
                </c:pt>
                <c:pt idx="8644">
                  <c:v>0</c:v>
                </c:pt>
                <c:pt idx="8645">
                  <c:v>0</c:v>
                </c:pt>
                <c:pt idx="8646">
                  <c:v>0</c:v>
                </c:pt>
                <c:pt idx="8647">
                  <c:v>0</c:v>
                </c:pt>
                <c:pt idx="8648">
                  <c:v>0</c:v>
                </c:pt>
                <c:pt idx="8649">
                  <c:v>0</c:v>
                </c:pt>
                <c:pt idx="8650">
                  <c:v>0</c:v>
                </c:pt>
                <c:pt idx="8651">
                  <c:v>0</c:v>
                </c:pt>
                <c:pt idx="8652">
                  <c:v>0</c:v>
                </c:pt>
                <c:pt idx="8653">
                  <c:v>0</c:v>
                </c:pt>
                <c:pt idx="8654">
                  <c:v>0</c:v>
                </c:pt>
                <c:pt idx="8655">
                  <c:v>0</c:v>
                </c:pt>
                <c:pt idx="8656">
                  <c:v>0</c:v>
                </c:pt>
                <c:pt idx="8657">
                  <c:v>0</c:v>
                </c:pt>
                <c:pt idx="8658">
                  <c:v>0</c:v>
                </c:pt>
                <c:pt idx="8659">
                  <c:v>0</c:v>
                </c:pt>
                <c:pt idx="8660">
                  <c:v>0</c:v>
                </c:pt>
                <c:pt idx="8661">
                  <c:v>0</c:v>
                </c:pt>
                <c:pt idx="8662">
                  <c:v>0</c:v>
                </c:pt>
                <c:pt idx="8663">
                  <c:v>0</c:v>
                </c:pt>
                <c:pt idx="8664">
                  <c:v>0</c:v>
                </c:pt>
                <c:pt idx="8665">
                  <c:v>0</c:v>
                </c:pt>
                <c:pt idx="8666">
                  <c:v>0</c:v>
                </c:pt>
                <c:pt idx="8667">
                  <c:v>0</c:v>
                </c:pt>
                <c:pt idx="8668">
                  <c:v>0</c:v>
                </c:pt>
                <c:pt idx="8669">
                  <c:v>0</c:v>
                </c:pt>
                <c:pt idx="8670">
                  <c:v>0</c:v>
                </c:pt>
                <c:pt idx="8671">
                  <c:v>0</c:v>
                </c:pt>
                <c:pt idx="8672">
                  <c:v>0</c:v>
                </c:pt>
                <c:pt idx="8673">
                  <c:v>0</c:v>
                </c:pt>
                <c:pt idx="8674">
                  <c:v>0</c:v>
                </c:pt>
                <c:pt idx="8675">
                  <c:v>0</c:v>
                </c:pt>
                <c:pt idx="8676">
                  <c:v>0</c:v>
                </c:pt>
                <c:pt idx="8677">
                  <c:v>0</c:v>
                </c:pt>
                <c:pt idx="8678">
                  <c:v>0</c:v>
                </c:pt>
                <c:pt idx="8679">
                  <c:v>0</c:v>
                </c:pt>
                <c:pt idx="8680">
                  <c:v>0</c:v>
                </c:pt>
                <c:pt idx="8681">
                  <c:v>0</c:v>
                </c:pt>
                <c:pt idx="8682">
                  <c:v>0</c:v>
                </c:pt>
                <c:pt idx="8683">
                  <c:v>0</c:v>
                </c:pt>
                <c:pt idx="8684">
                  <c:v>0</c:v>
                </c:pt>
                <c:pt idx="8685">
                  <c:v>0</c:v>
                </c:pt>
                <c:pt idx="8686">
                  <c:v>0</c:v>
                </c:pt>
                <c:pt idx="8687">
                  <c:v>0</c:v>
                </c:pt>
                <c:pt idx="8688">
                  <c:v>0</c:v>
                </c:pt>
                <c:pt idx="8689">
                  <c:v>0</c:v>
                </c:pt>
                <c:pt idx="8690">
                  <c:v>0</c:v>
                </c:pt>
                <c:pt idx="8691">
                  <c:v>0</c:v>
                </c:pt>
                <c:pt idx="8692">
                  <c:v>0</c:v>
                </c:pt>
                <c:pt idx="8693">
                  <c:v>0</c:v>
                </c:pt>
                <c:pt idx="8694">
                  <c:v>0</c:v>
                </c:pt>
                <c:pt idx="8695">
                  <c:v>0</c:v>
                </c:pt>
                <c:pt idx="8696">
                  <c:v>0</c:v>
                </c:pt>
                <c:pt idx="8697">
                  <c:v>0</c:v>
                </c:pt>
                <c:pt idx="8698">
                  <c:v>0</c:v>
                </c:pt>
                <c:pt idx="8699">
                  <c:v>0</c:v>
                </c:pt>
                <c:pt idx="8700">
                  <c:v>0</c:v>
                </c:pt>
                <c:pt idx="8701">
                  <c:v>0</c:v>
                </c:pt>
                <c:pt idx="8702">
                  <c:v>0</c:v>
                </c:pt>
                <c:pt idx="8703">
                  <c:v>0</c:v>
                </c:pt>
                <c:pt idx="8704">
                  <c:v>0</c:v>
                </c:pt>
                <c:pt idx="8705">
                  <c:v>0</c:v>
                </c:pt>
                <c:pt idx="8706">
                  <c:v>0</c:v>
                </c:pt>
                <c:pt idx="8707">
                  <c:v>0</c:v>
                </c:pt>
                <c:pt idx="8708">
                  <c:v>0</c:v>
                </c:pt>
                <c:pt idx="8709">
                  <c:v>0</c:v>
                </c:pt>
                <c:pt idx="8710">
                  <c:v>0</c:v>
                </c:pt>
                <c:pt idx="8711">
                  <c:v>0</c:v>
                </c:pt>
                <c:pt idx="8712">
                  <c:v>0</c:v>
                </c:pt>
                <c:pt idx="8713">
                  <c:v>0</c:v>
                </c:pt>
                <c:pt idx="8714">
                  <c:v>0</c:v>
                </c:pt>
                <c:pt idx="8715">
                  <c:v>0</c:v>
                </c:pt>
                <c:pt idx="8716">
                  <c:v>0</c:v>
                </c:pt>
                <c:pt idx="8717">
                  <c:v>0</c:v>
                </c:pt>
                <c:pt idx="8718">
                  <c:v>0</c:v>
                </c:pt>
                <c:pt idx="8719">
                  <c:v>0</c:v>
                </c:pt>
                <c:pt idx="8720">
                  <c:v>0</c:v>
                </c:pt>
                <c:pt idx="8721">
                  <c:v>0</c:v>
                </c:pt>
                <c:pt idx="8722">
                  <c:v>0</c:v>
                </c:pt>
                <c:pt idx="8723">
                  <c:v>0</c:v>
                </c:pt>
                <c:pt idx="8724">
                  <c:v>0</c:v>
                </c:pt>
                <c:pt idx="8725">
                  <c:v>0</c:v>
                </c:pt>
                <c:pt idx="8726">
                  <c:v>0</c:v>
                </c:pt>
                <c:pt idx="8727">
                  <c:v>0</c:v>
                </c:pt>
                <c:pt idx="8728">
                  <c:v>0</c:v>
                </c:pt>
                <c:pt idx="8729">
                  <c:v>0</c:v>
                </c:pt>
                <c:pt idx="8730">
                  <c:v>0</c:v>
                </c:pt>
                <c:pt idx="8731">
                  <c:v>0</c:v>
                </c:pt>
                <c:pt idx="8732">
                  <c:v>0</c:v>
                </c:pt>
                <c:pt idx="8733">
                  <c:v>0</c:v>
                </c:pt>
                <c:pt idx="8734">
                  <c:v>0</c:v>
                </c:pt>
                <c:pt idx="8735">
                  <c:v>0</c:v>
                </c:pt>
                <c:pt idx="8736">
                  <c:v>0</c:v>
                </c:pt>
                <c:pt idx="8737">
                  <c:v>0</c:v>
                </c:pt>
                <c:pt idx="8738">
                  <c:v>0</c:v>
                </c:pt>
                <c:pt idx="8739">
                  <c:v>0</c:v>
                </c:pt>
                <c:pt idx="8740">
                  <c:v>0</c:v>
                </c:pt>
                <c:pt idx="8741">
                  <c:v>0</c:v>
                </c:pt>
                <c:pt idx="8742">
                  <c:v>0</c:v>
                </c:pt>
                <c:pt idx="8743">
                  <c:v>0</c:v>
                </c:pt>
                <c:pt idx="8744">
                  <c:v>0</c:v>
                </c:pt>
                <c:pt idx="8745">
                  <c:v>0</c:v>
                </c:pt>
                <c:pt idx="8746">
                  <c:v>0</c:v>
                </c:pt>
                <c:pt idx="8747">
                  <c:v>0</c:v>
                </c:pt>
                <c:pt idx="8748">
                  <c:v>0</c:v>
                </c:pt>
                <c:pt idx="8749">
                  <c:v>0</c:v>
                </c:pt>
                <c:pt idx="8750">
                  <c:v>0</c:v>
                </c:pt>
                <c:pt idx="8751">
                  <c:v>0</c:v>
                </c:pt>
                <c:pt idx="8752">
                  <c:v>0</c:v>
                </c:pt>
                <c:pt idx="8753">
                  <c:v>0</c:v>
                </c:pt>
                <c:pt idx="8754">
                  <c:v>0</c:v>
                </c:pt>
                <c:pt idx="8755">
                  <c:v>0</c:v>
                </c:pt>
                <c:pt idx="8756">
                  <c:v>0</c:v>
                </c:pt>
                <c:pt idx="8757">
                  <c:v>0</c:v>
                </c:pt>
                <c:pt idx="8758">
                  <c:v>0</c:v>
                </c:pt>
                <c:pt idx="8759">
                  <c:v>0</c:v>
                </c:pt>
              </c:numCache>
            </c:numRef>
          </c:val>
          <c:extLst>
            <c:ext xmlns:c16="http://schemas.microsoft.com/office/drawing/2014/chart" uri="{C3380CC4-5D6E-409C-BE32-E72D297353CC}">
              <c16:uniqueId val="{00000003-2C0B-4701-B4D5-C67566BB76AF}"/>
            </c:ext>
          </c:extLst>
        </c:ser>
        <c:dLbls>
          <c:showLegendKey val="0"/>
          <c:showVal val="0"/>
          <c:showCatName val="0"/>
          <c:showSerName val="0"/>
          <c:showPercent val="0"/>
          <c:showBubbleSize val="0"/>
        </c:dLbls>
        <c:axId val="1789561167"/>
        <c:axId val="1789564047"/>
      </c:areaChart>
      <c:catAx>
        <c:axId val="1789561167"/>
        <c:scaling>
          <c:orientation val="minMax"/>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Hours</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4047"/>
        <c:crosses val="autoZero"/>
        <c:auto val="1"/>
        <c:lblAlgn val="ctr"/>
        <c:lblOffset val="100"/>
        <c:tickLblSkip val="1000"/>
        <c:tickMarkSkip val="1000"/>
        <c:noMultiLvlLbl val="0"/>
      </c:catAx>
      <c:valAx>
        <c:axId val="178956404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nb-NO">
                    <a:solidFill>
                      <a:schemeClr val="tx1"/>
                    </a:solidFill>
                  </a:rPr>
                  <a:t>Hourly</a:t>
                </a:r>
                <a:r>
                  <a:rPr lang="nb-NO" baseline="0">
                    <a:solidFill>
                      <a:schemeClr val="tx1"/>
                    </a:solidFill>
                  </a:rPr>
                  <a:t> Demand [user-defined unit]</a:t>
                </a:r>
                <a:endParaRPr lang="nb-NO">
                  <a:solidFill>
                    <a:schemeClr val="tx1"/>
                  </a:solidFill>
                </a:endParaRPr>
              </a:p>
            </c:rich>
          </c:tx>
          <c:layout>
            <c:manualLayout>
              <c:xMode val="edge"/>
              <c:yMode val="edge"/>
              <c:x val="1.8578761431516905E-2"/>
              <c:y val="0.29543252538744419"/>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nb-NO"/>
            </a:p>
          </c:txPr>
        </c:title>
        <c:numFmt formatCode="_(* #,##0_);_(* \(#,##0\);_(* &quot;-&quot;_);_(@_)" sourceLinked="0"/>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1167"/>
        <c:crosses val="autoZero"/>
        <c:crossBetween val="between"/>
      </c:valAx>
      <c:spPr>
        <a:solidFill>
          <a:schemeClr val="bg1"/>
        </a:solidFill>
        <a:ln>
          <a:solidFill>
            <a:schemeClr val="tx1"/>
          </a:solidFill>
        </a:ln>
        <a:effectLst/>
      </c:spPr>
    </c:plotArea>
    <c:legend>
      <c:legendPos val="r"/>
      <c:layout>
        <c:manualLayout>
          <c:xMode val="edge"/>
          <c:yMode val="edge"/>
          <c:x val="0.52011957967317612"/>
          <c:y val="4.6380887584744082E-2"/>
          <c:w val="0.20205367875343577"/>
          <c:h val="9.9517795428260086E-2"/>
        </c:manualLayout>
      </c:layout>
      <c:overlay val="0"/>
      <c:spPr>
        <a:solidFill>
          <a:schemeClr val="bg1"/>
        </a:solidFill>
        <a:ln>
          <a:solidFill>
            <a:schemeClr val="tx1"/>
          </a:solidFill>
        </a:ln>
        <a:effectLst/>
      </c:spPr>
      <c:txPr>
        <a:bodyPr rot="0" spcFirstLastPara="1" vertOverflow="ellipsis" vert="horz" wrap="square" anchor="ctr" anchorCtr="1"/>
        <a:lstStyle/>
        <a:p>
          <a:pPr>
            <a:defRPr sz="18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0664897171323016E-2"/>
          <c:y val="0.15869557915345084"/>
          <c:w val="0.88445606560100454"/>
          <c:h val="0.75576258363363868"/>
        </c:manualLayout>
      </c:layout>
      <c:areaChart>
        <c:grouping val="stacked"/>
        <c:varyColors val="0"/>
        <c:ser>
          <c:idx val="6"/>
          <c:order val="1"/>
          <c:tx>
            <c:strRef>
              <c:f>Jesper!$AQ$1</c:f>
              <c:strCache>
                <c:ptCount val="1"/>
                <c:pt idx="0">
                  <c:v>T5</c:v>
                </c:pt>
              </c:strCache>
            </c:strRef>
          </c:tx>
          <c:spPr>
            <a:solidFill>
              <a:schemeClr val="accent5">
                <a:lumMod val="50000"/>
              </a:schemeClr>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Q$2:$AQ$366</c:f>
              <c:numCache>
                <c:formatCode>General</c:formatCode>
                <c:ptCount val="36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numCache>
            </c:numRef>
          </c:val>
          <c:extLst>
            <c:ext xmlns:c16="http://schemas.microsoft.com/office/drawing/2014/chart" uri="{C3380CC4-5D6E-409C-BE32-E72D297353CC}">
              <c16:uniqueId val="{00000000-C58E-420C-9F38-D788C3A0133D}"/>
            </c:ext>
          </c:extLst>
        </c:ser>
        <c:ser>
          <c:idx val="4"/>
          <c:order val="2"/>
          <c:tx>
            <c:strRef>
              <c:f>Jesper!$AP$1</c:f>
              <c:strCache>
                <c:ptCount val="1"/>
                <c:pt idx="0">
                  <c:v>T4</c:v>
                </c:pt>
              </c:strCache>
            </c:strRef>
          </c:tx>
          <c:spPr>
            <a:solidFill>
              <a:schemeClr val="accent5">
                <a:lumMod val="75000"/>
              </a:schemeClr>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P$2:$AP$366</c:f>
              <c:numCache>
                <c:formatCode>General</c:formatCode>
                <c:ptCount val="365"/>
                <c:pt idx="0">
                  <c:v>4.388207627079459</c:v>
                </c:pt>
                <c:pt idx="1">
                  <c:v>20.842821390761497</c:v>
                </c:pt>
                <c:pt idx="2">
                  <c:v>20.595787623366874</c:v>
                </c:pt>
                <c:pt idx="3">
                  <c:v>20.682976011859097</c:v>
                </c:pt>
                <c:pt idx="4">
                  <c:v>19.985468903921351</c:v>
                </c:pt>
                <c:pt idx="5">
                  <c:v>20.174377078987824</c:v>
                </c:pt>
                <c:pt idx="6">
                  <c:v>3.8952095183982971</c:v>
                </c:pt>
                <c:pt idx="7">
                  <c:v>4.6536681471385464</c:v>
                </c:pt>
                <c:pt idx="8">
                  <c:v>20.900946983089643</c:v>
                </c:pt>
                <c:pt idx="9">
                  <c:v>20.595787623366874</c:v>
                </c:pt>
                <c:pt idx="10">
                  <c:v>20.959072575417785</c:v>
                </c:pt>
                <c:pt idx="11">
                  <c:v>20.276096865562078</c:v>
                </c:pt>
                <c:pt idx="12">
                  <c:v>20.479536438710589</c:v>
                </c:pt>
                <c:pt idx="13">
                  <c:v>4.0279397784278403</c:v>
                </c:pt>
                <c:pt idx="14">
                  <c:v>4.5588608185460151</c:v>
                </c:pt>
                <c:pt idx="15">
                  <c:v>20.900946983089643</c:v>
                </c:pt>
                <c:pt idx="16">
                  <c:v>21.017198167745931</c:v>
                </c:pt>
                <c:pt idx="17">
                  <c:v>20.930009779253716</c:v>
                </c:pt>
                <c:pt idx="18">
                  <c:v>21.060792361992043</c:v>
                </c:pt>
                <c:pt idx="19">
                  <c:v>21.813841336251141</c:v>
                </c:pt>
                <c:pt idx="20">
                  <c:v>5.5827799673453526</c:v>
                </c:pt>
                <c:pt idx="21">
                  <c:v>5.5827799673453526</c:v>
                </c:pt>
                <c:pt idx="22">
                  <c:v>21.402703980673746</c:v>
                </c:pt>
                <c:pt idx="23">
                  <c:v>21.206106342812408</c:v>
                </c:pt>
                <c:pt idx="24">
                  <c:v>21.278763333222592</c:v>
                </c:pt>
                <c:pt idx="25">
                  <c:v>21.718963484964046</c:v>
                </c:pt>
                <c:pt idx="26">
                  <c:v>22.098474890112417</c:v>
                </c:pt>
                <c:pt idx="27">
                  <c:v>5.7534331588119079</c:v>
                </c:pt>
                <c:pt idx="28">
                  <c:v>5.8672019531229456</c:v>
                </c:pt>
                <c:pt idx="29">
                  <c:v>21.307826129386658</c:v>
                </c:pt>
                <c:pt idx="30">
                  <c:v>20.973603973499827</c:v>
                </c:pt>
                <c:pt idx="31">
                  <c:v>20.842821390761497</c:v>
                </c:pt>
                <c:pt idx="32">
                  <c:v>21.147980750484262</c:v>
                </c:pt>
                <c:pt idx="33">
                  <c:v>20.959072575417785</c:v>
                </c:pt>
                <c:pt idx="34">
                  <c:v>4.8432828043236089</c:v>
                </c:pt>
                <c:pt idx="35">
                  <c:v>5.7155102273748968</c:v>
                </c:pt>
                <c:pt idx="36">
                  <c:v>22.825871749980113</c:v>
                </c:pt>
                <c:pt idx="37">
                  <c:v>22.825871749980113</c:v>
                </c:pt>
                <c:pt idx="38">
                  <c:v>22.572864146547872</c:v>
                </c:pt>
                <c:pt idx="39">
                  <c:v>22.098474890112417</c:v>
                </c:pt>
                <c:pt idx="40">
                  <c:v>21.592459683247931</c:v>
                </c:pt>
                <c:pt idx="41">
                  <c:v>4.9001672014791273</c:v>
                </c:pt>
                <c:pt idx="42">
                  <c:v>4.3313232299239397</c:v>
                </c:pt>
                <c:pt idx="43">
                  <c:v>20.71203880802317</c:v>
                </c:pt>
                <c:pt idx="44">
                  <c:v>20.784695798433347</c:v>
                </c:pt>
                <c:pt idx="45">
                  <c:v>21.075323760074077</c:v>
                </c:pt>
                <c:pt idx="46">
                  <c:v>21.162512148566297</c:v>
                </c:pt>
                <c:pt idx="47">
                  <c:v>20.450473642546513</c:v>
                </c:pt>
                <c:pt idx="48">
                  <c:v>2.9660976981914895</c:v>
                </c:pt>
                <c:pt idx="49">
                  <c:v>3.534941669746678</c:v>
                </c:pt>
                <c:pt idx="50">
                  <c:v>20.406879448300408</c:v>
                </c:pt>
                <c:pt idx="51">
                  <c:v>19.869217719265055</c:v>
                </c:pt>
                <c:pt idx="52">
                  <c:v>19.825623525018951</c:v>
                </c:pt>
                <c:pt idx="53">
                  <c:v>20.247034069398005</c:v>
                </c:pt>
                <c:pt idx="54">
                  <c:v>19.869217719265055</c:v>
                </c:pt>
                <c:pt idx="55">
                  <c:v>4.17963150417589</c:v>
                </c:pt>
                <c:pt idx="56">
                  <c:v>5.2983579815677579</c:v>
                </c:pt>
                <c:pt idx="57">
                  <c:v>21.592459683247931</c:v>
                </c:pt>
                <c:pt idx="58">
                  <c:v>21.293294731304627</c:v>
                </c:pt>
                <c:pt idx="59">
                  <c:v>21.089855158156116</c:v>
                </c:pt>
                <c:pt idx="60">
                  <c:v>20.71203880802317</c:v>
                </c:pt>
                <c:pt idx="61">
                  <c:v>20.71203880802317</c:v>
                </c:pt>
                <c:pt idx="62">
                  <c:v>4.388207627079459</c:v>
                </c:pt>
                <c:pt idx="63">
                  <c:v>4.8622442700421145</c:v>
                </c:pt>
                <c:pt idx="64">
                  <c:v>20.784695798433347</c:v>
                </c:pt>
                <c:pt idx="65">
                  <c:v>20.581256225284839</c:v>
                </c:pt>
                <c:pt idx="66">
                  <c:v>20.450473642546513</c:v>
                </c:pt>
                <c:pt idx="67">
                  <c:v>19.94187470967524</c:v>
                </c:pt>
                <c:pt idx="68">
                  <c:v>20.043594496249497</c:v>
                </c:pt>
                <c:pt idx="69">
                  <c:v>4.1606700384573836</c:v>
                </c:pt>
                <c:pt idx="70">
                  <c:v>4.7863984071680896</c:v>
                </c:pt>
                <c:pt idx="71">
                  <c:v>20.043594496249497</c:v>
                </c:pt>
                <c:pt idx="72">
                  <c:v>20.058125894331528</c:v>
                </c:pt>
                <c:pt idx="73">
                  <c:v>20.508599234874659</c:v>
                </c:pt>
                <c:pt idx="74">
                  <c:v>20.900946983089643</c:v>
                </c:pt>
                <c:pt idx="75">
                  <c:v>20.508599234874659</c:v>
                </c:pt>
                <c:pt idx="76">
                  <c:v>3.9141709841168022</c:v>
                </c:pt>
                <c:pt idx="77">
                  <c:v>3.9331324498353086</c:v>
                </c:pt>
                <c:pt idx="78">
                  <c:v>19.854686321183021</c:v>
                </c:pt>
                <c:pt idx="79">
                  <c:v>19.709372340362659</c:v>
                </c:pt>
                <c:pt idx="80">
                  <c:v>19.375150184475821</c:v>
                </c:pt>
                <c:pt idx="81">
                  <c:v>19.505932767214144</c:v>
                </c:pt>
                <c:pt idx="82">
                  <c:v>19.317024592147678</c:v>
                </c:pt>
                <c:pt idx="83">
                  <c:v>3.2505196839690833</c:v>
                </c:pt>
                <c:pt idx="84">
                  <c:v>3.2884426154060966</c:v>
                </c:pt>
                <c:pt idx="85">
                  <c:v>20.523130632956693</c:v>
                </c:pt>
                <c:pt idx="86">
                  <c:v>20.988135371581865</c:v>
                </c:pt>
                <c:pt idx="87">
                  <c:v>20.944541177335751</c:v>
                </c:pt>
                <c:pt idx="88">
                  <c:v>20.305159661726151</c:v>
                </c:pt>
                <c:pt idx="89">
                  <c:v>19.665778146116548</c:v>
                </c:pt>
                <c:pt idx="90">
                  <c:v>3.2315582182505773</c:v>
                </c:pt>
                <c:pt idx="91">
                  <c:v>3.9900168469908279</c:v>
                </c:pt>
                <c:pt idx="92">
                  <c:v>20.915478381171681</c:v>
                </c:pt>
                <c:pt idx="93">
                  <c:v>21.147980750484262</c:v>
                </c:pt>
                <c:pt idx="94">
                  <c:v>21.191574944730373</c:v>
                </c:pt>
                <c:pt idx="95">
                  <c:v>20.799227196515385</c:v>
                </c:pt>
                <c:pt idx="96">
                  <c:v>20.581256225284839</c:v>
                </c:pt>
                <c:pt idx="97">
                  <c:v>4.9001672014791273</c:v>
                </c:pt>
                <c:pt idx="98">
                  <c:v>4.4071690927979654</c:v>
                </c:pt>
                <c:pt idx="99">
                  <c:v>20.188908477069862</c:v>
                </c:pt>
                <c:pt idx="100">
                  <c:v>20.39234805021837</c:v>
                </c:pt>
                <c:pt idx="101">
                  <c:v>20.159845680905782</c:v>
                </c:pt>
                <c:pt idx="102">
                  <c:v>20.087188690495601</c:v>
                </c:pt>
                <c:pt idx="103">
                  <c:v>20.813758594597424</c:v>
                </c:pt>
                <c:pt idx="104">
                  <c:v>4.5588608185460151</c:v>
                </c:pt>
                <c:pt idx="105">
                  <c:v>4.0279397784278403</c:v>
                </c:pt>
                <c:pt idx="106">
                  <c:v>19.811092126936913</c:v>
                </c:pt>
                <c:pt idx="107">
                  <c:v>19.854686321183021</c:v>
                </c:pt>
                <c:pt idx="108">
                  <c:v>20.116251486659678</c:v>
                </c:pt>
                <c:pt idx="109">
                  <c:v>19.956406107757278</c:v>
                </c:pt>
                <c:pt idx="110">
                  <c:v>19.636715349952475</c:v>
                </c:pt>
                <c:pt idx="111">
                  <c:v>2.7385601095694154</c:v>
                </c:pt>
                <c:pt idx="112">
                  <c:v>2.6520000654228517</c:v>
                </c:pt>
                <c:pt idx="113">
                  <c:v>19.491401369132113</c:v>
                </c:pt>
                <c:pt idx="114">
                  <c:v>19.912811913511163</c:v>
                </c:pt>
                <c:pt idx="115">
                  <c:v>20.232502671315967</c:v>
                </c:pt>
                <c:pt idx="116">
                  <c:v>20.058125894331528</c:v>
                </c:pt>
                <c:pt idx="117">
                  <c:v>19.782029330772843</c:v>
                </c:pt>
                <c:pt idx="118">
                  <c:v>2.9660976981914895</c:v>
                </c:pt>
                <c:pt idx="119">
                  <c:v>3.0419435610655148</c:v>
                </c:pt>
                <c:pt idx="120">
                  <c:v>19.680309544198586</c:v>
                </c:pt>
                <c:pt idx="121">
                  <c:v>19.418744378721932</c:v>
                </c:pt>
                <c:pt idx="122">
                  <c:v>19.549526961460259</c:v>
                </c:pt>
                <c:pt idx="123">
                  <c:v>19.578589757624325</c:v>
                </c:pt>
                <c:pt idx="124">
                  <c:v>19.30249319406564</c:v>
                </c:pt>
                <c:pt idx="125">
                  <c:v>2.6377144903927991</c:v>
                </c:pt>
                <c:pt idx="126">
                  <c:v>2.7195986438509085</c:v>
                </c:pt>
                <c:pt idx="127">
                  <c:v>19.883749117347097</c:v>
                </c:pt>
                <c:pt idx="128">
                  <c:v>19.709372340362659</c:v>
                </c:pt>
                <c:pt idx="129">
                  <c:v>19.491401369132113</c:v>
                </c:pt>
                <c:pt idx="130">
                  <c:v>19.33155599022971</c:v>
                </c:pt>
                <c:pt idx="131">
                  <c:v>19.593121155706367</c:v>
                </c:pt>
                <c:pt idx="132">
                  <c:v>3.553903135465184</c:v>
                </c:pt>
                <c:pt idx="133">
                  <c:v>3.6487104640577139</c:v>
                </c:pt>
                <c:pt idx="134">
                  <c:v>19.534995563378221</c:v>
                </c:pt>
                <c:pt idx="135">
                  <c:v>19.520464165296183</c:v>
                </c:pt>
                <c:pt idx="136">
                  <c:v>20.043594496249497</c:v>
                </c:pt>
                <c:pt idx="137">
                  <c:v>20.087188690495601</c:v>
                </c:pt>
                <c:pt idx="138">
                  <c:v>19.578589757624325</c:v>
                </c:pt>
                <c:pt idx="139">
                  <c:v>2.6502143685440949</c:v>
                </c:pt>
                <c:pt idx="140">
                  <c:v>2.6243217638021243</c:v>
                </c:pt>
                <c:pt idx="141">
                  <c:v>18.488734901471595</c:v>
                </c:pt>
                <c:pt idx="142">
                  <c:v>18.575923289963818</c:v>
                </c:pt>
                <c:pt idx="143">
                  <c:v>19.084522222835091</c:v>
                </c:pt>
                <c:pt idx="144">
                  <c:v>19.157179213245275</c:v>
                </c:pt>
                <c:pt idx="145">
                  <c:v>18.982802436260837</c:v>
                </c:pt>
                <c:pt idx="146">
                  <c:v>2.6448572779078252</c:v>
                </c:pt>
                <c:pt idx="147">
                  <c:v>2.6475358232259603</c:v>
                </c:pt>
                <c:pt idx="148">
                  <c:v>18.881082649686583</c:v>
                </c:pt>
                <c:pt idx="149">
                  <c:v>18.764831465030291</c:v>
                </c:pt>
                <c:pt idx="150">
                  <c:v>18.764831465030291</c:v>
                </c:pt>
                <c:pt idx="151">
                  <c:v>18.677643076538075</c:v>
                </c:pt>
                <c:pt idx="152">
                  <c:v>18.575923289963818</c:v>
                </c:pt>
                <c:pt idx="153">
                  <c:v>2.6528929138622299</c:v>
                </c:pt>
                <c:pt idx="154">
                  <c:v>2.6493215201047171</c:v>
                </c:pt>
                <c:pt idx="155">
                  <c:v>18.968271038178802</c:v>
                </c:pt>
                <c:pt idx="156">
                  <c:v>18.924676843932691</c:v>
                </c:pt>
                <c:pt idx="157">
                  <c:v>18.852019853522506</c:v>
                </c:pt>
                <c:pt idx="158">
                  <c:v>18.881082649686583</c:v>
                </c:pt>
                <c:pt idx="159">
                  <c:v>18.764831465030291</c:v>
                </c:pt>
                <c:pt idx="160">
                  <c:v>2.629678854438394</c:v>
                </c:pt>
                <c:pt idx="161">
                  <c:v>2.6368216419534209</c:v>
                </c:pt>
                <c:pt idx="162">
                  <c:v>18.852019853522506</c:v>
                </c:pt>
                <c:pt idx="163">
                  <c:v>19.157179213245275</c:v>
                </c:pt>
                <c:pt idx="164">
                  <c:v>18.968271038178802</c:v>
                </c:pt>
                <c:pt idx="165">
                  <c:v>18.968271038178802</c:v>
                </c:pt>
                <c:pt idx="166">
                  <c:v>18.677643076538075</c:v>
                </c:pt>
                <c:pt idx="167">
                  <c:v>2.625214612241503</c:v>
                </c:pt>
                <c:pt idx="168">
                  <c:v>2.61092903721145</c:v>
                </c:pt>
                <c:pt idx="169">
                  <c:v>18.139981347502726</c:v>
                </c:pt>
                <c:pt idx="170">
                  <c:v>17.762164997369776</c:v>
                </c:pt>
                <c:pt idx="171">
                  <c:v>17.558725424221269</c:v>
                </c:pt>
                <c:pt idx="172">
                  <c:v>17.863884783944034</c:v>
                </c:pt>
                <c:pt idx="173">
                  <c:v>18.169044143666795</c:v>
                </c:pt>
                <c:pt idx="174">
                  <c:v>2.6466429747865816</c:v>
                </c:pt>
                <c:pt idx="175">
                  <c:v>2.61092903721145</c:v>
                </c:pt>
                <c:pt idx="176">
                  <c:v>18.169044143666795</c:v>
                </c:pt>
                <c:pt idx="177">
                  <c:v>18.227169735994945</c:v>
                </c:pt>
                <c:pt idx="178">
                  <c:v>18.881082649686583</c:v>
                </c:pt>
                <c:pt idx="179">
                  <c:v>18.474203503389564</c:v>
                </c:pt>
                <c:pt idx="180">
                  <c:v>18.154512745584764</c:v>
                </c:pt>
                <c:pt idx="181">
                  <c:v>2.6171789762870974</c:v>
                </c:pt>
                <c:pt idx="182">
                  <c:v>2.6091433403326936</c:v>
                </c:pt>
                <c:pt idx="183">
                  <c:v>18.445140707225491</c:v>
                </c:pt>
                <c:pt idx="184">
                  <c:v>18.125449949420684</c:v>
                </c:pt>
                <c:pt idx="185">
                  <c:v>18.227169735994945</c:v>
                </c:pt>
                <c:pt idx="186">
                  <c:v>18.474203503389564</c:v>
                </c:pt>
                <c:pt idx="187">
                  <c:v>18.328889522569199</c:v>
                </c:pt>
                <c:pt idx="188">
                  <c:v>2.5948577653026406</c:v>
                </c:pt>
                <c:pt idx="189">
                  <c:v>2.573429402757561</c:v>
                </c:pt>
                <c:pt idx="190">
                  <c:v>17.573256822303307</c:v>
                </c:pt>
                <c:pt idx="191">
                  <c:v>17.63138241463145</c:v>
                </c:pt>
                <c:pt idx="192">
                  <c:v>17.587788220385342</c:v>
                </c:pt>
                <c:pt idx="193">
                  <c:v>18.052792959010507</c:v>
                </c:pt>
                <c:pt idx="194">
                  <c:v>17.980135968600322</c:v>
                </c:pt>
                <c:pt idx="195">
                  <c:v>2.5645009183637781</c:v>
                </c:pt>
                <c:pt idx="196">
                  <c:v>2.5511081917731038</c:v>
                </c:pt>
                <c:pt idx="197">
                  <c:v>17.587788220385342</c:v>
                </c:pt>
                <c:pt idx="198">
                  <c:v>17.63138241463145</c:v>
                </c:pt>
                <c:pt idx="199">
                  <c:v>17.602319618467376</c:v>
                </c:pt>
                <c:pt idx="200">
                  <c:v>17.965604570518288</c:v>
                </c:pt>
                <c:pt idx="201">
                  <c:v>18.256232532159018</c:v>
                </c:pt>
                <c:pt idx="202">
                  <c:v>2.5975363106207756</c:v>
                </c:pt>
                <c:pt idx="203">
                  <c:v>2.582357887151344</c:v>
                </c:pt>
                <c:pt idx="204">
                  <c:v>17.573256822303307</c:v>
                </c:pt>
                <c:pt idx="205">
                  <c:v>18.488734901471595</c:v>
                </c:pt>
                <c:pt idx="206">
                  <c:v>18.881082649686583</c:v>
                </c:pt>
                <c:pt idx="207">
                  <c:v>18.764831465030291</c:v>
                </c:pt>
                <c:pt idx="208">
                  <c:v>18.125449949420684</c:v>
                </c:pt>
                <c:pt idx="209">
                  <c:v>2.5778936449544525</c:v>
                </c:pt>
                <c:pt idx="210">
                  <c:v>2.5993220074995329</c:v>
                </c:pt>
                <c:pt idx="211">
                  <c:v>18.328889522569199</c:v>
                </c:pt>
                <c:pt idx="212">
                  <c:v>18.53232909571771</c:v>
                </c:pt>
                <c:pt idx="213">
                  <c:v>18.37248371681531</c:v>
                </c:pt>
                <c:pt idx="214">
                  <c:v>18.387015114897345</c:v>
                </c:pt>
                <c:pt idx="215">
                  <c:v>18.881082649686583</c:v>
                </c:pt>
                <c:pt idx="216">
                  <c:v>2.6457501263472034</c:v>
                </c:pt>
                <c:pt idx="217">
                  <c:v>2.6528929138622299</c:v>
                </c:pt>
                <c:pt idx="218">
                  <c:v>19.46233857296804</c:v>
                </c:pt>
                <c:pt idx="219">
                  <c:v>18.924676843932691</c:v>
                </c:pt>
                <c:pt idx="220">
                  <c:v>19.026396630506948</c:v>
                </c:pt>
                <c:pt idx="221">
                  <c:v>19.01186523242491</c:v>
                </c:pt>
                <c:pt idx="222">
                  <c:v>18.663111678456037</c:v>
                </c:pt>
                <c:pt idx="223">
                  <c:v>2.6020005528176666</c:v>
                </c:pt>
                <c:pt idx="224">
                  <c:v>2.5787864933938311</c:v>
                </c:pt>
                <c:pt idx="225">
                  <c:v>17.922010376272176</c:v>
                </c:pt>
                <c:pt idx="226">
                  <c:v>17.820290589697926</c:v>
                </c:pt>
                <c:pt idx="227">
                  <c:v>17.805759191615888</c:v>
                </c:pt>
                <c:pt idx="228">
                  <c:v>18.24170113407698</c:v>
                </c:pt>
                <c:pt idx="229">
                  <c:v>18.038261560928472</c:v>
                </c:pt>
                <c:pt idx="230">
                  <c:v>2.5752150996363179</c:v>
                </c:pt>
                <c:pt idx="231">
                  <c:v>2.5591438277275085</c:v>
                </c:pt>
                <c:pt idx="232">
                  <c:v>17.47153703572905</c:v>
                </c:pt>
                <c:pt idx="233">
                  <c:v>17.340754452990719</c:v>
                </c:pt>
                <c:pt idx="234">
                  <c:v>17.54419402613923</c:v>
                </c:pt>
                <c:pt idx="235">
                  <c:v>17.660445210795523</c:v>
                </c:pt>
                <c:pt idx="236">
                  <c:v>17.413411443400907</c:v>
                </c:pt>
                <c:pt idx="237">
                  <c:v>2.5591438277275085</c:v>
                </c:pt>
                <c:pt idx="238">
                  <c:v>2.5912863715451273</c:v>
                </c:pt>
                <c:pt idx="239">
                  <c:v>18.474203503389564</c:v>
                </c:pt>
                <c:pt idx="240">
                  <c:v>18.968271038178802</c:v>
                </c:pt>
                <c:pt idx="241">
                  <c:v>19.186242009409344</c:v>
                </c:pt>
                <c:pt idx="242">
                  <c:v>18.866551251604545</c:v>
                </c:pt>
                <c:pt idx="243">
                  <c:v>18.517797697635675</c:v>
                </c:pt>
                <c:pt idx="244">
                  <c:v>2.6064647950145581</c:v>
                </c:pt>
                <c:pt idx="245">
                  <c:v>2.613607582529585</c:v>
                </c:pt>
                <c:pt idx="246">
                  <c:v>18.822957057358437</c:v>
                </c:pt>
                <c:pt idx="247">
                  <c:v>18.750300066948252</c:v>
                </c:pt>
                <c:pt idx="248">
                  <c:v>18.53232909571771</c:v>
                </c:pt>
                <c:pt idx="249">
                  <c:v>18.488734901471595</c:v>
                </c:pt>
                <c:pt idx="250">
                  <c:v>18.401546512979383</c:v>
                </c:pt>
                <c:pt idx="251">
                  <c:v>2.5984291590601534</c:v>
                </c:pt>
                <c:pt idx="252">
                  <c:v>2.6011077043782884</c:v>
                </c:pt>
                <c:pt idx="253">
                  <c:v>18.169044143666795</c:v>
                </c:pt>
                <c:pt idx="254">
                  <c:v>18.08185575517458</c:v>
                </c:pt>
                <c:pt idx="255">
                  <c:v>18.052792959010507</c:v>
                </c:pt>
                <c:pt idx="256">
                  <c:v>18.546860493799745</c:v>
                </c:pt>
                <c:pt idx="257">
                  <c:v>18.793894261194364</c:v>
                </c:pt>
                <c:pt idx="258">
                  <c:v>2.6145004309689632</c:v>
                </c:pt>
                <c:pt idx="259">
                  <c:v>2.6100361887720713</c:v>
                </c:pt>
                <c:pt idx="260">
                  <c:v>18.357952318733268</c:v>
                </c:pt>
                <c:pt idx="261">
                  <c:v>18.604986086127887</c:v>
                </c:pt>
                <c:pt idx="262">
                  <c:v>18.56139189188178</c:v>
                </c:pt>
                <c:pt idx="263">
                  <c:v>18.328889522569199</c:v>
                </c:pt>
                <c:pt idx="264">
                  <c:v>18.445140707225491</c:v>
                </c:pt>
                <c:pt idx="265">
                  <c:v>2.6502143685440949</c:v>
                </c:pt>
                <c:pt idx="266">
                  <c:v>2.7385601095694154</c:v>
                </c:pt>
                <c:pt idx="267">
                  <c:v>19.055459426671021</c:v>
                </c:pt>
                <c:pt idx="268">
                  <c:v>18.648580280373999</c:v>
                </c:pt>
                <c:pt idx="269">
                  <c:v>18.503266299553633</c:v>
                </c:pt>
                <c:pt idx="270">
                  <c:v>18.474203503389564</c:v>
                </c:pt>
                <c:pt idx="271">
                  <c:v>18.634048882291964</c:v>
                </c:pt>
                <c:pt idx="272">
                  <c:v>2.632357399756529</c:v>
                </c:pt>
                <c:pt idx="273">
                  <c:v>2.6386073388321769</c:v>
                </c:pt>
                <c:pt idx="274">
                  <c:v>18.706705872702141</c:v>
                </c:pt>
                <c:pt idx="275">
                  <c:v>18.69217447462011</c:v>
                </c:pt>
                <c:pt idx="276">
                  <c:v>18.764831465030291</c:v>
                </c:pt>
                <c:pt idx="277">
                  <c:v>19.287961795983598</c:v>
                </c:pt>
                <c:pt idx="278">
                  <c:v>19.17171061132731</c:v>
                </c:pt>
                <c:pt idx="279">
                  <c:v>2.6421787325896902</c:v>
                </c:pt>
                <c:pt idx="280">
                  <c:v>2.662714246695391</c:v>
                </c:pt>
                <c:pt idx="281">
                  <c:v>19.549526961460259</c:v>
                </c:pt>
                <c:pt idx="282">
                  <c:v>19.244367601737494</c:v>
                </c:pt>
                <c:pt idx="283">
                  <c:v>19.040928028588983</c:v>
                </c:pt>
                <c:pt idx="284">
                  <c:v>18.910145445850656</c:v>
                </c:pt>
                <c:pt idx="285">
                  <c:v>18.459672105307526</c:v>
                </c:pt>
                <c:pt idx="286">
                  <c:v>2.632357399756529</c:v>
                </c:pt>
                <c:pt idx="287">
                  <c:v>2.8144059724434398</c:v>
                </c:pt>
                <c:pt idx="288">
                  <c:v>20.290628263644113</c:v>
                </c:pt>
                <c:pt idx="289">
                  <c:v>20.421410846382443</c:v>
                </c:pt>
                <c:pt idx="290">
                  <c:v>20.39234805021837</c:v>
                </c:pt>
                <c:pt idx="291">
                  <c:v>19.869217719265055</c:v>
                </c:pt>
                <c:pt idx="292">
                  <c:v>19.128116417081202</c:v>
                </c:pt>
                <c:pt idx="293">
                  <c:v>2.6359287935140419</c:v>
                </c:pt>
                <c:pt idx="294">
                  <c:v>2.6618213982560128</c:v>
                </c:pt>
                <c:pt idx="295">
                  <c:v>19.578589757624325</c:v>
                </c:pt>
                <c:pt idx="296">
                  <c:v>19.694840942280621</c:v>
                </c:pt>
                <c:pt idx="297">
                  <c:v>19.404212980639894</c:v>
                </c:pt>
                <c:pt idx="298">
                  <c:v>19.418744378721932</c:v>
                </c:pt>
                <c:pt idx="299">
                  <c:v>19.796560728854871</c:v>
                </c:pt>
                <c:pt idx="300">
                  <c:v>3.193635286813564</c:v>
                </c:pt>
                <c:pt idx="301">
                  <c:v>3.591826066902196</c:v>
                </c:pt>
                <c:pt idx="302">
                  <c:v>19.94187470967524</c:v>
                </c:pt>
                <c:pt idx="303">
                  <c:v>19.622183951870436</c:v>
                </c:pt>
                <c:pt idx="304">
                  <c:v>19.593121155706367</c:v>
                </c:pt>
                <c:pt idx="305">
                  <c:v>19.782029330772843</c:v>
                </c:pt>
                <c:pt idx="306">
                  <c:v>20.058125894331528</c:v>
                </c:pt>
                <c:pt idx="307">
                  <c:v>3.8572865869612838</c:v>
                </c:pt>
                <c:pt idx="308">
                  <c:v>3.591826066902196</c:v>
                </c:pt>
                <c:pt idx="309">
                  <c:v>19.636715349952475</c:v>
                </c:pt>
                <c:pt idx="310">
                  <c:v>20.159845680905782</c:v>
                </c:pt>
                <c:pt idx="311">
                  <c:v>20.10172008857764</c:v>
                </c:pt>
                <c:pt idx="312">
                  <c:v>20.595787623366874</c:v>
                </c:pt>
                <c:pt idx="313">
                  <c:v>20.465005040628551</c:v>
                </c:pt>
                <c:pt idx="314">
                  <c:v>4.0469012441463459</c:v>
                </c:pt>
                <c:pt idx="315">
                  <c:v>4.1417085727388772</c:v>
                </c:pt>
                <c:pt idx="316">
                  <c:v>20.784695798433347</c:v>
                </c:pt>
                <c:pt idx="317">
                  <c:v>20.014531700085421</c:v>
                </c:pt>
                <c:pt idx="318">
                  <c:v>19.94187470967524</c:v>
                </c:pt>
                <c:pt idx="319">
                  <c:v>19.985468903921351</c:v>
                </c:pt>
                <c:pt idx="320">
                  <c:v>20.406879448300408</c:v>
                </c:pt>
                <c:pt idx="321">
                  <c:v>4.6347066814200399</c:v>
                </c:pt>
                <c:pt idx="322">
                  <c:v>4.8243213386051016</c:v>
                </c:pt>
                <c:pt idx="323">
                  <c:v>20.26156546748004</c:v>
                </c:pt>
                <c:pt idx="324">
                  <c:v>20.232502671315967</c:v>
                </c:pt>
                <c:pt idx="325">
                  <c:v>20.799227196515385</c:v>
                </c:pt>
                <c:pt idx="326">
                  <c:v>20.944541177335751</c:v>
                </c:pt>
                <c:pt idx="327">
                  <c:v>20.71203880802317</c:v>
                </c:pt>
                <c:pt idx="328">
                  <c:v>5.1656277215382147</c:v>
                </c:pt>
                <c:pt idx="329">
                  <c:v>5.2604350501307451</c:v>
                </c:pt>
                <c:pt idx="330">
                  <c:v>20.973603973499827</c:v>
                </c:pt>
                <c:pt idx="331">
                  <c:v>21.017198167745931</c:v>
                </c:pt>
                <c:pt idx="332">
                  <c:v>21.655711584105987</c:v>
                </c:pt>
                <c:pt idx="333">
                  <c:v>21.908719187538232</c:v>
                </c:pt>
                <c:pt idx="334">
                  <c:v>21.718963484964046</c:v>
                </c:pt>
                <c:pt idx="335">
                  <c:v>5.6965487616563886</c:v>
                </c:pt>
                <c:pt idx="336">
                  <c:v>6.0188936788709952</c:v>
                </c:pt>
                <c:pt idx="337">
                  <c:v>22.889123650838179</c:v>
                </c:pt>
                <c:pt idx="338">
                  <c:v>22.256604642257564</c:v>
                </c:pt>
                <c:pt idx="339">
                  <c:v>21.655711584105987</c:v>
                </c:pt>
                <c:pt idx="340">
                  <c:v>21.104386556238151</c:v>
                </c:pt>
                <c:pt idx="341">
                  <c:v>21.813841336251141</c:v>
                </c:pt>
                <c:pt idx="342">
                  <c:v>5.5827799673453526</c:v>
                </c:pt>
                <c:pt idx="343">
                  <c:v>4.9191286671976338</c:v>
                </c:pt>
                <c:pt idx="344">
                  <c:v>21.060792361992043</c:v>
                </c:pt>
                <c:pt idx="345">
                  <c:v>20.55219342912077</c:v>
                </c:pt>
                <c:pt idx="346">
                  <c:v>20.581256225284839</c:v>
                </c:pt>
                <c:pt idx="347">
                  <c:v>20.741101604187239</c:v>
                </c:pt>
                <c:pt idx="348">
                  <c:v>20.915478381171681</c:v>
                </c:pt>
                <c:pt idx="349">
                  <c:v>4.5019764213904958</c:v>
                </c:pt>
                <c:pt idx="350">
                  <c:v>4.1227471070203716</c:v>
                </c:pt>
                <c:pt idx="351">
                  <c:v>20.348753855972259</c:v>
                </c:pt>
                <c:pt idx="352">
                  <c:v>20.479536438710589</c:v>
                </c:pt>
                <c:pt idx="353">
                  <c:v>21.060792361992043</c:v>
                </c:pt>
                <c:pt idx="354">
                  <c:v>20.465005040628551</c:v>
                </c:pt>
                <c:pt idx="355">
                  <c:v>20.465005040628551</c:v>
                </c:pt>
                <c:pt idx="356">
                  <c:v>4.8432828043236089</c:v>
                </c:pt>
                <c:pt idx="357">
                  <c:v>4.388207627079459</c:v>
                </c:pt>
                <c:pt idx="358">
                  <c:v>19.854686321183021</c:v>
                </c:pt>
                <c:pt idx="359">
                  <c:v>19.956406107757278</c:v>
                </c:pt>
                <c:pt idx="360">
                  <c:v>20.348753855972259</c:v>
                </c:pt>
                <c:pt idx="361">
                  <c:v>20.930009779253716</c:v>
                </c:pt>
                <c:pt idx="362">
                  <c:v>20.363285254054293</c:v>
                </c:pt>
                <c:pt idx="363">
                  <c:v>4.0089783127093339</c:v>
                </c:pt>
                <c:pt idx="364">
                  <c:v>4.5588608185460151</c:v>
                </c:pt>
              </c:numCache>
            </c:numRef>
          </c:val>
          <c:extLst>
            <c:ext xmlns:c16="http://schemas.microsoft.com/office/drawing/2014/chart" uri="{C3380CC4-5D6E-409C-BE32-E72D297353CC}">
              <c16:uniqueId val="{00000003-84B1-4936-A715-6FFFC4092DE5}"/>
            </c:ext>
          </c:extLst>
        </c:ser>
        <c:ser>
          <c:idx val="3"/>
          <c:order val="3"/>
          <c:tx>
            <c:strRef>
              <c:f>Jesper!$AO$1</c:f>
              <c:strCache>
                <c:ptCount val="1"/>
                <c:pt idx="0">
                  <c:v>T3</c:v>
                </c:pt>
              </c:strCache>
            </c:strRef>
          </c:tx>
          <c:spPr>
            <a:solidFill>
              <a:schemeClr val="accent5"/>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O$2:$AO$366</c:f>
              <c:numCache>
                <c:formatCode>General</c:formatCode>
                <c:ptCount val="365"/>
                <c:pt idx="0">
                  <c:v>8.776415254158918</c:v>
                </c:pt>
                <c:pt idx="1">
                  <c:v>41.685642781522994</c:v>
                </c:pt>
                <c:pt idx="2">
                  <c:v>41.191575246733748</c:v>
                </c:pt>
                <c:pt idx="3">
                  <c:v>41.365952023718194</c:v>
                </c:pt>
                <c:pt idx="4">
                  <c:v>39.970937807842702</c:v>
                </c:pt>
                <c:pt idx="5">
                  <c:v>40.348754157975648</c:v>
                </c:pt>
                <c:pt idx="6">
                  <c:v>7.7904190367965942</c:v>
                </c:pt>
                <c:pt idx="7">
                  <c:v>9.3073362942770927</c:v>
                </c:pt>
                <c:pt idx="8">
                  <c:v>41.801893966179286</c:v>
                </c:pt>
                <c:pt idx="9">
                  <c:v>41.191575246733748</c:v>
                </c:pt>
                <c:pt idx="10">
                  <c:v>41.918145150835571</c:v>
                </c:pt>
                <c:pt idx="11">
                  <c:v>40.552193731124156</c:v>
                </c:pt>
                <c:pt idx="12">
                  <c:v>40.959072877421178</c:v>
                </c:pt>
                <c:pt idx="13">
                  <c:v>8.0558795568556807</c:v>
                </c:pt>
                <c:pt idx="14">
                  <c:v>9.1177216370920302</c:v>
                </c:pt>
                <c:pt idx="15">
                  <c:v>41.801893966179286</c:v>
                </c:pt>
                <c:pt idx="16">
                  <c:v>42.034396335491863</c:v>
                </c:pt>
                <c:pt idx="17">
                  <c:v>41.860019558507432</c:v>
                </c:pt>
                <c:pt idx="18">
                  <c:v>42.121584723984085</c:v>
                </c:pt>
                <c:pt idx="19">
                  <c:v>43.627682672502281</c:v>
                </c:pt>
                <c:pt idx="20">
                  <c:v>11.165559934690705</c:v>
                </c:pt>
                <c:pt idx="21">
                  <c:v>11.165559934690705</c:v>
                </c:pt>
                <c:pt idx="22">
                  <c:v>42.805407961347491</c:v>
                </c:pt>
                <c:pt idx="23">
                  <c:v>42.412212685624816</c:v>
                </c:pt>
                <c:pt idx="24">
                  <c:v>42.557526666445185</c:v>
                </c:pt>
                <c:pt idx="25">
                  <c:v>43.437926969928093</c:v>
                </c:pt>
                <c:pt idx="26">
                  <c:v>44.196949780224834</c:v>
                </c:pt>
                <c:pt idx="27">
                  <c:v>11.506866317623816</c:v>
                </c:pt>
                <c:pt idx="28">
                  <c:v>11.734403906245891</c:v>
                </c:pt>
                <c:pt idx="29">
                  <c:v>42.615652258773316</c:v>
                </c:pt>
                <c:pt idx="30">
                  <c:v>41.947207946999654</c:v>
                </c:pt>
                <c:pt idx="31">
                  <c:v>41.685642781522994</c:v>
                </c:pt>
                <c:pt idx="32">
                  <c:v>42.295961500968524</c:v>
                </c:pt>
                <c:pt idx="33">
                  <c:v>41.918145150835571</c:v>
                </c:pt>
                <c:pt idx="34">
                  <c:v>9.6865656086472178</c:v>
                </c:pt>
                <c:pt idx="35">
                  <c:v>11.431020454749794</c:v>
                </c:pt>
                <c:pt idx="36">
                  <c:v>45.651743499960226</c:v>
                </c:pt>
                <c:pt idx="37">
                  <c:v>45.651743499960226</c:v>
                </c:pt>
                <c:pt idx="38">
                  <c:v>45.145728293095743</c:v>
                </c:pt>
                <c:pt idx="39">
                  <c:v>44.196949780224834</c:v>
                </c:pt>
                <c:pt idx="40">
                  <c:v>43.184919366495862</c:v>
                </c:pt>
                <c:pt idx="41">
                  <c:v>9.8003344029582546</c:v>
                </c:pt>
                <c:pt idx="42">
                  <c:v>8.6626464598478794</c:v>
                </c:pt>
                <c:pt idx="43">
                  <c:v>41.42407761604634</c:v>
                </c:pt>
                <c:pt idx="44">
                  <c:v>41.569391596866694</c:v>
                </c:pt>
                <c:pt idx="45">
                  <c:v>42.150647520148155</c:v>
                </c:pt>
                <c:pt idx="46">
                  <c:v>42.325024297132593</c:v>
                </c:pt>
                <c:pt idx="47">
                  <c:v>40.900947285093025</c:v>
                </c:pt>
                <c:pt idx="48">
                  <c:v>5.932195396382979</c:v>
                </c:pt>
                <c:pt idx="49">
                  <c:v>7.069883339493356</c:v>
                </c:pt>
                <c:pt idx="50">
                  <c:v>40.813758896600817</c:v>
                </c:pt>
                <c:pt idx="51">
                  <c:v>39.738435438530111</c:v>
                </c:pt>
                <c:pt idx="52">
                  <c:v>39.651247050037902</c:v>
                </c:pt>
                <c:pt idx="53">
                  <c:v>40.49406813879601</c:v>
                </c:pt>
                <c:pt idx="54">
                  <c:v>39.738435438530111</c:v>
                </c:pt>
                <c:pt idx="55">
                  <c:v>8.35926300835178</c:v>
                </c:pt>
                <c:pt idx="56">
                  <c:v>10.596715963135516</c:v>
                </c:pt>
                <c:pt idx="57">
                  <c:v>43.184919366495862</c:v>
                </c:pt>
                <c:pt idx="58">
                  <c:v>42.586589462609254</c:v>
                </c:pt>
                <c:pt idx="59">
                  <c:v>42.179710316312232</c:v>
                </c:pt>
                <c:pt idx="60">
                  <c:v>41.42407761604634</c:v>
                </c:pt>
                <c:pt idx="61">
                  <c:v>41.42407761604634</c:v>
                </c:pt>
                <c:pt idx="62">
                  <c:v>8.776415254158918</c:v>
                </c:pt>
                <c:pt idx="63">
                  <c:v>9.7244885400842289</c:v>
                </c:pt>
                <c:pt idx="64">
                  <c:v>41.569391596866694</c:v>
                </c:pt>
                <c:pt idx="65">
                  <c:v>41.162512450569679</c:v>
                </c:pt>
                <c:pt idx="66">
                  <c:v>40.900947285093025</c:v>
                </c:pt>
                <c:pt idx="67">
                  <c:v>39.88374941935048</c:v>
                </c:pt>
                <c:pt idx="68">
                  <c:v>40.087188992498994</c:v>
                </c:pt>
                <c:pt idx="69">
                  <c:v>8.3213400769147672</c:v>
                </c:pt>
                <c:pt idx="70">
                  <c:v>9.5727968143361792</c:v>
                </c:pt>
                <c:pt idx="71">
                  <c:v>40.087188992498994</c:v>
                </c:pt>
                <c:pt idx="72">
                  <c:v>40.116251788663057</c:v>
                </c:pt>
                <c:pt idx="73">
                  <c:v>41.017198469749317</c:v>
                </c:pt>
                <c:pt idx="74">
                  <c:v>41.801893966179286</c:v>
                </c:pt>
                <c:pt idx="75">
                  <c:v>41.017198469749317</c:v>
                </c:pt>
                <c:pt idx="76">
                  <c:v>7.8283419682336044</c:v>
                </c:pt>
                <c:pt idx="77">
                  <c:v>7.8662648996706173</c:v>
                </c:pt>
                <c:pt idx="78">
                  <c:v>39.709372642366041</c:v>
                </c:pt>
                <c:pt idx="79">
                  <c:v>39.418744680725318</c:v>
                </c:pt>
                <c:pt idx="80">
                  <c:v>38.750300368951642</c:v>
                </c:pt>
                <c:pt idx="81">
                  <c:v>39.011865534428289</c:v>
                </c:pt>
                <c:pt idx="82">
                  <c:v>38.634049184295357</c:v>
                </c:pt>
                <c:pt idx="83">
                  <c:v>6.5010393679381666</c:v>
                </c:pt>
                <c:pt idx="84">
                  <c:v>6.5768852308121932</c:v>
                </c:pt>
                <c:pt idx="85">
                  <c:v>41.046261265913387</c:v>
                </c:pt>
                <c:pt idx="86">
                  <c:v>41.976270743163731</c:v>
                </c:pt>
                <c:pt idx="87">
                  <c:v>41.889082354671501</c:v>
                </c:pt>
                <c:pt idx="88">
                  <c:v>40.610319323452302</c:v>
                </c:pt>
                <c:pt idx="89">
                  <c:v>39.331556292233095</c:v>
                </c:pt>
                <c:pt idx="90">
                  <c:v>6.4631164365011546</c:v>
                </c:pt>
                <c:pt idx="91">
                  <c:v>7.9800336939816559</c:v>
                </c:pt>
                <c:pt idx="92">
                  <c:v>41.830956762343362</c:v>
                </c:pt>
                <c:pt idx="93">
                  <c:v>42.295961500968524</c:v>
                </c:pt>
                <c:pt idx="94">
                  <c:v>42.383149889460746</c:v>
                </c:pt>
                <c:pt idx="95">
                  <c:v>41.598454393030771</c:v>
                </c:pt>
                <c:pt idx="96">
                  <c:v>41.162512450569679</c:v>
                </c:pt>
                <c:pt idx="97">
                  <c:v>9.8003344029582546</c:v>
                </c:pt>
                <c:pt idx="98">
                  <c:v>8.8143381855959309</c:v>
                </c:pt>
                <c:pt idx="99">
                  <c:v>40.377816954139725</c:v>
                </c:pt>
                <c:pt idx="100">
                  <c:v>40.78469610043674</c:v>
                </c:pt>
                <c:pt idx="101">
                  <c:v>40.319691361811564</c:v>
                </c:pt>
                <c:pt idx="102">
                  <c:v>40.174377380991203</c:v>
                </c:pt>
                <c:pt idx="103">
                  <c:v>41.627517189194847</c:v>
                </c:pt>
                <c:pt idx="104">
                  <c:v>9.1177216370920302</c:v>
                </c:pt>
                <c:pt idx="105">
                  <c:v>8.0558795568556807</c:v>
                </c:pt>
                <c:pt idx="106">
                  <c:v>39.622184253873826</c:v>
                </c:pt>
                <c:pt idx="107">
                  <c:v>39.709372642366041</c:v>
                </c:pt>
                <c:pt idx="108">
                  <c:v>40.232502973319356</c:v>
                </c:pt>
                <c:pt idx="109">
                  <c:v>39.912812215514556</c:v>
                </c:pt>
                <c:pt idx="110">
                  <c:v>39.273430699904949</c:v>
                </c:pt>
                <c:pt idx="111">
                  <c:v>5.4771202191388308</c:v>
                </c:pt>
                <c:pt idx="112">
                  <c:v>5.3040001308457034</c:v>
                </c:pt>
                <c:pt idx="113">
                  <c:v>38.982802738264226</c:v>
                </c:pt>
                <c:pt idx="114">
                  <c:v>39.825623827022326</c:v>
                </c:pt>
                <c:pt idx="115">
                  <c:v>40.465005342631933</c:v>
                </c:pt>
                <c:pt idx="116">
                  <c:v>40.116251788663057</c:v>
                </c:pt>
                <c:pt idx="117">
                  <c:v>39.564058661545687</c:v>
                </c:pt>
                <c:pt idx="118">
                  <c:v>5.932195396382979</c:v>
                </c:pt>
                <c:pt idx="119">
                  <c:v>6.0838871221310296</c:v>
                </c:pt>
                <c:pt idx="120">
                  <c:v>39.360619088397172</c:v>
                </c:pt>
                <c:pt idx="121">
                  <c:v>38.837488757443865</c:v>
                </c:pt>
                <c:pt idx="122">
                  <c:v>39.099053922920518</c:v>
                </c:pt>
                <c:pt idx="123">
                  <c:v>39.15717951524865</c:v>
                </c:pt>
                <c:pt idx="124">
                  <c:v>38.60498638813128</c:v>
                </c:pt>
                <c:pt idx="125">
                  <c:v>5.2754289807855983</c:v>
                </c:pt>
                <c:pt idx="126">
                  <c:v>5.4391972877018171</c:v>
                </c:pt>
                <c:pt idx="127">
                  <c:v>39.767498234694195</c:v>
                </c:pt>
                <c:pt idx="128">
                  <c:v>39.418744680725318</c:v>
                </c:pt>
                <c:pt idx="129">
                  <c:v>38.982802738264226</c:v>
                </c:pt>
                <c:pt idx="130">
                  <c:v>38.663111980459419</c:v>
                </c:pt>
                <c:pt idx="131">
                  <c:v>39.186242311412734</c:v>
                </c:pt>
                <c:pt idx="132">
                  <c:v>7.107806270930368</c:v>
                </c:pt>
                <c:pt idx="133">
                  <c:v>7.2974209281154279</c:v>
                </c:pt>
                <c:pt idx="134">
                  <c:v>39.069991126756442</c:v>
                </c:pt>
                <c:pt idx="135">
                  <c:v>39.040928330592365</c:v>
                </c:pt>
                <c:pt idx="136">
                  <c:v>40.087188992498994</c:v>
                </c:pt>
                <c:pt idx="137">
                  <c:v>40.174377380991203</c:v>
                </c:pt>
                <c:pt idx="138">
                  <c:v>39.15717951524865</c:v>
                </c:pt>
                <c:pt idx="139">
                  <c:v>5.3004287370881897</c:v>
                </c:pt>
                <c:pt idx="140">
                  <c:v>5.2486435276042487</c:v>
                </c:pt>
                <c:pt idx="141">
                  <c:v>36.97746980294319</c:v>
                </c:pt>
                <c:pt idx="142">
                  <c:v>37.151846579927636</c:v>
                </c:pt>
                <c:pt idx="143">
                  <c:v>38.169044445670181</c:v>
                </c:pt>
                <c:pt idx="144">
                  <c:v>38.31435842649055</c:v>
                </c:pt>
                <c:pt idx="145">
                  <c:v>37.965604872521673</c:v>
                </c:pt>
                <c:pt idx="146">
                  <c:v>5.2897145558156504</c:v>
                </c:pt>
                <c:pt idx="147">
                  <c:v>5.2950716464519205</c:v>
                </c:pt>
                <c:pt idx="148">
                  <c:v>37.762165299373166</c:v>
                </c:pt>
                <c:pt idx="149">
                  <c:v>37.529662930060582</c:v>
                </c:pt>
                <c:pt idx="150">
                  <c:v>37.529662930060582</c:v>
                </c:pt>
                <c:pt idx="151">
                  <c:v>37.35528615307615</c:v>
                </c:pt>
                <c:pt idx="152">
                  <c:v>37.151846579927636</c:v>
                </c:pt>
                <c:pt idx="153">
                  <c:v>5.3057858277244598</c:v>
                </c:pt>
                <c:pt idx="154">
                  <c:v>5.2986430402094342</c:v>
                </c:pt>
                <c:pt idx="155">
                  <c:v>37.936542076357604</c:v>
                </c:pt>
                <c:pt idx="156">
                  <c:v>37.849353687865381</c:v>
                </c:pt>
                <c:pt idx="157">
                  <c:v>37.704039707045013</c:v>
                </c:pt>
                <c:pt idx="158">
                  <c:v>37.762165299373166</c:v>
                </c:pt>
                <c:pt idx="159">
                  <c:v>37.529662930060582</c:v>
                </c:pt>
                <c:pt idx="160">
                  <c:v>5.259357708876788</c:v>
                </c:pt>
                <c:pt idx="161">
                  <c:v>5.2736432839068419</c:v>
                </c:pt>
                <c:pt idx="162">
                  <c:v>37.704039707045013</c:v>
                </c:pt>
                <c:pt idx="163">
                  <c:v>38.31435842649055</c:v>
                </c:pt>
                <c:pt idx="164">
                  <c:v>37.936542076357604</c:v>
                </c:pt>
                <c:pt idx="165">
                  <c:v>37.936542076357604</c:v>
                </c:pt>
                <c:pt idx="166">
                  <c:v>37.35528615307615</c:v>
                </c:pt>
                <c:pt idx="167">
                  <c:v>5.250429224483006</c:v>
                </c:pt>
                <c:pt idx="168">
                  <c:v>5.2218580744229</c:v>
                </c:pt>
                <c:pt idx="169">
                  <c:v>36.279962695005452</c:v>
                </c:pt>
                <c:pt idx="170">
                  <c:v>35.524329994739553</c:v>
                </c:pt>
                <c:pt idx="171">
                  <c:v>35.117450848442537</c:v>
                </c:pt>
                <c:pt idx="172">
                  <c:v>35.727769567888068</c:v>
                </c:pt>
                <c:pt idx="173">
                  <c:v>36.338088287333591</c:v>
                </c:pt>
                <c:pt idx="174">
                  <c:v>5.2932859495731632</c:v>
                </c:pt>
                <c:pt idx="175">
                  <c:v>5.2218580744229</c:v>
                </c:pt>
                <c:pt idx="176">
                  <c:v>36.338088287333591</c:v>
                </c:pt>
                <c:pt idx="177">
                  <c:v>36.45433947198989</c:v>
                </c:pt>
                <c:pt idx="178">
                  <c:v>37.762165299373166</c:v>
                </c:pt>
                <c:pt idx="179">
                  <c:v>36.948407006779128</c:v>
                </c:pt>
                <c:pt idx="180">
                  <c:v>36.309025491169528</c:v>
                </c:pt>
                <c:pt idx="181">
                  <c:v>5.2343579525741948</c:v>
                </c:pt>
                <c:pt idx="182">
                  <c:v>5.2182866806653871</c:v>
                </c:pt>
                <c:pt idx="183">
                  <c:v>36.890281414450982</c:v>
                </c:pt>
                <c:pt idx="184">
                  <c:v>36.250899898841368</c:v>
                </c:pt>
                <c:pt idx="185">
                  <c:v>36.45433947198989</c:v>
                </c:pt>
                <c:pt idx="186">
                  <c:v>36.948407006779128</c:v>
                </c:pt>
                <c:pt idx="187">
                  <c:v>36.657779045138398</c:v>
                </c:pt>
                <c:pt idx="188">
                  <c:v>5.1897155306052811</c:v>
                </c:pt>
                <c:pt idx="189">
                  <c:v>5.1468588055151221</c:v>
                </c:pt>
                <c:pt idx="190">
                  <c:v>35.146513644606614</c:v>
                </c:pt>
                <c:pt idx="191">
                  <c:v>35.262764829262899</c:v>
                </c:pt>
                <c:pt idx="192">
                  <c:v>35.175576440770683</c:v>
                </c:pt>
                <c:pt idx="193">
                  <c:v>36.105585918021013</c:v>
                </c:pt>
                <c:pt idx="194">
                  <c:v>35.960271937200645</c:v>
                </c:pt>
                <c:pt idx="195">
                  <c:v>5.1290018367275563</c:v>
                </c:pt>
                <c:pt idx="196">
                  <c:v>5.1022163835462075</c:v>
                </c:pt>
                <c:pt idx="197">
                  <c:v>35.175576440770683</c:v>
                </c:pt>
                <c:pt idx="198">
                  <c:v>35.262764829262899</c:v>
                </c:pt>
                <c:pt idx="199">
                  <c:v>35.204639236934753</c:v>
                </c:pt>
                <c:pt idx="200">
                  <c:v>35.931209141036575</c:v>
                </c:pt>
                <c:pt idx="201">
                  <c:v>36.512465064318036</c:v>
                </c:pt>
                <c:pt idx="202">
                  <c:v>5.1950726212415512</c:v>
                </c:pt>
                <c:pt idx="203">
                  <c:v>5.1647157743026879</c:v>
                </c:pt>
                <c:pt idx="204">
                  <c:v>35.146513644606614</c:v>
                </c:pt>
                <c:pt idx="205">
                  <c:v>36.97746980294319</c:v>
                </c:pt>
                <c:pt idx="206">
                  <c:v>37.762165299373166</c:v>
                </c:pt>
                <c:pt idx="207">
                  <c:v>37.529662930060582</c:v>
                </c:pt>
                <c:pt idx="208">
                  <c:v>36.250899898841368</c:v>
                </c:pt>
                <c:pt idx="209">
                  <c:v>5.155787289908905</c:v>
                </c:pt>
                <c:pt idx="210">
                  <c:v>5.1986440149990658</c:v>
                </c:pt>
                <c:pt idx="211">
                  <c:v>36.657779045138398</c:v>
                </c:pt>
                <c:pt idx="212">
                  <c:v>37.06465819143542</c:v>
                </c:pt>
                <c:pt idx="213">
                  <c:v>36.74496743363062</c:v>
                </c:pt>
                <c:pt idx="214">
                  <c:v>36.77403022979469</c:v>
                </c:pt>
                <c:pt idx="215">
                  <c:v>37.762165299373166</c:v>
                </c:pt>
                <c:pt idx="216">
                  <c:v>5.2915002526944068</c:v>
                </c:pt>
                <c:pt idx="217">
                  <c:v>5.3057858277244598</c:v>
                </c:pt>
                <c:pt idx="218">
                  <c:v>38.92467714593608</c:v>
                </c:pt>
                <c:pt idx="219">
                  <c:v>37.849353687865381</c:v>
                </c:pt>
                <c:pt idx="220">
                  <c:v>38.052793261013896</c:v>
                </c:pt>
                <c:pt idx="221">
                  <c:v>38.02373046484982</c:v>
                </c:pt>
                <c:pt idx="222">
                  <c:v>37.326223356912074</c:v>
                </c:pt>
                <c:pt idx="223">
                  <c:v>5.2040011056353332</c:v>
                </c:pt>
                <c:pt idx="224">
                  <c:v>5.1575729867876623</c:v>
                </c:pt>
                <c:pt idx="225">
                  <c:v>35.844020752544353</c:v>
                </c:pt>
                <c:pt idx="226">
                  <c:v>35.640581179395852</c:v>
                </c:pt>
                <c:pt idx="227">
                  <c:v>35.611518383231775</c:v>
                </c:pt>
                <c:pt idx="228">
                  <c:v>36.483402268153959</c:v>
                </c:pt>
                <c:pt idx="229">
                  <c:v>36.076523121856944</c:v>
                </c:pt>
                <c:pt idx="230">
                  <c:v>5.1504301992726358</c:v>
                </c:pt>
                <c:pt idx="231">
                  <c:v>5.118287655455017</c:v>
                </c:pt>
                <c:pt idx="232">
                  <c:v>34.943074071458099</c:v>
                </c:pt>
                <c:pt idx="233">
                  <c:v>34.681508905981438</c:v>
                </c:pt>
                <c:pt idx="234">
                  <c:v>35.088388052278461</c:v>
                </c:pt>
                <c:pt idx="235">
                  <c:v>35.320890421591045</c:v>
                </c:pt>
                <c:pt idx="236">
                  <c:v>34.826822886801814</c:v>
                </c:pt>
                <c:pt idx="237">
                  <c:v>5.118287655455017</c:v>
                </c:pt>
                <c:pt idx="238">
                  <c:v>5.1825727430902546</c:v>
                </c:pt>
                <c:pt idx="239">
                  <c:v>36.948407006779128</c:v>
                </c:pt>
                <c:pt idx="240">
                  <c:v>37.936542076357604</c:v>
                </c:pt>
                <c:pt idx="241">
                  <c:v>38.372484018818689</c:v>
                </c:pt>
                <c:pt idx="242">
                  <c:v>37.733102503209089</c:v>
                </c:pt>
                <c:pt idx="243">
                  <c:v>37.035595395271351</c:v>
                </c:pt>
                <c:pt idx="244">
                  <c:v>5.2129295900291162</c:v>
                </c:pt>
                <c:pt idx="245">
                  <c:v>5.2272151650591701</c:v>
                </c:pt>
                <c:pt idx="246">
                  <c:v>37.645914114716874</c:v>
                </c:pt>
                <c:pt idx="247">
                  <c:v>37.500600133896505</c:v>
                </c:pt>
                <c:pt idx="248">
                  <c:v>37.06465819143542</c:v>
                </c:pt>
                <c:pt idx="249">
                  <c:v>36.97746980294319</c:v>
                </c:pt>
                <c:pt idx="250">
                  <c:v>36.803093025958766</c:v>
                </c:pt>
                <c:pt idx="251">
                  <c:v>5.1968583181203067</c:v>
                </c:pt>
                <c:pt idx="252">
                  <c:v>5.2022154087565768</c:v>
                </c:pt>
                <c:pt idx="253">
                  <c:v>36.338088287333591</c:v>
                </c:pt>
                <c:pt idx="254">
                  <c:v>36.16371151034916</c:v>
                </c:pt>
                <c:pt idx="255">
                  <c:v>36.105585918021013</c:v>
                </c:pt>
                <c:pt idx="256">
                  <c:v>37.09372098759949</c:v>
                </c:pt>
                <c:pt idx="257">
                  <c:v>37.587788522388728</c:v>
                </c:pt>
                <c:pt idx="258">
                  <c:v>5.2290008619379265</c:v>
                </c:pt>
                <c:pt idx="259">
                  <c:v>5.2200723775441427</c:v>
                </c:pt>
                <c:pt idx="260">
                  <c:v>36.715904637466537</c:v>
                </c:pt>
                <c:pt idx="261">
                  <c:v>37.209972172255775</c:v>
                </c:pt>
                <c:pt idx="262">
                  <c:v>37.122783783763559</c:v>
                </c:pt>
                <c:pt idx="263">
                  <c:v>36.657779045138398</c:v>
                </c:pt>
                <c:pt idx="264">
                  <c:v>36.890281414450982</c:v>
                </c:pt>
                <c:pt idx="265">
                  <c:v>5.3004287370881897</c:v>
                </c:pt>
                <c:pt idx="266">
                  <c:v>5.4771202191388308</c:v>
                </c:pt>
                <c:pt idx="267">
                  <c:v>38.110918853342042</c:v>
                </c:pt>
                <c:pt idx="268">
                  <c:v>37.297160560747997</c:v>
                </c:pt>
                <c:pt idx="269">
                  <c:v>37.006532599107267</c:v>
                </c:pt>
                <c:pt idx="270">
                  <c:v>36.948407006779128</c:v>
                </c:pt>
                <c:pt idx="271">
                  <c:v>37.268097764583928</c:v>
                </c:pt>
                <c:pt idx="272">
                  <c:v>5.2647147995130581</c:v>
                </c:pt>
                <c:pt idx="273">
                  <c:v>5.2772146776643538</c:v>
                </c:pt>
                <c:pt idx="274">
                  <c:v>37.413411745404282</c:v>
                </c:pt>
                <c:pt idx="275">
                  <c:v>37.38434894924022</c:v>
                </c:pt>
                <c:pt idx="276">
                  <c:v>37.529662930060582</c:v>
                </c:pt>
                <c:pt idx="277">
                  <c:v>38.575923591967197</c:v>
                </c:pt>
                <c:pt idx="278">
                  <c:v>38.343421222654619</c:v>
                </c:pt>
                <c:pt idx="279">
                  <c:v>5.2843574651793803</c:v>
                </c:pt>
                <c:pt idx="280">
                  <c:v>5.3254284933907821</c:v>
                </c:pt>
                <c:pt idx="281">
                  <c:v>39.099053922920518</c:v>
                </c:pt>
                <c:pt idx="282">
                  <c:v>38.488735203474988</c:v>
                </c:pt>
                <c:pt idx="283">
                  <c:v>38.081856057177966</c:v>
                </c:pt>
                <c:pt idx="284">
                  <c:v>37.820290891701312</c:v>
                </c:pt>
                <c:pt idx="285">
                  <c:v>36.919344210615051</c:v>
                </c:pt>
                <c:pt idx="286">
                  <c:v>5.2647147995130581</c:v>
                </c:pt>
                <c:pt idx="287">
                  <c:v>5.6288119448868796</c:v>
                </c:pt>
                <c:pt idx="288">
                  <c:v>40.581256527288225</c:v>
                </c:pt>
                <c:pt idx="289">
                  <c:v>40.842821692764886</c:v>
                </c:pt>
                <c:pt idx="290">
                  <c:v>40.78469610043674</c:v>
                </c:pt>
                <c:pt idx="291">
                  <c:v>39.738435438530111</c:v>
                </c:pt>
                <c:pt idx="292">
                  <c:v>38.256232834162404</c:v>
                </c:pt>
                <c:pt idx="293">
                  <c:v>5.2718575870280837</c:v>
                </c:pt>
                <c:pt idx="294">
                  <c:v>5.3236427965120257</c:v>
                </c:pt>
                <c:pt idx="295">
                  <c:v>39.15717951524865</c:v>
                </c:pt>
                <c:pt idx="296">
                  <c:v>39.389681884561242</c:v>
                </c:pt>
                <c:pt idx="297">
                  <c:v>38.808425961279788</c:v>
                </c:pt>
                <c:pt idx="298">
                  <c:v>38.837488757443865</c:v>
                </c:pt>
                <c:pt idx="299">
                  <c:v>39.593121457709742</c:v>
                </c:pt>
                <c:pt idx="300">
                  <c:v>6.387270573627128</c:v>
                </c:pt>
                <c:pt idx="301">
                  <c:v>7.1836521338043919</c:v>
                </c:pt>
                <c:pt idx="302">
                  <c:v>39.88374941935048</c:v>
                </c:pt>
                <c:pt idx="303">
                  <c:v>39.244367903740873</c:v>
                </c:pt>
                <c:pt idx="304">
                  <c:v>39.186242311412734</c:v>
                </c:pt>
                <c:pt idx="305">
                  <c:v>39.564058661545687</c:v>
                </c:pt>
                <c:pt idx="306">
                  <c:v>40.116251788663057</c:v>
                </c:pt>
                <c:pt idx="307">
                  <c:v>7.7145731739225676</c:v>
                </c:pt>
                <c:pt idx="308">
                  <c:v>7.1836521338043919</c:v>
                </c:pt>
                <c:pt idx="309">
                  <c:v>39.273430699904949</c:v>
                </c:pt>
                <c:pt idx="310">
                  <c:v>40.319691361811564</c:v>
                </c:pt>
                <c:pt idx="311">
                  <c:v>40.203440177155279</c:v>
                </c:pt>
                <c:pt idx="312">
                  <c:v>41.191575246733748</c:v>
                </c:pt>
                <c:pt idx="313">
                  <c:v>40.930010081257102</c:v>
                </c:pt>
                <c:pt idx="314">
                  <c:v>8.0938024882926918</c:v>
                </c:pt>
                <c:pt idx="315">
                  <c:v>8.2834171454777543</c:v>
                </c:pt>
                <c:pt idx="316">
                  <c:v>41.569391596866694</c:v>
                </c:pt>
                <c:pt idx="317">
                  <c:v>40.029063400170841</c:v>
                </c:pt>
                <c:pt idx="318">
                  <c:v>39.88374941935048</c:v>
                </c:pt>
                <c:pt idx="319">
                  <c:v>39.970937807842702</c:v>
                </c:pt>
                <c:pt idx="320">
                  <c:v>40.813758896600817</c:v>
                </c:pt>
                <c:pt idx="321">
                  <c:v>9.2694133628400799</c:v>
                </c:pt>
                <c:pt idx="322">
                  <c:v>9.6486426772102032</c:v>
                </c:pt>
                <c:pt idx="323">
                  <c:v>40.523130934960079</c:v>
                </c:pt>
                <c:pt idx="324">
                  <c:v>40.465005342631933</c:v>
                </c:pt>
                <c:pt idx="325">
                  <c:v>41.598454393030771</c:v>
                </c:pt>
                <c:pt idx="326">
                  <c:v>41.889082354671501</c:v>
                </c:pt>
                <c:pt idx="327">
                  <c:v>41.42407761604634</c:v>
                </c:pt>
                <c:pt idx="328">
                  <c:v>10.331255443076429</c:v>
                </c:pt>
                <c:pt idx="329">
                  <c:v>10.52087010026149</c:v>
                </c:pt>
                <c:pt idx="330">
                  <c:v>41.947207946999654</c:v>
                </c:pt>
                <c:pt idx="331">
                  <c:v>42.034396335491863</c:v>
                </c:pt>
                <c:pt idx="332">
                  <c:v>43.311423168211974</c:v>
                </c:pt>
                <c:pt idx="333">
                  <c:v>43.817438375076463</c:v>
                </c:pt>
                <c:pt idx="334">
                  <c:v>43.437926969928093</c:v>
                </c:pt>
                <c:pt idx="335">
                  <c:v>11.393097523312777</c:v>
                </c:pt>
                <c:pt idx="336">
                  <c:v>12.03778735774199</c:v>
                </c:pt>
                <c:pt idx="337">
                  <c:v>45.778247301676359</c:v>
                </c:pt>
                <c:pt idx="338">
                  <c:v>44.513209284515128</c:v>
                </c:pt>
                <c:pt idx="339">
                  <c:v>43.311423168211974</c:v>
                </c:pt>
                <c:pt idx="340">
                  <c:v>42.208773112476301</c:v>
                </c:pt>
                <c:pt idx="341">
                  <c:v>43.627682672502281</c:v>
                </c:pt>
                <c:pt idx="342">
                  <c:v>11.165559934690705</c:v>
                </c:pt>
                <c:pt idx="343">
                  <c:v>9.8382573343952675</c:v>
                </c:pt>
                <c:pt idx="344">
                  <c:v>42.121584723984085</c:v>
                </c:pt>
                <c:pt idx="345">
                  <c:v>41.10438685824154</c:v>
                </c:pt>
                <c:pt idx="346">
                  <c:v>41.162512450569679</c:v>
                </c:pt>
                <c:pt idx="347">
                  <c:v>41.482203208374479</c:v>
                </c:pt>
                <c:pt idx="348">
                  <c:v>41.830956762343362</c:v>
                </c:pt>
                <c:pt idx="349">
                  <c:v>9.0039528427809916</c:v>
                </c:pt>
                <c:pt idx="350">
                  <c:v>8.2454942140407432</c:v>
                </c:pt>
                <c:pt idx="351">
                  <c:v>40.697507711944517</c:v>
                </c:pt>
                <c:pt idx="352">
                  <c:v>40.959072877421178</c:v>
                </c:pt>
                <c:pt idx="353">
                  <c:v>42.121584723984085</c:v>
                </c:pt>
                <c:pt idx="354">
                  <c:v>40.930010081257102</c:v>
                </c:pt>
                <c:pt idx="355">
                  <c:v>40.930010081257102</c:v>
                </c:pt>
                <c:pt idx="356">
                  <c:v>9.6865656086472178</c:v>
                </c:pt>
                <c:pt idx="357">
                  <c:v>8.776415254158918</c:v>
                </c:pt>
                <c:pt idx="358">
                  <c:v>39.709372642366041</c:v>
                </c:pt>
                <c:pt idx="359">
                  <c:v>39.912812215514556</c:v>
                </c:pt>
                <c:pt idx="360">
                  <c:v>40.697507711944517</c:v>
                </c:pt>
                <c:pt idx="361">
                  <c:v>41.860019558507432</c:v>
                </c:pt>
                <c:pt idx="362">
                  <c:v>40.726570508108587</c:v>
                </c:pt>
                <c:pt idx="363">
                  <c:v>8.0179566254186678</c:v>
                </c:pt>
                <c:pt idx="364">
                  <c:v>9.1177216370920302</c:v>
                </c:pt>
              </c:numCache>
            </c:numRef>
          </c:val>
          <c:extLst>
            <c:ext xmlns:c16="http://schemas.microsoft.com/office/drawing/2014/chart" uri="{C3380CC4-5D6E-409C-BE32-E72D297353CC}">
              <c16:uniqueId val="{00000002-84B1-4936-A715-6FFFC4092DE5}"/>
            </c:ext>
          </c:extLst>
        </c:ser>
        <c:ser>
          <c:idx val="2"/>
          <c:order val="4"/>
          <c:tx>
            <c:strRef>
              <c:f>Jesper!$AN$1</c:f>
              <c:strCache>
                <c:ptCount val="1"/>
                <c:pt idx="0">
                  <c:v>T2</c:v>
                </c:pt>
              </c:strCache>
            </c:strRef>
          </c:tx>
          <c:spPr>
            <a:solidFill>
              <a:schemeClr val="accent5">
                <a:lumMod val="60000"/>
                <a:lumOff val="40000"/>
              </a:schemeClr>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N$2:$AN$366</c:f>
              <c:numCache>
                <c:formatCode>General</c:formatCode>
                <c:ptCount val="365"/>
                <c:pt idx="0">
                  <c:v>322.13552034530431</c:v>
                </c:pt>
                <c:pt idx="1">
                  <c:v>948.56861076950815</c:v>
                </c:pt>
                <c:pt idx="2">
                  <c:v>866.03314046034438</c:v>
                </c:pt>
                <c:pt idx="3">
                  <c:v>895.16330645181392</c:v>
                </c:pt>
                <c:pt idx="4">
                  <c:v>662.12197852005818</c:v>
                </c:pt>
                <c:pt idx="5">
                  <c:v>725.23733816824199</c:v>
                </c:pt>
                <c:pt idx="6">
                  <c:v>259.67814096828755</c:v>
                </c:pt>
                <c:pt idx="7">
                  <c:v>355.76641693292879</c:v>
                </c:pt>
                <c:pt idx="8">
                  <c:v>967.98872143048789</c:v>
                </c:pt>
                <c:pt idx="9">
                  <c:v>866.03314046034438</c:v>
                </c:pt>
                <c:pt idx="10">
                  <c:v>987.40883209146739</c:v>
                </c:pt>
                <c:pt idx="11">
                  <c:v>759.22253182495638</c:v>
                </c:pt>
                <c:pt idx="12">
                  <c:v>827.19291913838526</c:v>
                </c:pt>
                <c:pt idx="13">
                  <c:v>276.49358926209976</c:v>
                </c:pt>
                <c:pt idx="14">
                  <c:v>343.7553824373486</c:v>
                </c:pt>
                <c:pt idx="15">
                  <c:v>967.98872143048789</c:v>
                </c:pt>
                <c:pt idx="16">
                  <c:v>1006.8289427524471</c:v>
                </c:pt>
                <c:pt idx="17">
                  <c:v>977.69877676097758</c:v>
                </c:pt>
                <c:pt idx="18">
                  <c:v>1021.3940257481818</c:v>
                </c:pt>
                <c:pt idx="19">
                  <c:v>1185.9177658927065</c:v>
                </c:pt>
                <c:pt idx="20">
                  <c:v>473.47455498961421</c:v>
                </c:pt>
                <c:pt idx="21">
                  <c:v>473.47455498961421</c:v>
                </c:pt>
                <c:pt idx="22">
                  <c:v>1119.3022966514754</c:v>
                </c:pt>
                <c:pt idx="23">
                  <c:v>1069.9443024006309</c:v>
                </c:pt>
                <c:pt idx="24">
                  <c:v>1094.2194407268557</c:v>
                </c:pt>
                <c:pt idx="25">
                  <c:v>1170.5449652985762</c:v>
                </c:pt>
                <c:pt idx="26">
                  <c:v>1232.036167675097</c:v>
                </c:pt>
                <c:pt idx="27">
                  <c:v>495.09441708165838</c:v>
                </c:pt>
                <c:pt idx="28">
                  <c:v>509.50765847635461</c:v>
                </c:pt>
                <c:pt idx="29">
                  <c:v>1103.9294960573454</c:v>
                </c:pt>
                <c:pt idx="30">
                  <c:v>992.26385975671235</c:v>
                </c:pt>
                <c:pt idx="31">
                  <c:v>948.56861076950815</c:v>
                </c:pt>
                <c:pt idx="32">
                  <c:v>1050.5241917396513</c:v>
                </c:pt>
                <c:pt idx="33">
                  <c:v>987.40883209146739</c:v>
                </c:pt>
                <c:pt idx="34">
                  <c:v>379.788485924089</c:v>
                </c:pt>
                <c:pt idx="35">
                  <c:v>490.29000328342642</c:v>
                </c:pt>
                <c:pt idx="36">
                  <c:v>1349.8943055634286</c:v>
                </c:pt>
                <c:pt idx="37">
                  <c:v>1349.8943055634286</c:v>
                </c:pt>
                <c:pt idx="38">
                  <c:v>1308.9001706457479</c:v>
                </c:pt>
                <c:pt idx="39">
                  <c:v>1232.036167675097</c:v>
                </c:pt>
                <c:pt idx="40">
                  <c:v>1150.0478978397359</c:v>
                </c:pt>
                <c:pt idx="41">
                  <c:v>386.99510662143712</c:v>
                </c:pt>
                <c:pt idx="42">
                  <c:v>314.92889964795626</c:v>
                </c:pt>
                <c:pt idx="43">
                  <c:v>904.87336178230396</c:v>
                </c:pt>
                <c:pt idx="44">
                  <c:v>929.14850010852842</c:v>
                </c:pt>
                <c:pt idx="45">
                  <c:v>1026.2490534134267</c:v>
                </c:pt>
                <c:pt idx="46">
                  <c:v>1055.3792194048963</c:v>
                </c:pt>
                <c:pt idx="47">
                  <c:v>817.48286380789534</c:v>
                </c:pt>
                <c:pt idx="48">
                  <c:v>142.11705839794749</c:v>
                </c:pt>
                <c:pt idx="49">
                  <c:v>214.03620988508303</c:v>
                </c:pt>
                <c:pt idx="50">
                  <c:v>802.9177808121608</c:v>
                </c:pt>
                <c:pt idx="51">
                  <c:v>623.28175719809872</c:v>
                </c:pt>
                <c:pt idx="52">
                  <c:v>612.88443178419141</c:v>
                </c:pt>
                <c:pt idx="53">
                  <c:v>749.51247649446668</c:v>
                </c:pt>
                <c:pt idx="54">
                  <c:v>623.28175719809872</c:v>
                </c:pt>
                <c:pt idx="55">
                  <c:v>295.71124445502801</c:v>
                </c:pt>
                <c:pt idx="56">
                  <c:v>437.44145150287369</c:v>
                </c:pt>
                <c:pt idx="57">
                  <c:v>1150.0478978397359</c:v>
                </c:pt>
                <c:pt idx="58">
                  <c:v>1099.0744683921005</c:v>
                </c:pt>
                <c:pt idx="59">
                  <c:v>1031.1040810786717</c:v>
                </c:pt>
                <c:pt idx="60">
                  <c:v>904.87336178230396</c:v>
                </c:pt>
                <c:pt idx="61">
                  <c:v>904.87336178230396</c:v>
                </c:pt>
                <c:pt idx="62">
                  <c:v>322.13552034530431</c:v>
                </c:pt>
                <c:pt idx="63">
                  <c:v>382.19069282320504</c:v>
                </c:pt>
                <c:pt idx="64">
                  <c:v>929.14850010852842</c:v>
                </c:pt>
                <c:pt idx="65">
                  <c:v>861.17811279509954</c:v>
                </c:pt>
                <c:pt idx="66">
                  <c:v>817.48286380789534</c:v>
                </c:pt>
                <c:pt idx="67">
                  <c:v>647.55689552432329</c:v>
                </c:pt>
                <c:pt idx="68">
                  <c:v>681.5420891810378</c:v>
                </c:pt>
                <c:pt idx="69">
                  <c:v>293.30903755591197</c:v>
                </c:pt>
                <c:pt idx="70">
                  <c:v>372.58186522674094</c:v>
                </c:pt>
                <c:pt idx="71">
                  <c:v>681.5420891810378</c:v>
                </c:pt>
                <c:pt idx="72">
                  <c:v>686.39711684628253</c:v>
                </c:pt>
                <c:pt idx="73">
                  <c:v>836.90297446887496</c:v>
                </c:pt>
                <c:pt idx="74">
                  <c:v>967.98872143048789</c:v>
                </c:pt>
                <c:pt idx="75">
                  <c:v>836.90297446887496</c:v>
                </c:pt>
                <c:pt idx="76">
                  <c:v>262.08034786740353</c:v>
                </c:pt>
                <c:pt idx="77">
                  <c:v>264.48255476651963</c:v>
                </c:pt>
                <c:pt idx="78">
                  <c:v>618.42672953285376</c:v>
                </c:pt>
                <c:pt idx="79">
                  <c:v>590.71524078954178</c:v>
                </c:pt>
                <c:pt idx="80">
                  <c:v>526.97881667992431</c:v>
                </c:pt>
                <c:pt idx="81">
                  <c:v>551.91915654890499</c:v>
                </c:pt>
                <c:pt idx="82">
                  <c:v>515.89422118259949</c:v>
                </c:pt>
                <c:pt idx="83">
                  <c:v>178.00310639834257</c:v>
                </c:pt>
                <c:pt idx="84">
                  <c:v>182.80752019657461</c:v>
                </c:pt>
                <c:pt idx="85">
                  <c:v>841.75800213411981</c:v>
                </c:pt>
                <c:pt idx="86">
                  <c:v>997.11888742195742</c:v>
                </c:pt>
                <c:pt idx="87">
                  <c:v>982.55380442622254</c:v>
                </c:pt>
                <c:pt idx="88">
                  <c:v>768.93258715544607</c:v>
                </c:pt>
                <c:pt idx="89">
                  <c:v>582.40179416654826</c:v>
                </c:pt>
                <c:pt idx="90">
                  <c:v>175.60089949922656</c:v>
                </c:pt>
                <c:pt idx="91">
                  <c:v>271.68917546386774</c:v>
                </c:pt>
                <c:pt idx="92">
                  <c:v>972.84374909573273</c:v>
                </c:pt>
                <c:pt idx="93">
                  <c:v>1050.5241917396513</c:v>
                </c:pt>
                <c:pt idx="94">
                  <c:v>1065.0892747353862</c:v>
                </c:pt>
                <c:pt idx="95">
                  <c:v>934.00352777377316</c:v>
                </c:pt>
                <c:pt idx="96">
                  <c:v>861.17811279509954</c:v>
                </c:pt>
                <c:pt idx="97">
                  <c:v>386.99510662143712</c:v>
                </c:pt>
                <c:pt idx="98">
                  <c:v>324.53772724442035</c:v>
                </c:pt>
                <c:pt idx="99">
                  <c:v>730.09236583348684</c:v>
                </c:pt>
                <c:pt idx="100">
                  <c:v>798.06275314691572</c:v>
                </c:pt>
                <c:pt idx="101">
                  <c:v>720.38231050299692</c:v>
                </c:pt>
                <c:pt idx="102">
                  <c:v>696.10717217677245</c:v>
                </c:pt>
                <c:pt idx="103">
                  <c:v>938.85855543901835</c:v>
                </c:pt>
                <c:pt idx="104">
                  <c:v>343.7553824373486</c:v>
                </c:pt>
                <c:pt idx="105">
                  <c:v>276.49358926209976</c:v>
                </c:pt>
                <c:pt idx="106">
                  <c:v>610.11328290986012</c:v>
                </c:pt>
                <c:pt idx="107">
                  <c:v>618.42672953285376</c:v>
                </c:pt>
                <c:pt idx="108">
                  <c:v>705.81722750726237</c:v>
                </c:pt>
                <c:pt idx="109">
                  <c:v>652.41192318956837</c:v>
                </c:pt>
                <c:pt idx="110">
                  <c:v>576.85949641788579</c:v>
                </c:pt>
                <c:pt idx="111">
                  <c:v>121.95424487073795</c:v>
                </c:pt>
                <c:pt idx="112">
                  <c:v>113.50560086472483</c:v>
                </c:pt>
                <c:pt idx="113">
                  <c:v>549.14800767457393</c:v>
                </c:pt>
                <c:pt idx="114">
                  <c:v>637.84684019383349</c:v>
                </c:pt>
                <c:pt idx="115">
                  <c:v>744.65744882922161</c:v>
                </c:pt>
                <c:pt idx="116">
                  <c:v>686.39711684628253</c:v>
                </c:pt>
                <c:pt idx="117">
                  <c:v>604.57098516119777</c:v>
                </c:pt>
                <c:pt idx="118">
                  <c:v>142.11705839794749</c:v>
                </c:pt>
                <c:pt idx="119">
                  <c:v>151.57883050806629</c:v>
                </c:pt>
                <c:pt idx="120">
                  <c:v>585.17294304087943</c:v>
                </c:pt>
                <c:pt idx="121">
                  <c:v>535.29226330291795</c:v>
                </c:pt>
                <c:pt idx="122">
                  <c:v>560.23260317189863</c:v>
                </c:pt>
                <c:pt idx="123">
                  <c:v>565.77490092056098</c:v>
                </c:pt>
                <c:pt idx="124">
                  <c:v>513.12307230826843</c:v>
                </c:pt>
                <c:pt idx="125">
                  <c:v>107.993311491112</c:v>
                </c:pt>
                <c:pt idx="126">
                  <c:v>120.76344510080064</c:v>
                </c:pt>
                <c:pt idx="127">
                  <c:v>628.13678486334368</c:v>
                </c:pt>
                <c:pt idx="128">
                  <c:v>590.71524078954178</c:v>
                </c:pt>
                <c:pt idx="129">
                  <c:v>549.14800767457393</c:v>
                </c:pt>
                <c:pt idx="130">
                  <c:v>518.66537005693067</c:v>
                </c:pt>
                <c:pt idx="131">
                  <c:v>568.54604979489227</c:v>
                </c:pt>
                <c:pt idx="132">
                  <c:v>216.43841678419903</c:v>
                </c:pt>
                <c:pt idx="133">
                  <c:v>228.44945127977917</c:v>
                </c:pt>
                <c:pt idx="134">
                  <c:v>557.46145429756734</c:v>
                </c:pt>
                <c:pt idx="135">
                  <c:v>554.69030542323628</c:v>
                </c:pt>
                <c:pt idx="136">
                  <c:v>681.5420891810378</c:v>
                </c:pt>
                <c:pt idx="137">
                  <c:v>696.10717217677245</c:v>
                </c:pt>
                <c:pt idx="138">
                  <c:v>565.77490092056098</c:v>
                </c:pt>
                <c:pt idx="139">
                  <c:v>112.81656469302322</c:v>
                </c:pt>
                <c:pt idx="140">
                  <c:v>102.82554020334993</c:v>
                </c:pt>
                <c:pt idx="141">
                  <c:v>443.54461338417735</c:v>
                </c:pt>
                <c:pt idx="142">
                  <c:v>449.68915421729236</c:v>
                </c:pt>
                <c:pt idx="143">
                  <c:v>485.53230907712992</c:v>
                </c:pt>
                <c:pt idx="144">
                  <c:v>490.65275977139237</c:v>
                </c:pt>
                <c:pt idx="145">
                  <c:v>478.36367810516236</c:v>
                </c:pt>
                <c:pt idx="146">
                  <c:v>110.7494561779184</c:v>
                </c:pt>
                <c:pt idx="147">
                  <c:v>111.7830104354708</c:v>
                </c:pt>
                <c:pt idx="148">
                  <c:v>471.19504713319486</c:v>
                </c:pt>
                <c:pt idx="149">
                  <c:v>463.00232602237486</c:v>
                </c:pt>
                <c:pt idx="150">
                  <c:v>463.00232602237486</c:v>
                </c:pt>
                <c:pt idx="151">
                  <c:v>456.85778518925986</c:v>
                </c:pt>
                <c:pt idx="152">
                  <c:v>449.68915421729236</c:v>
                </c:pt>
                <c:pt idx="153">
                  <c:v>113.85011895057565</c:v>
                </c:pt>
                <c:pt idx="154">
                  <c:v>112.47204660717243</c:v>
                </c:pt>
                <c:pt idx="155">
                  <c:v>477.33958796630986</c:v>
                </c:pt>
                <c:pt idx="156">
                  <c:v>474.26731754975236</c:v>
                </c:pt>
                <c:pt idx="157">
                  <c:v>469.14686685548986</c:v>
                </c:pt>
                <c:pt idx="158">
                  <c:v>471.19504713319486</c:v>
                </c:pt>
                <c:pt idx="159">
                  <c:v>463.00232602237486</c:v>
                </c:pt>
                <c:pt idx="160">
                  <c:v>104.89264871845474</c:v>
                </c:pt>
                <c:pt idx="161">
                  <c:v>107.64879340526117</c:v>
                </c:pt>
                <c:pt idx="162">
                  <c:v>469.14686685548986</c:v>
                </c:pt>
                <c:pt idx="163">
                  <c:v>490.65275977139237</c:v>
                </c:pt>
                <c:pt idx="164">
                  <c:v>477.33958796630986</c:v>
                </c:pt>
                <c:pt idx="165">
                  <c:v>477.33958796630986</c:v>
                </c:pt>
                <c:pt idx="166">
                  <c:v>456.85778518925986</c:v>
                </c:pt>
                <c:pt idx="167">
                  <c:v>103.17005828920074</c:v>
                </c:pt>
                <c:pt idx="168">
                  <c:v>97.657768915587866</c:v>
                </c:pt>
                <c:pt idx="169">
                  <c:v>420.22191761055274</c:v>
                </c:pt>
                <c:pt idx="170">
                  <c:v>401.02896495260336</c:v>
                </c:pt>
                <c:pt idx="171">
                  <c:v>390.69429813678454</c:v>
                </c:pt>
                <c:pt idx="172">
                  <c:v>406.19629836051274</c:v>
                </c:pt>
                <c:pt idx="173">
                  <c:v>421.698298584241</c:v>
                </c:pt>
                <c:pt idx="174">
                  <c:v>111.43849234962002</c:v>
                </c:pt>
                <c:pt idx="175">
                  <c:v>97.657768915587866</c:v>
                </c:pt>
                <c:pt idx="176">
                  <c:v>421.698298584241</c:v>
                </c:pt>
                <c:pt idx="177">
                  <c:v>425.11099088483235</c:v>
                </c:pt>
                <c:pt idx="178">
                  <c:v>471.19504713319486</c:v>
                </c:pt>
                <c:pt idx="179">
                  <c:v>442.52052324532491</c:v>
                </c:pt>
                <c:pt idx="180">
                  <c:v>420.96010809739687</c:v>
                </c:pt>
                <c:pt idx="181">
                  <c:v>100.06939551654349</c:v>
                </c:pt>
                <c:pt idx="182">
                  <c:v>96.968732743886264</c:v>
                </c:pt>
                <c:pt idx="183">
                  <c:v>440.4723429676198</c:v>
                </c:pt>
                <c:pt idx="184">
                  <c:v>419.48372712370838</c:v>
                </c:pt>
                <c:pt idx="185">
                  <c:v>425.11099088483235</c:v>
                </c:pt>
                <c:pt idx="186">
                  <c:v>442.52052324532491</c:v>
                </c:pt>
                <c:pt idx="187">
                  <c:v>432.27962185679979</c:v>
                </c:pt>
                <c:pt idx="188">
                  <c:v>91.456443370273405</c:v>
                </c:pt>
                <c:pt idx="189">
                  <c:v>83.260299930025468</c:v>
                </c:pt>
                <c:pt idx="190">
                  <c:v>391.43248862362873</c:v>
                </c:pt>
                <c:pt idx="191">
                  <c:v>394.3852505710056</c:v>
                </c:pt>
                <c:pt idx="192">
                  <c:v>392.17067911047297</c:v>
                </c:pt>
                <c:pt idx="193">
                  <c:v>415.79277468948749</c:v>
                </c:pt>
                <c:pt idx="194">
                  <c:v>412.10182225526648</c:v>
                </c:pt>
                <c:pt idx="195">
                  <c:v>79.877778715460522</c:v>
                </c:pt>
                <c:pt idx="196">
                  <c:v>74.803996893613089</c:v>
                </c:pt>
                <c:pt idx="197">
                  <c:v>392.17067911047297</c:v>
                </c:pt>
                <c:pt idx="198">
                  <c:v>394.3852505710056</c:v>
                </c:pt>
                <c:pt idx="199">
                  <c:v>392.90886959731716</c:v>
                </c:pt>
                <c:pt idx="200">
                  <c:v>411.36363176842218</c:v>
                </c:pt>
                <c:pt idx="201">
                  <c:v>427.15917116253746</c:v>
                </c:pt>
                <c:pt idx="202">
                  <c:v>92.489997627825829</c:v>
                </c:pt>
                <c:pt idx="203">
                  <c:v>86.642821144590428</c:v>
                </c:pt>
                <c:pt idx="204">
                  <c:v>391.43248862362873</c:v>
                </c:pt>
                <c:pt idx="205">
                  <c:v>443.54461338417735</c:v>
                </c:pt>
                <c:pt idx="206">
                  <c:v>471.19504713319486</c:v>
                </c:pt>
                <c:pt idx="207">
                  <c:v>463.00232602237486</c:v>
                </c:pt>
                <c:pt idx="208">
                  <c:v>419.48372712370838</c:v>
                </c:pt>
                <c:pt idx="209">
                  <c:v>84.951560537307941</c:v>
                </c:pt>
                <c:pt idx="210">
                  <c:v>93.17903379952746</c:v>
                </c:pt>
                <c:pt idx="211">
                  <c:v>432.27962185679979</c:v>
                </c:pt>
                <c:pt idx="212">
                  <c:v>446.61688380073491</c:v>
                </c:pt>
                <c:pt idx="213">
                  <c:v>435.35189227335735</c:v>
                </c:pt>
                <c:pt idx="214">
                  <c:v>436.37598241220985</c:v>
                </c:pt>
                <c:pt idx="215">
                  <c:v>471.19504713319486</c:v>
                </c:pt>
                <c:pt idx="216">
                  <c:v>111.0939742637692</c:v>
                </c:pt>
                <c:pt idx="217">
                  <c:v>113.85011895057565</c:v>
                </c:pt>
                <c:pt idx="218">
                  <c:v>543.60570992591147</c:v>
                </c:pt>
                <c:pt idx="219">
                  <c:v>474.26731754975236</c:v>
                </c:pt>
                <c:pt idx="220">
                  <c:v>481.43594852171987</c:v>
                </c:pt>
                <c:pt idx="221">
                  <c:v>480.41185838286736</c:v>
                </c:pt>
                <c:pt idx="222">
                  <c:v>455.83369505040741</c:v>
                </c:pt>
                <c:pt idx="223">
                  <c:v>94.212588057079842</c:v>
                </c:pt>
                <c:pt idx="224">
                  <c:v>85.289812658764461</c:v>
                </c:pt>
                <c:pt idx="225">
                  <c:v>409.14906030788961</c:v>
                </c:pt>
                <c:pt idx="226">
                  <c:v>403.98172689998023</c:v>
                </c:pt>
                <c:pt idx="227">
                  <c:v>403.24353641313598</c:v>
                </c:pt>
                <c:pt idx="228">
                  <c:v>426.13508102368485</c:v>
                </c:pt>
                <c:pt idx="229">
                  <c:v>415.05458420264324</c:v>
                </c:pt>
                <c:pt idx="230">
                  <c:v>83.936804172938466</c:v>
                </c:pt>
                <c:pt idx="231">
                  <c:v>77.848265986721543</c:v>
                </c:pt>
                <c:pt idx="232">
                  <c:v>386.26515521571929</c:v>
                </c:pt>
                <c:pt idx="233">
                  <c:v>379.62144083412147</c:v>
                </c:pt>
                <c:pt idx="234">
                  <c:v>389.95610764994029</c:v>
                </c:pt>
                <c:pt idx="235">
                  <c:v>395.86163154469392</c:v>
                </c:pt>
                <c:pt idx="236">
                  <c:v>383.31239326834259</c:v>
                </c:pt>
                <c:pt idx="237">
                  <c:v>77.848265986721543</c:v>
                </c:pt>
                <c:pt idx="238">
                  <c:v>90.078371026870201</c:v>
                </c:pt>
                <c:pt idx="239">
                  <c:v>442.52052324532491</c:v>
                </c:pt>
                <c:pt idx="240">
                  <c:v>477.33958796630986</c:v>
                </c:pt>
                <c:pt idx="241">
                  <c:v>492.70094004909737</c:v>
                </c:pt>
                <c:pt idx="242">
                  <c:v>470.1709569943423</c:v>
                </c:pt>
                <c:pt idx="243">
                  <c:v>445.59279366188241</c:v>
                </c:pt>
                <c:pt idx="244">
                  <c:v>95.935178486333854</c:v>
                </c:pt>
                <c:pt idx="245">
                  <c:v>98.691323173140276</c:v>
                </c:pt>
                <c:pt idx="246">
                  <c:v>467.09868657778492</c:v>
                </c:pt>
                <c:pt idx="247">
                  <c:v>461.97823588352236</c:v>
                </c:pt>
                <c:pt idx="248">
                  <c:v>446.61688380073491</c:v>
                </c:pt>
                <c:pt idx="249">
                  <c:v>443.54461338417735</c:v>
                </c:pt>
                <c:pt idx="250">
                  <c:v>437.40007255106241</c:v>
                </c:pt>
                <c:pt idx="251">
                  <c:v>92.834515713676609</c:v>
                </c:pt>
                <c:pt idx="252">
                  <c:v>93.868069971229019</c:v>
                </c:pt>
                <c:pt idx="253">
                  <c:v>421.698298584241</c:v>
                </c:pt>
                <c:pt idx="254">
                  <c:v>417.26915566317581</c:v>
                </c:pt>
                <c:pt idx="255">
                  <c:v>415.79277468948749</c:v>
                </c:pt>
                <c:pt idx="256">
                  <c:v>447.64097393958741</c:v>
                </c:pt>
                <c:pt idx="257">
                  <c:v>465.05050630007986</c:v>
                </c:pt>
                <c:pt idx="258">
                  <c:v>99.035841258991098</c:v>
                </c:pt>
                <c:pt idx="259">
                  <c:v>97.313250829737072</c:v>
                </c:pt>
                <c:pt idx="260">
                  <c:v>434.32780213450485</c:v>
                </c:pt>
                <c:pt idx="261">
                  <c:v>451.7373344949973</c:v>
                </c:pt>
                <c:pt idx="262">
                  <c:v>448.6650640784398</c:v>
                </c:pt>
                <c:pt idx="263">
                  <c:v>432.27962185679979</c:v>
                </c:pt>
                <c:pt idx="264">
                  <c:v>440.4723429676198</c:v>
                </c:pt>
                <c:pt idx="265">
                  <c:v>112.81656469302322</c:v>
                </c:pt>
                <c:pt idx="266">
                  <c:v>121.95424487073795</c:v>
                </c:pt>
                <c:pt idx="267">
                  <c:v>483.48412879942492</c:v>
                </c:pt>
                <c:pt idx="268">
                  <c:v>454.8096049115548</c:v>
                </c:pt>
                <c:pt idx="269">
                  <c:v>444.56870352302985</c:v>
                </c:pt>
                <c:pt idx="270">
                  <c:v>442.52052324532491</c:v>
                </c:pt>
                <c:pt idx="271">
                  <c:v>453.78551477270236</c:v>
                </c:pt>
                <c:pt idx="272">
                  <c:v>105.92620297600716</c:v>
                </c:pt>
                <c:pt idx="273">
                  <c:v>108.33782957696276</c:v>
                </c:pt>
                <c:pt idx="274">
                  <c:v>458.9059654669648</c:v>
                </c:pt>
                <c:pt idx="275">
                  <c:v>457.88187532811236</c:v>
                </c:pt>
                <c:pt idx="276">
                  <c:v>463.00232602237486</c:v>
                </c:pt>
                <c:pt idx="277">
                  <c:v>510.35192343393709</c:v>
                </c:pt>
                <c:pt idx="278">
                  <c:v>491.67684991024481</c:v>
                </c:pt>
                <c:pt idx="279">
                  <c:v>109.71590192036601</c:v>
                </c:pt>
                <c:pt idx="280">
                  <c:v>117.63981789493447</c:v>
                </c:pt>
                <c:pt idx="281">
                  <c:v>560.23260317189863</c:v>
                </c:pt>
                <c:pt idx="282">
                  <c:v>502.03847681094362</c:v>
                </c:pt>
                <c:pt idx="283">
                  <c:v>482.46003866057237</c:v>
                </c:pt>
                <c:pt idx="284">
                  <c:v>473.24322741089992</c:v>
                </c:pt>
                <c:pt idx="285">
                  <c:v>441.49643310647235</c:v>
                </c:pt>
                <c:pt idx="286">
                  <c:v>105.92620297600716</c:v>
                </c:pt>
                <c:pt idx="287">
                  <c:v>126.71744395048712</c:v>
                </c:pt>
                <c:pt idx="288">
                  <c:v>764.07755949020122</c:v>
                </c:pt>
                <c:pt idx="289">
                  <c:v>807.77280847740565</c:v>
                </c:pt>
                <c:pt idx="290">
                  <c:v>798.06275314691572</c:v>
                </c:pt>
                <c:pt idx="291">
                  <c:v>623.28175719809872</c:v>
                </c:pt>
                <c:pt idx="292">
                  <c:v>488.60457949368742</c:v>
                </c:pt>
                <c:pt idx="293">
                  <c:v>107.30427531941035</c:v>
                </c:pt>
                <c:pt idx="294">
                  <c:v>117.29529980908367</c:v>
                </c:pt>
                <c:pt idx="295">
                  <c:v>565.77490092056098</c:v>
                </c:pt>
                <c:pt idx="296">
                  <c:v>587.94409191521061</c:v>
                </c:pt>
                <c:pt idx="297">
                  <c:v>532.52111442858677</c:v>
                </c:pt>
                <c:pt idx="298">
                  <c:v>535.29226330291795</c:v>
                </c:pt>
                <c:pt idx="299">
                  <c:v>607.34213403552894</c:v>
                </c:pt>
                <c:pt idx="300">
                  <c:v>170.79648570099445</c:v>
                </c:pt>
                <c:pt idx="301">
                  <c:v>221.24283058243114</c:v>
                </c:pt>
                <c:pt idx="302">
                  <c:v>647.55689552432329</c:v>
                </c:pt>
                <c:pt idx="303">
                  <c:v>574.08834754355462</c:v>
                </c:pt>
                <c:pt idx="304">
                  <c:v>568.54604979489227</c:v>
                </c:pt>
                <c:pt idx="305">
                  <c:v>604.57098516119777</c:v>
                </c:pt>
                <c:pt idx="306">
                  <c:v>686.39711684628253</c:v>
                </c:pt>
                <c:pt idx="307">
                  <c:v>254.8737271700555</c:v>
                </c:pt>
                <c:pt idx="308">
                  <c:v>221.24283058243114</c:v>
                </c:pt>
                <c:pt idx="309">
                  <c:v>576.85949641788579</c:v>
                </c:pt>
                <c:pt idx="310">
                  <c:v>720.38231050299692</c:v>
                </c:pt>
                <c:pt idx="311">
                  <c:v>700.9621998420173</c:v>
                </c:pt>
                <c:pt idx="312">
                  <c:v>866.03314046034438</c:v>
                </c:pt>
                <c:pt idx="313">
                  <c:v>822.3378914731403</c:v>
                </c:pt>
                <c:pt idx="314">
                  <c:v>278.89579616121574</c:v>
                </c:pt>
                <c:pt idx="315">
                  <c:v>290.90683065679593</c:v>
                </c:pt>
                <c:pt idx="316">
                  <c:v>929.14850010852842</c:v>
                </c:pt>
                <c:pt idx="317">
                  <c:v>671.83203385054776</c:v>
                </c:pt>
                <c:pt idx="318">
                  <c:v>647.55689552432329</c:v>
                </c:pt>
                <c:pt idx="319">
                  <c:v>662.12197852005818</c:v>
                </c:pt>
                <c:pt idx="320">
                  <c:v>802.9177808121608</c:v>
                </c:pt>
                <c:pt idx="321">
                  <c:v>353.36421003381275</c:v>
                </c:pt>
                <c:pt idx="322">
                  <c:v>377.38627902497302</c:v>
                </c:pt>
                <c:pt idx="323">
                  <c:v>754.36750415971142</c:v>
                </c:pt>
                <c:pt idx="324">
                  <c:v>744.65744882922161</c:v>
                </c:pt>
                <c:pt idx="325">
                  <c:v>934.00352777377316</c:v>
                </c:pt>
                <c:pt idx="326">
                  <c:v>982.55380442622254</c:v>
                </c:pt>
                <c:pt idx="327">
                  <c:v>904.87336178230396</c:v>
                </c:pt>
                <c:pt idx="328">
                  <c:v>420.62600320906154</c:v>
                </c:pt>
                <c:pt idx="329">
                  <c:v>432.63703770464167</c:v>
                </c:pt>
                <c:pt idx="330">
                  <c:v>992.26385975671235</c:v>
                </c:pt>
                <c:pt idx="331">
                  <c:v>1006.8289427524471</c:v>
                </c:pt>
                <c:pt idx="332">
                  <c:v>1160.2964315691561</c:v>
                </c:pt>
                <c:pt idx="333">
                  <c:v>1201.2905664868365</c:v>
                </c:pt>
                <c:pt idx="334">
                  <c:v>1170.5449652985762</c:v>
                </c:pt>
                <c:pt idx="335">
                  <c:v>487.88779638431032</c:v>
                </c:pt>
                <c:pt idx="336">
                  <c:v>528.72531366928285</c:v>
                </c:pt>
                <c:pt idx="337">
                  <c:v>1360.1428392928487</c:v>
                </c:pt>
                <c:pt idx="338">
                  <c:v>1257.6575019986471</c:v>
                </c:pt>
                <c:pt idx="339">
                  <c:v>1160.2964315691561</c:v>
                </c:pt>
                <c:pt idx="340">
                  <c:v>1035.9591087439164</c:v>
                </c:pt>
                <c:pt idx="341">
                  <c:v>1185.9177658927065</c:v>
                </c:pt>
                <c:pt idx="342">
                  <c:v>473.47455498961421</c:v>
                </c:pt>
                <c:pt idx="343">
                  <c:v>389.39731352055315</c:v>
                </c:pt>
                <c:pt idx="344">
                  <c:v>1021.3940257481818</c:v>
                </c:pt>
                <c:pt idx="345">
                  <c:v>851.46805746460984</c:v>
                </c:pt>
                <c:pt idx="346">
                  <c:v>861.17811279509954</c:v>
                </c:pt>
                <c:pt idx="347">
                  <c:v>914.58341711279377</c:v>
                </c:pt>
                <c:pt idx="348">
                  <c:v>972.84374909573273</c:v>
                </c:pt>
                <c:pt idx="349">
                  <c:v>336.54876174000049</c:v>
                </c:pt>
                <c:pt idx="350">
                  <c:v>288.50462375767989</c:v>
                </c:pt>
                <c:pt idx="351">
                  <c:v>783.49767015118096</c:v>
                </c:pt>
                <c:pt idx="352">
                  <c:v>827.19291913838526</c:v>
                </c:pt>
                <c:pt idx="353">
                  <c:v>1021.3940257481818</c:v>
                </c:pt>
                <c:pt idx="354">
                  <c:v>822.3378914731403</c:v>
                </c:pt>
                <c:pt idx="355">
                  <c:v>822.3378914731403</c:v>
                </c:pt>
                <c:pt idx="356">
                  <c:v>379.788485924089</c:v>
                </c:pt>
                <c:pt idx="357">
                  <c:v>322.13552034530431</c:v>
                </c:pt>
                <c:pt idx="358">
                  <c:v>618.42672953285376</c:v>
                </c:pt>
                <c:pt idx="359">
                  <c:v>652.41192318956837</c:v>
                </c:pt>
                <c:pt idx="360">
                  <c:v>783.49767015118096</c:v>
                </c:pt>
                <c:pt idx="361">
                  <c:v>977.69877676097758</c:v>
                </c:pt>
                <c:pt idx="362">
                  <c:v>788.35269781642592</c:v>
                </c:pt>
                <c:pt idx="363">
                  <c:v>274.09138236298372</c:v>
                </c:pt>
                <c:pt idx="364">
                  <c:v>343.7553824373486</c:v>
                </c:pt>
              </c:numCache>
            </c:numRef>
          </c:val>
          <c:extLst>
            <c:ext xmlns:c16="http://schemas.microsoft.com/office/drawing/2014/chart" uri="{C3380CC4-5D6E-409C-BE32-E72D297353CC}">
              <c16:uniqueId val="{00000001-84B1-4936-A715-6FFFC4092DE5}"/>
            </c:ext>
          </c:extLst>
        </c:ser>
        <c:ser>
          <c:idx val="0"/>
          <c:order val="5"/>
          <c:tx>
            <c:strRef>
              <c:f>Jesper!$AM$1</c:f>
              <c:strCache>
                <c:ptCount val="1"/>
                <c:pt idx="0">
                  <c:v>T1</c:v>
                </c:pt>
              </c:strCache>
            </c:strRef>
          </c:tx>
          <c:spPr>
            <a:solidFill>
              <a:schemeClr val="accent5">
                <a:lumMod val="20000"/>
                <a:lumOff val="80000"/>
              </a:schemeClr>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M$2:$AM$366</c:f>
              <c:numCache>
                <c:formatCode>General</c:formatCode>
                <c:ptCount val="365"/>
                <c:pt idx="0">
                  <c:v>89.63384308251041</c:v>
                </c:pt>
                <c:pt idx="1">
                  <c:v>178.73134661246846</c:v>
                </c:pt>
                <c:pt idx="2">
                  <c:v>141.54405412353836</c:v>
                </c:pt>
                <c:pt idx="3">
                  <c:v>154.6689808843372</c:v>
                </c:pt>
                <c:pt idx="4">
                  <c:v>49.669566797946381</c:v>
                </c:pt>
                <c:pt idx="5">
                  <c:v>78.106908113010562</c:v>
                </c:pt>
                <c:pt idx="6">
                  <c:v>62.783225430589312</c:v>
                </c:pt>
                <c:pt idx="7">
                  <c:v>104.09186797200641</c:v>
                </c:pt>
                <c:pt idx="8">
                  <c:v>187.48129778633432</c:v>
                </c:pt>
                <c:pt idx="9">
                  <c:v>141.54405412353836</c:v>
                </c:pt>
                <c:pt idx="10">
                  <c:v>196.23124896020025</c:v>
                </c:pt>
                <c:pt idx="11">
                  <c:v>93.419322667275893</c:v>
                </c:pt>
                <c:pt idx="12">
                  <c:v>124.04415177580654</c:v>
                </c:pt>
                <c:pt idx="13">
                  <c:v>70.012237875337291</c:v>
                </c:pt>
                <c:pt idx="14">
                  <c:v>98.928287654329267</c:v>
                </c:pt>
                <c:pt idx="15">
                  <c:v>187.48129778633432</c:v>
                </c:pt>
                <c:pt idx="16">
                  <c:v>204.98120013406611</c:v>
                </c:pt>
                <c:pt idx="17">
                  <c:v>191.85627337326727</c:v>
                </c:pt>
                <c:pt idx="18">
                  <c:v>211.54366351446558</c:v>
                </c:pt>
                <c:pt idx="19">
                  <c:v>283.73076069885929</c:v>
                </c:pt>
                <c:pt idx="20">
                  <c:v>154.6949550852423</c:v>
                </c:pt>
                <c:pt idx="21">
                  <c:v>154.6949550852423</c:v>
                </c:pt>
                <c:pt idx="22">
                  <c:v>255.29341938379505</c:v>
                </c:pt>
                <c:pt idx="23">
                  <c:v>233.41854144913029</c:v>
                </c:pt>
                <c:pt idx="24">
                  <c:v>244.3559804164627</c:v>
                </c:pt>
                <c:pt idx="25">
                  <c:v>277.16829731845985</c:v>
                </c:pt>
                <c:pt idx="26">
                  <c:v>303.41815084005754</c:v>
                </c:pt>
                <c:pt idx="27">
                  <c:v>163.98939965706114</c:v>
                </c:pt>
                <c:pt idx="28">
                  <c:v>170.1856960382737</c:v>
                </c:pt>
                <c:pt idx="29">
                  <c:v>248.73095600339568</c:v>
                </c:pt>
                <c:pt idx="30">
                  <c:v>198.41873675366668</c:v>
                </c:pt>
                <c:pt idx="31">
                  <c:v>178.73134661246846</c:v>
                </c:pt>
                <c:pt idx="32">
                  <c:v>224.66859027526445</c:v>
                </c:pt>
                <c:pt idx="33">
                  <c:v>196.23124896020025</c:v>
                </c:pt>
                <c:pt idx="34">
                  <c:v>114.41902860736064</c:v>
                </c:pt>
                <c:pt idx="35">
                  <c:v>161.92396752999028</c:v>
                </c:pt>
                <c:pt idx="36">
                  <c:v>353.73037008978645</c:v>
                </c:pt>
                <c:pt idx="37">
                  <c:v>353.73037008978645</c:v>
                </c:pt>
                <c:pt idx="38">
                  <c:v>336.2304677420546</c:v>
                </c:pt>
                <c:pt idx="39">
                  <c:v>303.41815084005754</c:v>
                </c:pt>
                <c:pt idx="40">
                  <c:v>268.41834614459395</c:v>
                </c:pt>
                <c:pt idx="41">
                  <c:v>117.51717679796691</c:v>
                </c:pt>
                <c:pt idx="42">
                  <c:v>86.535694891904157</c:v>
                </c:pt>
                <c:pt idx="43">
                  <c:v>159.04395647127015</c:v>
                </c:pt>
                <c:pt idx="44">
                  <c:v>169.98139543860253</c:v>
                </c:pt>
                <c:pt idx="45">
                  <c:v>213.73115130793207</c:v>
                </c:pt>
                <c:pt idx="46">
                  <c:v>226.85607806873094</c:v>
                </c:pt>
                <c:pt idx="47">
                  <c:v>119.66917618887358</c:v>
                </c:pt>
                <c:pt idx="48">
                  <c:v>15.709469989641548</c:v>
                </c:pt>
                <c:pt idx="49">
                  <c:v>43.161620223416186</c:v>
                </c:pt>
                <c:pt idx="50">
                  <c:v>113.10671280847419</c:v>
                </c:pt>
                <c:pt idx="51">
                  <c:v>32.169664450214583</c:v>
                </c:pt>
                <c:pt idx="52">
                  <c:v>29.454361914578879</c:v>
                </c:pt>
                <c:pt idx="53">
                  <c:v>89.044347080342959</c:v>
                </c:pt>
                <c:pt idx="54">
                  <c:v>32.169664450214583</c:v>
                </c:pt>
                <c:pt idx="55">
                  <c:v>78.273966383620717</c:v>
                </c:pt>
                <c:pt idx="56">
                  <c:v>139.20421413221089</c:v>
                </c:pt>
                <c:pt idx="57">
                  <c:v>268.41834614459395</c:v>
                </c:pt>
                <c:pt idx="58">
                  <c:v>246.54346820992916</c:v>
                </c:pt>
                <c:pt idx="59">
                  <c:v>215.9186391013985</c:v>
                </c:pt>
                <c:pt idx="60">
                  <c:v>159.04395647127015</c:v>
                </c:pt>
                <c:pt idx="61">
                  <c:v>159.04395647127015</c:v>
                </c:pt>
                <c:pt idx="62">
                  <c:v>89.63384308251041</c:v>
                </c:pt>
                <c:pt idx="63">
                  <c:v>115.45174467089609</c:v>
                </c:pt>
                <c:pt idx="64">
                  <c:v>169.98139543860253</c:v>
                </c:pt>
                <c:pt idx="65">
                  <c:v>139.35656633007187</c:v>
                </c:pt>
                <c:pt idx="66">
                  <c:v>119.66917618887358</c:v>
                </c:pt>
                <c:pt idx="67">
                  <c:v>43.107103417546952</c:v>
                </c:pt>
                <c:pt idx="68">
                  <c:v>58.419517971812311</c:v>
                </c:pt>
                <c:pt idx="69">
                  <c:v>77.2412503200853</c:v>
                </c:pt>
                <c:pt idx="70">
                  <c:v>111.32088041675438</c:v>
                </c:pt>
                <c:pt idx="71">
                  <c:v>58.419517971812311</c:v>
                </c:pt>
                <c:pt idx="72">
                  <c:v>60.607005765278743</c:v>
                </c:pt>
                <c:pt idx="73">
                  <c:v>128.41912736273949</c:v>
                </c:pt>
                <c:pt idx="74">
                  <c:v>187.48129778633432</c:v>
                </c:pt>
                <c:pt idx="75">
                  <c:v>128.41912736273949</c:v>
                </c:pt>
                <c:pt idx="76">
                  <c:v>63.815941494124736</c:v>
                </c:pt>
                <c:pt idx="77">
                  <c:v>64.848657557660175</c:v>
                </c:pt>
                <c:pt idx="78">
                  <c:v>29.982176656748035</c:v>
                </c:pt>
                <c:pt idx="79">
                  <c:v>27.343102945902224</c:v>
                </c:pt>
                <c:pt idx="80">
                  <c:v>21.273233410956852</c:v>
                </c:pt>
                <c:pt idx="81">
                  <c:v>23.648399750718081</c:v>
                </c:pt>
                <c:pt idx="82">
                  <c:v>20.217603926618519</c:v>
                </c:pt>
                <c:pt idx="83">
                  <c:v>27.670879270384795</c:v>
                </c:pt>
                <c:pt idx="84">
                  <c:v>29.736311397455644</c:v>
                </c:pt>
                <c:pt idx="85">
                  <c:v>130.60661515620598</c:v>
                </c:pt>
                <c:pt idx="86">
                  <c:v>200.60622454713319</c:v>
                </c:pt>
                <c:pt idx="87">
                  <c:v>194.04376116673379</c:v>
                </c:pt>
                <c:pt idx="88">
                  <c:v>97.794298254208826</c:v>
                </c:pt>
                <c:pt idx="89">
                  <c:v>26.551380832648483</c:v>
                </c:pt>
                <c:pt idx="90">
                  <c:v>26.63816320684937</c:v>
                </c:pt>
                <c:pt idx="91">
                  <c:v>67.946805748266442</c:v>
                </c:pt>
                <c:pt idx="92">
                  <c:v>189.66878557980084</c:v>
                </c:pt>
                <c:pt idx="93">
                  <c:v>224.66859027526445</c:v>
                </c:pt>
                <c:pt idx="94">
                  <c:v>231.23105365566386</c:v>
                </c:pt>
                <c:pt idx="95">
                  <c:v>172.16888323206899</c:v>
                </c:pt>
                <c:pt idx="96">
                  <c:v>139.35656633007187</c:v>
                </c:pt>
                <c:pt idx="97">
                  <c:v>117.51717679796691</c:v>
                </c:pt>
                <c:pt idx="98">
                  <c:v>90.666559146045842</c:v>
                </c:pt>
                <c:pt idx="99">
                  <c:v>80.294395906477035</c:v>
                </c:pt>
                <c:pt idx="100">
                  <c:v>110.91922501500771</c:v>
                </c:pt>
                <c:pt idx="101">
                  <c:v>75.919420319544059</c:v>
                </c:pt>
                <c:pt idx="102">
                  <c:v>64.981981352211676</c:v>
                </c:pt>
                <c:pt idx="103">
                  <c:v>174.35637102553548</c:v>
                </c:pt>
                <c:pt idx="104">
                  <c:v>98.928287654329267</c:v>
                </c:pt>
                <c:pt idx="105">
                  <c:v>70.012237875337291</c:v>
                </c:pt>
                <c:pt idx="106">
                  <c:v>29.190454543494297</c:v>
                </c:pt>
                <c:pt idx="107">
                  <c:v>29.982176656748035</c:v>
                </c:pt>
                <c:pt idx="108">
                  <c:v>69.356956939144666</c:v>
                </c:pt>
                <c:pt idx="109">
                  <c:v>45.294591211013447</c:v>
                </c:pt>
                <c:pt idx="110">
                  <c:v>26.023566090479314</c:v>
                </c:pt>
                <c:pt idx="111">
                  <c:v>13.90487224408078</c:v>
                </c:pt>
                <c:pt idx="112">
                  <c:v>11.498741916666424</c:v>
                </c:pt>
                <c:pt idx="113">
                  <c:v>23.384492379633496</c:v>
                </c:pt>
                <c:pt idx="114">
                  <c:v>38.732127830614012</c:v>
                </c:pt>
                <c:pt idx="115">
                  <c:v>86.856859286876471</c:v>
                </c:pt>
                <c:pt idx="116">
                  <c:v>60.607005765278743</c:v>
                </c:pt>
                <c:pt idx="117">
                  <c:v>28.662639801325131</c:v>
                </c:pt>
                <c:pt idx="118">
                  <c:v>15.709469989641548</c:v>
                </c:pt>
                <c:pt idx="119">
                  <c:v>16.311002571495131</c:v>
                </c:pt>
                <c:pt idx="120">
                  <c:v>26.815288203733068</c:v>
                </c:pt>
                <c:pt idx="121">
                  <c:v>22.064955524210596</c:v>
                </c:pt>
                <c:pt idx="122">
                  <c:v>24.440121863971829</c:v>
                </c:pt>
                <c:pt idx="123">
                  <c:v>24.967936606140988</c:v>
                </c:pt>
                <c:pt idx="124">
                  <c:v>19.953696555533945</c:v>
                </c:pt>
                <c:pt idx="125">
                  <c:v>9.0926115892520762</c:v>
                </c:pt>
                <c:pt idx="126">
                  <c:v>13.754489098617382</c:v>
                </c:pt>
                <c:pt idx="127">
                  <c:v>34.357152243681078</c:v>
                </c:pt>
                <c:pt idx="128">
                  <c:v>27.343102945902224</c:v>
                </c:pt>
                <c:pt idx="129">
                  <c:v>23.384492379633496</c:v>
                </c:pt>
                <c:pt idx="130">
                  <c:v>20.481511297703101</c:v>
                </c:pt>
                <c:pt idx="131">
                  <c:v>25.231843977225573</c:v>
                </c:pt>
                <c:pt idx="132">
                  <c:v>44.194336286951618</c:v>
                </c:pt>
                <c:pt idx="133">
                  <c:v>49.357916604628748</c:v>
                </c:pt>
                <c:pt idx="134">
                  <c:v>24.176214492887247</c:v>
                </c:pt>
                <c:pt idx="135">
                  <c:v>23.912307121802662</c:v>
                </c:pt>
                <c:pt idx="136">
                  <c:v>58.419517971812311</c:v>
                </c:pt>
                <c:pt idx="137">
                  <c:v>64.981981352211676</c:v>
                </c:pt>
                <c:pt idx="138">
                  <c:v>24.967936606140988</c:v>
                </c:pt>
                <c:pt idx="139">
                  <c:v>11.197975625739632</c:v>
                </c:pt>
                <c:pt idx="140">
                  <c:v>6.8368644073011176</c:v>
                </c:pt>
                <c:pt idx="141">
                  <c:v>5.1748837747973742</c:v>
                </c:pt>
                <c:pt idx="142">
                  <c:v>6.7583280013048661</c:v>
                </c:pt>
                <c:pt idx="143">
                  <c:v>15.995085989265226</c:v>
                </c:pt>
                <c:pt idx="144">
                  <c:v>17.314622844688127</c:v>
                </c:pt>
                <c:pt idx="145">
                  <c:v>14.147734391673149</c:v>
                </c:pt>
                <c:pt idx="146">
                  <c:v>10.295676752959247</c:v>
                </c:pt>
                <c:pt idx="147">
                  <c:v>10.74682618934944</c:v>
                </c:pt>
                <c:pt idx="148">
                  <c:v>12.300382794081074</c:v>
                </c:pt>
                <c:pt idx="149">
                  <c:v>10.189123825404428</c:v>
                </c:pt>
                <c:pt idx="150">
                  <c:v>10.189123825404428</c:v>
                </c:pt>
                <c:pt idx="151">
                  <c:v>8.6056795988969359</c:v>
                </c:pt>
                <c:pt idx="152">
                  <c:v>6.7583280013048661</c:v>
                </c:pt>
                <c:pt idx="153">
                  <c:v>11.649125062129825</c:v>
                </c:pt>
                <c:pt idx="154">
                  <c:v>11.047592480276235</c:v>
                </c:pt>
                <c:pt idx="155">
                  <c:v>13.883827020588564</c:v>
                </c:pt>
                <c:pt idx="156">
                  <c:v>13.092104907334821</c:v>
                </c:pt>
                <c:pt idx="157">
                  <c:v>11.772568051911914</c:v>
                </c:pt>
                <c:pt idx="158">
                  <c:v>12.300382794081074</c:v>
                </c:pt>
                <c:pt idx="159">
                  <c:v>10.189123825404428</c:v>
                </c:pt>
                <c:pt idx="160">
                  <c:v>7.7391632800814989</c:v>
                </c:pt>
                <c:pt idx="161">
                  <c:v>8.942228443788677</c:v>
                </c:pt>
                <c:pt idx="162">
                  <c:v>11.772568051911914</c:v>
                </c:pt>
                <c:pt idx="163">
                  <c:v>17.314622844688127</c:v>
                </c:pt>
                <c:pt idx="164">
                  <c:v>13.883827020588564</c:v>
                </c:pt>
                <c:pt idx="165">
                  <c:v>13.883827020588564</c:v>
                </c:pt>
                <c:pt idx="166">
                  <c:v>8.6056795988969359</c:v>
                </c:pt>
                <c:pt idx="167">
                  <c:v>6.987247552764515</c:v>
                </c:pt>
                <c:pt idx="168">
                  <c:v>4.5811172253501642</c:v>
                </c:pt>
                <c:pt idx="169">
                  <c:v>0</c:v>
                </c:pt>
                <c:pt idx="170">
                  <c:v>0</c:v>
                </c:pt>
                <c:pt idx="171">
                  <c:v>0</c:v>
                </c:pt>
                <c:pt idx="172">
                  <c:v>0</c:v>
                </c:pt>
                <c:pt idx="173">
                  <c:v>0</c:v>
                </c:pt>
                <c:pt idx="174">
                  <c:v>10.596443043886044</c:v>
                </c:pt>
                <c:pt idx="175">
                  <c:v>4.5811172253501642</c:v>
                </c:pt>
                <c:pt idx="176">
                  <c:v>0</c:v>
                </c:pt>
                <c:pt idx="177">
                  <c:v>0.42455109527489765</c:v>
                </c:pt>
                <c:pt idx="178">
                  <c:v>12.300382794081074</c:v>
                </c:pt>
                <c:pt idx="179">
                  <c:v>4.9109764037127981</c:v>
                </c:pt>
                <c:pt idx="180">
                  <c:v>0</c:v>
                </c:pt>
                <c:pt idx="181">
                  <c:v>5.6337992435939439</c:v>
                </c:pt>
                <c:pt idx="182">
                  <c:v>4.2803509344233648</c:v>
                </c:pt>
                <c:pt idx="183">
                  <c:v>4.3831616615436246</c:v>
                </c:pt>
                <c:pt idx="184">
                  <c:v>0</c:v>
                </c:pt>
                <c:pt idx="185">
                  <c:v>0.42455109527489765</c:v>
                </c:pt>
                <c:pt idx="186">
                  <c:v>4.9109764037127981</c:v>
                </c:pt>
                <c:pt idx="187">
                  <c:v>2.2719026928669797</c:v>
                </c:pt>
                <c:pt idx="188">
                  <c:v>1.8742206070090186</c:v>
                </c:pt>
                <c:pt idx="189">
                  <c:v>0</c:v>
                </c:pt>
                <c:pt idx="190">
                  <c:v>0</c:v>
                </c:pt>
                <c:pt idx="191">
                  <c:v>0</c:v>
                </c:pt>
                <c:pt idx="192">
                  <c:v>0</c:v>
                </c:pt>
                <c:pt idx="193">
                  <c:v>0</c:v>
                </c:pt>
                <c:pt idx="194">
                  <c:v>0</c:v>
                </c:pt>
                <c:pt idx="195">
                  <c:v>0</c:v>
                </c:pt>
                <c:pt idx="196">
                  <c:v>0</c:v>
                </c:pt>
                <c:pt idx="197">
                  <c:v>0</c:v>
                </c:pt>
                <c:pt idx="198">
                  <c:v>0</c:v>
                </c:pt>
                <c:pt idx="199">
                  <c:v>0</c:v>
                </c:pt>
                <c:pt idx="200">
                  <c:v>0</c:v>
                </c:pt>
                <c:pt idx="201">
                  <c:v>0.95236583744407755</c:v>
                </c:pt>
                <c:pt idx="202">
                  <c:v>2.3253700433992086</c:v>
                </c:pt>
                <c:pt idx="203">
                  <c:v>0</c:v>
                </c:pt>
                <c:pt idx="204">
                  <c:v>0</c:v>
                </c:pt>
                <c:pt idx="205">
                  <c:v>5.1748837747973742</c:v>
                </c:pt>
                <c:pt idx="206">
                  <c:v>12.300382794081074</c:v>
                </c:pt>
                <c:pt idx="207">
                  <c:v>10.189123825404428</c:v>
                </c:pt>
                <c:pt idx="208">
                  <c:v>0</c:v>
                </c:pt>
                <c:pt idx="209">
                  <c:v>0</c:v>
                </c:pt>
                <c:pt idx="210">
                  <c:v>2.6261363343260022</c:v>
                </c:pt>
                <c:pt idx="211">
                  <c:v>2.2719026928669797</c:v>
                </c:pt>
                <c:pt idx="212">
                  <c:v>5.9666058880511166</c:v>
                </c:pt>
                <c:pt idx="213">
                  <c:v>3.0636248061207159</c:v>
                </c:pt>
                <c:pt idx="214">
                  <c:v>3.3275321772053057</c:v>
                </c:pt>
                <c:pt idx="215">
                  <c:v>12.300382794081074</c:v>
                </c:pt>
                <c:pt idx="216">
                  <c:v>10.446059898422646</c:v>
                </c:pt>
                <c:pt idx="217">
                  <c:v>11.649125062129825</c:v>
                </c:pt>
                <c:pt idx="218">
                  <c:v>22.856677637464337</c:v>
                </c:pt>
                <c:pt idx="219">
                  <c:v>13.092104907334821</c:v>
                </c:pt>
                <c:pt idx="220">
                  <c:v>14.939456504926891</c:v>
                </c:pt>
                <c:pt idx="221">
                  <c:v>14.675549133842313</c:v>
                </c:pt>
                <c:pt idx="222">
                  <c:v>8.3417722278123527</c:v>
                </c:pt>
                <c:pt idx="223">
                  <c:v>3.077285770716192</c:v>
                </c:pt>
                <c:pt idx="224">
                  <c:v>0</c:v>
                </c:pt>
                <c:pt idx="225">
                  <c:v>0</c:v>
                </c:pt>
                <c:pt idx="226">
                  <c:v>0</c:v>
                </c:pt>
                <c:pt idx="227">
                  <c:v>0</c:v>
                </c:pt>
                <c:pt idx="228">
                  <c:v>0.68845846635948083</c:v>
                </c:pt>
                <c:pt idx="229">
                  <c:v>0</c:v>
                </c:pt>
                <c:pt idx="230">
                  <c:v>0</c:v>
                </c:pt>
                <c:pt idx="231">
                  <c:v>0</c:v>
                </c:pt>
                <c:pt idx="232">
                  <c:v>0</c:v>
                </c:pt>
                <c:pt idx="233">
                  <c:v>0</c:v>
                </c:pt>
                <c:pt idx="234">
                  <c:v>0</c:v>
                </c:pt>
                <c:pt idx="235">
                  <c:v>0</c:v>
                </c:pt>
                <c:pt idx="236">
                  <c:v>0</c:v>
                </c:pt>
                <c:pt idx="237">
                  <c:v>0</c:v>
                </c:pt>
                <c:pt idx="238">
                  <c:v>1.2726880251554271</c:v>
                </c:pt>
                <c:pt idx="239">
                  <c:v>4.9109764037127981</c:v>
                </c:pt>
                <c:pt idx="240">
                  <c:v>13.883827020588564</c:v>
                </c:pt>
                <c:pt idx="241">
                  <c:v>17.842437586857294</c:v>
                </c:pt>
                <c:pt idx="242">
                  <c:v>12.036475422996496</c:v>
                </c:pt>
                <c:pt idx="243">
                  <c:v>5.7026985169665334</c:v>
                </c:pt>
                <c:pt idx="244">
                  <c:v>3.8292014980331803</c:v>
                </c:pt>
                <c:pt idx="245">
                  <c:v>5.0322666617403531</c:v>
                </c:pt>
                <c:pt idx="246">
                  <c:v>11.244753309742753</c:v>
                </c:pt>
                <c:pt idx="247">
                  <c:v>9.9252164543198464</c:v>
                </c:pt>
                <c:pt idx="248">
                  <c:v>5.9666058880511166</c:v>
                </c:pt>
                <c:pt idx="249">
                  <c:v>5.1748837747973742</c:v>
                </c:pt>
                <c:pt idx="250">
                  <c:v>3.5914395482898893</c:v>
                </c:pt>
                <c:pt idx="251">
                  <c:v>2.4757531888626008</c:v>
                </c:pt>
                <c:pt idx="252">
                  <c:v>2.926902625252795</c:v>
                </c:pt>
                <c:pt idx="253">
                  <c:v>0</c:v>
                </c:pt>
                <c:pt idx="254">
                  <c:v>0</c:v>
                </c:pt>
                <c:pt idx="255">
                  <c:v>0</c:v>
                </c:pt>
                <c:pt idx="256">
                  <c:v>6.2305132591357077</c:v>
                </c:pt>
                <c:pt idx="257">
                  <c:v>10.716938567573589</c:v>
                </c:pt>
                <c:pt idx="258">
                  <c:v>5.1826498072037506</c:v>
                </c:pt>
                <c:pt idx="259">
                  <c:v>4.4307340798867667</c:v>
                </c:pt>
                <c:pt idx="260">
                  <c:v>2.7997174350361389</c:v>
                </c:pt>
                <c:pt idx="261">
                  <c:v>7.2861427434740262</c:v>
                </c:pt>
                <c:pt idx="262">
                  <c:v>6.4944206302202838</c:v>
                </c:pt>
                <c:pt idx="263">
                  <c:v>2.2719026928669797</c:v>
                </c:pt>
                <c:pt idx="264">
                  <c:v>4.3831616615436246</c:v>
                </c:pt>
                <c:pt idx="265">
                  <c:v>11.197975625739632</c:v>
                </c:pt>
                <c:pt idx="266">
                  <c:v>13.90487224408078</c:v>
                </c:pt>
                <c:pt idx="267">
                  <c:v>15.467271247096056</c:v>
                </c:pt>
                <c:pt idx="268">
                  <c:v>8.0778648567277767</c:v>
                </c:pt>
                <c:pt idx="269">
                  <c:v>5.4387911458819573</c:v>
                </c:pt>
                <c:pt idx="270">
                  <c:v>4.9109764037127981</c:v>
                </c:pt>
                <c:pt idx="271">
                  <c:v>7.8139574856431855</c:v>
                </c:pt>
                <c:pt idx="272">
                  <c:v>8.1903127164716931</c:v>
                </c:pt>
                <c:pt idx="273">
                  <c:v>9.2429947347154702</c:v>
                </c:pt>
                <c:pt idx="274">
                  <c:v>9.1334943410660951</c:v>
                </c:pt>
                <c:pt idx="275">
                  <c:v>8.8695869699815191</c:v>
                </c:pt>
                <c:pt idx="276">
                  <c:v>10.189123825404428</c:v>
                </c:pt>
                <c:pt idx="277">
                  <c:v>19.68978918444936</c:v>
                </c:pt>
                <c:pt idx="278">
                  <c:v>17.578530215772702</c:v>
                </c:pt>
                <c:pt idx="279">
                  <c:v>9.8445273165690601</c:v>
                </c:pt>
                <c:pt idx="280">
                  <c:v>13.30333966222719</c:v>
                </c:pt>
                <c:pt idx="281">
                  <c:v>24.440121863971829</c:v>
                </c:pt>
                <c:pt idx="282">
                  <c:v>18.898067071195612</c:v>
                </c:pt>
                <c:pt idx="283">
                  <c:v>15.203363876011474</c:v>
                </c:pt>
                <c:pt idx="284">
                  <c:v>12.828197536250247</c:v>
                </c:pt>
                <c:pt idx="285">
                  <c:v>4.6470690326282078</c:v>
                </c:pt>
                <c:pt idx="286">
                  <c:v>8.1903127164716931</c:v>
                </c:pt>
                <c:pt idx="287">
                  <c:v>14.50640482593437</c:v>
                </c:pt>
                <c:pt idx="288">
                  <c:v>95.606810460742352</c:v>
                </c:pt>
                <c:pt idx="289">
                  <c:v>115.29420060194064</c:v>
                </c:pt>
                <c:pt idx="290">
                  <c:v>110.91922501500771</c:v>
                </c:pt>
                <c:pt idx="291">
                  <c:v>32.169664450214583</c:v>
                </c:pt>
                <c:pt idx="292">
                  <c:v>16.786808102518965</c:v>
                </c:pt>
                <c:pt idx="293">
                  <c:v>8.7918452983252795</c:v>
                </c:pt>
                <c:pt idx="294">
                  <c:v>13.152956516763798</c:v>
                </c:pt>
                <c:pt idx="295">
                  <c:v>24.967936606140988</c:v>
                </c:pt>
                <c:pt idx="296">
                  <c:v>27.079195574817639</c:v>
                </c:pt>
                <c:pt idx="297">
                  <c:v>21.801048153126011</c:v>
                </c:pt>
                <c:pt idx="298">
                  <c:v>22.064955524210596</c:v>
                </c:pt>
                <c:pt idx="299">
                  <c:v>28.926547172409713</c:v>
                </c:pt>
                <c:pt idx="300">
                  <c:v>24.572731079778503</c:v>
                </c:pt>
                <c:pt idx="301">
                  <c:v>46.259768414022481</c:v>
                </c:pt>
                <c:pt idx="302">
                  <c:v>43.107103417546952</c:v>
                </c:pt>
                <c:pt idx="303">
                  <c:v>25.759658719394732</c:v>
                </c:pt>
                <c:pt idx="304">
                  <c:v>25.231843977225573</c:v>
                </c:pt>
                <c:pt idx="305">
                  <c:v>28.662639801325131</c:v>
                </c:pt>
                <c:pt idx="306">
                  <c:v>60.607005765278743</c:v>
                </c:pt>
                <c:pt idx="307">
                  <c:v>60.717793303518448</c:v>
                </c:pt>
                <c:pt idx="308">
                  <c:v>46.259768414022481</c:v>
                </c:pt>
                <c:pt idx="309">
                  <c:v>26.023566090479314</c:v>
                </c:pt>
                <c:pt idx="310">
                  <c:v>75.919420319544059</c:v>
                </c:pt>
                <c:pt idx="311">
                  <c:v>67.169469145678192</c:v>
                </c:pt>
                <c:pt idx="312">
                  <c:v>141.54405412353836</c:v>
                </c:pt>
                <c:pt idx="313">
                  <c:v>121.85666398234007</c:v>
                </c:pt>
                <c:pt idx="314">
                  <c:v>71.044953938872723</c:v>
                </c:pt>
                <c:pt idx="315">
                  <c:v>76.208534256549868</c:v>
                </c:pt>
                <c:pt idx="316">
                  <c:v>169.98139543860253</c:v>
                </c:pt>
                <c:pt idx="317">
                  <c:v>54.044542384879307</c:v>
                </c:pt>
                <c:pt idx="318">
                  <c:v>43.107103417546952</c:v>
                </c:pt>
                <c:pt idx="319">
                  <c:v>49.669566797946381</c:v>
                </c:pt>
                <c:pt idx="320">
                  <c:v>113.10671280847419</c:v>
                </c:pt>
                <c:pt idx="321">
                  <c:v>103.05915190847097</c:v>
                </c:pt>
                <c:pt idx="322">
                  <c:v>113.38631254382521</c:v>
                </c:pt>
                <c:pt idx="323">
                  <c:v>91.231834873809419</c:v>
                </c:pt>
                <c:pt idx="324">
                  <c:v>86.856859286876471</c:v>
                </c:pt>
                <c:pt idx="325">
                  <c:v>172.16888323206899</c:v>
                </c:pt>
                <c:pt idx="326">
                  <c:v>194.04376116673379</c:v>
                </c:pt>
                <c:pt idx="327">
                  <c:v>159.04395647127015</c:v>
                </c:pt>
                <c:pt idx="328">
                  <c:v>131.97520168746291</c:v>
                </c:pt>
                <c:pt idx="329">
                  <c:v>137.13878200514006</c:v>
                </c:pt>
                <c:pt idx="330">
                  <c:v>198.41873675366668</c:v>
                </c:pt>
                <c:pt idx="331">
                  <c:v>204.98120013406611</c:v>
                </c:pt>
                <c:pt idx="332">
                  <c:v>272.79332173152687</c:v>
                </c:pt>
                <c:pt idx="333">
                  <c:v>290.29322407925866</c:v>
                </c:pt>
                <c:pt idx="334">
                  <c:v>277.16829731845985</c:v>
                </c:pt>
                <c:pt idx="335">
                  <c:v>160.89125146645486</c:v>
                </c:pt>
                <c:pt idx="336">
                  <c:v>178.44742454655716</c:v>
                </c:pt>
                <c:pt idx="337">
                  <c:v>358.10534567671948</c:v>
                </c:pt>
                <c:pt idx="338">
                  <c:v>314.35558980738995</c:v>
                </c:pt>
                <c:pt idx="339">
                  <c:v>272.79332173152687</c:v>
                </c:pt>
                <c:pt idx="340">
                  <c:v>218.10612689486499</c:v>
                </c:pt>
                <c:pt idx="341">
                  <c:v>283.73076069885929</c:v>
                </c:pt>
                <c:pt idx="342">
                  <c:v>154.6949550852423</c:v>
                </c:pt>
                <c:pt idx="343">
                  <c:v>118.54989286150236</c:v>
                </c:pt>
                <c:pt idx="344">
                  <c:v>211.54366351446558</c:v>
                </c:pt>
                <c:pt idx="345">
                  <c:v>134.98159074313892</c:v>
                </c:pt>
                <c:pt idx="346">
                  <c:v>139.35656633007187</c:v>
                </c:pt>
                <c:pt idx="347">
                  <c:v>163.41893205820313</c:v>
                </c:pt>
                <c:pt idx="348">
                  <c:v>189.66878557980084</c:v>
                </c:pt>
                <c:pt idx="349">
                  <c:v>95.830139463722958</c:v>
                </c:pt>
                <c:pt idx="350">
                  <c:v>75.175818193014422</c:v>
                </c:pt>
                <c:pt idx="351">
                  <c:v>104.35676163460826</c:v>
                </c:pt>
                <c:pt idx="352">
                  <c:v>124.04415177580654</c:v>
                </c:pt>
                <c:pt idx="353">
                  <c:v>211.54366351446558</c:v>
                </c:pt>
                <c:pt idx="354">
                  <c:v>121.85666398234007</c:v>
                </c:pt>
                <c:pt idx="355">
                  <c:v>121.85666398234007</c:v>
                </c:pt>
                <c:pt idx="356">
                  <c:v>114.41902860736064</c:v>
                </c:pt>
                <c:pt idx="357">
                  <c:v>89.63384308251041</c:v>
                </c:pt>
                <c:pt idx="358">
                  <c:v>29.982176656748035</c:v>
                </c:pt>
                <c:pt idx="359">
                  <c:v>45.294591211013447</c:v>
                </c:pt>
                <c:pt idx="360">
                  <c:v>104.35676163460826</c:v>
                </c:pt>
                <c:pt idx="361">
                  <c:v>191.85627337326727</c:v>
                </c:pt>
                <c:pt idx="362">
                  <c:v>106.54424942807475</c:v>
                </c:pt>
                <c:pt idx="363">
                  <c:v>68.97952181180186</c:v>
                </c:pt>
                <c:pt idx="364">
                  <c:v>98.928287654329267</c:v>
                </c:pt>
              </c:numCache>
            </c:numRef>
          </c:val>
          <c:extLst>
            <c:ext xmlns:c16="http://schemas.microsoft.com/office/drawing/2014/chart" uri="{C3380CC4-5D6E-409C-BE32-E72D297353CC}">
              <c16:uniqueId val="{00000000-84B1-4936-A715-6FFFC4092DE5}"/>
            </c:ext>
          </c:extLst>
        </c:ser>
        <c:dLbls>
          <c:showLegendKey val="0"/>
          <c:showVal val="0"/>
          <c:showCatName val="0"/>
          <c:showSerName val="0"/>
          <c:showPercent val="0"/>
          <c:showBubbleSize val="0"/>
        </c:dLbls>
        <c:axId val="1789561167"/>
        <c:axId val="1789564047"/>
      </c:areaChart>
      <c:scatterChart>
        <c:scatterStyle val="lineMarker"/>
        <c:varyColors val="0"/>
        <c:dLbls>
          <c:showLegendKey val="0"/>
          <c:showVal val="0"/>
          <c:showCatName val="0"/>
          <c:showSerName val="0"/>
          <c:showPercent val="0"/>
          <c:showBubbleSize val="0"/>
        </c:dLbls>
        <c:axId val="1789561167"/>
        <c:axId val="1789564047"/>
        <c:extLst>
          <c:ext xmlns:c15="http://schemas.microsoft.com/office/drawing/2012/chart" uri="{02D57815-91ED-43cb-92C2-25804820EDAC}">
            <c15:filteredScatterSeries>
              <c15:ser>
                <c:idx val="1"/>
                <c:order val="0"/>
                <c:tx>
                  <c:v>Total Demand</c:v>
                </c:tx>
                <c:spPr>
                  <a:ln w="19050" cap="rnd" cmpd="sng">
                    <a:solidFill>
                      <a:schemeClr val="accent1"/>
                    </a:solidFill>
                    <a:prstDash val="solid"/>
                    <a:round/>
                  </a:ln>
                  <a:effectLst/>
                </c:spPr>
                <c:marker>
                  <c:symbol val="none"/>
                </c:marker>
                <c:xVal>
                  <c:numRef>
                    <c:extLst>
                      <c:ext uri="{02D57815-91ED-43cb-92C2-25804820EDAC}">
                        <c15:formulaRef>
                          <c15:sqref>Jesper!$P$2:$P$367</c15:sqref>
                        </c15:formulaRef>
                      </c:ext>
                    </c:extLst>
                    <c:numCache>
                      <c:formatCode>m/d/yyyy</c:formatCode>
                      <c:ptCount val="366"/>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pt idx="365">
                        <c:v>45292</c:v>
                      </c:pt>
                    </c:numCache>
                  </c:numRef>
                </c:xVal>
                <c:yVal>
                  <c:numRef>
                    <c:extLst>
                      <c:ext uri="{02D57815-91ED-43cb-92C2-25804820EDAC}">
                        <c15:formulaRef>
                          <c15:sqref>Jesper!$AR$2:$AR$367</c15:sqref>
                        </c15:formulaRef>
                      </c:ext>
                    </c:extLst>
                    <c:numCache>
                      <c:formatCode>General</c:formatCode>
                      <c:ptCount val="366"/>
                      <c:pt idx="0">
                        <c:v>424.93398630905307</c:v>
                      </c:pt>
                      <c:pt idx="1">
                        <c:v>1189.828421554261</c:v>
                      </c:pt>
                      <c:pt idx="2">
                        <c:v>1069.3645574539835</c:v>
                      </c:pt>
                      <c:pt idx="3">
                        <c:v>1111.8812153717286</c:v>
                      </c:pt>
                      <c:pt idx="4">
                        <c:v>771.74795202976861</c:v>
                      </c:pt>
                      <c:pt idx="5">
                        <c:v>863.86737751821613</c:v>
                      </c:pt>
                      <c:pt idx="6">
                        <c:v>334.14699495407177</c:v>
                      </c:pt>
                      <c:pt idx="7">
                        <c:v>473.81928934635084</c:v>
                      </c:pt>
                      <c:pt idx="8">
                        <c:v>1218.1728601660911</c:v>
                      </c:pt>
                      <c:pt idx="9">
                        <c:v>1069.3645574539835</c:v>
                      </c:pt>
                      <c:pt idx="10">
                        <c:v>1246.517298777921</c:v>
                      </c:pt>
                      <c:pt idx="11">
                        <c:v>913.47014508891846</c:v>
                      </c:pt>
                      <c:pt idx="12">
                        <c:v>1012.6756802303236</c:v>
                      </c:pt>
                      <c:pt idx="13">
                        <c:v>358.58964647272057</c:v>
                      </c:pt>
                      <c:pt idx="14">
                        <c:v>456.36025254731589</c:v>
                      </c:pt>
                      <c:pt idx="15">
                        <c:v>1218.1728601660911</c:v>
                      </c:pt>
                      <c:pt idx="16">
                        <c:v>1274.8617373897509</c:v>
                      </c:pt>
                      <c:pt idx="17">
                        <c:v>1232.3450794720059</c:v>
                      </c:pt>
                      <c:pt idx="18">
                        <c:v>1296.1200663486236</c:v>
                      </c:pt>
                      <c:pt idx="19">
                        <c:v>1535.0900506003193</c:v>
                      </c:pt>
                      <c:pt idx="20">
                        <c:v>644.91784997689251</c:v>
                      </c:pt>
                      <c:pt idx="21">
                        <c:v>644.91784997689251</c:v>
                      </c:pt>
                      <c:pt idx="22">
                        <c:v>1438.8038279772918</c:v>
                      </c:pt>
                      <c:pt idx="23">
                        <c:v>1366.9811628781986</c:v>
                      </c:pt>
                      <c:pt idx="24">
                        <c:v>1402.4117111429862</c:v>
                      </c:pt>
                      <c:pt idx="25">
                        <c:v>1512.8701530719281</c:v>
                      </c:pt>
                      <c:pt idx="26">
                        <c:v>1601.7497431854918</c:v>
                      </c:pt>
                      <c:pt idx="27">
                        <c:v>676.34411621515528</c:v>
                      </c:pt>
                      <c:pt idx="28">
                        <c:v>697.29496037399713</c:v>
                      </c:pt>
                      <c:pt idx="29">
                        <c:v>1416.5839304489011</c:v>
                      </c:pt>
                      <c:pt idx="30">
                        <c:v>1253.6034084308785</c:v>
                      </c:pt>
                      <c:pt idx="31">
                        <c:v>1189.828421554261</c:v>
                      </c:pt>
                      <c:pt idx="32">
                        <c:v>1338.6367242663687</c:v>
                      </c:pt>
                      <c:pt idx="33">
                        <c:v>1246.517298777921</c:v>
                      </c:pt>
                      <c:pt idx="34">
                        <c:v>508.73736294442051</c:v>
                      </c:pt>
                      <c:pt idx="35">
                        <c:v>669.36050149554148</c:v>
                      </c:pt>
                      <c:pt idx="36">
                        <c:v>1772.1022909031553</c:v>
                      </c:pt>
                      <c:pt idx="37">
                        <c:v>1772.1022909031553</c:v>
                      </c:pt>
                      <c:pt idx="38">
                        <c:v>1712.849230827446</c:v>
                      </c:pt>
                      <c:pt idx="39">
                        <c:v>1601.7497431854918</c:v>
                      </c:pt>
                      <c:pt idx="40">
                        <c:v>1483.2436230340736</c:v>
                      </c:pt>
                      <c:pt idx="41">
                        <c:v>519.21278502384143</c:v>
                      </c:pt>
                      <c:pt idx="42">
                        <c:v>414.45856422963226</c:v>
                      </c:pt>
                      <c:pt idx="43">
                        <c:v>1126.0534346776437</c:v>
                      </c:pt>
                      <c:pt idx="44">
                        <c:v>1161.4839829424309</c:v>
                      </c:pt>
                      <c:pt idx="45">
                        <c:v>1303.2061760015811</c:v>
                      </c:pt>
                      <c:pt idx="46">
                        <c:v>1345.7228339193261</c:v>
                      </c:pt>
                      <c:pt idx="47">
                        <c:v>998.5034609244085</c:v>
                      </c:pt>
                      <c:pt idx="48">
                        <c:v>166.72482148216349</c:v>
                      </c:pt>
                      <c:pt idx="49">
                        <c:v>267.80265511773922</c:v>
                      </c:pt>
                      <c:pt idx="50">
                        <c:v>977.24513196553619</c:v>
                      </c:pt>
                      <c:pt idx="51">
                        <c:v>715.05907480610847</c:v>
                      </c:pt>
                      <c:pt idx="52">
                        <c:v>701.81566427382711</c:v>
                      </c:pt>
                      <c:pt idx="53">
                        <c:v>899.29792578300362</c:v>
                      </c:pt>
                      <c:pt idx="54">
                        <c:v>715.05907480610847</c:v>
                      </c:pt>
                      <c:pt idx="55">
                        <c:v>386.52410535117644</c:v>
                      </c:pt>
                      <c:pt idx="56">
                        <c:v>592.54073957978778</c:v>
                      </c:pt>
                      <c:pt idx="57">
                        <c:v>1483.2436230340736</c:v>
                      </c:pt>
                      <c:pt idx="58">
                        <c:v>1409.4978207959434</c:v>
                      </c:pt>
                      <c:pt idx="59">
                        <c:v>1310.2922856545383</c:v>
                      </c:pt>
                      <c:pt idx="60">
                        <c:v>1126.0534346776437</c:v>
                      </c:pt>
                      <c:pt idx="61">
                        <c:v>1126.0534346776437</c:v>
                      </c:pt>
                      <c:pt idx="62">
                        <c:v>424.93398630905307</c:v>
                      </c:pt>
                      <c:pt idx="63">
                        <c:v>512.22917030422752</c:v>
                      </c:pt>
                      <c:pt idx="64">
                        <c:v>1161.4839829424309</c:v>
                      </c:pt>
                      <c:pt idx="65">
                        <c:v>1062.2784478010258</c:v>
                      </c:pt>
                      <c:pt idx="66">
                        <c:v>998.5034609244085</c:v>
                      </c:pt>
                      <c:pt idx="67">
                        <c:v>750.48962307089596</c:v>
                      </c:pt>
                      <c:pt idx="68">
                        <c:v>800.09239064159863</c:v>
                      </c:pt>
                      <c:pt idx="69">
                        <c:v>383.03229799136943</c:v>
                      </c:pt>
                      <c:pt idx="70">
                        <c:v>498.26194086499959</c:v>
                      </c:pt>
                      <c:pt idx="71">
                        <c:v>800.09239064159863</c:v>
                      </c:pt>
                      <c:pt idx="72">
                        <c:v>807.17850029455576</c:v>
                      </c:pt>
                      <c:pt idx="73">
                        <c:v>1026.8478995362384</c:v>
                      </c:pt>
                      <c:pt idx="74">
                        <c:v>1218.1728601660911</c:v>
                      </c:pt>
                      <c:pt idx="75">
                        <c:v>1026.8478995362384</c:v>
                      </c:pt>
                      <c:pt idx="76">
                        <c:v>337.63880231387867</c:v>
                      </c:pt>
                      <c:pt idx="77">
                        <c:v>341.13060967368568</c:v>
                      </c:pt>
                      <c:pt idx="78">
                        <c:v>707.97296515315088</c:v>
                      </c:pt>
                      <c:pt idx="79">
                        <c:v>677.18646075653203</c:v>
                      </c:pt>
                      <c:pt idx="80">
                        <c:v>606.37750064430872</c:v>
                      </c:pt>
                      <c:pt idx="81">
                        <c:v>634.08535460126552</c:v>
                      </c:pt>
                      <c:pt idx="82">
                        <c:v>594.06289888566107</c:v>
                      </c:pt>
                      <c:pt idx="83">
                        <c:v>215.42554472063463</c:v>
                      </c:pt>
                      <c:pt idx="84">
                        <c:v>222.40915944024854</c:v>
                      </c:pt>
                      <c:pt idx="85">
                        <c:v>1033.9340091891959</c:v>
                      </c:pt>
                      <c:pt idx="86">
                        <c:v>1260.6895180838362</c:v>
                      </c:pt>
                      <c:pt idx="87">
                        <c:v>1239.4311891249636</c:v>
                      </c:pt>
                      <c:pt idx="88">
                        <c:v>927.64236439483341</c:v>
                      </c:pt>
                      <c:pt idx="89">
                        <c:v>667.95050943754643</c:v>
                      </c:pt>
                      <c:pt idx="90">
                        <c:v>211.93373736082765</c:v>
                      </c:pt>
                      <c:pt idx="91">
                        <c:v>351.60603175310672</c:v>
                      </c:pt>
                      <c:pt idx="92">
                        <c:v>1225.2589698190484</c:v>
                      </c:pt>
                      <c:pt idx="93">
                        <c:v>1338.6367242663687</c:v>
                      </c:pt>
                      <c:pt idx="94">
                        <c:v>1359.8950532252411</c:v>
                      </c:pt>
                      <c:pt idx="95">
                        <c:v>1168.5700925953884</c:v>
                      </c:pt>
                      <c:pt idx="96">
                        <c:v>1062.2784478010258</c:v>
                      </c:pt>
                      <c:pt idx="97">
                        <c:v>519.21278502384143</c:v>
                      </c:pt>
                      <c:pt idx="98">
                        <c:v>428.42579366886014</c:v>
                      </c:pt>
                      <c:pt idx="99">
                        <c:v>870.95348717117338</c:v>
                      </c:pt>
                      <c:pt idx="100">
                        <c:v>970.15902231257849</c:v>
                      </c:pt>
                      <c:pt idx="101">
                        <c:v>856.78126786525831</c:v>
                      </c:pt>
                      <c:pt idx="102">
                        <c:v>821.35071960047094</c:v>
                      </c:pt>
                      <c:pt idx="103">
                        <c:v>1175.6562022483461</c:v>
                      </c:pt>
                      <c:pt idx="104">
                        <c:v>456.36025254731589</c:v>
                      </c:pt>
                      <c:pt idx="105">
                        <c:v>358.58964647272057</c:v>
                      </c:pt>
                      <c:pt idx="106">
                        <c:v>698.73701383416517</c:v>
                      </c:pt>
                      <c:pt idx="107">
                        <c:v>707.97296515315088</c:v>
                      </c:pt>
                      <c:pt idx="108">
                        <c:v>835.52293890638612</c:v>
                      </c:pt>
                      <c:pt idx="109">
                        <c:v>757.57573272385366</c:v>
                      </c:pt>
                      <c:pt idx="110">
                        <c:v>661.79320855822255</c:v>
                      </c:pt>
                      <c:pt idx="111">
                        <c:v>144.07479744352699</c:v>
                      </c:pt>
                      <c:pt idx="112">
                        <c:v>132.96034297765979</c:v>
                      </c:pt>
                      <c:pt idx="113">
                        <c:v>631.00670416160369</c:v>
                      </c:pt>
                      <c:pt idx="114">
                        <c:v>736.31740376498101</c:v>
                      </c:pt>
                      <c:pt idx="115">
                        <c:v>892.21181613004592</c:v>
                      </c:pt>
                      <c:pt idx="116">
                        <c:v>807.17850029455576</c:v>
                      </c:pt>
                      <c:pt idx="117">
                        <c:v>692.5797129548414</c:v>
                      </c:pt>
                      <c:pt idx="118">
                        <c:v>166.72482148216349</c:v>
                      </c:pt>
                      <c:pt idx="119">
                        <c:v>177.01566376275795</c:v>
                      </c:pt>
                      <c:pt idx="120">
                        <c:v>671.02915987720826</c:v>
                      </c:pt>
                      <c:pt idx="121">
                        <c:v>615.61345196329444</c:v>
                      </c:pt>
                      <c:pt idx="122">
                        <c:v>643.32130592025123</c:v>
                      </c:pt>
                      <c:pt idx="123">
                        <c:v>649.47860679957489</c:v>
                      </c:pt>
                      <c:pt idx="124">
                        <c:v>590.98424844599924</c:v>
                      </c:pt>
                      <c:pt idx="125">
                        <c:v>124.99906655154246</c:v>
                      </c:pt>
                      <c:pt idx="126">
                        <c:v>142.67673013097075</c:v>
                      </c:pt>
                      <c:pt idx="127">
                        <c:v>722.14518445906606</c:v>
                      </c:pt>
                      <c:pt idx="128">
                        <c:v>677.18646075653203</c:v>
                      </c:pt>
                      <c:pt idx="129">
                        <c:v>631.00670416160369</c:v>
                      </c:pt>
                      <c:pt idx="130">
                        <c:v>597.14154932532301</c:v>
                      </c:pt>
                      <c:pt idx="131">
                        <c:v>652.55725723923695</c:v>
                      </c:pt>
                      <c:pt idx="132">
                        <c:v>271.29446247754623</c:v>
                      </c:pt>
                      <c:pt idx="133">
                        <c:v>288.75349927658107</c:v>
                      </c:pt>
                      <c:pt idx="134">
                        <c:v>640.24265548058918</c:v>
                      </c:pt>
                      <c:pt idx="135">
                        <c:v>637.16400504092746</c:v>
                      </c:pt>
                      <c:pt idx="136">
                        <c:v>800.09239064159863</c:v>
                      </c:pt>
                      <c:pt idx="137">
                        <c:v>821.35071960047094</c:v>
                      </c:pt>
                      <c:pt idx="138">
                        <c:v>649.47860679957489</c:v>
                      </c:pt>
                      <c:pt idx="139">
                        <c:v>131.96518342439512</c:v>
                      </c:pt>
                      <c:pt idx="140">
                        <c:v>117.53536990205743</c:v>
                      </c:pt>
                      <c:pt idx="141">
                        <c:v>504.18570186338951</c:v>
                      </c:pt>
                      <c:pt idx="142">
                        <c:v>512.17525208848861</c:v>
                      </c:pt>
                      <c:pt idx="143">
                        <c:v>558.78096173490042</c:v>
                      </c:pt>
                      <c:pt idx="144">
                        <c:v>565.43892025581636</c:v>
                      </c:pt>
                      <c:pt idx="145">
                        <c:v>549.45981980561805</c:v>
                      </c:pt>
                      <c:pt idx="146">
                        <c:v>128.97970476460114</c:v>
                      </c:pt>
                      <c:pt idx="147">
                        <c:v>130.47244409449812</c:v>
                      </c:pt>
                      <c:pt idx="148">
                        <c:v>540.13867787633569</c:v>
                      </c:pt>
                      <c:pt idx="149">
                        <c:v>529.48594424287012</c:v>
                      </c:pt>
                      <c:pt idx="150">
                        <c:v>529.48594424287012</c:v>
                      </c:pt>
                      <c:pt idx="151">
                        <c:v>521.49639401777097</c:v>
                      </c:pt>
                      <c:pt idx="152">
                        <c:v>512.17525208848861</c:v>
                      </c:pt>
                      <c:pt idx="153">
                        <c:v>133.45792275429216</c:v>
                      </c:pt>
                      <c:pt idx="154">
                        <c:v>131.46760364776281</c:v>
                      </c:pt>
                      <c:pt idx="155">
                        <c:v>548.12822810143484</c:v>
                      </c:pt>
                      <c:pt idx="156">
                        <c:v>544.13345298888532</c:v>
                      </c:pt>
                      <c:pt idx="157">
                        <c:v>537.47549446796927</c:v>
                      </c:pt>
                      <c:pt idx="158">
                        <c:v>540.13867787633569</c:v>
                      </c:pt>
                      <c:pt idx="159">
                        <c:v>529.48594424287012</c:v>
                      </c:pt>
                      <c:pt idx="160">
                        <c:v>120.52084856185142</c:v>
                      </c:pt>
                      <c:pt idx="161">
                        <c:v>124.50148677491011</c:v>
                      </c:pt>
                      <c:pt idx="162">
                        <c:v>537.47549446796927</c:v>
                      </c:pt>
                      <c:pt idx="163">
                        <c:v>565.43892025581636</c:v>
                      </c:pt>
                      <c:pt idx="164">
                        <c:v>548.12822810143484</c:v>
                      </c:pt>
                      <c:pt idx="165">
                        <c:v>548.12822810143484</c:v>
                      </c:pt>
                      <c:pt idx="166">
                        <c:v>521.49639401777097</c:v>
                      </c:pt>
                      <c:pt idx="167">
                        <c:v>118.03294967868976</c:v>
                      </c:pt>
                      <c:pt idx="168">
                        <c:v>110.07167325257238</c:v>
                      </c:pt>
                      <c:pt idx="169">
                        <c:v>474.64186165306091</c:v>
                      </c:pt>
                      <c:pt idx="170">
                        <c:v>454.3154599447127</c:v>
                      </c:pt>
                      <c:pt idx="171">
                        <c:v>443.37047440944838</c:v>
                      </c:pt>
                      <c:pt idx="172">
                        <c:v>459.78795271234486</c:v>
                      </c:pt>
                      <c:pt idx="173">
                        <c:v>476.20543101524134</c:v>
                      </c:pt>
                      <c:pt idx="174">
                        <c:v>129.97486431786581</c:v>
                      </c:pt>
                      <c:pt idx="175">
                        <c:v>110.07167325257238</c:v>
                      </c:pt>
                      <c:pt idx="176">
                        <c:v>476.20543101524134</c:v>
                      </c:pt>
                      <c:pt idx="177">
                        <c:v>480.21705118809211</c:v>
                      </c:pt>
                      <c:pt idx="178">
                        <c:v>540.13867787633569</c:v>
                      </c:pt>
                      <c:pt idx="179">
                        <c:v>502.85411015920641</c:v>
                      </c:pt>
                      <c:pt idx="180">
                        <c:v>475.42364633415116</c:v>
                      </c:pt>
                      <c:pt idx="181">
                        <c:v>113.55473168899873</c:v>
                      </c:pt>
                      <c:pt idx="182">
                        <c:v>109.07651369930771</c:v>
                      </c:pt>
                      <c:pt idx="183">
                        <c:v>500.19092675083994</c:v>
                      </c:pt>
                      <c:pt idx="184">
                        <c:v>473.86007697197039</c:v>
                      </c:pt>
                      <c:pt idx="185">
                        <c:v>480.21705118809211</c:v>
                      </c:pt>
                      <c:pt idx="186">
                        <c:v>502.85411015920641</c:v>
                      </c:pt>
                      <c:pt idx="187">
                        <c:v>489.53819311737436</c:v>
                      </c:pt>
                      <c:pt idx="188">
                        <c:v>101.11523727319035</c:v>
                      </c:pt>
                      <c:pt idx="189">
                        <c:v>90.980588138298145</c:v>
                      </c:pt>
                      <c:pt idx="190">
                        <c:v>444.15225909053868</c:v>
                      </c:pt>
                      <c:pt idx="191">
                        <c:v>447.27939781489994</c:v>
                      </c:pt>
                      <c:pt idx="192">
                        <c:v>444.93404377162898</c:v>
                      </c:pt>
                      <c:pt idx="193">
                        <c:v>469.951153566519</c:v>
                      </c:pt>
                      <c:pt idx="194">
                        <c:v>466.04223016106749</c:v>
                      </c:pt>
                      <c:pt idx="195">
                        <c:v>87.571281470551853</c:v>
                      </c:pt>
                      <c:pt idx="196">
                        <c:v>82.457321468932406</c:v>
                      </c:pt>
                      <c:pt idx="197">
                        <c:v>444.93404377162898</c:v>
                      </c:pt>
                      <c:pt idx="198">
                        <c:v>447.27939781489994</c:v>
                      </c:pt>
                      <c:pt idx="199">
                        <c:v>445.71582845271928</c:v>
                      </c:pt>
                      <c:pt idx="200">
                        <c:v>465.26044547997702</c:v>
                      </c:pt>
                      <c:pt idx="201">
                        <c:v>482.88023459645859</c:v>
                      </c:pt>
                      <c:pt idx="202">
                        <c:v>102.60797660308737</c:v>
                      </c:pt>
                      <c:pt idx="203">
                        <c:v>94.389894806044467</c:v>
                      </c:pt>
                      <c:pt idx="204">
                        <c:v>444.15225909053868</c:v>
                      </c:pt>
                      <c:pt idx="205">
                        <c:v>504.18570186338951</c:v>
                      </c:pt>
                      <c:pt idx="206">
                        <c:v>540.13867787633569</c:v>
                      </c:pt>
                      <c:pt idx="207">
                        <c:v>529.48594424287012</c:v>
                      </c:pt>
                      <c:pt idx="208">
                        <c:v>473.86007697197039</c:v>
                      </c:pt>
                      <c:pt idx="209">
                        <c:v>92.685241472171299</c:v>
                      </c:pt>
                      <c:pt idx="210">
                        <c:v>103.60313615635206</c:v>
                      </c:pt>
                      <c:pt idx="211">
                        <c:v>489.53819311737436</c:v>
                      </c:pt>
                      <c:pt idx="212">
                        <c:v>508.18047697593914</c:v>
                      </c:pt>
                      <c:pt idx="213">
                        <c:v>493.53296822992399</c:v>
                      </c:pt>
                      <c:pt idx="214">
                        <c:v>494.86455993410715</c:v>
                      </c:pt>
                      <c:pt idx="215">
                        <c:v>540.13867787633569</c:v>
                      </c:pt>
                      <c:pt idx="216">
                        <c:v>129.47728454123344</c:v>
                      </c:pt>
                      <c:pt idx="217">
                        <c:v>133.45792275429216</c:v>
                      </c:pt>
                      <c:pt idx="218">
                        <c:v>624.84940328228004</c:v>
                      </c:pt>
                      <c:pt idx="219">
                        <c:v>544.13345298888532</c:v>
                      </c:pt>
                      <c:pt idx="220">
                        <c:v>553.45459491816757</c:v>
                      </c:pt>
                      <c:pt idx="221">
                        <c:v>552.12300321398448</c:v>
                      </c:pt>
                      <c:pt idx="222">
                        <c:v>520.16480231358787</c:v>
                      </c:pt>
                      <c:pt idx="223">
                        <c:v>105.09587548624903</c:v>
                      </c:pt>
                      <c:pt idx="224">
                        <c:v>93.026172138945952</c:v>
                      </c:pt>
                      <c:pt idx="225">
                        <c:v>462.91509143670612</c:v>
                      </c:pt>
                      <c:pt idx="226">
                        <c:v>457.44259866907402</c:v>
                      </c:pt>
                      <c:pt idx="227">
                        <c:v>456.66081398798366</c:v>
                      </c:pt>
                      <c:pt idx="228">
                        <c:v>481.54864289227527</c:v>
                      </c:pt>
                      <c:pt idx="229">
                        <c:v>469.16936888542864</c:v>
                      </c:pt>
                      <c:pt idx="230">
                        <c:v>91.662449471847424</c:v>
                      </c:pt>
                      <c:pt idx="231">
                        <c:v>85.525697469904074</c:v>
                      </c:pt>
                      <c:pt idx="232">
                        <c:v>438.67976632290646</c:v>
                      </c:pt>
                      <c:pt idx="233">
                        <c:v>431.64370419309364</c:v>
                      </c:pt>
                      <c:pt idx="234">
                        <c:v>442.58868972835796</c:v>
                      </c:pt>
                      <c:pt idx="235">
                        <c:v>448.84296717708048</c:v>
                      </c:pt>
                      <c:pt idx="236">
                        <c:v>435.55262759854531</c:v>
                      </c:pt>
                      <c:pt idx="237">
                        <c:v>85.525697469904074</c:v>
                      </c:pt>
                      <c:pt idx="238">
                        <c:v>99.124918166661018</c:v>
                      </c:pt>
                      <c:pt idx="239">
                        <c:v>502.85411015920641</c:v>
                      </c:pt>
                      <c:pt idx="240">
                        <c:v>548.12822810143484</c:v>
                      </c:pt>
                      <c:pt idx="241">
                        <c:v>568.10210366418278</c:v>
                      </c:pt>
                      <c:pt idx="242">
                        <c:v>538.80708617215237</c:v>
                      </c:pt>
                      <c:pt idx="243">
                        <c:v>506.84888527175593</c:v>
                      </c:pt>
                      <c:pt idx="244">
                        <c:v>107.58377436941072</c:v>
                      </c:pt>
                      <c:pt idx="245">
                        <c:v>111.56441258246937</c:v>
                      </c:pt>
                      <c:pt idx="246">
                        <c:v>534.81231105960296</c:v>
                      </c:pt>
                      <c:pt idx="247">
                        <c:v>528.15435253868702</c:v>
                      </c:pt>
                      <c:pt idx="248">
                        <c:v>508.18047697593914</c:v>
                      </c:pt>
                      <c:pt idx="249">
                        <c:v>504.18570186338951</c:v>
                      </c:pt>
                      <c:pt idx="250">
                        <c:v>496.19615163829047</c:v>
                      </c:pt>
                      <c:pt idx="251">
                        <c:v>103.10555637971967</c:v>
                      </c:pt>
                      <c:pt idx="252">
                        <c:v>104.59829570961668</c:v>
                      </c:pt>
                      <c:pt idx="253">
                        <c:v>476.20543101524134</c:v>
                      </c:pt>
                      <c:pt idx="254">
                        <c:v>471.51472292869954</c:v>
                      </c:pt>
                      <c:pt idx="255">
                        <c:v>469.951153566519</c:v>
                      </c:pt>
                      <c:pt idx="256">
                        <c:v>509.51206868012235</c:v>
                      </c:pt>
                      <c:pt idx="257">
                        <c:v>532.14912765123654</c:v>
                      </c:pt>
                      <c:pt idx="258">
                        <c:v>112.06199235910172</c:v>
                      </c:pt>
                      <c:pt idx="259">
                        <c:v>109.57409347594005</c:v>
                      </c:pt>
                      <c:pt idx="260">
                        <c:v>492.20137652574078</c:v>
                      </c:pt>
                      <c:pt idx="261">
                        <c:v>514.83843549685503</c:v>
                      </c:pt>
                      <c:pt idx="262">
                        <c:v>510.84366038430545</c:v>
                      </c:pt>
                      <c:pt idx="263">
                        <c:v>489.53819311737436</c:v>
                      </c:pt>
                      <c:pt idx="264">
                        <c:v>500.19092675083994</c:v>
                      </c:pt>
                      <c:pt idx="265">
                        <c:v>131.96518342439512</c:v>
                      </c:pt>
                      <c:pt idx="266">
                        <c:v>144.07479744352699</c:v>
                      </c:pt>
                      <c:pt idx="267">
                        <c:v>556.11777832653411</c:v>
                      </c:pt>
                      <c:pt idx="268">
                        <c:v>518.83321060940455</c:v>
                      </c:pt>
                      <c:pt idx="269">
                        <c:v>505.51729356757272</c:v>
                      </c:pt>
                      <c:pt idx="270">
                        <c:v>502.85411015920641</c:v>
                      </c:pt>
                      <c:pt idx="271">
                        <c:v>517.50161890522145</c:v>
                      </c:pt>
                      <c:pt idx="272">
                        <c:v>122.01358789174844</c:v>
                      </c:pt>
                      <c:pt idx="273">
                        <c:v>125.49664632817476</c:v>
                      </c:pt>
                      <c:pt idx="274">
                        <c:v>524.15957742613728</c:v>
                      </c:pt>
                      <c:pt idx="275">
                        <c:v>522.82798572195418</c:v>
                      </c:pt>
                      <c:pt idx="276">
                        <c:v>529.48594424287012</c:v>
                      </c:pt>
                      <c:pt idx="277">
                        <c:v>587.9055980063373</c:v>
                      </c:pt>
                      <c:pt idx="278">
                        <c:v>566.77051195999934</c:v>
                      </c:pt>
                      <c:pt idx="279">
                        <c:v>127.48696543470413</c:v>
                      </c:pt>
                      <c:pt idx="280">
                        <c:v>138.93130029724784</c:v>
                      </c:pt>
                      <c:pt idx="281">
                        <c:v>643.32130592025123</c:v>
                      </c:pt>
                      <c:pt idx="282">
                        <c:v>578.6696466873517</c:v>
                      </c:pt>
                      <c:pt idx="283">
                        <c:v>554.78618662235078</c:v>
                      </c:pt>
                      <c:pt idx="284">
                        <c:v>542.80186128470211</c:v>
                      </c:pt>
                      <c:pt idx="285">
                        <c:v>501.52251845502315</c:v>
                      </c:pt>
                      <c:pt idx="286">
                        <c:v>122.01358789174844</c:v>
                      </c:pt>
                      <c:pt idx="287">
                        <c:v>149.66706669375182</c:v>
                      </c:pt>
                      <c:pt idx="288">
                        <c:v>920.55625474187593</c:v>
                      </c:pt>
                      <c:pt idx="289">
                        <c:v>984.33124161849355</c:v>
                      </c:pt>
                      <c:pt idx="290">
                        <c:v>970.15902231257849</c:v>
                      </c:pt>
                      <c:pt idx="291">
                        <c:v>715.05907480610847</c:v>
                      </c:pt>
                      <c:pt idx="292">
                        <c:v>562.77573684744993</c:v>
                      </c:pt>
                      <c:pt idx="293">
                        <c:v>124.00390699827776</c:v>
                      </c:pt>
                      <c:pt idx="294">
                        <c:v>138.43372052061551</c:v>
                      </c:pt>
                      <c:pt idx="295">
                        <c:v>649.47860679957489</c:v>
                      </c:pt>
                      <c:pt idx="296">
                        <c:v>674.10781031687009</c:v>
                      </c:pt>
                      <c:pt idx="297">
                        <c:v>612.53480152363238</c:v>
                      </c:pt>
                      <c:pt idx="298">
                        <c:v>615.61345196329444</c:v>
                      </c:pt>
                      <c:pt idx="299">
                        <c:v>695.65836339450323</c:v>
                      </c:pt>
                      <c:pt idx="300">
                        <c:v>204.95012264121362</c:v>
                      </c:pt>
                      <c:pt idx="301">
                        <c:v>278.2780771971602</c:v>
                      </c:pt>
                      <c:pt idx="302">
                        <c:v>750.48962307089596</c:v>
                      </c:pt>
                      <c:pt idx="303">
                        <c:v>658.7145581185606</c:v>
                      </c:pt>
                      <c:pt idx="304">
                        <c:v>652.55725723923695</c:v>
                      </c:pt>
                      <c:pt idx="305">
                        <c:v>692.5797129548414</c:v>
                      </c:pt>
                      <c:pt idx="306">
                        <c:v>807.17850029455576</c:v>
                      </c:pt>
                      <c:pt idx="307">
                        <c:v>327.1633802344578</c:v>
                      </c:pt>
                      <c:pt idx="308">
                        <c:v>278.2780771971602</c:v>
                      </c:pt>
                      <c:pt idx="309">
                        <c:v>661.79320855822255</c:v>
                      </c:pt>
                      <c:pt idx="310">
                        <c:v>856.78126786525831</c:v>
                      </c:pt>
                      <c:pt idx="311">
                        <c:v>828.43682925342841</c:v>
                      </c:pt>
                      <c:pt idx="312">
                        <c:v>1069.3645574539835</c:v>
                      </c:pt>
                      <c:pt idx="313">
                        <c:v>1005.589570577366</c:v>
                      </c:pt>
                      <c:pt idx="314">
                        <c:v>362.08145383252747</c:v>
                      </c:pt>
                      <c:pt idx="315">
                        <c:v>379.54049063156242</c:v>
                      </c:pt>
                      <c:pt idx="316">
                        <c:v>1161.4839829424309</c:v>
                      </c:pt>
                      <c:pt idx="317">
                        <c:v>785.92017133568322</c:v>
                      </c:pt>
                      <c:pt idx="318">
                        <c:v>750.48962307089596</c:v>
                      </c:pt>
                      <c:pt idx="319">
                        <c:v>771.74795202976861</c:v>
                      </c:pt>
                      <c:pt idx="320">
                        <c:v>977.24513196553619</c:v>
                      </c:pt>
                      <c:pt idx="321">
                        <c:v>470.32748198654377</c:v>
                      </c:pt>
                      <c:pt idx="322">
                        <c:v>505.24555558461356</c:v>
                      </c:pt>
                      <c:pt idx="323">
                        <c:v>906.3840354359611</c:v>
                      </c:pt>
                      <c:pt idx="324">
                        <c:v>892.21181613004592</c:v>
                      </c:pt>
                      <c:pt idx="325">
                        <c:v>1168.5700925953884</c:v>
                      </c:pt>
                      <c:pt idx="326">
                        <c:v>1239.4311891249636</c:v>
                      </c:pt>
                      <c:pt idx="327">
                        <c:v>1126.0534346776437</c:v>
                      </c:pt>
                      <c:pt idx="328">
                        <c:v>568.09808806113915</c:v>
                      </c:pt>
                      <c:pt idx="329">
                        <c:v>585.55712486017387</c:v>
                      </c:pt>
                      <c:pt idx="330">
                        <c:v>1253.6034084308785</c:v>
                      </c:pt>
                      <c:pt idx="331">
                        <c:v>1274.8617373897509</c:v>
                      </c:pt>
                      <c:pt idx="332">
                        <c:v>1498.0568880530011</c:v>
                      </c:pt>
                      <c:pt idx="333">
                        <c:v>1557.3099481287099</c:v>
                      </c:pt>
                      <c:pt idx="334">
                        <c:v>1512.8701530719281</c:v>
                      </c:pt>
                      <c:pt idx="335">
                        <c:v>665.86869413573436</c:v>
                      </c:pt>
                      <c:pt idx="336">
                        <c:v>725.229419252453</c:v>
                      </c:pt>
                      <c:pt idx="337">
                        <c:v>1786.9155559220828</c:v>
                      </c:pt>
                      <c:pt idx="338">
                        <c:v>1638.7829057328099</c:v>
                      </c:pt>
                      <c:pt idx="339">
                        <c:v>1498.0568880530011</c:v>
                      </c:pt>
                      <c:pt idx="340">
                        <c:v>1317.3783953074958</c:v>
                      </c:pt>
                      <c:pt idx="341">
                        <c:v>1535.0900506003193</c:v>
                      </c:pt>
                      <c:pt idx="342">
                        <c:v>644.91784997689251</c:v>
                      </c:pt>
                      <c:pt idx="343">
                        <c:v>522.70459238364833</c:v>
                      </c:pt>
                      <c:pt idx="344">
                        <c:v>1296.1200663486236</c:v>
                      </c:pt>
                      <c:pt idx="345">
                        <c:v>1048.1062284951111</c:v>
                      </c:pt>
                      <c:pt idx="346">
                        <c:v>1062.2784478010258</c:v>
                      </c:pt>
                      <c:pt idx="347">
                        <c:v>1140.2256539835587</c:v>
                      </c:pt>
                      <c:pt idx="348">
                        <c:v>1225.2589698190484</c:v>
                      </c:pt>
                      <c:pt idx="349">
                        <c:v>445.88483046789497</c:v>
                      </c:pt>
                      <c:pt idx="350">
                        <c:v>376.04868327175541</c:v>
                      </c:pt>
                      <c:pt idx="351">
                        <c:v>948.90069335370595</c:v>
                      </c:pt>
                      <c:pt idx="352">
                        <c:v>1012.6756802303236</c:v>
                      </c:pt>
                      <c:pt idx="353">
                        <c:v>1296.1200663486236</c:v>
                      </c:pt>
                      <c:pt idx="354">
                        <c:v>1005.589570577366</c:v>
                      </c:pt>
                      <c:pt idx="355">
                        <c:v>1005.589570577366</c:v>
                      </c:pt>
                      <c:pt idx="356">
                        <c:v>508.73736294442051</c:v>
                      </c:pt>
                      <c:pt idx="357">
                        <c:v>424.93398630905307</c:v>
                      </c:pt>
                      <c:pt idx="358">
                        <c:v>707.97296515315088</c:v>
                      </c:pt>
                      <c:pt idx="359">
                        <c:v>757.57573272385366</c:v>
                      </c:pt>
                      <c:pt idx="360">
                        <c:v>948.90069335370595</c:v>
                      </c:pt>
                      <c:pt idx="361">
                        <c:v>1232.3450794720059</c:v>
                      </c:pt>
                      <c:pt idx="362">
                        <c:v>955.98680300666354</c:v>
                      </c:pt>
                      <c:pt idx="363">
                        <c:v>355.09783911291362</c:v>
                      </c:pt>
                      <c:pt idx="364">
                        <c:v>456.36025254731589</c:v>
                      </c:pt>
                      <c:pt idx="365">
                        <c:v>1631.3762732233465</c:v>
                      </c:pt>
                    </c:numCache>
                  </c:numRef>
                </c:yVal>
                <c:smooth val="0"/>
                <c:extLst>
                  <c:ext xmlns:c16="http://schemas.microsoft.com/office/drawing/2014/chart" uri="{C3380CC4-5D6E-409C-BE32-E72D297353CC}">
                    <c16:uniqueId val="{00000001-07FB-4538-A070-7F9252E6B6FB}"/>
                  </c:ext>
                </c:extLst>
              </c15:ser>
            </c15:filteredScatterSeries>
          </c:ext>
        </c:extLst>
      </c:scatterChart>
      <c:scatterChart>
        <c:scatterStyle val="lineMarker"/>
        <c:varyColors val="0"/>
        <c:ser>
          <c:idx val="5"/>
          <c:order val="6"/>
          <c:tx>
            <c:v>Temperature</c:v>
          </c:tx>
          <c:spPr>
            <a:ln w="19050" cap="rnd">
              <a:solidFill>
                <a:schemeClr val="tx1"/>
              </a:solidFill>
              <a:prstDash val="sysDot"/>
              <a:round/>
            </a:ln>
            <a:effectLst/>
          </c:spPr>
          <c:marker>
            <c:symbol val="none"/>
          </c:marker>
          <c:xVal>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extLst xmlns:c15="http://schemas.microsoft.com/office/drawing/2012/chart"/>
            </c:numRef>
          </c:xVal>
          <c:yVal>
            <c:numRef>
              <c:f>Jesper!$Q$2:$Q$366</c:f>
              <c:numCache>
                <c:formatCode>General</c:formatCode>
                <c:ptCount val="365"/>
                <c:pt idx="0">
                  <c:v>7.5</c:v>
                </c:pt>
                <c:pt idx="1">
                  <c:v>6.1</c:v>
                </c:pt>
                <c:pt idx="2">
                  <c:v>7.8</c:v>
                </c:pt>
                <c:pt idx="3">
                  <c:v>7.2</c:v>
                </c:pt>
                <c:pt idx="4">
                  <c:v>12</c:v>
                </c:pt>
                <c:pt idx="5">
                  <c:v>10.7</c:v>
                </c:pt>
                <c:pt idx="6">
                  <c:v>10.1</c:v>
                </c:pt>
                <c:pt idx="7">
                  <c:v>6.1</c:v>
                </c:pt>
                <c:pt idx="8">
                  <c:v>5.7</c:v>
                </c:pt>
                <c:pt idx="9">
                  <c:v>7.8</c:v>
                </c:pt>
                <c:pt idx="10">
                  <c:v>5.3</c:v>
                </c:pt>
                <c:pt idx="11">
                  <c:v>10</c:v>
                </c:pt>
                <c:pt idx="12">
                  <c:v>8.6</c:v>
                </c:pt>
                <c:pt idx="13">
                  <c:v>9.4</c:v>
                </c:pt>
                <c:pt idx="14">
                  <c:v>6.6</c:v>
                </c:pt>
                <c:pt idx="15">
                  <c:v>5.7</c:v>
                </c:pt>
                <c:pt idx="16">
                  <c:v>4.9000000000000004</c:v>
                </c:pt>
                <c:pt idx="17">
                  <c:v>5.5</c:v>
                </c:pt>
                <c:pt idx="18">
                  <c:v>4.5999999999999996</c:v>
                </c:pt>
                <c:pt idx="19">
                  <c:v>1.3</c:v>
                </c:pt>
                <c:pt idx="20">
                  <c:v>1.2</c:v>
                </c:pt>
                <c:pt idx="21">
                  <c:v>1.2</c:v>
                </c:pt>
                <c:pt idx="22">
                  <c:v>2.6</c:v>
                </c:pt>
                <c:pt idx="23">
                  <c:v>3.6</c:v>
                </c:pt>
                <c:pt idx="24">
                  <c:v>3.1</c:v>
                </c:pt>
                <c:pt idx="25">
                  <c:v>1.6</c:v>
                </c:pt>
                <c:pt idx="26">
                  <c:v>0.4</c:v>
                </c:pt>
                <c:pt idx="27">
                  <c:v>0.3</c:v>
                </c:pt>
                <c:pt idx="28">
                  <c:v>-0.3</c:v>
                </c:pt>
                <c:pt idx="29">
                  <c:v>2.9</c:v>
                </c:pt>
                <c:pt idx="30">
                  <c:v>5.2</c:v>
                </c:pt>
                <c:pt idx="31">
                  <c:v>6.1</c:v>
                </c:pt>
                <c:pt idx="32">
                  <c:v>4</c:v>
                </c:pt>
                <c:pt idx="33">
                  <c:v>5.3</c:v>
                </c:pt>
                <c:pt idx="34">
                  <c:v>5.0999999999999996</c:v>
                </c:pt>
                <c:pt idx="35">
                  <c:v>0.5</c:v>
                </c:pt>
                <c:pt idx="36">
                  <c:v>-1.9</c:v>
                </c:pt>
                <c:pt idx="37">
                  <c:v>-1.9</c:v>
                </c:pt>
                <c:pt idx="38">
                  <c:v>-1.1000000000000001</c:v>
                </c:pt>
                <c:pt idx="39">
                  <c:v>0.4</c:v>
                </c:pt>
                <c:pt idx="40">
                  <c:v>2</c:v>
                </c:pt>
                <c:pt idx="41">
                  <c:v>4.8</c:v>
                </c:pt>
                <c:pt idx="42">
                  <c:v>7.8</c:v>
                </c:pt>
                <c:pt idx="43">
                  <c:v>7</c:v>
                </c:pt>
                <c:pt idx="44">
                  <c:v>6.5</c:v>
                </c:pt>
                <c:pt idx="45">
                  <c:v>4.5</c:v>
                </c:pt>
                <c:pt idx="46">
                  <c:v>3.9</c:v>
                </c:pt>
                <c:pt idx="47">
                  <c:v>8.8000000000000007</c:v>
                </c:pt>
                <c:pt idx="48">
                  <c:v>15</c:v>
                </c:pt>
                <c:pt idx="49">
                  <c:v>12</c:v>
                </c:pt>
                <c:pt idx="50">
                  <c:v>9.1</c:v>
                </c:pt>
                <c:pt idx="51">
                  <c:v>12.8</c:v>
                </c:pt>
                <c:pt idx="52">
                  <c:v>13.1</c:v>
                </c:pt>
                <c:pt idx="53">
                  <c:v>10.199999999999999</c:v>
                </c:pt>
                <c:pt idx="54">
                  <c:v>12.8</c:v>
                </c:pt>
                <c:pt idx="55">
                  <c:v>8.6</c:v>
                </c:pt>
                <c:pt idx="56">
                  <c:v>2.7</c:v>
                </c:pt>
                <c:pt idx="57">
                  <c:v>2</c:v>
                </c:pt>
                <c:pt idx="58">
                  <c:v>3</c:v>
                </c:pt>
                <c:pt idx="59">
                  <c:v>4.4000000000000004</c:v>
                </c:pt>
                <c:pt idx="60">
                  <c:v>7</c:v>
                </c:pt>
                <c:pt idx="61">
                  <c:v>7</c:v>
                </c:pt>
                <c:pt idx="62">
                  <c:v>7.5</c:v>
                </c:pt>
                <c:pt idx="63">
                  <c:v>5</c:v>
                </c:pt>
                <c:pt idx="64">
                  <c:v>6.5</c:v>
                </c:pt>
                <c:pt idx="65">
                  <c:v>7.9</c:v>
                </c:pt>
                <c:pt idx="66">
                  <c:v>8.8000000000000007</c:v>
                </c:pt>
                <c:pt idx="67">
                  <c:v>12.3</c:v>
                </c:pt>
                <c:pt idx="68">
                  <c:v>11.6</c:v>
                </c:pt>
                <c:pt idx="69">
                  <c:v>8.6999999999999993</c:v>
                </c:pt>
                <c:pt idx="70">
                  <c:v>5.4</c:v>
                </c:pt>
                <c:pt idx="71">
                  <c:v>11.6</c:v>
                </c:pt>
                <c:pt idx="72">
                  <c:v>11.5</c:v>
                </c:pt>
                <c:pt idx="73">
                  <c:v>8.4</c:v>
                </c:pt>
                <c:pt idx="74">
                  <c:v>5.7</c:v>
                </c:pt>
                <c:pt idx="75">
                  <c:v>8.4</c:v>
                </c:pt>
                <c:pt idx="76">
                  <c:v>10</c:v>
                </c:pt>
                <c:pt idx="77">
                  <c:v>9.9</c:v>
                </c:pt>
                <c:pt idx="78">
                  <c:v>12.9</c:v>
                </c:pt>
                <c:pt idx="79">
                  <c:v>13.9</c:v>
                </c:pt>
                <c:pt idx="80">
                  <c:v>16.2</c:v>
                </c:pt>
                <c:pt idx="81">
                  <c:v>15.3</c:v>
                </c:pt>
                <c:pt idx="82">
                  <c:v>16.600000000000001</c:v>
                </c:pt>
                <c:pt idx="83">
                  <c:v>13.5</c:v>
                </c:pt>
                <c:pt idx="84">
                  <c:v>13.3</c:v>
                </c:pt>
                <c:pt idx="85">
                  <c:v>8.3000000000000007</c:v>
                </c:pt>
                <c:pt idx="86">
                  <c:v>5.0999999999999996</c:v>
                </c:pt>
                <c:pt idx="87">
                  <c:v>5.4</c:v>
                </c:pt>
                <c:pt idx="88">
                  <c:v>9.8000000000000007</c:v>
                </c:pt>
                <c:pt idx="89">
                  <c:v>14.2</c:v>
                </c:pt>
                <c:pt idx="90">
                  <c:v>13.6</c:v>
                </c:pt>
                <c:pt idx="91">
                  <c:v>9.6</c:v>
                </c:pt>
                <c:pt idx="92">
                  <c:v>5.6</c:v>
                </c:pt>
                <c:pt idx="93">
                  <c:v>4</c:v>
                </c:pt>
                <c:pt idx="94">
                  <c:v>3.7</c:v>
                </c:pt>
                <c:pt idx="95">
                  <c:v>6.4</c:v>
                </c:pt>
                <c:pt idx="96">
                  <c:v>7.9</c:v>
                </c:pt>
                <c:pt idx="97">
                  <c:v>4.8</c:v>
                </c:pt>
                <c:pt idx="98">
                  <c:v>7.4</c:v>
                </c:pt>
                <c:pt idx="99">
                  <c:v>10.6</c:v>
                </c:pt>
                <c:pt idx="100">
                  <c:v>9.1999999999999993</c:v>
                </c:pt>
                <c:pt idx="101">
                  <c:v>10.8</c:v>
                </c:pt>
                <c:pt idx="102">
                  <c:v>11.3</c:v>
                </c:pt>
                <c:pt idx="103">
                  <c:v>6.3</c:v>
                </c:pt>
                <c:pt idx="104">
                  <c:v>6.6</c:v>
                </c:pt>
                <c:pt idx="105">
                  <c:v>9.4</c:v>
                </c:pt>
                <c:pt idx="106">
                  <c:v>13.2</c:v>
                </c:pt>
                <c:pt idx="107">
                  <c:v>12.9</c:v>
                </c:pt>
                <c:pt idx="108">
                  <c:v>11.1</c:v>
                </c:pt>
                <c:pt idx="109">
                  <c:v>12.2</c:v>
                </c:pt>
                <c:pt idx="110">
                  <c:v>14.4</c:v>
                </c:pt>
                <c:pt idx="111">
                  <c:v>16.2</c:v>
                </c:pt>
                <c:pt idx="112">
                  <c:v>17.8</c:v>
                </c:pt>
                <c:pt idx="113">
                  <c:v>15.4</c:v>
                </c:pt>
                <c:pt idx="114">
                  <c:v>12.5</c:v>
                </c:pt>
                <c:pt idx="115">
                  <c:v>10.3</c:v>
                </c:pt>
                <c:pt idx="116">
                  <c:v>11.5</c:v>
                </c:pt>
                <c:pt idx="117">
                  <c:v>13.4</c:v>
                </c:pt>
                <c:pt idx="118">
                  <c:v>15</c:v>
                </c:pt>
                <c:pt idx="119">
                  <c:v>14.6</c:v>
                </c:pt>
                <c:pt idx="120">
                  <c:v>14.1</c:v>
                </c:pt>
                <c:pt idx="121">
                  <c:v>15.9</c:v>
                </c:pt>
                <c:pt idx="122">
                  <c:v>15</c:v>
                </c:pt>
                <c:pt idx="123">
                  <c:v>14.8</c:v>
                </c:pt>
                <c:pt idx="124">
                  <c:v>16.7</c:v>
                </c:pt>
                <c:pt idx="125">
                  <c:v>19.399999999999999</c:v>
                </c:pt>
                <c:pt idx="126">
                  <c:v>16.3</c:v>
                </c:pt>
                <c:pt idx="127">
                  <c:v>12.7</c:v>
                </c:pt>
                <c:pt idx="128">
                  <c:v>13.9</c:v>
                </c:pt>
                <c:pt idx="129">
                  <c:v>15.4</c:v>
                </c:pt>
                <c:pt idx="130">
                  <c:v>16.5</c:v>
                </c:pt>
                <c:pt idx="131">
                  <c:v>14.7</c:v>
                </c:pt>
                <c:pt idx="132">
                  <c:v>11.9</c:v>
                </c:pt>
                <c:pt idx="133">
                  <c:v>11.4</c:v>
                </c:pt>
                <c:pt idx="134">
                  <c:v>15.1</c:v>
                </c:pt>
                <c:pt idx="135">
                  <c:v>15.2</c:v>
                </c:pt>
                <c:pt idx="136">
                  <c:v>11.6</c:v>
                </c:pt>
                <c:pt idx="137">
                  <c:v>11.3</c:v>
                </c:pt>
                <c:pt idx="138">
                  <c:v>14.8</c:v>
                </c:pt>
                <c:pt idx="139">
                  <c:v>18</c:v>
                </c:pt>
                <c:pt idx="140">
                  <c:v>20.9</c:v>
                </c:pt>
                <c:pt idx="141">
                  <c:v>22.3</c:v>
                </c:pt>
                <c:pt idx="142">
                  <c:v>21.7</c:v>
                </c:pt>
                <c:pt idx="143">
                  <c:v>18.2</c:v>
                </c:pt>
                <c:pt idx="144">
                  <c:v>17.7</c:v>
                </c:pt>
                <c:pt idx="145">
                  <c:v>18.899999999999999</c:v>
                </c:pt>
                <c:pt idx="146">
                  <c:v>18.600000000000001</c:v>
                </c:pt>
                <c:pt idx="147">
                  <c:v>18.3</c:v>
                </c:pt>
                <c:pt idx="148">
                  <c:v>19.600000000000001</c:v>
                </c:pt>
                <c:pt idx="149">
                  <c:v>20.399999999999999</c:v>
                </c:pt>
                <c:pt idx="150">
                  <c:v>20.399999999999999</c:v>
                </c:pt>
                <c:pt idx="151">
                  <c:v>21</c:v>
                </c:pt>
                <c:pt idx="152">
                  <c:v>21.7</c:v>
                </c:pt>
                <c:pt idx="153">
                  <c:v>17.7</c:v>
                </c:pt>
                <c:pt idx="154">
                  <c:v>18.100000000000001</c:v>
                </c:pt>
                <c:pt idx="155">
                  <c:v>19</c:v>
                </c:pt>
                <c:pt idx="156">
                  <c:v>19.3</c:v>
                </c:pt>
                <c:pt idx="157">
                  <c:v>19.8</c:v>
                </c:pt>
                <c:pt idx="158">
                  <c:v>19.600000000000001</c:v>
                </c:pt>
                <c:pt idx="159">
                  <c:v>20.399999999999999</c:v>
                </c:pt>
                <c:pt idx="160">
                  <c:v>20.3</c:v>
                </c:pt>
                <c:pt idx="161">
                  <c:v>19.5</c:v>
                </c:pt>
                <c:pt idx="162">
                  <c:v>19.8</c:v>
                </c:pt>
                <c:pt idx="163">
                  <c:v>17.7</c:v>
                </c:pt>
                <c:pt idx="164">
                  <c:v>19</c:v>
                </c:pt>
                <c:pt idx="165">
                  <c:v>19</c:v>
                </c:pt>
                <c:pt idx="166">
                  <c:v>21</c:v>
                </c:pt>
                <c:pt idx="167">
                  <c:v>20.8</c:v>
                </c:pt>
                <c:pt idx="168">
                  <c:v>22.4</c:v>
                </c:pt>
                <c:pt idx="169">
                  <c:v>24.7</c:v>
                </c:pt>
                <c:pt idx="170">
                  <c:v>27.3</c:v>
                </c:pt>
                <c:pt idx="171">
                  <c:v>28.7</c:v>
                </c:pt>
                <c:pt idx="172">
                  <c:v>26.6</c:v>
                </c:pt>
                <c:pt idx="173">
                  <c:v>24.5</c:v>
                </c:pt>
                <c:pt idx="174">
                  <c:v>18.399999999999999</c:v>
                </c:pt>
                <c:pt idx="175">
                  <c:v>22.4</c:v>
                </c:pt>
                <c:pt idx="176">
                  <c:v>24.5</c:v>
                </c:pt>
                <c:pt idx="177">
                  <c:v>24.1</c:v>
                </c:pt>
                <c:pt idx="178">
                  <c:v>19.600000000000001</c:v>
                </c:pt>
                <c:pt idx="179">
                  <c:v>22.4</c:v>
                </c:pt>
                <c:pt idx="180">
                  <c:v>24.6</c:v>
                </c:pt>
                <c:pt idx="181">
                  <c:v>21.7</c:v>
                </c:pt>
                <c:pt idx="182">
                  <c:v>22.6</c:v>
                </c:pt>
                <c:pt idx="183">
                  <c:v>22.6</c:v>
                </c:pt>
                <c:pt idx="184">
                  <c:v>24.8</c:v>
                </c:pt>
                <c:pt idx="185">
                  <c:v>24.1</c:v>
                </c:pt>
                <c:pt idx="186">
                  <c:v>22.4</c:v>
                </c:pt>
                <c:pt idx="187">
                  <c:v>23.4</c:v>
                </c:pt>
                <c:pt idx="188">
                  <c:v>24.2</c:v>
                </c:pt>
                <c:pt idx="189">
                  <c:v>26.6</c:v>
                </c:pt>
                <c:pt idx="190">
                  <c:v>28.6</c:v>
                </c:pt>
                <c:pt idx="191">
                  <c:v>28.2</c:v>
                </c:pt>
                <c:pt idx="192">
                  <c:v>28.5</c:v>
                </c:pt>
                <c:pt idx="193">
                  <c:v>25.3</c:v>
                </c:pt>
                <c:pt idx="194">
                  <c:v>25.8</c:v>
                </c:pt>
                <c:pt idx="195">
                  <c:v>27.6</c:v>
                </c:pt>
                <c:pt idx="196">
                  <c:v>29.1</c:v>
                </c:pt>
                <c:pt idx="197">
                  <c:v>28.5</c:v>
                </c:pt>
                <c:pt idx="198">
                  <c:v>28.2</c:v>
                </c:pt>
                <c:pt idx="199">
                  <c:v>28.4</c:v>
                </c:pt>
                <c:pt idx="200">
                  <c:v>25.9</c:v>
                </c:pt>
                <c:pt idx="201">
                  <c:v>23.9</c:v>
                </c:pt>
                <c:pt idx="202">
                  <c:v>23.9</c:v>
                </c:pt>
                <c:pt idx="203">
                  <c:v>25.6</c:v>
                </c:pt>
                <c:pt idx="204">
                  <c:v>28.6</c:v>
                </c:pt>
                <c:pt idx="205">
                  <c:v>22.3</c:v>
                </c:pt>
                <c:pt idx="206">
                  <c:v>19.600000000000001</c:v>
                </c:pt>
                <c:pt idx="207">
                  <c:v>20.399999999999999</c:v>
                </c:pt>
                <c:pt idx="208">
                  <c:v>24.8</c:v>
                </c:pt>
                <c:pt idx="209">
                  <c:v>26.1</c:v>
                </c:pt>
                <c:pt idx="210">
                  <c:v>23.7</c:v>
                </c:pt>
                <c:pt idx="211">
                  <c:v>23.4</c:v>
                </c:pt>
                <c:pt idx="212">
                  <c:v>22</c:v>
                </c:pt>
                <c:pt idx="213">
                  <c:v>23.1</c:v>
                </c:pt>
                <c:pt idx="214">
                  <c:v>23</c:v>
                </c:pt>
                <c:pt idx="215">
                  <c:v>19.600000000000001</c:v>
                </c:pt>
                <c:pt idx="216">
                  <c:v>18.5</c:v>
                </c:pt>
                <c:pt idx="217">
                  <c:v>17.7</c:v>
                </c:pt>
                <c:pt idx="218">
                  <c:v>15.6</c:v>
                </c:pt>
                <c:pt idx="219">
                  <c:v>19.3</c:v>
                </c:pt>
                <c:pt idx="220">
                  <c:v>18.600000000000001</c:v>
                </c:pt>
                <c:pt idx="221">
                  <c:v>18.7</c:v>
                </c:pt>
                <c:pt idx="222">
                  <c:v>21.1</c:v>
                </c:pt>
                <c:pt idx="223">
                  <c:v>23.4</c:v>
                </c:pt>
                <c:pt idx="224">
                  <c:v>26</c:v>
                </c:pt>
                <c:pt idx="225">
                  <c:v>26.2</c:v>
                </c:pt>
                <c:pt idx="226">
                  <c:v>26.9</c:v>
                </c:pt>
                <c:pt idx="227">
                  <c:v>27</c:v>
                </c:pt>
                <c:pt idx="228">
                  <c:v>24</c:v>
                </c:pt>
                <c:pt idx="229">
                  <c:v>25.4</c:v>
                </c:pt>
                <c:pt idx="230">
                  <c:v>26.4</c:v>
                </c:pt>
                <c:pt idx="231">
                  <c:v>28.2</c:v>
                </c:pt>
                <c:pt idx="232">
                  <c:v>29.3</c:v>
                </c:pt>
                <c:pt idx="233">
                  <c:v>30.2</c:v>
                </c:pt>
                <c:pt idx="234">
                  <c:v>28.8</c:v>
                </c:pt>
                <c:pt idx="235">
                  <c:v>28</c:v>
                </c:pt>
                <c:pt idx="236">
                  <c:v>29.7</c:v>
                </c:pt>
                <c:pt idx="237">
                  <c:v>28.2</c:v>
                </c:pt>
                <c:pt idx="238">
                  <c:v>24.6</c:v>
                </c:pt>
                <c:pt idx="239">
                  <c:v>22.4</c:v>
                </c:pt>
                <c:pt idx="240">
                  <c:v>19</c:v>
                </c:pt>
                <c:pt idx="241">
                  <c:v>17.5</c:v>
                </c:pt>
                <c:pt idx="242">
                  <c:v>19.7</c:v>
                </c:pt>
                <c:pt idx="243">
                  <c:v>22.1</c:v>
                </c:pt>
                <c:pt idx="244">
                  <c:v>22.9</c:v>
                </c:pt>
                <c:pt idx="245">
                  <c:v>22.1</c:v>
                </c:pt>
                <c:pt idx="246">
                  <c:v>20</c:v>
                </c:pt>
                <c:pt idx="247">
                  <c:v>20.5</c:v>
                </c:pt>
                <c:pt idx="248">
                  <c:v>22</c:v>
                </c:pt>
                <c:pt idx="249">
                  <c:v>22.3</c:v>
                </c:pt>
                <c:pt idx="250">
                  <c:v>22.9</c:v>
                </c:pt>
                <c:pt idx="251">
                  <c:v>23.8</c:v>
                </c:pt>
                <c:pt idx="252">
                  <c:v>23.5</c:v>
                </c:pt>
                <c:pt idx="253">
                  <c:v>24.5</c:v>
                </c:pt>
                <c:pt idx="254">
                  <c:v>25.1</c:v>
                </c:pt>
                <c:pt idx="255">
                  <c:v>25.3</c:v>
                </c:pt>
                <c:pt idx="256">
                  <c:v>21.9</c:v>
                </c:pt>
                <c:pt idx="257">
                  <c:v>20.2</c:v>
                </c:pt>
                <c:pt idx="258">
                  <c:v>22</c:v>
                </c:pt>
                <c:pt idx="259">
                  <c:v>22.5</c:v>
                </c:pt>
                <c:pt idx="260">
                  <c:v>23.2</c:v>
                </c:pt>
                <c:pt idx="261">
                  <c:v>21.5</c:v>
                </c:pt>
                <c:pt idx="262">
                  <c:v>21.8</c:v>
                </c:pt>
                <c:pt idx="263">
                  <c:v>23.4</c:v>
                </c:pt>
                <c:pt idx="264">
                  <c:v>22.6</c:v>
                </c:pt>
                <c:pt idx="265">
                  <c:v>18</c:v>
                </c:pt>
                <c:pt idx="266">
                  <c:v>16.2</c:v>
                </c:pt>
                <c:pt idx="267">
                  <c:v>18.399999999999999</c:v>
                </c:pt>
                <c:pt idx="268">
                  <c:v>21.2</c:v>
                </c:pt>
                <c:pt idx="269">
                  <c:v>22.2</c:v>
                </c:pt>
                <c:pt idx="270">
                  <c:v>22.4</c:v>
                </c:pt>
                <c:pt idx="271">
                  <c:v>21.3</c:v>
                </c:pt>
                <c:pt idx="272">
                  <c:v>20</c:v>
                </c:pt>
                <c:pt idx="273">
                  <c:v>19.3</c:v>
                </c:pt>
                <c:pt idx="274">
                  <c:v>20.8</c:v>
                </c:pt>
                <c:pt idx="275">
                  <c:v>20.9</c:v>
                </c:pt>
                <c:pt idx="276">
                  <c:v>20.399999999999999</c:v>
                </c:pt>
                <c:pt idx="277">
                  <c:v>16.8</c:v>
                </c:pt>
                <c:pt idx="278">
                  <c:v>17.600000000000001</c:v>
                </c:pt>
                <c:pt idx="279">
                  <c:v>18.899999999999999</c:v>
                </c:pt>
                <c:pt idx="280">
                  <c:v>16.600000000000001</c:v>
                </c:pt>
                <c:pt idx="281">
                  <c:v>15</c:v>
                </c:pt>
                <c:pt idx="282">
                  <c:v>17.100000000000001</c:v>
                </c:pt>
                <c:pt idx="283">
                  <c:v>18.5</c:v>
                </c:pt>
                <c:pt idx="284">
                  <c:v>19.399999999999999</c:v>
                </c:pt>
                <c:pt idx="285">
                  <c:v>22.5</c:v>
                </c:pt>
                <c:pt idx="286">
                  <c:v>20</c:v>
                </c:pt>
                <c:pt idx="287">
                  <c:v>15.8</c:v>
                </c:pt>
                <c:pt idx="288">
                  <c:v>9.9</c:v>
                </c:pt>
                <c:pt idx="289">
                  <c:v>9</c:v>
                </c:pt>
                <c:pt idx="290">
                  <c:v>9.1999999999999993</c:v>
                </c:pt>
                <c:pt idx="291">
                  <c:v>12.8</c:v>
                </c:pt>
                <c:pt idx="292">
                  <c:v>17.899999999999999</c:v>
                </c:pt>
                <c:pt idx="293">
                  <c:v>19.600000000000001</c:v>
                </c:pt>
                <c:pt idx="294">
                  <c:v>16.7</c:v>
                </c:pt>
                <c:pt idx="295">
                  <c:v>14.8</c:v>
                </c:pt>
                <c:pt idx="296">
                  <c:v>14</c:v>
                </c:pt>
                <c:pt idx="297">
                  <c:v>16</c:v>
                </c:pt>
                <c:pt idx="298">
                  <c:v>15.9</c:v>
                </c:pt>
                <c:pt idx="299">
                  <c:v>13.3</c:v>
                </c:pt>
                <c:pt idx="300">
                  <c:v>13.8</c:v>
                </c:pt>
                <c:pt idx="301">
                  <c:v>11.7</c:v>
                </c:pt>
                <c:pt idx="302">
                  <c:v>12.3</c:v>
                </c:pt>
                <c:pt idx="303">
                  <c:v>14.5</c:v>
                </c:pt>
                <c:pt idx="304">
                  <c:v>14.7</c:v>
                </c:pt>
                <c:pt idx="305">
                  <c:v>13.4</c:v>
                </c:pt>
                <c:pt idx="306">
                  <c:v>11.5</c:v>
                </c:pt>
                <c:pt idx="307">
                  <c:v>10.3</c:v>
                </c:pt>
                <c:pt idx="308">
                  <c:v>11.7</c:v>
                </c:pt>
                <c:pt idx="309">
                  <c:v>14.4</c:v>
                </c:pt>
                <c:pt idx="310">
                  <c:v>10.8</c:v>
                </c:pt>
                <c:pt idx="311">
                  <c:v>11.2</c:v>
                </c:pt>
                <c:pt idx="312">
                  <c:v>7.8</c:v>
                </c:pt>
                <c:pt idx="313">
                  <c:v>8.6999999999999993</c:v>
                </c:pt>
                <c:pt idx="314">
                  <c:v>9.3000000000000007</c:v>
                </c:pt>
                <c:pt idx="315">
                  <c:v>8.8000000000000007</c:v>
                </c:pt>
                <c:pt idx="316">
                  <c:v>6.5</c:v>
                </c:pt>
                <c:pt idx="317">
                  <c:v>11.8</c:v>
                </c:pt>
                <c:pt idx="318">
                  <c:v>12.3</c:v>
                </c:pt>
                <c:pt idx="319">
                  <c:v>12</c:v>
                </c:pt>
                <c:pt idx="320">
                  <c:v>9.1</c:v>
                </c:pt>
                <c:pt idx="321">
                  <c:v>6.2</c:v>
                </c:pt>
                <c:pt idx="322">
                  <c:v>5.2</c:v>
                </c:pt>
                <c:pt idx="323">
                  <c:v>10.1</c:v>
                </c:pt>
                <c:pt idx="324">
                  <c:v>10.3</c:v>
                </c:pt>
                <c:pt idx="325">
                  <c:v>6.4</c:v>
                </c:pt>
                <c:pt idx="326">
                  <c:v>5.4</c:v>
                </c:pt>
                <c:pt idx="327">
                  <c:v>7</c:v>
                </c:pt>
                <c:pt idx="328">
                  <c:v>3.4</c:v>
                </c:pt>
                <c:pt idx="329">
                  <c:v>2.9</c:v>
                </c:pt>
                <c:pt idx="330">
                  <c:v>5.2</c:v>
                </c:pt>
                <c:pt idx="331">
                  <c:v>4.9000000000000004</c:v>
                </c:pt>
                <c:pt idx="332">
                  <c:v>1.8</c:v>
                </c:pt>
                <c:pt idx="333">
                  <c:v>1</c:v>
                </c:pt>
                <c:pt idx="334">
                  <c:v>1.6</c:v>
                </c:pt>
                <c:pt idx="335">
                  <c:v>0.6</c:v>
                </c:pt>
                <c:pt idx="336">
                  <c:v>-1.1000000000000001</c:v>
                </c:pt>
                <c:pt idx="337">
                  <c:v>-2.1</c:v>
                </c:pt>
                <c:pt idx="338">
                  <c:v>-0.1</c:v>
                </c:pt>
                <c:pt idx="339">
                  <c:v>1.8</c:v>
                </c:pt>
                <c:pt idx="340">
                  <c:v>4.3</c:v>
                </c:pt>
                <c:pt idx="341">
                  <c:v>1.3</c:v>
                </c:pt>
                <c:pt idx="342">
                  <c:v>1.2</c:v>
                </c:pt>
                <c:pt idx="343">
                  <c:v>4.7</c:v>
                </c:pt>
                <c:pt idx="344">
                  <c:v>4.5999999999999996</c:v>
                </c:pt>
                <c:pt idx="345">
                  <c:v>8.1</c:v>
                </c:pt>
                <c:pt idx="346">
                  <c:v>7.9</c:v>
                </c:pt>
                <c:pt idx="347">
                  <c:v>6.8</c:v>
                </c:pt>
                <c:pt idx="348">
                  <c:v>5.6</c:v>
                </c:pt>
                <c:pt idx="349">
                  <c:v>6.9</c:v>
                </c:pt>
                <c:pt idx="350">
                  <c:v>8.9</c:v>
                </c:pt>
                <c:pt idx="351">
                  <c:v>9.5</c:v>
                </c:pt>
                <c:pt idx="352">
                  <c:v>8.6</c:v>
                </c:pt>
                <c:pt idx="353">
                  <c:v>4.5999999999999996</c:v>
                </c:pt>
                <c:pt idx="354">
                  <c:v>8.6999999999999993</c:v>
                </c:pt>
                <c:pt idx="355">
                  <c:v>8.6999999999999993</c:v>
                </c:pt>
                <c:pt idx="356">
                  <c:v>5.0999999999999996</c:v>
                </c:pt>
                <c:pt idx="357">
                  <c:v>7.5</c:v>
                </c:pt>
                <c:pt idx="358">
                  <c:v>12.9</c:v>
                </c:pt>
                <c:pt idx="359">
                  <c:v>12.2</c:v>
                </c:pt>
                <c:pt idx="360">
                  <c:v>9.5</c:v>
                </c:pt>
                <c:pt idx="361">
                  <c:v>5.5</c:v>
                </c:pt>
                <c:pt idx="362">
                  <c:v>9.4</c:v>
                </c:pt>
                <c:pt idx="363">
                  <c:v>9.5</c:v>
                </c:pt>
                <c:pt idx="364">
                  <c:v>6.6</c:v>
                </c:pt>
              </c:numCache>
              <c:extLst xmlns:c15="http://schemas.microsoft.com/office/drawing/2012/chart"/>
            </c:numRef>
          </c:yVal>
          <c:smooth val="0"/>
          <c:extLst xmlns:c15="http://schemas.microsoft.com/office/drawing/2012/chart">
            <c:ext xmlns:c16="http://schemas.microsoft.com/office/drawing/2014/chart" uri="{C3380CC4-5D6E-409C-BE32-E72D297353CC}">
              <c16:uniqueId val="{00000005-84B1-4936-A715-6FFFC4092DE5}"/>
            </c:ext>
          </c:extLst>
        </c:ser>
        <c:dLbls>
          <c:showLegendKey val="0"/>
          <c:showVal val="0"/>
          <c:showCatName val="0"/>
          <c:showSerName val="0"/>
          <c:showPercent val="0"/>
          <c:showBubbleSize val="0"/>
        </c:dLbls>
        <c:axId val="1918142592"/>
        <c:axId val="1918144032"/>
        <c:extLst/>
      </c:scatterChart>
      <c:dateAx>
        <c:axId val="1789561167"/>
        <c:scaling>
          <c:orientation val="minMax"/>
        </c:scaling>
        <c:delete val="0"/>
        <c:axPos val="b"/>
        <c:majorGridlines>
          <c:spPr>
            <a:ln w="9525" cap="flat" cmpd="sng" algn="ctr">
              <a:solidFill>
                <a:schemeClr val="tx1">
                  <a:lumMod val="15000"/>
                  <a:lumOff val="85000"/>
                </a:schemeClr>
              </a:solidFill>
              <a:round/>
            </a:ln>
            <a:effectLst/>
          </c:spPr>
        </c:majorGridlines>
        <c:numFmt formatCode="m/d/yyyy" sourceLinked="1"/>
        <c:majorTickMark val="out"/>
        <c:minorTickMark val="none"/>
        <c:tickLblPos val="nextTo"/>
        <c:spPr>
          <a:noFill/>
          <a:ln w="1905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4047"/>
        <c:crosses val="autoZero"/>
        <c:auto val="1"/>
        <c:lblOffset val="100"/>
        <c:baseTimeUnit val="days"/>
        <c:majorUnit val="1"/>
        <c:majorTimeUnit val="months"/>
      </c:dateAx>
      <c:valAx>
        <c:axId val="178956404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nb-NO">
                    <a:solidFill>
                      <a:schemeClr val="tx1"/>
                    </a:solidFill>
                  </a:rPr>
                  <a:t>Daily</a:t>
                </a:r>
                <a:r>
                  <a:rPr lang="nb-NO" baseline="0">
                    <a:solidFill>
                      <a:schemeClr val="tx1"/>
                    </a:solidFill>
                  </a:rPr>
                  <a:t> Demand [user-defined unit]</a:t>
                </a:r>
                <a:endParaRPr lang="nb-NO">
                  <a:solidFill>
                    <a:schemeClr val="tx1"/>
                  </a:solidFill>
                </a:endParaRPr>
              </a:p>
            </c:rich>
          </c:tx>
          <c:layout>
            <c:manualLayout>
              <c:xMode val="edge"/>
              <c:yMode val="edge"/>
              <c:x val="6.1265612511393914E-3"/>
              <c:y val="0.31517576178163781"/>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nb-NO"/>
            </a:p>
          </c:txPr>
        </c:title>
        <c:numFmt formatCode="General" sourceLinked="1"/>
        <c:majorTickMark val="out"/>
        <c:minorTickMark val="none"/>
        <c:tickLblPos val="nextTo"/>
        <c:spPr>
          <a:noFill/>
          <a:ln w="1905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1167"/>
        <c:crosses val="autoZero"/>
        <c:crossBetween val="between"/>
      </c:valAx>
      <c:valAx>
        <c:axId val="1918144032"/>
        <c:scaling>
          <c:orientation val="minMax"/>
        </c:scaling>
        <c:delete val="0"/>
        <c:axPos val="r"/>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nb-NO">
                    <a:solidFill>
                      <a:schemeClr val="tx1"/>
                    </a:solidFill>
                  </a:rPr>
                  <a:t>Temperature [</a:t>
                </a:r>
                <a:r>
                  <a:rPr lang="nb-NO">
                    <a:solidFill>
                      <a:schemeClr val="tx1"/>
                    </a:solidFill>
                    <a:latin typeface="Times New Roman" panose="02020603050405020304" pitchFamily="18" charset="0"/>
                    <a:cs typeface="Times New Roman" panose="02020603050405020304" pitchFamily="18" charset="0"/>
                  </a:rPr>
                  <a:t>℃</a:t>
                </a:r>
                <a:r>
                  <a:rPr lang="nb-NO">
                    <a:solidFill>
                      <a:schemeClr val="tx1"/>
                    </a:solidFill>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US"/>
            </a:p>
          </c:txPr>
        </c:title>
        <c:numFmt formatCode="General" sourceLinked="1"/>
        <c:majorTickMark val="out"/>
        <c:minorTickMark val="none"/>
        <c:tickLblPos val="nextTo"/>
        <c:spPr>
          <a:noFill/>
          <a:ln w="1905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918142592"/>
        <c:crosses val="max"/>
        <c:crossBetween val="midCat"/>
      </c:valAx>
      <c:valAx>
        <c:axId val="1918142592"/>
        <c:scaling>
          <c:orientation val="minMax"/>
        </c:scaling>
        <c:delete val="1"/>
        <c:axPos val="b"/>
        <c:numFmt formatCode="m/d/yyyy" sourceLinked="1"/>
        <c:majorTickMark val="out"/>
        <c:minorTickMark val="none"/>
        <c:tickLblPos val="nextTo"/>
        <c:crossAx val="1918144032"/>
        <c:crosses val="autoZero"/>
        <c:crossBetween val="midCat"/>
      </c:valAx>
      <c:spPr>
        <a:solidFill>
          <a:schemeClr val="bg1"/>
        </a:solidFill>
        <a:ln>
          <a:solidFill>
            <a:schemeClr val="tx1"/>
          </a:solidFill>
        </a:ln>
        <a:effectLst/>
      </c:spPr>
    </c:plotArea>
    <c:legend>
      <c:legendPos val="r"/>
      <c:layout>
        <c:manualLayout>
          <c:xMode val="edge"/>
          <c:yMode val="edge"/>
          <c:x val="0.34847599931189988"/>
          <c:y val="1.136601743130566E-2"/>
          <c:w val="0.60449210189278491"/>
          <c:h val="0.10906450580490969"/>
        </c:manualLayout>
      </c:layout>
      <c:overlay val="0"/>
      <c:spPr>
        <a:solidFill>
          <a:schemeClr val="bg1"/>
        </a:solidFill>
        <a:ln>
          <a:solidFill>
            <a:schemeClr val="tx1"/>
          </a:solid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1347902827587923"/>
          <c:y val="0.15705169077379022"/>
          <c:w val="0.86849918566502959"/>
          <c:h val="0.5762372539550803"/>
        </c:manualLayout>
      </c:layout>
      <c:areaChart>
        <c:grouping val="stacked"/>
        <c:varyColors val="0"/>
        <c:ser>
          <c:idx val="4"/>
          <c:order val="0"/>
          <c:tx>
            <c:strRef>
              <c:f>Bühler!$S$33</c:f>
              <c:strCache>
                <c:ptCount val="1"/>
                <c:pt idx="0">
                  <c:v>T5</c:v>
                </c:pt>
              </c:strCache>
            </c:strRef>
          </c:tx>
          <c:spPr>
            <a:solidFill>
              <a:schemeClr val="accent5">
                <a:lumMod val="50000"/>
              </a:schemeClr>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S$34:$S$201</c:f>
              <c:numCache>
                <c:formatCode>General</c:formatCode>
                <c:ptCount val="168"/>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numCache>
            </c:numRef>
          </c:val>
          <c:extLst>
            <c:ext xmlns:c16="http://schemas.microsoft.com/office/drawing/2014/chart" uri="{C3380CC4-5D6E-409C-BE32-E72D297353CC}">
              <c16:uniqueId val="{00000004-898D-410B-8F27-FD80B42F92F5}"/>
            </c:ext>
          </c:extLst>
        </c:ser>
        <c:ser>
          <c:idx val="3"/>
          <c:order val="1"/>
          <c:tx>
            <c:strRef>
              <c:f>Bühler!$R$33</c:f>
              <c:strCache>
                <c:ptCount val="1"/>
                <c:pt idx="0">
                  <c:v>T4</c:v>
                </c:pt>
              </c:strCache>
            </c:strRef>
          </c:tx>
          <c:spPr>
            <a:solidFill>
              <a:schemeClr val="accent5">
                <a:lumMod val="75000"/>
              </a:schemeClr>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R$34:$R$201</c:f>
              <c:numCache>
                <c:formatCode>General</c:formatCode>
                <c:ptCount val="168"/>
                <c:pt idx="0">
                  <c:v>0.15202960266907137</c:v>
                </c:pt>
                <c:pt idx="1">
                  <c:v>0.15202960266907137</c:v>
                </c:pt>
                <c:pt idx="2">
                  <c:v>0.15202960266907137</c:v>
                </c:pt>
                <c:pt idx="3">
                  <c:v>0.15202960266907137</c:v>
                </c:pt>
                <c:pt idx="4">
                  <c:v>0.15202960266907137</c:v>
                </c:pt>
                <c:pt idx="5">
                  <c:v>0.15202960266907137</c:v>
                </c:pt>
                <c:pt idx="6">
                  <c:v>0.15202960266907137</c:v>
                </c:pt>
                <c:pt idx="7">
                  <c:v>0.15202960266907137</c:v>
                </c:pt>
                <c:pt idx="8">
                  <c:v>0.15202960266907137</c:v>
                </c:pt>
                <c:pt idx="9">
                  <c:v>0.15202960266907137</c:v>
                </c:pt>
                <c:pt idx="10">
                  <c:v>0.15202960266907137</c:v>
                </c:pt>
                <c:pt idx="11">
                  <c:v>0.15202960266907137</c:v>
                </c:pt>
                <c:pt idx="12">
                  <c:v>0.15202960266907137</c:v>
                </c:pt>
                <c:pt idx="13">
                  <c:v>0.15202960266907137</c:v>
                </c:pt>
                <c:pt idx="14">
                  <c:v>0.15202960266907137</c:v>
                </c:pt>
                <c:pt idx="15">
                  <c:v>0.15202960266907137</c:v>
                </c:pt>
                <c:pt idx="16">
                  <c:v>0.15202960266907137</c:v>
                </c:pt>
                <c:pt idx="17">
                  <c:v>0.15202960266907137</c:v>
                </c:pt>
                <c:pt idx="18">
                  <c:v>0.15202960266907137</c:v>
                </c:pt>
                <c:pt idx="19">
                  <c:v>0.15202960266907137</c:v>
                </c:pt>
                <c:pt idx="20">
                  <c:v>0.15202960266907137</c:v>
                </c:pt>
                <c:pt idx="21">
                  <c:v>0.15202960266907137</c:v>
                </c:pt>
                <c:pt idx="22">
                  <c:v>0.15202960266907137</c:v>
                </c:pt>
                <c:pt idx="23">
                  <c:v>0.15202960266907137</c:v>
                </c:pt>
                <c:pt idx="24">
                  <c:v>0.28891511592661728</c:v>
                </c:pt>
                <c:pt idx="25">
                  <c:v>0.28891511592661728</c:v>
                </c:pt>
                <c:pt idx="26">
                  <c:v>0.28891511592661728</c:v>
                </c:pt>
                <c:pt idx="27">
                  <c:v>0.28891511592661728</c:v>
                </c:pt>
                <c:pt idx="28">
                  <c:v>0.28891511592661728</c:v>
                </c:pt>
                <c:pt idx="29">
                  <c:v>0.28891511592661728</c:v>
                </c:pt>
                <c:pt idx="30">
                  <c:v>0.28891511592661728</c:v>
                </c:pt>
                <c:pt idx="31">
                  <c:v>1.2307783938473895</c:v>
                </c:pt>
                <c:pt idx="32">
                  <c:v>1.3846256930783132</c:v>
                </c:pt>
                <c:pt idx="33">
                  <c:v>1.5384729923092368</c:v>
                </c:pt>
                <c:pt idx="34">
                  <c:v>1.5384729923092368</c:v>
                </c:pt>
                <c:pt idx="35">
                  <c:v>1.8461675907710837</c:v>
                </c:pt>
                <c:pt idx="36">
                  <c:v>1.8461675907710837</c:v>
                </c:pt>
                <c:pt idx="37">
                  <c:v>1.2307783938473895</c:v>
                </c:pt>
                <c:pt idx="38">
                  <c:v>1.8461675907710837</c:v>
                </c:pt>
                <c:pt idx="39">
                  <c:v>1.8461675907710837</c:v>
                </c:pt>
                <c:pt idx="40">
                  <c:v>1.0769310946164656</c:v>
                </c:pt>
                <c:pt idx="41">
                  <c:v>0.30769459846184738</c:v>
                </c:pt>
                <c:pt idx="42">
                  <c:v>0.30336087172294812</c:v>
                </c:pt>
                <c:pt idx="43">
                  <c:v>0.30336087172294812</c:v>
                </c:pt>
                <c:pt idx="44">
                  <c:v>0.30336087172294812</c:v>
                </c:pt>
                <c:pt idx="45">
                  <c:v>0.30336087172294812</c:v>
                </c:pt>
                <c:pt idx="46">
                  <c:v>0.30336087172294812</c:v>
                </c:pt>
                <c:pt idx="47">
                  <c:v>0.30336087172294812</c:v>
                </c:pt>
                <c:pt idx="48">
                  <c:v>0.19307984394177405</c:v>
                </c:pt>
                <c:pt idx="49">
                  <c:v>0.29421690505413189</c:v>
                </c:pt>
                <c:pt idx="50">
                  <c:v>0.29421690505413189</c:v>
                </c:pt>
                <c:pt idx="51">
                  <c:v>0.29421690505413189</c:v>
                </c:pt>
                <c:pt idx="52">
                  <c:v>0.29421690505413189</c:v>
                </c:pt>
                <c:pt idx="53">
                  <c:v>0.29421690505413189</c:v>
                </c:pt>
                <c:pt idx="54">
                  <c:v>0.29421690505413189</c:v>
                </c:pt>
                <c:pt idx="55">
                  <c:v>1.2403081403688245</c:v>
                </c:pt>
                <c:pt idx="56">
                  <c:v>1.3839227671483727</c:v>
                </c:pt>
                <c:pt idx="57">
                  <c:v>1.5275373939279209</c:v>
                </c:pt>
                <c:pt idx="58">
                  <c:v>1.5275373939279209</c:v>
                </c:pt>
                <c:pt idx="59">
                  <c:v>1.8278225226487941</c:v>
                </c:pt>
                <c:pt idx="60">
                  <c:v>1.8278225226487941</c:v>
                </c:pt>
                <c:pt idx="61">
                  <c:v>1.2141963900452704</c:v>
                </c:pt>
                <c:pt idx="62">
                  <c:v>1.8278225226487941</c:v>
                </c:pt>
                <c:pt idx="63">
                  <c:v>1.8278225226487941</c:v>
                </c:pt>
                <c:pt idx="64">
                  <c:v>1.0771097008466108</c:v>
                </c:pt>
                <c:pt idx="65">
                  <c:v>0.45971391414708102</c:v>
                </c:pt>
                <c:pt idx="66">
                  <c:v>0.30341118333707351</c:v>
                </c:pt>
                <c:pt idx="67">
                  <c:v>0.30341118333707351</c:v>
                </c:pt>
                <c:pt idx="68">
                  <c:v>0.30341118333707351</c:v>
                </c:pt>
                <c:pt idx="69">
                  <c:v>0.30341118333707351</c:v>
                </c:pt>
                <c:pt idx="70">
                  <c:v>0.30341118333707351</c:v>
                </c:pt>
                <c:pt idx="71">
                  <c:v>0.30341118333707351</c:v>
                </c:pt>
                <c:pt idx="72">
                  <c:v>0.3089232306496319</c:v>
                </c:pt>
                <c:pt idx="73">
                  <c:v>0.3089232306496319</c:v>
                </c:pt>
                <c:pt idx="74">
                  <c:v>0.3089232306496319</c:v>
                </c:pt>
                <c:pt idx="75">
                  <c:v>0.3089232306496319</c:v>
                </c:pt>
                <c:pt idx="76">
                  <c:v>0.3089232306496319</c:v>
                </c:pt>
                <c:pt idx="77">
                  <c:v>0.3089232306496319</c:v>
                </c:pt>
                <c:pt idx="78">
                  <c:v>0.3089232306496319</c:v>
                </c:pt>
                <c:pt idx="79">
                  <c:v>1.2628407216556163</c:v>
                </c:pt>
                <c:pt idx="80">
                  <c:v>1.4090643841631088</c:v>
                </c:pt>
                <c:pt idx="81">
                  <c:v>1.5552880466706014</c:v>
                </c:pt>
                <c:pt idx="82">
                  <c:v>1.5552880466706014</c:v>
                </c:pt>
                <c:pt idx="83">
                  <c:v>1.8610284319135399</c:v>
                </c:pt>
                <c:pt idx="84">
                  <c:v>1.8610284319135399</c:v>
                </c:pt>
                <c:pt idx="85">
                  <c:v>1.2362546011997089</c:v>
                </c:pt>
                <c:pt idx="86">
                  <c:v>1.8610284319135399</c:v>
                </c:pt>
                <c:pt idx="87">
                  <c:v>1.8610284319135399</c:v>
                </c:pt>
                <c:pt idx="88">
                  <c:v>1.0966774688061931</c:v>
                </c:pt>
                <c:pt idx="89">
                  <c:v>0.46806550098429078</c:v>
                </c:pt>
                <c:pt idx="90">
                  <c:v>0.3089232306496319</c:v>
                </c:pt>
                <c:pt idx="91">
                  <c:v>0.3089232306496319</c:v>
                </c:pt>
                <c:pt idx="92">
                  <c:v>0.3089232306496319</c:v>
                </c:pt>
                <c:pt idx="93">
                  <c:v>0.3089232306496319</c:v>
                </c:pt>
                <c:pt idx="94">
                  <c:v>0.3089232306496319</c:v>
                </c:pt>
                <c:pt idx="95">
                  <c:v>0.3089232306496319</c:v>
                </c:pt>
                <c:pt idx="96">
                  <c:v>0.30959512906219433</c:v>
                </c:pt>
                <c:pt idx="97">
                  <c:v>0.30959512906219433</c:v>
                </c:pt>
                <c:pt idx="98">
                  <c:v>0.30959512906219433</c:v>
                </c:pt>
                <c:pt idx="99">
                  <c:v>0.30959512906219433</c:v>
                </c:pt>
                <c:pt idx="100">
                  <c:v>0.30959512906219433</c:v>
                </c:pt>
                <c:pt idx="101">
                  <c:v>0.30959512906219433</c:v>
                </c:pt>
                <c:pt idx="102">
                  <c:v>0.30959512906219433</c:v>
                </c:pt>
                <c:pt idx="103">
                  <c:v>1.2655873609239396</c:v>
                </c:pt>
                <c:pt idx="104">
                  <c:v>1.4121290553467118</c:v>
                </c:pt>
                <c:pt idx="105">
                  <c:v>1.5586707497694838</c:v>
                </c:pt>
                <c:pt idx="106">
                  <c:v>1.5586707497694838</c:v>
                </c:pt>
                <c:pt idx="107">
                  <c:v>1.8650761108352796</c:v>
                </c:pt>
                <c:pt idx="108">
                  <c:v>1.8650761108352796</c:v>
                </c:pt>
                <c:pt idx="109">
                  <c:v>1.2389434164834356</c:v>
                </c:pt>
                <c:pt idx="110">
                  <c:v>1.8650761108352796</c:v>
                </c:pt>
                <c:pt idx="111">
                  <c:v>1.8650761108352796</c:v>
                </c:pt>
                <c:pt idx="112">
                  <c:v>1.0990627081707898</c:v>
                </c:pt>
                <c:pt idx="113">
                  <c:v>0.46908352888211258</c:v>
                </c:pt>
                <c:pt idx="114">
                  <c:v>0.30959512906219433</c:v>
                </c:pt>
                <c:pt idx="115">
                  <c:v>0.30959512906219433</c:v>
                </c:pt>
                <c:pt idx="116">
                  <c:v>0.30959512906219433</c:v>
                </c:pt>
                <c:pt idx="117">
                  <c:v>0.30959512906219433</c:v>
                </c:pt>
                <c:pt idx="118">
                  <c:v>0.30959512906219433</c:v>
                </c:pt>
                <c:pt idx="119">
                  <c:v>0.30959512906219433</c:v>
                </c:pt>
                <c:pt idx="120">
                  <c:v>0.46126469765231864</c:v>
                </c:pt>
                <c:pt idx="121">
                  <c:v>0.27955436221352647</c:v>
                </c:pt>
                <c:pt idx="122">
                  <c:v>0.27955436221352647</c:v>
                </c:pt>
                <c:pt idx="123">
                  <c:v>0.27955436221352647</c:v>
                </c:pt>
                <c:pt idx="124">
                  <c:v>0.27955436221352647</c:v>
                </c:pt>
                <c:pt idx="125">
                  <c:v>0.27955436221352647</c:v>
                </c:pt>
                <c:pt idx="126">
                  <c:v>0.27955436221352647</c:v>
                </c:pt>
                <c:pt idx="127">
                  <c:v>1.1909015830296228</c:v>
                </c:pt>
                <c:pt idx="128">
                  <c:v>1.4886269787870285</c:v>
                </c:pt>
                <c:pt idx="129">
                  <c:v>1.6374896766657312</c:v>
                </c:pt>
                <c:pt idx="130">
                  <c:v>1.6374896766657312</c:v>
                </c:pt>
                <c:pt idx="131">
                  <c:v>1.935215072423137</c:v>
                </c:pt>
                <c:pt idx="132">
                  <c:v>1.935215072423137</c:v>
                </c:pt>
                <c:pt idx="133">
                  <c:v>1.3397642809083254</c:v>
                </c:pt>
                <c:pt idx="134">
                  <c:v>1.935215072423137</c:v>
                </c:pt>
                <c:pt idx="135">
                  <c:v>1.4886269787870285</c:v>
                </c:pt>
                <c:pt idx="136">
                  <c:v>0.69888590553381624</c:v>
                </c:pt>
                <c:pt idx="137">
                  <c:v>0.46126469765231864</c:v>
                </c:pt>
                <c:pt idx="138">
                  <c:v>0.29353208032420275</c:v>
                </c:pt>
                <c:pt idx="139">
                  <c:v>0.27955436221352647</c:v>
                </c:pt>
                <c:pt idx="140">
                  <c:v>0.27955436221352647</c:v>
                </c:pt>
                <c:pt idx="141">
                  <c:v>0.27955436221352647</c:v>
                </c:pt>
                <c:pt idx="142">
                  <c:v>0.27955436221352647</c:v>
                </c:pt>
                <c:pt idx="143">
                  <c:v>0.27955436221352647</c:v>
                </c:pt>
                <c:pt idx="144">
                  <c:v>0.12212969440295364</c:v>
                </c:pt>
                <c:pt idx="145">
                  <c:v>0.10991672496265828</c:v>
                </c:pt>
                <c:pt idx="146">
                  <c:v>0.10991672496265828</c:v>
                </c:pt>
                <c:pt idx="147">
                  <c:v>0.10991672496265828</c:v>
                </c:pt>
                <c:pt idx="148">
                  <c:v>0.10991672496265828</c:v>
                </c:pt>
                <c:pt idx="149">
                  <c:v>0.10991672496265828</c:v>
                </c:pt>
                <c:pt idx="150">
                  <c:v>0.10991672496265828</c:v>
                </c:pt>
                <c:pt idx="151">
                  <c:v>0.10991672496265828</c:v>
                </c:pt>
                <c:pt idx="152">
                  <c:v>0.10991672496265828</c:v>
                </c:pt>
                <c:pt idx="153">
                  <c:v>0.10991672496265828</c:v>
                </c:pt>
                <c:pt idx="154">
                  <c:v>0.10991672496265828</c:v>
                </c:pt>
                <c:pt idx="155">
                  <c:v>0.10991672496265828</c:v>
                </c:pt>
                <c:pt idx="156">
                  <c:v>0.10991672496265828</c:v>
                </c:pt>
                <c:pt idx="157">
                  <c:v>0.10991672496265828</c:v>
                </c:pt>
                <c:pt idx="158">
                  <c:v>0.10991672496265828</c:v>
                </c:pt>
                <c:pt idx="159">
                  <c:v>0.10991672496265828</c:v>
                </c:pt>
                <c:pt idx="160">
                  <c:v>0.10991672496265828</c:v>
                </c:pt>
                <c:pt idx="161">
                  <c:v>0.10991672496265828</c:v>
                </c:pt>
                <c:pt idx="162">
                  <c:v>0.10991672496265828</c:v>
                </c:pt>
                <c:pt idx="163">
                  <c:v>0.10991672496265828</c:v>
                </c:pt>
                <c:pt idx="164">
                  <c:v>0.10991672496265828</c:v>
                </c:pt>
                <c:pt idx="165">
                  <c:v>0.10991672496265828</c:v>
                </c:pt>
                <c:pt idx="166">
                  <c:v>0.10991672496265828</c:v>
                </c:pt>
                <c:pt idx="167">
                  <c:v>0.10991672496265828</c:v>
                </c:pt>
              </c:numCache>
            </c:numRef>
          </c:val>
          <c:extLst>
            <c:ext xmlns:c16="http://schemas.microsoft.com/office/drawing/2014/chart" uri="{C3380CC4-5D6E-409C-BE32-E72D297353CC}">
              <c16:uniqueId val="{00000003-898D-410B-8F27-FD80B42F92F5}"/>
            </c:ext>
          </c:extLst>
        </c:ser>
        <c:ser>
          <c:idx val="2"/>
          <c:order val="2"/>
          <c:tx>
            <c:strRef>
              <c:f>Bühler!$Q$33</c:f>
              <c:strCache>
                <c:ptCount val="1"/>
                <c:pt idx="0">
                  <c:v>T3</c:v>
                </c:pt>
              </c:strCache>
            </c:strRef>
          </c:tx>
          <c:spPr>
            <a:solidFill>
              <a:schemeClr val="accent5"/>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Q$34:$Q$201</c:f>
              <c:numCache>
                <c:formatCode>General</c:formatCode>
                <c:ptCount val="168"/>
                <c:pt idx="0">
                  <c:v>0.30405920533814274</c:v>
                </c:pt>
                <c:pt idx="1">
                  <c:v>0.30405920533814274</c:v>
                </c:pt>
                <c:pt idx="2">
                  <c:v>0.30405920533814274</c:v>
                </c:pt>
                <c:pt idx="3">
                  <c:v>0.30405920533814274</c:v>
                </c:pt>
                <c:pt idx="4">
                  <c:v>0.30405920533814274</c:v>
                </c:pt>
                <c:pt idx="5">
                  <c:v>0.30405920533814274</c:v>
                </c:pt>
                <c:pt idx="6">
                  <c:v>0.30405920533814274</c:v>
                </c:pt>
                <c:pt idx="7">
                  <c:v>0.30405920533814274</c:v>
                </c:pt>
                <c:pt idx="8">
                  <c:v>0.30405920533814274</c:v>
                </c:pt>
                <c:pt idx="9">
                  <c:v>0.30405920533814274</c:v>
                </c:pt>
                <c:pt idx="10">
                  <c:v>0.30405920533814274</c:v>
                </c:pt>
                <c:pt idx="11">
                  <c:v>0.30405920533814274</c:v>
                </c:pt>
                <c:pt idx="12">
                  <c:v>0.30405920533814274</c:v>
                </c:pt>
                <c:pt idx="13">
                  <c:v>0.30405920533814274</c:v>
                </c:pt>
                <c:pt idx="14">
                  <c:v>0.30405920533814274</c:v>
                </c:pt>
                <c:pt idx="15">
                  <c:v>0.30405920533814274</c:v>
                </c:pt>
                <c:pt idx="16">
                  <c:v>0.30405920533814274</c:v>
                </c:pt>
                <c:pt idx="17">
                  <c:v>0.30405920533814274</c:v>
                </c:pt>
                <c:pt idx="18">
                  <c:v>0.30405920533814274</c:v>
                </c:pt>
                <c:pt idx="19">
                  <c:v>0.30405920533814274</c:v>
                </c:pt>
                <c:pt idx="20">
                  <c:v>0.30405920533814274</c:v>
                </c:pt>
                <c:pt idx="21">
                  <c:v>0.30405920533814274</c:v>
                </c:pt>
                <c:pt idx="22">
                  <c:v>0.30405920533814274</c:v>
                </c:pt>
                <c:pt idx="23">
                  <c:v>0.30405920533814274</c:v>
                </c:pt>
                <c:pt idx="24">
                  <c:v>0.57783023185323457</c:v>
                </c:pt>
                <c:pt idx="25">
                  <c:v>0.57783023185323457</c:v>
                </c:pt>
                <c:pt idx="26">
                  <c:v>0.57783023185323457</c:v>
                </c:pt>
                <c:pt idx="27">
                  <c:v>0.57783023185323457</c:v>
                </c:pt>
                <c:pt idx="28">
                  <c:v>0.57783023185323457</c:v>
                </c:pt>
                <c:pt idx="29">
                  <c:v>0.57783023185323457</c:v>
                </c:pt>
                <c:pt idx="30">
                  <c:v>0.57783023185323457</c:v>
                </c:pt>
                <c:pt idx="31">
                  <c:v>2.461556787694779</c:v>
                </c:pt>
                <c:pt idx="32">
                  <c:v>2.7692513861566264</c:v>
                </c:pt>
                <c:pt idx="33">
                  <c:v>3.0769459846184737</c:v>
                </c:pt>
                <c:pt idx="34">
                  <c:v>3.0769459846184737</c:v>
                </c:pt>
                <c:pt idx="35">
                  <c:v>3.6923351815421674</c:v>
                </c:pt>
                <c:pt idx="36">
                  <c:v>3.6923351815421674</c:v>
                </c:pt>
                <c:pt idx="37">
                  <c:v>2.461556787694779</c:v>
                </c:pt>
                <c:pt idx="38">
                  <c:v>3.6923351815421674</c:v>
                </c:pt>
                <c:pt idx="39">
                  <c:v>3.6923351815421674</c:v>
                </c:pt>
                <c:pt idx="40">
                  <c:v>2.1538621892329313</c:v>
                </c:pt>
                <c:pt idx="41">
                  <c:v>0.61538919692369476</c:v>
                </c:pt>
                <c:pt idx="42">
                  <c:v>0.60672174344589624</c:v>
                </c:pt>
                <c:pt idx="43">
                  <c:v>0.60672174344589624</c:v>
                </c:pt>
                <c:pt idx="44">
                  <c:v>0.60672174344589624</c:v>
                </c:pt>
                <c:pt idx="45">
                  <c:v>0.60672174344589624</c:v>
                </c:pt>
                <c:pt idx="46">
                  <c:v>0.60672174344589624</c:v>
                </c:pt>
                <c:pt idx="47">
                  <c:v>0.60672174344589624</c:v>
                </c:pt>
                <c:pt idx="48">
                  <c:v>0.3861596878835481</c:v>
                </c:pt>
                <c:pt idx="49">
                  <c:v>0.58843381010826379</c:v>
                </c:pt>
                <c:pt idx="50">
                  <c:v>0.58843381010826379</c:v>
                </c:pt>
                <c:pt idx="51">
                  <c:v>0.58843381010826379</c:v>
                </c:pt>
                <c:pt idx="52">
                  <c:v>0.58843381010826379</c:v>
                </c:pt>
                <c:pt idx="53">
                  <c:v>0.58843381010826379</c:v>
                </c:pt>
                <c:pt idx="54">
                  <c:v>0.58843381010826379</c:v>
                </c:pt>
                <c:pt idx="55">
                  <c:v>2.4806162807376491</c:v>
                </c:pt>
                <c:pt idx="56">
                  <c:v>2.7678455342967454</c:v>
                </c:pt>
                <c:pt idx="57">
                  <c:v>3.0550747878558417</c:v>
                </c:pt>
                <c:pt idx="58">
                  <c:v>3.0550747878558417</c:v>
                </c:pt>
                <c:pt idx="59">
                  <c:v>3.6556450452975882</c:v>
                </c:pt>
                <c:pt idx="60">
                  <c:v>3.6556450452975882</c:v>
                </c:pt>
                <c:pt idx="61">
                  <c:v>2.4283927800905407</c:v>
                </c:pt>
                <c:pt idx="62">
                  <c:v>3.6556450452975882</c:v>
                </c:pt>
                <c:pt idx="63">
                  <c:v>3.6556450452975882</c:v>
                </c:pt>
                <c:pt idx="64">
                  <c:v>2.1542194016932217</c:v>
                </c:pt>
                <c:pt idx="65">
                  <c:v>0.91942782829416203</c:v>
                </c:pt>
                <c:pt idx="66">
                  <c:v>0.60682236667414702</c:v>
                </c:pt>
                <c:pt idx="67">
                  <c:v>0.60682236667414702</c:v>
                </c:pt>
                <c:pt idx="68">
                  <c:v>0.60682236667414702</c:v>
                </c:pt>
                <c:pt idx="69">
                  <c:v>0.60682236667414702</c:v>
                </c:pt>
                <c:pt idx="70">
                  <c:v>0.60682236667414702</c:v>
                </c:pt>
                <c:pt idx="71">
                  <c:v>0.60682236667414702</c:v>
                </c:pt>
                <c:pt idx="72">
                  <c:v>0.61784646129926379</c:v>
                </c:pt>
                <c:pt idx="73">
                  <c:v>0.61784646129926379</c:v>
                </c:pt>
                <c:pt idx="74">
                  <c:v>0.61784646129926379</c:v>
                </c:pt>
                <c:pt idx="75">
                  <c:v>0.61784646129926379</c:v>
                </c:pt>
                <c:pt idx="76">
                  <c:v>0.61784646129926379</c:v>
                </c:pt>
                <c:pt idx="77">
                  <c:v>0.61784646129926379</c:v>
                </c:pt>
                <c:pt idx="78">
                  <c:v>0.61784646129926379</c:v>
                </c:pt>
                <c:pt idx="79">
                  <c:v>2.5256814433112327</c:v>
                </c:pt>
                <c:pt idx="80">
                  <c:v>2.8181287683262175</c:v>
                </c:pt>
                <c:pt idx="81">
                  <c:v>3.1105760933412028</c:v>
                </c:pt>
                <c:pt idx="82">
                  <c:v>3.1105760933412028</c:v>
                </c:pt>
                <c:pt idx="83">
                  <c:v>3.7220568638270799</c:v>
                </c:pt>
                <c:pt idx="84">
                  <c:v>3.7220568638270799</c:v>
                </c:pt>
                <c:pt idx="85">
                  <c:v>2.4725092023994177</c:v>
                </c:pt>
                <c:pt idx="86">
                  <c:v>3.7220568638270799</c:v>
                </c:pt>
                <c:pt idx="87">
                  <c:v>3.7220568638270799</c:v>
                </c:pt>
                <c:pt idx="88">
                  <c:v>2.1933549376123862</c:v>
                </c:pt>
                <c:pt idx="89">
                  <c:v>0.93613100196858157</c:v>
                </c:pt>
                <c:pt idx="90">
                  <c:v>0.61784646129926379</c:v>
                </c:pt>
                <c:pt idx="91">
                  <c:v>0.61784646129926379</c:v>
                </c:pt>
                <c:pt idx="92">
                  <c:v>0.61784646129926379</c:v>
                </c:pt>
                <c:pt idx="93">
                  <c:v>0.61784646129926379</c:v>
                </c:pt>
                <c:pt idx="94">
                  <c:v>0.61784646129926379</c:v>
                </c:pt>
                <c:pt idx="95">
                  <c:v>0.61784646129926379</c:v>
                </c:pt>
                <c:pt idx="96">
                  <c:v>0.61919025812438866</c:v>
                </c:pt>
                <c:pt idx="97">
                  <c:v>0.61919025812438866</c:v>
                </c:pt>
                <c:pt idx="98">
                  <c:v>0.61919025812438866</c:v>
                </c:pt>
                <c:pt idx="99">
                  <c:v>0.61919025812438866</c:v>
                </c:pt>
                <c:pt idx="100">
                  <c:v>0.61919025812438866</c:v>
                </c:pt>
                <c:pt idx="101">
                  <c:v>0.61919025812438866</c:v>
                </c:pt>
                <c:pt idx="102">
                  <c:v>0.61919025812438866</c:v>
                </c:pt>
                <c:pt idx="103">
                  <c:v>2.5311747218478793</c:v>
                </c:pt>
                <c:pt idx="104">
                  <c:v>2.8242581106934237</c:v>
                </c:pt>
                <c:pt idx="105">
                  <c:v>3.1173414995389677</c:v>
                </c:pt>
                <c:pt idx="106">
                  <c:v>3.1173414995389677</c:v>
                </c:pt>
                <c:pt idx="107">
                  <c:v>3.7301522216705592</c:v>
                </c:pt>
                <c:pt idx="108">
                  <c:v>3.7301522216705592</c:v>
                </c:pt>
                <c:pt idx="109">
                  <c:v>2.4778868329668713</c:v>
                </c:pt>
                <c:pt idx="110">
                  <c:v>3.7301522216705592</c:v>
                </c:pt>
                <c:pt idx="111">
                  <c:v>3.7301522216705592</c:v>
                </c:pt>
                <c:pt idx="112">
                  <c:v>2.1981254163415795</c:v>
                </c:pt>
                <c:pt idx="113">
                  <c:v>0.93816705776422515</c:v>
                </c:pt>
                <c:pt idx="114">
                  <c:v>0.61919025812438866</c:v>
                </c:pt>
                <c:pt idx="115">
                  <c:v>0.61919025812438866</c:v>
                </c:pt>
                <c:pt idx="116">
                  <c:v>0.61919025812438866</c:v>
                </c:pt>
                <c:pt idx="117">
                  <c:v>0.61919025812438866</c:v>
                </c:pt>
                <c:pt idx="118">
                  <c:v>0.61919025812438866</c:v>
                </c:pt>
                <c:pt idx="119">
                  <c:v>0.61919025812438866</c:v>
                </c:pt>
                <c:pt idx="120">
                  <c:v>0.92252939530463729</c:v>
                </c:pt>
                <c:pt idx="121">
                  <c:v>0.55910872442705295</c:v>
                </c:pt>
                <c:pt idx="122">
                  <c:v>0.55910872442705295</c:v>
                </c:pt>
                <c:pt idx="123">
                  <c:v>0.55910872442705295</c:v>
                </c:pt>
                <c:pt idx="124">
                  <c:v>0.55910872442705295</c:v>
                </c:pt>
                <c:pt idx="125">
                  <c:v>0.55910872442705295</c:v>
                </c:pt>
                <c:pt idx="126">
                  <c:v>0.55910872442705295</c:v>
                </c:pt>
                <c:pt idx="127">
                  <c:v>2.3818031660592456</c:v>
                </c:pt>
                <c:pt idx="128">
                  <c:v>2.9772539575740571</c:v>
                </c:pt>
                <c:pt idx="129">
                  <c:v>3.2749793533314624</c:v>
                </c:pt>
                <c:pt idx="130">
                  <c:v>3.2749793533314624</c:v>
                </c:pt>
                <c:pt idx="131">
                  <c:v>3.8704301448462739</c:v>
                </c:pt>
                <c:pt idx="132">
                  <c:v>3.8704301448462739</c:v>
                </c:pt>
                <c:pt idx="133">
                  <c:v>2.6795285618166509</c:v>
                </c:pt>
                <c:pt idx="134">
                  <c:v>3.8704301448462739</c:v>
                </c:pt>
                <c:pt idx="135">
                  <c:v>2.9772539575740571</c:v>
                </c:pt>
                <c:pt idx="136">
                  <c:v>1.3977718110676325</c:v>
                </c:pt>
                <c:pt idx="137">
                  <c:v>0.92252939530463729</c:v>
                </c:pt>
                <c:pt idx="138">
                  <c:v>0.5870641606484055</c:v>
                </c:pt>
                <c:pt idx="139">
                  <c:v>0.55910872442705295</c:v>
                </c:pt>
                <c:pt idx="140">
                  <c:v>0.55910872442705295</c:v>
                </c:pt>
                <c:pt idx="141">
                  <c:v>0.55910872442705295</c:v>
                </c:pt>
                <c:pt idx="142">
                  <c:v>0.55910872442705295</c:v>
                </c:pt>
                <c:pt idx="143">
                  <c:v>0.55910872442705295</c:v>
                </c:pt>
                <c:pt idx="144">
                  <c:v>0.24425938880590728</c:v>
                </c:pt>
                <c:pt idx="145">
                  <c:v>0.21983344992531656</c:v>
                </c:pt>
                <c:pt idx="146">
                  <c:v>0.21983344992531656</c:v>
                </c:pt>
                <c:pt idx="147">
                  <c:v>0.21983344992531656</c:v>
                </c:pt>
                <c:pt idx="148">
                  <c:v>0.21983344992531656</c:v>
                </c:pt>
                <c:pt idx="149">
                  <c:v>0.21983344992531656</c:v>
                </c:pt>
                <c:pt idx="150">
                  <c:v>0.21983344992531656</c:v>
                </c:pt>
                <c:pt idx="151">
                  <c:v>0.21983344992531656</c:v>
                </c:pt>
                <c:pt idx="152">
                  <c:v>0.21983344992531656</c:v>
                </c:pt>
                <c:pt idx="153">
                  <c:v>0.21983344992531656</c:v>
                </c:pt>
                <c:pt idx="154">
                  <c:v>0.21983344992531656</c:v>
                </c:pt>
                <c:pt idx="155">
                  <c:v>0.21983344992531656</c:v>
                </c:pt>
                <c:pt idx="156">
                  <c:v>0.21983344992531656</c:v>
                </c:pt>
                <c:pt idx="157">
                  <c:v>0.21983344992531656</c:v>
                </c:pt>
                <c:pt idx="158">
                  <c:v>0.21983344992531656</c:v>
                </c:pt>
                <c:pt idx="159">
                  <c:v>0.21983344992531656</c:v>
                </c:pt>
                <c:pt idx="160">
                  <c:v>0.21983344992531656</c:v>
                </c:pt>
                <c:pt idx="161">
                  <c:v>0.21983344992531656</c:v>
                </c:pt>
                <c:pt idx="162">
                  <c:v>0.21983344992531656</c:v>
                </c:pt>
                <c:pt idx="163">
                  <c:v>0.21983344992531656</c:v>
                </c:pt>
                <c:pt idx="164">
                  <c:v>0.21983344992531656</c:v>
                </c:pt>
                <c:pt idx="165">
                  <c:v>0.21983344992531656</c:v>
                </c:pt>
                <c:pt idx="166">
                  <c:v>0.21983344992531656</c:v>
                </c:pt>
                <c:pt idx="167">
                  <c:v>0.21983344992531656</c:v>
                </c:pt>
              </c:numCache>
            </c:numRef>
          </c:val>
          <c:extLst>
            <c:ext xmlns:c16="http://schemas.microsoft.com/office/drawing/2014/chart" uri="{C3380CC4-5D6E-409C-BE32-E72D297353CC}">
              <c16:uniqueId val="{00000002-898D-410B-8F27-FD80B42F92F5}"/>
            </c:ext>
          </c:extLst>
        </c:ser>
        <c:ser>
          <c:idx val="1"/>
          <c:order val="3"/>
          <c:tx>
            <c:strRef>
              <c:f>Bühler!$P$33</c:f>
              <c:strCache>
                <c:ptCount val="1"/>
                <c:pt idx="0">
                  <c:v>T2</c:v>
                </c:pt>
              </c:strCache>
            </c:strRef>
          </c:tx>
          <c:spPr>
            <a:solidFill>
              <a:schemeClr val="accent5">
                <a:lumMod val="60000"/>
                <a:lumOff val="40000"/>
              </a:schemeClr>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P$34:$P$201</c:f>
              <c:numCache>
                <c:formatCode>General</c:formatCode>
                <c:ptCount val="168"/>
                <c:pt idx="0">
                  <c:v>9.4895557911464543</c:v>
                </c:pt>
                <c:pt idx="1">
                  <c:v>9.4986718366186462</c:v>
                </c:pt>
                <c:pt idx="2">
                  <c:v>9.4986718366186462</c:v>
                </c:pt>
                <c:pt idx="3">
                  <c:v>9.4986718366186462</c:v>
                </c:pt>
                <c:pt idx="4">
                  <c:v>9.4986718366186462</c:v>
                </c:pt>
                <c:pt idx="5">
                  <c:v>9.5150807184685888</c:v>
                </c:pt>
                <c:pt idx="6">
                  <c:v>9.5296663912240938</c:v>
                </c:pt>
                <c:pt idx="7">
                  <c:v>9.547898482168474</c:v>
                </c:pt>
                <c:pt idx="8">
                  <c:v>9.547898482168474</c:v>
                </c:pt>
                <c:pt idx="9">
                  <c:v>9.547898482168474</c:v>
                </c:pt>
                <c:pt idx="10">
                  <c:v>9.547898482168474</c:v>
                </c:pt>
                <c:pt idx="11">
                  <c:v>9.547898482168474</c:v>
                </c:pt>
                <c:pt idx="12">
                  <c:v>9.547898482168474</c:v>
                </c:pt>
                <c:pt idx="13">
                  <c:v>9.547898482168474</c:v>
                </c:pt>
                <c:pt idx="14">
                  <c:v>9.547898482168474</c:v>
                </c:pt>
                <c:pt idx="15">
                  <c:v>9.5351360185074068</c:v>
                </c:pt>
                <c:pt idx="16">
                  <c:v>9.5333128094129691</c:v>
                </c:pt>
                <c:pt idx="17">
                  <c:v>9.5187271366574642</c:v>
                </c:pt>
                <c:pt idx="18">
                  <c:v>9.5132575093741494</c:v>
                </c:pt>
                <c:pt idx="19">
                  <c:v>9.5004950457130839</c:v>
                </c:pt>
                <c:pt idx="20">
                  <c:v>9.4895557911464543</c:v>
                </c:pt>
                <c:pt idx="21">
                  <c:v>9.4822629547687018</c:v>
                </c:pt>
                <c:pt idx="22">
                  <c:v>9.4822629547687018</c:v>
                </c:pt>
                <c:pt idx="23">
                  <c:v>9.4822629547687018</c:v>
                </c:pt>
                <c:pt idx="24">
                  <c:v>8.1985101134730218</c:v>
                </c:pt>
                <c:pt idx="25">
                  <c:v>8.1985101134730218</c:v>
                </c:pt>
                <c:pt idx="26">
                  <c:v>8.1985101134730218</c:v>
                </c:pt>
                <c:pt idx="27">
                  <c:v>8.1985101134730218</c:v>
                </c:pt>
                <c:pt idx="28">
                  <c:v>8.1985101134730218</c:v>
                </c:pt>
                <c:pt idx="29">
                  <c:v>8.1985101134730218</c:v>
                </c:pt>
                <c:pt idx="30">
                  <c:v>8.1985101134730218</c:v>
                </c:pt>
                <c:pt idx="31">
                  <c:v>34.956363037477715</c:v>
                </c:pt>
                <c:pt idx="32">
                  <c:v>39.325908417162438</c:v>
                </c:pt>
                <c:pt idx="33">
                  <c:v>43.695453796847154</c:v>
                </c:pt>
                <c:pt idx="34">
                  <c:v>43.695453796847154</c:v>
                </c:pt>
                <c:pt idx="35">
                  <c:v>52.434544556216572</c:v>
                </c:pt>
                <c:pt idx="36">
                  <c:v>52.434544556216572</c:v>
                </c:pt>
                <c:pt idx="37">
                  <c:v>34.956363037477715</c:v>
                </c:pt>
                <c:pt idx="38">
                  <c:v>52.434544556216572</c:v>
                </c:pt>
                <c:pt idx="39">
                  <c:v>52.434544556216572</c:v>
                </c:pt>
                <c:pt idx="40">
                  <c:v>31.143435575541055</c:v>
                </c:pt>
                <c:pt idx="41">
                  <c:v>9.8608571376662777</c:v>
                </c:pt>
                <c:pt idx="42">
                  <c:v>8.7833117465617701</c:v>
                </c:pt>
                <c:pt idx="43">
                  <c:v>8.7833117465617701</c:v>
                </c:pt>
                <c:pt idx="44">
                  <c:v>8.7833117465617701</c:v>
                </c:pt>
                <c:pt idx="45">
                  <c:v>8.7833117465617701</c:v>
                </c:pt>
                <c:pt idx="46">
                  <c:v>8.7833117465617701</c:v>
                </c:pt>
                <c:pt idx="47">
                  <c:v>8.7833117465617701</c:v>
                </c:pt>
                <c:pt idx="48">
                  <c:v>5.7250549901052192</c:v>
                </c:pt>
                <c:pt idx="49">
                  <c:v>8.4647332764182774</c:v>
                </c:pt>
                <c:pt idx="50">
                  <c:v>8.4647332764182774</c:v>
                </c:pt>
                <c:pt idx="51">
                  <c:v>8.4647332764182774</c:v>
                </c:pt>
                <c:pt idx="52">
                  <c:v>8.4647332764182774</c:v>
                </c:pt>
                <c:pt idx="53">
                  <c:v>8.4647332764182774</c:v>
                </c:pt>
                <c:pt idx="54">
                  <c:v>8.4647332764182774</c:v>
                </c:pt>
                <c:pt idx="55">
                  <c:v>35.023646486774361</c:v>
                </c:pt>
                <c:pt idx="56">
                  <c:v>39.079016079979809</c:v>
                </c:pt>
                <c:pt idx="57">
                  <c:v>43.134385673185271</c:v>
                </c:pt>
                <c:pt idx="58">
                  <c:v>43.134385673185271</c:v>
                </c:pt>
                <c:pt idx="59">
                  <c:v>51.613794822614842</c:v>
                </c:pt>
                <c:pt idx="60">
                  <c:v>51.613794822614842</c:v>
                </c:pt>
                <c:pt idx="61">
                  <c:v>34.286306560737003</c:v>
                </c:pt>
                <c:pt idx="62">
                  <c:v>51.613794822614842</c:v>
                </c:pt>
                <c:pt idx="63">
                  <c:v>51.613794822614842</c:v>
                </c:pt>
                <c:pt idx="64">
                  <c:v>30.933174032648001</c:v>
                </c:pt>
                <c:pt idx="65">
                  <c:v>13.847987344790059</c:v>
                </c:pt>
                <c:pt idx="66">
                  <c:v>8.7137949388103735</c:v>
                </c:pt>
                <c:pt idx="67">
                  <c:v>8.7137949388103735</c:v>
                </c:pt>
                <c:pt idx="68">
                  <c:v>8.7137949388103735</c:v>
                </c:pt>
                <c:pt idx="69">
                  <c:v>8.7137949388103735</c:v>
                </c:pt>
                <c:pt idx="70">
                  <c:v>8.7137949388103735</c:v>
                </c:pt>
                <c:pt idx="71">
                  <c:v>8.7137949388103735</c:v>
                </c:pt>
                <c:pt idx="72">
                  <c:v>10.778595046545821</c:v>
                </c:pt>
                <c:pt idx="73">
                  <c:v>10.778595046545821</c:v>
                </c:pt>
                <c:pt idx="74">
                  <c:v>10.778595046545821</c:v>
                </c:pt>
                <c:pt idx="75">
                  <c:v>10.778595046545821</c:v>
                </c:pt>
                <c:pt idx="76">
                  <c:v>10.778595046545821</c:v>
                </c:pt>
                <c:pt idx="77">
                  <c:v>10.778595046545821</c:v>
                </c:pt>
                <c:pt idx="78">
                  <c:v>10.778595046545821</c:v>
                </c:pt>
                <c:pt idx="79">
                  <c:v>42.3958781745485</c:v>
                </c:pt>
                <c:pt idx="80">
                  <c:v>47.304874594759383</c:v>
                </c:pt>
                <c:pt idx="81">
                  <c:v>52.213871014970266</c:v>
                </c:pt>
                <c:pt idx="82">
                  <c:v>52.213871014970266</c:v>
                </c:pt>
                <c:pt idx="83">
                  <c:v>62.478136257229366</c:v>
                </c:pt>
                <c:pt idx="84">
                  <c:v>62.478136257229366</c:v>
                </c:pt>
                <c:pt idx="85">
                  <c:v>41.503333370873797</c:v>
                </c:pt>
                <c:pt idx="86">
                  <c:v>62.478136257229366</c:v>
                </c:pt>
                <c:pt idx="87">
                  <c:v>62.478136257229366</c:v>
                </c:pt>
                <c:pt idx="88">
                  <c:v>38.067183098584685</c:v>
                </c:pt>
                <c:pt idx="89">
                  <c:v>17.808797278317691</c:v>
                </c:pt>
                <c:pt idx="90">
                  <c:v>10.778595046545821</c:v>
                </c:pt>
                <c:pt idx="91">
                  <c:v>10.778595046545821</c:v>
                </c:pt>
                <c:pt idx="92">
                  <c:v>10.778595046545821</c:v>
                </c:pt>
                <c:pt idx="93">
                  <c:v>10.778595046545821</c:v>
                </c:pt>
                <c:pt idx="94">
                  <c:v>10.778595046545821</c:v>
                </c:pt>
                <c:pt idx="95">
                  <c:v>10.778595046545821</c:v>
                </c:pt>
                <c:pt idx="96">
                  <c:v>11.033891426152886</c:v>
                </c:pt>
                <c:pt idx="97">
                  <c:v>11.033891426152886</c:v>
                </c:pt>
                <c:pt idx="98">
                  <c:v>11.033891426152886</c:v>
                </c:pt>
                <c:pt idx="99">
                  <c:v>11.033891426152886</c:v>
                </c:pt>
                <c:pt idx="100">
                  <c:v>11.033891426152886</c:v>
                </c:pt>
                <c:pt idx="101">
                  <c:v>11.033891426152886</c:v>
                </c:pt>
                <c:pt idx="102">
                  <c:v>11.033891426152886</c:v>
                </c:pt>
                <c:pt idx="103">
                  <c:v>43.252383741975983</c:v>
                </c:pt>
                <c:pt idx="104">
                  <c:v>48.260554491046889</c:v>
                </c:pt>
                <c:pt idx="105">
                  <c:v>53.268725240117796</c:v>
                </c:pt>
                <c:pt idx="106">
                  <c:v>53.268725240117796</c:v>
                </c:pt>
                <c:pt idx="107">
                  <c:v>63.740354988175127</c:v>
                </c:pt>
                <c:pt idx="108">
                  <c:v>63.740354988175127</c:v>
                </c:pt>
                <c:pt idx="109">
                  <c:v>42.34180724214491</c:v>
                </c:pt>
                <c:pt idx="110">
                  <c:v>63.740354988175127</c:v>
                </c:pt>
                <c:pt idx="111">
                  <c:v>63.740354988175127</c:v>
                </c:pt>
                <c:pt idx="112">
                  <c:v>38.951374738818785</c:v>
                </c:pt>
                <c:pt idx="113">
                  <c:v>18.361592989862171</c:v>
                </c:pt>
                <c:pt idx="114">
                  <c:v>11.033891426152886</c:v>
                </c:pt>
                <c:pt idx="115">
                  <c:v>11.033891426152886</c:v>
                </c:pt>
                <c:pt idx="116">
                  <c:v>11.033891426152886</c:v>
                </c:pt>
                <c:pt idx="117">
                  <c:v>11.033891426152886</c:v>
                </c:pt>
                <c:pt idx="118">
                  <c:v>11.033891426152886</c:v>
                </c:pt>
                <c:pt idx="119">
                  <c:v>11.033891426152886</c:v>
                </c:pt>
                <c:pt idx="120">
                  <c:v>13.20773061889806</c:v>
                </c:pt>
                <c:pt idx="121">
                  <c:v>8.2077720709595496</c:v>
                </c:pt>
                <c:pt idx="122">
                  <c:v>8.2077720709595496</c:v>
                </c:pt>
                <c:pt idx="123">
                  <c:v>8.2077720709595496</c:v>
                </c:pt>
                <c:pt idx="124">
                  <c:v>8.2077720709595496</c:v>
                </c:pt>
                <c:pt idx="125">
                  <c:v>8.2077720709595496</c:v>
                </c:pt>
                <c:pt idx="126">
                  <c:v>8.2077720709595496</c:v>
                </c:pt>
                <c:pt idx="127">
                  <c:v>34.165874088750186</c:v>
                </c:pt>
                <c:pt idx="128">
                  <c:v>42.707342610937737</c:v>
                </c:pt>
                <c:pt idx="129">
                  <c:v>46.978076872031508</c:v>
                </c:pt>
                <c:pt idx="130">
                  <c:v>46.978076872031508</c:v>
                </c:pt>
                <c:pt idx="131">
                  <c:v>55.519545394219051</c:v>
                </c:pt>
                <c:pt idx="132">
                  <c:v>55.519545394219051</c:v>
                </c:pt>
                <c:pt idx="133">
                  <c:v>38.436608349843958</c:v>
                </c:pt>
                <c:pt idx="134">
                  <c:v>55.519545394219051</c:v>
                </c:pt>
                <c:pt idx="135">
                  <c:v>42.881956984681885</c:v>
                </c:pt>
                <c:pt idx="136">
                  <c:v>20.893603835422045</c:v>
                </c:pt>
                <c:pt idx="137">
                  <c:v>14.089117457797084</c:v>
                </c:pt>
                <c:pt idx="138">
                  <c:v>8.5923842669548183</c:v>
                </c:pt>
                <c:pt idx="139">
                  <c:v>8.2077720709595496</c:v>
                </c:pt>
                <c:pt idx="140">
                  <c:v>8.2077720709595496</c:v>
                </c:pt>
                <c:pt idx="141">
                  <c:v>8.2077720709595496</c:v>
                </c:pt>
                <c:pt idx="142">
                  <c:v>8.2077720709595496</c:v>
                </c:pt>
                <c:pt idx="143">
                  <c:v>8.2077720709595496</c:v>
                </c:pt>
                <c:pt idx="144">
                  <c:v>5.0904684757316883</c:v>
                </c:pt>
                <c:pt idx="145">
                  <c:v>4.6787113265117917</c:v>
                </c:pt>
                <c:pt idx="146">
                  <c:v>4.6787113265117917</c:v>
                </c:pt>
                <c:pt idx="147">
                  <c:v>4.6787113265117917</c:v>
                </c:pt>
                <c:pt idx="148">
                  <c:v>4.6787113265117917</c:v>
                </c:pt>
                <c:pt idx="149">
                  <c:v>4.6823508141696628</c:v>
                </c:pt>
                <c:pt idx="150">
                  <c:v>4.6870821481248957</c:v>
                </c:pt>
                <c:pt idx="151">
                  <c:v>4.6903576870169807</c:v>
                </c:pt>
                <c:pt idx="152">
                  <c:v>4.6903576870169807</c:v>
                </c:pt>
                <c:pt idx="153">
                  <c:v>4.6903576870169807</c:v>
                </c:pt>
                <c:pt idx="154">
                  <c:v>4.6903576870169807</c:v>
                </c:pt>
                <c:pt idx="155">
                  <c:v>4.6903576870169807</c:v>
                </c:pt>
                <c:pt idx="156">
                  <c:v>4.6903576870169807</c:v>
                </c:pt>
                <c:pt idx="157">
                  <c:v>4.6903576870169807</c:v>
                </c:pt>
                <c:pt idx="158">
                  <c:v>4.6903576870169807</c:v>
                </c:pt>
                <c:pt idx="159">
                  <c:v>4.6878100456564704</c:v>
                </c:pt>
                <c:pt idx="160">
                  <c:v>4.685626353061747</c:v>
                </c:pt>
                <c:pt idx="161">
                  <c:v>4.6834426604670245</c:v>
                </c:pt>
                <c:pt idx="162">
                  <c:v>4.6827147629354497</c:v>
                </c:pt>
                <c:pt idx="163">
                  <c:v>4.6790752752775786</c:v>
                </c:pt>
                <c:pt idx="164">
                  <c:v>4.6750718388539196</c:v>
                </c:pt>
                <c:pt idx="165">
                  <c:v>4.6750718388539196</c:v>
                </c:pt>
                <c:pt idx="166">
                  <c:v>4.6750718388539196</c:v>
                </c:pt>
                <c:pt idx="167">
                  <c:v>4.6750718388539196</c:v>
                </c:pt>
              </c:numCache>
            </c:numRef>
          </c:val>
          <c:extLst>
            <c:ext xmlns:c16="http://schemas.microsoft.com/office/drawing/2014/chart" uri="{C3380CC4-5D6E-409C-BE32-E72D297353CC}">
              <c16:uniqueId val="{00000001-898D-410B-8F27-FD80B42F92F5}"/>
            </c:ext>
          </c:extLst>
        </c:ser>
        <c:ser>
          <c:idx val="0"/>
          <c:order val="4"/>
          <c:tx>
            <c:strRef>
              <c:f>Bühler!$O$33</c:f>
              <c:strCache>
                <c:ptCount val="1"/>
                <c:pt idx="0">
                  <c:v>T1</c:v>
                </c:pt>
              </c:strCache>
            </c:strRef>
          </c:tx>
          <c:spPr>
            <a:solidFill>
              <a:schemeClr val="accent5">
                <a:lumMod val="20000"/>
                <a:lumOff val="80000"/>
              </a:schemeClr>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O$34:$O$201</c:f>
              <c:numCache>
                <c:formatCode>General</c:formatCode>
                <c:ptCount val="168"/>
                <c:pt idx="0">
                  <c:v>1.3564675662619605</c:v>
                </c:pt>
                <c:pt idx="1">
                  <c:v>1.5752526575945351</c:v>
                </c:pt>
                <c:pt idx="2">
                  <c:v>1.5752526575945351</c:v>
                </c:pt>
                <c:pt idx="3">
                  <c:v>1.5752526575945351</c:v>
                </c:pt>
                <c:pt idx="4">
                  <c:v>1.5752526575945351</c:v>
                </c:pt>
                <c:pt idx="5">
                  <c:v>1.9690658219931687</c:v>
                </c:pt>
                <c:pt idx="6">
                  <c:v>2.3191219681252879</c:v>
                </c:pt>
                <c:pt idx="7">
                  <c:v>2.7566921507904363</c:v>
                </c:pt>
                <c:pt idx="8">
                  <c:v>2.7566921507904363</c:v>
                </c:pt>
                <c:pt idx="9">
                  <c:v>2.7566921507904363</c:v>
                </c:pt>
                <c:pt idx="10">
                  <c:v>2.7566921507904363</c:v>
                </c:pt>
                <c:pt idx="11">
                  <c:v>2.7566921507904363</c:v>
                </c:pt>
                <c:pt idx="12">
                  <c:v>2.7566921507904363</c:v>
                </c:pt>
                <c:pt idx="13">
                  <c:v>2.7566921507904363</c:v>
                </c:pt>
                <c:pt idx="14">
                  <c:v>2.7566921507904363</c:v>
                </c:pt>
                <c:pt idx="15">
                  <c:v>2.4503930229248323</c:v>
                </c:pt>
                <c:pt idx="16">
                  <c:v>2.4066360046583175</c:v>
                </c:pt>
                <c:pt idx="17">
                  <c:v>2.0565798585261983</c:v>
                </c:pt>
                <c:pt idx="18">
                  <c:v>1.9253088037266539</c:v>
                </c:pt>
                <c:pt idx="19">
                  <c:v>1.6190096758610499</c:v>
                </c:pt>
                <c:pt idx="20">
                  <c:v>1.3564675662619605</c:v>
                </c:pt>
                <c:pt idx="21">
                  <c:v>1.1814394931959014</c:v>
                </c:pt>
                <c:pt idx="22">
                  <c:v>1.1814394931959014</c:v>
                </c:pt>
                <c:pt idx="23">
                  <c:v>1.1814394931959014</c:v>
                </c:pt>
                <c:pt idx="24">
                  <c:v>0.31497388802719317</c:v>
                </c:pt>
                <c:pt idx="25">
                  <c:v>0.31497388802719317</c:v>
                </c:pt>
                <c:pt idx="26">
                  <c:v>0.31497388802719317</c:v>
                </c:pt>
                <c:pt idx="27">
                  <c:v>0.31497388802719317</c:v>
                </c:pt>
                <c:pt idx="28">
                  <c:v>0.31497388802719317</c:v>
                </c:pt>
                <c:pt idx="29">
                  <c:v>0.31497388802719317</c:v>
                </c:pt>
                <c:pt idx="30">
                  <c:v>0.31497388802719317</c:v>
                </c:pt>
                <c:pt idx="31">
                  <c:v>1.3701364129182902</c:v>
                </c:pt>
                <c:pt idx="32">
                  <c:v>1.5414034645330763</c:v>
                </c:pt>
                <c:pt idx="33">
                  <c:v>1.7126705161478626</c:v>
                </c:pt>
                <c:pt idx="34">
                  <c:v>1.7126705161478626</c:v>
                </c:pt>
                <c:pt idx="35">
                  <c:v>2.0552046193774349</c:v>
                </c:pt>
                <c:pt idx="36">
                  <c:v>2.0552046193774349</c:v>
                </c:pt>
                <c:pt idx="37">
                  <c:v>1.3701364129182902</c:v>
                </c:pt>
                <c:pt idx="38">
                  <c:v>2.0552046193774349</c:v>
                </c:pt>
                <c:pt idx="39">
                  <c:v>2.0552046193774349</c:v>
                </c:pt>
                <c:pt idx="40">
                  <c:v>1.7126705161478626</c:v>
                </c:pt>
                <c:pt idx="41">
                  <c:v>1.3780107601189699</c:v>
                </c:pt>
                <c:pt idx="42">
                  <c:v>0.49214670004248934</c:v>
                </c:pt>
                <c:pt idx="43">
                  <c:v>0.49214670004248934</c:v>
                </c:pt>
                <c:pt idx="44">
                  <c:v>0.49214670004248934</c:v>
                </c:pt>
                <c:pt idx="45">
                  <c:v>0.49214670004248934</c:v>
                </c:pt>
                <c:pt idx="46">
                  <c:v>0.49214670004248934</c:v>
                </c:pt>
                <c:pt idx="47">
                  <c:v>0.49214670004248934</c:v>
                </c:pt>
                <c:pt idx="48">
                  <c:v>0.45670161218879862</c:v>
                </c:pt>
                <c:pt idx="49">
                  <c:v>0.45670161218879862</c:v>
                </c:pt>
                <c:pt idx="50">
                  <c:v>0.45670161218879862</c:v>
                </c:pt>
                <c:pt idx="51">
                  <c:v>0.45670161218879862</c:v>
                </c:pt>
                <c:pt idx="52">
                  <c:v>0.45670161218879862</c:v>
                </c:pt>
                <c:pt idx="53">
                  <c:v>0.45670161218879862</c:v>
                </c:pt>
                <c:pt idx="54">
                  <c:v>0.45670161218879862</c:v>
                </c:pt>
                <c:pt idx="55">
                  <c:v>1.3155952893051519</c:v>
                </c:pt>
                <c:pt idx="56">
                  <c:v>1.4679273754352222</c:v>
                </c:pt>
                <c:pt idx="57">
                  <c:v>1.6202594615652925</c:v>
                </c:pt>
                <c:pt idx="58">
                  <c:v>1.6202594615652925</c:v>
                </c:pt>
                <c:pt idx="59">
                  <c:v>1.9387720052918029</c:v>
                </c:pt>
                <c:pt idx="60">
                  <c:v>1.9387720052918029</c:v>
                </c:pt>
                <c:pt idx="61">
                  <c:v>1.2878985463724117</c:v>
                </c:pt>
                <c:pt idx="62">
                  <c:v>1.9387720052918029</c:v>
                </c:pt>
                <c:pt idx="63">
                  <c:v>1.9387720052918029</c:v>
                </c:pt>
                <c:pt idx="64">
                  <c:v>1.6205541077667045</c:v>
                </c:pt>
                <c:pt idx="65">
                  <c:v>1.2876039001709998</c:v>
                </c:pt>
                <c:pt idx="66">
                  <c:v>0.45670161218879862</c:v>
                </c:pt>
                <c:pt idx="67">
                  <c:v>0.45670161218879862</c:v>
                </c:pt>
                <c:pt idx="68">
                  <c:v>0.45670161218879862</c:v>
                </c:pt>
                <c:pt idx="69">
                  <c:v>0.45670161218879862</c:v>
                </c:pt>
                <c:pt idx="70">
                  <c:v>0.45670161218879862</c:v>
                </c:pt>
                <c:pt idx="71">
                  <c:v>0.45670161218879862</c:v>
                </c:pt>
                <c:pt idx="72">
                  <c:v>1.153578412618228</c:v>
                </c:pt>
                <c:pt idx="73">
                  <c:v>1.153578412618228</c:v>
                </c:pt>
                <c:pt idx="74">
                  <c:v>1.153578412618228</c:v>
                </c:pt>
                <c:pt idx="75">
                  <c:v>1.153578412618228</c:v>
                </c:pt>
                <c:pt idx="76">
                  <c:v>1.153578412618228</c:v>
                </c:pt>
                <c:pt idx="77">
                  <c:v>1.153578412618228</c:v>
                </c:pt>
                <c:pt idx="78">
                  <c:v>1.153578412618228</c:v>
                </c:pt>
                <c:pt idx="79">
                  <c:v>3.1781085267632174</c:v>
                </c:pt>
                <c:pt idx="80">
                  <c:v>3.5461000403884326</c:v>
                </c:pt>
                <c:pt idx="81">
                  <c:v>3.9140915540136474</c:v>
                </c:pt>
                <c:pt idx="82">
                  <c:v>3.9140915540136474</c:v>
                </c:pt>
                <c:pt idx="83">
                  <c:v>4.6835283552300044</c:v>
                </c:pt>
                <c:pt idx="84">
                  <c:v>4.6835283552300044</c:v>
                </c:pt>
                <c:pt idx="85">
                  <c:v>3.1112009788313606</c:v>
                </c:pt>
                <c:pt idx="86">
                  <c:v>4.6835283552300044</c:v>
                </c:pt>
                <c:pt idx="87">
                  <c:v>4.6835283552300044</c:v>
                </c:pt>
                <c:pt idx="88">
                  <c:v>3.913514764807339</c:v>
                </c:pt>
                <c:pt idx="89">
                  <c:v>3.1117777680376704</c:v>
                </c:pt>
                <c:pt idx="90">
                  <c:v>1.153578412618228</c:v>
                </c:pt>
                <c:pt idx="91">
                  <c:v>1.153578412618228</c:v>
                </c:pt>
                <c:pt idx="92">
                  <c:v>1.153578412618228</c:v>
                </c:pt>
                <c:pt idx="93">
                  <c:v>1.153578412618228</c:v>
                </c:pt>
                <c:pt idx="94">
                  <c:v>1.153578412618228</c:v>
                </c:pt>
                <c:pt idx="95">
                  <c:v>1.153578412618228</c:v>
                </c:pt>
                <c:pt idx="96">
                  <c:v>1.2831638038033979</c:v>
                </c:pt>
                <c:pt idx="97">
                  <c:v>1.2831638038033979</c:v>
                </c:pt>
                <c:pt idx="98">
                  <c:v>1.2831638038033979</c:v>
                </c:pt>
                <c:pt idx="99">
                  <c:v>1.2831638038033979</c:v>
                </c:pt>
                <c:pt idx="100">
                  <c:v>1.2831638038033979</c:v>
                </c:pt>
                <c:pt idx="101">
                  <c:v>1.2831638038033979</c:v>
                </c:pt>
                <c:pt idx="102">
                  <c:v>1.2831638038033979</c:v>
                </c:pt>
                <c:pt idx="103">
                  <c:v>3.5351162794783604</c:v>
                </c:pt>
                <c:pt idx="104">
                  <c:v>3.9444455328916446</c:v>
                </c:pt>
                <c:pt idx="105">
                  <c:v>4.3537747863049283</c:v>
                </c:pt>
                <c:pt idx="106">
                  <c:v>4.3537747863049283</c:v>
                </c:pt>
                <c:pt idx="107">
                  <c:v>5.2096450434417942</c:v>
                </c:pt>
                <c:pt idx="108">
                  <c:v>5.2096450434417942</c:v>
                </c:pt>
                <c:pt idx="109">
                  <c:v>3.4606927788577631</c:v>
                </c:pt>
                <c:pt idx="110">
                  <c:v>5.2096450434417942</c:v>
                </c:pt>
                <c:pt idx="111">
                  <c:v>5.2096450434417942</c:v>
                </c:pt>
                <c:pt idx="112">
                  <c:v>4.3531332044030275</c:v>
                </c:pt>
                <c:pt idx="113">
                  <c:v>3.4613343607596652</c:v>
                </c:pt>
                <c:pt idx="114">
                  <c:v>1.2831638038033979</c:v>
                </c:pt>
                <c:pt idx="115">
                  <c:v>1.2831638038033979</c:v>
                </c:pt>
                <c:pt idx="116">
                  <c:v>1.2831638038033979</c:v>
                </c:pt>
                <c:pt idx="117">
                  <c:v>1.2831638038033979</c:v>
                </c:pt>
                <c:pt idx="118">
                  <c:v>1.2831638038033979</c:v>
                </c:pt>
                <c:pt idx="119">
                  <c:v>1.2831638038033979</c:v>
                </c:pt>
                <c:pt idx="120">
                  <c:v>0.47587213943459633</c:v>
                </c:pt>
                <c:pt idx="121">
                  <c:v>0.47587213943459633</c:v>
                </c:pt>
                <c:pt idx="122">
                  <c:v>0.47587213943459633</c:v>
                </c:pt>
                <c:pt idx="123">
                  <c:v>0.47587213943459633</c:v>
                </c:pt>
                <c:pt idx="124">
                  <c:v>0.47587213943459633</c:v>
                </c:pt>
                <c:pt idx="125">
                  <c:v>0.47587213943459633</c:v>
                </c:pt>
                <c:pt idx="126">
                  <c:v>0.47587213943459633</c:v>
                </c:pt>
                <c:pt idx="127">
                  <c:v>1.2894599907260029</c:v>
                </c:pt>
                <c:pt idx="128">
                  <c:v>1.6118249884075038</c:v>
                </c:pt>
                <c:pt idx="129">
                  <c:v>1.7730074872482542</c:v>
                </c:pt>
                <c:pt idx="130">
                  <c:v>1.7730074872482542</c:v>
                </c:pt>
                <c:pt idx="131">
                  <c:v>2.0953724849297548</c:v>
                </c:pt>
                <c:pt idx="132">
                  <c:v>2.0953724849297548</c:v>
                </c:pt>
                <c:pt idx="133">
                  <c:v>1.4506424895667533</c:v>
                </c:pt>
                <c:pt idx="134">
                  <c:v>2.0953724849297548</c:v>
                </c:pt>
                <c:pt idx="135">
                  <c:v>1.7730074872482542</c:v>
                </c:pt>
                <c:pt idx="136">
                  <c:v>1.5350714175309559</c:v>
                </c:pt>
                <c:pt idx="137">
                  <c:v>1.2894599907260029</c:v>
                </c:pt>
                <c:pt idx="138">
                  <c:v>0.47587213943459633</c:v>
                </c:pt>
                <c:pt idx="139">
                  <c:v>0.47587213943459633</c:v>
                </c:pt>
                <c:pt idx="140">
                  <c:v>0.47587213943459633</c:v>
                </c:pt>
                <c:pt idx="141">
                  <c:v>0.47587213943459633</c:v>
                </c:pt>
                <c:pt idx="142">
                  <c:v>0.47587213943459633</c:v>
                </c:pt>
                <c:pt idx="143">
                  <c:v>0.47587213943459633</c:v>
                </c:pt>
                <c:pt idx="144">
                  <c:v>0.18343017795673341</c:v>
                </c:pt>
                <c:pt idx="145">
                  <c:v>0.35812558553457485</c:v>
                </c:pt>
                <c:pt idx="146">
                  <c:v>0.35812558553457485</c:v>
                </c:pt>
                <c:pt idx="147">
                  <c:v>0.35812558553457485</c:v>
                </c:pt>
                <c:pt idx="148">
                  <c:v>0.35812558553457485</c:v>
                </c:pt>
                <c:pt idx="149">
                  <c:v>0.4454732893234955</c:v>
                </c:pt>
                <c:pt idx="150">
                  <c:v>0.55902530424909236</c:v>
                </c:pt>
                <c:pt idx="151">
                  <c:v>0.63763823765912098</c:v>
                </c:pt>
                <c:pt idx="152">
                  <c:v>0.63763823765912098</c:v>
                </c:pt>
                <c:pt idx="153">
                  <c:v>0.63763823765912098</c:v>
                </c:pt>
                <c:pt idx="154">
                  <c:v>0.63763823765912098</c:v>
                </c:pt>
                <c:pt idx="155">
                  <c:v>0.63763823765912098</c:v>
                </c:pt>
                <c:pt idx="156">
                  <c:v>0.63763823765912098</c:v>
                </c:pt>
                <c:pt idx="157">
                  <c:v>0.63763823765912098</c:v>
                </c:pt>
                <c:pt idx="158">
                  <c:v>0.63763823765912098</c:v>
                </c:pt>
                <c:pt idx="159">
                  <c:v>0.57649484500687653</c:v>
                </c:pt>
                <c:pt idx="160">
                  <c:v>0.52408622273352401</c:v>
                </c:pt>
                <c:pt idx="161">
                  <c:v>0.47167760046017165</c:v>
                </c:pt>
                <c:pt idx="162">
                  <c:v>0.45420805970238748</c:v>
                </c:pt>
                <c:pt idx="163">
                  <c:v>0.36686035591346683</c:v>
                </c:pt>
                <c:pt idx="164">
                  <c:v>0.27077788174565409</c:v>
                </c:pt>
                <c:pt idx="165">
                  <c:v>0.27077788174565409</c:v>
                </c:pt>
                <c:pt idx="166">
                  <c:v>0.27077788174565409</c:v>
                </c:pt>
                <c:pt idx="167">
                  <c:v>0.27077788174565409</c:v>
                </c:pt>
              </c:numCache>
            </c:numRef>
          </c:val>
          <c:extLst>
            <c:ext xmlns:c16="http://schemas.microsoft.com/office/drawing/2014/chart" uri="{C3380CC4-5D6E-409C-BE32-E72D297353CC}">
              <c16:uniqueId val="{00000000-898D-410B-8F27-FD80B42F92F5}"/>
            </c:ext>
          </c:extLst>
        </c:ser>
        <c:dLbls>
          <c:showLegendKey val="0"/>
          <c:showVal val="0"/>
          <c:showCatName val="0"/>
          <c:showSerName val="0"/>
          <c:showPercent val="0"/>
          <c:showBubbleSize val="0"/>
        </c:dLbls>
        <c:axId val="1901530704"/>
        <c:axId val="1901541264"/>
      </c:areaChart>
      <c:catAx>
        <c:axId val="1901530704"/>
        <c:scaling>
          <c:orientation val="minMax"/>
        </c:scaling>
        <c:delete val="0"/>
        <c:axPos val="b"/>
        <c:majorGridlines>
          <c:spPr>
            <a:ln w="9525" cap="flat" cmpd="sng" algn="ctr">
              <a:noFill/>
              <a:round/>
            </a:ln>
            <a:effectLst/>
          </c:spPr>
        </c:majorGridlines>
        <c:numFmt formatCode="General" sourceLinked="1"/>
        <c:majorTickMark val="out"/>
        <c:minorTickMark val="none"/>
        <c:tickLblPos val="nextTo"/>
        <c:spPr>
          <a:noFill/>
          <a:ln w="12700" cap="flat" cmpd="sng" algn="ctr">
            <a:solidFill>
              <a:schemeClr val="tx1"/>
            </a:solidFill>
            <a:round/>
          </a:ln>
          <a:effectLst/>
        </c:spPr>
        <c:txPr>
          <a:bodyPr rot="5400000" spcFirstLastPara="1" vertOverflow="ellipsis" wrap="square" anchor="ctr" anchorCtr="1"/>
          <a:lstStyle/>
          <a:p>
            <a:pPr>
              <a:defRPr sz="1000" b="1" i="0" u="none" strike="noStrike" kern="1200" baseline="0">
                <a:solidFill>
                  <a:schemeClr val="tx1"/>
                </a:solidFill>
                <a:latin typeface="+mn-lt"/>
                <a:ea typeface="+mn-ea"/>
                <a:cs typeface="+mn-cs"/>
              </a:defRPr>
            </a:pPr>
            <a:endParaRPr lang="en-US"/>
          </a:p>
        </c:txPr>
        <c:crossAx val="1901541264"/>
        <c:crosses val="autoZero"/>
        <c:auto val="1"/>
        <c:lblAlgn val="ctr"/>
        <c:lblOffset val="100"/>
        <c:tickMarkSkip val="24"/>
        <c:noMultiLvlLbl val="0"/>
      </c:catAx>
      <c:valAx>
        <c:axId val="1901541264"/>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nb-NO">
                    <a:solidFill>
                      <a:schemeClr val="tx1"/>
                    </a:solidFill>
                  </a:rPr>
                  <a:t>Hourly</a:t>
                </a:r>
                <a:r>
                  <a:rPr lang="nb-NO" baseline="0">
                    <a:solidFill>
                      <a:schemeClr val="tx1"/>
                    </a:solidFill>
                  </a:rPr>
                  <a:t> Demand [user-defined unit]</a:t>
                </a:r>
                <a:endParaRPr lang="nb-NO">
                  <a:solidFill>
                    <a:schemeClr val="tx1"/>
                  </a:solidFill>
                </a:endParaRP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nb-NO"/>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901530704"/>
        <c:crosses val="autoZero"/>
        <c:crossBetween val="midCat"/>
      </c:valAx>
      <c:spPr>
        <a:solidFill>
          <a:sysClr val="window" lastClr="FFFFFF"/>
        </a:solidFill>
        <a:ln>
          <a:solidFill>
            <a:schemeClr val="tx1"/>
          </a:solidFill>
        </a:ln>
        <a:effectLst/>
      </c:spPr>
    </c:plotArea>
    <c:legend>
      <c:legendPos val="r"/>
      <c:layout>
        <c:manualLayout>
          <c:xMode val="edge"/>
          <c:yMode val="edge"/>
          <c:x val="0.11181372308899001"/>
          <c:y val="4.0412444697164498E-2"/>
          <c:w val="0.24648176495929439"/>
          <c:h val="9.4290832007963676E-2"/>
        </c:manualLayout>
      </c:layout>
      <c:overlay val="0"/>
      <c:spPr>
        <a:solidFill>
          <a:schemeClr val="bg1"/>
        </a:solidFill>
        <a:ln>
          <a:solidFill>
            <a:schemeClr val="tx1"/>
          </a:solid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12700" cap="flat" cmpd="sng" algn="ctr">
      <a:no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5.526158773314703E-2"/>
          <c:w val="0.98113033736579525"/>
          <c:h val="0.76601145706277307"/>
        </c:manualLayout>
      </c:layout>
      <c:barChart>
        <c:barDir val="col"/>
        <c:grouping val="stacked"/>
        <c:varyColors val="0"/>
        <c:ser>
          <c:idx val="0"/>
          <c:order val="0"/>
          <c:tx>
            <c:strRef>
              <c:f>Jesper!$BF$4</c:f>
              <c:strCache>
                <c:ptCount val="1"/>
                <c:pt idx="0">
                  <c:v>T1, C4</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4:$BH$4</c:f>
              <c:numCache>
                <c:formatCode>0%</c:formatCode>
                <c:ptCount val="2"/>
                <c:pt idx="0">
                  <c:v>#N/A</c:v>
                </c:pt>
                <c:pt idx="1">
                  <c:v>0.12</c:v>
                </c:pt>
              </c:numCache>
            </c:numRef>
          </c:val>
          <c:extLst>
            <c:ext xmlns:c16="http://schemas.microsoft.com/office/drawing/2014/chart" uri="{C3380CC4-5D6E-409C-BE32-E72D297353CC}">
              <c16:uniqueId val="{00000000-248B-44F3-8492-DD33D0DE4CF8}"/>
            </c:ext>
          </c:extLst>
        </c:ser>
        <c:ser>
          <c:idx val="1"/>
          <c:order val="1"/>
          <c:tx>
            <c:strRef>
              <c:f>Jesper!$BF$5</c:f>
              <c:strCache>
                <c:ptCount val="1"/>
                <c:pt idx="0">
                  <c:v>T1, C3</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5:$BH$5</c:f>
              <c:numCache>
                <c:formatCode>0%</c:formatCode>
                <c:ptCount val="2"/>
                <c:pt idx="0">
                  <c:v>0.12</c:v>
                </c:pt>
                <c:pt idx="1">
                  <c:v>#N/A</c:v>
                </c:pt>
              </c:numCache>
            </c:numRef>
          </c:val>
          <c:extLst>
            <c:ext xmlns:c16="http://schemas.microsoft.com/office/drawing/2014/chart" uri="{C3380CC4-5D6E-409C-BE32-E72D297353CC}">
              <c16:uniqueId val="{00000001-248B-44F3-8492-DD33D0DE4CF8}"/>
            </c:ext>
          </c:extLst>
        </c:ser>
        <c:ser>
          <c:idx val="2"/>
          <c:order val="2"/>
          <c:tx>
            <c:strRef>
              <c:f>Jesper!$BF$6</c:f>
              <c:strCache>
                <c:ptCount val="1"/>
                <c:pt idx="0">
                  <c:v>T1, C2</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6:$BH$6</c:f>
              <c:numCache>
                <c:formatCode>0%</c:formatCode>
                <c:ptCount val="2"/>
                <c:pt idx="0">
                  <c:v>#N/A</c:v>
                </c:pt>
                <c:pt idx="1">
                  <c:v>#N/A</c:v>
                </c:pt>
              </c:numCache>
            </c:numRef>
          </c:val>
          <c:extLst>
            <c:ext xmlns:c16="http://schemas.microsoft.com/office/drawing/2014/chart" uri="{C3380CC4-5D6E-409C-BE32-E72D297353CC}">
              <c16:uniqueId val="{00000002-248B-44F3-8492-DD33D0DE4CF8}"/>
            </c:ext>
          </c:extLst>
        </c:ser>
        <c:ser>
          <c:idx val="3"/>
          <c:order val="3"/>
          <c:tx>
            <c:strRef>
              <c:f>Jesper!$BF$7</c:f>
              <c:strCache>
                <c:ptCount val="1"/>
                <c:pt idx="0">
                  <c:v>T1, C1</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7:$BH$7</c:f>
              <c:numCache>
                <c:formatCode>0%</c:formatCode>
                <c:ptCount val="2"/>
                <c:pt idx="0">
                  <c:v>#N/A</c:v>
                </c:pt>
                <c:pt idx="1">
                  <c:v>#N/A</c:v>
                </c:pt>
              </c:numCache>
            </c:numRef>
          </c:val>
          <c:extLst>
            <c:ext xmlns:c16="http://schemas.microsoft.com/office/drawing/2014/chart" uri="{C3380CC4-5D6E-409C-BE32-E72D297353CC}">
              <c16:uniqueId val="{00000003-248B-44F3-8492-DD33D0DE4CF8}"/>
            </c:ext>
          </c:extLst>
        </c:ser>
        <c:ser>
          <c:idx val="4"/>
          <c:order val="4"/>
          <c:tx>
            <c:strRef>
              <c:f>Jesper!$BF$8</c:f>
              <c:strCache>
                <c:ptCount val="1"/>
                <c:pt idx="0">
                  <c:v>T1, C0</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8:$BH$8</c:f>
              <c:numCache>
                <c:formatCode>0%</c:formatCode>
                <c:ptCount val="2"/>
                <c:pt idx="0">
                  <c:v>#N/A</c:v>
                </c:pt>
                <c:pt idx="1">
                  <c:v>#N/A</c:v>
                </c:pt>
              </c:numCache>
            </c:numRef>
          </c:val>
          <c:extLst>
            <c:ext xmlns:c16="http://schemas.microsoft.com/office/drawing/2014/chart" uri="{C3380CC4-5D6E-409C-BE32-E72D297353CC}">
              <c16:uniqueId val="{00000004-248B-44F3-8492-DD33D0DE4CF8}"/>
            </c:ext>
          </c:extLst>
        </c:ser>
        <c:ser>
          <c:idx val="5"/>
          <c:order val="5"/>
          <c:tx>
            <c:strRef>
              <c:f>Jesper!$BF$9</c:f>
              <c:strCache>
                <c:ptCount val="1"/>
                <c:pt idx="0">
                  <c:v>T2, C4</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9:$BH$9</c:f>
              <c:numCache>
                <c:formatCode>0%</c:formatCode>
                <c:ptCount val="2"/>
                <c:pt idx="0">
                  <c:v>#N/A</c:v>
                </c:pt>
                <c:pt idx="1">
                  <c:v>4.9999999999999255E-3</c:v>
                </c:pt>
              </c:numCache>
            </c:numRef>
          </c:val>
          <c:extLst>
            <c:ext xmlns:c16="http://schemas.microsoft.com/office/drawing/2014/chart" uri="{C3380CC4-5D6E-409C-BE32-E72D297353CC}">
              <c16:uniqueId val="{00000005-248B-44F3-8492-DD33D0DE4CF8}"/>
            </c:ext>
          </c:extLst>
        </c:ser>
        <c:ser>
          <c:idx val="6"/>
          <c:order val="6"/>
          <c:tx>
            <c:strRef>
              <c:f>Jesper!$BF$10</c:f>
              <c:strCache>
                <c:ptCount val="1"/>
                <c:pt idx="0">
                  <c:v>T2, C3</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0:$BH$10</c:f>
              <c:numCache>
                <c:formatCode>0%</c:formatCode>
                <c:ptCount val="2"/>
                <c:pt idx="0">
                  <c:v>0.13000000000000012</c:v>
                </c:pt>
                <c:pt idx="1">
                  <c:v>0.25</c:v>
                </c:pt>
              </c:numCache>
            </c:numRef>
          </c:val>
          <c:extLst>
            <c:ext xmlns:c16="http://schemas.microsoft.com/office/drawing/2014/chart" uri="{C3380CC4-5D6E-409C-BE32-E72D297353CC}">
              <c16:uniqueId val="{00000006-248B-44F3-8492-DD33D0DE4CF8}"/>
            </c:ext>
          </c:extLst>
        </c:ser>
        <c:ser>
          <c:idx val="7"/>
          <c:order val="7"/>
          <c:tx>
            <c:strRef>
              <c:f>Jesper!$BF$11</c:f>
              <c:strCache>
                <c:ptCount val="1"/>
                <c:pt idx="0">
                  <c:v>T2, C2</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1:$BH$11</c:f>
              <c:numCache>
                <c:formatCode>0%</c:formatCode>
                <c:ptCount val="2"/>
                <c:pt idx="0">
                  <c:v>#N/A</c:v>
                </c:pt>
                <c:pt idx="1">
                  <c:v>0.125</c:v>
                </c:pt>
              </c:numCache>
            </c:numRef>
          </c:val>
          <c:extLst>
            <c:ext xmlns:c16="http://schemas.microsoft.com/office/drawing/2014/chart" uri="{C3380CC4-5D6E-409C-BE32-E72D297353CC}">
              <c16:uniqueId val="{00000007-248B-44F3-8492-DD33D0DE4CF8}"/>
            </c:ext>
          </c:extLst>
        </c:ser>
        <c:ser>
          <c:idx val="8"/>
          <c:order val="8"/>
          <c:tx>
            <c:strRef>
              <c:f>Jesper!$BF$12</c:f>
              <c:strCache>
                <c:ptCount val="1"/>
                <c:pt idx="0">
                  <c:v>T2, C1</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2:$BH$12</c:f>
              <c:numCache>
                <c:formatCode>0%</c:formatCode>
                <c:ptCount val="2"/>
                <c:pt idx="0">
                  <c:v>0.375</c:v>
                </c:pt>
                <c:pt idx="1">
                  <c:v>0.44</c:v>
                </c:pt>
              </c:numCache>
            </c:numRef>
          </c:val>
          <c:extLst>
            <c:ext xmlns:c16="http://schemas.microsoft.com/office/drawing/2014/chart" uri="{C3380CC4-5D6E-409C-BE32-E72D297353CC}">
              <c16:uniqueId val="{00000008-248B-44F3-8492-DD33D0DE4CF8}"/>
            </c:ext>
          </c:extLst>
        </c:ser>
        <c:ser>
          <c:idx val="9"/>
          <c:order val="9"/>
          <c:tx>
            <c:strRef>
              <c:f>Jesper!$BF$13</c:f>
              <c:strCache>
                <c:ptCount val="1"/>
                <c:pt idx="0">
                  <c:v>T2, C0</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3:$BH$13</c:f>
              <c:numCache>
                <c:formatCode>0%</c:formatCode>
                <c:ptCount val="2"/>
                <c:pt idx="0">
                  <c:v>0.315</c:v>
                </c:pt>
                <c:pt idx="1">
                  <c:v>#N/A</c:v>
                </c:pt>
              </c:numCache>
            </c:numRef>
          </c:val>
          <c:extLst>
            <c:ext xmlns:c16="http://schemas.microsoft.com/office/drawing/2014/chart" uri="{C3380CC4-5D6E-409C-BE32-E72D297353CC}">
              <c16:uniqueId val="{00000009-248B-44F3-8492-DD33D0DE4CF8}"/>
            </c:ext>
          </c:extLst>
        </c:ser>
        <c:ser>
          <c:idx val="10"/>
          <c:order val="10"/>
          <c:tx>
            <c:strRef>
              <c:f>Jesper!$BF$14</c:f>
              <c:strCache>
                <c:ptCount val="1"/>
                <c:pt idx="0">
                  <c:v>T3, C4</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4:$BH$14</c:f>
              <c:numCache>
                <c:formatCode>0%</c:formatCode>
                <c:ptCount val="2"/>
                <c:pt idx="0">
                  <c:v>#N/A</c:v>
                </c:pt>
                <c:pt idx="1">
                  <c:v>#N/A</c:v>
                </c:pt>
              </c:numCache>
            </c:numRef>
          </c:val>
          <c:extLst>
            <c:ext xmlns:c16="http://schemas.microsoft.com/office/drawing/2014/chart" uri="{C3380CC4-5D6E-409C-BE32-E72D297353CC}">
              <c16:uniqueId val="{0000000A-248B-44F3-8492-DD33D0DE4CF8}"/>
            </c:ext>
          </c:extLst>
        </c:ser>
        <c:ser>
          <c:idx val="11"/>
          <c:order val="11"/>
          <c:tx>
            <c:strRef>
              <c:f>Jesper!$BF$15</c:f>
              <c:strCache>
                <c:ptCount val="1"/>
                <c:pt idx="0">
                  <c:v>T3, C3</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5:$BH$15</c:f>
              <c:numCache>
                <c:formatCode>0%</c:formatCode>
                <c:ptCount val="2"/>
                <c:pt idx="0">
                  <c:v>#N/A</c:v>
                </c:pt>
                <c:pt idx="1">
                  <c:v>#N/A</c:v>
                </c:pt>
              </c:numCache>
            </c:numRef>
          </c:val>
          <c:extLst>
            <c:ext xmlns:c16="http://schemas.microsoft.com/office/drawing/2014/chart" uri="{C3380CC4-5D6E-409C-BE32-E72D297353CC}">
              <c16:uniqueId val="{0000000B-248B-44F3-8492-DD33D0DE4CF8}"/>
            </c:ext>
          </c:extLst>
        </c:ser>
        <c:ser>
          <c:idx val="12"/>
          <c:order val="12"/>
          <c:tx>
            <c:strRef>
              <c:f>Jesper!$BF$16</c:f>
              <c:strCache>
                <c:ptCount val="1"/>
                <c:pt idx="0">
                  <c:v>T3, C2</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6:$BH$16</c:f>
              <c:numCache>
                <c:formatCode>0%</c:formatCode>
                <c:ptCount val="2"/>
                <c:pt idx="0">
                  <c:v>#N/A</c:v>
                </c:pt>
                <c:pt idx="1">
                  <c:v>#N/A</c:v>
                </c:pt>
              </c:numCache>
            </c:numRef>
          </c:val>
          <c:extLst>
            <c:ext xmlns:c16="http://schemas.microsoft.com/office/drawing/2014/chart" uri="{C3380CC4-5D6E-409C-BE32-E72D297353CC}">
              <c16:uniqueId val="{0000000C-248B-44F3-8492-DD33D0DE4CF8}"/>
            </c:ext>
          </c:extLst>
        </c:ser>
        <c:ser>
          <c:idx val="13"/>
          <c:order val="13"/>
          <c:tx>
            <c:strRef>
              <c:f>Jesper!$BF$17</c:f>
              <c:strCache>
                <c:ptCount val="1"/>
                <c:pt idx="0">
                  <c:v>T3, C1</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7:$BH$17</c:f>
              <c:numCache>
                <c:formatCode>0%</c:formatCode>
                <c:ptCount val="2"/>
                <c:pt idx="0">
                  <c:v>#N/A</c:v>
                </c:pt>
                <c:pt idx="1">
                  <c:v>0.04</c:v>
                </c:pt>
              </c:numCache>
            </c:numRef>
          </c:val>
          <c:extLst>
            <c:ext xmlns:c16="http://schemas.microsoft.com/office/drawing/2014/chart" uri="{C3380CC4-5D6E-409C-BE32-E72D297353CC}">
              <c16:uniqueId val="{0000000D-248B-44F3-8492-DD33D0DE4CF8}"/>
            </c:ext>
          </c:extLst>
        </c:ser>
        <c:ser>
          <c:idx val="14"/>
          <c:order val="14"/>
          <c:tx>
            <c:strRef>
              <c:f>Jesper!$BF$18</c:f>
              <c:strCache>
                <c:ptCount val="1"/>
                <c:pt idx="0">
                  <c:v>T3, C0</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8:$BH$18</c:f>
              <c:numCache>
                <c:formatCode>0%</c:formatCode>
                <c:ptCount val="2"/>
                <c:pt idx="0">
                  <c:v>0.04</c:v>
                </c:pt>
                <c:pt idx="1">
                  <c:v>#N/A</c:v>
                </c:pt>
              </c:numCache>
            </c:numRef>
          </c:val>
          <c:extLst>
            <c:ext xmlns:c16="http://schemas.microsoft.com/office/drawing/2014/chart" uri="{C3380CC4-5D6E-409C-BE32-E72D297353CC}">
              <c16:uniqueId val="{0000000E-248B-44F3-8492-DD33D0DE4CF8}"/>
            </c:ext>
          </c:extLst>
        </c:ser>
        <c:ser>
          <c:idx val="15"/>
          <c:order val="15"/>
          <c:tx>
            <c:strRef>
              <c:f>Jesper!$BF$19</c:f>
              <c:strCache>
                <c:ptCount val="1"/>
                <c:pt idx="0">
                  <c:v>T4, C4</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9:$BH$19</c:f>
              <c:numCache>
                <c:formatCode>0%</c:formatCode>
                <c:ptCount val="2"/>
                <c:pt idx="0">
                  <c:v>#N/A</c:v>
                </c:pt>
                <c:pt idx="1">
                  <c:v>#N/A</c:v>
                </c:pt>
              </c:numCache>
            </c:numRef>
          </c:val>
          <c:extLst>
            <c:ext xmlns:c16="http://schemas.microsoft.com/office/drawing/2014/chart" uri="{C3380CC4-5D6E-409C-BE32-E72D297353CC}">
              <c16:uniqueId val="{0000000F-248B-44F3-8492-DD33D0DE4CF8}"/>
            </c:ext>
          </c:extLst>
        </c:ser>
        <c:ser>
          <c:idx val="16"/>
          <c:order val="16"/>
          <c:tx>
            <c:strRef>
              <c:f>Jesper!$BF$20</c:f>
              <c:strCache>
                <c:ptCount val="1"/>
                <c:pt idx="0">
                  <c:v>T4, C3</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0:$BH$20</c:f>
              <c:numCache>
                <c:formatCode>0%</c:formatCode>
                <c:ptCount val="2"/>
                <c:pt idx="0">
                  <c:v>#N/A</c:v>
                </c:pt>
                <c:pt idx="1">
                  <c:v>#N/A</c:v>
                </c:pt>
              </c:numCache>
            </c:numRef>
          </c:val>
          <c:extLst>
            <c:ext xmlns:c16="http://schemas.microsoft.com/office/drawing/2014/chart" uri="{C3380CC4-5D6E-409C-BE32-E72D297353CC}">
              <c16:uniqueId val="{00000010-248B-44F3-8492-DD33D0DE4CF8}"/>
            </c:ext>
          </c:extLst>
        </c:ser>
        <c:ser>
          <c:idx val="17"/>
          <c:order val="17"/>
          <c:tx>
            <c:strRef>
              <c:f>Jesper!$BF$21</c:f>
              <c:strCache>
                <c:ptCount val="1"/>
                <c:pt idx="0">
                  <c:v>T4, C2</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1:$BH$21</c:f>
              <c:numCache>
                <c:formatCode>0%</c:formatCode>
                <c:ptCount val="2"/>
                <c:pt idx="0">
                  <c:v>#N/A</c:v>
                </c:pt>
                <c:pt idx="1">
                  <c:v>#N/A</c:v>
                </c:pt>
              </c:numCache>
            </c:numRef>
          </c:val>
          <c:extLst>
            <c:ext xmlns:c16="http://schemas.microsoft.com/office/drawing/2014/chart" uri="{C3380CC4-5D6E-409C-BE32-E72D297353CC}">
              <c16:uniqueId val="{00000011-248B-44F3-8492-DD33D0DE4CF8}"/>
            </c:ext>
          </c:extLst>
        </c:ser>
        <c:ser>
          <c:idx val="18"/>
          <c:order val="18"/>
          <c:tx>
            <c:strRef>
              <c:f>Jesper!$BF$22</c:f>
              <c:strCache>
                <c:ptCount val="1"/>
                <c:pt idx="0">
                  <c:v>T4, C1</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2:$BH$22</c:f>
              <c:numCache>
                <c:formatCode>0%</c:formatCode>
                <c:ptCount val="2"/>
                <c:pt idx="0">
                  <c:v>#N/A</c:v>
                </c:pt>
                <c:pt idx="1">
                  <c:v>0.02</c:v>
                </c:pt>
              </c:numCache>
            </c:numRef>
          </c:val>
          <c:extLst>
            <c:ext xmlns:c16="http://schemas.microsoft.com/office/drawing/2014/chart" uri="{C3380CC4-5D6E-409C-BE32-E72D297353CC}">
              <c16:uniqueId val="{00000012-248B-44F3-8492-DD33D0DE4CF8}"/>
            </c:ext>
          </c:extLst>
        </c:ser>
        <c:ser>
          <c:idx val="19"/>
          <c:order val="19"/>
          <c:tx>
            <c:strRef>
              <c:f>Jesper!$BF$23</c:f>
              <c:strCache>
                <c:ptCount val="1"/>
                <c:pt idx="0">
                  <c:v>T4, C0</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3:$BH$23</c:f>
              <c:numCache>
                <c:formatCode>0%</c:formatCode>
                <c:ptCount val="2"/>
                <c:pt idx="0">
                  <c:v>0.02</c:v>
                </c:pt>
                <c:pt idx="1">
                  <c:v>#N/A</c:v>
                </c:pt>
              </c:numCache>
            </c:numRef>
          </c:val>
          <c:extLst>
            <c:ext xmlns:c16="http://schemas.microsoft.com/office/drawing/2014/chart" uri="{C3380CC4-5D6E-409C-BE32-E72D297353CC}">
              <c16:uniqueId val="{00000013-248B-44F3-8492-DD33D0DE4CF8}"/>
            </c:ext>
          </c:extLst>
        </c:ser>
        <c:ser>
          <c:idx val="20"/>
          <c:order val="20"/>
          <c:tx>
            <c:strRef>
              <c:f>Jesper!$BF$24</c:f>
              <c:strCache>
                <c:ptCount val="1"/>
                <c:pt idx="0">
                  <c:v>T5, C4</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4:$BH$24</c:f>
              <c:numCache>
                <c:formatCode>0%</c:formatCode>
                <c:ptCount val="2"/>
                <c:pt idx="0">
                  <c:v>#N/A</c:v>
                </c:pt>
                <c:pt idx="1">
                  <c:v>#N/A</c:v>
                </c:pt>
              </c:numCache>
            </c:numRef>
          </c:val>
          <c:extLst>
            <c:ext xmlns:c16="http://schemas.microsoft.com/office/drawing/2014/chart" uri="{C3380CC4-5D6E-409C-BE32-E72D297353CC}">
              <c16:uniqueId val="{00000014-248B-44F3-8492-DD33D0DE4CF8}"/>
            </c:ext>
          </c:extLst>
        </c:ser>
        <c:ser>
          <c:idx val="21"/>
          <c:order val="21"/>
          <c:tx>
            <c:strRef>
              <c:f>Jesper!$BF$25</c:f>
              <c:strCache>
                <c:ptCount val="1"/>
                <c:pt idx="0">
                  <c:v>T5, C3</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5:$BH$25</c:f>
              <c:numCache>
                <c:formatCode>0%</c:formatCode>
                <c:ptCount val="2"/>
                <c:pt idx="0">
                  <c:v>#N/A</c:v>
                </c:pt>
                <c:pt idx="1">
                  <c:v>#N/A</c:v>
                </c:pt>
              </c:numCache>
            </c:numRef>
          </c:val>
          <c:extLst>
            <c:ext xmlns:c16="http://schemas.microsoft.com/office/drawing/2014/chart" uri="{C3380CC4-5D6E-409C-BE32-E72D297353CC}">
              <c16:uniqueId val="{00000015-248B-44F3-8492-DD33D0DE4CF8}"/>
            </c:ext>
          </c:extLst>
        </c:ser>
        <c:ser>
          <c:idx val="22"/>
          <c:order val="22"/>
          <c:tx>
            <c:strRef>
              <c:f>Jesper!$BF$26</c:f>
              <c:strCache>
                <c:ptCount val="1"/>
                <c:pt idx="0">
                  <c:v>T5, C2</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6:$BH$26</c:f>
              <c:numCache>
                <c:formatCode>0%</c:formatCode>
                <c:ptCount val="2"/>
                <c:pt idx="0">
                  <c:v>#N/A</c:v>
                </c:pt>
                <c:pt idx="1">
                  <c:v>#N/A</c:v>
                </c:pt>
              </c:numCache>
            </c:numRef>
          </c:val>
          <c:extLst>
            <c:ext xmlns:c16="http://schemas.microsoft.com/office/drawing/2014/chart" uri="{C3380CC4-5D6E-409C-BE32-E72D297353CC}">
              <c16:uniqueId val="{00000016-248B-44F3-8492-DD33D0DE4CF8}"/>
            </c:ext>
          </c:extLst>
        </c:ser>
        <c:ser>
          <c:idx val="23"/>
          <c:order val="23"/>
          <c:tx>
            <c:strRef>
              <c:f>Jesper!$BF$27</c:f>
              <c:strCache>
                <c:ptCount val="1"/>
                <c:pt idx="0">
                  <c:v>T5, C1</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7:$BH$27</c:f>
              <c:numCache>
                <c:formatCode>0%</c:formatCode>
                <c:ptCount val="2"/>
                <c:pt idx="0">
                  <c:v>#N/A</c:v>
                </c:pt>
                <c:pt idx="1">
                  <c:v>#N/A</c:v>
                </c:pt>
              </c:numCache>
            </c:numRef>
          </c:val>
          <c:extLst>
            <c:ext xmlns:c16="http://schemas.microsoft.com/office/drawing/2014/chart" uri="{C3380CC4-5D6E-409C-BE32-E72D297353CC}">
              <c16:uniqueId val="{00000017-248B-44F3-8492-DD33D0DE4CF8}"/>
            </c:ext>
          </c:extLst>
        </c:ser>
        <c:ser>
          <c:idx val="24"/>
          <c:order val="24"/>
          <c:tx>
            <c:strRef>
              <c:f>Jesper!$BF$28</c:f>
              <c:strCache>
                <c:ptCount val="1"/>
                <c:pt idx="0">
                  <c:v>T5, C0</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8:$BH$28</c:f>
              <c:numCache>
                <c:formatCode>0%</c:formatCode>
                <c:ptCount val="2"/>
                <c:pt idx="0">
                  <c:v>#N/A</c:v>
                </c:pt>
                <c:pt idx="1">
                  <c:v>#N/A</c:v>
                </c:pt>
              </c:numCache>
            </c:numRef>
          </c:val>
          <c:extLst>
            <c:ext xmlns:c16="http://schemas.microsoft.com/office/drawing/2014/chart" uri="{C3380CC4-5D6E-409C-BE32-E72D297353CC}">
              <c16:uniqueId val="{00000018-248B-44F3-8492-DD33D0DE4CF8}"/>
            </c:ext>
          </c:extLst>
        </c:ser>
        <c:dLbls>
          <c:dLblPos val="ctr"/>
          <c:showLegendKey val="0"/>
          <c:showVal val="1"/>
          <c:showCatName val="0"/>
          <c:showSerName val="0"/>
          <c:showPercent val="0"/>
          <c:showBubbleSize val="0"/>
        </c:dLbls>
        <c:gapWidth val="90"/>
        <c:overlap val="100"/>
        <c:axId val="1331369567"/>
        <c:axId val="1331370047"/>
      </c:barChart>
      <c:catAx>
        <c:axId val="1331369567"/>
        <c:scaling>
          <c:orientation val="minMax"/>
        </c:scaling>
        <c:delete val="0"/>
        <c:axPos val="b"/>
        <c:numFmt formatCode="General" sourceLinked="1"/>
        <c:majorTickMark val="out"/>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331370047"/>
        <c:crosses val="autoZero"/>
        <c:auto val="1"/>
        <c:lblAlgn val="ctr"/>
        <c:lblOffset val="100"/>
        <c:noMultiLvlLbl val="0"/>
      </c:catAx>
      <c:valAx>
        <c:axId val="1331370047"/>
        <c:scaling>
          <c:orientation val="minMax"/>
          <c:max val="1"/>
          <c:min val="0"/>
        </c:scaling>
        <c:delete val="1"/>
        <c:axPos val="l"/>
        <c:majorGridlines>
          <c:spPr>
            <a:ln w="9525" cap="flat" cmpd="sng" algn="ctr">
              <a:solidFill>
                <a:schemeClr val="tx1">
                  <a:lumMod val="15000"/>
                  <a:lumOff val="85000"/>
                </a:schemeClr>
              </a:solidFill>
              <a:round/>
            </a:ln>
            <a:effectLst/>
          </c:spPr>
        </c:majorGridlines>
        <c:numFmt formatCode="0%" sourceLinked="1"/>
        <c:majorTickMark val="out"/>
        <c:minorTickMark val="none"/>
        <c:tickLblPos val="nextTo"/>
        <c:crossAx val="1331369567"/>
        <c:crosses val="autoZero"/>
        <c:crossBetween val="between"/>
      </c:valAx>
      <c:spPr>
        <a:noFill/>
        <a:ln>
          <a:solidFill>
            <a:schemeClr val="tx1"/>
          </a:solid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32162107884152807"/>
          <c:y val="0.17019890497300372"/>
          <c:w val="0.62076955718317017"/>
          <c:h val="0.61780609429892941"/>
        </c:manualLayout>
      </c:layout>
      <c:barChart>
        <c:barDir val="col"/>
        <c:grouping val="stacked"/>
        <c:varyColors val="0"/>
        <c:ser>
          <c:idx val="4"/>
          <c:order val="0"/>
          <c:tx>
            <c:strRef>
              <c:f>Input!$B$8</c:f>
              <c:strCache>
                <c:ptCount val="1"/>
                <c:pt idx="0">
                  <c:v>4</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4,Jesper!$H$7)</c:f>
              <c:numCache>
                <c:formatCode>0%</c:formatCode>
                <c:ptCount val="2"/>
                <c:pt idx="1">
                  <c:v>0.12499999999999999</c:v>
                </c:pt>
              </c:numCache>
            </c:numRef>
          </c:val>
          <c:extLst>
            <c:ext xmlns:c16="http://schemas.microsoft.com/office/drawing/2014/chart" uri="{C3380CC4-5D6E-409C-BE32-E72D297353CC}">
              <c16:uniqueId val="{00000004-796C-4A3E-97AD-BA01F4A93D77}"/>
            </c:ext>
          </c:extLst>
        </c:ser>
        <c:ser>
          <c:idx val="3"/>
          <c:order val="1"/>
          <c:tx>
            <c:strRef>
              <c:f>Input!$B$7</c:f>
              <c:strCache>
                <c:ptCount val="1"/>
                <c:pt idx="0">
                  <c:v>3</c:v>
                </c:pt>
              </c:strCache>
            </c:strRef>
          </c:tx>
          <c:spPr>
            <a:solidFill>
              <a:schemeClr val="accent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3,Jesper!$H$6)</c:f>
              <c:numCache>
                <c:formatCode>0%</c:formatCode>
                <c:ptCount val="2"/>
                <c:pt idx="0">
                  <c:v>0.25</c:v>
                </c:pt>
                <c:pt idx="1">
                  <c:v>0.24999999999999997</c:v>
                </c:pt>
              </c:numCache>
            </c:numRef>
          </c:val>
          <c:extLst>
            <c:ext xmlns:c16="http://schemas.microsoft.com/office/drawing/2014/chart" uri="{C3380CC4-5D6E-409C-BE32-E72D297353CC}">
              <c16:uniqueId val="{00000003-796C-4A3E-97AD-BA01F4A93D77}"/>
            </c:ext>
          </c:extLst>
        </c:ser>
        <c:ser>
          <c:idx val="2"/>
          <c:order val="2"/>
          <c:tx>
            <c:strRef>
              <c:f>Input!$B$6</c:f>
              <c:strCache>
                <c:ptCount val="1"/>
                <c:pt idx="0">
                  <c:v>2</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2,Jesper!$H$5)</c:f>
              <c:numCache>
                <c:formatCode>0%</c:formatCode>
                <c:ptCount val="2"/>
                <c:pt idx="0">
                  <c:v>0</c:v>
                </c:pt>
                <c:pt idx="1">
                  <c:v>0.12499999999999999</c:v>
                </c:pt>
              </c:numCache>
            </c:numRef>
          </c:val>
          <c:extLst>
            <c:ext xmlns:c16="http://schemas.microsoft.com/office/drawing/2014/chart" uri="{C3380CC4-5D6E-409C-BE32-E72D297353CC}">
              <c16:uniqueId val="{00000002-796C-4A3E-97AD-BA01F4A93D77}"/>
            </c:ext>
          </c:extLst>
        </c:ser>
        <c:ser>
          <c:idx val="1"/>
          <c:order val="3"/>
          <c:tx>
            <c:strRef>
              <c:f>Input!$B$5</c:f>
              <c:strCache>
                <c:ptCount val="1"/>
                <c:pt idx="0">
                  <c:v>1</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1,Jesper!$H$4)</c:f>
              <c:numCache>
                <c:formatCode>0%</c:formatCode>
                <c:ptCount val="2"/>
                <c:pt idx="0">
                  <c:v>0.375</c:v>
                </c:pt>
                <c:pt idx="1">
                  <c:v>0.49999999999999994</c:v>
                </c:pt>
              </c:numCache>
            </c:numRef>
          </c:val>
          <c:extLst>
            <c:ext xmlns:c16="http://schemas.microsoft.com/office/drawing/2014/chart" uri="{C3380CC4-5D6E-409C-BE32-E72D297353CC}">
              <c16:uniqueId val="{00000001-796C-4A3E-97AD-BA01F4A93D77}"/>
            </c:ext>
          </c:extLst>
        </c:ser>
        <c:ser>
          <c:idx val="0"/>
          <c:order val="4"/>
          <c:tx>
            <c:strRef>
              <c:f>Input!$B$4</c:f>
              <c:strCache>
                <c:ptCount val="1"/>
                <c:pt idx="0">
                  <c:v>0</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0,Jesper!$H$3)</c:f>
              <c:numCache>
                <c:formatCode>0%</c:formatCode>
                <c:ptCount val="2"/>
                <c:pt idx="0">
                  <c:v>0.375</c:v>
                </c:pt>
                <c:pt idx="1">
                  <c:v>0</c:v>
                </c:pt>
              </c:numCache>
            </c:numRef>
          </c:val>
          <c:extLst>
            <c:ext xmlns:c16="http://schemas.microsoft.com/office/drawing/2014/chart" uri="{C3380CC4-5D6E-409C-BE32-E72D297353CC}">
              <c16:uniqueId val="{00000000-796C-4A3E-97AD-BA01F4A93D77}"/>
            </c:ext>
          </c:extLst>
        </c:ser>
        <c:dLbls>
          <c:dLblPos val="ctr"/>
          <c:showLegendKey val="0"/>
          <c:showVal val="1"/>
          <c:showCatName val="0"/>
          <c:showSerName val="0"/>
          <c:showPercent val="0"/>
          <c:showBubbleSize val="0"/>
        </c:dLbls>
        <c:gapWidth val="150"/>
        <c:overlap val="100"/>
        <c:axId val="380432623"/>
        <c:axId val="380433583"/>
      </c:barChart>
      <c:catAx>
        <c:axId val="380432623"/>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380433583"/>
        <c:crosses val="autoZero"/>
        <c:auto val="1"/>
        <c:lblAlgn val="ctr"/>
        <c:lblOffset val="100"/>
        <c:noMultiLvlLbl val="0"/>
      </c:catAx>
      <c:valAx>
        <c:axId val="380433583"/>
        <c:scaling>
          <c:orientation val="minMax"/>
          <c:max val="1"/>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solidFill>
              <a:schemeClr val="tx1"/>
            </a:solid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380432623"/>
        <c:crosses val="autoZero"/>
        <c:crossBetween val="between"/>
      </c:valAx>
      <c:spPr>
        <a:solidFill>
          <a:schemeClr val="bg1"/>
        </a:solidFill>
        <a:ln>
          <a:solidFill>
            <a:schemeClr val="tx1"/>
          </a:solidFill>
        </a:ln>
        <a:effectLst/>
      </c:spPr>
    </c:plotArea>
    <c:legend>
      <c:legendPos val="l"/>
      <c:layout>
        <c:manualLayout>
          <c:xMode val="edge"/>
          <c:yMode val="edge"/>
          <c:x val="3.6660504347919322E-2"/>
          <c:y val="0.27449312636241541"/>
          <c:w val="0.10708290016342585"/>
          <c:h val="0.38659785445893363"/>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autoTitleDeleted val="1"/>
    <c:plotArea>
      <c:layout>
        <c:manualLayout>
          <c:layoutTarget val="inner"/>
          <c:xMode val="edge"/>
          <c:yMode val="edge"/>
          <c:x val="7.9861749179985266E-3"/>
          <c:y val="0.17834931955425157"/>
          <c:w val="0.27361148695536996"/>
          <c:h val="0.61689951822574662"/>
        </c:manualLayout>
      </c:layout>
      <c:barChart>
        <c:barDir val="col"/>
        <c:grouping val="stacked"/>
        <c:varyColors val="0"/>
        <c:ser>
          <c:idx val="4"/>
          <c:order val="0"/>
          <c:tx>
            <c:strRef>
              <c:f>'Standard Profiles'!$H$22</c:f>
              <c:strCache>
                <c:ptCount val="1"/>
                <c:pt idx="0">
                  <c:v>T1</c:v>
                </c:pt>
              </c:strCache>
            </c:strRef>
          </c:tx>
          <c:spPr>
            <a:solidFill>
              <a:schemeClr val="accent5">
                <a:lumMod val="20000"/>
                <a:lumOff val="8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22</c:f>
              <c:numCache>
                <c:formatCode>0%</c:formatCode>
                <c:ptCount val="1"/>
                <c:pt idx="0">
                  <c:v>0.12</c:v>
                </c:pt>
              </c:numCache>
            </c:numRef>
          </c:val>
          <c:extLst>
            <c:ext xmlns:c16="http://schemas.microsoft.com/office/drawing/2014/chart" uri="{C3380CC4-5D6E-409C-BE32-E72D297353CC}">
              <c16:uniqueId val="{00000004-BDD4-4BF1-AE09-2DA10DC504C5}"/>
            </c:ext>
          </c:extLst>
        </c:ser>
        <c:ser>
          <c:idx val="3"/>
          <c:order val="1"/>
          <c:tx>
            <c:strRef>
              <c:f>'Standard Profiles'!$H$21</c:f>
              <c:strCache>
                <c:ptCount val="1"/>
                <c:pt idx="0">
                  <c:v>T2</c:v>
                </c:pt>
              </c:strCache>
            </c:strRef>
          </c:tx>
          <c:spPr>
            <a:solidFill>
              <a:schemeClr val="accent5">
                <a:lumMod val="60000"/>
                <a:lumOff val="4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21</c:f>
              <c:numCache>
                <c:formatCode>0%</c:formatCode>
                <c:ptCount val="1"/>
                <c:pt idx="0">
                  <c:v>0.82000000000000006</c:v>
                </c:pt>
              </c:numCache>
            </c:numRef>
          </c:val>
          <c:extLst>
            <c:ext xmlns:c16="http://schemas.microsoft.com/office/drawing/2014/chart" uri="{C3380CC4-5D6E-409C-BE32-E72D297353CC}">
              <c16:uniqueId val="{00000003-BDD4-4BF1-AE09-2DA10DC504C5}"/>
            </c:ext>
          </c:extLst>
        </c:ser>
        <c:ser>
          <c:idx val="2"/>
          <c:order val="2"/>
          <c:tx>
            <c:strRef>
              <c:f>'Standard Profiles'!$H$20</c:f>
              <c:strCache>
                <c:ptCount val="1"/>
                <c:pt idx="0">
                  <c:v>T3</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20</c:f>
              <c:numCache>
                <c:formatCode>0%</c:formatCode>
                <c:ptCount val="1"/>
                <c:pt idx="0">
                  <c:v>0.04</c:v>
                </c:pt>
              </c:numCache>
            </c:numRef>
          </c:val>
          <c:extLst>
            <c:ext xmlns:c16="http://schemas.microsoft.com/office/drawing/2014/chart" uri="{C3380CC4-5D6E-409C-BE32-E72D297353CC}">
              <c16:uniqueId val="{00000002-BDD4-4BF1-AE09-2DA10DC504C5}"/>
            </c:ext>
          </c:extLst>
        </c:ser>
        <c:ser>
          <c:idx val="1"/>
          <c:order val="3"/>
          <c:tx>
            <c:strRef>
              <c:f>'Standard Profiles'!$H$19</c:f>
              <c:strCache>
                <c:ptCount val="1"/>
                <c:pt idx="0">
                  <c:v>T4</c:v>
                </c:pt>
              </c:strCache>
            </c:strRef>
          </c:tx>
          <c:spPr>
            <a:solidFill>
              <a:schemeClr val="accent5">
                <a:lumMod val="75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19</c:f>
              <c:numCache>
                <c:formatCode>0%</c:formatCode>
                <c:ptCount val="1"/>
                <c:pt idx="0">
                  <c:v>0.02</c:v>
                </c:pt>
              </c:numCache>
            </c:numRef>
          </c:val>
          <c:extLst>
            <c:ext xmlns:c16="http://schemas.microsoft.com/office/drawing/2014/chart" uri="{C3380CC4-5D6E-409C-BE32-E72D297353CC}">
              <c16:uniqueId val="{00000001-BDD4-4BF1-AE09-2DA10DC504C5}"/>
            </c:ext>
          </c:extLst>
        </c:ser>
        <c:ser>
          <c:idx val="0"/>
          <c:order val="4"/>
          <c:tx>
            <c:strRef>
              <c:f>'Standard Profiles'!$H$18</c:f>
              <c:strCache>
                <c:ptCount val="1"/>
                <c:pt idx="0">
                  <c:v>T5</c:v>
                </c:pt>
              </c:strCache>
            </c:strRef>
          </c:tx>
          <c:spPr>
            <a:solidFill>
              <a:schemeClr val="accent5">
                <a:lumMod val="5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tandard Profiles'!$I$18</c:f>
              <c:numCache>
                <c:formatCode>0%</c:formatCode>
                <c:ptCount val="1"/>
                <c:pt idx="0">
                  <c:v>0</c:v>
                </c:pt>
              </c:numCache>
            </c:numRef>
          </c:val>
          <c:extLst>
            <c:ext xmlns:c16="http://schemas.microsoft.com/office/drawing/2014/chart" uri="{C3380CC4-5D6E-409C-BE32-E72D297353CC}">
              <c16:uniqueId val="{00000000-BDD4-4BF1-AE09-2DA10DC504C5}"/>
            </c:ext>
          </c:extLst>
        </c:ser>
        <c:dLbls>
          <c:dLblPos val="ctr"/>
          <c:showLegendKey val="0"/>
          <c:showVal val="1"/>
          <c:showCatName val="0"/>
          <c:showSerName val="0"/>
          <c:showPercent val="0"/>
          <c:showBubbleSize val="0"/>
        </c:dLbls>
        <c:gapWidth val="150"/>
        <c:overlap val="100"/>
        <c:axId val="455787615"/>
        <c:axId val="455792895"/>
      </c:barChart>
      <c:catAx>
        <c:axId val="455787615"/>
        <c:scaling>
          <c:orientation val="minMax"/>
        </c:scaling>
        <c:delete val="1"/>
        <c:axPos val="b"/>
        <c:majorTickMark val="none"/>
        <c:minorTickMark val="none"/>
        <c:tickLblPos val="nextTo"/>
        <c:crossAx val="455792895"/>
        <c:crosses val="autoZero"/>
        <c:auto val="1"/>
        <c:lblAlgn val="ctr"/>
        <c:lblOffset val="100"/>
        <c:noMultiLvlLbl val="0"/>
      </c:catAx>
      <c:valAx>
        <c:axId val="455792895"/>
        <c:scaling>
          <c:orientation val="minMax"/>
          <c:max val="1"/>
        </c:scaling>
        <c:delete val="1"/>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455787615"/>
        <c:crosses val="autoZero"/>
        <c:crossBetween val="between"/>
      </c:valAx>
      <c:spPr>
        <a:solidFill>
          <a:schemeClr val="bg1"/>
        </a:solidFill>
        <a:ln>
          <a:solidFill>
            <a:schemeClr val="tx1"/>
          </a:solidFill>
        </a:ln>
        <a:effectLst/>
      </c:spPr>
    </c:plotArea>
    <c:legend>
      <c:legendPos val="r"/>
      <c:layout>
        <c:manualLayout>
          <c:xMode val="edge"/>
          <c:yMode val="edge"/>
          <c:x val="0.86461304659461868"/>
          <c:y val="0.27985864232666313"/>
          <c:w val="0.12602880104237896"/>
          <c:h val="0.38496939127435764"/>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5921635142919285"/>
          <c:y val="5.4380532937008112E-2"/>
          <c:w val="0.80655118307007267"/>
          <c:h val="0.75011826359932732"/>
        </c:manualLayout>
      </c:layout>
      <c:lineChart>
        <c:grouping val="standard"/>
        <c:varyColors val="0"/>
        <c:ser>
          <c:idx val="0"/>
          <c:order val="0"/>
          <c:tx>
            <c:strRef>
              <c:f>Jesper!$C$16</c:f>
              <c:strCache>
                <c:ptCount val="1"/>
                <c:pt idx="0">
                  <c:v>Cluster 0</c:v>
                </c:pt>
              </c:strCache>
            </c:strRef>
          </c:tx>
          <c:spPr>
            <a:ln w="12700" cap="rnd">
              <a:solidFill>
                <a:schemeClr val="accent1"/>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C$17:$C$57</c:f>
              <c:numCache>
                <c:formatCode>General</c:formatCode>
                <c:ptCount val="41"/>
                <c:pt idx="0">
                  <c:v>1.239613956520474</c:v>
                </c:pt>
                <c:pt idx="1">
                  <c:v>1.2241717681689273</c:v>
                </c:pt>
                <c:pt idx="2">
                  <c:v>1.2087295798173805</c:v>
                </c:pt>
                <c:pt idx="3">
                  <c:v>1.1932873914658337</c:v>
                </c:pt>
                <c:pt idx="4">
                  <c:v>1.1778452031142868</c:v>
                </c:pt>
                <c:pt idx="5">
                  <c:v>1.16240301476274</c:v>
                </c:pt>
                <c:pt idx="6">
                  <c:v>1.1469608264111932</c:v>
                </c:pt>
                <c:pt idx="7">
                  <c:v>1.1315186380596465</c:v>
                </c:pt>
                <c:pt idx="8">
                  <c:v>1.1160764497080995</c:v>
                </c:pt>
                <c:pt idx="9">
                  <c:v>1.1006342613565527</c:v>
                </c:pt>
                <c:pt idx="10">
                  <c:v>1.085192073005006</c:v>
                </c:pt>
                <c:pt idx="11">
                  <c:v>1.0697498846534592</c:v>
                </c:pt>
                <c:pt idx="12">
                  <c:v>1.0543076963019125</c:v>
                </c:pt>
                <c:pt idx="13">
                  <c:v>1.0397001936864358</c:v>
                </c:pt>
                <c:pt idx="14">
                  <c:v>1.0326048626955882</c:v>
                </c:pt>
                <c:pt idx="15">
                  <c:v>1.0255095317047405</c:v>
                </c:pt>
                <c:pt idx="16">
                  <c:v>1.0184142007138928</c:v>
                </c:pt>
                <c:pt idx="17">
                  <c:v>1.0113188697230451</c:v>
                </c:pt>
                <c:pt idx="18">
                  <c:v>1.0042235387321974</c:v>
                </c:pt>
                <c:pt idx="19">
                  <c:v>0.99712820774134969</c:v>
                </c:pt>
                <c:pt idx="20">
                  <c:v>0.990032876750502</c:v>
                </c:pt>
                <c:pt idx="21">
                  <c:v>0.98293754575965431</c:v>
                </c:pt>
                <c:pt idx="22">
                  <c:v>0.97584221476880662</c:v>
                </c:pt>
                <c:pt idx="23">
                  <c:v>0.96874688377795892</c:v>
                </c:pt>
                <c:pt idx="24">
                  <c:v>0.96165155278711123</c:v>
                </c:pt>
                <c:pt idx="25">
                  <c:v>0.95455622179626354</c:v>
                </c:pt>
                <c:pt idx="26">
                  <c:v>0.94746089080541585</c:v>
                </c:pt>
                <c:pt idx="27">
                  <c:v>0.94036555981456815</c:v>
                </c:pt>
                <c:pt idx="28">
                  <c:v>0.93327022882372046</c:v>
                </c:pt>
                <c:pt idx="29">
                  <c:v>0.92617489783287277</c:v>
                </c:pt>
                <c:pt idx="30">
                  <c:v>0.91907956684202508</c:v>
                </c:pt>
                <c:pt idx="31">
                  <c:v>0.91198423585117738</c:v>
                </c:pt>
                <c:pt idx="32">
                  <c:v>0.90488890486032969</c:v>
                </c:pt>
                <c:pt idx="33">
                  <c:v>0.897793573869482</c:v>
                </c:pt>
                <c:pt idx="34">
                  <c:v>0.89069824287863431</c:v>
                </c:pt>
                <c:pt idx="35">
                  <c:v>0.88360291188778661</c:v>
                </c:pt>
                <c:pt idx="36">
                  <c:v>0.87650758089693892</c:v>
                </c:pt>
                <c:pt idx="37">
                  <c:v>0.86941224990609123</c:v>
                </c:pt>
                <c:pt idx="38">
                  <c:v>0.86231691891524354</c:v>
                </c:pt>
                <c:pt idx="39">
                  <c:v>0.85522158792439584</c:v>
                </c:pt>
                <c:pt idx="40">
                  <c:v>0.84812625693354815</c:v>
                </c:pt>
              </c:numCache>
            </c:numRef>
          </c:val>
          <c:smooth val="0"/>
          <c:extLst>
            <c:ext xmlns:c16="http://schemas.microsoft.com/office/drawing/2014/chart" uri="{C3380CC4-5D6E-409C-BE32-E72D297353CC}">
              <c16:uniqueId val="{00000000-0B3F-4883-8920-163C30B7DCF0}"/>
            </c:ext>
          </c:extLst>
        </c:ser>
        <c:ser>
          <c:idx val="1"/>
          <c:order val="1"/>
          <c:tx>
            <c:strRef>
              <c:f>Jesper!$D$16</c:f>
              <c:strCache>
                <c:ptCount val="1"/>
                <c:pt idx="0">
                  <c:v>Cluster 1</c:v>
                </c:pt>
              </c:strCache>
            </c:strRef>
          </c:tx>
          <c:spPr>
            <a:ln w="12700" cap="rnd">
              <a:solidFill>
                <a:schemeClr val="accent2"/>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D$17:$D$57</c:f>
              <c:numCache>
                <c:formatCode>General</c:formatCode>
                <c:ptCount val="41"/>
                <c:pt idx="0">
                  <c:v>2.0571275289081559</c:v>
                </c:pt>
                <c:pt idx="1">
                  <c:v>1.9983682886658272</c:v>
                </c:pt>
                <c:pt idx="2">
                  <c:v>1.9396090484234987</c:v>
                </c:pt>
                <c:pt idx="3">
                  <c:v>1.8808498081811702</c:v>
                </c:pt>
                <c:pt idx="4">
                  <c:v>1.8220905679388419</c:v>
                </c:pt>
                <c:pt idx="5">
                  <c:v>1.7633313276965135</c:v>
                </c:pt>
                <c:pt idx="6">
                  <c:v>1.704572087454185</c:v>
                </c:pt>
                <c:pt idx="7">
                  <c:v>1.6458128472118565</c:v>
                </c:pt>
                <c:pt idx="8">
                  <c:v>1.587053606969528</c:v>
                </c:pt>
                <c:pt idx="9">
                  <c:v>1.5282943667271995</c:v>
                </c:pt>
                <c:pt idx="10">
                  <c:v>1.4695351264848711</c:v>
                </c:pt>
                <c:pt idx="11">
                  <c:v>1.4107758862425426</c:v>
                </c:pt>
                <c:pt idx="12">
                  <c:v>1.3520166460002141</c:v>
                </c:pt>
                <c:pt idx="13">
                  <c:v>1.2932574057578856</c:v>
                </c:pt>
                <c:pt idx="14">
                  <c:v>1.2344981655155571</c:v>
                </c:pt>
                <c:pt idx="15">
                  <c:v>1.1757389252732287</c:v>
                </c:pt>
                <c:pt idx="16">
                  <c:v>1.1169796850309002</c:v>
                </c:pt>
                <c:pt idx="17">
                  <c:v>1.0582204447885719</c:v>
                </c:pt>
                <c:pt idx="18">
                  <c:v>0.99946120454624343</c:v>
                </c:pt>
                <c:pt idx="19">
                  <c:v>0.94070196430391495</c:v>
                </c:pt>
                <c:pt idx="20">
                  <c:v>0.88194272406158647</c:v>
                </c:pt>
                <c:pt idx="21">
                  <c:v>0.82318348381925799</c:v>
                </c:pt>
                <c:pt idx="22">
                  <c:v>0.76442424357692951</c:v>
                </c:pt>
                <c:pt idx="23">
                  <c:v>0.70566500333460103</c:v>
                </c:pt>
                <c:pt idx="24">
                  <c:v>0.64690576309227266</c:v>
                </c:pt>
                <c:pt idx="25">
                  <c:v>0.58814652284994418</c:v>
                </c:pt>
                <c:pt idx="26">
                  <c:v>0.52938728260761569</c:v>
                </c:pt>
                <c:pt idx="27">
                  <c:v>0.47062804236528721</c:v>
                </c:pt>
                <c:pt idx="28">
                  <c:v>0.43916629389891515</c:v>
                </c:pt>
                <c:pt idx="29">
                  <c:v>0.4259028732831811</c:v>
                </c:pt>
                <c:pt idx="30">
                  <c:v>0.41263945266744712</c:v>
                </c:pt>
                <c:pt idx="31">
                  <c:v>0.39937603205171307</c:v>
                </c:pt>
                <c:pt idx="32">
                  <c:v>0.38611261143597908</c:v>
                </c:pt>
                <c:pt idx="33">
                  <c:v>0.37284919082024504</c:v>
                </c:pt>
                <c:pt idx="34">
                  <c:v>0.35958577020451099</c:v>
                </c:pt>
                <c:pt idx="35">
                  <c:v>0.346322349588777</c:v>
                </c:pt>
                <c:pt idx="36">
                  <c:v>0.33305892897304296</c:v>
                </c:pt>
                <c:pt idx="37">
                  <c:v>0.31979550835730897</c:v>
                </c:pt>
                <c:pt idx="38">
                  <c:v>0.30653208774157492</c:v>
                </c:pt>
                <c:pt idx="39">
                  <c:v>0.29326866712584093</c:v>
                </c:pt>
                <c:pt idx="40">
                  <c:v>0.28000524651010689</c:v>
                </c:pt>
              </c:numCache>
            </c:numRef>
          </c:val>
          <c:smooth val="0"/>
          <c:extLst>
            <c:ext xmlns:c16="http://schemas.microsoft.com/office/drawing/2014/chart" uri="{C3380CC4-5D6E-409C-BE32-E72D297353CC}">
              <c16:uniqueId val="{00000001-0B3F-4883-8920-163C30B7DCF0}"/>
            </c:ext>
          </c:extLst>
        </c:ser>
        <c:ser>
          <c:idx val="2"/>
          <c:order val="2"/>
          <c:tx>
            <c:strRef>
              <c:f>Jesper!$E$16</c:f>
              <c:strCache>
                <c:ptCount val="1"/>
                <c:pt idx="0">
                  <c:v>Cluster 2</c:v>
                </c:pt>
              </c:strCache>
            </c:strRef>
          </c:tx>
          <c:spPr>
            <a:ln w="12700" cap="rnd">
              <a:solidFill>
                <a:schemeClr val="accent3"/>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E$17:$E$57</c:f>
              <c:numCache>
                <c:formatCode>General</c:formatCode>
                <c:ptCount val="41"/>
                <c:pt idx="0">
                  <c:v>2.7317863461574392</c:v>
                </c:pt>
                <c:pt idx="1">
                  <c:v>2.6358015929571978</c:v>
                </c:pt>
                <c:pt idx="2">
                  <c:v>2.5398168397569569</c:v>
                </c:pt>
                <c:pt idx="3">
                  <c:v>2.443832086556716</c:v>
                </c:pt>
                <c:pt idx="4">
                  <c:v>2.3478473333564747</c:v>
                </c:pt>
                <c:pt idx="5">
                  <c:v>2.2518625801562342</c:v>
                </c:pt>
                <c:pt idx="6">
                  <c:v>2.1558778269559928</c:v>
                </c:pt>
                <c:pt idx="7">
                  <c:v>2.0598930737557519</c:v>
                </c:pt>
                <c:pt idx="8">
                  <c:v>1.963908320555511</c:v>
                </c:pt>
                <c:pt idx="9">
                  <c:v>1.8679235673552699</c:v>
                </c:pt>
                <c:pt idx="10">
                  <c:v>1.771938814155029</c:v>
                </c:pt>
                <c:pt idx="11">
                  <c:v>1.675954060954788</c:v>
                </c:pt>
                <c:pt idx="12">
                  <c:v>1.5799693077545469</c:v>
                </c:pt>
                <c:pt idx="13">
                  <c:v>1.483984554554306</c:v>
                </c:pt>
                <c:pt idx="14">
                  <c:v>1.3879998013540651</c:v>
                </c:pt>
                <c:pt idx="15">
                  <c:v>1.292015048153824</c:v>
                </c:pt>
                <c:pt idx="16">
                  <c:v>1.196030294953583</c:v>
                </c:pt>
                <c:pt idx="17">
                  <c:v>1.1000455417533419</c:v>
                </c:pt>
                <c:pt idx="18">
                  <c:v>1.004060788553101</c:v>
                </c:pt>
                <c:pt idx="19">
                  <c:v>0.90807603535285997</c:v>
                </c:pt>
                <c:pt idx="20">
                  <c:v>0.81209128215261894</c:v>
                </c:pt>
                <c:pt idx="21">
                  <c:v>0.71610652895237803</c:v>
                </c:pt>
                <c:pt idx="22">
                  <c:v>0.62012177575213712</c:v>
                </c:pt>
                <c:pt idx="23">
                  <c:v>0.52413702255189598</c:v>
                </c:pt>
                <c:pt idx="24">
                  <c:v>0.42815226935165507</c:v>
                </c:pt>
                <c:pt idx="25">
                  <c:v>0.33216751615141393</c:v>
                </c:pt>
                <c:pt idx="26">
                  <c:v>0.23618276295117302</c:v>
                </c:pt>
                <c:pt idx="27">
                  <c:v>0.19013498903323212</c:v>
                </c:pt>
                <c:pt idx="28">
                  <c:v>0.17737853463682457</c:v>
                </c:pt>
                <c:pt idx="29">
                  <c:v>0.16462208024041705</c:v>
                </c:pt>
                <c:pt idx="30">
                  <c:v>0.15186562584400948</c:v>
                </c:pt>
                <c:pt idx="31">
                  <c:v>0.13910917144760199</c:v>
                </c:pt>
                <c:pt idx="32">
                  <c:v>0.12635271705119444</c:v>
                </c:pt>
                <c:pt idx="33">
                  <c:v>0.11359626265478689</c:v>
                </c:pt>
                <c:pt idx="34">
                  <c:v>0.10083980825837935</c:v>
                </c:pt>
                <c:pt idx="35">
                  <c:v>8.8083353861971803E-2</c:v>
                </c:pt>
                <c:pt idx="36">
                  <c:v>7.5326899465564257E-2</c:v>
                </c:pt>
                <c:pt idx="37">
                  <c:v>6.257044506915671E-2</c:v>
                </c:pt>
                <c:pt idx="38">
                  <c:v>4.981399067274922E-2</c:v>
                </c:pt>
                <c:pt idx="39">
                  <c:v>3.7057536276341674E-2</c:v>
                </c:pt>
                <c:pt idx="40">
                  <c:v>2.4301081879934128E-2</c:v>
                </c:pt>
              </c:numCache>
            </c:numRef>
          </c:val>
          <c:smooth val="0"/>
          <c:extLst>
            <c:ext xmlns:c16="http://schemas.microsoft.com/office/drawing/2014/chart" uri="{C3380CC4-5D6E-409C-BE32-E72D297353CC}">
              <c16:uniqueId val="{00000002-0B3F-4883-8920-163C30B7DCF0}"/>
            </c:ext>
          </c:extLst>
        </c:ser>
        <c:ser>
          <c:idx val="3"/>
          <c:order val="3"/>
          <c:tx>
            <c:strRef>
              <c:f>Jesper!$F$16</c:f>
              <c:strCache>
                <c:ptCount val="1"/>
                <c:pt idx="0">
                  <c:v>Cluster 3</c:v>
                </c:pt>
              </c:strCache>
            </c:strRef>
          </c:tx>
          <c:spPr>
            <a:ln w="12700" cap="rnd">
              <a:solidFill>
                <a:schemeClr val="accent4"/>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F$17:$F$57</c:f>
              <c:numCache>
                <c:formatCode>General</c:formatCode>
                <c:ptCount val="41"/>
                <c:pt idx="0">
                  <c:v>4.3205650053023685</c:v>
                </c:pt>
                <c:pt idx="1">
                  <c:v>4.1425487556446638</c:v>
                </c:pt>
                <c:pt idx="2">
                  <c:v>3.9645325059869592</c:v>
                </c:pt>
                <c:pt idx="3">
                  <c:v>3.7865162563292545</c:v>
                </c:pt>
                <c:pt idx="4">
                  <c:v>3.6085000066715494</c:v>
                </c:pt>
                <c:pt idx="5">
                  <c:v>3.4304837570138442</c:v>
                </c:pt>
                <c:pt idx="6">
                  <c:v>3.2524675073561395</c:v>
                </c:pt>
                <c:pt idx="7">
                  <c:v>3.0744512576984349</c:v>
                </c:pt>
                <c:pt idx="8">
                  <c:v>2.8964350080407297</c:v>
                </c:pt>
                <c:pt idx="9">
                  <c:v>2.7184187583830246</c:v>
                </c:pt>
                <c:pt idx="10">
                  <c:v>2.5404025087253199</c:v>
                </c:pt>
                <c:pt idx="11">
                  <c:v>2.3623862590676152</c:v>
                </c:pt>
                <c:pt idx="12">
                  <c:v>2.1843700094099101</c:v>
                </c:pt>
                <c:pt idx="13">
                  <c:v>2.006353759752205</c:v>
                </c:pt>
                <c:pt idx="14">
                  <c:v>1.8283375100945003</c:v>
                </c:pt>
                <c:pt idx="15">
                  <c:v>1.6503212604367954</c:v>
                </c:pt>
                <c:pt idx="16">
                  <c:v>1.4723050107790905</c:v>
                </c:pt>
                <c:pt idx="17">
                  <c:v>1.2942887611213856</c:v>
                </c:pt>
                <c:pt idx="18">
                  <c:v>1.1162725114636807</c:v>
                </c:pt>
                <c:pt idx="19">
                  <c:v>0.93825626180597577</c:v>
                </c:pt>
                <c:pt idx="20">
                  <c:v>0.76024001214827086</c:v>
                </c:pt>
                <c:pt idx="21">
                  <c:v>0.58222376249056595</c:v>
                </c:pt>
                <c:pt idx="22">
                  <c:v>0.40420751283286105</c:v>
                </c:pt>
                <c:pt idx="23">
                  <c:v>0.24184522813579062</c:v>
                </c:pt>
                <c:pt idx="24">
                  <c:v>0.22036862808443519</c:v>
                </c:pt>
                <c:pt idx="25">
                  <c:v>0.19889202803307982</c:v>
                </c:pt>
                <c:pt idx="26">
                  <c:v>0.17741542798172438</c:v>
                </c:pt>
                <c:pt idx="27">
                  <c:v>0.15593882793036895</c:v>
                </c:pt>
                <c:pt idx="28">
                  <c:v>0.13446222787901357</c:v>
                </c:pt>
                <c:pt idx="29">
                  <c:v>0.11298562782765814</c:v>
                </c:pt>
                <c:pt idx="30">
                  <c:v>9.1509027776302765E-2</c:v>
                </c:pt>
                <c:pt idx="31">
                  <c:v>7.0032427724947333E-2</c:v>
                </c:pt>
                <c:pt idx="32">
                  <c:v>4.85558276735919E-2</c:v>
                </c:pt>
                <c:pt idx="33">
                  <c:v>2.7079227622236524E-2</c:v>
                </c:pt>
                <c:pt idx="34">
                  <c:v>5.6026275708810358E-3</c:v>
                </c:pt>
                <c:pt idx="35">
                  <c:v>0</c:v>
                </c:pt>
                <c:pt idx="36">
                  <c:v>0</c:v>
                </c:pt>
                <c:pt idx="37">
                  <c:v>0</c:v>
                </c:pt>
                <c:pt idx="38">
                  <c:v>0</c:v>
                </c:pt>
                <c:pt idx="39">
                  <c:v>0</c:v>
                </c:pt>
                <c:pt idx="40">
                  <c:v>0</c:v>
                </c:pt>
              </c:numCache>
            </c:numRef>
          </c:val>
          <c:smooth val="0"/>
          <c:extLst>
            <c:ext xmlns:c16="http://schemas.microsoft.com/office/drawing/2014/chart" uri="{C3380CC4-5D6E-409C-BE32-E72D297353CC}">
              <c16:uniqueId val="{00000003-0B3F-4883-8920-163C30B7DCF0}"/>
            </c:ext>
          </c:extLst>
        </c:ser>
        <c:dLbls>
          <c:showLegendKey val="0"/>
          <c:showVal val="0"/>
          <c:showCatName val="0"/>
          <c:showSerName val="0"/>
          <c:showPercent val="0"/>
          <c:showBubbleSize val="0"/>
        </c:dLbls>
        <c:smooth val="0"/>
        <c:axId val="832674816"/>
        <c:axId val="832671936"/>
      </c:lineChart>
      <c:catAx>
        <c:axId val="832674816"/>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en-GB">
                    <a:solidFill>
                      <a:schemeClr val="tx1"/>
                    </a:solidFill>
                  </a:rPr>
                  <a:t>Outdoor Temperature [</a:t>
                </a:r>
                <a:r>
                  <a:rPr lang="en-GB">
                    <a:solidFill>
                      <a:schemeClr val="tx1"/>
                    </a:solidFill>
                    <a:latin typeface="Aptos Narrow" panose="020B0004020202020204" pitchFamily="34" charset="0"/>
                  </a:rPr>
                  <a:t>°C]</a:t>
                </a:r>
                <a:endParaRPr lang="en-GB">
                  <a:solidFill>
                    <a:schemeClr val="tx1"/>
                  </a:solidFill>
                </a:endParaRP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GB"/>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32671936"/>
        <c:crosses val="autoZero"/>
        <c:auto val="1"/>
        <c:lblAlgn val="ctr"/>
        <c:lblOffset val="100"/>
        <c:tickMarkSkip val="2"/>
        <c:noMultiLvlLbl val="0"/>
      </c:catAx>
      <c:valAx>
        <c:axId val="832671936"/>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en-GB">
                    <a:solidFill>
                      <a:schemeClr val="tx1"/>
                    </a:solidFill>
                  </a:rPr>
                  <a:t>Normalized Heat</a:t>
                </a:r>
                <a:r>
                  <a:rPr lang="en-GB" baseline="0">
                    <a:solidFill>
                      <a:schemeClr val="tx1"/>
                    </a:solidFill>
                  </a:rPr>
                  <a:t> Demand [Q</a:t>
                </a:r>
                <a:r>
                  <a:rPr lang="en-GB" baseline="-25000">
                    <a:solidFill>
                      <a:schemeClr val="tx1"/>
                    </a:solidFill>
                  </a:rPr>
                  <a:t>wd</a:t>
                </a:r>
                <a:r>
                  <a:rPr lang="en-GB" baseline="0">
                    <a:solidFill>
                      <a:schemeClr val="tx1"/>
                    </a:solidFill>
                  </a:rPr>
                  <a:t>/Q</a:t>
                </a:r>
                <a:r>
                  <a:rPr lang="en-GB" baseline="-25000">
                    <a:solidFill>
                      <a:schemeClr val="tx1"/>
                    </a:solidFill>
                  </a:rPr>
                  <a:t>wd</a:t>
                </a:r>
                <a:r>
                  <a:rPr lang="en-GB" baseline="0">
                    <a:solidFill>
                      <a:schemeClr val="tx1"/>
                    </a:solidFill>
                  </a:rPr>
                  <a:t>(8 </a:t>
                </a:r>
                <a:r>
                  <a:rPr lang="en-GB" baseline="0">
                    <a:solidFill>
                      <a:schemeClr val="tx1"/>
                    </a:solidFill>
                    <a:latin typeface="Aptos Narrow" panose="020B0004020202020204" pitchFamily="34" charset="0"/>
                  </a:rPr>
                  <a:t>°C)</a:t>
                </a:r>
                <a:r>
                  <a:rPr lang="en-GB" baseline="0">
                    <a:solidFill>
                      <a:schemeClr val="tx1"/>
                    </a:solidFill>
                  </a:rPr>
                  <a:t>]</a:t>
                </a:r>
                <a:endParaRPr lang="en-GB">
                  <a:solidFill>
                    <a:schemeClr val="tx1"/>
                  </a:solidFill>
                </a:endParaRPr>
              </a:p>
            </c:rich>
          </c:tx>
          <c:layout>
            <c:manualLayout>
              <c:xMode val="edge"/>
              <c:yMode val="edge"/>
              <c:x val="1.7763359876579617E-2"/>
              <c:y val="7.954388863240551E-2"/>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GB"/>
            </a:p>
          </c:txPr>
        </c:title>
        <c:numFmt formatCode="General" sourceLinked="1"/>
        <c:majorTickMark val="out"/>
        <c:minorTickMark val="none"/>
        <c:tickLblPos val="nextTo"/>
        <c:spPr>
          <a:noFill/>
          <a:ln w="12700">
            <a:solidFill>
              <a:schemeClr val="tx1"/>
            </a:solid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32674816"/>
        <c:crosses val="autoZero"/>
        <c:crossBetween val="midCat"/>
      </c:valAx>
      <c:spPr>
        <a:solidFill>
          <a:schemeClr val="bg1"/>
        </a:solidFill>
        <a:ln>
          <a:solidFill>
            <a:schemeClr val="tx1"/>
          </a:solidFill>
        </a:ln>
        <a:effectLst/>
      </c:spPr>
    </c:plotArea>
    <c:legend>
      <c:legendPos val="b"/>
      <c:layout>
        <c:manualLayout>
          <c:xMode val="edge"/>
          <c:yMode val="edge"/>
          <c:x val="0.57629864264152819"/>
          <c:y val="8.603568639754855E-2"/>
          <c:w val="0.36550047800222341"/>
          <c:h val="0.14769316767188259"/>
        </c:manualLayout>
      </c:layout>
      <c:overlay val="0"/>
      <c:spPr>
        <a:solidFill>
          <a:schemeClr val="bg1"/>
        </a:solidFill>
        <a:ln>
          <a:solidFill>
            <a:schemeClr val="tx1"/>
          </a:solid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Replication of Figure 5:</a:t>
            </a:r>
            <a:r>
              <a:rPr lang="en-GB" baseline="0"/>
              <a:t> Industrial process heat demand by subsector and temperature level, EU28 + 3 </a:t>
            </a:r>
          </a:p>
          <a:p>
            <a:pPr>
              <a:defRPr/>
            </a:pPr>
            <a:r>
              <a:rPr lang="en-GB" baseline="0"/>
              <a:t>from Rehfeldt et al. (2018)</a:t>
            </a:r>
            <a:endParaRPr lang="en-GB"/>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stacked"/>
        <c:varyColors val="0"/>
        <c:ser>
          <c:idx val="0"/>
          <c:order val="0"/>
          <c:tx>
            <c:strRef>
              <c:f>Rehfeldt!$B$19</c:f>
              <c:strCache>
                <c:ptCount val="1"/>
                <c:pt idx="0">
                  <c:v>&lt; 100</c:v>
                </c:pt>
              </c:strCache>
            </c:strRef>
          </c:tx>
          <c:spPr>
            <a:solidFill>
              <a:schemeClr val="bg1"/>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19:$J$19</c:f>
              <c:numCache>
                <c:formatCode>_(* #,##0.00_);_(* \(#,##0.00\);_(* "-"??_);_(@_)</c:formatCode>
                <c:ptCount val="8"/>
                <c:pt idx="0">
                  <c:v>15.6</c:v>
                </c:pt>
                <c:pt idx="1">
                  <c:v>78</c:v>
                </c:pt>
                <c:pt idx="2">
                  <c:v>9.9</c:v>
                </c:pt>
                <c:pt idx="3">
                  <c:v>30</c:v>
                </c:pt>
                <c:pt idx="4">
                  <c:v>64.5</c:v>
                </c:pt>
                <c:pt idx="5">
                  <c:v>10.5</c:v>
                </c:pt>
                <c:pt idx="6">
                  <c:v>3.5000000000000004</c:v>
                </c:pt>
                <c:pt idx="7">
                  <c:v>56.25</c:v>
                </c:pt>
              </c:numCache>
            </c:numRef>
          </c:val>
          <c:extLst>
            <c:ext xmlns:c16="http://schemas.microsoft.com/office/drawing/2014/chart" uri="{C3380CC4-5D6E-409C-BE32-E72D297353CC}">
              <c16:uniqueId val="{00000000-659F-4E22-B3D8-75306CA682F7}"/>
            </c:ext>
          </c:extLst>
        </c:ser>
        <c:ser>
          <c:idx val="1"/>
          <c:order val="1"/>
          <c:tx>
            <c:strRef>
              <c:f>Rehfeldt!$B$20</c:f>
              <c:strCache>
                <c:ptCount val="1"/>
                <c:pt idx="0">
                  <c:v>100 - 200</c:v>
                </c:pt>
              </c:strCache>
            </c:strRef>
          </c:tx>
          <c:spPr>
            <a:solidFill>
              <a:schemeClr val="bg2">
                <a:lumMod val="75000"/>
              </a:schemeClr>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20:$J$20</c:f>
              <c:numCache>
                <c:formatCode>_(* #,##0.00_);_(* \(#,##0.00\);_(* "-"??_);_(@_)</c:formatCode>
                <c:ptCount val="8"/>
                <c:pt idx="0">
                  <c:v>0</c:v>
                </c:pt>
                <c:pt idx="1">
                  <c:v>43.834081171856837</c:v>
                </c:pt>
                <c:pt idx="2">
                  <c:v>33</c:v>
                </c:pt>
                <c:pt idx="3">
                  <c:v>205.00000000000003</c:v>
                </c:pt>
                <c:pt idx="4">
                  <c:v>64.5</c:v>
                </c:pt>
                <c:pt idx="5">
                  <c:v>30.5</c:v>
                </c:pt>
                <c:pt idx="6">
                  <c:v>3.5000000000000004</c:v>
                </c:pt>
                <c:pt idx="7">
                  <c:v>33.75</c:v>
                </c:pt>
              </c:numCache>
            </c:numRef>
          </c:val>
          <c:extLst>
            <c:ext xmlns:c16="http://schemas.microsoft.com/office/drawing/2014/chart" uri="{C3380CC4-5D6E-409C-BE32-E72D297353CC}">
              <c16:uniqueId val="{00000001-659F-4E22-B3D8-75306CA682F7}"/>
            </c:ext>
          </c:extLst>
        </c:ser>
        <c:ser>
          <c:idx val="2"/>
          <c:order val="2"/>
          <c:tx>
            <c:strRef>
              <c:f>Rehfeldt!$B$21</c:f>
              <c:strCache>
                <c:ptCount val="1"/>
                <c:pt idx="0">
                  <c:v>200 - 500</c:v>
                </c:pt>
              </c:strCache>
            </c:strRef>
          </c:tx>
          <c:spPr>
            <a:solidFill>
              <a:schemeClr val="bg2">
                <a:lumMod val="50000"/>
              </a:schemeClr>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21:$J$21</c:f>
              <c:numCache>
                <c:formatCode>_(* #,##0.00_);_(* \(#,##0.00\);_(* "-"??_);_(@_)</c:formatCode>
                <c:ptCount val="8"/>
                <c:pt idx="0">
                  <c:v>15.6</c:v>
                </c:pt>
                <c:pt idx="1">
                  <c:v>7.8</c:v>
                </c:pt>
                <c:pt idx="2">
                  <c:v>49.5</c:v>
                </c:pt>
                <c:pt idx="3">
                  <c:v>10</c:v>
                </c:pt>
                <c:pt idx="4">
                  <c:v>12.362287699934534</c:v>
                </c:pt>
                <c:pt idx="5">
                  <c:v>9</c:v>
                </c:pt>
                <c:pt idx="6">
                  <c:v>10</c:v>
                </c:pt>
                <c:pt idx="7">
                  <c:v>67.5</c:v>
                </c:pt>
              </c:numCache>
            </c:numRef>
          </c:val>
          <c:extLst>
            <c:ext xmlns:c16="http://schemas.microsoft.com/office/drawing/2014/chart" uri="{C3380CC4-5D6E-409C-BE32-E72D297353CC}">
              <c16:uniqueId val="{00000002-659F-4E22-B3D8-75306CA682F7}"/>
            </c:ext>
          </c:extLst>
        </c:ser>
        <c:ser>
          <c:idx val="3"/>
          <c:order val="3"/>
          <c:tx>
            <c:strRef>
              <c:f>Rehfeldt!$B$22</c:f>
              <c:strCache>
                <c:ptCount val="1"/>
                <c:pt idx="0">
                  <c:v>&gt; 500</c:v>
                </c:pt>
              </c:strCache>
            </c:strRef>
          </c:tx>
          <c:spPr>
            <a:solidFill>
              <a:schemeClr val="tx1"/>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22:$J$22</c:f>
              <c:numCache>
                <c:formatCode>_(* #,##0.00_);_(* \(#,##0.00\);_(* "-"??_);_(@_)</c:formatCode>
                <c:ptCount val="8"/>
                <c:pt idx="0">
                  <c:v>488.79999999999995</c:v>
                </c:pt>
                <c:pt idx="1">
                  <c:v>260.36591882814315</c:v>
                </c:pt>
                <c:pt idx="2">
                  <c:v>237.6</c:v>
                </c:pt>
                <c:pt idx="3">
                  <c:v>5</c:v>
                </c:pt>
                <c:pt idx="4">
                  <c:v>8.3585072316828128</c:v>
                </c:pt>
                <c:pt idx="5">
                  <c:v>0</c:v>
                </c:pt>
                <c:pt idx="6">
                  <c:v>32.999999999999993</c:v>
                </c:pt>
                <c:pt idx="7">
                  <c:v>67.5</c:v>
                </c:pt>
              </c:numCache>
            </c:numRef>
          </c:val>
          <c:extLst>
            <c:ext xmlns:c16="http://schemas.microsoft.com/office/drawing/2014/chart" uri="{C3380CC4-5D6E-409C-BE32-E72D297353CC}">
              <c16:uniqueId val="{00000003-659F-4E22-B3D8-75306CA682F7}"/>
            </c:ext>
          </c:extLst>
        </c:ser>
        <c:dLbls>
          <c:showLegendKey val="0"/>
          <c:showVal val="0"/>
          <c:showCatName val="0"/>
          <c:showSerName val="0"/>
          <c:showPercent val="0"/>
          <c:showBubbleSize val="0"/>
        </c:dLbls>
        <c:gapWidth val="150"/>
        <c:overlap val="100"/>
        <c:axId val="779019264"/>
        <c:axId val="1917652560"/>
      </c:barChart>
      <c:catAx>
        <c:axId val="77901926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917652560"/>
        <c:crosses val="autoZero"/>
        <c:auto val="1"/>
        <c:lblAlgn val="ctr"/>
        <c:lblOffset val="100"/>
        <c:noMultiLvlLbl val="0"/>
      </c:catAx>
      <c:valAx>
        <c:axId val="1917652560"/>
        <c:scaling>
          <c:orientation val="minMax"/>
        </c:scaling>
        <c:delete val="0"/>
        <c:axPos val="l"/>
        <c:majorGridlines>
          <c:spPr>
            <a:ln w="9525" cap="flat" cmpd="sng" algn="ctr">
              <a:solidFill>
                <a:schemeClr val="tx1">
                  <a:lumMod val="15000"/>
                  <a:lumOff val="85000"/>
                </a:schemeClr>
              </a:solidFill>
              <a:round/>
            </a:ln>
            <a:effectLst/>
          </c:spPr>
        </c:majorGridlines>
        <c:numFmt formatCode="_(* #,##0_);_(* \(#,##0\);_(* &quot;-&quot;_);_(@_)"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77901926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7.xml><?xml version="1.0" encoding="utf-8"?>
<cs:colorStyle xmlns:cs="http://schemas.microsoft.com/office/drawing/2012/chartStyle" xmlns:a="http://schemas.openxmlformats.org/drawingml/2006/main" meth="withinLinear" id="18">
  <a:schemeClr val="accent5"/>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6" Type="http://schemas.openxmlformats.org/officeDocument/2006/relationships/image" Target="../media/image6.png"/><Relationship Id="rId5" Type="http://schemas.openxmlformats.org/officeDocument/2006/relationships/image" Target="../media/image5.jpeg"/><Relationship Id="rId4" Type="http://schemas.openxmlformats.org/officeDocument/2006/relationships/image" Target="../media/image4.jpeg"/></Relationships>
</file>

<file path=xl/drawings/_rels/drawing2.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chart" Target="../charts/chart1.xml"/></Relationships>
</file>

<file path=xl/drawings/_rels/drawing3.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chart" Target="../charts/chart4.xml"/><Relationship Id="rId1" Type="http://schemas.openxmlformats.org/officeDocument/2006/relationships/chart" Target="../charts/chart3.xml"/><Relationship Id="rId5" Type="http://schemas.openxmlformats.org/officeDocument/2006/relationships/chart" Target="../charts/chart7.xml"/><Relationship Id="rId4" Type="http://schemas.openxmlformats.org/officeDocument/2006/relationships/chart" Target="../charts/chart6.xml"/></Relationships>
</file>

<file path=xl/drawings/_rels/drawing4.xml.rels><?xml version="1.0" encoding="UTF-8" standalone="yes"?>
<Relationships xmlns="http://schemas.openxmlformats.org/package/2006/relationships"><Relationship Id="rId1" Type="http://schemas.openxmlformats.org/officeDocument/2006/relationships/chart" Target="../charts/chart8.xml"/></Relationships>
</file>

<file path=xl/drawings/_rels/drawing5.xml.rels><?xml version="1.0" encoding="UTF-8" standalone="yes"?>
<Relationships xmlns="http://schemas.openxmlformats.org/package/2006/relationships"><Relationship Id="rId1" Type="http://schemas.openxmlformats.org/officeDocument/2006/relationships/chart" Target="../charts/chart9.xml"/></Relationships>
</file>

<file path=xl/drawings/drawing1.xml><?xml version="1.0" encoding="utf-8"?>
<xdr:wsDr xmlns:xdr="http://schemas.openxmlformats.org/drawingml/2006/spreadsheetDrawing" xmlns:a="http://schemas.openxmlformats.org/drawingml/2006/main">
  <xdr:twoCellAnchor>
    <xdr:from>
      <xdr:col>0</xdr:col>
      <xdr:colOff>68515</xdr:colOff>
      <xdr:row>38</xdr:row>
      <xdr:rowOff>7045</xdr:rowOff>
    </xdr:from>
    <xdr:to>
      <xdr:col>16</xdr:col>
      <xdr:colOff>598714</xdr:colOff>
      <xdr:row>54</xdr:row>
      <xdr:rowOff>108857</xdr:rowOff>
    </xdr:to>
    <xdr:sp macro="" textlink="">
      <xdr:nvSpPr>
        <xdr:cNvPr id="18" name="Rectangle 17">
          <a:extLst>
            <a:ext uri="{FF2B5EF4-FFF2-40B4-BE49-F238E27FC236}">
              <a16:creationId xmlns:a16="http://schemas.microsoft.com/office/drawing/2014/main" id="{C2A4A80C-A08F-DA43-0B99-C37DA3DCDF3E}"/>
            </a:ext>
          </a:extLst>
        </xdr:cNvPr>
        <xdr:cNvSpPr/>
      </xdr:nvSpPr>
      <xdr:spPr>
        <a:xfrm>
          <a:off x="68515" y="7039216"/>
          <a:ext cx="10294685" cy="3062727"/>
        </a:xfrm>
        <a:prstGeom prst="rect">
          <a:avLst/>
        </a:prstGeom>
        <a:solidFill>
          <a:schemeClr val="bg1"/>
        </a:solidFill>
        <a:ln w="19050">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r>
            <a:rPr lang="en-GB" sz="1100" kern="1200"/>
            <a:t>0</a:t>
          </a:r>
        </a:p>
      </xdr:txBody>
    </xdr:sp>
    <xdr:clientData/>
  </xdr:twoCellAnchor>
  <xdr:twoCellAnchor>
    <xdr:from>
      <xdr:col>0</xdr:col>
      <xdr:colOff>68513</xdr:colOff>
      <xdr:row>22</xdr:row>
      <xdr:rowOff>61473</xdr:rowOff>
    </xdr:from>
    <xdr:to>
      <xdr:col>17</xdr:col>
      <xdr:colOff>0</xdr:colOff>
      <xdr:row>37</xdr:row>
      <xdr:rowOff>183778</xdr:rowOff>
    </xdr:to>
    <xdr:sp macro="" textlink="">
      <xdr:nvSpPr>
        <xdr:cNvPr id="14" name="Rectangle 13">
          <a:extLst>
            <a:ext uri="{FF2B5EF4-FFF2-40B4-BE49-F238E27FC236}">
              <a16:creationId xmlns:a16="http://schemas.microsoft.com/office/drawing/2014/main" id="{46EE3C72-825F-A816-12F6-9B013BAE056B}"/>
            </a:ext>
          </a:extLst>
        </xdr:cNvPr>
        <xdr:cNvSpPr/>
      </xdr:nvSpPr>
      <xdr:spPr>
        <a:xfrm>
          <a:off x="68513" y="4143616"/>
          <a:ext cx="10305573" cy="2898162"/>
        </a:xfrm>
        <a:prstGeom prst="rect">
          <a:avLst/>
        </a:prstGeom>
        <a:solidFill>
          <a:schemeClr val="bg1"/>
        </a:solidFill>
        <a:ln w="19050">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kern="1200"/>
        </a:p>
      </xdr:txBody>
    </xdr:sp>
    <xdr:clientData/>
  </xdr:twoCellAnchor>
  <xdr:twoCellAnchor>
    <xdr:from>
      <xdr:col>17</xdr:col>
      <xdr:colOff>7281</xdr:colOff>
      <xdr:row>0</xdr:row>
      <xdr:rowOff>38101</xdr:rowOff>
    </xdr:from>
    <xdr:to>
      <xdr:col>35</xdr:col>
      <xdr:colOff>572057</xdr:colOff>
      <xdr:row>38</xdr:row>
      <xdr:rowOff>28576</xdr:rowOff>
    </xdr:to>
    <xdr:sp macro="" textlink="">
      <xdr:nvSpPr>
        <xdr:cNvPr id="10" name="Rectangle 9">
          <a:extLst>
            <a:ext uri="{FF2B5EF4-FFF2-40B4-BE49-F238E27FC236}">
              <a16:creationId xmlns:a16="http://schemas.microsoft.com/office/drawing/2014/main" id="{DED4CFBD-56C5-A248-0A70-F44AA835DA8A}"/>
            </a:ext>
          </a:extLst>
        </xdr:cNvPr>
        <xdr:cNvSpPr/>
      </xdr:nvSpPr>
      <xdr:spPr>
        <a:xfrm>
          <a:off x="10370481" y="38101"/>
          <a:ext cx="11537576" cy="8839200"/>
        </a:xfrm>
        <a:prstGeom prst="rect">
          <a:avLst/>
        </a:prstGeom>
        <a:solidFill>
          <a:schemeClr val="bg1"/>
        </a:solidFill>
        <a:ln w="19050">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kern="1200"/>
        </a:p>
      </xdr:txBody>
    </xdr:sp>
    <xdr:clientData/>
  </xdr:twoCellAnchor>
  <xdr:twoCellAnchor editAs="oneCell">
    <xdr:from>
      <xdr:col>17</xdr:col>
      <xdr:colOff>281940</xdr:colOff>
      <xdr:row>20</xdr:row>
      <xdr:rowOff>83820</xdr:rowOff>
    </xdr:from>
    <xdr:to>
      <xdr:col>27</xdr:col>
      <xdr:colOff>428461</xdr:colOff>
      <xdr:row>32</xdr:row>
      <xdr:rowOff>22210</xdr:rowOff>
    </xdr:to>
    <xdr:pic>
      <xdr:nvPicPr>
        <xdr:cNvPr id="2" name="Picture 1">
          <a:extLst>
            <a:ext uri="{FF2B5EF4-FFF2-40B4-BE49-F238E27FC236}">
              <a16:creationId xmlns:a16="http://schemas.microsoft.com/office/drawing/2014/main" id="{7FF6C3BE-6C4B-4673-9744-1E77103FC1F5}"/>
            </a:ext>
          </a:extLst>
        </xdr:cNvPr>
        <xdr:cNvPicPr>
          <a:picLocks noChangeAspect="1"/>
        </xdr:cNvPicPr>
      </xdr:nvPicPr>
      <xdr:blipFill>
        <a:blip xmlns:r="http://schemas.openxmlformats.org/officeDocument/2006/relationships" r:embed="rId1"/>
        <a:stretch>
          <a:fillRect/>
        </a:stretch>
      </xdr:blipFill>
      <xdr:spPr>
        <a:xfrm>
          <a:off x="10660380" y="3741420"/>
          <a:ext cx="6242521" cy="3892242"/>
        </a:xfrm>
        <a:prstGeom prst="rect">
          <a:avLst/>
        </a:prstGeom>
      </xdr:spPr>
    </xdr:pic>
    <xdr:clientData/>
  </xdr:twoCellAnchor>
  <xdr:twoCellAnchor editAs="oneCell">
    <xdr:from>
      <xdr:col>17</xdr:col>
      <xdr:colOff>160020</xdr:colOff>
      <xdr:row>0</xdr:row>
      <xdr:rowOff>38099</xdr:rowOff>
    </xdr:from>
    <xdr:to>
      <xdr:col>26</xdr:col>
      <xdr:colOff>342900</xdr:colOff>
      <xdr:row>20</xdr:row>
      <xdr:rowOff>136308</xdr:rowOff>
    </xdr:to>
    <xdr:pic>
      <xdr:nvPicPr>
        <xdr:cNvPr id="3" name="Picture 2">
          <a:extLst>
            <a:ext uri="{FF2B5EF4-FFF2-40B4-BE49-F238E27FC236}">
              <a16:creationId xmlns:a16="http://schemas.microsoft.com/office/drawing/2014/main" id="{B9262060-8F35-4DEE-A168-792CE9DD44A9}"/>
            </a:ext>
          </a:extLst>
        </xdr:cNvPr>
        <xdr:cNvPicPr>
          <a:picLocks noChangeAspect="1"/>
        </xdr:cNvPicPr>
      </xdr:nvPicPr>
      <xdr:blipFill>
        <a:blip xmlns:r="http://schemas.openxmlformats.org/officeDocument/2006/relationships" r:embed="rId2"/>
        <a:stretch>
          <a:fillRect/>
        </a:stretch>
      </xdr:blipFill>
      <xdr:spPr>
        <a:xfrm>
          <a:off x="10538460" y="38099"/>
          <a:ext cx="5669280" cy="3755809"/>
        </a:xfrm>
        <a:prstGeom prst="rect">
          <a:avLst/>
        </a:prstGeom>
      </xdr:spPr>
    </xdr:pic>
    <xdr:clientData/>
  </xdr:twoCellAnchor>
  <xdr:twoCellAnchor editAs="oneCell">
    <xdr:from>
      <xdr:col>26</xdr:col>
      <xdr:colOff>381000</xdr:colOff>
      <xdr:row>0</xdr:row>
      <xdr:rowOff>106680</xdr:rowOff>
    </xdr:from>
    <xdr:to>
      <xdr:col>35</xdr:col>
      <xdr:colOff>566115</xdr:colOff>
      <xdr:row>20</xdr:row>
      <xdr:rowOff>116177</xdr:rowOff>
    </xdr:to>
    <xdr:pic>
      <xdr:nvPicPr>
        <xdr:cNvPr id="4" name="Picture 3">
          <a:extLst>
            <a:ext uri="{FF2B5EF4-FFF2-40B4-BE49-F238E27FC236}">
              <a16:creationId xmlns:a16="http://schemas.microsoft.com/office/drawing/2014/main" id="{8017E539-BA0E-4346-9A69-832FB365F3EF}"/>
            </a:ext>
          </a:extLst>
        </xdr:cNvPr>
        <xdr:cNvPicPr>
          <a:picLocks noChangeAspect="1"/>
        </xdr:cNvPicPr>
      </xdr:nvPicPr>
      <xdr:blipFill>
        <a:blip xmlns:r="http://schemas.openxmlformats.org/officeDocument/2006/relationships" r:embed="rId3"/>
        <a:stretch>
          <a:fillRect/>
        </a:stretch>
      </xdr:blipFill>
      <xdr:spPr>
        <a:xfrm>
          <a:off x="16245840" y="106680"/>
          <a:ext cx="5671515" cy="3667097"/>
        </a:xfrm>
        <a:prstGeom prst="rect">
          <a:avLst/>
        </a:prstGeom>
      </xdr:spPr>
    </xdr:pic>
    <xdr:clientData/>
  </xdr:twoCellAnchor>
  <xdr:twoCellAnchor editAs="oneCell">
    <xdr:from>
      <xdr:col>0</xdr:col>
      <xdr:colOff>158227</xdr:colOff>
      <xdr:row>23</xdr:row>
      <xdr:rowOff>12229</xdr:rowOff>
    </xdr:from>
    <xdr:to>
      <xdr:col>10</xdr:col>
      <xdr:colOff>160157</xdr:colOff>
      <xdr:row>31</xdr:row>
      <xdr:rowOff>66920</xdr:rowOff>
    </xdr:to>
    <xdr:pic>
      <xdr:nvPicPr>
        <xdr:cNvPr id="5" name="Picture 4">
          <a:extLst>
            <a:ext uri="{FF2B5EF4-FFF2-40B4-BE49-F238E27FC236}">
              <a16:creationId xmlns:a16="http://schemas.microsoft.com/office/drawing/2014/main" id="{15B00B3B-33A4-4FB6-B0C2-6B0EA6323684}"/>
            </a:ext>
          </a:extLst>
        </xdr:cNvPr>
        <xdr:cNvPicPr>
          <a:picLocks noChangeAspect="1" noChangeArrowheads="1"/>
        </xdr:cNvPicPr>
      </xdr:nvPicPr>
      <xdr:blipFill>
        <a:blip xmlns:r="http://schemas.openxmlformats.org/officeDocument/2006/relationships" r:embed="rId4" cstate="print">
          <a:extLst>
            <a:ext uri="{28A0092B-C50C-407E-A947-70E740481C1C}">
              <a14:useLocalDpi xmlns:a14="http://schemas.microsoft.com/office/drawing/2010/main" val="0"/>
            </a:ext>
          </a:extLst>
        </a:blip>
        <a:srcRect/>
        <a:stretch>
          <a:fillRect/>
        </a:stretch>
      </xdr:blipFill>
      <xdr:spPr bwMode="auto">
        <a:xfrm>
          <a:off x="158227" y="4279429"/>
          <a:ext cx="6097930" cy="1535148"/>
        </a:xfrm>
        <a:prstGeom prst="rect">
          <a:avLst/>
        </a:prstGeom>
        <a:noFill/>
        <a:ln>
          <a:solidFill>
            <a:schemeClr val="tx1"/>
          </a:solidFill>
        </a:ln>
        <a:extLst>
          <a:ext uri="{909E8E84-426E-40DD-AFC4-6F175D3DCCD1}">
            <a14:hiddenFill xmlns:a14="http://schemas.microsoft.com/office/drawing/2010/main">
              <a:solidFill>
                <a:srgbClr val="FFFFFF"/>
              </a:solidFill>
            </a14:hiddenFill>
          </a:ext>
        </a:extLst>
      </xdr:spPr>
    </xdr:pic>
    <xdr:clientData/>
  </xdr:twoCellAnchor>
  <xdr:twoCellAnchor>
    <xdr:from>
      <xdr:col>10</xdr:col>
      <xdr:colOff>538329</xdr:colOff>
      <xdr:row>23</xdr:row>
      <xdr:rowOff>10563</xdr:rowOff>
    </xdr:from>
    <xdr:to>
      <xdr:col>15</xdr:col>
      <xdr:colOff>495619</xdr:colOff>
      <xdr:row>31</xdr:row>
      <xdr:rowOff>174927</xdr:rowOff>
    </xdr:to>
    <xdr:pic>
      <xdr:nvPicPr>
        <xdr:cNvPr id="6" name="Picture 5">
          <a:extLst>
            <a:ext uri="{FF2B5EF4-FFF2-40B4-BE49-F238E27FC236}">
              <a16:creationId xmlns:a16="http://schemas.microsoft.com/office/drawing/2014/main" id="{708B3677-8920-4818-8D2F-06ECE43D241C}"/>
            </a:ext>
          </a:extLst>
        </xdr:cNvPr>
        <xdr:cNvPicPr>
          <a:picLocks noChangeAspect="1" noChangeArrowheads="1"/>
        </xdr:cNvPicPr>
      </xdr:nvPicPr>
      <xdr:blipFill>
        <a:blip xmlns:r="http://schemas.openxmlformats.org/officeDocument/2006/relationships" r:embed="rId5" cstate="print">
          <a:extLst>
            <a:ext uri="{28A0092B-C50C-407E-A947-70E740481C1C}">
              <a14:useLocalDpi xmlns:a14="http://schemas.microsoft.com/office/drawing/2010/main" val="0"/>
            </a:ext>
          </a:extLst>
        </a:blip>
        <a:srcRect/>
        <a:stretch>
          <a:fillRect/>
        </a:stretch>
      </xdr:blipFill>
      <xdr:spPr bwMode="auto">
        <a:xfrm>
          <a:off x="6634329" y="4277763"/>
          <a:ext cx="3016176" cy="1644821"/>
        </a:xfrm>
        <a:prstGeom prst="rect">
          <a:avLst/>
        </a:prstGeom>
        <a:noFill/>
        <a:ln>
          <a:solidFill>
            <a:schemeClr val="tx1"/>
          </a:solidFill>
        </a:ln>
        <a:extLst>
          <a:ext uri="{909E8E84-426E-40DD-AFC4-6F175D3DCCD1}">
            <a14:hiddenFill xmlns:a14="http://schemas.microsoft.com/office/drawing/2010/main">
              <a:solidFill>
                <a:srgbClr val="FFFFFF"/>
              </a:solidFill>
            </a14:hiddenFill>
          </a:ext>
        </a:extLst>
      </xdr:spPr>
    </xdr:pic>
    <xdr:clientData/>
  </xdr:twoCellAnchor>
  <xdr:oneCellAnchor>
    <xdr:from>
      <xdr:col>11</xdr:col>
      <xdr:colOff>342900</xdr:colOff>
      <xdr:row>7</xdr:row>
      <xdr:rowOff>60960</xdr:rowOff>
    </xdr:from>
    <xdr:ext cx="2670155" cy="264560"/>
    <xdr:sp macro="" textlink="">
      <xdr:nvSpPr>
        <xdr:cNvPr id="7" name="TextBox 6">
          <a:extLst>
            <a:ext uri="{FF2B5EF4-FFF2-40B4-BE49-F238E27FC236}">
              <a16:creationId xmlns:a16="http://schemas.microsoft.com/office/drawing/2014/main" id="{A8C2DC01-CC62-D7B1-A004-88F7EA62CE9F}"/>
            </a:ext>
          </a:extLst>
        </xdr:cNvPr>
        <xdr:cNvSpPr txBox="1"/>
      </xdr:nvSpPr>
      <xdr:spPr>
        <a:xfrm>
          <a:off x="7048500" y="1341120"/>
          <a:ext cx="2670155" cy="264560"/>
        </a:xfrm>
        <a:prstGeom prst="rect">
          <a:avLst/>
        </a:prstGeom>
        <a:solidFill>
          <a:schemeClr val="accent4">
            <a:lumMod val="20000"/>
            <a:lumOff val="80000"/>
          </a:schemeClr>
        </a:solid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nb-NO" sz="1100" b="1"/>
            <a:t>Cells marked in this colour can be changed</a:t>
          </a:r>
        </a:p>
      </xdr:txBody>
    </xdr:sp>
    <xdr:clientData/>
  </xdr:oneCellAnchor>
  <xdr:oneCellAnchor>
    <xdr:from>
      <xdr:col>28</xdr:col>
      <xdr:colOff>394447</xdr:colOff>
      <xdr:row>27</xdr:row>
      <xdr:rowOff>35860</xdr:rowOff>
    </xdr:from>
    <xdr:ext cx="3942361" cy="436786"/>
    <xdr:sp macro="" textlink="">
      <xdr:nvSpPr>
        <xdr:cNvPr id="11" name="TextBox 10">
          <a:extLst>
            <a:ext uri="{FF2B5EF4-FFF2-40B4-BE49-F238E27FC236}">
              <a16:creationId xmlns:a16="http://schemas.microsoft.com/office/drawing/2014/main" id="{18332D76-EC83-57C7-9B27-BE62488224C4}"/>
            </a:ext>
          </a:extLst>
        </xdr:cNvPr>
        <xdr:cNvSpPr txBox="1"/>
      </xdr:nvSpPr>
      <xdr:spPr>
        <a:xfrm>
          <a:off x="17476499" y="5051808"/>
          <a:ext cx="3942361" cy="436786"/>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kern="1200"/>
            <a:t>Figure 1: Cluster-blends and their process-specific interpretation, </a:t>
          </a:r>
        </a:p>
        <a:p>
          <a:r>
            <a:rPr lang="en-GB" sz="1100" kern="1200"/>
            <a:t>from Jesper et al. (2021)</a:t>
          </a:r>
        </a:p>
      </xdr:txBody>
    </xdr:sp>
    <xdr:clientData/>
  </xdr:oneCellAnchor>
  <xdr:oneCellAnchor>
    <xdr:from>
      <xdr:col>10</xdr:col>
      <xdr:colOff>47383</xdr:colOff>
      <xdr:row>32</xdr:row>
      <xdr:rowOff>66594</xdr:rowOff>
    </xdr:from>
    <xdr:ext cx="4096955" cy="436786"/>
    <xdr:sp macro="" textlink="">
      <xdr:nvSpPr>
        <xdr:cNvPr id="12" name="TextBox 11">
          <a:extLst>
            <a:ext uri="{FF2B5EF4-FFF2-40B4-BE49-F238E27FC236}">
              <a16:creationId xmlns:a16="http://schemas.microsoft.com/office/drawing/2014/main" id="{C62D1DCE-D2CB-8510-A667-DE38C2ED3B04}"/>
            </a:ext>
          </a:extLst>
        </xdr:cNvPr>
        <xdr:cNvSpPr txBox="1"/>
      </xdr:nvSpPr>
      <xdr:spPr>
        <a:xfrm>
          <a:off x="6143383" y="5999308"/>
          <a:ext cx="4096955" cy="436786"/>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kern="1200"/>
            <a:t>Figure 3: weekly demand profiles for different operational patterns,</a:t>
          </a:r>
          <a:r>
            <a:rPr lang="en-GB" sz="1100" kern="1200" baseline="0"/>
            <a:t> </a:t>
          </a:r>
        </a:p>
        <a:p>
          <a:r>
            <a:rPr lang="en-GB" sz="1100" kern="1200"/>
            <a:t>from Bühler et al. (2018)</a:t>
          </a:r>
        </a:p>
      </xdr:txBody>
    </xdr:sp>
    <xdr:clientData/>
  </xdr:oneCellAnchor>
  <xdr:oneCellAnchor>
    <xdr:from>
      <xdr:col>1</xdr:col>
      <xdr:colOff>539162</xdr:colOff>
      <xdr:row>31</xdr:row>
      <xdr:rowOff>132550</xdr:rowOff>
    </xdr:from>
    <xdr:ext cx="4291239" cy="264560"/>
    <xdr:sp macro="" textlink="">
      <xdr:nvSpPr>
        <xdr:cNvPr id="13" name="TextBox 12">
          <a:extLst>
            <a:ext uri="{FF2B5EF4-FFF2-40B4-BE49-F238E27FC236}">
              <a16:creationId xmlns:a16="http://schemas.microsoft.com/office/drawing/2014/main" id="{1A1DBBA0-3DA9-0276-D5F6-DEDDFB2B54C7}"/>
            </a:ext>
          </a:extLst>
        </xdr:cNvPr>
        <xdr:cNvSpPr txBox="1"/>
      </xdr:nvSpPr>
      <xdr:spPr>
        <a:xfrm>
          <a:off x="1148762" y="5880207"/>
          <a:ext cx="4291239" cy="264560"/>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kern="1200"/>
            <a:t>Figure 2: Temperature dependency of clusters, from Jesper et al. (2021)</a:t>
          </a:r>
        </a:p>
      </xdr:txBody>
    </xdr:sp>
    <xdr:clientData/>
  </xdr:oneCellAnchor>
  <xdr:twoCellAnchor editAs="oneCell">
    <xdr:from>
      <xdr:col>0</xdr:col>
      <xdr:colOff>152400</xdr:colOff>
      <xdr:row>38</xdr:row>
      <xdr:rowOff>65317</xdr:rowOff>
    </xdr:from>
    <xdr:to>
      <xdr:col>12</xdr:col>
      <xdr:colOff>174171</xdr:colOff>
      <xdr:row>54</xdr:row>
      <xdr:rowOff>2294</xdr:rowOff>
    </xdr:to>
    <xdr:pic>
      <xdr:nvPicPr>
        <xdr:cNvPr id="16" name="Picture 15">
          <a:extLst>
            <a:ext uri="{FF2B5EF4-FFF2-40B4-BE49-F238E27FC236}">
              <a16:creationId xmlns:a16="http://schemas.microsoft.com/office/drawing/2014/main" id="{0151D015-0E3B-2479-3EE1-2303984827E6}"/>
            </a:ext>
          </a:extLst>
        </xdr:cNvPr>
        <xdr:cNvPicPr>
          <a:picLocks noChangeAspect="1"/>
        </xdr:cNvPicPr>
      </xdr:nvPicPr>
      <xdr:blipFill>
        <a:blip xmlns:r="http://schemas.openxmlformats.org/officeDocument/2006/relationships" r:embed="rId6"/>
        <a:stretch>
          <a:fillRect/>
        </a:stretch>
      </xdr:blipFill>
      <xdr:spPr>
        <a:xfrm>
          <a:off x="152400" y="7097488"/>
          <a:ext cx="7347857" cy="2897892"/>
        </a:xfrm>
        <a:prstGeom prst="rect">
          <a:avLst/>
        </a:prstGeom>
      </xdr:spPr>
    </xdr:pic>
    <xdr:clientData/>
  </xdr:twoCellAnchor>
  <xdr:oneCellAnchor>
    <xdr:from>
      <xdr:col>0</xdr:col>
      <xdr:colOff>135414</xdr:colOff>
      <xdr:row>48</xdr:row>
      <xdr:rowOff>9800</xdr:rowOff>
    </xdr:from>
    <xdr:ext cx="2693925" cy="1125693"/>
    <xdr:sp macro="" textlink="">
      <xdr:nvSpPr>
        <xdr:cNvPr id="19" name="TextBox 18">
          <a:extLst>
            <a:ext uri="{FF2B5EF4-FFF2-40B4-BE49-F238E27FC236}">
              <a16:creationId xmlns:a16="http://schemas.microsoft.com/office/drawing/2014/main" id="{4477C268-FA09-0F88-9AF8-149A14551A94}"/>
            </a:ext>
          </a:extLst>
        </xdr:cNvPr>
        <xdr:cNvSpPr txBox="1"/>
      </xdr:nvSpPr>
      <xdr:spPr>
        <a:xfrm>
          <a:off x="135414" y="8915261"/>
          <a:ext cx="2693925" cy="1125693"/>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square" rtlCol="0" anchor="t">
          <a:spAutoFit/>
        </a:bodyPr>
        <a:lstStyle/>
        <a:p>
          <a:r>
            <a:rPr lang="en-GB" sz="1100" kern="1200"/>
            <a:t>from: </a:t>
          </a:r>
        </a:p>
        <a:p>
          <a:r>
            <a:rPr lang="en-GB" sz="1100" b="0" i="0">
              <a:solidFill>
                <a:schemeClr val="tx1"/>
              </a:solidFill>
              <a:effectLst/>
              <a:latin typeface="+mn-lt"/>
              <a:ea typeface="+mn-ea"/>
              <a:cs typeface="+mn-cs"/>
            </a:rPr>
            <a:t>Rehfeldt, M., Fleiter, T. &amp; Toro, F. </a:t>
          </a:r>
        </a:p>
        <a:p>
          <a:r>
            <a:rPr lang="en-GB" sz="1100" b="0" i="0">
              <a:solidFill>
                <a:schemeClr val="tx1"/>
              </a:solidFill>
              <a:effectLst/>
              <a:latin typeface="+mn-lt"/>
              <a:ea typeface="+mn-ea"/>
              <a:cs typeface="+mn-cs"/>
            </a:rPr>
            <a:t>A bottom-up estimation of the heating and cooling demand in European industry. </a:t>
          </a:r>
        </a:p>
        <a:p>
          <a:r>
            <a:rPr lang="en-GB" sz="1100" b="0" i="1">
              <a:solidFill>
                <a:schemeClr val="tx1"/>
              </a:solidFill>
              <a:effectLst/>
              <a:latin typeface="+mn-lt"/>
              <a:ea typeface="+mn-ea"/>
              <a:cs typeface="+mn-cs"/>
            </a:rPr>
            <a:t>Energy Efficiency</a:t>
          </a:r>
          <a:r>
            <a:rPr lang="en-GB" sz="1100" b="0" i="0">
              <a:solidFill>
                <a:schemeClr val="tx1"/>
              </a:solidFill>
              <a:effectLst/>
              <a:latin typeface="+mn-lt"/>
              <a:ea typeface="+mn-ea"/>
              <a:cs typeface="+mn-cs"/>
            </a:rPr>
            <a:t> 11, 1057–1082 (2018). https://doi.org/10.1007/s12053-017-9571-y</a:t>
          </a:r>
          <a:endParaRPr lang="en-GB" sz="1100" kern="1200"/>
        </a:p>
      </xdr:txBody>
    </xdr:sp>
    <xdr:clientData/>
  </xdr:oneCellAnchor>
</xdr:wsDr>
</file>

<file path=xl/drawings/drawing2.xml><?xml version="1.0" encoding="utf-8"?>
<xdr:wsDr xmlns:xdr="http://schemas.openxmlformats.org/drawingml/2006/spreadsheetDrawing" xmlns:a="http://schemas.openxmlformats.org/drawingml/2006/main">
  <xdr:twoCellAnchor>
    <xdr:from>
      <xdr:col>16</xdr:col>
      <xdr:colOff>598714</xdr:colOff>
      <xdr:row>2</xdr:row>
      <xdr:rowOff>31568</xdr:rowOff>
    </xdr:from>
    <xdr:to>
      <xdr:col>51</xdr:col>
      <xdr:colOff>87724</xdr:colOff>
      <xdr:row>31</xdr:row>
      <xdr:rowOff>71327</xdr:rowOff>
    </xdr:to>
    <xdr:graphicFrame macro="">
      <xdr:nvGraphicFramePr>
        <xdr:cNvPr id="2" name="Chart 1">
          <a:extLst>
            <a:ext uri="{FF2B5EF4-FFF2-40B4-BE49-F238E27FC236}">
              <a16:creationId xmlns:a16="http://schemas.microsoft.com/office/drawing/2014/main" id="{58B684CF-3B9D-45BC-B43B-5CDE145FDB19}"/>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7</xdr:col>
      <xdr:colOff>0</xdr:colOff>
      <xdr:row>30</xdr:row>
      <xdr:rowOff>151952</xdr:rowOff>
    </xdr:from>
    <xdr:to>
      <xdr:col>51</xdr:col>
      <xdr:colOff>98610</xdr:colOff>
      <xdr:row>60</xdr:row>
      <xdr:rowOff>48275</xdr:rowOff>
    </xdr:to>
    <xdr:graphicFrame macro="">
      <xdr:nvGraphicFramePr>
        <xdr:cNvPr id="3" name="Chart 2">
          <a:extLst>
            <a:ext uri="{FF2B5EF4-FFF2-40B4-BE49-F238E27FC236}">
              <a16:creationId xmlns:a16="http://schemas.microsoft.com/office/drawing/2014/main" id="{5927B3C8-CD0B-A812-8D49-0BCD16AAB36A}"/>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wsDr>
</file>

<file path=xl/drawings/drawing3.xml><?xml version="1.0" encoding="utf-8"?>
<xdr:wsDr xmlns:xdr="http://schemas.openxmlformats.org/drawingml/2006/spreadsheetDrawing" xmlns:a="http://schemas.openxmlformats.org/drawingml/2006/main">
  <xdr:twoCellAnchor>
    <xdr:from>
      <xdr:col>12</xdr:col>
      <xdr:colOff>135195</xdr:colOff>
      <xdr:row>1</xdr:row>
      <xdr:rowOff>98611</xdr:rowOff>
    </xdr:from>
    <xdr:to>
      <xdr:col>27</xdr:col>
      <xdr:colOff>206659</xdr:colOff>
      <xdr:row>22</xdr:row>
      <xdr:rowOff>80681</xdr:rowOff>
    </xdr:to>
    <xdr:graphicFrame macro="">
      <xdr:nvGraphicFramePr>
        <xdr:cNvPr id="5" name="Chart 4">
          <a:extLst>
            <a:ext uri="{FF2B5EF4-FFF2-40B4-BE49-F238E27FC236}">
              <a16:creationId xmlns:a16="http://schemas.microsoft.com/office/drawing/2014/main" id="{4D886F9A-596F-49F3-9E46-539B9B29B77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7</xdr:col>
      <xdr:colOff>227479</xdr:colOff>
      <xdr:row>28</xdr:row>
      <xdr:rowOff>22765</xdr:rowOff>
    </xdr:from>
    <xdr:to>
      <xdr:col>11</xdr:col>
      <xdr:colOff>767266</xdr:colOff>
      <xdr:row>42</xdr:row>
      <xdr:rowOff>364824</xdr:rowOff>
    </xdr:to>
    <xdr:graphicFrame macro="">
      <xdr:nvGraphicFramePr>
        <xdr:cNvPr id="9" name="Chart 8">
          <a:extLst>
            <a:ext uri="{FF2B5EF4-FFF2-40B4-BE49-F238E27FC236}">
              <a16:creationId xmlns:a16="http://schemas.microsoft.com/office/drawing/2014/main" id="{1E23202B-4848-441A-900B-62AB15C51E92}"/>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oneCellAnchor>
    <xdr:from>
      <xdr:col>12</xdr:col>
      <xdr:colOff>719424</xdr:colOff>
      <xdr:row>2</xdr:row>
      <xdr:rowOff>102198</xdr:rowOff>
    </xdr:from>
    <xdr:ext cx="2623282" cy="280205"/>
    <xdr:sp macro="" textlink="">
      <xdr:nvSpPr>
        <xdr:cNvPr id="2" name="TextBox 1">
          <a:extLst>
            <a:ext uri="{FF2B5EF4-FFF2-40B4-BE49-F238E27FC236}">
              <a16:creationId xmlns:a16="http://schemas.microsoft.com/office/drawing/2014/main" id="{3AE9A411-F052-6520-7DA4-20C242AC6299}"/>
            </a:ext>
          </a:extLst>
        </xdr:cNvPr>
        <xdr:cNvSpPr txBox="1"/>
      </xdr:nvSpPr>
      <xdr:spPr>
        <a:xfrm>
          <a:off x="15609800" y="460786"/>
          <a:ext cx="2623282" cy="280205"/>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pPr algn="ctr"/>
          <a:r>
            <a:rPr lang="en-GB" sz="1200" b="1"/>
            <a:t>Yearly</a:t>
          </a:r>
          <a:r>
            <a:rPr lang="en-GB" sz="1200" b="1" baseline="0"/>
            <a:t> Heat Demand (daily resolution)</a:t>
          </a:r>
          <a:endParaRPr lang="en-GB" sz="1200" b="1"/>
        </a:p>
      </xdr:txBody>
    </xdr:sp>
    <xdr:clientData/>
  </xdr:oneCellAnchor>
  <xdr:oneCellAnchor>
    <xdr:from>
      <xdr:col>9</xdr:col>
      <xdr:colOff>1828802</xdr:colOff>
      <xdr:row>28</xdr:row>
      <xdr:rowOff>116093</xdr:rowOff>
    </xdr:from>
    <xdr:ext cx="2920351" cy="280205"/>
    <xdr:sp macro="" textlink="">
      <xdr:nvSpPr>
        <xdr:cNvPr id="3" name="TextBox 2">
          <a:extLst>
            <a:ext uri="{FF2B5EF4-FFF2-40B4-BE49-F238E27FC236}">
              <a16:creationId xmlns:a16="http://schemas.microsoft.com/office/drawing/2014/main" id="{D1BAC8B7-93A5-6473-815B-524523FA4605}"/>
            </a:ext>
          </a:extLst>
        </xdr:cNvPr>
        <xdr:cNvSpPr txBox="1"/>
      </xdr:nvSpPr>
      <xdr:spPr>
        <a:xfrm>
          <a:off x="12003743" y="5629387"/>
          <a:ext cx="2920351" cy="280205"/>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ctr">
          <a:spAutoFit/>
        </a:bodyPr>
        <a:lstStyle/>
        <a:p>
          <a:pPr algn="ctr"/>
          <a:r>
            <a:rPr lang="en-GB" sz="1200" b="1"/>
            <a:t>Weekly</a:t>
          </a:r>
          <a:r>
            <a:rPr lang="en-GB" sz="1200" b="1" baseline="0"/>
            <a:t> Heat Demand (hourly resolution)</a:t>
          </a:r>
          <a:endParaRPr lang="en-GB" sz="1200" b="1"/>
        </a:p>
      </xdr:txBody>
    </xdr:sp>
    <xdr:clientData/>
  </xdr:oneCellAnchor>
  <xdr:twoCellAnchor>
    <xdr:from>
      <xdr:col>1</xdr:col>
      <xdr:colOff>197670</xdr:colOff>
      <xdr:row>7</xdr:row>
      <xdr:rowOff>156960</xdr:rowOff>
    </xdr:from>
    <xdr:to>
      <xdr:col>5</xdr:col>
      <xdr:colOff>871990</xdr:colOff>
      <xdr:row>24</xdr:row>
      <xdr:rowOff>107576</xdr:rowOff>
    </xdr:to>
    <xdr:grpSp>
      <xdr:nvGrpSpPr>
        <xdr:cNvPr id="15" name="Group 14">
          <a:extLst>
            <a:ext uri="{FF2B5EF4-FFF2-40B4-BE49-F238E27FC236}">
              <a16:creationId xmlns:a16="http://schemas.microsoft.com/office/drawing/2014/main" id="{986105C5-244E-279D-BB8F-58C6EA24E446}"/>
            </a:ext>
          </a:extLst>
        </xdr:cNvPr>
        <xdr:cNvGrpSpPr/>
      </xdr:nvGrpSpPr>
      <xdr:grpSpPr>
        <a:xfrm>
          <a:off x="791582" y="1591313"/>
          <a:ext cx="5817820" cy="3267557"/>
          <a:chOff x="8391621" y="273298"/>
          <a:chExt cx="4817395" cy="2798782"/>
        </a:xfrm>
      </xdr:grpSpPr>
      <xdr:graphicFrame macro="">
        <xdr:nvGraphicFramePr>
          <xdr:cNvPr id="14" name="Chart 13">
            <a:extLst>
              <a:ext uri="{FF2B5EF4-FFF2-40B4-BE49-F238E27FC236}">
                <a16:creationId xmlns:a16="http://schemas.microsoft.com/office/drawing/2014/main" id="{854D7938-94E0-4F04-AA17-051B7E1227D8}"/>
              </a:ext>
            </a:extLst>
          </xdr:cNvPr>
          <xdr:cNvGraphicFramePr>
            <a:graphicFrameLocks/>
          </xdr:cNvGraphicFramePr>
        </xdr:nvGraphicFramePr>
        <xdr:xfrm>
          <a:off x="11171059" y="647478"/>
          <a:ext cx="1631068" cy="2232932"/>
        </xdr:xfrm>
        <a:graphic>
          <a:graphicData uri="http://schemas.openxmlformats.org/drawingml/2006/chart">
            <c:chart xmlns:c="http://schemas.openxmlformats.org/drawingml/2006/chart" xmlns:r="http://schemas.openxmlformats.org/officeDocument/2006/relationships" r:id="rId3"/>
          </a:graphicData>
        </a:graphic>
      </xdr:graphicFrame>
      <xdr:grpSp>
        <xdr:nvGrpSpPr>
          <xdr:cNvPr id="12" name="Group 11">
            <a:extLst>
              <a:ext uri="{FF2B5EF4-FFF2-40B4-BE49-F238E27FC236}">
                <a16:creationId xmlns:a16="http://schemas.microsoft.com/office/drawing/2014/main" id="{94964936-AF08-F9DF-591C-66A2CB424FD5}"/>
              </a:ext>
            </a:extLst>
          </xdr:cNvPr>
          <xdr:cNvGrpSpPr/>
        </xdr:nvGrpSpPr>
        <xdr:grpSpPr>
          <a:xfrm>
            <a:off x="8391621" y="273298"/>
            <a:ext cx="4817395" cy="2798782"/>
            <a:chOff x="7664216" y="1810323"/>
            <a:chExt cx="4806468" cy="2794549"/>
          </a:xfrm>
        </xdr:grpSpPr>
        <xdr:graphicFrame macro="">
          <xdr:nvGraphicFramePr>
            <xdr:cNvPr id="7" name="Chart 6">
              <a:extLst>
                <a:ext uri="{FF2B5EF4-FFF2-40B4-BE49-F238E27FC236}">
                  <a16:creationId xmlns:a16="http://schemas.microsoft.com/office/drawing/2014/main" id="{4F55E756-7B21-486B-9055-5B7956750E56}"/>
                </a:ext>
              </a:extLst>
            </xdr:cNvPr>
            <xdr:cNvGraphicFramePr>
              <a:graphicFrameLocks/>
            </xdr:cNvGraphicFramePr>
          </xdr:nvGraphicFramePr>
          <xdr:xfrm>
            <a:off x="7664216" y="1837269"/>
            <a:ext cx="2143172" cy="2767603"/>
          </xdr:xfrm>
          <a:graphic>
            <a:graphicData uri="http://schemas.openxmlformats.org/drawingml/2006/chart">
              <c:chart xmlns:c="http://schemas.openxmlformats.org/drawingml/2006/chart" xmlns:r="http://schemas.openxmlformats.org/officeDocument/2006/relationships" r:id="rId4"/>
            </a:graphicData>
          </a:graphic>
        </xdr:graphicFrame>
        <xdr:graphicFrame macro="">
          <xdr:nvGraphicFramePr>
            <xdr:cNvPr id="10" name="Chart 9">
              <a:extLst>
                <a:ext uri="{FF2B5EF4-FFF2-40B4-BE49-F238E27FC236}">
                  <a16:creationId xmlns:a16="http://schemas.microsoft.com/office/drawing/2014/main" id="{B4773DE9-934B-5835-0D46-52F70E0F9ABD}"/>
                </a:ext>
              </a:extLst>
            </xdr:cNvPr>
            <xdr:cNvGraphicFramePr/>
          </xdr:nvGraphicFramePr>
          <xdr:xfrm>
            <a:off x="9661210" y="1810323"/>
            <a:ext cx="2809474" cy="2779310"/>
          </xdr:xfrm>
          <a:graphic>
            <a:graphicData uri="http://schemas.openxmlformats.org/drawingml/2006/chart">
              <c:chart xmlns:c="http://schemas.openxmlformats.org/drawingml/2006/chart" xmlns:r="http://schemas.openxmlformats.org/officeDocument/2006/relationships" r:id="rId5"/>
            </a:graphicData>
          </a:graphic>
        </xdr:graphicFrame>
      </xdr:grpSp>
    </xdr:grpSp>
    <xdr:clientData/>
  </xdr:twoCellAnchor>
  <xdr:twoCellAnchor>
    <xdr:from>
      <xdr:col>2</xdr:col>
      <xdr:colOff>184212</xdr:colOff>
      <xdr:row>9</xdr:row>
      <xdr:rowOff>34293</xdr:rowOff>
    </xdr:from>
    <xdr:to>
      <xdr:col>5</xdr:col>
      <xdr:colOff>308306</xdr:colOff>
      <xdr:row>10</xdr:row>
      <xdr:rowOff>156603</xdr:rowOff>
    </xdr:to>
    <xdr:grpSp>
      <xdr:nvGrpSpPr>
        <xdr:cNvPr id="20" name="Group 19">
          <a:extLst>
            <a:ext uri="{FF2B5EF4-FFF2-40B4-BE49-F238E27FC236}">
              <a16:creationId xmlns:a16="http://schemas.microsoft.com/office/drawing/2014/main" id="{E1932044-BC8F-2A58-6751-314AFFE5A2D5}"/>
            </a:ext>
          </a:extLst>
        </xdr:cNvPr>
        <xdr:cNvGrpSpPr/>
      </xdr:nvGrpSpPr>
      <xdr:grpSpPr>
        <a:xfrm>
          <a:off x="1999565" y="1872058"/>
          <a:ext cx="4046153" cy="312810"/>
          <a:chOff x="9147391" y="2176155"/>
          <a:chExt cx="4115553" cy="300098"/>
        </a:xfrm>
      </xdr:grpSpPr>
      <xdr:sp macro="" textlink="">
        <xdr:nvSpPr>
          <xdr:cNvPr id="13" name="TextBox 12">
            <a:extLst>
              <a:ext uri="{FF2B5EF4-FFF2-40B4-BE49-F238E27FC236}">
                <a16:creationId xmlns:a16="http://schemas.microsoft.com/office/drawing/2014/main" id="{1FD91A58-180E-32CD-91E4-5E8FBD5867DD}"/>
              </a:ext>
            </a:extLst>
          </xdr:cNvPr>
          <xdr:cNvSpPr txBox="1"/>
        </xdr:nvSpPr>
        <xdr:spPr>
          <a:xfrm>
            <a:off x="9147391" y="2267533"/>
            <a:ext cx="875354" cy="208719"/>
          </a:xfrm>
          <a:prstGeom prst="rect">
            <a:avLst/>
          </a:prstGeom>
          <a:no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800"/>
              <a:t>CLUSTER-BLEND</a:t>
            </a:r>
          </a:p>
        </xdr:txBody>
      </xdr:sp>
      <xdr:sp macro="" textlink="">
        <xdr:nvSpPr>
          <xdr:cNvPr id="16" name="TextBox 15">
            <a:extLst>
              <a:ext uri="{FF2B5EF4-FFF2-40B4-BE49-F238E27FC236}">
                <a16:creationId xmlns:a16="http://schemas.microsoft.com/office/drawing/2014/main" id="{4E753E2C-124A-4EA1-7515-71D84D28BE79}"/>
              </a:ext>
            </a:extLst>
          </xdr:cNvPr>
          <xdr:cNvSpPr txBox="1"/>
        </xdr:nvSpPr>
        <xdr:spPr>
          <a:xfrm>
            <a:off x="10334535" y="2267534"/>
            <a:ext cx="1146062" cy="208719"/>
          </a:xfrm>
          <a:prstGeom prst="rect">
            <a:avLst/>
          </a:prstGeom>
          <a:no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800"/>
              <a:t>TEMPERATURE</a:t>
            </a:r>
            <a:r>
              <a:rPr lang="en-GB" sz="800" baseline="0"/>
              <a:t> LEVELS</a:t>
            </a:r>
            <a:endParaRPr lang="en-GB" sz="800"/>
          </a:p>
        </xdr:txBody>
      </xdr:sp>
      <xdr:sp macro="" textlink="">
        <xdr:nvSpPr>
          <xdr:cNvPr id="4" name="TextBox 3">
            <a:extLst>
              <a:ext uri="{FF2B5EF4-FFF2-40B4-BE49-F238E27FC236}">
                <a16:creationId xmlns:a16="http://schemas.microsoft.com/office/drawing/2014/main" id="{8507EEE5-03B6-72C0-1729-2CABBB5773B4}"/>
              </a:ext>
            </a:extLst>
          </xdr:cNvPr>
          <xdr:cNvSpPr txBox="1"/>
        </xdr:nvSpPr>
        <xdr:spPr>
          <a:xfrm>
            <a:off x="11399665" y="2176155"/>
            <a:ext cx="1863279" cy="208719"/>
          </a:xfrm>
          <a:prstGeom prst="rect">
            <a:avLst/>
          </a:prstGeom>
          <a:no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800"/>
              <a:t>CLUSTER-TEMPERATURE DISTRIBUTION</a:t>
            </a:r>
          </a:p>
        </xdr:txBody>
      </xdr:sp>
    </xdr:grpSp>
    <xdr:clientData/>
  </xdr:twoCellAnchor>
</xdr:wsDr>
</file>

<file path=xl/drawings/drawing4.xml><?xml version="1.0" encoding="utf-8"?>
<xdr:wsDr xmlns:xdr="http://schemas.openxmlformats.org/drawingml/2006/spreadsheetDrawing" xmlns:a="http://schemas.openxmlformats.org/drawingml/2006/main">
  <xdr:twoCellAnchor>
    <xdr:from>
      <xdr:col>6</xdr:col>
      <xdr:colOff>697230</xdr:colOff>
      <xdr:row>33</xdr:row>
      <xdr:rowOff>177165</xdr:rowOff>
    </xdr:from>
    <xdr:to>
      <xdr:col>9</xdr:col>
      <xdr:colOff>342900</xdr:colOff>
      <xdr:row>43</xdr:row>
      <xdr:rowOff>197540</xdr:rowOff>
    </xdr:to>
    <xdr:graphicFrame macro="">
      <xdr:nvGraphicFramePr>
        <xdr:cNvPr id="2" name="Chart 1">
          <a:extLst>
            <a:ext uri="{FF2B5EF4-FFF2-40B4-BE49-F238E27FC236}">
              <a16:creationId xmlns:a16="http://schemas.microsoft.com/office/drawing/2014/main" id="{EE1AA935-5CD8-8048-A87E-16CFE0023323}"/>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drawings/drawing5.xml><?xml version="1.0" encoding="utf-8"?>
<xdr:wsDr xmlns:xdr="http://schemas.openxmlformats.org/drawingml/2006/spreadsheetDrawing" xmlns:a="http://schemas.openxmlformats.org/drawingml/2006/main">
  <xdr:twoCellAnchor>
    <xdr:from>
      <xdr:col>0</xdr:col>
      <xdr:colOff>589059</xdr:colOff>
      <xdr:row>8</xdr:row>
      <xdr:rowOff>90944</xdr:rowOff>
    </xdr:from>
    <xdr:to>
      <xdr:col>10</xdr:col>
      <xdr:colOff>414131</xdr:colOff>
      <xdr:row>31</xdr:row>
      <xdr:rowOff>173604</xdr:rowOff>
    </xdr:to>
    <xdr:graphicFrame macro="">
      <xdr:nvGraphicFramePr>
        <xdr:cNvPr id="3" name="Chart 2">
          <a:extLst>
            <a:ext uri="{FF2B5EF4-FFF2-40B4-BE49-F238E27FC236}">
              <a16:creationId xmlns:a16="http://schemas.microsoft.com/office/drawing/2014/main" id="{764034A9-B88C-F103-2627-1E23F6AC45E0}"/>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theme/theme1.xml><?xml version="1.0" encoding="utf-8"?>
<a:theme xmlns:a="http://schemas.openxmlformats.org/drawingml/2006/main" name="Office Theme">
  <a:themeElements>
    <a:clrScheme name="SINTEF">
      <a:dk1>
        <a:sysClr val="windowText" lastClr="000000"/>
      </a:dk1>
      <a:lt1>
        <a:sysClr val="window" lastClr="FFFFFF"/>
      </a:lt1>
      <a:dk2>
        <a:srgbClr val="003C65"/>
      </a:dk2>
      <a:lt2>
        <a:srgbClr val="EBEBE6"/>
      </a:lt2>
      <a:accent1>
        <a:srgbClr val="14B978"/>
      </a:accent1>
      <a:accent2>
        <a:srgbClr val="CDFAE1"/>
      </a:accent2>
      <a:accent3>
        <a:srgbClr val="004628"/>
      </a:accent3>
      <a:accent4>
        <a:srgbClr val="C89B14"/>
      </a:accent4>
      <a:accent5>
        <a:srgbClr val="BE3C37"/>
      </a:accent5>
      <a:accent6>
        <a:srgbClr val="780050"/>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1" Type="http://schemas.openxmlformats.org/officeDocument/2006/relationships/drawing" Target="../drawings/drawing3.xml"/></Relationships>
</file>

<file path=xl/worksheets/_rels/sheet5.xml.rels><?xml version="1.0" encoding="UTF-8" standalone="yes"?>
<Relationships xmlns="http://schemas.openxmlformats.org/package/2006/relationships"><Relationship Id="rId2" Type="http://schemas.openxmlformats.org/officeDocument/2006/relationships/drawing" Target="../drawings/drawing4.xml"/><Relationship Id="rId1" Type="http://schemas.openxmlformats.org/officeDocument/2006/relationships/printerSettings" Target="../printerSettings/printerSettings1.bin"/></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5.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28D3A08-BA12-4E41-A041-5D38D9DFBAE7}">
  <dimension ref="A1:AI55"/>
  <sheetViews>
    <sheetView zoomScaleNormal="100" workbookViewId="0">
      <selection activeCell="S43" sqref="S43"/>
    </sheetView>
  </sheetViews>
  <sheetFormatPr defaultRowHeight="15" x14ac:dyDescent="0.25"/>
  <cols>
    <col min="12" max="12" width="9.140625" customWidth="1"/>
  </cols>
  <sheetData>
    <row r="1" spans="1:17" x14ac:dyDescent="0.25">
      <c r="A1" s="193" t="s">
        <v>150</v>
      </c>
      <c r="B1" s="194"/>
      <c r="C1" s="194"/>
      <c r="D1" s="194"/>
      <c r="E1" s="194"/>
      <c r="F1" s="194"/>
      <c r="G1" s="194"/>
      <c r="H1" s="194"/>
      <c r="I1" s="194"/>
      <c r="J1" s="194"/>
      <c r="K1" s="194"/>
      <c r="L1" s="194"/>
      <c r="M1" s="194"/>
      <c r="N1" s="194"/>
      <c r="O1" s="194"/>
      <c r="P1" s="194"/>
      <c r="Q1" s="195"/>
    </row>
    <row r="2" spans="1:17" x14ac:dyDescent="0.25">
      <c r="A2" s="196"/>
      <c r="B2" s="197"/>
      <c r="C2" s="197"/>
      <c r="D2" s="197"/>
      <c r="E2" s="197"/>
      <c r="F2" s="197"/>
      <c r="G2" s="197"/>
      <c r="H2" s="197"/>
      <c r="I2" s="197"/>
      <c r="J2" s="197"/>
      <c r="K2" s="197"/>
      <c r="L2" s="197"/>
      <c r="M2" s="197"/>
      <c r="N2" s="197"/>
      <c r="O2" s="197"/>
      <c r="P2" s="197"/>
      <c r="Q2" s="198"/>
    </row>
    <row r="3" spans="1:17" x14ac:dyDescent="0.25">
      <c r="A3" s="196"/>
      <c r="B3" s="197"/>
      <c r="C3" s="197"/>
      <c r="D3" s="197"/>
      <c r="E3" s="197"/>
      <c r="F3" s="197"/>
      <c r="G3" s="197"/>
      <c r="H3" s="197"/>
      <c r="I3" s="197"/>
      <c r="J3" s="197"/>
      <c r="K3" s="197"/>
      <c r="L3" s="197"/>
      <c r="M3" s="197"/>
      <c r="N3" s="197"/>
      <c r="O3" s="197"/>
      <c r="P3" s="197"/>
      <c r="Q3" s="198"/>
    </row>
    <row r="4" spans="1:17" x14ac:dyDescent="0.25">
      <c r="A4" s="196"/>
      <c r="B4" s="197"/>
      <c r="C4" s="197"/>
      <c r="D4" s="197"/>
      <c r="E4" s="197"/>
      <c r="F4" s="197"/>
      <c r="G4" s="197"/>
      <c r="H4" s="197"/>
      <c r="I4" s="197"/>
      <c r="J4" s="197"/>
      <c r="K4" s="197"/>
      <c r="L4" s="197"/>
      <c r="M4" s="197"/>
      <c r="N4" s="197"/>
      <c r="O4" s="197"/>
      <c r="P4" s="197"/>
      <c r="Q4" s="198"/>
    </row>
    <row r="5" spans="1:17" x14ac:dyDescent="0.25">
      <c r="A5" s="196"/>
      <c r="B5" s="197"/>
      <c r="C5" s="197"/>
      <c r="D5" s="197"/>
      <c r="E5" s="197"/>
      <c r="F5" s="197"/>
      <c r="G5" s="197"/>
      <c r="H5" s="197"/>
      <c r="I5" s="197"/>
      <c r="J5" s="197"/>
      <c r="K5" s="197"/>
      <c r="L5" s="197"/>
      <c r="M5" s="197"/>
      <c r="N5" s="197"/>
      <c r="O5" s="197"/>
      <c r="P5" s="197"/>
      <c r="Q5" s="198"/>
    </row>
    <row r="6" spans="1:17" x14ac:dyDescent="0.25">
      <c r="A6" s="196"/>
      <c r="B6" s="197"/>
      <c r="C6" s="197"/>
      <c r="D6" s="197"/>
      <c r="E6" s="197"/>
      <c r="F6" s="197"/>
      <c r="G6" s="197"/>
      <c r="H6" s="197"/>
      <c r="I6" s="197"/>
      <c r="J6" s="197"/>
      <c r="K6" s="197"/>
      <c r="L6" s="197"/>
      <c r="M6" s="197"/>
      <c r="N6" s="197"/>
      <c r="O6" s="197"/>
      <c r="P6" s="197"/>
      <c r="Q6" s="198"/>
    </row>
    <row r="7" spans="1:17" x14ac:dyDescent="0.25">
      <c r="A7" s="196"/>
      <c r="B7" s="197"/>
      <c r="C7" s="197"/>
      <c r="D7" s="197"/>
      <c r="E7" s="197"/>
      <c r="F7" s="197"/>
      <c r="G7" s="197"/>
      <c r="H7" s="197"/>
      <c r="I7" s="197"/>
      <c r="J7" s="197"/>
      <c r="K7" s="197"/>
      <c r="L7" s="197"/>
      <c r="M7" s="197"/>
      <c r="N7" s="197"/>
      <c r="O7" s="197"/>
      <c r="P7" s="197"/>
      <c r="Q7" s="198"/>
    </row>
    <row r="8" spans="1:17" x14ac:dyDescent="0.25">
      <c r="A8" s="196"/>
      <c r="B8" s="197"/>
      <c r="C8" s="197"/>
      <c r="D8" s="197"/>
      <c r="E8" s="197"/>
      <c r="F8" s="197"/>
      <c r="G8" s="197"/>
      <c r="H8" s="197"/>
      <c r="I8" s="197"/>
      <c r="J8" s="197"/>
      <c r="K8" s="197"/>
      <c r="L8" s="197"/>
      <c r="M8" s="197"/>
      <c r="N8" s="197"/>
      <c r="O8" s="197"/>
      <c r="P8" s="197"/>
      <c r="Q8" s="198"/>
    </row>
    <row r="9" spans="1:17" x14ac:dyDescent="0.25">
      <c r="A9" s="196"/>
      <c r="B9" s="197"/>
      <c r="C9" s="197"/>
      <c r="D9" s="197"/>
      <c r="E9" s="197"/>
      <c r="F9" s="197"/>
      <c r="G9" s="197"/>
      <c r="H9" s="197"/>
      <c r="I9" s="197"/>
      <c r="J9" s="197"/>
      <c r="K9" s="197"/>
      <c r="L9" s="197"/>
      <c r="M9" s="197"/>
      <c r="N9" s="197"/>
      <c r="O9" s="197"/>
      <c r="P9" s="197"/>
      <c r="Q9" s="198"/>
    </row>
    <row r="10" spans="1:17" x14ac:dyDescent="0.25">
      <c r="A10" s="196"/>
      <c r="B10" s="197"/>
      <c r="C10" s="197"/>
      <c r="D10" s="197"/>
      <c r="E10" s="197"/>
      <c r="F10" s="197"/>
      <c r="G10" s="197"/>
      <c r="H10" s="197"/>
      <c r="I10" s="197"/>
      <c r="J10" s="197"/>
      <c r="K10" s="197"/>
      <c r="L10" s="197"/>
      <c r="M10" s="197"/>
      <c r="N10" s="197"/>
      <c r="O10" s="197"/>
      <c r="P10" s="197"/>
      <c r="Q10" s="198"/>
    </row>
    <row r="11" spans="1:17" x14ac:dyDescent="0.25">
      <c r="A11" s="196"/>
      <c r="B11" s="197"/>
      <c r="C11" s="197"/>
      <c r="D11" s="197"/>
      <c r="E11" s="197"/>
      <c r="F11" s="197"/>
      <c r="G11" s="197"/>
      <c r="H11" s="197"/>
      <c r="I11" s="197"/>
      <c r="J11" s="197"/>
      <c r="K11" s="197"/>
      <c r="L11" s="197"/>
      <c r="M11" s="197"/>
      <c r="N11" s="197"/>
      <c r="O11" s="197"/>
      <c r="P11" s="197"/>
      <c r="Q11" s="198"/>
    </row>
    <row r="12" spans="1:17" x14ac:dyDescent="0.25">
      <c r="A12" s="196"/>
      <c r="B12" s="197"/>
      <c r="C12" s="197"/>
      <c r="D12" s="197"/>
      <c r="E12" s="197"/>
      <c r="F12" s="197"/>
      <c r="G12" s="197"/>
      <c r="H12" s="197"/>
      <c r="I12" s="197"/>
      <c r="J12" s="197"/>
      <c r="K12" s="197"/>
      <c r="L12" s="197"/>
      <c r="M12" s="197"/>
      <c r="N12" s="197"/>
      <c r="O12" s="197"/>
      <c r="P12" s="197"/>
      <c r="Q12" s="198"/>
    </row>
    <row r="13" spans="1:17" x14ac:dyDescent="0.25">
      <c r="A13" s="196"/>
      <c r="B13" s="197"/>
      <c r="C13" s="197"/>
      <c r="D13" s="197"/>
      <c r="E13" s="197"/>
      <c r="F13" s="197"/>
      <c r="G13" s="197"/>
      <c r="H13" s="197"/>
      <c r="I13" s="197"/>
      <c r="J13" s="197"/>
      <c r="K13" s="197"/>
      <c r="L13" s="197"/>
      <c r="M13" s="197"/>
      <c r="N13" s="197"/>
      <c r="O13" s="197"/>
      <c r="P13" s="197"/>
      <c r="Q13" s="198"/>
    </row>
    <row r="14" spans="1:17" x14ac:dyDescent="0.25">
      <c r="A14" s="196"/>
      <c r="B14" s="197"/>
      <c r="C14" s="197"/>
      <c r="D14" s="197"/>
      <c r="E14" s="197"/>
      <c r="F14" s="197"/>
      <c r="G14" s="197"/>
      <c r="H14" s="197"/>
      <c r="I14" s="197"/>
      <c r="J14" s="197"/>
      <c r="K14" s="197"/>
      <c r="L14" s="197"/>
      <c r="M14" s="197"/>
      <c r="N14" s="197"/>
      <c r="O14" s="197"/>
      <c r="P14" s="197"/>
      <c r="Q14" s="198"/>
    </row>
    <row r="15" spans="1:17" x14ac:dyDescent="0.25">
      <c r="A15" s="196"/>
      <c r="B15" s="197"/>
      <c r="C15" s="197"/>
      <c r="D15" s="197"/>
      <c r="E15" s="197"/>
      <c r="F15" s="197"/>
      <c r="G15" s="197"/>
      <c r="H15" s="197"/>
      <c r="I15" s="197"/>
      <c r="J15" s="197"/>
      <c r="K15" s="197"/>
      <c r="L15" s="197"/>
      <c r="M15" s="197"/>
      <c r="N15" s="197"/>
      <c r="O15" s="197"/>
      <c r="P15" s="197"/>
      <c r="Q15" s="198"/>
    </row>
    <row r="16" spans="1:17" x14ac:dyDescent="0.25">
      <c r="A16" s="196"/>
      <c r="B16" s="197"/>
      <c r="C16" s="197"/>
      <c r="D16" s="197"/>
      <c r="E16" s="197"/>
      <c r="F16" s="197"/>
      <c r="G16" s="197"/>
      <c r="H16" s="197"/>
      <c r="I16" s="197"/>
      <c r="J16" s="197"/>
      <c r="K16" s="197"/>
      <c r="L16" s="197"/>
      <c r="M16" s="197"/>
      <c r="N16" s="197"/>
      <c r="O16" s="197"/>
      <c r="P16" s="197"/>
      <c r="Q16" s="198"/>
    </row>
    <row r="17" spans="1:35" x14ac:dyDescent="0.25">
      <c r="A17" s="196"/>
      <c r="B17" s="197"/>
      <c r="C17" s="197"/>
      <c r="D17" s="197"/>
      <c r="E17" s="197"/>
      <c r="F17" s="197"/>
      <c r="G17" s="197"/>
      <c r="H17" s="197"/>
      <c r="I17" s="197"/>
      <c r="J17" s="197"/>
      <c r="K17" s="197"/>
      <c r="L17" s="197"/>
      <c r="M17" s="197"/>
      <c r="N17" s="197"/>
      <c r="O17" s="197"/>
      <c r="P17" s="197"/>
      <c r="Q17" s="198"/>
    </row>
    <row r="18" spans="1:35" x14ac:dyDescent="0.25">
      <c r="A18" s="196"/>
      <c r="B18" s="197"/>
      <c r="C18" s="197"/>
      <c r="D18" s="197"/>
      <c r="E18" s="197"/>
      <c r="F18" s="197"/>
      <c r="G18" s="197"/>
      <c r="H18" s="197"/>
      <c r="I18" s="197"/>
      <c r="J18" s="197"/>
      <c r="K18" s="197"/>
      <c r="L18" s="197"/>
      <c r="M18" s="197"/>
      <c r="N18" s="197"/>
      <c r="O18" s="197"/>
      <c r="P18" s="197"/>
      <c r="Q18" s="198"/>
    </row>
    <row r="19" spans="1:35" x14ac:dyDescent="0.25">
      <c r="A19" s="196"/>
      <c r="B19" s="197"/>
      <c r="C19" s="197"/>
      <c r="D19" s="197"/>
      <c r="E19" s="197"/>
      <c r="F19" s="197"/>
      <c r="G19" s="197"/>
      <c r="H19" s="197"/>
      <c r="I19" s="197"/>
      <c r="J19" s="197"/>
      <c r="K19" s="197"/>
      <c r="L19" s="197"/>
      <c r="M19" s="197"/>
      <c r="N19" s="197"/>
      <c r="O19" s="197"/>
      <c r="P19" s="197"/>
      <c r="Q19" s="198"/>
    </row>
    <row r="20" spans="1:35" x14ac:dyDescent="0.25">
      <c r="A20" s="196"/>
      <c r="B20" s="197"/>
      <c r="C20" s="197"/>
      <c r="D20" s="197"/>
      <c r="E20" s="197"/>
      <c r="F20" s="197"/>
      <c r="G20" s="197"/>
      <c r="H20" s="197"/>
      <c r="I20" s="197"/>
      <c r="J20" s="197"/>
      <c r="K20" s="197"/>
      <c r="L20" s="197"/>
      <c r="M20" s="197"/>
      <c r="N20" s="197"/>
      <c r="O20" s="197"/>
      <c r="P20" s="197"/>
      <c r="Q20" s="198"/>
    </row>
    <row r="21" spans="1:35" x14ac:dyDescent="0.25">
      <c r="A21" s="196"/>
      <c r="B21" s="197"/>
      <c r="C21" s="197"/>
      <c r="D21" s="197"/>
      <c r="E21" s="197"/>
      <c r="F21" s="197"/>
      <c r="G21" s="197"/>
      <c r="H21" s="197"/>
      <c r="I21" s="197"/>
      <c r="J21" s="197"/>
      <c r="K21" s="197"/>
      <c r="L21" s="197"/>
      <c r="M21" s="197"/>
      <c r="N21" s="197"/>
      <c r="O21" s="197"/>
      <c r="P21" s="197"/>
      <c r="Q21" s="198"/>
    </row>
    <row r="22" spans="1:35" ht="159" customHeight="1" x14ac:dyDescent="0.25">
      <c r="A22" s="196"/>
      <c r="B22" s="197"/>
      <c r="C22" s="197"/>
      <c r="D22" s="197"/>
      <c r="E22" s="197"/>
      <c r="F22" s="197"/>
      <c r="G22" s="197"/>
      <c r="H22" s="197"/>
      <c r="I22" s="197"/>
      <c r="J22" s="197"/>
      <c r="K22" s="197"/>
      <c r="L22" s="197"/>
      <c r="M22" s="197"/>
      <c r="N22" s="197"/>
      <c r="O22" s="197"/>
      <c r="P22" s="197"/>
      <c r="Q22" s="198"/>
    </row>
    <row r="23" spans="1:35" ht="14.45" customHeight="1" x14ac:dyDescent="0.25">
      <c r="A23" s="199"/>
      <c r="B23" s="199"/>
      <c r="C23" s="199"/>
      <c r="D23" s="199"/>
      <c r="E23" s="199"/>
      <c r="F23" s="199"/>
      <c r="G23" s="199"/>
      <c r="H23" s="199"/>
      <c r="I23" s="199"/>
      <c r="J23" s="199"/>
      <c r="K23" s="199"/>
      <c r="L23" s="199"/>
      <c r="M23" s="199"/>
      <c r="N23" s="199"/>
      <c r="O23" s="199"/>
      <c r="P23" s="199"/>
      <c r="Q23" s="199"/>
    </row>
    <row r="24" spans="1:35" x14ac:dyDescent="0.25">
      <c r="A24" s="199"/>
      <c r="B24" s="199"/>
      <c r="C24" s="199"/>
      <c r="D24" s="199"/>
      <c r="E24" s="199"/>
      <c r="F24" s="199"/>
      <c r="G24" s="199"/>
      <c r="H24" s="199"/>
      <c r="I24" s="199"/>
      <c r="J24" s="199"/>
      <c r="K24" s="199"/>
      <c r="L24" s="199"/>
      <c r="M24" s="199"/>
      <c r="N24" s="199"/>
      <c r="O24" s="199"/>
      <c r="P24" s="199"/>
      <c r="Q24" s="199"/>
      <c r="AD24" s="201"/>
      <c r="AE24" s="202"/>
      <c r="AF24" s="202"/>
      <c r="AG24" s="202"/>
      <c r="AH24" s="202"/>
      <c r="AI24" s="202"/>
    </row>
    <row r="25" spans="1:35" x14ac:dyDescent="0.25">
      <c r="A25" s="199"/>
      <c r="B25" s="199"/>
      <c r="C25" s="199"/>
      <c r="D25" s="199"/>
      <c r="E25" s="199"/>
      <c r="F25" s="199"/>
      <c r="G25" s="199"/>
      <c r="H25" s="199"/>
      <c r="I25" s="199"/>
      <c r="J25" s="199"/>
      <c r="K25" s="199"/>
      <c r="L25" s="199"/>
      <c r="M25" s="199"/>
      <c r="N25" s="199"/>
      <c r="O25" s="199"/>
      <c r="P25" s="199"/>
      <c r="Q25" s="199"/>
      <c r="AD25" s="202"/>
      <c r="AE25" s="202"/>
      <c r="AF25" s="202"/>
      <c r="AG25" s="202"/>
      <c r="AH25" s="202"/>
      <c r="AI25" s="202"/>
    </row>
    <row r="26" spans="1:35" x14ac:dyDescent="0.25">
      <c r="A26" s="199"/>
      <c r="B26" s="199"/>
      <c r="C26" s="199"/>
      <c r="D26" s="199"/>
      <c r="E26" s="199"/>
      <c r="F26" s="199"/>
      <c r="G26" s="199"/>
      <c r="H26" s="199"/>
      <c r="I26" s="199"/>
      <c r="J26" s="199"/>
      <c r="K26" s="199"/>
      <c r="L26" s="199"/>
      <c r="M26" s="199"/>
      <c r="N26" s="199"/>
      <c r="O26" s="199"/>
      <c r="P26" s="199"/>
      <c r="Q26" s="199"/>
    </row>
    <row r="27" spans="1:35" x14ac:dyDescent="0.25">
      <c r="A27" s="199"/>
      <c r="B27" s="199"/>
      <c r="C27" s="199"/>
      <c r="D27" s="199"/>
      <c r="E27" s="199"/>
      <c r="F27" s="199"/>
      <c r="G27" s="199"/>
      <c r="H27" s="199"/>
      <c r="I27" s="199"/>
      <c r="J27" s="199"/>
      <c r="K27" s="199"/>
      <c r="L27" s="199"/>
      <c r="M27" s="199"/>
      <c r="N27" s="199"/>
      <c r="O27" s="199"/>
      <c r="P27" s="199"/>
      <c r="Q27" s="199"/>
    </row>
    <row r="28" spans="1:35" x14ac:dyDescent="0.25">
      <c r="A28" s="199"/>
      <c r="B28" s="199"/>
      <c r="C28" s="199"/>
      <c r="D28" s="199"/>
      <c r="E28" s="199"/>
      <c r="F28" s="199"/>
      <c r="G28" s="199"/>
      <c r="H28" s="199"/>
      <c r="I28" s="199"/>
      <c r="J28" s="199"/>
      <c r="K28" s="199"/>
      <c r="L28" s="199"/>
      <c r="M28" s="199"/>
      <c r="N28" s="199"/>
      <c r="O28" s="199"/>
      <c r="P28" s="199"/>
      <c r="Q28" s="199"/>
    </row>
    <row r="29" spans="1:35" x14ac:dyDescent="0.25">
      <c r="A29" s="199"/>
      <c r="B29" s="199"/>
      <c r="C29" s="199"/>
      <c r="D29" s="199"/>
      <c r="E29" s="199"/>
      <c r="F29" s="199"/>
      <c r="G29" s="199"/>
      <c r="H29" s="199"/>
      <c r="I29" s="199"/>
      <c r="J29" s="199"/>
      <c r="K29" s="199"/>
      <c r="L29" s="199"/>
      <c r="M29" s="199"/>
      <c r="N29" s="199"/>
      <c r="O29" s="199"/>
      <c r="P29" s="199"/>
      <c r="Q29" s="199"/>
    </row>
    <row r="30" spans="1:35" x14ac:dyDescent="0.25">
      <c r="A30" s="199"/>
      <c r="B30" s="199"/>
      <c r="C30" s="199"/>
      <c r="D30" s="199"/>
      <c r="E30" s="199"/>
      <c r="F30" s="199"/>
      <c r="G30" s="199"/>
      <c r="H30" s="199"/>
      <c r="I30" s="199"/>
      <c r="J30" s="199"/>
      <c r="K30" s="199"/>
      <c r="L30" s="199"/>
      <c r="M30" s="199"/>
      <c r="N30" s="199"/>
      <c r="O30" s="199"/>
      <c r="P30" s="199"/>
      <c r="Q30" s="199"/>
    </row>
    <row r="31" spans="1:35" x14ac:dyDescent="0.25">
      <c r="A31" s="199"/>
      <c r="B31" s="199"/>
      <c r="C31" s="199"/>
      <c r="D31" s="199"/>
      <c r="E31" s="199"/>
      <c r="F31" s="199"/>
      <c r="G31" s="199"/>
      <c r="H31" s="199"/>
      <c r="I31" s="199"/>
      <c r="J31" s="199"/>
      <c r="K31" s="199"/>
      <c r="L31" s="199"/>
      <c r="M31" s="199"/>
      <c r="N31" s="199"/>
      <c r="O31" s="199"/>
      <c r="P31" s="199"/>
      <c r="Q31" s="199"/>
    </row>
    <row r="32" spans="1:35" x14ac:dyDescent="0.25">
      <c r="A32" s="42"/>
      <c r="B32" s="42"/>
      <c r="C32" s="42"/>
      <c r="D32" s="42"/>
      <c r="E32" s="42"/>
      <c r="F32" s="42"/>
      <c r="G32" s="42"/>
      <c r="H32" s="42"/>
      <c r="I32" s="42"/>
      <c r="J32" s="42"/>
      <c r="K32" s="42"/>
      <c r="L32" s="42"/>
      <c r="M32" s="42"/>
      <c r="N32" s="42"/>
      <c r="O32" s="42"/>
      <c r="P32" s="42"/>
      <c r="Q32" s="42"/>
    </row>
    <row r="33" spans="1:17" x14ac:dyDescent="0.25">
      <c r="A33" s="42"/>
      <c r="B33" s="42"/>
      <c r="C33" s="42"/>
      <c r="D33" s="42"/>
      <c r="E33" s="42"/>
      <c r="F33" s="42"/>
      <c r="G33" s="42"/>
      <c r="H33" s="42"/>
      <c r="I33" s="42"/>
      <c r="J33" s="42"/>
      <c r="K33" s="42"/>
      <c r="L33" s="42"/>
      <c r="M33" s="42"/>
      <c r="N33" s="42"/>
      <c r="O33" s="42"/>
      <c r="P33" s="42"/>
      <c r="Q33" s="42"/>
    </row>
    <row r="34" spans="1:17" x14ac:dyDescent="0.25">
      <c r="A34" s="42"/>
      <c r="B34" s="42"/>
      <c r="C34" s="42"/>
      <c r="D34" s="42"/>
      <c r="E34" s="42"/>
      <c r="F34" s="42"/>
      <c r="G34" s="42"/>
      <c r="H34" s="42"/>
      <c r="I34" s="42"/>
      <c r="J34" s="42"/>
      <c r="K34" s="42"/>
      <c r="L34" s="42"/>
      <c r="M34" s="42"/>
      <c r="N34" s="42"/>
      <c r="O34" s="42"/>
      <c r="P34" s="42"/>
      <c r="Q34" s="42"/>
    </row>
    <row r="35" spans="1:17" x14ac:dyDescent="0.25">
      <c r="A35" s="42"/>
      <c r="B35" s="42"/>
      <c r="C35" s="42"/>
      <c r="D35" s="42"/>
      <c r="E35" s="42"/>
      <c r="F35" s="42"/>
      <c r="G35" s="42"/>
      <c r="H35" s="42"/>
      <c r="I35" s="42"/>
      <c r="J35" s="42"/>
      <c r="K35" s="42"/>
      <c r="L35" s="42"/>
      <c r="M35" s="42"/>
      <c r="N35" s="42"/>
      <c r="O35" s="42"/>
      <c r="P35" s="42"/>
      <c r="Q35" s="42"/>
    </row>
    <row r="36" spans="1:17" x14ac:dyDescent="0.25">
      <c r="A36" s="42"/>
      <c r="B36" s="42"/>
      <c r="C36" s="42"/>
      <c r="D36" s="42"/>
      <c r="E36" s="42"/>
      <c r="F36" s="42"/>
      <c r="G36" s="42"/>
      <c r="H36" s="42"/>
      <c r="I36" s="42"/>
      <c r="J36" s="42"/>
      <c r="K36" s="42"/>
      <c r="L36" s="199"/>
      <c r="M36" s="200"/>
      <c r="N36" s="200"/>
      <c r="O36" s="200"/>
      <c r="P36" s="200"/>
      <c r="Q36" s="200"/>
    </row>
    <row r="37" spans="1:17" x14ac:dyDescent="0.25">
      <c r="A37" s="42"/>
      <c r="B37" s="42"/>
      <c r="C37" s="42"/>
      <c r="D37" s="42"/>
      <c r="E37" s="42"/>
      <c r="F37" s="42"/>
      <c r="G37" s="42"/>
      <c r="H37" s="42"/>
      <c r="I37" s="42"/>
      <c r="J37" s="42"/>
      <c r="K37" s="42"/>
      <c r="L37" s="200"/>
      <c r="M37" s="200"/>
      <c r="N37" s="200"/>
      <c r="O37" s="200"/>
      <c r="P37" s="200"/>
      <c r="Q37" s="200"/>
    </row>
    <row r="38" spans="1:17" x14ac:dyDescent="0.25">
      <c r="A38" s="42"/>
      <c r="B38" s="42"/>
      <c r="C38" s="42"/>
      <c r="D38" s="42"/>
      <c r="E38" s="42"/>
      <c r="F38" s="42"/>
      <c r="G38" s="42"/>
      <c r="H38" s="42"/>
      <c r="I38" s="42"/>
      <c r="J38" s="42"/>
      <c r="K38" s="42"/>
      <c r="L38" s="42"/>
      <c r="M38" s="42"/>
      <c r="N38" s="42"/>
      <c r="O38" s="42"/>
      <c r="P38" s="42"/>
      <c r="Q38" s="42"/>
    </row>
    <row r="39" spans="1:17" x14ac:dyDescent="0.25">
      <c r="A39" s="42"/>
      <c r="B39" s="42"/>
      <c r="C39" s="42"/>
      <c r="D39" s="42"/>
      <c r="E39" s="42"/>
      <c r="F39" s="42"/>
      <c r="G39" s="42"/>
      <c r="H39" s="42"/>
      <c r="I39" s="42"/>
      <c r="J39" s="42"/>
      <c r="K39" s="42"/>
      <c r="L39" s="42"/>
      <c r="M39" s="42"/>
      <c r="N39" s="42"/>
      <c r="O39" s="42"/>
      <c r="P39" s="42"/>
      <c r="Q39" s="42"/>
    </row>
    <row r="40" spans="1:17" x14ac:dyDescent="0.25">
      <c r="A40" s="42"/>
      <c r="B40" s="42"/>
      <c r="C40" s="42"/>
      <c r="D40" s="42"/>
      <c r="E40" s="42"/>
      <c r="F40" s="42"/>
      <c r="G40" s="42"/>
      <c r="H40" s="42"/>
      <c r="I40" s="42"/>
      <c r="J40" s="42"/>
      <c r="K40" s="42"/>
      <c r="L40" s="42"/>
      <c r="M40" s="42"/>
      <c r="N40" s="42"/>
      <c r="O40" s="42"/>
      <c r="P40" s="42"/>
      <c r="Q40" s="42"/>
    </row>
    <row r="41" spans="1:17" x14ac:dyDescent="0.25">
      <c r="A41" s="42"/>
      <c r="B41" s="42"/>
      <c r="C41" s="42"/>
      <c r="D41" s="42"/>
      <c r="E41" s="42"/>
      <c r="F41" s="42"/>
      <c r="G41" s="42"/>
      <c r="H41" s="42"/>
      <c r="I41" s="42"/>
      <c r="J41" s="42"/>
      <c r="K41" s="42"/>
      <c r="L41" s="42"/>
      <c r="M41" s="42"/>
      <c r="N41" s="42"/>
      <c r="O41" s="42"/>
      <c r="P41" s="42"/>
      <c r="Q41" s="42"/>
    </row>
    <row r="42" spans="1:17" x14ac:dyDescent="0.25">
      <c r="A42" s="42"/>
      <c r="B42" s="42"/>
      <c r="C42" s="42"/>
      <c r="D42" s="42"/>
      <c r="E42" s="42"/>
      <c r="F42" s="42"/>
      <c r="G42" s="42"/>
      <c r="H42" s="42"/>
      <c r="I42" s="42"/>
      <c r="J42" s="42"/>
      <c r="K42" s="42"/>
      <c r="L42" s="42"/>
      <c r="M42" s="42"/>
      <c r="N42" s="42"/>
      <c r="O42" s="42"/>
      <c r="P42" s="42"/>
      <c r="Q42" s="42"/>
    </row>
    <row r="43" spans="1:17" x14ac:dyDescent="0.25">
      <c r="A43" s="42"/>
      <c r="B43" s="42"/>
      <c r="C43" s="42"/>
      <c r="D43" s="42"/>
      <c r="E43" s="42"/>
      <c r="F43" s="42"/>
      <c r="G43" s="42"/>
      <c r="H43" s="42"/>
      <c r="I43" s="42"/>
      <c r="J43" s="42"/>
      <c r="K43" s="42"/>
      <c r="L43" s="42"/>
      <c r="M43" s="42"/>
      <c r="N43" s="42"/>
      <c r="O43" s="42"/>
      <c r="P43" s="42"/>
      <c r="Q43" s="42"/>
    </row>
    <row r="44" spans="1:17" x14ac:dyDescent="0.25">
      <c r="A44" s="42"/>
      <c r="B44" s="42"/>
      <c r="C44" s="42"/>
      <c r="D44" s="42"/>
      <c r="E44" s="42"/>
      <c r="F44" s="42"/>
      <c r="G44" s="42"/>
      <c r="H44" s="42"/>
      <c r="I44" s="42"/>
      <c r="J44" s="42"/>
      <c r="K44" s="42"/>
      <c r="L44" s="42"/>
      <c r="M44" s="42"/>
      <c r="N44" s="42"/>
      <c r="O44" s="42"/>
      <c r="P44" s="42"/>
      <c r="Q44" s="42"/>
    </row>
    <row r="45" spans="1:17" x14ac:dyDescent="0.25">
      <c r="A45" s="42"/>
      <c r="B45" s="42"/>
      <c r="C45" s="42"/>
      <c r="D45" s="42"/>
      <c r="E45" s="42"/>
      <c r="F45" s="42"/>
      <c r="G45" s="42"/>
      <c r="H45" s="42"/>
      <c r="I45" s="42"/>
      <c r="J45" s="42"/>
      <c r="K45" s="42"/>
      <c r="L45" s="42"/>
      <c r="M45" s="42"/>
      <c r="N45" s="42"/>
      <c r="O45" s="42"/>
      <c r="P45" s="42"/>
      <c r="Q45" s="42"/>
    </row>
    <row r="46" spans="1:17" x14ac:dyDescent="0.25">
      <c r="A46" s="42"/>
      <c r="B46" s="42"/>
      <c r="C46" s="42"/>
      <c r="D46" s="42"/>
      <c r="E46" s="42"/>
      <c r="F46" s="42"/>
      <c r="G46" s="42"/>
      <c r="H46" s="42"/>
      <c r="I46" s="42"/>
      <c r="J46" s="42"/>
      <c r="K46" s="42"/>
      <c r="L46" s="42"/>
      <c r="M46" s="42"/>
      <c r="N46" s="42"/>
      <c r="O46" s="42"/>
      <c r="P46" s="42"/>
      <c r="Q46" s="42"/>
    </row>
    <row r="47" spans="1:17" x14ac:dyDescent="0.25">
      <c r="A47" s="42"/>
      <c r="B47" s="42"/>
      <c r="C47" s="42"/>
      <c r="D47" s="42"/>
      <c r="E47" s="42"/>
      <c r="F47" s="42"/>
      <c r="G47" s="42"/>
      <c r="H47" s="42"/>
      <c r="I47" s="42"/>
      <c r="J47" s="42"/>
      <c r="K47" s="42"/>
      <c r="L47" s="42"/>
      <c r="M47" s="42"/>
      <c r="N47" s="42"/>
      <c r="O47" s="42"/>
      <c r="P47" s="42"/>
      <c r="Q47" s="42"/>
    </row>
    <row r="48" spans="1:17" x14ac:dyDescent="0.25">
      <c r="A48" s="42"/>
      <c r="B48" s="42"/>
      <c r="C48" s="42"/>
      <c r="D48" s="42"/>
      <c r="E48" s="42"/>
      <c r="F48" s="42"/>
      <c r="G48" s="42"/>
      <c r="H48" s="42"/>
      <c r="I48" s="42"/>
      <c r="J48" s="42"/>
      <c r="K48" s="42"/>
      <c r="L48" s="42"/>
      <c r="M48" s="42"/>
      <c r="N48" s="42"/>
      <c r="O48" s="42"/>
      <c r="P48" s="42"/>
      <c r="Q48" s="42"/>
    </row>
    <row r="49" spans="1:17" x14ac:dyDescent="0.25">
      <c r="A49" s="42"/>
      <c r="B49" s="42"/>
      <c r="C49" s="42"/>
      <c r="D49" s="42"/>
      <c r="E49" s="42"/>
      <c r="F49" s="42"/>
      <c r="G49" s="42"/>
      <c r="H49" s="42"/>
      <c r="I49" s="42"/>
      <c r="J49" s="42"/>
      <c r="K49" s="42"/>
      <c r="L49" s="42"/>
      <c r="M49" s="42"/>
      <c r="N49" s="42"/>
      <c r="O49" s="42"/>
      <c r="P49" s="42"/>
      <c r="Q49" s="42"/>
    </row>
    <row r="50" spans="1:17" x14ac:dyDescent="0.25">
      <c r="A50" s="42"/>
      <c r="B50" s="42"/>
      <c r="C50" s="42"/>
      <c r="D50" s="42"/>
      <c r="E50" s="42"/>
      <c r="F50" s="42"/>
      <c r="G50" s="42"/>
      <c r="H50" s="42"/>
      <c r="I50" s="42"/>
      <c r="J50" s="42"/>
      <c r="K50" s="42"/>
      <c r="L50" s="42"/>
      <c r="M50" s="42"/>
      <c r="N50" s="42"/>
      <c r="O50" s="42"/>
      <c r="P50" s="42"/>
      <c r="Q50" s="42"/>
    </row>
    <row r="51" spans="1:17" x14ac:dyDescent="0.25">
      <c r="A51" s="42"/>
      <c r="B51" s="42"/>
      <c r="C51" s="42"/>
      <c r="D51" s="42"/>
      <c r="E51" s="42"/>
      <c r="F51" s="42"/>
      <c r="G51" s="42"/>
      <c r="H51" s="42"/>
      <c r="I51" s="42"/>
      <c r="J51" s="42"/>
      <c r="K51" s="42"/>
      <c r="L51" s="42"/>
      <c r="M51" s="42"/>
      <c r="N51" s="42"/>
      <c r="O51" s="42"/>
      <c r="P51" s="42"/>
      <c r="Q51" s="42"/>
    </row>
    <row r="52" spans="1:17" x14ac:dyDescent="0.25">
      <c r="A52" s="42"/>
      <c r="B52" s="42"/>
      <c r="C52" s="42"/>
      <c r="D52" s="42"/>
      <c r="E52" s="42"/>
      <c r="F52" s="42"/>
      <c r="G52" s="42"/>
      <c r="H52" s="42"/>
      <c r="I52" s="42"/>
      <c r="J52" s="42"/>
      <c r="K52" s="42"/>
      <c r="L52" s="42"/>
      <c r="M52" s="42"/>
      <c r="N52" s="42"/>
      <c r="O52" s="42"/>
      <c r="P52" s="42"/>
      <c r="Q52" s="42"/>
    </row>
    <row r="53" spans="1:17" x14ac:dyDescent="0.25">
      <c r="A53" s="42"/>
      <c r="B53" s="42"/>
      <c r="C53" s="42"/>
      <c r="D53" s="42"/>
      <c r="E53" s="42"/>
      <c r="F53" s="42"/>
      <c r="G53" s="42"/>
      <c r="H53" s="42"/>
      <c r="I53" s="42"/>
      <c r="J53" s="42"/>
      <c r="K53" s="42"/>
      <c r="L53" s="42"/>
      <c r="M53" s="42"/>
      <c r="N53" s="42"/>
      <c r="O53" s="42"/>
      <c r="P53" s="42"/>
      <c r="Q53" s="42"/>
    </row>
    <row r="54" spans="1:17" x14ac:dyDescent="0.25">
      <c r="A54" s="42"/>
      <c r="B54" s="42"/>
      <c r="C54" s="42"/>
      <c r="D54" s="42"/>
      <c r="E54" s="42"/>
      <c r="F54" s="42"/>
      <c r="G54" s="42"/>
      <c r="H54" s="42"/>
      <c r="I54" s="42"/>
      <c r="J54" s="42"/>
      <c r="K54" s="42"/>
      <c r="L54" s="42"/>
      <c r="M54" s="42"/>
      <c r="N54" s="42"/>
      <c r="O54" s="42"/>
      <c r="P54" s="42"/>
      <c r="Q54" s="42"/>
    </row>
    <row r="55" spans="1:17" x14ac:dyDescent="0.25">
      <c r="A55" s="42"/>
      <c r="B55" s="42"/>
      <c r="C55" s="42"/>
      <c r="D55" s="42"/>
      <c r="E55" s="42"/>
      <c r="F55" s="42"/>
      <c r="G55" s="42"/>
      <c r="H55" s="42"/>
      <c r="I55" s="42"/>
      <c r="J55" s="42"/>
      <c r="K55" s="42"/>
      <c r="L55" s="42"/>
      <c r="M55" s="42"/>
      <c r="N55" s="42"/>
      <c r="O55" s="42"/>
      <c r="P55" s="42"/>
      <c r="Q55" s="42"/>
    </row>
  </sheetData>
  <mergeCells count="4">
    <mergeCell ref="A1:Q22"/>
    <mergeCell ref="L36:Q37"/>
    <mergeCell ref="AD24:AI25"/>
    <mergeCell ref="A23:Q31"/>
  </mergeCells>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1C35477-0E21-42DC-B49E-6A372CF7CFFB}">
  <dimension ref="B3:Q8767"/>
  <sheetViews>
    <sheetView zoomScale="85" zoomScaleNormal="85" workbookViewId="0">
      <selection activeCell="I2" sqref="I2"/>
    </sheetView>
  </sheetViews>
  <sheetFormatPr defaultColWidth="8.85546875" defaultRowHeight="15" x14ac:dyDescent="0.25"/>
  <cols>
    <col min="1" max="1" width="8.85546875" style="42"/>
    <col min="2" max="2" width="8.85546875" style="43"/>
    <col min="3" max="16384" width="8.85546875" style="42"/>
  </cols>
  <sheetData>
    <row r="3" spans="2:17" ht="15.75" x14ac:dyDescent="0.25">
      <c r="C3" s="51" t="s">
        <v>53</v>
      </c>
    </row>
    <row r="5" spans="2:17" x14ac:dyDescent="0.25">
      <c r="C5" s="40" t="s">
        <v>54</v>
      </c>
      <c r="I5" s="40" t="s">
        <v>57</v>
      </c>
    </row>
    <row r="6" spans="2:17" ht="15.75" thickBot="1" x14ac:dyDescent="0.3">
      <c r="B6" s="41"/>
      <c r="C6" s="203" t="s">
        <v>69</v>
      </c>
      <c r="D6" s="203"/>
      <c r="E6" s="203"/>
      <c r="F6" s="203"/>
      <c r="G6" s="203"/>
      <c r="I6" s="203" t="s">
        <v>69</v>
      </c>
      <c r="J6" s="203"/>
      <c r="K6" s="203"/>
      <c r="L6" s="203"/>
      <c r="M6" s="203"/>
      <c r="N6" s="203" t="s">
        <v>68</v>
      </c>
      <c r="O6" s="203"/>
      <c r="P6" s="203"/>
      <c r="Q6" s="203"/>
    </row>
    <row r="7" spans="2:17" ht="15.75" thickBot="1" x14ac:dyDescent="0.3">
      <c r="B7" s="41" t="s">
        <v>59</v>
      </c>
      <c r="C7" s="52" t="s">
        <v>32</v>
      </c>
      <c r="D7" s="53" t="s">
        <v>33</v>
      </c>
      <c r="E7" s="53" t="s">
        <v>34</v>
      </c>
      <c r="F7" s="53" t="s">
        <v>35</v>
      </c>
      <c r="G7" s="54" t="s">
        <v>36</v>
      </c>
      <c r="H7" s="41" t="s">
        <v>58</v>
      </c>
      <c r="I7" s="52" t="s">
        <v>32</v>
      </c>
      <c r="J7" s="53" t="s">
        <v>33</v>
      </c>
      <c r="K7" s="53" t="s">
        <v>34</v>
      </c>
      <c r="L7" s="53" t="s">
        <v>35</v>
      </c>
      <c r="M7" s="54" t="s">
        <v>36</v>
      </c>
      <c r="N7" s="52" t="s">
        <v>32</v>
      </c>
      <c r="O7" s="53" t="s">
        <v>33</v>
      </c>
      <c r="P7" s="53" t="s">
        <v>34</v>
      </c>
      <c r="Q7" s="54" t="s">
        <v>35</v>
      </c>
    </row>
    <row r="8" spans="2:17" x14ac:dyDescent="0.25">
      <c r="B8" s="43">
        <v>1</v>
      </c>
      <c r="C8" s="55">
        <f>Jesper!AM2</f>
        <v>89.63384308251041</v>
      </c>
      <c r="D8" s="56">
        <f>Jesper!AN2</f>
        <v>322.13552034530431</v>
      </c>
      <c r="E8" s="56">
        <f>Jesper!AO2</f>
        <v>8.776415254158918</v>
      </c>
      <c r="F8" s="56">
        <f>Jesper!AP2</f>
        <v>4.388207627079459</v>
      </c>
      <c r="G8" s="57">
        <f>Jesper!AQ2</f>
        <v>0</v>
      </c>
      <c r="H8" s="43">
        <v>1</v>
      </c>
      <c r="I8" s="55">
        <f>Bühler!I34</f>
        <v>2.4633414322321125</v>
      </c>
      <c r="J8" s="56">
        <f>Bühler!J34</f>
        <v>13.369338263156882</v>
      </c>
      <c r="K8" s="56">
        <f>Bühler!K34</f>
        <v>0.36568396892328808</v>
      </c>
      <c r="L8" s="56">
        <f>Bühler!L34</f>
        <v>0.18284198446164404</v>
      </c>
      <c r="M8" s="57">
        <f>Bühler!M34</f>
        <v>0</v>
      </c>
      <c r="N8" s="73">
        <f>IF(Input!$K$13=1,J8*Input!$J$13,0)+IF(Input!$K$14=1,K8*Input!$J$14,0)+IF(Input!$K$15=1,L8*Input!$J$15,0)+IF(Input!$K$16=1,M8*Input!$J$16,0)</f>
        <v>1.6043205915788257</v>
      </c>
      <c r="O8" s="56">
        <f>IF(Input!$K$13=2,J8*Input!$J$13,0)+IF(Input!$K$14=2,K8*Input!$J$14,0)+IF(Input!$K$15=2,L8*Input!$J$15,0)+IF(Input!$K$16=2,M8*Input!$J$16,0)</f>
        <v>4.9367335804643891E-2</v>
      </c>
      <c r="P8" s="56">
        <f>IF(Input!$K$13=3,J8*Input!$J$13,0)+IF(Input!$K$14=3,K8*Input!$J$14,0)+IF(Input!$K$15=3,L8*Input!$J$15,0)+IF(Input!$K$16=3,M8*Input!$J$16,0)</f>
        <v>0</v>
      </c>
      <c r="Q8" s="70">
        <f>IF(Input!$K$13=4,J8*Input!$J$13,0)+IF(Input!$K$14=4,K8*Input!$J$14,0)+IF(Input!$K$15=4,L8*Input!$J$15,0)+IF(Input!$K$16=4,M8*Input!$J$16,0)</f>
        <v>0</v>
      </c>
    </row>
    <row r="9" spans="2:17" x14ac:dyDescent="0.25">
      <c r="B9" s="43">
        <v>2</v>
      </c>
      <c r="C9" s="55">
        <f>Jesper!AM3</f>
        <v>178.73134661246846</v>
      </c>
      <c r="D9" s="58">
        <f>Jesper!AN3</f>
        <v>948.56861076950815</v>
      </c>
      <c r="E9" s="58">
        <f>Jesper!AO3</f>
        <v>41.685642781522994</v>
      </c>
      <c r="F9" s="58">
        <f>Jesper!AP3</f>
        <v>20.842821390761497</v>
      </c>
      <c r="G9" s="57">
        <f>Jesper!AQ3</f>
        <v>0</v>
      </c>
      <c r="H9" s="43">
        <v>2</v>
      </c>
      <c r="I9" s="55">
        <f>Bühler!I35</f>
        <v>2.8606545664630989</v>
      </c>
      <c r="J9" s="58">
        <f>Bühler!J35</f>
        <v>13.385892977083174</v>
      </c>
      <c r="K9" s="58">
        <f>Bühler!K35</f>
        <v>0.36568396892328808</v>
      </c>
      <c r="L9" s="58">
        <f>Bühler!L35</f>
        <v>0.18284198446164404</v>
      </c>
      <c r="M9" s="57">
        <f>Bühler!M35</f>
        <v>0</v>
      </c>
      <c r="N9" s="55">
        <f>IF(Input!$K$13=1,J9*Input!$J$13,0)+IF(Input!$K$14=1,K9*Input!$J$14,0)+IF(Input!$K$15=1,L9*Input!$J$15,0)+IF(Input!$K$16=1,M9*Input!$J$16,0)</f>
        <v>1.6063071572499807</v>
      </c>
      <c r="O9" s="58">
        <f>IF(Input!$K$13=2,J9*Input!$J$13,0)+IF(Input!$K$14=2,K9*Input!$J$14,0)+IF(Input!$K$15=2,L9*Input!$J$15,0)+IF(Input!$K$16=2,M9*Input!$J$16,0)</f>
        <v>4.9367335804643891E-2</v>
      </c>
      <c r="P9" s="58">
        <f>IF(Input!$K$13=3,J9*Input!$J$13,0)+IF(Input!$K$14=3,K9*Input!$J$14,0)+IF(Input!$K$15=3,L9*Input!$J$15,0)+IF(Input!$K$16=3,M9*Input!$J$16,0)</f>
        <v>0</v>
      </c>
      <c r="Q9" s="71">
        <f>IF(Input!$K$13=4,J9*Input!$J$13,0)+IF(Input!$K$14=4,K9*Input!$J$14,0)+IF(Input!$K$15=4,L9*Input!$J$15,0)+IF(Input!$K$16=4,M9*Input!$J$16,0)</f>
        <v>0</v>
      </c>
    </row>
    <row r="10" spans="2:17" x14ac:dyDescent="0.25">
      <c r="B10" s="43">
        <v>3</v>
      </c>
      <c r="C10" s="55">
        <f>Jesper!AM4</f>
        <v>141.54405412353836</v>
      </c>
      <c r="D10" s="58">
        <f>Jesper!AN4</f>
        <v>866.03314046034438</v>
      </c>
      <c r="E10" s="58">
        <f>Jesper!AO4</f>
        <v>41.191575246733748</v>
      </c>
      <c r="F10" s="58">
        <f>Jesper!AP4</f>
        <v>20.595787623366874</v>
      </c>
      <c r="G10" s="57">
        <f>Jesper!AQ4</f>
        <v>0</v>
      </c>
      <c r="H10" s="43">
        <v>3</v>
      </c>
      <c r="I10" s="55">
        <f>Bühler!I36</f>
        <v>2.8606545664630989</v>
      </c>
      <c r="J10" s="58">
        <f>Bühler!J36</f>
        <v>13.385892977083174</v>
      </c>
      <c r="K10" s="58">
        <f>Bühler!K36</f>
        <v>0.36568396892328808</v>
      </c>
      <c r="L10" s="58">
        <f>Bühler!L36</f>
        <v>0.18284198446164404</v>
      </c>
      <c r="M10" s="57">
        <f>Bühler!M36</f>
        <v>0</v>
      </c>
      <c r="N10" s="55">
        <f>IF(Input!$K$13=1,J10*Input!$J$13,0)+IF(Input!$K$14=1,K10*Input!$J$14,0)+IF(Input!$K$15=1,L10*Input!$J$15,0)+IF(Input!$K$16=1,M10*Input!$J$16,0)</f>
        <v>1.6063071572499807</v>
      </c>
      <c r="O10" s="58">
        <f>IF(Input!$K$13=2,J10*Input!$J$13,0)+IF(Input!$K$14=2,K10*Input!$J$14,0)+IF(Input!$K$15=2,L10*Input!$J$15,0)+IF(Input!$K$16=2,M10*Input!$J$16,0)</f>
        <v>4.9367335804643891E-2</v>
      </c>
      <c r="P10" s="58">
        <f>IF(Input!$K$13=3,J10*Input!$J$13,0)+IF(Input!$K$14=3,K10*Input!$J$14,0)+IF(Input!$K$15=3,L10*Input!$J$15,0)+IF(Input!$K$16=3,M10*Input!$J$16,0)</f>
        <v>0</v>
      </c>
      <c r="Q10" s="71">
        <f>IF(Input!$K$13=4,J10*Input!$J$13,0)+IF(Input!$K$14=4,K10*Input!$J$14,0)+IF(Input!$K$15=4,L10*Input!$J$15,0)+IF(Input!$K$16=4,M10*Input!$J$16,0)</f>
        <v>0</v>
      </c>
    </row>
    <row r="11" spans="2:17" x14ac:dyDescent="0.25">
      <c r="B11" s="43">
        <v>4</v>
      </c>
      <c r="C11" s="55">
        <f>Jesper!AM5</f>
        <v>154.6689808843372</v>
      </c>
      <c r="D11" s="58">
        <f>Jesper!AN5</f>
        <v>895.16330645181392</v>
      </c>
      <c r="E11" s="58">
        <f>Jesper!AO5</f>
        <v>41.365952023718194</v>
      </c>
      <c r="F11" s="58">
        <f>Jesper!AP5</f>
        <v>20.682976011859097</v>
      </c>
      <c r="G11" s="57">
        <f>Jesper!AQ5</f>
        <v>0</v>
      </c>
      <c r="H11" s="43">
        <v>4</v>
      </c>
      <c r="I11" s="55">
        <f>Bühler!I37</f>
        <v>2.8606545664630989</v>
      </c>
      <c r="J11" s="58">
        <f>Bühler!J37</f>
        <v>13.385892977083174</v>
      </c>
      <c r="K11" s="58">
        <f>Bühler!K37</f>
        <v>0.36568396892328808</v>
      </c>
      <c r="L11" s="58">
        <f>Bühler!L37</f>
        <v>0.18284198446164404</v>
      </c>
      <c r="M11" s="57">
        <f>Bühler!M37</f>
        <v>0</v>
      </c>
      <c r="N11" s="55">
        <f>IF(Input!$K$13=1,J11*Input!$J$13,0)+IF(Input!$K$14=1,K11*Input!$J$14,0)+IF(Input!$K$15=1,L11*Input!$J$15,0)+IF(Input!$K$16=1,M11*Input!$J$16,0)</f>
        <v>1.6063071572499807</v>
      </c>
      <c r="O11" s="58">
        <f>IF(Input!$K$13=2,J11*Input!$J$13,0)+IF(Input!$K$14=2,K11*Input!$J$14,0)+IF(Input!$K$15=2,L11*Input!$J$15,0)+IF(Input!$K$16=2,M11*Input!$J$16,0)</f>
        <v>4.9367335804643891E-2</v>
      </c>
      <c r="P11" s="58">
        <f>IF(Input!$K$13=3,J11*Input!$J$13,0)+IF(Input!$K$14=3,K11*Input!$J$14,0)+IF(Input!$K$15=3,L11*Input!$J$15,0)+IF(Input!$K$16=3,M11*Input!$J$16,0)</f>
        <v>0</v>
      </c>
      <c r="Q11" s="71">
        <f>IF(Input!$K$13=4,J11*Input!$J$13,0)+IF(Input!$K$14=4,K11*Input!$J$14,0)+IF(Input!$K$15=4,L11*Input!$J$15,0)+IF(Input!$K$16=4,M11*Input!$J$16,0)</f>
        <v>0</v>
      </c>
    </row>
    <row r="12" spans="2:17" x14ac:dyDescent="0.25">
      <c r="B12" s="43">
        <v>5</v>
      </c>
      <c r="C12" s="55">
        <f>Jesper!AM6</f>
        <v>49.669566797946381</v>
      </c>
      <c r="D12" s="58">
        <f>Jesper!AN6</f>
        <v>662.12197852005818</v>
      </c>
      <c r="E12" s="58">
        <f>Jesper!AO6</f>
        <v>39.970937807842702</v>
      </c>
      <c r="F12" s="58">
        <f>Jesper!AP6</f>
        <v>19.985468903921351</v>
      </c>
      <c r="G12" s="57">
        <f>Jesper!AQ6</f>
        <v>0</v>
      </c>
      <c r="H12" s="43">
        <v>5</v>
      </c>
      <c r="I12" s="55">
        <f>Bühler!I38</f>
        <v>2.8606545664630989</v>
      </c>
      <c r="J12" s="58">
        <f>Bühler!J38</f>
        <v>13.385892977083174</v>
      </c>
      <c r="K12" s="58">
        <f>Bühler!K38</f>
        <v>0.36568396892328808</v>
      </c>
      <c r="L12" s="58">
        <f>Bühler!L38</f>
        <v>0.18284198446164404</v>
      </c>
      <c r="M12" s="57">
        <f>Bühler!M38</f>
        <v>0</v>
      </c>
      <c r="N12" s="55">
        <f>IF(Input!$K$13=1,J12*Input!$J$13,0)+IF(Input!$K$14=1,K12*Input!$J$14,0)+IF(Input!$K$15=1,L12*Input!$J$15,0)+IF(Input!$K$16=1,M12*Input!$J$16,0)</f>
        <v>1.6063071572499807</v>
      </c>
      <c r="O12" s="58">
        <f>IF(Input!$K$13=2,J12*Input!$J$13,0)+IF(Input!$K$14=2,K12*Input!$J$14,0)+IF(Input!$K$15=2,L12*Input!$J$15,0)+IF(Input!$K$16=2,M12*Input!$J$16,0)</f>
        <v>4.9367335804643891E-2</v>
      </c>
      <c r="P12" s="58">
        <f>IF(Input!$K$13=3,J12*Input!$J$13,0)+IF(Input!$K$14=3,K12*Input!$J$14,0)+IF(Input!$K$15=3,L12*Input!$J$15,0)+IF(Input!$K$16=3,M12*Input!$J$16,0)</f>
        <v>0</v>
      </c>
      <c r="Q12" s="71">
        <f>IF(Input!$K$13=4,J12*Input!$J$13,0)+IF(Input!$K$14=4,K12*Input!$J$14,0)+IF(Input!$K$15=4,L12*Input!$J$15,0)+IF(Input!$K$16=4,M12*Input!$J$16,0)</f>
        <v>0</v>
      </c>
    </row>
    <row r="13" spans="2:17" x14ac:dyDescent="0.25">
      <c r="B13" s="43">
        <v>6</v>
      </c>
      <c r="C13" s="55">
        <f>Jesper!AM7</f>
        <v>78.106908113010562</v>
      </c>
      <c r="D13" s="58">
        <f>Jesper!AN7</f>
        <v>725.23733816824199</v>
      </c>
      <c r="E13" s="58">
        <f>Jesper!AO7</f>
        <v>40.348754157975648</v>
      </c>
      <c r="F13" s="58">
        <f>Jesper!AP7</f>
        <v>20.174377078987824</v>
      </c>
      <c r="G13" s="57">
        <f>Jesper!AQ7</f>
        <v>0</v>
      </c>
      <c r="H13" s="43">
        <v>6</v>
      </c>
      <c r="I13" s="55">
        <f>Bühler!I39</f>
        <v>3.5758182080788736</v>
      </c>
      <c r="J13" s="58">
        <f>Bühler!J39</f>
        <v>13.415691462150496</v>
      </c>
      <c r="K13" s="58">
        <f>Bühler!K39</f>
        <v>0.36568396892328808</v>
      </c>
      <c r="L13" s="58">
        <f>Bühler!L39</f>
        <v>0.18284198446164404</v>
      </c>
      <c r="M13" s="57">
        <f>Bühler!M39</f>
        <v>0</v>
      </c>
      <c r="N13" s="55">
        <f>IF(Input!$K$13=1,J13*Input!$J$13,0)+IF(Input!$K$14=1,K13*Input!$J$14,0)+IF(Input!$K$15=1,L13*Input!$J$15,0)+IF(Input!$K$16=1,M13*Input!$J$16,0)</f>
        <v>1.6098829754580595</v>
      </c>
      <c r="O13" s="58">
        <f>IF(Input!$K$13=2,J13*Input!$J$13,0)+IF(Input!$K$14=2,K13*Input!$J$14,0)+IF(Input!$K$15=2,L13*Input!$J$15,0)+IF(Input!$K$16=2,M13*Input!$J$16,0)</f>
        <v>4.9367335804643891E-2</v>
      </c>
      <c r="P13" s="58">
        <f>IF(Input!$K$13=3,J13*Input!$J$13,0)+IF(Input!$K$14=3,K13*Input!$J$14,0)+IF(Input!$K$15=3,L13*Input!$J$15,0)+IF(Input!$K$16=3,M13*Input!$J$16,0)</f>
        <v>0</v>
      </c>
      <c r="Q13" s="71">
        <f>IF(Input!$K$13=4,J13*Input!$J$13,0)+IF(Input!$K$14=4,K13*Input!$J$14,0)+IF(Input!$K$15=4,L13*Input!$J$15,0)+IF(Input!$K$16=4,M13*Input!$J$16,0)</f>
        <v>0</v>
      </c>
    </row>
    <row r="14" spans="2:17" x14ac:dyDescent="0.25">
      <c r="B14" s="43">
        <v>7</v>
      </c>
      <c r="C14" s="55">
        <f>Jesper!AM8</f>
        <v>62.783225430589312</v>
      </c>
      <c r="D14" s="58">
        <f>Jesper!AN8</f>
        <v>259.67814096828755</v>
      </c>
      <c r="E14" s="58">
        <f>Jesper!AO8</f>
        <v>7.7904190367965942</v>
      </c>
      <c r="F14" s="58">
        <f>Jesper!AP8</f>
        <v>3.8952095183982971</v>
      </c>
      <c r="G14" s="57">
        <f>Jesper!AQ8</f>
        <v>0</v>
      </c>
      <c r="H14" s="43">
        <v>7</v>
      </c>
      <c r="I14" s="55">
        <f>Bühler!I40</f>
        <v>4.2115192228484517</v>
      </c>
      <c r="J14" s="58">
        <f>Bühler!J40</f>
        <v>13.442179004432562</v>
      </c>
      <c r="K14" s="58">
        <f>Bühler!K40</f>
        <v>0.36568396892328808</v>
      </c>
      <c r="L14" s="58">
        <f>Bühler!L40</f>
        <v>0.18284198446164404</v>
      </c>
      <c r="M14" s="57">
        <f>Bühler!M40</f>
        <v>0</v>
      </c>
      <c r="N14" s="55">
        <f>IF(Input!$K$13=1,J14*Input!$J$13,0)+IF(Input!$K$14=1,K14*Input!$J$14,0)+IF(Input!$K$15=1,L14*Input!$J$15,0)+IF(Input!$K$16=1,M14*Input!$J$16,0)</f>
        <v>1.6130614805319075</v>
      </c>
      <c r="O14" s="58">
        <f>IF(Input!$K$13=2,J14*Input!$J$13,0)+IF(Input!$K$14=2,K14*Input!$J$14,0)+IF(Input!$K$15=2,L14*Input!$J$15,0)+IF(Input!$K$16=2,M14*Input!$J$16,0)</f>
        <v>4.9367335804643891E-2</v>
      </c>
      <c r="P14" s="58">
        <f>IF(Input!$K$13=3,J14*Input!$J$13,0)+IF(Input!$K$14=3,K14*Input!$J$14,0)+IF(Input!$K$15=3,L14*Input!$J$15,0)+IF(Input!$K$16=3,M14*Input!$J$16,0)</f>
        <v>0</v>
      </c>
      <c r="Q14" s="71">
        <f>IF(Input!$K$13=4,J14*Input!$J$13,0)+IF(Input!$K$14=4,K14*Input!$J$14,0)+IF(Input!$K$15=4,L14*Input!$J$15,0)+IF(Input!$K$16=4,M14*Input!$J$16,0)</f>
        <v>0</v>
      </c>
    </row>
    <row r="15" spans="2:17" x14ac:dyDescent="0.25">
      <c r="B15" s="43">
        <v>8</v>
      </c>
      <c r="C15" s="55">
        <f>Jesper!AM9</f>
        <v>104.09186797200641</v>
      </c>
      <c r="D15" s="58">
        <f>Jesper!AN9</f>
        <v>355.76641693292879</v>
      </c>
      <c r="E15" s="58">
        <f>Jesper!AO9</f>
        <v>9.3073362942770927</v>
      </c>
      <c r="F15" s="58">
        <f>Jesper!AP9</f>
        <v>4.6536681471385464</v>
      </c>
      <c r="G15" s="57">
        <f>Jesper!AQ9</f>
        <v>0</v>
      </c>
      <c r="H15" s="43">
        <v>8</v>
      </c>
      <c r="I15" s="55">
        <f>Bühler!I41</f>
        <v>5.0061454913104235</v>
      </c>
      <c r="J15" s="58">
        <f>Bühler!J41</f>
        <v>13.475288432285144</v>
      </c>
      <c r="K15" s="58">
        <f>Bühler!K41</f>
        <v>0.36568396892328808</v>
      </c>
      <c r="L15" s="58">
        <f>Bühler!L41</f>
        <v>0.18284198446164404</v>
      </c>
      <c r="M15" s="57">
        <f>Bühler!M41</f>
        <v>0</v>
      </c>
      <c r="N15" s="55">
        <f>IF(Input!$K$13=1,J15*Input!$J$13,0)+IF(Input!$K$14=1,K15*Input!$J$14,0)+IF(Input!$K$15=1,L15*Input!$J$15,0)+IF(Input!$K$16=1,M15*Input!$J$16,0)</f>
        <v>1.6170346118742172</v>
      </c>
      <c r="O15" s="58">
        <f>IF(Input!$K$13=2,J15*Input!$J$13,0)+IF(Input!$K$14=2,K15*Input!$J$14,0)+IF(Input!$K$15=2,L15*Input!$J$15,0)+IF(Input!$K$16=2,M15*Input!$J$16,0)</f>
        <v>4.9367335804643891E-2</v>
      </c>
      <c r="P15" s="58">
        <f>IF(Input!$K$13=3,J15*Input!$J$13,0)+IF(Input!$K$14=3,K15*Input!$J$14,0)+IF(Input!$K$15=3,L15*Input!$J$15,0)+IF(Input!$K$16=3,M15*Input!$J$16,0)</f>
        <v>0</v>
      </c>
      <c r="Q15" s="71">
        <f>IF(Input!$K$13=4,J15*Input!$J$13,0)+IF(Input!$K$14=4,K15*Input!$J$14,0)+IF(Input!$K$15=4,L15*Input!$J$15,0)+IF(Input!$K$16=4,M15*Input!$J$16,0)</f>
        <v>0</v>
      </c>
    </row>
    <row r="16" spans="2:17" x14ac:dyDescent="0.25">
      <c r="B16" s="43">
        <v>9</v>
      </c>
      <c r="C16" s="55">
        <f>Jesper!AM10</f>
        <v>187.48129778633432</v>
      </c>
      <c r="D16" s="58">
        <f>Jesper!AN10</f>
        <v>967.98872143048789</v>
      </c>
      <c r="E16" s="58">
        <f>Jesper!AO10</f>
        <v>41.801893966179286</v>
      </c>
      <c r="F16" s="58">
        <f>Jesper!AP10</f>
        <v>20.900946983089643</v>
      </c>
      <c r="G16" s="57">
        <f>Jesper!AQ10</f>
        <v>0</v>
      </c>
      <c r="H16" s="43">
        <v>9</v>
      </c>
      <c r="I16" s="55">
        <f>Bühler!I42</f>
        <v>5.0061454913104235</v>
      </c>
      <c r="J16" s="58">
        <f>Bühler!J42</f>
        <v>13.475288432285144</v>
      </c>
      <c r="K16" s="58">
        <f>Bühler!K42</f>
        <v>0.36568396892328808</v>
      </c>
      <c r="L16" s="58">
        <f>Bühler!L42</f>
        <v>0.18284198446164404</v>
      </c>
      <c r="M16" s="57">
        <f>Bühler!M42</f>
        <v>0</v>
      </c>
      <c r="N16" s="55">
        <f>IF(Input!$K$13=1,J16*Input!$J$13,0)+IF(Input!$K$14=1,K16*Input!$J$14,0)+IF(Input!$K$15=1,L16*Input!$J$15,0)+IF(Input!$K$16=1,M16*Input!$J$16,0)</f>
        <v>1.6170346118742172</v>
      </c>
      <c r="O16" s="58">
        <f>IF(Input!$K$13=2,J16*Input!$J$13,0)+IF(Input!$K$14=2,K16*Input!$J$14,0)+IF(Input!$K$15=2,L16*Input!$J$15,0)+IF(Input!$K$16=2,M16*Input!$J$16,0)</f>
        <v>4.9367335804643891E-2</v>
      </c>
      <c r="P16" s="58">
        <f>IF(Input!$K$13=3,J16*Input!$J$13,0)+IF(Input!$K$14=3,K16*Input!$J$14,0)+IF(Input!$K$15=3,L16*Input!$J$15,0)+IF(Input!$K$16=3,M16*Input!$J$16,0)</f>
        <v>0</v>
      </c>
      <c r="Q16" s="71">
        <f>IF(Input!$K$13=4,J16*Input!$J$13,0)+IF(Input!$K$14=4,K16*Input!$J$14,0)+IF(Input!$K$15=4,L16*Input!$J$15,0)+IF(Input!$K$16=4,M16*Input!$J$16,0)</f>
        <v>0</v>
      </c>
    </row>
    <row r="17" spans="2:17" x14ac:dyDescent="0.25">
      <c r="B17" s="43">
        <v>10</v>
      </c>
      <c r="C17" s="55">
        <f>Jesper!AM11</f>
        <v>141.54405412353836</v>
      </c>
      <c r="D17" s="58">
        <f>Jesper!AN11</f>
        <v>866.03314046034438</v>
      </c>
      <c r="E17" s="58">
        <f>Jesper!AO11</f>
        <v>41.191575246733748</v>
      </c>
      <c r="F17" s="58">
        <f>Jesper!AP11</f>
        <v>20.595787623366874</v>
      </c>
      <c r="G17" s="57">
        <f>Jesper!AQ11</f>
        <v>0</v>
      </c>
      <c r="H17" s="43">
        <v>10</v>
      </c>
      <c r="I17" s="55">
        <f>Bühler!I43</f>
        <v>5.0061454913104235</v>
      </c>
      <c r="J17" s="58">
        <f>Bühler!J43</f>
        <v>13.475288432285144</v>
      </c>
      <c r="K17" s="58">
        <f>Bühler!K43</f>
        <v>0.36568396892328808</v>
      </c>
      <c r="L17" s="58">
        <f>Bühler!L43</f>
        <v>0.18284198446164404</v>
      </c>
      <c r="M17" s="57">
        <f>Bühler!M43</f>
        <v>0</v>
      </c>
      <c r="N17" s="55">
        <f>IF(Input!$K$13=1,J17*Input!$J$13,0)+IF(Input!$K$14=1,K17*Input!$J$14,0)+IF(Input!$K$15=1,L17*Input!$J$15,0)+IF(Input!$K$16=1,M17*Input!$J$16,0)</f>
        <v>1.6170346118742172</v>
      </c>
      <c r="O17" s="58">
        <f>IF(Input!$K$13=2,J17*Input!$J$13,0)+IF(Input!$K$14=2,K17*Input!$J$14,0)+IF(Input!$K$15=2,L17*Input!$J$15,0)+IF(Input!$K$16=2,M17*Input!$J$16,0)</f>
        <v>4.9367335804643891E-2</v>
      </c>
      <c r="P17" s="58">
        <f>IF(Input!$K$13=3,J17*Input!$J$13,0)+IF(Input!$K$14=3,K17*Input!$J$14,0)+IF(Input!$K$15=3,L17*Input!$J$15,0)+IF(Input!$K$16=3,M17*Input!$J$16,0)</f>
        <v>0</v>
      </c>
      <c r="Q17" s="71">
        <f>IF(Input!$K$13=4,J17*Input!$J$13,0)+IF(Input!$K$14=4,K17*Input!$J$14,0)+IF(Input!$K$15=4,L17*Input!$J$15,0)+IF(Input!$K$16=4,M17*Input!$J$16,0)</f>
        <v>0</v>
      </c>
    </row>
    <row r="18" spans="2:17" x14ac:dyDescent="0.25">
      <c r="B18" s="43">
        <v>11</v>
      </c>
      <c r="C18" s="55">
        <f>Jesper!AM12</f>
        <v>196.23124896020025</v>
      </c>
      <c r="D18" s="58">
        <f>Jesper!AN12</f>
        <v>987.40883209146739</v>
      </c>
      <c r="E18" s="58">
        <f>Jesper!AO12</f>
        <v>41.918145150835571</v>
      </c>
      <c r="F18" s="58">
        <f>Jesper!AP12</f>
        <v>20.959072575417785</v>
      </c>
      <c r="G18" s="57">
        <f>Jesper!AQ12</f>
        <v>0</v>
      </c>
      <c r="H18" s="43">
        <v>11</v>
      </c>
      <c r="I18" s="55">
        <f>Bühler!I44</f>
        <v>5.0061454913104235</v>
      </c>
      <c r="J18" s="58">
        <f>Bühler!J44</f>
        <v>13.475288432285144</v>
      </c>
      <c r="K18" s="58">
        <f>Bühler!K44</f>
        <v>0.36568396892328808</v>
      </c>
      <c r="L18" s="58">
        <f>Bühler!L44</f>
        <v>0.18284198446164404</v>
      </c>
      <c r="M18" s="57">
        <f>Bühler!M44</f>
        <v>0</v>
      </c>
      <c r="N18" s="55">
        <f>IF(Input!$K$13=1,J18*Input!$J$13,0)+IF(Input!$K$14=1,K18*Input!$J$14,0)+IF(Input!$K$15=1,L18*Input!$J$15,0)+IF(Input!$K$16=1,M18*Input!$J$16,0)</f>
        <v>1.6170346118742172</v>
      </c>
      <c r="O18" s="58">
        <f>IF(Input!$K$13=2,J18*Input!$J$13,0)+IF(Input!$K$14=2,K18*Input!$J$14,0)+IF(Input!$K$15=2,L18*Input!$J$15,0)+IF(Input!$K$16=2,M18*Input!$J$16,0)</f>
        <v>4.9367335804643891E-2</v>
      </c>
      <c r="P18" s="58">
        <f>IF(Input!$K$13=3,J18*Input!$J$13,0)+IF(Input!$K$14=3,K18*Input!$J$14,0)+IF(Input!$K$15=3,L18*Input!$J$15,0)+IF(Input!$K$16=3,M18*Input!$J$16,0)</f>
        <v>0</v>
      </c>
      <c r="Q18" s="71">
        <f>IF(Input!$K$13=4,J18*Input!$J$13,0)+IF(Input!$K$14=4,K18*Input!$J$14,0)+IF(Input!$K$15=4,L18*Input!$J$15,0)+IF(Input!$K$16=4,M18*Input!$J$16,0)</f>
        <v>0</v>
      </c>
    </row>
    <row r="19" spans="2:17" x14ac:dyDescent="0.25">
      <c r="B19" s="43">
        <v>12</v>
      </c>
      <c r="C19" s="55">
        <f>Jesper!AM13</f>
        <v>93.419322667275893</v>
      </c>
      <c r="D19" s="58">
        <f>Jesper!AN13</f>
        <v>759.22253182495638</v>
      </c>
      <c r="E19" s="58">
        <f>Jesper!AO13</f>
        <v>40.552193731124156</v>
      </c>
      <c r="F19" s="58">
        <f>Jesper!AP13</f>
        <v>20.276096865562078</v>
      </c>
      <c r="G19" s="57">
        <f>Jesper!AQ13</f>
        <v>0</v>
      </c>
      <c r="H19" s="43">
        <v>12</v>
      </c>
      <c r="I19" s="55">
        <f>Bühler!I45</f>
        <v>5.0061454913104235</v>
      </c>
      <c r="J19" s="58">
        <f>Bühler!J45</f>
        <v>13.475288432285144</v>
      </c>
      <c r="K19" s="58">
        <f>Bühler!K45</f>
        <v>0.36568396892328808</v>
      </c>
      <c r="L19" s="58">
        <f>Bühler!L45</f>
        <v>0.18284198446164404</v>
      </c>
      <c r="M19" s="57">
        <f>Bühler!M45</f>
        <v>0</v>
      </c>
      <c r="N19" s="55">
        <f>IF(Input!$K$13=1,J19*Input!$J$13,0)+IF(Input!$K$14=1,K19*Input!$J$14,0)+IF(Input!$K$15=1,L19*Input!$J$15,0)+IF(Input!$K$16=1,M19*Input!$J$16,0)</f>
        <v>1.6170346118742172</v>
      </c>
      <c r="O19" s="58">
        <f>IF(Input!$K$13=2,J19*Input!$J$13,0)+IF(Input!$K$14=2,K19*Input!$J$14,0)+IF(Input!$K$15=2,L19*Input!$J$15,0)+IF(Input!$K$16=2,M19*Input!$J$16,0)</f>
        <v>4.9367335804643891E-2</v>
      </c>
      <c r="P19" s="58">
        <f>IF(Input!$K$13=3,J19*Input!$J$13,0)+IF(Input!$K$14=3,K19*Input!$J$14,0)+IF(Input!$K$15=3,L19*Input!$J$15,0)+IF(Input!$K$16=3,M19*Input!$J$16,0)</f>
        <v>0</v>
      </c>
      <c r="Q19" s="71">
        <f>IF(Input!$K$13=4,J19*Input!$J$13,0)+IF(Input!$K$14=4,K19*Input!$J$14,0)+IF(Input!$K$15=4,L19*Input!$J$15,0)+IF(Input!$K$16=4,M19*Input!$J$16,0)</f>
        <v>0</v>
      </c>
    </row>
    <row r="20" spans="2:17" x14ac:dyDescent="0.25">
      <c r="B20" s="43">
        <v>13</v>
      </c>
      <c r="C20" s="55">
        <f>Jesper!AM14</f>
        <v>124.04415177580654</v>
      </c>
      <c r="D20" s="58">
        <f>Jesper!AN14</f>
        <v>827.19291913838526</v>
      </c>
      <c r="E20" s="58">
        <f>Jesper!AO14</f>
        <v>40.959072877421178</v>
      </c>
      <c r="F20" s="58">
        <f>Jesper!AP14</f>
        <v>20.479536438710589</v>
      </c>
      <c r="G20" s="57">
        <f>Jesper!AQ14</f>
        <v>0</v>
      </c>
      <c r="H20" s="43">
        <v>13</v>
      </c>
      <c r="I20" s="55">
        <f>Bühler!I46</f>
        <v>5.0061454913104235</v>
      </c>
      <c r="J20" s="58">
        <f>Bühler!J46</f>
        <v>13.475288432285144</v>
      </c>
      <c r="K20" s="58">
        <f>Bühler!K46</f>
        <v>0.36568396892328808</v>
      </c>
      <c r="L20" s="58">
        <f>Bühler!L46</f>
        <v>0.18284198446164404</v>
      </c>
      <c r="M20" s="57">
        <f>Bühler!M46</f>
        <v>0</v>
      </c>
      <c r="N20" s="55">
        <f>IF(Input!$K$13=1,J20*Input!$J$13,0)+IF(Input!$K$14=1,K20*Input!$J$14,0)+IF(Input!$K$15=1,L20*Input!$J$15,0)+IF(Input!$K$16=1,M20*Input!$J$16,0)</f>
        <v>1.6170346118742172</v>
      </c>
      <c r="O20" s="58">
        <f>IF(Input!$K$13=2,J20*Input!$J$13,0)+IF(Input!$K$14=2,K20*Input!$J$14,0)+IF(Input!$K$15=2,L20*Input!$J$15,0)+IF(Input!$K$16=2,M20*Input!$J$16,0)</f>
        <v>4.9367335804643891E-2</v>
      </c>
      <c r="P20" s="58">
        <f>IF(Input!$K$13=3,J20*Input!$J$13,0)+IF(Input!$K$14=3,K20*Input!$J$14,0)+IF(Input!$K$15=3,L20*Input!$J$15,0)+IF(Input!$K$16=3,M20*Input!$J$16,0)</f>
        <v>0</v>
      </c>
      <c r="Q20" s="71">
        <f>IF(Input!$K$13=4,J20*Input!$J$13,0)+IF(Input!$K$14=4,K20*Input!$J$14,0)+IF(Input!$K$15=4,L20*Input!$J$15,0)+IF(Input!$K$16=4,M20*Input!$J$16,0)</f>
        <v>0</v>
      </c>
    </row>
    <row r="21" spans="2:17" x14ac:dyDescent="0.25">
      <c r="B21" s="43">
        <v>14</v>
      </c>
      <c r="C21" s="55">
        <f>Jesper!AM15</f>
        <v>70.012237875337291</v>
      </c>
      <c r="D21" s="58">
        <f>Jesper!AN15</f>
        <v>276.49358926209976</v>
      </c>
      <c r="E21" s="58">
        <f>Jesper!AO15</f>
        <v>8.0558795568556807</v>
      </c>
      <c r="F21" s="58">
        <f>Jesper!AP15</f>
        <v>4.0279397784278403</v>
      </c>
      <c r="G21" s="57">
        <f>Jesper!AQ15</f>
        <v>0</v>
      </c>
      <c r="H21" s="43">
        <v>14</v>
      </c>
      <c r="I21" s="55">
        <f>Bühler!I47</f>
        <v>5.0061454913104235</v>
      </c>
      <c r="J21" s="58">
        <f>Bühler!J47</f>
        <v>13.475288432285144</v>
      </c>
      <c r="K21" s="58">
        <f>Bühler!K47</f>
        <v>0.36568396892328808</v>
      </c>
      <c r="L21" s="58">
        <f>Bühler!L47</f>
        <v>0.18284198446164404</v>
      </c>
      <c r="M21" s="57">
        <f>Bühler!M47</f>
        <v>0</v>
      </c>
      <c r="N21" s="55">
        <f>IF(Input!$K$13=1,J21*Input!$J$13,0)+IF(Input!$K$14=1,K21*Input!$J$14,0)+IF(Input!$K$15=1,L21*Input!$J$15,0)+IF(Input!$K$16=1,M21*Input!$J$16,0)</f>
        <v>1.6170346118742172</v>
      </c>
      <c r="O21" s="58">
        <f>IF(Input!$K$13=2,J21*Input!$J$13,0)+IF(Input!$K$14=2,K21*Input!$J$14,0)+IF(Input!$K$15=2,L21*Input!$J$15,0)+IF(Input!$K$16=2,M21*Input!$J$16,0)</f>
        <v>4.9367335804643891E-2</v>
      </c>
      <c r="P21" s="58">
        <f>IF(Input!$K$13=3,J21*Input!$J$13,0)+IF(Input!$K$14=3,K21*Input!$J$14,0)+IF(Input!$K$15=3,L21*Input!$J$15,0)+IF(Input!$K$16=3,M21*Input!$J$16,0)</f>
        <v>0</v>
      </c>
      <c r="Q21" s="71">
        <f>IF(Input!$K$13=4,J21*Input!$J$13,0)+IF(Input!$K$14=4,K21*Input!$J$14,0)+IF(Input!$K$15=4,L21*Input!$J$15,0)+IF(Input!$K$16=4,M21*Input!$J$16,0)</f>
        <v>0</v>
      </c>
    </row>
    <row r="22" spans="2:17" x14ac:dyDescent="0.25">
      <c r="B22" s="43">
        <v>15</v>
      </c>
      <c r="C22" s="55">
        <f>Jesper!AM16</f>
        <v>98.928287654329267</v>
      </c>
      <c r="D22" s="58">
        <f>Jesper!AN16</f>
        <v>343.7553824373486</v>
      </c>
      <c r="E22" s="58">
        <f>Jesper!AO16</f>
        <v>9.1177216370920302</v>
      </c>
      <c r="F22" s="58">
        <f>Jesper!AP16</f>
        <v>4.5588608185460151</v>
      </c>
      <c r="G22" s="57">
        <f>Jesper!AQ16</f>
        <v>0</v>
      </c>
      <c r="H22" s="43">
        <v>15</v>
      </c>
      <c r="I22" s="55">
        <f>Bühler!I48</f>
        <v>5.0061454913104235</v>
      </c>
      <c r="J22" s="58">
        <f>Bühler!J48</f>
        <v>13.475288432285144</v>
      </c>
      <c r="K22" s="58">
        <f>Bühler!K48</f>
        <v>0.36568396892328808</v>
      </c>
      <c r="L22" s="58">
        <f>Bühler!L48</f>
        <v>0.18284198446164404</v>
      </c>
      <c r="M22" s="57">
        <f>Bühler!M48</f>
        <v>0</v>
      </c>
      <c r="N22" s="55">
        <f>IF(Input!$K$13=1,J22*Input!$J$13,0)+IF(Input!$K$14=1,K22*Input!$J$14,0)+IF(Input!$K$15=1,L22*Input!$J$15,0)+IF(Input!$K$16=1,M22*Input!$J$16,0)</f>
        <v>1.6170346118742172</v>
      </c>
      <c r="O22" s="58">
        <f>IF(Input!$K$13=2,J22*Input!$J$13,0)+IF(Input!$K$14=2,K22*Input!$J$14,0)+IF(Input!$K$15=2,L22*Input!$J$15,0)+IF(Input!$K$16=2,M22*Input!$J$16,0)</f>
        <v>4.9367335804643891E-2</v>
      </c>
      <c r="P22" s="58">
        <f>IF(Input!$K$13=3,J22*Input!$J$13,0)+IF(Input!$K$14=3,K22*Input!$J$14,0)+IF(Input!$K$15=3,L22*Input!$J$15,0)+IF(Input!$K$16=3,M22*Input!$J$16,0)</f>
        <v>0</v>
      </c>
      <c r="Q22" s="71">
        <f>IF(Input!$K$13=4,J22*Input!$J$13,0)+IF(Input!$K$14=4,K22*Input!$J$14,0)+IF(Input!$K$15=4,L22*Input!$J$15,0)+IF(Input!$K$16=4,M22*Input!$J$16,0)</f>
        <v>0</v>
      </c>
    </row>
    <row r="23" spans="2:17" x14ac:dyDescent="0.25">
      <c r="B23" s="43">
        <v>16</v>
      </c>
      <c r="C23" s="55">
        <f>Jesper!AM17</f>
        <v>187.48129778633432</v>
      </c>
      <c r="D23" s="58">
        <f>Jesper!AN17</f>
        <v>967.98872143048789</v>
      </c>
      <c r="E23" s="58">
        <f>Jesper!AO17</f>
        <v>41.801893966179286</v>
      </c>
      <c r="F23" s="58">
        <f>Jesper!AP17</f>
        <v>20.900946983089643</v>
      </c>
      <c r="G23" s="57">
        <f>Jesper!AQ17</f>
        <v>0</v>
      </c>
      <c r="H23" s="43">
        <v>16</v>
      </c>
      <c r="I23" s="55">
        <f>Bühler!I49</f>
        <v>4.4499071033870425</v>
      </c>
      <c r="J23" s="58">
        <f>Bühler!J49</f>
        <v>13.452111832788336</v>
      </c>
      <c r="K23" s="58">
        <f>Bühler!K49</f>
        <v>0.36568396892328808</v>
      </c>
      <c r="L23" s="58">
        <f>Bühler!L49</f>
        <v>0.18284198446164404</v>
      </c>
      <c r="M23" s="57">
        <f>Bühler!M49</f>
        <v>0</v>
      </c>
      <c r="N23" s="55">
        <f>IF(Input!$K$13=1,J23*Input!$J$13,0)+IF(Input!$K$14=1,K23*Input!$J$14,0)+IF(Input!$K$15=1,L23*Input!$J$15,0)+IF(Input!$K$16=1,M23*Input!$J$16,0)</f>
        <v>1.6142534199346004</v>
      </c>
      <c r="O23" s="58">
        <f>IF(Input!$K$13=2,J23*Input!$J$13,0)+IF(Input!$K$14=2,K23*Input!$J$14,0)+IF(Input!$K$15=2,L23*Input!$J$15,0)+IF(Input!$K$16=2,M23*Input!$J$16,0)</f>
        <v>4.9367335804643891E-2</v>
      </c>
      <c r="P23" s="58">
        <f>IF(Input!$K$13=3,J23*Input!$J$13,0)+IF(Input!$K$14=3,K23*Input!$J$14,0)+IF(Input!$K$15=3,L23*Input!$J$15,0)+IF(Input!$K$16=3,M23*Input!$J$16,0)</f>
        <v>0</v>
      </c>
      <c r="Q23" s="71">
        <f>IF(Input!$K$13=4,J23*Input!$J$13,0)+IF(Input!$K$14=4,K23*Input!$J$14,0)+IF(Input!$K$15=4,L23*Input!$J$15,0)+IF(Input!$K$16=4,M23*Input!$J$16,0)</f>
        <v>0</v>
      </c>
    </row>
    <row r="24" spans="2:17" x14ac:dyDescent="0.25">
      <c r="B24" s="43">
        <v>17</v>
      </c>
      <c r="C24" s="55">
        <f>Jesper!AM18</f>
        <v>204.98120013406611</v>
      </c>
      <c r="D24" s="58">
        <f>Jesper!AN18</f>
        <v>1006.8289427524471</v>
      </c>
      <c r="E24" s="58">
        <f>Jesper!AO18</f>
        <v>42.034396335491863</v>
      </c>
      <c r="F24" s="58">
        <f>Jesper!AP18</f>
        <v>21.017198167745931</v>
      </c>
      <c r="G24" s="57">
        <f>Jesper!AQ18</f>
        <v>0</v>
      </c>
      <c r="H24" s="43">
        <v>17</v>
      </c>
      <c r="I24" s="55">
        <f>Bühler!I50</f>
        <v>4.3704444765408459</v>
      </c>
      <c r="J24" s="58">
        <f>Bühler!J50</f>
        <v>13.448800890003078</v>
      </c>
      <c r="K24" s="58">
        <f>Bühler!K50</f>
        <v>0.36568396892328808</v>
      </c>
      <c r="L24" s="58">
        <f>Bühler!L50</f>
        <v>0.18284198446164404</v>
      </c>
      <c r="M24" s="57">
        <f>Bühler!M50</f>
        <v>0</v>
      </c>
      <c r="N24" s="55">
        <f>IF(Input!$K$13=1,J24*Input!$J$13,0)+IF(Input!$K$14=1,K24*Input!$J$14,0)+IF(Input!$K$15=1,L24*Input!$J$15,0)+IF(Input!$K$16=1,M24*Input!$J$16,0)</f>
        <v>1.6138561068003692</v>
      </c>
      <c r="O24" s="58">
        <f>IF(Input!$K$13=2,J24*Input!$J$13,0)+IF(Input!$K$14=2,K24*Input!$J$14,0)+IF(Input!$K$15=2,L24*Input!$J$15,0)+IF(Input!$K$16=2,M24*Input!$J$16,0)</f>
        <v>4.9367335804643891E-2</v>
      </c>
      <c r="P24" s="58">
        <f>IF(Input!$K$13=3,J24*Input!$J$13,0)+IF(Input!$K$14=3,K24*Input!$J$14,0)+IF(Input!$K$15=3,L24*Input!$J$15,0)+IF(Input!$K$16=3,M24*Input!$J$16,0)</f>
        <v>0</v>
      </c>
      <c r="Q24" s="71">
        <f>IF(Input!$K$13=4,J24*Input!$J$13,0)+IF(Input!$K$14=4,K24*Input!$J$14,0)+IF(Input!$K$15=4,L24*Input!$J$15,0)+IF(Input!$K$16=4,M24*Input!$J$16,0)</f>
        <v>0</v>
      </c>
    </row>
    <row r="25" spans="2:17" x14ac:dyDescent="0.25">
      <c r="B25" s="43">
        <v>18</v>
      </c>
      <c r="C25" s="55">
        <f>Jesper!AM19</f>
        <v>191.85627337326727</v>
      </c>
      <c r="D25" s="58">
        <f>Jesper!AN19</f>
        <v>977.69877676097758</v>
      </c>
      <c r="E25" s="58">
        <f>Jesper!AO19</f>
        <v>41.860019558507432</v>
      </c>
      <c r="F25" s="58">
        <f>Jesper!AP19</f>
        <v>20.930009779253716</v>
      </c>
      <c r="G25" s="57">
        <f>Jesper!AQ19</f>
        <v>0</v>
      </c>
      <c r="H25" s="43">
        <v>18</v>
      </c>
      <c r="I25" s="55">
        <f>Bühler!I51</f>
        <v>3.7347434617712683</v>
      </c>
      <c r="J25" s="58">
        <f>Bühler!J51</f>
        <v>13.422313347721014</v>
      </c>
      <c r="K25" s="58">
        <f>Bühler!K51</f>
        <v>0.36568396892328808</v>
      </c>
      <c r="L25" s="58">
        <f>Bühler!L51</f>
        <v>0.18284198446164404</v>
      </c>
      <c r="M25" s="57">
        <f>Bühler!M51</f>
        <v>0</v>
      </c>
      <c r="N25" s="55">
        <f>IF(Input!$K$13=1,J25*Input!$J$13,0)+IF(Input!$K$14=1,K25*Input!$J$14,0)+IF(Input!$K$15=1,L25*Input!$J$15,0)+IF(Input!$K$16=1,M25*Input!$J$16,0)</f>
        <v>1.6106776017265216</v>
      </c>
      <c r="O25" s="58">
        <f>IF(Input!$K$13=2,J25*Input!$J$13,0)+IF(Input!$K$14=2,K25*Input!$J$14,0)+IF(Input!$K$15=2,L25*Input!$J$15,0)+IF(Input!$K$16=2,M25*Input!$J$16,0)</f>
        <v>4.9367335804643891E-2</v>
      </c>
      <c r="P25" s="58">
        <f>IF(Input!$K$13=3,J25*Input!$J$13,0)+IF(Input!$K$14=3,K25*Input!$J$14,0)+IF(Input!$K$15=3,L25*Input!$J$15,0)+IF(Input!$K$16=3,M25*Input!$J$16,0)</f>
        <v>0</v>
      </c>
      <c r="Q25" s="71">
        <f>IF(Input!$K$13=4,J25*Input!$J$13,0)+IF(Input!$K$14=4,K25*Input!$J$14,0)+IF(Input!$K$15=4,L25*Input!$J$15,0)+IF(Input!$K$16=4,M25*Input!$J$16,0)</f>
        <v>0</v>
      </c>
    </row>
    <row r="26" spans="2:17" x14ac:dyDescent="0.25">
      <c r="B26" s="43">
        <v>19</v>
      </c>
      <c r="C26" s="55">
        <f>Jesper!AM20</f>
        <v>211.54366351446558</v>
      </c>
      <c r="D26" s="58">
        <f>Jesper!AN20</f>
        <v>1021.3940257481818</v>
      </c>
      <c r="E26" s="58">
        <f>Jesper!AO20</f>
        <v>42.121584723984085</v>
      </c>
      <c r="F26" s="58">
        <f>Jesper!AP20</f>
        <v>21.060792361992043</v>
      </c>
      <c r="G26" s="57">
        <f>Jesper!AQ20</f>
        <v>0</v>
      </c>
      <c r="H26" s="43">
        <v>19</v>
      </c>
      <c r="I26" s="55">
        <f>Bühler!I52</f>
        <v>3.4963555812326765</v>
      </c>
      <c r="J26" s="58">
        <f>Bühler!J52</f>
        <v>13.412380519365238</v>
      </c>
      <c r="K26" s="58">
        <f>Bühler!K52</f>
        <v>0.36568396892328808</v>
      </c>
      <c r="L26" s="58">
        <f>Bühler!L52</f>
        <v>0.18284198446164404</v>
      </c>
      <c r="M26" s="57">
        <f>Bühler!M52</f>
        <v>0</v>
      </c>
      <c r="N26" s="55">
        <f>IF(Input!$K$13=1,J26*Input!$J$13,0)+IF(Input!$K$14=1,K26*Input!$J$14,0)+IF(Input!$K$15=1,L26*Input!$J$15,0)+IF(Input!$K$16=1,M26*Input!$J$16,0)</f>
        <v>1.6094856623238285</v>
      </c>
      <c r="O26" s="58">
        <f>IF(Input!$K$13=2,J26*Input!$J$13,0)+IF(Input!$K$14=2,K26*Input!$J$14,0)+IF(Input!$K$15=2,L26*Input!$J$15,0)+IF(Input!$K$16=2,M26*Input!$J$16,0)</f>
        <v>4.9367335804643891E-2</v>
      </c>
      <c r="P26" s="58">
        <f>IF(Input!$K$13=3,J26*Input!$J$13,0)+IF(Input!$K$14=3,K26*Input!$J$14,0)+IF(Input!$K$15=3,L26*Input!$J$15,0)+IF(Input!$K$16=3,M26*Input!$J$16,0)</f>
        <v>0</v>
      </c>
      <c r="Q26" s="71">
        <f>IF(Input!$K$13=4,J26*Input!$J$13,0)+IF(Input!$K$14=4,K26*Input!$J$14,0)+IF(Input!$K$15=4,L26*Input!$J$15,0)+IF(Input!$K$16=4,M26*Input!$J$16,0)</f>
        <v>0</v>
      </c>
    </row>
    <row r="27" spans="2:17" x14ac:dyDescent="0.25">
      <c r="B27" s="43">
        <v>20</v>
      </c>
      <c r="C27" s="55">
        <f>Jesper!AM21</f>
        <v>283.73076069885929</v>
      </c>
      <c r="D27" s="58">
        <f>Jesper!AN21</f>
        <v>1185.9177658927065</v>
      </c>
      <c r="E27" s="58">
        <f>Jesper!AO21</f>
        <v>43.627682672502281</v>
      </c>
      <c r="F27" s="58">
        <f>Jesper!AP21</f>
        <v>21.813841336251141</v>
      </c>
      <c r="G27" s="57">
        <f>Jesper!AQ21</f>
        <v>0</v>
      </c>
      <c r="H27" s="43">
        <v>20</v>
      </c>
      <c r="I27" s="55">
        <f>Bühler!I53</f>
        <v>2.9401171933092964</v>
      </c>
      <c r="J27" s="58">
        <f>Bühler!J53</f>
        <v>13.389203919868431</v>
      </c>
      <c r="K27" s="58">
        <f>Bühler!K53</f>
        <v>0.36568396892328808</v>
      </c>
      <c r="L27" s="58">
        <f>Bühler!L53</f>
        <v>0.18284198446164404</v>
      </c>
      <c r="M27" s="57">
        <f>Bühler!M53</f>
        <v>0</v>
      </c>
      <c r="N27" s="55">
        <f>IF(Input!$K$13=1,J27*Input!$J$13,0)+IF(Input!$K$14=1,K27*Input!$J$14,0)+IF(Input!$K$15=1,L27*Input!$J$15,0)+IF(Input!$K$16=1,M27*Input!$J$16,0)</f>
        <v>1.6067044703842115</v>
      </c>
      <c r="O27" s="58">
        <f>IF(Input!$K$13=2,J27*Input!$J$13,0)+IF(Input!$K$14=2,K27*Input!$J$14,0)+IF(Input!$K$15=2,L27*Input!$J$15,0)+IF(Input!$K$16=2,M27*Input!$J$16,0)</f>
        <v>4.9367335804643891E-2</v>
      </c>
      <c r="P27" s="58">
        <f>IF(Input!$K$13=3,J27*Input!$J$13,0)+IF(Input!$K$14=3,K27*Input!$J$14,0)+IF(Input!$K$15=3,L27*Input!$J$15,0)+IF(Input!$K$16=3,M27*Input!$J$16,0)</f>
        <v>0</v>
      </c>
      <c r="Q27" s="71">
        <f>IF(Input!$K$13=4,J27*Input!$J$13,0)+IF(Input!$K$14=4,K27*Input!$J$14,0)+IF(Input!$K$15=4,L27*Input!$J$15,0)+IF(Input!$K$16=4,M27*Input!$J$16,0)</f>
        <v>0</v>
      </c>
    </row>
    <row r="28" spans="2:17" x14ac:dyDescent="0.25">
      <c r="B28" s="43">
        <v>21</v>
      </c>
      <c r="C28" s="55">
        <f>Jesper!AM22</f>
        <v>154.6949550852423</v>
      </c>
      <c r="D28" s="58">
        <f>Jesper!AN22</f>
        <v>473.47455498961421</v>
      </c>
      <c r="E28" s="58">
        <f>Jesper!AO22</f>
        <v>11.165559934690705</v>
      </c>
      <c r="F28" s="58">
        <f>Jesper!AP22</f>
        <v>5.5827799673453526</v>
      </c>
      <c r="G28" s="57">
        <f>Jesper!AQ22</f>
        <v>0</v>
      </c>
      <c r="H28" s="43">
        <v>21</v>
      </c>
      <c r="I28" s="55">
        <f>Bühler!I54</f>
        <v>2.4633414322321125</v>
      </c>
      <c r="J28" s="58">
        <f>Bühler!J54</f>
        <v>13.369338263156882</v>
      </c>
      <c r="K28" s="58">
        <f>Bühler!K54</f>
        <v>0.36568396892328808</v>
      </c>
      <c r="L28" s="58">
        <f>Bühler!L54</f>
        <v>0.18284198446164404</v>
      </c>
      <c r="M28" s="57">
        <f>Bühler!M54</f>
        <v>0</v>
      </c>
      <c r="N28" s="55">
        <f>IF(Input!$K$13=1,J28*Input!$J$13,0)+IF(Input!$K$14=1,K28*Input!$J$14,0)+IF(Input!$K$15=1,L28*Input!$J$15,0)+IF(Input!$K$16=1,M28*Input!$J$16,0)</f>
        <v>1.6043205915788257</v>
      </c>
      <c r="O28" s="58">
        <f>IF(Input!$K$13=2,J28*Input!$J$13,0)+IF(Input!$K$14=2,K28*Input!$J$14,0)+IF(Input!$K$15=2,L28*Input!$J$15,0)+IF(Input!$K$16=2,M28*Input!$J$16,0)</f>
        <v>4.9367335804643891E-2</v>
      </c>
      <c r="P28" s="58">
        <f>IF(Input!$K$13=3,J28*Input!$J$13,0)+IF(Input!$K$14=3,K28*Input!$J$14,0)+IF(Input!$K$15=3,L28*Input!$J$15,0)+IF(Input!$K$16=3,M28*Input!$J$16,0)</f>
        <v>0</v>
      </c>
      <c r="Q28" s="71">
        <f>IF(Input!$K$13=4,J28*Input!$J$13,0)+IF(Input!$K$14=4,K28*Input!$J$14,0)+IF(Input!$K$15=4,L28*Input!$J$15,0)+IF(Input!$K$16=4,M28*Input!$J$16,0)</f>
        <v>0</v>
      </c>
    </row>
    <row r="29" spans="2:17" x14ac:dyDescent="0.25">
      <c r="B29" s="43">
        <v>22</v>
      </c>
      <c r="C29" s="55">
        <f>Jesper!AM23</f>
        <v>154.6949550852423</v>
      </c>
      <c r="D29" s="58">
        <f>Jesper!AN23</f>
        <v>473.47455498961421</v>
      </c>
      <c r="E29" s="58">
        <f>Jesper!AO23</f>
        <v>11.165559934690705</v>
      </c>
      <c r="F29" s="58">
        <f>Jesper!AP23</f>
        <v>5.5827799673453526</v>
      </c>
      <c r="G29" s="57">
        <f>Jesper!AQ23</f>
        <v>0</v>
      </c>
      <c r="H29" s="43">
        <v>22</v>
      </c>
      <c r="I29" s="55">
        <f>Bühler!I55</f>
        <v>2.1454909248473246</v>
      </c>
      <c r="J29" s="58">
        <f>Bühler!J55</f>
        <v>13.356094492015849</v>
      </c>
      <c r="K29" s="58">
        <f>Bühler!K55</f>
        <v>0.36568396892328808</v>
      </c>
      <c r="L29" s="58">
        <f>Bühler!L55</f>
        <v>0.18284198446164404</v>
      </c>
      <c r="M29" s="57">
        <f>Bühler!M55</f>
        <v>0</v>
      </c>
      <c r="N29" s="55">
        <f>IF(Input!$K$13=1,J29*Input!$J$13,0)+IF(Input!$K$14=1,K29*Input!$J$14,0)+IF(Input!$K$15=1,L29*Input!$J$15,0)+IF(Input!$K$16=1,M29*Input!$J$16,0)</f>
        <v>1.6027313390419018</v>
      </c>
      <c r="O29" s="58">
        <f>IF(Input!$K$13=2,J29*Input!$J$13,0)+IF(Input!$K$14=2,K29*Input!$J$14,0)+IF(Input!$K$15=2,L29*Input!$J$15,0)+IF(Input!$K$16=2,M29*Input!$J$16,0)</f>
        <v>4.9367335804643891E-2</v>
      </c>
      <c r="P29" s="58">
        <f>IF(Input!$K$13=3,J29*Input!$J$13,0)+IF(Input!$K$14=3,K29*Input!$J$14,0)+IF(Input!$K$15=3,L29*Input!$J$15,0)+IF(Input!$K$16=3,M29*Input!$J$16,0)</f>
        <v>0</v>
      </c>
      <c r="Q29" s="71">
        <f>IF(Input!$K$13=4,J29*Input!$J$13,0)+IF(Input!$K$14=4,K29*Input!$J$14,0)+IF(Input!$K$15=4,L29*Input!$J$15,0)+IF(Input!$K$16=4,M29*Input!$J$16,0)</f>
        <v>0</v>
      </c>
    </row>
    <row r="30" spans="2:17" x14ac:dyDescent="0.25">
      <c r="B30" s="43">
        <v>23</v>
      </c>
      <c r="C30" s="55">
        <f>Jesper!AM24</f>
        <v>255.29341938379505</v>
      </c>
      <c r="D30" s="58">
        <f>Jesper!AN24</f>
        <v>1119.3022966514754</v>
      </c>
      <c r="E30" s="58">
        <f>Jesper!AO24</f>
        <v>42.805407961347491</v>
      </c>
      <c r="F30" s="58">
        <f>Jesper!AP24</f>
        <v>21.402703980673746</v>
      </c>
      <c r="G30" s="57">
        <f>Jesper!AQ24</f>
        <v>0</v>
      </c>
      <c r="H30" s="43">
        <v>23</v>
      </c>
      <c r="I30" s="55">
        <f>Bühler!I56</f>
        <v>2.1454909248473246</v>
      </c>
      <c r="J30" s="58">
        <f>Bühler!J56</f>
        <v>13.356094492015849</v>
      </c>
      <c r="K30" s="58">
        <f>Bühler!K56</f>
        <v>0.36568396892328808</v>
      </c>
      <c r="L30" s="58">
        <f>Bühler!L56</f>
        <v>0.18284198446164404</v>
      </c>
      <c r="M30" s="57">
        <f>Bühler!M56</f>
        <v>0</v>
      </c>
      <c r="N30" s="55">
        <f>IF(Input!$K$13=1,J30*Input!$J$13,0)+IF(Input!$K$14=1,K30*Input!$J$14,0)+IF(Input!$K$15=1,L30*Input!$J$15,0)+IF(Input!$K$16=1,M30*Input!$J$16,0)</f>
        <v>1.6027313390419018</v>
      </c>
      <c r="O30" s="58">
        <f>IF(Input!$K$13=2,J30*Input!$J$13,0)+IF(Input!$K$14=2,K30*Input!$J$14,0)+IF(Input!$K$15=2,L30*Input!$J$15,0)+IF(Input!$K$16=2,M30*Input!$J$16,0)</f>
        <v>4.9367335804643891E-2</v>
      </c>
      <c r="P30" s="58">
        <f>IF(Input!$K$13=3,J30*Input!$J$13,0)+IF(Input!$K$14=3,K30*Input!$J$14,0)+IF(Input!$K$15=3,L30*Input!$J$15,0)+IF(Input!$K$16=3,M30*Input!$J$16,0)</f>
        <v>0</v>
      </c>
      <c r="Q30" s="71">
        <f>IF(Input!$K$13=4,J30*Input!$J$13,0)+IF(Input!$K$14=4,K30*Input!$J$14,0)+IF(Input!$K$15=4,L30*Input!$J$15,0)+IF(Input!$K$16=4,M30*Input!$J$16,0)</f>
        <v>0</v>
      </c>
    </row>
    <row r="31" spans="2:17" x14ac:dyDescent="0.25">
      <c r="B31" s="43">
        <v>24</v>
      </c>
      <c r="C31" s="55">
        <f>Jesper!AM25</f>
        <v>233.41854144913029</v>
      </c>
      <c r="D31" s="58">
        <f>Jesper!AN25</f>
        <v>1069.9443024006309</v>
      </c>
      <c r="E31" s="58">
        <f>Jesper!AO25</f>
        <v>42.412212685624816</v>
      </c>
      <c r="F31" s="58">
        <f>Jesper!AP25</f>
        <v>21.206106342812408</v>
      </c>
      <c r="G31" s="57">
        <f>Jesper!AQ25</f>
        <v>0</v>
      </c>
      <c r="H31" s="43">
        <v>24</v>
      </c>
      <c r="I31" s="55">
        <f>Bühler!I57</f>
        <v>2.1454909248473246</v>
      </c>
      <c r="J31" s="58">
        <f>Bühler!J57</f>
        <v>13.356094492015849</v>
      </c>
      <c r="K31" s="58">
        <f>Bühler!K57</f>
        <v>0.36568396892328808</v>
      </c>
      <c r="L31" s="58">
        <f>Bühler!L57</f>
        <v>0.18284198446164404</v>
      </c>
      <c r="M31" s="57">
        <f>Bühler!M57</f>
        <v>0</v>
      </c>
      <c r="N31" s="55">
        <f>IF(Input!$K$13=1,J31*Input!$J$13,0)+IF(Input!$K$14=1,K31*Input!$J$14,0)+IF(Input!$K$15=1,L31*Input!$J$15,0)+IF(Input!$K$16=1,M31*Input!$J$16,0)</f>
        <v>1.6027313390419018</v>
      </c>
      <c r="O31" s="58">
        <f>IF(Input!$K$13=2,J31*Input!$J$13,0)+IF(Input!$K$14=2,K31*Input!$J$14,0)+IF(Input!$K$15=2,L31*Input!$J$15,0)+IF(Input!$K$16=2,M31*Input!$J$16,0)</f>
        <v>4.9367335804643891E-2</v>
      </c>
      <c r="P31" s="58">
        <f>IF(Input!$K$13=3,J31*Input!$J$13,0)+IF(Input!$K$14=3,K31*Input!$J$14,0)+IF(Input!$K$15=3,L31*Input!$J$15,0)+IF(Input!$K$16=3,M31*Input!$J$16,0)</f>
        <v>0</v>
      </c>
      <c r="Q31" s="71">
        <f>IF(Input!$K$13=4,J31*Input!$J$13,0)+IF(Input!$K$14=4,K31*Input!$J$14,0)+IF(Input!$K$15=4,L31*Input!$J$15,0)+IF(Input!$K$16=4,M31*Input!$J$16,0)</f>
        <v>0</v>
      </c>
    </row>
    <row r="32" spans="2:17" x14ac:dyDescent="0.25">
      <c r="B32" s="43">
        <v>25</v>
      </c>
      <c r="C32" s="55">
        <f>Jesper!AM26</f>
        <v>244.3559804164627</v>
      </c>
      <c r="D32" s="58">
        <f>Jesper!AN26</f>
        <v>1094.2194407268557</v>
      </c>
      <c r="E32" s="58">
        <f>Jesper!AO26</f>
        <v>42.557526666445185</v>
      </c>
      <c r="F32" s="58">
        <f>Jesper!AP26</f>
        <v>21.278763333222592</v>
      </c>
      <c r="G32" s="57">
        <f>Jesper!AQ26</f>
        <v>0</v>
      </c>
      <c r="H32" s="43">
        <v>25</v>
      </c>
      <c r="I32" s="55">
        <f>Bühler!I58</f>
        <v>2.3285575651815775</v>
      </c>
      <c r="J32" s="58">
        <f>Bühler!J58</f>
        <v>13.687922157655834</v>
      </c>
      <c r="K32" s="58">
        <f>Bühler!K58</f>
        <v>0.61651471983321748</v>
      </c>
      <c r="L32" s="58">
        <f>Bühler!L58</f>
        <v>0.30825735991660874</v>
      </c>
      <c r="M32" s="57">
        <f>Bühler!M58</f>
        <v>0</v>
      </c>
      <c r="N32" s="55">
        <f>IF(Input!$K$13=1,J32*Input!$J$13,0)+IF(Input!$K$14=1,K32*Input!$J$14,0)+IF(Input!$K$15=1,L32*Input!$J$15,0)+IF(Input!$K$16=1,M32*Input!$J$16,0)</f>
        <v>1.6425506589187</v>
      </c>
      <c r="O32" s="58">
        <f>IF(Input!$K$13=2,J32*Input!$J$13,0)+IF(Input!$K$14=2,K32*Input!$J$14,0)+IF(Input!$K$15=2,L32*Input!$J$15,0)+IF(Input!$K$16=2,M32*Input!$J$16,0)</f>
        <v>8.3229487177484351E-2</v>
      </c>
      <c r="P32" s="58">
        <f>IF(Input!$K$13=3,J32*Input!$J$13,0)+IF(Input!$K$14=3,K32*Input!$J$14,0)+IF(Input!$K$15=3,L32*Input!$J$15,0)+IF(Input!$K$16=3,M32*Input!$J$16,0)</f>
        <v>0</v>
      </c>
      <c r="Q32" s="71">
        <f>IF(Input!$K$13=4,J32*Input!$J$13,0)+IF(Input!$K$14=4,K32*Input!$J$14,0)+IF(Input!$K$15=4,L32*Input!$J$15,0)+IF(Input!$K$16=4,M32*Input!$J$16,0)</f>
        <v>0</v>
      </c>
    </row>
    <row r="33" spans="2:17" x14ac:dyDescent="0.25">
      <c r="B33" s="43">
        <v>26</v>
      </c>
      <c r="C33" s="55">
        <f>Jesper!AM27</f>
        <v>277.16829731845985</v>
      </c>
      <c r="D33" s="58">
        <f>Jesper!AN27</f>
        <v>1170.5449652985762</v>
      </c>
      <c r="E33" s="58">
        <f>Jesper!AO27</f>
        <v>43.437926969928093</v>
      </c>
      <c r="F33" s="58">
        <f>Jesper!AP27</f>
        <v>21.718963484964046</v>
      </c>
      <c r="G33" s="57">
        <f>Jesper!AQ27</f>
        <v>0</v>
      </c>
      <c r="H33" s="43">
        <v>26</v>
      </c>
      <c r="I33" s="55">
        <f>Bühler!I59</f>
        <v>2.3285575651815775</v>
      </c>
      <c r="J33" s="58">
        <f>Bühler!J59</f>
        <v>13.687922157655834</v>
      </c>
      <c r="K33" s="58">
        <f>Bühler!K59</f>
        <v>0.61651471983321748</v>
      </c>
      <c r="L33" s="58">
        <f>Bühler!L59</f>
        <v>0.30825735991660874</v>
      </c>
      <c r="M33" s="57">
        <f>Bühler!M59</f>
        <v>0</v>
      </c>
      <c r="N33" s="55">
        <f>IF(Input!$K$13=1,J33*Input!$J$13,0)+IF(Input!$K$14=1,K33*Input!$J$14,0)+IF(Input!$K$15=1,L33*Input!$J$15,0)+IF(Input!$K$16=1,M33*Input!$J$16,0)</f>
        <v>1.6425506589187</v>
      </c>
      <c r="O33" s="58">
        <f>IF(Input!$K$13=2,J33*Input!$J$13,0)+IF(Input!$K$14=2,K33*Input!$J$14,0)+IF(Input!$K$15=2,L33*Input!$J$15,0)+IF(Input!$K$16=2,M33*Input!$J$16,0)</f>
        <v>8.3229487177484351E-2</v>
      </c>
      <c r="P33" s="58">
        <f>IF(Input!$K$13=3,J33*Input!$J$13,0)+IF(Input!$K$14=3,K33*Input!$J$14,0)+IF(Input!$K$15=3,L33*Input!$J$15,0)+IF(Input!$K$16=3,M33*Input!$J$16,0)</f>
        <v>0</v>
      </c>
      <c r="Q33" s="71">
        <f>IF(Input!$K$13=4,J33*Input!$J$13,0)+IF(Input!$K$14=4,K33*Input!$J$14,0)+IF(Input!$K$15=4,L33*Input!$J$15,0)+IF(Input!$K$16=4,M33*Input!$J$16,0)</f>
        <v>0</v>
      </c>
    </row>
    <row r="34" spans="2:17" x14ac:dyDescent="0.25">
      <c r="B34" s="43">
        <v>27</v>
      </c>
      <c r="C34" s="55">
        <f>Jesper!AM28</f>
        <v>303.41815084005754</v>
      </c>
      <c r="D34" s="58">
        <f>Jesper!AN28</f>
        <v>1232.036167675097</v>
      </c>
      <c r="E34" s="58">
        <f>Jesper!AO28</f>
        <v>44.196949780224834</v>
      </c>
      <c r="F34" s="58">
        <f>Jesper!AP28</f>
        <v>22.098474890112417</v>
      </c>
      <c r="G34" s="57">
        <f>Jesper!AQ28</f>
        <v>0</v>
      </c>
      <c r="H34" s="43">
        <v>27</v>
      </c>
      <c r="I34" s="55">
        <f>Bühler!I60</f>
        <v>2.3285575651815775</v>
      </c>
      <c r="J34" s="58">
        <f>Bühler!J60</f>
        <v>13.687922157655834</v>
      </c>
      <c r="K34" s="58">
        <f>Bühler!K60</f>
        <v>0.61651471983321748</v>
      </c>
      <c r="L34" s="58">
        <f>Bühler!L60</f>
        <v>0.30825735991660874</v>
      </c>
      <c r="M34" s="57">
        <f>Bühler!M60</f>
        <v>0</v>
      </c>
      <c r="N34" s="55">
        <f>IF(Input!$K$13=1,J34*Input!$J$13,0)+IF(Input!$K$14=1,K34*Input!$J$14,0)+IF(Input!$K$15=1,L34*Input!$J$15,0)+IF(Input!$K$16=1,M34*Input!$J$16,0)</f>
        <v>1.6425506589187</v>
      </c>
      <c r="O34" s="58">
        <f>IF(Input!$K$13=2,J34*Input!$J$13,0)+IF(Input!$K$14=2,K34*Input!$J$14,0)+IF(Input!$K$15=2,L34*Input!$J$15,0)+IF(Input!$K$16=2,M34*Input!$J$16,0)</f>
        <v>8.3229487177484351E-2</v>
      </c>
      <c r="P34" s="58">
        <f>IF(Input!$K$13=3,J34*Input!$J$13,0)+IF(Input!$K$14=3,K34*Input!$J$14,0)+IF(Input!$K$15=3,L34*Input!$J$15,0)+IF(Input!$K$16=3,M34*Input!$J$16,0)</f>
        <v>0</v>
      </c>
      <c r="Q34" s="71">
        <f>IF(Input!$K$13=4,J34*Input!$J$13,0)+IF(Input!$K$14=4,K34*Input!$J$14,0)+IF(Input!$K$15=4,L34*Input!$J$15,0)+IF(Input!$K$16=4,M34*Input!$J$16,0)</f>
        <v>0</v>
      </c>
    </row>
    <row r="35" spans="2:17" x14ac:dyDescent="0.25">
      <c r="B35" s="43">
        <v>28</v>
      </c>
      <c r="C35" s="55">
        <f>Jesper!AM29</f>
        <v>163.98939965706114</v>
      </c>
      <c r="D35" s="58">
        <f>Jesper!AN29</f>
        <v>495.09441708165838</v>
      </c>
      <c r="E35" s="58">
        <f>Jesper!AO29</f>
        <v>11.506866317623816</v>
      </c>
      <c r="F35" s="58">
        <f>Jesper!AP29</f>
        <v>5.7534331588119079</v>
      </c>
      <c r="G35" s="57">
        <f>Jesper!AQ29</f>
        <v>0</v>
      </c>
      <c r="H35" s="43">
        <v>28</v>
      </c>
      <c r="I35" s="55">
        <f>Bühler!I61</f>
        <v>2.3285575651815775</v>
      </c>
      <c r="J35" s="58">
        <f>Bühler!J61</f>
        <v>13.687922157655834</v>
      </c>
      <c r="K35" s="58">
        <f>Bühler!K61</f>
        <v>0.61651471983321748</v>
      </c>
      <c r="L35" s="58">
        <f>Bühler!L61</f>
        <v>0.30825735991660874</v>
      </c>
      <c r="M35" s="57">
        <f>Bühler!M61</f>
        <v>0</v>
      </c>
      <c r="N35" s="55">
        <f>IF(Input!$K$13=1,J35*Input!$J$13,0)+IF(Input!$K$14=1,K35*Input!$J$14,0)+IF(Input!$K$15=1,L35*Input!$J$15,0)+IF(Input!$K$16=1,M35*Input!$J$16,0)</f>
        <v>1.6425506589187</v>
      </c>
      <c r="O35" s="58">
        <f>IF(Input!$K$13=2,J35*Input!$J$13,0)+IF(Input!$K$14=2,K35*Input!$J$14,0)+IF(Input!$K$15=2,L35*Input!$J$15,0)+IF(Input!$K$16=2,M35*Input!$J$16,0)</f>
        <v>8.3229487177484351E-2</v>
      </c>
      <c r="P35" s="58">
        <f>IF(Input!$K$13=3,J35*Input!$J$13,0)+IF(Input!$K$14=3,K35*Input!$J$14,0)+IF(Input!$K$15=3,L35*Input!$J$15,0)+IF(Input!$K$16=3,M35*Input!$J$16,0)</f>
        <v>0</v>
      </c>
      <c r="Q35" s="71">
        <f>IF(Input!$K$13=4,J35*Input!$J$13,0)+IF(Input!$K$14=4,K35*Input!$J$14,0)+IF(Input!$K$15=4,L35*Input!$J$15,0)+IF(Input!$K$16=4,M35*Input!$J$16,0)</f>
        <v>0</v>
      </c>
    </row>
    <row r="36" spans="2:17" x14ac:dyDescent="0.25">
      <c r="B36" s="43">
        <v>29</v>
      </c>
      <c r="C36" s="55">
        <f>Jesper!AM30</f>
        <v>170.1856960382737</v>
      </c>
      <c r="D36" s="58">
        <f>Jesper!AN30</f>
        <v>509.50765847635461</v>
      </c>
      <c r="E36" s="58">
        <f>Jesper!AO30</f>
        <v>11.734403906245891</v>
      </c>
      <c r="F36" s="58">
        <f>Jesper!AP30</f>
        <v>5.8672019531229456</v>
      </c>
      <c r="G36" s="57">
        <f>Jesper!AQ30</f>
        <v>0</v>
      </c>
      <c r="H36" s="43">
        <v>29</v>
      </c>
      <c r="I36" s="55">
        <f>Bühler!I62</f>
        <v>2.3285575651815775</v>
      </c>
      <c r="J36" s="58">
        <f>Bühler!J62</f>
        <v>13.687922157655834</v>
      </c>
      <c r="K36" s="58">
        <f>Bühler!K62</f>
        <v>0.61651471983321748</v>
      </c>
      <c r="L36" s="58">
        <f>Bühler!L62</f>
        <v>0.30825735991660874</v>
      </c>
      <c r="M36" s="57">
        <f>Bühler!M62</f>
        <v>0</v>
      </c>
      <c r="N36" s="55">
        <f>IF(Input!$K$13=1,J36*Input!$J$13,0)+IF(Input!$K$14=1,K36*Input!$J$14,0)+IF(Input!$K$15=1,L36*Input!$J$15,0)+IF(Input!$K$16=1,M36*Input!$J$16,0)</f>
        <v>1.6425506589187</v>
      </c>
      <c r="O36" s="58">
        <f>IF(Input!$K$13=2,J36*Input!$J$13,0)+IF(Input!$K$14=2,K36*Input!$J$14,0)+IF(Input!$K$15=2,L36*Input!$J$15,0)+IF(Input!$K$16=2,M36*Input!$J$16,0)</f>
        <v>8.3229487177484351E-2</v>
      </c>
      <c r="P36" s="58">
        <f>IF(Input!$K$13=3,J36*Input!$J$13,0)+IF(Input!$K$14=3,K36*Input!$J$14,0)+IF(Input!$K$15=3,L36*Input!$J$15,0)+IF(Input!$K$16=3,M36*Input!$J$16,0)</f>
        <v>0</v>
      </c>
      <c r="Q36" s="71">
        <f>IF(Input!$K$13=4,J36*Input!$J$13,0)+IF(Input!$K$14=4,K36*Input!$J$14,0)+IF(Input!$K$15=4,L36*Input!$J$15,0)+IF(Input!$K$16=4,M36*Input!$J$16,0)</f>
        <v>0</v>
      </c>
    </row>
    <row r="37" spans="2:17" x14ac:dyDescent="0.25">
      <c r="B37" s="43">
        <v>30</v>
      </c>
      <c r="C37" s="55">
        <f>Jesper!AM31</f>
        <v>248.73095600339568</v>
      </c>
      <c r="D37" s="58">
        <f>Jesper!AN31</f>
        <v>1103.9294960573454</v>
      </c>
      <c r="E37" s="58">
        <f>Jesper!AO31</f>
        <v>42.615652258773316</v>
      </c>
      <c r="F37" s="58">
        <f>Jesper!AP31</f>
        <v>21.307826129386658</v>
      </c>
      <c r="G37" s="57">
        <f>Jesper!AQ31</f>
        <v>0</v>
      </c>
      <c r="H37" s="43">
        <v>30</v>
      </c>
      <c r="I37" s="55">
        <f>Bühler!I63</f>
        <v>2.3285575651815775</v>
      </c>
      <c r="J37" s="58">
        <f>Bühler!J63</f>
        <v>13.687922157655834</v>
      </c>
      <c r="K37" s="58">
        <f>Bühler!K63</f>
        <v>0.61651471983321748</v>
      </c>
      <c r="L37" s="58">
        <f>Bühler!L63</f>
        <v>0.30825735991660874</v>
      </c>
      <c r="M37" s="57">
        <f>Bühler!M63</f>
        <v>0</v>
      </c>
      <c r="N37" s="55">
        <f>IF(Input!$K$13=1,J37*Input!$J$13,0)+IF(Input!$K$14=1,K37*Input!$J$14,0)+IF(Input!$K$15=1,L37*Input!$J$15,0)+IF(Input!$K$16=1,M37*Input!$J$16,0)</f>
        <v>1.6425506589187</v>
      </c>
      <c r="O37" s="58">
        <f>IF(Input!$K$13=2,J37*Input!$J$13,0)+IF(Input!$K$14=2,K37*Input!$J$14,0)+IF(Input!$K$15=2,L37*Input!$J$15,0)+IF(Input!$K$16=2,M37*Input!$J$16,0)</f>
        <v>8.3229487177484351E-2</v>
      </c>
      <c r="P37" s="58">
        <f>IF(Input!$K$13=3,J37*Input!$J$13,0)+IF(Input!$K$14=3,K37*Input!$J$14,0)+IF(Input!$K$15=3,L37*Input!$J$15,0)+IF(Input!$K$16=3,M37*Input!$J$16,0)</f>
        <v>0</v>
      </c>
      <c r="Q37" s="71">
        <f>IF(Input!$K$13=4,J37*Input!$J$13,0)+IF(Input!$K$14=4,K37*Input!$J$14,0)+IF(Input!$K$15=4,L37*Input!$J$15,0)+IF(Input!$K$16=4,M37*Input!$J$16,0)</f>
        <v>0</v>
      </c>
    </row>
    <row r="38" spans="2:17" x14ac:dyDescent="0.25">
      <c r="B38" s="43">
        <v>31</v>
      </c>
      <c r="C38" s="55">
        <f>Jesper!AM32</f>
        <v>198.41873675366668</v>
      </c>
      <c r="D38" s="58">
        <f>Jesper!AN32</f>
        <v>992.26385975671235</v>
      </c>
      <c r="E38" s="58">
        <f>Jesper!AO32</f>
        <v>41.947207946999654</v>
      </c>
      <c r="F38" s="58">
        <f>Jesper!AP32</f>
        <v>20.973603973499827</v>
      </c>
      <c r="G38" s="57">
        <f>Jesper!AQ32</f>
        <v>0</v>
      </c>
      <c r="H38" s="43">
        <v>31</v>
      </c>
      <c r="I38" s="55">
        <f>Bühler!I64</f>
        <v>2.3285575651815775</v>
      </c>
      <c r="J38" s="58">
        <f>Bühler!J64</f>
        <v>13.687922157655834</v>
      </c>
      <c r="K38" s="58">
        <f>Bühler!K64</f>
        <v>0.61651471983321748</v>
      </c>
      <c r="L38" s="58">
        <f>Bühler!L64</f>
        <v>0.30825735991660874</v>
      </c>
      <c r="M38" s="57">
        <f>Bühler!M64</f>
        <v>0</v>
      </c>
      <c r="N38" s="55">
        <f>IF(Input!$K$13=1,J38*Input!$J$13,0)+IF(Input!$K$14=1,K38*Input!$J$14,0)+IF(Input!$K$15=1,L38*Input!$J$15,0)+IF(Input!$K$16=1,M38*Input!$J$16,0)</f>
        <v>1.6425506589187</v>
      </c>
      <c r="O38" s="58">
        <f>IF(Input!$K$13=2,J38*Input!$J$13,0)+IF(Input!$K$14=2,K38*Input!$J$14,0)+IF(Input!$K$15=2,L38*Input!$J$15,0)+IF(Input!$K$16=2,M38*Input!$J$16,0)</f>
        <v>8.3229487177484351E-2</v>
      </c>
      <c r="P38" s="58">
        <f>IF(Input!$K$13=3,J38*Input!$J$13,0)+IF(Input!$K$14=3,K38*Input!$J$14,0)+IF(Input!$K$15=3,L38*Input!$J$15,0)+IF(Input!$K$16=3,M38*Input!$J$16,0)</f>
        <v>0</v>
      </c>
      <c r="Q38" s="71">
        <f>IF(Input!$K$13=4,J38*Input!$J$13,0)+IF(Input!$K$14=4,K38*Input!$J$14,0)+IF(Input!$K$15=4,L38*Input!$J$15,0)+IF(Input!$K$16=4,M38*Input!$J$16,0)</f>
        <v>0</v>
      </c>
    </row>
    <row r="39" spans="2:17" x14ac:dyDescent="0.25">
      <c r="B39" s="43">
        <v>32</v>
      </c>
      <c r="C39" s="55">
        <f>Jesper!AM33</f>
        <v>178.73134661246846</v>
      </c>
      <c r="D39" s="58">
        <f>Jesper!AN33</f>
        <v>948.56861076950815</v>
      </c>
      <c r="E39" s="58">
        <f>Jesper!AO33</f>
        <v>41.685642781522994</v>
      </c>
      <c r="F39" s="58">
        <f>Jesper!AP33</f>
        <v>20.842821390761497</v>
      </c>
      <c r="G39" s="57">
        <f>Jesper!AQ33</f>
        <v>0</v>
      </c>
      <c r="H39" s="43">
        <v>32</v>
      </c>
      <c r="I39" s="55">
        <f>Bühler!I65</f>
        <v>10.129225408539861</v>
      </c>
      <c r="J39" s="58">
        <f>Bühler!J65</f>
        <v>58.537582754219059</v>
      </c>
      <c r="K39" s="58">
        <f>Bühler!K65</f>
        <v>2.6263527064895067</v>
      </c>
      <c r="L39" s="58">
        <f>Bühler!L65</f>
        <v>1.3131763532447533</v>
      </c>
      <c r="M39" s="57">
        <f>Bühler!M65</f>
        <v>0</v>
      </c>
      <c r="N39" s="55">
        <f>IF(Input!$K$13=1,J39*Input!$J$13,0)+IF(Input!$K$14=1,K39*Input!$J$14,0)+IF(Input!$K$15=1,L39*Input!$J$15,0)+IF(Input!$K$16=1,M39*Input!$J$16,0)</f>
        <v>7.0245099305062872</v>
      </c>
      <c r="O39" s="58">
        <f>IF(Input!$K$13=2,J39*Input!$J$13,0)+IF(Input!$K$14=2,K39*Input!$J$14,0)+IF(Input!$K$15=2,L39*Input!$J$15,0)+IF(Input!$K$16=2,M39*Input!$J$16,0)</f>
        <v>0.35455761537608338</v>
      </c>
      <c r="P39" s="58">
        <f>IF(Input!$K$13=3,J39*Input!$J$13,0)+IF(Input!$K$14=3,K39*Input!$J$14,0)+IF(Input!$K$15=3,L39*Input!$J$15,0)+IF(Input!$K$16=3,M39*Input!$J$16,0)</f>
        <v>0</v>
      </c>
      <c r="Q39" s="71">
        <f>IF(Input!$K$13=4,J39*Input!$J$13,0)+IF(Input!$K$14=4,K39*Input!$J$14,0)+IF(Input!$K$15=4,L39*Input!$J$15,0)+IF(Input!$K$16=4,M39*Input!$J$16,0)</f>
        <v>0</v>
      </c>
    </row>
    <row r="40" spans="2:17" x14ac:dyDescent="0.25">
      <c r="B40" s="43">
        <v>33</v>
      </c>
      <c r="C40" s="55">
        <f>Jesper!AM34</f>
        <v>224.66859027526445</v>
      </c>
      <c r="D40" s="58">
        <f>Jesper!AN34</f>
        <v>1050.5241917396513</v>
      </c>
      <c r="E40" s="58">
        <f>Jesper!AO34</f>
        <v>42.295961500968524</v>
      </c>
      <c r="F40" s="58">
        <f>Jesper!AP34</f>
        <v>21.147980750484262</v>
      </c>
      <c r="G40" s="57">
        <f>Jesper!AQ34</f>
        <v>0</v>
      </c>
      <c r="H40" s="43">
        <v>33</v>
      </c>
      <c r="I40" s="55">
        <f>Bühler!I66</f>
        <v>11.395378584607343</v>
      </c>
      <c r="J40" s="58">
        <f>Bühler!J66</f>
        <v>65.854780598496433</v>
      </c>
      <c r="K40" s="58">
        <f>Bühler!K66</f>
        <v>2.9546467948006949</v>
      </c>
      <c r="L40" s="58">
        <f>Bühler!L66</f>
        <v>1.4773233974003475</v>
      </c>
      <c r="M40" s="57">
        <f>Bühler!M66</f>
        <v>0</v>
      </c>
      <c r="N40" s="55">
        <f>IF(Input!$K$13=1,J40*Input!$J$13,0)+IF(Input!$K$14=1,K40*Input!$J$14,0)+IF(Input!$K$15=1,L40*Input!$J$15,0)+IF(Input!$K$16=1,M40*Input!$J$16,0)</f>
        <v>7.9025736718195718</v>
      </c>
      <c r="O40" s="58">
        <f>IF(Input!$K$13=2,J40*Input!$J$13,0)+IF(Input!$K$14=2,K40*Input!$J$14,0)+IF(Input!$K$15=2,L40*Input!$J$15,0)+IF(Input!$K$16=2,M40*Input!$J$16,0)</f>
        <v>0.39887731729809384</v>
      </c>
      <c r="P40" s="58">
        <f>IF(Input!$K$13=3,J40*Input!$J$13,0)+IF(Input!$K$14=3,K40*Input!$J$14,0)+IF(Input!$K$15=3,L40*Input!$J$15,0)+IF(Input!$K$16=3,M40*Input!$J$16,0)</f>
        <v>0</v>
      </c>
      <c r="Q40" s="71">
        <f>IF(Input!$K$13=4,J40*Input!$J$13,0)+IF(Input!$K$14=4,K40*Input!$J$14,0)+IF(Input!$K$15=4,L40*Input!$J$15,0)+IF(Input!$K$16=4,M40*Input!$J$16,0)</f>
        <v>0</v>
      </c>
    </row>
    <row r="41" spans="2:17" x14ac:dyDescent="0.25">
      <c r="B41" s="43">
        <v>34</v>
      </c>
      <c r="C41" s="55">
        <f>Jesper!AM35</f>
        <v>196.23124896020025</v>
      </c>
      <c r="D41" s="58">
        <f>Jesper!AN35</f>
        <v>987.40883209146739</v>
      </c>
      <c r="E41" s="58">
        <f>Jesper!AO35</f>
        <v>41.918145150835571</v>
      </c>
      <c r="F41" s="58">
        <f>Jesper!AP35</f>
        <v>20.959072575417785</v>
      </c>
      <c r="G41" s="57">
        <f>Jesper!AQ35</f>
        <v>0</v>
      </c>
      <c r="H41" s="43">
        <v>34</v>
      </c>
      <c r="I41" s="55">
        <f>Bühler!I67</f>
        <v>12.661531760674825</v>
      </c>
      <c r="J41" s="58">
        <f>Bühler!J67</f>
        <v>73.171978442773806</v>
      </c>
      <c r="K41" s="58">
        <f>Bühler!K67</f>
        <v>3.2829408831118831</v>
      </c>
      <c r="L41" s="58">
        <f>Bühler!L67</f>
        <v>1.6414704415559416</v>
      </c>
      <c r="M41" s="57">
        <f>Bühler!M67</f>
        <v>0</v>
      </c>
      <c r="N41" s="55">
        <f>IF(Input!$K$13=1,J41*Input!$J$13,0)+IF(Input!$K$14=1,K41*Input!$J$14,0)+IF(Input!$K$15=1,L41*Input!$J$15,0)+IF(Input!$K$16=1,M41*Input!$J$16,0)</f>
        <v>8.7806374131328564</v>
      </c>
      <c r="O41" s="58">
        <f>IF(Input!$K$13=2,J41*Input!$J$13,0)+IF(Input!$K$14=2,K41*Input!$J$14,0)+IF(Input!$K$15=2,L41*Input!$J$15,0)+IF(Input!$K$16=2,M41*Input!$J$16,0)</f>
        <v>0.44319701922010424</v>
      </c>
      <c r="P41" s="58">
        <f>IF(Input!$K$13=3,J41*Input!$J$13,0)+IF(Input!$K$14=3,K41*Input!$J$14,0)+IF(Input!$K$15=3,L41*Input!$J$15,0)+IF(Input!$K$16=3,M41*Input!$J$16,0)</f>
        <v>0</v>
      </c>
      <c r="Q41" s="71">
        <f>IF(Input!$K$13=4,J41*Input!$J$13,0)+IF(Input!$K$14=4,K41*Input!$J$14,0)+IF(Input!$K$15=4,L41*Input!$J$15,0)+IF(Input!$K$16=4,M41*Input!$J$16,0)</f>
        <v>0</v>
      </c>
    </row>
    <row r="42" spans="2:17" x14ac:dyDescent="0.25">
      <c r="B42" s="43">
        <v>35</v>
      </c>
      <c r="C42" s="55">
        <f>Jesper!AM36</f>
        <v>114.41902860736064</v>
      </c>
      <c r="D42" s="58">
        <f>Jesper!AN36</f>
        <v>379.788485924089</v>
      </c>
      <c r="E42" s="58">
        <f>Jesper!AO36</f>
        <v>9.6865656086472178</v>
      </c>
      <c r="F42" s="58">
        <f>Jesper!AP36</f>
        <v>4.8432828043236089</v>
      </c>
      <c r="G42" s="57">
        <f>Jesper!AQ36</f>
        <v>0</v>
      </c>
      <c r="H42" s="43">
        <v>35</v>
      </c>
      <c r="I42" s="55">
        <f>Bühler!I68</f>
        <v>12.661531760674825</v>
      </c>
      <c r="J42" s="58">
        <f>Bühler!J68</f>
        <v>73.171978442773806</v>
      </c>
      <c r="K42" s="58">
        <f>Bühler!K68</f>
        <v>3.2829408831118831</v>
      </c>
      <c r="L42" s="58">
        <f>Bühler!L68</f>
        <v>1.6414704415559416</v>
      </c>
      <c r="M42" s="57">
        <f>Bühler!M68</f>
        <v>0</v>
      </c>
      <c r="N42" s="55">
        <f>IF(Input!$K$13=1,J42*Input!$J$13,0)+IF(Input!$K$14=1,K42*Input!$J$14,0)+IF(Input!$K$15=1,L42*Input!$J$15,0)+IF(Input!$K$16=1,M42*Input!$J$16,0)</f>
        <v>8.7806374131328564</v>
      </c>
      <c r="O42" s="58">
        <f>IF(Input!$K$13=2,J42*Input!$J$13,0)+IF(Input!$K$14=2,K42*Input!$J$14,0)+IF(Input!$K$15=2,L42*Input!$J$15,0)+IF(Input!$K$16=2,M42*Input!$J$16,0)</f>
        <v>0.44319701922010424</v>
      </c>
      <c r="P42" s="58">
        <f>IF(Input!$K$13=3,J42*Input!$J$13,0)+IF(Input!$K$14=3,K42*Input!$J$14,0)+IF(Input!$K$15=3,L42*Input!$J$15,0)+IF(Input!$K$16=3,M42*Input!$J$16,0)</f>
        <v>0</v>
      </c>
      <c r="Q42" s="71">
        <f>IF(Input!$K$13=4,J42*Input!$J$13,0)+IF(Input!$K$14=4,K42*Input!$J$14,0)+IF(Input!$K$15=4,L42*Input!$J$15,0)+IF(Input!$K$16=4,M42*Input!$J$16,0)</f>
        <v>0</v>
      </c>
    </row>
    <row r="43" spans="2:17" x14ac:dyDescent="0.25">
      <c r="B43" s="43">
        <v>36</v>
      </c>
      <c r="C43" s="55">
        <f>Jesper!AM37</f>
        <v>161.92396752999028</v>
      </c>
      <c r="D43" s="58">
        <f>Jesper!AN37</f>
        <v>490.29000328342642</v>
      </c>
      <c r="E43" s="58">
        <f>Jesper!AO37</f>
        <v>11.431020454749794</v>
      </c>
      <c r="F43" s="58">
        <f>Jesper!AP37</f>
        <v>5.7155102273748968</v>
      </c>
      <c r="G43" s="57">
        <f>Jesper!AQ37</f>
        <v>0</v>
      </c>
      <c r="H43" s="43">
        <v>36</v>
      </c>
      <c r="I43" s="55">
        <f>Bühler!I69</f>
        <v>15.193838112809788</v>
      </c>
      <c r="J43" s="58">
        <f>Bühler!J69</f>
        <v>87.806374131328568</v>
      </c>
      <c r="K43" s="58">
        <f>Bühler!K69</f>
        <v>3.9395290597342596</v>
      </c>
      <c r="L43" s="58">
        <f>Bühler!L69</f>
        <v>1.9697645298671298</v>
      </c>
      <c r="M43" s="57">
        <f>Bühler!M69</f>
        <v>0</v>
      </c>
      <c r="N43" s="55">
        <f>IF(Input!$K$13=1,J43*Input!$J$13,0)+IF(Input!$K$14=1,K43*Input!$J$14,0)+IF(Input!$K$15=1,L43*Input!$J$15,0)+IF(Input!$K$16=1,M43*Input!$J$16,0)</f>
        <v>10.536764895759427</v>
      </c>
      <c r="O43" s="58">
        <f>IF(Input!$K$13=2,J43*Input!$J$13,0)+IF(Input!$K$14=2,K43*Input!$J$14,0)+IF(Input!$K$15=2,L43*Input!$J$15,0)+IF(Input!$K$16=2,M43*Input!$J$16,0)</f>
        <v>0.53183642306412504</v>
      </c>
      <c r="P43" s="58">
        <f>IF(Input!$K$13=3,J43*Input!$J$13,0)+IF(Input!$K$14=3,K43*Input!$J$14,0)+IF(Input!$K$15=3,L43*Input!$J$15,0)+IF(Input!$K$16=3,M43*Input!$J$16,0)</f>
        <v>0</v>
      </c>
      <c r="Q43" s="71">
        <f>IF(Input!$K$13=4,J43*Input!$J$13,0)+IF(Input!$K$14=4,K43*Input!$J$14,0)+IF(Input!$K$15=4,L43*Input!$J$15,0)+IF(Input!$K$16=4,M43*Input!$J$16,0)</f>
        <v>0</v>
      </c>
    </row>
    <row r="44" spans="2:17" x14ac:dyDescent="0.25">
      <c r="B44" s="43">
        <v>37</v>
      </c>
      <c r="C44" s="55">
        <f>Jesper!AM38</f>
        <v>353.73037008978645</v>
      </c>
      <c r="D44" s="58">
        <f>Jesper!AN38</f>
        <v>1349.8943055634286</v>
      </c>
      <c r="E44" s="58">
        <f>Jesper!AO38</f>
        <v>45.651743499960226</v>
      </c>
      <c r="F44" s="58">
        <f>Jesper!AP38</f>
        <v>22.825871749980113</v>
      </c>
      <c r="G44" s="57">
        <f>Jesper!AQ38</f>
        <v>0</v>
      </c>
      <c r="H44" s="43">
        <v>37</v>
      </c>
      <c r="I44" s="55">
        <f>Bühler!I70</f>
        <v>15.193838112809788</v>
      </c>
      <c r="J44" s="58">
        <f>Bühler!J70</f>
        <v>87.806374131328568</v>
      </c>
      <c r="K44" s="58">
        <f>Bühler!K70</f>
        <v>3.9395290597342596</v>
      </c>
      <c r="L44" s="58">
        <f>Bühler!L70</f>
        <v>1.9697645298671298</v>
      </c>
      <c r="M44" s="57">
        <f>Bühler!M70</f>
        <v>0</v>
      </c>
      <c r="N44" s="55">
        <f>IF(Input!$K$13=1,J44*Input!$J$13,0)+IF(Input!$K$14=1,K44*Input!$J$14,0)+IF(Input!$K$15=1,L44*Input!$J$15,0)+IF(Input!$K$16=1,M44*Input!$J$16,0)</f>
        <v>10.536764895759427</v>
      </c>
      <c r="O44" s="58">
        <f>IF(Input!$K$13=2,J44*Input!$J$13,0)+IF(Input!$K$14=2,K44*Input!$J$14,0)+IF(Input!$K$15=2,L44*Input!$J$15,0)+IF(Input!$K$16=2,M44*Input!$J$16,0)</f>
        <v>0.53183642306412504</v>
      </c>
      <c r="P44" s="58">
        <f>IF(Input!$K$13=3,J44*Input!$J$13,0)+IF(Input!$K$14=3,K44*Input!$J$14,0)+IF(Input!$K$15=3,L44*Input!$J$15,0)+IF(Input!$K$16=3,M44*Input!$J$16,0)</f>
        <v>0</v>
      </c>
      <c r="Q44" s="71">
        <f>IF(Input!$K$13=4,J44*Input!$J$13,0)+IF(Input!$K$14=4,K44*Input!$J$14,0)+IF(Input!$K$15=4,L44*Input!$J$15,0)+IF(Input!$K$16=4,M44*Input!$J$16,0)</f>
        <v>0</v>
      </c>
    </row>
    <row r="45" spans="2:17" x14ac:dyDescent="0.25">
      <c r="B45" s="43">
        <v>38</v>
      </c>
      <c r="C45" s="55">
        <f>Jesper!AM39</f>
        <v>353.73037008978645</v>
      </c>
      <c r="D45" s="58">
        <f>Jesper!AN39</f>
        <v>1349.8943055634286</v>
      </c>
      <c r="E45" s="58">
        <f>Jesper!AO39</f>
        <v>45.651743499960226</v>
      </c>
      <c r="F45" s="58">
        <f>Jesper!AP39</f>
        <v>22.825871749980113</v>
      </c>
      <c r="G45" s="57">
        <f>Jesper!AQ39</f>
        <v>0</v>
      </c>
      <c r="H45" s="43">
        <v>38</v>
      </c>
      <c r="I45" s="55">
        <f>Bühler!I71</f>
        <v>10.129225408539861</v>
      </c>
      <c r="J45" s="58">
        <f>Bühler!J71</f>
        <v>58.537582754219059</v>
      </c>
      <c r="K45" s="58">
        <f>Bühler!K71</f>
        <v>2.6263527064895067</v>
      </c>
      <c r="L45" s="58">
        <f>Bühler!L71</f>
        <v>1.3131763532447533</v>
      </c>
      <c r="M45" s="57">
        <f>Bühler!M71</f>
        <v>0</v>
      </c>
      <c r="N45" s="55">
        <f>IF(Input!$K$13=1,J45*Input!$J$13,0)+IF(Input!$K$14=1,K45*Input!$J$14,0)+IF(Input!$K$15=1,L45*Input!$J$15,0)+IF(Input!$K$16=1,M45*Input!$J$16,0)</f>
        <v>7.0245099305062872</v>
      </c>
      <c r="O45" s="58">
        <f>IF(Input!$K$13=2,J45*Input!$J$13,0)+IF(Input!$K$14=2,K45*Input!$J$14,0)+IF(Input!$K$15=2,L45*Input!$J$15,0)+IF(Input!$K$16=2,M45*Input!$J$16,0)</f>
        <v>0.35455761537608338</v>
      </c>
      <c r="P45" s="58">
        <f>IF(Input!$K$13=3,J45*Input!$J$13,0)+IF(Input!$K$14=3,K45*Input!$J$14,0)+IF(Input!$K$15=3,L45*Input!$J$15,0)+IF(Input!$K$16=3,M45*Input!$J$16,0)</f>
        <v>0</v>
      </c>
      <c r="Q45" s="71">
        <f>IF(Input!$K$13=4,J45*Input!$J$13,0)+IF(Input!$K$14=4,K45*Input!$J$14,0)+IF(Input!$K$15=4,L45*Input!$J$15,0)+IF(Input!$K$16=4,M45*Input!$J$16,0)</f>
        <v>0</v>
      </c>
    </row>
    <row r="46" spans="2:17" x14ac:dyDescent="0.25">
      <c r="B46" s="43">
        <v>39</v>
      </c>
      <c r="C46" s="55">
        <f>Jesper!AM40</f>
        <v>336.2304677420546</v>
      </c>
      <c r="D46" s="58">
        <f>Jesper!AN40</f>
        <v>1308.9001706457479</v>
      </c>
      <c r="E46" s="58">
        <f>Jesper!AO40</f>
        <v>45.145728293095743</v>
      </c>
      <c r="F46" s="58">
        <f>Jesper!AP40</f>
        <v>22.572864146547872</v>
      </c>
      <c r="G46" s="57">
        <f>Jesper!AQ40</f>
        <v>0</v>
      </c>
      <c r="H46" s="43">
        <v>39</v>
      </c>
      <c r="I46" s="55">
        <f>Bühler!I72</f>
        <v>15.193838112809788</v>
      </c>
      <c r="J46" s="58">
        <f>Bühler!J72</f>
        <v>87.806374131328568</v>
      </c>
      <c r="K46" s="58">
        <f>Bühler!K72</f>
        <v>3.9395290597342596</v>
      </c>
      <c r="L46" s="58">
        <f>Bühler!L72</f>
        <v>1.9697645298671298</v>
      </c>
      <c r="M46" s="57">
        <f>Bühler!M72</f>
        <v>0</v>
      </c>
      <c r="N46" s="55">
        <f>IF(Input!$K$13=1,J46*Input!$J$13,0)+IF(Input!$K$14=1,K46*Input!$J$14,0)+IF(Input!$K$15=1,L46*Input!$J$15,0)+IF(Input!$K$16=1,M46*Input!$J$16,0)</f>
        <v>10.536764895759427</v>
      </c>
      <c r="O46" s="58">
        <f>IF(Input!$K$13=2,J46*Input!$J$13,0)+IF(Input!$K$14=2,K46*Input!$J$14,0)+IF(Input!$K$15=2,L46*Input!$J$15,0)+IF(Input!$K$16=2,M46*Input!$J$16,0)</f>
        <v>0.53183642306412504</v>
      </c>
      <c r="P46" s="58">
        <f>IF(Input!$K$13=3,J46*Input!$J$13,0)+IF(Input!$K$14=3,K46*Input!$J$14,0)+IF(Input!$K$15=3,L46*Input!$J$15,0)+IF(Input!$K$16=3,M46*Input!$J$16,0)</f>
        <v>0</v>
      </c>
      <c r="Q46" s="71">
        <f>IF(Input!$K$13=4,J46*Input!$J$13,0)+IF(Input!$K$14=4,K46*Input!$J$14,0)+IF(Input!$K$15=4,L46*Input!$J$15,0)+IF(Input!$K$16=4,M46*Input!$J$16,0)</f>
        <v>0</v>
      </c>
    </row>
    <row r="47" spans="2:17" x14ac:dyDescent="0.25">
      <c r="B47" s="43">
        <v>40</v>
      </c>
      <c r="C47" s="55">
        <f>Jesper!AM41</f>
        <v>303.41815084005754</v>
      </c>
      <c r="D47" s="58">
        <f>Jesper!AN41</f>
        <v>1232.036167675097</v>
      </c>
      <c r="E47" s="58">
        <f>Jesper!AO41</f>
        <v>44.196949780224834</v>
      </c>
      <c r="F47" s="58">
        <f>Jesper!AP41</f>
        <v>22.098474890112417</v>
      </c>
      <c r="G47" s="57">
        <f>Jesper!AQ41</f>
        <v>0</v>
      </c>
      <c r="H47" s="43">
        <v>40</v>
      </c>
      <c r="I47" s="55">
        <f>Bühler!I73</f>
        <v>15.193838112809788</v>
      </c>
      <c r="J47" s="58">
        <f>Bühler!J73</f>
        <v>87.806374131328568</v>
      </c>
      <c r="K47" s="58">
        <f>Bühler!K73</f>
        <v>3.9395290597342596</v>
      </c>
      <c r="L47" s="58">
        <f>Bühler!L73</f>
        <v>1.9697645298671298</v>
      </c>
      <c r="M47" s="57">
        <f>Bühler!M73</f>
        <v>0</v>
      </c>
      <c r="N47" s="55">
        <f>IF(Input!$K$13=1,J47*Input!$J$13,0)+IF(Input!$K$14=1,K47*Input!$J$14,0)+IF(Input!$K$15=1,L47*Input!$J$15,0)+IF(Input!$K$16=1,M47*Input!$J$16,0)</f>
        <v>10.536764895759427</v>
      </c>
      <c r="O47" s="58">
        <f>IF(Input!$K$13=2,J47*Input!$J$13,0)+IF(Input!$K$14=2,K47*Input!$J$14,0)+IF(Input!$K$15=2,L47*Input!$J$15,0)+IF(Input!$K$16=2,M47*Input!$J$16,0)</f>
        <v>0.53183642306412504</v>
      </c>
      <c r="P47" s="58">
        <f>IF(Input!$K$13=3,J47*Input!$J$13,0)+IF(Input!$K$14=3,K47*Input!$J$14,0)+IF(Input!$K$15=3,L47*Input!$J$15,0)+IF(Input!$K$16=3,M47*Input!$J$16,0)</f>
        <v>0</v>
      </c>
      <c r="Q47" s="71">
        <f>IF(Input!$K$13=4,J47*Input!$J$13,0)+IF(Input!$K$14=4,K47*Input!$J$14,0)+IF(Input!$K$15=4,L47*Input!$J$15,0)+IF(Input!$K$16=4,M47*Input!$J$16,0)</f>
        <v>0</v>
      </c>
    </row>
    <row r="48" spans="2:17" x14ac:dyDescent="0.25">
      <c r="B48" s="43">
        <v>41</v>
      </c>
      <c r="C48" s="55">
        <f>Jesper!AM42</f>
        <v>268.41834614459395</v>
      </c>
      <c r="D48" s="58">
        <f>Jesper!AN42</f>
        <v>1150.0478978397359</v>
      </c>
      <c r="E48" s="58">
        <f>Jesper!AO42</f>
        <v>43.184919366495862</v>
      </c>
      <c r="F48" s="58">
        <f>Jesper!AP42</f>
        <v>21.592459683247931</v>
      </c>
      <c r="G48" s="57">
        <f>Jesper!AQ42</f>
        <v>0</v>
      </c>
      <c r="H48" s="43">
        <v>41</v>
      </c>
      <c r="I48" s="55">
        <f>Bühler!I74</f>
        <v>12.661531760674825</v>
      </c>
      <c r="J48" s="58">
        <f>Bühler!J74</f>
        <v>55.335382732160987</v>
      </c>
      <c r="K48" s="58">
        <f>Bühler!K74</f>
        <v>2.298058618178318</v>
      </c>
      <c r="L48" s="58">
        <f>Bühler!L74</f>
        <v>1.149029309089159</v>
      </c>
      <c r="M48" s="57">
        <f>Bühler!M74</f>
        <v>0</v>
      </c>
      <c r="N48" s="55">
        <f>IF(Input!$K$13=1,J48*Input!$J$13,0)+IF(Input!$K$14=1,K48*Input!$J$14,0)+IF(Input!$K$15=1,L48*Input!$J$15,0)+IF(Input!$K$16=1,M48*Input!$J$16,0)</f>
        <v>6.6402459278593184</v>
      </c>
      <c r="O48" s="58">
        <f>IF(Input!$K$13=2,J48*Input!$J$13,0)+IF(Input!$K$14=2,K48*Input!$J$14,0)+IF(Input!$K$15=2,L48*Input!$J$15,0)+IF(Input!$K$16=2,M48*Input!$J$16,0)</f>
        <v>0.31023791345407292</v>
      </c>
      <c r="P48" s="58">
        <f>IF(Input!$K$13=3,J48*Input!$J$13,0)+IF(Input!$K$14=3,K48*Input!$J$14,0)+IF(Input!$K$15=3,L48*Input!$J$15,0)+IF(Input!$K$16=3,M48*Input!$J$16,0)</f>
        <v>0</v>
      </c>
      <c r="Q48" s="71">
        <f>IF(Input!$K$13=4,J48*Input!$J$13,0)+IF(Input!$K$14=4,K48*Input!$J$14,0)+IF(Input!$K$15=4,L48*Input!$J$15,0)+IF(Input!$K$16=4,M48*Input!$J$16,0)</f>
        <v>0</v>
      </c>
    </row>
    <row r="49" spans="2:17" x14ac:dyDescent="0.25">
      <c r="B49" s="43">
        <v>42</v>
      </c>
      <c r="C49" s="55">
        <f>Jesper!AM43</f>
        <v>117.51717679796691</v>
      </c>
      <c r="D49" s="58">
        <f>Jesper!AN43</f>
        <v>386.99510662143712</v>
      </c>
      <c r="E49" s="58">
        <f>Jesper!AO43</f>
        <v>9.8003344029582546</v>
      </c>
      <c r="F49" s="58">
        <f>Jesper!AP43</f>
        <v>4.9001672014791273</v>
      </c>
      <c r="G49" s="57">
        <f>Jesper!AQ43</f>
        <v>0</v>
      </c>
      <c r="H49" s="43">
        <v>42</v>
      </c>
      <c r="I49" s="55">
        <f>Bühler!I75</f>
        <v>10.1874393476694</v>
      </c>
      <c r="J49" s="58">
        <f>Bühler!J75</f>
        <v>22.927456433717076</v>
      </c>
      <c r="K49" s="58">
        <f>Bühler!K75</f>
        <v>0.65658817662237667</v>
      </c>
      <c r="L49" s="58">
        <f>Bühler!L75</f>
        <v>0.32829408831118834</v>
      </c>
      <c r="M49" s="57">
        <f>Bühler!M75</f>
        <v>0</v>
      </c>
      <c r="N49" s="55">
        <f>IF(Input!$K$13=1,J49*Input!$J$13,0)+IF(Input!$K$14=1,K49*Input!$J$14,0)+IF(Input!$K$15=1,L49*Input!$J$15,0)+IF(Input!$K$16=1,M49*Input!$J$16,0)</f>
        <v>2.751294772046049</v>
      </c>
      <c r="O49" s="58">
        <f>IF(Input!$K$13=2,J49*Input!$J$13,0)+IF(Input!$K$14=2,K49*Input!$J$14,0)+IF(Input!$K$15=2,L49*Input!$J$15,0)+IF(Input!$K$16=2,M49*Input!$J$16,0)</f>
        <v>8.8639403844020845E-2</v>
      </c>
      <c r="P49" s="58">
        <f>IF(Input!$K$13=3,J49*Input!$J$13,0)+IF(Input!$K$14=3,K49*Input!$J$14,0)+IF(Input!$K$15=3,L49*Input!$J$15,0)+IF(Input!$K$16=3,M49*Input!$J$16,0)</f>
        <v>0</v>
      </c>
      <c r="Q49" s="71">
        <f>IF(Input!$K$13=4,J49*Input!$J$13,0)+IF(Input!$K$14=4,K49*Input!$J$14,0)+IF(Input!$K$15=4,L49*Input!$J$15,0)+IF(Input!$K$16=4,M49*Input!$J$16,0)</f>
        <v>0</v>
      </c>
    </row>
    <row r="50" spans="2:17" x14ac:dyDescent="0.25">
      <c r="B50" s="43">
        <v>43</v>
      </c>
      <c r="C50" s="55">
        <f>Jesper!AM44</f>
        <v>86.535694891904157</v>
      </c>
      <c r="D50" s="58">
        <f>Jesper!AN44</f>
        <v>314.92889964795626</v>
      </c>
      <c r="E50" s="58">
        <f>Jesper!AO44</f>
        <v>8.6626464598478794</v>
      </c>
      <c r="F50" s="58">
        <f>Jesper!AP44</f>
        <v>4.3313232299239397</v>
      </c>
      <c r="G50" s="57">
        <f>Jesper!AQ44</f>
        <v>0</v>
      </c>
      <c r="H50" s="43">
        <v>43</v>
      </c>
      <c r="I50" s="55">
        <f>Bühler!I76</f>
        <v>3.6383711955962146</v>
      </c>
      <c r="J50" s="58">
        <f>Bühler!J76</f>
        <v>15.665152830373811</v>
      </c>
      <c r="K50" s="58">
        <f>Bühler!K76</f>
        <v>0.64734045582487842</v>
      </c>
      <c r="L50" s="58">
        <f>Bühler!L76</f>
        <v>0.32367022791243921</v>
      </c>
      <c r="M50" s="57">
        <f>Bühler!M76</f>
        <v>0</v>
      </c>
      <c r="N50" s="55">
        <f>IF(Input!$K$13=1,J50*Input!$J$13,0)+IF(Input!$K$14=1,K50*Input!$J$14,0)+IF(Input!$K$15=1,L50*Input!$J$15,0)+IF(Input!$K$16=1,M50*Input!$J$16,0)</f>
        <v>1.8798183396448573</v>
      </c>
      <c r="O50" s="58">
        <f>IF(Input!$K$13=2,J50*Input!$J$13,0)+IF(Input!$K$14=2,K50*Input!$J$14,0)+IF(Input!$K$15=2,L50*Input!$J$15,0)+IF(Input!$K$16=2,M50*Input!$J$16,0)</f>
        <v>8.7390961536358586E-2</v>
      </c>
      <c r="P50" s="58">
        <f>IF(Input!$K$13=3,J50*Input!$J$13,0)+IF(Input!$K$14=3,K50*Input!$J$14,0)+IF(Input!$K$15=3,L50*Input!$J$15,0)+IF(Input!$K$16=3,M50*Input!$J$16,0)</f>
        <v>0</v>
      </c>
      <c r="Q50" s="71">
        <f>IF(Input!$K$13=4,J50*Input!$J$13,0)+IF(Input!$K$14=4,K50*Input!$J$14,0)+IF(Input!$K$15=4,L50*Input!$J$15,0)+IF(Input!$K$16=4,M50*Input!$J$16,0)</f>
        <v>0</v>
      </c>
    </row>
    <row r="51" spans="2:17" x14ac:dyDescent="0.25">
      <c r="B51" s="43">
        <v>44</v>
      </c>
      <c r="C51" s="55">
        <f>Jesper!AM45</f>
        <v>159.04395647127015</v>
      </c>
      <c r="D51" s="58">
        <f>Jesper!AN45</f>
        <v>904.87336178230396</v>
      </c>
      <c r="E51" s="58">
        <f>Jesper!AO45</f>
        <v>41.42407761604634</v>
      </c>
      <c r="F51" s="58">
        <f>Jesper!AP45</f>
        <v>20.71203880802317</v>
      </c>
      <c r="G51" s="57">
        <f>Jesper!AQ45</f>
        <v>0</v>
      </c>
      <c r="H51" s="43">
        <v>44</v>
      </c>
      <c r="I51" s="55">
        <f>Bühler!I77</f>
        <v>3.6383711955962146</v>
      </c>
      <c r="J51" s="58">
        <f>Bühler!J77</f>
        <v>15.665152830373811</v>
      </c>
      <c r="K51" s="58">
        <f>Bühler!K77</f>
        <v>0.64734045582487842</v>
      </c>
      <c r="L51" s="58">
        <f>Bühler!L77</f>
        <v>0.32367022791243921</v>
      </c>
      <c r="M51" s="57">
        <f>Bühler!M77</f>
        <v>0</v>
      </c>
      <c r="N51" s="55">
        <f>IF(Input!$K$13=1,J51*Input!$J$13,0)+IF(Input!$K$14=1,K51*Input!$J$14,0)+IF(Input!$K$15=1,L51*Input!$J$15,0)+IF(Input!$K$16=1,M51*Input!$J$16,0)</f>
        <v>1.8798183396448573</v>
      </c>
      <c r="O51" s="58">
        <f>IF(Input!$K$13=2,J51*Input!$J$13,0)+IF(Input!$K$14=2,K51*Input!$J$14,0)+IF(Input!$K$15=2,L51*Input!$J$15,0)+IF(Input!$K$16=2,M51*Input!$J$16,0)</f>
        <v>8.7390961536358586E-2</v>
      </c>
      <c r="P51" s="58">
        <f>IF(Input!$K$13=3,J51*Input!$J$13,0)+IF(Input!$K$14=3,K51*Input!$J$14,0)+IF(Input!$K$15=3,L51*Input!$J$15,0)+IF(Input!$K$16=3,M51*Input!$J$16,0)</f>
        <v>0</v>
      </c>
      <c r="Q51" s="71">
        <f>IF(Input!$K$13=4,J51*Input!$J$13,0)+IF(Input!$K$14=4,K51*Input!$J$14,0)+IF(Input!$K$15=4,L51*Input!$J$15,0)+IF(Input!$K$16=4,M51*Input!$J$16,0)</f>
        <v>0</v>
      </c>
    </row>
    <row r="52" spans="2:17" x14ac:dyDescent="0.25">
      <c r="B52" s="43">
        <v>45</v>
      </c>
      <c r="C52" s="55">
        <f>Jesper!AM46</f>
        <v>169.98139543860253</v>
      </c>
      <c r="D52" s="58">
        <f>Jesper!AN46</f>
        <v>929.14850010852842</v>
      </c>
      <c r="E52" s="58">
        <f>Jesper!AO46</f>
        <v>41.569391596866694</v>
      </c>
      <c r="F52" s="58">
        <f>Jesper!AP46</f>
        <v>20.784695798433347</v>
      </c>
      <c r="G52" s="57">
        <f>Jesper!AQ46</f>
        <v>0</v>
      </c>
      <c r="H52" s="43">
        <v>45</v>
      </c>
      <c r="I52" s="55">
        <f>Bühler!I78</f>
        <v>3.6383711955962146</v>
      </c>
      <c r="J52" s="58">
        <f>Bühler!J78</f>
        <v>15.665152830373811</v>
      </c>
      <c r="K52" s="58">
        <f>Bühler!K78</f>
        <v>0.64734045582487842</v>
      </c>
      <c r="L52" s="58">
        <f>Bühler!L78</f>
        <v>0.32367022791243921</v>
      </c>
      <c r="M52" s="57">
        <f>Bühler!M78</f>
        <v>0</v>
      </c>
      <c r="N52" s="55">
        <f>IF(Input!$K$13=1,J52*Input!$J$13,0)+IF(Input!$K$14=1,K52*Input!$J$14,0)+IF(Input!$K$15=1,L52*Input!$J$15,0)+IF(Input!$K$16=1,M52*Input!$J$16,0)</f>
        <v>1.8798183396448573</v>
      </c>
      <c r="O52" s="58">
        <f>IF(Input!$K$13=2,J52*Input!$J$13,0)+IF(Input!$K$14=2,K52*Input!$J$14,0)+IF(Input!$K$15=2,L52*Input!$J$15,0)+IF(Input!$K$16=2,M52*Input!$J$16,0)</f>
        <v>8.7390961536358586E-2</v>
      </c>
      <c r="P52" s="58">
        <f>IF(Input!$K$13=3,J52*Input!$J$13,0)+IF(Input!$K$14=3,K52*Input!$J$14,0)+IF(Input!$K$15=3,L52*Input!$J$15,0)+IF(Input!$K$16=3,M52*Input!$J$16,0)</f>
        <v>0</v>
      </c>
      <c r="Q52" s="71">
        <f>IF(Input!$K$13=4,J52*Input!$J$13,0)+IF(Input!$K$14=4,K52*Input!$J$14,0)+IF(Input!$K$15=4,L52*Input!$J$15,0)+IF(Input!$K$16=4,M52*Input!$J$16,0)</f>
        <v>0</v>
      </c>
    </row>
    <row r="53" spans="2:17" x14ac:dyDescent="0.25">
      <c r="B53" s="43">
        <v>46</v>
      </c>
      <c r="C53" s="55">
        <f>Jesper!AM47</f>
        <v>213.73115130793207</v>
      </c>
      <c r="D53" s="58">
        <f>Jesper!AN47</f>
        <v>1026.2490534134267</v>
      </c>
      <c r="E53" s="58">
        <f>Jesper!AO47</f>
        <v>42.150647520148155</v>
      </c>
      <c r="F53" s="58">
        <f>Jesper!AP47</f>
        <v>21.075323760074077</v>
      </c>
      <c r="G53" s="57">
        <f>Jesper!AQ47</f>
        <v>0</v>
      </c>
      <c r="H53" s="43">
        <v>46</v>
      </c>
      <c r="I53" s="55">
        <f>Bühler!I79</f>
        <v>3.6383711955962146</v>
      </c>
      <c r="J53" s="58">
        <f>Bühler!J79</f>
        <v>15.665152830373811</v>
      </c>
      <c r="K53" s="58">
        <f>Bühler!K79</f>
        <v>0.64734045582487842</v>
      </c>
      <c r="L53" s="58">
        <f>Bühler!L79</f>
        <v>0.32367022791243921</v>
      </c>
      <c r="M53" s="57">
        <f>Bühler!M79</f>
        <v>0</v>
      </c>
      <c r="N53" s="55">
        <f>IF(Input!$K$13=1,J53*Input!$J$13,0)+IF(Input!$K$14=1,K53*Input!$J$14,0)+IF(Input!$K$15=1,L53*Input!$J$15,0)+IF(Input!$K$16=1,M53*Input!$J$16,0)</f>
        <v>1.8798183396448573</v>
      </c>
      <c r="O53" s="58">
        <f>IF(Input!$K$13=2,J53*Input!$J$13,0)+IF(Input!$K$14=2,K53*Input!$J$14,0)+IF(Input!$K$15=2,L53*Input!$J$15,0)+IF(Input!$K$16=2,M53*Input!$J$16,0)</f>
        <v>8.7390961536358586E-2</v>
      </c>
      <c r="P53" s="58">
        <f>IF(Input!$K$13=3,J53*Input!$J$13,0)+IF(Input!$K$14=3,K53*Input!$J$14,0)+IF(Input!$K$15=3,L53*Input!$J$15,0)+IF(Input!$K$16=3,M53*Input!$J$16,0)</f>
        <v>0</v>
      </c>
      <c r="Q53" s="71">
        <f>IF(Input!$K$13=4,J53*Input!$J$13,0)+IF(Input!$K$14=4,K53*Input!$J$14,0)+IF(Input!$K$15=4,L53*Input!$J$15,0)+IF(Input!$K$16=4,M53*Input!$J$16,0)</f>
        <v>0</v>
      </c>
    </row>
    <row r="54" spans="2:17" x14ac:dyDescent="0.25">
      <c r="B54" s="43">
        <v>47</v>
      </c>
      <c r="C54" s="55">
        <f>Jesper!AM48</f>
        <v>226.85607806873094</v>
      </c>
      <c r="D54" s="58">
        <f>Jesper!AN48</f>
        <v>1055.3792194048963</v>
      </c>
      <c r="E54" s="58">
        <f>Jesper!AO48</f>
        <v>42.325024297132593</v>
      </c>
      <c r="F54" s="58">
        <f>Jesper!AP48</f>
        <v>21.162512148566297</v>
      </c>
      <c r="G54" s="57">
        <f>Jesper!AQ48</f>
        <v>0</v>
      </c>
      <c r="H54" s="43">
        <v>47</v>
      </c>
      <c r="I54" s="55">
        <f>Bühler!I80</f>
        <v>3.6383711955962146</v>
      </c>
      <c r="J54" s="58">
        <f>Bühler!J80</f>
        <v>15.665152830373811</v>
      </c>
      <c r="K54" s="58">
        <f>Bühler!K80</f>
        <v>0.64734045582487842</v>
      </c>
      <c r="L54" s="58">
        <f>Bühler!L80</f>
        <v>0.32367022791243921</v>
      </c>
      <c r="M54" s="57">
        <f>Bühler!M80</f>
        <v>0</v>
      </c>
      <c r="N54" s="55">
        <f>IF(Input!$K$13=1,J54*Input!$J$13,0)+IF(Input!$K$14=1,K54*Input!$J$14,0)+IF(Input!$K$15=1,L54*Input!$J$15,0)+IF(Input!$K$16=1,M54*Input!$J$16,0)</f>
        <v>1.8798183396448573</v>
      </c>
      <c r="O54" s="58">
        <f>IF(Input!$K$13=2,J54*Input!$J$13,0)+IF(Input!$K$14=2,K54*Input!$J$14,0)+IF(Input!$K$15=2,L54*Input!$J$15,0)+IF(Input!$K$16=2,M54*Input!$J$16,0)</f>
        <v>8.7390961536358586E-2</v>
      </c>
      <c r="P54" s="58">
        <f>IF(Input!$K$13=3,J54*Input!$J$13,0)+IF(Input!$K$14=3,K54*Input!$J$14,0)+IF(Input!$K$15=3,L54*Input!$J$15,0)+IF(Input!$K$16=3,M54*Input!$J$16,0)</f>
        <v>0</v>
      </c>
      <c r="Q54" s="71">
        <f>IF(Input!$K$13=4,J54*Input!$J$13,0)+IF(Input!$K$14=4,K54*Input!$J$14,0)+IF(Input!$K$15=4,L54*Input!$J$15,0)+IF(Input!$K$16=4,M54*Input!$J$16,0)</f>
        <v>0</v>
      </c>
    </row>
    <row r="55" spans="2:17" x14ac:dyDescent="0.25">
      <c r="B55" s="43">
        <v>48</v>
      </c>
      <c r="C55" s="55">
        <f>Jesper!AM49</f>
        <v>119.66917618887358</v>
      </c>
      <c r="D55" s="58">
        <f>Jesper!AN49</f>
        <v>817.48286380789534</v>
      </c>
      <c r="E55" s="58">
        <f>Jesper!AO49</f>
        <v>40.900947285093025</v>
      </c>
      <c r="F55" s="58">
        <f>Jesper!AP49</f>
        <v>20.450473642546513</v>
      </c>
      <c r="G55" s="57">
        <f>Jesper!AQ49</f>
        <v>0</v>
      </c>
      <c r="H55" s="43">
        <v>48</v>
      </c>
      <c r="I55" s="55">
        <f>Bühler!I81</f>
        <v>3.6383711955962146</v>
      </c>
      <c r="J55" s="58">
        <f>Bühler!J81</f>
        <v>15.665152830373811</v>
      </c>
      <c r="K55" s="58">
        <f>Bühler!K81</f>
        <v>0.64734045582487842</v>
      </c>
      <c r="L55" s="58">
        <f>Bühler!L81</f>
        <v>0.32367022791243921</v>
      </c>
      <c r="M55" s="57">
        <f>Bühler!M81</f>
        <v>0</v>
      </c>
      <c r="N55" s="55">
        <f>IF(Input!$K$13=1,J55*Input!$J$13,0)+IF(Input!$K$14=1,K55*Input!$J$14,0)+IF(Input!$K$15=1,L55*Input!$J$15,0)+IF(Input!$K$16=1,M55*Input!$J$16,0)</f>
        <v>1.8798183396448573</v>
      </c>
      <c r="O55" s="58">
        <f>IF(Input!$K$13=2,J55*Input!$J$13,0)+IF(Input!$K$14=2,K55*Input!$J$14,0)+IF(Input!$K$15=2,L55*Input!$J$15,0)+IF(Input!$K$16=2,M55*Input!$J$16,0)</f>
        <v>8.7390961536358586E-2</v>
      </c>
      <c r="P55" s="58">
        <f>IF(Input!$K$13=3,J55*Input!$J$13,0)+IF(Input!$K$14=3,K55*Input!$J$14,0)+IF(Input!$K$15=3,L55*Input!$J$15,0)+IF(Input!$K$16=3,M55*Input!$J$16,0)</f>
        <v>0</v>
      </c>
      <c r="Q55" s="71">
        <f>IF(Input!$K$13=4,J55*Input!$J$13,0)+IF(Input!$K$14=4,K55*Input!$J$14,0)+IF(Input!$K$15=4,L55*Input!$J$15,0)+IF(Input!$K$16=4,M55*Input!$J$16,0)</f>
        <v>0</v>
      </c>
    </row>
    <row r="56" spans="2:17" x14ac:dyDescent="0.25">
      <c r="B56" s="43">
        <v>49</v>
      </c>
      <c r="C56" s="55">
        <f>Jesper!AM50</f>
        <v>15.709469989641548</v>
      </c>
      <c r="D56" s="58">
        <f>Jesper!AN50</f>
        <v>142.11705839794749</v>
      </c>
      <c r="E56" s="58">
        <f>Jesper!AO50</f>
        <v>5.932195396382979</v>
      </c>
      <c r="F56" s="58">
        <f>Jesper!AP50</f>
        <v>2.9660976981914895</v>
      </c>
      <c r="G56" s="57">
        <f>Jesper!AQ50</f>
        <v>0</v>
      </c>
      <c r="H56" s="43">
        <v>49</v>
      </c>
      <c r="I56" s="55">
        <f>Bühler!I82</f>
        <v>2.7033526035226538</v>
      </c>
      <c r="J56" s="58">
        <f>Bühler!J82</f>
        <v>9.9779929332883377</v>
      </c>
      <c r="K56" s="58">
        <f>Bühler!K82</f>
        <v>0.40743205965842971</v>
      </c>
      <c r="L56" s="58">
        <f>Bühler!L82</f>
        <v>0.20371602982921486</v>
      </c>
      <c r="M56" s="57">
        <f>Bühler!M82</f>
        <v>0</v>
      </c>
      <c r="N56" s="55">
        <f>IF(Input!$K$13=1,J56*Input!$J$13,0)+IF(Input!$K$14=1,K56*Input!$J$14,0)+IF(Input!$K$15=1,L56*Input!$J$15,0)+IF(Input!$K$16=1,M56*Input!$J$16,0)</f>
        <v>1.1973591519946005</v>
      </c>
      <c r="O56" s="58">
        <f>IF(Input!$K$13=2,J56*Input!$J$13,0)+IF(Input!$K$14=2,K56*Input!$J$14,0)+IF(Input!$K$15=2,L56*Input!$J$15,0)+IF(Input!$K$16=2,M56*Input!$J$16,0)</f>
        <v>5.5003328053888009E-2</v>
      </c>
      <c r="P56" s="58">
        <f>IF(Input!$K$13=3,J56*Input!$J$13,0)+IF(Input!$K$14=3,K56*Input!$J$14,0)+IF(Input!$K$15=3,L56*Input!$J$15,0)+IF(Input!$K$16=3,M56*Input!$J$16,0)</f>
        <v>0</v>
      </c>
      <c r="Q56" s="71">
        <f>IF(Input!$K$13=4,J56*Input!$J$13,0)+IF(Input!$K$14=4,K56*Input!$J$14,0)+IF(Input!$K$15=4,L56*Input!$J$15,0)+IF(Input!$K$16=4,M56*Input!$J$16,0)</f>
        <v>0</v>
      </c>
    </row>
    <row r="57" spans="2:17" x14ac:dyDescent="0.25">
      <c r="B57" s="43">
        <v>50</v>
      </c>
      <c r="C57" s="55">
        <f>Jesper!AM51</f>
        <v>43.161620223416186</v>
      </c>
      <c r="D57" s="58">
        <f>Jesper!AN51</f>
        <v>214.03620988508303</v>
      </c>
      <c r="E57" s="58">
        <f>Jesper!AO51</f>
        <v>7.069883339493356</v>
      </c>
      <c r="F57" s="58">
        <f>Jesper!AP51</f>
        <v>3.534941669746678</v>
      </c>
      <c r="G57" s="57">
        <f>Jesper!AQ51</f>
        <v>0</v>
      </c>
      <c r="H57" s="43">
        <v>50</v>
      </c>
      <c r="I57" s="55">
        <f>Bühler!I83</f>
        <v>2.7033526035226538</v>
      </c>
      <c r="J57" s="58">
        <f>Bühler!J83</f>
        <v>13.670515333646755</v>
      </c>
      <c r="K57" s="58">
        <f>Bühler!K83</f>
        <v>0.6208488528128453</v>
      </c>
      <c r="L57" s="58">
        <f>Bühler!L83</f>
        <v>0.31042442640642265</v>
      </c>
      <c r="M57" s="57">
        <f>Bühler!M83</f>
        <v>0</v>
      </c>
      <c r="N57" s="55">
        <f>IF(Input!$K$13=1,J57*Input!$J$13,0)+IF(Input!$K$14=1,K57*Input!$J$14,0)+IF(Input!$K$15=1,L57*Input!$J$15,0)+IF(Input!$K$16=1,M57*Input!$J$16,0)</f>
        <v>1.6404618400376105</v>
      </c>
      <c r="O57" s="58">
        <f>IF(Input!$K$13=2,J57*Input!$J$13,0)+IF(Input!$K$14=2,K57*Input!$J$14,0)+IF(Input!$K$15=2,L57*Input!$J$15,0)+IF(Input!$K$16=2,M57*Input!$J$16,0)</f>
        <v>8.3814595129734104E-2</v>
      </c>
      <c r="P57" s="58">
        <f>IF(Input!$K$13=3,J57*Input!$J$13,0)+IF(Input!$K$14=3,K57*Input!$J$14,0)+IF(Input!$K$15=3,L57*Input!$J$15,0)+IF(Input!$K$16=3,M57*Input!$J$16,0)</f>
        <v>0</v>
      </c>
      <c r="Q57" s="71">
        <f>IF(Input!$K$13=4,J57*Input!$J$13,0)+IF(Input!$K$14=4,K57*Input!$J$14,0)+IF(Input!$K$15=4,L57*Input!$J$15,0)+IF(Input!$K$16=4,M57*Input!$J$16,0)</f>
        <v>0</v>
      </c>
    </row>
    <row r="58" spans="2:17" x14ac:dyDescent="0.25">
      <c r="B58" s="43">
        <v>51</v>
      </c>
      <c r="C58" s="55">
        <f>Jesper!AM52</f>
        <v>113.10671280847419</v>
      </c>
      <c r="D58" s="58">
        <f>Jesper!AN52</f>
        <v>802.9177808121608</v>
      </c>
      <c r="E58" s="58">
        <f>Jesper!AO52</f>
        <v>40.813758896600817</v>
      </c>
      <c r="F58" s="58">
        <f>Jesper!AP52</f>
        <v>20.406879448300408</v>
      </c>
      <c r="G58" s="57">
        <f>Jesper!AQ52</f>
        <v>0</v>
      </c>
      <c r="H58" s="43">
        <v>51</v>
      </c>
      <c r="I58" s="55">
        <f>Bühler!I84</f>
        <v>2.7033526035226538</v>
      </c>
      <c r="J58" s="58">
        <f>Bühler!J84</f>
        <v>13.670515333646755</v>
      </c>
      <c r="K58" s="58">
        <f>Bühler!K84</f>
        <v>0.6208488528128453</v>
      </c>
      <c r="L58" s="58">
        <f>Bühler!L84</f>
        <v>0.31042442640642265</v>
      </c>
      <c r="M58" s="57">
        <f>Bühler!M84</f>
        <v>0</v>
      </c>
      <c r="N58" s="55">
        <f>IF(Input!$K$13=1,J58*Input!$J$13,0)+IF(Input!$K$14=1,K58*Input!$J$14,0)+IF(Input!$K$15=1,L58*Input!$J$15,0)+IF(Input!$K$16=1,M58*Input!$J$16,0)</f>
        <v>1.6404618400376105</v>
      </c>
      <c r="O58" s="58">
        <f>IF(Input!$K$13=2,J58*Input!$J$13,0)+IF(Input!$K$14=2,K58*Input!$J$14,0)+IF(Input!$K$15=2,L58*Input!$J$15,0)+IF(Input!$K$16=2,M58*Input!$J$16,0)</f>
        <v>8.3814595129734104E-2</v>
      </c>
      <c r="P58" s="58">
        <f>IF(Input!$K$13=3,J58*Input!$J$13,0)+IF(Input!$K$14=3,K58*Input!$J$14,0)+IF(Input!$K$15=3,L58*Input!$J$15,0)+IF(Input!$K$16=3,M58*Input!$J$16,0)</f>
        <v>0</v>
      </c>
      <c r="Q58" s="71">
        <f>IF(Input!$K$13=4,J58*Input!$J$13,0)+IF(Input!$K$14=4,K58*Input!$J$14,0)+IF(Input!$K$15=4,L58*Input!$J$15,0)+IF(Input!$K$16=4,M58*Input!$J$16,0)</f>
        <v>0</v>
      </c>
    </row>
    <row r="59" spans="2:17" x14ac:dyDescent="0.25">
      <c r="B59" s="43">
        <v>52</v>
      </c>
      <c r="C59" s="55">
        <f>Jesper!AM53</f>
        <v>32.169664450214583</v>
      </c>
      <c r="D59" s="58">
        <f>Jesper!AN53</f>
        <v>623.28175719809872</v>
      </c>
      <c r="E59" s="58">
        <f>Jesper!AO53</f>
        <v>39.738435438530111</v>
      </c>
      <c r="F59" s="58">
        <f>Jesper!AP53</f>
        <v>19.869217719265055</v>
      </c>
      <c r="G59" s="57">
        <f>Jesper!AQ53</f>
        <v>0</v>
      </c>
      <c r="H59" s="43">
        <v>52</v>
      </c>
      <c r="I59" s="55">
        <f>Bühler!I85</f>
        <v>2.7033526035226538</v>
      </c>
      <c r="J59" s="58">
        <f>Bühler!J85</f>
        <v>13.670515333646755</v>
      </c>
      <c r="K59" s="58">
        <f>Bühler!K85</f>
        <v>0.6208488528128453</v>
      </c>
      <c r="L59" s="58">
        <f>Bühler!L85</f>
        <v>0.31042442640642265</v>
      </c>
      <c r="M59" s="57">
        <f>Bühler!M85</f>
        <v>0</v>
      </c>
      <c r="N59" s="55">
        <f>IF(Input!$K$13=1,J59*Input!$J$13,0)+IF(Input!$K$14=1,K59*Input!$J$14,0)+IF(Input!$K$15=1,L59*Input!$J$15,0)+IF(Input!$K$16=1,M59*Input!$J$16,0)</f>
        <v>1.6404618400376105</v>
      </c>
      <c r="O59" s="58">
        <f>IF(Input!$K$13=2,J59*Input!$J$13,0)+IF(Input!$K$14=2,K59*Input!$J$14,0)+IF(Input!$K$15=2,L59*Input!$J$15,0)+IF(Input!$K$16=2,M59*Input!$J$16,0)</f>
        <v>8.3814595129734104E-2</v>
      </c>
      <c r="P59" s="58">
        <f>IF(Input!$K$13=3,J59*Input!$J$13,0)+IF(Input!$K$14=3,K59*Input!$J$14,0)+IF(Input!$K$15=3,L59*Input!$J$15,0)+IF(Input!$K$16=3,M59*Input!$J$16,0)</f>
        <v>0</v>
      </c>
      <c r="Q59" s="71">
        <f>IF(Input!$K$13=4,J59*Input!$J$13,0)+IF(Input!$K$14=4,K59*Input!$J$14,0)+IF(Input!$K$15=4,L59*Input!$J$15,0)+IF(Input!$K$16=4,M59*Input!$J$16,0)</f>
        <v>0</v>
      </c>
    </row>
    <row r="60" spans="2:17" x14ac:dyDescent="0.25">
      <c r="B60" s="43">
        <v>53</v>
      </c>
      <c r="C60" s="55">
        <f>Jesper!AM54</f>
        <v>29.454361914578879</v>
      </c>
      <c r="D60" s="58">
        <f>Jesper!AN54</f>
        <v>612.88443178419141</v>
      </c>
      <c r="E60" s="58">
        <f>Jesper!AO54</f>
        <v>39.651247050037902</v>
      </c>
      <c r="F60" s="58">
        <f>Jesper!AP54</f>
        <v>19.825623525018951</v>
      </c>
      <c r="G60" s="57">
        <f>Jesper!AQ54</f>
        <v>0</v>
      </c>
      <c r="H60" s="43">
        <v>53</v>
      </c>
      <c r="I60" s="55">
        <f>Bühler!I86</f>
        <v>2.7033526035226538</v>
      </c>
      <c r="J60" s="58">
        <f>Bühler!J86</f>
        <v>13.670515333646755</v>
      </c>
      <c r="K60" s="58">
        <f>Bühler!K86</f>
        <v>0.6208488528128453</v>
      </c>
      <c r="L60" s="58">
        <f>Bühler!L86</f>
        <v>0.31042442640642265</v>
      </c>
      <c r="M60" s="57">
        <f>Bühler!M86</f>
        <v>0</v>
      </c>
      <c r="N60" s="55">
        <f>IF(Input!$K$13=1,J60*Input!$J$13,0)+IF(Input!$K$14=1,K60*Input!$J$14,0)+IF(Input!$K$15=1,L60*Input!$J$15,0)+IF(Input!$K$16=1,M60*Input!$J$16,0)</f>
        <v>1.6404618400376105</v>
      </c>
      <c r="O60" s="58">
        <f>IF(Input!$K$13=2,J60*Input!$J$13,0)+IF(Input!$K$14=2,K60*Input!$J$14,0)+IF(Input!$K$15=2,L60*Input!$J$15,0)+IF(Input!$K$16=2,M60*Input!$J$16,0)</f>
        <v>8.3814595129734104E-2</v>
      </c>
      <c r="P60" s="58">
        <f>IF(Input!$K$13=3,J60*Input!$J$13,0)+IF(Input!$K$14=3,K60*Input!$J$14,0)+IF(Input!$K$15=3,L60*Input!$J$15,0)+IF(Input!$K$16=3,M60*Input!$J$16,0)</f>
        <v>0</v>
      </c>
      <c r="Q60" s="71">
        <f>IF(Input!$K$13=4,J60*Input!$J$13,0)+IF(Input!$K$14=4,K60*Input!$J$14,0)+IF(Input!$K$15=4,L60*Input!$J$15,0)+IF(Input!$K$16=4,M60*Input!$J$16,0)</f>
        <v>0</v>
      </c>
    </row>
    <row r="61" spans="2:17" x14ac:dyDescent="0.25">
      <c r="B61" s="43">
        <v>54</v>
      </c>
      <c r="C61" s="55">
        <f>Jesper!AM55</f>
        <v>89.044347080342959</v>
      </c>
      <c r="D61" s="58">
        <f>Jesper!AN55</f>
        <v>749.51247649446668</v>
      </c>
      <c r="E61" s="58">
        <f>Jesper!AO55</f>
        <v>40.49406813879601</v>
      </c>
      <c r="F61" s="58">
        <f>Jesper!AP55</f>
        <v>20.247034069398005</v>
      </c>
      <c r="G61" s="57">
        <f>Jesper!AQ55</f>
        <v>0</v>
      </c>
      <c r="H61" s="43">
        <v>54</v>
      </c>
      <c r="I61" s="55">
        <f>Bühler!I87</f>
        <v>2.7033526035226538</v>
      </c>
      <c r="J61" s="58">
        <f>Bühler!J87</f>
        <v>13.670515333646755</v>
      </c>
      <c r="K61" s="58">
        <f>Bühler!K87</f>
        <v>0.6208488528128453</v>
      </c>
      <c r="L61" s="58">
        <f>Bühler!L87</f>
        <v>0.31042442640642265</v>
      </c>
      <c r="M61" s="57">
        <f>Bühler!M87</f>
        <v>0</v>
      </c>
      <c r="N61" s="55">
        <f>IF(Input!$K$13=1,J61*Input!$J$13,0)+IF(Input!$K$14=1,K61*Input!$J$14,0)+IF(Input!$K$15=1,L61*Input!$J$15,0)+IF(Input!$K$16=1,M61*Input!$J$16,0)</f>
        <v>1.6404618400376105</v>
      </c>
      <c r="O61" s="58">
        <f>IF(Input!$K$13=2,J61*Input!$J$13,0)+IF(Input!$K$14=2,K61*Input!$J$14,0)+IF(Input!$K$15=2,L61*Input!$J$15,0)+IF(Input!$K$16=2,M61*Input!$J$16,0)</f>
        <v>8.3814595129734104E-2</v>
      </c>
      <c r="P61" s="58">
        <f>IF(Input!$K$13=3,J61*Input!$J$13,0)+IF(Input!$K$14=3,K61*Input!$J$14,0)+IF(Input!$K$15=3,L61*Input!$J$15,0)+IF(Input!$K$16=3,M61*Input!$J$16,0)</f>
        <v>0</v>
      </c>
      <c r="Q61" s="71">
        <f>IF(Input!$K$13=4,J61*Input!$J$13,0)+IF(Input!$K$14=4,K61*Input!$J$14,0)+IF(Input!$K$15=4,L61*Input!$J$15,0)+IF(Input!$K$16=4,M61*Input!$J$16,0)</f>
        <v>0</v>
      </c>
    </row>
    <row r="62" spans="2:17" x14ac:dyDescent="0.25">
      <c r="B62" s="43">
        <v>55</v>
      </c>
      <c r="C62" s="55">
        <f>Jesper!AM56</f>
        <v>32.169664450214583</v>
      </c>
      <c r="D62" s="58">
        <f>Jesper!AN56</f>
        <v>623.28175719809872</v>
      </c>
      <c r="E62" s="58">
        <f>Jesper!AO56</f>
        <v>39.738435438530111</v>
      </c>
      <c r="F62" s="58">
        <f>Jesper!AP56</f>
        <v>19.869217719265055</v>
      </c>
      <c r="G62" s="57">
        <f>Jesper!AQ56</f>
        <v>0</v>
      </c>
      <c r="H62" s="43">
        <v>55</v>
      </c>
      <c r="I62" s="55">
        <f>Bühler!I88</f>
        <v>2.7033526035226538</v>
      </c>
      <c r="J62" s="58">
        <f>Bühler!J88</f>
        <v>13.670515333646755</v>
      </c>
      <c r="K62" s="58">
        <f>Bühler!K88</f>
        <v>0.6208488528128453</v>
      </c>
      <c r="L62" s="58">
        <f>Bühler!L88</f>
        <v>0.31042442640642265</v>
      </c>
      <c r="M62" s="57">
        <f>Bühler!M88</f>
        <v>0</v>
      </c>
      <c r="N62" s="55">
        <f>IF(Input!$K$13=1,J62*Input!$J$13,0)+IF(Input!$K$14=1,K62*Input!$J$14,0)+IF(Input!$K$15=1,L62*Input!$J$15,0)+IF(Input!$K$16=1,M62*Input!$J$16,0)</f>
        <v>1.6404618400376105</v>
      </c>
      <c r="O62" s="58">
        <f>IF(Input!$K$13=2,J62*Input!$J$13,0)+IF(Input!$K$14=2,K62*Input!$J$14,0)+IF(Input!$K$15=2,L62*Input!$J$15,0)+IF(Input!$K$16=2,M62*Input!$J$16,0)</f>
        <v>8.3814595129734104E-2</v>
      </c>
      <c r="P62" s="58">
        <f>IF(Input!$K$13=3,J62*Input!$J$13,0)+IF(Input!$K$14=3,K62*Input!$J$14,0)+IF(Input!$K$15=3,L62*Input!$J$15,0)+IF(Input!$K$16=3,M62*Input!$J$16,0)</f>
        <v>0</v>
      </c>
      <c r="Q62" s="71">
        <f>IF(Input!$K$13=4,J62*Input!$J$13,0)+IF(Input!$K$14=4,K62*Input!$J$14,0)+IF(Input!$K$15=4,L62*Input!$J$15,0)+IF(Input!$K$16=4,M62*Input!$J$16,0)</f>
        <v>0</v>
      </c>
    </row>
    <row r="63" spans="2:17" x14ac:dyDescent="0.25">
      <c r="B63" s="43">
        <v>56</v>
      </c>
      <c r="C63" s="55">
        <f>Jesper!AM57</f>
        <v>78.273966383620717</v>
      </c>
      <c r="D63" s="58">
        <f>Jesper!AN57</f>
        <v>295.71124445502801</v>
      </c>
      <c r="E63" s="58">
        <f>Jesper!AO57</f>
        <v>8.35926300835178</v>
      </c>
      <c r="F63" s="58">
        <f>Jesper!AP57</f>
        <v>4.17963150417589</v>
      </c>
      <c r="G63" s="57">
        <f>Jesper!AQ57</f>
        <v>0</v>
      </c>
      <c r="H63" s="43">
        <v>56</v>
      </c>
      <c r="I63" s="55">
        <f>Bühler!I89</f>
        <v>7.7873995965991272</v>
      </c>
      <c r="J63" s="58">
        <f>Bühler!J89</f>
        <v>53.7201015455597</v>
      </c>
      <c r="K63" s="58">
        <f>Bühler!K89</f>
        <v>2.6172659451391511</v>
      </c>
      <c r="L63" s="58">
        <f>Bühler!L89</f>
        <v>1.3086329725695756</v>
      </c>
      <c r="M63" s="57">
        <f>Bühler!M89</f>
        <v>0</v>
      </c>
      <c r="N63" s="55">
        <f>IF(Input!$K$13=1,J63*Input!$J$13,0)+IF(Input!$K$14=1,K63*Input!$J$14,0)+IF(Input!$K$15=1,L63*Input!$J$15,0)+IF(Input!$K$16=1,M63*Input!$J$16,0)</f>
        <v>6.4464121854671639</v>
      </c>
      <c r="O63" s="58">
        <f>IF(Input!$K$13=2,J63*Input!$J$13,0)+IF(Input!$K$14=2,K63*Input!$J$14,0)+IF(Input!$K$15=2,L63*Input!$J$15,0)+IF(Input!$K$16=2,M63*Input!$J$16,0)</f>
        <v>0.35333090259378541</v>
      </c>
      <c r="P63" s="58">
        <f>IF(Input!$K$13=3,J63*Input!$J$13,0)+IF(Input!$K$14=3,K63*Input!$J$14,0)+IF(Input!$K$15=3,L63*Input!$J$15,0)+IF(Input!$K$16=3,M63*Input!$J$16,0)</f>
        <v>0</v>
      </c>
      <c r="Q63" s="71">
        <f>IF(Input!$K$13=4,J63*Input!$J$13,0)+IF(Input!$K$14=4,K63*Input!$J$14,0)+IF(Input!$K$15=4,L63*Input!$J$15,0)+IF(Input!$K$16=4,M63*Input!$J$16,0)</f>
        <v>0</v>
      </c>
    </row>
    <row r="64" spans="2:17" x14ac:dyDescent="0.25">
      <c r="B64" s="43">
        <v>57</v>
      </c>
      <c r="C64" s="55">
        <f>Jesper!AM58</f>
        <v>139.20421413221089</v>
      </c>
      <c r="D64" s="58">
        <f>Jesper!AN58</f>
        <v>437.44145150287369</v>
      </c>
      <c r="E64" s="58">
        <f>Jesper!AO58</f>
        <v>10.596715963135516</v>
      </c>
      <c r="F64" s="58">
        <f>Jesper!AP58</f>
        <v>5.2983579815677579</v>
      </c>
      <c r="G64" s="57">
        <f>Jesper!AQ58</f>
        <v>0</v>
      </c>
      <c r="H64" s="43">
        <v>57</v>
      </c>
      <c r="I64" s="55">
        <f>Bühler!I90</f>
        <v>8.689098497257973</v>
      </c>
      <c r="J64" s="58">
        <f>Bühler!J90</f>
        <v>59.940323829782386</v>
      </c>
      <c r="K64" s="58">
        <f>Bühler!K90</f>
        <v>2.9203177914184213</v>
      </c>
      <c r="L64" s="58">
        <f>Bühler!L90</f>
        <v>1.4601588957092106</v>
      </c>
      <c r="M64" s="57">
        <f>Bühler!M90</f>
        <v>0</v>
      </c>
      <c r="N64" s="55">
        <f>IF(Input!$K$13=1,J64*Input!$J$13,0)+IF(Input!$K$14=1,K64*Input!$J$14,0)+IF(Input!$K$15=1,L64*Input!$J$15,0)+IF(Input!$K$16=1,M64*Input!$J$16,0)</f>
        <v>7.1928388595738859</v>
      </c>
      <c r="O64" s="58">
        <f>IF(Input!$K$13=2,J64*Input!$J$13,0)+IF(Input!$K$14=2,K64*Input!$J$14,0)+IF(Input!$K$15=2,L64*Input!$J$15,0)+IF(Input!$K$16=2,M64*Input!$J$16,0)</f>
        <v>0.39424290184148686</v>
      </c>
      <c r="P64" s="58">
        <f>IF(Input!$K$13=3,J64*Input!$J$13,0)+IF(Input!$K$14=3,K64*Input!$J$14,0)+IF(Input!$K$15=3,L64*Input!$J$15,0)+IF(Input!$K$16=3,M64*Input!$J$16,0)</f>
        <v>0</v>
      </c>
      <c r="Q64" s="71">
        <f>IF(Input!$K$13=4,J64*Input!$J$13,0)+IF(Input!$K$14=4,K64*Input!$J$14,0)+IF(Input!$K$15=4,L64*Input!$J$15,0)+IF(Input!$K$16=4,M64*Input!$J$16,0)</f>
        <v>0</v>
      </c>
    </row>
    <row r="65" spans="2:17" x14ac:dyDescent="0.25">
      <c r="B65" s="43">
        <v>58</v>
      </c>
      <c r="C65" s="55">
        <f>Jesper!AM59</f>
        <v>268.41834614459395</v>
      </c>
      <c r="D65" s="58">
        <f>Jesper!AN59</f>
        <v>1150.0478978397359</v>
      </c>
      <c r="E65" s="58">
        <f>Jesper!AO59</f>
        <v>43.184919366495862</v>
      </c>
      <c r="F65" s="58">
        <f>Jesper!AP59</f>
        <v>21.592459683247931</v>
      </c>
      <c r="G65" s="57">
        <f>Jesper!AQ59</f>
        <v>0</v>
      </c>
      <c r="H65" s="43">
        <v>58</v>
      </c>
      <c r="I65" s="55">
        <f>Bühler!I91</f>
        <v>9.5907973979168215</v>
      </c>
      <c r="J65" s="58">
        <f>Bühler!J91</f>
        <v>66.160546114005101</v>
      </c>
      <c r="K65" s="58">
        <f>Bühler!K91</f>
        <v>3.2233696376976915</v>
      </c>
      <c r="L65" s="58">
        <f>Bühler!L91</f>
        <v>1.6116848188488457</v>
      </c>
      <c r="M65" s="57">
        <f>Bühler!M91</f>
        <v>0</v>
      </c>
      <c r="N65" s="55">
        <f>IF(Input!$K$13=1,J65*Input!$J$13,0)+IF(Input!$K$14=1,K65*Input!$J$14,0)+IF(Input!$K$15=1,L65*Input!$J$15,0)+IF(Input!$K$16=1,M65*Input!$J$16,0)</f>
        <v>7.9392655336806115</v>
      </c>
      <c r="O65" s="58">
        <f>IF(Input!$K$13=2,J65*Input!$J$13,0)+IF(Input!$K$14=2,K65*Input!$J$14,0)+IF(Input!$K$15=2,L65*Input!$J$15,0)+IF(Input!$K$16=2,M65*Input!$J$16,0)</f>
        <v>0.43515490108918831</v>
      </c>
      <c r="P65" s="58">
        <f>IF(Input!$K$13=3,J65*Input!$J$13,0)+IF(Input!$K$14=3,K65*Input!$J$14,0)+IF(Input!$K$15=3,L65*Input!$J$15,0)+IF(Input!$K$16=3,M65*Input!$J$16,0)</f>
        <v>0</v>
      </c>
      <c r="Q65" s="71">
        <f>IF(Input!$K$13=4,J65*Input!$J$13,0)+IF(Input!$K$14=4,K65*Input!$J$14,0)+IF(Input!$K$15=4,L65*Input!$J$15,0)+IF(Input!$K$16=4,M65*Input!$J$16,0)</f>
        <v>0</v>
      </c>
    </row>
    <row r="66" spans="2:17" x14ac:dyDescent="0.25">
      <c r="B66" s="43">
        <v>59</v>
      </c>
      <c r="C66" s="55">
        <f>Jesper!AM60</f>
        <v>246.54346820992916</v>
      </c>
      <c r="D66" s="58">
        <f>Jesper!AN60</f>
        <v>1099.0744683921005</v>
      </c>
      <c r="E66" s="58">
        <f>Jesper!AO60</f>
        <v>42.586589462609254</v>
      </c>
      <c r="F66" s="58">
        <f>Jesper!AP60</f>
        <v>21.293294731304627</v>
      </c>
      <c r="G66" s="57">
        <f>Jesper!AQ60</f>
        <v>0</v>
      </c>
      <c r="H66" s="43">
        <v>59</v>
      </c>
      <c r="I66" s="55">
        <f>Bühler!I92</f>
        <v>9.5907973979168215</v>
      </c>
      <c r="J66" s="58">
        <f>Bühler!J92</f>
        <v>66.160546114005101</v>
      </c>
      <c r="K66" s="58">
        <f>Bühler!K92</f>
        <v>3.2233696376976915</v>
      </c>
      <c r="L66" s="58">
        <f>Bühler!L92</f>
        <v>1.6116848188488457</v>
      </c>
      <c r="M66" s="57">
        <f>Bühler!M92</f>
        <v>0</v>
      </c>
      <c r="N66" s="55">
        <f>IF(Input!$K$13=1,J66*Input!$J$13,0)+IF(Input!$K$14=1,K66*Input!$J$14,0)+IF(Input!$K$15=1,L66*Input!$J$15,0)+IF(Input!$K$16=1,M66*Input!$J$16,0)</f>
        <v>7.9392655336806115</v>
      </c>
      <c r="O66" s="58">
        <f>IF(Input!$K$13=2,J66*Input!$J$13,0)+IF(Input!$K$14=2,K66*Input!$J$14,0)+IF(Input!$K$15=2,L66*Input!$J$15,0)+IF(Input!$K$16=2,M66*Input!$J$16,0)</f>
        <v>0.43515490108918831</v>
      </c>
      <c r="P66" s="58">
        <f>IF(Input!$K$13=3,J66*Input!$J$13,0)+IF(Input!$K$14=3,K66*Input!$J$14,0)+IF(Input!$K$15=3,L66*Input!$J$15,0)+IF(Input!$K$16=3,M66*Input!$J$16,0)</f>
        <v>0</v>
      </c>
      <c r="Q66" s="71">
        <f>IF(Input!$K$13=4,J66*Input!$J$13,0)+IF(Input!$K$14=4,K66*Input!$J$14,0)+IF(Input!$K$15=4,L66*Input!$J$15,0)+IF(Input!$K$16=4,M66*Input!$J$16,0)</f>
        <v>0</v>
      </c>
    </row>
    <row r="67" spans="2:17" x14ac:dyDescent="0.25">
      <c r="B67" s="43">
        <v>60</v>
      </c>
      <c r="C67" s="55">
        <f>Jesper!AM61</f>
        <v>215.9186391013985</v>
      </c>
      <c r="D67" s="58">
        <f>Jesper!AN61</f>
        <v>1031.1040810786717</v>
      </c>
      <c r="E67" s="58">
        <f>Jesper!AO61</f>
        <v>42.179710316312232</v>
      </c>
      <c r="F67" s="58">
        <f>Jesper!AP61</f>
        <v>21.089855158156116</v>
      </c>
      <c r="G67" s="57">
        <f>Jesper!AQ61</f>
        <v>0</v>
      </c>
      <c r="H67" s="43">
        <v>60</v>
      </c>
      <c r="I67" s="55">
        <f>Bühler!I93</f>
        <v>11.476167826567137</v>
      </c>
      <c r="J67" s="58">
        <f>Bühler!J93</f>
        <v>79.166465435561648</v>
      </c>
      <c r="K67" s="58">
        <f>Bühler!K93</f>
        <v>3.8570234980998017</v>
      </c>
      <c r="L67" s="58">
        <f>Bühler!L93</f>
        <v>1.9285117490499009</v>
      </c>
      <c r="M67" s="57">
        <f>Bühler!M93</f>
        <v>0</v>
      </c>
      <c r="N67" s="55">
        <f>IF(Input!$K$13=1,J67*Input!$J$13,0)+IF(Input!$K$14=1,K67*Input!$J$14,0)+IF(Input!$K$15=1,L67*Input!$J$15,0)+IF(Input!$K$16=1,M67*Input!$J$16,0)</f>
        <v>9.4999758522673972</v>
      </c>
      <c r="O67" s="58">
        <f>IF(Input!$K$13=2,J67*Input!$J$13,0)+IF(Input!$K$14=2,K67*Input!$J$14,0)+IF(Input!$K$15=2,L67*Input!$J$15,0)+IF(Input!$K$16=2,M67*Input!$J$16,0)</f>
        <v>0.52069817224347315</v>
      </c>
      <c r="P67" s="58">
        <f>IF(Input!$K$13=3,J67*Input!$J$13,0)+IF(Input!$K$14=3,K67*Input!$J$14,0)+IF(Input!$K$15=3,L67*Input!$J$15,0)+IF(Input!$K$16=3,M67*Input!$J$16,0)</f>
        <v>0</v>
      </c>
      <c r="Q67" s="71">
        <f>IF(Input!$K$13=4,J67*Input!$J$13,0)+IF(Input!$K$14=4,K67*Input!$J$14,0)+IF(Input!$K$15=4,L67*Input!$J$15,0)+IF(Input!$K$16=4,M67*Input!$J$16,0)</f>
        <v>0</v>
      </c>
    </row>
    <row r="68" spans="2:17" x14ac:dyDescent="0.25">
      <c r="B68" s="43">
        <v>61</v>
      </c>
      <c r="C68" s="55">
        <f>Jesper!AM62</f>
        <v>159.04395647127015</v>
      </c>
      <c r="D68" s="58">
        <f>Jesper!AN62</f>
        <v>904.87336178230396</v>
      </c>
      <c r="E68" s="58">
        <f>Jesper!AO62</f>
        <v>41.42407761604634</v>
      </c>
      <c r="F68" s="58">
        <f>Jesper!AP62</f>
        <v>20.71203880802317</v>
      </c>
      <c r="G68" s="57">
        <f>Jesper!AQ62</f>
        <v>0</v>
      </c>
      <c r="H68" s="43">
        <v>61</v>
      </c>
      <c r="I68" s="55">
        <f>Bühler!I94</f>
        <v>11.476167826567137</v>
      </c>
      <c r="J68" s="58">
        <f>Bühler!J94</f>
        <v>79.166465435561648</v>
      </c>
      <c r="K68" s="58">
        <f>Bühler!K94</f>
        <v>3.8570234980998017</v>
      </c>
      <c r="L68" s="58">
        <f>Bühler!L94</f>
        <v>1.9285117490499009</v>
      </c>
      <c r="M68" s="57">
        <f>Bühler!M94</f>
        <v>0</v>
      </c>
      <c r="N68" s="55">
        <f>IF(Input!$K$13=1,J68*Input!$J$13,0)+IF(Input!$K$14=1,K68*Input!$J$14,0)+IF(Input!$K$15=1,L68*Input!$J$15,0)+IF(Input!$K$16=1,M68*Input!$J$16,0)</f>
        <v>9.4999758522673972</v>
      </c>
      <c r="O68" s="58">
        <f>IF(Input!$K$13=2,J68*Input!$J$13,0)+IF(Input!$K$14=2,K68*Input!$J$14,0)+IF(Input!$K$15=2,L68*Input!$J$15,0)+IF(Input!$K$16=2,M68*Input!$J$16,0)</f>
        <v>0.52069817224347315</v>
      </c>
      <c r="P68" s="58">
        <f>IF(Input!$K$13=3,J68*Input!$J$13,0)+IF(Input!$K$14=3,K68*Input!$J$14,0)+IF(Input!$K$15=3,L68*Input!$J$15,0)+IF(Input!$K$16=3,M68*Input!$J$16,0)</f>
        <v>0</v>
      </c>
      <c r="Q68" s="71">
        <f>IF(Input!$K$13=4,J68*Input!$J$13,0)+IF(Input!$K$14=4,K68*Input!$J$14,0)+IF(Input!$K$15=4,L68*Input!$J$15,0)+IF(Input!$K$16=4,M68*Input!$J$16,0)</f>
        <v>0</v>
      </c>
    </row>
    <row r="69" spans="2:17" x14ac:dyDescent="0.25">
      <c r="B69" s="43">
        <v>62</v>
      </c>
      <c r="C69" s="55">
        <f>Jesper!AM63</f>
        <v>159.04395647127015</v>
      </c>
      <c r="D69" s="58">
        <f>Jesper!AN63</f>
        <v>904.87336178230396</v>
      </c>
      <c r="E69" s="58">
        <f>Jesper!AO63</f>
        <v>41.42407761604634</v>
      </c>
      <c r="F69" s="58">
        <f>Jesper!AP63</f>
        <v>20.71203880802317</v>
      </c>
      <c r="G69" s="57">
        <f>Jesper!AQ63</f>
        <v>0</v>
      </c>
      <c r="H69" s="43">
        <v>62</v>
      </c>
      <c r="I69" s="55">
        <f>Bühler!I95</f>
        <v>7.6234543419338818</v>
      </c>
      <c r="J69" s="58">
        <f>Bühler!J95</f>
        <v>52.589152039337378</v>
      </c>
      <c r="K69" s="58">
        <f>Bühler!K95</f>
        <v>2.5621656094520109</v>
      </c>
      <c r="L69" s="58">
        <f>Bühler!L95</f>
        <v>1.2810828047260054</v>
      </c>
      <c r="M69" s="57">
        <f>Bühler!M95</f>
        <v>0</v>
      </c>
      <c r="N69" s="55">
        <f>IF(Input!$K$13=1,J69*Input!$J$13,0)+IF(Input!$K$14=1,K69*Input!$J$14,0)+IF(Input!$K$15=1,L69*Input!$J$15,0)+IF(Input!$K$16=1,M69*Input!$J$16,0)</f>
        <v>6.3106982447204851</v>
      </c>
      <c r="O69" s="58">
        <f>IF(Input!$K$13=2,J69*Input!$J$13,0)+IF(Input!$K$14=2,K69*Input!$J$14,0)+IF(Input!$K$15=2,L69*Input!$J$15,0)+IF(Input!$K$16=2,M69*Input!$J$16,0)</f>
        <v>0.34589235727602141</v>
      </c>
      <c r="P69" s="58">
        <f>IF(Input!$K$13=3,J69*Input!$J$13,0)+IF(Input!$K$14=3,K69*Input!$J$14,0)+IF(Input!$K$15=3,L69*Input!$J$15,0)+IF(Input!$K$16=3,M69*Input!$J$16,0)</f>
        <v>0</v>
      </c>
      <c r="Q69" s="71">
        <f>IF(Input!$K$13=4,J69*Input!$J$13,0)+IF(Input!$K$14=4,K69*Input!$J$14,0)+IF(Input!$K$15=4,L69*Input!$J$15,0)+IF(Input!$K$16=4,M69*Input!$J$16,0)</f>
        <v>0</v>
      </c>
    </row>
    <row r="70" spans="2:17" x14ac:dyDescent="0.25">
      <c r="B70" s="43">
        <v>63</v>
      </c>
      <c r="C70" s="55">
        <f>Jesper!AM64</f>
        <v>89.63384308251041</v>
      </c>
      <c r="D70" s="58">
        <f>Jesper!AN64</f>
        <v>322.13552034530431</v>
      </c>
      <c r="E70" s="58">
        <f>Jesper!AO64</f>
        <v>8.776415254158918</v>
      </c>
      <c r="F70" s="58">
        <f>Jesper!AP64</f>
        <v>4.388207627079459</v>
      </c>
      <c r="G70" s="57">
        <f>Jesper!AQ64</f>
        <v>0</v>
      </c>
      <c r="H70" s="43">
        <v>63</v>
      </c>
      <c r="I70" s="55">
        <f>Bühler!I96</f>
        <v>11.476167826567137</v>
      </c>
      <c r="J70" s="58">
        <f>Bühler!J96</f>
        <v>79.166465435561648</v>
      </c>
      <c r="K70" s="58">
        <f>Bühler!K96</f>
        <v>3.8570234980998017</v>
      </c>
      <c r="L70" s="58">
        <f>Bühler!L96</f>
        <v>1.9285117490499009</v>
      </c>
      <c r="M70" s="57">
        <f>Bühler!M96</f>
        <v>0</v>
      </c>
      <c r="N70" s="55">
        <f>IF(Input!$K$13=1,J70*Input!$J$13,0)+IF(Input!$K$14=1,K70*Input!$J$14,0)+IF(Input!$K$15=1,L70*Input!$J$15,0)+IF(Input!$K$16=1,M70*Input!$J$16,0)</f>
        <v>9.4999758522673972</v>
      </c>
      <c r="O70" s="58">
        <f>IF(Input!$K$13=2,J70*Input!$J$13,0)+IF(Input!$K$14=2,K70*Input!$J$14,0)+IF(Input!$K$15=2,L70*Input!$J$15,0)+IF(Input!$K$16=2,M70*Input!$J$16,0)</f>
        <v>0.52069817224347315</v>
      </c>
      <c r="P70" s="58">
        <f>IF(Input!$K$13=3,J70*Input!$J$13,0)+IF(Input!$K$14=3,K70*Input!$J$14,0)+IF(Input!$K$15=3,L70*Input!$J$15,0)+IF(Input!$K$16=3,M70*Input!$J$16,0)</f>
        <v>0</v>
      </c>
      <c r="Q70" s="71">
        <f>IF(Input!$K$13=4,J70*Input!$J$13,0)+IF(Input!$K$14=4,K70*Input!$J$14,0)+IF(Input!$K$15=4,L70*Input!$J$15,0)+IF(Input!$K$16=4,M70*Input!$J$16,0)</f>
        <v>0</v>
      </c>
    </row>
    <row r="71" spans="2:17" x14ac:dyDescent="0.25">
      <c r="B71" s="43">
        <v>64</v>
      </c>
      <c r="C71" s="55">
        <f>Jesper!AM65</f>
        <v>115.45174467089609</v>
      </c>
      <c r="D71" s="58">
        <f>Jesper!AN65</f>
        <v>382.19069282320504</v>
      </c>
      <c r="E71" s="58">
        <f>Jesper!AO65</f>
        <v>9.7244885400842289</v>
      </c>
      <c r="F71" s="58">
        <f>Jesper!AP65</f>
        <v>4.8622442700421145</v>
      </c>
      <c r="G71" s="57">
        <f>Jesper!AQ65</f>
        <v>0</v>
      </c>
      <c r="H71" s="43">
        <v>64</v>
      </c>
      <c r="I71" s="55">
        <f>Bühler!I97</f>
        <v>11.476167826567137</v>
      </c>
      <c r="J71" s="58">
        <f>Bühler!J97</f>
        <v>79.166465435561648</v>
      </c>
      <c r="K71" s="58">
        <f>Bühler!K97</f>
        <v>3.8570234980998017</v>
      </c>
      <c r="L71" s="58">
        <f>Bühler!L97</f>
        <v>1.9285117490499009</v>
      </c>
      <c r="M71" s="57">
        <f>Bühler!M97</f>
        <v>0</v>
      </c>
      <c r="N71" s="55">
        <f>IF(Input!$K$13=1,J71*Input!$J$13,0)+IF(Input!$K$14=1,K71*Input!$J$14,0)+IF(Input!$K$15=1,L71*Input!$J$15,0)+IF(Input!$K$16=1,M71*Input!$J$16,0)</f>
        <v>9.4999758522673972</v>
      </c>
      <c r="O71" s="58">
        <f>IF(Input!$K$13=2,J71*Input!$J$13,0)+IF(Input!$K$14=2,K71*Input!$J$14,0)+IF(Input!$K$15=2,L71*Input!$J$15,0)+IF(Input!$K$16=2,M71*Input!$J$16,0)</f>
        <v>0.52069817224347315</v>
      </c>
      <c r="P71" s="58">
        <f>IF(Input!$K$13=3,J71*Input!$J$13,0)+IF(Input!$K$14=3,K71*Input!$J$14,0)+IF(Input!$K$15=3,L71*Input!$J$15,0)+IF(Input!$K$16=3,M71*Input!$J$16,0)</f>
        <v>0</v>
      </c>
      <c r="Q71" s="71">
        <f>IF(Input!$K$13=4,J71*Input!$J$13,0)+IF(Input!$K$14=4,K71*Input!$J$14,0)+IF(Input!$K$15=4,L71*Input!$J$15,0)+IF(Input!$K$16=4,M71*Input!$J$16,0)</f>
        <v>0</v>
      </c>
    </row>
    <row r="72" spans="2:17" x14ac:dyDescent="0.25">
      <c r="B72" s="43">
        <v>65</v>
      </c>
      <c r="C72" s="55">
        <f>Jesper!AM66</f>
        <v>169.98139543860253</v>
      </c>
      <c r="D72" s="58">
        <f>Jesper!AN66</f>
        <v>929.14850010852842</v>
      </c>
      <c r="E72" s="58">
        <f>Jesper!AO66</f>
        <v>41.569391596866694</v>
      </c>
      <c r="F72" s="58">
        <f>Jesper!AP66</f>
        <v>20.784695798433347</v>
      </c>
      <c r="G72" s="57">
        <f>Jesper!AQ66</f>
        <v>0</v>
      </c>
      <c r="H72" s="43">
        <v>65</v>
      </c>
      <c r="I72" s="55">
        <f>Bühler!I98</f>
        <v>9.592541496370707</v>
      </c>
      <c r="J72" s="58">
        <f>Bühler!J98</f>
        <v>49.717283518218728</v>
      </c>
      <c r="K72" s="58">
        <f>Bühler!K98</f>
        <v>2.2728888470945257</v>
      </c>
      <c r="L72" s="58">
        <f>Bühler!L98</f>
        <v>1.1364444235472628</v>
      </c>
      <c r="M72" s="57">
        <f>Bühler!M98</f>
        <v>0</v>
      </c>
      <c r="N72" s="55">
        <f>IF(Input!$K$13=1,J72*Input!$J$13,0)+IF(Input!$K$14=1,K72*Input!$J$14,0)+IF(Input!$K$15=1,L72*Input!$J$15,0)+IF(Input!$K$16=1,M72*Input!$J$16,0)</f>
        <v>5.9660740221862474</v>
      </c>
      <c r="O72" s="58">
        <f>IF(Input!$K$13=2,J72*Input!$J$13,0)+IF(Input!$K$14=2,K72*Input!$J$14,0)+IF(Input!$K$15=2,L72*Input!$J$15,0)+IF(Input!$K$16=2,M72*Input!$J$16,0)</f>
        <v>0.30683999435776099</v>
      </c>
      <c r="P72" s="58">
        <f>IF(Input!$K$13=3,J72*Input!$J$13,0)+IF(Input!$K$14=3,K72*Input!$J$14,0)+IF(Input!$K$15=3,L72*Input!$J$15,0)+IF(Input!$K$16=3,M72*Input!$J$16,0)</f>
        <v>0</v>
      </c>
      <c r="Q72" s="71">
        <f>IF(Input!$K$13=4,J72*Input!$J$13,0)+IF(Input!$K$14=4,K72*Input!$J$14,0)+IF(Input!$K$15=4,L72*Input!$J$15,0)+IF(Input!$K$16=4,M72*Input!$J$16,0)</f>
        <v>0</v>
      </c>
    </row>
    <row r="73" spans="2:17" x14ac:dyDescent="0.25">
      <c r="B73" s="43">
        <v>66</v>
      </c>
      <c r="C73" s="55">
        <f>Jesper!AM67</f>
        <v>139.35656633007187</v>
      </c>
      <c r="D73" s="58">
        <f>Jesper!AN67</f>
        <v>861.17811279509954</v>
      </c>
      <c r="E73" s="58">
        <f>Jesper!AO67</f>
        <v>41.162512450569679</v>
      </c>
      <c r="F73" s="58">
        <f>Jesper!AP67</f>
        <v>20.581256225284839</v>
      </c>
      <c r="G73" s="57">
        <f>Jesper!AQ67</f>
        <v>0</v>
      </c>
      <c r="H73" s="43">
        <v>66</v>
      </c>
      <c r="I73" s="55">
        <f>Bühler!I99</f>
        <v>7.6217102434799973</v>
      </c>
      <c r="J73" s="58">
        <f>Bühler!J99</f>
        <v>25.041045492671895</v>
      </c>
      <c r="K73" s="58">
        <f>Bühler!K99</f>
        <v>0.97007633252007075</v>
      </c>
      <c r="L73" s="58">
        <f>Bühler!L99</f>
        <v>0.48503816626003537</v>
      </c>
      <c r="M73" s="57">
        <f>Bühler!M99</f>
        <v>0</v>
      </c>
      <c r="N73" s="55">
        <f>IF(Input!$K$13=1,J73*Input!$J$13,0)+IF(Input!$K$14=1,K73*Input!$J$14,0)+IF(Input!$K$15=1,L73*Input!$J$15,0)+IF(Input!$K$16=1,M73*Input!$J$16,0)</f>
        <v>3.0049254591206274</v>
      </c>
      <c r="O73" s="58">
        <f>IF(Input!$K$13=2,J73*Input!$J$13,0)+IF(Input!$K$14=2,K73*Input!$J$14,0)+IF(Input!$K$15=2,L73*Input!$J$15,0)+IF(Input!$K$16=2,M73*Input!$J$16,0)</f>
        <v>0.13096030489020954</v>
      </c>
      <c r="P73" s="58">
        <f>IF(Input!$K$13=3,J73*Input!$J$13,0)+IF(Input!$K$14=3,K73*Input!$J$14,0)+IF(Input!$K$15=3,L73*Input!$J$15,0)+IF(Input!$K$16=3,M73*Input!$J$16,0)</f>
        <v>0</v>
      </c>
      <c r="Q73" s="71">
        <f>IF(Input!$K$13=4,J73*Input!$J$13,0)+IF(Input!$K$14=4,K73*Input!$J$14,0)+IF(Input!$K$15=4,L73*Input!$J$15,0)+IF(Input!$K$16=4,M73*Input!$J$16,0)</f>
        <v>0</v>
      </c>
    </row>
    <row r="74" spans="2:17" x14ac:dyDescent="0.25">
      <c r="B74" s="43">
        <v>67</v>
      </c>
      <c r="C74" s="55">
        <f>Jesper!AM68</f>
        <v>119.66917618887358</v>
      </c>
      <c r="D74" s="58">
        <f>Jesper!AN68</f>
        <v>817.48286380789534</v>
      </c>
      <c r="E74" s="58">
        <f>Jesper!AO68</f>
        <v>40.900947285093025</v>
      </c>
      <c r="F74" s="58">
        <f>Jesper!AP68</f>
        <v>20.450473642546513</v>
      </c>
      <c r="G74" s="57">
        <f>Jesper!AQ68</f>
        <v>0</v>
      </c>
      <c r="H74" s="43">
        <v>67</v>
      </c>
      <c r="I74" s="55">
        <f>Bühler!I100</f>
        <v>2.7033526035226538</v>
      </c>
      <c r="J74" s="58">
        <f>Bühler!J100</f>
        <v>14.006199188224791</v>
      </c>
      <c r="K74" s="58">
        <f>Bühler!K100</f>
        <v>0.6402503794632467</v>
      </c>
      <c r="L74" s="58">
        <f>Bühler!L100</f>
        <v>0.32012518973162335</v>
      </c>
      <c r="M74" s="57">
        <f>Bühler!M100</f>
        <v>0</v>
      </c>
      <c r="N74" s="55">
        <f>IF(Input!$K$13=1,J74*Input!$J$13,0)+IF(Input!$K$14=1,K74*Input!$J$14,0)+IF(Input!$K$15=1,L74*Input!$J$15,0)+IF(Input!$K$16=1,M74*Input!$J$16,0)</f>
        <v>1.6807439025869748</v>
      </c>
      <c r="O74" s="58">
        <f>IF(Input!$K$13=2,J74*Input!$J$13,0)+IF(Input!$K$14=2,K74*Input!$J$14,0)+IF(Input!$K$15=2,L74*Input!$J$15,0)+IF(Input!$K$16=2,M74*Input!$J$16,0)</f>
        <v>8.6433801227538298E-2</v>
      </c>
      <c r="P74" s="58">
        <f>IF(Input!$K$13=3,J74*Input!$J$13,0)+IF(Input!$K$14=3,K74*Input!$J$14,0)+IF(Input!$K$15=3,L74*Input!$J$15,0)+IF(Input!$K$16=3,M74*Input!$J$16,0)</f>
        <v>0</v>
      </c>
      <c r="Q74" s="71">
        <f>IF(Input!$K$13=4,J74*Input!$J$13,0)+IF(Input!$K$14=4,K74*Input!$J$14,0)+IF(Input!$K$15=4,L74*Input!$J$15,0)+IF(Input!$K$16=4,M74*Input!$J$16,0)</f>
        <v>0</v>
      </c>
    </row>
    <row r="75" spans="2:17" x14ac:dyDescent="0.25">
      <c r="B75" s="43">
        <v>68</v>
      </c>
      <c r="C75" s="55">
        <f>Jesper!AM69</f>
        <v>43.107103417546952</v>
      </c>
      <c r="D75" s="58">
        <f>Jesper!AN69</f>
        <v>647.55689552432329</v>
      </c>
      <c r="E75" s="58">
        <f>Jesper!AO69</f>
        <v>39.88374941935048</v>
      </c>
      <c r="F75" s="58">
        <f>Jesper!AP69</f>
        <v>19.94187470967524</v>
      </c>
      <c r="G75" s="57">
        <f>Jesper!AQ69</f>
        <v>0</v>
      </c>
      <c r="H75" s="43">
        <v>68</v>
      </c>
      <c r="I75" s="55">
        <f>Bühler!I101</f>
        <v>2.7033526035226538</v>
      </c>
      <c r="J75" s="58">
        <f>Bühler!J101</f>
        <v>14.006199188224791</v>
      </c>
      <c r="K75" s="58">
        <f>Bühler!K101</f>
        <v>0.6402503794632467</v>
      </c>
      <c r="L75" s="58">
        <f>Bühler!L101</f>
        <v>0.32012518973162335</v>
      </c>
      <c r="M75" s="57">
        <f>Bühler!M101</f>
        <v>0</v>
      </c>
      <c r="N75" s="55">
        <f>IF(Input!$K$13=1,J75*Input!$J$13,0)+IF(Input!$K$14=1,K75*Input!$J$14,0)+IF(Input!$K$15=1,L75*Input!$J$15,0)+IF(Input!$K$16=1,M75*Input!$J$16,0)</f>
        <v>1.6807439025869748</v>
      </c>
      <c r="O75" s="58">
        <f>IF(Input!$K$13=2,J75*Input!$J$13,0)+IF(Input!$K$14=2,K75*Input!$J$14,0)+IF(Input!$K$15=2,L75*Input!$J$15,0)+IF(Input!$K$16=2,M75*Input!$J$16,0)</f>
        <v>8.6433801227538298E-2</v>
      </c>
      <c r="P75" s="58">
        <f>IF(Input!$K$13=3,J75*Input!$J$13,0)+IF(Input!$K$14=3,K75*Input!$J$14,0)+IF(Input!$K$15=3,L75*Input!$J$15,0)+IF(Input!$K$16=3,M75*Input!$J$16,0)</f>
        <v>0</v>
      </c>
      <c r="Q75" s="71">
        <f>IF(Input!$K$13=4,J75*Input!$J$13,0)+IF(Input!$K$14=4,K75*Input!$J$14,0)+IF(Input!$K$15=4,L75*Input!$J$15,0)+IF(Input!$K$16=4,M75*Input!$J$16,0)</f>
        <v>0</v>
      </c>
    </row>
    <row r="76" spans="2:17" x14ac:dyDescent="0.25">
      <c r="B76" s="43">
        <v>69</v>
      </c>
      <c r="C76" s="55">
        <f>Jesper!AM70</f>
        <v>58.419517971812311</v>
      </c>
      <c r="D76" s="58">
        <f>Jesper!AN70</f>
        <v>681.5420891810378</v>
      </c>
      <c r="E76" s="58">
        <f>Jesper!AO70</f>
        <v>40.087188992498994</v>
      </c>
      <c r="F76" s="58">
        <f>Jesper!AP70</f>
        <v>20.043594496249497</v>
      </c>
      <c r="G76" s="57">
        <f>Jesper!AQ70</f>
        <v>0</v>
      </c>
      <c r="H76" s="43">
        <v>69</v>
      </c>
      <c r="I76" s="55">
        <f>Bühler!I102</f>
        <v>2.7033526035226538</v>
      </c>
      <c r="J76" s="58">
        <f>Bühler!J102</f>
        <v>14.006199188224791</v>
      </c>
      <c r="K76" s="58">
        <f>Bühler!K102</f>
        <v>0.6402503794632467</v>
      </c>
      <c r="L76" s="58">
        <f>Bühler!L102</f>
        <v>0.32012518973162335</v>
      </c>
      <c r="M76" s="57">
        <f>Bühler!M102</f>
        <v>0</v>
      </c>
      <c r="N76" s="55">
        <f>IF(Input!$K$13=1,J76*Input!$J$13,0)+IF(Input!$K$14=1,K76*Input!$J$14,0)+IF(Input!$K$15=1,L76*Input!$J$15,0)+IF(Input!$K$16=1,M76*Input!$J$16,0)</f>
        <v>1.6807439025869748</v>
      </c>
      <c r="O76" s="58">
        <f>IF(Input!$K$13=2,J76*Input!$J$13,0)+IF(Input!$K$14=2,K76*Input!$J$14,0)+IF(Input!$K$15=2,L76*Input!$J$15,0)+IF(Input!$K$16=2,M76*Input!$J$16,0)</f>
        <v>8.6433801227538298E-2</v>
      </c>
      <c r="P76" s="58">
        <f>IF(Input!$K$13=3,J76*Input!$J$13,0)+IF(Input!$K$14=3,K76*Input!$J$14,0)+IF(Input!$K$15=3,L76*Input!$J$15,0)+IF(Input!$K$16=3,M76*Input!$J$16,0)</f>
        <v>0</v>
      </c>
      <c r="Q76" s="71">
        <f>IF(Input!$K$13=4,J76*Input!$J$13,0)+IF(Input!$K$14=4,K76*Input!$J$14,0)+IF(Input!$K$15=4,L76*Input!$J$15,0)+IF(Input!$K$16=4,M76*Input!$J$16,0)</f>
        <v>0</v>
      </c>
    </row>
    <row r="77" spans="2:17" x14ac:dyDescent="0.25">
      <c r="B77" s="43">
        <v>70</v>
      </c>
      <c r="C77" s="55">
        <f>Jesper!AM71</f>
        <v>77.2412503200853</v>
      </c>
      <c r="D77" s="58">
        <f>Jesper!AN71</f>
        <v>293.30903755591197</v>
      </c>
      <c r="E77" s="58">
        <f>Jesper!AO71</f>
        <v>8.3213400769147672</v>
      </c>
      <c r="F77" s="58">
        <f>Jesper!AP71</f>
        <v>4.1606700384573836</v>
      </c>
      <c r="G77" s="57">
        <f>Jesper!AQ71</f>
        <v>0</v>
      </c>
      <c r="H77" s="43">
        <v>70</v>
      </c>
      <c r="I77" s="55">
        <f>Bühler!I103</f>
        <v>2.7033526035226538</v>
      </c>
      <c r="J77" s="58">
        <f>Bühler!J103</f>
        <v>14.006199188224791</v>
      </c>
      <c r="K77" s="58">
        <f>Bühler!K103</f>
        <v>0.6402503794632467</v>
      </c>
      <c r="L77" s="58">
        <f>Bühler!L103</f>
        <v>0.32012518973162335</v>
      </c>
      <c r="M77" s="57">
        <f>Bühler!M103</f>
        <v>0</v>
      </c>
      <c r="N77" s="55">
        <f>IF(Input!$K$13=1,J77*Input!$J$13,0)+IF(Input!$K$14=1,K77*Input!$J$14,0)+IF(Input!$K$15=1,L77*Input!$J$15,0)+IF(Input!$K$16=1,M77*Input!$J$16,0)</f>
        <v>1.6807439025869748</v>
      </c>
      <c r="O77" s="58">
        <f>IF(Input!$K$13=2,J77*Input!$J$13,0)+IF(Input!$K$14=2,K77*Input!$J$14,0)+IF(Input!$K$15=2,L77*Input!$J$15,0)+IF(Input!$K$16=2,M77*Input!$J$16,0)</f>
        <v>8.6433801227538298E-2</v>
      </c>
      <c r="P77" s="58">
        <f>IF(Input!$K$13=3,J77*Input!$J$13,0)+IF(Input!$K$14=3,K77*Input!$J$14,0)+IF(Input!$K$15=3,L77*Input!$J$15,0)+IF(Input!$K$16=3,M77*Input!$J$16,0)</f>
        <v>0</v>
      </c>
      <c r="Q77" s="71">
        <f>IF(Input!$K$13=4,J77*Input!$J$13,0)+IF(Input!$K$14=4,K77*Input!$J$14,0)+IF(Input!$K$15=4,L77*Input!$J$15,0)+IF(Input!$K$16=4,M77*Input!$J$16,0)</f>
        <v>0</v>
      </c>
    </row>
    <row r="78" spans="2:17" x14ac:dyDescent="0.25">
      <c r="B78" s="43">
        <v>71</v>
      </c>
      <c r="C78" s="55">
        <f>Jesper!AM72</f>
        <v>111.32088041675438</v>
      </c>
      <c r="D78" s="58">
        <f>Jesper!AN72</f>
        <v>372.58186522674094</v>
      </c>
      <c r="E78" s="58">
        <f>Jesper!AO72</f>
        <v>9.5727968143361792</v>
      </c>
      <c r="F78" s="58">
        <f>Jesper!AP72</f>
        <v>4.7863984071680896</v>
      </c>
      <c r="G78" s="57">
        <f>Jesper!AQ72</f>
        <v>0</v>
      </c>
      <c r="H78" s="43">
        <v>71</v>
      </c>
      <c r="I78" s="55">
        <f>Bühler!I104</f>
        <v>2.7033526035226538</v>
      </c>
      <c r="J78" s="58">
        <f>Bühler!J104</f>
        <v>14.006199188224791</v>
      </c>
      <c r="K78" s="58">
        <f>Bühler!K104</f>
        <v>0.6402503794632467</v>
      </c>
      <c r="L78" s="58">
        <f>Bühler!L104</f>
        <v>0.32012518973162335</v>
      </c>
      <c r="M78" s="57">
        <f>Bühler!M104</f>
        <v>0</v>
      </c>
      <c r="N78" s="55">
        <f>IF(Input!$K$13=1,J78*Input!$J$13,0)+IF(Input!$K$14=1,K78*Input!$J$14,0)+IF(Input!$K$15=1,L78*Input!$J$15,0)+IF(Input!$K$16=1,M78*Input!$J$16,0)</f>
        <v>1.6807439025869748</v>
      </c>
      <c r="O78" s="58">
        <f>IF(Input!$K$13=2,J78*Input!$J$13,0)+IF(Input!$K$14=2,K78*Input!$J$14,0)+IF(Input!$K$15=2,L78*Input!$J$15,0)+IF(Input!$K$16=2,M78*Input!$J$16,0)</f>
        <v>8.6433801227538298E-2</v>
      </c>
      <c r="P78" s="58">
        <f>IF(Input!$K$13=3,J78*Input!$J$13,0)+IF(Input!$K$14=3,K78*Input!$J$14,0)+IF(Input!$K$15=3,L78*Input!$J$15,0)+IF(Input!$K$16=3,M78*Input!$J$16,0)</f>
        <v>0</v>
      </c>
      <c r="Q78" s="71">
        <f>IF(Input!$K$13=4,J78*Input!$J$13,0)+IF(Input!$K$14=4,K78*Input!$J$14,0)+IF(Input!$K$15=4,L78*Input!$J$15,0)+IF(Input!$K$16=4,M78*Input!$J$16,0)</f>
        <v>0</v>
      </c>
    </row>
    <row r="79" spans="2:17" x14ac:dyDescent="0.25">
      <c r="B79" s="43">
        <v>72</v>
      </c>
      <c r="C79" s="55">
        <f>Jesper!AM73</f>
        <v>58.419517971812311</v>
      </c>
      <c r="D79" s="58">
        <f>Jesper!AN73</f>
        <v>681.5420891810378</v>
      </c>
      <c r="E79" s="58">
        <f>Jesper!AO73</f>
        <v>40.087188992498994</v>
      </c>
      <c r="F79" s="58">
        <f>Jesper!AP73</f>
        <v>20.043594496249497</v>
      </c>
      <c r="G79" s="57">
        <f>Jesper!AQ73</f>
        <v>0</v>
      </c>
      <c r="H79" s="43">
        <v>72</v>
      </c>
      <c r="I79" s="55">
        <f>Bühler!I105</f>
        <v>2.7033526035226538</v>
      </c>
      <c r="J79" s="58">
        <f>Bühler!J105</f>
        <v>14.006199188224791</v>
      </c>
      <c r="K79" s="58">
        <f>Bühler!K105</f>
        <v>0.6402503794632467</v>
      </c>
      <c r="L79" s="58">
        <f>Bühler!L105</f>
        <v>0.32012518973162335</v>
      </c>
      <c r="M79" s="57">
        <f>Bühler!M105</f>
        <v>0</v>
      </c>
      <c r="N79" s="55">
        <f>IF(Input!$K$13=1,J79*Input!$J$13,0)+IF(Input!$K$14=1,K79*Input!$J$14,0)+IF(Input!$K$15=1,L79*Input!$J$15,0)+IF(Input!$K$16=1,M79*Input!$J$16,0)</f>
        <v>1.6807439025869748</v>
      </c>
      <c r="O79" s="58">
        <f>IF(Input!$K$13=2,J79*Input!$J$13,0)+IF(Input!$K$14=2,K79*Input!$J$14,0)+IF(Input!$K$15=2,L79*Input!$J$15,0)+IF(Input!$K$16=2,M79*Input!$J$16,0)</f>
        <v>8.6433801227538298E-2</v>
      </c>
      <c r="P79" s="58">
        <f>IF(Input!$K$13=3,J79*Input!$J$13,0)+IF(Input!$K$14=3,K79*Input!$J$14,0)+IF(Input!$K$15=3,L79*Input!$J$15,0)+IF(Input!$K$16=3,M79*Input!$J$16,0)</f>
        <v>0</v>
      </c>
      <c r="Q79" s="71">
        <f>IF(Input!$K$13=4,J79*Input!$J$13,0)+IF(Input!$K$14=4,K79*Input!$J$14,0)+IF(Input!$K$15=4,L79*Input!$J$15,0)+IF(Input!$K$16=4,M79*Input!$J$16,0)</f>
        <v>0</v>
      </c>
    </row>
    <row r="80" spans="2:17" x14ac:dyDescent="0.25">
      <c r="B80" s="43">
        <v>73</v>
      </c>
      <c r="C80" s="55">
        <f>Jesper!AM74</f>
        <v>60.607005765278743</v>
      </c>
      <c r="D80" s="58">
        <f>Jesper!AN74</f>
        <v>686.39711684628253</v>
      </c>
      <c r="E80" s="58">
        <f>Jesper!AO74</f>
        <v>40.116251788663057</v>
      </c>
      <c r="F80" s="58">
        <f>Jesper!AP74</f>
        <v>20.058125894331528</v>
      </c>
      <c r="G80" s="57">
        <f>Jesper!AQ74</f>
        <v>0</v>
      </c>
      <c r="H80" s="43">
        <v>73</v>
      </c>
      <c r="I80" s="55">
        <f>Bühler!I106</f>
        <v>3.0541641500007337</v>
      </c>
      <c r="J80" s="58">
        <f>Bühler!J106</f>
        <v>14.522941947449478</v>
      </c>
      <c r="K80" s="58">
        <f>Bühler!K106</f>
        <v>0.63755548140109586</v>
      </c>
      <c r="L80" s="58">
        <f>Bühler!L106</f>
        <v>0.31877774070054793</v>
      </c>
      <c r="M80" s="57">
        <f>Bühler!M106</f>
        <v>0</v>
      </c>
      <c r="N80" s="55">
        <f>IF(Input!$K$13=1,J80*Input!$J$13,0)+IF(Input!$K$14=1,K80*Input!$J$14,0)+IF(Input!$K$15=1,L80*Input!$J$15,0)+IF(Input!$K$16=1,M80*Input!$J$16,0)</f>
        <v>1.7427530336939374</v>
      </c>
      <c r="O80" s="58">
        <f>IF(Input!$K$13=2,J80*Input!$J$13,0)+IF(Input!$K$14=2,K80*Input!$J$14,0)+IF(Input!$K$15=2,L80*Input!$J$15,0)+IF(Input!$K$16=2,M80*Input!$J$16,0)</f>
        <v>8.6069989989147944E-2</v>
      </c>
      <c r="P80" s="58">
        <f>IF(Input!$K$13=3,J80*Input!$J$13,0)+IF(Input!$K$14=3,K80*Input!$J$14,0)+IF(Input!$K$15=3,L80*Input!$J$15,0)+IF(Input!$K$16=3,M80*Input!$J$16,0)</f>
        <v>0</v>
      </c>
      <c r="Q80" s="71">
        <f>IF(Input!$K$13=4,J80*Input!$J$13,0)+IF(Input!$K$14=4,K80*Input!$J$14,0)+IF(Input!$K$15=4,L80*Input!$J$15,0)+IF(Input!$K$16=4,M80*Input!$J$16,0)</f>
        <v>0</v>
      </c>
    </row>
    <row r="81" spans="2:17" x14ac:dyDescent="0.25">
      <c r="B81" s="43">
        <v>74</v>
      </c>
      <c r="C81" s="55">
        <f>Jesper!AM75</f>
        <v>128.41912736273949</v>
      </c>
      <c r="D81" s="58">
        <f>Jesper!AN75</f>
        <v>836.90297446887496</v>
      </c>
      <c r="E81" s="58">
        <f>Jesper!AO75</f>
        <v>41.017198469749317</v>
      </c>
      <c r="F81" s="58">
        <f>Jesper!AP75</f>
        <v>20.508599234874659</v>
      </c>
      <c r="G81" s="57">
        <f>Jesper!AQ75</f>
        <v>0</v>
      </c>
      <c r="H81" s="43">
        <v>74</v>
      </c>
      <c r="I81" s="55">
        <f>Bühler!I107</f>
        <v>3.0541641500007337</v>
      </c>
      <c r="J81" s="58">
        <f>Bühler!J107</f>
        <v>14.522941947449478</v>
      </c>
      <c r="K81" s="58">
        <f>Bühler!K107</f>
        <v>0.63755548140109586</v>
      </c>
      <c r="L81" s="58">
        <f>Bühler!L107</f>
        <v>0.31877774070054793</v>
      </c>
      <c r="M81" s="57">
        <f>Bühler!M107</f>
        <v>0</v>
      </c>
      <c r="N81" s="55">
        <f>IF(Input!$K$13=1,J81*Input!$J$13,0)+IF(Input!$K$14=1,K81*Input!$J$14,0)+IF(Input!$K$15=1,L81*Input!$J$15,0)+IF(Input!$K$16=1,M81*Input!$J$16,0)</f>
        <v>1.7427530336939374</v>
      </c>
      <c r="O81" s="58">
        <f>IF(Input!$K$13=2,J81*Input!$J$13,0)+IF(Input!$K$14=2,K81*Input!$J$14,0)+IF(Input!$K$15=2,L81*Input!$J$15,0)+IF(Input!$K$16=2,M81*Input!$J$16,0)</f>
        <v>8.6069989989147944E-2</v>
      </c>
      <c r="P81" s="58">
        <f>IF(Input!$K$13=3,J81*Input!$J$13,0)+IF(Input!$K$14=3,K81*Input!$J$14,0)+IF(Input!$K$15=3,L81*Input!$J$15,0)+IF(Input!$K$16=3,M81*Input!$J$16,0)</f>
        <v>0</v>
      </c>
      <c r="Q81" s="71">
        <f>IF(Input!$K$13=4,J81*Input!$J$13,0)+IF(Input!$K$14=4,K81*Input!$J$14,0)+IF(Input!$K$15=4,L81*Input!$J$15,0)+IF(Input!$K$16=4,M81*Input!$J$16,0)</f>
        <v>0</v>
      </c>
    </row>
    <row r="82" spans="2:17" x14ac:dyDescent="0.25">
      <c r="B82" s="43">
        <v>75</v>
      </c>
      <c r="C82" s="55">
        <f>Jesper!AM76</f>
        <v>187.48129778633432</v>
      </c>
      <c r="D82" s="58">
        <f>Jesper!AN76</f>
        <v>967.98872143048789</v>
      </c>
      <c r="E82" s="58">
        <f>Jesper!AO76</f>
        <v>41.801893966179286</v>
      </c>
      <c r="F82" s="58">
        <f>Jesper!AP76</f>
        <v>20.900946983089643</v>
      </c>
      <c r="G82" s="57">
        <f>Jesper!AQ76</f>
        <v>0</v>
      </c>
      <c r="H82" s="43">
        <v>75</v>
      </c>
      <c r="I82" s="55">
        <f>Bühler!I108</f>
        <v>3.0541641500007337</v>
      </c>
      <c r="J82" s="58">
        <f>Bühler!J108</f>
        <v>14.522941947449478</v>
      </c>
      <c r="K82" s="58">
        <f>Bühler!K108</f>
        <v>0.63755548140109586</v>
      </c>
      <c r="L82" s="58">
        <f>Bühler!L108</f>
        <v>0.31877774070054793</v>
      </c>
      <c r="M82" s="57">
        <f>Bühler!M108</f>
        <v>0</v>
      </c>
      <c r="N82" s="55">
        <f>IF(Input!$K$13=1,J82*Input!$J$13,0)+IF(Input!$K$14=1,K82*Input!$J$14,0)+IF(Input!$K$15=1,L82*Input!$J$15,0)+IF(Input!$K$16=1,M82*Input!$J$16,0)</f>
        <v>1.7427530336939374</v>
      </c>
      <c r="O82" s="58">
        <f>IF(Input!$K$13=2,J82*Input!$J$13,0)+IF(Input!$K$14=2,K82*Input!$J$14,0)+IF(Input!$K$15=2,L82*Input!$J$15,0)+IF(Input!$K$16=2,M82*Input!$J$16,0)</f>
        <v>8.6069989989147944E-2</v>
      </c>
      <c r="P82" s="58">
        <f>IF(Input!$K$13=3,J82*Input!$J$13,0)+IF(Input!$K$14=3,K82*Input!$J$14,0)+IF(Input!$K$15=3,L82*Input!$J$15,0)+IF(Input!$K$16=3,M82*Input!$J$16,0)</f>
        <v>0</v>
      </c>
      <c r="Q82" s="71">
        <f>IF(Input!$K$13=4,J82*Input!$J$13,0)+IF(Input!$K$14=4,K82*Input!$J$14,0)+IF(Input!$K$15=4,L82*Input!$J$15,0)+IF(Input!$K$16=4,M82*Input!$J$16,0)</f>
        <v>0</v>
      </c>
    </row>
    <row r="83" spans="2:17" x14ac:dyDescent="0.25">
      <c r="B83" s="43">
        <v>76</v>
      </c>
      <c r="C83" s="55">
        <f>Jesper!AM77</f>
        <v>128.41912736273949</v>
      </c>
      <c r="D83" s="58">
        <f>Jesper!AN77</f>
        <v>836.90297446887496</v>
      </c>
      <c r="E83" s="58">
        <f>Jesper!AO77</f>
        <v>41.017198469749317</v>
      </c>
      <c r="F83" s="58">
        <f>Jesper!AP77</f>
        <v>20.508599234874659</v>
      </c>
      <c r="G83" s="57">
        <f>Jesper!AQ77</f>
        <v>0</v>
      </c>
      <c r="H83" s="43">
        <v>76</v>
      </c>
      <c r="I83" s="55">
        <f>Bühler!I109</f>
        <v>3.0541641500007337</v>
      </c>
      <c r="J83" s="58">
        <f>Bühler!J109</f>
        <v>14.522941947449478</v>
      </c>
      <c r="K83" s="58">
        <f>Bühler!K109</f>
        <v>0.63755548140109586</v>
      </c>
      <c r="L83" s="58">
        <f>Bühler!L109</f>
        <v>0.31877774070054793</v>
      </c>
      <c r="M83" s="57">
        <f>Bühler!M109</f>
        <v>0</v>
      </c>
      <c r="N83" s="55">
        <f>IF(Input!$K$13=1,J83*Input!$J$13,0)+IF(Input!$K$14=1,K83*Input!$J$14,0)+IF(Input!$K$15=1,L83*Input!$J$15,0)+IF(Input!$K$16=1,M83*Input!$J$16,0)</f>
        <v>1.7427530336939374</v>
      </c>
      <c r="O83" s="58">
        <f>IF(Input!$K$13=2,J83*Input!$J$13,0)+IF(Input!$K$14=2,K83*Input!$J$14,0)+IF(Input!$K$15=2,L83*Input!$J$15,0)+IF(Input!$K$16=2,M83*Input!$J$16,0)</f>
        <v>8.6069989989147944E-2</v>
      </c>
      <c r="P83" s="58">
        <f>IF(Input!$K$13=3,J83*Input!$J$13,0)+IF(Input!$K$14=3,K83*Input!$J$14,0)+IF(Input!$K$15=3,L83*Input!$J$15,0)+IF(Input!$K$16=3,M83*Input!$J$16,0)</f>
        <v>0</v>
      </c>
      <c r="Q83" s="71">
        <f>IF(Input!$K$13=4,J83*Input!$J$13,0)+IF(Input!$K$14=4,K83*Input!$J$14,0)+IF(Input!$K$15=4,L83*Input!$J$15,0)+IF(Input!$K$16=4,M83*Input!$J$16,0)</f>
        <v>0</v>
      </c>
    </row>
    <row r="84" spans="2:17" x14ac:dyDescent="0.25">
      <c r="B84" s="43">
        <v>77</v>
      </c>
      <c r="C84" s="55">
        <f>Jesper!AM78</f>
        <v>63.815941494124736</v>
      </c>
      <c r="D84" s="58">
        <f>Jesper!AN78</f>
        <v>262.08034786740353</v>
      </c>
      <c r="E84" s="58">
        <f>Jesper!AO78</f>
        <v>7.8283419682336044</v>
      </c>
      <c r="F84" s="58">
        <f>Jesper!AP78</f>
        <v>3.9141709841168022</v>
      </c>
      <c r="G84" s="57">
        <f>Jesper!AQ78</f>
        <v>0</v>
      </c>
      <c r="H84" s="43">
        <v>77</v>
      </c>
      <c r="I84" s="55">
        <f>Bühler!I110</f>
        <v>3.0541641500007337</v>
      </c>
      <c r="J84" s="58">
        <f>Bühler!J110</f>
        <v>14.522941947449478</v>
      </c>
      <c r="K84" s="58">
        <f>Bühler!K110</f>
        <v>0.63755548140109586</v>
      </c>
      <c r="L84" s="58">
        <f>Bühler!L110</f>
        <v>0.31877774070054793</v>
      </c>
      <c r="M84" s="57">
        <f>Bühler!M110</f>
        <v>0</v>
      </c>
      <c r="N84" s="55">
        <f>IF(Input!$K$13=1,J84*Input!$J$13,0)+IF(Input!$K$14=1,K84*Input!$J$14,0)+IF(Input!$K$15=1,L84*Input!$J$15,0)+IF(Input!$K$16=1,M84*Input!$J$16,0)</f>
        <v>1.7427530336939374</v>
      </c>
      <c r="O84" s="58">
        <f>IF(Input!$K$13=2,J84*Input!$J$13,0)+IF(Input!$K$14=2,K84*Input!$J$14,0)+IF(Input!$K$15=2,L84*Input!$J$15,0)+IF(Input!$K$16=2,M84*Input!$J$16,0)</f>
        <v>8.6069989989147944E-2</v>
      </c>
      <c r="P84" s="58">
        <f>IF(Input!$K$13=3,J84*Input!$J$13,0)+IF(Input!$K$14=3,K84*Input!$J$14,0)+IF(Input!$K$15=3,L84*Input!$J$15,0)+IF(Input!$K$16=3,M84*Input!$J$16,0)</f>
        <v>0</v>
      </c>
      <c r="Q84" s="71">
        <f>IF(Input!$K$13=4,J84*Input!$J$13,0)+IF(Input!$K$14=4,K84*Input!$J$14,0)+IF(Input!$K$15=4,L84*Input!$J$15,0)+IF(Input!$K$16=4,M84*Input!$J$16,0)</f>
        <v>0</v>
      </c>
    </row>
    <row r="85" spans="2:17" x14ac:dyDescent="0.25">
      <c r="B85" s="43">
        <v>78</v>
      </c>
      <c r="C85" s="55">
        <f>Jesper!AM79</f>
        <v>64.848657557660175</v>
      </c>
      <c r="D85" s="58">
        <f>Jesper!AN79</f>
        <v>264.48255476651963</v>
      </c>
      <c r="E85" s="58">
        <f>Jesper!AO79</f>
        <v>7.8662648996706173</v>
      </c>
      <c r="F85" s="58">
        <f>Jesper!AP79</f>
        <v>3.9331324498353086</v>
      </c>
      <c r="G85" s="57">
        <f>Jesper!AQ79</f>
        <v>0</v>
      </c>
      <c r="H85" s="43">
        <v>78</v>
      </c>
      <c r="I85" s="55">
        <f>Bühler!I111</f>
        <v>3.0541641500007337</v>
      </c>
      <c r="J85" s="58">
        <f>Bühler!J111</f>
        <v>14.522941947449478</v>
      </c>
      <c r="K85" s="58">
        <f>Bühler!K111</f>
        <v>0.63755548140109586</v>
      </c>
      <c r="L85" s="58">
        <f>Bühler!L111</f>
        <v>0.31877774070054793</v>
      </c>
      <c r="M85" s="57">
        <f>Bühler!M111</f>
        <v>0</v>
      </c>
      <c r="N85" s="55">
        <f>IF(Input!$K$13=1,J85*Input!$J$13,0)+IF(Input!$K$14=1,K85*Input!$J$14,0)+IF(Input!$K$15=1,L85*Input!$J$15,0)+IF(Input!$K$16=1,M85*Input!$J$16,0)</f>
        <v>1.7427530336939374</v>
      </c>
      <c r="O85" s="58">
        <f>IF(Input!$K$13=2,J85*Input!$J$13,0)+IF(Input!$K$14=2,K85*Input!$J$14,0)+IF(Input!$K$15=2,L85*Input!$J$15,0)+IF(Input!$K$16=2,M85*Input!$J$16,0)</f>
        <v>8.6069989989147944E-2</v>
      </c>
      <c r="P85" s="58">
        <f>IF(Input!$K$13=3,J85*Input!$J$13,0)+IF(Input!$K$14=3,K85*Input!$J$14,0)+IF(Input!$K$15=3,L85*Input!$J$15,0)+IF(Input!$K$16=3,M85*Input!$J$16,0)</f>
        <v>0</v>
      </c>
      <c r="Q85" s="71">
        <f>IF(Input!$K$13=4,J85*Input!$J$13,0)+IF(Input!$K$14=4,K85*Input!$J$14,0)+IF(Input!$K$15=4,L85*Input!$J$15,0)+IF(Input!$K$16=4,M85*Input!$J$16,0)</f>
        <v>0</v>
      </c>
    </row>
    <row r="86" spans="2:17" x14ac:dyDescent="0.25">
      <c r="B86" s="43">
        <v>79</v>
      </c>
      <c r="C86" s="55">
        <f>Jesper!AM80</f>
        <v>29.982176656748035</v>
      </c>
      <c r="D86" s="58">
        <f>Jesper!AN80</f>
        <v>618.42672953285376</v>
      </c>
      <c r="E86" s="58">
        <f>Jesper!AO80</f>
        <v>39.709372642366041</v>
      </c>
      <c r="F86" s="58">
        <f>Jesper!AP80</f>
        <v>19.854686321183021</v>
      </c>
      <c r="G86" s="57">
        <f>Jesper!AQ80</f>
        <v>0</v>
      </c>
      <c r="H86" s="43">
        <v>79</v>
      </c>
      <c r="I86" s="55">
        <f>Bühler!I112</f>
        <v>3.0541641500007337</v>
      </c>
      <c r="J86" s="58">
        <f>Bühler!J112</f>
        <v>14.522941947449478</v>
      </c>
      <c r="K86" s="58">
        <f>Bühler!K112</f>
        <v>0.63755548140109586</v>
      </c>
      <c r="L86" s="58">
        <f>Bühler!L112</f>
        <v>0.31877774070054793</v>
      </c>
      <c r="M86" s="57">
        <f>Bühler!M112</f>
        <v>0</v>
      </c>
      <c r="N86" s="55">
        <f>IF(Input!$K$13=1,J86*Input!$J$13,0)+IF(Input!$K$14=1,K86*Input!$J$14,0)+IF(Input!$K$15=1,L86*Input!$J$15,0)+IF(Input!$K$16=1,M86*Input!$J$16,0)</f>
        <v>1.7427530336939374</v>
      </c>
      <c r="O86" s="58">
        <f>IF(Input!$K$13=2,J86*Input!$J$13,0)+IF(Input!$K$14=2,K86*Input!$J$14,0)+IF(Input!$K$15=2,L86*Input!$J$15,0)+IF(Input!$K$16=2,M86*Input!$J$16,0)</f>
        <v>8.6069989989147944E-2</v>
      </c>
      <c r="P86" s="58">
        <f>IF(Input!$K$13=3,J86*Input!$J$13,0)+IF(Input!$K$14=3,K86*Input!$J$14,0)+IF(Input!$K$15=3,L86*Input!$J$15,0)+IF(Input!$K$16=3,M86*Input!$J$16,0)</f>
        <v>0</v>
      </c>
      <c r="Q86" s="71">
        <f>IF(Input!$K$13=4,J86*Input!$J$13,0)+IF(Input!$K$14=4,K86*Input!$J$14,0)+IF(Input!$K$15=4,L86*Input!$J$15,0)+IF(Input!$K$16=4,M86*Input!$J$16,0)</f>
        <v>0</v>
      </c>
    </row>
    <row r="87" spans="2:17" x14ac:dyDescent="0.25">
      <c r="B87" s="43">
        <v>80</v>
      </c>
      <c r="C87" s="55">
        <f>Jesper!AM81</f>
        <v>27.343102945902224</v>
      </c>
      <c r="D87" s="58">
        <f>Jesper!AN81</f>
        <v>590.71524078954178</v>
      </c>
      <c r="E87" s="58">
        <f>Jesper!AO81</f>
        <v>39.418744680725318</v>
      </c>
      <c r="F87" s="58">
        <f>Jesper!AP81</f>
        <v>19.709372340362659</v>
      </c>
      <c r="G87" s="57">
        <f>Jesper!AQ81</f>
        <v>0</v>
      </c>
      <c r="H87" s="43">
        <v>80</v>
      </c>
      <c r="I87" s="55">
        <f>Bühler!I113</f>
        <v>8.4142222332520227</v>
      </c>
      <c r="J87" s="58">
        <f>Bühler!J113</f>
        <v>54.957959830151616</v>
      </c>
      <c r="K87" s="58">
        <f>Bühler!K113</f>
        <v>2.6062495285153884</v>
      </c>
      <c r="L87" s="58">
        <f>Bühler!L113</f>
        <v>1.3031247642576942</v>
      </c>
      <c r="M87" s="57">
        <f>Bühler!M113</f>
        <v>0</v>
      </c>
      <c r="N87" s="55">
        <f>IF(Input!$K$13=1,J87*Input!$J$13,0)+IF(Input!$K$14=1,K87*Input!$J$14,0)+IF(Input!$K$15=1,L87*Input!$J$15,0)+IF(Input!$K$16=1,M87*Input!$J$16,0)</f>
        <v>6.5949551796181938</v>
      </c>
      <c r="O87" s="58">
        <f>IF(Input!$K$13=2,J87*Input!$J$13,0)+IF(Input!$K$14=2,K87*Input!$J$14,0)+IF(Input!$K$15=2,L87*Input!$J$15,0)+IF(Input!$K$16=2,M87*Input!$J$16,0)</f>
        <v>0.35184368634957741</v>
      </c>
      <c r="P87" s="58">
        <f>IF(Input!$K$13=3,J87*Input!$J$13,0)+IF(Input!$K$14=3,K87*Input!$J$14,0)+IF(Input!$K$15=3,L87*Input!$J$15,0)+IF(Input!$K$16=3,M87*Input!$J$16,0)</f>
        <v>0</v>
      </c>
      <c r="Q87" s="71">
        <f>IF(Input!$K$13=4,J87*Input!$J$13,0)+IF(Input!$K$14=4,K87*Input!$J$14,0)+IF(Input!$K$15=4,L87*Input!$J$15,0)+IF(Input!$K$16=4,M87*Input!$J$16,0)</f>
        <v>0</v>
      </c>
    </row>
    <row r="88" spans="2:17" x14ac:dyDescent="0.25">
      <c r="B88" s="43">
        <v>81</v>
      </c>
      <c r="C88" s="55">
        <f>Jesper!AM82</f>
        <v>21.273233410956852</v>
      </c>
      <c r="D88" s="58">
        <f>Jesper!AN82</f>
        <v>526.97881667992431</v>
      </c>
      <c r="E88" s="58">
        <f>Jesper!AO82</f>
        <v>38.750300368951642</v>
      </c>
      <c r="F88" s="58">
        <f>Jesper!AP82</f>
        <v>19.375150184475821</v>
      </c>
      <c r="G88" s="57">
        <f>Jesper!AQ82</f>
        <v>0</v>
      </c>
      <c r="H88" s="43">
        <v>81</v>
      </c>
      <c r="I88" s="55">
        <f>Bühler!I114</f>
        <v>9.3885005971022562</v>
      </c>
      <c r="J88" s="58">
        <f>Bühler!J114</f>
        <v>61.321513073642869</v>
      </c>
      <c r="K88" s="58">
        <f>Bühler!K114</f>
        <v>2.9080257897119073</v>
      </c>
      <c r="L88" s="58">
        <f>Bühler!L114</f>
        <v>1.4540128948559536</v>
      </c>
      <c r="M88" s="57">
        <f>Bühler!M114</f>
        <v>0</v>
      </c>
      <c r="N88" s="55">
        <f>IF(Input!$K$13=1,J88*Input!$J$13,0)+IF(Input!$K$14=1,K88*Input!$J$14,0)+IF(Input!$K$15=1,L88*Input!$J$15,0)+IF(Input!$K$16=1,M88*Input!$J$16,0)</f>
        <v>7.3585815688371436</v>
      </c>
      <c r="O88" s="58">
        <f>IF(Input!$K$13=2,J88*Input!$J$13,0)+IF(Input!$K$14=2,K88*Input!$J$14,0)+IF(Input!$K$15=2,L88*Input!$J$15,0)+IF(Input!$K$16=2,M88*Input!$J$16,0)</f>
        <v>0.39258348161110745</v>
      </c>
      <c r="P88" s="58">
        <f>IF(Input!$K$13=3,J88*Input!$J$13,0)+IF(Input!$K$14=3,K88*Input!$J$14,0)+IF(Input!$K$15=3,L88*Input!$J$15,0)+IF(Input!$K$16=3,M88*Input!$J$16,0)</f>
        <v>0</v>
      </c>
      <c r="Q88" s="71">
        <f>IF(Input!$K$13=4,J88*Input!$J$13,0)+IF(Input!$K$14=4,K88*Input!$J$14,0)+IF(Input!$K$15=4,L88*Input!$J$15,0)+IF(Input!$K$16=4,M88*Input!$J$16,0)</f>
        <v>0</v>
      </c>
    </row>
    <row r="89" spans="2:17" x14ac:dyDescent="0.25">
      <c r="B89" s="43">
        <v>82</v>
      </c>
      <c r="C89" s="55">
        <f>Jesper!AM83</f>
        <v>23.648399750718081</v>
      </c>
      <c r="D89" s="58">
        <f>Jesper!AN83</f>
        <v>551.91915654890499</v>
      </c>
      <c r="E89" s="58">
        <f>Jesper!AO83</f>
        <v>39.011865534428289</v>
      </c>
      <c r="F89" s="58">
        <f>Jesper!AP83</f>
        <v>19.505932767214144</v>
      </c>
      <c r="G89" s="57">
        <f>Jesper!AQ83</f>
        <v>0</v>
      </c>
      <c r="H89" s="43">
        <v>82</v>
      </c>
      <c r="I89" s="55">
        <f>Bühler!I115</f>
        <v>10.362778960952488</v>
      </c>
      <c r="J89" s="58">
        <f>Bühler!J115</f>
        <v>67.685066317134115</v>
      </c>
      <c r="K89" s="58">
        <f>Bühler!K115</f>
        <v>3.2098020509084262</v>
      </c>
      <c r="L89" s="58">
        <f>Bühler!L115</f>
        <v>1.6049010254542131</v>
      </c>
      <c r="M89" s="57">
        <f>Bühler!M115</f>
        <v>0</v>
      </c>
      <c r="N89" s="55">
        <f>IF(Input!$K$13=1,J89*Input!$J$13,0)+IF(Input!$K$14=1,K89*Input!$J$14,0)+IF(Input!$K$15=1,L89*Input!$J$15,0)+IF(Input!$K$16=1,M89*Input!$J$16,0)</f>
        <v>8.1222079580560944</v>
      </c>
      <c r="O89" s="58">
        <f>IF(Input!$K$13=2,J89*Input!$J$13,0)+IF(Input!$K$14=2,K89*Input!$J$14,0)+IF(Input!$K$15=2,L89*Input!$J$15,0)+IF(Input!$K$16=2,M89*Input!$J$16,0)</f>
        <v>0.4333232768726375</v>
      </c>
      <c r="P89" s="58">
        <f>IF(Input!$K$13=3,J89*Input!$J$13,0)+IF(Input!$K$14=3,K89*Input!$J$14,0)+IF(Input!$K$15=3,L89*Input!$J$15,0)+IF(Input!$K$16=3,M89*Input!$J$16,0)</f>
        <v>0</v>
      </c>
      <c r="Q89" s="71">
        <f>IF(Input!$K$13=4,J89*Input!$J$13,0)+IF(Input!$K$14=4,K89*Input!$J$14,0)+IF(Input!$K$15=4,L89*Input!$J$15,0)+IF(Input!$K$16=4,M89*Input!$J$16,0)</f>
        <v>0</v>
      </c>
    </row>
    <row r="90" spans="2:17" x14ac:dyDescent="0.25">
      <c r="B90" s="43">
        <v>83</v>
      </c>
      <c r="C90" s="55">
        <f>Jesper!AM84</f>
        <v>20.217603926618519</v>
      </c>
      <c r="D90" s="58">
        <f>Jesper!AN84</f>
        <v>515.89422118259949</v>
      </c>
      <c r="E90" s="58">
        <f>Jesper!AO84</f>
        <v>38.634049184295357</v>
      </c>
      <c r="F90" s="58">
        <f>Jesper!AP84</f>
        <v>19.317024592147678</v>
      </c>
      <c r="G90" s="57">
        <f>Jesper!AQ84</f>
        <v>0</v>
      </c>
      <c r="H90" s="43">
        <v>83</v>
      </c>
      <c r="I90" s="55">
        <f>Bühler!I116</f>
        <v>10.362778960952488</v>
      </c>
      <c r="J90" s="58">
        <f>Bühler!J116</f>
        <v>67.685066317134115</v>
      </c>
      <c r="K90" s="58">
        <f>Bühler!K116</f>
        <v>3.2098020509084262</v>
      </c>
      <c r="L90" s="58">
        <f>Bühler!L116</f>
        <v>1.6049010254542131</v>
      </c>
      <c r="M90" s="57">
        <f>Bühler!M116</f>
        <v>0</v>
      </c>
      <c r="N90" s="55">
        <f>IF(Input!$K$13=1,J90*Input!$J$13,0)+IF(Input!$K$14=1,K90*Input!$J$14,0)+IF(Input!$K$15=1,L90*Input!$J$15,0)+IF(Input!$K$16=1,M90*Input!$J$16,0)</f>
        <v>8.1222079580560944</v>
      </c>
      <c r="O90" s="58">
        <f>IF(Input!$K$13=2,J90*Input!$J$13,0)+IF(Input!$K$14=2,K90*Input!$J$14,0)+IF(Input!$K$15=2,L90*Input!$J$15,0)+IF(Input!$K$16=2,M90*Input!$J$16,0)</f>
        <v>0.4333232768726375</v>
      </c>
      <c r="P90" s="58">
        <f>IF(Input!$K$13=3,J90*Input!$J$13,0)+IF(Input!$K$14=3,K90*Input!$J$14,0)+IF(Input!$K$15=3,L90*Input!$J$15,0)+IF(Input!$K$16=3,M90*Input!$J$16,0)</f>
        <v>0</v>
      </c>
      <c r="Q90" s="71">
        <f>IF(Input!$K$13=4,J90*Input!$J$13,0)+IF(Input!$K$14=4,K90*Input!$J$14,0)+IF(Input!$K$15=4,L90*Input!$J$15,0)+IF(Input!$K$16=4,M90*Input!$J$16,0)</f>
        <v>0</v>
      </c>
    </row>
    <row r="91" spans="2:17" x14ac:dyDescent="0.25">
      <c r="B91" s="43">
        <v>84</v>
      </c>
      <c r="C91" s="55">
        <f>Jesper!AM85</f>
        <v>27.670879270384795</v>
      </c>
      <c r="D91" s="58">
        <f>Jesper!AN85</f>
        <v>178.00310639834257</v>
      </c>
      <c r="E91" s="58">
        <f>Jesper!AO85</f>
        <v>6.5010393679381666</v>
      </c>
      <c r="F91" s="58">
        <f>Jesper!AP85</f>
        <v>3.2505196839690833</v>
      </c>
      <c r="G91" s="57">
        <f>Jesper!AQ85</f>
        <v>0</v>
      </c>
      <c r="H91" s="43">
        <v>84</v>
      </c>
      <c r="I91" s="55">
        <f>Bühler!I117</f>
        <v>12.399906449002978</v>
      </c>
      <c r="J91" s="58">
        <f>Bühler!J117</f>
        <v>80.990677644433973</v>
      </c>
      <c r="K91" s="58">
        <f>Bühler!K117</f>
        <v>3.8407887788647828</v>
      </c>
      <c r="L91" s="58">
        <f>Bühler!L117</f>
        <v>1.9203943894323914</v>
      </c>
      <c r="M91" s="57">
        <f>Bühler!M117</f>
        <v>0</v>
      </c>
      <c r="N91" s="55">
        <f>IF(Input!$K$13=1,J91*Input!$J$13,0)+IF(Input!$K$14=1,K91*Input!$J$14,0)+IF(Input!$K$15=1,L91*Input!$J$15,0)+IF(Input!$K$16=1,M91*Input!$J$16,0)</f>
        <v>9.7188813173320767</v>
      </c>
      <c r="O91" s="58">
        <f>IF(Input!$K$13=2,J91*Input!$J$13,0)+IF(Input!$K$14=2,K91*Input!$J$14,0)+IF(Input!$K$15=2,L91*Input!$J$15,0)+IF(Input!$K$16=2,M91*Input!$J$16,0)</f>
        <v>0.51850648514674558</v>
      </c>
      <c r="P91" s="58">
        <f>IF(Input!$K$13=3,J91*Input!$J$13,0)+IF(Input!$K$14=3,K91*Input!$J$14,0)+IF(Input!$K$15=3,L91*Input!$J$15,0)+IF(Input!$K$16=3,M91*Input!$J$16,0)</f>
        <v>0</v>
      </c>
      <c r="Q91" s="71">
        <f>IF(Input!$K$13=4,J91*Input!$J$13,0)+IF(Input!$K$14=4,K91*Input!$J$14,0)+IF(Input!$K$15=4,L91*Input!$J$15,0)+IF(Input!$K$16=4,M91*Input!$J$16,0)</f>
        <v>0</v>
      </c>
    </row>
    <row r="92" spans="2:17" x14ac:dyDescent="0.25">
      <c r="B92" s="43">
        <v>85</v>
      </c>
      <c r="C92" s="55">
        <f>Jesper!AM86</f>
        <v>29.736311397455644</v>
      </c>
      <c r="D92" s="58">
        <f>Jesper!AN86</f>
        <v>182.80752019657461</v>
      </c>
      <c r="E92" s="58">
        <f>Jesper!AO86</f>
        <v>6.5768852308121932</v>
      </c>
      <c r="F92" s="58">
        <f>Jesper!AP86</f>
        <v>3.2884426154060966</v>
      </c>
      <c r="G92" s="57">
        <f>Jesper!AQ86</f>
        <v>0</v>
      </c>
      <c r="H92" s="43">
        <v>85</v>
      </c>
      <c r="I92" s="55">
        <f>Bühler!I118</f>
        <v>12.399906449002978</v>
      </c>
      <c r="J92" s="58">
        <f>Bühler!J118</f>
        <v>80.990677644433973</v>
      </c>
      <c r="K92" s="58">
        <f>Bühler!K118</f>
        <v>3.8407887788647828</v>
      </c>
      <c r="L92" s="58">
        <f>Bühler!L118</f>
        <v>1.9203943894323914</v>
      </c>
      <c r="M92" s="57">
        <f>Bühler!M118</f>
        <v>0</v>
      </c>
      <c r="N92" s="55">
        <f>IF(Input!$K$13=1,J92*Input!$J$13,0)+IF(Input!$K$14=1,K92*Input!$J$14,0)+IF(Input!$K$15=1,L92*Input!$J$15,0)+IF(Input!$K$16=1,M92*Input!$J$16,0)</f>
        <v>9.7188813173320767</v>
      </c>
      <c r="O92" s="58">
        <f>IF(Input!$K$13=2,J92*Input!$J$13,0)+IF(Input!$K$14=2,K92*Input!$J$14,0)+IF(Input!$K$15=2,L92*Input!$J$15,0)+IF(Input!$K$16=2,M92*Input!$J$16,0)</f>
        <v>0.51850648514674558</v>
      </c>
      <c r="P92" s="58">
        <f>IF(Input!$K$13=3,J92*Input!$J$13,0)+IF(Input!$K$14=3,K92*Input!$J$14,0)+IF(Input!$K$15=3,L92*Input!$J$15,0)+IF(Input!$K$16=3,M92*Input!$J$16,0)</f>
        <v>0</v>
      </c>
      <c r="Q92" s="71">
        <f>IF(Input!$K$13=4,J92*Input!$J$13,0)+IF(Input!$K$14=4,K92*Input!$J$14,0)+IF(Input!$K$15=4,L92*Input!$J$15,0)+IF(Input!$K$16=4,M92*Input!$J$16,0)</f>
        <v>0</v>
      </c>
    </row>
    <row r="93" spans="2:17" x14ac:dyDescent="0.25">
      <c r="B93" s="43">
        <v>86</v>
      </c>
      <c r="C93" s="55">
        <f>Jesper!AM87</f>
        <v>130.60661515620598</v>
      </c>
      <c r="D93" s="58">
        <f>Jesper!AN87</f>
        <v>841.75800213411981</v>
      </c>
      <c r="E93" s="58">
        <f>Jesper!AO87</f>
        <v>41.046261265913387</v>
      </c>
      <c r="F93" s="58">
        <f>Jesper!AP87</f>
        <v>20.523130632956693</v>
      </c>
      <c r="G93" s="57">
        <f>Jesper!AQ87</f>
        <v>0</v>
      </c>
      <c r="H93" s="43">
        <v>86</v>
      </c>
      <c r="I93" s="55">
        <f>Bühler!I119</f>
        <v>8.2370807125519789</v>
      </c>
      <c r="J93" s="58">
        <f>Bühler!J119</f>
        <v>53.800950149516851</v>
      </c>
      <c r="K93" s="58">
        <f>Bühler!K119</f>
        <v>2.5513811173887486</v>
      </c>
      <c r="L93" s="58">
        <f>Bühler!L119</f>
        <v>1.2756905586943743</v>
      </c>
      <c r="M93" s="57">
        <f>Bühler!M119</f>
        <v>0</v>
      </c>
      <c r="N93" s="55">
        <f>IF(Input!$K$13=1,J93*Input!$J$13,0)+IF(Input!$K$14=1,K93*Input!$J$14,0)+IF(Input!$K$15=1,L93*Input!$J$15,0)+IF(Input!$K$16=1,M93*Input!$J$16,0)</f>
        <v>6.4561140179420216</v>
      </c>
      <c r="O93" s="58">
        <f>IF(Input!$K$13=2,J93*Input!$J$13,0)+IF(Input!$K$14=2,K93*Input!$J$14,0)+IF(Input!$K$15=2,L93*Input!$J$15,0)+IF(Input!$K$16=2,M93*Input!$J$16,0)</f>
        <v>0.34443645084748109</v>
      </c>
      <c r="P93" s="58">
        <f>IF(Input!$K$13=3,J93*Input!$J$13,0)+IF(Input!$K$14=3,K93*Input!$J$14,0)+IF(Input!$K$15=3,L93*Input!$J$15,0)+IF(Input!$K$16=3,M93*Input!$J$16,0)</f>
        <v>0</v>
      </c>
      <c r="Q93" s="71">
        <f>IF(Input!$K$13=4,J93*Input!$J$13,0)+IF(Input!$K$14=4,K93*Input!$J$14,0)+IF(Input!$K$15=4,L93*Input!$J$15,0)+IF(Input!$K$16=4,M93*Input!$J$16,0)</f>
        <v>0</v>
      </c>
    </row>
    <row r="94" spans="2:17" x14ac:dyDescent="0.25">
      <c r="B94" s="43">
        <v>87</v>
      </c>
      <c r="C94" s="55">
        <f>Jesper!AM88</f>
        <v>200.60622454713319</v>
      </c>
      <c r="D94" s="58">
        <f>Jesper!AN88</f>
        <v>997.11888742195742</v>
      </c>
      <c r="E94" s="58">
        <f>Jesper!AO88</f>
        <v>41.976270743163731</v>
      </c>
      <c r="F94" s="58">
        <f>Jesper!AP88</f>
        <v>20.988135371581865</v>
      </c>
      <c r="G94" s="57">
        <f>Jesper!AQ88</f>
        <v>0</v>
      </c>
      <c r="H94" s="43">
        <v>87</v>
      </c>
      <c r="I94" s="55">
        <f>Bühler!I120</f>
        <v>12.399906449002978</v>
      </c>
      <c r="J94" s="58">
        <f>Bühler!J120</f>
        <v>80.990677644433973</v>
      </c>
      <c r="K94" s="58">
        <f>Bühler!K120</f>
        <v>3.8407887788647828</v>
      </c>
      <c r="L94" s="58">
        <f>Bühler!L120</f>
        <v>1.9203943894323914</v>
      </c>
      <c r="M94" s="57">
        <f>Bühler!M120</f>
        <v>0</v>
      </c>
      <c r="N94" s="55">
        <f>IF(Input!$K$13=1,J94*Input!$J$13,0)+IF(Input!$K$14=1,K94*Input!$J$14,0)+IF(Input!$K$15=1,L94*Input!$J$15,0)+IF(Input!$K$16=1,M94*Input!$J$16,0)</f>
        <v>9.7188813173320767</v>
      </c>
      <c r="O94" s="58">
        <f>IF(Input!$K$13=2,J94*Input!$J$13,0)+IF(Input!$K$14=2,K94*Input!$J$14,0)+IF(Input!$K$15=2,L94*Input!$J$15,0)+IF(Input!$K$16=2,M94*Input!$J$16,0)</f>
        <v>0.51850648514674558</v>
      </c>
      <c r="P94" s="58">
        <f>IF(Input!$K$13=3,J94*Input!$J$13,0)+IF(Input!$K$14=3,K94*Input!$J$14,0)+IF(Input!$K$15=3,L94*Input!$J$15,0)+IF(Input!$K$16=3,M94*Input!$J$16,0)</f>
        <v>0</v>
      </c>
      <c r="Q94" s="71">
        <f>IF(Input!$K$13=4,J94*Input!$J$13,0)+IF(Input!$K$14=4,K94*Input!$J$14,0)+IF(Input!$K$15=4,L94*Input!$J$15,0)+IF(Input!$K$16=4,M94*Input!$J$16,0)</f>
        <v>0</v>
      </c>
    </row>
    <row r="95" spans="2:17" x14ac:dyDescent="0.25">
      <c r="B95" s="43">
        <v>88</v>
      </c>
      <c r="C95" s="55">
        <f>Jesper!AM89</f>
        <v>194.04376116673379</v>
      </c>
      <c r="D95" s="58">
        <f>Jesper!AN89</f>
        <v>982.55380442622254</v>
      </c>
      <c r="E95" s="58">
        <f>Jesper!AO89</f>
        <v>41.889082354671501</v>
      </c>
      <c r="F95" s="58">
        <f>Jesper!AP89</f>
        <v>20.944541177335751</v>
      </c>
      <c r="G95" s="57">
        <f>Jesper!AQ89</f>
        <v>0</v>
      </c>
      <c r="H95" s="43">
        <v>88</v>
      </c>
      <c r="I95" s="55">
        <f>Bühler!I121</f>
        <v>12.399906449002978</v>
      </c>
      <c r="J95" s="58">
        <f>Bühler!J121</f>
        <v>80.990677644433973</v>
      </c>
      <c r="K95" s="58">
        <f>Bühler!K121</f>
        <v>3.8407887788647828</v>
      </c>
      <c r="L95" s="58">
        <f>Bühler!L121</f>
        <v>1.9203943894323914</v>
      </c>
      <c r="M95" s="57">
        <f>Bühler!M121</f>
        <v>0</v>
      </c>
      <c r="N95" s="55">
        <f>IF(Input!$K$13=1,J95*Input!$J$13,0)+IF(Input!$K$14=1,K95*Input!$J$14,0)+IF(Input!$K$15=1,L95*Input!$J$15,0)+IF(Input!$K$16=1,M95*Input!$J$16,0)</f>
        <v>9.7188813173320767</v>
      </c>
      <c r="O95" s="58">
        <f>IF(Input!$K$13=2,J95*Input!$J$13,0)+IF(Input!$K$14=2,K95*Input!$J$14,0)+IF(Input!$K$15=2,L95*Input!$J$15,0)+IF(Input!$K$16=2,M95*Input!$J$16,0)</f>
        <v>0.51850648514674558</v>
      </c>
      <c r="P95" s="58">
        <f>IF(Input!$K$13=3,J95*Input!$J$13,0)+IF(Input!$K$14=3,K95*Input!$J$14,0)+IF(Input!$K$15=3,L95*Input!$J$15,0)+IF(Input!$K$16=3,M95*Input!$J$16,0)</f>
        <v>0</v>
      </c>
      <c r="Q95" s="71">
        <f>IF(Input!$K$13=4,J95*Input!$J$13,0)+IF(Input!$K$14=4,K95*Input!$J$14,0)+IF(Input!$K$15=4,L95*Input!$J$15,0)+IF(Input!$K$16=4,M95*Input!$J$16,0)</f>
        <v>0</v>
      </c>
    </row>
    <row r="96" spans="2:17" x14ac:dyDescent="0.25">
      <c r="B96" s="43">
        <v>89</v>
      </c>
      <c r="C96" s="55">
        <f>Jesper!AM90</f>
        <v>97.794298254208826</v>
      </c>
      <c r="D96" s="58">
        <f>Jesper!AN90</f>
        <v>768.93258715544607</v>
      </c>
      <c r="E96" s="58">
        <f>Jesper!AO90</f>
        <v>40.610319323452302</v>
      </c>
      <c r="F96" s="58">
        <f>Jesper!AP90</f>
        <v>20.305159661726151</v>
      </c>
      <c r="G96" s="57">
        <f>Jesper!AQ90</f>
        <v>0</v>
      </c>
      <c r="H96" s="43">
        <v>89</v>
      </c>
      <c r="I96" s="55">
        <f>Bühler!I122</f>
        <v>10.361251878877491</v>
      </c>
      <c r="J96" s="58">
        <f>Bühler!J122</f>
        <v>51.035327155351773</v>
      </c>
      <c r="K96" s="58">
        <f>Bühler!K122</f>
        <v>2.2633219589738904</v>
      </c>
      <c r="L96" s="58">
        <f>Bühler!L122</f>
        <v>1.1316609794869452</v>
      </c>
      <c r="M96" s="57">
        <f>Bühler!M122</f>
        <v>0</v>
      </c>
      <c r="N96" s="55">
        <f>IF(Input!$K$13=1,J96*Input!$J$13,0)+IF(Input!$K$14=1,K96*Input!$J$14,0)+IF(Input!$K$15=1,L96*Input!$J$15,0)+IF(Input!$K$16=1,M96*Input!$J$16,0)</f>
        <v>6.1242392586422127</v>
      </c>
      <c r="O96" s="58">
        <f>IF(Input!$K$13=2,J96*Input!$J$13,0)+IF(Input!$K$14=2,K96*Input!$J$14,0)+IF(Input!$K$15=2,L96*Input!$J$15,0)+IF(Input!$K$16=2,M96*Input!$J$16,0)</f>
        <v>0.30554846446147521</v>
      </c>
      <c r="P96" s="58">
        <f>IF(Input!$K$13=3,J96*Input!$J$13,0)+IF(Input!$K$14=3,K96*Input!$J$14,0)+IF(Input!$K$15=3,L96*Input!$J$15,0)+IF(Input!$K$16=3,M96*Input!$J$16,0)</f>
        <v>0</v>
      </c>
      <c r="Q96" s="71">
        <f>IF(Input!$K$13=4,J96*Input!$J$13,0)+IF(Input!$K$14=4,K96*Input!$J$14,0)+IF(Input!$K$15=4,L96*Input!$J$15,0)+IF(Input!$K$16=4,M96*Input!$J$16,0)</f>
        <v>0</v>
      </c>
    </row>
    <row r="97" spans="2:17" x14ac:dyDescent="0.25">
      <c r="B97" s="43">
        <v>90</v>
      </c>
      <c r="C97" s="55">
        <f>Jesper!AM91</f>
        <v>26.551380832648483</v>
      </c>
      <c r="D97" s="58">
        <f>Jesper!AN91</f>
        <v>582.40179416654826</v>
      </c>
      <c r="E97" s="58">
        <f>Jesper!AO91</f>
        <v>39.331556292233095</v>
      </c>
      <c r="F97" s="58">
        <f>Jesper!AP91</f>
        <v>19.665778146116548</v>
      </c>
      <c r="G97" s="57">
        <f>Jesper!AQ91</f>
        <v>0</v>
      </c>
      <c r="H97" s="43">
        <v>90</v>
      </c>
      <c r="I97" s="55">
        <f>Bühler!I123</f>
        <v>8.2386077946269793</v>
      </c>
      <c r="J97" s="58">
        <f>Bühler!J123</f>
        <v>25.916467714303497</v>
      </c>
      <c r="K97" s="58">
        <f>Bühler!K123</f>
        <v>0.96599315363802407</v>
      </c>
      <c r="L97" s="58">
        <f>Bühler!L123</f>
        <v>0.48299657681901204</v>
      </c>
      <c r="M97" s="57">
        <f>Bühler!M123</f>
        <v>0</v>
      </c>
      <c r="N97" s="55">
        <f>IF(Input!$K$13=1,J97*Input!$J$13,0)+IF(Input!$K$14=1,K97*Input!$J$14,0)+IF(Input!$K$15=1,L97*Input!$J$15,0)+IF(Input!$K$16=1,M97*Input!$J$16,0)</f>
        <v>3.1099761257164196</v>
      </c>
      <c r="O97" s="58">
        <f>IF(Input!$K$13=2,J97*Input!$J$13,0)+IF(Input!$K$14=2,K97*Input!$J$14,0)+IF(Input!$K$15=2,L97*Input!$J$15,0)+IF(Input!$K$16=2,M97*Input!$J$16,0)</f>
        <v>0.13040907574113325</v>
      </c>
      <c r="P97" s="58">
        <f>IF(Input!$K$13=3,J97*Input!$J$13,0)+IF(Input!$K$14=3,K97*Input!$J$14,0)+IF(Input!$K$15=3,L97*Input!$J$15,0)+IF(Input!$K$16=3,M97*Input!$J$16,0)</f>
        <v>0</v>
      </c>
      <c r="Q97" s="71">
        <f>IF(Input!$K$13=4,J97*Input!$J$13,0)+IF(Input!$K$14=4,K97*Input!$J$14,0)+IF(Input!$K$15=4,L97*Input!$J$15,0)+IF(Input!$K$16=4,M97*Input!$J$16,0)</f>
        <v>0</v>
      </c>
    </row>
    <row r="98" spans="2:17" x14ac:dyDescent="0.25">
      <c r="B98" s="43">
        <v>91</v>
      </c>
      <c r="C98" s="55">
        <f>Jesper!AM92</f>
        <v>26.63816320684937</v>
      </c>
      <c r="D98" s="58">
        <f>Jesper!AN92</f>
        <v>175.60089949922656</v>
      </c>
      <c r="E98" s="58">
        <f>Jesper!AO92</f>
        <v>6.4631164365011546</v>
      </c>
      <c r="F98" s="58">
        <f>Jesper!AP92</f>
        <v>3.2315582182505773</v>
      </c>
      <c r="G98" s="57">
        <f>Jesper!AQ92</f>
        <v>0</v>
      </c>
      <c r="H98" s="43">
        <v>91</v>
      </c>
      <c r="I98" s="55">
        <f>Bühler!I124</f>
        <v>3.0541641500007337</v>
      </c>
      <c r="J98" s="58">
        <f>Bühler!J124</f>
        <v>14.522941947449478</v>
      </c>
      <c r="K98" s="58">
        <f>Bühler!K124</f>
        <v>0.63755548140109586</v>
      </c>
      <c r="L98" s="58">
        <f>Bühler!L124</f>
        <v>0.31877774070054793</v>
      </c>
      <c r="M98" s="57">
        <f>Bühler!M124</f>
        <v>0</v>
      </c>
      <c r="N98" s="55">
        <f>IF(Input!$K$13=1,J98*Input!$J$13,0)+IF(Input!$K$14=1,K98*Input!$J$14,0)+IF(Input!$K$15=1,L98*Input!$J$15,0)+IF(Input!$K$16=1,M98*Input!$J$16,0)</f>
        <v>1.7427530336939374</v>
      </c>
      <c r="O98" s="58">
        <f>IF(Input!$K$13=2,J98*Input!$J$13,0)+IF(Input!$K$14=2,K98*Input!$J$14,0)+IF(Input!$K$15=2,L98*Input!$J$15,0)+IF(Input!$K$16=2,M98*Input!$J$16,0)</f>
        <v>8.6069989989147944E-2</v>
      </c>
      <c r="P98" s="58">
        <f>IF(Input!$K$13=3,J98*Input!$J$13,0)+IF(Input!$K$14=3,K98*Input!$J$14,0)+IF(Input!$K$15=3,L98*Input!$J$15,0)+IF(Input!$K$16=3,M98*Input!$J$16,0)</f>
        <v>0</v>
      </c>
      <c r="Q98" s="71">
        <f>IF(Input!$K$13=4,J98*Input!$J$13,0)+IF(Input!$K$14=4,K98*Input!$J$14,0)+IF(Input!$K$15=4,L98*Input!$J$15,0)+IF(Input!$K$16=4,M98*Input!$J$16,0)</f>
        <v>0</v>
      </c>
    </row>
    <row r="99" spans="2:17" x14ac:dyDescent="0.25">
      <c r="B99" s="43">
        <v>92</v>
      </c>
      <c r="C99" s="55">
        <f>Jesper!AM93</f>
        <v>67.946805748266442</v>
      </c>
      <c r="D99" s="58">
        <f>Jesper!AN93</f>
        <v>271.68917546386774</v>
      </c>
      <c r="E99" s="58">
        <f>Jesper!AO93</f>
        <v>7.9800336939816559</v>
      </c>
      <c r="F99" s="58">
        <f>Jesper!AP93</f>
        <v>3.9900168469908279</v>
      </c>
      <c r="G99" s="57">
        <f>Jesper!AQ93</f>
        <v>0</v>
      </c>
      <c r="H99" s="43">
        <v>92</v>
      </c>
      <c r="I99" s="55">
        <f>Bühler!I125</f>
        <v>3.0541641500007337</v>
      </c>
      <c r="J99" s="58">
        <f>Bühler!J125</f>
        <v>14.522941947449478</v>
      </c>
      <c r="K99" s="58">
        <f>Bühler!K125</f>
        <v>0.63755548140109586</v>
      </c>
      <c r="L99" s="58">
        <f>Bühler!L125</f>
        <v>0.31877774070054793</v>
      </c>
      <c r="M99" s="57">
        <f>Bühler!M125</f>
        <v>0</v>
      </c>
      <c r="N99" s="55">
        <f>IF(Input!$K$13=1,J99*Input!$J$13,0)+IF(Input!$K$14=1,K99*Input!$J$14,0)+IF(Input!$K$15=1,L99*Input!$J$15,0)+IF(Input!$K$16=1,M99*Input!$J$16,0)</f>
        <v>1.7427530336939374</v>
      </c>
      <c r="O99" s="58">
        <f>IF(Input!$K$13=2,J99*Input!$J$13,0)+IF(Input!$K$14=2,K99*Input!$J$14,0)+IF(Input!$K$15=2,L99*Input!$J$15,0)+IF(Input!$K$16=2,M99*Input!$J$16,0)</f>
        <v>8.6069989989147944E-2</v>
      </c>
      <c r="P99" s="58">
        <f>IF(Input!$K$13=3,J99*Input!$J$13,0)+IF(Input!$K$14=3,K99*Input!$J$14,0)+IF(Input!$K$15=3,L99*Input!$J$15,0)+IF(Input!$K$16=3,M99*Input!$J$16,0)</f>
        <v>0</v>
      </c>
      <c r="Q99" s="71">
        <f>IF(Input!$K$13=4,J99*Input!$J$13,0)+IF(Input!$K$14=4,K99*Input!$J$14,0)+IF(Input!$K$15=4,L99*Input!$J$15,0)+IF(Input!$K$16=4,M99*Input!$J$16,0)</f>
        <v>0</v>
      </c>
    </row>
    <row r="100" spans="2:17" x14ac:dyDescent="0.25">
      <c r="B100" s="43">
        <v>93</v>
      </c>
      <c r="C100" s="55">
        <f>Jesper!AM94</f>
        <v>189.66878557980084</v>
      </c>
      <c r="D100" s="58">
        <f>Jesper!AN94</f>
        <v>972.84374909573273</v>
      </c>
      <c r="E100" s="58">
        <f>Jesper!AO94</f>
        <v>41.830956762343362</v>
      </c>
      <c r="F100" s="58">
        <f>Jesper!AP94</f>
        <v>20.915478381171681</v>
      </c>
      <c r="G100" s="57">
        <f>Jesper!AQ94</f>
        <v>0</v>
      </c>
      <c r="H100" s="43">
        <v>93</v>
      </c>
      <c r="I100" s="55">
        <f>Bühler!I126</f>
        <v>3.0541641500007337</v>
      </c>
      <c r="J100" s="58">
        <f>Bühler!J126</f>
        <v>14.522941947449478</v>
      </c>
      <c r="K100" s="58">
        <f>Bühler!K126</f>
        <v>0.63755548140109586</v>
      </c>
      <c r="L100" s="58">
        <f>Bühler!L126</f>
        <v>0.31877774070054793</v>
      </c>
      <c r="M100" s="57">
        <f>Bühler!M126</f>
        <v>0</v>
      </c>
      <c r="N100" s="55">
        <f>IF(Input!$K$13=1,J100*Input!$J$13,0)+IF(Input!$K$14=1,K100*Input!$J$14,0)+IF(Input!$K$15=1,L100*Input!$J$15,0)+IF(Input!$K$16=1,M100*Input!$J$16,0)</f>
        <v>1.7427530336939374</v>
      </c>
      <c r="O100" s="58">
        <f>IF(Input!$K$13=2,J100*Input!$J$13,0)+IF(Input!$K$14=2,K100*Input!$J$14,0)+IF(Input!$K$15=2,L100*Input!$J$15,0)+IF(Input!$K$16=2,M100*Input!$J$16,0)</f>
        <v>8.6069989989147944E-2</v>
      </c>
      <c r="P100" s="58">
        <f>IF(Input!$K$13=3,J100*Input!$J$13,0)+IF(Input!$K$14=3,K100*Input!$J$14,0)+IF(Input!$K$15=3,L100*Input!$J$15,0)+IF(Input!$K$16=3,M100*Input!$J$16,0)</f>
        <v>0</v>
      </c>
      <c r="Q100" s="71">
        <f>IF(Input!$K$13=4,J100*Input!$J$13,0)+IF(Input!$K$14=4,K100*Input!$J$14,0)+IF(Input!$K$15=4,L100*Input!$J$15,0)+IF(Input!$K$16=4,M100*Input!$J$16,0)</f>
        <v>0</v>
      </c>
    </row>
    <row r="101" spans="2:17" x14ac:dyDescent="0.25">
      <c r="B101" s="43">
        <v>94</v>
      </c>
      <c r="C101" s="55">
        <f>Jesper!AM95</f>
        <v>224.66859027526445</v>
      </c>
      <c r="D101" s="58">
        <f>Jesper!AN95</f>
        <v>1050.5241917396513</v>
      </c>
      <c r="E101" s="58">
        <f>Jesper!AO95</f>
        <v>42.295961500968524</v>
      </c>
      <c r="F101" s="58">
        <f>Jesper!AP95</f>
        <v>21.147980750484262</v>
      </c>
      <c r="G101" s="57">
        <f>Jesper!AQ95</f>
        <v>0</v>
      </c>
      <c r="H101" s="43">
        <v>94</v>
      </c>
      <c r="I101" s="55">
        <f>Bühler!I127</f>
        <v>3.0541641500007337</v>
      </c>
      <c r="J101" s="58">
        <f>Bühler!J127</f>
        <v>14.522941947449478</v>
      </c>
      <c r="K101" s="58">
        <f>Bühler!K127</f>
        <v>0.63755548140109586</v>
      </c>
      <c r="L101" s="58">
        <f>Bühler!L127</f>
        <v>0.31877774070054793</v>
      </c>
      <c r="M101" s="57">
        <f>Bühler!M127</f>
        <v>0</v>
      </c>
      <c r="N101" s="55">
        <f>IF(Input!$K$13=1,J101*Input!$J$13,0)+IF(Input!$K$14=1,K101*Input!$J$14,0)+IF(Input!$K$15=1,L101*Input!$J$15,0)+IF(Input!$K$16=1,M101*Input!$J$16,0)</f>
        <v>1.7427530336939374</v>
      </c>
      <c r="O101" s="58">
        <f>IF(Input!$K$13=2,J101*Input!$J$13,0)+IF(Input!$K$14=2,K101*Input!$J$14,0)+IF(Input!$K$15=2,L101*Input!$J$15,0)+IF(Input!$K$16=2,M101*Input!$J$16,0)</f>
        <v>8.6069989989147944E-2</v>
      </c>
      <c r="P101" s="58">
        <f>IF(Input!$K$13=3,J101*Input!$J$13,0)+IF(Input!$K$14=3,K101*Input!$J$14,0)+IF(Input!$K$15=3,L101*Input!$J$15,0)+IF(Input!$K$16=3,M101*Input!$J$16,0)</f>
        <v>0</v>
      </c>
      <c r="Q101" s="71">
        <f>IF(Input!$K$13=4,J101*Input!$J$13,0)+IF(Input!$K$14=4,K101*Input!$J$14,0)+IF(Input!$K$15=4,L101*Input!$J$15,0)+IF(Input!$K$16=4,M101*Input!$J$16,0)</f>
        <v>0</v>
      </c>
    </row>
    <row r="102" spans="2:17" x14ac:dyDescent="0.25">
      <c r="B102" s="43">
        <v>95</v>
      </c>
      <c r="C102" s="55">
        <f>Jesper!AM96</f>
        <v>231.23105365566386</v>
      </c>
      <c r="D102" s="58">
        <f>Jesper!AN96</f>
        <v>1065.0892747353862</v>
      </c>
      <c r="E102" s="58">
        <f>Jesper!AO96</f>
        <v>42.383149889460746</v>
      </c>
      <c r="F102" s="58">
        <f>Jesper!AP96</f>
        <v>21.191574944730373</v>
      </c>
      <c r="G102" s="57">
        <f>Jesper!AQ96</f>
        <v>0</v>
      </c>
      <c r="H102" s="43">
        <v>95</v>
      </c>
      <c r="I102" s="55">
        <f>Bühler!I128</f>
        <v>3.0541641500007337</v>
      </c>
      <c r="J102" s="58">
        <f>Bühler!J128</f>
        <v>14.522941947449478</v>
      </c>
      <c r="K102" s="58">
        <f>Bühler!K128</f>
        <v>0.63755548140109586</v>
      </c>
      <c r="L102" s="58">
        <f>Bühler!L128</f>
        <v>0.31877774070054793</v>
      </c>
      <c r="M102" s="57">
        <f>Bühler!M128</f>
        <v>0</v>
      </c>
      <c r="N102" s="55">
        <f>IF(Input!$K$13=1,J102*Input!$J$13,0)+IF(Input!$K$14=1,K102*Input!$J$14,0)+IF(Input!$K$15=1,L102*Input!$J$15,0)+IF(Input!$K$16=1,M102*Input!$J$16,0)</f>
        <v>1.7427530336939374</v>
      </c>
      <c r="O102" s="58">
        <f>IF(Input!$K$13=2,J102*Input!$J$13,0)+IF(Input!$K$14=2,K102*Input!$J$14,0)+IF(Input!$K$15=2,L102*Input!$J$15,0)+IF(Input!$K$16=2,M102*Input!$J$16,0)</f>
        <v>8.6069989989147944E-2</v>
      </c>
      <c r="P102" s="58">
        <f>IF(Input!$K$13=3,J102*Input!$J$13,0)+IF(Input!$K$14=3,K102*Input!$J$14,0)+IF(Input!$K$15=3,L102*Input!$J$15,0)+IF(Input!$K$16=3,M102*Input!$J$16,0)</f>
        <v>0</v>
      </c>
      <c r="Q102" s="71">
        <f>IF(Input!$K$13=4,J102*Input!$J$13,0)+IF(Input!$K$14=4,K102*Input!$J$14,0)+IF(Input!$K$15=4,L102*Input!$J$15,0)+IF(Input!$K$16=4,M102*Input!$J$16,0)</f>
        <v>0</v>
      </c>
    </row>
    <row r="103" spans="2:17" x14ac:dyDescent="0.25">
      <c r="B103" s="43">
        <v>96</v>
      </c>
      <c r="C103" s="55">
        <f>Jesper!AM97</f>
        <v>172.16888323206899</v>
      </c>
      <c r="D103" s="58">
        <f>Jesper!AN97</f>
        <v>934.00352777377316</v>
      </c>
      <c r="E103" s="58">
        <f>Jesper!AO97</f>
        <v>41.598454393030771</v>
      </c>
      <c r="F103" s="58">
        <f>Jesper!AP97</f>
        <v>20.799227196515385</v>
      </c>
      <c r="G103" s="57">
        <f>Jesper!AQ97</f>
        <v>0</v>
      </c>
      <c r="H103" s="43">
        <v>96</v>
      </c>
      <c r="I103" s="55">
        <f>Bühler!I129</f>
        <v>3.0541641500007337</v>
      </c>
      <c r="J103" s="58">
        <f>Bühler!J129</f>
        <v>14.522941947449478</v>
      </c>
      <c r="K103" s="58">
        <f>Bühler!K129</f>
        <v>0.63755548140109586</v>
      </c>
      <c r="L103" s="58">
        <f>Bühler!L129</f>
        <v>0.31877774070054793</v>
      </c>
      <c r="M103" s="57">
        <f>Bühler!M129</f>
        <v>0</v>
      </c>
      <c r="N103" s="55">
        <f>IF(Input!$K$13=1,J103*Input!$J$13,0)+IF(Input!$K$14=1,K103*Input!$J$14,0)+IF(Input!$K$15=1,L103*Input!$J$15,0)+IF(Input!$K$16=1,M103*Input!$J$16,0)</f>
        <v>1.7427530336939374</v>
      </c>
      <c r="O103" s="58">
        <f>IF(Input!$K$13=2,J103*Input!$J$13,0)+IF(Input!$K$14=2,K103*Input!$J$14,0)+IF(Input!$K$15=2,L103*Input!$J$15,0)+IF(Input!$K$16=2,M103*Input!$J$16,0)</f>
        <v>8.6069989989147944E-2</v>
      </c>
      <c r="P103" s="58">
        <f>IF(Input!$K$13=3,J103*Input!$J$13,0)+IF(Input!$K$14=3,K103*Input!$J$14,0)+IF(Input!$K$15=3,L103*Input!$J$15,0)+IF(Input!$K$16=3,M103*Input!$J$16,0)</f>
        <v>0</v>
      </c>
      <c r="Q103" s="71">
        <f>IF(Input!$K$13=4,J103*Input!$J$13,0)+IF(Input!$K$14=4,K103*Input!$J$14,0)+IF(Input!$K$15=4,L103*Input!$J$15,0)+IF(Input!$K$16=4,M103*Input!$J$16,0)</f>
        <v>0</v>
      </c>
    </row>
    <row r="104" spans="2:17" x14ac:dyDescent="0.25">
      <c r="B104" s="43">
        <v>97</v>
      </c>
      <c r="C104" s="55">
        <f>Jesper!AM98</f>
        <v>139.35656633007187</v>
      </c>
      <c r="D104" s="58">
        <f>Jesper!AN98</f>
        <v>861.17811279509954</v>
      </c>
      <c r="E104" s="58">
        <f>Jesper!AO98</f>
        <v>41.162512450569679</v>
      </c>
      <c r="F104" s="58">
        <f>Jesper!AP98</f>
        <v>20.581256225284839</v>
      </c>
      <c r="G104" s="57">
        <f>Jesper!AQ98</f>
        <v>0</v>
      </c>
      <c r="H104" s="43">
        <v>97</v>
      </c>
      <c r="I104" s="55">
        <f>Bühler!I130</f>
        <v>0.98079789103799953</v>
      </c>
      <c r="J104" s="58">
        <f>Bühler!J130</f>
        <v>10.438199873736398</v>
      </c>
      <c r="K104" s="58">
        <f>Bühler!K130</f>
        <v>0.61605473219909723</v>
      </c>
      <c r="L104" s="58">
        <f>Bühler!L130</f>
        <v>0.30802736609954862</v>
      </c>
      <c r="M104" s="57">
        <f>Bühler!M130</f>
        <v>0</v>
      </c>
      <c r="N104" s="55">
        <f>IF(Input!$K$13=1,J104*Input!$J$13,0)+IF(Input!$K$14=1,K104*Input!$J$14,0)+IF(Input!$K$15=1,L104*Input!$J$15,0)+IF(Input!$K$16=1,M104*Input!$J$16,0)</f>
        <v>1.2525839848483677</v>
      </c>
      <c r="O104" s="58">
        <f>IF(Input!$K$13=2,J104*Input!$J$13,0)+IF(Input!$K$14=2,K104*Input!$J$14,0)+IF(Input!$K$15=2,L104*Input!$J$15,0)+IF(Input!$K$16=2,M104*Input!$J$16,0)</f>
        <v>8.3167388846878132E-2</v>
      </c>
      <c r="P104" s="58">
        <f>IF(Input!$K$13=3,J104*Input!$J$13,0)+IF(Input!$K$14=3,K104*Input!$J$14,0)+IF(Input!$K$15=3,L104*Input!$J$15,0)+IF(Input!$K$16=3,M104*Input!$J$16,0)</f>
        <v>0</v>
      </c>
      <c r="Q104" s="71">
        <f>IF(Input!$K$13=4,J104*Input!$J$13,0)+IF(Input!$K$14=4,K104*Input!$J$14,0)+IF(Input!$K$15=4,L104*Input!$J$15,0)+IF(Input!$K$16=4,M104*Input!$J$16,0)</f>
        <v>0</v>
      </c>
    </row>
    <row r="105" spans="2:17" x14ac:dyDescent="0.25">
      <c r="B105" s="43">
        <v>98</v>
      </c>
      <c r="C105" s="55">
        <f>Jesper!AM99</f>
        <v>117.51717679796691</v>
      </c>
      <c r="D105" s="58">
        <f>Jesper!AN99</f>
        <v>386.99510662143712</v>
      </c>
      <c r="E105" s="58">
        <f>Jesper!AO99</f>
        <v>9.8003344029582546</v>
      </c>
      <c r="F105" s="58">
        <f>Jesper!AP99</f>
        <v>4.9001672014791273</v>
      </c>
      <c r="G105" s="57">
        <f>Jesper!AQ99</f>
        <v>0</v>
      </c>
      <c r="H105" s="43">
        <v>98</v>
      </c>
      <c r="I105" s="55">
        <f>Bühler!I131</f>
        <v>0.98079789103799953</v>
      </c>
      <c r="J105" s="58">
        <f>Bühler!J131</f>
        <v>10.438199873736398</v>
      </c>
      <c r="K105" s="58">
        <f>Bühler!K131</f>
        <v>0.61605473219909723</v>
      </c>
      <c r="L105" s="58">
        <f>Bühler!L131</f>
        <v>0.30802736609954862</v>
      </c>
      <c r="M105" s="57">
        <f>Bühler!M131</f>
        <v>0</v>
      </c>
      <c r="N105" s="55">
        <f>IF(Input!$K$13=1,J105*Input!$J$13,0)+IF(Input!$K$14=1,K105*Input!$J$14,0)+IF(Input!$K$15=1,L105*Input!$J$15,0)+IF(Input!$K$16=1,M105*Input!$J$16,0)</f>
        <v>1.2525839848483677</v>
      </c>
      <c r="O105" s="58">
        <f>IF(Input!$K$13=2,J105*Input!$J$13,0)+IF(Input!$K$14=2,K105*Input!$J$14,0)+IF(Input!$K$15=2,L105*Input!$J$15,0)+IF(Input!$K$16=2,M105*Input!$J$16,0)</f>
        <v>8.3167388846878132E-2</v>
      </c>
      <c r="P105" s="58">
        <f>IF(Input!$K$13=3,J105*Input!$J$13,0)+IF(Input!$K$14=3,K105*Input!$J$14,0)+IF(Input!$K$15=3,L105*Input!$J$15,0)+IF(Input!$K$16=3,M105*Input!$J$16,0)</f>
        <v>0</v>
      </c>
      <c r="Q105" s="71">
        <f>IF(Input!$K$13=4,J105*Input!$J$13,0)+IF(Input!$K$14=4,K105*Input!$J$14,0)+IF(Input!$K$15=4,L105*Input!$J$15,0)+IF(Input!$K$16=4,M105*Input!$J$16,0)</f>
        <v>0</v>
      </c>
    </row>
    <row r="106" spans="2:17" x14ac:dyDescent="0.25">
      <c r="B106" s="43">
        <v>99</v>
      </c>
      <c r="C106" s="55">
        <f>Jesper!AM100</f>
        <v>90.666559146045842</v>
      </c>
      <c r="D106" s="58">
        <f>Jesper!AN100</f>
        <v>324.53772724442035</v>
      </c>
      <c r="E106" s="58">
        <f>Jesper!AO100</f>
        <v>8.8143381855959309</v>
      </c>
      <c r="F106" s="58">
        <f>Jesper!AP100</f>
        <v>4.4071690927979654</v>
      </c>
      <c r="G106" s="57">
        <f>Jesper!AQ100</f>
        <v>0</v>
      </c>
      <c r="H106" s="43">
        <v>99</v>
      </c>
      <c r="I106" s="55">
        <f>Bühler!I132</f>
        <v>0.98079789103799953</v>
      </c>
      <c r="J106" s="58">
        <f>Bühler!J132</f>
        <v>10.438199873736398</v>
      </c>
      <c r="K106" s="58">
        <f>Bühler!K132</f>
        <v>0.61605473219909723</v>
      </c>
      <c r="L106" s="58">
        <f>Bühler!L132</f>
        <v>0.30802736609954862</v>
      </c>
      <c r="M106" s="57">
        <f>Bühler!M132</f>
        <v>0</v>
      </c>
      <c r="N106" s="55">
        <f>IF(Input!$K$13=1,J106*Input!$J$13,0)+IF(Input!$K$14=1,K106*Input!$J$14,0)+IF(Input!$K$15=1,L106*Input!$J$15,0)+IF(Input!$K$16=1,M106*Input!$J$16,0)</f>
        <v>1.2525839848483677</v>
      </c>
      <c r="O106" s="58">
        <f>IF(Input!$K$13=2,J106*Input!$J$13,0)+IF(Input!$K$14=2,K106*Input!$J$14,0)+IF(Input!$K$15=2,L106*Input!$J$15,0)+IF(Input!$K$16=2,M106*Input!$J$16,0)</f>
        <v>8.3167388846878132E-2</v>
      </c>
      <c r="P106" s="58">
        <f>IF(Input!$K$13=3,J106*Input!$J$13,0)+IF(Input!$K$14=3,K106*Input!$J$14,0)+IF(Input!$K$15=3,L106*Input!$J$15,0)+IF(Input!$K$16=3,M106*Input!$J$16,0)</f>
        <v>0</v>
      </c>
      <c r="Q106" s="71">
        <f>IF(Input!$K$13=4,J106*Input!$J$13,0)+IF(Input!$K$14=4,K106*Input!$J$14,0)+IF(Input!$K$15=4,L106*Input!$J$15,0)+IF(Input!$K$16=4,M106*Input!$J$16,0)</f>
        <v>0</v>
      </c>
    </row>
    <row r="107" spans="2:17" x14ac:dyDescent="0.25">
      <c r="B107" s="43">
        <v>100</v>
      </c>
      <c r="C107" s="55">
        <f>Jesper!AM101</f>
        <v>80.294395906477035</v>
      </c>
      <c r="D107" s="58">
        <f>Jesper!AN101</f>
        <v>730.09236583348684</v>
      </c>
      <c r="E107" s="58">
        <f>Jesper!AO101</f>
        <v>40.377816954139725</v>
      </c>
      <c r="F107" s="58">
        <f>Jesper!AP101</f>
        <v>20.188908477069862</v>
      </c>
      <c r="G107" s="57">
        <f>Jesper!AQ101</f>
        <v>0</v>
      </c>
      <c r="H107" s="43">
        <v>100</v>
      </c>
      <c r="I107" s="55">
        <f>Bühler!I133</f>
        <v>0.98079789103799953</v>
      </c>
      <c r="J107" s="58">
        <f>Bühler!J133</f>
        <v>10.438199873736398</v>
      </c>
      <c r="K107" s="58">
        <f>Bühler!K133</f>
        <v>0.61605473219909723</v>
      </c>
      <c r="L107" s="58">
        <f>Bühler!L133</f>
        <v>0.30802736609954862</v>
      </c>
      <c r="M107" s="57">
        <f>Bühler!M133</f>
        <v>0</v>
      </c>
      <c r="N107" s="55">
        <f>IF(Input!$K$13=1,J107*Input!$J$13,0)+IF(Input!$K$14=1,K107*Input!$J$14,0)+IF(Input!$K$15=1,L107*Input!$J$15,0)+IF(Input!$K$16=1,M107*Input!$J$16,0)</f>
        <v>1.2525839848483677</v>
      </c>
      <c r="O107" s="58">
        <f>IF(Input!$K$13=2,J107*Input!$J$13,0)+IF(Input!$K$14=2,K107*Input!$J$14,0)+IF(Input!$K$15=2,L107*Input!$J$15,0)+IF(Input!$K$16=2,M107*Input!$J$16,0)</f>
        <v>8.3167388846878132E-2</v>
      </c>
      <c r="P107" s="58">
        <f>IF(Input!$K$13=3,J107*Input!$J$13,0)+IF(Input!$K$14=3,K107*Input!$J$14,0)+IF(Input!$K$15=3,L107*Input!$J$15,0)+IF(Input!$K$16=3,M107*Input!$J$16,0)</f>
        <v>0</v>
      </c>
      <c r="Q107" s="71">
        <f>IF(Input!$K$13=4,J107*Input!$J$13,0)+IF(Input!$K$14=4,K107*Input!$J$14,0)+IF(Input!$K$15=4,L107*Input!$J$15,0)+IF(Input!$K$16=4,M107*Input!$J$16,0)</f>
        <v>0</v>
      </c>
    </row>
    <row r="108" spans="2:17" x14ac:dyDescent="0.25">
      <c r="B108" s="43">
        <v>101</v>
      </c>
      <c r="C108" s="55">
        <f>Jesper!AM102</f>
        <v>110.91922501500771</v>
      </c>
      <c r="D108" s="58">
        <f>Jesper!AN102</f>
        <v>798.06275314691572</v>
      </c>
      <c r="E108" s="58">
        <f>Jesper!AO102</f>
        <v>40.78469610043674</v>
      </c>
      <c r="F108" s="58">
        <f>Jesper!AP102</f>
        <v>20.39234805021837</v>
      </c>
      <c r="G108" s="57">
        <f>Jesper!AQ102</f>
        <v>0</v>
      </c>
      <c r="H108" s="43">
        <v>101</v>
      </c>
      <c r="I108" s="55">
        <f>Bühler!I134</f>
        <v>0.98079789103799953</v>
      </c>
      <c r="J108" s="58">
        <f>Bühler!J134</f>
        <v>10.438199873736398</v>
      </c>
      <c r="K108" s="58">
        <f>Bühler!K134</f>
        <v>0.61605473219909723</v>
      </c>
      <c r="L108" s="58">
        <f>Bühler!L134</f>
        <v>0.30802736609954862</v>
      </c>
      <c r="M108" s="57">
        <f>Bühler!M134</f>
        <v>0</v>
      </c>
      <c r="N108" s="55">
        <f>IF(Input!$K$13=1,J108*Input!$J$13,0)+IF(Input!$K$14=1,K108*Input!$J$14,0)+IF(Input!$K$15=1,L108*Input!$J$15,0)+IF(Input!$K$16=1,M108*Input!$J$16,0)</f>
        <v>1.2525839848483677</v>
      </c>
      <c r="O108" s="58">
        <f>IF(Input!$K$13=2,J108*Input!$J$13,0)+IF(Input!$K$14=2,K108*Input!$J$14,0)+IF(Input!$K$15=2,L108*Input!$J$15,0)+IF(Input!$K$16=2,M108*Input!$J$16,0)</f>
        <v>8.3167388846878132E-2</v>
      </c>
      <c r="P108" s="58">
        <f>IF(Input!$K$13=3,J108*Input!$J$13,0)+IF(Input!$K$14=3,K108*Input!$J$14,0)+IF(Input!$K$15=3,L108*Input!$J$15,0)+IF(Input!$K$16=3,M108*Input!$J$16,0)</f>
        <v>0</v>
      </c>
      <c r="Q108" s="71">
        <f>IF(Input!$K$13=4,J108*Input!$J$13,0)+IF(Input!$K$14=4,K108*Input!$J$14,0)+IF(Input!$K$15=4,L108*Input!$J$15,0)+IF(Input!$K$16=4,M108*Input!$J$16,0)</f>
        <v>0</v>
      </c>
    </row>
    <row r="109" spans="2:17" x14ac:dyDescent="0.25">
      <c r="B109" s="43">
        <v>102</v>
      </c>
      <c r="C109" s="55">
        <f>Jesper!AM103</f>
        <v>75.919420319544059</v>
      </c>
      <c r="D109" s="58">
        <f>Jesper!AN103</f>
        <v>720.38231050299692</v>
      </c>
      <c r="E109" s="58">
        <f>Jesper!AO103</f>
        <v>40.319691361811564</v>
      </c>
      <c r="F109" s="58">
        <f>Jesper!AP103</f>
        <v>20.159845680905782</v>
      </c>
      <c r="G109" s="57">
        <f>Jesper!AQ103</f>
        <v>0</v>
      </c>
      <c r="H109" s="43">
        <v>102</v>
      </c>
      <c r="I109" s="55">
        <f>Bühler!I135</f>
        <v>0.98079789103799953</v>
      </c>
      <c r="J109" s="58">
        <f>Bühler!J135</f>
        <v>10.438199873736398</v>
      </c>
      <c r="K109" s="58">
        <f>Bühler!K135</f>
        <v>0.61605473219909723</v>
      </c>
      <c r="L109" s="58">
        <f>Bühler!L135</f>
        <v>0.30802736609954862</v>
      </c>
      <c r="M109" s="57">
        <f>Bühler!M135</f>
        <v>0</v>
      </c>
      <c r="N109" s="55">
        <f>IF(Input!$K$13=1,J109*Input!$J$13,0)+IF(Input!$K$14=1,K109*Input!$J$14,0)+IF(Input!$K$15=1,L109*Input!$J$15,0)+IF(Input!$K$16=1,M109*Input!$J$16,0)</f>
        <v>1.2525839848483677</v>
      </c>
      <c r="O109" s="58">
        <f>IF(Input!$K$13=2,J109*Input!$J$13,0)+IF(Input!$K$14=2,K109*Input!$J$14,0)+IF(Input!$K$15=2,L109*Input!$J$15,0)+IF(Input!$K$16=2,M109*Input!$J$16,0)</f>
        <v>8.3167388846878132E-2</v>
      </c>
      <c r="P109" s="58">
        <f>IF(Input!$K$13=3,J109*Input!$J$13,0)+IF(Input!$K$14=3,K109*Input!$J$14,0)+IF(Input!$K$15=3,L109*Input!$J$15,0)+IF(Input!$K$16=3,M109*Input!$J$16,0)</f>
        <v>0</v>
      </c>
      <c r="Q109" s="71">
        <f>IF(Input!$K$13=4,J109*Input!$J$13,0)+IF(Input!$K$14=4,K109*Input!$J$14,0)+IF(Input!$K$15=4,L109*Input!$J$15,0)+IF(Input!$K$16=4,M109*Input!$J$16,0)</f>
        <v>0</v>
      </c>
    </row>
    <row r="110" spans="2:17" x14ac:dyDescent="0.25">
      <c r="B110" s="43">
        <v>103</v>
      </c>
      <c r="C110" s="55">
        <f>Jesper!AM104</f>
        <v>64.981981352211676</v>
      </c>
      <c r="D110" s="58">
        <f>Jesper!AN104</f>
        <v>696.10717217677245</v>
      </c>
      <c r="E110" s="58">
        <f>Jesper!AO104</f>
        <v>40.174377380991203</v>
      </c>
      <c r="F110" s="58">
        <f>Jesper!AP104</f>
        <v>20.087188690495601</v>
      </c>
      <c r="G110" s="57">
        <f>Jesper!AQ104</f>
        <v>0</v>
      </c>
      <c r="H110" s="43">
        <v>103</v>
      </c>
      <c r="I110" s="55">
        <f>Bühler!I136</f>
        <v>0.98079789103799953</v>
      </c>
      <c r="J110" s="58">
        <f>Bühler!J136</f>
        <v>10.438199873736398</v>
      </c>
      <c r="K110" s="58">
        <f>Bühler!K136</f>
        <v>0.61605473219909723</v>
      </c>
      <c r="L110" s="58">
        <f>Bühler!L136</f>
        <v>0.30802736609954862</v>
      </c>
      <c r="M110" s="57">
        <f>Bühler!M136</f>
        <v>0</v>
      </c>
      <c r="N110" s="55">
        <f>IF(Input!$K$13=1,J110*Input!$J$13,0)+IF(Input!$K$14=1,K110*Input!$J$14,0)+IF(Input!$K$15=1,L110*Input!$J$15,0)+IF(Input!$K$16=1,M110*Input!$J$16,0)</f>
        <v>1.2525839848483677</v>
      </c>
      <c r="O110" s="58">
        <f>IF(Input!$K$13=2,J110*Input!$J$13,0)+IF(Input!$K$14=2,K110*Input!$J$14,0)+IF(Input!$K$15=2,L110*Input!$J$15,0)+IF(Input!$K$16=2,M110*Input!$J$16,0)</f>
        <v>8.3167388846878132E-2</v>
      </c>
      <c r="P110" s="58">
        <f>IF(Input!$K$13=3,J110*Input!$J$13,0)+IF(Input!$K$14=3,K110*Input!$J$14,0)+IF(Input!$K$15=3,L110*Input!$J$15,0)+IF(Input!$K$16=3,M110*Input!$J$16,0)</f>
        <v>0</v>
      </c>
      <c r="Q110" s="71">
        <f>IF(Input!$K$13=4,J110*Input!$J$13,0)+IF(Input!$K$14=4,K110*Input!$J$14,0)+IF(Input!$K$15=4,L110*Input!$J$15,0)+IF(Input!$K$16=4,M110*Input!$J$16,0)</f>
        <v>0</v>
      </c>
    </row>
    <row r="111" spans="2:17" x14ac:dyDescent="0.25">
      <c r="B111" s="43">
        <v>104</v>
      </c>
      <c r="C111" s="55">
        <f>Jesper!AM105</f>
        <v>174.35637102553548</v>
      </c>
      <c r="D111" s="58">
        <f>Jesper!AN105</f>
        <v>938.85855543901835</v>
      </c>
      <c r="E111" s="58">
        <f>Jesper!AO105</f>
        <v>41.627517189194847</v>
      </c>
      <c r="F111" s="58">
        <f>Jesper!AP105</f>
        <v>20.813758594597424</v>
      </c>
      <c r="G111" s="57">
        <f>Jesper!AQ105</f>
        <v>0</v>
      </c>
      <c r="H111" s="43">
        <v>104</v>
      </c>
      <c r="I111" s="55">
        <f>Bühler!I137</f>
        <v>2.7020981898096887</v>
      </c>
      <c r="J111" s="58">
        <f>Bühler!J137</f>
        <v>41.253870751311858</v>
      </c>
      <c r="K111" s="58">
        <f>Bühler!K137</f>
        <v>2.5183570719290369</v>
      </c>
      <c r="L111" s="58">
        <f>Bühler!L137</f>
        <v>1.2591785359645185</v>
      </c>
      <c r="M111" s="57">
        <f>Bühler!M137</f>
        <v>0</v>
      </c>
      <c r="N111" s="55">
        <f>IF(Input!$K$13=1,J111*Input!$J$13,0)+IF(Input!$K$14=1,K111*Input!$J$14,0)+IF(Input!$K$15=1,L111*Input!$J$15,0)+IF(Input!$K$16=1,M111*Input!$J$16,0)</f>
        <v>4.9504644901574224</v>
      </c>
      <c r="O111" s="58">
        <f>IF(Input!$K$13=2,J111*Input!$J$13,0)+IF(Input!$K$14=2,K111*Input!$J$14,0)+IF(Input!$K$15=2,L111*Input!$J$15,0)+IF(Input!$K$16=2,M111*Input!$J$16,0)</f>
        <v>0.33997820471041995</v>
      </c>
      <c r="P111" s="58">
        <f>IF(Input!$K$13=3,J111*Input!$J$13,0)+IF(Input!$K$14=3,K111*Input!$J$14,0)+IF(Input!$K$15=3,L111*Input!$J$15,0)+IF(Input!$K$16=3,M111*Input!$J$16,0)</f>
        <v>0</v>
      </c>
      <c r="Q111" s="71">
        <f>IF(Input!$K$13=4,J111*Input!$J$13,0)+IF(Input!$K$14=4,K111*Input!$J$14,0)+IF(Input!$K$15=4,L111*Input!$J$15,0)+IF(Input!$K$16=4,M111*Input!$J$16,0)</f>
        <v>0</v>
      </c>
    </row>
    <row r="112" spans="2:17" x14ac:dyDescent="0.25">
      <c r="B112" s="43">
        <v>105</v>
      </c>
      <c r="C112" s="55">
        <f>Jesper!AM106</f>
        <v>98.928287654329267</v>
      </c>
      <c r="D112" s="58">
        <f>Jesper!AN106</f>
        <v>343.7553824373486</v>
      </c>
      <c r="E112" s="58">
        <f>Jesper!AO106</f>
        <v>9.1177216370920302</v>
      </c>
      <c r="F112" s="58">
        <f>Jesper!AP106</f>
        <v>4.5588608185460151</v>
      </c>
      <c r="G112" s="57">
        <f>Jesper!AQ106</f>
        <v>0</v>
      </c>
      <c r="H112" s="43">
        <v>105</v>
      </c>
      <c r="I112" s="55">
        <f>Bühler!I138</f>
        <v>3.0149727170508105</v>
      </c>
      <c r="J112" s="58">
        <f>Bühler!J138</f>
        <v>46.03063473304271</v>
      </c>
      <c r="K112" s="58">
        <f>Bühler!K138</f>
        <v>2.8099563118366095</v>
      </c>
      <c r="L112" s="58">
        <f>Bühler!L138</f>
        <v>1.4049781559183048</v>
      </c>
      <c r="M112" s="57">
        <f>Bühler!M138</f>
        <v>0</v>
      </c>
      <c r="N112" s="55">
        <f>IF(Input!$K$13=1,J112*Input!$J$13,0)+IF(Input!$K$14=1,K112*Input!$J$14,0)+IF(Input!$K$15=1,L112*Input!$J$15,0)+IF(Input!$K$16=1,M112*Input!$J$16,0)</f>
        <v>5.5236761679651254</v>
      </c>
      <c r="O112" s="58">
        <f>IF(Input!$K$13=2,J112*Input!$J$13,0)+IF(Input!$K$14=2,K112*Input!$J$14,0)+IF(Input!$K$15=2,L112*Input!$J$15,0)+IF(Input!$K$16=2,M112*Input!$J$16,0)</f>
        <v>0.37934410209794228</v>
      </c>
      <c r="P112" s="58">
        <f>IF(Input!$K$13=3,J112*Input!$J$13,0)+IF(Input!$K$14=3,K112*Input!$J$14,0)+IF(Input!$K$15=3,L112*Input!$J$15,0)+IF(Input!$K$16=3,M112*Input!$J$16,0)</f>
        <v>0</v>
      </c>
      <c r="Q112" s="71">
        <f>IF(Input!$K$13=4,J112*Input!$J$13,0)+IF(Input!$K$14=4,K112*Input!$J$14,0)+IF(Input!$K$15=4,L112*Input!$J$15,0)+IF(Input!$K$16=4,M112*Input!$J$16,0)</f>
        <v>0</v>
      </c>
    </row>
    <row r="113" spans="2:17" x14ac:dyDescent="0.25">
      <c r="B113" s="43">
        <v>106</v>
      </c>
      <c r="C113" s="55">
        <f>Jesper!AM107</f>
        <v>70.012237875337291</v>
      </c>
      <c r="D113" s="58">
        <f>Jesper!AN107</f>
        <v>276.49358926209976</v>
      </c>
      <c r="E113" s="58">
        <f>Jesper!AO107</f>
        <v>8.0558795568556807</v>
      </c>
      <c r="F113" s="58">
        <f>Jesper!AP107</f>
        <v>4.0279397784278403</v>
      </c>
      <c r="G113" s="57">
        <f>Jesper!AQ107</f>
        <v>0</v>
      </c>
      <c r="H113" s="43">
        <v>106</v>
      </c>
      <c r="I113" s="55">
        <f>Bühler!I139</f>
        <v>3.3278472442919322</v>
      </c>
      <c r="J113" s="58">
        <f>Bühler!J139</f>
        <v>50.807398714773562</v>
      </c>
      <c r="K113" s="58">
        <f>Bühler!K139</f>
        <v>3.1015555517441826</v>
      </c>
      <c r="L113" s="58">
        <f>Bühler!L139</f>
        <v>1.5507777758720913</v>
      </c>
      <c r="M113" s="57">
        <f>Bühler!M139</f>
        <v>0</v>
      </c>
      <c r="N113" s="55">
        <f>IF(Input!$K$13=1,J113*Input!$J$13,0)+IF(Input!$K$14=1,K113*Input!$J$14,0)+IF(Input!$K$15=1,L113*Input!$J$15,0)+IF(Input!$K$16=1,M113*Input!$J$16,0)</f>
        <v>6.0968878457728275</v>
      </c>
      <c r="O113" s="58">
        <f>IF(Input!$K$13=2,J113*Input!$J$13,0)+IF(Input!$K$14=2,K113*Input!$J$14,0)+IF(Input!$K$15=2,L113*Input!$J$15,0)+IF(Input!$K$16=2,M113*Input!$J$16,0)</f>
        <v>0.41870999948546461</v>
      </c>
      <c r="P113" s="58">
        <f>IF(Input!$K$13=3,J113*Input!$J$13,0)+IF(Input!$K$14=3,K113*Input!$J$14,0)+IF(Input!$K$15=3,L113*Input!$J$15,0)+IF(Input!$K$16=3,M113*Input!$J$16,0)</f>
        <v>0</v>
      </c>
      <c r="Q113" s="71">
        <f>IF(Input!$K$13=4,J113*Input!$J$13,0)+IF(Input!$K$14=4,K113*Input!$J$14,0)+IF(Input!$K$15=4,L113*Input!$J$15,0)+IF(Input!$K$16=4,M113*Input!$J$16,0)</f>
        <v>0</v>
      </c>
    </row>
    <row r="114" spans="2:17" x14ac:dyDescent="0.25">
      <c r="B114" s="43">
        <v>107</v>
      </c>
      <c r="C114" s="55">
        <f>Jesper!AM108</f>
        <v>29.190454543494297</v>
      </c>
      <c r="D114" s="58">
        <f>Jesper!AN108</f>
        <v>610.11328290986012</v>
      </c>
      <c r="E114" s="58">
        <f>Jesper!AO108</f>
        <v>39.622184253873826</v>
      </c>
      <c r="F114" s="58">
        <f>Jesper!AP108</f>
        <v>19.811092126936913</v>
      </c>
      <c r="G114" s="57">
        <f>Jesper!AQ108</f>
        <v>0</v>
      </c>
      <c r="H114" s="43">
        <v>107</v>
      </c>
      <c r="I114" s="55">
        <f>Bühler!I140</f>
        <v>3.3278472442919322</v>
      </c>
      <c r="J114" s="58">
        <f>Bühler!J140</f>
        <v>50.807398714773562</v>
      </c>
      <c r="K114" s="58">
        <f>Bühler!K140</f>
        <v>3.1015555517441826</v>
      </c>
      <c r="L114" s="58">
        <f>Bühler!L140</f>
        <v>1.5507777758720913</v>
      </c>
      <c r="M114" s="57">
        <f>Bühler!M140</f>
        <v>0</v>
      </c>
      <c r="N114" s="55">
        <f>IF(Input!$K$13=1,J114*Input!$J$13,0)+IF(Input!$K$14=1,K114*Input!$J$14,0)+IF(Input!$K$15=1,L114*Input!$J$15,0)+IF(Input!$K$16=1,M114*Input!$J$16,0)</f>
        <v>6.0968878457728275</v>
      </c>
      <c r="O114" s="58">
        <f>IF(Input!$K$13=2,J114*Input!$J$13,0)+IF(Input!$K$14=2,K114*Input!$J$14,0)+IF(Input!$K$15=2,L114*Input!$J$15,0)+IF(Input!$K$16=2,M114*Input!$J$16,0)</f>
        <v>0.41870999948546461</v>
      </c>
      <c r="P114" s="58">
        <f>IF(Input!$K$13=3,J114*Input!$J$13,0)+IF(Input!$K$14=3,K114*Input!$J$14,0)+IF(Input!$K$15=3,L114*Input!$J$15,0)+IF(Input!$K$16=3,M114*Input!$J$16,0)</f>
        <v>0</v>
      </c>
      <c r="Q114" s="71">
        <f>IF(Input!$K$13=4,J114*Input!$J$13,0)+IF(Input!$K$14=4,K114*Input!$J$14,0)+IF(Input!$K$15=4,L114*Input!$J$15,0)+IF(Input!$K$16=4,M114*Input!$J$16,0)</f>
        <v>0</v>
      </c>
    </row>
    <row r="115" spans="2:17" x14ac:dyDescent="0.25">
      <c r="B115" s="43">
        <v>108</v>
      </c>
      <c r="C115" s="55">
        <f>Jesper!AM109</f>
        <v>29.982176656748035</v>
      </c>
      <c r="D115" s="58">
        <f>Jesper!AN109</f>
        <v>618.42672953285376</v>
      </c>
      <c r="E115" s="58">
        <f>Jesper!AO109</f>
        <v>39.709372642366041</v>
      </c>
      <c r="F115" s="58">
        <f>Jesper!AP109</f>
        <v>19.854686321183021</v>
      </c>
      <c r="G115" s="57">
        <f>Jesper!AQ109</f>
        <v>0</v>
      </c>
      <c r="H115" s="43">
        <v>108</v>
      </c>
      <c r="I115" s="55">
        <f>Bühler!I141</f>
        <v>3.9820394376142776</v>
      </c>
      <c r="J115" s="58">
        <f>Bühler!J141</f>
        <v>60.795177949301682</v>
      </c>
      <c r="K115" s="58">
        <f>Bühler!K141</f>
        <v>3.7112630533691067</v>
      </c>
      <c r="L115" s="58">
        <f>Bühler!L141</f>
        <v>1.8556315266845533</v>
      </c>
      <c r="M115" s="57">
        <f>Bühler!M141</f>
        <v>0</v>
      </c>
      <c r="N115" s="55">
        <f>IF(Input!$K$13=1,J115*Input!$J$13,0)+IF(Input!$K$14=1,K115*Input!$J$14,0)+IF(Input!$K$15=1,L115*Input!$J$15,0)+IF(Input!$K$16=1,M115*Input!$J$16,0)</f>
        <v>7.2954213539162014</v>
      </c>
      <c r="O115" s="58">
        <f>IF(Input!$K$13=2,J115*Input!$J$13,0)+IF(Input!$K$14=2,K115*Input!$J$14,0)+IF(Input!$K$15=2,L115*Input!$J$15,0)+IF(Input!$K$16=2,M115*Input!$J$16,0)</f>
        <v>0.50102051220482935</v>
      </c>
      <c r="P115" s="58">
        <f>IF(Input!$K$13=3,J115*Input!$J$13,0)+IF(Input!$K$14=3,K115*Input!$J$14,0)+IF(Input!$K$15=3,L115*Input!$J$15,0)+IF(Input!$K$16=3,M115*Input!$J$16,0)</f>
        <v>0</v>
      </c>
      <c r="Q115" s="71">
        <f>IF(Input!$K$13=4,J115*Input!$J$13,0)+IF(Input!$K$14=4,K115*Input!$J$14,0)+IF(Input!$K$15=4,L115*Input!$J$15,0)+IF(Input!$K$16=4,M115*Input!$J$16,0)</f>
        <v>0</v>
      </c>
    </row>
    <row r="116" spans="2:17" x14ac:dyDescent="0.25">
      <c r="B116" s="43">
        <v>109</v>
      </c>
      <c r="C116" s="55">
        <f>Jesper!AM110</f>
        <v>69.356956939144666</v>
      </c>
      <c r="D116" s="58">
        <f>Jesper!AN110</f>
        <v>705.81722750726237</v>
      </c>
      <c r="E116" s="58">
        <f>Jesper!AO110</f>
        <v>40.232502973319356</v>
      </c>
      <c r="F116" s="58">
        <f>Jesper!AP110</f>
        <v>20.116251486659678</v>
      </c>
      <c r="G116" s="57">
        <f>Jesper!AQ110</f>
        <v>0</v>
      </c>
      <c r="H116" s="43">
        <v>109</v>
      </c>
      <c r="I116" s="55">
        <f>Bühler!I142</f>
        <v>3.9820394376142776</v>
      </c>
      <c r="J116" s="58">
        <f>Bühler!J142</f>
        <v>60.795177949301682</v>
      </c>
      <c r="K116" s="58">
        <f>Bühler!K142</f>
        <v>3.7112630533691067</v>
      </c>
      <c r="L116" s="58">
        <f>Bühler!L142</f>
        <v>1.8556315266845533</v>
      </c>
      <c r="M116" s="57">
        <f>Bühler!M142</f>
        <v>0</v>
      </c>
      <c r="N116" s="55">
        <f>IF(Input!$K$13=1,J116*Input!$J$13,0)+IF(Input!$K$14=1,K116*Input!$J$14,0)+IF(Input!$K$15=1,L116*Input!$J$15,0)+IF(Input!$K$16=1,M116*Input!$J$16,0)</f>
        <v>7.2954213539162014</v>
      </c>
      <c r="O116" s="58">
        <f>IF(Input!$K$13=2,J116*Input!$J$13,0)+IF(Input!$K$14=2,K116*Input!$J$14,0)+IF(Input!$K$15=2,L116*Input!$J$15,0)+IF(Input!$K$16=2,M116*Input!$J$16,0)</f>
        <v>0.50102051220482935</v>
      </c>
      <c r="P116" s="58">
        <f>IF(Input!$K$13=3,J116*Input!$J$13,0)+IF(Input!$K$14=3,K116*Input!$J$14,0)+IF(Input!$K$15=3,L116*Input!$J$15,0)+IF(Input!$K$16=3,M116*Input!$J$16,0)</f>
        <v>0</v>
      </c>
      <c r="Q116" s="71">
        <f>IF(Input!$K$13=4,J116*Input!$J$13,0)+IF(Input!$K$14=4,K116*Input!$J$14,0)+IF(Input!$K$15=4,L116*Input!$J$15,0)+IF(Input!$K$16=4,M116*Input!$J$16,0)</f>
        <v>0</v>
      </c>
    </row>
    <row r="117" spans="2:17" x14ac:dyDescent="0.25">
      <c r="B117" s="43">
        <v>110</v>
      </c>
      <c r="C117" s="55">
        <f>Jesper!AM111</f>
        <v>45.294591211013447</v>
      </c>
      <c r="D117" s="58">
        <f>Jesper!AN111</f>
        <v>652.41192318956837</v>
      </c>
      <c r="E117" s="58">
        <f>Jesper!AO111</f>
        <v>39.912812215514556</v>
      </c>
      <c r="F117" s="58">
        <f>Jesper!AP111</f>
        <v>19.956406107757278</v>
      </c>
      <c r="G117" s="57">
        <f>Jesper!AQ111</f>
        <v>0</v>
      </c>
      <c r="H117" s="43">
        <v>110</v>
      </c>
      <c r="I117" s="55">
        <f>Bühler!I143</f>
        <v>2.6452119121294846</v>
      </c>
      <c r="J117" s="58">
        <f>Bühler!J143</f>
        <v>40.385368209178971</v>
      </c>
      <c r="K117" s="58">
        <f>Bühler!K143</f>
        <v>2.465339028309478</v>
      </c>
      <c r="L117" s="58">
        <f>Bühler!L143</f>
        <v>1.232669514154739</v>
      </c>
      <c r="M117" s="57">
        <f>Bühler!M143</f>
        <v>0</v>
      </c>
      <c r="N117" s="55">
        <f>IF(Input!$K$13=1,J117*Input!$J$13,0)+IF(Input!$K$14=1,K117*Input!$J$14,0)+IF(Input!$K$15=1,L117*Input!$J$15,0)+IF(Input!$K$16=1,M117*Input!$J$16,0)</f>
        <v>4.8462441851014759</v>
      </c>
      <c r="O117" s="58">
        <f>IF(Input!$K$13=2,J117*Input!$J$13,0)+IF(Input!$K$14=2,K117*Input!$J$14,0)+IF(Input!$K$15=2,L117*Input!$J$15,0)+IF(Input!$K$16=2,M117*Input!$J$16,0)</f>
        <v>0.33282076882177952</v>
      </c>
      <c r="P117" s="58">
        <f>IF(Input!$K$13=3,J117*Input!$J$13,0)+IF(Input!$K$14=3,K117*Input!$J$14,0)+IF(Input!$K$15=3,L117*Input!$J$15,0)+IF(Input!$K$16=3,M117*Input!$J$16,0)</f>
        <v>0</v>
      </c>
      <c r="Q117" s="71">
        <f>IF(Input!$K$13=4,J117*Input!$J$13,0)+IF(Input!$K$14=4,K117*Input!$J$14,0)+IF(Input!$K$15=4,L117*Input!$J$15,0)+IF(Input!$K$16=4,M117*Input!$J$16,0)</f>
        <v>0</v>
      </c>
    </row>
    <row r="118" spans="2:17" x14ac:dyDescent="0.25">
      <c r="B118" s="43">
        <v>111</v>
      </c>
      <c r="C118" s="55">
        <f>Jesper!AM112</f>
        <v>26.023566090479314</v>
      </c>
      <c r="D118" s="58">
        <f>Jesper!AN112</f>
        <v>576.85949641788579</v>
      </c>
      <c r="E118" s="58">
        <f>Jesper!AO112</f>
        <v>39.273430699904949</v>
      </c>
      <c r="F118" s="58">
        <f>Jesper!AP112</f>
        <v>19.636715349952475</v>
      </c>
      <c r="G118" s="57">
        <f>Jesper!AQ112</f>
        <v>0</v>
      </c>
      <c r="H118" s="43">
        <v>111</v>
      </c>
      <c r="I118" s="55">
        <f>Bühler!I144</f>
        <v>3.9820394376142776</v>
      </c>
      <c r="J118" s="58">
        <f>Bühler!J144</f>
        <v>60.795177949301682</v>
      </c>
      <c r="K118" s="58">
        <f>Bühler!K144</f>
        <v>3.7112630533691067</v>
      </c>
      <c r="L118" s="58">
        <f>Bühler!L144</f>
        <v>1.8556315266845533</v>
      </c>
      <c r="M118" s="57">
        <f>Bühler!M144</f>
        <v>0</v>
      </c>
      <c r="N118" s="55">
        <f>IF(Input!$K$13=1,J118*Input!$J$13,0)+IF(Input!$K$14=1,K118*Input!$J$14,0)+IF(Input!$K$15=1,L118*Input!$J$15,0)+IF(Input!$K$16=1,M118*Input!$J$16,0)</f>
        <v>7.2954213539162014</v>
      </c>
      <c r="O118" s="58">
        <f>IF(Input!$K$13=2,J118*Input!$J$13,0)+IF(Input!$K$14=2,K118*Input!$J$14,0)+IF(Input!$K$15=2,L118*Input!$J$15,0)+IF(Input!$K$16=2,M118*Input!$J$16,0)</f>
        <v>0.50102051220482935</v>
      </c>
      <c r="P118" s="58">
        <f>IF(Input!$K$13=3,J118*Input!$J$13,0)+IF(Input!$K$14=3,K118*Input!$J$14,0)+IF(Input!$K$15=3,L118*Input!$J$15,0)+IF(Input!$K$16=3,M118*Input!$J$16,0)</f>
        <v>0</v>
      </c>
      <c r="Q118" s="71">
        <f>IF(Input!$K$13=4,J118*Input!$J$13,0)+IF(Input!$K$14=4,K118*Input!$J$14,0)+IF(Input!$K$15=4,L118*Input!$J$15,0)+IF(Input!$K$16=4,M118*Input!$J$16,0)</f>
        <v>0</v>
      </c>
    </row>
    <row r="119" spans="2:17" x14ac:dyDescent="0.25">
      <c r="B119" s="43">
        <v>112</v>
      </c>
      <c r="C119" s="55">
        <f>Jesper!AM113</f>
        <v>13.90487224408078</v>
      </c>
      <c r="D119" s="58">
        <f>Jesper!AN113</f>
        <v>121.95424487073795</v>
      </c>
      <c r="E119" s="58">
        <f>Jesper!AO113</f>
        <v>5.4771202191388308</v>
      </c>
      <c r="F119" s="58">
        <f>Jesper!AP113</f>
        <v>2.7385601095694154</v>
      </c>
      <c r="G119" s="57">
        <f>Jesper!AQ113</f>
        <v>0</v>
      </c>
      <c r="H119" s="43">
        <v>112</v>
      </c>
      <c r="I119" s="55">
        <f>Bühler!I145</f>
        <v>3.9820394376142776</v>
      </c>
      <c r="J119" s="58">
        <f>Bühler!J145</f>
        <v>60.795177949301682</v>
      </c>
      <c r="K119" s="58">
        <f>Bühler!K145</f>
        <v>3.7112630533691067</v>
      </c>
      <c r="L119" s="58">
        <f>Bühler!L145</f>
        <v>1.8556315266845533</v>
      </c>
      <c r="M119" s="57">
        <f>Bühler!M145</f>
        <v>0</v>
      </c>
      <c r="N119" s="55">
        <f>IF(Input!$K$13=1,J119*Input!$J$13,0)+IF(Input!$K$14=1,K119*Input!$J$14,0)+IF(Input!$K$15=1,L119*Input!$J$15,0)+IF(Input!$K$16=1,M119*Input!$J$16,0)</f>
        <v>7.2954213539162014</v>
      </c>
      <c r="O119" s="58">
        <f>IF(Input!$K$13=2,J119*Input!$J$13,0)+IF(Input!$K$14=2,K119*Input!$J$14,0)+IF(Input!$K$15=2,L119*Input!$J$15,0)+IF(Input!$K$16=2,M119*Input!$J$16,0)</f>
        <v>0.50102051220482935</v>
      </c>
      <c r="P119" s="58">
        <f>IF(Input!$K$13=3,J119*Input!$J$13,0)+IF(Input!$K$14=3,K119*Input!$J$14,0)+IF(Input!$K$15=3,L119*Input!$J$15,0)+IF(Input!$K$16=3,M119*Input!$J$16,0)</f>
        <v>0</v>
      </c>
      <c r="Q119" s="71">
        <f>IF(Input!$K$13=4,J119*Input!$J$13,0)+IF(Input!$K$14=4,K119*Input!$J$14,0)+IF(Input!$K$15=4,L119*Input!$J$15,0)+IF(Input!$K$16=4,M119*Input!$J$16,0)</f>
        <v>0</v>
      </c>
    </row>
    <row r="120" spans="2:17" x14ac:dyDescent="0.25">
      <c r="B120" s="43">
        <v>113</v>
      </c>
      <c r="C120" s="55">
        <f>Jesper!AM114</f>
        <v>11.498741916666424</v>
      </c>
      <c r="D120" s="58">
        <f>Jesper!AN114</f>
        <v>113.50560086472483</v>
      </c>
      <c r="E120" s="58">
        <f>Jesper!AO114</f>
        <v>5.3040001308457034</v>
      </c>
      <c r="F120" s="58">
        <f>Jesper!AP114</f>
        <v>2.6520000654228517</v>
      </c>
      <c r="G120" s="57">
        <f>Jesper!AQ114</f>
        <v>0</v>
      </c>
      <c r="H120" s="43">
        <v>113</v>
      </c>
      <c r="I120" s="55">
        <f>Bühler!I146</f>
        <v>3.3273568453464137</v>
      </c>
      <c r="J120" s="58">
        <f>Bühler!J146</f>
        <v>36.888260911605848</v>
      </c>
      <c r="K120" s="58">
        <f>Bühler!K146</f>
        <v>2.1869942993067952</v>
      </c>
      <c r="L120" s="58">
        <f>Bühler!L146</f>
        <v>1.0934971496533976</v>
      </c>
      <c r="M120" s="57">
        <f>Bühler!M146</f>
        <v>0</v>
      </c>
      <c r="N120" s="55">
        <f>IF(Input!$K$13=1,J120*Input!$J$13,0)+IF(Input!$K$14=1,K120*Input!$J$14,0)+IF(Input!$K$15=1,L120*Input!$J$15,0)+IF(Input!$K$16=1,M120*Input!$J$16,0)</f>
        <v>4.4265913093927018</v>
      </c>
      <c r="O120" s="58">
        <f>IF(Input!$K$13=2,J120*Input!$J$13,0)+IF(Input!$K$14=2,K120*Input!$J$14,0)+IF(Input!$K$15=2,L120*Input!$J$15,0)+IF(Input!$K$16=2,M120*Input!$J$16,0)</f>
        <v>0.29524423040641734</v>
      </c>
      <c r="P120" s="58">
        <f>IF(Input!$K$13=3,J120*Input!$J$13,0)+IF(Input!$K$14=3,K120*Input!$J$14,0)+IF(Input!$K$15=3,L120*Input!$J$15,0)+IF(Input!$K$16=3,M120*Input!$J$16,0)</f>
        <v>0</v>
      </c>
      <c r="Q120" s="71">
        <f>IF(Input!$K$13=4,J120*Input!$J$13,0)+IF(Input!$K$14=4,K120*Input!$J$14,0)+IF(Input!$K$15=4,L120*Input!$J$15,0)+IF(Input!$K$16=4,M120*Input!$J$16,0)</f>
        <v>0</v>
      </c>
    </row>
    <row r="121" spans="2:17" x14ac:dyDescent="0.25">
      <c r="B121" s="43">
        <v>114</v>
      </c>
      <c r="C121" s="55">
        <f>Jesper!AM115</f>
        <v>23.384492379633496</v>
      </c>
      <c r="D121" s="58">
        <f>Jesper!AN115</f>
        <v>549.14800767457393</v>
      </c>
      <c r="E121" s="58">
        <f>Jesper!AO115</f>
        <v>38.982802738264226</v>
      </c>
      <c r="F121" s="58">
        <f>Jesper!AP115</f>
        <v>19.491401369132113</v>
      </c>
      <c r="G121" s="57">
        <f>Jesper!AQ115</f>
        <v>0</v>
      </c>
      <c r="H121" s="43">
        <v>114</v>
      </c>
      <c r="I121" s="55">
        <f>Bühler!I147</f>
        <v>2.6457023110750035</v>
      </c>
      <c r="J121" s="58">
        <f>Bühler!J147</f>
        <v>17.071736329591708</v>
      </c>
      <c r="K121" s="58">
        <f>Bühler!K147</f>
        <v>0.93341626090772312</v>
      </c>
      <c r="L121" s="58">
        <f>Bühler!L147</f>
        <v>0.46670813045386156</v>
      </c>
      <c r="M121" s="57">
        <f>Bühler!M147</f>
        <v>0</v>
      </c>
      <c r="N121" s="55">
        <f>IF(Input!$K$13=1,J121*Input!$J$13,0)+IF(Input!$K$14=1,K121*Input!$J$14,0)+IF(Input!$K$15=1,L121*Input!$J$15,0)+IF(Input!$K$16=1,M121*Input!$J$16,0)</f>
        <v>2.0486083595510047</v>
      </c>
      <c r="O121" s="58">
        <f>IF(Input!$K$13=2,J121*Input!$J$13,0)+IF(Input!$K$14=2,K121*Input!$J$14,0)+IF(Input!$K$15=2,L121*Input!$J$15,0)+IF(Input!$K$16=2,M121*Input!$J$16,0)</f>
        <v>0.12601119522254262</v>
      </c>
      <c r="P121" s="58">
        <f>IF(Input!$K$13=3,J121*Input!$J$13,0)+IF(Input!$K$14=3,K121*Input!$J$14,0)+IF(Input!$K$15=3,L121*Input!$J$15,0)+IF(Input!$K$16=3,M121*Input!$J$16,0)</f>
        <v>0</v>
      </c>
      <c r="Q121" s="71">
        <f>IF(Input!$K$13=4,J121*Input!$J$13,0)+IF(Input!$K$14=4,K121*Input!$J$14,0)+IF(Input!$K$15=4,L121*Input!$J$15,0)+IF(Input!$K$16=4,M121*Input!$J$16,0)</f>
        <v>0</v>
      </c>
    </row>
    <row r="122" spans="2:17" x14ac:dyDescent="0.25">
      <c r="B122" s="43">
        <v>115</v>
      </c>
      <c r="C122" s="55">
        <f>Jesper!AM116</f>
        <v>38.732127830614012</v>
      </c>
      <c r="D122" s="58">
        <f>Jesper!AN116</f>
        <v>637.84684019383349</v>
      </c>
      <c r="E122" s="58">
        <f>Jesper!AO116</f>
        <v>39.825623827022326</v>
      </c>
      <c r="F122" s="58">
        <f>Jesper!AP116</f>
        <v>19.912811913511163</v>
      </c>
      <c r="G122" s="57">
        <f>Jesper!AQ116</f>
        <v>0</v>
      </c>
      <c r="H122" s="43">
        <v>115</v>
      </c>
      <c r="I122" s="55">
        <f>Bühler!I148</f>
        <v>0.98079789103799953</v>
      </c>
      <c r="J122" s="58">
        <f>Bühler!J148</f>
        <v>10.438199873736398</v>
      </c>
      <c r="K122" s="58">
        <f>Bühler!K148</f>
        <v>0.61605473219909723</v>
      </c>
      <c r="L122" s="58">
        <f>Bühler!L148</f>
        <v>0.30802736609954862</v>
      </c>
      <c r="M122" s="57">
        <f>Bühler!M148</f>
        <v>0</v>
      </c>
      <c r="N122" s="55">
        <f>IF(Input!$K$13=1,J122*Input!$J$13,0)+IF(Input!$K$14=1,K122*Input!$J$14,0)+IF(Input!$K$15=1,L122*Input!$J$15,0)+IF(Input!$K$16=1,M122*Input!$J$16,0)</f>
        <v>1.2525839848483677</v>
      </c>
      <c r="O122" s="58">
        <f>IF(Input!$K$13=2,J122*Input!$J$13,0)+IF(Input!$K$14=2,K122*Input!$J$14,0)+IF(Input!$K$15=2,L122*Input!$J$15,0)+IF(Input!$K$16=2,M122*Input!$J$16,0)</f>
        <v>8.3167388846878132E-2</v>
      </c>
      <c r="P122" s="58">
        <f>IF(Input!$K$13=3,J122*Input!$J$13,0)+IF(Input!$K$14=3,K122*Input!$J$14,0)+IF(Input!$K$15=3,L122*Input!$J$15,0)+IF(Input!$K$16=3,M122*Input!$J$16,0)</f>
        <v>0</v>
      </c>
      <c r="Q122" s="71">
        <f>IF(Input!$K$13=4,J122*Input!$J$13,0)+IF(Input!$K$14=4,K122*Input!$J$14,0)+IF(Input!$K$15=4,L122*Input!$J$15,0)+IF(Input!$K$16=4,M122*Input!$J$16,0)</f>
        <v>0</v>
      </c>
    </row>
    <row r="123" spans="2:17" x14ac:dyDescent="0.25">
      <c r="B123" s="43">
        <v>116</v>
      </c>
      <c r="C123" s="55">
        <f>Jesper!AM117</f>
        <v>86.856859286876471</v>
      </c>
      <c r="D123" s="58">
        <f>Jesper!AN117</f>
        <v>744.65744882922161</v>
      </c>
      <c r="E123" s="58">
        <f>Jesper!AO117</f>
        <v>40.465005342631933</v>
      </c>
      <c r="F123" s="58">
        <f>Jesper!AP117</f>
        <v>20.232502671315967</v>
      </c>
      <c r="G123" s="57">
        <f>Jesper!AQ117</f>
        <v>0</v>
      </c>
      <c r="H123" s="43">
        <v>116</v>
      </c>
      <c r="I123" s="55">
        <f>Bühler!I149</f>
        <v>0.98079789103799953</v>
      </c>
      <c r="J123" s="58">
        <f>Bühler!J149</f>
        <v>10.438199873736398</v>
      </c>
      <c r="K123" s="58">
        <f>Bühler!K149</f>
        <v>0.61605473219909723</v>
      </c>
      <c r="L123" s="58">
        <f>Bühler!L149</f>
        <v>0.30802736609954862</v>
      </c>
      <c r="M123" s="57">
        <f>Bühler!M149</f>
        <v>0</v>
      </c>
      <c r="N123" s="55">
        <f>IF(Input!$K$13=1,J123*Input!$J$13,0)+IF(Input!$K$14=1,K123*Input!$J$14,0)+IF(Input!$K$15=1,L123*Input!$J$15,0)+IF(Input!$K$16=1,M123*Input!$J$16,0)</f>
        <v>1.2525839848483677</v>
      </c>
      <c r="O123" s="58">
        <f>IF(Input!$K$13=2,J123*Input!$J$13,0)+IF(Input!$K$14=2,K123*Input!$J$14,0)+IF(Input!$K$15=2,L123*Input!$J$15,0)+IF(Input!$K$16=2,M123*Input!$J$16,0)</f>
        <v>8.3167388846878132E-2</v>
      </c>
      <c r="P123" s="58">
        <f>IF(Input!$K$13=3,J123*Input!$J$13,0)+IF(Input!$K$14=3,K123*Input!$J$14,0)+IF(Input!$K$15=3,L123*Input!$J$15,0)+IF(Input!$K$16=3,M123*Input!$J$16,0)</f>
        <v>0</v>
      </c>
      <c r="Q123" s="71">
        <f>IF(Input!$K$13=4,J123*Input!$J$13,0)+IF(Input!$K$14=4,K123*Input!$J$14,0)+IF(Input!$K$15=4,L123*Input!$J$15,0)+IF(Input!$K$16=4,M123*Input!$J$16,0)</f>
        <v>0</v>
      </c>
    </row>
    <row r="124" spans="2:17" x14ac:dyDescent="0.25">
      <c r="B124" s="43">
        <v>117</v>
      </c>
      <c r="C124" s="55">
        <f>Jesper!AM118</f>
        <v>60.607005765278743</v>
      </c>
      <c r="D124" s="58">
        <f>Jesper!AN118</f>
        <v>686.39711684628253</v>
      </c>
      <c r="E124" s="58">
        <f>Jesper!AO118</f>
        <v>40.116251788663057</v>
      </c>
      <c r="F124" s="58">
        <f>Jesper!AP118</f>
        <v>20.058125894331528</v>
      </c>
      <c r="G124" s="57">
        <f>Jesper!AQ118</f>
        <v>0</v>
      </c>
      <c r="H124" s="43">
        <v>117</v>
      </c>
      <c r="I124" s="55">
        <f>Bühler!I150</f>
        <v>0.98079789103799953</v>
      </c>
      <c r="J124" s="58">
        <f>Bühler!J150</f>
        <v>10.438199873736398</v>
      </c>
      <c r="K124" s="58">
        <f>Bühler!K150</f>
        <v>0.61605473219909723</v>
      </c>
      <c r="L124" s="58">
        <f>Bühler!L150</f>
        <v>0.30802736609954862</v>
      </c>
      <c r="M124" s="57">
        <f>Bühler!M150</f>
        <v>0</v>
      </c>
      <c r="N124" s="55">
        <f>IF(Input!$K$13=1,J124*Input!$J$13,0)+IF(Input!$K$14=1,K124*Input!$J$14,0)+IF(Input!$K$15=1,L124*Input!$J$15,0)+IF(Input!$K$16=1,M124*Input!$J$16,0)</f>
        <v>1.2525839848483677</v>
      </c>
      <c r="O124" s="58">
        <f>IF(Input!$K$13=2,J124*Input!$J$13,0)+IF(Input!$K$14=2,K124*Input!$J$14,0)+IF(Input!$K$15=2,L124*Input!$J$15,0)+IF(Input!$K$16=2,M124*Input!$J$16,0)</f>
        <v>8.3167388846878132E-2</v>
      </c>
      <c r="P124" s="58">
        <f>IF(Input!$K$13=3,J124*Input!$J$13,0)+IF(Input!$K$14=3,K124*Input!$J$14,0)+IF(Input!$K$15=3,L124*Input!$J$15,0)+IF(Input!$K$16=3,M124*Input!$J$16,0)</f>
        <v>0</v>
      </c>
      <c r="Q124" s="71">
        <f>IF(Input!$K$13=4,J124*Input!$J$13,0)+IF(Input!$K$14=4,K124*Input!$J$14,0)+IF(Input!$K$15=4,L124*Input!$J$15,0)+IF(Input!$K$16=4,M124*Input!$J$16,0)</f>
        <v>0</v>
      </c>
    </row>
    <row r="125" spans="2:17" x14ac:dyDescent="0.25">
      <c r="B125" s="43">
        <v>118</v>
      </c>
      <c r="C125" s="55">
        <f>Jesper!AM119</f>
        <v>28.662639801325131</v>
      </c>
      <c r="D125" s="58">
        <f>Jesper!AN119</f>
        <v>604.57098516119777</v>
      </c>
      <c r="E125" s="58">
        <f>Jesper!AO119</f>
        <v>39.564058661545687</v>
      </c>
      <c r="F125" s="58">
        <f>Jesper!AP119</f>
        <v>19.782029330772843</v>
      </c>
      <c r="G125" s="57">
        <f>Jesper!AQ119</f>
        <v>0</v>
      </c>
      <c r="H125" s="43">
        <v>118</v>
      </c>
      <c r="I125" s="55">
        <f>Bühler!I151</f>
        <v>0.98079789103799953</v>
      </c>
      <c r="J125" s="58">
        <f>Bühler!J151</f>
        <v>10.438199873736398</v>
      </c>
      <c r="K125" s="58">
        <f>Bühler!K151</f>
        <v>0.61605473219909723</v>
      </c>
      <c r="L125" s="58">
        <f>Bühler!L151</f>
        <v>0.30802736609954862</v>
      </c>
      <c r="M125" s="57">
        <f>Bühler!M151</f>
        <v>0</v>
      </c>
      <c r="N125" s="55">
        <f>IF(Input!$K$13=1,J125*Input!$J$13,0)+IF(Input!$K$14=1,K125*Input!$J$14,0)+IF(Input!$K$15=1,L125*Input!$J$15,0)+IF(Input!$K$16=1,M125*Input!$J$16,0)</f>
        <v>1.2525839848483677</v>
      </c>
      <c r="O125" s="58">
        <f>IF(Input!$K$13=2,J125*Input!$J$13,0)+IF(Input!$K$14=2,K125*Input!$J$14,0)+IF(Input!$K$15=2,L125*Input!$J$15,0)+IF(Input!$K$16=2,M125*Input!$J$16,0)</f>
        <v>8.3167388846878132E-2</v>
      </c>
      <c r="P125" s="58">
        <f>IF(Input!$K$13=3,J125*Input!$J$13,0)+IF(Input!$K$14=3,K125*Input!$J$14,0)+IF(Input!$K$15=3,L125*Input!$J$15,0)+IF(Input!$K$16=3,M125*Input!$J$16,0)</f>
        <v>0</v>
      </c>
      <c r="Q125" s="71">
        <f>IF(Input!$K$13=4,J125*Input!$J$13,0)+IF(Input!$K$14=4,K125*Input!$J$14,0)+IF(Input!$K$15=4,L125*Input!$J$15,0)+IF(Input!$K$16=4,M125*Input!$J$16,0)</f>
        <v>0</v>
      </c>
    </row>
    <row r="126" spans="2:17" x14ac:dyDescent="0.25">
      <c r="B126" s="43">
        <v>119</v>
      </c>
      <c r="C126" s="55">
        <f>Jesper!AM120</f>
        <v>15.709469989641548</v>
      </c>
      <c r="D126" s="58">
        <f>Jesper!AN120</f>
        <v>142.11705839794749</v>
      </c>
      <c r="E126" s="58">
        <f>Jesper!AO120</f>
        <v>5.932195396382979</v>
      </c>
      <c r="F126" s="58">
        <f>Jesper!AP120</f>
        <v>2.9660976981914895</v>
      </c>
      <c r="G126" s="57">
        <f>Jesper!AQ120</f>
        <v>0</v>
      </c>
      <c r="H126" s="43">
        <v>119</v>
      </c>
      <c r="I126" s="55">
        <f>Bühler!I152</f>
        <v>0.98079789103799953</v>
      </c>
      <c r="J126" s="58">
        <f>Bühler!J152</f>
        <v>10.438199873736398</v>
      </c>
      <c r="K126" s="58">
        <f>Bühler!K152</f>
        <v>0.61605473219909723</v>
      </c>
      <c r="L126" s="58">
        <f>Bühler!L152</f>
        <v>0.30802736609954862</v>
      </c>
      <c r="M126" s="57">
        <f>Bühler!M152</f>
        <v>0</v>
      </c>
      <c r="N126" s="55">
        <f>IF(Input!$K$13=1,J126*Input!$J$13,0)+IF(Input!$K$14=1,K126*Input!$J$14,0)+IF(Input!$K$15=1,L126*Input!$J$15,0)+IF(Input!$K$16=1,M126*Input!$J$16,0)</f>
        <v>1.2525839848483677</v>
      </c>
      <c r="O126" s="58">
        <f>IF(Input!$K$13=2,J126*Input!$J$13,0)+IF(Input!$K$14=2,K126*Input!$J$14,0)+IF(Input!$K$15=2,L126*Input!$J$15,0)+IF(Input!$K$16=2,M126*Input!$J$16,0)</f>
        <v>8.3167388846878132E-2</v>
      </c>
      <c r="P126" s="58">
        <f>IF(Input!$K$13=3,J126*Input!$J$13,0)+IF(Input!$K$14=3,K126*Input!$J$14,0)+IF(Input!$K$15=3,L126*Input!$J$15,0)+IF(Input!$K$16=3,M126*Input!$J$16,0)</f>
        <v>0</v>
      </c>
      <c r="Q126" s="71">
        <f>IF(Input!$K$13=4,J126*Input!$J$13,0)+IF(Input!$K$14=4,K126*Input!$J$14,0)+IF(Input!$K$15=4,L126*Input!$J$15,0)+IF(Input!$K$16=4,M126*Input!$J$16,0)</f>
        <v>0</v>
      </c>
    </row>
    <row r="127" spans="2:17" x14ac:dyDescent="0.25">
      <c r="B127" s="43">
        <v>120</v>
      </c>
      <c r="C127" s="55">
        <f>Jesper!AM121</f>
        <v>16.311002571495131</v>
      </c>
      <c r="D127" s="58">
        <f>Jesper!AN121</f>
        <v>151.57883050806629</v>
      </c>
      <c r="E127" s="58">
        <f>Jesper!AO121</f>
        <v>6.0838871221310296</v>
      </c>
      <c r="F127" s="58">
        <f>Jesper!AP121</f>
        <v>3.0419435610655148</v>
      </c>
      <c r="G127" s="57">
        <f>Jesper!AQ121</f>
        <v>0</v>
      </c>
      <c r="H127" s="43">
        <v>120</v>
      </c>
      <c r="I127" s="55">
        <f>Bühler!I153</f>
        <v>0.98079789103799953</v>
      </c>
      <c r="J127" s="58">
        <f>Bühler!J153</f>
        <v>10.438199873736398</v>
      </c>
      <c r="K127" s="58">
        <f>Bühler!K153</f>
        <v>0.61605473219909723</v>
      </c>
      <c r="L127" s="58">
        <f>Bühler!L153</f>
        <v>0.30802736609954862</v>
      </c>
      <c r="M127" s="57">
        <f>Bühler!M153</f>
        <v>0</v>
      </c>
      <c r="N127" s="55">
        <f>IF(Input!$K$13=1,J127*Input!$J$13,0)+IF(Input!$K$14=1,K127*Input!$J$14,0)+IF(Input!$K$15=1,L127*Input!$J$15,0)+IF(Input!$K$16=1,M127*Input!$J$16,0)</f>
        <v>1.2525839848483677</v>
      </c>
      <c r="O127" s="58">
        <f>IF(Input!$K$13=2,J127*Input!$J$13,0)+IF(Input!$K$14=2,K127*Input!$J$14,0)+IF(Input!$K$15=2,L127*Input!$J$15,0)+IF(Input!$K$16=2,M127*Input!$J$16,0)</f>
        <v>8.3167388846878132E-2</v>
      </c>
      <c r="P127" s="58">
        <f>IF(Input!$K$13=3,J127*Input!$J$13,0)+IF(Input!$K$14=3,K127*Input!$J$14,0)+IF(Input!$K$15=3,L127*Input!$J$15,0)+IF(Input!$K$16=3,M127*Input!$J$16,0)</f>
        <v>0</v>
      </c>
      <c r="Q127" s="71">
        <f>IF(Input!$K$13=4,J127*Input!$J$13,0)+IF(Input!$K$14=4,K127*Input!$J$14,0)+IF(Input!$K$15=4,L127*Input!$J$15,0)+IF(Input!$K$16=4,M127*Input!$J$16,0)</f>
        <v>0</v>
      </c>
    </row>
    <row r="128" spans="2:17" x14ac:dyDescent="0.25">
      <c r="B128" s="43">
        <v>121</v>
      </c>
      <c r="C128" s="55">
        <f>Jesper!AM122</f>
        <v>26.815288203733068</v>
      </c>
      <c r="D128" s="58">
        <f>Jesper!AN122</f>
        <v>585.17294304087943</v>
      </c>
      <c r="E128" s="58">
        <f>Jesper!AO122</f>
        <v>39.360619088397172</v>
      </c>
      <c r="F128" s="58">
        <f>Jesper!AP122</f>
        <v>19.680309544198586</v>
      </c>
      <c r="G128" s="57">
        <f>Jesper!AQ122</f>
        <v>0</v>
      </c>
      <c r="H128" s="43">
        <v>121</v>
      </c>
      <c r="I128" s="55">
        <f>Bühler!I154</f>
        <v>1.4886653252402879</v>
      </c>
      <c r="J128" s="58">
        <f>Bühler!J154</f>
        <v>16.705538784653815</v>
      </c>
      <c r="K128" s="58">
        <f>Bühler!K154</f>
        <v>0.95060247534318276</v>
      </c>
      <c r="L128" s="58">
        <f>Bühler!L154</f>
        <v>0.47530123767159138</v>
      </c>
      <c r="M128" s="57">
        <f>Bühler!M154</f>
        <v>0</v>
      </c>
      <c r="N128" s="55">
        <f>IF(Input!$K$13=1,J128*Input!$J$13,0)+IF(Input!$K$14=1,K128*Input!$J$14,0)+IF(Input!$K$15=1,L128*Input!$J$15,0)+IF(Input!$K$16=1,M128*Input!$J$16,0)</f>
        <v>2.0046646541584576</v>
      </c>
      <c r="O128" s="58">
        <f>IF(Input!$K$13=2,J128*Input!$J$13,0)+IF(Input!$K$14=2,K128*Input!$J$14,0)+IF(Input!$K$15=2,L128*Input!$J$15,0)+IF(Input!$K$16=2,M128*Input!$J$16,0)</f>
        <v>0.12833133417132966</v>
      </c>
      <c r="P128" s="58">
        <f>IF(Input!$K$13=3,J128*Input!$J$13,0)+IF(Input!$K$14=3,K128*Input!$J$14,0)+IF(Input!$K$15=3,L128*Input!$J$15,0)+IF(Input!$K$16=3,M128*Input!$J$16,0)</f>
        <v>0</v>
      </c>
      <c r="Q128" s="71">
        <f>IF(Input!$K$13=4,J128*Input!$J$13,0)+IF(Input!$K$14=4,K128*Input!$J$14,0)+IF(Input!$K$15=4,L128*Input!$J$15,0)+IF(Input!$K$16=4,M128*Input!$J$16,0)</f>
        <v>0</v>
      </c>
    </row>
    <row r="129" spans="2:17" x14ac:dyDescent="0.25">
      <c r="B129" s="43">
        <v>122</v>
      </c>
      <c r="C129" s="55">
        <f>Jesper!AM123</f>
        <v>22.064955524210596</v>
      </c>
      <c r="D129" s="58">
        <f>Jesper!AN123</f>
        <v>535.29226330291795</v>
      </c>
      <c r="E129" s="58">
        <f>Jesper!AO123</f>
        <v>38.837488757443865</v>
      </c>
      <c r="F129" s="58">
        <f>Jesper!AP123</f>
        <v>19.418744378721932</v>
      </c>
      <c r="G129" s="57">
        <f>Jesper!AQ123</f>
        <v>0</v>
      </c>
      <c r="H129" s="43">
        <v>122</v>
      </c>
      <c r="I129" s="55">
        <f>Bühler!I155</f>
        <v>1.4886653252402879</v>
      </c>
      <c r="J129" s="58">
        <f>Bühler!J155</f>
        <v>10.759883202733649</v>
      </c>
      <c r="K129" s="58">
        <f>Bühler!K155</f>
        <v>0.57612271232920176</v>
      </c>
      <c r="L129" s="58">
        <f>Bühler!L155</f>
        <v>0.28806135616460088</v>
      </c>
      <c r="M129" s="57">
        <f>Bühler!M155</f>
        <v>0</v>
      </c>
      <c r="N129" s="55">
        <f>IF(Input!$K$13=1,J129*Input!$J$13,0)+IF(Input!$K$14=1,K129*Input!$J$14,0)+IF(Input!$K$15=1,L129*Input!$J$15,0)+IF(Input!$K$16=1,M129*Input!$J$16,0)</f>
        <v>1.2911859843280378</v>
      </c>
      <c r="O129" s="58">
        <f>IF(Input!$K$13=2,J129*Input!$J$13,0)+IF(Input!$K$14=2,K129*Input!$J$14,0)+IF(Input!$K$15=2,L129*Input!$J$15,0)+IF(Input!$K$16=2,M129*Input!$J$16,0)</f>
        <v>7.7776566164442229E-2</v>
      </c>
      <c r="P129" s="58">
        <f>IF(Input!$K$13=3,J129*Input!$J$13,0)+IF(Input!$K$14=3,K129*Input!$J$14,0)+IF(Input!$K$15=3,L129*Input!$J$15,0)+IF(Input!$K$16=3,M129*Input!$J$16,0)</f>
        <v>0</v>
      </c>
      <c r="Q129" s="71">
        <f>IF(Input!$K$13=4,J129*Input!$J$13,0)+IF(Input!$K$14=4,K129*Input!$J$14,0)+IF(Input!$K$15=4,L129*Input!$J$15,0)+IF(Input!$K$16=4,M129*Input!$J$16,0)</f>
        <v>0</v>
      </c>
    </row>
    <row r="130" spans="2:17" x14ac:dyDescent="0.25">
      <c r="B130" s="43">
        <v>123</v>
      </c>
      <c r="C130" s="55">
        <f>Jesper!AM124</f>
        <v>24.440121863971829</v>
      </c>
      <c r="D130" s="58">
        <f>Jesper!AN124</f>
        <v>560.23260317189863</v>
      </c>
      <c r="E130" s="58">
        <f>Jesper!AO124</f>
        <v>39.099053922920518</v>
      </c>
      <c r="F130" s="58">
        <f>Jesper!AP124</f>
        <v>19.549526961460259</v>
      </c>
      <c r="G130" s="57">
        <f>Jesper!AQ124</f>
        <v>0</v>
      </c>
      <c r="H130" s="43">
        <v>123</v>
      </c>
      <c r="I130" s="55">
        <f>Bühler!I156</f>
        <v>1.4886653252402879</v>
      </c>
      <c r="J130" s="58">
        <f>Bühler!J156</f>
        <v>10.759883202733649</v>
      </c>
      <c r="K130" s="58">
        <f>Bühler!K156</f>
        <v>0.57612271232920176</v>
      </c>
      <c r="L130" s="58">
        <f>Bühler!L156</f>
        <v>0.28806135616460088</v>
      </c>
      <c r="M130" s="57">
        <f>Bühler!M156</f>
        <v>0</v>
      </c>
      <c r="N130" s="55">
        <f>IF(Input!$K$13=1,J130*Input!$J$13,0)+IF(Input!$K$14=1,K130*Input!$J$14,0)+IF(Input!$K$15=1,L130*Input!$J$15,0)+IF(Input!$K$16=1,M130*Input!$J$16,0)</f>
        <v>1.2911859843280378</v>
      </c>
      <c r="O130" s="58">
        <f>IF(Input!$K$13=2,J130*Input!$J$13,0)+IF(Input!$K$14=2,K130*Input!$J$14,0)+IF(Input!$K$15=2,L130*Input!$J$15,0)+IF(Input!$K$16=2,M130*Input!$J$16,0)</f>
        <v>7.7776566164442229E-2</v>
      </c>
      <c r="P130" s="58">
        <f>IF(Input!$K$13=3,J130*Input!$J$13,0)+IF(Input!$K$14=3,K130*Input!$J$14,0)+IF(Input!$K$15=3,L130*Input!$J$15,0)+IF(Input!$K$16=3,M130*Input!$J$16,0)</f>
        <v>0</v>
      </c>
      <c r="Q130" s="71">
        <f>IF(Input!$K$13=4,J130*Input!$J$13,0)+IF(Input!$K$14=4,K130*Input!$J$14,0)+IF(Input!$K$15=4,L130*Input!$J$15,0)+IF(Input!$K$16=4,M130*Input!$J$16,0)</f>
        <v>0</v>
      </c>
    </row>
    <row r="131" spans="2:17" x14ac:dyDescent="0.25">
      <c r="B131" s="43">
        <v>124</v>
      </c>
      <c r="C131" s="55">
        <f>Jesper!AM125</f>
        <v>24.967936606140988</v>
      </c>
      <c r="D131" s="58">
        <f>Jesper!AN125</f>
        <v>565.77490092056098</v>
      </c>
      <c r="E131" s="58">
        <f>Jesper!AO125</f>
        <v>39.15717951524865</v>
      </c>
      <c r="F131" s="58">
        <f>Jesper!AP125</f>
        <v>19.578589757624325</v>
      </c>
      <c r="G131" s="57">
        <f>Jesper!AQ125</f>
        <v>0</v>
      </c>
      <c r="H131" s="43">
        <v>124</v>
      </c>
      <c r="I131" s="55">
        <f>Bühler!I157</f>
        <v>1.4886653252402879</v>
      </c>
      <c r="J131" s="58">
        <f>Bühler!J157</f>
        <v>10.759883202733649</v>
      </c>
      <c r="K131" s="58">
        <f>Bühler!K157</f>
        <v>0.57612271232920176</v>
      </c>
      <c r="L131" s="58">
        <f>Bühler!L157</f>
        <v>0.28806135616460088</v>
      </c>
      <c r="M131" s="57">
        <f>Bühler!M157</f>
        <v>0</v>
      </c>
      <c r="N131" s="55">
        <f>IF(Input!$K$13=1,J131*Input!$J$13,0)+IF(Input!$K$14=1,K131*Input!$J$14,0)+IF(Input!$K$15=1,L131*Input!$J$15,0)+IF(Input!$K$16=1,M131*Input!$J$16,0)</f>
        <v>1.2911859843280378</v>
      </c>
      <c r="O131" s="58">
        <f>IF(Input!$K$13=2,J131*Input!$J$13,0)+IF(Input!$K$14=2,K131*Input!$J$14,0)+IF(Input!$K$15=2,L131*Input!$J$15,0)+IF(Input!$K$16=2,M131*Input!$J$16,0)</f>
        <v>7.7776566164442229E-2</v>
      </c>
      <c r="P131" s="58">
        <f>IF(Input!$K$13=3,J131*Input!$J$13,0)+IF(Input!$K$14=3,K131*Input!$J$14,0)+IF(Input!$K$15=3,L131*Input!$J$15,0)+IF(Input!$K$16=3,M131*Input!$J$16,0)</f>
        <v>0</v>
      </c>
      <c r="Q131" s="71">
        <f>IF(Input!$K$13=4,J131*Input!$J$13,0)+IF(Input!$K$14=4,K131*Input!$J$14,0)+IF(Input!$K$15=4,L131*Input!$J$15,0)+IF(Input!$K$16=4,M131*Input!$J$16,0)</f>
        <v>0</v>
      </c>
    </row>
    <row r="132" spans="2:17" x14ac:dyDescent="0.25">
      <c r="B132" s="43">
        <v>125</v>
      </c>
      <c r="C132" s="55">
        <f>Jesper!AM126</f>
        <v>19.953696555533945</v>
      </c>
      <c r="D132" s="58">
        <f>Jesper!AN126</f>
        <v>513.12307230826843</v>
      </c>
      <c r="E132" s="58">
        <f>Jesper!AO126</f>
        <v>38.60498638813128</v>
      </c>
      <c r="F132" s="58">
        <f>Jesper!AP126</f>
        <v>19.30249319406564</v>
      </c>
      <c r="G132" s="57">
        <f>Jesper!AQ126</f>
        <v>0</v>
      </c>
      <c r="H132" s="43">
        <v>125</v>
      </c>
      <c r="I132" s="55">
        <f>Bühler!I158</f>
        <v>1.4886653252402879</v>
      </c>
      <c r="J132" s="58">
        <f>Bühler!J158</f>
        <v>10.759883202733649</v>
      </c>
      <c r="K132" s="58">
        <f>Bühler!K158</f>
        <v>0.57612271232920176</v>
      </c>
      <c r="L132" s="58">
        <f>Bühler!L158</f>
        <v>0.28806135616460088</v>
      </c>
      <c r="M132" s="57">
        <f>Bühler!M158</f>
        <v>0</v>
      </c>
      <c r="N132" s="55">
        <f>IF(Input!$K$13=1,J132*Input!$J$13,0)+IF(Input!$K$14=1,K132*Input!$J$14,0)+IF(Input!$K$15=1,L132*Input!$J$15,0)+IF(Input!$K$16=1,M132*Input!$J$16,0)</f>
        <v>1.2911859843280378</v>
      </c>
      <c r="O132" s="58">
        <f>IF(Input!$K$13=2,J132*Input!$J$13,0)+IF(Input!$K$14=2,K132*Input!$J$14,0)+IF(Input!$K$15=2,L132*Input!$J$15,0)+IF(Input!$K$16=2,M132*Input!$J$16,0)</f>
        <v>7.7776566164442229E-2</v>
      </c>
      <c r="P132" s="58">
        <f>IF(Input!$K$13=3,J132*Input!$J$13,0)+IF(Input!$K$14=3,K132*Input!$J$14,0)+IF(Input!$K$15=3,L132*Input!$J$15,0)+IF(Input!$K$16=3,M132*Input!$J$16,0)</f>
        <v>0</v>
      </c>
      <c r="Q132" s="71">
        <f>IF(Input!$K$13=4,J132*Input!$J$13,0)+IF(Input!$K$14=4,K132*Input!$J$14,0)+IF(Input!$K$15=4,L132*Input!$J$15,0)+IF(Input!$K$16=4,M132*Input!$J$16,0)</f>
        <v>0</v>
      </c>
    </row>
    <row r="133" spans="2:17" x14ac:dyDescent="0.25">
      <c r="B133" s="43">
        <v>126</v>
      </c>
      <c r="C133" s="55">
        <f>Jesper!AM127</f>
        <v>9.0926115892520762</v>
      </c>
      <c r="D133" s="58">
        <f>Jesper!AN127</f>
        <v>107.993311491112</v>
      </c>
      <c r="E133" s="58">
        <f>Jesper!AO127</f>
        <v>5.2754289807855983</v>
      </c>
      <c r="F133" s="58">
        <f>Jesper!AP127</f>
        <v>2.6377144903927991</v>
      </c>
      <c r="G133" s="57">
        <f>Jesper!AQ127</f>
        <v>0</v>
      </c>
      <c r="H133" s="43">
        <v>126</v>
      </c>
      <c r="I133" s="55">
        <f>Bühler!I159</f>
        <v>1.4886653252402879</v>
      </c>
      <c r="J133" s="58">
        <f>Bühler!J159</f>
        <v>10.759883202733649</v>
      </c>
      <c r="K133" s="58">
        <f>Bühler!K159</f>
        <v>0.57612271232920176</v>
      </c>
      <c r="L133" s="58">
        <f>Bühler!L159</f>
        <v>0.28806135616460088</v>
      </c>
      <c r="M133" s="57">
        <f>Bühler!M159</f>
        <v>0</v>
      </c>
      <c r="N133" s="55">
        <f>IF(Input!$K$13=1,J133*Input!$J$13,0)+IF(Input!$K$14=1,K133*Input!$J$14,0)+IF(Input!$K$15=1,L133*Input!$J$15,0)+IF(Input!$K$16=1,M133*Input!$J$16,0)</f>
        <v>1.2911859843280378</v>
      </c>
      <c r="O133" s="58">
        <f>IF(Input!$K$13=2,J133*Input!$J$13,0)+IF(Input!$K$14=2,K133*Input!$J$14,0)+IF(Input!$K$15=2,L133*Input!$J$15,0)+IF(Input!$K$16=2,M133*Input!$J$16,0)</f>
        <v>7.7776566164442229E-2</v>
      </c>
      <c r="P133" s="58">
        <f>IF(Input!$K$13=3,J133*Input!$J$13,0)+IF(Input!$K$14=3,K133*Input!$J$14,0)+IF(Input!$K$15=3,L133*Input!$J$15,0)+IF(Input!$K$16=3,M133*Input!$J$16,0)</f>
        <v>0</v>
      </c>
      <c r="Q133" s="71">
        <f>IF(Input!$K$13=4,J133*Input!$J$13,0)+IF(Input!$K$14=4,K133*Input!$J$14,0)+IF(Input!$K$15=4,L133*Input!$J$15,0)+IF(Input!$K$16=4,M133*Input!$J$16,0)</f>
        <v>0</v>
      </c>
    </row>
    <row r="134" spans="2:17" x14ac:dyDescent="0.25">
      <c r="B134" s="43">
        <v>127</v>
      </c>
      <c r="C134" s="55">
        <f>Jesper!AM128</f>
        <v>13.754489098617382</v>
      </c>
      <c r="D134" s="58">
        <f>Jesper!AN128</f>
        <v>120.76344510080064</v>
      </c>
      <c r="E134" s="58">
        <f>Jesper!AO128</f>
        <v>5.4391972877018171</v>
      </c>
      <c r="F134" s="58">
        <f>Jesper!AP128</f>
        <v>2.7195986438509085</v>
      </c>
      <c r="G134" s="57">
        <f>Jesper!AQ128</f>
        <v>0</v>
      </c>
      <c r="H134" s="43">
        <v>127</v>
      </c>
      <c r="I134" s="55">
        <f>Bühler!I160</f>
        <v>1.4886653252402879</v>
      </c>
      <c r="J134" s="58">
        <f>Bühler!J160</f>
        <v>10.759883202733649</v>
      </c>
      <c r="K134" s="58">
        <f>Bühler!K160</f>
        <v>0.57612271232920176</v>
      </c>
      <c r="L134" s="58">
        <f>Bühler!L160</f>
        <v>0.28806135616460088</v>
      </c>
      <c r="M134" s="57">
        <f>Bühler!M160</f>
        <v>0</v>
      </c>
      <c r="N134" s="55">
        <f>IF(Input!$K$13=1,J134*Input!$J$13,0)+IF(Input!$K$14=1,K134*Input!$J$14,0)+IF(Input!$K$15=1,L134*Input!$J$15,0)+IF(Input!$K$16=1,M134*Input!$J$16,0)</f>
        <v>1.2911859843280378</v>
      </c>
      <c r="O134" s="58">
        <f>IF(Input!$K$13=2,J134*Input!$J$13,0)+IF(Input!$K$14=2,K134*Input!$J$14,0)+IF(Input!$K$15=2,L134*Input!$J$15,0)+IF(Input!$K$16=2,M134*Input!$J$16,0)</f>
        <v>7.7776566164442229E-2</v>
      </c>
      <c r="P134" s="58">
        <f>IF(Input!$K$13=3,J134*Input!$J$13,0)+IF(Input!$K$14=3,K134*Input!$J$14,0)+IF(Input!$K$15=3,L134*Input!$J$15,0)+IF(Input!$K$16=3,M134*Input!$J$16,0)</f>
        <v>0</v>
      </c>
      <c r="Q134" s="71">
        <f>IF(Input!$K$13=4,J134*Input!$J$13,0)+IF(Input!$K$14=4,K134*Input!$J$14,0)+IF(Input!$K$15=4,L134*Input!$J$15,0)+IF(Input!$K$16=4,M134*Input!$J$16,0)</f>
        <v>0</v>
      </c>
    </row>
    <row r="135" spans="2:17" x14ac:dyDescent="0.25">
      <c r="B135" s="43">
        <v>128</v>
      </c>
      <c r="C135" s="55">
        <f>Jesper!AM129</f>
        <v>34.357152243681078</v>
      </c>
      <c r="D135" s="58">
        <f>Jesper!AN129</f>
        <v>628.13678486334368</v>
      </c>
      <c r="E135" s="58">
        <f>Jesper!AO129</f>
        <v>39.767498234694195</v>
      </c>
      <c r="F135" s="58">
        <f>Jesper!AP129</f>
        <v>19.883749117347097</v>
      </c>
      <c r="G135" s="57">
        <f>Jesper!AQ129</f>
        <v>0</v>
      </c>
      <c r="H135" s="43">
        <v>128</v>
      </c>
      <c r="I135" s="55">
        <f>Bühler!I161</f>
        <v>4.0338028167801347</v>
      </c>
      <c r="J135" s="58">
        <f>Bühler!J161</f>
        <v>43.336865019173217</v>
      </c>
      <c r="K135" s="58">
        <f>Bühler!K161</f>
        <v>2.4542827545223993</v>
      </c>
      <c r="L135" s="58">
        <f>Bühler!L161</f>
        <v>1.2271413772611997</v>
      </c>
      <c r="M135" s="57">
        <f>Bühler!M161</f>
        <v>0</v>
      </c>
      <c r="N135" s="55">
        <f>IF(Input!$K$13=1,J135*Input!$J$13,0)+IF(Input!$K$14=1,K135*Input!$J$14,0)+IF(Input!$K$15=1,L135*Input!$J$15,0)+IF(Input!$K$16=1,M135*Input!$J$16,0)</f>
        <v>5.2004238023007856</v>
      </c>
      <c r="O135" s="58">
        <f>IF(Input!$K$13=2,J135*Input!$J$13,0)+IF(Input!$K$14=2,K135*Input!$J$14,0)+IF(Input!$K$15=2,L135*Input!$J$15,0)+IF(Input!$K$16=2,M135*Input!$J$16,0)</f>
        <v>0.33132817186052388</v>
      </c>
      <c r="P135" s="58">
        <f>IF(Input!$K$13=3,J135*Input!$J$13,0)+IF(Input!$K$14=3,K135*Input!$J$14,0)+IF(Input!$K$15=3,L135*Input!$J$15,0)+IF(Input!$K$16=3,M135*Input!$J$16,0)</f>
        <v>0</v>
      </c>
      <c r="Q135" s="71">
        <f>IF(Input!$K$13=4,J135*Input!$J$13,0)+IF(Input!$K$14=4,K135*Input!$J$14,0)+IF(Input!$K$15=4,L135*Input!$J$15,0)+IF(Input!$K$16=4,M135*Input!$J$16,0)</f>
        <v>0</v>
      </c>
    </row>
    <row r="136" spans="2:17" x14ac:dyDescent="0.25">
      <c r="B136" s="43">
        <v>129</v>
      </c>
      <c r="C136" s="55">
        <f>Jesper!AM130</f>
        <v>27.343102945902224</v>
      </c>
      <c r="D136" s="58">
        <f>Jesper!AN130</f>
        <v>590.71524078954178</v>
      </c>
      <c r="E136" s="58">
        <f>Jesper!AO130</f>
        <v>39.418744680725318</v>
      </c>
      <c r="F136" s="58">
        <f>Jesper!AP130</f>
        <v>19.709372340362659</v>
      </c>
      <c r="G136" s="57">
        <f>Jesper!AQ130</f>
        <v>0</v>
      </c>
      <c r="H136" s="43">
        <v>129</v>
      </c>
      <c r="I136" s="55">
        <f>Bühler!I162</f>
        <v>5.0422535209751693</v>
      </c>
      <c r="J136" s="58">
        <f>Bühler!J162</f>
        <v>54.171081273966529</v>
      </c>
      <c r="K136" s="58">
        <f>Bühler!K162</f>
        <v>3.0678534431529991</v>
      </c>
      <c r="L136" s="58">
        <f>Bühler!L162</f>
        <v>1.5339267215764996</v>
      </c>
      <c r="M136" s="57">
        <f>Bühler!M162</f>
        <v>0</v>
      </c>
      <c r="N136" s="55">
        <f>IF(Input!$K$13=1,J136*Input!$J$13,0)+IF(Input!$K$14=1,K136*Input!$J$14,0)+IF(Input!$K$15=1,L136*Input!$J$15,0)+IF(Input!$K$16=1,M136*Input!$J$16,0)</f>
        <v>6.5005297528759831</v>
      </c>
      <c r="O136" s="58">
        <f>IF(Input!$K$13=2,J136*Input!$J$13,0)+IF(Input!$K$14=2,K136*Input!$J$14,0)+IF(Input!$K$15=2,L136*Input!$J$15,0)+IF(Input!$K$16=2,M136*Input!$J$16,0)</f>
        <v>0.4141602148256549</v>
      </c>
      <c r="P136" s="58">
        <f>IF(Input!$K$13=3,J136*Input!$J$13,0)+IF(Input!$K$14=3,K136*Input!$J$14,0)+IF(Input!$K$15=3,L136*Input!$J$15,0)+IF(Input!$K$16=3,M136*Input!$J$16,0)</f>
        <v>0</v>
      </c>
      <c r="Q136" s="71">
        <f>IF(Input!$K$13=4,J136*Input!$J$13,0)+IF(Input!$K$14=4,K136*Input!$J$14,0)+IF(Input!$K$15=4,L136*Input!$J$15,0)+IF(Input!$K$16=4,M136*Input!$J$16,0)</f>
        <v>0</v>
      </c>
    </row>
    <row r="137" spans="2:17" x14ac:dyDescent="0.25">
      <c r="B137" s="43">
        <v>130</v>
      </c>
      <c r="C137" s="55">
        <f>Jesper!AM131</f>
        <v>23.384492379633496</v>
      </c>
      <c r="D137" s="58">
        <f>Jesper!AN131</f>
        <v>549.14800767457393</v>
      </c>
      <c r="E137" s="58">
        <f>Jesper!AO131</f>
        <v>38.982802738264226</v>
      </c>
      <c r="F137" s="58">
        <f>Jesper!AP131</f>
        <v>19.491401369132113</v>
      </c>
      <c r="G137" s="57">
        <f>Jesper!AQ131</f>
        <v>0</v>
      </c>
      <c r="H137" s="43">
        <v>130</v>
      </c>
      <c r="I137" s="55">
        <f>Bühler!I163</f>
        <v>5.5464788730726857</v>
      </c>
      <c r="J137" s="58">
        <f>Bühler!J163</f>
        <v>59.588189401363181</v>
      </c>
      <c r="K137" s="58">
        <f>Bühler!K163</f>
        <v>3.3746387874682995</v>
      </c>
      <c r="L137" s="58">
        <f>Bühler!L163</f>
        <v>1.6873193937341497</v>
      </c>
      <c r="M137" s="57">
        <f>Bühler!M163</f>
        <v>0</v>
      </c>
      <c r="N137" s="55">
        <f>IF(Input!$K$13=1,J137*Input!$J$13,0)+IF(Input!$K$14=1,K137*Input!$J$14,0)+IF(Input!$K$15=1,L137*Input!$J$15,0)+IF(Input!$K$16=1,M137*Input!$J$16,0)</f>
        <v>7.1505827281635819</v>
      </c>
      <c r="O137" s="58">
        <f>IF(Input!$K$13=2,J137*Input!$J$13,0)+IF(Input!$K$14=2,K137*Input!$J$14,0)+IF(Input!$K$15=2,L137*Input!$J$15,0)+IF(Input!$K$16=2,M137*Input!$J$16,0)</f>
        <v>0.45557623630822042</v>
      </c>
      <c r="P137" s="58">
        <f>IF(Input!$K$13=3,J137*Input!$J$13,0)+IF(Input!$K$14=3,K137*Input!$J$14,0)+IF(Input!$K$15=3,L137*Input!$J$15,0)+IF(Input!$K$16=3,M137*Input!$J$16,0)</f>
        <v>0</v>
      </c>
      <c r="Q137" s="71">
        <f>IF(Input!$K$13=4,J137*Input!$J$13,0)+IF(Input!$K$14=4,K137*Input!$J$14,0)+IF(Input!$K$15=4,L137*Input!$J$15,0)+IF(Input!$K$16=4,M137*Input!$J$16,0)</f>
        <v>0</v>
      </c>
    </row>
    <row r="138" spans="2:17" x14ac:dyDescent="0.25">
      <c r="B138" s="43">
        <v>131</v>
      </c>
      <c r="C138" s="55">
        <f>Jesper!AM132</f>
        <v>20.481511297703101</v>
      </c>
      <c r="D138" s="58">
        <f>Jesper!AN132</f>
        <v>518.66537005693067</v>
      </c>
      <c r="E138" s="58">
        <f>Jesper!AO132</f>
        <v>38.663111980459419</v>
      </c>
      <c r="F138" s="58">
        <f>Jesper!AP132</f>
        <v>19.33155599022971</v>
      </c>
      <c r="G138" s="57">
        <f>Jesper!AQ132</f>
        <v>0</v>
      </c>
      <c r="H138" s="43">
        <v>131</v>
      </c>
      <c r="I138" s="55">
        <f>Bühler!I164</f>
        <v>5.5464788730726857</v>
      </c>
      <c r="J138" s="58">
        <f>Bühler!J164</f>
        <v>59.588189401363181</v>
      </c>
      <c r="K138" s="58">
        <f>Bühler!K164</f>
        <v>3.3746387874682995</v>
      </c>
      <c r="L138" s="58">
        <f>Bühler!L164</f>
        <v>1.6873193937341497</v>
      </c>
      <c r="M138" s="57">
        <f>Bühler!M164</f>
        <v>0</v>
      </c>
      <c r="N138" s="55">
        <f>IF(Input!$K$13=1,J138*Input!$J$13,0)+IF(Input!$K$14=1,K138*Input!$J$14,0)+IF(Input!$K$15=1,L138*Input!$J$15,0)+IF(Input!$K$16=1,M138*Input!$J$16,0)</f>
        <v>7.1505827281635819</v>
      </c>
      <c r="O138" s="58">
        <f>IF(Input!$K$13=2,J138*Input!$J$13,0)+IF(Input!$K$14=2,K138*Input!$J$14,0)+IF(Input!$K$15=2,L138*Input!$J$15,0)+IF(Input!$K$16=2,M138*Input!$J$16,0)</f>
        <v>0.45557623630822042</v>
      </c>
      <c r="P138" s="58">
        <f>IF(Input!$K$13=3,J138*Input!$J$13,0)+IF(Input!$K$14=3,K138*Input!$J$14,0)+IF(Input!$K$15=3,L138*Input!$J$15,0)+IF(Input!$K$16=3,M138*Input!$J$16,0)</f>
        <v>0</v>
      </c>
      <c r="Q138" s="71">
        <f>IF(Input!$K$13=4,J138*Input!$J$13,0)+IF(Input!$K$14=4,K138*Input!$J$14,0)+IF(Input!$K$15=4,L138*Input!$J$15,0)+IF(Input!$K$16=4,M138*Input!$J$16,0)</f>
        <v>0</v>
      </c>
    </row>
    <row r="139" spans="2:17" x14ac:dyDescent="0.25">
      <c r="B139" s="43">
        <v>132</v>
      </c>
      <c r="C139" s="55">
        <f>Jesper!AM133</f>
        <v>25.231843977225573</v>
      </c>
      <c r="D139" s="58">
        <f>Jesper!AN133</f>
        <v>568.54604979489227</v>
      </c>
      <c r="E139" s="58">
        <f>Jesper!AO133</f>
        <v>39.186242311412734</v>
      </c>
      <c r="F139" s="58">
        <f>Jesper!AP133</f>
        <v>19.593121155706367</v>
      </c>
      <c r="G139" s="57">
        <f>Jesper!AQ133</f>
        <v>0</v>
      </c>
      <c r="H139" s="43">
        <v>132</v>
      </c>
      <c r="I139" s="55">
        <f>Bühler!I165</f>
        <v>6.5549295772677194</v>
      </c>
      <c r="J139" s="58">
        <f>Bühler!J165</f>
        <v>70.422405656156485</v>
      </c>
      <c r="K139" s="58">
        <f>Bühler!K165</f>
        <v>3.9882094760988989</v>
      </c>
      <c r="L139" s="58">
        <f>Bühler!L165</f>
        <v>1.9941047380494494</v>
      </c>
      <c r="M139" s="57">
        <f>Bühler!M165</f>
        <v>0</v>
      </c>
      <c r="N139" s="55">
        <f>IF(Input!$K$13=1,J139*Input!$J$13,0)+IF(Input!$K$14=1,K139*Input!$J$14,0)+IF(Input!$K$15=1,L139*Input!$J$15,0)+IF(Input!$K$16=1,M139*Input!$J$16,0)</f>
        <v>8.4506886787387785</v>
      </c>
      <c r="O139" s="58">
        <f>IF(Input!$K$13=2,J139*Input!$J$13,0)+IF(Input!$K$14=2,K139*Input!$J$14,0)+IF(Input!$K$15=2,L139*Input!$J$15,0)+IF(Input!$K$16=2,M139*Input!$J$16,0)</f>
        <v>0.53840827927335133</v>
      </c>
      <c r="P139" s="58">
        <f>IF(Input!$K$13=3,J139*Input!$J$13,0)+IF(Input!$K$14=3,K139*Input!$J$14,0)+IF(Input!$K$15=3,L139*Input!$J$15,0)+IF(Input!$K$16=3,M139*Input!$J$16,0)</f>
        <v>0</v>
      </c>
      <c r="Q139" s="71">
        <f>IF(Input!$K$13=4,J139*Input!$J$13,0)+IF(Input!$K$14=4,K139*Input!$J$14,0)+IF(Input!$K$15=4,L139*Input!$J$15,0)+IF(Input!$K$16=4,M139*Input!$J$16,0)</f>
        <v>0</v>
      </c>
    </row>
    <row r="140" spans="2:17" x14ac:dyDescent="0.25">
      <c r="B140" s="43">
        <v>133</v>
      </c>
      <c r="C140" s="55">
        <f>Jesper!AM134</f>
        <v>44.194336286951618</v>
      </c>
      <c r="D140" s="58">
        <f>Jesper!AN134</f>
        <v>216.43841678419903</v>
      </c>
      <c r="E140" s="58">
        <f>Jesper!AO134</f>
        <v>7.107806270930368</v>
      </c>
      <c r="F140" s="58">
        <f>Jesper!AP134</f>
        <v>3.553903135465184</v>
      </c>
      <c r="G140" s="57">
        <f>Jesper!AQ134</f>
        <v>0</v>
      </c>
      <c r="H140" s="43">
        <v>133</v>
      </c>
      <c r="I140" s="55">
        <f>Bühler!I166</f>
        <v>6.5549295772677194</v>
      </c>
      <c r="J140" s="58">
        <f>Bühler!J166</f>
        <v>70.422405656156485</v>
      </c>
      <c r="K140" s="58">
        <f>Bühler!K166</f>
        <v>3.9882094760988989</v>
      </c>
      <c r="L140" s="58">
        <f>Bühler!L166</f>
        <v>1.9941047380494494</v>
      </c>
      <c r="M140" s="57">
        <f>Bühler!M166</f>
        <v>0</v>
      </c>
      <c r="N140" s="55">
        <f>IF(Input!$K$13=1,J140*Input!$J$13,0)+IF(Input!$K$14=1,K140*Input!$J$14,0)+IF(Input!$K$15=1,L140*Input!$J$15,0)+IF(Input!$K$16=1,M140*Input!$J$16,0)</f>
        <v>8.4506886787387785</v>
      </c>
      <c r="O140" s="58">
        <f>IF(Input!$K$13=2,J140*Input!$J$13,0)+IF(Input!$K$14=2,K140*Input!$J$14,0)+IF(Input!$K$15=2,L140*Input!$J$15,0)+IF(Input!$K$16=2,M140*Input!$J$16,0)</f>
        <v>0.53840827927335133</v>
      </c>
      <c r="P140" s="58">
        <f>IF(Input!$K$13=3,J140*Input!$J$13,0)+IF(Input!$K$14=3,K140*Input!$J$14,0)+IF(Input!$K$15=3,L140*Input!$J$15,0)+IF(Input!$K$16=3,M140*Input!$J$16,0)</f>
        <v>0</v>
      </c>
      <c r="Q140" s="71">
        <f>IF(Input!$K$13=4,J140*Input!$J$13,0)+IF(Input!$K$14=4,K140*Input!$J$14,0)+IF(Input!$K$15=4,L140*Input!$J$15,0)+IF(Input!$K$16=4,M140*Input!$J$16,0)</f>
        <v>0</v>
      </c>
    </row>
    <row r="141" spans="2:17" x14ac:dyDescent="0.25">
      <c r="B141" s="43">
        <v>134</v>
      </c>
      <c r="C141" s="55">
        <f>Jesper!AM135</f>
        <v>49.357916604628748</v>
      </c>
      <c r="D141" s="58">
        <f>Jesper!AN135</f>
        <v>228.44945127977917</v>
      </c>
      <c r="E141" s="58">
        <f>Jesper!AO135</f>
        <v>7.2974209281154279</v>
      </c>
      <c r="F141" s="58">
        <f>Jesper!AP135</f>
        <v>3.6487104640577139</v>
      </c>
      <c r="G141" s="57">
        <f>Jesper!AQ135</f>
        <v>0</v>
      </c>
      <c r="H141" s="43">
        <v>134</v>
      </c>
      <c r="I141" s="55">
        <f>Bühler!I167</f>
        <v>4.5380281688776529</v>
      </c>
      <c r="J141" s="58">
        <f>Bühler!J167</f>
        <v>48.753973146569876</v>
      </c>
      <c r="K141" s="58">
        <f>Bühler!K167</f>
        <v>2.7610680988376992</v>
      </c>
      <c r="L141" s="58">
        <f>Bühler!L167</f>
        <v>1.3805340494188496</v>
      </c>
      <c r="M141" s="57">
        <f>Bühler!M167</f>
        <v>0</v>
      </c>
      <c r="N141" s="55">
        <f>IF(Input!$K$13=1,J141*Input!$J$13,0)+IF(Input!$K$14=1,K141*Input!$J$14,0)+IF(Input!$K$15=1,L141*Input!$J$15,0)+IF(Input!$K$16=1,M141*Input!$J$16,0)</f>
        <v>5.8504767775883852</v>
      </c>
      <c r="O141" s="58">
        <f>IF(Input!$K$13=2,J141*Input!$J$13,0)+IF(Input!$K$14=2,K141*Input!$J$14,0)+IF(Input!$K$15=2,L141*Input!$J$15,0)+IF(Input!$K$16=2,M141*Input!$J$16,0)</f>
        <v>0.37274419334308939</v>
      </c>
      <c r="P141" s="58">
        <f>IF(Input!$K$13=3,J141*Input!$J$13,0)+IF(Input!$K$14=3,K141*Input!$J$14,0)+IF(Input!$K$15=3,L141*Input!$J$15,0)+IF(Input!$K$16=3,M141*Input!$J$16,0)</f>
        <v>0</v>
      </c>
      <c r="Q141" s="71">
        <f>IF(Input!$K$13=4,J141*Input!$J$13,0)+IF(Input!$K$14=4,K141*Input!$J$14,0)+IF(Input!$K$15=4,L141*Input!$J$15,0)+IF(Input!$K$16=4,M141*Input!$J$16,0)</f>
        <v>0</v>
      </c>
    </row>
    <row r="142" spans="2:17" x14ac:dyDescent="0.25">
      <c r="B142" s="43">
        <v>135</v>
      </c>
      <c r="C142" s="55">
        <f>Jesper!AM136</f>
        <v>24.176214492887247</v>
      </c>
      <c r="D142" s="58">
        <f>Jesper!AN136</f>
        <v>557.46145429756734</v>
      </c>
      <c r="E142" s="58">
        <f>Jesper!AO136</f>
        <v>39.069991126756442</v>
      </c>
      <c r="F142" s="58">
        <f>Jesper!AP136</f>
        <v>19.534995563378221</v>
      </c>
      <c r="G142" s="57">
        <f>Jesper!AQ136</f>
        <v>0</v>
      </c>
      <c r="H142" s="43">
        <v>135</v>
      </c>
      <c r="I142" s="55">
        <f>Bühler!I168</f>
        <v>6.5549295772677194</v>
      </c>
      <c r="J142" s="58">
        <f>Bühler!J168</f>
        <v>70.422405656156485</v>
      </c>
      <c r="K142" s="58">
        <f>Bühler!K168</f>
        <v>3.9882094760988989</v>
      </c>
      <c r="L142" s="58">
        <f>Bühler!L168</f>
        <v>1.9941047380494494</v>
      </c>
      <c r="M142" s="57">
        <f>Bühler!M168</f>
        <v>0</v>
      </c>
      <c r="N142" s="55">
        <f>IF(Input!$K$13=1,J142*Input!$J$13,0)+IF(Input!$K$14=1,K142*Input!$J$14,0)+IF(Input!$K$15=1,L142*Input!$J$15,0)+IF(Input!$K$16=1,M142*Input!$J$16,0)</f>
        <v>8.4506886787387785</v>
      </c>
      <c r="O142" s="58">
        <f>IF(Input!$K$13=2,J142*Input!$J$13,0)+IF(Input!$K$14=2,K142*Input!$J$14,0)+IF(Input!$K$15=2,L142*Input!$J$15,0)+IF(Input!$K$16=2,M142*Input!$J$16,0)</f>
        <v>0.53840827927335133</v>
      </c>
      <c r="P142" s="58">
        <f>IF(Input!$K$13=3,J142*Input!$J$13,0)+IF(Input!$K$14=3,K142*Input!$J$14,0)+IF(Input!$K$15=3,L142*Input!$J$15,0)+IF(Input!$K$16=3,M142*Input!$J$16,0)</f>
        <v>0</v>
      </c>
      <c r="Q142" s="71">
        <f>IF(Input!$K$13=4,J142*Input!$J$13,0)+IF(Input!$K$14=4,K142*Input!$J$14,0)+IF(Input!$K$15=4,L142*Input!$J$15,0)+IF(Input!$K$16=4,M142*Input!$J$16,0)</f>
        <v>0</v>
      </c>
    </row>
    <row r="143" spans="2:17" x14ac:dyDescent="0.25">
      <c r="B143" s="43">
        <v>136</v>
      </c>
      <c r="C143" s="55">
        <f>Jesper!AM137</f>
        <v>23.912307121802662</v>
      </c>
      <c r="D143" s="58">
        <f>Jesper!AN137</f>
        <v>554.69030542323628</v>
      </c>
      <c r="E143" s="58">
        <f>Jesper!AO137</f>
        <v>39.040928330592365</v>
      </c>
      <c r="F143" s="58">
        <f>Jesper!AP137</f>
        <v>19.520464165296183</v>
      </c>
      <c r="G143" s="57">
        <f>Jesper!AQ137</f>
        <v>0</v>
      </c>
      <c r="H143" s="43">
        <v>136</v>
      </c>
      <c r="I143" s="55">
        <f>Bühler!I169</f>
        <v>5.5464788730726857</v>
      </c>
      <c r="J143" s="58">
        <f>Bühler!J169</f>
        <v>54.717325405405504</v>
      </c>
      <c r="K143" s="58">
        <f>Bühler!K169</f>
        <v>3.0678534431529991</v>
      </c>
      <c r="L143" s="58">
        <f>Bühler!L169</f>
        <v>1.5339267215764996</v>
      </c>
      <c r="M143" s="57">
        <f>Bühler!M169</f>
        <v>0</v>
      </c>
      <c r="N143" s="55">
        <f>IF(Input!$K$13=1,J143*Input!$J$13,0)+IF(Input!$K$14=1,K143*Input!$J$14,0)+IF(Input!$K$15=1,L143*Input!$J$15,0)+IF(Input!$K$16=1,M143*Input!$J$16,0)</f>
        <v>6.5660790486486604</v>
      </c>
      <c r="O143" s="58">
        <f>IF(Input!$K$13=2,J143*Input!$J$13,0)+IF(Input!$K$14=2,K143*Input!$J$14,0)+IF(Input!$K$15=2,L143*Input!$J$15,0)+IF(Input!$K$16=2,M143*Input!$J$16,0)</f>
        <v>0.4141602148256549</v>
      </c>
      <c r="P143" s="58">
        <f>IF(Input!$K$13=3,J143*Input!$J$13,0)+IF(Input!$K$14=3,K143*Input!$J$14,0)+IF(Input!$K$15=3,L143*Input!$J$15,0)+IF(Input!$K$16=3,M143*Input!$J$16,0)</f>
        <v>0</v>
      </c>
      <c r="Q143" s="71">
        <f>IF(Input!$K$13=4,J143*Input!$J$13,0)+IF(Input!$K$14=4,K143*Input!$J$14,0)+IF(Input!$K$15=4,L143*Input!$J$15,0)+IF(Input!$K$16=4,M143*Input!$J$16,0)</f>
        <v>0</v>
      </c>
    </row>
    <row r="144" spans="2:17" x14ac:dyDescent="0.25">
      <c r="B144" s="43">
        <v>137</v>
      </c>
      <c r="C144" s="55">
        <f>Jesper!AM138</f>
        <v>58.419517971812311</v>
      </c>
      <c r="D144" s="58">
        <f>Jesper!AN138</f>
        <v>681.5420891810378</v>
      </c>
      <c r="E144" s="58">
        <f>Jesper!AO138</f>
        <v>40.087188992498994</v>
      </c>
      <c r="F144" s="58">
        <f>Jesper!AP138</f>
        <v>20.043594496249497</v>
      </c>
      <c r="G144" s="57">
        <f>Jesper!AQ138</f>
        <v>0</v>
      </c>
      <c r="H144" s="43">
        <v>137</v>
      </c>
      <c r="I144" s="55">
        <f>Bühler!I170</f>
        <v>4.8021462104525421</v>
      </c>
      <c r="J144" s="58">
        <f>Bühler!J170</f>
        <v>28.070231145631929</v>
      </c>
      <c r="K144" s="58">
        <f>Bühler!K170</f>
        <v>1.4403067808230043</v>
      </c>
      <c r="L144" s="58">
        <f>Bühler!L170</f>
        <v>0.72015339041150217</v>
      </c>
      <c r="M144" s="57">
        <f>Bühler!M170</f>
        <v>0</v>
      </c>
      <c r="N144" s="55">
        <f>IF(Input!$K$13=1,J144*Input!$J$13,0)+IF(Input!$K$14=1,K144*Input!$J$14,0)+IF(Input!$K$15=1,L144*Input!$J$15,0)+IF(Input!$K$16=1,M144*Input!$J$16,0)</f>
        <v>3.3684277374758316</v>
      </c>
      <c r="O144" s="58">
        <f>IF(Input!$K$13=2,J144*Input!$J$13,0)+IF(Input!$K$14=2,K144*Input!$J$14,0)+IF(Input!$K$15=2,L144*Input!$J$15,0)+IF(Input!$K$16=2,M144*Input!$J$16,0)</f>
        <v>0.1944414154111056</v>
      </c>
      <c r="P144" s="58">
        <f>IF(Input!$K$13=3,J144*Input!$J$13,0)+IF(Input!$K$14=3,K144*Input!$J$14,0)+IF(Input!$K$15=3,L144*Input!$J$15,0)+IF(Input!$K$16=3,M144*Input!$J$16,0)</f>
        <v>0</v>
      </c>
      <c r="Q144" s="71">
        <f>IF(Input!$K$13=4,J144*Input!$J$13,0)+IF(Input!$K$14=4,K144*Input!$J$14,0)+IF(Input!$K$15=4,L144*Input!$J$15,0)+IF(Input!$K$16=4,M144*Input!$J$16,0)</f>
        <v>0</v>
      </c>
    </row>
    <row r="145" spans="2:17" x14ac:dyDescent="0.25">
      <c r="B145" s="43">
        <v>138</v>
      </c>
      <c r="C145" s="55">
        <f>Jesper!AM139</f>
        <v>64.981981352211676</v>
      </c>
      <c r="D145" s="58">
        <f>Jesper!AN139</f>
        <v>696.10717217677245</v>
      </c>
      <c r="E145" s="58">
        <f>Jesper!AO139</f>
        <v>40.174377380991203</v>
      </c>
      <c r="F145" s="58">
        <f>Jesper!AP139</f>
        <v>20.087188690495601</v>
      </c>
      <c r="G145" s="57">
        <f>Jesper!AQ139</f>
        <v>0</v>
      </c>
      <c r="H145" s="43">
        <v>138</v>
      </c>
      <c r="I145" s="55">
        <f>Bühler!I171</f>
        <v>4.0338028167801347</v>
      </c>
      <c r="J145" s="58">
        <f>Bühler!J171</f>
        <v>19.46277106715532</v>
      </c>
      <c r="K145" s="58">
        <f>Bühler!K171</f>
        <v>0.95060247534318276</v>
      </c>
      <c r="L145" s="58">
        <f>Bühler!L171</f>
        <v>0.47530123767159138</v>
      </c>
      <c r="M145" s="57">
        <f>Bühler!M171</f>
        <v>0</v>
      </c>
      <c r="N145" s="55">
        <f>IF(Input!$K$13=1,J145*Input!$J$13,0)+IF(Input!$K$14=1,K145*Input!$J$14,0)+IF(Input!$K$15=1,L145*Input!$J$15,0)+IF(Input!$K$16=1,M145*Input!$J$16,0)</f>
        <v>2.3355325280586383</v>
      </c>
      <c r="O145" s="58">
        <f>IF(Input!$K$13=2,J145*Input!$J$13,0)+IF(Input!$K$14=2,K145*Input!$J$14,0)+IF(Input!$K$15=2,L145*Input!$J$15,0)+IF(Input!$K$16=2,M145*Input!$J$16,0)</f>
        <v>0.12833133417132966</v>
      </c>
      <c r="P145" s="58">
        <f>IF(Input!$K$13=3,J145*Input!$J$13,0)+IF(Input!$K$14=3,K145*Input!$J$14,0)+IF(Input!$K$15=3,L145*Input!$J$15,0)+IF(Input!$K$16=3,M145*Input!$J$16,0)</f>
        <v>0</v>
      </c>
      <c r="Q145" s="71">
        <f>IF(Input!$K$13=4,J145*Input!$J$13,0)+IF(Input!$K$14=4,K145*Input!$J$14,0)+IF(Input!$K$15=4,L145*Input!$J$15,0)+IF(Input!$K$16=4,M145*Input!$J$16,0)</f>
        <v>0</v>
      </c>
    </row>
    <row r="146" spans="2:17" x14ac:dyDescent="0.25">
      <c r="B146" s="43">
        <v>139</v>
      </c>
      <c r="C146" s="55">
        <f>Jesper!AM140</f>
        <v>24.967936606140988</v>
      </c>
      <c r="D146" s="58">
        <f>Jesper!AN140</f>
        <v>565.77490092056098</v>
      </c>
      <c r="E146" s="58">
        <f>Jesper!AO140</f>
        <v>39.15717951524865</v>
      </c>
      <c r="F146" s="58">
        <f>Jesper!AP140</f>
        <v>19.578589757624325</v>
      </c>
      <c r="G146" s="57">
        <f>Jesper!AQ140</f>
        <v>0</v>
      </c>
      <c r="H146" s="43">
        <v>139</v>
      </c>
      <c r="I146" s="55">
        <f>Bühler!I172</f>
        <v>1.4886653252402879</v>
      </c>
      <c r="J146" s="58">
        <f>Bühler!J172</f>
        <v>11.217241324419813</v>
      </c>
      <c r="K146" s="58">
        <f>Bühler!K172</f>
        <v>0.60492884794566182</v>
      </c>
      <c r="L146" s="58">
        <f>Bühler!L172</f>
        <v>0.30246442397283091</v>
      </c>
      <c r="M146" s="57">
        <f>Bühler!M172</f>
        <v>0</v>
      </c>
      <c r="N146" s="55">
        <f>IF(Input!$K$13=1,J146*Input!$J$13,0)+IF(Input!$K$14=1,K146*Input!$J$14,0)+IF(Input!$K$15=1,L146*Input!$J$15,0)+IF(Input!$K$16=1,M146*Input!$J$16,0)</f>
        <v>1.3460689589303776</v>
      </c>
      <c r="O146" s="58">
        <f>IF(Input!$K$13=2,J146*Input!$J$13,0)+IF(Input!$K$14=2,K146*Input!$J$14,0)+IF(Input!$K$15=2,L146*Input!$J$15,0)+IF(Input!$K$16=2,M146*Input!$J$16,0)</f>
        <v>8.166539447266434E-2</v>
      </c>
      <c r="P146" s="58">
        <f>IF(Input!$K$13=3,J146*Input!$J$13,0)+IF(Input!$K$14=3,K146*Input!$J$14,0)+IF(Input!$K$15=3,L146*Input!$J$15,0)+IF(Input!$K$16=3,M146*Input!$J$16,0)</f>
        <v>0</v>
      </c>
      <c r="Q146" s="71">
        <f>IF(Input!$K$13=4,J146*Input!$J$13,0)+IF(Input!$K$14=4,K146*Input!$J$14,0)+IF(Input!$K$15=4,L146*Input!$J$15,0)+IF(Input!$K$16=4,M146*Input!$J$16,0)</f>
        <v>0</v>
      </c>
    </row>
    <row r="147" spans="2:17" x14ac:dyDescent="0.25">
      <c r="B147" s="43">
        <v>140</v>
      </c>
      <c r="C147" s="55">
        <f>Jesper!AM141</f>
        <v>11.197975625739632</v>
      </c>
      <c r="D147" s="58">
        <f>Jesper!AN141</f>
        <v>112.81656469302322</v>
      </c>
      <c r="E147" s="58">
        <f>Jesper!AO141</f>
        <v>5.3004287370881897</v>
      </c>
      <c r="F147" s="58">
        <f>Jesper!AP141</f>
        <v>2.6502143685440949</v>
      </c>
      <c r="G147" s="57">
        <f>Jesper!AQ141</f>
        <v>0</v>
      </c>
      <c r="H147" s="43">
        <v>140</v>
      </c>
      <c r="I147" s="55">
        <f>Bühler!I173</f>
        <v>1.4886653252402879</v>
      </c>
      <c r="J147" s="58">
        <f>Bühler!J173</f>
        <v>10.759883202733649</v>
      </c>
      <c r="K147" s="58">
        <f>Bühler!K173</f>
        <v>0.57612271232920176</v>
      </c>
      <c r="L147" s="58">
        <f>Bühler!L173</f>
        <v>0.28806135616460088</v>
      </c>
      <c r="M147" s="57">
        <f>Bühler!M173</f>
        <v>0</v>
      </c>
      <c r="N147" s="55">
        <f>IF(Input!$K$13=1,J147*Input!$J$13,0)+IF(Input!$K$14=1,K147*Input!$J$14,0)+IF(Input!$K$15=1,L147*Input!$J$15,0)+IF(Input!$K$16=1,M147*Input!$J$16,0)</f>
        <v>1.2911859843280378</v>
      </c>
      <c r="O147" s="58">
        <f>IF(Input!$K$13=2,J147*Input!$J$13,0)+IF(Input!$K$14=2,K147*Input!$J$14,0)+IF(Input!$K$15=2,L147*Input!$J$15,0)+IF(Input!$K$16=2,M147*Input!$J$16,0)</f>
        <v>7.7776566164442229E-2</v>
      </c>
      <c r="P147" s="58">
        <f>IF(Input!$K$13=3,J147*Input!$J$13,0)+IF(Input!$K$14=3,K147*Input!$J$14,0)+IF(Input!$K$15=3,L147*Input!$J$15,0)+IF(Input!$K$16=3,M147*Input!$J$16,0)</f>
        <v>0</v>
      </c>
      <c r="Q147" s="71">
        <f>IF(Input!$K$13=4,J147*Input!$J$13,0)+IF(Input!$K$14=4,K147*Input!$J$14,0)+IF(Input!$K$15=4,L147*Input!$J$15,0)+IF(Input!$K$16=4,M147*Input!$J$16,0)</f>
        <v>0</v>
      </c>
    </row>
    <row r="148" spans="2:17" x14ac:dyDescent="0.25">
      <c r="B148" s="43">
        <v>141</v>
      </c>
      <c r="C148" s="55">
        <f>Jesper!AM142</f>
        <v>6.8368644073011176</v>
      </c>
      <c r="D148" s="58">
        <f>Jesper!AN142</f>
        <v>102.82554020334993</v>
      </c>
      <c r="E148" s="58">
        <f>Jesper!AO142</f>
        <v>5.2486435276042487</v>
      </c>
      <c r="F148" s="58">
        <f>Jesper!AP142</f>
        <v>2.6243217638021243</v>
      </c>
      <c r="G148" s="57">
        <f>Jesper!AQ142</f>
        <v>0</v>
      </c>
      <c r="H148" s="43">
        <v>141</v>
      </c>
      <c r="I148" s="55">
        <f>Bühler!I174</f>
        <v>1.4886653252402879</v>
      </c>
      <c r="J148" s="58">
        <f>Bühler!J174</f>
        <v>10.759883202733649</v>
      </c>
      <c r="K148" s="58">
        <f>Bühler!K174</f>
        <v>0.57612271232920176</v>
      </c>
      <c r="L148" s="58">
        <f>Bühler!L174</f>
        <v>0.28806135616460088</v>
      </c>
      <c r="M148" s="57">
        <f>Bühler!M174</f>
        <v>0</v>
      </c>
      <c r="N148" s="55">
        <f>IF(Input!$K$13=1,J148*Input!$J$13,0)+IF(Input!$K$14=1,K148*Input!$J$14,0)+IF(Input!$K$15=1,L148*Input!$J$15,0)+IF(Input!$K$16=1,M148*Input!$J$16,0)</f>
        <v>1.2911859843280378</v>
      </c>
      <c r="O148" s="58">
        <f>IF(Input!$K$13=2,J148*Input!$J$13,0)+IF(Input!$K$14=2,K148*Input!$J$14,0)+IF(Input!$K$15=2,L148*Input!$J$15,0)+IF(Input!$K$16=2,M148*Input!$J$16,0)</f>
        <v>7.7776566164442229E-2</v>
      </c>
      <c r="P148" s="58">
        <f>IF(Input!$K$13=3,J148*Input!$J$13,0)+IF(Input!$K$14=3,K148*Input!$J$14,0)+IF(Input!$K$15=3,L148*Input!$J$15,0)+IF(Input!$K$16=3,M148*Input!$J$16,0)</f>
        <v>0</v>
      </c>
      <c r="Q148" s="71">
        <f>IF(Input!$K$13=4,J148*Input!$J$13,0)+IF(Input!$K$14=4,K148*Input!$J$14,0)+IF(Input!$K$15=4,L148*Input!$J$15,0)+IF(Input!$K$16=4,M148*Input!$J$16,0)</f>
        <v>0</v>
      </c>
    </row>
    <row r="149" spans="2:17" x14ac:dyDescent="0.25">
      <c r="B149" s="43">
        <v>142</v>
      </c>
      <c r="C149" s="55">
        <f>Jesper!AM143</f>
        <v>5.1748837747973742</v>
      </c>
      <c r="D149" s="58">
        <f>Jesper!AN143</f>
        <v>443.54461338417735</v>
      </c>
      <c r="E149" s="58">
        <f>Jesper!AO143</f>
        <v>36.97746980294319</v>
      </c>
      <c r="F149" s="58">
        <f>Jesper!AP143</f>
        <v>18.488734901471595</v>
      </c>
      <c r="G149" s="57">
        <f>Jesper!AQ143</f>
        <v>0</v>
      </c>
      <c r="H149" s="43">
        <v>142</v>
      </c>
      <c r="I149" s="55">
        <f>Bühler!I175</f>
        <v>1.4886653252402879</v>
      </c>
      <c r="J149" s="58">
        <f>Bühler!J175</f>
        <v>10.759883202733649</v>
      </c>
      <c r="K149" s="58">
        <f>Bühler!K175</f>
        <v>0.57612271232920176</v>
      </c>
      <c r="L149" s="58">
        <f>Bühler!L175</f>
        <v>0.28806135616460088</v>
      </c>
      <c r="M149" s="57">
        <f>Bühler!M175</f>
        <v>0</v>
      </c>
      <c r="N149" s="55">
        <f>IF(Input!$K$13=1,J149*Input!$J$13,0)+IF(Input!$K$14=1,K149*Input!$J$14,0)+IF(Input!$K$15=1,L149*Input!$J$15,0)+IF(Input!$K$16=1,M149*Input!$J$16,0)</f>
        <v>1.2911859843280378</v>
      </c>
      <c r="O149" s="58">
        <f>IF(Input!$K$13=2,J149*Input!$J$13,0)+IF(Input!$K$14=2,K149*Input!$J$14,0)+IF(Input!$K$15=2,L149*Input!$J$15,0)+IF(Input!$K$16=2,M149*Input!$J$16,0)</f>
        <v>7.7776566164442229E-2</v>
      </c>
      <c r="P149" s="58">
        <f>IF(Input!$K$13=3,J149*Input!$J$13,0)+IF(Input!$K$14=3,K149*Input!$J$14,0)+IF(Input!$K$15=3,L149*Input!$J$15,0)+IF(Input!$K$16=3,M149*Input!$J$16,0)</f>
        <v>0</v>
      </c>
      <c r="Q149" s="71">
        <f>IF(Input!$K$13=4,J149*Input!$J$13,0)+IF(Input!$K$14=4,K149*Input!$J$14,0)+IF(Input!$K$15=4,L149*Input!$J$15,0)+IF(Input!$K$16=4,M149*Input!$J$16,0)</f>
        <v>0</v>
      </c>
    </row>
    <row r="150" spans="2:17" x14ac:dyDescent="0.25">
      <c r="B150" s="43">
        <v>143</v>
      </c>
      <c r="C150" s="55">
        <f>Jesper!AM144</f>
        <v>6.7583280013048661</v>
      </c>
      <c r="D150" s="58">
        <f>Jesper!AN144</f>
        <v>449.68915421729236</v>
      </c>
      <c r="E150" s="58">
        <f>Jesper!AO144</f>
        <v>37.151846579927636</v>
      </c>
      <c r="F150" s="58">
        <f>Jesper!AP144</f>
        <v>18.575923289963818</v>
      </c>
      <c r="G150" s="57">
        <f>Jesper!AQ144</f>
        <v>0</v>
      </c>
      <c r="H150" s="43">
        <v>143</v>
      </c>
      <c r="I150" s="55">
        <f>Bühler!I176</f>
        <v>1.4886653252402879</v>
      </c>
      <c r="J150" s="58">
        <f>Bühler!J176</f>
        <v>10.759883202733649</v>
      </c>
      <c r="K150" s="58">
        <f>Bühler!K176</f>
        <v>0.57612271232920176</v>
      </c>
      <c r="L150" s="58">
        <f>Bühler!L176</f>
        <v>0.28806135616460088</v>
      </c>
      <c r="M150" s="57">
        <f>Bühler!M176</f>
        <v>0</v>
      </c>
      <c r="N150" s="55">
        <f>IF(Input!$K$13=1,J150*Input!$J$13,0)+IF(Input!$K$14=1,K150*Input!$J$14,0)+IF(Input!$K$15=1,L150*Input!$J$15,0)+IF(Input!$K$16=1,M150*Input!$J$16,0)</f>
        <v>1.2911859843280378</v>
      </c>
      <c r="O150" s="58">
        <f>IF(Input!$K$13=2,J150*Input!$J$13,0)+IF(Input!$K$14=2,K150*Input!$J$14,0)+IF(Input!$K$15=2,L150*Input!$J$15,0)+IF(Input!$K$16=2,M150*Input!$J$16,0)</f>
        <v>7.7776566164442229E-2</v>
      </c>
      <c r="P150" s="58">
        <f>IF(Input!$K$13=3,J150*Input!$J$13,0)+IF(Input!$K$14=3,K150*Input!$J$14,0)+IF(Input!$K$15=3,L150*Input!$J$15,0)+IF(Input!$K$16=3,M150*Input!$J$16,0)</f>
        <v>0</v>
      </c>
      <c r="Q150" s="71">
        <f>IF(Input!$K$13=4,J150*Input!$J$13,0)+IF(Input!$K$14=4,K150*Input!$J$14,0)+IF(Input!$K$15=4,L150*Input!$J$15,0)+IF(Input!$K$16=4,M150*Input!$J$16,0)</f>
        <v>0</v>
      </c>
    </row>
    <row r="151" spans="2:17" x14ac:dyDescent="0.25">
      <c r="B151" s="43">
        <v>144</v>
      </c>
      <c r="C151" s="55">
        <f>Jesper!AM145</f>
        <v>15.995085989265226</v>
      </c>
      <c r="D151" s="58">
        <f>Jesper!AN145</f>
        <v>485.53230907712992</v>
      </c>
      <c r="E151" s="58">
        <f>Jesper!AO145</f>
        <v>38.169044445670181</v>
      </c>
      <c r="F151" s="58">
        <f>Jesper!AP145</f>
        <v>19.084522222835091</v>
      </c>
      <c r="G151" s="57">
        <f>Jesper!AQ145</f>
        <v>0</v>
      </c>
      <c r="H151" s="43">
        <v>144</v>
      </c>
      <c r="I151" s="55">
        <f>Bühler!I177</f>
        <v>1.4886653252402879</v>
      </c>
      <c r="J151" s="58">
        <f>Bühler!J177</f>
        <v>10.759883202733649</v>
      </c>
      <c r="K151" s="58">
        <f>Bühler!K177</f>
        <v>0.57612271232920176</v>
      </c>
      <c r="L151" s="58">
        <f>Bühler!L177</f>
        <v>0.28806135616460088</v>
      </c>
      <c r="M151" s="57">
        <f>Bühler!M177</f>
        <v>0</v>
      </c>
      <c r="N151" s="55">
        <f>IF(Input!$K$13=1,J151*Input!$J$13,0)+IF(Input!$K$14=1,K151*Input!$J$14,0)+IF(Input!$K$15=1,L151*Input!$J$15,0)+IF(Input!$K$16=1,M151*Input!$J$16,0)</f>
        <v>1.2911859843280378</v>
      </c>
      <c r="O151" s="58">
        <f>IF(Input!$K$13=2,J151*Input!$J$13,0)+IF(Input!$K$14=2,K151*Input!$J$14,0)+IF(Input!$K$15=2,L151*Input!$J$15,0)+IF(Input!$K$16=2,M151*Input!$J$16,0)</f>
        <v>7.7776566164442229E-2</v>
      </c>
      <c r="P151" s="58">
        <f>IF(Input!$K$13=3,J151*Input!$J$13,0)+IF(Input!$K$14=3,K151*Input!$J$14,0)+IF(Input!$K$15=3,L151*Input!$J$15,0)+IF(Input!$K$16=3,M151*Input!$J$16,0)</f>
        <v>0</v>
      </c>
      <c r="Q151" s="71">
        <f>IF(Input!$K$13=4,J151*Input!$J$13,0)+IF(Input!$K$14=4,K151*Input!$J$14,0)+IF(Input!$K$15=4,L151*Input!$J$15,0)+IF(Input!$K$16=4,M151*Input!$J$16,0)</f>
        <v>0</v>
      </c>
    </row>
    <row r="152" spans="2:17" x14ac:dyDescent="0.25">
      <c r="B152" s="43">
        <v>145</v>
      </c>
      <c r="C152" s="55">
        <f>Jesper!AM146</f>
        <v>17.314622844688127</v>
      </c>
      <c r="D152" s="58">
        <f>Jesper!AN146</f>
        <v>490.65275977139237</v>
      </c>
      <c r="E152" s="58">
        <f>Jesper!AO146</f>
        <v>38.31435842649055</v>
      </c>
      <c r="F152" s="58">
        <f>Jesper!AP146</f>
        <v>19.157179213245275</v>
      </c>
      <c r="G152" s="57">
        <f>Jesper!AQ146</f>
        <v>0</v>
      </c>
      <c r="H152" s="43">
        <v>145</v>
      </c>
      <c r="I152" s="55">
        <f>Bühler!I178</f>
        <v>1.0284303697678436</v>
      </c>
      <c r="J152" s="58">
        <f>Bühler!J178</f>
        <v>11.453278953368949</v>
      </c>
      <c r="K152" s="58">
        <f>Bühler!K178</f>
        <v>0.35900548556666323</v>
      </c>
      <c r="L152" s="58">
        <f>Bühler!L178</f>
        <v>0.17950274278333161</v>
      </c>
      <c r="M152" s="57">
        <f>Bühler!M178</f>
        <v>0</v>
      </c>
      <c r="N152" s="55">
        <f>IF(Input!$K$13=1,J152*Input!$J$13,0)+IF(Input!$K$14=1,K152*Input!$J$14,0)+IF(Input!$K$15=1,L152*Input!$J$15,0)+IF(Input!$K$16=1,M152*Input!$J$16,0)</f>
        <v>1.3743934744042738</v>
      </c>
      <c r="O152" s="58">
        <f>IF(Input!$K$13=2,J152*Input!$J$13,0)+IF(Input!$K$14=2,K152*Input!$J$14,0)+IF(Input!$K$15=2,L152*Input!$J$15,0)+IF(Input!$K$16=2,M152*Input!$J$16,0)</f>
        <v>4.8465740551499534E-2</v>
      </c>
      <c r="P152" s="58">
        <f>IF(Input!$K$13=3,J152*Input!$J$13,0)+IF(Input!$K$14=3,K152*Input!$J$14,0)+IF(Input!$K$15=3,L152*Input!$J$15,0)+IF(Input!$K$16=3,M152*Input!$J$16,0)</f>
        <v>0</v>
      </c>
      <c r="Q152" s="71">
        <f>IF(Input!$K$13=4,J152*Input!$J$13,0)+IF(Input!$K$14=4,K152*Input!$J$14,0)+IF(Input!$K$15=4,L152*Input!$J$15,0)+IF(Input!$K$16=4,M152*Input!$J$16,0)</f>
        <v>0</v>
      </c>
    </row>
    <row r="153" spans="2:17" x14ac:dyDescent="0.25">
      <c r="B153" s="43">
        <v>146</v>
      </c>
      <c r="C153" s="55">
        <f>Jesper!AM147</f>
        <v>14.147734391673149</v>
      </c>
      <c r="D153" s="58">
        <f>Jesper!AN147</f>
        <v>478.36367810516236</v>
      </c>
      <c r="E153" s="58">
        <f>Jesper!AO147</f>
        <v>37.965604872521673</v>
      </c>
      <c r="F153" s="58">
        <f>Jesper!AP147</f>
        <v>18.982802436260837</v>
      </c>
      <c r="G153" s="57">
        <f>Jesper!AQ147</f>
        <v>0</v>
      </c>
      <c r="H153" s="43">
        <v>146</v>
      </c>
      <c r="I153" s="55">
        <f>Bühler!I179</f>
        <v>2.0078878647848377</v>
      </c>
      <c r="J153" s="58">
        <f>Bühler!J179</f>
        <v>10.764172670629126</v>
      </c>
      <c r="K153" s="58">
        <f>Bühler!K179</f>
        <v>0.32310493700999687</v>
      </c>
      <c r="L153" s="58">
        <f>Bühler!L179</f>
        <v>0.16155246850499844</v>
      </c>
      <c r="M153" s="57">
        <f>Bühler!M179</f>
        <v>0</v>
      </c>
      <c r="N153" s="55">
        <f>IF(Input!$K$13=1,J153*Input!$J$13,0)+IF(Input!$K$14=1,K153*Input!$J$14,0)+IF(Input!$K$15=1,L153*Input!$J$15,0)+IF(Input!$K$16=1,M153*Input!$J$16,0)</f>
        <v>1.2917007204754951</v>
      </c>
      <c r="O153" s="58">
        <f>IF(Input!$K$13=2,J153*Input!$J$13,0)+IF(Input!$K$14=2,K153*Input!$J$14,0)+IF(Input!$K$15=2,L153*Input!$J$15,0)+IF(Input!$K$16=2,M153*Input!$J$16,0)</f>
        <v>4.3619166496349573E-2</v>
      </c>
      <c r="P153" s="58">
        <f>IF(Input!$K$13=3,J153*Input!$J$13,0)+IF(Input!$K$14=3,K153*Input!$J$14,0)+IF(Input!$K$15=3,L153*Input!$J$15,0)+IF(Input!$K$16=3,M153*Input!$J$16,0)</f>
        <v>0</v>
      </c>
      <c r="Q153" s="71">
        <f>IF(Input!$K$13=4,J153*Input!$J$13,0)+IF(Input!$K$14=4,K153*Input!$J$14,0)+IF(Input!$K$15=4,L153*Input!$J$15,0)+IF(Input!$K$16=4,M153*Input!$J$16,0)</f>
        <v>0</v>
      </c>
    </row>
    <row r="154" spans="2:17" x14ac:dyDescent="0.25">
      <c r="B154" s="43">
        <v>147</v>
      </c>
      <c r="C154" s="55">
        <f>Jesper!AM148</f>
        <v>10.295676752959247</v>
      </c>
      <c r="D154" s="58">
        <f>Jesper!AN148</f>
        <v>110.7494561779184</v>
      </c>
      <c r="E154" s="58">
        <f>Jesper!AO148</f>
        <v>5.2897145558156504</v>
      </c>
      <c r="F154" s="58">
        <f>Jesper!AP148</f>
        <v>2.6448572779078252</v>
      </c>
      <c r="G154" s="57">
        <f>Jesper!AQ148</f>
        <v>0</v>
      </c>
      <c r="H154" s="43">
        <v>147</v>
      </c>
      <c r="I154" s="55">
        <f>Bühler!I180</f>
        <v>2.0078878647848377</v>
      </c>
      <c r="J154" s="58">
        <f>Bühler!J180</f>
        <v>10.764172670629126</v>
      </c>
      <c r="K154" s="58">
        <f>Bühler!K180</f>
        <v>0.32310493700999687</v>
      </c>
      <c r="L154" s="58">
        <f>Bühler!L180</f>
        <v>0.16155246850499844</v>
      </c>
      <c r="M154" s="57">
        <f>Bühler!M180</f>
        <v>0</v>
      </c>
      <c r="N154" s="55">
        <f>IF(Input!$K$13=1,J154*Input!$J$13,0)+IF(Input!$K$14=1,K154*Input!$J$14,0)+IF(Input!$K$15=1,L154*Input!$J$15,0)+IF(Input!$K$16=1,M154*Input!$J$16,0)</f>
        <v>1.2917007204754951</v>
      </c>
      <c r="O154" s="58">
        <f>IF(Input!$K$13=2,J154*Input!$J$13,0)+IF(Input!$K$14=2,K154*Input!$J$14,0)+IF(Input!$K$15=2,L154*Input!$J$15,0)+IF(Input!$K$16=2,M154*Input!$J$16,0)</f>
        <v>4.3619166496349573E-2</v>
      </c>
      <c r="P154" s="58">
        <f>IF(Input!$K$13=3,J154*Input!$J$13,0)+IF(Input!$K$14=3,K154*Input!$J$14,0)+IF(Input!$K$15=3,L154*Input!$J$15,0)+IF(Input!$K$16=3,M154*Input!$J$16,0)</f>
        <v>0</v>
      </c>
      <c r="Q154" s="71">
        <f>IF(Input!$K$13=4,J154*Input!$J$13,0)+IF(Input!$K$14=4,K154*Input!$J$14,0)+IF(Input!$K$15=4,L154*Input!$J$15,0)+IF(Input!$K$16=4,M154*Input!$J$16,0)</f>
        <v>0</v>
      </c>
    </row>
    <row r="155" spans="2:17" x14ac:dyDescent="0.25">
      <c r="B155" s="43">
        <v>148</v>
      </c>
      <c r="C155" s="55">
        <f>Jesper!AM149</f>
        <v>10.74682618934944</v>
      </c>
      <c r="D155" s="58">
        <f>Jesper!AN149</f>
        <v>111.7830104354708</v>
      </c>
      <c r="E155" s="58">
        <f>Jesper!AO149</f>
        <v>5.2950716464519205</v>
      </c>
      <c r="F155" s="58">
        <f>Jesper!AP149</f>
        <v>2.6475358232259603</v>
      </c>
      <c r="G155" s="57">
        <f>Jesper!AQ149</f>
        <v>0</v>
      </c>
      <c r="H155" s="43">
        <v>148</v>
      </c>
      <c r="I155" s="55">
        <f>Bühler!I181</f>
        <v>2.0078878647848377</v>
      </c>
      <c r="J155" s="58">
        <f>Bühler!J181</f>
        <v>10.764172670629126</v>
      </c>
      <c r="K155" s="58">
        <f>Bühler!K181</f>
        <v>0.32310493700999687</v>
      </c>
      <c r="L155" s="58">
        <f>Bühler!L181</f>
        <v>0.16155246850499844</v>
      </c>
      <c r="M155" s="57">
        <f>Bühler!M181</f>
        <v>0</v>
      </c>
      <c r="N155" s="55">
        <f>IF(Input!$K$13=1,J155*Input!$J$13,0)+IF(Input!$K$14=1,K155*Input!$J$14,0)+IF(Input!$K$15=1,L155*Input!$J$15,0)+IF(Input!$K$16=1,M155*Input!$J$16,0)</f>
        <v>1.2917007204754951</v>
      </c>
      <c r="O155" s="58">
        <f>IF(Input!$K$13=2,J155*Input!$J$13,0)+IF(Input!$K$14=2,K155*Input!$J$14,0)+IF(Input!$K$15=2,L155*Input!$J$15,0)+IF(Input!$K$16=2,M155*Input!$J$16,0)</f>
        <v>4.3619166496349573E-2</v>
      </c>
      <c r="P155" s="58">
        <f>IF(Input!$K$13=3,J155*Input!$J$13,0)+IF(Input!$K$14=3,K155*Input!$J$14,0)+IF(Input!$K$15=3,L155*Input!$J$15,0)+IF(Input!$K$16=3,M155*Input!$J$16,0)</f>
        <v>0</v>
      </c>
      <c r="Q155" s="71">
        <f>IF(Input!$K$13=4,J155*Input!$J$13,0)+IF(Input!$K$14=4,K155*Input!$J$14,0)+IF(Input!$K$15=4,L155*Input!$J$15,0)+IF(Input!$K$16=4,M155*Input!$J$16,0)</f>
        <v>0</v>
      </c>
    </row>
    <row r="156" spans="2:17" x14ac:dyDescent="0.25">
      <c r="B156" s="43">
        <v>149</v>
      </c>
      <c r="C156" s="55">
        <f>Jesper!AM150</f>
        <v>12.300382794081074</v>
      </c>
      <c r="D156" s="58">
        <f>Jesper!AN150</f>
        <v>471.19504713319486</v>
      </c>
      <c r="E156" s="58">
        <f>Jesper!AO150</f>
        <v>37.762165299373166</v>
      </c>
      <c r="F156" s="58">
        <f>Jesper!AP150</f>
        <v>18.881082649686583</v>
      </c>
      <c r="G156" s="57">
        <f>Jesper!AQ150</f>
        <v>0</v>
      </c>
      <c r="H156" s="43">
        <v>149</v>
      </c>
      <c r="I156" s="55">
        <f>Bühler!I182</f>
        <v>2.0078878647848377</v>
      </c>
      <c r="J156" s="58">
        <f>Bühler!J182</f>
        <v>10.764172670629126</v>
      </c>
      <c r="K156" s="58">
        <f>Bühler!K182</f>
        <v>0.32310493700999687</v>
      </c>
      <c r="L156" s="58">
        <f>Bühler!L182</f>
        <v>0.16155246850499844</v>
      </c>
      <c r="M156" s="57">
        <f>Bühler!M182</f>
        <v>0</v>
      </c>
      <c r="N156" s="55">
        <f>IF(Input!$K$13=1,J156*Input!$J$13,0)+IF(Input!$K$14=1,K156*Input!$J$14,0)+IF(Input!$K$15=1,L156*Input!$J$15,0)+IF(Input!$K$16=1,M156*Input!$J$16,0)</f>
        <v>1.2917007204754951</v>
      </c>
      <c r="O156" s="58">
        <f>IF(Input!$K$13=2,J156*Input!$J$13,0)+IF(Input!$K$14=2,K156*Input!$J$14,0)+IF(Input!$K$15=2,L156*Input!$J$15,0)+IF(Input!$K$16=2,M156*Input!$J$16,0)</f>
        <v>4.3619166496349573E-2</v>
      </c>
      <c r="P156" s="58">
        <f>IF(Input!$K$13=3,J156*Input!$J$13,0)+IF(Input!$K$14=3,K156*Input!$J$14,0)+IF(Input!$K$15=3,L156*Input!$J$15,0)+IF(Input!$K$16=3,M156*Input!$J$16,0)</f>
        <v>0</v>
      </c>
      <c r="Q156" s="71">
        <f>IF(Input!$K$13=4,J156*Input!$J$13,0)+IF(Input!$K$14=4,K156*Input!$J$14,0)+IF(Input!$K$15=4,L156*Input!$J$15,0)+IF(Input!$K$16=4,M156*Input!$J$16,0)</f>
        <v>0</v>
      </c>
    </row>
    <row r="157" spans="2:17" x14ac:dyDescent="0.25">
      <c r="B157" s="43">
        <v>150</v>
      </c>
      <c r="C157" s="55">
        <f>Jesper!AM151</f>
        <v>10.189123825404428</v>
      </c>
      <c r="D157" s="58">
        <f>Jesper!AN151</f>
        <v>463.00232602237486</v>
      </c>
      <c r="E157" s="58">
        <f>Jesper!AO151</f>
        <v>37.529662930060582</v>
      </c>
      <c r="F157" s="58">
        <f>Jesper!AP151</f>
        <v>18.764831465030291</v>
      </c>
      <c r="G157" s="57">
        <f>Jesper!AQ151</f>
        <v>0</v>
      </c>
      <c r="H157" s="43">
        <v>150</v>
      </c>
      <c r="I157" s="55">
        <f>Bühler!I183</f>
        <v>2.4976166122933341</v>
      </c>
      <c r="J157" s="58">
        <f>Bühler!J183</f>
        <v>10.784578035108646</v>
      </c>
      <c r="K157" s="58">
        <f>Bühler!K183</f>
        <v>0.32310493700999687</v>
      </c>
      <c r="L157" s="58">
        <f>Bühler!L183</f>
        <v>0.16155246850499844</v>
      </c>
      <c r="M157" s="57">
        <f>Bühler!M183</f>
        <v>0</v>
      </c>
      <c r="N157" s="55">
        <f>IF(Input!$K$13=1,J157*Input!$J$13,0)+IF(Input!$K$14=1,K157*Input!$J$14,0)+IF(Input!$K$15=1,L157*Input!$J$15,0)+IF(Input!$K$16=1,M157*Input!$J$16,0)</f>
        <v>1.2941493642130375</v>
      </c>
      <c r="O157" s="58">
        <f>IF(Input!$K$13=2,J157*Input!$J$13,0)+IF(Input!$K$14=2,K157*Input!$J$14,0)+IF(Input!$K$15=2,L157*Input!$J$15,0)+IF(Input!$K$16=2,M157*Input!$J$16,0)</f>
        <v>4.3619166496349573E-2</v>
      </c>
      <c r="P157" s="58">
        <f>IF(Input!$K$13=3,J157*Input!$J$13,0)+IF(Input!$K$14=3,K157*Input!$J$14,0)+IF(Input!$K$15=3,L157*Input!$J$15,0)+IF(Input!$K$16=3,M157*Input!$J$16,0)</f>
        <v>0</v>
      </c>
      <c r="Q157" s="71">
        <f>IF(Input!$K$13=4,J157*Input!$J$13,0)+IF(Input!$K$14=4,K157*Input!$J$14,0)+IF(Input!$K$15=4,L157*Input!$J$15,0)+IF(Input!$K$16=4,M157*Input!$J$16,0)</f>
        <v>0</v>
      </c>
    </row>
    <row r="158" spans="2:17" x14ac:dyDescent="0.25">
      <c r="B158" s="43">
        <v>151</v>
      </c>
      <c r="C158" s="55">
        <f>Jesper!AM152</f>
        <v>10.189123825404428</v>
      </c>
      <c r="D158" s="58">
        <f>Jesper!AN152</f>
        <v>463.00232602237486</v>
      </c>
      <c r="E158" s="58">
        <f>Jesper!AO152</f>
        <v>37.529662930060582</v>
      </c>
      <c r="F158" s="58">
        <f>Jesper!AP152</f>
        <v>18.764831465030291</v>
      </c>
      <c r="G158" s="57">
        <f>Jesper!AQ152</f>
        <v>0</v>
      </c>
      <c r="H158" s="43">
        <v>151</v>
      </c>
      <c r="I158" s="55">
        <f>Bühler!I184</f>
        <v>3.1342639840543804</v>
      </c>
      <c r="J158" s="58">
        <f>Bühler!J184</f>
        <v>10.811105008932023</v>
      </c>
      <c r="K158" s="58">
        <f>Bühler!K184</f>
        <v>0.32310493700999687</v>
      </c>
      <c r="L158" s="58">
        <f>Bühler!L184</f>
        <v>0.16155246850499844</v>
      </c>
      <c r="M158" s="57">
        <f>Bühler!M184</f>
        <v>0</v>
      </c>
      <c r="N158" s="55">
        <f>IF(Input!$K$13=1,J158*Input!$J$13,0)+IF(Input!$K$14=1,K158*Input!$J$14,0)+IF(Input!$K$15=1,L158*Input!$J$15,0)+IF(Input!$K$16=1,M158*Input!$J$16,0)</f>
        <v>1.2973326010718427</v>
      </c>
      <c r="O158" s="58">
        <f>IF(Input!$K$13=2,J158*Input!$J$13,0)+IF(Input!$K$14=2,K158*Input!$J$14,0)+IF(Input!$K$15=2,L158*Input!$J$15,0)+IF(Input!$K$16=2,M158*Input!$J$16,0)</f>
        <v>4.3619166496349573E-2</v>
      </c>
      <c r="P158" s="58">
        <f>IF(Input!$K$13=3,J158*Input!$J$13,0)+IF(Input!$K$14=3,K158*Input!$J$14,0)+IF(Input!$K$15=3,L158*Input!$J$15,0)+IF(Input!$K$16=3,M158*Input!$J$16,0)</f>
        <v>0</v>
      </c>
      <c r="Q158" s="71">
        <f>IF(Input!$K$13=4,J158*Input!$J$13,0)+IF(Input!$K$14=4,K158*Input!$J$14,0)+IF(Input!$K$15=4,L158*Input!$J$15,0)+IF(Input!$K$16=4,M158*Input!$J$16,0)</f>
        <v>0</v>
      </c>
    </row>
    <row r="159" spans="2:17" x14ac:dyDescent="0.25">
      <c r="B159" s="43">
        <v>152</v>
      </c>
      <c r="C159" s="55">
        <f>Jesper!AM153</f>
        <v>8.6056795988969359</v>
      </c>
      <c r="D159" s="58">
        <f>Jesper!AN153</f>
        <v>456.85778518925986</v>
      </c>
      <c r="E159" s="58">
        <f>Jesper!AO153</f>
        <v>37.35528615307615</v>
      </c>
      <c r="F159" s="58">
        <f>Jesper!AP153</f>
        <v>18.677643076538075</v>
      </c>
      <c r="G159" s="57">
        <f>Jesper!AQ153</f>
        <v>0</v>
      </c>
      <c r="H159" s="43">
        <v>152</v>
      </c>
      <c r="I159" s="55">
        <f>Bühler!I185</f>
        <v>3.5750198568120277</v>
      </c>
      <c r="J159" s="58">
        <f>Bühler!J185</f>
        <v>10.829469836963591</v>
      </c>
      <c r="K159" s="58">
        <f>Bühler!K185</f>
        <v>0.32310493700999687</v>
      </c>
      <c r="L159" s="58">
        <f>Bühler!L185</f>
        <v>0.16155246850499844</v>
      </c>
      <c r="M159" s="57">
        <f>Bühler!M185</f>
        <v>0</v>
      </c>
      <c r="N159" s="55">
        <f>IF(Input!$K$13=1,J159*Input!$J$13,0)+IF(Input!$K$14=1,K159*Input!$J$14,0)+IF(Input!$K$15=1,L159*Input!$J$15,0)+IF(Input!$K$16=1,M159*Input!$J$16,0)</f>
        <v>1.299536380435631</v>
      </c>
      <c r="O159" s="58">
        <f>IF(Input!$K$13=2,J159*Input!$J$13,0)+IF(Input!$K$14=2,K159*Input!$J$14,0)+IF(Input!$K$15=2,L159*Input!$J$15,0)+IF(Input!$K$16=2,M159*Input!$J$16,0)</f>
        <v>4.3619166496349573E-2</v>
      </c>
      <c r="P159" s="58">
        <f>IF(Input!$K$13=3,J159*Input!$J$13,0)+IF(Input!$K$14=3,K159*Input!$J$14,0)+IF(Input!$K$15=3,L159*Input!$J$15,0)+IF(Input!$K$16=3,M159*Input!$J$16,0)</f>
        <v>0</v>
      </c>
      <c r="Q159" s="71">
        <f>IF(Input!$K$13=4,J159*Input!$J$13,0)+IF(Input!$K$14=4,K159*Input!$J$14,0)+IF(Input!$K$15=4,L159*Input!$J$15,0)+IF(Input!$K$16=4,M159*Input!$J$16,0)</f>
        <v>0</v>
      </c>
    </row>
    <row r="160" spans="2:17" x14ac:dyDescent="0.25">
      <c r="B160" s="43">
        <v>153</v>
      </c>
      <c r="C160" s="55">
        <f>Jesper!AM154</f>
        <v>6.7583280013048661</v>
      </c>
      <c r="D160" s="58">
        <f>Jesper!AN154</f>
        <v>449.68915421729236</v>
      </c>
      <c r="E160" s="58">
        <f>Jesper!AO154</f>
        <v>37.151846579927636</v>
      </c>
      <c r="F160" s="58">
        <f>Jesper!AP154</f>
        <v>18.575923289963818</v>
      </c>
      <c r="G160" s="57">
        <f>Jesper!AQ154</f>
        <v>0</v>
      </c>
      <c r="H160" s="43">
        <v>153</v>
      </c>
      <c r="I160" s="55">
        <f>Bühler!I186</f>
        <v>3.5750198568120277</v>
      </c>
      <c r="J160" s="58">
        <f>Bühler!J186</f>
        <v>10.829469836963591</v>
      </c>
      <c r="K160" s="58">
        <f>Bühler!K186</f>
        <v>0.32310493700999687</v>
      </c>
      <c r="L160" s="58">
        <f>Bühler!L186</f>
        <v>0.16155246850499844</v>
      </c>
      <c r="M160" s="57">
        <f>Bühler!M186</f>
        <v>0</v>
      </c>
      <c r="N160" s="55">
        <f>IF(Input!$K$13=1,J160*Input!$J$13,0)+IF(Input!$K$14=1,K160*Input!$J$14,0)+IF(Input!$K$15=1,L160*Input!$J$15,0)+IF(Input!$K$16=1,M160*Input!$J$16,0)</f>
        <v>1.299536380435631</v>
      </c>
      <c r="O160" s="58">
        <f>IF(Input!$K$13=2,J160*Input!$J$13,0)+IF(Input!$K$14=2,K160*Input!$J$14,0)+IF(Input!$K$15=2,L160*Input!$J$15,0)+IF(Input!$K$16=2,M160*Input!$J$16,0)</f>
        <v>4.3619166496349573E-2</v>
      </c>
      <c r="P160" s="58">
        <f>IF(Input!$K$13=3,J160*Input!$J$13,0)+IF(Input!$K$14=3,K160*Input!$J$14,0)+IF(Input!$K$15=3,L160*Input!$J$15,0)+IF(Input!$K$16=3,M160*Input!$J$16,0)</f>
        <v>0</v>
      </c>
      <c r="Q160" s="71">
        <f>IF(Input!$K$13=4,J160*Input!$J$13,0)+IF(Input!$K$14=4,K160*Input!$J$14,0)+IF(Input!$K$15=4,L160*Input!$J$15,0)+IF(Input!$K$16=4,M160*Input!$J$16,0)</f>
        <v>0</v>
      </c>
    </row>
    <row r="161" spans="2:17" x14ac:dyDescent="0.25">
      <c r="B161" s="43">
        <v>154</v>
      </c>
      <c r="C161" s="55">
        <f>Jesper!AM155</f>
        <v>11.649125062129825</v>
      </c>
      <c r="D161" s="58">
        <f>Jesper!AN155</f>
        <v>113.85011895057565</v>
      </c>
      <c r="E161" s="58">
        <f>Jesper!AO155</f>
        <v>5.3057858277244598</v>
      </c>
      <c r="F161" s="58">
        <f>Jesper!AP155</f>
        <v>2.6528929138622299</v>
      </c>
      <c r="G161" s="57">
        <f>Jesper!AQ155</f>
        <v>0</v>
      </c>
      <c r="H161" s="43">
        <v>154</v>
      </c>
      <c r="I161" s="55">
        <f>Bühler!I187</f>
        <v>3.5750198568120277</v>
      </c>
      <c r="J161" s="58">
        <f>Bühler!J187</f>
        <v>10.829469836963591</v>
      </c>
      <c r="K161" s="58">
        <f>Bühler!K187</f>
        <v>0.32310493700999687</v>
      </c>
      <c r="L161" s="58">
        <f>Bühler!L187</f>
        <v>0.16155246850499844</v>
      </c>
      <c r="M161" s="57">
        <f>Bühler!M187</f>
        <v>0</v>
      </c>
      <c r="N161" s="55">
        <f>IF(Input!$K$13=1,J161*Input!$J$13,0)+IF(Input!$K$14=1,K161*Input!$J$14,0)+IF(Input!$K$15=1,L161*Input!$J$15,0)+IF(Input!$K$16=1,M161*Input!$J$16,0)</f>
        <v>1.299536380435631</v>
      </c>
      <c r="O161" s="58">
        <f>IF(Input!$K$13=2,J161*Input!$J$13,0)+IF(Input!$K$14=2,K161*Input!$J$14,0)+IF(Input!$K$15=2,L161*Input!$J$15,0)+IF(Input!$K$16=2,M161*Input!$J$16,0)</f>
        <v>4.3619166496349573E-2</v>
      </c>
      <c r="P161" s="58">
        <f>IF(Input!$K$13=3,J161*Input!$J$13,0)+IF(Input!$K$14=3,K161*Input!$J$14,0)+IF(Input!$K$15=3,L161*Input!$J$15,0)+IF(Input!$K$16=3,M161*Input!$J$16,0)</f>
        <v>0</v>
      </c>
      <c r="Q161" s="71">
        <f>IF(Input!$K$13=4,J161*Input!$J$13,0)+IF(Input!$K$14=4,K161*Input!$J$14,0)+IF(Input!$K$15=4,L161*Input!$J$15,0)+IF(Input!$K$16=4,M161*Input!$J$16,0)</f>
        <v>0</v>
      </c>
    </row>
    <row r="162" spans="2:17" x14ac:dyDescent="0.25">
      <c r="B162" s="43">
        <v>155</v>
      </c>
      <c r="C162" s="55">
        <f>Jesper!AM156</f>
        <v>11.047592480276235</v>
      </c>
      <c r="D162" s="58">
        <f>Jesper!AN156</f>
        <v>112.47204660717243</v>
      </c>
      <c r="E162" s="58">
        <f>Jesper!AO156</f>
        <v>5.2986430402094342</v>
      </c>
      <c r="F162" s="58">
        <f>Jesper!AP156</f>
        <v>2.6493215201047171</v>
      </c>
      <c r="G162" s="57">
        <f>Jesper!AQ156</f>
        <v>0</v>
      </c>
      <c r="H162" s="43">
        <v>155</v>
      </c>
      <c r="I162" s="55">
        <f>Bühler!I188</f>
        <v>3.5750198568120277</v>
      </c>
      <c r="J162" s="58">
        <f>Bühler!J188</f>
        <v>10.829469836963591</v>
      </c>
      <c r="K162" s="58">
        <f>Bühler!K188</f>
        <v>0.32310493700999687</v>
      </c>
      <c r="L162" s="58">
        <f>Bühler!L188</f>
        <v>0.16155246850499844</v>
      </c>
      <c r="M162" s="57">
        <f>Bühler!M188</f>
        <v>0</v>
      </c>
      <c r="N162" s="55">
        <f>IF(Input!$K$13=1,J162*Input!$J$13,0)+IF(Input!$K$14=1,K162*Input!$J$14,0)+IF(Input!$K$15=1,L162*Input!$J$15,0)+IF(Input!$K$16=1,M162*Input!$J$16,0)</f>
        <v>1.299536380435631</v>
      </c>
      <c r="O162" s="58">
        <f>IF(Input!$K$13=2,J162*Input!$J$13,0)+IF(Input!$K$14=2,K162*Input!$J$14,0)+IF(Input!$K$15=2,L162*Input!$J$15,0)+IF(Input!$K$16=2,M162*Input!$J$16,0)</f>
        <v>4.3619166496349573E-2</v>
      </c>
      <c r="P162" s="58">
        <f>IF(Input!$K$13=3,J162*Input!$J$13,0)+IF(Input!$K$14=3,K162*Input!$J$14,0)+IF(Input!$K$15=3,L162*Input!$J$15,0)+IF(Input!$K$16=3,M162*Input!$J$16,0)</f>
        <v>0</v>
      </c>
      <c r="Q162" s="71">
        <f>IF(Input!$K$13=4,J162*Input!$J$13,0)+IF(Input!$K$14=4,K162*Input!$J$14,0)+IF(Input!$K$15=4,L162*Input!$J$15,0)+IF(Input!$K$16=4,M162*Input!$J$16,0)</f>
        <v>0</v>
      </c>
    </row>
    <row r="163" spans="2:17" x14ac:dyDescent="0.25">
      <c r="B163" s="43">
        <v>156</v>
      </c>
      <c r="C163" s="55">
        <f>Jesper!AM157</f>
        <v>13.883827020588564</v>
      </c>
      <c r="D163" s="58">
        <f>Jesper!AN157</f>
        <v>477.33958796630986</v>
      </c>
      <c r="E163" s="58">
        <f>Jesper!AO157</f>
        <v>37.936542076357604</v>
      </c>
      <c r="F163" s="58">
        <f>Jesper!AP157</f>
        <v>18.968271038178802</v>
      </c>
      <c r="G163" s="57">
        <f>Jesper!AQ157</f>
        <v>0</v>
      </c>
      <c r="H163" s="43">
        <v>156</v>
      </c>
      <c r="I163" s="55">
        <f>Bühler!I189</f>
        <v>3.5750198568120277</v>
      </c>
      <c r="J163" s="58">
        <f>Bühler!J189</f>
        <v>10.829469836963591</v>
      </c>
      <c r="K163" s="58">
        <f>Bühler!K189</f>
        <v>0.32310493700999687</v>
      </c>
      <c r="L163" s="58">
        <f>Bühler!L189</f>
        <v>0.16155246850499844</v>
      </c>
      <c r="M163" s="57">
        <f>Bühler!M189</f>
        <v>0</v>
      </c>
      <c r="N163" s="55">
        <f>IF(Input!$K$13=1,J163*Input!$J$13,0)+IF(Input!$K$14=1,K163*Input!$J$14,0)+IF(Input!$K$15=1,L163*Input!$J$15,0)+IF(Input!$K$16=1,M163*Input!$J$16,0)</f>
        <v>1.299536380435631</v>
      </c>
      <c r="O163" s="58">
        <f>IF(Input!$K$13=2,J163*Input!$J$13,0)+IF(Input!$K$14=2,K163*Input!$J$14,0)+IF(Input!$K$15=2,L163*Input!$J$15,0)+IF(Input!$K$16=2,M163*Input!$J$16,0)</f>
        <v>4.3619166496349573E-2</v>
      </c>
      <c r="P163" s="58">
        <f>IF(Input!$K$13=3,J163*Input!$J$13,0)+IF(Input!$K$14=3,K163*Input!$J$14,0)+IF(Input!$K$15=3,L163*Input!$J$15,0)+IF(Input!$K$16=3,M163*Input!$J$16,0)</f>
        <v>0</v>
      </c>
      <c r="Q163" s="71">
        <f>IF(Input!$K$13=4,J163*Input!$J$13,0)+IF(Input!$K$14=4,K163*Input!$J$14,0)+IF(Input!$K$15=4,L163*Input!$J$15,0)+IF(Input!$K$16=4,M163*Input!$J$16,0)</f>
        <v>0</v>
      </c>
    </row>
    <row r="164" spans="2:17" x14ac:dyDescent="0.25">
      <c r="B164" s="43">
        <v>157</v>
      </c>
      <c r="C164" s="55">
        <f>Jesper!AM158</f>
        <v>13.092104907334821</v>
      </c>
      <c r="D164" s="58">
        <f>Jesper!AN158</f>
        <v>474.26731754975236</v>
      </c>
      <c r="E164" s="58">
        <f>Jesper!AO158</f>
        <v>37.849353687865381</v>
      </c>
      <c r="F164" s="58">
        <f>Jesper!AP158</f>
        <v>18.924676843932691</v>
      </c>
      <c r="G164" s="57">
        <f>Jesper!AQ158</f>
        <v>0</v>
      </c>
      <c r="H164" s="43">
        <v>157</v>
      </c>
      <c r="I164" s="55">
        <f>Bühler!I190</f>
        <v>3.5750198568120277</v>
      </c>
      <c r="J164" s="58">
        <f>Bühler!J190</f>
        <v>10.829469836963591</v>
      </c>
      <c r="K164" s="58">
        <f>Bühler!K190</f>
        <v>0.32310493700999687</v>
      </c>
      <c r="L164" s="58">
        <f>Bühler!L190</f>
        <v>0.16155246850499844</v>
      </c>
      <c r="M164" s="57">
        <f>Bühler!M190</f>
        <v>0</v>
      </c>
      <c r="N164" s="55">
        <f>IF(Input!$K$13=1,J164*Input!$J$13,0)+IF(Input!$K$14=1,K164*Input!$J$14,0)+IF(Input!$K$15=1,L164*Input!$J$15,0)+IF(Input!$K$16=1,M164*Input!$J$16,0)</f>
        <v>1.299536380435631</v>
      </c>
      <c r="O164" s="58">
        <f>IF(Input!$K$13=2,J164*Input!$J$13,0)+IF(Input!$K$14=2,K164*Input!$J$14,0)+IF(Input!$K$15=2,L164*Input!$J$15,0)+IF(Input!$K$16=2,M164*Input!$J$16,0)</f>
        <v>4.3619166496349573E-2</v>
      </c>
      <c r="P164" s="58">
        <f>IF(Input!$K$13=3,J164*Input!$J$13,0)+IF(Input!$K$14=3,K164*Input!$J$14,0)+IF(Input!$K$15=3,L164*Input!$J$15,0)+IF(Input!$K$16=3,M164*Input!$J$16,0)</f>
        <v>0</v>
      </c>
      <c r="Q164" s="71">
        <f>IF(Input!$K$13=4,J164*Input!$J$13,0)+IF(Input!$K$14=4,K164*Input!$J$14,0)+IF(Input!$K$15=4,L164*Input!$J$15,0)+IF(Input!$K$16=4,M164*Input!$J$16,0)</f>
        <v>0</v>
      </c>
    </row>
    <row r="165" spans="2:17" x14ac:dyDescent="0.25">
      <c r="B165" s="43">
        <v>158</v>
      </c>
      <c r="C165" s="55">
        <f>Jesper!AM159</f>
        <v>11.772568051911914</v>
      </c>
      <c r="D165" s="58">
        <f>Jesper!AN159</f>
        <v>469.14686685548986</v>
      </c>
      <c r="E165" s="58">
        <f>Jesper!AO159</f>
        <v>37.704039707045013</v>
      </c>
      <c r="F165" s="58">
        <f>Jesper!AP159</f>
        <v>18.852019853522506</v>
      </c>
      <c r="G165" s="57">
        <f>Jesper!AQ159</f>
        <v>0</v>
      </c>
      <c r="H165" s="43">
        <v>158</v>
      </c>
      <c r="I165" s="55">
        <f>Bühler!I191</f>
        <v>3.5750198568120277</v>
      </c>
      <c r="J165" s="58">
        <f>Bühler!J191</f>
        <v>10.829469836963591</v>
      </c>
      <c r="K165" s="58">
        <f>Bühler!K191</f>
        <v>0.32310493700999687</v>
      </c>
      <c r="L165" s="58">
        <f>Bühler!L191</f>
        <v>0.16155246850499844</v>
      </c>
      <c r="M165" s="57">
        <f>Bühler!M191</f>
        <v>0</v>
      </c>
      <c r="N165" s="55">
        <f>IF(Input!$K$13=1,J165*Input!$J$13,0)+IF(Input!$K$14=1,K165*Input!$J$14,0)+IF(Input!$K$15=1,L165*Input!$J$15,0)+IF(Input!$K$16=1,M165*Input!$J$16,0)</f>
        <v>1.299536380435631</v>
      </c>
      <c r="O165" s="58">
        <f>IF(Input!$K$13=2,J165*Input!$J$13,0)+IF(Input!$K$14=2,K165*Input!$J$14,0)+IF(Input!$K$15=2,L165*Input!$J$15,0)+IF(Input!$K$16=2,M165*Input!$J$16,0)</f>
        <v>4.3619166496349573E-2</v>
      </c>
      <c r="P165" s="58">
        <f>IF(Input!$K$13=3,J165*Input!$J$13,0)+IF(Input!$K$14=3,K165*Input!$J$14,0)+IF(Input!$K$15=3,L165*Input!$J$15,0)+IF(Input!$K$16=3,M165*Input!$J$16,0)</f>
        <v>0</v>
      </c>
      <c r="Q165" s="71">
        <f>IF(Input!$K$13=4,J165*Input!$J$13,0)+IF(Input!$K$14=4,K165*Input!$J$14,0)+IF(Input!$K$15=4,L165*Input!$J$15,0)+IF(Input!$K$16=4,M165*Input!$J$16,0)</f>
        <v>0</v>
      </c>
    </row>
    <row r="166" spans="2:17" x14ac:dyDescent="0.25">
      <c r="B166" s="43">
        <v>159</v>
      </c>
      <c r="C166" s="55">
        <f>Jesper!AM160</f>
        <v>12.300382794081074</v>
      </c>
      <c r="D166" s="58">
        <f>Jesper!AN160</f>
        <v>471.19504713319486</v>
      </c>
      <c r="E166" s="58">
        <f>Jesper!AO160</f>
        <v>37.762165299373166</v>
      </c>
      <c r="F166" s="58">
        <f>Jesper!AP160</f>
        <v>18.881082649686583</v>
      </c>
      <c r="G166" s="57">
        <f>Jesper!AQ160</f>
        <v>0</v>
      </c>
      <c r="H166" s="43">
        <v>159</v>
      </c>
      <c r="I166" s="55">
        <f>Bühler!I192</f>
        <v>3.5750198568120277</v>
      </c>
      <c r="J166" s="58">
        <f>Bühler!J192</f>
        <v>10.829469836963591</v>
      </c>
      <c r="K166" s="58">
        <f>Bühler!K192</f>
        <v>0.32310493700999687</v>
      </c>
      <c r="L166" s="58">
        <f>Bühler!L192</f>
        <v>0.16155246850499844</v>
      </c>
      <c r="M166" s="57">
        <f>Bühler!M192</f>
        <v>0</v>
      </c>
      <c r="N166" s="55">
        <f>IF(Input!$K$13=1,J166*Input!$J$13,0)+IF(Input!$K$14=1,K166*Input!$J$14,0)+IF(Input!$K$15=1,L166*Input!$J$15,0)+IF(Input!$K$16=1,M166*Input!$J$16,0)</f>
        <v>1.299536380435631</v>
      </c>
      <c r="O166" s="58">
        <f>IF(Input!$K$13=2,J166*Input!$J$13,0)+IF(Input!$K$14=2,K166*Input!$J$14,0)+IF(Input!$K$15=2,L166*Input!$J$15,0)+IF(Input!$K$16=2,M166*Input!$J$16,0)</f>
        <v>4.3619166496349573E-2</v>
      </c>
      <c r="P166" s="58">
        <f>IF(Input!$K$13=3,J166*Input!$J$13,0)+IF(Input!$K$14=3,K166*Input!$J$14,0)+IF(Input!$K$15=3,L166*Input!$J$15,0)+IF(Input!$K$16=3,M166*Input!$J$16,0)</f>
        <v>0</v>
      </c>
      <c r="Q166" s="71">
        <f>IF(Input!$K$13=4,J166*Input!$J$13,0)+IF(Input!$K$14=4,K166*Input!$J$14,0)+IF(Input!$K$15=4,L166*Input!$J$15,0)+IF(Input!$K$16=4,M166*Input!$J$16,0)</f>
        <v>0</v>
      </c>
    </row>
    <row r="167" spans="2:17" x14ac:dyDescent="0.25">
      <c r="B167" s="43">
        <v>160</v>
      </c>
      <c r="C167" s="55">
        <f>Jesper!AM161</f>
        <v>10.189123825404428</v>
      </c>
      <c r="D167" s="58">
        <f>Jesper!AN161</f>
        <v>463.00232602237486</v>
      </c>
      <c r="E167" s="58">
        <f>Jesper!AO161</f>
        <v>37.529662930060582</v>
      </c>
      <c r="F167" s="58">
        <f>Jesper!AP161</f>
        <v>18.764831465030291</v>
      </c>
      <c r="G167" s="57">
        <f>Jesper!AQ161</f>
        <v>0</v>
      </c>
      <c r="H167" s="43">
        <v>160</v>
      </c>
      <c r="I167" s="55">
        <f>Bühler!I193</f>
        <v>3.23220973355608</v>
      </c>
      <c r="J167" s="58">
        <f>Bühler!J193</f>
        <v>10.815186081827926</v>
      </c>
      <c r="K167" s="58">
        <f>Bühler!K193</f>
        <v>0.32310493700999687</v>
      </c>
      <c r="L167" s="58">
        <f>Bühler!L193</f>
        <v>0.16155246850499844</v>
      </c>
      <c r="M167" s="57">
        <f>Bühler!M193</f>
        <v>0</v>
      </c>
      <c r="N167" s="55">
        <f>IF(Input!$K$13=1,J167*Input!$J$13,0)+IF(Input!$K$14=1,K167*Input!$J$14,0)+IF(Input!$K$15=1,L167*Input!$J$15,0)+IF(Input!$K$16=1,M167*Input!$J$16,0)</f>
        <v>1.2978223298193512</v>
      </c>
      <c r="O167" s="58">
        <f>IF(Input!$K$13=2,J167*Input!$J$13,0)+IF(Input!$K$14=2,K167*Input!$J$14,0)+IF(Input!$K$15=2,L167*Input!$J$15,0)+IF(Input!$K$16=2,M167*Input!$J$16,0)</f>
        <v>4.3619166496349573E-2</v>
      </c>
      <c r="P167" s="58">
        <f>IF(Input!$K$13=3,J167*Input!$J$13,0)+IF(Input!$K$14=3,K167*Input!$J$14,0)+IF(Input!$K$15=3,L167*Input!$J$15,0)+IF(Input!$K$16=3,M167*Input!$J$16,0)</f>
        <v>0</v>
      </c>
      <c r="Q167" s="71">
        <f>IF(Input!$K$13=4,J167*Input!$J$13,0)+IF(Input!$K$14=4,K167*Input!$J$14,0)+IF(Input!$K$15=4,L167*Input!$J$15,0)+IF(Input!$K$16=4,M167*Input!$J$16,0)</f>
        <v>0</v>
      </c>
    </row>
    <row r="168" spans="2:17" x14ac:dyDescent="0.25">
      <c r="B168" s="43">
        <v>161</v>
      </c>
      <c r="C168" s="55">
        <f>Jesper!AM162</f>
        <v>7.7391632800814989</v>
      </c>
      <c r="D168" s="58">
        <f>Jesper!AN162</f>
        <v>104.89264871845474</v>
      </c>
      <c r="E168" s="58">
        <f>Jesper!AO162</f>
        <v>5.259357708876788</v>
      </c>
      <c r="F168" s="58">
        <f>Jesper!AP162</f>
        <v>2.629678854438394</v>
      </c>
      <c r="G168" s="57">
        <f>Jesper!AQ162</f>
        <v>0</v>
      </c>
      <c r="H168" s="43">
        <v>161</v>
      </c>
      <c r="I168" s="55">
        <f>Bühler!I194</f>
        <v>2.9383724850509818</v>
      </c>
      <c r="J168" s="58">
        <f>Bühler!J194</f>
        <v>10.802942863140213</v>
      </c>
      <c r="K168" s="58">
        <f>Bühler!K194</f>
        <v>0.32310493700999687</v>
      </c>
      <c r="L168" s="58">
        <f>Bühler!L194</f>
        <v>0.16155246850499844</v>
      </c>
      <c r="M168" s="57">
        <f>Bühler!M194</f>
        <v>0</v>
      </c>
      <c r="N168" s="55">
        <f>IF(Input!$K$13=1,J168*Input!$J$13,0)+IF(Input!$K$14=1,K168*Input!$J$14,0)+IF(Input!$K$15=1,L168*Input!$J$15,0)+IF(Input!$K$16=1,M168*Input!$J$16,0)</f>
        <v>1.2963531435768256</v>
      </c>
      <c r="O168" s="58">
        <f>IF(Input!$K$13=2,J168*Input!$J$13,0)+IF(Input!$K$14=2,K168*Input!$J$14,0)+IF(Input!$K$15=2,L168*Input!$J$15,0)+IF(Input!$K$16=2,M168*Input!$J$16,0)</f>
        <v>4.3619166496349573E-2</v>
      </c>
      <c r="P168" s="58">
        <f>IF(Input!$K$13=3,J168*Input!$J$13,0)+IF(Input!$K$14=3,K168*Input!$J$14,0)+IF(Input!$K$15=3,L168*Input!$J$15,0)+IF(Input!$K$16=3,M168*Input!$J$16,0)</f>
        <v>0</v>
      </c>
      <c r="Q168" s="71">
        <f>IF(Input!$K$13=4,J168*Input!$J$13,0)+IF(Input!$K$14=4,K168*Input!$J$14,0)+IF(Input!$K$15=4,L168*Input!$J$15,0)+IF(Input!$K$16=4,M168*Input!$J$16,0)</f>
        <v>0</v>
      </c>
    </row>
    <row r="169" spans="2:17" x14ac:dyDescent="0.25">
      <c r="B169" s="43">
        <v>162</v>
      </c>
      <c r="C169" s="55">
        <f>Jesper!AM163</f>
        <v>8.942228443788677</v>
      </c>
      <c r="D169" s="58">
        <f>Jesper!AN163</f>
        <v>107.64879340526117</v>
      </c>
      <c r="E169" s="58">
        <f>Jesper!AO163</f>
        <v>5.2736432839068419</v>
      </c>
      <c r="F169" s="58">
        <f>Jesper!AP163</f>
        <v>2.6368216419534209</v>
      </c>
      <c r="G169" s="57">
        <f>Jesper!AQ163</f>
        <v>0</v>
      </c>
      <c r="H169" s="43">
        <v>162</v>
      </c>
      <c r="I169" s="55">
        <f>Bühler!I195</f>
        <v>2.6445352365458836</v>
      </c>
      <c r="J169" s="58">
        <f>Bühler!J195</f>
        <v>10.790699644452502</v>
      </c>
      <c r="K169" s="58">
        <f>Bühler!K195</f>
        <v>0.32310493700999687</v>
      </c>
      <c r="L169" s="58">
        <f>Bühler!L195</f>
        <v>0.16155246850499844</v>
      </c>
      <c r="M169" s="57">
        <f>Bühler!M195</f>
        <v>0</v>
      </c>
      <c r="N169" s="55">
        <f>IF(Input!$K$13=1,J169*Input!$J$13,0)+IF(Input!$K$14=1,K169*Input!$J$14,0)+IF(Input!$K$15=1,L169*Input!$J$15,0)+IF(Input!$K$16=1,M169*Input!$J$16,0)</f>
        <v>1.2948839573343003</v>
      </c>
      <c r="O169" s="58">
        <f>IF(Input!$K$13=2,J169*Input!$J$13,0)+IF(Input!$K$14=2,K169*Input!$J$14,0)+IF(Input!$K$15=2,L169*Input!$J$15,0)+IF(Input!$K$16=2,M169*Input!$J$16,0)</f>
        <v>4.3619166496349573E-2</v>
      </c>
      <c r="P169" s="58">
        <f>IF(Input!$K$13=3,J169*Input!$J$13,0)+IF(Input!$K$14=3,K169*Input!$J$14,0)+IF(Input!$K$15=3,L169*Input!$J$15,0)+IF(Input!$K$16=3,M169*Input!$J$16,0)</f>
        <v>0</v>
      </c>
      <c r="Q169" s="71">
        <f>IF(Input!$K$13=4,J169*Input!$J$13,0)+IF(Input!$K$14=4,K169*Input!$J$14,0)+IF(Input!$K$15=4,L169*Input!$J$15,0)+IF(Input!$K$16=4,M169*Input!$J$16,0)</f>
        <v>0</v>
      </c>
    </row>
    <row r="170" spans="2:17" x14ac:dyDescent="0.25">
      <c r="B170" s="43">
        <v>163</v>
      </c>
      <c r="C170" s="55">
        <f>Jesper!AM164</f>
        <v>11.772568051911914</v>
      </c>
      <c r="D170" s="58">
        <f>Jesper!AN164</f>
        <v>469.14686685548986</v>
      </c>
      <c r="E170" s="58">
        <f>Jesper!AO164</f>
        <v>37.704039707045013</v>
      </c>
      <c r="F170" s="58">
        <f>Jesper!AP164</f>
        <v>18.852019853522506</v>
      </c>
      <c r="G170" s="57">
        <f>Jesper!AQ164</f>
        <v>0</v>
      </c>
      <c r="H170" s="43">
        <v>163</v>
      </c>
      <c r="I170" s="55">
        <f>Bühler!I196</f>
        <v>2.5465894870441841</v>
      </c>
      <c r="J170" s="58">
        <f>Bühler!J196</f>
        <v>10.786618571556598</v>
      </c>
      <c r="K170" s="58">
        <f>Bühler!K196</f>
        <v>0.32310493700999687</v>
      </c>
      <c r="L170" s="58">
        <f>Bühler!L196</f>
        <v>0.16155246850499844</v>
      </c>
      <c r="M170" s="57">
        <f>Bühler!M196</f>
        <v>0</v>
      </c>
      <c r="N170" s="55">
        <f>IF(Input!$K$13=1,J170*Input!$J$13,0)+IF(Input!$K$14=1,K170*Input!$J$14,0)+IF(Input!$K$15=1,L170*Input!$J$15,0)+IF(Input!$K$16=1,M170*Input!$J$16,0)</f>
        <v>1.2943942285867918</v>
      </c>
      <c r="O170" s="58">
        <f>IF(Input!$K$13=2,J170*Input!$J$13,0)+IF(Input!$K$14=2,K170*Input!$J$14,0)+IF(Input!$K$15=2,L170*Input!$J$15,0)+IF(Input!$K$16=2,M170*Input!$J$16,0)</f>
        <v>4.3619166496349573E-2</v>
      </c>
      <c r="P170" s="58">
        <f>IF(Input!$K$13=3,J170*Input!$J$13,0)+IF(Input!$K$14=3,K170*Input!$J$14,0)+IF(Input!$K$15=3,L170*Input!$J$15,0)+IF(Input!$K$16=3,M170*Input!$J$16,0)</f>
        <v>0</v>
      </c>
      <c r="Q170" s="71">
        <f>IF(Input!$K$13=4,J170*Input!$J$13,0)+IF(Input!$K$14=4,K170*Input!$J$14,0)+IF(Input!$K$15=4,L170*Input!$J$15,0)+IF(Input!$K$16=4,M170*Input!$J$16,0)</f>
        <v>0</v>
      </c>
    </row>
    <row r="171" spans="2:17" x14ac:dyDescent="0.25">
      <c r="B171" s="43">
        <v>164</v>
      </c>
      <c r="C171" s="55">
        <f>Jesper!AM165</f>
        <v>17.314622844688127</v>
      </c>
      <c r="D171" s="58">
        <f>Jesper!AN165</f>
        <v>490.65275977139237</v>
      </c>
      <c r="E171" s="58">
        <f>Jesper!AO165</f>
        <v>38.31435842649055</v>
      </c>
      <c r="F171" s="58">
        <f>Jesper!AP165</f>
        <v>19.157179213245275</v>
      </c>
      <c r="G171" s="57">
        <f>Jesper!AQ165</f>
        <v>0</v>
      </c>
      <c r="H171" s="43">
        <v>164</v>
      </c>
      <c r="I171" s="55">
        <f>Bühler!I197</f>
        <v>2.0568607395356873</v>
      </c>
      <c r="J171" s="58">
        <f>Bühler!J197</f>
        <v>10.766213207077078</v>
      </c>
      <c r="K171" s="58">
        <f>Bühler!K197</f>
        <v>0.32310493700999687</v>
      </c>
      <c r="L171" s="58">
        <f>Bühler!L197</f>
        <v>0.16155246850499844</v>
      </c>
      <c r="M171" s="57">
        <f>Bühler!M197</f>
        <v>0</v>
      </c>
      <c r="N171" s="55">
        <f>IF(Input!$K$13=1,J171*Input!$J$13,0)+IF(Input!$K$14=1,K171*Input!$J$14,0)+IF(Input!$K$15=1,L171*Input!$J$15,0)+IF(Input!$K$16=1,M171*Input!$J$16,0)</f>
        <v>1.2919455848492494</v>
      </c>
      <c r="O171" s="58">
        <f>IF(Input!$K$13=2,J171*Input!$J$13,0)+IF(Input!$K$14=2,K171*Input!$J$14,0)+IF(Input!$K$15=2,L171*Input!$J$15,0)+IF(Input!$K$16=2,M171*Input!$J$16,0)</f>
        <v>4.3619166496349573E-2</v>
      </c>
      <c r="P171" s="58">
        <f>IF(Input!$K$13=3,J171*Input!$J$13,0)+IF(Input!$K$14=3,K171*Input!$J$14,0)+IF(Input!$K$15=3,L171*Input!$J$15,0)+IF(Input!$K$16=3,M171*Input!$J$16,0)</f>
        <v>0</v>
      </c>
      <c r="Q171" s="71">
        <f>IF(Input!$K$13=4,J171*Input!$J$13,0)+IF(Input!$K$14=4,K171*Input!$J$14,0)+IF(Input!$K$15=4,L171*Input!$J$15,0)+IF(Input!$K$16=4,M171*Input!$J$16,0)</f>
        <v>0</v>
      </c>
    </row>
    <row r="172" spans="2:17" x14ac:dyDescent="0.25">
      <c r="B172" s="43">
        <v>165</v>
      </c>
      <c r="C172" s="55">
        <f>Jesper!AM166</f>
        <v>13.883827020588564</v>
      </c>
      <c r="D172" s="58">
        <f>Jesper!AN166</f>
        <v>477.33958796630986</v>
      </c>
      <c r="E172" s="58">
        <f>Jesper!AO166</f>
        <v>37.936542076357604</v>
      </c>
      <c r="F172" s="58">
        <f>Jesper!AP166</f>
        <v>18.968271038178802</v>
      </c>
      <c r="G172" s="57">
        <f>Jesper!AQ166</f>
        <v>0</v>
      </c>
      <c r="H172" s="43">
        <v>165</v>
      </c>
      <c r="I172" s="55">
        <f>Bühler!I198</f>
        <v>1.5181591172763405</v>
      </c>
      <c r="J172" s="58">
        <f>Bühler!J198</f>
        <v>10.743767306149605</v>
      </c>
      <c r="K172" s="58">
        <f>Bühler!K198</f>
        <v>0.32310493700999687</v>
      </c>
      <c r="L172" s="58">
        <f>Bühler!L198</f>
        <v>0.16155246850499844</v>
      </c>
      <c r="M172" s="57">
        <f>Bühler!M198</f>
        <v>0</v>
      </c>
      <c r="N172" s="55">
        <f>IF(Input!$K$13=1,J172*Input!$J$13,0)+IF(Input!$K$14=1,K172*Input!$J$14,0)+IF(Input!$K$15=1,L172*Input!$J$15,0)+IF(Input!$K$16=1,M172*Input!$J$16,0)</f>
        <v>1.2892520767379525</v>
      </c>
      <c r="O172" s="58">
        <f>IF(Input!$K$13=2,J172*Input!$J$13,0)+IF(Input!$K$14=2,K172*Input!$J$14,0)+IF(Input!$K$15=2,L172*Input!$J$15,0)+IF(Input!$K$16=2,M172*Input!$J$16,0)</f>
        <v>4.3619166496349573E-2</v>
      </c>
      <c r="P172" s="58">
        <f>IF(Input!$K$13=3,J172*Input!$J$13,0)+IF(Input!$K$14=3,K172*Input!$J$14,0)+IF(Input!$K$15=3,L172*Input!$J$15,0)+IF(Input!$K$16=3,M172*Input!$J$16,0)</f>
        <v>0</v>
      </c>
      <c r="Q172" s="71">
        <f>IF(Input!$K$13=4,J172*Input!$J$13,0)+IF(Input!$K$14=4,K172*Input!$J$14,0)+IF(Input!$K$15=4,L172*Input!$J$15,0)+IF(Input!$K$16=4,M172*Input!$J$16,0)</f>
        <v>0</v>
      </c>
    </row>
    <row r="173" spans="2:17" x14ac:dyDescent="0.25">
      <c r="B173" s="43">
        <v>166</v>
      </c>
      <c r="C173" s="55">
        <f>Jesper!AM167</f>
        <v>13.883827020588564</v>
      </c>
      <c r="D173" s="58">
        <f>Jesper!AN167</f>
        <v>477.33958796630986</v>
      </c>
      <c r="E173" s="58">
        <f>Jesper!AO167</f>
        <v>37.936542076357604</v>
      </c>
      <c r="F173" s="58">
        <f>Jesper!AP167</f>
        <v>18.968271038178802</v>
      </c>
      <c r="G173" s="57">
        <f>Jesper!AQ167</f>
        <v>0</v>
      </c>
      <c r="H173" s="43">
        <v>166</v>
      </c>
      <c r="I173" s="55">
        <f>Bühler!I199</f>
        <v>1.5181591172763405</v>
      </c>
      <c r="J173" s="58">
        <f>Bühler!J199</f>
        <v>10.743767306149605</v>
      </c>
      <c r="K173" s="58">
        <f>Bühler!K199</f>
        <v>0.32310493700999687</v>
      </c>
      <c r="L173" s="58">
        <f>Bühler!L199</f>
        <v>0.16155246850499844</v>
      </c>
      <c r="M173" s="57">
        <f>Bühler!M199</f>
        <v>0</v>
      </c>
      <c r="N173" s="55">
        <f>IF(Input!$K$13=1,J173*Input!$J$13,0)+IF(Input!$K$14=1,K173*Input!$J$14,0)+IF(Input!$K$15=1,L173*Input!$J$15,0)+IF(Input!$K$16=1,M173*Input!$J$16,0)</f>
        <v>1.2892520767379525</v>
      </c>
      <c r="O173" s="58">
        <f>IF(Input!$K$13=2,J173*Input!$J$13,0)+IF(Input!$K$14=2,K173*Input!$J$14,0)+IF(Input!$K$15=2,L173*Input!$J$15,0)+IF(Input!$K$16=2,M173*Input!$J$16,0)</f>
        <v>4.3619166496349573E-2</v>
      </c>
      <c r="P173" s="58">
        <f>IF(Input!$K$13=3,J173*Input!$J$13,0)+IF(Input!$K$14=3,K173*Input!$J$14,0)+IF(Input!$K$15=3,L173*Input!$J$15,0)+IF(Input!$K$16=3,M173*Input!$J$16,0)</f>
        <v>0</v>
      </c>
      <c r="Q173" s="71">
        <f>IF(Input!$K$13=4,J173*Input!$J$13,0)+IF(Input!$K$14=4,K173*Input!$J$14,0)+IF(Input!$K$15=4,L173*Input!$J$15,0)+IF(Input!$K$16=4,M173*Input!$J$16,0)</f>
        <v>0</v>
      </c>
    </row>
    <row r="174" spans="2:17" x14ac:dyDescent="0.25">
      <c r="B174" s="43">
        <v>167</v>
      </c>
      <c r="C174" s="55">
        <f>Jesper!AM168</f>
        <v>8.6056795988969359</v>
      </c>
      <c r="D174" s="58">
        <f>Jesper!AN168</f>
        <v>456.85778518925986</v>
      </c>
      <c r="E174" s="58">
        <f>Jesper!AO168</f>
        <v>37.35528615307615</v>
      </c>
      <c r="F174" s="58">
        <f>Jesper!AP168</f>
        <v>18.677643076538075</v>
      </c>
      <c r="G174" s="57">
        <f>Jesper!AQ168</f>
        <v>0</v>
      </c>
      <c r="H174" s="43">
        <v>167</v>
      </c>
      <c r="I174" s="55">
        <f>Bühler!I200</f>
        <v>1.5181591172763405</v>
      </c>
      <c r="J174" s="58">
        <f>Bühler!J200</f>
        <v>10.743767306149605</v>
      </c>
      <c r="K174" s="58">
        <f>Bühler!K200</f>
        <v>0.32310493700999687</v>
      </c>
      <c r="L174" s="58">
        <f>Bühler!L200</f>
        <v>0.16155246850499844</v>
      </c>
      <c r="M174" s="57">
        <f>Bühler!M200</f>
        <v>0</v>
      </c>
      <c r="N174" s="55">
        <f>IF(Input!$K$13=1,J174*Input!$J$13,0)+IF(Input!$K$14=1,K174*Input!$J$14,0)+IF(Input!$K$15=1,L174*Input!$J$15,0)+IF(Input!$K$16=1,M174*Input!$J$16,0)</f>
        <v>1.2892520767379525</v>
      </c>
      <c r="O174" s="58">
        <f>IF(Input!$K$13=2,J174*Input!$J$13,0)+IF(Input!$K$14=2,K174*Input!$J$14,0)+IF(Input!$K$15=2,L174*Input!$J$15,0)+IF(Input!$K$16=2,M174*Input!$J$16,0)</f>
        <v>4.3619166496349573E-2</v>
      </c>
      <c r="P174" s="58">
        <f>IF(Input!$K$13=3,J174*Input!$J$13,0)+IF(Input!$K$14=3,K174*Input!$J$14,0)+IF(Input!$K$15=3,L174*Input!$J$15,0)+IF(Input!$K$16=3,M174*Input!$J$16,0)</f>
        <v>0</v>
      </c>
      <c r="Q174" s="71">
        <f>IF(Input!$K$13=4,J174*Input!$J$13,0)+IF(Input!$K$14=4,K174*Input!$J$14,0)+IF(Input!$K$15=4,L174*Input!$J$15,0)+IF(Input!$K$16=4,M174*Input!$J$16,0)</f>
        <v>0</v>
      </c>
    </row>
    <row r="175" spans="2:17" x14ac:dyDescent="0.25">
      <c r="B175" s="43">
        <v>168</v>
      </c>
      <c r="C175" s="55">
        <f>Jesper!AM169</f>
        <v>6.987247552764515</v>
      </c>
      <c r="D175" s="58">
        <f>Jesper!AN169</f>
        <v>103.17005828920074</v>
      </c>
      <c r="E175" s="58">
        <f>Jesper!AO169</f>
        <v>5.250429224483006</v>
      </c>
      <c r="F175" s="58">
        <f>Jesper!AP169</f>
        <v>2.625214612241503</v>
      </c>
      <c r="G175" s="57">
        <f>Jesper!AQ169</f>
        <v>0</v>
      </c>
      <c r="H175" s="43">
        <v>168</v>
      </c>
      <c r="I175" s="55">
        <f>Bühler!I201</f>
        <v>1.5181591172763405</v>
      </c>
      <c r="J175" s="58">
        <f>Bühler!J201</f>
        <v>10.743767306149605</v>
      </c>
      <c r="K175" s="58">
        <f>Bühler!K201</f>
        <v>0.32310493700999687</v>
      </c>
      <c r="L175" s="58">
        <f>Bühler!L201</f>
        <v>0.16155246850499844</v>
      </c>
      <c r="M175" s="57">
        <f>Bühler!M201</f>
        <v>0</v>
      </c>
      <c r="N175" s="55">
        <f>IF(Input!$K$13=1,J175*Input!$J$13,0)+IF(Input!$K$14=1,K175*Input!$J$14,0)+IF(Input!$K$15=1,L175*Input!$J$15,0)+IF(Input!$K$16=1,M175*Input!$J$16,0)</f>
        <v>1.2892520767379525</v>
      </c>
      <c r="O175" s="58">
        <f>IF(Input!$K$13=2,J175*Input!$J$13,0)+IF(Input!$K$14=2,K175*Input!$J$14,0)+IF(Input!$K$15=2,L175*Input!$J$15,0)+IF(Input!$K$16=2,M175*Input!$J$16,0)</f>
        <v>4.3619166496349573E-2</v>
      </c>
      <c r="P175" s="58">
        <f>IF(Input!$K$13=3,J175*Input!$J$13,0)+IF(Input!$K$14=3,K175*Input!$J$14,0)+IF(Input!$K$15=3,L175*Input!$J$15,0)+IF(Input!$K$16=3,M175*Input!$J$16,0)</f>
        <v>0</v>
      </c>
      <c r="Q175" s="71">
        <f>IF(Input!$K$13=4,J175*Input!$J$13,0)+IF(Input!$K$14=4,K175*Input!$J$14,0)+IF(Input!$K$15=4,L175*Input!$J$15,0)+IF(Input!$K$16=4,M175*Input!$J$16,0)</f>
        <v>0</v>
      </c>
    </row>
    <row r="176" spans="2:17" x14ac:dyDescent="0.25">
      <c r="B176" s="43">
        <v>169</v>
      </c>
      <c r="C176" s="55">
        <f>Jesper!AM170</f>
        <v>4.5811172253501642</v>
      </c>
      <c r="D176" s="58">
        <f>Jesper!AN170</f>
        <v>97.657768915587866</v>
      </c>
      <c r="E176" s="58">
        <f>Jesper!AO170</f>
        <v>5.2218580744229</v>
      </c>
      <c r="F176" s="58">
        <f>Jesper!AP170</f>
        <v>2.61092903721145</v>
      </c>
      <c r="G176" s="57">
        <f>Jesper!AQ170</f>
        <v>0</v>
      </c>
      <c r="H176" s="43">
        <v>169</v>
      </c>
      <c r="I176" s="55">
        <f>Bühler!I202</f>
        <v>2.8606807687342193</v>
      </c>
      <c r="J176" s="58">
        <f>Bühler!J202</f>
        <v>14.762080689006781</v>
      </c>
      <c r="K176" s="58">
        <f>Bühler!K202</f>
        <v>0.38780567892821205</v>
      </c>
      <c r="L176" s="58">
        <f>Bühler!L202</f>
        <v>0.19390283946410602</v>
      </c>
      <c r="M176" s="57">
        <f>Bühler!M202</f>
        <v>0</v>
      </c>
      <c r="N176" s="55">
        <f>IF(Input!$K$13=1,J176*Input!$J$13,0)+IF(Input!$K$14=1,K176*Input!$J$14,0)+IF(Input!$K$15=1,L176*Input!$J$15,0)+IF(Input!$K$16=1,M176*Input!$J$16,0)</f>
        <v>1.7714496826808137</v>
      </c>
      <c r="O176" s="58">
        <f>IF(Input!$K$13=2,J176*Input!$J$13,0)+IF(Input!$K$14=2,K176*Input!$J$14,0)+IF(Input!$K$15=2,L176*Input!$J$15,0)+IF(Input!$K$16=2,M176*Input!$J$16,0)</f>
        <v>5.2353766655308623E-2</v>
      </c>
      <c r="P176" s="58">
        <f>IF(Input!$K$13=3,J176*Input!$J$13,0)+IF(Input!$K$14=3,K176*Input!$J$14,0)+IF(Input!$K$15=3,L176*Input!$J$15,0)+IF(Input!$K$16=3,M176*Input!$J$16,0)</f>
        <v>0</v>
      </c>
      <c r="Q176" s="71">
        <f>IF(Input!$K$13=4,J176*Input!$J$13,0)+IF(Input!$K$14=4,K176*Input!$J$14,0)+IF(Input!$K$15=4,L176*Input!$J$15,0)+IF(Input!$K$16=4,M176*Input!$J$16,0)</f>
        <v>0</v>
      </c>
    </row>
    <row r="177" spans="2:17" x14ac:dyDescent="0.25">
      <c r="B177" s="43">
        <v>170</v>
      </c>
      <c r="C177" s="55">
        <f>Jesper!AM171</f>
        <v>0</v>
      </c>
      <c r="D177" s="58">
        <f>Jesper!AN171</f>
        <v>420.22191761055274</v>
      </c>
      <c r="E177" s="58">
        <f>Jesper!AO171</f>
        <v>36.279962695005452</v>
      </c>
      <c r="F177" s="58">
        <f>Jesper!AP171</f>
        <v>18.139981347502726</v>
      </c>
      <c r="G177" s="57">
        <f>Jesper!AQ171</f>
        <v>0</v>
      </c>
      <c r="H177" s="43">
        <v>170</v>
      </c>
      <c r="I177" s="55">
        <f>Bühler!I203</f>
        <v>3.3220808927236094</v>
      </c>
      <c r="J177" s="58">
        <f>Bühler!J203</f>
        <v>14.781305694173005</v>
      </c>
      <c r="K177" s="58">
        <f>Bühler!K203</f>
        <v>0.38780567892821205</v>
      </c>
      <c r="L177" s="58">
        <f>Bühler!L203</f>
        <v>0.19390283946410602</v>
      </c>
      <c r="M177" s="57">
        <f>Bühler!M203</f>
        <v>0</v>
      </c>
      <c r="N177" s="55">
        <f>IF(Input!$K$13=1,J177*Input!$J$13,0)+IF(Input!$K$14=1,K177*Input!$J$14,0)+IF(Input!$K$15=1,L177*Input!$J$15,0)+IF(Input!$K$16=1,M177*Input!$J$16,0)</f>
        <v>1.7737566833007605</v>
      </c>
      <c r="O177" s="58">
        <f>IF(Input!$K$13=2,J177*Input!$J$13,0)+IF(Input!$K$14=2,K177*Input!$J$14,0)+IF(Input!$K$15=2,L177*Input!$J$15,0)+IF(Input!$K$16=2,M177*Input!$J$16,0)</f>
        <v>5.2353766655308623E-2</v>
      </c>
      <c r="P177" s="58">
        <f>IF(Input!$K$13=3,J177*Input!$J$13,0)+IF(Input!$K$14=3,K177*Input!$J$14,0)+IF(Input!$K$15=3,L177*Input!$J$15,0)+IF(Input!$K$16=3,M177*Input!$J$16,0)</f>
        <v>0</v>
      </c>
      <c r="Q177" s="71">
        <f>IF(Input!$K$13=4,J177*Input!$J$13,0)+IF(Input!$K$14=4,K177*Input!$J$14,0)+IF(Input!$K$15=4,L177*Input!$J$15,0)+IF(Input!$K$16=4,M177*Input!$J$16,0)</f>
        <v>0</v>
      </c>
    </row>
    <row r="178" spans="2:17" x14ac:dyDescent="0.25">
      <c r="B178" s="43">
        <v>171</v>
      </c>
      <c r="C178" s="55">
        <f>Jesper!AM172</f>
        <v>0</v>
      </c>
      <c r="D178" s="58">
        <f>Jesper!AN172</f>
        <v>401.02896495260336</v>
      </c>
      <c r="E178" s="58">
        <f>Jesper!AO172</f>
        <v>35.524329994739553</v>
      </c>
      <c r="F178" s="58">
        <f>Jesper!AP172</f>
        <v>17.762164997369776</v>
      </c>
      <c r="G178" s="57">
        <f>Jesper!AQ172</f>
        <v>0</v>
      </c>
      <c r="H178" s="43">
        <v>171</v>
      </c>
      <c r="I178" s="55">
        <f>Bühler!I204</f>
        <v>3.3220808927236094</v>
      </c>
      <c r="J178" s="58">
        <f>Bühler!J204</f>
        <v>14.781305694173005</v>
      </c>
      <c r="K178" s="58">
        <f>Bühler!K204</f>
        <v>0.38780567892821205</v>
      </c>
      <c r="L178" s="58">
        <f>Bühler!L204</f>
        <v>0.19390283946410602</v>
      </c>
      <c r="M178" s="57">
        <f>Bühler!M204</f>
        <v>0</v>
      </c>
      <c r="N178" s="55">
        <f>IF(Input!$K$13=1,J178*Input!$J$13,0)+IF(Input!$K$14=1,K178*Input!$J$14,0)+IF(Input!$K$15=1,L178*Input!$J$15,0)+IF(Input!$K$16=1,M178*Input!$J$16,0)</f>
        <v>1.7737566833007605</v>
      </c>
      <c r="O178" s="58">
        <f>IF(Input!$K$13=2,J178*Input!$J$13,0)+IF(Input!$K$14=2,K178*Input!$J$14,0)+IF(Input!$K$15=2,L178*Input!$J$15,0)+IF(Input!$K$16=2,M178*Input!$J$16,0)</f>
        <v>5.2353766655308623E-2</v>
      </c>
      <c r="P178" s="58">
        <f>IF(Input!$K$13=3,J178*Input!$J$13,0)+IF(Input!$K$14=3,K178*Input!$J$14,0)+IF(Input!$K$15=3,L178*Input!$J$15,0)+IF(Input!$K$16=3,M178*Input!$J$16,0)</f>
        <v>0</v>
      </c>
      <c r="Q178" s="71">
        <f>IF(Input!$K$13=4,J178*Input!$J$13,0)+IF(Input!$K$14=4,K178*Input!$J$14,0)+IF(Input!$K$15=4,L178*Input!$J$15,0)+IF(Input!$K$16=4,M178*Input!$J$16,0)</f>
        <v>0</v>
      </c>
    </row>
    <row r="179" spans="2:17" x14ac:dyDescent="0.25">
      <c r="B179" s="43">
        <v>172</v>
      </c>
      <c r="C179" s="55">
        <f>Jesper!AM173</f>
        <v>0</v>
      </c>
      <c r="D179" s="58">
        <f>Jesper!AN173</f>
        <v>390.69429813678454</v>
      </c>
      <c r="E179" s="58">
        <f>Jesper!AO173</f>
        <v>35.117450848442537</v>
      </c>
      <c r="F179" s="58">
        <f>Jesper!AP173</f>
        <v>17.558725424221269</v>
      </c>
      <c r="G179" s="57">
        <f>Jesper!AQ173</f>
        <v>0</v>
      </c>
      <c r="H179" s="43">
        <v>172</v>
      </c>
      <c r="I179" s="55">
        <f>Bühler!I205</f>
        <v>3.3220808927236094</v>
      </c>
      <c r="J179" s="58">
        <f>Bühler!J205</f>
        <v>14.781305694173005</v>
      </c>
      <c r="K179" s="58">
        <f>Bühler!K205</f>
        <v>0.38780567892821205</v>
      </c>
      <c r="L179" s="58">
        <f>Bühler!L205</f>
        <v>0.19390283946410602</v>
      </c>
      <c r="M179" s="57">
        <f>Bühler!M205</f>
        <v>0</v>
      </c>
      <c r="N179" s="55">
        <f>IF(Input!$K$13=1,J179*Input!$J$13,0)+IF(Input!$K$14=1,K179*Input!$J$14,0)+IF(Input!$K$15=1,L179*Input!$J$15,0)+IF(Input!$K$16=1,M179*Input!$J$16,0)</f>
        <v>1.7737566833007605</v>
      </c>
      <c r="O179" s="58">
        <f>IF(Input!$K$13=2,J179*Input!$J$13,0)+IF(Input!$K$14=2,K179*Input!$J$14,0)+IF(Input!$K$15=2,L179*Input!$J$15,0)+IF(Input!$K$16=2,M179*Input!$J$16,0)</f>
        <v>5.2353766655308623E-2</v>
      </c>
      <c r="P179" s="58">
        <f>IF(Input!$K$13=3,J179*Input!$J$13,0)+IF(Input!$K$14=3,K179*Input!$J$14,0)+IF(Input!$K$15=3,L179*Input!$J$15,0)+IF(Input!$K$16=3,M179*Input!$J$16,0)</f>
        <v>0</v>
      </c>
      <c r="Q179" s="71">
        <f>IF(Input!$K$13=4,J179*Input!$J$13,0)+IF(Input!$K$14=4,K179*Input!$J$14,0)+IF(Input!$K$15=4,L179*Input!$J$15,0)+IF(Input!$K$16=4,M179*Input!$J$16,0)</f>
        <v>0</v>
      </c>
    </row>
    <row r="180" spans="2:17" x14ac:dyDescent="0.25">
      <c r="B180" s="43">
        <v>173</v>
      </c>
      <c r="C180" s="55">
        <f>Jesper!AM174</f>
        <v>0</v>
      </c>
      <c r="D180" s="58">
        <f>Jesper!AN174</f>
        <v>406.19629836051274</v>
      </c>
      <c r="E180" s="58">
        <f>Jesper!AO174</f>
        <v>35.727769567888068</v>
      </c>
      <c r="F180" s="58">
        <f>Jesper!AP174</f>
        <v>17.863884783944034</v>
      </c>
      <c r="G180" s="57">
        <f>Jesper!AQ174</f>
        <v>0</v>
      </c>
      <c r="H180" s="43">
        <v>173</v>
      </c>
      <c r="I180" s="55">
        <f>Bühler!I206</f>
        <v>3.3220808927236094</v>
      </c>
      <c r="J180" s="58">
        <f>Bühler!J206</f>
        <v>14.781305694173005</v>
      </c>
      <c r="K180" s="58">
        <f>Bühler!K206</f>
        <v>0.38780567892821205</v>
      </c>
      <c r="L180" s="58">
        <f>Bühler!L206</f>
        <v>0.19390283946410602</v>
      </c>
      <c r="M180" s="57">
        <f>Bühler!M206</f>
        <v>0</v>
      </c>
      <c r="N180" s="55">
        <f>IF(Input!$K$13=1,J180*Input!$J$13,0)+IF(Input!$K$14=1,K180*Input!$J$14,0)+IF(Input!$K$15=1,L180*Input!$J$15,0)+IF(Input!$K$16=1,M180*Input!$J$16,0)</f>
        <v>1.7737566833007605</v>
      </c>
      <c r="O180" s="58">
        <f>IF(Input!$K$13=2,J180*Input!$J$13,0)+IF(Input!$K$14=2,K180*Input!$J$14,0)+IF(Input!$K$15=2,L180*Input!$J$15,0)+IF(Input!$K$16=2,M180*Input!$J$16,0)</f>
        <v>5.2353766655308623E-2</v>
      </c>
      <c r="P180" s="58">
        <f>IF(Input!$K$13=3,J180*Input!$J$13,0)+IF(Input!$K$14=3,K180*Input!$J$14,0)+IF(Input!$K$15=3,L180*Input!$J$15,0)+IF(Input!$K$16=3,M180*Input!$J$16,0)</f>
        <v>0</v>
      </c>
      <c r="Q180" s="71">
        <f>IF(Input!$K$13=4,J180*Input!$J$13,0)+IF(Input!$K$14=4,K180*Input!$J$14,0)+IF(Input!$K$15=4,L180*Input!$J$15,0)+IF(Input!$K$16=4,M180*Input!$J$16,0)</f>
        <v>0</v>
      </c>
    </row>
    <row r="181" spans="2:17" x14ac:dyDescent="0.25">
      <c r="B181" s="43">
        <v>174</v>
      </c>
      <c r="C181" s="55">
        <f>Jesper!AM175</f>
        <v>0</v>
      </c>
      <c r="D181" s="58">
        <f>Jesper!AN175</f>
        <v>421.698298584241</v>
      </c>
      <c r="E181" s="58">
        <f>Jesper!AO175</f>
        <v>36.338088287333591</v>
      </c>
      <c r="F181" s="58">
        <f>Jesper!AP175</f>
        <v>18.169044143666795</v>
      </c>
      <c r="G181" s="57">
        <f>Jesper!AQ175</f>
        <v>0</v>
      </c>
      <c r="H181" s="43">
        <v>174</v>
      </c>
      <c r="I181" s="55">
        <f>Bühler!I207</f>
        <v>4.1526011159045124</v>
      </c>
      <c r="J181" s="58">
        <f>Bühler!J207</f>
        <v>14.815910703472209</v>
      </c>
      <c r="K181" s="58">
        <f>Bühler!K207</f>
        <v>0.38780567892821205</v>
      </c>
      <c r="L181" s="58">
        <f>Bühler!L207</f>
        <v>0.19390283946410602</v>
      </c>
      <c r="M181" s="57">
        <f>Bühler!M207</f>
        <v>0</v>
      </c>
      <c r="N181" s="55">
        <f>IF(Input!$K$13=1,J181*Input!$J$13,0)+IF(Input!$K$14=1,K181*Input!$J$14,0)+IF(Input!$K$15=1,L181*Input!$J$15,0)+IF(Input!$K$16=1,M181*Input!$J$16,0)</f>
        <v>1.7779092844166651</v>
      </c>
      <c r="O181" s="58">
        <f>IF(Input!$K$13=2,J181*Input!$J$13,0)+IF(Input!$K$14=2,K181*Input!$J$14,0)+IF(Input!$K$15=2,L181*Input!$J$15,0)+IF(Input!$K$16=2,M181*Input!$J$16,0)</f>
        <v>5.2353766655308623E-2</v>
      </c>
      <c r="P181" s="58">
        <f>IF(Input!$K$13=3,J181*Input!$J$13,0)+IF(Input!$K$14=3,K181*Input!$J$14,0)+IF(Input!$K$15=3,L181*Input!$J$15,0)+IF(Input!$K$16=3,M181*Input!$J$16,0)</f>
        <v>0</v>
      </c>
      <c r="Q181" s="71">
        <f>IF(Input!$K$13=4,J181*Input!$J$13,0)+IF(Input!$K$14=4,K181*Input!$J$14,0)+IF(Input!$K$15=4,L181*Input!$J$15,0)+IF(Input!$K$16=4,M181*Input!$J$16,0)</f>
        <v>0</v>
      </c>
    </row>
    <row r="182" spans="2:17" x14ac:dyDescent="0.25">
      <c r="B182" s="43">
        <v>175</v>
      </c>
      <c r="C182" s="55">
        <f>Jesper!AM176</f>
        <v>10.596443043886044</v>
      </c>
      <c r="D182" s="58">
        <f>Jesper!AN176</f>
        <v>111.43849234962002</v>
      </c>
      <c r="E182" s="58">
        <f>Jesper!AO176</f>
        <v>5.2932859495731632</v>
      </c>
      <c r="F182" s="58">
        <f>Jesper!AP176</f>
        <v>2.6466429747865816</v>
      </c>
      <c r="G182" s="57">
        <f>Jesper!AQ176</f>
        <v>0</v>
      </c>
      <c r="H182" s="43">
        <v>175</v>
      </c>
      <c r="I182" s="55">
        <f>Bühler!I208</f>
        <v>4.8908413142875364</v>
      </c>
      <c r="J182" s="58">
        <f>Bühler!J208</f>
        <v>14.846670711738168</v>
      </c>
      <c r="K182" s="58">
        <f>Bühler!K208</f>
        <v>0.38780567892821205</v>
      </c>
      <c r="L182" s="58">
        <f>Bühler!L208</f>
        <v>0.19390283946410602</v>
      </c>
      <c r="M182" s="57">
        <f>Bühler!M208</f>
        <v>0</v>
      </c>
      <c r="N182" s="55">
        <f>IF(Input!$K$13=1,J182*Input!$J$13,0)+IF(Input!$K$14=1,K182*Input!$J$14,0)+IF(Input!$K$15=1,L182*Input!$J$15,0)+IF(Input!$K$16=1,M182*Input!$J$16,0)</f>
        <v>1.7816004854085801</v>
      </c>
      <c r="O182" s="58">
        <f>IF(Input!$K$13=2,J182*Input!$J$13,0)+IF(Input!$K$14=2,K182*Input!$J$14,0)+IF(Input!$K$15=2,L182*Input!$J$15,0)+IF(Input!$K$16=2,M182*Input!$J$16,0)</f>
        <v>5.2353766655308623E-2</v>
      </c>
      <c r="P182" s="58">
        <f>IF(Input!$K$13=3,J182*Input!$J$13,0)+IF(Input!$K$14=3,K182*Input!$J$14,0)+IF(Input!$K$15=3,L182*Input!$J$15,0)+IF(Input!$K$16=3,M182*Input!$J$16,0)</f>
        <v>0</v>
      </c>
      <c r="Q182" s="71">
        <f>IF(Input!$K$13=4,J182*Input!$J$13,0)+IF(Input!$K$14=4,K182*Input!$J$14,0)+IF(Input!$K$15=4,L182*Input!$J$15,0)+IF(Input!$K$16=4,M182*Input!$J$16,0)</f>
        <v>0</v>
      </c>
    </row>
    <row r="183" spans="2:17" x14ac:dyDescent="0.25">
      <c r="B183" s="43">
        <v>176</v>
      </c>
      <c r="C183" s="55">
        <f>Jesper!AM177</f>
        <v>4.5811172253501642</v>
      </c>
      <c r="D183" s="58">
        <f>Jesper!AN177</f>
        <v>97.657768915587866</v>
      </c>
      <c r="E183" s="58">
        <f>Jesper!AO177</f>
        <v>5.2218580744229</v>
      </c>
      <c r="F183" s="58">
        <f>Jesper!AP177</f>
        <v>2.61092903721145</v>
      </c>
      <c r="G183" s="57">
        <f>Jesper!AQ177</f>
        <v>0</v>
      </c>
      <c r="H183" s="43">
        <v>176</v>
      </c>
      <c r="I183" s="55">
        <f>Bühler!I209</f>
        <v>5.8136415622663167</v>
      </c>
      <c r="J183" s="58">
        <f>Bühler!J209</f>
        <v>14.885120722070617</v>
      </c>
      <c r="K183" s="58">
        <f>Bühler!K209</f>
        <v>0.38780567892821205</v>
      </c>
      <c r="L183" s="58">
        <f>Bühler!L209</f>
        <v>0.19390283946410602</v>
      </c>
      <c r="M183" s="57">
        <f>Bühler!M209</f>
        <v>0</v>
      </c>
      <c r="N183" s="55">
        <f>IF(Input!$K$13=1,J183*Input!$J$13,0)+IF(Input!$K$14=1,K183*Input!$J$14,0)+IF(Input!$K$15=1,L183*Input!$J$15,0)+IF(Input!$K$16=1,M183*Input!$J$16,0)</f>
        <v>1.7862144866484739</v>
      </c>
      <c r="O183" s="58">
        <f>IF(Input!$K$13=2,J183*Input!$J$13,0)+IF(Input!$K$14=2,K183*Input!$J$14,0)+IF(Input!$K$15=2,L183*Input!$J$15,0)+IF(Input!$K$16=2,M183*Input!$J$16,0)</f>
        <v>5.2353766655308623E-2</v>
      </c>
      <c r="P183" s="58">
        <f>IF(Input!$K$13=3,J183*Input!$J$13,0)+IF(Input!$K$14=3,K183*Input!$J$14,0)+IF(Input!$K$15=3,L183*Input!$J$15,0)+IF(Input!$K$16=3,M183*Input!$J$16,0)</f>
        <v>0</v>
      </c>
      <c r="Q183" s="71">
        <f>IF(Input!$K$13=4,J183*Input!$J$13,0)+IF(Input!$K$14=4,K183*Input!$J$14,0)+IF(Input!$K$15=4,L183*Input!$J$15,0)+IF(Input!$K$16=4,M183*Input!$J$16,0)</f>
        <v>0</v>
      </c>
    </row>
    <row r="184" spans="2:17" x14ac:dyDescent="0.25">
      <c r="B184" s="43">
        <v>177</v>
      </c>
      <c r="C184" s="55">
        <f>Jesper!AM178</f>
        <v>0</v>
      </c>
      <c r="D184" s="58">
        <f>Jesper!AN178</f>
        <v>421.698298584241</v>
      </c>
      <c r="E184" s="58">
        <f>Jesper!AO178</f>
        <v>36.338088287333591</v>
      </c>
      <c r="F184" s="58">
        <f>Jesper!AP178</f>
        <v>18.169044143666795</v>
      </c>
      <c r="G184" s="57">
        <f>Jesper!AQ178</f>
        <v>0</v>
      </c>
      <c r="H184" s="43">
        <v>177</v>
      </c>
      <c r="I184" s="55">
        <f>Bühler!I210</f>
        <v>5.8136415622663167</v>
      </c>
      <c r="J184" s="58">
        <f>Bühler!J210</f>
        <v>14.885120722070617</v>
      </c>
      <c r="K184" s="58">
        <f>Bühler!K210</f>
        <v>0.38780567892821205</v>
      </c>
      <c r="L184" s="58">
        <f>Bühler!L210</f>
        <v>0.19390283946410602</v>
      </c>
      <c r="M184" s="57">
        <f>Bühler!M210</f>
        <v>0</v>
      </c>
      <c r="N184" s="55">
        <f>IF(Input!$K$13=1,J184*Input!$J$13,0)+IF(Input!$K$14=1,K184*Input!$J$14,0)+IF(Input!$K$15=1,L184*Input!$J$15,0)+IF(Input!$K$16=1,M184*Input!$J$16,0)</f>
        <v>1.7862144866484739</v>
      </c>
      <c r="O184" s="58">
        <f>IF(Input!$K$13=2,J184*Input!$J$13,0)+IF(Input!$K$14=2,K184*Input!$J$14,0)+IF(Input!$K$15=2,L184*Input!$J$15,0)+IF(Input!$K$16=2,M184*Input!$J$16,0)</f>
        <v>5.2353766655308623E-2</v>
      </c>
      <c r="P184" s="58">
        <f>IF(Input!$K$13=3,J184*Input!$J$13,0)+IF(Input!$K$14=3,K184*Input!$J$14,0)+IF(Input!$K$15=3,L184*Input!$J$15,0)+IF(Input!$K$16=3,M184*Input!$J$16,0)</f>
        <v>0</v>
      </c>
      <c r="Q184" s="71">
        <f>IF(Input!$K$13=4,J184*Input!$J$13,0)+IF(Input!$K$14=4,K184*Input!$J$14,0)+IF(Input!$K$15=4,L184*Input!$J$15,0)+IF(Input!$K$16=4,M184*Input!$J$16,0)</f>
        <v>0</v>
      </c>
    </row>
    <row r="185" spans="2:17" x14ac:dyDescent="0.25">
      <c r="B185" s="43">
        <v>178</v>
      </c>
      <c r="C185" s="55">
        <f>Jesper!AM179</f>
        <v>0.42455109527489765</v>
      </c>
      <c r="D185" s="58">
        <f>Jesper!AN179</f>
        <v>425.11099088483235</v>
      </c>
      <c r="E185" s="58">
        <f>Jesper!AO179</f>
        <v>36.45433947198989</v>
      </c>
      <c r="F185" s="58">
        <f>Jesper!AP179</f>
        <v>18.227169735994945</v>
      </c>
      <c r="G185" s="57">
        <f>Jesper!AQ179</f>
        <v>0</v>
      </c>
      <c r="H185" s="43">
        <v>178</v>
      </c>
      <c r="I185" s="55">
        <f>Bühler!I211</f>
        <v>5.8136415622663167</v>
      </c>
      <c r="J185" s="58">
        <f>Bühler!J211</f>
        <v>14.885120722070617</v>
      </c>
      <c r="K185" s="58">
        <f>Bühler!K211</f>
        <v>0.38780567892821205</v>
      </c>
      <c r="L185" s="58">
        <f>Bühler!L211</f>
        <v>0.19390283946410602</v>
      </c>
      <c r="M185" s="57">
        <f>Bühler!M211</f>
        <v>0</v>
      </c>
      <c r="N185" s="55">
        <f>IF(Input!$K$13=1,J185*Input!$J$13,0)+IF(Input!$K$14=1,K185*Input!$J$14,0)+IF(Input!$K$15=1,L185*Input!$J$15,0)+IF(Input!$K$16=1,M185*Input!$J$16,0)</f>
        <v>1.7862144866484739</v>
      </c>
      <c r="O185" s="58">
        <f>IF(Input!$K$13=2,J185*Input!$J$13,0)+IF(Input!$K$14=2,K185*Input!$J$14,0)+IF(Input!$K$15=2,L185*Input!$J$15,0)+IF(Input!$K$16=2,M185*Input!$J$16,0)</f>
        <v>5.2353766655308623E-2</v>
      </c>
      <c r="P185" s="58">
        <f>IF(Input!$K$13=3,J185*Input!$J$13,0)+IF(Input!$K$14=3,K185*Input!$J$14,0)+IF(Input!$K$15=3,L185*Input!$J$15,0)+IF(Input!$K$16=3,M185*Input!$J$16,0)</f>
        <v>0</v>
      </c>
      <c r="Q185" s="71">
        <f>IF(Input!$K$13=4,J185*Input!$J$13,0)+IF(Input!$K$14=4,K185*Input!$J$14,0)+IF(Input!$K$15=4,L185*Input!$J$15,0)+IF(Input!$K$16=4,M185*Input!$J$16,0)</f>
        <v>0</v>
      </c>
    </row>
    <row r="186" spans="2:17" x14ac:dyDescent="0.25">
      <c r="B186" s="43">
        <v>179</v>
      </c>
      <c r="C186" s="55">
        <f>Jesper!AM180</f>
        <v>12.300382794081074</v>
      </c>
      <c r="D186" s="58">
        <f>Jesper!AN180</f>
        <v>471.19504713319486</v>
      </c>
      <c r="E186" s="58">
        <f>Jesper!AO180</f>
        <v>37.762165299373166</v>
      </c>
      <c r="F186" s="58">
        <f>Jesper!AP180</f>
        <v>18.881082649686583</v>
      </c>
      <c r="G186" s="57">
        <f>Jesper!AQ180</f>
        <v>0</v>
      </c>
      <c r="H186" s="43">
        <v>179</v>
      </c>
      <c r="I186" s="55">
        <f>Bühler!I212</f>
        <v>5.8136415622663167</v>
      </c>
      <c r="J186" s="58">
        <f>Bühler!J212</f>
        <v>14.885120722070617</v>
      </c>
      <c r="K186" s="58">
        <f>Bühler!K212</f>
        <v>0.38780567892821205</v>
      </c>
      <c r="L186" s="58">
        <f>Bühler!L212</f>
        <v>0.19390283946410602</v>
      </c>
      <c r="M186" s="57">
        <f>Bühler!M212</f>
        <v>0</v>
      </c>
      <c r="N186" s="55">
        <f>IF(Input!$K$13=1,J186*Input!$J$13,0)+IF(Input!$K$14=1,K186*Input!$J$14,0)+IF(Input!$K$15=1,L186*Input!$J$15,0)+IF(Input!$K$16=1,M186*Input!$J$16,0)</f>
        <v>1.7862144866484739</v>
      </c>
      <c r="O186" s="58">
        <f>IF(Input!$K$13=2,J186*Input!$J$13,0)+IF(Input!$K$14=2,K186*Input!$J$14,0)+IF(Input!$K$15=2,L186*Input!$J$15,0)+IF(Input!$K$16=2,M186*Input!$J$16,0)</f>
        <v>5.2353766655308623E-2</v>
      </c>
      <c r="P186" s="58">
        <f>IF(Input!$K$13=3,J186*Input!$J$13,0)+IF(Input!$K$14=3,K186*Input!$J$14,0)+IF(Input!$K$15=3,L186*Input!$J$15,0)+IF(Input!$K$16=3,M186*Input!$J$16,0)</f>
        <v>0</v>
      </c>
      <c r="Q186" s="71">
        <f>IF(Input!$K$13=4,J186*Input!$J$13,0)+IF(Input!$K$14=4,K186*Input!$J$14,0)+IF(Input!$K$15=4,L186*Input!$J$15,0)+IF(Input!$K$16=4,M186*Input!$J$16,0)</f>
        <v>0</v>
      </c>
    </row>
    <row r="187" spans="2:17" x14ac:dyDescent="0.25">
      <c r="B187" s="43">
        <v>180</v>
      </c>
      <c r="C187" s="55">
        <f>Jesper!AM181</f>
        <v>4.9109764037127981</v>
      </c>
      <c r="D187" s="58">
        <f>Jesper!AN181</f>
        <v>442.52052324532491</v>
      </c>
      <c r="E187" s="58">
        <f>Jesper!AO181</f>
        <v>36.948407006779128</v>
      </c>
      <c r="F187" s="58">
        <f>Jesper!AP181</f>
        <v>18.474203503389564</v>
      </c>
      <c r="G187" s="57">
        <f>Jesper!AQ181</f>
        <v>0</v>
      </c>
      <c r="H187" s="43">
        <v>180</v>
      </c>
      <c r="I187" s="55">
        <f>Bühler!I213</f>
        <v>5.8136415622663167</v>
      </c>
      <c r="J187" s="58">
        <f>Bühler!J213</f>
        <v>14.885120722070617</v>
      </c>
      <c r="K187" s="58">
        <f>Bühler!K213</f>
        <v>0.38780567892821205</v>
      </c>
      <c r="L187" s="58">
        <f>Bühler!L213</f>
        <v>0.19390283946410602</v>
      </c>
      <c r="M187" s="57">
        <f>Bühler!M213</f>
        <v>0</v>
      </c>
      <c r="N187" s="55">
        <f>IF(Input!$K$13=1,J187*Input!$J$13,0)+IF(Input!$K$14=1,K187*Input!$J$14,0)+IF(Input!$K$15=1,L187*Input!$J$15,0)+IF(Input!$K$16=1,M187*Input!$J$16,0)</f>
        <v>1.7862144866484739</v>
      </c>
      <c r="O187" s="58">
        <f>IF(Input!$K$13=2,J187*Input!$J$13,0)+IF(Input!$K$14=2,K187*Input!$J$14,0)+IF(Input!$K$15=2,L187*Input!$J$15,0)+IF(Input!$K$16=2,M187*Input!$J$16,0)</f>
        <v>5.2353766655308623E-2</v>
      </c>
      <c r="P187" s="58">
        <f>IF(Input!$K$13=3,J187*Input!$J$13,0)+IF(Input!$K$14=3,K187*Input!$J$14,0)+IF(Input!$K$15=3,L187*Input!$J$15,0)+IF(Input!$K$16=3,M187*Input!$J$16,0)</f>
        <v>0</v>
      </c>
      <c r="Q187" s="71">
        <f>IF(Input!$K$13=4,J187*Input!$J$13,0)+IF(Input!$K$14=4,K187*Input!$J$14,0)+IF(Input!$K$15=4,L187*Input!$J$15,0)+IF(Input!$K$16=4,M187*Input!$J$16,0)</f>
        <v>0</v>
      </c>
    </row>
    <row r="188" spans="2:17" x14ac:dyDescent="0.25">
      <c r="B188" s="43">
        <v>181</v>
      </c>
      <c r="C188" s="55">
        <f>Jesper!AM182</f>
        <v>0</v>
      </c>
      <c r="D188" s="58">
        <f>Jesper!AN182</f>
        <v>420.96010809739687</v>
      </c>
      <c r="E188" s="58">
        <f>Jesper!AO182</f>
        <v>36.309025491169528</v>
      </c>
      <c r="F188" s="58">
        <f>Jesper!AP182</f>
        <v>18.154512745584764</v>
      </c>
      <c r="G188" s="57">
        <f>Jesper!AQ182</f>
        <v>0</v>
      </c>
      <c r="H188" s="43">
        <v>181</v>
      </c>
      <c r="I188" s="55">
        <f>Bühler!I214</f>
        <v>5.8136415622663167</v>
      </c>
      <c r="J188" s="58">
        <f>Bühler!J214</f>
        <v>14.885120722070617</v>
      </c>
      <c r="K188" s="58">
        <f>Bühler!K214</f>
        <v>0.38780567892821205</v>
      </c>
      <c r="L188" s="58">
        <f>Bühler!L214</f>
        <v>0.19390283946410602</v>
      </c>
      <c r="M188" s="57">
        <f>Bühler!M214</f>
        <v>0</v>
      </c>
      <c r="N188" s="55">
        <f>IF(Input!$K$13=1,J188*Input!$J$13,0)+IF(Input!$K$14=1,K188*Input!$J$14,0)+IF(Input!$K$15=1,L188*Input!$J$15,0)+IF(Input!$K$16=1,M188*Input!$J$16,0)</f>
        <v>1.7862144866484739</v>
      </c>
      <c r="O188" s="58">
        <f>IF(Input!$K$13=2,J188*Input!$J$13,0)+IF(Input!$K$14=2,K188*Input!$J$14,0)+IF(Input!$K$15=2,L188*Input!$J$15,0)+IF(Input!$K$16=2,M188*Input!$J$16,0)</f>
        <v>5.2353766655308623E-2</v>
      </c>
      <c r="P188" s="58">
        <f>IF(Input!$K$13=3,J188*Input!$J$13,0)+IF(Input!$K$14=3,K188*Input!$J$14,0)+IF(Input!$K$15=3,L188*Input!$J$15,0)+IF(Input!$K$16=3,M188*Input!$J$16,0)</f>
        <v>0</v>
      </c>
      <c r="Q188" s="71">
        <f>IF(Input!$K$13=4,J188*Input!$J$13,0)+IF(Input!$K$14=4,K188*Input!$J$14,0)+IF(Input!$K$15=4,L188*Input!$J$15,0)+IF(Input!$K$16=4,M188*Input!$J$16,0)</f>
        <v>0</v>
      </c>
    </row>
    <row r="189" spans="2:17" x14ac:dyDescent="0.25">
      <c r="B189" s="43">
        <v>182</v>
      </c>
      <c r="C189" s="55">
        <f>Jesper!AM183</f>
        <v>5.6337992435939439</v>
      </c>
      <c r="D189" s="58">
        <f>Jesper!AN183</f>
        <v>100.06939551654349</v>
      </c>
      <c r="E189" s="58">
        <f>Jesper!AO183</f>
        <v>5.2343579525741948</v>
      </c>
      <c r="F189" s="58">
        <f>Jesper!AP183</f>
        <v>2.6171789762870974</v>
      </c>
      <c r="G189" s="57">
        <f>Jesper!AQ183</f>
        <v>0</v>
      </c>
      <c r="H189" s="43">
        <v>182</v>
      </c>
      <c r="I189" s="55">
        <f>Bühler!I215</f>
        <v>5.8136415622663167</v>
      </c>
      <c r="J189" s="58">
        <f>Bühler!J215</f>
        <v>14.885120722070617</v>
      </c>
      <c r="K189" s="58">
        <f>Bühler!K215</f>
        <v>0.38780567892821205</v>
      </c>
      <c r="L189" s="58">
        <f>Bühler!L215</f>
        <v>0.19390283946410602</v>
      </c>
      <c r="M189" s="57">
        <f>Bühler!M215</f>
        <v>0</v>
      </c>
      <c r="N189" s="55">
        <f>IF(Input!$K$13=1,J189*Input!$J$13,0)+IF(Input!$K$14=1,K189*Input!$J$14,0)+IF(Input!$K$15=1,L189*Input!$J$15,0)+IF(Input!$K$16=1,M189*Input!$J$16,0)</f>
        <v>1.7862144866484739</v>
      </c>
      <c r="O189" s="58">
        <f>IF(Input!$K$13=2,J189*Input!$J$13,0)+IF(Input!$K$14=2,K189*Input!$J$14,0)+IF(Input!$K$15=2,L189*Input!$J$15,0)+IF(Input!$K$16=2,M189*Input!$J$16,0)</f>
        <v>5.2353766655308623E-2</v>
      </c>
      <c r="P189" s="58">
        <f>IF(Input!$K$13=3,J189*Input!$J$13,0)+IF(Input!$K$14=3,K189*Input!$J$14,0)+IF(Input!$K$15=3,L189*Input!$J$15,0)+IF(Input!$K$16=3,M189*Input!$J$16,0)</f>
        <v>0</v>
      </c>
      <c r="Q189" s="71">
        <f>IF(Input!$K$13=4,J189*Input!$J$13,0)+IF(Input!$K$14=4,K189*Input!$J$14,0)+IF(Input!$K$15=4,L189*Input!$J$15,0)+IF(Input!$K$16=4,M189*Input!$J$16,0)</f>
        <v>0</v>
      </c>
    </row>
    <row r="190" spans="2:17" x14ac:dyDescent="0.25">
      <c r="B190" s="43">
        <v>183</v>
      </c>
      <c r="C190" s="55">
        <f>Jesper!AM184</f>
        <v>4.2803509344233648</v>
      </c>
      <c r="D190" s="58">
        <f>Jesper!AN184</f>
        <v>96.968732743886264</v>
      </c>
      <c r="E190" s="58">
        <f>Jesper!AO184</f>
        <v>5.2182866806653871</v>
      </c>
      <c r="F190" s="58">
        <f>Jesper!AP184</f>
        <v>2.6091433403326936</v>
      </c>
      <c r="G190" s="57">
        <f>Jesper!AQ184</f>
        <v>0</v>
      </c>
      <c r="H190" s="43">
        <v>183</v>
      </c>
      <c r="I190" s="55">
        <f>Bühler!I216</f>
        <v>5.8136415622663167</v>
      </c>
      <c r="J190" s="58">
        <f>Bühler!J216</f>
        <v>14.885120722070617</v>
      </c>
      <c r="K190" s="58">
        <f>Bühler!K216</f>
        <v>0.38780567892821205</v>
      </c>
      <c r="L190" s="58">
        <f>Bühler!L216</f>
        <v>0.19390283946410602</v>
      </c>
      <c r="M190" s="57">
        <f>Bühler!M216</f>
        <v>0</v>
      </c>
      <c r="N190" s="55">
        <f>IF(Input!$K$13=1,J190*Input!$J$13,0)+IF(Input!$K$14=1,K190*Input!$J$14,0)+IF(Input!$K$15=1,L190*Input!$J$15,0)+IF(Input!$K$16=1,M190*Input!$J$16,0)</f>
        <v>1.7862144866484739</v>
      </c>
      <c r="O190" s="58">
        <f>IF(Input!$K$13=2,J190*Input!$J$13,0)+IF(Input!$K$14=2,K190*Input!$J$14,0)+IF(Input!$K$15=2,L190*Input!$J$15,0)+IF(Input!$K$16=2,M190*Input!$J$16,0)</f>
        <v>5.2353766655308623E-2</v>
      </c>
      <c r="P190" s="58">
        <f>IF(Input!$K$13=3,J190*Input!$J$13,0)+IF(Input!$K$14=3,K190*Input!$J$14,0)+IF(Input!$K$15=3,L190*Input!$J$15,0)+IF(Input!$K$16=3,M190*Input!$J$16,0)</f>
        <v>0</v>
      </c>
      <c r="Q190" s="71">
        <f>IF(Input!$K$13=4,J190*Input!$J$13,0)+IF(Input!$K$14=4,K190*Input!$J$14,0)+IF(Input!$K$15=4,L190*Input!$J$15,0)+IF(Input!$K$16=4,M190*Input!$J$16,0)</f>
        <v>0</v>
      </c>
    </row>
    <row r="191" spans="2:17" x14ac:dyDescent="0.25">
      <c r="B191" s="43">
        <v>184</v>
      </c>
      <c r="C191" s="55">
        <f>Jesper!AM185</f>
        <v>4.3831616615436246</v>
      </c>
      <c r="D191" s="58">
        <f>Jesper!AN185</f>
        <v>440.4723429676198</v>
      </c>
      <c r="E191" s="58">
        <f>Jesper!AO185</f>
        <v>36.890281414450982</v>
      </c>
      <c r="F191" s="58">
        <f>Jesper!AP185</f>
        <v>18.445140707225491</v>
      </c>
      <c r="G191" s="57">
        <f>Jesper!AQ185</f>
        <v>0</v>
      </c>
      <c r="H191" s="43">
        <v>184</v>
      </c>
      <c r="I191" s="55">
        <f>Bühler!I217</f>
        <v>5.1676813886811699</v>
      </c>
      <c r="J191" s="58">
        <f>Bühler!J217</f>
        <v>14.858205714837903</v>
      </c>
      <c r="K191" s="58">
        <f>Bühler!K217</f>
        <v>0.38780567892821205</v>
      </c>
      <c r="L191" s="58">
        <f>Bühler!L217</f>
        <v>0.19390283946410602</v>
      </c>
      <c r="M191" s="57">
        <f>Bühler!M217</f>
        <v>0</v>
      </c>
      <c r="N191" s="55">
        <f>IF(Input!$K$13=1,J191*Input!$J$13,0)+IF(Input!$K$14=1,K191*Input!$J$14,0)+IF(Input!$K$15=1,L191*Input!$J$15,0)+IF(Input!$K$16=1,M191*Input!$J$16,0)</f>
        <v>1.7829846857805483</v>
      </c>
      <c r="O191" s="58">
        <f>IF(Input!$K$13=2,J191*Input!$J$13,0)+IF(Input!$K$14=2,K191*Input!$J$14,0)+IF(Input!$K$15=2,L191*Input!$J$15,0)+IF(Input!$K$16=2,M191*Input!$J$16,0)</f>
        <v>5.2353766655308623E-2</v>
      </c>
      <c r="P191" s="58">
        <f>IF(Input!$K$13=3,J191*Input!$J$13,0)+IF(Input!$K$14=3,K191*Input!$J$14,0)+IF(Input!$K$15=3,L191*Input!$J$15,0)+IF(Input!$K$16=3,M191*Input!$J$16,0)</f>
        <v>0</v>
      </c>
      <c r="Q191" s="71">
        <f>IF(Input!$K$13=4,J191*Input!$J$13,0)+IF(Input!$K$14=4,K191*Input!$J$14,0)+IF(Input!$K$15=4,L191*Input!$J$15,0)+IF(Input!$K$16=4,M191*Input!$J$16,0)</f>
        <v>0</v>
      </c>
    </row>
    <row r="192" spans="2:17" x14ac:dyDescent="0.25">
      <c r="B192" s="43">
        <v>185</v>
      </c>
      <c r="C192" s="55">
        <f>Jesper!AM186</f>
        <v>0</v>
      </c>
      <c r="D192" s="58">
        <f>Jesper!AN186</f>
        <v>419.48372712370838</v>
      </c>
      <c r="E192" s="58">
        <f>Jesper!AO186</f>
        <v>36.250899898841368</v>
      </c>
      <c r="F192" s="58">
        <f>Jesper!AP186</f>
        <v>18.125449949420684</v>
      </c>
      <c r="G192" s="57">
        <f>Jesper!AQ186</f>
        <v>0</v>
      </c>
      <c r="H192" s="43">
        <v>185</v>
      </c>
      <c r="I192" s="55">
        <f>Bühler!I218</f>
        <v>5.0754013638832927</v>
      </c>
      <c r="J192" s="58">
        <f>Bühler!J218</f>
        <v>14.854360713804658</v>
      </c>
      <c r="K192" s="58">
        <f>Bühler!K218</f>
        <v>0.38780567892821205</v>
      </c>
      <c r="L192" s="58">
        <f>Bühler!L218</f>
        <v>0.19390283946410602</v>
      </c>
      <c r="M192" s="57">
        <f>Bühler!M218</f>
        <v>0</v>
      </c>
      <c r="N192" s="55">
        <f>IF(Input!$K$13=1,J192*Input!$J$13,0)+IF(Input!$K$14=1,K192*Input!$J$14,0)+IF(Input!$K$15=1,L192*Input!$J$15,0)+IF(Input!$K$16=1,M192*Input!$J$16,0)</f>
        <v>1.7825232856565589</v>
      </c>
      <c r="O192" s="58">
        <f>IF(Input!$K$13=2,J192*Input!$J$13,0)+IF(Input!$K$14=2,K192*Input!$J$14,0)+IF(Input!$K$15=2,L192*Input!$J$15,0)+IF(Input!$K$16=2,M192*Input!$J$16,0)</f>
        <v>5.2353766655308623E-2</v>
      </c>
      <c r="P192" s="58">
        <f>IF(Input!$K$13=3,J192*Input!$J$13,0)+IF(Input!$K$14=3,K192*Input!$J$14,0)+IF(Input!$K$15=3,L192*Input!$J$15,0)+IF(Input!$K$16=3,M192*Input!$J$16,0)</f>
        <v>0</v>
      </c>
      <c r="Q192" s="71">
        <f>IF(Input!$K$13=4,J192*Input!$J$13,0)+IF(Input!$K$14=4,K192*Input!$J$14,0)+IF(Input!$K$15=4,L192*Input!$J$15,0)+IF(Input!$K$16=4,M192*Input!$J$16,0)</f>
        <v>0</v>
      </c>
    </row>
    <row r="193" spans="2:17" x14ac:dyDescent="0.25">
      <c r="B193" s="43">
        <v>186</v>
      </c>
      <c r="C193" s="55">
        <f>Jesper!AM187</f>
        <v>0.42455109527489765</v>
      </c>
      <c r="D193" s="58">
        <f>Jesper!AN187</f>
        <v>425.11099088483235</v>
      </c>
      <c r="E193" s="58">
        <f>Jesper!AO187</f>
        <v>36.45433947198989</v>
      </c>
      <c r="F193" s="58">
        <f>Jesper!AP187</f>
        <v>18.227169735994945</v>
      </c>
      <c r="G193" s="57">
        <f>Jesper!AQ187</f>
        <v>0</v>
      </c>
      <c r="H193" s="43">
        <v>186</v>
      </c>
      <c r="I193" s="55">
        <f>Bühler!I219</f>
        <v>4.3371611655002678</v>
      </c>
      <c r="J193" s="58">
        <f>Bühler!J219</f>
        <v>14.823600705538698</v>
      </c>
      <c r="K193" s="58">
        <f>Bühler!K219</f>
        <v>0.38780567892821205</v>
      </c>
      <c r="L193" s="58">
        <f>Bühler!L219</f>
        <v>0.19390283946410602</v>
      </c>
      <c r="M193" s="57">
        <f>Bühler!M219</f>
        <v>0</v>
      </c>
      <c r="N193" s="55">
        <f>IF(Input!$K$13=1,J193*Input!$J$13,0)+IF(Input!$K$14=1,K193*Input!$J$14,0)+IF(Input!$K$15=1,L193*Input!$J$15,0)+IF(Input!$K$16=1,M193*Input!$J$16,0)</f>
        <v>1.7788320846646437</v>
      </c>
      <c r="O193" s="58">
        <f>IF(Input!$K$13=2,J193*Input!$J$13,0)+IF(Input!$K$14=2,K193*Input!$J$14,0)+IF(Input!$K$15=2,L193*Input!$J$15,0)+IF(Input!$K$16=2,M193*Input!$J$16,0)</f>
        <v>5.2353766655308623E-2</v>
      </c>
      <c r="P193" s="58">
        <f>IF(Input!$K$13=3,J193*Input!$J$13,0)+IF(Input!$K$14=3,K193*Input!$J$14,0)+IF(Input!$K$15=3,L193*Input!$J$15,0)+IF(Input!$K$16=3,M193*Input!$J$16,0)</f>
        <v>0</v>
      </c>
      <c r="Q193" s="71">
        <f>IF(Input!$K$13=4,J193*Input!$J$13,0)+IF(Input!$K$14=4,K193*Input!$J$14,0)+IF(Input!$K$15=4,L193*Input!$J$15,0)+IF(Input!$K$16=4,M193*Input!$J$16,0)</f>
        <v>0</v>
      </c>
    </row>
    <row r="194" spans="2:17" x14ac:dyDescent="0.25">
      <c r="B194" s="43">
        <v>187</v>
      </c>
      <c r="C194" s="55">
        <f>Jesper!AM188</f>
        <v>4.9109764037127981</v>
      </c>
      <c r="D194" s="58">
        <f>Jesper!AN188</f>
        <v>442.52052324532491</v>
      </c>
      <c r="E194" s="58">
        <f>Jesper!AO188</f>
        <v>36.948407006779128</v>
      </c>
      <c r="F194" s="58">
        <f>Jesper!AP188</f>
        <v>18.474203503389564</v>
      </c>
      <c r="G194" s="57">
        <f>Jesper!AQ188</f>
        <v>0</v>
      </c>
      <c r="H194" s="43">
        <v>187</v>
      </c>
      <c r="I194" s="55">
        <f>Bühler!I220</f>
        <v>4.0603210911066343</v>
      </c>
      <c r="J194" s="58">
        <f>Bühler!J220</f>
        <v>14.812065702438964</v>
      </c>
      <c r="K194" s="58">
        <f>Bühler!K220</f>
        <v>0.38780567892821205</v>
      </c>
      <c r="L194" s="58">
        <f>Bühler!L220</f>
        <v>0.19390283946410602</v>
      </c>
      <c r="M194" s="57">
        <f>Bühler!M220</f>
        <v>0</v>
      </c>
      <c r="N194" s="55">
        <f>IF(Input!$K$13=1,J194*Input!$J$13,0)+IF(Input!$K$14=1,K194*Input!$J$14,0)+IF(Input!$K$15=1,L194*Input!$J$15,0)+IF(Input!$K$16=1,M194*Input!$J$16,0)</f>
        <v>1.7774478842926758</v>
      </c>
      <c r="O194" s="58">
        <f>IF(Input!$K$13=2,J194*Input!$J$13,0)+IF(Input!$K$14=2,K194*Input!$J$14,0)+IF(Input!$K$15=2,L194*Input!$J$15,0)+IF(Input!$K$16=2,M194*Input!$J$16,0)</f>
        <v>5.2353766655308623E-2</v>
      </c>
      <c r="P194" s="58">
        <f>IF(Input!$K$13=3,J194*Input!$J$13,0)+IF(Input!$K$14=3,K194*Input!$J$14,0)+IF(Input!$K$15=3,L194*Input!$J$15,0)+IF(Input!$K$16=3,M194*Input!$J$16,0)</f>
        <v>0</v>
      </c>
      <c r="Q194" s="71">
        <f>IF(Input!$K$13=4,J194*Input!$J$13,0)+IF(Input!$K$14=4,K194*Input!$J$14,0)+IF(Input!$K$15=4,L194*Input!$J$15,0)+IF(Input!$K$16=4,M194*Input!$J$16,0)</f>
        <v>0</v>
      </c>
    </row>
    <row r="195" spans="2:17" x14ac:dyDescent="0.25">
      <c r="B195" s="43">
        <v>188</v>
      </c>
      <c r="C195" s="55">
        <f>Jesper!AM189</f>
        <v>2.2719026928669797</v>
      </c>
      <c r="D195" s="58">
        <f>Jesper!AN189</f>
        <v>432.27962185679979</v>
      </c>
      <c r="E195" s="58">
        <f>Jesper!AO189</f>
        <v>36.657779045138398</v>
      </c>
      <c r="F195" s="58">
        <f>Jesper!AP189</f>
        <v>18.328889522569199</v>
      </c>
      <c r="G195" s="57">
        <f>Jesper!AQ189</f>
        <v>0</v>
      </c>
      <c r="H195" s="43">
        <v>188</v>
      </c>
      <c r="I195" s="55">
        <f>Bühler!I221</f>
        <v>3.414360917521488</v>
      </c>
      <c r="J195" s="58">
        <f>Bühler!J221</f>
        <v>14.78515069520625</v>
      </c>
      <c r="K195" s="58">
        <f>Bühler!K221</f>
        <v>0.38780567892821205</v>
      </c>
      <c r="L195" s="58">
        <f>Bühler!L221</f>
        <v>0.19390283946410602</v>
      </c>
      <c r="M195" s="57">
        <f>Bühler!M221</f>
        <v>0</v>
      </c>
      <c r="N195" s="55">
        <f>IF(Input!$K$13=1,J195*Input!$J$13,0)+IF(Input!$K$14=1,K195*Input!$J$14,0)+IF(Input!$K$15=1,L195*Input!$J$15,0)+IF(Input!$K$16=1,M195*Input!$J$16,0)</f>
        <v>1.7742180834247498</v>
      </c>
      <c r="O195" s="58">
        <f>IF(Input!$K$13=2,J195*Input!$J$13,0)+IF(Input!$K$14=2,K195*Input!$J$14,0)+IF(Input!$K$15=2,L195*Input!$J$15,0)+IF(Input!$K$16=2,M195*Input!$J$16,0)</f>
        <v>5.2353766655308623E-2</v>
      </c>
      <c r="P195" s="58">
        <f>IF(Input!$K$13=3,J195*Input!$J$13,0)+IF(Input!$K$14=3,K195*Input!$J$14,0)+IF(Input!$K$15=3,L195*Input!$J$15,0)+IF(Input!$K$16=3,M195*Input!$J$16,0)</f>
        <v>0</v>
      </c>
      <c r="Q195" s="71">
        <f>IF(Input!$K$13=4,J195*Input!$J$13,0)+IF(Input!$K$14=4,K195*Input!$J$14,0)+IF(Input!$K$15=4,L195*Input!$J$15,0)+IF(Input!$K$16=4,M195*Input!$J$16,0)</f>
        <v>0</v>
      </c>
    </row>
    <row r="196" spans="2:17" x14ac:dyDescent="0.25">
      <c r="B196" s="43">
        <v>189</v>
      </c>
      <c r="C196" s="55">
        <f>Jesper!AM190</f>
        <v>1.8742206070090186</v>
      </c>
      <c r="D196" s="58">
        <f>Jesper!AN190</f>
        <v>91.456443370273405</v>
      </c>
      <c r="E196" s="58">
        <f>Jesper!AO190</f>
        <v>5.1897155306052811</v>
      </c>
      <c r="F196" s="58">
        <f>Jesper!AP190</f>
        <v>2.5948577653026406</v>
      </c>
      <c r="G196" s="57">
        <f>Jesper!AQ190</f>
        <v>0</v>
      </c>
      <c r="H196" s="43">
        <v>189</v>
      </c>
      <c r="I196" s="55">
        <f>Bühler!I222</f>
        <v>2.8606807687342193</v>
      </c>
      <c r="J196" s="58">
        <f>Bühler!J222</f>
        <v>14.762080689006781</v>
      </c>
      <c r="K196" s="58">
        <f>Bühler!K222</f>
        <v>0.38780567892821205</v>
      </c>
      <c r="L196" s="58">
        <f>Bühler!L222</f>
        <v>0.19390283946410602</v>
      </c>
      <c r="M196" s="57">
        <f>Bühler!M222</f>
        <v>0</v>
      </c>
      <c r="N196" s="55">
        <f>IF(Input!$K$13=1,J196*Input!$J$13,0)+IF(Input!$K$14=1,K196*Input!$J$14,0)+IF(Input!$K$15=1,L196*Input!$J$15,0)+IF(Input!$K$16=1,M196*Input!$J$16,0)</f>
        <v>1.7714496826808137</v>
      </c>
      <c r="O196" s="58">
        <f>IF(Input!$K$13=2,J196*Input!$J$13,0)+IF(Input!$K$14=2,K196*Input!$J$14,0)+IF(Input!$K$15=2,L196*Input!$J$15,0)+IF(Input!$K$16=2,M196*Input!$J$16,0)</f>
        <v>5.2353766655308623E-2</v>
      </c>
      <c r="P196" s="58">
        <f>IF(Input!$K$13=3,J196*Input!$J$13,0)+IF(Input!$K$14=3,K196*Input!$J$14,0)+IF(Input!$K$15=3,L196*Input!$J$15,0)+IF(Input!$K$16=3,M196*Input!$J$16,0)</f>
        <v>0</v>
      </c>
      <c r="Q196" s="71">
        <f>IF(Input!$K$13=4,J196*Input!$J$13,0)+IF(Input!$K$14=4,K196*Input!$J$14,0)+IF(Input!$K$15=4,L196*Input!$J$15,0)+IF(Input!$K$16=4,M196*Input!$J$16,0)</f>
        <v>0</v>
      </c>
    </row>
    <row r="197" spans="2:17" x14ac:dyDescent="0.25">
      <c r="B197" s="43">
        <v>190</v>
      </c>
      <c r="C197" s="55">
        <f>Jesper!AM191</f>
        <v>0</v>
      </c>
      <c r="D197" s="58">
        <f>Jesper!AN191</f>
        <v>83.260299930025468</v>
      </c>
      <c r="E197" s="58">
        <f>Jesper!AO191</f>
        <v>5.1468588055151221</v>
      </c>
      <c r="F197" s="58">
        <f>Jesper!AP191</f>
        <v>2.573429402757561</v>
      </c>
      <c r="G197" s="57">
        <f>Jesper!AQ191</f>
        <v>0</v>
      </c>
      <c r="H197" s="43">
        <v>190</v>
      </c>
      <c r="I197" s="55">
        <f>Bühler!I223</f>
        <v>2.4915606695427073</v>
      </c>
      <c r="J197" s="58">
        <f>Bühler!J223</f>
        <v>14.746700684873801</v>
      </c>
      <c r="K197" s="58">
        <f>Bühler!K223</f>
        <v>0.38780567892821205</v>
      </c>
      <c r="L197" s="58">
        <f>Bühler!L223</f>
        <v>0.19390283946410602</v>
      </c>
      <c r="M197" s="57">
        <f>Bühler!M223</f>
        <v>0</v>
      </c>
      <c r="N197" s="55">
        <f>IF(Input!$K$13=1,J197*Input!$J$13,0)+IF(Input!$K$14=1,K197*Input!$J$14,0)+IF(Input!$K$15=1,L197*Input!$J$15,0)+IF(Input!$K$16=1,M197*Input!$J$16,0)</f>
        <v>1.769604082184856</v>
      </c>
      <c r="O197" s="58">
        <f>IF(Input!$K$13=2,J197*Input!$J$13,0)+IF(Input!$K$14=2,K197*Input!$J$14,0)+IF(Input!$K$15=2,L197*Input!$J$15,0)+IF(Input!$K$16=2,M197*Input!$J$16,0)</f>
        <v>5.2353766655308623E-2</v>
      </c>
      <c r="P197" s="58">
        <f>IF(Input!$K$13=3,J197*Input!$J$13,0)+IF(Input!$K$14=3,K197*Input!$J$14,0)+IF(Input!$K$15=3,L197*Input!$J$15,0)+IF(Input!$K$16=3,M197*Input!$J$16,0)</f>
        <v>0</v>
      </c>
      <c r="Q197" s="71">
        <f>IF(Input!$K$13=4,J197*Input!$J$13,0)+IF(Input!$K$14=4,K197*Input!$J$14,0)+IF(Input!$K$15=4,L197*Input!$J$15,0)+IF(Input!$K$16=4,M197*Input!$J$16,0)</f>
        <v>0</v>
      </c>
    </row>
    <row r="198" spans="2:17" x14ac:dyDescent="0.25">
      <c r="B198" s="43">
        <v>191</v>
      </c>
      <c r="C198" s="55">
        <f>Jesper!AM192</f>
        <v>0</v>
      </c>
      <c r="D198" s="58">
        <f>Jesper!AN192</f>
        <v>391.43248862362873</v>
      </c>
      <c r="E198" s="58">
        <f>Jesper!AO192</f>
        <v>35.146513644606614</v>
      </c>
      <c r="F198" s="58">
        <f>Jesper!AP192</f>
        <v>17.573256822303307</v>
      </c>
      <c r="G198" s="57">
        <f>Jesper!AQ192</f>
        <v>0</v>
      </c>
      <c r="H198" s="43">
        <v>191</v>
      </c>
      <c r="I198" s="55">
        <f>Bühler!I224</f>
        <v>2.4915606695427073</v>
      </c>
      <c r="J198" s="58">
        <f>Bühler!J224</f>
        <v>14.746700684873801</v>
      </c>
      <c r="K198" s="58">
        <f>Bühler!K224</f>
        <v>0.38780567892821205</v>
      </c>
      <c r="L198" s="58">
        <f>Bühler!L224</f>
        <v>0.19390283946410602</v>
      </c>
      <c r="M198" s="57">
        <f>Bühler!M224</f>
        <v>0</v>
      </c>
      <c r="N198" s="55">
        <f>IF(Input!$K$13=1,J198*Input!$J$13,0)+IF(Input!$K$14=1,K198*Input!$J$14,0)+IF(Input!$K$15=1,L198*Input!$J$15,0)+IF(Input!$K$16=1,M198*Input!$J$16,0)</f>
        <v>1.769604082184856</v>
      </c>
      <c r="O198" s="58">
        <f>IF(Input!$K$13=2,J198*Input!$J$13,0)+IF(Input!$K$14=2,K198*Input!$J$14,0)+IF(Input!$K$15=2,L198*Input!$J$15,0)+IF(Input!$K$16=2,M198*Input!$J$16,0)</f>
        <v>5.2353766655308623E-2</v>
      </c>
      <c r="P198" s="58">
        <f>IF(Input!$K$13=3,J198*Input!$J$13,0)+IF(Input!$K$14=3,K198*Input!$J$14,0)+IF(Input!$K$15=3,L198*Input!$J$15,0)+IF(Input!$K$16=3,M198*Input!$J$16,0)</f>
        <v>0</v>
      </c>
      <c r="Q198" s="71">
        <f>IF(Input!$K$13=4,J198*Input!$J$13,0)+IF(Input!$K$14=4,K198*Input!$J$14,0)+IF(Input!$K$15=4,L198*Input!$J$15,0)+IF(Input!$K$16=4,M198*Input!$J$16,0)</f>
        <v>0</v>
      </c>
    </row>
    <row r="199" spans="2:17" x14ac:dyDescent="0.25">
      <c r="B199" s="43">
        <v>192</v>
      </c>
      <c r="C199" s="55">
        <f>Jesper!AM193</f>
        <v>0</v>
      </c>
      <c r="D199" s="58">
        <f>Jesper!AN193</f>
        <v>394.3852505710056</v>
      </c>
      <c r="E199" s="58">
        <f>Jesper!AO193</f>
        <v>35.262764829262899</v>
      </c>
      <c r="F199" s="58">
        <f>Jesper!AP193</f>
        <v>17.63138241463145</v>
      </c>
      <c r="G199" s="57">
        <f>Jesper!AQ193</f>
        <v>0</v>
      </c>
      <c r="H199" s="43">
        <v>192</v>
      </c>
      <c r="I199" s="55">
        <f>Bühler!I225</f>
        <v>2.4915606695427073</v>
      </c>
      <c r="J199" s="58">
        <f>Bühler!J225</f>
        <v>14.746700684873801</v>
      </c>
      <c r="K199" s="58">
        <f>Bühler!K225</f>
        <v>0.38780567892821205</v>
      </c>
      <c r="L199" s="58">
        <f>Bühler!L225</f>
        <v>0.19390283946410602</v>
      </c>
      <c r="M199" s="57">
        <f>Bühler!M225</f>
        <v>0</v>
      </c>
      <c r="N199" s="55">
        <f>IF(Input!$K$13=1,J199*Input!$J$13,0)+IF(Input!$K$14=1,K199*Input!$J$14,0)+IF(Input!$K$15=1,L199*Input!$J$15,0)+IF(Input!$K$16=1,M199*Input!$J$16,0)</f>
        <v>1.769604082184856</v>
      </c>
      <c r="O199" s="58">
        <f>IF(Input!$K$13=2,J199*Input!$J$13,0)+IF(Input!$K$14=2,K199*Input!$J$14,0)+IF(Input!$K$15=2,L199*Input!$J$15,0)+IF(Input!$K$16=2,M199*Input!$J$16,0)</f>
        <v>5.2353766655308623E-2</v>
      </c>
      <c r="P199" s="58">
        <f>IF(Input!$K$13=3,J199*Input!$J$13,0)+IF(Input!$K$14=3,K199*Input!$J$14,0)+IF(Input!$K$15=3,L199*Input!$J$15,0)+IF(Input!$K$16=3,M199*Input!$J$16,0)</f>
        <v>0</v>
      </c>
      <c r="Q199" s="71">
        <f>IF(Input!$K$13=4,J199*Input!$J$13,0)+IF(Input!$K$14=4,K199*Input!$J$14,0)+IF(Input!$K$15=4,L199*Input!$J$15,0)+IF(Input!$K$16=4,M199*Input!$J$16,0)</f>
        <v>0</v>
      </c>
    </row>
    <row r="200" spans="2:17" x14ac:dyDescent="0.25">
      <c r="B200" s="43">
        <v>193</v>
      </c>
      <c r="C200" s="55">
        <f>Jesper!AM194</f>
        <v>0</v>
      </c>
      <c r="D200" s="58">
        <f>Jesper!AN194</f>
        <v>392.17067911047297</v>
      </c>
      <c r="E200" s="58">
        <f>Jesper!AO194</f>
        <v>35.175576440770683</v>
      </c>
      <c r="F200" s="58">
        <f>Jesper!AP194</f>
        <v>17.587788220385342</v>
      </c>
      <c r="G200" s="57">
        <f>Jesper!AQ194</f>
        <v>0</v>
      </c>
      <c r="H200" s="43">
        <v>193</v>
      </c>
      <c r="I200" s="55">
        <f>Bühler!I226</f>
        <v>2.4425541605580565</v>
      </c>
      <c r="J200" s="58">
        <f>Bühler!J226</f>
        <v>13.958442012747712</v>
      </c>
      <c r="K200" s="58">
        <f>Bühler!K226</f>
        <v>0.61823403041010583</v>
      </c>
      <c r="L200" s="58">
        <f>Bühler!L226</f>
        <v>0.30911701520505291</v>
      </c>
      <c r="M200" s="57">
        <f>Bühler!M226</f>
        <v>0</v>
      </c>
      <c r="N200" s="55">
        <f>IF(Input!$K$13=1,J200*Input!$J$13,0)+IF(Input!$K$14=1,K200*Input!$J$14,0)+IF(Input!$K$15=1,L200*Input!$J$15,0)+IF(Input!$K$16=1,M200*Input!$J$16,0)</f>
        <v>1.6750130415297253</v>
      </c>
      <c r="O200" s="58">
        <f>IF(Input!$K$13=2,J200*Input!$J$13,0)+IF(Input!$K$14=2,K200*Input!$J$14,0)+IF(Input!$K$15=2,L200*Input!$J$15,0)+IF(Input!$K$16=2,M200*Input!$J$16,0)</f>
        <v>8.3461594105364287E-2</v>
      </c>
      <c r="P200" s="58">
        <f>IF(Input!$K$13=3,J200*Input!$J$13,0)+IF(Input!$K$14=3,K200*Input!$J$14,0)+IF(Input!$K$15=3,L200*Input!$J$15,0)+IF(Input!$K$16=3,M200*Input!$J$16,0)</f>
        <v>0</v>
      </c>
      <c r="Q200" s="71">
        <f>IF(Input!$K$13=4,J200*Input!$J$13,0)+IF(Input!$K$14=4,K200*Input!$J$14,0)+IF(Input!$K$15=4,L200*Input!$J$15,0)+IF(Input!$K$16=4,M200*Input!$J$16,0)</f>
        <v>0</v>
      </c>
    </row>
    <row r="201" spans="2:17" x14ac:dyDescent="0.25">
      <c r="B201" s="43">
        <v>194</v>
      </c>
      <c r="C201" s="55">
        <f>Jesper!AM195</f>
        <v>0</v>
      </c>
      <c r="D201" s="58">
        <f>Jesper!AN195</f>
        <v>415.79277468948749</v>
      </c>
      <c r="E201" s="58">
        <f>Jesper!AO195</f>
        <v>36.105585918021013</v>
      </c>
      <c r="F201" s="58">
        <f>Jesper!AP195</f>
        <v>18.052792959010507</v>
      </c>
      <c r="G201" s="57">
        <f>Jesper!AQ195</f>
        <v>0</v>
      </c>
      <c r="H201" s="43">
        <v>194</v>
      </c>
      <c r="I201" s="55">
        <f>Bühler!I227</f>
        <v>2.4425541605580565</v>
      </c>
      <c r="J201" s="58">
        <f>Bühler!J227</f>
        <v>13.958442012747712</v>
      </c>
      <c r="K201" s="58">
        <f>Bühler!K227</f>
        <v>0.61823403041010583</v>
      </c>
      <c r="L201" s="58">
        <f>Bühler!L227</f>
        <v>0.30911701520505291</v>
      </c>
      <c r="M201" s="57">
        <f>Bühler!M227</f>
        <v>0</v>
      </c>
      <c r="N201" s="55">
        <f>IF(Input!$K$13=1,J201*Input!$J$13,0)+IF(Input!$K$14=1,K201*Input!$J$14,0)+IF(Input!$K$15=1,L201*Input!$J$15,0)+IF(Input!$K$16=1,M201*Input!$J$16,0)</f>
        <v>1.6750130415297253</v>
      </c>
      <c r="O201" s="58">
        <f>IF(Input!$K$13=2,J201*Input!$J$13,0)+IF(Input!$K$14=2,K201*Input!$J$14,0)+IF(Input!$K$15=2,L201*Input!$J$15,0)+IF(Input!$K$16=2,M201*Input!$J$16,0)</f>
        <v>8.3461594105364287E-2</v>
      </c>
      <c r="P201" s="58">
        <f>IF(Input!$K$13=3,J201*Input!$J$13,0)+IF(Input!$K$14=3,K201*Input!$J$14,0)+IF(Input!$K$15=3,L201*Input!$J$15,0)+IF(Input!$K$16=3,M201*Input!$J$16,0)</f>
        <v>0</v>
      </c>
      <c r="Q201" s="71">
        <f>IF(Input!$K$13=4,J201*Input!$J$13,0)+IF(Input!$K$14=4,K201*Input!$J$14,0)+IF(Input!$K$15=4,L201*Input!$J$15,0)+IF(Input!$K$16=4,M201*Input!$J$16,0)</f>
        <v>0</v>
      </c>
    </row>
    <row r="202" spans="2:17" x14ac:dyDescent="0.25">
      <c r="B202" s="43">
        <v>195</v>
      </c>
      <c r="C202" s="55">
        <f>Jesper!AM196</f>
        <v>0</v>
      </c>
      <c r="D202" s="58">
        <f>Jesper!AN196</f>
        <v>412.10182225526648</v>
      </c>
      <c r="E202" s="58">
        <f>Jesper!AO196</f>
        <v>35.960271937200645</v>
      </c>
      <c r="F202" s="58">
        <f>Jesper!AP196</f>
        <v>17.980135968600322</v>
      </c>
      <c r="G202" s="57">
        <f>Jesper!AQ196</f>
        <v>0</v>
      </c>
      <c r="H202" s="43">
        <v>195</v>
      </c>
      <c r="I202" s="55">
        <f>Bühler!I228</f>
        <v>2.4425541605580565</v>
      </c>
      <c r="J202" s="58">
        <f>Bühler!J228</f>
        <v>13.958442012747712</v>
      </c>
      <c r="K202" s="58">
        <f>Bühler!K228</f>
        <v>0.61823403041010583</v>
      </c>
      <c r="L202" s="58">
        <f>Bühler!L228</f>
        <v>0.30911701520505291</v>
      </c>
      <c r="M202" s="57">
        <f>Bühler!M228</f>
        <v>0</v>
      </c>
      <c r="N202" s="55">
        <f>IF(Input!$K$13=1,J202*Input!$J$13,0)+IF(Input!$K$14=1,K202*Input!$J$14,0)+IF(Input!$K$15=1,L202*Input!$J$15,0)+IF(Input!$K$16=1,M202*Input!$J$16,0)</f>
        <v>1.6750130415297253</v>
      </c>
      <c r="O202" s="58">
        <f>IF(Input!$K$13=2,J202*Input!$J$13,0)+IF(Input!$K$14=2,K202*Input!$J$14,0)+IF(Input!$K$15=2,L202*Input!$J$15,0)+IF(Input!$K$16=2,M202*Input!$J$16,0)</f>
        <v>8.3461594105364287E-2</v>
      </c>
      <c r="P202" s="58">
        <f>IF(Input!$K$13=3,J202*Input!$J$13,0)+IF(Input!$K$14=3,K202*Input!$J$14,0)+IF(Input!$K$15=3,L202*Input!$J$15,0)+IF(Input!$K$16=3,M202*Input!$J$16,0)</f>
        <v>0</v>
      </c>
      <c r="Q202" s="71">
        <f>IF(Input!$K$13=4,J202*Input!$J$13,0)+IF(Input!$K$14=4,K202*Input!$J$14,0)+IF(Input!$K$15=4,L202*Input!$J$15,0)+IF(Input!$K$16=4,M202*Input!$J$16,0)</f>
        <v>0</v>
      </c>
    </row>
    <row r="203" spans="2:17" x14ac:dyDescent="0.25">
      <c r="B203" s="43">
        <v>196</v>
      </c>
      <c r="C203" s="55">
        <f>Jesper!AM197</f>
        <v>0</v>
      </c>
      <c r="D203" s="58">
        <f>Jesper!AN197</f>
        <v>79.877778715460522</v>
      </c>
      <c r="E203" s="58">
        <f>Jesper!AO197</f>
        <v>5.1290018367275563</v>
      </c>
      <c r="F203" s="58">
        <f>Jesper!AP197</f>
        <v>2.5645009183637781</v>
      </c>
      <c r="G203" s="57">
        <f>Jesper!AQ197</f>
        <v>0</v>
      </c>
      <c r="H203" s="43">
        <v>196</v>
      </c>
      <c r="I203" s="55">
        <f>Bühler!I229</f>
        <v>2.4425541605580565</v>
      </c>
      <c r="J203" s="58">
        <f>Bühler!J229</f>
        <v>13.958442012747712</v>
      </c>
      <c r="K203" s="58">
        <f>Bühler!K229</f>
        <v>0.61823403041010583</v>
      </c>
      <c r="L203" s="58">
        <f>Bühler!L229</f>
        <v>0.30911701520505291</v>
      </c>
      <c r="M203" s="57">
        <f>Bühler!M229</f>
        <v>0</v>
      </c>
      <c r="N203" s="55">
        <f>IF(Input!$K$13=1,J203*Input!$J$13,0)+IF(Input!$K$14=1,K203*Input!$J$14,0)+IF(Input!$K$15=1,L203*Input!$J$15,0)+IF(Input!$K$16=1,M203*Input!$J$16,0)</f>
        <v>1.6750130415297253</v>
      </c>
      <c r="O203" s="58">
        <f>IF(Input!$K$13=2,J203*Input!$J$13,0)+IF(Input!$K$14=2,K203*Input!$J$14,0)+IF(Input!$K$15=2,L203*Input!$J$15,0)+IF(Input!$K$16=2,M203*Input!$J$16,0)</f>
        <v>8.3461594105364287E-2</v>
      </c>
      <c r="P203" s="58">
        <f>IF(Input!$K$13=3,J203*Input!$J$13,0)+IF(Input!$K$14=3,K203*Input!$J$14,0)+IF(Input!$K$15=3,L203*Input!$J$15,0)+IF(Input!$K$16=3,M203*Input!$J$16,0)</f>
        <v>0</v>
      </c>
      <c r="Q203" s="71">
        <f>IF(Input!$K$13=4,J203*Input!$J$13,0)+IF(Input!$K$14=4,K203*Input!$J$14,0)+IF(Input!$K$15=4,L203*Input!$J$15,0)+IF(Input!$K$16=4,M203*Input!$J$16,0)</f>
        <v>0</v>
      </c>
    </row>
    <row r="204" spans="2:17" x14ac:dyDescent="0.25">
      <c r="B204" s="43">
        <v>197</v>
      </c>
      <c r="C204" s="55">
        <f>Jesper!AM198</f>
        <v>0</v>
      </c>
      <c r="D204" s="58">
        <f>Jesper!AN198</f>
        <v>74.803996893613089</v>
      </c>
      <c r="E204" s="58">
        <f>Jesper!AO198</f>
        <v>5.1022163835462075</v>
      </c>
      <c r="F204" s="58">
        <f>Jesper!AP198</f>
        <v>2.5511081917731038</v>
      </c>
      <c r="G204" s="57">
        <f>Jesper!AQ198</f>
        <v>0</v>
      </c>
      <c r="H204" s="43">
        <v>197</v>
      </c>
      <c r="I204" s="55">
        <f>Bühler!I230</f>
        <v>2.4425541605580565</v>
      </c>
      <c r="J204" s="58">
        <f>Bühler!J230</f>
        <v>13.958442012747712</v>
      </c>
      <c r="K204" s="58">
        <f>Bühler!K230</f>
        <v>0.61823403041010583</v>
      </c>
      <c r="L204" s="58">
        <f>Bühler!L230</f>
        <v>0.30911701520505291</v>
      </c>
      <c r="M204" s="57">
        <f>Bühler!M230</f>
        <v>0</v>
      </c>
      <c r="N204" s="55">
        <f>IF(Input!$K$13=1,J204*Input!$J$13,0)+IF(Input!$K$14=1,K204*Input!$J$14,0)+IF(Input!$K$15=1,L204*Input!$J$15,0)+IF(Input!$K$16=1,M204*Input!$J$16,0)</f>
        <v>1.6750130415297253</v>
      </c>
      <c r="O204" s="58">
        <f>IF(Input!$K$13=2,J204*Input!$J$13,0)+IF(Input!$K$14=2,K204*Input!$J$14,0)+IF(Input!$K$15=2,L204*Input!$J$15,0)+IF(Input!$K$16=2,M204*Input!$J$16,0)</f>
        <v>8.3461594105364287E-2</v>
      </c>
      <c r="P204" s="58">
        <f>IF(Input!$K$13=3,J204*Input!$J$13,0)+IF(Input!$K$14=3,K204*Input!$J$14,0)+IF(Input!$K$15=3,L204*Input!$J$15,0)+IF(Input!$K$16=3,M204*Input!$J$16,0)</f>
        <v>0</v>
      </c>
      <c r="Q204" s="71">
        <f>IF(Input!$K$13=4,J204*Input!$J$13,0)+IF(Input!$K$14=4,K204*Input!$J$14,0)+IF(Input!$K$15=4,L204*Input!$J$15,0)+IF(Input!$K$16=4,M204*Input!$J$16,0)</f>
        <v>0</v>
      </c>
    </row>
    <row r="205" spans="2:17" x14ac:dyDescent="0.25">
      <c r="B205" s="43">
        <v>198</v>
      </c>
      <c r="C205" s="55">
        <f>Jesper!AM199</f>
        <v>0</v>
      </c>
      <c r="D205" s="58">
        <f>Jesper!AN199</f>
        <v>392.17067911047297</v>
      </c>
      <c r="E205" s="58">
        <f>Jesper!AO199</f>
        <v>35.175576440770683</v>
      </c>
      <c r="F205" s="58">
        <f>Jesper!AP199</f>
        <v>17.587788220385342</v>
      </c>
      <c r="G205" s="57">
        <f>Jesper!AQ199</f>
        <v>0</v>
      </c>
      <c r="H205" s="43">
        <v>198</v>
      </c>
      <c r="I205" s="55">
        <f>Bühler!I231</f>
        <v>2.4425541605580565</v>
      </c>
      <c r="J205" s="58">
        <f>Bühler!J231</f>
        <v>13.958442012747712</v>
      </c>
      <c r="K205" s="58">
        <f>Bühler!K231</f>
        <v>0.61823403041010583</v>
      </c>
      <c r="L205" s="58">
        <f>Bühler!L231</f>
        <v>0.30911701520505291</v>
      </c>
      <c r="M205" s="57">
        <f>Bühler!M231</f>
        <v>0</v>
      </c>
      <c r="N205" s="55">
        <f>IF(Input!$K$13=1,J205*Input!$J$13,0)+IF(Input!$K$14=1,K205*Input!$J$14,0)+IF(Input!$K$15=1,L205*Input!$J$15,0)+IF(Input!$K$16=1,M205*Input!$J$16,0)</f>
        <v>1.6750130415297253</v>
      </c>
      <c r="O205" s="58">
        <f>IF(Input!$K$13=2,J205*Input!$J$13,0)+IF(Input!$K$14=2,K205*Input!$J$14,0)+IF(Input!$K$15=2,L205*Input!$J$15,0)+IF(Input!$K$16=2,M205*Input!$J$16,0)</f>
        <v>8.3461594105364287E-2</v>
      </c>
      <c r="P205" s="58">
        <f>IF(Input!$K$13=3,J205*Input!$J$13,0)+IF(Input!$K$14=3,K205*Input!$J$14,0)+IF(Input!$K$15=3,L205*Input!$J$15,0)+IF(Input!$K$16=3,M205*Input!$J$16,0)</f>
        <v>0</v>
      </c>
      <c r="Q205" s="71">
        <f>IF(Input!$K$13=4,J205*Input!$J$13,0)+IF(Input!$K$14=4,K205*Input!$J$14,0)+IF(Input!$K$15=4,L205*Input!$J$15,0)+IF(Input!$K$16=4,M205*Input!$J$16,0)</f>
        <v>0</v>
      </c>
    </row>
    <row r="206" spans="2:17" x14ac:dyDescent="0.25">
      <c r="B206" s="43">
        <v>199</v>
      </c>
      <c r="C206" s="55">
        <f>Jesper!AM200</f>
        <v>0</v>
      </c>
      <c r="D206" s="58">
        <f>Jesper!AN200</f>
        <v>394.3852505710056</v>
      </c>
      <c r="E206" s="58">
        <f>Jesper!AO200</f>
        <v>35.262764829262899</v>
      </c>
      <c r="F206" s="58">
        <f>Jesper!AP200</f>
        <v>17.63138241463145</v>
      </c>
      <c r="G206" s="57">
        <f>Jesper!AQ200</f>
        <v>0</v>
      </c>
      <c r="H206" s="43">
        <v>199</v>
      </c>
      <c r="I206" s="55">
        <f>Bühler!I232</f>
        <v>2.4425541605580565</v>
      </c>
      <c r="J206" s="58">
        <f>Bühler!J232</f>
        <v>13.958442012747712</v>
      </c>
      <c r="K206" s="58">
        <f>Bühler!K232</f>
        <v>0.61823403041010583</v>
      </c>
      <c r="L206" s="58">
        <f>Bühler!L232</f>
        <v>0.30911701520505291</v>
      </c>
      <c r="M206" s="57">
        <f>Bühler!M232</f>
        <v>0</v>
      </c>
      <c r="N206" s="55">
        <f>IF(Input!$K$13=1,J206*Input!$J$13,0)+IF(Input!$K$14=1,K206*Input!$J$14,0)+IF(Input!$K$15=1,L206*Input!$J$15,0)+IF(Input!$K$16=1,M206*Input!$J$16,0)</f>
        <v>1.6750130415297253</v>
      </c>
      <c r="O206" s="58">
        <f>IF(Input!$K$13=2,J206*Input!$J$13,0)+IF(Input!$K$14=2,K206*Input!$J$14,0)+IF(Input!$K$15=2,L206*Input!$J$15,0)+IF(Input!$K$16=2,M206*Input!$J$16,0)</f>
        <v>8.3461594105364287E-2</v>
      </c>
      <c r="P206" s="58">
        <f>IF(Input!$K$13=3,J206*Input!$J$13,0)+IF(Input!$K$14=3,K206*Input!$J$14,0)+IF(Input!$K$15=3,L206*Input!$J$15,0)+IF(Input!$K$16=3,M206*Input!$J$16,0)</f>
        <v>0</v>
      </c>
      <c r="Q206" s="71">
        <f>IF(Input!$K$13=4,J206*Input!$J$13,0)+IF(Input!$K$14=4,K206*Input!$J$14,0)+IF(Input!$K$15=4,L206*Input!$J$15,0)+IF(Input!$K$16=4,M206*Input!$J$16,0)</f>
        <v>0</v>
      </c>
    </row>
    <row r="207" spans="2:17" x14ac:dyDescent="0.25">
      <c r="B207" s="43">
        <v>200</v>
      </c>
      <c r="C207" s="55">
        <f>Jesper!AM201</f>
        <v>0</v>
      </c>
      <c r="D207" s="58">
        <f>Jesper!AN201</f>
        <v>392.90886959731716</v>
      </c>
      <c r="E207" s="58">
        <f>Jesper!AO201</f>
        <v>35.204639236934753</v>
      </c>
      <c r="F207" s="58">
        <f>Jesper!AP201</f>
        <v>17.602319618467376</v>
      </c>
      <c r="G207" s="57">
        <f>Jesper!AQ201</f>
        <v>0</v>
      </c>
      <c r="H207" s="43">
        <v>200</v>
      </c>
      <c r="I207" s="55">
        <f>Bühler!I233</f>
        <v>10.625110598427545</v>
      </c>
      <c r="J207" s="58">
        <f>Bühler!J233</f>
        <v>59.701112004959654</v>
      </c>
      <c r="K207" s="58">
        <f>Bühler!K233</f>
        <v>2.6336769695470506</v>
      </c>
      <c r="L207" s="58">
        <f>Bühler!L233</f>
        <v>1.3168384847735253</v>
      </c>
      <c r="M207" s="57">
        <f>Bühler!M233</f>
        <v>0</v>
      </c>
      <c r="N207" s="55">
        <f>IF(Input!$K$13=1,J207*Input!$J$13,0)+IF(Input!$K$14=1,K207*Input!$J$14,0)+IF(Input!$K$15=1,L207*Input!$J$15,0)+IF(Input!$K$16=1,M207*Input!$J$16,0)</f>
        <v>7.1641334405951582</v>
      </c>
      <c r="O207" s="58">
        <f>IF(Input!$K$13=2,J207*Input!$J$13,0)+IF(Input!$K$14=2,K207*Input!$J$14,0)+IF(Input!$K$15=2,L207*Input!$J$15,0)+IF(Input!$K$16=2,M207*Input!$J$16,0)</f>
        <v>0.35554639088885182</v>
      </c>
      <c r="P207" s="58">
        <f>IF(Input!$K$13=3,J207*Input!$J$13,0)+IF(Input!$K$14=3,K207*Input!$J$14,0)+IF(Input!$K$15=3,L207*Input!$J$15,0)+IF(Input!$K$16=3,M207*Input!$J$16,0)</f>
        <v>0</v>
      </c>
      <c r="Q207" s="71">
        <f>IF(Input!$K$13=4,J207*Input!$J$13,0)+IF(Input!$K$14=4,K207*Input!$J$14,0)+IF(Input!$K$15=4,L207*Input!$J$15,0)+IF(Input!$K$16=4,M207*Input!$J$16,0)</f>
        <v>0</v>
      </c>
    </row>
    <row r="208" spans="2:17" x14ac:dyDescent="0.25">
      <c r="B208" s="43">
        <v>201</v>
      </c>
      <c r="C208" s="55">
        <f>Jesper!AM202</f>
        <v>0</v>
      </c>
      <c r="D208" s="58">
        <f>Jesper!AN202</f>
        <v>411.36363176842218</v>
      </c>
      <c r="E208" s="58">
        <f>Jesper!AO202</f>
        <v>35.931209141036575</v>
      </c>
      <c r="F208" s="58">
        <f>Jesper!AP202</f>
        <v>17.965604570518288</v>
      </c>
      <c r="G208" s="57">
        <f>Jesper!AQ202</f>
        <v>0</v>
      </c>
      <c r="H208" s="43">
        <v>201</v>
      </c>
      <c r="I208" s="55">
        <f>Bühler!I234</f>
        <v>11.953249423230988</v>
      </c>
      <c r="J208" s="58">
        <f>Bühler!J234</f>
        <v>67.163751005579613</v>
      </c>
      <c r="K208" s="58">
        <f>Bühler!K234</f>
        <v>2.9628865907404318</v>
      </c>
      <c r="L208" s="58">
        <f>Bühler!L234</f>
        <v>1.4814432953702159</v>
      </c>
      <c r="M208" s="57">
        <f>Bühler!M234</f>
        <v>0</v>
      </c>
      <c r="N208" s="55">
        <f>IF(Input!$K$13=1,J208*Input!$J$13,0)+IF(Input!$K$14=1,K208*Input!$J$14,0)+IF(Input!$K$15=1,L208*Input!$J$15,0)+IF(Input!$K$16=1,M208*Input!$J$16,0)</f>
        <v>8.0596501206695539</v>
      </c>
      <c r="O208" s="58">
        <f>IF(Input!$K$13=2,J208*Input!$J$13,0)+IF(Input!$K$14=2,K208*Input!$J$14,0)+IF(Input!$K$15=2,L208*Input!$J$15,0)+IF(Input!$K$16=2,M208*Input!$J$16,0)</f>
        <v>0.3999896897499583</v>
      </c>
      <c r="P208" s="58">
        <f>IF(Input!$K$13=3,J208*Input!$J$13,0)+IF(Input!$K$14=3,K208*Input!$J$14,0)+IF(Input!$K$15=3,L208*Input!$J$15,0)+IF(Input!$K$16=3,M208*Input!$J$16,0)</f>
        <v>0</v>
      </c>
      <c r="Q208" s="71">
        <f>IF(Input!$K$13=4,J208*Input!$J$13,0)+IF(Input!$K$14=4,K208*Input!$J$14,0)+IF(Input!$K$15=4,L208*Input!$J$15,0)+IF(Input!$K$16=4,M208*Input!$J$16,0)</f>
        <v>0</v>
      </c>
    </row>
    <row r="209" spans="2:17" x14ac:dyDescent="0.25">
      <c r="B209" s="43">
        <v>202</v>
      </c>
      <c r="C209" s="55">
        <f>Jesper!AM203</f>
        <v>0.95236583744407755</v>
      </c>
      <c r="D209" s="58">
        <f>Jesper!AN203</f>
        <v>427.15917116253746</v>
      </c>
      <c r="E209" s="58">
        <f>Jesper!AO203</f>
        <v>36.512465064318036</v>
      </c>
      <c r="F209" s="58">
        <f>Jesper!AP203</f>
        <v>18.256232532159018</v>
      </c>
      <c r="G209" s="57">
        <f>Jesper!AQ203</f>
        <v>0</v>
      </c>
      <c r="H209" s="43">
        <v>202</v>
      </c>
      <c r="I209" s="55">
        <f>Bühler!I235</f>
        <v>13.28138824803443</v>
      </c>
      <c r="J209" s="58">
        <f>Bühler!J235</f>
        <v>74.626390006199586</v>
      </c>
      <c r="K209" s="58">
        <f>Bühler!K235</f>
        <v>3.2920962119338135</v>
      </c>
      <c r="L209" s="58">
        <f>Bühler!L235</f>
        <v>1.6460481059669068</v>
      </c>
      <c r="M209" s="57">
        <f>Bühler!M235</f>
        <v>0</v>
      </c>
      <c r="N209" s="55">
        <f>IF(Input!$K$13=1,J209*Input!$J$13,0)+IF(Input!$K$14=1,K209*Input!$J$14,0)+IF(Input!$K$15=1,L209*Input!$J$15,0)+IF(Input!$K$16=1,M209*Input!$J$16,0)</f>
        <v>8.9551668007439496</v>
      </c>
      <c r="O209" s="58">
        <f>IF(Input!$K$13=2,J209*Input!$J$13,0)+IF(Input!$K$14=2,K209*Input!$J$14,0)+IF(Input!$K$15=2,L209*Input!$J$15,0)+IF(Input!$K$16=2,M209*Input!$J$16,0)</f>
        <v>0.44443298861106484</v>
      </c>
      <c r="P209" s="58">
        <f>IF(Input!$K$13=3,J209*Input!$J$13,0)+IF(Input!$K$14=3,K209*Input!$J$14,0)+IF(Input!$K$15=3,L209*Input!$J$15,0)+IF(Input!$K$16=3,M209*Input!$J$16,0)</f>
        <v>0</v>
      </c>
      <c r="Q209" s="71">
        <f>IF(Input!$K$13=4,J209*Input!$J$13,0)+IF(Input!$K$14=4,K209*Input!$J$14,0)+IF(Input!$K$15=4,L209*Input!$J$15,0)+IF(Input!$K$16=4,M209*Input!$J$16,0)</f>
        <v>0</v>
      </c>
    </row>
    <row r="210" spans="2:17" x14ac:dyDescent="0.25">
      <c r="B210" s="43">
        <v>203</v>
      </c>
      <c r="C210" s="55">
        <f>Jesper!AM204</f>
        <v>2.3253700433992086</v>
      </c>
      <c r="D210" s="58">
        <f>Jesper!AN204</f>
        <v>92.489997627825829</v>
      </c>
      <c r="E210" s="58">
        <f>Jesper!AO204</f>
        <v>5.1950726212415512</v>
      </c>
      <c r="F210" s="58">
        <f>Jesper!AP204</f>
        <v>2.5975363106207756</v>
      </c>
      <c r="G210" s="57">
        <f>Jesper!AQ204</f>
        <v>0</v>
      </c>
      <c r="H210" s="43">
        <v>203</v>
      </c>
      <c r="I210" s="55">
        <f>Bühler!I236</f>
        <v>13.28138824803443</v>
      </c>
      <c r="J210" s="58">
        <f>Bühler!J236</f>
        <v>74.626390006199586</v>
      </c>
      <c r="K210" s="58">
        <f>Bühler!K236</f>
        <v>3.2920962119338135</v>
      </c>
      <c r="L210" s="58">
        <f>Bühler!L236</f>
        <v>1.6460481059669068</v>
      </c>
      <c r="M210" s="57">
        <f>Bühler!M236</f>
        <v>0</v>
      </c>
      <c r="N210" s="55">
        <f>IF(Input!$K$13=1,J210*Input!$J$13,0)+IF(Input!$K$14=1,K210*Input!$J$14,0)+IF(Input!$K$15=1,L210*Input!$J$15,0)+IF(Input!$K$16=1,M210*Input!$J$16,0)</f>
        <v>8.9551668007439496</v>
      </c>
      <c r="O210" s="58">
        <f>IF(Input!$K$13=2,J210*Input!$J$13,0)+IF(Input!$K$14=2,K210*Input!$J$14,0)+IF(Input!$K$15=2,L210*Input!$J$15,0)+IF(Input!$K$16=2,M210*Input!$J$16,0)</f>
        <v>0.44443298861106484</v>
      </c>
      <c r="P210" s="58">
        <f>IF(Input!$K$13=3,J210*Input!$J$13,0)+IF(Input!$K$14=3,K210*Input!$J$14,0)+IF(Input!$K$15=3,L210*Input!$J$15,0)+IF(Input!$K$16=3,M210*Input!$J$16,0)</f>
        <v>0</v>
      </c>
      <c r="Q210" s="71">
        <f>IF(Input!$K$13=4,J210*Input!$J$13,0)+IF(Input!$K$14=4,K210*Input!$J$14,0)+IF(Input!$K$15=4,L210*Input!$J$15,0)+IF(Input!$K$16=4,M210*Input!$J$16,0)</f>
        <v>0</v>
      </c>
    </row>
    <row r="211" spans="2:17" x14ac:dyDescent="0.25">
      <c r="B211" s="43">
        <v>204</v>
      </c>
      <c r="C211" s="55">
        <f>Jesper!AM205</f>
        <v>0</v>
      </c>
      <c r="D211" s="58">
        <f>Jesper!AN205</f>
        <v>86.642821144590428</v>
      </c>
      <c r="E211" s="58">
        <f>Jesper!AO205</f>
        <v>5.1647157743026879</v>
      </c>
      <c r="F211" s="58">
        <f>Jesper!AP205</f>
        <v>2.582357887151344</v>
      </c>
      <c r="G211" s="57">
        <f>Jesper!AQ205</f>
        <v>0</v>
      </c>
      <c r="H211" s="43">
        <v>204</v>
      </c>
      <c r="I211" s="55">
        <f>Bühler!I237</f>
        <v>15.937665897641313</v>
      </c>
      <c r="J211" s="58">
        <f>Bühler!J237</f>
        <v>89.551668007439474</v>
      </c>
      <c r="K211" s="58">
        <f>Bühler!K237</f>
        <v>3.9505154543205747</v>
      </c>
      <c r="L211" s="58">
        <f>Bühler!L237</f>
        <v>1.9752577271602874</v>
      </c>
      <c r="M211" s="57">
        <f>Bühler!M237</f>
        <v>0</v>
      </c>
      <c r="N211" s="55">
        <f>IF(Input!$K$13=1,J211*Input!$J$13,0)+IF(Input!$K$14=1,K211*Input!$J$14,0)+IF(Input!$K$15=1,L211*Input!$J$15,0)+IF(Input!$K$16=1,M211*Input!$J$16,0)</f>
        <v>10.746200160892737</v>
      </c>
      <c r="O211" s="58">
        <f>IF(Input!$K$13=2,J211*Input!$J$13,0)+IF(Input!$K$14=2,K211*Input!$J$14,0)+IF(Input!$K$15=2,L211*Input!$J$15,0)+IF(Input!$K$16=2,M211*Input!$J$16,0)</f>
        <v>0.53331958633327758</v>
      </c>
      <c r="P211" s="58">
        <f>IF(Input!$K$13=3,J211*Input!$J$13,0)+IF(Input!$K$14=3,K211*Input!$J$14,0)+IF(Input!$K$15=3,L211*Input!$J$15,0)+IF(Input!$K$16=3,M211*Input!$J$16,0)</f>
        <v>0</v>
      </c>
      <c r="Q211" s="71">
        <f>IF(Input!$K$13=4,J211*Input!$J$13,0)+IF(Input!$K$14=4,K211*Input!$J$14,0)+IF(Input!$K$15=4,L211*Input!$J$15,0)+IF(Input!$K$16=4,M211*Input!$J$16,0)</f>
        <v>0</v>
      </c>
    </row>
    <row r="212" spans="2:17" x14ac:dyDescent="0.25">
      <c r="B212" s="43">
        <v>205</v>
      </c>
      <c r="C212" s="55">
        <f>Jesper!AM206</f>
        <v>0</v>
      </c>
      <c r="D212" s="58">
        <f>Jesper!AN206</f>
        <v>391.43248862362873</v>
      </c>
      <c r="E212" s="58">
        <f>Jesper!AO206</f>
        <v>35.146513644606614</v>
      </c>
      <c r="F212" s="58">
        <f>Jesper!AP206</f>
        <v>17.573256822303307</v>
      </c>
      <c r="G212" s="57">
        <f>Jesper!AQ206</f>
        <v>0</v>
      </c>
      <c r="H212" s="43">
        <v>205</v>
      </c>
      <c r="I212" s="55">
        <f>Bühler!I238</f>
        <v>15.937665897641313</v>
      </c>
      <c r="J212" s="58">
        <f>Bühler!J238</f>
        <v>89.551668007439474</v>
      </c>
      <c r="K212" s="58">
        <f>Bühler!K238</f>
        <v>3.9505154543205747</v>
      </c>
      <c r="L212" s="58">
        <f>Bühler!L238</f>
        <v>1.9752577271602874</v>
      </c>
      <c r="M212" s="57">
        <f>Bühler!M238</f>
        <v>0</v>
      </c>
      <c r="N212" s="55">
        <f>IF(Input!$K$13=1,J212*Input!$J$13,0)+IF(Input!$K$14=1,K212*Input!$J$14,0)+IF(Input!$K$15=1,L212*Input!$J$15,0)+IF(Input!$K$16=1,M212*Input!$J$16,0)</f>
        <v>10.746200160892737</v>
      </c>
      <c r="O212" s="58">
        <f>IF(Input!$K$13=2,J212*Input!$J$13,0)+IF(Input!$K$14=2,K212*Input!$J$14,0)+IF(Input!$K$15=2,L212*Input!$J$15,0)+IF(Input!$K$16=2,M212*Input!$J$16,0)</f>
        <v>0.53331958633327758</v>
      </c>
      <c r="P212" s="58">
        <f>IF(Input!$K$13=3,J212*Input!$J$13,0)+IF(Input!$K$14=3,K212*Input!$J$14,0)+IF(Input!$K$15=3,L212*Input!$J$15,0)+IF(Input!$K$16=3,M212*Input!$J$16,0)</f>
        <v>0</v>
      </c>
      <c r="Q212" s="71">
        <f>IF(Input!$K$13=4,J212*Input!$J$13,0)+IF(Input!$K$14=4,K212*Input!$J$14,0)+IF(Input!$K$15=4,L212*Input!$J$15,0)+IF(Input!$K$16=4,M212*Input!$J$16,0)</f>
        <v>0</v>
      </c>
    </row>
    <row r="213" spans="2:17" x14ac:dyDescent="0.25">
      <c r="B213" s="43">
        <v>206</v>
      </c>
      <c r="C213" s="55">
        <f>Jesper!AM207</f>
        <v>5.1748837747973742</v>
      </c>
      <c r="D213" s="58">
        <f>Jesper!AN207</f>
        <v>443.54461338417735</v>
      </c>
      <c r="E213" s="58">
        <f>Jesper!AO207</f>
        <v>36.97746980294319</v>
      </c>
      <c r="F213" s="58">
        <f>Jesper!AP207</f>
        <v>18.488734901471595</v>
      </c>
      <c r="G213" s="57">
        <f>Jesper!AQ207</f>
        <v>0</v>
      </c>
      <c r="H213" s="43">
        <v>206</v>
      </c>
      <c r="I213" s="55">
        <f>Bühler!I239</f>
        <v>10.625110598427545</v>
      </c>
      <c r="J213" s="58">
        <f>Bühler!J239</f>
        <v>59.701112004959654</v>
      </c>
      <c r="K213" s="58">
        <f>Bühler!K239</f>
        <v>2.6336769695470506</v>
      </c>
      <c r="L213" s="58">
        <f>Bühler!L239</f>
        <v>1.3168384847735253</v>
      </c>
      <c r="M213" s="57">
        <f>Bühler!M239</f>
        <v>0</v>
      </c>
      <c r="N213" s="55">
        <f>IF(Input!$K$13=1,J213*Input!$J$13,0)+IF(Input!$K$14=1,K213*Input!$J$14,0)+IF(Input!$K$15=1,L213*Input!$J$15,0)+IF(Input!$K$16=1,M213*Input!$J$16,0)</f>
        <v>7.1641334405951582</v>
      </c>
      <c r="O213" s="58">
        <f>IF(Input!$K$13=2,J213*Input!$J$13,0)+IF(Input!$K$14=2,K213*Input!$J$14,0)+IF(Input!$K$15=2,L213*Input!$J$15,0)+IF(Input!$K$16=2,M213*Input!$J$16,0)</f>
        <v>0.35554639088885182</v>
      </c>
      <c r="P213" s="58">
        <f>IF(Input!$K$13=3,J213*Input!$J$13,0)+IF(Input!$K$14=3,K213*Input!$J$14,0)+IF(Input!$K$15=3,L213*Input!$J$15,0)+IF(Input!$K$16=3,M213*Input!$J$16,0)</f>
        <v>0</v>
      </c>
      <c r="Q213" s="71">
        <f>IF(Input!$K$13=4,J213*Input!$J$13,0)+IF(Input!$K$14=4,K213*Input!$J$14,0)+IF(Input!$K$15=4,L213*Input!$J$15,0)+IF(Input!$K$16=4,M213*Input!$J$16,0)</f>
        <v>0</v>
      </c>
    </row>
    <row r="214" spans="2:17" x14ac:dyDescent="0.25">
      <c r="B214" s="43">
        <v>207</v>
      </c>
      <c r="C214" s="55">
        <f>Jesper!AM208</f>
        <v>12.300382794081074</v>
      </c>
      <c r="D214" s="58">
        <f>Jesper!AN208</f>
        <v>471.19504713319486</v>
      </c>
      <c r="E214" s="58">
        <f>Jesper!AO208</f>
        <v>37.762165299373166</v>
      </c>
      <c r="F214" s="58">
        <f>Jesper!AP208</f>
        <v>18.881082649686583</v>
      </c>
      <c r="G214" s="57">
        <f>Jesper!AQ208</f>
        <v>0</v>
      </c>
      <c r="H214" s="43">
        <v>207</v>
      </c>
      <c r="I214" s="55">
        <f>Bühler!I240</f>
        <v>15.937665897641313</v>
      </c>
      <c r="J214" s="58">
        <f>Bühler!J240</f>
        <v>89.551668007439474</v>
      </c>
      <c r="K214" s="58">
        <f>Bühler!K240</f>
        <v>3.9505154543205747</v>
      </c>
      <c r="L214" s="58">
        <f>Bühler!L240</f>
        <v>1.9752577271602874</v>
      </c>
      <c r="M214" s="57">
        <f>Bühler!M240</f>
        <v>0</v>
      </c>
      <c r="N214" s="55">
        <f>IF(Input!$K$13=1,J214*Input!$J$13,0)+IF(Input!$K$14=1,K214*Input!$J$14,0)+IF(Input!$K$15=1,L214*Input!$J$15,0)+IF(Input!$K$16=1,M214*Input!$J$16,0)</f>
        <v>10.746200160892737</v>
      </c>
      <c r="O214" s="58">
        <f>IF(Input!$K$13=2,J214*Input!$J$13,0)+IF(Input!$K$14=2,K214*Input!$J$14,0)+IF(Input!$K$15=2,L214*Input!$J$15,0)+IF(Input!$K$16=2,M214*Input!$J$16,0)</f>
        <v>0.53331958633327758</v>
      </c>
      <c r="P214" s="58">
        <f>IF(Input!$K$13=3,J214*Input!$J$13,0)+IF(Input!$K$14=3,K214*Input!$J$14,0)+IF(Input!$K$15=3,L214*Input!$J$15,0)+IF(Input!$K$16=3,M214*Input!$J$16,0)</f>
        <v>0</v>
      </c>
      <c r="Q214" s="71">
        <f>IF(Input!$K$13=4,J214*Input!$J$13,0)+IF(Input!$K$14=4,K214*Input!$J$14,0)+IF(Input!$K$15=4,L214*Input!$J$15,0)+IF(Input!$K$16=4,M214*Input!$J$16,0)</f>
        <v>0</v>
      </c>
    </row>
    <row r="215" spans="2:17" x14ac:dyDescent="0.25">
      <c r="B215" s="43">
        <v>208</v>
      </c>
      <c r="C215" s="55">
        <f>Jesper!AM209</f>
        <v>10.189123825404428</v>
      </c>
      <c r="D215" s="58">
        <f>Jesper!AN209</f>
        <v>463.00232602237486</v>
      </c>
      <c r="E215" s="58">
        <f>Jesper!AO209</f>
        <v>37.529662930060582</v>
      </c>
      <c r="F215" s="58">
        <f>Jesper!AP209</f>
        <v>18.764831465030291</v>
      </c>
      <c r="G215" s="57">
        <f>Jesper!AQ209</f>
        <v>0</v>
      </c>
      <c r="H215" s="43">
        <v>208</v>
      </c>
      <c r="I215" s="55">
        <f>Bühler!I241</f>
        <v>15.937665897641313</v>
      </c>
      <c r="J215" s="58">
        <f>Bühler!J241</f>
        <v>89.551668007439474</v>
      </c>
      <c r="K215" s="58">
        <f>Bühler!K241</f>
        <v>3.9505154543205747</v>
      </c>
      <c r="L215" s="58">
        <f>Bühler!L241</f>
        <v>1.9752577271602874</v>
      </c>
      <c r="M215" s="57">
        <f>Bühler!M241</f>
        <v>0</v>
      </c>
      <c r="N215" s="55">
        <f>IF(Input!$K$13=1,J215*Input!$J$13,0)+IF(Input!$K$14=1,K215*Input!$J$14,0)+IF(Input!$K$15=1,L215*Input!$J$15,0)+IF(Input!$K$16=1,M215*Input!$J$16,0)</f>
        <v>10.746200160892737</v>
      </c>
      <c r="O215" s="58">
        <f>IF(Input!$K$13=2,J215*Input!$J$13,0)+IF(Input!$K$14=2,K215*Input!$J$14,0)+IF(Input!$K$15=2,L215*Input!$J$15,0)+IF(Input!$K$16=2,M215*Input!$J$16,0)</f>
        <v>0.53331958633327758</v>
      </c>
      <c r="P215" s="58">
        <f>IF(Input!$K$13=3,J215*Input!$J$13,0)+IF(Input!$K$14=3,K215*Input!$J$14,0)+IF(Input!$K$15=3,L215*Input!$J$15,0)+IF(Input!$K$16=3,M215*Input!$J$16,0)</f>
        <v>0</v>
      </c>
      <c r="Q215" s="71">
        <f>IF(Input!$K$13=4,J215*Input!$J$13,0)+IF(Input!$K$14=4,K215*Input!$J$14,0)+IF(Input!$K$15=4,L215*Input!$J$15,0)+IF(Input!$K$16=4,M215*Input!$J$16,0)</f>
        <v>0</v>
      </c>
    </row>
    <row r="216" spans="2:17" x14ac:dyDescent="0.25">
      <c r="B216" s="43">
        <v>209</v>
      </c>
      <c r="C216" s="55">
        <f>Jesper!AM210</f>
        <v>0</v>
      </c>
      <c r="D216" s="58">
        <f>Jesper!AN210</f>
        <v>419.48372712370838</v>
      </c>
      <c r="E216" s="58">
        <f>Jesper!AO210</f>
        <v>36.250899898841368</v>
      </c>
      <c r="F216" s="58">
        <f>Jesper!AP210</f>
        <v>18.125449949420684</v>
      </c>
      <c r="G216" s="57">
        <f>Jesper!AQ210</f>
        <v>0</v>
      </c>
      <c r="H216" s="43">
        <v>209</v>
      </c>
      <c r="I216" s="55">
        <f>Bühler!I242</f>
        <v>13.28138824803443</v>
      </c>
      <c r="J216" s="58">
        <f>Bühler!J242</f>
        <v>56.554924184950885</v>
      </c>
      <c r="K216" s="58">
        <f>Bühler!K242</f>
        <v>2.3044673483536688</v>
      </c>
      <c r="L216" s="58">
        <f>Bühler!L242</f>
        <v>1.1522336741768344</v>
      </c>
      <c r="M216" s="57">
        <f>Bühler!M242</f>
        <v>0</v>
      </c>
      <c r="N216" s="55">
        <f>IF(Input!$K$13=1,J216*Input!$J$13,0)+IF(Input!$K$14=1,K216*Input!$J$14,0)+IF(Input!$K$15=1,L216*Input!$J$15,0)+IF(Input!$K$16=1,M216*Input!$J$16,0)</f>
        <v>6.7865909021941055</v>
      </c>
      <c r="O216" s="58">
        <f>IF(Input!$K$13=2,J216*Input!$J$13,0)+IF(Input!$K$14=2,K216*Input!$J$14,0)+IF(Input!$K$15=2,L216*Input!$J$15,0)+IF(Input!$K$16=2,M216*Input!$J$16,0)</f>
        <v>0.31110309202774533</v>
      </c>
      <c r="P216" s="58">
        <f>IF(Input!$K$13=3,J216*Input!$J$13,0)+IF(Input!$K$14=3,K216*Input!$J$14,0)+IF(Input!$K$15=3,L216*Input!$J$15,0)+IF(Input!$K$16=3,M216*Input!$J$16,0)</f>
        <v>0</v>
      </c>
      <c r="Q216" s="71">
        <f>IF(Input!$K$13=4,J216*Input!$J$13,0)+IF(Input!$K$14=4,K216*Input!$J$14,0)+IF(Input!$K$15=4,L216*Input!$J$15,0)+IF(Input!$K$16=4,M216*Input!$J$16,0)</f>
        <v>0</v>
      </c>
    </row>
    <row r="217" spans="2:17" x14ac:dyDescent="0.25">
      <c r="B217" s="43">
        <v>210</v>
      </c>
      <c r="C217" s="55">
        <f>Jesper!AM211</f>
        <v>0</v>
      </c>
      <c r="D217" s="58">
        <f>Jesper!AN211</f>
        <v>84.951560537307941</v>
      </c>
      <c r="E217" s="58">
        <f>Jesper!AO211</f>
        <v>5.155787289908905</v>
      </c>
      <c r="F217" s="58">
        <f>Jesper!AP211</f>
        <v>2.5778936449544525</v>
      </c>
      <c r="G217" s="57">
        <f>Jesper!AQ211</f>
        <v>0</v>
      </c>
      <c r="H217" s="43">
        <v>210</v>
      </c>
      <c r="I217" s="55">
        <f>Bühler!I243</f>
        <v>10.686174452441495</v>
      </c>
      <c r="J217" s="58">
        <f>Bühler!J243</f>
        <v>23.624332870977419</v>
      </c>
      <c r="K217" s="58">
        <f>Bühler!K243</f>
        <v>0.65841924238676264</v>
      </c>
      <c r="L217" s="58">
        <f>Bühler!L243</f>
        <v>0.32920962119338132</v>
      </c>
      <c r="M217" s="57">
        <f>Bühler!M243</f>
        <v>0</v>
      </c>
      <c r="N217" s="55">
        <f>IF(Input!$K$13=1,J217*Input!$J$13,0)+IF(Input!$K$14=1,K217*Input!$J$14,0)+IF(Input!$K$15=1,L217*Input!$J$15,0)+IF(Input!$K$16=1,M217*Input!$J$16,0)</f>
        <v>2.8349199445172903</v>
      </c>
      <c r="O217" s="58">
        <f>IF(Input!$K$13=2,J217*Input!$J$13,0)+IF(Input!$K$14=2,K217*Input!$J$14,0)+IF(Input!$K$15=2,L217*Input!$J$15,0)+IF(Input!$K$16=2,M217*Input!$J$16,0)</f>
        <v>8.8886597722212954E-2</v>
      </c>
      <c r="P217" s="58">
        <f>IF(Input!$K$13=3,J217*Input!$J$13,0)+IF(Input!$K$14=3,K217*Input!$J$14,0)+IF(Input!$K$15=3,L217*Input!$J$15,0)+IF(Input!$K$16=3,M217*Input!$J$16,0)</f>
        <v>0</v>
      </c>
      <c r="Q217" s="71">
        <f>IF(Input!$K$13=4,J217*Input!$J$13,0)+IF(Input!$K$14=4,K217*Input!$J$14,0)+IF(Input!$K$15=4,L217*Input!$J$15,0)+IF(Input!$K$16=4,M217*Input!$J$16,0)</f>
        <v>0</v>
      </c>
    </row>
    <row r="218" spans="2:17" x14ac:dyDescent="0.25">
      <c r="B218" s="43">
        <v>211</v>
      </c>
      <c r="C218" s="55">
        <f>Jesper!AM212</f>
        <v>2.6261363343260022</v>
      </c>
      <c r="D218" s="58">
        <f>Jesper!AN212</f>
        <v>93.17903379952746</v>
      </c>
      <c r="E218" s="58">
        <f>Jesper!AO212</f>
        <v>5.1986440149990658</v>
      </c>
      <c r="F218" s="58">
        <f>Jesper!AP212</f>
        <v>2.5993220074995329</v>
      </c>
      <c r="G218" s="57">
        <f>Jesper!AQ212</f>
        <v>0</v>
      </c>
      <c r="H218" s="43">
        <v>211</v>
      </c>
      <c r="I218" s="55">
        <f>Bühler!I244</f>
        <v>3.8164908758719629</v>
      </c>
      <c r="J218" s="58">
        <f>Bühler!J244</f>
        <v>16.012490537944934</v>
      </c>
      <c r="K218" s="58">
        <f>Bühler!K244</f>
        <v>0.64914573193061098</v>
      </c>
      <c r="L218" s="58">
        <f>Bühler!L244</f>
        <v>0.32457286596530549</v>
      </c>
      <c r="M218" s="57">
        <f>Bühler!M244</f>
        <v>0</v>
      </c>
      <c r="N218" s="55">
        <f>IF(Input!$K$13=1,J218*Input!$J$13,0)+IF(Input!$K$14=1,K218*Input!$J$14,0)+IF(Input!$K$15=1,L218*Input!$J$15,0)+IF(Input!$K$16=1,M218*Input!$J$16,0)</f>
        <v>1.9214988645533921</v>
      </c>
      <c r="O218" s="58">
        <f>IF(Input!$K$13=2,J218*Input!$J$13,0)+IF(Input!$K$14=2,K218*Input!$J$14,0)+IF(Input!$K$15=2,L218*Input!$J$15,0)+IF(Input!$K$16=2,M218*Input!$J$16,0)</f>
        <v>8.7634673810632474E-2</v>
      </c>
      <c r="P218" s="58">
        <f>IF(Input!$K$13=3,J218*Input!$J$13,0)+IF(Input!$K$14=3,K218*Input!$J$14,0)+IF(Input!$K$15=3,L218*Input!$J$15,0)+IF(Input!$K$16=3,M218*Input!$J$16,0)</f>
        <v>0</v>
      </c>
      <c r="Q218" s="71">
        <f>IF(Input!$K$13=4,J218*Input!$J$13,0)+IF(Input!$K$14=4,K218*Input!$J$14,0)+IF(Input!$K$15=4,L218*Input!$J$15,0)+IF(Input!$K$16=4,M218*Input!$J$16,0)</f>
        <v>0</v>
      </c>
    </row>
    <row r="219" spans="2:17" x14ac:dyDescent="0.25">
      <c r="B219" s="43">
        <v>212</v>
      </c>
      <c r="C219" s="55">
        <f>Jesper!AM213</f>
        <v>2.2719026928669797</v>
      </c>
      <c r="D219" s="58">
        <f>Jesper!AN213</f>
        <v>432.27962185679979</v>
      </c>
      <c r="E219" s="58">
        <f>Jesper!AO213</f>
        <v>36.657779045138398</v>
      </c>
      <c r="F219" s="58">
        <f>Jesper!AP213</f>
        <v>18.328889522569199</v>
      </c>
      <c r="G219" s="57">
        <f>Jesper!AQ213</f>
        <v>0</v>
      </c>
      <c r="H219" s="43">
        <v>212</v>
      </c>
      <c r="I219" s="55">
        <f>Bühler!I245</f>
        <v>3.8164908758719629</v>
      </c>
      <c r="J219" s="58">
        <f>Bühler!J245</f>
        <v>16.012490537944934</v>
      </c>
      <c r="K219" s="58">
        <f>Bühler!K245</f>
        <v>0.64914573193061098</v>
      </c>
      <c r="L219" s="58">
        <f>Bühler!L245</f>
        <v>0.32457286596530549</v>
      </c>
      <c r="M219" s="57">
        <f>Bühler!M245</f>
        <v>0</v>
      </c>
      <c r="N219" s="55">
        <f>IF(Input!$K$13=1,J219*Input!$J$13,0)+IF(Input!$K$14=1,K219*Input!$J$14,0)+IF(Input!$K$15=1,L219*Input!$J$15,0)+IF(Input!$K$16=1,M219*Input!$J$16,0)</f>
        <v>1.9214988645533921</v>
      </c>
      <c r="O219" s="58">
        <f>IF(Input!$K$13=2,J219*Input!$J$13,0)+IF(Input!$K$14=2,K219*Input!$J$14,0)+IF(Input!$K$15=2,L219*Input!$J$15,0)+IF(Input!$K$16=2,M219*Input!$J$16,0)</f>
        <v>8.7634673810632474E-2</v>
      </c>
      <c r="P219" s="58">
        <f>IF(Input!$K$13=3,J219*Input!$J$13,0)+IF(Input!$K$14=3,K219*Input!$J$14,0)+IF(Input!$K$15=3,L219*Input!$J$15,0)+IF(Input!$K$16=3,M219*Input!$J$16,0)</f>
        <v>0</v>
      </c>
      <c r="Q219" s="71">
        <f>IF(Input!$K$13=4,J219*Input!$J$13,0)+IF(Input!$K$14=4,K219*Input!$J$14,0)+IF(Input!$K$15=4,L219*Input!$J$15,0)+IF(Input!$K$16=4,M219*Input!$J$16,0)</f>
        <v>0</v>
      </c>
    </row>
    <row r="220" spans="2:17" x14ac:dyDescent="0.25">
      <c r="B220" s="43">
        <v>213</v>
      </c>
      <c r="C220" s="55">
        <f>Jesper!AM214</f>
        <v>5.9666058880511166</v>
      </c>
      <c r="D220" s="58">
        <f>Jesper!AN214</f>
        <v>446.61688380073491</v>
      </c>
      <c r="E220" s="58">
        <f>Jesper!AO214</f>
        <v>37.06465819143542</v>
      </c>
      <c r="F220" s="58">
        <f>Jesper!AP214</f>
        <v>18.53232909571771</v>
      </c>
      <c r="G220" s="57">
        <f>Jesper!AQ214</f>
        <v>0</v>
      </c>
      <c r="H220" s="43">
        <v>213</v>
      </c>
      <c r="I220" s="55">
        <f>Bühler!I246</f>
        <v>3.8164908758719629</v>
      </c>
      <c r="J220" s="58">
        <f>Bühler!J246</f>
        <v>16.012490537944934</v>
      </c>
      <c r="K220" s="58">
        <f>Bühler!K246</f>
        <v>0.64914573193061098</v>
      </c>
      <c r="L220" s="58">
        <f>Bühler!L246</f>
        <v>0.32457286596530549</v>
      </c>
      <c r="M220" s="57">
        <f>Bühler!M246</f>
        <v>0</v>
      </c>
      <c r="N220" s="55">
        <f>IF(Input!$K$13=1,J220*Input!$J$13,0)+IF(Input!$K$14=1,K220*Input!$J$14,0)+IF(Input!$K$15=1,L220*Input!$J$15,0)+IF(Input!$K$16=1,M220*Input!$J$16,0)</f>
        <v>1.9214988645533921</v>
      </c>
      <c r="O220" s="58">
        <f>IF(Input!$K$13=2,J220*Input!$J$13,0)+IF(Input!$K$14=2,K220*Input!$J$14,0)+IF(Input!$K$15=2,L220*Input!$J$15,0)+IF(Input!$K$16=2,M220*Input!$J$16,0)</f>
        <v>8.7634673810632474E-2</v>
      </c>
      <c r="P220" s="58">
        <f>IF(Input!$K$13=3,J220*Input!$J$13,0)+IF(Input!$K$14=3,K220*Input!$J$14,0)+IF(Input!$K$15=3,L220*Input!$J$15,0)+IF(Input!$K$16=3,M220*Input!$J$16,0)</f>
        <v>0</v>
      </c>
      <c r="Q220" s="71">
        <f>IF(Input!$K$13=4,J220*Input!$J$13,0)+IF(Input!$K$14=4,K220*Input!$J$14,0)+IF(Input!$K$15=4,L220*Input!$J$15,0)+IF(Input!$K$16=4,M220*Input!$J$16,0)</f>
        <v>0</v>
      </c>
    </row>
    <row r="221" spans="2:17" x14ac:dyDescent="0.25">
      <c r="B221" s="43">
        <v>214</v>
      </c>
      <c r="C221" s="55">
        <f>Jesper!AM215</f>
        <v>3.0636248061207159</v>
      </c>
      <c r="D221" s="58">
        <f>Jesper!AN215</f>
        <v>435.35189227335735</v>
      </c>
      <c r="E221" s="58">
        <f>Jesper!AO215</f>
        <v>36.74496743363062</v>
      </c>
      <c r="F221" s="58">
        <f>Jesper!AP215</f>
        <v>18.37248371681531</v>
      </c>
      <c r="G221" s="57">
        <f>Jesper!AQ215</f>
        <v>0</v>
      </c>
      <c r="H221" s="43">
        <v>214</v>
      </c>
      <c r="I221" s="55">
        <f>Bühler!I247</f>
        <v>3.8164908758719629</v>
      </c>
      <c r="J221" s="58">
        <f>Bühler!J247</f>
        <v>16.012490537944934</v>
      </c>
      <c r="K221" s="58">
        <f>Bühler!K247</f>
        <v>0.64914573193061098</v>
      </c>
      <c r="L221" s="58">
        <f>Bühler!L247</f>
        <v>0.32457286596530549</v>
      </c>
      <c r="M221" s="57">
        <f>Bühler!M247</f>
        <v>0</v>
      </c>
      <c r="N221" s="55">
        <f>IF(Input!$K$13=1,J221*Input!$J$13,0)+IF(Input!$K$14=1,K221*Input!$J$14,0)+IF(Input!$K$15=1,L221*Input!$J$15,0)+IF(Input!$K$16=1,M221*Input!$J$16,0)</f>
        <v>1.9214988645533921</v>
      </c>
      <c r="O221" s="58">
        <f>IF(Input!$K$13=2,J221*Input!$J$13,0)+IF(Input!$K$14=2,K221*Input!$J$14,0)+IF(Input!$K$15=2,L221*Input!$J$15,0)+IF(Input!$K$16=2,M221*Input!$J$16,0)</f>
        <v>8.7634673810632474E-2</v>
      </c>
      <c r="P221" s="58">
        <f>IF(Input!$K$13=3,J221*Input!$J$13,0)+IF(Input!$K$14=3,K221*Input!$J$14,0)+IF(Input!$K$15=3,L221*Input!$J$15,0)+IF(Input!$K$16=3,M221*Input!$J$16,0)</f>
        <v>0</v>
      </c>
      <c r="Q221" s="71">
        <f>IF(Input!$K$13=4,J221*Input!$J$13,0)+IF(Input!$K$14=4,K221*Input!$J$14,0)+IF(Input!$K$15=4,L221*Input!$J$15,0)+IF(Input!$K$16=4,M221*Input!$J$16,0)</f>
        <v>0</v>
      </c>
    </row>
    <row r="222" spans="2:17" x14ac:dyDescent="0.25">
      <c r="B222" s="43">
        <v>215</v>
      </c>
      <c r="C222" s="55">
        <f>Jesper!AM216</f>
        <v>3.3275321772053057</v>
      </c>
      <c r="D222" s="58">
        <f>Jesper!AN216</f>
        <v>436.37598241220985</v>
      </c>
      <c r="E222" s="58">
        <f>Jesper!AO216</f>
        <v>36.77403022979469</v>
      </c>
      <c r="F222" s="58">
        <f>Jesper!AP216</f>
        <v>18.387015114897345</v>
      </c>
      <c r="G222" s="57">
        <f>Jesper!AQ216</f>
        <v>0</v>
      </c>
      <c r="H222" s="43">
        <v>215</v>
      </c>
      <c r="I222" s="55">
        <f>Bühler!I248</f>
        <v>3.8164908758719629</v>
      </c>
      <c r="J222" s="58">
        <f>Bühler!J248</f>
        <v>16.012490537944934</v>
      </c>
      <c r="K222" s="58">
        <f>Bühler!K248</f>
        <v>0.64914573193061098</v>
      </c>
      <c r="L222" s="58">
        <f>Bühler!L248</f>
        <v>0.32457286596530549</v>
      </c>
      <c r="M222" s="57">
        <f>Bühler!M248</f>
        <v>0</v>
      </c>
      <c r="N222" s="55">
        <f>IF(Input!$K$13=1,J222*Input!$J$13,0)+IF(Input!$K$14=1,K222*Input!$J$14,0)+IF(Input!$K$15=1,L222*Input!$J$15,0)+IF(Input!$K$16=1,M222*Input!$J$16,0)</f>
        <v>1.9214988645533921</v>
      </c>
      <c r="O222" s="58">
        <f>IF(Input!$K$13=2,J222*Input!$J$13,0)+IF(Input!$K$14=2,K222*Input!$J$14,0)+IF(Input!$K$15=2,L222*Input!$J$15,0)+IF(Input!$K$16=2,M222*Input!$J$16,0)</f>
        <v>8.7634673810632474E-2</v>
      </c>
      <c r="P222" s="58">
        <f>IF(Input!$K$13=3,J222*Input!$J$13,0)+IF(Input!$K$14=3,K222*Input!$J$14,0)+IF(Input!$K$15=3,L222*Input!$J$15,0)+IF(Input!$K$16=3,M222*Input!$J$16,0)</f>
        <v>0</v>
      </c>
      <c r="Q222" s="71">
        <f>IF(Input!$K$13=4,J222*Input!$J$13,0)+IF(Input!$K$14=4,K222*Input!$J$14,0)+IF(Input!$K$15=4,L222*Input!$J$15,0)+IF(Input!$K$16=4,M222*Input!$J$16,0)</f>
        <v>0</v>
      </c>
    </row>
    <row r="223" spans="2:17" x14ac:dyDescent="0.25">
      <c r="B223" s="43">
        <v>216</v>
      </c>
      <c r="C223" s="55">
        <f>Jesper!AM217</f>
        <v>12.300382794081074</v>
      </c>
      <c r="D223" s="58">
        <f>Jesper!AN217</f>
        <v>471.19504713319486</v>
      </c>
      <c r="E223" s="58">
        <f>Jesper!AO217</f>
        <v>37.762165299373166</v>
      </c>
      <c r="F223" s="58">
        <f>Jesper!AP217</f>
        <v>18.881082649686583</v>
      </c>
      <c r="G223" s="57">
        <f>Jesper!AQ217</f>
        <v>0</v>
      </c>
      <c r="H223" s="43">
        <v>216</v>
      </c>
      <c r="I223" s="55">
        <f>Bühler!I249</f>
        <v>3.8164908758719629</v>
      </c>
      <c r="J223" s="58">
        <f>Bühler!J249</f>
        <v>16.012490537944934</v>
      </c>
      <c r="K223" s="58">
        <f>Bühler!K249</f>
        <v>0.64914573193061098</v>
      </c>
      <c r="L223" s="58">
        <f>Bühler!L249</f>
        <v>0.32457286596530549</v>
      </c>
      <c r="M223" s="57">
        <f>Bühler!M249</f>
        <v>0</v>
      </c>
      <c r="N223" s="55">
        <f>IF(Input!$K$13=1,J223*Input!$J$13,0)+IF(Input!$K$14=1,K223*Input!$J$14,0)+IF(Input!$K$15=1,L223*Input!$J$15,0)+IF(Input!$K$16=1,M223*Input!$J$16,0)</f>
        <v>1.9214988645533921</v>
      </c>
      <c r="O223" s="58">
        <f>IF(Input!$K$13=2,J223*Input!$J$13,0)+IF(Input!$K$14=2,K223*Input!$J$14,0)+IF(Input!$K$15=2,L223*Input!$J$15,0)+IF(Input!$K$16=2,M223*Input!$J$16,0)</f>
        <v>8.7634673810632474E-2</v>
      </c>
      <c r="P223" s="58">
        <f>IF(Input!$K$13=3,J223*Input!$J$13,0)+IF(Input!$K$14=3,K223*Input!$J$14,0)+IF(Input!$K$15=3,L223*Input!$J$15,0)+IF(Input!$K$16=3,M223*Input!$J$16,0)</f>
        <v>0</v>
      </c>
      <c r="Q223" s="71">
        <f>IF(Input!$K$13=4,J223*Input!$J$13,0)+IF(Input!$K$14=4,K223*Input!$J$14,0)+IF(Input!$K$15=4,L223*Input!$J$15,0)+IF(Input!$K$16=4,M223*Input!$J$16,0)</f>
        <v>0</v>
      </c>
    </row>
    <row r="224" spans="2:17" x14ac:dyDescent="0.25">
      <c r="B224" s="43">
        <v>217</v>
      </c>
      <c r="C224" s="55">
        <f>Jesper!AM218</f>
        <v>10.446059898422646</v>
      </c>
      <c r="D224" s="58">
        <f>Jesper!AN218</f>
        <v>111.0939742637692</v>
      </c>
      <c r="E224" s="58">
        <f>Jesper!AO218</f>
        <v>5.2915002526944068</v>
      </c>
      <c r="F224" s="58">
        <f>Jesper!AP218</f>
        <v>2.6457501263472034</v>
      </c>
      <c r="G224" s="57">
        <f>Jesper!AQ218</f>
        <v>0</v>
      </c>
      <c r="H224" s="43">
        <v>217</v>
      </c>
      <c r="I224" s="55">
        <f>Bühler!I250</f>
        <v>2.7033526035226538</v>
      </c>
      <c r="J224" s="58">
        <f>Bühler!J250</f>
        <v>9.9779929332883377</v>
      </c>
      <c r="K224" s="58">
        <f>Bühler!K250</f>
        <v>0.40743205965842971</v>
      </c>
      <c r="L224" s="58">
        <f>Bühler!L250</f>
        <v>0.20371602982921486</v>
      </c>
      <c r="M224" s="57">
        <f>Bühler!M250</f>
        <v>0</v>
      </c>
      <c r="N224" s="55">
        <f>IF(Input!$K$13=1,J224*Input!$J$13,0)+IF(Input!$K$14=1,K224*Input!$J$14,0)+IF(Input!$K$15=1,L224*Input!$J$15,0)+IF(Input!$K$16=1,M224*Input!$J$16,0)</f>
        <v>1.1973591519946005</v>
      </c>
      <c r="O224" s="58">
        <f>IF(Input!$K$13=2,J224*Input!$J$13,0)+IF(Input!$K$14=2,K224*Input!$J$14,0)+IF(Input!$K$15=2,L224*Input!$J$15,0)+IF(Input!$K$16=2,M224*Input!$J$16,0)</f>
        <v>5.5003328053888009E-2</v>
      </c>
      <c r="P224" s="58">
        <f>IF(Input!$K$13=3,J224*Input!$J$13,0)+IF(Input!$K$14=3,K224*Input!$J$14,0)+IF(Input!$K$15=3,L224*Input!$J$15,0)+IF(Input!$K$16=3,M224*Input!$J$16,0)</f>
        <v>0</v>
      </c>
      <c r="Q224" s="71">
        <f>IF(Input!$K$13=4,J224*Input!$J$13,0)+IF(Input!$K$14=4,K224*Input!$J$14,0)+IF(Input!$K$15=4,L224*Input!$J$15,0)+IF(Input!$K$16=4,M224*Input!$J$16,0)</f>
        <v>0</v>
      </c>
    </row>
    <row r="225" spans="2:17" x14ac:dyDescent="0.25">
      <c r="B225" s="43">
        <v>218</v>
      </c>
      <c r="C225" s="55">
        <f>Jesper!AM219</f>
        <v>11.649125062129825</v>
      </c>
      <c r="D225" s="58">
        <f>Jesper!AN219</f>
        <v>113.85011895057565</v>
      </c>
      <c r="E225" s="58">
        <f>Jesper!AO219</f>
        <v>5.3057858277244598</v>
      </c>
      <c r="F225" s="58">
        <f>Jesper!AP219</f>
        <v>2.6528929138622299</v>
      </c>
      <c r="G225" s="57">
        <f>Jesper!AQ219</f>
        <v>0</v>
      </c>
      <c r="H225" s="43">
        <v>218</v>
      </c>
      <c r="I225" s="55">
        <f>Bühler!I251</f>
        <v>2.7033526035226538</v>
      </c>
      <c r="J225" s="58">
        <f>Bühler!J251</f>
        <v>13.670515333646755</v>
      </c>
      <c r="K225" s="58">
        <f>Bühler!K251</f>
        <v>0.6208488528128453</v>
      </c>
      <c r="L225" s="58">
        <f>Bühler!L251</f>
        <v>0.31042442640642265</v>
      </c>
      <c r="M225" s="57">
        <f>Bühler!M251</f>
        <v>0</v>
      </c>
      <c r="N225" s="55">
        <f>IF(Input!$K$13=1,J225*Input!$J$13,0)+IF(Input!$K$14=1,K225*Input!$J$14,0)+IF(Input!$K$15=1,L225*Input!$J$15,0)+IF(Input!$K$16=1,M225*Input!$J$16,0)</f>
        <v>1.6404618400376105</v>
      </c>
      <c r="O225" s="58">
        <f>IF(Input!$K$13=2,J225*Input!$J$13,0)+IF(Input!$K$14=2,K225*Input!$J$14,0)+IF(Input!$K$15=2,L225*Input!$J$15,0)+IF(Input!$K$16=2,M225*Input!$J$16,0)</f>
        <v>8.3814595129734104E-2</v>
      </c>
      <c r="P225" s="58">
        <f>IF(Input!$K$13=3,J225*Input!$J$13,0)+IF(Input!$K$14=3,K225*Input!$J$14,0)+IF(Input!$K$15=3,L225*Input!$J$15,0)+IF(Input!$K$16=3,M225*Input!$J$16,0)</f>
        <v>0</v>
      </c>
      <c r="Q225" s="71">
        <f>IF(Input!$K$13=4,J225*Input!$J$13,0)+IF(Input!$K$14=4,K225*Input!$J$14,0)+IF(Input!$K$15=4,L225*Input!$J$15,0)+IF(Input!$K$16=4,M225*Input!$J$16,0)</f>
        <v>0</v>
      </c>
    </row>
    <row r="226" spans="2:17" x14ac:dyDescent="0.25">
      <c r="B226" s="43">
        <v>219</v>
      </c>
      <c r="C226" s="55">
        <f>Jesper!AM220</f>
        <v>22.856677637464337</v>
      </c>
      <c r="D226" s="58">
        <f>Jesper!AN220</f>
        <v>543.60570992591147</v>
      </c>
      <c r="E226" s="58">
        <f>Jesper!AO220</f>
        <v>38.92467714593608</v>
      </c>
      <c r="F226" s="58">
        <f>Jesper!AP220</f>
        <v>19.46233857296804</v>
      </c>
      <c r="G226" s="57">
        <f>Jesper!AQ220</f>
        <v>0</v>
      </c>
      <c r="H226" s="43">
        <v>219</v>
      </c>
      <c r="I226" s="55">
        <f>Bühler!I252</f>
        <v>2.7033526035226538</v>
      </c>
      <c r="J226" s="58">
        <f>Bühler!J252</f>
        <v>13.670515333646755</v>
      </c>
      <c r="K226" s="58">
        <f>Bühler!K252</f>
        <v>0.6208488528128453</v>
      </c>
      <c r="L226" s="58">
        <f>Bühler!L252</f>
        <v>0.31042442640642265</v>
      </c>
      <c r="M226" s="57">
        <f>Bühler!M252</f>
        <v>0</v>
      </c>
      <c r="N226" s="55">
        <f>IF(Input!$K$13=1,J226*Input!$J$13,0)+IF(Input!$K$14=1,K226*Input!$J$14,0)+IF(Input!$K$15=1,L226*Input!$J$15,0)+IF(Input!$K$16=1,M226*Input!$J$16,0)</f>
        <v>1.6404618400376105</v>
      </c>
      <c r="O226" s="58">
        <f>IF(Input!$K$13=2,J226*Input!$J$13,0)+IF(Input!$K$14=2,K226*Input!$J$14,0)+IF(Input!$K$15=2,L226*Input!$J$15,0)+IF(Input!$K$16=2,M226*Input!$J$16,0)</f>
        <v>8.3814595129734104E-2</v>
      </c>
      <c r="P226" s="58">
        <f>IF(Input!$K$13=3,J226*Input!$J$13,0)+IF(Input!$K$14=3,K226*Input!$J$14,0)+IF(Input!$K$15=3,L226*Input!$J$15,0)+IF(Input!$K$16=3,M226*Input!$J$16,0)</f>
        <v>0</v>
      </c>
      <c r="Q226" s="71">
        <f>IF(Input!$K$13=4,J226*Input!$J$13,0)+IF(Input!$K$14=4,K226*Input!$J$14,0)+IF(Input!$K$15=4,L226*Input!$J$15,0)+IF(Input!$K$16=4,M226*Input!$J$16,0)</f>
        <v>0</v>
      </c>
    </row>
    <row r="227" spans="2:17" x14ac:dyDescent="0.25">
      <c r="B227" s="43">
        <v>220</v>
      </c>
      <c r="C227" s="55">
        <f>Jesper!AM221</f>
        <v>13.092104907334821</v>
      </c>
      <c r="D227" s="58">
        <f>Jesper!AN221</f>
        <v>474.26731754975236</v>
      </c>
      <c r="E227" s="58">
        <f>Jesper!AO221</f>
        <v>37.849353687865381</v>
      </c>
      <c r="F227" s="58">
        <f>Jesper!AP221</f>
        <v>18.924676843932691</v>
      </c>
      <c r="G227" s="57">
        <f>Jesper!AQ221</f>
        <v>0</v>
      </c>
      <c r="H227" s="43">
        <v>220</v>
      </c>
      <c r="I227" s="55">
        <f>Bühler!I253</f>
        <v>2.7033526035226538</v>
      </c>
      <c r="J227" s="58">
        <f>Bühler!J253</f>
        <v>13.670515333646755</v>
      </c>
      <c r="K227" s="58">
        <f>Bühler!K253</f>
        <v>0.6208488528128453</v>
      </c>
      <c r="L227" s="58">
        <f>Bühler!L253</f>
        <v>0.31042442640642265</v>
      </c>
      <c r="M227" s="57">
        <f>Bühler!M253</f>
        <v>0</v>
      </c>
      <c r="N227" s="55">
        <f>IF(Input!$K$13=1,J227*Input!$J$13,0)+IF(Input!$K$14=1,K227*Input!$J$14,0)+IF(Input!$K$15=1,L227*Input!$J$15,0)+IF(Input!$K$16=1,M227*Input!$J$16,0)</f>
        <v>1.6404618400376105</v>
      </c>
      <c r="O227" s="58">
        <f>IF(Input!$K$13=2,J227*Input!$J$13,0)+IF(Input!$K$14=2,K227*Input!$J$14,0)+IF(Input!$K$15=2,L227*Input!$J$15,0)+IF(Input!$K$16=2,M227*Input!$J$16,0)</f>
        <v>8.3814595129734104E-2</v>
      </c>
      <c r="P227" s="58">
        <f>IF(Input!$K$13=3,J227*Input!$J$13,0)+IF(Input!$K$14=3,K227*Input!$J$14,0)+IF(Input!$K$15=3,L227*Input!$J$15,0)+IF(Input!$K$16=3,M227*Input!$J$16,0)</f>
        <v>0</v>
      </c>
      <c r="Q227" s="71">
        <f>IF(Input!$K$13=4,J227*Input!$J$13,0)+IF(Input!$K$14=4,K227*Input!$J$14,0)+IF(Input!$K$15=4,L227*Input!$J$15,0)+IF(Input!$K$16=4,M227*Input!$J$16,0)</f>
        <v>0</v>
      </c>
    </row>
    <row r="228" spans="2:17" x14ac:dyDescent="0.25">
      <c r="B228" s="43">
        <v>221</v>
      </c>
      <c r="C228" s="55">
        <f>Jesper!AM222</f>
        <v>14.939456504926891</v>
      </c>
      <c r="D228" s="58">
        <f>Jesper!AN222</f>
        <v>481.43594852171987</v>
      </c>
      <c r="E228" s="58">
        <f>Jesper!AO222</f>
        <v>38.052793261013896</v>
      </c>
      <c r="F228" s="58">
        <f>Jesper!AP222</f>
        <v>19.026396630506948</v>
      </c>
      <c r="G228" s="57">
        <f>Jesper!AQ222</f>
        <v>0</v>
      </c>
      <c r="H228" s="43">
        <v>221</v>
      </c>
      <c r="I228" s="55">
        <f>Bühler!I254</f>
        <v>2.7033526035226538</v>
      </c>
      <c r="J228" s="58">
        <f>Bühler!J254</f>
        <v>13.670515333646755</v>
      </c>
      <c r="K228" s="58">
        <f>Bühler!K254</f>
        <v>0.6208488528128453</v>
      </c>
      <c r="L228" s="58">
        <f>Bühler!L254</f>
        <v>0.31042442640642265</v>
      </c>
      <c r="M228" s="57">
        <f>Bühler!M254</f>
        <v>0</v>
      </c>
      <c r="N228" s="55">
        <f>IF(Input!$K$13=1,J228*Input!$J$13,0)+IF(Input!$K$14=1,K228*Input!$J$14,0)+IF(Input!$K$15=1,L228*Input!$J$15,0)+IF(Input!$K$16=1,M228*Input!$J$16,0)</f>
        <v>1.6404618400376105</v>
      </c>
      <c r="O228" s="58">
        <f>IF(Input!$K$13=2,J228*Input!$J$13,0)+IF(Input!$K$14=2,K228*Input!$J$14,0)+IF(Input!$K$15=2,L228*Input!$J$15,0)+IF(Input!$K$16=2,M228*Input!$J$16,0)</f>
        <v>8.3814595129734104E-2</v>
      </c>
      <c r="P228" s="58">
        <f>IF(Input!$K$13=3,J228*Input!$J$13,0)+IF(Input!$K$14=3,K228*Input!$J$14,0)+IF(Input!$K$15=3,L228*Input!$J$15,0)+IF(Input!$K$16=3,M228*Input!$J$16,0)</f>
        <v>0</v>
      </c>
      <c r="Q228" s="71">
        <f>IF(Input!$K$13=4,J228*Input!$J$13,0)+IF(Input!$K$14=4,K228*Input!$J$14,0)+IF(Input!$K$15=4,L228*Input!$J$15,0)+IF(Input!$K$16=4,M228*Input!$J$16,0)</f>
        <v>0</v>
      </c>
    </row>
    <row r="229" spans="2:17" x14ac:dyDescent="0.25">
      <c r="B229" s="43">
        <v>222</v>
      </c>
      <c r="C229" s="55">
        <f>Jesper!AM223</f>
        <v>14.675549133842313</v>
      </c>
      <c r="D229" s="58">
        <f>Jesper!AN223</f>
        <v>480.41185838286736</v>
      </c>
      <c r="E229" s="58">
        <f>Jesper!AO223</f>
        <v>38.02373046484982</v>
      </c>
      <c r="F229" s="58">
        <f>Jesper!AP223</f>
        <v>19.01186523242491</v>
      </c>
      <c r="G229" s="57">
        <f>Jesper!AQ223</f>
        <v>0</v>
      </c>
      <c r="H229" s="43">
        <v>222</v>
      </c>
      <c r="I229" s="55">
        <f>Bühler!I255</f>
        <v>2.7033526035226538</v>
      </c>
      <c r="J229" s="58">
        <f>Bühler!J255</f>
        <v>13.670515333646755</v>
      </c>
      <c r="K229" s="58">
        <f>Bühler!K255</f>
        <v>0.6208488528128453</v>
      </c>
      <c r="L229" s="58">
        <f>Bühler!L255</f>
        <v>0.31042442640642265</v>
      </c>
      <c r="M229" s="57">
        <f>Bühler!M255</f>
        <v>0</v>
      </c>
      <c r="N229" s="55">
        <f>IF(Input!$K$13=1,J229*Input!$J$13,0)+IF(Input!$K$14=1,K229*Input!$J$14,0)+IF(Input!$K$15=1,L229*Input!$J$15,0)+IF(Input!$K$16=1,M229*Input!$J$16,0)</f>
        <v>1.6404618400376105</v>
      </c>
      <c r="O229" s="58">
        <f>IF(Input!$K$13=2,J229*Input!$J$13,0)+IF(Input!$K$14=2,K229*Input!$J$14,0)+IF(Input!$K$15=2,L229*Input!$J$15,0)+IF(Input!$K$16=2,M229*Input!$J$16,0)</f>
        <v>8.3814595129734104E-2</v>
      </c>
      <c r="P229" s="58">
        <f>IF(Input!$K$13=3,J229*Input!$J$13,0)+IF(Input!$K$14=3,K229*Input!$J$14,0)+IF(Input!$K$15=3,L229*Input!$J$15,0)+IF(Input!$K$16=3,M229*Input!$J$16,0)</f>
        <v>0</v>
      </c>
      <c r="Q229" s="71">
        <f>IF(Input!$K$13=4,J229*Input!$J$13,0)+IF(Input!$K$14=4,K229*Input!$J$14,0)+IF(Input!$K$15=4,L229*Input!$J$15,0)+IF(Input!$K$16=4,M229*Input!$J$16,0)</f>
        <v>0</v>
      </c>
    </row>
    <row r="230" spans="2:17" x14ac:dyDescent="0.25">
      <c r="B230" s="43">
        <v>223</v>
      </c>
      <c r="C230" s="55">
        <f>Jesper!AM224</f>
        <v>8.3417722278123527</v>
      </c>
      <c r="D230" s="58">
        <f>Jesper!AN224</f>
        <v>455.83369505040741</v>
      </c>
      <c r="E230" s="58">
        <f>Jesper!AO224</f>
        <v>37.326223356912074</v>
      </c>
      <c r="F230" s="58">
        <f>Jesper!AP224</f>
        <v>18.663111678456037</v>
      </c>
      <c r="G230" s="57">
        <f>Jesper!AQ224</f>
        <v>0</v>
      </c>
      <c r="H230" s="43">
        <v>223</v>
      </c>
      <c r="I230" s="55">
        <f>Bühler!I256</f>
        <v>2.7033526035226538</v>
      </c>
      <c r="J230" s="58">
        <f>Bühler!J256</f>
        <v>13.670515333646755</v>
      </c>
      <c r="K230" s="58">
        <f>Bühler!K256</f>
        <v>0.6208488528128453</v>
      </c>
      <c r="L230" s="58">
        <f>Bühler!L256</f>
        <v>0.31042442640642265</v>
      </c>
      <c r="M230" s="57">
        <f>Bühler!M256</f>
        <v>0</v>
      </c>
      <c r="N230" s="55">
        <f>IF(Input!$K$13=1,J230*Input!$J$13,0)+IF(Input!$K$14=1,K230*Input!$J$14,0)+IF(Input!$K$15=1,L230*Input!$J$15,0)+IF(Input!$K$16=1,M230*Input!$J$16,0)</f>
        <v>1.6404618400376105</v>
      </c>
      <c r="O230" s="58">
        <f>IF(Input!$K$13=2,J230*Input!$J$13,0)+IF(Input!$K$14=2,K230*Input!$J$14,0)+IF(Input!$K$15=2,L230*Input!$J$15,0)+IF(Input!$K$16=2,M230*Input!$J$16,0)</f>
        <v>8.3814595129734104E-2</v>
      </c>
      <c r="P230" s="58">
        <f>IF(Input!$K$13=3,J230*Input!$J$13,0)+IF(Input!$K$14=3,K230*Input!$J$14,0)+IF(Input!$K$15=3,L230*Input!$J$15,0)+IF(Input!$K$16=3,M230*Input!$J$16,0)</f>
        <v>0</v>
      </c>
      <c r="Q230" s="71">
        <f>IF(Input!$K$13=4,J230*Input!$J$13,0)+IF(Input!$K$14=4,K230*Input!$J$14,0)+IF(Input!$K$15=4,L230*Input!$J$15,0)+IF(Input!$K$16=4,M230*Input!$J$16,0)</f>
        <v>0</v>
      </c>
    </row>
    <row r="231" spans="2:17" x14ac:dyDescent="0.25">
      <c r="B231" s="43">
        <v>224</v>
      </c>
      <c r="C231" s="55">
        <f>Jesper!AM225</f>
        <v>3.077285770716192</v>
      </c>
      <c r="D231" s="58">
        <f>Jesper!AN225</f>
        <v>94.212588057079842</v>
      </c>
      <c r="E231" s="58">
        <f>Jesper!AO225</f>
        <v>5.2040011056353332</v>
      </c>
      <c r="F231" s="58">
        <f>Jesper!AP225</f>
        <v>2.6020005528176666</v>
      </c>
      <c r="G231" s="57">
        <f>Jesper!AQ225</f>
        <v>0</v>
      </c>
      <c r="H231" s="43">
        <v>224</v>
      </c>
      <c r="I231" s="55">
        <f>Bühler!I257</f>
        <v>7.7873995965991272</v>
      </c>
      <c r="J231" s="58">
        <f>Bühler!J257</f>
        <v>53.7201015455597</v>
      </c>
      <c r="K231" s="58">
        <f>Bühler!K257</f>
        <v>2.6172659451391511</v>
      </c>
      <c r="L231" s="58">
        <f>Bühler!L257</f>
        <v>1.3086329725695756</v>
      </c>
      <c r="M231" s="57">
        <f>Bühler!M257</f>
        <v>0</v>
      </c>
      <c r="N231" s="55">
        <f>IF(Input!$K$13=1,J231*Input!$J$13,0)+IF(Input!$K$14=1,K231*Input!$J$14,0)+IF(Input!$K$15=1,L231*Input!$J$15,0)+IF(Input!$K$16=1,M231*Input!$J$16,0)</f>
        <v>6.4464121854671639</v>
      </c>
      <c r="O231" s="58">
        <f>IF(Input!$K$13=2,J231*Input!$J$13,0)+IF(Input!$K$14=2,K231*Input!$J$14,0)+IF(Input!$K$15=2,L231*Input!$J$15,0)+IF(Input!$K$16=2,M231*Input!$J$16,0)</f>
        <v>0.35333090259378541</v>
      </c>
      <c r="P231" s="58">
        <f>IF(Input!$K$13=3,J231*Input!$J$13,0)+IF(Input!$K$14=3,K231*Input!$J$14,0)+IF(Input!$K$15=3,L231*Input!$J$15,0)+IF(Input!$K$16=3,M231*Input!$J$16,0)</f>
        <v>0</v>
      </c>
      <c r="Q231" s="71">
        <f>IF(Input!$K$13=4,J231*Input!$J$13,0)+IF(Input!$K$14=4,K231*Input!$J$14,0)+IF(Input!$K$15=4,L231*Input!$J$15,0)+IF(Input!$K$16=4,M231*Input!$J$16,0)</f>
        <v>0</v>
      </c>
    </row>
    <row r="232" spans="2:17" x14ac:dyDescent="0.25">
      <c r="B232" s="43">
        <v>225</v>
      </c>
      <c r="C232" s="55">
        <f>Jesper!AM226</f>
        <v>0</v>
      </c>
      <c r="D232" s="58">
        <f>Jesper!AN226</f>
        <v>85.289812658764461</v>
      </c>
      <c r="E232" s="58">
        <f>Jesper!AO226</f>
        <v>5.1575729867876623</v>
      </c>
      <c r="F232" s="58">
        <f>Jesper!AP226</f>
        <v>2.5787864933938311</v>
      </c>
      <c r="G232" s="57">
        <f>Jesper!AQ226</f>
        <v>0</v>
      </c>
      <c r="H232" s="43">
        <v>225</v>
      </c>
      <c r="I232" s="55">
        <f>Bühler!I258</f>
        <v>8.689098497257973</v>
      </c>
      <c r="J232" s="58">
        <f>Bühler!J258</f>
        <v>59.940323829782386</v>
      </c>
      <c r="K232" s="58">
        <f>Bühler!K258</f>
        <v>2.9203177914184213</v>
      </c>
      <c r="L232" s="58">
        <f>Bühler!L258</f>
        <v>1.4601588957092106</v>
      </c>
      <c r="M232" s="57">
        <f>Bühler!M258</f>
        <v>0</v>
      </c>
      <c r="N232" s="55">
        <f>IF(Input!$K$13=1,J232*Input!$J$13,0)+IF(Input!$K$14=1,K232*Input!$J$14,0)+IF(Input!$K$15=1,L232*Input!$J$15,0)+IF(Input!$K$16=1,M232*Input!$J$16,0)</f>
        <v>7.1928388595738859</v>
      </c>
      <c r="O232" s="58">
        <f>IF(Input!$K$13=2,J232*Input!$J$13,0)+IF(Input!$K$14=2,K232*Input!$J$14,0)+IF(Input!$K$15=2,L232*Input!$J$15,0)+IF(Input!$K$16=2,M232*Input!$J$16,0)</f>
        <v>0.39424290184148686</v>
      </c>
      <c r="P232" s="58">
        <f>IF(Input!$K$13=3,J232*Input!$J$13,0)+IF(Input!$K$14=3,K232*Input!$J$14,0)+IF(Input!$K$15=3,L232*Input!$J$15,0)+IF(Input!$K$16=3,M232*Input!$J$16,0)</f>
        <v>0</v>
      </c>
      <c r="Q232" s="71">
        <f>IF(Input!$K$13=4,J232*Input!$J$13,0)+IF(Input!$K$14=4,K232*Input!$J$14,0)+IF(Input!$K$15=4,L232*Input!$J$15,0)+IF(Input!$K$16=4,M232*Input!$J$16,0)</f>
        <v>0</v>
      </c>
    </row>
    <row r="233" spans="2:17" x14ac:dyDescent="0.25">
      <c r="B233" s="43">
        <v>226</v>
      </c>
      <c r="C233" s="55">
        <f>Jesper!AM227</f>
        <v>0</v>
      </c>
      <c r="D233" s="58">
        <f>Jesper!AN227</f>
        <v>409.14906030788961</v>
      </c>
      <c r="E233" s="58">
        <f>Jesper!AO227</f>
        <v>35.844020752544353</v>
      </c>
      <c r="F233" s="58">
        <f>Jesper!AP227</f>
        <v>17.922010376272176</v>
      </c>
      <c r="G233" s="57">
        <f>Jesper!AQ227</f>
        <v>0</v>
      </c>
      <c r="H233" s="43">
        <v>226</v>
      </c>
      <c r="I233" s="55">
        <f>Bühler!I259</f>
        <v>9.5907973979168215</v>
      </c>
      <c r="J233" s="58">
        <f>Bühler!J259</f>
        <v>66.160546114005101</v>
      </c>
      <c r="K233" s="58">
        <f>Bühler!K259</f>
        <v>3.2233696376976915</v>
      </c>
      <c r="L233" s="58">
        <f>Bühler!L259</f>
        <v>1.6116848188488457</v>
      </c>
      <c r="M233" s="57">
        <f>Bühler!M259</f>
        <v>0</v>
      </c>
      <c r="N233" s="55">
        <f>IF(Input!$K$13=1,J233*Input!$J$13,0)+IF(Input!$K$14=1,K233*Input!$J$14,0)+IF(Input!$K$15=1,L233*Input!$J$15,0)+IF(Input!$K$16=1,M233*Input!$J$16,0)</f>
        <v>7.9392655336806115</v>
      </c>
      <c r="O233" s="58">
        <f>IF(Input!$K$13=2,J233*Input!$J$13,0)+IF(Input!$K$14=2,K233*Input!$J$14,0)+IF(Input!$K$15=2,L233*Input!$J$15,0)+IF(Input!$K$16=2,M233*Input!$J$16,0)</f>
        <v>0.43515490108918831</v>
      </c>
      <c r="P233" s="58">
        <f>IF(Input!$K$13=3,J233*Input!$J$13,0)+IF(Input!$K$14=3,K233*Input!$J$14,0)+IF(Input!$K$15=3,L233*Input!$J$15,0)+IF(Input!$K$16=3,M233*Input!$J$16,0)</f>
        <v>0</v>
      </c>
      <c r="Q233" s="71">
        <f>IF(Input!$K$13=4,J233*Input!$J$13,0)+IF(Input!$K$14=4,K233*Input!$J$14,0)+IF(Input!$K$15=4,L233*Input!$J$15,0)+IF(Input!$K$16=4,M233*Input!$J$16,0)</f>
        <v>0</v>
      </c>
    </row>
    <row r="234" spans="2:17" x14ac:dyDescent="0.25">
      <c r="B234" s="43">
        <v>227</v>
      </c>
      <c r="C234" s="55">
        <f>Jesper!AM228</f>
        <v>0</v>
      </c>
      <c r="D234" s="58">
        <f>Jesper!AN228</f>
        <v>403.98172689998023</v>
      </c>
      <c r="E234" s="58">
        <f>Jesper!AO228</f>
        <v>35.640581179395852</v>
      </c>
      <c r="F234" s="58">
        <f>Jesper!AP228</f>
        <v>17.820290589697926</v>
      </c>
      <c r="G234" s="57">
        <f>Jesper!AQ228</f>
        <v>0</v>
      </c>
      <c r="H234" s="43">
        <v>227</v>
      </c>
      <c r="I234" s="55">
        <f>Bühler!I260</f>
        <v>9.5907973979168215</v>
      </c>
      <c r="J234" s="58">
        <f>Bühler!J260</f>
        <v>66.160546114005101</v>
      </c>
      <c r="K234" s="58">
        <f>Bühler!K260</f>
        <v>3.2233696376976915</v>
      </c>
      <c r="L234" s="58">
        <f>Bühler!L260</f>
        <v>1.6116848188488457</v>
      </c>
      <c r="M234" s="57">
        <f>Bühler!M260</f>
        <v>0</v>
      </c>
      <c r="N234" s="55">
        <f>IF(Input!$K$13=1,J234*Input!$J$13,0)+IF(Input!$K$14=1,K234*Input!$J$14,0)+IF(Input!$K$15=1,L234*Input!$J$15,0)+IF(Input!$K$16=1,M234*Input!$J$16,0)</f>
        <v>7.9392655336806115</v>
      </c>
      <c r="O234" s="58">
        <f>IF(Input!$K$13=2,J234*Input!$J$13,0)+IF(Input!$K$14=2,K234*Input!$J$14,0)+IF(Input!$K$15=2,L234*Input!$J$15,0)+IF(Input!$K$16=2,M234*Input!$J$16,0)</f>
        <v>0.43515490108918831</v>
      </c>
      <c r="P234" s="58">
        <f>IF(Input!$K$13=3,J234*Input!$J$13,0)+IF(Input!$K$14=3,K234*Input!$J$14,0)+IF(Input!$K$15=3,L234*Input!$J$15,0)+IF(Input!$K$16=3,M234*Input!$J$16,0)</f>
        <v>0</v>
      </c>
      <c r="Q234" s="71">
        <f>IF(Input!$K$13=4,J234*Input!$J$13,0)+IF(Input!$K$14=4,K234*Input!$J$14,0)+IF(Input!$K$15=4,L234*Input!$J$15,0)+IF(Input!$K$16=4,M234*Input!$J$16,0)</f>
        <v>0</v>
      </c>
    </row>
    <row r="235" spans="2:17" x14ac:dyDescent="0.25">
      <c r="B235" s="43">
        <v>228</v>
      </c>
      <c r="C235" s="55">
        <f>Jesper!AM229</f>
        <v>0</v>
      </c>
      <c r="D235" s="58">
        <f>Jesper!AN229</f>
        <v>403.24353641313598</v>
      </c>
      <c r="E235" s="58">
        <f>Jesper!AO229</f>
        <v>35.611518383231775</v>
      </c>
      <c r="F235" s="58">
        <f>Jesper!AP229</f>
        <v>17.805759191615888</v>
      </c>
      <c r="G235" s="57">
        <f>Jesper!AQ229</f>
        <v>0</v>
      </c>
      <c r="H235" s="43">
        <v>228</v>
      </c>
      <c r="I235" s="55">
        <f>Bühler!I261</f>
        <v>11.476167826567137</v>
      </c>
      <c r="J235" s="58">
        <f>Bühler!J261</f>
        <v>79.166465435561648</v>
      </c>
      <c r="K235" s="58">
        <f>Bühler!K261</f>
        <v>3.8570234980998017</v>
      </c>
      <c r="L235" s="58">
        <f>Bühler!L261</f>
        <v>1.9285117490499009</v>
      </c>
      <c r="M235" s="57">
        <f>Bühler!M261</f>
        <v>0</v>
      </c>
      <c r="N235" s="55">
        <f>IF(Input!$K$13=1,J235*Input!$J$13,0)+IF(Input!$K$14=1,K235*Input!$J$14,0)+IF(Input!$K$15=1,L235*Input!$J$15,0)+IF(Input!$K$16=1,M235*Input!$J$16,0)</f>
        <v>9.4999758522673972</v>
      </c>
      <c r="O235" s="58">
        <f>IF(Input!$K$13=2,J235*Input!$J$13,0)+IF(Input!$K$14=2,K235*Input!$J$14,0)+IF(Input!$K$15=2,L235*Input!$J$15,0)+IF(Input!$K$16=2,M235*Input!$J$16,0)</f>
        <v>0.52069817224347315</v>
      </c>
      <c r="P235" s="58">
        <f>IF(Input!$K$13=3,J235*Input!$J$13,0)+IF(Input!$K$14=3,K235*Input!$J$14,0)+IF(Input!$K$15=3,L235*Input!$J$15,0)+IF(Input!$K$16=3,M235*Input!$J$16,0)</f>
        <v>0</v>
      </c>
      <c r="Q235" s="71">
        <f>IF(Input!$K$13=4,J235*Input!$J$13,0)+IF(Input!$K$14=4,K235*Input!$J$14,0)+IF(Input!$K$15=4,L235*Input!$J$15,0)+IF(Input!$K$16=4,M235*Input!$J$16,0)</f>
        <v>0</v>
      </c>
    </row>
    <row r="236" spans="2:17" x14ac:dyDescent="0.25">
      <c r="B236" s="43">
        <v>229</v>
      </c>
      <c r="C236" s="55">
        <f>Jesper!AM230</f>
        <v>0.68845846635948083</v>
      </c>
      <c r="D236" s="58">
        <f>Jesper!AN230</f>
        <v>426.13508102368485</v>
      </c>
      <c r="E236" s="58">
        <f>Jesper!AO230</f>
        <v>36.483402268153959</v>
      </c>
      <c r="F236" s="58">
        <f>Jesper!AP230</f>
        <v>18.24170113407698</v>
      </c>
      <c r="G236" s="57">
        <f>Jesper!AQ230</f>
        <v>0</v>
      </c>
      <c r="H236" s="43">
        <v>229</v>
      </c>
      <c r="I236" s="55">
        <f>Bühler!I262</f>
        <v>11.476167826567137</v>
      </c>
      <c r="J236" s="58">
        <f>Bühler!J262</f>
        <v>79.166465435561648</v>
      </c>
      <c r="K236" s="58">
        <f>Bühler!K262</f>
        <v>3.8570234980998017</v>
      </c>
      <c r="L236" s="58">
        <f>Bühler!L262</f>
        <v>1.9285117490499009</v>
      </c>
      <c r="M236" s="57">
        <f>Bühler!M262</f>
        <v>0</v>
      </c>
      <c r="N236" s="55">
        <f>IF(Input!$K$13=1,J236*Input!$J$13,0)+IF(Input!$K$14=1,K236*Input!$J$14,0)+IF(Input!$K$15=1,L236*Input!$J$15,0)+IF(Input!$K$16=1,M236*Input!$J$16,0)</f>
        <v>9.4999758522673972</v>
      </c>
      <c r="O236" s="58">
        <f>IF(Input!$K$13=2,J236*Input!$J$13,0)+IF(Input!$K$14=2,K236*Input!$J$14,0)+IF(Input!$K$15=2,L236*Input!$J$15,0)+IF(Input!$K$16=2,M236*Input!$J$16,0)</f>
        <v>0.52069817224347315</v>
      </c>
      <c r="P236" s="58">
        <f>IF(Input!$K$13=3,J236*Input!$J$13,0)+IF(Input!$K$14=3,K236*Input!$J$14,0)+IF(Input!$K$15=3,L236*Input!$J$15,0)+IF(Input!$K$16=3,M236*Input!$J$16,0)</f>
        <v>0</v>
      </c>
      <c r="Q236" s="71">
        <f>IF(Input!$K$13=4,J236*Input!$J$13,0)+IF(Input!$K$14=4,K236*Input!$J$14,0)+IF(Input!$K$15=4,L236*Input!$J$15,0)+IF(Input!$K$16=4,M236*Input!$J$16,0)</f>
        <v>0</v>
      </c>
    </row>
    <row r="237" spans="2:17" x14ac:dyDescent="0.25">
      <c r="B237" s="43">
        <v>230</v>
      </c>
      <c r="C237" s="55">
        <f>Jesper!AM231</f>
        <v>0</v>
      </c>
      <c r="D237" s="58">
        <f>Jesper!AN231</f>
        <v>415.05458420264324</v>
      </c>
      <c r="E237" s="58">
        <f>Jesper!AO231</f>
        <v>36.076523121856944</v>
      </c>
      <c r="F237" s="58">
        <f>Jesper!AP231</f>
        <v>18.038261560928472</v>
      </c>
      <c r="G237" s="57">
        <f>Jesper!AQ231</f>
        <v>0</v>
      </c>
      <c r="H237" s="43">
        <v>230</v>
      </c>
      <c r="I237" s="55">
        <f>Bühler!I263</f>
        <v>7.6234543419338818</v>
      </c>
      <c r="J237" s="58">
        <f>Bühler!J263</f>
        <v>52.589152039337378</v>
      </c>
      <c r="K237" s="58">
        <f>Bühler!K263</f>
        <v>2.5621656094520109</v>
      </c>
      <c r="L237" s="58">
        <f>Bühler!L263</f>
        <v>1.2810828047260054</v>
      </c>
      <c r="M237" s="57">
        <f>Bühler!M263</f>
        <v>0</v>
      </c>
      <c r="N237" s="55">
        <f>IF(Input!$K$13=1,J237*Input!$J$13,0)+IF(Input!$K$14=1,K237*Input!$J$14,0)+IF(Input!$K$15=1,L237*Input!$J$15,0)+IF(Input!$K$16=1,M237*Input!$J$16,0)</f>
        <v>6.3106982447204851</v>
      </c>
      <c r="O237" s="58">
        <f>IF(Input!$K$13=2,J237*Input!$J$13,0)+IF(Input!$K$14=2,K237*Input!$J$14,0)+IF(Input!$K$15=2,L237*Input!$J$15,0)+IF(Input!$K$16=2,M237*Input!$J$16,0)</f>
        <v>0.34589235727602141</v>
      </c>
      <c r="P237" s="58">
        <f>IF(Input!$K$13=3,J237*Input!$J$13,0)+IF(Input!$K$14=3,K237*Input!$J$14,0)+IF(Input!$K$15=3,L237*Input!$J$15,0)+IF(Input!$K$16=3,M237*Input!$J$16,0)</f>
        <v>0</v>
      </c>
      <c r="Q237" s="71">
        <f>IF(Input!$K$13=4,J237*Input!$J$13,0)+IF(Input!$K$14=4,K237*Input!$J$14,0)+IF(Input!$K$15=4,L237*Input!$J$15,0)+IF(Input!$K$16=4,M237*Input!$J$16,0)</f>
        <v>0</v>
      </c>
    </row>
    <row r="238" spans="2:17" x14ac:dyDescent="0.25">
      <c r="B238" s="43">
        <v>231</v>
      </c>
      <c r="C238" s="55">
        <f>Jesper!AM232</f>
        <v>0</v>
      </c>
      <c r="D238" s="58">
        <f>Jesper!AN232</f>
        <v>83.936804172938466</v>
      </c>
      <c r="E238" s="58">
        <f>Jesper!AO232</f>
        <v>5.1504301992726358</v>
      </c>
      <c r="F238" s="58">
        <f>Jesper!AP232</f>
        <v>2.5752150996363179</v>
      </c>
      <c r="G238" s="57">
        <f>Jesper!AQ232</f>
        <v>0</v>
      </c>
      <c r="H238" s="43">
        <v>231</v>
      </c>
      <c r="I238" s="55">
        <f>Bühler!I264</f>
        <v>11.476167826567137</v>
      </c>
      <c r="J238" s="58">
        <f>Bühler!J264</f>
        <v>79.166465435561648</v>
      </c>
      <c r="K238" s="58">
        <f>Bühler!K264</f>
        <v>3.8570234980998017</v>
      </c>
      <c r="L238" s="58">
        <f>Bühler!L264</f>
        <v>1.9285117490499009</v>
      </c>
      <c r="M238" s="57">
        <f>Bühler!M264</f>
        <v>0</v>
      </c>
      <c r="N238" s="55">
        <f>IF(Input!$K$13=1,J238*Input!$J$13,0)+IF(Input!$K$14=1,K238*Input!$J$14,0)+IF(Input!$K$15=1,L238*Input!$J$15,0)+IF(Input!$K$16=1,M238*Input!$J$16,0)</f>
        <v>9.4999758522673972</v>
      </c>
      <c r="O238" s="58">
        <f>IF(Input!$K$13=2,J238*Input!$J$13,0)+IF(Input!$K$14=2,K238*Input!$J$14,0)+IF(Input!$K$15=2,L238*Input!$J$15,0)+IF(Input!$K$16=2,M238*Input!$J$16,0)</f>
        <v>0.52069817224347315</v>
      </c>
      <c r="P238" s="58">
        <f>IF(Input!$K$13=3,J238*Input!$J$13,0)+IF(Input!$K$14=3,K238*Input!$J$14,0)+IF(Input!$K$15=3,L238*Input!$J$15,0)+IF(Input!$K$16=3,M238*Input!$J$16,0)</f>
        <v>0</v>
      </c>
      <c r="Q238" s="71">
        <f>IF(Input!$K$13=4,J238*Input!$J$13,0)+IF(Input!$K$14=4,K238*Input!$J$14,0)+IF(Input!$K$15=4,L238*Input!$J$15,0)+IF(Input!$K$16=4,M238*Input!$J$16,0)</f>
        <v>0</v>
      </c>
    </row>
    <row r="239" spans="2:17" x14ac:dyDescent="0.25">
      <c r="B239" s="43">
        <v>232</v>
      </c>
      <c r="C239" s="55">
        <f>Jesper!AM233</f>
        <v>0</v>
      </c>
      <c r="D239" s="58">
        <f>Jesper!AN233</f>
        <v>77.848265986721543</v>
      </c>
      <c r="E239" s="58">
        <f>Jesper!AO233</f>
        <v>5.118287655455017</v>
      </c>
      <c r="F239" s="58">
        <f>Jesper!AP233</f>
        <v>2.5591438277275085</v>
      </c>
      <c r="G239" s="57">
        <f>Jesper!AQ233</f>
        <v>0</v>
      </c>
      <c r="H239" s="43">
        <v>232</v>
      </c>
      <c r="I239" s="55">
        <f>Bühler!I265</f>
        <v>11.476167826567137</v>
      </c>
      <c r="J239" s="58">
        <f>Bühler!J265</f>
        <v>79.166465435561648</v>
      </c>
      <c r="K239" s="58">
        <f>Bühler!K265</f>
        <v>3.8570234980998017</v>
      </c>
      <c r="L239" s="58">
        <f>Bühler!L265</f>
        <v>1.9285117490499009</v>
      </c>
      <c r="M239" s="57">
        <f>Bühler!M265</f>
        <v>0</v>
      </c>
      <c r="N239" s="55">
        <f>IF(Input!$K$13=1,J239*Input!$J$13,0)+IF(Input!$K$14=1,K239*Input!$J$14,0)+IF(Input!$K$15=1,L239*Input!$J$15,0)+IF(Input!$K$16=1,M239*Input!$J$16,0)</f>
        <v>9.4999758522673972</v>
      </c>
      <c r="O239" s="58">
        <f>IF(Input!$K$13=2,J239*Input!$J$13,0)+IF(Input!$K$14=2,K239*Input!$J$14,0)+IF(Input!$K$15=2,L239*Input!$J$15,0)+IF(Input!$K$16=2,M239*Input!$J$16,0)</f>
        <v>0.52069817224347315</v>
      </c>
      <c r="P239" s="58">
        <f>IF(Input!$K$13=3,J239*Input!$J$13,0)+IF(Input!$K$14=3,K239*Input!$J$14,0)+IF(Input!$K$15=3,L239*Input!$J$15,0)+IF(Input!$K$16=3,M239*Input!$J$16,0)</f>
        <v>0</v>
      </c>
      <c r="Q239" s="71">
        <f>IF(Input!$K$13=4,J239*Input!$J$13,0)+IF(Input!$K$14=4,K239*Input!$J$14,0)+IF(Input!$K$15=4,L239*Input!$J$15,0)+IF(Input!$K$16=4,M239*Input!$J$16,0)</f>
        <v>0</v>
      </c>
    </row>
    <row r="240" spans="2:17" x14ac:dyDescent="0.25">
      <c r="B240" s="43">
        <v>233</v>
      </c>
      <c r="C240" s="55">
        <f>Jesper!AM234</f>
        <v>0</v>
      </c>
      <c r="D240" s="58">
        <f>Jesper!AN234</f>
        <v>386.26515521571929</v>
      </c>
      <c r="E240" s="58">
        <f>Jesper!AO234</f>
        <v>34.943074071458099</v>
      </c>
      <c r="F240" s="58">
        <f>Jesper!AP234</f>
        <v>17.47153703572905</v>
      </c>
      <c r="G240" s="57">
        <f>Jesper!AQ234</f>
        <v>0</v>
      </c>
      <c r="H240" s="43">
        <v>233</v>
      </c>
      <c r="I240" s="55">
        <f>Bühler!I266</f>
        <v>9.592541496370707</v>
      </c>
      <c r="J240" s="58">
        <f>Bühler!J266</f>
        <v>49.717283518218728</v>
      </c>
      <c r="K240" s="58">
        <f>Bühler!K266</f>
        <v>2.2728888470945257</v>
      </c>
      <c r="L240" s="58">
        <f>Bühler!L266</f>
        <v>1.1364444235472628</v>
      </c>
      <c r="M240" s="57">
        <f>Bühler!M266</f>
        <v>0</v>
      </c>
      <c r="N240" s="55">
        <f>IF(Input!$K$13=1,J240*Input!$J$13,0)+IF(Input!$K$14=1,K240*Input!$J$14,0)+IF(Input!$K$15=1,L240*Input!$J$15,0)+IF(Input!$K$16=1,M240*Input!$J$16,0)</f>
        <v>5.9660740221862474</v>
      </c>
      <c r="O240" s="58">
        <f>IF(Input!$K$13=2,J240*Input!$J$13,0)+IF(Input!$K$14=2,K240*Input!$J$14,0)+IF(Input!$K$15=2,L240*Input!$J$15,0)+IF(Input!$K$16=2,M240*Input!$J$16,0)</f>
        <v>0.30683999435776099</v>
      </c>
      <c r="P240" s="58">
        <f>IF(Input!$K$13=3,J240*Input!$J$13,0)+IF(Input!$K$14=3,K240*Input!$J$14,0)+IF(Input!$K$15=3,L240*Input!$J$15,0)+IF(Input!$K$16=3,M240*Input!$J$16,0)</f>
        <v>0</v>
      </c>
      <c r="Q240" s="71">
        <f>IF(Input!$K$13=4,J240*Input!$J$13,0)+IF(Input!$K$14=4,K240*Input!$J$14,0)+IF(Input!$K$15=4,L240*Input!$J$15,0)+IF(Input!$K$16=4,M240*Input!$J$16,0)</f>
        <v>0</v>
      </c>
    </row>
    <row r="241" spans="2:17" x14ac:dyDescent="0.25">
      <c r="B241" s="43">
        <v>234</v>
      </c>
      <c r="C241" s="55">
        <f>Jesper!AM235</f>
        <v>0</v>
      </c>
      <c r="D241" s="58">
        <f>Jesper!AN235</f>
        <v>379.62144083412147</v>
      </c>
      <c r="E241" s="58">
        <f>Jesper!AO235</f>
        <v>34.681508905981438</v>
      </c>
      <c r="F241" s="58">
        <f>Jesper!AP235</f>
        <v>17.340754452990719</v>
      </c>
      <c r="G241" s="57">
        <f>Jesper!AQ235</f>
        <v>0</v>
      </c>
      <c r="H241" s="43">
        <v>234</v>
      </c>
      <c r="I241" s="55">
        <f>Bühler!I267</f>
        <v>7.6217102434799973</v>
      </c>
      <c r="J241" s="58">
        <f>Bühler!J267</f>
        <v>25.041045492671895</v>
      </c>
      <c r="K241" s="58">
        <f>Bühler!K267</f>
        <v>0.97007633252007075</v>
      </c>
      <c r="L241" s="58">
        <f>Bühler!L267</f>
        <v>0.48503816626003537</v>
      </c>
      <c r="M241" s="57">
        <f>Bühler!M267</f>
        <v>0</v>
      </c>
      <c r="N241" s="55">
        <f>IF(Input!$K$13=1,J241*Input!$J$13,0)+IF(Input!$K$14=1,K241*Input!$J$14,0)+IF(Input!$K$15=1,L241*Input!$J$15,0)+IF(Input!$K$16=1,M241*Input!$J$16,0)</f>
        <v>3.0049254591206274</v>
      </c>
      <c r="O241" s="58">
        <f>IF(Input!$K$13=2,J241*Input!$J$13,0)+IF(Input!$K$14=2,K241*Input!$J$14,0)+IF(Input!$K$15=2,L241*Input!$J$15,0)+IF(Input!$K$16=2,M241*Input!$J$16,0)</f>
        <v>0.13096030489020954</v>
      </c>
      <c r="P241" s="58">
        <f>IF(Input!$K$13=3,J241*Input!$J$13,0)+IF(Input!$K$14=3,K241*Input!$J$14,0)+IF(Input!$K$15=3,L241*Input!$J$15,0)+IF(Input!$K$16=3,M241*Input!$J$16,0)</f>
        <v>0</v>
      </c>
      <c r="Q241" s="71">
        <f>IF(Input!$K$13=4,J241*Input!$J$13,0)+IF(Input!$K$14=4,K241*Input!$J$14,0)+IF(Input!$K$15=4,L241*Input!$J$15,0)+IF(Input!$K$16=4,M241*Input!$J$16,0)</f>
        <v>0</v>
      </c>
    </row>
    <row r="242" spans="2:17" x14ac:dyDescent="0.25">
      <c r="B242" s="43">
        <v>235</v>
      </c>
      <c r="C242" s="55">
        <f>Jesper!AM236</f>
        <v>0</v>
      </c>
      <c r="D242" s="58">
        <f>Jesper!AN236</f>
        <v>389.95610764994029</v>
      </c>
      <c r="E242" s="58">
        <f>Jesper!AO236</f>
        <v>35.088388052278461</v>
      </c>
      <c r="F242" s="58">
        <f>Jesper!AP236</f>
        <v>17.54419402613923</v>
      </c>
      <c r="G242" s="57">
        <f>Jesper!AQ236</f>
        <v>0</v>
      </c>
      <c r="H242" s="43">
        <v>235</v>
      </c>
      <c r="I242" s="55">
        <f>Bühler!I268</f>
        <v>2.7033526035226538</v>
      </c>
      <c r="J242" s="58">
        <f>Bühler!J268</f>
        <v>14.006199188224791</v>
      </c>
      <c r="K242" s="58">
        <f>Bühler!K268</f>
        <v>0.6402503794632467</v>
      </c>
      <c r="L242" s="58">
        <f>Bühler!L268</f>
        <v>0.32012518973162335</v>
      </c>
      <c r="M242" s="57">
        <f>Bühler!M268</f>
        <v>0</v>
      </c>
      <c r="N242" s="55">
        <f>IF(Input!$K$13=1,J242*Input!$J$13,0)+IF(Input!$K$14=1,K242*Input!$J$14,0)+IF(Input!$K$15=1,L242*Input!$J$15,0)+IF(Input!$K$16=1,M242*Input!$J$16,0)</f>
        <v>1.6807439025869748</v>
      </c>
      <c r="O242" s="58">
        <f>IF(Input!$K$13=2,J242*Input!$J$13,0)+IF(Input!$K$14=2,K242*Input!$J$14,0)+IF(Input!$K$15=2,L242*Input!$J$15,0)+IF(Input!$K$16=2,M242*Input!$J$16,0)</f>
        <v>8.6433801227538298E-2</v>
      </c>
      <c r="P242" s="58">
        <f>IF(Input!$K$13=3,J242*Input!$J$13,0)+IF(Input!$K$14=3,K242*Input!$J$14,0)+IF(Input!$K$15=3,L242*Input!$J$15,0)+IF(Input!$K$16=3,M242*Input!$J$16,0)</f>
        <v>0</v>
      </c>
      <c r="Q242" s="71">
        <f>IF(Input!$K$13=4,J242*Input!$J$13,0)+IF(Input!$K$14=4,K242*Input!$J$14,0)+IF(Input!$K$15=4,L242*Input!$J$15,0)+IF(Input!$K$16=4,M242*Input!$J$16,0)</f>
        <v>0</v>
      </c>
    </row>
    <row r="243" spans="2:17" x14ac:dyDescent="0.25">
      <c r="B243" s="43">
        <v>236</v>
      </c>
      <c r="C243" s="55">
        <f>Jesper!AM237</f>
        <v>0</v>
      </c>
      <c r="D243" s="58">
        <f>Jesper!AN237</f>
        <v>395.86163154469392</v>
      </c>
      <c r="E243" s="58">
        <f>Jesper!AO237</f>
        <v>35.320890421591045</v>
      </c>
      <c r="F243" s="58">
        <f>Jesper!AP237</f>
        <v>17.660445210795523</v>
      </c>
      <c r="G243" s="57">
        <f>Jesper!AQ237</f>
        <v>0</v>
      </c>
      <c r="H243" s="43">
        <v>236</v>
      </c>
      <c r="I243" s="55">
        <f>Bühler!I269</f>
        <v>2.7033526035226538</v>
      </c>
      <c r="J243" s="58">
        <f>Bühler!J269</f>
        <v>14.006199188224791</v>
      </c>
      <c r="K243" s="58">
        <f>Bühler!K269</f>
        <v>0.6402503794632467</v>
      </c>
      <c r="L243" s="58">
        <f>Bühler!L269</f>
        <v>0.32012518973162335</v>
      </c>
      <c r="M243" s="57">
        <f>Bühler!M269</f>
        <v>0</v>
      </c>
      <c r="N243" s="55">
        <f>IF(Input!$K$13=1,J243*Input!$J$13,0)+IF(Input!$K$14=1,K243*Input!$J$14,0)+IF(Input!$K$15=1,L243*Input!$J$15,0)+IF(Input!$K$16=1,M243*Input!$J$16,0)</f>
        <v>1.6807439025869748</v>
      </c>
      <c r="O243" s="58">
        <f>IF(Input!$K$13=2,J243*Input!$J$13,0)+IF(Input!$K$14=2,K243*Input!$J$14,0)+IF(Input!$K$15=2,L243*Input!$J$15,0)+IF(Input!$K$16=2,M243*Input!$J$16,0)</f>
        <v>8.6433801227538298E-2</v>
      </c>
      <c r="P243" s="58">
        <f>IF(Input!$K$13=3,J243*Input!$J$13,0)+IF(Input!$K$14=3,K243*Input!$J$14,0)+IF(Input!$K$15=3,L243*Input!$J$15,0)+IF(Input!$K$16=3,M243*Input!$J$16,0)</f>
        <v>0</v>
      </c>
      <c r="Q243" s="71">
        <f>IF(Input!$K$13=4,J243*Input!$J$13,0)+IF(Input!$K$14=4,K243*Input!$J$14,0)+IF(Input!$K$15=4,L243*Input!$J$15,0)+IF(Input!$K$16=4,M243*Input!$J$16,0)</f>
        <v>0</v>
      </c>
    </row>
    <row r="244" spans="2:17" x14ac:dyDescent="0.25">
      <c r="B244" s="43">
        <v>237</v>
      </c>
      <c r="C244" s="55">
        <f>Jesper!AM238</f>
        <v>0</v>
      </c>
      <c r="D244" s="58">
        <f>Jesper!AN238</f>
        <v>383.31239326834259</v>
      </c>
      <c r="E244" s="58">
        <f>Jesper!AO238</f>
        <v>34.826822886801814</v>
      </c>
      <c r="F244" s="58">
        <f>Jesper!AP238</f>
        <v>17.413411443400907</v>
      </c>
      <c r="G244" s="57">
        <f>Jesper!AQ238</f>
        <v>0</v>
      </c>
      <c r="H244" s="43">
        <v>237</v>
      </c>
      <c r="I244" s="55">
        <f>Bühler!I270</f>
        <v>2.7033526035226538</v>
      </c>
      <c r="J244" s="58">
        <f>Bühler!J270</f>
        <v>14.006199188224791</v>
      </c>
      <c r="K244" s="58">
        <f>Bühler!K270</f>
        <v>0.6402503794632467</v>
      </c>
      <c r="L244" s="58">
        <f>Bühler!L270</f>
        <v>0.32012518973162335</v>
      </c>
      <c r="M244" s="57">
        <f>Bühler!M270</f>
        <v>0</v>
      </c>
      <c r="N244" s="55">
        <f>IF(Input!$K$13=1,J244*Input!$J$13,0)+IF(Input!$K$14=1,K244*Input!$J$14,0)+IF(Input!$K$15=1,L244*Input!$J$15,0)+IF(Input!$K$16=1,M244*Input!$J$16,0)</f>
        <v>1.6807439025869748</v>
      </c>
      <c r="O244" s="58">
        <f>IF(Input!$K$13=2,J244*Input!$J$13,0)+IF(Input!$K$14=2,K244*Input!$J$14,0)+IF(Input!$K$15=2,L244*Input!$J$15,0)+IF(Input!$K$16=2,M244*Input!$J$16,0)</f>
        <v>8.6433801227538298E-2</v>
      </c>
      <c r="P244" s="58">
        <f>IF(Input!$K$13=3,J244*Input!$J$13,0)+IF(Input!$K$14=3,K244*Input!$J$14,0)+IF(Input!$K$15=3,L244*Input!$J$15,0)+IF(Input!$K$16=3,M244*Input!$J$16,0)</f>
        <v>0</v>
      </c>
      <c r="Q244" s="71">
        <f>IF(Input!$K$13=4,J244*Input!$J$13,0)+IF(Input!$K$14=4,K244*Input!$J$14,0)+IF(Input!$K$15=4,L244*Input!$J$15,0)+IF(Input!$K$16=4,M244*Input!$J$16,0)</f>
        <v>0</v>
      </c>
    </row>
    <row r="245" spans="2:17" x14ac:dyDescent="0.25">
      <c r="B245" s="43">
        <v>238</v>
      </c>
      <c r="C245" s="55">
        <f>Jesper!AM239</f>
        <v>0</v>
      </c>
      <c r="D245" s="58">
        <f>Jesper!AN239</f>
        <v>77.848265986721543</v>
      </c>
      <c r="E245" s="58">
        <f>Jesper!AO239</f>
        <v>5.118287655455017</v>
      </c>
      <c r="F245" s="58">
        <f>Jesper!AP239</f>
        <v>2.5591438277275085</v>
      </c>
      <c r="G245" s="57">
        <f>Jesper!AQ239</f>
        <v>0</v>
      </c>
      <c r="H245" s="43">
        <v>238</v>
      </c>
      <c r="I245" s="55">
        <f>Bühler!I271</f>
        <v>2.7033526035226538</v>
      </c>
      <c r="J245" s="58">
        <f>Bühler!J271</f>
        <v>14.006199188224791</v>
      </c>
      <c r="K245" s="58">
        <f>Bühler!K271</f>
        <v>0.6402503794632467</v>
      </c>
      <c r="L245" s="58">
        <f>Bühler!L271</f>
        <v>0.32012518973162335</v>
      </c>
      <c r="M245" s="57">
        <f>Bühler!M271</f>
        <v>0</v>
      </c>
      <c r="N245" s="55">
        <f>IF(Input!$K$13=1,J245*Input!$J$13,0)+IF(Input!$K$14=1,K245*Input!$J$14,0)+IF(Input!$K$15=1,L245*Input!$J$15,0)+IF(Input!$K$16=1,M245*Input!$J$16,0)</f>
        <v>1.6807439025869748</v>
      </c>
      <c r="O245" s="58">
        <f>IF(Input!$K$13=2,J245*Input!$J$13,0)+IF(Input!$K$14=2,K245*Input!$J$14,0)+IF(Input!$K$15=2,L245*Input!$J$15,0)+IF(Input!$K$16=2,M245*Input!$J$16,0)</f>
        <v>8.6433801227538298E-2</v>
      </c>
      <c r="P245" s="58">
        <f>IF(Input!$K$13=3,J245*Input!$J$13,0)+IF(Input!$K$14=3,K245*Input!$J$14,0)+IF(Input!$K$15=3,L245*Input!$J$15,0)+IF(Input!$K$16=3,M245*Input!$J$16,0)</f>
        <v>0</v>
      </c>
      <c r="Q245" s="71">
        <f>IF(Input!$K$13=4,J245*Input!$J$13,0)+IF(Input!$K$14=4,K245*Input!$J$14,0)+IF(Input!$K$15=4,L245*Input!$J$15,0)+IF(Input!$K$16=4,M245*Input!$J$16,0)</f>
        <v>0</v>
      </c>
    </row>
    <row r="246" spans="2:17" x14ac:dyDescent="0.25">
      <c r="B246" s="43">
        <v>239</v>
      </c>
      <c r="C246" s="55">
        <f>Jesper!AM240</f>
        <v>1.2726880251554271</v>
      </c>
      <c r="D246" s="58">
        <f>Jesper!AN240</f>
        <v>90.078371026870201</v>
      </c>
      <c r="E246" s="58">
        <f>Jesper!AO240</f>
        <v>5.1825727430902546</v>
      </c>
      <c r="F246" s="58">
        <f>Jesper!AP240</f>
        <v>2.5912863715451273</v>
      </c>
      <c r="G246" s="57">
        <f>Jesper!AQ240</f>
        <v>0</v>
      </c>
      <c r="H246" s="43">
        <v>239</v>
      </c>
      <c r="I246" s="55">
        <f>Bühler!I272</f>
        <v>2.7033526035226538</v>
      </c>
      <c r="J246" s="58">
        <f>Bühler!J272</f>
        <v>14.006199188224791</v>
      </c>
      <c r="K246" s="58">
        <f>Bühler!K272</f>
        <v>0.6402503794632467</v>
      </c>
      <c r="L246" s="58">
        <f>Bühler!L272</f>
        <v>0.32012518973162335</v>
      </c>
      <c r="M246" s="57">
        <f>Bühler!M272</f>
        <v>0</v>
      </c>
      <c r="N246" s="55">
        <f>IF(Input!$K$13=1,J246*Input!$J$13,0)+IF(Input!$K$14=1,K246*Input!$J$14,0)+IF(Input!$K$15=1,L246*Input!$J$15,0)+IF(Input!$K$16=1,M246*Input!$J$16,0)</f>
        <v>1.6807439025869748</v>
      </c>
      <c r="O246" s="58">
        <f>IF(Input!$K$13=2,J246*Input!$J$13,0)+IF(Input!$K$14=2,K246*Input!$J$14,0)+IF(Input!$K$15=2,L246*Input!$J$15,0)+IF(Input!$K$16=2,M246*Input!$J$16,0)</f>
        <v>8.6433801227538298E-2</v>
      </c>
      <c r="P246" s="58">
        <f>IF(Input!$K$13=3,J246*Input!$J$13,0)+IF(Input!$K$14=3,K246*Input!$J$14,0)+IF(Input!$K$15=3,L246*Input!$J$15,0)+IF(Input!$K$16=3,M246*Input!$J$16,0)</f>
        <v>0</v>
      </c>
      <c r="Q246" s="71">
        <f>IF(Input!$K$13=4,J246*Input!$J$13,0)+IF(Input!$K$14=4,K246*Input!$J$14,0)+IF(Input!$K$15=4,L246*Input!$J$15,0)+IF(Input!$K$16=4,M246*Input!$J$16,0)</f>
        <v>0</v>
      </c>
    </row>
    <row r="247" spans="2:17" x14ac:dyDescent="0.25">
      <c r="B247" s="43">
        <v>240</v>
      </c>
      <c r="C247" s="55">
        <f>Jesper!AM241</f>
        <v>4.9109764037127981</v>
      </c>
      <c r="D247" s="58">
        <f>Jesper!AN241</f>
        <v>442.52052324532491</v>
      </c>
      <c r="E247" s="58">
        <f>Jesper!AO241</f>
        <v>36.948407006779128</v>
      </c>
      <c r="F247" s="58">
        <f>Jesper!AP241</f>
        <v>18.474203503389564</v>
      </c>
      <c r="G247" s="57">
        <f>Jesper!AQ241</f>
        <v>0</v>
      </c>
      <c r="H247" s="43">
        <v>240</v>
      </c>
      <c r="I247" s="55">
        <f>Bühler!I273</f>
        <v>2.7033526035226538</v>
      </c>
      <c r="J247" s="58">
        <f>Bühler!J273</f>
        <v>14.006199188224791</v>
      </c>
      <c r="K247" s="58">
        <f>Bühler!K273</f>
        <v>0.6402503794632467</v>
      </c>
      <c r="L247" s="58">
        <f>Bühler!L273</f>
        <v>0.32012518973162335</v>
      </c>
      <c r="M247" s="57">
        <f>Bühler!M273</f>
        <v>0</v>
      </c>
      <c r="N247" s="55">
        <f>IF(Input!$K$13=1,J247*Input!$J$13,0)+IF(Input!$K$14=1,K247*Input!$J$14,0)+IF(Input!$K$15=1,L247*Input!$J$15,0)+IF(Input!$K$16=1,M247*Input!$J$16,0)</f>
        <v>1.6807439025869748</v>
      </c>
      <c r="O247" s="58">
        <f>IF(Input!$K$13=2,J247*Input!$J$13,0)+IF(Input!$K$14=2,K247*Input!$J$14,0)+IF(Input!$K$15=2,L247*Input!$J$15,0)+IF(Input!$K$16=2,M247*Input!$J$16,0)</f>
        <v>8.6433801227538298E-2</v>
      </c>
      <c r="P247" s="58">
        <f>IF(Input!$K$13=3,J247*Input!$J$13,0)+IF(Input!$K$14=3,K247*Input!$J$14,0)+IF(Input!$K$15=3,L247*Input!$J$15,0)+IF(Input!$K$16=3,M247*Input!$J$16,0)</f>
        <v>0</v>
      </c>
      <c r="Q247" s="71">
        <f>IF(Input!$K$13=4,J247*Input!$J$13,0)+IF(Input!$K$14=4,K247*Input!$J$14,0)+IF(Input!$K$15=4,L247*Input!$J$15,0)+IF(Input!$K$16=4,M247*Input!$J$16,0)</f>
        <v>0</v>
      </c>
    </row>
    <row r="248" spans="2:17" x14ac:dyDescent="0.25">
      <c r="B248" s="43">
        <v>241</v>
      </c>
      <c r="C248" s="55">
        <f>Jesper!AM242</f>
        <v>13.883827020588564</v>
      </c>
      <c r="D248" s="58">
        <f>Jesper!AN242</f>
        <v>477.33958796630986</v>
      </c>
      <c r="E248" s="58">
        <f>Jesper!AO242</f>
        <v>37.936542076357604</v>
      </c>
      <c r="F248" s="58">
        <f>Jesper!AP242</f>
        <v>18.968271038178802</v>
      </c>
      <c r="G248" s="57">
        <f>Jesper!AQ242</f>
        <v>0</v>
      </c>
      <c r="H248" s="43">
        <v>241</v>
      </c>
      <c r="I248" s="55">
        <f>Bühler!I274</f>
        <v>3.8748716275068165</v>
      </c>
      <c r="J248" s="58">
        <f>Bühler!J274</f>
        <v>16.13981901829424</v>
      </c>
      <c r="K248" s="58">
        <f>Bühler!K274</f>
        <v>0.64606619462688697</v>
      </c>
      <c r="L248" s="58">
        <f>Bühler!L274</f>
        <v>0.32303309731344348</v>
      </c>
      <c r="M248" s="57">
        <f>Bühler!M274</f>
        <v>0</v>
      </c>
      <c r="N248" s="55">
        <f>IF(Input!$K$13=1,J248*Input!$J$13,0)+IF(Input!$K$14=1,K248*Input!$J$14,0)+IF(Input!$K$15=1,L248*Input!$J$15,0)+IF(Input!$K$16=1,M248*Input!$J$16,0)</f>
        <v>1.9367782821953088</v>
      </c>
      <c r="O248" s="58">
        <f>IF(Input!$K$13=2,J248*Input!$J$13,0)+IF(Input!$K$14=2,K248*Input!$J$14,0)+IF(Input!$K$15=2,L248*Input!$J$15,0)+IF(Input!$K$16=2,M248*Input!$J$16,0)</f>
        <v>8.7218936274629733E-2</v>
      </c>
      <c r="P248" s="58">
        <f>IF(Input!$K$13=3,J248*Input!$J$13,0)+IF(Input!$K$14=3,K248*Input!$J$14,0)+IF(Input!$K$15=3,L248*Input!$J$15,0)+IF(Input!$K$16=3,M248*Input!$J$16,0)</f>
        <v>0</v>
      </c>
      <c r="Q248" s="71">
        <f>IF(Input!$K$13=4,J248*Input!$J$13,0)+IF(Input!$K$14=4,K248*Input!$J$14,0)+IF(Input!$K$15=4,L248*Input!$J$15,0)+IF(Input!$K$16=4,M248*Input!$J$16,0)</f>
        <v>0</v>
      </c>
    </row>
    <row r="249" spans="2:17" x14ac:dyDescent="0.25">
      <c r="B249" s="43">
        <v>242</v>
      </c>
      <c r="C249" s="55">
        <f>Jesper!AM243</f>
        <v>17.842437586857294</v>
      </c>
      <c r="D249" s="58">
        <f>Jesper!AN243</f>
        <v>492.70094004909737</v>
      </c>
      <c r="E249" s="58">
        <f>Jesper!AO243</f>
        <v>38.372484018818689</v>
      </c>
      <c r="F249" s="58">
        <f>Jesper!AP243</f>
        <v>19.186242009409344</v>
      </c>
      <c r="G249" s="57">
        <f>Jesper!AQ243</f>
        <v>0</v>
      </c>
      <c r="H249" s="43">
        <v>242</v>
      </c>
      <c r="I249" s="55">
        <f>Bühler!I275</f>
        <v>3.8748716275068165</v>
      </c>
      <c r="J249" s="58">
        <f>Bühler!J275</f>
        <v>16.13981901829424</v>
      </c>
      <c r="K249" s="58">
        <f>Bühler!K275</f>
        <v>0.64606619462688697</v>
      </c>
      <c r="L249" s="58">
        <f>Bühler!L275</f>
        <v>0.32303309731344348</v>
      </c>
      <c r="M249" s="57">
        <f>Bühler!M275</f>
        <v>0</v>
      </c>
      <c r="N249" s="55">
        <f>IF(Input!$K$13=1,J249*Input!$J$13,0)+IF(Input!$K$14=1,K249*Input!$J$14,0)+IF(Input!$K$15=1,L249*Input!$J$15,0)+IF(Input!$K$16=1,M249*Input!$J$16,0)</f>
        <v>1.9367782821953088</v>
      </c>
      <c r="O249" s="58">
        <f>IF(Input!$K$13=2,J249*Input!$J$13,0)+IF(Input!$K$14=2,K249*Input!$J$14,0)+IF(Input!$K$15=2,L249*Input!$J$15,0)+IF(Input!$K$16=2,M249*Input!$J$16,0)</f>
        <v>8.7218936274629733E-2</v>
      </c>
      <c r="P249" s="58">
        <f>IF(Input!$K$13=3,J249*Input!$J$13,0)+IF(Input!$K$14=3,K249*Input!$J$14,0)+IF(Input!$K$15=3,L249*Input!$J$15,0)+IF(Input!$K$16=3,M249*Input!$J$16,0)</f>
        <v>0</v>
      </c>
      <c r="Q249" s="71">
        <f>IF(Input!$K$13=4,J249*Input!$J$13,0)+IF(Input!$K$14=4,K249*Input!$J$14,0)+IF(Input!$K$15=4,L249*Input!$J$15,0)+IF(Input!$K$16=4,M249*Input!$J$16,0)</f>
        <v>0</v>
      </c>
    </row>
    <row r="250" spans="2:17" x14ac:dyDescent="0.25">
      <c r="B250" s="43">
        <v>243</v>
      </c>
      <c r="C250" s="55">
        <f>Jesper!AM244</f>
        <v>12.036475422996496</v>
      </c>
      <c r="D250" s="58">
        <f>Jesper!AN244</f>
        <v>470.1709569943423</v>
      </c>
      <c r="E250" s="58">
        <f>Jesper!AO244</f>
        <v>37.733102503209089</v>
      </c>
      <c r="F250" s="58">
        <f>Jesper!AP244</f>
        <v>18.866551251604545</v>
      </c>
      <c r="G250" s="57">
        <f>Jesper!AQ244</f>
        <v>0</v>
      </c>
      <c r="H250" s="43">
        <v>243</v>
      </c>
      <c r="I250" s="55">
        <f>Bühler!I276</f>
        <v>3.8748716275068165</v>
      </c>
      <c r="J250" s="58">
        <f>Bühler!J276</f>
        <v>16.13981901829424</v>
      </c>
      <c r="K250" s="58">
        <f>Bühler!K276</f>
        <v>0.64606619462688697</v>
      </c>
      <c r="L250" s="58">
        <f>Bühler!L276</f>
        <v>0.32303309731344348</v>
      </c>
      <c r="M250" s="57">
        <f>Bühler!M276</f>
        <v>0</v>
      </c>
      <c r="N250" s="55">
        <f>IF(Input!$K$13=1,J250*Input!$J$13,0)+IF(Input!$K$14=1,K250*Input!$J$14,0)+IF(Input!$K$15=1,L250*Input!$J$15,0)+IF(Input!$K$16=1,M250*Input!$J$16,0)</f>
        <v>1.9367782821953088</v>
      </c>
      <c r="O250" s="58">
        <f>IF(Input!$K$13=2,J250*Input!$J$13,0)+IF(Input!$K$14=2,K250*Input!$J$14,0)+IF(Input!$K$15=2,L250*Input!$J$15,0)+IF(Input!$K$16=2,M250*Input!$J$16,0)</f>
        <v>8.7218936274629733E-2</v>
      </c>
      <c r="P250" s="58">
        <f>IF(Input!$K$13=3,J250*Input!$J$13,0)+IF(Input!$K$14=3,K250*Input!$J$14,0)+IF(Input!$K$15=3,L250*Input!$J$15,0)+IF(Input!$K$16=3,M250*Input!$J$16,0)</f>
        <v>0</v>
      </c>
      <c r="Q250" s="71">
        <f>IF(Input!$K$13=4,J250*Input!$J$13,0)+IF(Input!$K$14=4,K250*Input!$J$14,0)+IF(Input!$K$15=4,L250*Input!$J$15,0)+IF(Input!$K$16=4,M250*Input!$J$16,0)</f>
        <v>0</v>
      </c>
    </row>
    <row r="251" spans="2:17" x14ac:dyDescent="0.25">
      <c r="B251" s="43">
        <v>244</v>
      </c>
      <c r="C251" s="55">
        <f>Jesper!AM245</f>
        <v>5.7026985169665334</v>
      </c>
      <c r="D251" s="58">
        <f>Jesper!AN245</f>
        <v>445.59279366188241</v>
      </c>
      <c r="E251" s="58">
        <f>Jesper!AO245</f>
        <v>37.035595395271351</v>
      </c>
      <c r="F251" s="58">
        <f>Jesper!AP245</f>
        <v>18.517797697635675</v>
      </c>
      <c r="G251" s="57">
        <f>Jesper!AQ245</f>
        <v>0</v>
      </c>
      <c r="H251" s="43">
        <v>244</v>
      </c>
      <c r="I251" s="55">
        <f>Bühler!I277</f>
        <v>3.8748716275068165</v>
      </c>
      <c r="J251" s="58">
        <f>Bühler!J277</f>
        <v>16.13981901829424</v>
      </c>
      <c r="K251" s="58">
        <f>Bühler!K277</f>
        <v>0.64606619462688697</v>
      </c>
      <c r="L251" s="58">
        <f>Bühler!L277</f>
        <v>0.32303309731344348</v>
      </c>
      <c r="M251" s="57">
        <f>Bühler!M277</f>
        <v>0</v>
      </c>
      <c r="N251" s="55">
        <f>IF(Input!$K$13=1,J251*Input!$J$13,0)+IF(Input!$K$14=1,K251*Input!$J$14,0)+IF(Input!$K$15=1,L251*Input!$J$15,0)+IF(Input!$K$16=1,M251*Input!$J$16,0)</f>
        <v>1.9367782821953088</v>
      </c>
      <c r="O251" s="58">
        <f>IF(Input!$K$13=2,J251*Input!$J$13,0)+IF(Input!$K$14=2,K251*Input!$J$14,0)+IF(Input!$K$15=2,L251*Input!$J$15,0)+IF(Input!$K$16=2,M251*Input!$J$16,0)</f>
        <v>8.7218936274629733E-2</v>
      </c>
      <c r="P251" s="58">
        <f>IF(Input!$K$13=3,J251*Input!$J$13,0)+IF(Input!$K$14=3,K251*Input!$J$14,0)+IF(Input!$K$15=3,L251*Input!$J$15,0)+IF(Input!$K$16=3,M251*Input!$J$16,0)</f>
        <v>0</v>
      </c>
      <c r="Q251" s="71">
        <f>IF(Input!$K$13=4,J251*Input!$J$13,0)+IF(Input!$K$14=4,K251*Input!$J$14,0)+IF(Input!$K$15=4,L251*Input!$J$15,0)+IF(Input!$K$16=4,M251*Input!$J$16,0)</f>
        <v>0</v>
      </c>
    </row>
    <row r="252" spans="2:17" x14ac:dyDescent="0.25">
      <c r="B252" s="43">
        <v>245</v>
      </c>
      <c r="C252" s="55">
        <f>Jesper!AM246</f>
        <v>3.8292014980331803</v>
      </c>
      <c r="D252" s="58">
        <f>Jesper!AN246</f>
        <v>95.935178486333854</v>
      </c>
      <c r="E252" s="58">
        <f>Jesper!AO246</f>
        <v>5.2129295900291162</v>
      </c>
      <c r="F252" s="58">
        <f>Jesper!AP246</f>
        <v>2.6064647950145581</v>
      </c>
      <c r="G252" s="57">
        <f>Jesper!AQ246</f>
        <v>0</v>
      </c>
      <c r="H252" s="43">
        <v>245</v>
      </c>
      <c r="I252" s="55">
        <f>Bühler!I278</f>
        <v>3.8748716275068165</v>
      </c>
      <c r="J252" s="58">
        <f>Bühler!J278</f>
        <v>16.13981901829424</v>
      </c>
      <c r="K252" s="58">
        <f>Bühler!K278</f>
        <v>0.64606619462688697</v>
      </c>
      <c r="L252" s="58">
        <f>Bühler!L278</f>
        <v>0.32303309731344348</v>
      </c>
      <c r="M252" s="57">
        <f>Bühler!M278</f>
        <v>0</v>
      </c>
      <c r="N252" s="55">
        <f>IF(Input!$K$13=1,J252*Input!$J$13,0)+IF(Input!$K$14=1,K252*Input!$J$14,0)+IF(Input!$K$15=1,L252*Input!$J$15,0)+IF(Input!$K$16=1,M252*Input!$J$16,0)</f>
        <v>1.9367782821953088</v>
      </c>
      <c r="O252" s="58">
        <f>IF(Input!$K$13=2,J252*Input!$J$13,0)+IF(Input!$K$14=2,K252*Input!$J$14,0)+IF(Input!$K$15=2,L252*Input!$J$15,0)+IF(Input!$K$16=2,M252*Input!$J$16,0)</f>
        <v>8.7218936274629733E-2</v>
      </c>
      <c r="P252" s="58">
        <f>IF(Input!$K$13=3,J252*Input!$J$13,0)+IF(Input!$K$14=3,K252*Input!$J$14,0)+IF(Input!$K$15=3,L252*Input!$J$15,0)+IF(Input!$K$16=3,M252*Input!$J$16,0)</f>
        <v>0</v>
      </c>
      <c r="Q252" s="71">
        <f>IF(Input!$K$13=4,J252*Input!$J$13,0)+IF(Input!$K$14=4,K252*Input!$J$14,0)+IF(Input!$K$15=4,L252*Input!$J$15,0)+IF(Input!$K$16=4,M252*Input!$J$16,0)</f>
        <v>0</v>
      </c>
    </row>
    <row r="253" spans="2:17" x14ac:dyDescent="0.25">
      <c r="B253" s="43">
        <v>246</v>
      </c>
      <c r="C253" s="55">
        <f>Jesper!AM247</f>
        <v>5.0322666617403531</v>
      </c>
      <c r="D253" s="58">
        <f>Jesper!AN247</f>
        <v>98.691323173140276</v>
      </c>
      <c r="E253" s="58">
        <f>Jesper!AO247</f>
        <v>5.2272151650591701</v>
      </c>
      <c r="F253" s="58">
        <f>Jesper!AP247</f>
        <v>2.613607582529585</v>
      </c>
      <c r="G253" s="57">
        <f>Jesper!AQ247</f>
        <v>0</v>
      </c>
      <c r="H253" s="43">
        <v>246</v>
      </c>
      <c r="I253" s="55">
        <f>Bühler!I279</f>
        <v>3.8748716275068165</v>
      </c>
      <c r="J253" s="58">
        <f>Bühler!J279</f>
        <v>16.13981901829424</v>
      </c>
      <c r="K253" s="58">
        <f>Bühler!K279</f>
        <v>0.64606619462688697</v>
      </c>
      <c r="L253" s="58">
        <f>Bühler!L279</f>
        <v>0.32303309731344348</v>
      </c>
      <c r="M253" s="57">
        <f>Bühler!M279</f>
        <v>0</v>
      </c>
      <c r="N253" s="55">
        <f>IF(Input!$K$13=1,J253*Input!$J$13,0)+IF(Input!$K$14=1,K253*Input!$J$14,0)+IF(Input!$K$15=1,L253*Input!$J$15,0)+IF(Input!$K$16=1,M253*Input!$J$16,0)</f>
        <v>1.9367782821953088</v>
      </c>
      <c r="O253" s="58">
        <f>IF(Input!$K$13=2,J253*Input!$J$13,0)+IF(Input!$K$14=2,K253*Input!$J$14,0)+IF(Input!$K$15=2,L253*Input!$J$15,0)+IF(Input!$K$16=2,M253*Input!$J$16,0)</f>
        <v>8.7218936274629733E-2</v>
      </c>
      <c r="P253" s="58">
        <f>IF(Input!$K$13=3,J253*Input!$J$13,0)+IF(Input!$K$14=3,K253*Input!$J$14,0)+IF(Input!$K$15=3,L253*Input!$J$15,0)+IF(Input!$K$16=3,M253*Input!$J$16,0)</f>
        <v>0</v>
      </c>
      <c r="Q253" s="71">
        <f>IF(Input!$K$13=4,J253*Input!$J$13,0)+IF(Input!$K$14=4,K253*Input!$J$14,0)+IF(Input!$K$15=4,L253*Input!$J$15,0)+IF(Input!$K$16=4,M253*Input!$J$16,0)</f>
        <v>0</v>
      </c>
    </row>
    <row r="254" spans="2:17" x14ac:dyDescent="0.25">
      <c r="B254" s="43">
        <v>247</v>
      </c>
      <c r="C254" s="55">
        <f>Jesper!AM248</f>
        <v>11.244753309742753</v>
      </c>
      <c r="D254" s="58">
        <f>Jesper!AN248</f>
        <v>467.09868657778492</v>
      </c>
      <c r="E254" s="58">
        <f>Jesper!AO248</f>
        <v>37.645914114716874</v>
      </c>
      <c r="F254" s="58">
        <f>Jesper!AP248</f>
        <v>18.822957057358437</v>
      </c>
      <c r="G254" s="57">
        <f>Jesper!AQ248</f>
        <v>0</v>
      </c>
      <c r="H254" s="43">
        <v>247</v>
      </c>
      <c r="I254" s="55">
        <f>Bühler!I280</f>
        <v>3.8748716275068165</v>
      </c>
      <c r="J254" s="58">
        <f>Bühler!J280</f>
        <v>16.13981901829424</v>
      </c>
      <c r="K254" s="58">
        <f>Bühler!K280</f>
        <v>0.64606619462688697</v>
      </c>
      <c r="L254" s="58">
        <f>Bühler!L280</f>
        <v>0.32303309731344348</v>
      </c>
      <c r="M254" s="57">
        <f>Bühler!M280</f>
        <v>0</v>
      </c>
      <c r="N254" s="55">
        <f>IF(Input!$K$13=1,J254*Input!$J$13,0)+IF(Input!$K$14=1,K254*Input!$J$14,0)+IF(Input!$K$15=1,L254*Input!$J$15,0)+IF(Input!$K$16=1,M254*Input!$J$16,0)</f>
        <v>1.9367782821953088</v>
      </c>
      <c r="O254" s="58">
        <f>IF(Input!$K$13=2,J254*Input!$J$13,0)+IF(Input!$K$14=2,K254*Input!$J$14,0)+IF(Input!$K$15=2,L254*Input!$J$15,0)+IF(Input!$K$16=2,M254*Input!$J$16,0)</f>
        <v>8.7218936274629733E-2</v>
      </c>
      <c r="P254" s="58">
        <f>IF(Input!$K$13=3,J254*Input!$J$13,0)+IF(Input!$K$14=3,K254*Input!$J$14,0)+IF(Input!$K$15=3,L254*Input!$J$15,0)+IF(Input!$K$16=3,M254*Input!$J$16,0)</f>
        <v>0</v>
      </c>
      <c r="Q254" s="71">
        <f>IF(Input!$K$13=4,J254*Input!$J$13,0)+IF(Input!$K$14=4,K254*Input!$J$14,0)+IF(Input!$K$15=4,L254*Input!$J$15,0)+IF(Input!$K$16=4,M254*Input!$J$16,0)</f>
        <v>0</v>
      </c>
    </row>
    <row r="255" spans="2:17" x14ac:dyDescent="0.25">
      <c r="B255" s="43">
        <v>248</v>
      </c>
      <c r="C255" s="55">
        <f>Jesper!AM249</f>
        <v>9.9252164543198464</v>
      </c>
      <c r="D255" s="58">
        <f>Jesper!AN249</f>
        <v>461.97823588352236</v>
      </c>
      <c r="E255" s="58">
        <f>Jesper!AO249</f>
        <v>37.500600133896505</v>
      </c>
      <c r="F255" s="58">
        <f>Jesper!AP249</f>
        <v>18.750300066948252</v>
      </c>
      <c r="G255" s="57">
        <f>Jesper!AQ249</f>
        <v>0</v>
      </c>
      <c r="H255" s="43">
        <v>248</v>
      </c>
      <c r="I255" s="55">
        <f>Bühler!I281</f>
        <v>10.675271333781279</v>
      </c>
      <c r="J255" s="58">
        <f>Bühler!J281</f>
        <v>60.382495090525687</v>
      </c>
      <c r="K255" s="58">
        <f>Bühler!K281</f>
        <v>2.6410402925808194</v>
      </c>
      <c r="L255" s="58">
        <f>Bühler!L281</f>
        <v>1.3205201462904097</v>
      </c>
      <c r="M255" s="57">
        <f>Bühler!M281</f>
        <v>0</v>
      </c>
      <c r="N255" s="55">
        <f>IF(Input!$K$13=1,J255*Input!$J$13,0)+IF(Input!$K$14=1,K255*Input!$J$14,0)+IF(Input!$K$15=1,L255*Input!$J$15,0)+IF(Input!$K$16=1,M255*Input!$J$16,0)</f>
        <v>7.2458994108630819</v>
      </c>
      <c r="O255" s="58">
        <f>IF(Input!$K$13=2,J255*Input!$J$13,0)+IF(Input!$K$14=2,K255*Input!$J$14,0)+IF(Input!$K$15=2,L255*Input!$J$15,0)+IF(Input!$K$16=2,M255*Input!$J$16,0)</f>
        <v>0.35654043949841063</v>
      </c>
      <c r="P255" s="58">
        <f>IF(Input!$K$13=3,J255*Input!$J$13,0)+IF(Input!$K$14=3,K255*Input!$J$14,0)+IF(Input!$K$15=3,L255*Input!$J$15,0)+IF(Input!$K$16=3,M255*Input!$J$16,0)</f>
        <v>0</v>
      </c>
      <c r="Q255" s="71">
        <f>IF(Input!$K$13=4,J255*Input!$J$13,0)+IF(Input!$K$14=4,K255*Input!$J$14,0)+IF(Input!$K$15=4,L255*Input!$J$15,0)+IF(Input!$K$16=4,M255*Input!$J$16,0)</f>
        <v>0</v>
      </c>
    </row>
    <row r="256" spans="2:17" x14ac:dyDescent="0.25">
      <c r="B256" s="43">
        <v>249</v>
      </c>
      <c r="C256" s="55">
        <f>Jesper!AM250</f>
        <v>5.9666058880511166</v>
      </c>
      <c r="D256" s="58">
        <f>Jesper!AN250</f>
        <v>446.61688380073491</v>
      </c>
      <c r="E256" s="58">
        <f>Jesper!AO250</f>
        <v>37.06465819143542</v>
      </c>
      <c r="F256" s="58">
        <f>Jesper!AP250</f>
        <v>18.53232909571771</v>
      </c>
      <c r="G256" s="57">
        <f>Jesper!AQ250</f>
        <v>0</v>
      </c>
      <c r="H256" s="43">
        <v>249</v>
      </c>
      <c r="I256" s="55">
        <f>Bühler!I282</f>
        <v>11.911355382955955</v>
      </c>
      <c r="J256" s="58">
        <f>Bühler!J282</f>
        <v>67.374152416797102</v>
      </c>
      <c r="K256" s="58">
        <f>Bühler!K282</f>
        <v>2.9468449580375462</v>
      </c>
      <c r="L256" s="58">
        <f>Bühler!L282</f>
        <v>1.4734224790187731</v>
      </c>
      <c r="M256" s="57">
        <f>Bühler!M282</f>
        <v>0</v>
      </c>
      <c r="N256" s="55">
        <f>IF(Input!$K$13=1,J256*Input!$J$13,0)+IF(Input!$K$14=1,K256*Input!$J$14,0)+IF(Input!$K$15=1,L256*Input!$J$15,0)+IF(Input!$K$16=1,M256*Input!$J$16,0)</f>
        <v>8.0848982900156514</v>
      </c>
      <c r="O256" s="58">
        <f>IF(Input!$K$13=2,J256*Input!$J$13,0)+IF(Input!$K$14=2,K256*Input!$J$14,0)+IF(Input!$K$15=2,L256*Input!$J$15,0)+IF(Input!$K$16=2,M256*Input!$J$16,0)</f>
        <v>0.39782406933506875</v>
      </c>
      <c r="P256" s="58">
        <f>IF(Input!$K$13=3,J256*Input!$J$13,0)+IF(Input!$K$14=3,K256*Input!$J$14,0)+IF(Input!$K$15=3,L256*Input!$J$15,0)+IF(Input!$K$16=3,M256*Input!$J$16,0)</f>
        <v>0</v>
      </c>
      <c r="Q256" s="71">
        <f>IF(Input!$K$13=4,J256*Input!$J$13,0)+IF(Input!$K$14=4,K256*Input!$J$14,0)+IF(Input!$K$15=4,L256*Input!$J$15,0)+IF(Input!$K$16=4,M256*Input!$J$16,0)</f>
        <v>0</v>
      </c>
    </row>
    <row r="257" spans="2:17" x14ac:dyDescent="0.25">
      <c r="B257" s="43">
        <v>250</v>
      </c>
      <c r="C257" s="55">
        <f>Jesper!AM251</f>
        <v>5.1748837747973742</v>
      </c>
      <c r="D257" s="58">
        <f>Jesper!AN251</f>
        <v>443.54461338417735</v>
      </c>
      <c r="E257" s="58">
        <f>Jesper!AO251</f>
        <v>36.97746980294319</v>
      </c>
      <c r="F257" s="58">
        <f>Jesper!AP251</f>
        <v>18.488734901471595</v>
      </c>
      <c r="G257" s="57">
        <f>Jesper!AQ251</f>
        <v>0</v>
      </c>
      <c r="H257" s="43">
        <v>250</v>
      </c>
      <c r="I257" s="55">
        <f>Bühler!I283</f>
        <v>13.147439432130627</v>
      </c>
      <c r="J257" s="58">
        <f>Bühler!J283</f>
        <v>74.365809743068496</v>
      </c>
      <c r="K257" s="58">
        <f>Bühler!K283</f>
        <v>3.252649623494273</v>
      </c>
      <c r="L257" s="58">
        <f>Bühler!L283</f>
        <v>1.6263248117471365</v>
      </c>
      <c r="M257" s="57">
        <f>Bühler!M283</f>
        <v>0</v>
      </c>
      <c r="N257" s="55">
        <f>IF(Input!$K$13=1,J257*Input!$J$13,0)+IF(Input!$K$14=1,K257*Input!$J$14,0)+IF(Input!$K$15=1,L257*Input!$J$15,0)+IF(Input!$K$16=1,M257*Input!$J$16,0)</f>
        <v>8.9238971691682192</v>
      </c>
      <c r="O257" s="58">
        <f>IF(Input!$K$13=2,J257*Input!$J$13,0)+IF(Input!$K$14=2,K257*Input!$J$14,0)+IF(Input!$K$15=2,L257*Input!$J$15,0)+IF(Input!$K$16=2,M257*Input!$J$16,0)</f>
        <v>0.43910769917172687</v>
      </c>
      <c r="P257" s="58">
        <f>IF(Input!$K$13=3,J257*Input!$J$13,0)+IF(Input!$K$14=3,K257*Input!$J$14,0)+IF(Input!$K$15=3,L257*Input!$J$15,0)+IF(Input!$K$16=3,M257*Input!$J$16,0)</f>
        <v>0</v>
      </c>
      <c r="Q257" s="71">
        <f>IF(Input!$K$13=4,J257*Input!$J$13,0)+IF(Input!$K$14=4,K257*Input!$J$14,0)+IF(Input!$K$15=4,L257*Input!$J$15,0)+IF(Input!$K$16=4,M257*Input!$J$16,0)</f>
        <v>0</v>
      </c>
    </row>
    <row r="258" spans="2:17" x14ac:dyDescent="0.25">
      <c r="B258" s="43">
        <v>251</v>
      </c>
      <c r="C258" s="55">
        <f>Jesper!AM252</f>
        <v>3.5914395482898893</v>
      </c>
      <c r="D258" s="58">
        <f>Jesper!AN252</f>
        <v>437.40007255106241</v>
      </c>
      <c r="E258" s="58">
        <f>Jesper!AO252</f>
        <v>36.803093025958766</v>
      </c>
      <c r="F258" s="58">
        <f>Jesper!AP252</f>
        <v>18.401546512979383</v>
      </c>
      <c r="G258" s="57">
        <f>Jesper!AQ252</f>
        <v>0</v>
      </c>
      <c r="H258" s="43">
        <v>251</v>
      </c>
      <c r="I258" s="55">
        <f>Bühler!I284</f>
        <v>13.147439432130627</v>
      </c>
      <c r="J258" s="58">
        <f>Bühler!J284</f>
        <v>74.365809743068496</v>
      </c>
      <c r="K258" s="58">
        <f>Bühler!K284</f>
        <v>3.252649623494273</v>
      </c>
      <c r="L258" s="58">
        <f>Bühler!L284</f>
        <v>1.6263248117471365</v>
      </c>
      <c r="M258" s="57">
        <f>Bühler!M284</f>
        <v>0</v>
      </c>
      <c r="N258" s="55">
        <f>IF(Input!$K$13=1,J258*Input!$J$13,0)+IF(Input!$K$14=1,K258*Input!$J$14,0)+IF(Input!$K$15=1,L258*Input!$J$15,0)+IF(Input!$K$16=1,M258*Input!$J$16,0)</f>
        <v>8.9238971691682192</v>
      </c>
      <c r="O258" s="58">
        <f>IF(Input!$K$13=2,J258*Input!$J$13,0)+IF(Input!$K$14=2,K258*Input!$J$14,0)+IF(Input!$K$15=2,L258*Input!$J$15,0)+IF(Input!$K$16=2,M258*Input!$J$16,0)</f>
        <v>0.43910769917172687</v>
      </c>
      <c r="P258" s="58">
        <f>IF(Input!$K$13=3,J258*Input!$J$13,0)+IF(Input!$K$14=3,K258*Input!$J$14,0)+IF(Input!$K$15=3,L258*Input!$J$15,0)+IF(Input!$K$16=3,M258*Input!$J$16,0)</f>
        <v>0</v>
      </c>
      <c r="Q258" s="71">
        <f>IF(Input!$K$13=4,J258*Input!$J$13,0)+IF(Input!$K$14=4,K258*Input!$J$14,0)+IF(Input!$K$15=4,L258*Input!$J$15,0)+IF(Input!$K$16=4,M258*Input!$J$16,0)</f>
        <v>0</v>
      </c>
    </row>
    <row r="259" spans="2:17" x14ac:dyDescent="0.25">
      <c r="B259" s="43">
        <v>252</v>
      </c>
      <c r="C259" s="55">
        <f>Jesper!AM253</f>
        <v>2.4757531888626008</v>
      </c>
      <c r="D259" s="58">
        <f>Jesper!AN253</f>
        <v>92.834515713676609</v>
      </c>
      <c r="E259" s="58">
        <f>Jesper!AO253</f>
        <v>5.1968583181203067</v>
      </c>
      <c r="F259" s="58">
        <f>Jesper!AP253</f>
        <v>2.5984291590601534</v>
      </c>
      <c r="G259" s="57">
        <f>Jesper!AQ253</f>
        <v>0</v>
      </c>
      <c r="H259" s="43">
        <v>252</v>
      </c>
      <c r="I259" s="55">
        <f>Bühler!I285</f>
        <v>15.731978807677672</v>
      </c>
      <c r="J259" s="58">
        <f>Bühler!J285</f>
        <v>88.9847296070905</v>
      </c>
      <c r="K259" s="58">
        <f>Bühler!K285</f>
        <v>3.8920593785401549</v>
      </c>
      <c r="L259" s="58">
        <f>Bühler!L285</f>
        <v>1.9460296892700775</v>
      </c>
      <c r="M259" s="57">
        <f>Bühler!M285</f>
        <v>0</v>
      </c>
      <c r="N259" s="55">
        <f>IF(Input!$K$13=1,J259*Input!$J$13,0)+IF(Input!$K$14=1,K259*Input!$J$14,0)+IF(Input!$K$15=1,L259*Input!$J$15,0)+IF(Input!$K$16=1,M259*Input!$J$16,0)</f>
        <v>10.67816755285086</v>
      </c>
      <c r="O259" s="58">
        <f>IF(Input!$K$13=2,J259*Input!$J$13,0)+IF(Input!$K$14=2,K259*Input!$J$14,0)+IF(Input!$K$15=2,L259*Input!$J$15,0)+IF(Input!$K$16=2,M259*Input!$J$16,0)</f>
        <v>0.52542801610292089</v>
      </c>
      <c r="P259" s="58">
        <f>IF(Input!$K$13=3,J259*Input!$J$13,0)+IF(Input!$K$14=3,K259*Input!$J$14,0)+IF(Input!$K$15=3,L259*Input!$J$15,0)+IF(Input!$K$16=3,M259*Input!$J$16,0)</f>
        <v>0</v>
      </c>
      <c r="Q259" s="71">
        <f>IF(Input!$K$13=4,J259*Input!$J$13,0)+IF(Input!$K$14=4,K259*Input!$J$14,0)+IF(Input!$K$15=4,L259*Input!$J$15,0)+IF(Input!$K$16=4,M259*Input!$J$16,0)</f>
        <v>0</v>
      </c>
    </row>
    <row r="260" spans="2:17" x14ac:dyDescent="0.25">
      <c r="B260" s="43">
        <v>253</v>
      </c>
      <c r="C260" s="55">
        <f>Jesper!AM254</f>
        <v>2.926902625252795</v>
      </c>
      <c r="D260" s="58">
        <f>Jesper!AN254</f>
        <v>93.868069971229019</v>
      </c>
      <c r="E260" s="58">
        <f>Jesper!AO254</f>
        <v>5.2022154087565768</v>
      </c>
      <c r="F260" s="58">
        <f>Jesper!AP254</f>
        <v>2.6011077043782884</v>
      </c>
      <c r="G260" s="57">
        <f>Jesper!AQ254</f>
        <v>0</v>
      </c>
      <c r="H260" s="43">
        <v>253</v>
      </c>
      <c r="I260" s="55">
        <f>Bühler!I286</f>
        <v>15.731978807677672</v>
      </c>
      <c r="J260" s="58">
        <f>Bühler!J286</f>
        <v>88.9847296070905</v>
      </c>
      <c r="K260" s="58">
        <f>Bühler!K286</f>
        <v>3.8920593785401549</v>
      </c>
      <c r="L260" s="58">
        <f>Bühler!L286</f>
        <v>1.9460296892700775</v>
      </c>
      <c r="M260" s="57">
        <f>Bühler!M286</f>
        <v>0</v>
      </c>
      <c r="N260" s="55">
        <f>IF(Input!$K$13=1,J260*Input!$J$13,0)+IF(Input!$K$14=1,K260*Input!$J$14,0)+IF(Input!$K$15=1,L260*Input!$J$15,0)+IF(Input!$K$16=1,M260*Input!$J$16,0)</f>
        <v>10.67816755285086</v>
      </c>
      <c r="O260" s="58">
        <f>IF(Input!$K$13=2,J260*Input!$J$13,0)+IF(Input!$K$14=2,K260*Input!$J$14,0)+IF(Input!$K$15=2,L260*Input!$J$15,0)+IF(Input!$K$16=2,M260*Input!$J$16,0)</f>
        <v>0.52542801610292089</v>
      </c>
      <c r="P260" s="58">
        <f>IF(Input!$K$13=3,J260*Input!$J$13,0)+IF(Input!$K$14=3,K260*Input!$J$14,0)+IF(Input!$K$15=3,L260*Input!$J$15,0)+IF(Input!$K$16=3,M260*Input!$J$16,0)</f>
        <v>0</v>
      </c>
      <c r="Q260" s="71">
        <f>IF(Input!$K$13=4,J260*Input!$J$13,0)+IF(Input!$K$14=4,K260*Input!$J$14,0)+IF(Input!$K$15=4,L260*Input!$J$15,0)+IF(Input!$K$16=4,M260*Input!$J$16,0)</f>
        <v>0</v>
      </c>
    </row>
    <row r="261" spans="2:17" x14ac:dyDescent="0.25">
      <c r="B261" s="43">
        <v>254</v>
      </c>
      <c r="C261" s="55">
        <f>Jesper!AM255</f>
        <v>0</v>
      </c>
      <c r="D261" s="58">
        <f>Jesper!AN255</f>
        <v>421.698298584241</v>
      </c>
      <c r="E261" s="58">
        <f>Jesper!AO255</f>
        <v>36.338088287333591</v>
      </c>
      <c r="F261" s="58">
        <f>Jesper!AP255</f>
        <v>18.169044143666795</v>
      </c>
      <c r="G261" s="57">
        <f>Jesper!AQ255</f>
        <v>0</v>
      </c>
      <c r="H261" s="43">
        <v>254</v>
      </c>
      <c r="I261" s="55">
        <f>Bühler!I287</f>
        <v>10.450528779385884</v>
      </c>
      <c r="J261" s="58">
        <f>Bühler!J287</f>
        <v>59.111284667567261</v>
      </c>
      <c r="K261" s="58">
        <f>Bühler!K287</f>
        <v>2.5854394443159601</v>
      </c>
      <c r="L261" s="58">
        <f>Bühler!L287</f>
        <v>1.29271972215798</v>
      </c>
      <c r="M261" s="57">
        <f>Bühler!M287</f>
        <v>0</v>
      </c>
      <c r="N261" s="55">
        <f>IF(Input!$K$13=1,J261*Input!$J$13,0)+IF(Input!$K$14=1,K261*Input!$J$14,0)+IF(Input!$K$15=1,L261*Input!$J$15,0)+IF(Input!$K$16=1,M261*Input!$J$16,0)</f>
        <v>7.0933541601080714</v>
      </c>
      <c r="O261" s="58">
        <f>IF(Input!$K$13=2,J261*Input!$J$13,0)+IF(Input!$K$14=2,K261*Input!$J$14,0)+IF(Input!$K$15=2,L261*Input!$J$15,0)+IF(Input!$K$16=2,M261*Input!$J$16,0)</f>
        <v>0.34903432498265463</v>
      </c>
      <c r="P261" s="58">
        <f>IF(Input!$K$13=3,J261*Input!$J$13,0)+IF(Input!$K$14=3,K261*Input!$J$14,0)+IF(Input!$K$15=3,L261*Input!$J$15,0)+IF(Input!$K$16=3,M261*Input!$J$16,0)</f>
        <v>0</v>
      </c>
      <c r="Q261" s="71">
        <f>IF(Input!$K$13=4,J261*Input!$J$13,0)+IF(Input!$K$14=4,K261*Input!$J$14,0)+IF(Input!$K$15=4,L261*Input!$J$15,0)+IF(Input!$K$16=4,M261*Input!$J$16,0)</f>
        <v>0</v>
      </c>
    </row>
    <row r="262" spans="2:17" x14ac:dyDescent="0.25">
      <c r="B262" s="43">
        <v>255</v>
      </c>
      <c r="C262" s="55">
        <f>Jesper!AM256</f>
        <v>0</v>
      </c>
      <c r="D262" s="58">
        <f>Jesper!AN256</f>
        <v>417.26915566317581</v>
      </c>
      <c r="E262" s="58">
        <f>Jesper!AO256</f>
        <v>36.16371151034916</v>
      </c>
      <c r="F262" s="58">
        <f>Jesper!AP256</f>
        <v>18.08185575517458</v>
      </c>
      <c r="G262" s="57">
        <f>Jesper!AQ256</f>
        <v>0</v>
      </c>
      <c r="H262" s="43">
        <v>255</v>
      </c>
      <c r="I262" s="55">
        <f>Bühler!I288</f>
        <v>15.731978807677672</v>
      </c>
      <c r="J262" s="58">
        <f>Bühler!J288</f>
        <v>88.9847296070905</v>
      </c>
      <c r="K262" s="58">
        <f>Bühler!K288</f>
        <v>3.8920593785401549</v>
      </c>
      <c r="L262" s="58">
        <f>Bühler!L288</f>
        <v>1.9460296892700775</v>
      </c>
      <c r="M262" s="57">
        <f>Bühler!M288</f>
        <v>0</v>
      </c>
      <c r="N262" s="55">
        <f>IF(Input!$K$13=1,J262*Input!$J$13,0)+IF(Input!$K$14=1,K262*Input!$J$14,0)+IF(Input!$K$15=1,L262*Input!$J$15,0)+IF(Input!$K$16=1,M262*Input!$J$16,0)</f>
        <v>10.67816755285086</v>
      </c>
      <c r="O262" s="58">
        <f>IF(Input!$K$13=2,J262*Input!$J$13,0)+IF(Input!$K$14=2,K262*Input!$J$14,0)+IF(Input!$K$15=2,L262*Input!$J$15,0)+IF(Input!$K$16=2,M262*Input!$J$16,0)</f>
        <v>0.52542801610292089</v>
      </c>
      <c r="P262" s="58">
        <f>IF(Input!$K$13=3,J262*Input!$J$13,0)+IF(Input!$K$14=3,K262*Input!$J$14,0)+IF(Input!$K$15=3,L262*Input!$J$15,0)+IF(Input!$K$16=3,M262*Input!$J$16,0)</f>
        <v>0</v>
      </c>
      <c r="Q262" s="71">
        <f>IF(Input!$K$13=4,J262*Input!$J$13,0)+IF(Input!$K$14=4,K262*Input!$J$14,0)+IF(Input!$K$15=4,L262*Input!$J$15,0)+IF(Input!$K$16=4,M262*Input!$J$16,0)</f>
        <v>0</v>
      </c>
    </row>
    <row r="263" spans="2:17" x14ac:dyDescent="0.25">
      <c r="B263" s="43">
        <v>256</v>
      </c>
      <c r="C263" s="55">
        <f>Jesper!AM257</f>
        <v>0</v>
      </c>
      <c r="D263" s="58">
        <f>Jesper!AN257</f>
        <v>415.79277468948749</v>
      </c>
      <c r="E263" s="58">
        <f>Jesper!AO257</f>
        <v>36.105585918021013</v>
      </c>
      <c r="F263" s="58">
        <f>Jesper!AP257</f>
        <v>18.052792959010507</v>
      </c>
      <c r="G263" s="57">
        <f>Jesper!AQ257</f>
        <v>0</v>
      </c>
      <c r="H263" s="43">
        <v>256</v>
      </c>
      <c r="I263" s="55">
        <f>Bühler!I289</f>
        <v>15.731978807677672</v>
      </c>
      <c r="J263" s="58">
        <f>Bühler!J289</f>
        <v>88.9847296070905</v>
      </c>
      <c r="K263" s="58">
        <f>Bühler!K289</f>
        <v>3.8920593785401549</v>
      </c>
      <c r="L263" s="58">
        <f>Bühler!L289</f>
        <v>1.9460296892700775</v>
      </c>
      <c r="M263" s="57">
        <f>Bühler!M289</f>
        <v>0</v>
      </c>
      <c r="N263" s="55">
        <f>IF(Input!$K$13=1,J263*Input!$J$13,0)+IF(Input!$K$14=1,K263*Input!$J$14,0)+IF(Input!$K$15=1,L263*Input!$J$15,0)+IF(Input!$K$16=1,M263*Input!$J$16,0)</f>
        <v>10.67816755285086</v>
      </c>
      <c r="O263" s="58">
        <f>IF(Input!$K$13=2,J263*Input!$J$13,0)+IF(Input!$K$14=2,K263*Input!$J$14,0)+IF(Input!$K$15=2,L263*Input!$J$15,0)+IF(Input!$K$16=2,M263*Input!$J$16,0)</f>
        <v>0.52542801610292089</v>
      </c>
      <c r="P263" s="58">
        <f>IF(Input!$K$13=3,J263*Input!$J$13,0)+IF(Input!$K$14=3,K263*Input!$J$14,0)+IF(Input!$K$15=3,L263*Input!$J$15,0)+IF(Input!$K$16=3,M263*Input!$J$16,0)</f>
        <v>0</v>
      </c>
      <c r="Q263" s="71">
        <f>IF(Input!$K$13=4,J263*Input!$J$13,0)+IF(Input!$K$14=4,K263*Input!$J$14,0)+IF(Input!$K$15=4,L263*Input!$J$15,0)+IF(Input!$K$16=4,M263*Input!$J$16,0)</f>
        <v>0</v>
      </c>
    </row>
    <row r="264" spans="2:17" x14ac:dyDescent="0.25">
      <c r="B264" s="43">
        <v>257</v>
      </c>
      <c r="C264" s="55">
        <f>Jesper!AM258</f>
        <v>6.2305132591357077</v>
      </c>
      <c r="D264" s="58">
        <f>Jesper!AN258</f>
        <v>447.64097393958741</v>
      </c>
      <c r="E264" s="58">
        <f>Jesper!AO258</f>
        <v>37.09372098759949</v>
      </c>
      <c r="F264" s="58">
        <f>Jesper!AP258</f>
        <v>18.546860493799745</v>
      </c>
      <c r="G264" s="57">
        <f>Jesper!AQ258</f>
        <v>0</v>
      </c>
      <c r="H264" s="43">
        <v>257</v>
      </c>
      <c r="I264" s="55">
        <f>Bühler!I290</f>
        <v>13.145501996316877</v>
      </c>
      <c r="J264" s="58">
        <f>Bühler!J290</f>
        <v>56.635207543501195</v>
      </c>
      <c r="K264" s="58">
        <f>Bühler!K290</f>
        <v>2.2935349909254485</v>
      </c>
      <c r="L264" s="58">
        <f>Bühler!L290</f>
        <v>1.1467674954627243</v>
      </c>
      <c r="M264" s="57">
        <f>Bühler!M290</f>
        <v>0</v>
      </c>
      <c r="N264" s="55">
        <f>IF(Input!$K$13=1,J264*Input!$J$13,0)+IF(Input!$K$14=1,K264*Input!$J$14,0)+IF(Input!$K$15=1,L264*Input!$J$15,0)+IF(Input!$K$16=1,M264*Input!$J$16,0)</f>
        <v>6.7962249052201429</v>
      </c>
      <c r="O264" s="58">
        <f>IF(Input!$K$13=2,J264*Input!$J$13,0)+IF(Input!$K$14=2,K264*Input!$J$14,0)+IF(Input!$K$15=2,L264*Input!$J$15,0)+IF(Input!$K$16=2,M264*Input!$J$16,0)</f>
        <v>0.30962722377493557</v>
      </c>
      <c r="P264" s="58">
        <f>IF(Input!$K$13=3,J264*Input!$J$13,0)+IF(Input!$K$14=3,K264*Input!$J$14,0)+IF(Input!$K$15=3,L264*Input!$J$15,0)+IF(Input!$K$16=3,M264*Input!$J$16,0)</f>
        <v>0</v>
      </c>
      <c r="Q264" s="71">
        <f>IF(Input!$K$13=4,J264*Input!$J$13,0)+IF(Input!$K$14=4,K264*Input!$J$14,0)+IF(Input!$K$15=4,L264*Input!$J$15,0)+IF(Input!$K$16=4,M264*Input!$J$16,0)</f>
        <v>0</v>
      </c>
    </row>
    <row r="265" spans="2:17" x14ac:dyDescent="0.25">
      <c r="B265" s="43">
        <v>258</v>
      </c>
      <c r="C265" s="55">
        <f>Jesper!AM259</f>
        <v>10.716938567573589</v>
      </c>
      <c r="D265" s="58">
        <f>Jesper!AN259</f>
        <v>465.05050630007986</v>
      </c>
      <c r="E265" s="58">
        <f>Jesper!AO259</f>
        <v>37.587788522388728</v>
      </c>
      <c r="F265" s="58">
        <f>Jesper!AP259</f>
        <v>18.793894261194364</v>
      </c>
      <c r="G265" s="57">
        <f>Jesper!AQ259</f>
        <v>0</v>
      </c>
      <c r="H265" s="43">
        <v>258</v>
      </c>
      <c r="I265" s="55">
        <f>Bühler!I291</f>
        <v>10.452466215199637</v>
      </c>
      <c r="J265" s="58">
        <f>Bühler!J291</f>
        <v>29.417507220751915</v>
      </c>
      <c r="K265" s="58">
        <f>Bühler!K291</f>
        <v>0.97888817367710157</v>
      </c>
      <c r="L265" s="58">
        <f>Bühler!L291</f>
        <v>0.48944408683855078</v>
      </c>
      <c r="M265" s="57">
        <f>Bühler!M291</f>
        <v>0</v>
      </c>
      <c r="N265" s="55">
        <f>IF(Input!$K$13=1,J265*Input!$J$13,0)+IF(Input!$K$14=1,K265*Input!$J$14,0)+IF(Input!$K$15=1,L265*Input!$J$15,0)+IF(Input!$K$16=1,M265*Input!$J$16,0)</f>
        <v>3.5301008664902298</v>
      </c>
      <c r="O265" s="58">
        <f>IF(Input!$K$13=2,J265*Input!$J$13,0)+IF(Input!$K$14=2,K265*Input!$J$14,0)+IF(Input!$K$15=2,L265*Input!$J$15,0)+IF(Input!$K$16=2,M265*Input!$J$16,0)</f>
        <v>0.1321499034464087</v>
      </c>
      <c r="P265" s="58">
        <f>IF(Input!$K$13=3,J265*Input!$J$13,0)+IF(Input!$K$14=3,K265*Input!$J$14,0)+IF(Input!$K$15=3,L265*Input!$J$15,0)+IF(Input!$K$16=3,M265*Input!$J$16,0)</f>
        <v>0</v>
      </c>
      <c r="Q265" s="71">
        <f>IF(Input!$K$13=4,J265*Input!$J$13,0)+IF(Input!$K$14=4,K265*Input!$J$14,0)+IF(Input!$K$15=4,L265*Input!$J$15,0)+IF(Input!$K$16=4,M265*Input!$J$16,0)</f>
        <v>0</v>
      </c>
    </row>
    <row r="266" spans="2:17" x14ac:dyDescent="0.25">
      <c r="B266" s="43">
        <v>259</v>
      </c>
      <c r="C266" s="55">
        <f>Jesper!AM260</f>
        <v>5.1826498072037506</v>
      </c>
      <c r="D266" s="58">
        <f>Jesper!AN260</f>
        <v>99.035841258991098</v>
      </c>
      <c r="E266" s="58">
        <f>Jesper!AO260</f>
        <v>5.2290008619379265</v>
      </c>
      <c r="F266" s="58">
        <f>Jesper!AP260</f>
        <v>2.6145004309689632</v>
      </c>
      <c r="G266" s="57">
        <f>Jesper!AQ260</f>
        <v>0</v>
      </c>
      <c r="H266" s="43">
        <v>259</v>
      </c>
      <c r="I266" s="55">
        <f>Bühler!I292</f>
        <v>3.8748716275068165</v>
      </c>
      <c r="J266" s="58">
        <f>Bühler!J292</f>
        <v>16.13981901829424</v>
      </c>
      <c r="K266" s="58">
        <f>Bühler!K292</f>
        <v>0.64606619462688697</v>
      </c>
      <c r="L266" s="58">
        <f>Bühler!L292</f>
        <v>0.32303309731344348</v>
      </c>
      <c r="M266" s="57">
        <f>Bühler!M292</f>
        <v>0</v>
      </c>
      <c r="N266" s="55">
        <f>IF(Input!$K$13=1,J266*Input!$J$13,0)+IF(Input!$K$14=1,K266*Input!$J$14,0)+IF(Input!$K$15=1,L266*Input!$J$15,0)+IF(Input!$K$16=1,M266*Input!$J$16,0)</f>
        <v>1.9367782821953088</v>
      </c>
      <c r="O266" s="58">
        <f>IF(Input!$K$13=2,J266*Input!$J$13,0)+IF(Input!$K$14=2,K266*Input!$J$14,0)+IF(Input!$K$15=2,L266*Input!$J$15,0)+IF(Input!$K$16=2,M266*Input!$J$16,0)</f>
        <v>8.7218936274629733E-2</v>
      </c>
      <c r="P266" s="58">
        <f>IF(Input!$K$13=3,J266*Input!$J$13,0)+IF(Input!$K$14=3,K266*Input!$J$14,0)+IF(Input!$K$15=3,L266*Input!$J$15,0)+IF(Input!$K$16=3,M266*Input!$J$16,0)</f>
        <v>0</v>
      </c>
      <c r="Q266" s="71">
        <f>IF(Input!$K$13=4,J266*Input!$J$13,0)+IF(Input!$K$14=4,K266*Input!$J$14,0)+IF(Input!$K$15=4,L266*Input!$J$15,0)+IF(Input!$K$16=4,M266*Input!$J$16,0)</f>
        <v>0</v>
      </c>
    </row>
    <row r="267" spans="2:17" x14ac:dyDescent="0.25">
      <c r="B267" s="43">
        <v>260</v>
      </c>
      <c r="C267" s="55">
        <f>Jesper!AM261</f>
        <v>4.4307340798867667</v>
      </c>
      <c r="D267" s="58">
        <f>Jesper!AN261</f>
        <v>97.313250829737072</v>
      </c>
      <c r="E267" s="58">
        <f>Jesper!AO261</f>
        <v>5.2200723775441427</v>
      </c>
      <c r="F267" s="58">
        <f>Jesper!AP261</f>
        <v>2.6100361887720713</v>
      </c>
      <c r="G267" s="57">
        <f>Jesper!AQ261</f>
        <v>0</v>
      </c>
      <c r="H267" s="43">
        <v>260</v>
      </c>
      <c r="I267" s="55">
        <f>Bühler!I293</f>
        <v>3.8748716275068165</v>
      </c>
      <c r="J267" s="58">
        <f>Bühler!J293</f>
        <v>16.13981901829424</v>
      </c>
      <c r="K267" s="58">
        <f>Bühler!K293</f>
        <v>0.64606619462688697</v>
      </c>
      <c r="L267" s="58">
        <f>Bühler!L293</f>
        <v>0.32303309731344348</v>
      </c>
      <c r="M267" s="57">
        <f>Bühler!M293</f>
        <v>0</v>
      </c>
      <c r="N267" s="55">
        <f>IF(Input!$K$13=1,J267*Input!$J$13,0)+IF(Input!$K$14=1,K267*Input!$J$14,0)+IF(Input!$K$15=1,L267*Input!$J$15,0)+IF(Input!$K$16=1,M267*Input!$J$16,0)</f>
        <v>1.9367782821953088</v>
      </c>
      <c r="O267" s="58">
        <f>IF(Input!$K$13=2,J267*Input!$J$13,0)+IF(Input!$K$14=2,K267*Input!$J$14,0)+IF(Input!$K$15=2,L267*Input!$J$15,0)+IF(Input!$K$16=2,M267*Input!$J$16,0)</f>
        <v>8.7218936274629733E-2</v>
      </c>
      <c r="P267" s="58">
        <f>IF(Input!$K$13=3,J267*Input!$J$13,0)+IF(Input!$K$14=3,K267*Input!$J$14,0)+IF(Input!$K$15=3,L267*Input!$J$15,0)+IF(Input!$K$16=3,M267*Input!$J$16,0)</f>
        <v>0</v>
      </c>
      <c r="Q267" s="71">
        <f>IF(Input!$K$13=4,J267*Input!$J$13,0)+IF(Input!$K$14=4,K267*Input!$J$14,0)+IF(Input!$K$15=4,L267*Input!$J$15,0)+IF(Input!$K$16=4,M267*Input!$J$16,0)</f>
        <v>0</v>
      </c>
    </row>
    <row r="268" spans="2:17" x14ac:dyDescent="0.25">
      <c r="B268" s="43">
        <v>261</v>
      </c>
      <c r="C268" s="55">
        <f>Jesper!AM262</f>
        <v>2.7997174350361389</v>
      </c>
      <c r="D268" s="58">
        <f>Jesper!AN262</f>
        <v>434.32780213450485</v>
      </c>
      <c r="E268" s="58">
        <f>Jesper!AO262</f>
        <v>36.715904637466537</v>
      </c>
      <c r="F268" s="58">
        <f>Jesper!AP262</f>
        <v>18.357952318733268</v>
      </c>
      <c r="G268" s="57">
        <f>Jesper!AQ262</f>
        <v>0</v>
      </c>
      <c r="H268" s="43">
        <v>261</v>
      </c>
      <c r="I268" s="55">
        <f>Bühler!I294</f>
        <v>3.8748716275068165</v>
      </c>
      <c r="J268" s="58">
        <f>Bühler!J294</f>
        <v>16.13981901829424</v>
      </c>
      <c r="K268" s="58">
        <f>Bühler!K294</f>
        <v>0.64606619462688697</v>
      </c>
      <c r="L268" s="58">
        <f>Bühler!L294</f>
        <v>0.32303309731344348</v>
      </c>
      <c r="M268" s="57">
        <f>Bühler!M294</f>
        <v>0</v>
      </c>
      <c r="N268" s="55">
        <f>IF(Input!$K$13=1,J268*Input!$J$13,0)+IF(Input!$K$14=1,K268*Input!$J$14,0)+IF(Input!$K$15=1,L268*Input!$J$15,0)+IF(Input!$K$16=1,M268*Input!$J$16,0)</f>
        <v>1.9367782821953088</v>
      </c>
      <c r="O268" s="58">
        <f>IF(Input!$K$13=2,J268*Input!$J$13,0)+IF(Input!$K$14=2,K268*Input!$J$14,0)+IF(Input!$K$15=2,L268*Input!$J$15,0)+IF(Input!$K$16=2,M268*Input!$J$16,0)</f>
        <v>8.7218936274629733E-2</v>
      </c>
      <c r="P268" s="58">
        <f>IF(Input!$K$13=3,J268*Input!$J$13,0)+IF(Input!$K$14=3,K268*Input!$J$14,0)+IF(Input!$K$15=3,L268*Input!$J$15,0)+IF(Input!$K$16=3,M268*Input!$J$16,0)</f>
        <v>0</v>
      </c>
      <c r="Q268" s="71">
        <f>IF(Input!$K$13=4,J268*Input!$J$13,0)+IF(Input!$K$14=4,K268*Input!$J$14,0)+IF(Input!$K$15=4,L268*Input!$J$15,0)+IF(Input!$K$16=4,M268*Input!$J$16,0)</f>
        <v>0</v>
      </c>
    </row>
    <row r="269" spans="2:17" x14ac:dyDescent="0.25">
      <c r="B269" s="43">
        <v>262</v>
      </c>
      <c r="C269" s="55">
        <f>Jesper!AM263</f>
        <v>7.2861427434740262</v>
      </c>
      <c r="D269" s="58">
        <f>Jesper!AN263</f>
        <v>451.7373344949973</v>
      </c>
      <c r="E269" s="58">
        <f>Jesper!AO263</f>
        <v>37.209972172255775</v>
      </c>
      <c r="F269" s="58">
        <f>Jesper!AP263</f>
        <v>18.604986086127887</v>
      </c>
      <c r="G269" s="57">
        <f>Jesper!AQ263</f>
        <v>0</v>
      </c>
      <c r="H269" s="43">
        <v>262</v>
      </c>
      <c r="I269" s="55">
        <f>Bühler!I295</f>
        <v>3.8748716275068165</v>
      </c>
      <c r="J269" s="58">
        <f>Bühler!J295</f>
        <v>16.13981901829424</v>
      </c>
      <c r="K269" s="58">
        <f>Bühler!K295</f>
        <v>0.64606619462688697</v>
      </c>
      <c r="L269" s="58">
        <f>Bühler!L295</f>
        <v>0.32303309731344348</v>
      </c>
      <c r="M269" s="57">
        <f>Bühler!M295</f>
        <v>0</v>
      </c>
      <c r="N269" s="55">
        <f>IF(Input!$K$13=1,J269*Input!$J$13,0)+IF(Input!$K$14=1,K269*Input!$J$14,0)+IF(Input!$K$15=1,L269*Input!$J$15,0)+IF(Input!$K$16=1,M269*Input!$J$16,0)</f>
        <v>1.9367782821953088</v>
      </c>
      <c r="O269" s="58">
        <f>IF(Input!$K$13=2,J269*Input!$J$13,0)+IF(Input!$K$14=2,K269*Input!$J$14,0)+IF(Input!$K$15=2,L269*Input!$J$15,0)+IF(Input!$K$16=2,M269*Input!$J$16,0)</f>
        <v>8.7218936274629733E-2</v>
      </c>
      <c r="P269" s="58">
        <f>IF(Input!$K$13=3,J269*Input!$J$13,0)+IF(Input!$K$14=3,K269*Input!$J$14,0)+IF(Input!$K$15=3,L269*Input!$J$15,0)+IF(Input!$K$16=3,M269*Input!$J$16,0)</f>
        <v>0</v>
      </c>
      <c r="Q269" s="71">
        <f>IF(Input!$K$13=4,J269*Input!$J$13,0)+IF(Input!$K$14=4,K269*Input!$J$14,0)+IF(Input!$K$15=4,L269*Input!$J$15,0)+IF(Input!$K$16=4,M269*Input!$J$16,0)</f>
        <v>0</v>
      </c>
    </row>
    <row r="270" spans="2:17" x14ac:dyDescent="0.25">
      <c r="B270" s="43">
        <v>263</v>
      </c>
      <c r="C270" s="55">
        <f>Jesper!AM264</f>
        <v>6.4944206302202838</v>
      </c>
      <c r="D270" s="58">
        <f>Jesper!AN264</f>
        <v>448.6650640784398</v>
      </c>
      <c r="E270" s="58">
        <f>Jesper!AO264</f>
        <v>37.122783783763559</v>
      </c>
      <c r="F270" s="58">
        <f>Jesper!AP264</f>
        <v>18.56139189188178</v>
      </c>
      <c r="G270" s="57">
        <f>Jesper!AQ264</f>
        <v>0</v>
      </c>
      <c r="H270" s="43">
        <v>263</v>
      </c>
      <c r="I270" s="55">
        <f>Bühler!I296</f>
        <v>3.8748716275068165</v>
      </c>
      <c r="J270" s="58">
        <f>Bühler!J296</f>
        <v>16.13981901829424</v>
      </c>
      <c r="K270" s="58">
        <f>Bühler!K296</f>
        <v>0.64606619462688697</v>
      </c>
      <c r="L270" s="58">
        <f>Bühler!L296</f>
        <v>0.32303309731344348</v>
      </c>
      <c r="M270" s="57">
        <f>Bühler!M296</f>
        <v>0</v>
      </c>
      <c r="N270" s="55">
        <f>IF(Input!$K$13=1,J270*Input!$J$13,0)+IF(Input!$K$14=1,K270*Input!$J$14,0)+IF(Input!$K$15=1,L270*Input!$J$15,0)+IF(Input!$K$16=1,M270*Input!$J$16,0)</f>
        <v>1.9367782821953088</v>
      </c>
      <c r="O270" s="58">
        <f>IF(Input!$K$13=2,J270*Input!$J$13,0)+IF(Input!$K$14=2,K270*Input!$J$14,0)+IF(Input!$K$15=2,L270*Input!$J$15,0)+IF(Input!$K$16=2,M270*Input!$J$16,0)</f>
        <v>8.7218936274629733E-2</v>
      </c>
      <c r="P270" s="58">
        <f>IF(Input!$K$13=3,J270*Input!$J$13,0)+IF(Input!$K$14=3,K270*Input!$J$14,0)+IF(Input!$K$15=3,L270*Input!$J$15,0)+IF(Input!$K$16=3,M270*Input!$J$16,0)</f>
        <v>0</v>
      </c>
      <c r="Q270" s="71">
        <f>IF(Input!$K$13=4,J270*Input!$J$13,0)+IF(Input!$K$14=4,K270*Input!$J$14,0)+IF(Input!$K$15=4,L270*Input!$J$15,0)+IF(Input!$K$16=4,M270*Input!$J$16,0)</f>
        <v>0</v>
      </c>
    </row>
    <row r="271" spans="2:17" x14ac:dyDescent="0.25">
      <c r="B271" s="43">
        <v>264</v>
      </c>
      <c r="C271" s="55">
        <f>Jesper!AM265</f>
        <v>2.2719026928669797</v>
      </c>
      <c r="D271" s="58">
        <f>Jesper!AN265</f>
        <v>432.27962185679979</v>
      </c>
      <c r="E271" s="58">
        <f>Jesper!AO265</f>
        <v>36.657779045138398</v>
      </c>
      <c r="F271" s="58">
        <f>Jesper!AP265</f>
        <v>18.328889522569199</v>
      </c>
      <c r="G271" s="57">
        <f>Jesper!AQ265</f>
        <v>0</v>
      </c>
      <c r="H271" s="43">
        <v>264</v>
      </c>
      <c r="I271" s="55">
        <f>Bühler!I297</f>
        <v>3.8748716275068165</v>
      </c>
      <c r="J271" s="58">
        <f>Bühler!J297</f>
        <v>16.13981901829424</v>
      </c>
      <c r="K271" s="58">
        <f>Bühler!K297</f>
        <v>0.64606619462688697</v>
      </c>
      <c r="L271" s="58">
        <f>Bühler!L297</f>
        <v>0.32303309731344348</v>
      </c>
      <c r="M271" s="57">
        <f>Bühler!M297</f>
        <v>0</v>
      </c>
      <c r="N271" s="55">
        <f>IF(Input!$K$13=1,J271*Input!$J$13,0)+IF(Input!$K$14=1,K271*Input!$J$14,0)+IF(Input!$K$15=1,L271*Input!$J$15,0)+IF(Input!$K$16=1,M271*Input!$J$16,0)</f>
        <v>1.9367782821953088</v>
      </c>
      <c r="O271" s="58">
        <f>IF(Input!$K$13=2,J271*Input!$J$13,0)+IF(Input!$K$14=2,K271*Input!$J$14,0)+IF(Input!$K$15=2,L271*Input!$J$15,0)+IF(Input!$K$16=2,M271*Input!$J$16,0)</f>
        <v>8.7218936274629733E-2</v>
      </c>
      <c r="P271" s="58">
        <f>IF(Input!$K$13=3,J271*Input!$J$13,0)+IF(Input!$K$14=3,K271*Input!$J$14,0)+IF(Input!$K$15=3,L271*Input!$J$15,0)+IF(Input!$K$16=3,M271*Input!$J$16,0)</f>
        <v>0</v>
      </c>
      <c r="Q271" s="71">
        <f>IF(Input!$K$13=4,J271*Input!$J$13,0)+IF(Input!$K$14=4,K271*Input!$J$14,0)+IF(Input!$K$15=4,L271*Input!$J$15,0)+IF(Input!$K$16=4,M271*Input!$J$16,0)</f>
        <v>0</v>
      </c>
    </row>
    <row r="272" spans="2:17" x14ac:dyDescent="0.25">
      <c r="B272" s="43">
        <v>265</v>
      </c>
      <c r="C272" s="55">
        <f>Jesper!AM266</f>
        <v>4.3831616615436246</v>
      </c>
      <c r="D272" s="58">
        <f>Jesper!AN266</f>
        <v>440.4723429676198</v>
      </c>
      <c r="E272" s="58">
        <f>Jesper!AO266</f>
        <v>36.890281414450982</v>
      </c>
      <c r="F272" s="58">
        <f>Jesper!AP266</f>
        <v>18.445140707225491</v>
      </c>
      <c r="G272" s="57">
        <f>Jesper!AQ266</f>
        <v>0</v>
      </c>
      <c r="H272" s="43">
        <v>265</v>
      </c>
      <c r="I272" s="55">
        <f>Bühler!I298</f>
        <v>1.8447004989391391</v>
      </c>
      <c r="J272" s="58">
        <f>Bühler!J298</f>
        <v>12.140175737783514</v>
      </c>
      <c r="K272" s="58">
        <f>Bühler!K298</f>
        <v>0.62501337769993004</v>
      </c>
      <c r="L272" s="58">
        <f>Bühler!L298</f>
        <v>0.31250668884996502</v>
      </c>
      <c r="M272" s="57">
        <f>Bühler!M298</f>
        <v>0</v>
      </c>
      <c r="N272" s="55">
        <f>IF(Input!$K$13=1,J272*Input!$J$13,0)+IF(Input!$K$14=1,K272*Input!$J$14,0)+IF(Input!$K$15=1,L272*Input!$J$15,0)+IF(Input!$K$16=1,M272*Input!$J$16,0)</f>
        <v>1.4568210885340216</v>
      </c>
      <c r="O272" s="58">
        <f>IF(Input!$K$13=2,J272*Input!$J$13,0)+IF(Input!$K$14=2,K272*Input!$J$14,0)+IF(Input!$K$15=2,L272*Input!$J$15,0)+IF(Input!$K$16=2,M272*Input!$J$16,0)</f>
        <v>8.4376805989490544E-2</v>
      </c>
      <c r="P272" s="58">
        <f>IF(Input!$K$13=3,J272*Input!$J$13,0)+IF(Input!$K$14=3,K272*Input!$J$14,0)+IF(Input!$K$15=3,L272*Input!$J$15,0)+IF(Input!$K$16=3,M272*Input!$J$16,0)</f>
        <v>0</v>
      </c>
      <c r="Q272" s="71">
        <f>IF(Input!$K$13=4,J272*Input!$J$13,0)+IF(Input!$K$14=4,K272*Input!$J$14,0)+IF(Input!$K$15=4,L272*Input!$J$15,0)+IF(Input!$K$16=4,M272*Input!$J$16,0)</f>
        <v>0</v>
      </c>
    </row>
    <row r="273" spans="2:17" x14ac:dyDescent="0.25">
      <c r="B273" s="43">
        <v>266</v>
      </c>
      <c r="C273" s="55">
        <f>Jesper!AM267</f>
        <v>11.197975625739632</v>
      </c>
      <c r="D273" s="58">
        <f>Jesper!AN267</f>
        <v>112.81656469302322</v>
      </c>
      <c r="E273" s="58">
        <f>Jesper!AO267</f>
        <v>5.3004287370881897</v>
      </c>
      <c r="F273" s="58">
        <f>Jesper!AP267</f>
        <v>2.6502143685440949</v>
      </c>
      <c r="G273" s="57">
        <f>Jesper!AQ267</f>
        <v>0</v>
      </c>
      <c r="H273" s="43">
        <v>266</v>
      </c>
      <c r="I273" s="55">
        <f>Bühler!I299</f>
        <v>1.8447004989391391</v>
      </c>
      <c r="J273" s="58">
        <f>Bühler!J299</f>
        <v>12.140175737783514</v>
      </c>
      <c r="K273" s="58">
        <f>Bühler!K299</f>
        <v>0.62501337769993004</v>
      </c>
      <c r="L273" s="58">
        <f>Bühler!L299</f>
        <v>0.31250668884996502</v>
      </c>
      <c r="M273" s="57">
        <f>Bühler!M299</f>
        <v>0</v>
      </c>
      <c r="N273" s="55">
        <f>IF(Input!$K$13=1,J273*Input!$J$13,0)+IF(Input!$K$14=1,K273*Input!$J$14,0)+IF(Input!$K$15=1,L273*Input!$J$15,0)+IF(Input!$K$16=1,M273*Input!$J$16,0)</f>
        <v>1.4568210885340216</v>
      </c>
      <c r="O273" s="58">
        <f>IF(Input!$K$13=2,J273*Input!$J$13,0)+IF(Input!$K$14=2,K273*Input!$J$14,0)+IF(Input!$K$15=2,L273*Input!$J$15,0)+IF(Input!$K$16=2,M273*Input!$J$16,0)</f>
        <v>8.4376805989490544E-2</v>
      </c>
      <c r="P273" s="58">
        <f>IF(Input!$K$13=3,J273*Input!$J$13,0)+IF(Input!$K$14=3,K273*Input!$J$14,0)+IF(Input!$K$15=3,L273*Input!$J$15,0)+IF(Input!$K$16=3,M273*Input!$J$16,0)</f>
        <v>0</v>
      </c>
      <c r="Q273" s="71">
        <f>IF(Input!$K$13=4,J273*Input!$J$13,0)+IF(Input!$K$14=4,K273*Input!$J$14,0)+IF(Input!$K$15=4,L273*Input!$J$15,0)+IF(Input!$K$16=4,M273*Input!$J$16,0)</f>
        <v>0</v>
      </c>
    </row>
    <row r="274" spans="2:17" x14ac:dyDescent="0.25">
      <c r="B274" s="43">
        <v>267</v>
      </c>
      <c r="C274" s="55">
        <f>Jesper!AM268</f>
        <v>13.90487224408078</v>
      </c>
      <c r="D274" s="58">
        <f>Jesper!AN268</f>
        <v>121.95424487073795</v>
      </c>
      <c r="E274" s="58">
        <f>Jesper!AO268</f>
        <v>5.4771202191388308</v>
      </c>
      <c r="F274" s="58">
        <f>Jesper!AP268</f>
        <v>2.7385601095694154</v>
      </c>
      <c r="G274" s="57">
        <f>Jesper!AQ268</f>
        <v>0</v>
      </c>
      <c r="H274" s="43">
        <v>267</v>
      </c>
      <c r="I274" s="55">
        <f>Bühler!I300</f>
        <v>1.8447004989391391</v>
      </c>
      <c r="J274" s="58">
        <f>Bühler!J300</f>
        <v>12.140175737783514</v>
      </c>
      <c r="K274" s="58">
        <f>Bühler!K300</f>
        <v>0.62501337769993004</v>
      </c>
      <c r="L274" s="58">
        <f>Bühler!L300</f>
        <v>0.31250668884996502</v>
      </c>
      <c r="M274" s="57">
        <f>Bühler!M300</f>
        <v>0</v>
      </c>
      <c r="N274" s="55">
        <f>IF(Input!$K$13=1,J274*Input!$J$13,0)+IF(Input!$K$14=1,K274*Input!$J$14,0)+IF(Input!$K$15=1,L274*Input!$J$15,0)+IF(Input!$K$16=1,M274*Input!$J$16,0)</f>
        <v>1.4568210885340216</v>
      </c>
      <c r="O274" s="58">
        <f>IF(Input!$K$13=2,J274*Input!$J$13,0)+IF(Input!$K$14=2,K274*Input!$J$14,0)+IF(Input!$K$15=2,L274*Input!$J$15,0)+IF(Input!$K$16=2,M274*Input!$J$16,0)</f>
        <v>8.4376805989490544E-2</v>
      </c>
      <c r="P274" s="58">
        <f>IF(Input!$K$13=3,J274*Input!$J$13,0)+IF(Input!$K$14=3,K274*Input!$J$14,0)+IF(Input!$K$15=3,L274*Input!$J$15,0)+IF(Input!$K$16=3,M274*Input!$J$16,0)</f>
        <v>0</v>
      </c>
      <c r="Q274" s="71">
        <f>IF(Input!$K$13=4,J274*Input!$J$13,0)+IF(Input!$K$14=4,K274*Input!$J$14,0)+IF(Input!$K$15=4,L274*Input!$J$15,0)+IF(Input!$K$16=4,M274*Input!$J$16,0)</f>
        <v>0</v>
      </c>
    </row>
    <row r="275" spans="2:17" x14ac:dyDescent="0.25">
      <c r="B275" s="43">
        <v>268</v>
      </c>
      <c r="C275" s="55">
        <f>Jesper!AM269</f>
        <v>15.467271247096056</v>
      </c>
      <c r="D275" s="58">
        <f>Jesper!AN269</f>
        <v>483.48412879942492</v>
      </c>
      <c r="E275" s="58">
        <f>Jesper!AO269</f>
        <v>38.110918853342042</v>
      </c>
      <c r="F275" s="58">
        <f>Jesper!AP269</f>
        <v>19.055459426671021</v>
      </c>
      <c r="G275" s="57">
        <f>Jesper!AQ269</f>
        <v>0</v>
      </c>
      <c r="H275" s="43">
        <v>268</v>
      </c>
      <c r="I275" s="55">
        <f>Bühler!I301</f>
        <v>1.8447004989391391</v>
      </c>
      <c r="J275" s="58">
        <f>Bühler!J301</f>
        <v>12.140175737783514</v>
      </c>
      <c r="K275" s="58">
        <f>Bühler!K301</f>
        <v>0.62501337769993004</v>
      </c>
      <c r="L275" s="58">
        <f>Bühler!L301</f>
        <v>0.31250668884996502</v>
      </c>
      <c r="M275" s="57">
        <f>Bühler!M301</f>
        <v>0</v>
      </c>
      <c r="N275" s="55">
        <f>IF(Input!$K$13=1,J275*Input!$J$13,0)+IF(Input!$K$14=1,K275*Input!$J$14,0)+IF(Input!$K$15=1,L275*Input!$J$15,0)+IF(Input!$K$16=1,M275*Input!$J$16,0)</f>
        <v>1.4568210885340216</v>
      </c>
      <c r="O275" s="58">
        <f>IF(Input!$K$13=2,J275*Input!$J$13,0)+IF(Input!$K$14=2,K275*Input!$J$14,0)+IF(Input!$K$15=2,L275*Input!$J$15,0)+IF(Input!$K$16=2,M275*Input!$J$16,0)</f>
        <v>8.4376805989490544E-2</v>
      </c>
      <c r="P275" s="58">
        <f>IF(Input!$K$13=3,J275*Input!$J$13,0)+IF(Input!$K$14=3,K275*Input!$J$14,0)+IF(Input!$K$15=3,L275*Input!$J$15,0)+IF(Input!$K$16=3,M275*Input!$J$16,0)</f>
        <v>0</v>
      </c>
      <c r="Q275" s="71">
        <f>IF(Input!$K$13=4,J275*Input!$J$13,0)+IF(Input!$K$14=4,K275*Input!$J$14,0)+IF(Input!$K$15=4,L275*Input!$J$15,0)+IF(Input!$K$16=4,M275*Input!$J$16,0)</f>
        <v>0</v>
      </c>
    </row>
    <row r="276" spans="2:17" x14ac:dyDescent="0.25">
      <c r="B276" s="43">
        <v>269</v>
      </c>
      <c r="C276" s="55">
        <f>Jesper!AM270</f>
        <v>8.0778648567277767</v>
      </c>
      <c r="D276" s="58">
        <f>Jesper!AN270</f>
        <v>454.8096049115548</v>
      </c>
      <c r="E276" s="58">
        <f>Jesper!AO270</f>
        <v>37.297160560747997</v>
      </c>
      <c r="F276" s="58">
        <f>Jesper!AP270</f>
        <v>18.648580280373999</v>
      </c>
      <c r="G276" s="57">
        <f>Jesper!AQ270</f>
        <v>0</v>
      </c>
      <c r="H276" s="43">
        <v>269</v>
      </c>
      <c r="I276" s="55">
        <f>Bühler!I302</f>
        <v>1.8447004989391391</v>
      </c>
      <c r="J276" s="58">
        <f>Bühler!J302</f>
        <v>12.140175737783514</v>
      </c>
      <c r="K276" s="58">
        <f>Bühler!K302</f>
        <v>0.62501337769993004</v>
      </c>
      <c r="L276" s="58">
        <f>Bühler!L302</f>
        <v>0.31250668884996502</v>
      </c>
      <c r="M276" s="57">
        <f>Bühler!M302</f>
        <v>0</v>
      </c>
      <c r="N276" s="55">
        <f>IF(Input!$K$13=1,J276*Input!$J$13,0)+IF(Input!$K$14=1,K276*Input!$J$14,0)+IF(Input!$K$15=1,L276*Input!$J$15,0)+IF(Input!$K$16=1,M276*Input!$J$16,0)</f>
        <v>1.4568210885340216</v>
      </c>
      <c r="O276" s="58">
        <f>IF(Input!$K$13=2,J276*Input!$J$13,0)+IF(Input!$K$14=2,K276*Input!$J$14,0)+IF(Input!$K$15=2,L276*Input!$J$15,0)+IF(Input!$K$16=2,M276*Input!$J$16,0)</f>
        <v>8.4376805989490544E-2</v>
      </c>
      <c r="P276" s="58">
        <f>IF(Input!$K$13=3,J276*Input!$J$13,0)+IF(Input!$K$14=3,K276*Input!$J$14,0)+IF(Input!$K$15=3,L276*Input!$J$15,0)+IF(Input!$K$16=3,M276*Input!$J$16,0)</f>
        <v>0</v>
      </c>
      <c r="Q276" s="71">
        <f>IF(Input!$K$13=4,J276*Input!$J$13,0)+IF(Input!$K$14=4,K276*Input!$J$14,0)+IF(Input!$K$15=4,L276*Input!$J$15,0)+IF(Input!$K$16=4,M276*Input!$J$16,0)</f>
        <v>0</v>
      </c>
    </row>
    <row r="277" spans="2:17" x14ac:dyDescent="0.25">
      <c r="B277" s="43">
        <v>270</v>
      </c>
      <c r="C277" s="55">
        <f>Jesper!AM271</f>
        <v>5.4387911458819573</v>
      </c>
      <c r="D277" s="58">
        <f>Jesper!AN271</f>
        <v>444.56870352302985</v>
      </c>
      <c r="E277" s="58">
        <f>Jesper!AO271</f>
        <v>37.006532599107267</v>
      </c>
      <c r="F277" s="58">
        <f>Jesper!AP271</f>
        <v>18.503266299553633</v>
      </c>
      <c r="G277" s="57">
        <f>Jesper!AQ271</f>
        <v>0</v>
      </c>
      <c r="H277" s="43">
        <v>270</v>
      </c>
      <c r="I277" s="55">
        <f>Bühler!I303</f>
        <v>1.8447004989391391</v>
      </c>
      <c r="J277" s="58">
        <f>Bühler!J303</f>
        <v>12.140175737783514</v>
      </c>
      <c r="K277" s="58">
        <f>Bühler!K303</f>
        <v>0.62501337769993004</v>
      </c>
      <c r="L277" s="58">
        <f>Bühler!L303</f>
        <v>0.31250668884996502</v>
      </c>
      <c r="M277" s="57">
        <f>Bühler!M303</f>
        <v>0</v>
      </c>
      <c r="N277" s="55">
        <f>IF(Input!$K$13=1,J277*Input!$J$13,0)+IF(Input!$K$14=1,K277*Input!$J$14,0)+IF(Input!$K$15=1,L277*Input!$J$15,0)+IF(Input!$K$16=1,M277*Input!$J$16,0)</f>
        <v>1.4568210885340216</v>
      </c>
      <c r="O277" s="58">
        <f>IF(Input!$K$13=2,J277*Input!$J$13,0)+IF(Input!$K$14=2,K277*Input!$J$14,0)+IF(Input!$K$15=2,L277*Input!$J$15,0)+IF(Input!$K$16=2,M277*Input!$J$16,0)</f>
        <v>8.4376805989490544E-2</v>
      </c>
      <c r="P277" s="58">
        <f>IF(Input!$K$13=3,J277*Input!$J$13,0)+IF(Input!$K$14=3,K277*Input!$J$14,0)+IF(Input!$K$15=3,L277*Input!$J$15,0)+IF(Input!$K$16=3,M277*Input!$J$16,0)</f>
        <v>0</v>
      </c>
      <c r="Q277" s="71">
        <f>IF(Input!$K$13=4,J277*Input!$J$13,0)+IF(Input!$K$14=4,K277*Input!$J$14,0)+IF(Input!$K$15=4,L277*Input!$J$15,0)+IF(Input!$K$16=4,M277*Input!$J$16,0)</f>
        <v>0</v>
      </c>
    </row>
    <row r="278" spans="2:17" x14ac:dyDescent="0.25">
      <c r="B278" s="43">
        <v>271</v>
      </c>
      <c r="C278" s="55">
        <f>Jesper!AM272</f>
        <v>4.9109764037127981</v>
      </c>
      <c r="D278" s="58">
        <f>Jesper!AN272</f>
        <v>442.52052324532491</v>
      </c>
      <c r="E278" s="58">
        <f>Jesper!AO272</f>
        <v>36.948407006779128</v>
      </c>
      <c r="F278" s="58">
        <f>Jesper!AP272</f>
        <v>18.474203503389564</v>
      </c>
      <c r="G278" s="57">
        <f>Jesper!AQ272</f>
        <v>0</v>
      </c>
      <c r="H278" s="43">
        <v>271</v>
      </c>
      <c r="I278" s="55">
        <f>Bühler!I304</f>
        <v>1.8447004989391391</v>
      </c>
      <c r="J278" s="58">
        <f>Bühler!J304</f>
        <v>12.140175737783514</v>
      </c>
      <c r="K278" s="58">
        <f>Bühler!K304</f>
        <v>0.62501337769993004</v>
      </c>
      <c r="L278" s="58">
        <f>Bühler!L304</f>
        <v>0.31250668884996502</v>
      </c>
      <c r="M278" s="57">
        <f>Bühler!M304</f>
        <v>0</v>
      </c>
      <c r="N278" s="55">
        <f>IF(Input!$K$13=1,J278*Input!$J$13,0)+IF(Input!$K$14=1,K278*Input!$J$14,0)+IF(Input!$K$15=1,L278*Input!$J$15,0)+IF(Input!$K$16=1,M278*Input!$J$16,0)</f>
        <v>1.4568210885340216</v>
      </c>
      <c r="O278" s="58">
        <f>IF(Input!$K$13=2,J278*Input!$J$13,0)+IF(Input!$K$14=2,K278*Input!$J$14,0)+IF(Input!$K$15=2,L278*Input!$J$15,0)+IF(Input!$K$16=2,M278*Input!$J$16,0)</f>
        <v>8.4376805989490544E-2</v>
      </c>
      <c r="P278" s="58">
        <f>IF(Input!$K$13=3,J278*Input!$J$13,0)+IF(Input!$K$14=3,K278*Input!$J$14,0)+IF(Input!$K$15=3,L278*Input!$J$15,0)+IF(Input!$K$16=3,M278*Input!$J$16,0)</f>
        <v>0</v>
      </c>
      <c r="Q278" s="71">
        <f>IF(Input!$K$13=4,J278*Input!$J$13,0)+IF(Input!$K$14=4,K278*Input!$J$14,0)+IF(Input!$K$15=4,L278*Input!$J$15,0)+IF(Input!$K$16=4,M278*Input!$J$16,0)</f>
        <v>0</v>
      </c>
    </row>
    <row r="279" spans="2:17" x14ac:dyDescent="0.25">
      <c r="B279" s="43">
        <v>272</v>
      </c>
      <c r="C279" s="55">
        <f>Jesper!AM273</f>
        <v>7.8139574856431855</v>
      </c>
      <c r="D279" s="58">
        <f>Jesper!AN273</f>
        <v>453.78551477270236</v>
      </c>
      <c r="E279" s="58">
        <f>Jesper!AO273</f>
        <v>37.268097764583928</v>
      </c>
      <c r="F279" s="58">
        <f>Jesper!AP273</f>
        <v>18.634048882291964</v>
      </c>
      <c r="G279" s="57">
        <f>Jesper!AQ273</f>
        <v>0</v>
      </c>
      <c r="H279" s="43">
        <v>272</v>
      </c>
      <c r="I279" s="55">
        <f>Bühler!I305</f>
        <v>5.0821498745773273</v>
      </c>
      <c r="J279" s="58">
        <f>Bühler!J305</f>
        <v>46.963907867495095</v>
      </c>
      <c r="K279" s="58">
        <f>Bühler!K305</f>
        <v>2.5549789288400166</v>
      </c>
      <c r="L279" s="58">
        <f>Bühler!L305</f>
        <v>1.2774894644200083</v>
      </c>
      <c r="M279" s="57">
        <f>Bühler!M305</f>
        <v>0</v>
      </c>
      <c r="N279" s="55">
        <f>IF(Input!$K$13=1,J279*Input!$J$13,0)+IF(Input!$K$14=1,K279*Input!$J$14,0)+IF(Input!$K$15=1,L279*Input!$J$15,0)+IF(Input!$K$16=1,M279*Input!$J$16,0)</f>
        <v>5.635668944099411</v>
      </c>
      <c r="O279" s="58">
        <f>IF(Input!$K$13=2,J279*Input!$J$13,0)+IF(Input!$K$14=2,K279*Input!$J$14,0)+IF(Input!$K$15=2,L279*Input!$J$15,0)+IF(Input!$K$16=2,M279*Input!$J$16,0)</f>
        <v>0.34492215539340221</v>
      </c>
      <c r="P279" s="58">
        <f>IF(Input!$K$13=3,J279*Input!$J$13,0)+IF(Input!$K$14=3,K279*Input!$J$14,0)+IF(Input!$K$15=3,L279*Input!$J$15,0)+IF(Input!$K$16=3,M279*Input!$J$16,0)</f>
        <v>0</v>
      </c>
      <c r="Q279" s="71">
        <f>IF(Input!$K$13=4,J279*Input!$J$13,0)+IF(Input!$K$14=4,K279*Input!$J$14,0)+IF(Input!$K$15=4,L279*Input!$J$15,0)+IF(Input!$K$16=4,M279*Input!$J$16,0)</f>
        <v>0</v>
      </c>
    </row>
    <row r="280" spans="2:17" x14ac:dyDescent="0.25">
      <c r="B280" s="43">
        <v>273</v>
      </c>
      <c r="C280" s="55">
        <f>Jesper!AM274</f>
        <v>8.1903127164716931</v>
      </c>
      <c r="D280" s="58">
        <f>Jesper!AN274</f>
        <v>105.92620297600716</v>
      </c>
      <c r="E280" s="58">
        <f>Jesper!AO274</f>
        <v>5.2647147995130581</v>
      </c>
      <c r="F280" s="58">
        <f>Jesper!AP274</f>
        <v>2.632357399756529</v>
      </c>
      <c r="G280" s="57">
        <f>Jesper!AQ274</f>
        <v>0</v>
      </c>
      <c r="H280" s="43">
        <v>273</v>
      </c>
      <c r="I280" s="55">
        <f>Bühler!I306</f>
        <v>5.6706093337389136</v>
      </c>
      <c r="J280" s="58">
        <f>Bühler!J306</f>
        <v>52.401834041626103</v>
      </c>
      <c r="K280" s="58">
        <f>Bühler!K306</f>
        <v>2.8508185942846502</v>
      </c>
      <c r="L280" s="58">
        <f>Bühler!L306</f>
        <v>1.4254092971423251</v>
      </c>
      <c r="M280" s="57">
        <f>Bühler!M306</f>
        <v>0</v>
      </c>
      <c r="N280" s="55">
        <f>IF(Input!$K$13=1,J280*Input!$J$13,0)+IF(Input!$K$14=1,K280*Input!$J$14,0)+IF(Input!$K$15=1,L280*Input!$J$15,0)+IF(Input!$K$16=1,M280*Input!$J$16,0)</f>
        <v>6.2882200849951317</v>
      </c>
      <c r="O280" s="58">
        <f>IF(Input!$K$13=2,J280*Input!$J$13,0)+IF(Input!$K$14=2,K280*Input!$J$14,0)+IF(Input!$K$15=2,L280*Input!$J$15,0)+IF(Input!$K$16=2,M280*Input!$J$16,0)</f>
        <v>0.38486051022842777</v>
      </c>
      <c r="P280" s="58">
        <f>IF(Input!$K$13=3,J280*Input!$J$13,0)+IF(Input!$K$14=3,K280*Input!$J$14,0)+IF(Input!$K$15=3,L280*Input!$J$15,0)+IF(Input!$K$16=3,M280*Input!$J$16,0)</f>
        <v>0</v>
      </c>
      <c r="Q280" s="71">
        <f>IF(Input!$K$13=4,J280*Input!$J$13,0)+IF(Input!$K$14=4,K280*Input!$J$14,0)+IF(Input!$K$15=4,L280*Input!$J$15,0)+IF(Input!$K$16=4,M280*Input!$J$16,0)</f>
        <v>0</v>
      </c>
    </row>
    <row r="281" spans="2:17" x14ac:dyDescent="0.25">
      <c r="B281" s="43">
        <v>274</v>
      </c>
      <c r="C281" s="55">
        <f>Jesper!AM275</f>
        <v>9.2429947347154702</v>
      </c>
      <c r="D281" s="58">
        <f>Jesper!AN275</f>
        <v>108.33782957696276</v>
      </c>
      <c r="E281" s="58">
        <f>Jesper!AO275</f>
        <v>5.2772146776643538</v>
      </c>
      <c r="F281" s="58">
        <f>Jesper!AP275</f>
        <v>2.6386073388321769</v>
      </c>
      <c r="G281" s="57">
        <f>Jesper!AQ275</f>
        <v>0</v>
      </c>
      <c r="H281" s="43">
        <v>274</v>
      </c>
      <c r="I281" s="55">
        <f>Bühler!I307</f>
        <v>6.2590687929004982</v>
      </c>
      <c r="J281" s="58">
        <f>Bühler!J307</f>
        <v>57.83976021575711</v>
      </c>
      <c r="K281" s="58">
        <f>Bühler!K307</f>
        <v>3.1466582597292843</v>
      </c>
      <c r="L281" s="58">
        <f>Bühler!L307</f>
        <v>1.5733291298646421</v>
      </c>
      <c r="M281" s="57">
        <f>Bühler!M307</f>
        <v>0</v>
      </c>
      <c r="N281" s="55">
        <f>IF(Input!$K$13=1,J281*Input!$J$13,0)+IF(Input!$K$14=1,K281*Input!$J$14,0)+IF(Input!$K$15=1,L281*Input!$J$15,0)+IF(Input!$K$16=1,M281*Input!$J$16,0)</f>
        <v>6.9407712258908534</v>
      </c>
      <c r="O281" s="58">
        <f>IF(Input!$K$13=2,J281*Input!$J$13,0)+IF(Input!$K$14=2,K281*Input!$J$14,0)+IF(Input!$K$15=2,L281*Input!$J$15,0)+IF(Input!$K$16=2,M281*Input!$J$16,0)</f>
        <v>0.42479886506345332</v>
      </c>
      <c r="P281" s="58">
        <f>IF(Input!$K$13=3,J281*Input!$J$13,0)+IF(Input!$K$14=3,K281*Input!$J$14,0)+IF(Input!$K$15=3,L281*Input!$J$15,0)+IF(Input!$K$16=3,M281*Input!$J$16,0)</f>
        <v>0</v>
      </c>
      <c r="Q281" s="71">
        <f>IF(Input!$K$13=4,J281*Input!$J$13,0)+IF(Input!$K$14=4,K281*Input!$J$14,0)+IF(Input!$K$15=4,L281*Input!$J$15,0)+IF(Input!$K$16=4,M281*Input!$J$16,0)</f>
        <v>0</v>
      </c>
    </row>
    <row r="282" spans="2:17" x14ac:dyDescent="0.25">
      <c r="B282" s="43">
        <v>275</v>
      </c>
      <c r="C282" s="55">
        <f>Jesper!AM276</f>
        <v>9.1334943410660951</v>
      </c>
      <c r="D282" s="58">
        <f>Jesper!AN276</f>
        <v>458.9059654669648</v>
      </c>
      <c r="E282" s="58">
        <f>Jesper!AO276</f>
        <v>37.413411745404282</v>
      </c>
      <c r="F282" s="58">
        <f>Jesper!AP276</f>
        <v>18.706705872702141</v>
      </c>
      <c r="G282" s="57">
        <f>Jesper!AQ276</f>
        <v>0</v>
      </c>
      <c r="H282" s="43">
        <v>275</v>
      </c>
      <c r="I282" s="55">
        <f>Bühler!I308</f>
        <v>6.2590687929004982</v>
      </c>
      <c r="J282" s="58">
        <f>Bühler!J308</f>
        <v>57.83976021575711</v>
      </c>
      <c r="K282" s="58">
        <f>Bühler!K308</f>
        <v>3.1466582597292843</v>
      </c>
      <c r="L282" s="58">
        <f>Bühler!L308</f>
        <v>1.5733291298646421</v>
      </c>
      <c r="M282" s="57">
        <f>Bühler!M308</f>
        <v>0</v>
      </c>
      <c r="N282" s="55">
        <f>IF(Input!$K$13=1,J282*Input!$J$13,0)+IF(Input!$K$14=1,K282*Input!$J$14,0)+IF(Input!$K$15=1,L282*Input!$J$15,0)+IF(Input!$K$16=1,M282*Input!$J$16,0)</f>
        <v>6.9407712258908534</v>
      </c>
      <c r="O282" s="58">
        <f>IF(Input!$K$13=2,J282*Input!$J$13,0)+IF(Input!$K$14=2,K282*Input!$J$14,0)+IF(Input!$K$15=2,L282*Input!$J$15,0)+IF(Input!$K$16=2,M282*Input!$J$16,0)</f>
        <v>0.42479886506345332</v>
      </c>
      <c r="P282" s="58">
        <f>IF(Input!$K$13=3,J282*Input!$J$13,0)+IF(Input!$K$14=3,K282*Input!$J$14,0)+IF(Input!$K$15=3,L282*Input!$J$15,0)+IF(Input!$K$16=3,M282*Input!$J$16,0)</f>
        <v>0</v>
      </c>
      <c r="Q282" s="71">
        <f>IF(Input!$K$13=4,J282*Input!$J$13,0)+IF(Input!$K$14=4,K282*Input!$J$14,0)+IF(Input!$K$15=4,L282*Input!$J$15,0)+IF(Input!$K$16=4,M282*Input!$J$16,0)</f>
        <v>0</v>
      </c>
    </row>
    <row r="283" spans="2:17" x14ac:dyDescent="0.25">
      <c r="B283" s="43">
        <v>276</v>
      </c>
      <c r="C283" s="55">
        <f>Jesper!AM277</f>
        <v>8.8695869699815191</v>
      </c>
      <c r="D283" s="58">
        <f>Jesper!AN277</f>
        <v>457.88187532811236</v>
      </c>
      <c r="E283" s="58">
        <f>Jesper!AO277</f>
        <v>37.38434894924022</v>
      </c>
      <c r="F283" s="58">
        <f>Jesper!AP277</f>
        <v>18.69217447462011</v>
      </c>
      <c r="G283" s="57">
        <f>Jesper!AQ277</f>
        <v>0</v>
      </c>
      <c r="H283" s="43">
        <v>276</v>
      </c>
      <c r="I283" s="55">
        <f>Bühler!I309</f>
        <v>7.4894840256929038</v>
      </c>
      <c r="J283" s="58">
        <f>Bühler!J309</f>
        <v>69.209969488940132</v>
      </c>
      <c r="K283" s="58">
        <f>Bühler!K309</f>
        <v>3.7652321056589715</v>
      </c>
      <c r="L283" s="58">
        <f>Bühler!L309</f>
        <v>1.8826160528294857</v>
      </c>
      <c r="M283" s="57">
        <f>Bühler!M309</f>
        <v>0</v>
      </c>
      <c r="N283" s="55">
        <f>IF(Input!$K$13=1,J283*Input!$J$13,0)+IF(Input!$K$14=1,K283*Input!$J$14,0)+IF(Input!$K$15=1,L283*Input!$J$15,0)+IF(Input!$K$16=1,M283*Input!$J$16,0)</f>
        <v>8.3051963386728147</v>
      </c>
      <c r="O283" s="58">
        <f>IF(Input!$K$13=2,J283*Input!$J$13,0)+IF(Input!$K$14=2,K283*Input!$J$14,0)+IF(Input!$K$15=2,L283*Input!$J$15,0)+IF(Input!$K$16=2,M283*Input!$J$16,0)</f>
        <v>0.5083063342639611</v>
      </c>
      <c r="P283" s="58">
        <f>IF(Input!$K$13=3,J283*Input!$J$13,0)+IF(Input!$K$14=3,K283*Input!$J$14,0)+IF(Input!$K$15=3,L283*Input!$J$15,0)+IF(Input!$K$16=3,M283*Input!$J$16,0)</f>
        <v>0</v>
      </c>
      <c r="Q283" s="71">
        <f>IF(Input!$K$13=4,J283*Input!$J$13,0)+IF(Input!$K$14=4,K283*Input!$J$14,0)+IF(Input!$K$15=4,L283*Input!$J$15,0)+IF(Input!$K$16=4,M283*Input!$J$16,0)</f>
        <v>0</v>
      </c>
    </row>
    <row r="284" spans="2:17" x14ac:dyDescent="0.25">
      <c r="B284" s="43">
        <v>277</v>
      </c>
      <c r="C284" s="55">
        <f>Jesper!AM278</f>
        <v>10.189123825404428</v>
      </c>
      <c r="D284" s="58">
        <f>Jesper!AN278</f>
        <v>463.00232602237486</v>
      </c>
      <c r="E284" s="58">
        <f>Jesper!AO278</f>
        <v>37.529662930060582</v>
      </c>
      <c r="F284" s="58">
        <f>Jesper!AP278</f>
        <v>18.764831465030291</v>
      </c>
      <c r="G284" s="57">
        <f>Jesper!AQ278</f>
        <v>0</v>
      </c>
      <c r="H284" s="43">
        <v>277</v>
      </c>
      <c r="I284" s="55">
        <f>Bühler!I310</f>
        <v>7.4894840256929038</v>
      </c>
      <c r="J284" s="58">
        <f>Bühler!J310</f>
        <v>69.209969488940132</v>
      </c>
      <c r="K284" s="58">
        <f>Bühler!K310</f>
        <v>3.7652321056589715</v>
      </c>
      <c r="L284" s="58">
        <f>Bühler!L310</f>
        <v>1.8826160528294857</v>
      </c>
      <c r="M284" s="57">
        <f>Bühler!M310</f>
        <v>0</v>
      </c>
      <c r="N284" s="55">
        <f>IF(Input!$K$13=1,J284*Input!$J$13,0)+IF(Input!$K$14=1,K284*Input!$J$14,0)+IF(Input!$K$15=1,L284*Input!$J$15,0)+IF(Input!$K$16=1,M284*Input!$J$16,0)</f>
        <v>8.3051963386728147</v>
      </c>
      <c r="O284" s="58">
        <f>IF(Input!$K$13=2,J284*Input!$J$13,0)+IF(Input!$K$14=2,K284*Input!$J$14,0)+IF(Input!$K$15=2,L284*Input!$J$15,0)+IF(Input!$K$16=2,M284*Input!$J$16,0)</f>
        <v>0.5083063342639611</v>
      </c>
      <c r="P284" s="58">
        <f>IF(Input!$K$13=3,J284*Input!$J$13,0)+IF(Input!$K$14=3,K284*Input!$J$14,0)+IF(Input!$K$15=3,L284*Input!$J$15,0)+IF(Input!$K$16=3,M284*Input!$J$16,0)</f>
        <v>0</v>
      </c>
      <c r="Q284" s="71">
        <f>IF(Input!$K$13=4,J284*Input!$J$13,0)+IF(Input!$K$14=4,K284*Input!$J$14,0)+IF(Input!$K$15=4,L284*Input!$J$15,0)+IF(Input!$K$16=4,M284*Input!$J$16,0)</f>
        <v>0</v>
      </c>
    </row>
    <row r="285" spans="2:17" x14ac:dyDescent="0.25">
      <c r="B285" s="43">
        <v>278</v>
      </c>
      <c r="C285" s="55">
        <f>Jesper!AM279</f>
        <v>19.68978918444936</v>
      </c>
      <c r="D285" s="58">
        <f>Jesper!AN279</f>
        <v>510.35192343393709</v>
      </c>
      <c r="E285" s="58">
        <f>Jesper!AO279</f>
        <v>38.575923591967197</v>
      </c>
      <c r="F285" s="58">
        <f>Jesper!AP279</f>
        <v>19.287961795983598</v>
      </c>
      <c r="G285" s="57">
        <f>Jesper!AQ279</f>
        <v>0</v>
      </c>
      <c r="H285" s="43">
        <v>278</v>
      </c>
      <c r="I285" s="55">
        <f>Bühler!I311</f>
        <v>4.975157245638858</v>
      </c>
      <c r="J285" s="58">
        <f>Bühler!J311</f>
        <v>45.975194017653095</v>
      </c>
      <c r="K285" s="58">
        <f>Bühler!K311</f>
        <v>2.5011898987591743</v>
      </c>
      <c r="L285" s="58">
        <f>Bühler!L311</f>
        <v>1.2505949493795872</v>
      </c>
      <c r="M285" s="57">
        <f>Bühler!M311</f>
        <v>0</v>
      </c>
      <c r="N285" s="55">
        <f>IF(Input!$K$13=1,J285*Input!$J$13,0)+IF(Input!$K$14=1,K285*Input!$J$14,0)+IF(Input!$K$15=1,L285*Input!$J$15,0)+IF(Input!$K$16=1,M285*Input!$J$16,0)</f>
        <v>5.5170232821183713</v>
      </c>
      <c r="O285" s="58">
        <f>IF(Input!$K$13=2,J285*Input!$J$13,0)+IF(Input!$K$14=2,K285*Input!$J$14,0)+IF(Input!$K$15=2,L285*Input!$J$15,0)+IF(Input!$K$16=2,M285*Input!$J$16,0)</f>
        <v>0.3376606363324885</v>
      </c>
      <c r="P285" s="58">
        <f>IF(Input!$K$13=3,J285*Input!$J$13,0)+IF(Input!$K$14=3,K285*Input!$J$14,0)+IF(Input!$K$15=3,L285*Input!$J$15,0)+IF(Input!$K$16=3,M285*Input!$J$16,0)</f>
        <v>0</v>
      </c>
      <c r="Q285" s="71">
        <f>IF(Input!$K$13=4,J285*Input!$J$13,0)+IF(Input!$K$14=4,K285*Input!$J$14,0)+IF(Input!$K$15=4,L285*Input!$J$15,0)+IF(Input!$K$16=4,M285*Input!$J$16,0)</f>
        <v>0</v>
      </c>
    </row>
    <row r="286" spans="2:17" x14ac:dyDescent="0.25">
      <c r="B286" s="43">
        <v>279</v>
      </c>
      <c r="C286" s="55">
        <f>Jesper!AM280</f>
        <v>17.578530215772702</v>
      </c>
      <c r="D286" s="58">
        <f>Jesper!AN280</f>
        <v>491.67684991024481</v>
      </c>
      <c r="E286" s="58">
        <f>Jesper!AO280</f>
        <v>38.343421222654619</v>
      </c>
      <c r="F286" s="58">
        <f>Jesper!AP280</f>
        <v>19.17171061132731</v>
      </c>
      <c r="G286" s="57">
        <f>Jesper!AQ280</f>
        <v>0</v>
      </c>
      <c r="H286" s="43">
        <v>279</v>
      </c>
      <c r="I286" s="55">
        <f>Bühler!I312</f>
        <v>7.4894840256929038</v>
      </c>
      <c r="J286" s="58">
        <f>Bühler!J312</f>
        <v>69.209969488940132</v>
      </c>
      <c r="K286" s="58">
        <f>Bühler!K312</f>
        <v>3.7652321056589715</v>
      </c>
      <c r="L286" s="58">
        <f>Bühler!L312</f>
        <v>1.8826160528294857</v>
      </c>
      <c r="M286" s="57">
        <f>Bühler!M312</f>
        <v>0</v>
      </c>
      <c r="N286" s="55">
        <f>IF(Input!$K$13=1,J286*Input!$J$13,0)+IF(Input!$K$14=1,K286*Input!$J$14,0)+IF(Input!$K$15=1,L286*Input!$J$15,0)+IF(Input!$K$16=1,M286*Input!$J$16,0)</f>
        <v>8.3051963386728147</v>
      </c>
      <c r="O286" s="58">
        <f>IF(Input!$K$13=2,J286*Input!$J$13,0)+IF(Input!$K$14=2,K286*Input!$J$14,0)+IF(Input!$K$15=2,L286*Input!$J$15,0)+IF(Input!$K$16=2,M286*Input!$J$16,0)</f>
        <v>0.5083063342639611</v>
      </c>
      <c r="P286" s="58">
        <f>IF(Input!$K$13=3,J286*Input!$J$13,0)+IF(Input!$K$14=3,K286*Input!$J$14,0)+IF(Input!$K$15=3,L286*Input!$J$15,0)+IF(Input!$K$16=3,M286*Input!$J$16,0)</f>
        <v>0</v>
      </c>
      <c r="Q286" s="71">
        <f>IF(Input!$K$13=4,J286*Input!$J$13,0)+IF(Input!$K$14=4,K286*Input!$J$14,0)+IF(Input!$K$15=4,L286*Input!$J$15,0)+IF(Input!$K$16=4,M286*Input!$J$16,0)</f>
        <v>0</v>
      </c>
    </row>
    <row r="287" spans="2:17" x14ac:dyDescent="0.25">
      <c r="B287" s="43">
        <v>280</v>
      </c>
      <c r="C287" s="55">
        <f>Jesper!AM281</f>
        <v>9.8445273165690601</v>
      </c>
      <c r="D287" s="58">
        <f>Jesper!AN281</f>
        <v>109.71590192036601</v>
      </c>
      <c r="E287" s="58">
        <f>Jesper!AO281</f>
        <v>5.2843574651793803</v>
      </c>
      <c r="F287" s="58">
        <f>Jesper!AP281</f>
        <v>2.6421787325896902</v>
      </c>
      <c r="G287" s="57">
        <f>Jesper!AQ281</f>
        <v>0</v>
      </c>
      <c r="H287" s="43">
        <v>280</v>
      </c>
      <c r="I287" s="55">
        <f>Bühler!I313</f>
        <v>7.4894840256929038</v>
      </c>
      <c r="J287" s="58">
        <f>Bühler!J313</f>
        <v>69.209969488940132</v>
      </c>
      <c r="K287" s="58">
        <f>Bühler!K313</f>
        <v>3.7652321056589715</v>
      </c>
      <c r="L287" s="58">
        <f>Bühler!L313</f>
        <v>1.8826160528294857</v>
      </c>
      <c r="M287" s="57">
        <f>Bühler!M313</f>
        <v>0</v>
      </c>
      <c r="N287" s="55">
        <f>IF(Input!$K$13=1,J287*Input!$J$13,0)+IF(Input!$K$14=1,K287*Input!$J$14,0)+IF(Input!$K$15=1,L287*Input!$J$15,0)+IF(Input!$K$16=1,M287*Input!$J$16,0)</f>
        <v>8.3051963386728147</v>
      </c>
      <c r="O287" s="58">
        <f>IF(Input!$K$13=2,J287*Input!$J$13,0)+IF(Input!$K$14=2,K287*Input!$J$14,0)+IF(Input!$K$15=2,L287*Input!$J$15,0)+IF(Input!$K$16=2,M287*Input!$J$16,0)</f>
        <v>0.5083063342639611</v>
      </c>
      <c r="P287" s="58">
        <f>IF(Input!$K$13=3,J287*Input!$J$13,0)+IF(Input!$K$14=3,K287*Input!$J$14,0)+IF(Input!$K$15=3,L287*Input!$J$15,0)+IF(Input!$K$16=3,M287*Input!$J$16,0)</f>
        <v>0</v>
      </c>
      <c r="Q287" s="71">
        <f>IF(Input!$K$13=4,J287*Input!$J$13,0)+IF(Input!$K$14=4,K287*Input!$J$14,0)+IF(Input!$K$15=4,L287*Input!$J$15,0)+IF(Input!$K$16=4,M287*Input!$J$16,0)</f>
        <v>0</v>
      </c>
    </row>
    <row r="288" spans="2:17" x14ac:dyDescent="0.25">
      <c r="B288" s="43">
        <v>281</v>
      </c>
      <c r="C288" s="55">
        <f>Jesper!AM282</f>
        <v>13.30333966222719</v>
      </c>
      <c r="D288" s="58">
        <f>Jesper!AN282</f>
        <v>117.63981789493447</v>
      </c>
      <c r="E288" s="58">
        <f>Jesper!AO282</f>
        <v>5.3254284933907821</v>
      </c>
      <c r="F288" s="58">
        <f>Jesper!AP282</f>
        <v>2.662714246695391</v>
      </c>
      <c r="G288" s="57">
        <f>Jesper!AQ282</f>
        <v>0</v>
      </c>
      <c r="H288" s="43">
        <v>281</v>
      </c>
      <c r="I288" s="55">
        <f>Bühler!I314</f>
        <v>6.2581464426510287</v>
      </c>
      <c r="J288" s="58">
        <f>Bühler!J314</f>
        <v>42.782871846499987</v>
      </c>
      <c r="K288" s="58">
        <f>Bühler!K314</f>
        <v>2.2187974908347514</v>
      </c>
      <c r="L288" s="58">
        <f>Bühler!L314</f>
        <v>1.1093987454173757</v>
      </c>
      <c r="M288" s="57">
        <f>Bühler!M314</f>
        <v>0</v>
      </c>
      <c r="N288" s="55">
        <f>IF(Input!$K$13=1,J288*Input!$J$13,0)+IF(Input!$K$14=1,K288*Input!$J$14,0)+IF(Input!$K$15=1,L288*Input!$J$15,0)+IF(Input!$K$16=1,M288*Input!$J$16,0)</f>
        <v>5.1339446215799986</v>
      </c>
      <c r="O288" s="58">
        <f>IF(Input!$K$13=2,J288*Input!$J$13,0)+IF(Input!$K$14=2,K288*Input!$J$14,0)+IF(Input!$K$15=2,L288*Input!$J$15,0)+IF(Input!$K$16=2,M288*Input!$J$16,0)</f>
        <v>0.29953766126269143</v>
      </c>
      <c r="P288" s="58">
        <f>IF(Input!$K$13=3,J288*Input!$J$13,0)+IF(Input!$K$14=3,K288*Input!$J$14,0)+IF(Input!$K$15=3,L288*Input!$J$15,0)+IF(Input!$K$16=3,M288*Input!$J$16,0)</f>
        <v>0</v>
      </c>
      <c r="Q288" s="71">
        <f>IF(Input!$K$13=4,J288*Input!$J$13,0)+IF(Input!$K$14=4,K288*Input!$J$14,0)+IF(Input!$K$15=4,L288*Input!$J$15,0)+IF(Input!$K$16=4,M288*Input!$J$16,0)</f>
        <v>0</v>
      </c>
    </row>
    <row r="289" spans="2:17" x14ac:dyDescent="0.25">
      <c r="B289" s="43">
        <v>282</v>
      </c>
      <c r="C289" s="55">
        <f>Jesper!AM283</f>
        <v>24.440121863971829</v>
      </c>
      <c r="D289" s="58">
        <f>Jesper!AN283</f>
        <v>560.23260317189863</v>
      </c>
      <c r="E289" s="58">
        <f>Jesper!AO283</f>
        <v>39.099053922920518</v>
      </c>
      <c r="F289" s="58">
        <f>Jesper!AP283</f>
        <v>19.549526961460259</v>
      </c>
      <c r="G289" s="57">
        <f>Jesper!AQ283</f>
        <v>0</v>
      </c>
      <c r="H289" s="43">
        <v>282</v>
      </c>
      <c r="I289" s="55">
        <f>Bühler!I315</f>
        <v>4.9760795958883266</v>
      </c>
      <c r="J289" s="58">
        <f>Bühler!J315</f>
        <v>20.757041073221622</v>
      </c>
      <c r="K289" s="58">
        <f>Bühler!K315</f>
        <v>0.94698996621201526</v>
      </c>
      <c r="L289" s="58">
        <f>Bühler!L315</f>
        <v>0.47349498310600763</v>
      </c>
      <c r="M289" s="57">
        <f>Bühler!M315</f>
        <v>0</v>
      </c>
      <c r="N289" s="55">
        <f>IF(Input!$K$13=1,J289*Input!$J$13,0)+IF(Input!$K$14=1,K289*Input!$J$14,0)+IF(Input!$K$15=1,L289*Input!$J$15,0)+IF(Input!$K$16=1,M289*Input!$J$16,0)</f>
        <v>2.4908449287865944</v>
      </c>
      <c r="O289" s="58">
        <f>IF(Input!$K$13=2,J289*Input!$J$13,0)+IF(Input!$K$14=2,K289*Input!$J$14,0)+IF(Input!$K$15=2,L289*Input!$J$15,0)+IF(Input!$K$16=2,M289*Input!$J$16,0)</f>
        <v>0.12784364543862203</v>
      </c>
      <c r="P289" s="58">
        <f>IF(Input!$K$13=3,J289*Input!$J$13,0)+IF(Input!$K$14=3,K289*Input!$J$14,0)+IF(Input!$K$15=3,L289*Input!$J$15,0)+IF(Input!$K$16=3,M289*Input!$J$16,0)</f>
        <v>0</v>
      </c>
      <c r="Q289" s="71">
        <f>IF(Input!$K$13=4,J289*Input!$J$13,0)+IF(Input!$K$14=4,K289*Input!$J$14,0)+IF(Input!$K$15=4,L289*Input!$J$15,0)+IF(Input!$K$16=4,M289*Input!$J$16,0)</f>
        <v>0</v>
      </c>
    </row>
    <row r="290" spans="2:17" x14ac:dyDescent="0.25">
      <c r="B290" s="43">
        <v>283</v>
      </c>
      <c r="C290" s="55">
        <f>Jesper!AM284</f>
        <v>18.898067071195612</v>
      </c>
      <c r="D290" s="58">
        <f>Jesper!AN284</f>
        <v>502.03847681094362</v>
      </c>
      <c r="E290" s="58">
        <f>Jesper!AO284</f>
        <v>38.488735203474988</v>
      </c>
      <c r="F290" s="58">
        <f>Jesper!AP284</f>
        <v>19.244367601737494</v>
      </c>
      <c r="G290" s="57">
        <f>Jesper!AQ284</f>
        <v>0</v>
      </c>
      <c r="H290" s="43">
        <v>283</v>
      </c>
      <c r="I290" s="55">
        <f>Bühler!I316</f>
        <v>1.8447004989391391</v>
      </c>
      <c r="J290" s="58">
        <f>Bühler!J316</f>
        <v>12.140175737783514</v>
      </c>
      <c r="K290" s="58">
        <f>Bühler!K316</f>
        <v>0.62501337769993004</v>
      </c>
      <c r="L290" s="58">
        <f>Bühler!L316</f>
        <v>0.31250668884996502</v>
      </c>
      <c r="M290" s="57">
        <f>Bühler!M316</f>
        <v>0</v>
      </c>
      <c r="N290" s="55">
        <f>IF(Input!$K$13=1,J290*Input!$J$13,0)+IF(Input!$K$14=1,K290*Input!$J$14,0)+IF(Input!$K$15=1,L290*Input!$J$15,0)+IF(Input!$K$16=1,M290*Input!$J$16,0)</f>
        <v>1.4568210885340216</v>
      </c>
      <c r="O290" s="58">
        <f>IF(Input!$K$13=2,J290*Input!$J$13,0)+IF(Input!$K$14=2,K290*Input!$J$14,0)+IF(Input!$K$15=2,L290*Input!$J$15,0)+IF(Input!$K$16=2,M290*Input!$J$16,0)</f>
        <v>8.4376805989490544E-2</v>
      </c>
      <c r="P290" s="58">
        <f>IF(Input!$K$13=3,J290*Input!$J$13,0)+IF(Input!$K$14=3,K290*Input!$J$14,0)+IF(Input!$K$15=3,L290*Input!$J$15,0)+IF(Input!$K$16=3,M290*Input!$J$16,0)</f>
        <v>0</v>
      </c>
      <c r="Q290" s="71">
        <f>IF(Input!$K$13=4,J290*Input!$J$13,0)+IF(Input!$K$14=4,K290*Input!$J$14,0)+IF(Input!$K$15=4,L290*Input!$J$15,0)+IF(Input!$K$16=4,M290*Input!$J$16,0)</f>
        <v>0</v>
      </c>
    </row>
    <row r="291" spans="2:17" x14ac:dyDescent="0.25">
      <c r="B291" s="43">
        <v>284</v>
      </c>
      <c r="C291" s="55">
        <f>Jesper!AM285</f>
        <v>15.203363876011474</v>
      </c>
      <c r="D291" s="58">
        <f>Jesper!AN285</f>
        <v>482.46003866057237</v>
      </c>
      <c r="E291" s="58">
        <f>Jesper!AO285</f>
        <v>38.081856057177966</v>
      </c>
      <c r="F291" s="58">
        <f>Jesper!AP285</f>
        <v>19.040928028588983</v>
      </c>
      <c r="G291" s="57">
        <f>Jesper!AQ285</f>
        <v>0</v>
      </c>
      <c r="H291" s="43">
        <v>284</v>
      </c>
      <c r="I291" s="55">
        <f>Bühler!I317</f>
        <v>1.8447004989391391</v>
      </c>
      <c r="J291" s="58">
        <f>Bühler!J317</f>
        <v>12.140175737783514</v>
      </c>
      <c r="K291" s="58">
        <f>Bühler!K317</f>
        <v>0.62501337769993004</v>
      </c>
      <c r="L291" s="58">
        <f>Bühler!L317</f>
        <v>0.31250668884996502</v>
      </c>
      <c r="M291" s="57">
        <f>Bühler!M317</f>
        <v>0</v>
      </c>
      <c r="N291" s="55">
        <f>IF(Input!$K$13=1,J291*Input!$J$13,0)+IF(Input!$K$14=1,K291*Input!$J$14,0)+IF(Input!$K$15=1,L291*Input!$J$15,0)+IF(Input!$K$16=1,M291*Input!$J$16,0)</f>
        <v>1.4568210885340216</v>
      </c>
      <c r="O291" s="58">
        <f>IF(Input!$K$13=2,J291*Input!$J$13,0)+IF(Input!$K$14=2,K291*Input!$J$14,0)+IF(Input!$K$15=2,L291*Input!$J$15,0)+IF(Input!$K$16=2,M291*Input!$J$16,0)</f>
        <v>8.4376805989490544E-2</v>
      </c>
      <c r="P291" s="58">
        <f>IF(Input!$K$13=3,J291*Input!$J$13,0)+IF(Input!$K$14=3,K291*Input!$J$14,0)+IF(Input!$K$15=3,L291*Input!$J$15,0)+IF(Input!$K$16=3,M291*Input!$J$16,0)</f>
        <v>0</v>
      </c>
      <c r="Q291" s="71">
        <f>IF(Input!$K$13=4,J291*Input!$J$13,0)+IF(Input!$K$14=4,K291*Input!$J$14,0)+IF(Input!$K$15=4,L291*Input!$J$15,0)+IF(Input!$K$16=4,M291*Input!$J$16,0)</f>
        <v>0</v>
      </c>
    </row>
    <row r="292" spans="2:17" x14ac:dyDescent="0.25">
      <c r="B292" s="43">
        <v>285</v>
      </c>
      <c r="C292" s="55">
        <f>Jesper!AM286</f>
        <v>12.828197536250247</v>
      </c>
      <c r="D292" s="58">
        <f>Jesper!AN286</f>
        <v>473.24322741089992</v>
      </c>
      <c r="E292" s="58">
        <f>Jesper!AO286</f>
        <v>37.820290891701312</v>
      </c>
      <c r="F292" s="58">
        <f>Jesper!AP286</f>
        <v>18.910145445850656</v>
      </c>
      <c r="G292" s="57">
        <f>Jesper!AQ286</f>
        <v>0</v>
      </c>
      <c r="H292" s="43">
        <v>285</v>
      </c>
      <c r="I292" s="55">
        <f>Bühler!I318</f>
        <v>1.8447004989391391</v>
      </c>
      <c r="J292" s="58">
        <f>Bühler!J318</f>
        <v>12.140175737783514</v>
      </c>
      <c r="K292" s="58">
        <f>Bühler!K318</f>
        <v>0.62501337769993004</v>
      </c>
      <c r="L292" s="58">
        <f>Bühler!L318</f>
        <v>0.31250668884996502</v>
      </c>
      <c r="M292" s="57">
        <f>Bühler!M318</f>
        <v>0</v>
      </c>
      <c r="N292" s="55">
        <f>IF(Input!$K$13=1,J292*Input!$J$13,0)+IF(Input!$K$14=1,K292*Input!$J$14,0)+IF(Input!$K$15=1,L292*Input!$J$15,0)+IF(Input!$K$16=1,M292*Input!$J$16,0)</f>
        <v>1.4568210885340216</v>
      </c>
      <c r="O292" s="58">
        <f>IF(Input!$K$13=2,J292*Input!$J$13,0)+IF(Input!$K$14=2,K292*Input!$J$14,0)+IF(Input!$K$15=2,L292*Input!$J$15,0)+IF(Input!$K$16=2,M292*Input!$J$16,0)</f>
        <v>8.4376805989490544E-2</v>
      </c>
      <c r="P292" s="58">
        <f>IF(Input!$K$13=3,J292*Input!$J$13,0)+IF(Input!$K$14=3,K292*Input!$J$14,0)+IF(Input!$K$15=3,L292*Input!$J$15,0)+IF(Input!$K$16=3,M292*Input!$J$16,0)</f>
        <v>0</v>
      </c>
      <c r="Q292" s="71">
        <f>IF(Input!$K$13=4,J292*Input!$J$13,0)+IF(Input!$K$14=4,K292*Input!$J$14,0)+IF(Input!$K$15=4,L292*Input!$J$15,0)+IF(Input!$K$16=4,M292*Input!$J$16,0)</f>
        <v>0</v>
      </c>
    </row>
    <row r="293" spans="2:17" x14ac:dyDescent="0.25">
      <c r="B293" s="43">
        <v>286</v>
      </c>
      <c r="C293" s="55">
        <f>Jesper!AM287</f>
        <v>4.6470690326282078</v>
      </c>
      <c r="D293" s="58">
        <f>Jesper!AN287</f>
        <v>441.49643310647235</v>
      </c>
      <c r="E293" s="58">
        <f>Jesper!AO287</f>
        <v>36.919344210615051</v>
      </c>
      <c r="F293" s="58">
        <f>Jesper!AP287</f>
        <v>18.459672105307526</v>
      </c>
      <c r="G293" s="57">
        <f>Jesper!AQ287</f>
        <v>0</v>
      </c>
      <c r="H293" s="43">
        <v>286</v>
      </c>
      <c r="I293" s="55">
        <f>Bühler!I319</f>
        <v>1.8447004989391391</v>
      </c>
      <c r="J293" s="58">
        <f>Bühler!J319</f>
        <v>12.140175737783514</v>
      </c>
      <c r="K293" s="58">
        <f>Bühler!K319</f>
        <v>0.62501337769993004</v>
      </c>
      <c r="L293" s="58">
        <f>Bühler!L319</f>
        <v>0.31250668884996502</v>
      </c>
      <c r="M293" s="57">
        <f>Bühler!M319</f>
        <v>0</v>
      </c>
      <c r="N293" s="55">
        <f>IF(Input!$K$13=1,J293*Input!$J$13,0)+IF(Input!$K$14=1,K293*Input!$J$14,0)+IF(Input!$K$15=1,L293*Input!$J$15,0)+IF(Input!$K$16=1,M293*Input!$J$16,0)</f>
        <v>1.4568210885340216</v>
      </c>
      <c r="O293" s="58">
        <f>IF(Input!$K$13=2,J293*Input!$J$13,0)+IF(Input!$K$14=2,K293*Input!$J$14,0)+IF(Input!$K$15=2,L293*Input!$J$15,0)+IF(Input!$K$16=2,M293*Input!$J$16,0)</f>
        <v>8.4376805989490544E-2</v>
      </c>
      <c r="P293" s="58">
        <f>IF(Input!$K$13=3,J293*Input!$J$13,0)+IF(Input!$K$14=3,K293*Input!$J$14,0)+IF(Input!$K$15=3,L293*Input!$J$15,0)+IF(Input!$K$16=3,M293*Input!$J$16,0)</f>
        <v>0</v>
      </c>
      <c r="Q293" s="71">
        <f>IF(Input!$K$13=4,J293*Input!$J$13,0)+IF(Input!$K$14=4,K293*Input!$J$14,0)+IF(Input!$K$15=4,L293*Input!$J$15,0)+IF(Input!$K$16=4,M293*Input!$J$16,0)</f>
        <v>0</v>
      </c>
    </row>
    <row r="294" spans="2:17" x14ac:dyDescent="0.25">
      <c r="B294" s="43">
        <v>287</v>
      </c>
      <c r="C294" s="55">
        <f>Jesper!AM288</f>
        <v>8.1903127164716931</v>
      </c>
      <c r="D294" s="58">
        <f>Jesper!AN288</f>
        <v>105.92620297600716</v>
      </c>
      <c r="E294" s="58">
        <f>Jesper!AO288</f>
        <v>5.2647147995130581</v>
      </c>
      <c r="F294" s="58">
        <f>Jesper!AP288</f>
        <v>2.632357399756529</v>
      </c>
      <c r="G294" s="57">
        <f>Jesper!AQ288</f>
        <v>0</v>
      </c>
      <c r="H294" s="43">
        <v>287</v>
      </c>
      <c r="I294" s="55">
        <f>Bühler!I320</f>
        <v>1.8447004989391391</v>
      </c>
      <c r="J294" s="58">
        <f>Bühler!J320</f>
        <v>12.140175737783514</v>
      </c>
      <c r="K294" s="58">
        <f>Bühler!K320</f>
        <v>0.62501337769993004</v>
      </c>
      <c r="L294" s="58">
        <f>Bühler!L320</f>
        <v>0.31250668884996502</v>
      </c>
      <c r="M294" s="57">
        <f>Bühler!M320</f>
        <v>0</v>
      </c>
      <c r="N294" s="55">
        <f>IF(Input!$K$13=1,J294*Input!$J$13,0)+IF(Input!$K$14=1,K294*Input!$J$14,0)+IF(Input!$K$15=1,L294*Input!$J$15,0)+IF(Input!$K$16=1,M294*Input!$J$16,0)</f>
        <v>1.4568210885340216</v>
      </c>
      <c r="O294" s="58">
        <f>IF(Input!$K$13=2,J294*Input!$J$13,0)+IF(Input!$K$14=2,K294*Input!$J$14,0)+IF(Input!$K$15=2,L294*Input!$J$15,0)+IF(Input!$K$16=2,M294*Input!$J$16,0)</f>
        <v>8.4376805989490544E-2</v>
      </c>
      <c r="P294" s="58">
        <f>IF(Input!$K$13=3,J294*Input!$J$13,0)+IF(Input!$K$14=3,K294*Input!$J$14,0)+IF(Input!$K$15=3,L294*Input!$J$15,0)+IF(Input!$K$16=3,M294*Input!$J$16,0)</f>
        <v>0</v>
      </c>
      <c r="Q294" s="71">
        <f>IF(Input!$K$13=4,J294*Input!$J$13,0)+IF(Input!$K$14=4,K294*Input!$J$14,0)+IF(Input!$K$15=4,L294*Input!$J$15,0)+IF(Input!$K$16=4,M294*Input!$J$16,0)</f>
        <v>0</v>
      </c>
    </row>
    <row r="295" spans="2:17" x14ac:dyDescent="0.25">
      <c r="B295" s="43">
        <v>288</v>
      </c>
      <c r="C295" s="55">
        <f>Jesper!AM289</f>
        <v>14.50640482593437</v>
      </c>
      <c r="D295" s="58">
        <f>Jesper!AN289</f>
        <v>126.71744395048712</v>
      </c>
      <c r="E295" s="58">
        <f>Jesper!AO289</f>
        <v>5.6288119448868796</v>
      </c>
      <c r="F295" s="58">
        <f>Jesper!AP289</f>
        <v>2.8144059724434398</v>
      </c>
      <c r="G295" s="57">
        <f>Jesper!AQ289</f>
        <v>0</v>
      </c>
      <c r="H295" s="43">
        <v>288</v>
      </c>
      <c r="I295" s="55">
        <f>Bühler!I321</f>
        <v>1.8447004989391391</v>
      </c>
      <c r="J295" s="58">
        <f>Bühler!J321</f>
        <v>12.140175737783514</v>
      </c>
      <c r="K295" s="58">
        <f>Bühler!K321</f>
        <v>0.62501337769993004</v>
      </c>
      <c r="L295" s="58">
        <f>Bühler!L321</f>
        <v>0.31250668884996502</v>
      </c>
      <c r="M295" s="57">
        <f>Bühler!M321</f>
        <v>0</v>
      </c>
      <c r="N295" s="55">
        <f>IF(Input!$K$13=1,J295*Input!$J$13,0)+IF(Input!$K$14=1,K295*Input!$J$14,0)+IF(Input!$K$15=1,L295*Input!$J$15,0)+IF(Input!$K$16=1,M295*Input!$J$16,0)</f>
        <v>1.4568210885340216</v>
      </c>
      <c r="O295" s="58">
        <f>IF(Input!$K$13=2,J295*Input!$J$13,0)+IF(Input!$K$14=2,K295*Input!$J$14,0)+IF(Input!$K$15=2,L295*Input!$J$15,0)+IF(Input!$K$16=2,M295*Input!$J$16,0)</f>
        <v>8.4376805989490544E-2</v>
      </c>
      <c r="P295" s="58">
        <f>IF(Input!$K$13=3,J295*Input!$J$13,0)+IF(Input!$K$14=3,K295*Input!$J$14,0)+IF(Input!$K$15=3,L295*Input!$J$15,0)+IF(Input!$K$16=3,M295*Input!$J$16,0)</f>
        <v>0</v>
      </c>
      <c r="Q295" s="71">
        <f>IF(Input!$K$13=4,J295*Input!$J$13,0)+IF(Input!$K$14=4,K295*Input!$J$14,0)+IF(Input!$K$15=4,L295*Input!$J$15,0)+IF(Input!$K$16=4,M295*Input!$J$16,0)</f>
        <v>0</v>
      </c>
    </row>
    <row r="296" spans="2:17" x14ac:dyDescent="0.25">
      <c r="B296" s="43">
        <v>289</v>
      </c>
      <c r="C296" s="55">
        <f>Jesper!AM290</f>
        <v>95.606810460742352</v>
      </c>
      <c r="D296" s="58">
        <f>Jesper!AN290</f>
        <v>764.07755949020122</v>
      </c>
      <c r="E296" s="58">
        <f>Jesper!AO290</f>
        <v>40.581256527288225</v>
      </c>
      <c r="F296" s="58">
        <f>Jesper!AP290</f>
        <v>20.290628263644113</v>
      </c>
      <c r="G296" s="57">
        <f>Jesper!AQ290</f>
        <v>0</v>
      </c>
      <c r="H296" s="43">
        <v>289</v>
      </c>
      <c r="I296" s="55">
        <f>Bühler!I322</f>
        <v>2.3641984045803897</v>
      </c>
      <c r="J296" s="58">
        <f>Bühler!J322</f>
        <v>18.883616527202133</v>
      </c>
      <c r="K296" s="58">
        <f>Bühler!K322</f>
        <v>0.96498136999707196</v>
      </c>
      <c r="L296" s="58">
        <f>Bühler!L322</f>
        <v>0.48249068499853598</v>
      </c>
      <c r="M296" s="57">
        <f>Bühler!M322</f>
        <v>0</v>
      </c>
      <c r="N296" s="55">
        <f>IF(Input!$K$13=1,J296*Input!$J$13,0)+IF(Input!$K$14=1,K296*Input!$J$14,0)+IF(Input!$K$15=1,L296*Input!$J$15,0)+IF(Input!$K$16=1,M296*Input!$J$16,0)</f>
        <v>2.266033983264256</v>
      </c>
      <c r="O296" s="58">
        <f>IF(Input!$K$13=2,J296*Input!$J$13,0)+IF(Input!$K$14=2,K296*Input!$J$14,0)+IF(Input!$K$15=2,L296*Input!$J$15,0)+IF(Input!$K$16=2,M296*Input!$J$16,0)</f>
        <v>0.13027248494960472</v>
      </c>
      <c r="P296" s="58">
        <f>IF(Input!$K$13=3,J296*Input!$J$13,0)+IF(Input!$K$14=3,K296*Input!$J$14,0)+IF(Input!$K$15=3,L296*Input!$J$15,0)+IF(Input!$K$16=3,M296*Input!$J$16,0)</f>
        <v>0</v>
      </c>
      <c r="Q296" s="71">
        <f>IF(Input!$K$13=4,J296*Input!$J$13,0)+IF(Input!$K$14=4,K296*Input!$J$14,0)+IF(Input!$K$15=4,L296*Input!$J$15,0)+IF(Input!$K$16=4,M296*Input!$J$16,0)</f>
        <v>0</v>
      </c>
    </row>
    <row r="297" spans="2:17" x14ac:dyDescent="0.25">
      <c r="B297" s="43">
        <v>290</v>
      </c>
      <c r="C297" s="55">
        <f>Jesper!AM291</f>
        <v>115.29420060194064</v>
      </c>
      <c r="D297" s="58">
        <f>Jesper!AN291</f>
        <v>807.77280847740565</v>
      </c>
      <c r="E297" s="58">
        <f>Jesper!AO291</f>
        <v>40.842821692764886</v>
      </c>
      <c r="F297" s="58">
        <f>Jesper!AP291</f>
        <v>20.421410846382443</v>
      </c>
      <c r="G297" s="57">
        <f>Jesper!AQ291</f>
        <v>0</v>
      </c>
      <c r="H297" s="43">
        <v>290</v>
      </c>
      <c r="I297" s="55">
        <f>Bühler!I323</f>
        <v>2.3641984045803897</v>
      </c>
      <c r="J297" s="58">
        <f>Bühler!J323</f>
        <v>12.453579537632823</v>
      </c>
      <c r="K297" s="58">
        <f>Bühler!K323</f>
        <v>0.58483719393761946</v>
      </c>
      <c r="L297" s="58">
        <f>Bühler!L323</f>
        <v>0.29241859696880973</v>
      </c>
      <c r="M297" s="57">
        <f>Bühler!M323</f>
        <v>0</v>
      </c>
      <c r="N297" s="55">
        <f>IF(Input!$K$13=1,J297*Input!$J$13,0)+IF(Input!$K$14=1,K297*Input!$J$14,0)+IF(Input!$K$15=1,L297*Input!$J$15,0)+IF(Input!$K$16=1,M297*Input!$J$16,0)</f>
        <v>1.4944295445159388</v>
      </c>
      <c r="O297" s="58">
        <f>IF(Input!$K$13=2,J297*Input!$J$13,0)+IF(Input!$K$14=2,K297*Input!$J$14,0)+IF(Input!$K$15=2,L297*Input!$J$15,0)+IF(Input!$K$16=2,M297*Input!$J$16,0)</f>
        <v>7.8953021181578625E-2</v>
      </c>
      <c r="P297" s="58">
        <f>IF(Input!$K$13=3,J297*Input!$J$13,0)+IF(Input!$K$14=3,K297*Input!$J$14,0)+IF(Input!$K$15=3,L297*Input!$J$15,0)+IF(Input!$K$16=3,M297*Input!$J$16,0)</f>
        <v>0</v>
      </c>
      <c r="Q297" s="71">
        <f>IF(Input!$K$13=4,J297*Input!$J$13,0)+IF(Input!$K$14=4,K297*Input!$J$14,0)+IF(Input!$K$15=4,L297*Input!$J$15,0)+IF(Input!$K$16=4,M297*Input!$J$16,0)</f>
        <v>0</v>
      </c>
    </row>
    <row r="298" spans="2:17" x14ac:dyDescent="0.25">
      <c r="B298" s="43">
        <v>291</v>
      </c>
      <c r="C298" s="55">
        <f>Jesper!AM292</f>
        <v>110.91922501500771</v>
      </c>
      <c r="D298" s="58">
        <f>Jesper!AN292</f>
        <v>798.06275314691572</v>
      </c>
      <c r="E298" s="58">
        <f>Jesper!AO292</f>
        <v>40.78469610043674</v>
      </c>
      <c r="F298" s="58">
        <f>Jesper!AP292</f>
        <v>20.39234805021837</v>
      </c>
      <c r="G298" s="57">
        <f>Jesper!AQ292</f>
        <v>0</v>
      </c>
      <c r="H298" s="43">
        <v>291</v>
      </c>
      <c r="I298" s="55">
        <f>Bühler!I324</f>
        <v>2.3641984045803897</v>
      </c>
      <c r="J298" s="58">
        <f>Bühler!J324</f>
        <v>12.453579537632823</v>
      </c>
      <c r="K298" s="58">
        <f>Bühler!K324</f>
        <v>0.58483719393761946</v>
      </c>
      <c r="L298" s="58">
        <f>Bühler!L324</f>
        <v>0.29241859696880973</v>
      </c>
      <c r="M298" s="57">
        <f>Bühler!M324</f>
        <v>0</v>
      </c>
      <c r="N298" s="55">
        <f>IF(Input!$K$13=1,J298*Input!$J$13,0)+IF(Input!$K$14=1,K298*Input!$J$14,0)+IF(Input!$K$15=1,L298*Input!$J$15,0)+IF(Input!$K$16=1,M298*Input!$J$16,0)</f>
        <v>1.4944295445159388</v>
      </c>
      <c r="O298" s="58">
        <f>IF(Input!$K$13=2,J298*Input!$J$13,0)+IF(Input!$K$14=2,K298*Input!$J$14,0)+IF(Input!$K$15=2,L298*Input!$J$15,0)+IF(Input!$K$16=2,M298*Input!$J$16,0)</f>
        <v>7.8953021181578625E-2</v>
      </c>
      <c r="P298" s="58">
        <f>IF(Input!$K$13=3,J298*Input!$J$13,0)+IF(Input!$K$14=3,K298*Input!$J$14,0)+IF(Input!$K$15=3,L298*Input!$J$15,0)+IF(Input!$K$16=3,M298*Input!$J$16,0)</f>
        <v>0</v>
      </c>
      <c r="Q298" s="71">
        <f>IF(Input!$K$13=4,J298*Input!$J$13,0)+IF(Input!$K$14=4,K298*Input!$J$14,0)+IF(Input!$K$15=4,L298*Input!$J$15,0)+IF(Input!$K$16=4,M298*Input!$J$16,0)</f>
        <v>0</v>
      </c>
    </row>
    <row r="299" spans="2:17" x14ac:dyDescent="0.25">
      <c r="B299" s="43">
        <v>292</v>
      </c>
      <c r="C299" s="55">
        <f>Jesper!AM293</f>
        <v>32.169664450214583</v>
      </c>
      <c r="D299" s="58">
        <f>Jesper!AN293</f>
        <v>623.28175719809872</v>
      </c>
      <c r="E299" s="58">
        <f>Jesper!AO293</f>
        <v>39.738435438530111</v>
      </c>
      <c r="F299" s="58">
        <f>Jesper!AP293</f>
        <v>19.869217719265055</v>
      </c>
      <c r="G299" s="57">
        <f>Jesper!AQ293</f>
        <v>0</v>
      </c>
      <c r="H299" s="43">
        <v>292</v>
      </c>
      <c r="I299" s="55">
        <f>Bühler!I325</f>
        <v>2.3641984045803897</v>
      </c>
      <c r="J299" s="58">
        <f>Bühler!J325</f>
        <v>12.453579537632823</v>
      </c>
      <c r="K299" s="58">
        <f>Bühler!K325</f>
        <v>0.58483719393761946</v>
      </c>
      <c r="L299" s="58">
        <f>Bühler!L325</f>
        <v>0.29241859696880973</v>
      </c>
      <c r="M299" s="57">
        <f>Bühler!M325</f>
        <v>0</v>
      </c>
      <c r="N299" s="55">
        <f>IF(Input!$K$13=1,J299*Input!$J$13,0)+IF(Input!$K$14=1,K299*Input!$J$14,0)+IF(Input!$K$15=1,L299*Input!$J$15,0)+IF(Input!$K$16=1,M299*Input!$J$16,0)</f>
        <v>1.4944295445159388</v>
      </c>
      <c r="O299" s="58">
        <f>IF(Input!$K$13=2,J299*Input!$J$13,0)+IF(Input!$K$14=2,K299*Input!$J$14,0)+IF(Input!$K$15=2,L299*Input!$J$15,0)+IF(Input!$K$16=2,M299*Input!$J$16,0)</f>
        <v>7.8953021181578625E-2</v>
      </c>
      <c r="P299" s="58">
        <f>IF(Input!$K$13=3,J299*Input!$J$13,0)+IF(Input!$K$14=3,K299*Input!$J$14,0)+IF(Input!$K$15=3,L299*Input!$J$15,0)+IF(Input!$K$16=3,M299*Input!$J$16,0)</f>
        <v>0</v>
      </c>
      <c r="Q299" s="71">
        <f>IF(Input!$K$13=4,J299*Input!$J$13,0)+IF(Input!$K$14=4,K299*Input!$J$14,0)+IF(Input!$K$15=4,L299*Input!$J$15,0)+IF(Input!$K$16=4,M299*Input!$J$16,0)</f>
        <v>0</v>
      </c>
    </row>
    <row r="300" spans="2:17" x14ac:dyDescent="0.25">
      <c r="B300" s="43">
        <v>293</v>
      </c>
      <c r="C300" s="55">
        <f>Jesper!AM294</f>
        <v>16.786808102518965</v>
      </c>
      <c r="D300" s="58">
        <f>Jesper!AN294</f>
        <v>488.60457949368742</v>
      </c>
      <c r="E300" s="58">
        <f>Jesper!AO294</f>
        <v>38.256232834162404</v>
      </c>
      <c r="F300" s="58">
        <f>Jesper!AP294</f>
        <v>19.128116417081202</v>
      </c>
      <c r="G300" s="57">
        <f>Jesper!AQ294</f>
        <v>0</v>
      </c>
      <c r="H300" s="43">
        <v>293</v>
      </c>
      <c r="I300" s="55">
        <f>Bühler!I326</f>
        <v>2.3641984045803897</v>
      </c>
      <c r="J300" s="58">
        <f>Bühler!J326</f>
        <v>12.453579537632823</v>
      </c>
      <c r="K300" s="58">
        <f>Bühler!K326</f>
        <v>0.58483719393761946</v>
      </c>
      <c r="L300" s="58">
        <f>Bühler!L326</f>
        <v>0.29241859696880973</v>
      </c>
      <c r="M300" s="57">
        <f>Bühler!M326</f>
        <v>0</v>
      </c>
      <c r="N300" s="55">
        <f>IF(Input!$K$13=1,J300*Input!$J$13,0)+IF(Input!$K$14=1,K300*Input!$J$14,0)+IF(Input!$K$15=1,L300*Input!$J$15,0)+IF(Input!$K$16=1,M300*Input!$J$16,0)</f>
        <v>1.4944295445159388</v>
      </c>
      <c r="O300" s="58">
        <f>IF(Input!$K$13=2,J300*Input!$J$13,0)+IF(Input!$K$14=2,K300*Input!$J$14,0)+IF(Input!$K$15=2,L300*Input!$J$15,0)+IF(Input!$K$16=2,M300*Input!$J$16,0)</f>
        <v>7.8953021181578625E-2</v>
      </c>
      <c r="P300" s="58">
        <f>IF(Input!$K$13=3,J300*Input!$J$13,0)+IF(Input!$K$14=3,K300*Input!$J$14,0)+IF(Input!$K$15=3,L300*Input!$J$15,0)+IF(Input!$K$16=3,M300*Input!$J$16,0)</f>
        <v>0</v>
      </c>
      <c r="Q300" s="71">
        <f>IF(Input!$K$13=4,J300*Input!$J$13,0)+IF(Input!$K$14=4,K300*Input!$J$14,0)+IF(Input!$K$15=4,L300*Input!$J$15,0)+IF(Input!$K$16=4,M300*Input!$J$16,0)</f>
        <v>0</v>
      </c>
    </row>
    <row r="301" spans="2:17" x14ac:dyDescent="0.25">
      <c r="B301" s="43">
        <v>294</v>
      </c>
      <c r="C301" s="55">
        <f>Jesper!AM295</f>
        <v>8.7918452983252795</v>
      </c>
      <c r="D301" s="58">
        <f>Jesper!AN295</f>
        <v>107.30427531941035</v>
      </c>
      <c r="E301" s="58">
        <f>Jesper!AO295</f>
        <v>5.2718575870280837</v>
      </c>
      <c r="F301" s="58">
        <f>Jesper!AP295</f>
        <v>2.6359287935140419</v>
      </c>
      <c r="G301" s="57">
        <f>Jesper!AQ295</f>
        <v>0</v>
      </c>
      <c r="H301" s="43">
        <v>294</v>
      </c>
      <c r="I301" s="55">
        <f>Bühler!I327</f>
        <v>2.3641984045803897</v>
      </c>
      <c r="J301" s="58">
        <f>Bühler!J327</f>
        <v>12.453579537632823</v>
      </c>
      <c r="K301" s="58">
        <f>Bühler!K327</f>
        <v>0.58483719393761946</v>
      </c>
      <c r="L301" s="58">
        <f>Bühler!L327</f>
        <v>0.29241859696880973</v>
      </c>
      <c r="M301" s="57">
        <f>Bühler!M327</f>
        <v>0</v>
      </c>
      <c r="N301" s="55">
        <f>IF(Input!$K$13=1,J301*Input!$J$13,0)+IF(Input!$K$14=1,K301*Input!$J$14,0)+IF(Input!$K$15=1,L301*Input!$J$15,0)+IF(Input!$K$16=1,M301*Input!$J$16,0)</f>
        <v>1.4944295445159388</v>
      </c>
      <c r="O301" s="58">
        <f>IF(Input!$K$13=2,J301*Input!$J$13,0)+IF(Input!$K$14=2,K301*Input!$J$14,0)+IF(Input!$K$15=2,L301*Input!$J$15,0)+IF(Input!$K$16=2,M301*Input!$J$16,0)</f>
        <v>7.8953021181578625E-2</v>
      </c>
      <c r="P301" s="58">
        <f>IF(Input!$K$13=3,J301*Input!$J$13,0)+IF(Input!$K$14=3,K301*Input!$J$14,0)+IF(Input!$K$15=3,L301*Input!$J$15,0)+IF(Input!$K$16=3,M301*Input!$J$16,0)</f>
        <v>0</v>
      </c>
      <c r="Q301" s="71">
        <f>IF(Input!$K$13=4,J301*Input!$J$13,0)+IF(Input!$K$14=4,K301*Input!$J$14,0)+IF(Input!$K$15=4,L301*Input!$J$15,0)+IF(Input!$K$16=4,M301*Input!$J$16,0)</f>
        <v>0</v>
      </c>
    </row>
    <row r="302" spans="2:17" x14ac:dyDescent="0.25">
      <c r="B302" s="43">
        <v>295</v>
      </c>
      <c r="C302" s="55">
        <f>Jesper!AM296</f>
        <v>13.152956516763798</v>
      </c>
      <c r="D302" s="58">
        <f>Jesper!AN296</f>
        <v>117.29529980908367</v>
      </c>
      <c r="E302" s="58">
        <f>Jesper!AO296</f>
        <v>5.3236427965120257</v>
      </c>
      <c r="F302" s="58">
        <f>Jesper!AP296</f>
        <v>2.6618213982560128</v>
      </c>
      <c r="G302" s="57">
        <f>Jesper!AQ296</f>
        <v>0</v>
      </c>
      <c r="H302" s="43">
        <v>295</v>
      </c>
      <c r="I302" s="55">
        <f>Bühler!I328</f>
        <v>2.3641984045803897</v>
      </c>
      <c r="J302" s="58">
        <f>Bühler!J328</f>
        <v>12.453579537632823</v>
      </c>
      <c r="K302" s="58">
        <f>Bühler!K328</f>
        <v>0.58483719393761946</v>
      </c>
      <c r="L302" s="58">
        <f>Bühler!L328</f>
        <v>0.29241859696880973</v>
      </c>
      <c r="M302" s="57">
        <f>Bühler!M328</f>
        <v>0</v>
      </c>
      <c r="N302" s="55">
        <f>IF(Input!$K$13=1,J302*Input!$J$13,0)+IF(Input!$K$14=1,K302*Input!$J$14,0)+IF(Input!$K$15=1,L302*Input!$J$15,0)+IF(Input!$K$16=1,M302*Input!$J$16,0)</f>
        <v>1.4944295445159388</v>
      </c>
      <c r="O302" s="58">
        <f>IF(Input!$K$13=2,J302*Input!$J$13,0)+IF(Input!$K$14=2,K302*Input!$J$14,0)+IF(Input!$K$15=2,L302*Input!$J$15,0)+IF(Input!$K$16=2,M302*Input!$J$16,0)</f>
        <v>7.8953021181578625E-2</v>
      </c>
      <c r="P302" s="58">
        <f>IF(Input!$K$13=3,J302*Input!$J$13,0)+IF(Input!$K$14=3,K302*Input!$J$14,0)+IF(Input!$K$15=3,L302*Input!$J$15,0)+IF(Input!$K$16=3,M302*Input!$J$16,0)</f>
        <v>0</v>
      </c>
      <c r="Q302" s="71">
        <f>IF(Input!$K$13=4,J302*Input!$J$13,0)+IF(Input!$K$14=4,K302*Input!$J$14,0)+IF(Input!$K$15=4,L302*Input!$J$15,0)+IF(Input!$K$16=4,M302*Input!$J$16,0)</f>
        <v>0</v>
      </c>
    </row>
    <row r="303" spans="2:17" x14ac:dyDescent="0.25">
      <c r="B303" s="43">
        <v>296</v>
      </c>
      <c r="C303" s="55">
        <f>Jesper!AM297</f>
        <v>24.967936606140988</v>
      </c>
      <c r="D303" s="58">
        <f>Jesper!AN297</f>
        <v>565.77490092056098</v>
      </c>
      <c r="E303" s="58">
        <f>Jesper!AO297</f>
        <v>39.15717951524865</v>
      </c>
      <c r="F303" s="58">
        <f>Jesper!AP297</f>
        <v>19.578589757624325</v>
      </c>
      <c r="G303" s="57">
        <f>Jesper!AQ297</f>
        <v>0</v>
      </c>
      <c r="H303" s="43">
        <v>296</v>
      </c>
      <c r="I303" s="55">
        <f>Bühler!I329</f>
        <v>6.4062150317662176</v>
      </c>
      <c r="J303" s="58">
        <f>Bühler!J329</f>
        <v>49.081539477590731</v>
      </c>
      <c r="K303" s="58">
        <f>Bühler!K329</f>
        <v>2.4914064461742589</v>
      </c>
      <c r="L303" s="58">
        <f>Bühler!L329</f>
        <v>1.2457032230871294</v>
      </c>
      <c r="M303" s="57">
        <f>Bühler!M329</f>
        <v>0</v>
      </c>
      <c r="N303" s="55">
        <f>IF(Input!$K$13=1,J303*Input!$J$13,0)+IF(Input!$K$14=1,K303*Input!$J$14,0)+IF(Input!$K$15=1,L303*Input!$J$15,0)+IF(Input!$K$16=1,M303*Input!$J$16,0)</f>
        <v>5.8897847373108876</v>
      </c>
      <c r="O303" s="58">
        <f>IF(Input!$K$13=2,J303*Input!$J$13,0)+IF(Input!$K$14=2,K303*Input!$J$14,0)+IF(Input!$K$15=2,L303*Input!$J$15,0)+IF(Input!$K$16=2,M303*Input!$J$16,0)</f>
        <v>0.33633987023352496</v>
      </c>
      <c r="P303" s="58">
        <f>IF(Input!$K$13=3,J303*Input!$J$13,0)+IF(Input!$K$14=3,K303*Input!$J$14,0)+IF(Input!$K$15=3,L303*Input!$J$15,0)+IF(Input!$K$16=3,M303*Input!$J$16,0)</f>
        <v>0</v>
      </c>
      <c r="Q303" s="71">
        <f>IF(Input!$K$13=4,J303*Input!$J$13,0)+IF(Input!$K$14=4,K303*Input!$J$14,0)+IF(Input!$K$15=4,L303*Input!$J$15,0)+IF(Input!$K$16=4,M303*Input!$J$16,0)</f>
        <v>0</v>
      </c>
    </row>
    <row r="304" spans="2:17" x14ac:dyDescent="0.25">
      <c r="B304" s="43">
        <v>297</v>
      </c>
      <c r="C304" s="55">
        <f>Jesper!AM298</f>
        <v>27.079195574817639</v>
      </c>
      <c r="D304" s="58">
        <f>Jesper!AN298</f>
        <v>587.94409191521061</v>
      </c>
      <c r="E304" s="58">
        <f>Jesper!AO298</f>
        <v>39.389681884561242</v>
      </c>
      <c r="F304" s="58">
        <f>Jesper!AP298</f>
        <v>19.694840942280621</v>
      </c>
      <c r="G304" s="57">
        <f>Jesper!AQ298</f>
        <v>0</v>
      </c>
      <c r="H304" s="43">
        <v>297</v>
      </c>
      <c r="I304" s="55">
        <f>Bühler!I330</f>
        <v>8.0077687897077734</v>
      </c>
      <c r="J304" s="58">
        <f>Bühler!J330</f>
        <v>61.351924346988412</v>
      </c>
      <c r="K304" s="58">
        <f>Bühler!K330</f>
        <v>3.1142580577178234</v>
      </c>
      <c r="L304" s="58">
        <f>Bühler!L330</f>
        <v>1.5571290288589117</v>
      </c>
      <c r="M304" s="57">
        <f>Bühler!M330</f>
        <v>0</v>
      </c>
      <c r="N304" s="55">
        <f>IF(Input!$K$13=1,J304*Input!$J$13,0)+IF(Input!$K$14=1,K304*Input!$J$14,0)+IF(Input!$K$15=1,L304*Input!$J$15,0)+IF(Input!$K$16=1,M304*Input!$J$16,0)</f>
        <v>7.3622309216386093</v>
      </c>
      <c r="O304" s="58">
        <f>IF(Input!$K$13=2,J304*Input!$J$13,0)+IF(Input!$K$14=2,K304*Input!$J$14,0)+IF(Input!$K$15=2,L304*Input!$J$15,0)+IF(Input!$K$16=2,M304*Input!$J$16,0)</f>
        <v>0.42042483779190615</v>
      </c>
      <c r="P304" s="58">
        <f>IF(Input!$K$13=3,J304*Input!$J$13,0)+IF(Input!$K$14=3,K304*Input!$J$14,0)+IF(Input!$K$15=3,L304*Input!$J$15,0)+IF(Input!$K$16=3,M304*Input!$J$16,0)</f>
        <v>0</v>
      </c>
      <c r="Q304" s="71">
        <f>IF(Input!$K$13=4,J304*Input!$J$13,0)+IF(Input!$K$14=4,K304*Input!$J$14,0)+IF(Input!$K$15=4,L304*Input!$J$15,0)+IF(Input!$K$16=4,M304*Input!$J$16,0)</f>
        <v>0</v>
      </c>
    </row>
    <row r="305" spans="2:17" x14ac:dyDescent="0.25">
      <c r="B305" s="43">
        <v>298</v>
      </c>
      <c r="C305" s="55">
        <f>Jesper!AM299</f>
        <v>21.801048153126011</v>
      </c>
      <c r="D305" s="58">
        <f>Jesper!AN299</f>
        <v>532.52111442858677</v>
      </c>
      <c r="E305" s="58">
        <f>Jesper!AO299</f>
        <v>38.808425961279788</v>
      </c>
      <c r="F305" s="58">
        <f>Jesper!AP299</f>
        <v>19.404212980639894</v>
      </c>
      <c r="G305" s="57">
        <f>Jesper!AQ299</f>
        <v>0</v>
      </c>
      <c r="H305" s="43">
        <v>298</v>
      </c>
      <c r="I305" s="55">
        <f>Bühler!I331</f>
        <v>8.8085456686785495</v>
      </c>
      <c r="J305" s="58">
        <f>Bühler!J331</f>
        <v>67.487116781687249</v>
      </c>
      <c r="K305" s="58">
        <f>Bühler!K331</f>
        <v>3.4256838634896054</v>
      </c>
      <c r="L305" s="58">
        <f>Bühler!L331</f>
        <v>1.7128419317448027</v>
      </c>
      <c r="M305" s="57">
        <f>Bühler!M331</f>
        <v>0</v>
      </c>
      <c r="N305" s="55">
        <f>IF(Input!$K$13=1,J305*Input!$J$13,0)+IF(Input!$K$14=1,K305*Input!$J$14,0)+IF(Input!$K$15=1,L305*Input!$J$15,0)+IF(Input!$K$16=1,M305*Input!$J$16,0)</f>
        <v>8.0984540138024688</v>
      </c>
      <c r="O305" s="58">
        <f>IF(Input!$K$13=2,J305*Input!$J$13,0)+IF(Input!$K$14=2,K305*Input!$J$14,0)+IF(Input!$K$15=2,L305*Input!$J$15,0)+IF(Input!$K$16=2,M305*Input!$J$16,0)</f>
        <v>0.46246732157109671</v>
      </c>
      <c r="P305" s="58">
        <f>IF(Input!$K$13=3,J305*Input!$J$13,0)+IF(Input!$K$14=3,K305*Input!$J$14,0)+IF(Input!$K$15=3,L305*Input!$J$15,0)+IF(Input!$K$16=3,M305*Input!$J$16,0)</f>
        <v>0</v>
      </c>
      <c r="Q305" s="71">
        <f>IF(Input!$K$13=4,J305*Input!$J$13,0)+IF(Input!$K$14=4,K305*Input!$J$14,0)+IF(Input!$K$15=4,L305*Input!$J$15,0)+IF(Input!$K$16=4,M305*Input!$J$16,0)</f>
        <v>0</v>
      </c>
    </row>
    <row r="306" spans="2:17" x14ac:dyDescent="0.25">
      <c r="B306" s="43">
        <v>299</v>
      </c>
      <c r="C306" s="55">
        <f>Jesper!AM300</f>
        <v>22.064955524210596</v>
      </c>
      <c r="D306" s="58">
        <f>Jesper!AN300</f>
        <v>535.29226330291795</v>
      </c>
      <c r="E306" s="58">
        <f>Jesper!AO300</f>
        <v>38.837488757443865</v>
      </c>
      <c r="F306" s="58">
        <f>Jesper!AP300</f>
        <v>19.418744378721932</v>
      </c>
      <c r="G306" s="57">
        <f>Jesper!AQ300</f>
        <v>0</v>
      </c>
      <c r="H306" s="43">
        <v>299</v>
      </c>
      <c r="I306" s="55">
        <f>Bühler!I332</f>
        <v>8.8085456686785495</v>
      </c>
      <c r="J306" s="58">
        <f>Bühler!J332</f>
        <v>67.487116781687249</v>
      </c>
      <c r="K306" s="58">
        <f>Bühler!K332</f>
        <v>3.4256838634896054</v>
      </c>
      <c r="L306" s="58">
        <f>Bühler!L332</f>
        <v>1.7128419317448027</v>
      </c>
      <c r="M306" s="57">
        <f>Bühler!M332</f>
        <v>0</v>
      </c>
      <c r="N306" s="55">
        <f>IF(Input!$K$13=1,J306*Input!$J$13,0)+IF(Input!$K$14=1,K306*Input!$J$14,0)+IF(Input!$K$15=1,L306*Input!$J$15,0)+IF(Input!$K$16=1,M306*Input!$J$16,0)</f>
        <v>8.0984540138024688</v>
      </c>
      <c r="O306" s="58">
        <f>IF(Input!$K$13=2,J306*Input!$J$13,0)+IF(Input!$K$14=2,K306*Input!$J$14,0)+IF(Input!$K$15=2,L306*Input!$J$15,0)+IF(Input!$K$16=2,M306*Input!$J$16,0)</f>
        <v>0.46246732157109671</v>
      </c>
      <c r="P306" s="58">
        <f>IF(Input!$K$13=3,J306*Input!$J$13,0)+IF(Input!$K$14=3,K306*Input!$J$14,0)+IF(Input!$K$15=3,L306*Input!$J$15,0)+IF(Input!$K$16=3,M306*Input!$J$16,0)</f>
        <v>0</v>
      </c>
      <c r="Q306" s="71">
        <f>IF(Input!$K$13=4,J306*Input!$J$13,0)+IF(Input!$K$14=4,K306*Input!$J$14,0)+IF(Input!$K$15=4,L306*Input!$J$15,0)+IF(Input!$K$16=4,M306*Input!$J$16,0)</f>
        <v>0</v>
      </c>
    </row>
    <row r="307" spans="2:17" x14ac:dyDescent="0.25">
      <c r="B307" s="43">
        <v>300</v>
      </c>
      <c r="C307" s="55">
        <f>Jesper!AM301</f>
        <v>28.926547172409713</v>
      </c>
      <c r="D307" s="58">
        <f>Jesper!AN301</f>
        <v>607.34213403552894</v>
      </c>
      <c r="E307" s="58">
        <f>Jesper!AO301</f>
        <v>39.593121457709742</v>
      </c>
      <c r="F307" s="58">
        <f>Jesper!AP301</f>
        <v>19.796560728854871</v>
      </c>
      <c r="G307" s="57">
        <f>Jesper!AQ301</f>
        <v>0</v>
      </c>
      <c r="H307" s="43">
        <v>300</v>
      </c>
      <c r="I307" s="55">
        <f>Bühler!I333</f>
        <v>10.410099426620103</v>
      </c>
      <c r="J307" s="58">
        <f>Bühler!J333</f>
        <v>79.757501651084922</v>
      </c>
      <c r="K307" s="58">
        <f>Bühler!K333</f>
        <v>4.0485354750331703</v>
      </c>
      <c r="L307" s="58">
        <f>Bühler!L333</f>
        <v>2.0242677375165852</v>
      </c>
      <c r="M307" s="57">
        <f>Bühler!M333</f>
        <v>0</v>
      </c>
      <c r="N307" s="55">
        <f>IF(Input!$K$13=1,J307*Input!$J$13,0)+IF(Input!$K$14=1,K307*Input!$J$14,0)+IF(Input!$K$15=1,L307*Input!$J$15,0)+IF(Input!$K$16=1,M307*Input!$J$16,0)</f>
        <v>9.5709001981301896</v>
      </c>
      <c r="O307" s="58">
        <f>IF(Input!$K$13=2,J307*Input!$J$13,0)+IF(Input!$K$14=2,K307*Input!$J$14,0)+IF(Input!$K$15=2,L307*Input!$J$15,0)+IF(Input!$K$16=2,M307*Input!$J$16,0)</f>
        <v>0.54655228912947795</v>
      </c>
      <c r="P307" s="58">
        <f>IF(Input!$K$13=3,J307*Input!$J$13,0)+IF(Input!$K$14=3,K307*Input!$J$14,0)+IF(Input!$K$15=3,L307*Input!$J$15,0)+IF(Input!$K$16=3,M307*Input!$J$16,0)</f>
        <v>0</v>
      </c>
      <c r="Q307" s="71">
        <f>IF(Input!$K$13=4,J307*Input!$J$13,0)+IF(Input!$K$14=4,K307*Input!$J$14,0)+IF(Input!$K$15=4,L307*Input!$J$15,0)+IF(Input!$K$16=4,M307*Input!$J$16,0)</f>
        <v>0</v>
      </c>
    </row>
    <row r="308" spans="2:17" x14ac:dyDescent="0.25">
      <c r="B308" s="43">
        <v>301</v>
      </c>
      <c r="C308" s="55">
        <f>Jesper!AM302</f>
        <v>24.572731079778503</v>
      </c>
      <c r="D308" s="58">
        <f>Jesper!AN302</f>
        <v>170.79648570099445</v>
      </c>
      <c r="E308" s="58">
        <f>Jesper!AO302</f>
        <v>6.387270573627128</v>
      </c>
      <c r="F308" s="58">
        <f>Jesper!AP302</f>
        <v>3.193635286813564</v>
      </c>
      <c r="G308" s="57">
        <f>Jesper!AQ302</f>
        <v>0</v>
      </c>
      <c r="H308" s="43">
        <v>301</v>
      </c>
      <c r="I308" s="55">
        <f>Bühler!I334</f>
        <v>10.410099426620103</v>
      </c>
      <c r="J308" s="58">
        <f>Bühler!J334</f>
        <v>79.757501651084922</v>
      </c>
      <c r="K308" s="58">
        <f>Bühler!K334</f>
        <v>4.0485354750331703</v>
      </c>
      <c r="L308" s="58">
        <f>Bühler!L334</f>
        <v>2.0242677375165852</v>
      </c>
      <c r="M308" s="57">
        <f>Bühler!M334</f>
        <v>0</v>
      </c>
      <c r="N308" s="55">
        <f>IF(Input!$K$13=1,J308*Input!$J$13,0)+IF(Input!$K$14=1,K308*Input!$J$14,0)+IF(Input!$K$15=1,L308*Input!$J$15,0)+IF(Input!$K$16=1,M308*Input!$J$16,0)</f>
        <v>9.5709001981301896</v>
      </c>
      <c r="O308" s="58">
        <f>IF(Input!$K$13=2,J308*Input!$J$13,0)+IF(Input!$K$14=2,K308*Input!$J$14,0)+IF(Input!$K$15=2,L308*Input!$J$15,0)+IF(Input!$K$16=2,M308*Input!$J$16,0)</f>
        <v>0.54655228912947795</v>
      </c>
      <c r="P308" s="58">
        <f>IF(Input!$K$13=3,J308*Input!$J$13,0)+IF(Input!$K$14=3,K308*Input!$J$14,0)+IF(Input!$K$15=3,L308*Input!$J$15,0)+IF(Input!$K$16=3,M308*Input!$J$16,0)</f>
        <v>0</v>
      </c>
      <c r="Q308" s="71">
        <f>IF(Input!$K$13=4,J308*Input!$J$13,0)+IF(Input!$K$14=4,K308*Input!$J$14,0)+IF(Input!$K$15=4,L308*Input!$J$15,0)+IF(Input!$K$16=4,M308*Input!$J$16,0)</f>
        <v>0</v>
      </c>
    </row>
    <row r="309" spans="2:17" x14ac:dyDescent="0.25">
      <c r="B309" s="43">
        <v>302</v>
      </c>
      <c r="C309" s="55">
        <f>Jesper!AM303</f>
        <v>46.259768414022481</v>
      </c>
      <c r="D309" s="58">
        <f>Jesper!AN303</f>
        <v>221.24283058243114</v>
      </c>
      <c r="E309" s="58">
        <f>Jesper!AO303</f>
        <v>7.1836521338043919</v>
      </c>
      <c r="F309" s="58">
        <f>Jesper!AP303</f>
        <v>3.591826066902196</v>
      </c>
      <c r="G309" s="57">
        <f>Jesper!AQ303</f>
        <v>0</v>
      </c>
      <c r="H309" s="43">
        <v>302</v>
      </c>
      <c r="I309" s="55">
        <f>Bühler!I335</f>
        <v>7.2069919107369955</v>
      </c>
      <c r="J309" s="58">
        <f>Bühler!J335</f>
        <v>55.216731912289561</v>
      </c>
      <c r="K309" s="58">
        <f>Bühler!K335</f>
        <v>2.8028322519460409</v>
      </c>
      <c r="L309" s="58">
        <f>Bühler!L335</f>
        <v>1.4014161259730205</v>
      </c>
      <c r="M309" s="57">
        <f>Bühler!M335</f>
        <v>0</v>
      </c>
      <c r="N309" s="55">
        <f>IF(Input!$K$13=1,J309*Input!$J$13,0)+IF(Input!$K$14=1,K309*Input!$J$14,0)+IF(Input!$K$15=1,L309*Input!$J$15,0)+IF(Input!$K$16=1,M309*Input!$J$16,0)</f>
        <v>6.6260078294747471</v>
      </c>
      <c r="O309" s="58">
        <f>IF(Input!$K$13=2,J309*Input!$J$13,0)+IF(Input!$K$14=2,K309*Input!$J$14,0)+IF(Input!$K$15=2,L309*Input!$J$15,0)+IF(Input!$K$16=2,M309*Input!$J$16,0)</f>
        <v>0.37838235401271553</v>
      </c>
      <c r="P309" s="58">
        <f>IF(Input!$K$13=3,J309*Input!$J$13,0)+IF(Input!$K$14=3,K309*Input!$J$14,0)+IF(Input!$K$15=3,L309*Input!$J$15,0)+IF(Input!$K$16=3,M309*Input!$J$16,0)</f>
        <v>0</v>
      </c>
      <c r="Q309" s="71">
        <f>IF(Input!$K$13=4,J309*Input!$J$13,0)+IF(Input!$K$14=4,K309*Input!$J$14,0)+IF(Input!$K$15=4,L309*Input!$J$15,0)+IF(Input!$K$16=4,M309*Input!$J$16,0)</f>
        <v>0</v>
      </c>
    </row>
    <row r="310" spans="2:17" x14ac:dyDescent="0.25">
      <c r="B310" s="43">
        <v>303</v>
      </c>
      <c r="C310" s="55">
        <f>Jesper!AM304</f>
        <v>43.107103417546952</v>
      </c>
      <c r="D310" s="58">
        <f>Jesper!AN304</f>
        <v>647.55689552432329</v>
      </c>
      <c r="E310" s="58">
        <f>Jesper!AO304</f>
        <v>39.88374941935048</v>
      </c>
      <c r="F310" s="58">
        <f>Jesper!AP304</f>
        <v>19.94187470967524</v>
      </c>
      <c r="G310" s="57">
        <f>Jesper!AQ304</f>
        <v>0</v>
      </c>
      <c r="H310" s="43">
        <v>303</v>
      </c>
      <c r="I310" s="55">
        <f>Bühler!I336</f>
        <v>10.410099426620103</v>
      </c>
      <c r="J310" s="58">
        <f>Bühler!J336</f>
        <v>79.757501651084922</v>
      </c>
      <c r="K310" s="58">
        <f>Bühler!K336</f>
        <v>4.0485354750331703</v>
      </c>
      <c r="L310" s="58">
        <f>Bühler!L336</f>
        <v>2.0242677375165852</v>
      </c>
      <c r="M310" s="57">
        <f>Bühler!M336</f>
        <v>0</v>
      </c>
      <c r="N310" s="55">
        <f>IF(Input!$K$13=1,J310*Input!$J$13,0)+IF(Input!$K$14=1,K310*Input!$J$14,0)+IF(Input!$K$15=1,L310*Input!$J$15,0)+IF(Input!$K$16=1,M310*Input!$J$16,0)</f>
        <v>9.5709001981301896</v>
      </c>
      <c r="O310" s="58">
        <f>IF(Input!$K$13=2,J310*Input!$J$13,0)+IF(Input!$K$14=2,K310*Input!$J$14,0)+IF(Input!$K$15=2,L310*Input!$J$15,0)+IF(Input!$K$16=2,M310*Input!$J$16,0)</f>
        <v>0.54655228912947795</v>
      </c>
      <c r="P310" s="58">
        <f>IF(Input!$K$13=3,J310*Input!$J$13,0)+IF(Input!$K$14=3,K310*Input!$J$14,0)+IF(Input!$K$15=3,L310*Input!$J$15,0)+IF(Input!$K$16=3,M310*Input!$J$16,0)</f>
        <v>0</v>
      </c>
      <c r="Q310" s="71">
        <f>IF(Input!$K$13=4,J310*Input!$J$13,0)+IF(Input!$K$14=4,K310*Input!$J$14,0)+IF(Input!$K$15=4,L310*Input!$J$15,0)+IF(Input!$K$16=4,M310*Input!$J$16,0)</f>
        <v>0</v>
      </c>
    </row>
    <row r="311" spans="2:17" x14ac:dyDescent="0.25">
      <c r="B311" s="43">
        <v>304</v>
      </c>
      <c r="C311" s="55">
        <f>Jesper!AM305</f>
        <v>25.759658719394732</v>
      </c>
      <c r="D311" s="58">
        <f>Jesper!AN305</f>
        <v>574.08834754355462</v>
      </c>
      <c r="E311" s="58">
        <f>Jesper!AO305</f>
        <v>39.244367903740873</v>
      </c>
      <c r="F311" s="58">
        <f>Jesper!AP305</f>
        <v>19.622183951870436</v>
      </c>
      <c r="G311" s="57">
        <f>Jesper!AQ305</f>
        <v>0</v>
      </c>
      <c r="H311" s="43">
        <v>304</v>
      </c>
      <c r="I311" s="55">
        <f>Bühler!I337</f>
        <v>8.8085456686785495</v>
      </c>
      <c r="J311" s="58">
        <f>Bühler!J337</f>
        <v>62.219432632540084</v>
      </c>
      <c r="K311" s="58">
        <f>Bühler!K337</f>
        <v>3.1142580577178234</v>
      </c>
      <c r="L311" s="58">
        <f>Bühler!L337</f>
        <v>1.5571290288589117</v>
      </c>
      <c r="M311" s="57">
        <f>Bühler!M337</f>
        <v>0</v>
      </c>
      <c r="N311" s="55">
        <f>IF(Input!$K$13=1,J311*Input!$J$13,0)+IF(Input!$K$14=1,K311*Input!$J$14,0)+IF(Input!$K$15=1,L311*Input!$J$15,0)+IF(Input!$K$16=1,M311*Input!$J$16,0)</f>
        <v>7.46633191590481</v>
      </c>
      <c r="O311" s="58">
        <f>IF(Input!$K$13=2,J311*Input!$J$13,0)+IF(Input!$K$14=2,K311*Input!$J$14,0)+IF(Input!$K$15=2,L311*Input!$J$15,0)+IF(Input!$K$16=2,M311*Input!$J$16,0)</f>
        <v>0.42042483779190615</v>
      </c>
      <c r="P311" s="58">
        <f>IF(Input!$K$13=3,J311*Input!$J$13,0)+IF(Input!$K$14=3,K311*Input!$J$14,0)+IF(Input!$K$15=3,L311*Input!$J$15,0)+IF(Input!$K$16=3,M311*Input!$J$16,0)</f>
        <v>0</v>
      </c>
      <c r="Q311" s="71">
        <f>IF(Input!$K$13=4,J311*Input!$J$13,0)+IF(Input!$K$14=4,K311*Input!$J$14,0)+IF(Input!$K$15=4,L311*Input!$J$15,0)+IF(Input!$K$16=4,M311*Input!$J$16,0)</f>
        <v>0</v>
      </c>
    </row>
    <row r="312" spans="2:17" x14ac:dyDescent="0.25">
      <c r="B312" s="43">
        <v>305</v>
      </c>
      <c r="C312" s="55">
        <f>Jesper!AM306</f>
        <v>25.231843977225573</v>
      </c>
      <c r="D312" s="58">
        <f>Jesper!AN306</f>
        <v>568.54604979489227</v>
      </c>
      <c r="E312" s="58">
        <f>Jesper!AO306</f>
        <v>39.186242311412734</v>
      </c>
      <c r="F312" s="58">
        <f>Jesper!AP306</f>
        <v>19.593121155706367</v>
      </c>
      <c r="G312" s="57">
        <f>Jesper!AQ306</f>
        <v>0</v>
      </c>
      <c r="H312" s="43">
        <v>305</v>
      </c>
      <c r="I312" s="55">
        <f>Bühler!I338</f>
        <v>7.6264464663883542</v>
      </c>
      <c r="J312" s="58">
        <f>Bühler!J338</f>
        <v>32.992895170264219</v>
      </c>
      <c r="K312" s="58">
        <f>Bühler!K338</f>
        <v>1.4620929848440485</v>
      </c>
      <c r="L312" s="58">
        <f>Bühler!L338</f>
        <v>0.73104649242202424</v>
      </c>
      <c r="M312" s="57">
        <f>Bühler!M338</f>
        <v>0</v>
      </c>
      <c r="N312" s="55">
        <f>IF(Input!$K$13=1,J312*Input!$J$13,0)+IF(Input!$K$14=1,K312*Input!$J$14,0)+IF(Input!$K$15=1,L312*Input!$J$15,0)+IF(Input!$K$16=1,M312*Input!$J$16,0)</f>
        <v>3.9591474204317061</v>
      </c>
      <c r="O312" s="58">
        <f>IF(Input!$K$13=2,J312*Input!$J$13,0)+IF(Input!$K$14=2,K312*Input!$J$14,0)+IF(Input!$K$15=2,L312*Input!$J$15,0)+IF(Input!$K$16=2,M312*Input!$J$16,0)</f>
        <v>0.19738255295394652</v>
      </c>
      <c r="P312" s="58">
        <f>IF(Input!$K$13=3,J312*Input!$J$13,0)+IF(Input!$K$14=3,K312*Input!$J$14,0)+IF(Input!$K$15=3,L312*Input!$J$15,0)+IF(Input!$K$16=3,M312*Input!$J$16,0)</f>
        <v>0</v>
      </c>
      <c r="Q312" s="71">
        <f>IF(Input!$K$13=4,J312*Input!$J$13,0)+IF(Input!$K$14=4,K312*Input!$J$14,0)+IF(Input!$K$15=4,L312*Input!$J$15,0)+IF(Input!$K$16=4,M312*Input!$J$16,0)</f>
        <v>0</v>
      </c>
    </row>
    <row r="313" spans="2:17" x14ac:dyDescent="0.25">
      <c r="B313" s="43">
        <v>306</v>
      </c>
      <c r="C313" s="55">
        <f>Jesper!AM307</f>
        <v>28.662639801325131</v>
      </c>
      <c r="D313" s="58">
        <f>Jesper!AN307</f>
        <v>604.57098516119777</v>
      </c>
      <c r="E313" s="58">
        <f>Jesper!AO307</f>
        <v>39.564058661545687</v>
      </c>
      <c r="F313" s="58">
        <f>Jesper!AP307</f>
        <v>19.782029330772843</v>
      </c>
      <c r="G313" s="57">
        <f>Jesper!AQ307</f>
        <v>0</v>
      </c>
      <c r="H313" s="43">
        <v>306</v>
      </c>
      <c r="I313" s="55">
        <f>Bühler!I339</f>
        <v>6.4062150317662176</v>
      </c>
      <c r="J313" s="58">
        <f>Bühler!J339</f>
        <v>23.262467873320119</v>
      </c>
      <c r="K313" s="58">
        <f>Bühler!K339</f>
        <v>0.96498136999707196</v>
      </c>
      <c r="L313" s="58">
        <f>Bühler!L339</f>
        <v>0.48249068499853598</v>
      </c>
      <c r="M313" s="57">
        <f>Bühler!M339</f>
        <v>0</v>
      </c>
      <c r="N313" s="55">
        <f>IF(Input!$K$13=1,J313*Input!$J$13,0)+IF(Input!$K$14=1,K313*Input!$J$14,0)+IF(Input!$K$15=1,L313*Input!$J$15,0)+IF(Input!$K$16=1,M313*Input!$J$16,0)</f>
        <v>2.7914961447984141</v>
      </c>
      <c r="O313" s="58">
        <f>IF(Input!$K$13=2,J313*Input!$J$13,0)+IF(Input!$K$14=2,K313*Input!$J$14,0)+IF(Input!$K$15=2,L313*Input!$J$15,0)+IF(Input!$K$16=2,M313*Input!$J$16,0)</f>
        <v>0.13027248494960472</v>
      </c>
      <c r="P313" s="58">
        <f>IF(Input!$K$13=3,J313*Input!$J$13,0)+IF(Input!$K$14=3,K313*Input!$J$14,0)+IF(Input!$K$15=3,L313*Input!$J$15,0)+IF(Input!$K$16=3,M313*Input!$J$16,0)</f>
        <v>0</v>
      </c>
      <c r="Q313" s="71">
        <f>IF(Input!$K$13=4,J313*Input!$J$13,0)+IF(Input!$K$14=4,K313*Input!$J$14,0)+IF(Input!$K$15=4,L313*Input!$J$15,0)+IF(Input!$K$16=4,M313*Input!$J$16,0)</f>
        <v>0</v>
      </c>
    </row>
    <row r="314" spans="2:17" x14ac:dyDescent="0.25">
      <c r="B314" s="43">
        <v>307</v>
      </c>
      <c r="C314" s="55">
        <f>Jesper!AM308</f>
        <v>60.607005765278743</v>
      </c>
      <c r="D314" s="58">
        <f>Jesper!AN308</f>
        <v>686.39711684628253</v>
      </c>
      <c r="E314" s="58">
        <f>Jesper!AO308</f>
        <v>40.116251788663057</v>
      </c>
      <c r="F314" s="58">
        <f>Jesper!AP308</f>
        <v>20.058125894331528</v>
      </c>
      <c r="G314" s="57">
        <f>Jesper!AQ308</f>
        <v>0</v>
      </c>
      <c r="H314" s="43">
        <v>307</v>
      </c>
      <c r="I314" s="55">
        <f>Bühler!I340</f>
        <v>2.3641984045803897</v>
      </c>
      <c r="J314" s="58">
        <f>Bühler!J340</f>
        <v>12.948197767599693</v>
      </c>
      <c r="K314" s="58">
        <f>Bühler!K340</f>
        <v>0.61407905363450033</v>
      </c>
      <c r="L314" s="58">
        <f>Bühler!L340</f>
        <v>0.30703952681725016</v>
      </c>
      <c r="M314" s="57">
        <f>Bühler!M340</f>
        <v>0</v>
      </c>
      <c r="N314" s="55">
        <f>IF(Input!$K$13=1,J314*Input!$J$13,0)+IF(Input!$K$14=1,K314*Input!$J$14,0)+IF(Input!$K$15=1,L314*Input!$J$15,0)+IF(Input!$K$16=1,M314*Input!$J$16,0)</f>
        <v>1.553783732111963</v>
      </c>
      <c r="O314" s="58">
        <f>IF(Input!$K$13=2,J314*Input!$J$13,0)+IF(Input!$K$14=2,K314*Input!$J$14,0)+IF(Input!$K$15=2,L314*Input!$J$15,0)+IF(Input!$K$16=2,M314*Input!$J$16,0)</f>
        <v>8.2900672240657544E-2</v>
      </c>
      <c r="P314" s="58">
        <f>IF(Input!$K$13=3,J314*Input!$J$13,0)+IF(Input!$K$14=3,K314*Input!$J$14,0)+IF(Input!$K$15=3,L314*Input!$J$15,0)+IF(Input!$K$16=3,M314*Input!$J$16,0)</f>
        <v>0</v>
      </c>
      <c r="Q314" s="71">
        <f>IF(Input!$K$13=4,J314*Input!$J$13,0)+IF(Input!$K$14=4,K314*Input!$J$14,0)+IF(Input!$K$15=4,L314*Input!$J$15,0)+IF(Input!$K$16=4,M314*Input!$J$16,0)</f>
        <v>0</v>
      </c>
    </row>
    <row r="315" spans="2:17" x14ac:dyDescent="0.25">
      <c r="B315" s="43">
        <v>308</v>
      </c>
      <c r="C315" s="55">
        <f>Jesper!AM309</f>
        <v>60.717793303518448</v>
      </c>
      <c r="D315" s="58">
        <f>Jesper!AN309</f>
        <v>254.8737271700555</v>
      </c>
      <c r="E315" s="58">
        <f>Jesper!AO309</f>
        <v>7.7145731739225676</v>
      </c>
      <c r="F315" s="58">
        <f>Jesper!AP309</f>
        <v>3.8572865869612838</v>
      </c>
      <c r="G315" s="57">
        <f>Jesper!AQ309</f>
        <v>0</v>
      </c>
      <c r="H315" s="43">
        <v>308</v>
      </c>
      <c r="I315" s="55">
        <f>Bühler!I341</f>
        <v>2.3641984045803897</v>
      </c>
      <c r="J315" s="58">
        <f>Bühler!J341</f>
        <v>12.453579537632823</v>
      </c>
      <c r="K315" s="58">
        <f>Bühler!K341</f>
        <v>0.58483719393761946</v>
      </c>
      <c r="L315" s="58">
        <f>Bühler!L341</f>
        <v>0.29241859696880973</v>
      </c>
      <c r="M315" s="57">
        <f>Bühler!M341</f>
        <v>0</v>
      </c>
      <c r="N315" s="55">
        <f>IF(Input!$K$13=1,J315*Input!$J$13,0)+IF(Input!$K$14=1,K315*Input!$J$14,0)+IF(Input!$K$15=1,L315*Input!$J$15,0)+IF(Input!$K$16=1,M315*Input!$J$16,0)</f>
        <v>1.4944295445159388</v>
      </c>
      <c r="O315" s="58">
        <f>IF(Input!$K$13=2,J315*Input!$J$13,0)+IF(Input!$K$14=2,K315*Input!$J$14,0)+IF(Input!$K$15=2,L315*Input!$J$15,0)+IF(Input!$K$16=2,M315*Input!$J$16,0)</f>
        <v>7.8953021181578625E-2</v>
      </c>
      <c r="P315" s="58">
        <f>IF(Input!$K$13=3,J315*Input!$J$13,0)+IF(Input!$K$14=3,K315*Input!$J$14,0)+IF(Input!$K$15=3,L315*Input!$J$15,0)+IF(Input!$K$16=3,M315*Input!$J$16,0)</f>
        <v>0</v>
      </c>
      <c r="Q315" s="71">
        <f>IF(Input!$K$13=4,J315*Input!$J$13,0)+IF(Input!$K$14=4,K315*Input!$J$14,0)+IF(Input!$K$15=4,L315*Input!$J$15,0)+IF(Input!$K$16=4,M315*Input!$J$16,0)</f>
        <v>0</v>
      </c>
    </row>
    <row r="316" spans="2:17" x14ac:dyDescent="0.25">
      <c r="B316" s="43">
        <v>309</v>
      </c>
      <c r="C316" s="55">
        <f>Jesper!AM310</f>
        <v>46.259768414022481</v>
      </c>
      <c r="D316" s="58">
        <f>Jesper!AN310</f>
        <v>221.24283058243114</v>
      </c>
      <c r="E316" s="58">
        <f>Jesper!AO310</f>
        <v>7.1836521338043919</v>
      </c>
      <c r="F316" s="58">
        <f>Jesper!AP310</f>
        <v>3.591826066902196</v>
      </c>
      <c r="G316" s="57">
        <f>Jesper!AQ310</f>
        <v>0</v>
      </c>
      <c r="H316" s="43">
        <v>309</v>
      </c>
      <c r="I316" s="55">
        <f>Bühler!I342</f>
        <v>2.3641984045803897</v>
      </c>
      <c r="J316" s="58">
        <f>Bühler!J342</f>
        <v>12.453579537632823</v>
      </c>
      <c r="K316" s="58">
        <f>Bühler!K342</f>
        <v>0.58483719393761946</v>
      </c>
      <c r="L316" s="58">
        <f>Bühler!L342</f>
        <v>0.29241859696880973</v>
      </c>
      <c r="M316" s="57">
        <f>Bühler!M342</f>
        <v>0</v>
      </c>
      <c r="N316" s="55">
        <f>IF(Input!$K$13=1,J316*Input!$J$13,0)+IF(Input!$K$14=1,K316*Input!$J$14,0)+IF(Input!$K$15=1,L316*Input!$J$15,0)+IF(Input!$K$16=1,M316*Input!$J$16,0)</f>
        <v>1.4944295445159388</v>
      </c>
      <c r="O316" s="58">
        <f>IF(Input!$K$13=2,J316*Input!$J$13,0)+IF(Input!$K$14=2,K316*Input!$J$14,0)+IF(Input!$K$15=2,L316*Input!$J$15,0)+IF(Input!$K$16=2,M316*Input!$J$16,0)</f>
        <v>7.8953021181578625E-2</v>
      </c>
      <c r="P316" s="58">
        <f>IF(Input!$K$13=3,J316*Input!$J$13,0)+IF(Input!$K$14=3,K316*Input!$J$14,0)+IF(Input!$K$15=3,L316*Input!$J$15,0)+IF(Input!$K$16=3,M316*Input!$J$16,0)</f>
        <v>0</v>
      </c>
      <c r="Q316" s="71">
        <f>IF(Input!$K$13=4,J316*Input!$J$13,0)+IF(Input!$K$14=4,K316*Input!$J$14,0)+IF(Input!$K$15=4,L316*Input!$J$15,0)+IF(Input!$K$16=4,M316*Input!$J$16,0)</f>
        <v>0</v>
      </c>
    </row>
    <row r="317" spans="2:17" x14ac:dyDescent="0.25">
      <c r="B317" s="43">
        <v>310</v>
      </c>
      <c r="C317" s="55">
        <f>Jesper!AM311</f>
        <v>26.023566090479314</v>
      </c>
      <c r="D317" s="58">
        <f>Jesper!AN311</f>
        <v>576.85949641788579</v>
      </c>
      <c r="E317" s="58">
        <f>Jesper!AO311</f>
        <v>39.273430699904949</v>
      </c>
      <c r="F317" s="58">
        <f>Jesper!AP311</f>
        <v>19.636715349952475</v>
      </c>
      <c r="G317" s="57">
        <f>Jesper!AQ311</f>
        <v>0</v>
      </c>
      <c r="H317" s="43">
        <v>310</v>
      </c>
      <c r="I317" s="55">
        <f>Bühler!I343</f>
        <v>2.3641984045803897</v>
      </c>
      <c r="J317" s="58">
        <f>Bühler!J343</f>
        <v>12.453579537632823</v>
      </c>
      <c r="K317" s="58">
        <f>Bühler!K343</f>
        <v>0.58483719393761946</v>
      </c>
      <c r="L317" s="58">
        <f>Bühler!L343</f>
        <v>0.29241859696880973</v>
      </c>
      <c r="M317" s="57">
        <f>Bühler!M343</f>
        <v>0</v>
      </c>
      <c r="N317" s="55">
        <f>IF(Input!$K$13=1,J317*Input!$J$13,0)+IF(Input!$K$14=1,K317*Input!$J$14,0)+IF(Input!$K$15=1,L317*Input!$J$15,0)+IF(Input!$K$16=1,M317*Input!$J$16,0)</f>
        <v>1.4944295445159388</v>
      </c>
      <c r="O317" s="58">
        <f>IF(Input!$K$13=2,J317*Input!$J$13,0)+IF(Input!$K$14=2,K317*Input!$J$14,0)+IF(Input!$K$15=2,L317*Input!$J$15,0)+IF(Input!$K$16=2,M317*Input!$J$16,0)</f>
        <v>7.8953021181578625E-2</v>
      </c>
      <c r="P317" s="58">
        <f>IF(Input!$K$13=3,J317*Input!$J$13,0)+IF(Input!$K$14=3,K317*Input!$J$14,0)+IF(Input!$K$15=3,L317*Input!$J$15,0)+IF(Input!$K$16=3,M317*Input!$J$16,0)</f>
        <v>0</v>
      </c>
      <c r="Q317" s="71">
        <f>IF(Input!$K$13=4,J317*Input!$J$13,0)+IF(Input!$K$14=4,K317*Input!$J$14,0)+IF(Input!$K$15=4,L317*Input!$J$15,0)+IF(Input!$K$16=4,M317*Input!$J$16,0)</f>
        <v>0</v>
      </c>
    </row>
    <row r="318" spans="2:17" x14ac:dyDescent="0.25">
      <c r="B318" s="43">
        <v>311</v>
      </c>
      <c r="C318" s="55">
        <f>Jesper!AM312</f>
        <v>75.919420319544059</v>
      </c>
      <c r="D318" s="58">
        <f>Jesper!AN312</f>
        <v>720.38231050299692</v>
      </c>
      <c r="E318" s="58">
        <f>Jesper!AO312</f>
        <v>40.319691361811564</v>
      </c>
      <c r="F318" s="58">
        <f>Jesper!AP312</f>
        <v>20.159845680905782</v>
      </c>
      <c r="G318" s="57">
        <f>Jesper!AQ312</f>
        <v>0</v>
      </c>
      <c r="H318" s="43">
        <v>311</v>
      </c>
      <c r="I318" s="55">
        <f>Bühler!I344</f>
        <v>2.3641984045803897</v>
      </c>
      <c r="J318" s="58">
        <f>Bühler!J344</f>
        <v>12.453579537632823</v>
      </c>
      <c r="K318" s="58">
        <f>Bühler!K344</f>
        <v>0.58483719393761946</v>
      </c>
      <c r="L318" s="58">
        <f>Bühler!L344</f>
        <v>0.29241859696880973</v>
      </c>
      <c r="M318" s="57">
        <f>Bühler!M344</f>
        <v>0</v>
      </c>
      <c r="N318" s="55">
        <f>IF(Input!$K$13=1,J318*Input!$J$13,0)+IF(Input!$K$14=1,K318*Input!$J$14,0)+IF(Input!$K$15=1,L318*Input!$J$15,0)+IF(Input!$K$16=1,M318*Input!$J$16,0)</f>
        <v>1.4944295445159388</v>
      </c>
      <c r="O318" s="58">
        <f>IF(Input!$K$13=2,J318*Input!$J$13,0)+IF(Input!$K$14=2,K318*Input!$J$14,0)+IF(Input!$K$15=2,L318*Input!$J$15,0)+IF(Input!$K$16=2,M318*Input!$J$16,0)</f>
        <v>7.8953021181578625E-2</v>
      </c>
      <c r="P318" s="58">
        <f>IF(Input!$K$13=3,J318*Input!$J$13,0)+IF(Input!$K$14=3,K318*Input!$J$14,0)+IF(Input!$K$15=3,L318*Input!$J$15,0)+IF(Input!$K$16=3,M318*Input!$J$16,0)</f>
        <v>0</v>
      </c>
      <c r="Q318" s="71">
        <f>IF(Input!$K$13=4,J318*Input!$J$13,0)+IF(Input!$K$14=4,K318*Input!$J$14,0)+IF(Input!$K$15=4,L318*Input!$J$15,0)+IF(Input!$K$16=4,M318*Input!$J$16,0)</f>
        <v>0</v>
      </c>
    </row>
    <row r="319" spans="2:17" x14ac:dyDescent="0.25">
      <c r="B319" s="43">
        <v>312</v>
      </c>
      <c r="C319" s="55">
        <f>Jesper!AM313</f>
        <v>67.169469145678192</v>
      </c>
      <c r="D319" s="58">
        <f>Jesper!AN313</f>
        <v>700.9621998420173</v>
      </c>
      <c r="E319" s="58">
        <f>Jesper!AO313</f>
        <v>40.203440177155279</v>
      </c>
      <c r="F319" s="58">
        <f>Jesper!AP313</f>
        <v>20.10172008857764</v>
      </c>
      <c r="G319" s="57">
        <f>Jesper!AQ313</f>
        <v>0</v>
      </c>
      <c r="H319" s="43">
        <v>312</v>
      </c>
      <c r="I319" s="55">
        <f>Bühler!I345</f>
        <v>2.3641984045803897</v>
      </c>
      <c r="J319" s="58">
        <f>Bühler!J345</f>
        <v>12.453579537632823</v>
      </c>
      <c r="K319" s="58">
        <f>Bühler!K345</f>
        <v>0.58483719393761946</v>
      </c>
      <c r="L319" s="58">
        <f>Bühler!L345</f>
        <v>0.29241859696880973</v>
      </c>
      <c r="M319" s="57">
        <f>Bühler!M345</f>
        <v>0</v>
      </c>
      <c r="N319" s="55">
        <f>IF(Input!$K$13=1,J319*Input!$J$13,0)+IF(Input!$K$14=1,K319*Input!$J$14,0)+IF(Input!$K$15=1,L319*Input!$J$15,0)+IF(Input!$K$16=1,M319*Input!$J$16,0)</f>
        <v>1.4944295445159388</v>
      </c>
      <c r="O319" s="58">
        <f>IF(Input!$K$13=2,J319*Input!$J$13,0)+IF(Input!$K$14=2,K319*Input!$J$14,0)+IF(Input!$K$15=2,L319*Input!$J$15,0)+IF(Input!$K$16=2,M319*Input!$J$16,0)</f>
        <v>7.8953021181578625E-2</v>
      </c>
      <c r="P319" s="58">
        <f>IF(Input!$K$13=3,J319*Input!$J$13,0)+IF(Input!$K$14=3,K319*Input!$J$14,0)+IF(Input!$K$15=3,L319*Input!$J$15,0)+IF(Input!$K$16=3,M319*Input!$J$16,0)</f>
        <v>0</v>
      </c>
      <c r="Q319" s="71">
        <f>IF(Input!$K$13=4,J319*Input!$J$13,0)+IF(Input!$K$14=4,K319*Input!$J$14,0)+IF(Input!$K$15=4,L319*Input!$J$15,0)+IF(Input!$K$16=4,M319*Input!$J$16,0)</f>
        <v>0</v>
      </c>
    </row>
    <row r="320" spans="2:17" x14ac:dyDescent="0.25">
      <c r="B320" s="43">
        <v>313</v>
      </c>
      <c r="C320" s="55">
        <f>Jesper!AM314</f>
        <v>141.54405412353836</v>
      </c>
      <c r="D320" s="58">
        <f>Jesper!AN314</f>
        <v>866.03314046034438</v>
      </c>
      <c r="E320" s="58">
        <f>Jesper!AO314</f>
        <v>41.191575246733748</v>
      </c>
      <c r="F320" s="58">
        <f>Jesper!AP314</f>
        <v>20.595787623366874</v>
      </c>
      <c r="G320" s="57">
        <f>Jesper!AQ314</f>
        <v>0</v>
      </c>
      <c r="H320" s="43">
        <v>313</v>
      </c>
      <c r="I320" s="55">
        <f>Bühler!I346</f>
        <v>1.1468463302512348</v>
      </c>
      <c r="J320" s="58">
        <f>Bühler!J346</f>
        <v>12.17751680638807</v>
      </c>
      <c r="K320" s="58">
        <f>Bühler!K346</f>
        <v>0.37123868925602194</v>
      </c>
      <c r="L320" s="58">
        <f>Bühler!L346</f>
        <v>0.18561934462801097</v>
      </c>
      <c r="M320" s="57">
        <f>Bühler!M346</f>
        <v>0</v>
      </c>
      <c r="N320" s="55">
        <f>IF(Input!$K$13=1,J320*Input!$J$13,0)+IF(Input!$K$14=1,K320*Input!$J$14,0)+IF(Input!$K$15=1,L320*Input!$J$15,0)+IF(Input!$K$16=1,M320*Input!$J$16,0)</f>
        <v>1.4613020167665682</v>
      </c>
      <c r="O320" s="58">
        <f>IF(Input!$K$13=2,J320*Input!$J$13,0)+IF(Input!$K$14=2,K320*Input!$J$14,0)+IF(Input!$K$15=2,L320*Input!$J$15,0)+IF(Input!$K$16=2,M320*Input!$J$16,0)</f>
        <v>5.011722304956296E-2</v>
      </c>
      <c r="P320" s="58">
        <f>IF(Input!$K$13=3,J320*Input!$J$13,0)+IF(Input!$K$14=3,K320*Input!$J$14,0)+IF(Input!$K$15=3,L320*Input!$J$15,0)+IF(Input!$K$16=3,M320*Input!$J$16,0)</f>
        <v>0</v>
      </c>
      <c r="Q320" s="71">
        <f>IF(Input!$K$13=4,J320*Input!$J$13,0)+IF(Input!$K$14=4,K320*Input!$J$14,0)+IF(Input!$K$15=4,L320*Input!$J$15,0)+IF(Input!$K$16=4,M320*Input!$J$16,0)</f>
        <v>0</v>
      </c>
    </row>
    <row r="321" spans="2:17" x14ac:dyDescent="0.25">
      <c r="B321" s="43">
        <v>314</v>
      </c>
      <c r="C321" s="55">
        <f>Jesper!AM315</f>
        <v>121.85666398234007</v>
      </c>
      <c r="D321" s="58">
        <f>Jesper!AN315</f>
        <v>822.3378914731403</v>
      </c>
      <c r="E321" s="58">
        <f>Jesper!AO315</f>
        <v>40.930010081257102</v>
      </c>
      <c r="F321" s="58">
        <f>Jesper!AP315</f>
        <v>20.465005040628551</v>
      </c>
      <c r="G321" s="57">
        <f>Jesper!AQ315</f>
        <v>0</v>
      </c>
      <c r="H321" s="43">
        <v>314</v>
      </c>
      <c r="I321" s="55">
        <f>Bühler!I347</f>
        <v>2.2390809304905064</v>
      </c>
      <c r="J321" s="58">
        <f>Bühler!J347</f>
        <v>11.460542044915355</v>
      </c>
      <c r="K321" s="58">
        <f>Bühler!K347</f>
        <v>0.33411482033041978</v>
      </c>
      <c r="L321" s="58">
        <f>Bühler!L347</f>
        <v>0.16705741016520989</v>
      </c>
      <c r="M321" s="57">
        <f>Bühler!M347</f>
        <v>0</v>
      </c>
      <c r="N321" s="55">
        <f>IF(Input!$K$13=1,J321*Input!$J$13,0)+IF(Input!$K$14=1,K321*Input!$J$14,0)+IF(Input!$K$15=1,L321*Input!$J$15,0)+IF(Input!$K$16=1,M321*Input!$J$16,0)</f>
        <v>1.3752650453898425</v>
      </c>
      <c r="O321" s="58">
        <f>IF(Input!$K$13=2,J321*Input!$J$13,0)+IF(Input!$K$14=2,K321*Input!$J$14,0)+IF(Input!$K$15=2,L321*Input!$J$15,0)+IF(Input!$K$16=2,M321*Input!$J$16,0)</f>
        <v>4.5105500744606675E-2</v>
      </c>
      <c r="P321" s="58">
        <f>IF(Input!$K$13=3,J321*Input!$J$13,0)+IF(Input!$K$14=3,K321*Input!$J$14,0)+IF(Input!$K$15=3,L321*Input!$J$15,0)+IF(Input!$K$16=3,M321*Input!$J$16,0)</f>
        <v>0</v>
      </c>
      <c r="Q321" s="71">
        <f>IF(Input!$K$13=4,J321*Input!$J$13,0)+IF(Input!$K$14=4,K321*Input!$J$14,0)+IF(Input!$K$15=4,L321*Input!$J$15,0)+IF(Input!$K$16=4,M321*Input!$J$16,0)</f>
        <v>0</v>
      </c>
    </row>
    <row r="322" spans="2:17" x14ac:dyDescent="0.25">
      <c r="B322" s="43">
        <v>315</v>
      </c>
      <c r="C322" s="55">
        <f>Jesper!AM316</f>
        <v>71.044953938872723</v>
      </c>
      <c r="D322" s="58">
        <f>Jesper!AN316</f>
        <v>278.89579616121574</v>
      </c>
      <c r="E322" s="58">
        <f>Jesper!AO316</f>
        <v>8.0938024882926918</v>
      </c>
      <c r="F322" s="58">
        <f>Jesper!AP316</f>
        <v>4.0469012441463459</v>
      </c>
      <c r="G322" s="57">
        <f>Jesper!AQ316</f>
        <v>0</v>
      </c>
      <c r="H322" s="43">
        <v>315</v>
      </c>
      <c r="I322" s="55">
        <f>Bühler!I348</f>
        <v>2.2390809304905064</v>
      </c>
      <c r="J322" s="58">
        <f>Bühler!J348</f>
        <v>11.460542044915355</v>
      </c>
      <c r="K322" s="58">
        <f>Bühler!K348</f>
        <v>0.33411482033041978</v>
      </c>
      <c r="L322" s="58">
        <f>Bühler!L348</f>
        <v>0.16705741016520989</v>
      </c>
      <c r="M322" s="57">
        <f>Bühler!M348</f>
        <v>0</v>
      </c>
      <c r="N322" s="55">
        <f>IF(Input!$K$13=1,J322*Input!$J$13,0)+IF(Input!$K$14=1,K322*Input!$J$14,0)+IF(Input!$K$15=1,L322*Input!$J$15,0)+IF(Input!$K$16=1,M322*Input!$J$16,0)</f>
        <v>1.3752650453898425</v>
      </c>
      <c r="O322" s="58">
        <f>IF(Input!$K$13=2,J322*Input!$J$13,0)+IF(Input!$K$14=2,K322*Input!$J$14,0)+IF(Input!$K$15=2,L322*Input!$J$15,0)+IF(Input!$K$16=2,M322*Input!$J$16,0)</f>
        <v>4.5105500744606675E-2</v>
      </c>
      <c r="P322" s="58">
        <f>IF(Input!$K$13=3,J322*Input!$J$13,0)+IF(Input!$K$14=3,K322*Input!$J$14,0)+IF(Input!$K$15=3,L322*Input!$J$15,0)+IF(Input!$K$16=3,M322*Input!$J$16,0)</f>
        <v>0</v>
      </c>
      <c r="Q322" s="71">
        <f>IF(Input!$K$13=4,J322*Input!$J$13,0)+IF(Input!$K$14=4,K322*Input!$J$14,0)+IF(Input!$K$15=4,L322*Input!$J$15,0)+IF(Input!$K$16=4,M322*Input!$J$16,0)</f>
        <v>0</v>
      </c>
    </row>
    <row r="323" spans="2:17" x14ac:dyDescent="0.25">
      <c r="B323" s="43">
        <v>316</v>
      </c>
      <c r="C323" s="55">
        <f>Jesper!AM317</f>
        <v>76.208534256549868</v>
      </c>
      <c r="D323" s="58">
        <f>Jesper!AN317</f>
        <v>290.90683065679593</v>
      </c>
      <c r="E323" s="58">
        <f>Jesper!AO317</f>
        <v>8.2834171454777543</v>
      </c>
      <c r="F323" s="58">
        <f>Jesper!AP317</f>
        <v>4.1417085727388772</v>
      </c>
      <c r="G323" s="57">
        <f>Jesper!AQ317</f>
        <v>0</v>
      </c>
      <c r="H323" s="43">
        <v>316</v>
      </c>
      <c r="I323" s="55">
        <f>Bühler!I349</f>
        <v>2.2390809304905064</v>
      </c>
      <c r="J323" s="58">
        <f>Bühler!J349</f>
        <v>11.460542044915355</v>
      </c>
      <c r="K323" s="58">
        <f>Bühler!K349</f>
        <v>0.33411482033041978</v>
      </c>
      <c r="L323" s="58">
        <f>Bühler!L349</f>
        <v>0.16705741016520989</v>
      </c>
      <c r="M323" s="57">
        <f>Bühler!M349</f>
        <v>0</v>
      </c>
      <c r="N323" s="55">
        <f>IF(Input!$K$13=1,J323*Input!$J$13,0)+IF(Input!$K$14=1,K323*Input!$J$14,0)+IF(Input!$K$15=1,L323*Input!$J$15,0)+IF(Input!$K$16=1,M323*Input!$J$16,0)</f>
        <v>1.3752650453898425</v>
      </c>
      <c r="O323" s="58">
        <f>IF(Input!$K$13=2,J323*Input!$J$13,0)+IF(Input!$K$14=2,K323*Input!$J$14,0)+IF(Input!$K$15=2,L323*Input!$J$15,0)+IF(Input!$K$16=2,M323*Input!$J$16,0)</f>
        <v>4.5105500744606675E-2</v>
      </c>
      <c r="P323" s="58">
        <f>IF(Input!$K$13=3,J323*Input!$J$13,0)+IF(Input!$K$14=3,K323*Input!$J$14,0)+IF(Input!$K$15=3,L323*Input!$J$15,0)+IF(Input!$K$16=3,M323*Input!$J$16,0)</f>
        <v>0</v>
      </c>
      <c r="Q323" s="71">
        <f>IF(Input!$K$13=4,J323*Input!$J$13,0)+IF(Input!$K$14=4,K323*Input!$J$14,0)+IF(Input!$K$15=4,L323*Input!$J$15,0)+IF(Input!$K$16=4,M323*Input!$J$16,0)</f>
        <v>0</v>
      </c>
    </row>
    <row r="324" spans="2:17" x14ac:dyDescent="0.25">
      <c r="B324" s="43">
        <v>317</v>
      </c>
      <c r="C324" s="55">
        <f>Jesper!AM318</f>
        <v>169.98139543860253</v>
      </c>
      <c r="D324" s="58">
        <f>Jesper!AN318</f>
        <v>929.14850010852842</v>
      </c>
      <c r="E324" s="58">
        <f>Jesper!AO318</f>
        <v>41.569391596866694</v>
      </c>
      <c r="F324" s="58">
        <f>Jesper!AP318</f>
        <v>20.784695798433347</v>
      </c>
      <c r="G324" s="57">
        <f>Jesper!AQ318</f>
        <v>0</v>
      </c>
      <c r="H324" s="43">
        <v>317</v>
      </c>
      <c r="I324" s="55">
        <f>Bühler!I350</f>
        <v>2.2390809304905064</v>
      </c>
      <c r="J324" s="58">
        <f>Bühler!J350</f>
        <v>11.460542044915355</v>
      </c>
      <c r="K324" s="58">
        <f>Bühler!K350</f>
        <v>0.33411482033041978</v>
      </c>
      <c r="L324" s="58">
        <f>Bühler!L350</f>
        <v>0.16705741016520989</v>
      </c>
      <c r="M324" s="57">
        <f>Bühler!M350</f>
        <v>0</v>
      </c>
      <c r="N324" s="55">
        <f>IF(Input!$K$13=1,J324*Input!$J$13,0)+IF(Input!$K$14=1,K324*Input!$J$14,0)+IF(Input!$K$15=1,L324*Input!$J$15,0)+IF(Input!$K$16=1,M324*Input!$J$16,0)</f>
        <v>1.3752650453898425</v>
      </c>
      <c r="O324" s="58">
        <f>IF(Input!$K$13=2,J324*Input!$J$13,0)+IF(Input!$K$14=2,K324*Input!$J$14,0)+IF(Input!$K$15=2,L324*Input!$J$15,0)+IF(Input!$K$16=2,M324*Input!$J$16,0)</f>
        <v>4.5105500744606675E-2</v>
      </c>
      <c r="P324" s="58">
        <f>IF(Input!$K$13=3,J324*Input!$J$13,0)+IF(Input!$K$14=3,K324*Input!$J$14,0)+IF(Input!$K$15=3,L324*Input!$J$15,0)+IF(Input!$K$16=3,M324*Input!$J$16,0)</f>
        <v>0</v>
      </c>
      <c r="Q324" s="71">
        <f>IF(Input!$K$13=4,J324*Input!$J$13,0)+IF(Input!$K$14=4,K324*Input!$J$14,0)+IF(Input!$K$15=4,L324*Input!$J$15,0)+IF(Input!$K$16=4,M324*Input!$J$16,0)</f>
        <v>0</v>
      </c>
    </row>
    <row r="325" spans="2:17" x14ac:dyDescent="0.25">
      <c r="B325" s="43">
        <v>318</v>
      </c>
      <c r="C325" s="55">
        <f>Jesper!AM319</f>
        <v>54.044542384879307</v>
      </c>
      <c r="D325" s="58">
        <f>Jesper!AN319</f>
        <v>671.83203385054776</v>
      </c>
      <c r="E325" s="58">
        <f>Jesper!AO319</f>
        <v>40.029063400170841</v>
      </c>
      <c r="F325" s="58">
        <f>Jesper!AP319</f>
        <v>20.014531700085421</v>
      </c>
      <c r="G325" s="57">
        <f>Jesper!AQ319</f>
        <v>0</v>
      </c>
      <c r="H325" s="43">
        <v>318</v>
      </c>
      <c r="I325" s="55">
        <f>Bühler!I351</f>
        <v>2.7851982306101419</v>
      </c>
      <c r="J325" s="58">
        <f>Bühler!J351</f>
        <v>11.483296932420339</v>
      </c>
      <c r="K325" s="58">
        <f>Bühler!K351</f>
        <v>0.33411482033041978</v>
      </c>
      <c r="L325" s="58">
        <f>Bühler!L351</f>
        <v>0.16705741016520989</v>
      </c>
      <c r="M325" s="57">
        <f>Bühler!M351</f>
        <v>0</v>
      </c>
      <c r="N325" s="55">
        <f>IF(Input!$K$13=1,J325*Input!$J$13,0)+IF(Input!$K$14=1,K325*Input!$J$14,0)+IF(Input!$K$15=1,L325*Input!$J$15,0)+IF(Input!$K$16=1,M325*Input!$J$16,0)</f>
        <v>1.3779956318904407</v>
      </c>
      <c r="O325" s="58">
        <f>IF(Input!$K$13=2,J325*Input!$J$13,0)+IF(Input!$K$14=2,K325*Input!$J$14,0)+IF(Input!$K$15=2,L325*Input!$J$15,0)+IF(Input!$K$16=2,M325*Input!$J$16,0)</f>
        <v>4.5105500744606675E-2</v>
      </c>
      <c r="P325" s="58">
        <f>IF(Input!$K$13=3,J325*Input!$J$13,0)+IF(Input!$K$14=3,K325*Input!$J$14,0)+IF(Input!$K$15=3,L325*Input!$J$15,0)+IF(Input!$K$16=3,M325*Input!$J$16,0)</f>
        <v>0</v>
      </c>
      <c r="Q325" s="71">
        <f>IF(Input!$K$13=4,J325*Input!$J$13,0)+IF(Input!$K$14=4,K325*Input!$J$14,0)+IF(Input!$K$15=4,L325*Input!$J$15,0)+IF(Input!$K$16=4,M325*Input!$J$16,0)</f>
        <v>0</v>
      </c>
    </row>
    <row r="326" spans="2:17" x14ac:dyDescent="0.25">
      <c r="B326" s="43">
        <v>319</v>
      </c>
      <c r="C326" s="55">
        <f>Jesper!AM320</f>
        <v>43.107103417546952</v>
      </c>
      <c r="D326" s="58">
        <f>Jesper!AN320</f>
        <v>647.55689552432329</v>
      </c>
      <c r="E326" s="58">
        <f>Jesper!AO320</f>
        <v>39.88374941935048</v>
      </c>
      <c r="F326" s="58">
        <f>Jesper!AP320</f>
        <v>19.94187470967524</v>
      </c>
      <c r="G326" s="57">
        <f>Jesper!AQ320</f>
        <v>0</v>
      </c>
      <c r="H326" s="43">
        <v>319</v>
      </c>
      <c r="I326" s="55">
        <f>Bühler!I352</f>
        <v>3.4951507207656682</v>
      </c>
      <c r="J326" s="58">
        <f>Bühler!J352</f>
        <v>11.51287828617682</v>
      </c>
      <c r="K326" s="58">
        <f>Bühler!K352</f>
        <v>0.33411482033041978</v>
      </c>
      <c r="L326" s="58">
        <f>Bühler!L352</f>
        <v>0.16705741016520989</v>
      </c>
      <c r="M326" s="57">
        <f>Bühler!M352</f>
        <v>0</v>
      </c>
      <c r="N326" s="55">
        <f>IF(Input!$K$13=1,J326*Input!$J$13,0)+IF(Input!$K$14=1,K326*Input!$J$14,0)+IF(Input!$K$15=1,L326*Input!$J$15,0)+IF(Input!$K$16=1,M326*Input!$J$16,0)</f>
        <v>1.3815453943412184</v>
      </c>
      <c r="O326" s="58">
        <f>IF(Input!$K$13=2,J326*Input!$J$13,0)+IF(Input!$K$14=2,K326*Input!$J$14,0)+IF(Input!$K$15=2,L326*Input!$J$15,0)+IF(Input!$K$16=2,M326*Input!$J$16,0)</f>
        <v>4.5105500744606675E-2</v>
      </c>
      <c r="P326" s="58">
        <f>IF(Input!$K$13=3,J326*Input!$J$13,0)+IF(Input!$K$14=3,K326*Input!$J$14,0)+IF(Input!$K$15=3,L326*Input!$J$15,0)+IF(Input!$K$16=3,M326*Input!$J$16,0)</f>
        <v>0</v>
      </c>
      <c r="Q326" s="71">
        <f>IF(Input!$K$13=4,J326*Input!$J$13,0)+IF(Input!$K$14=4,K326*Input!$J$14,0)+IF(Input!$K$15=4,L326*Input!$J$15,0)+IF(Input!$K$16=4,M326*Input!$J$16,0)</f>
        <v>0</v>
      </c>
    </row>
    <row r="327" spans="2:17" x14ac:dyDescent="0.25">
      <c r="B327" s="43">
        <v>320</v>
      </c>
      <c r="C327" s="55">
        <f>Jesper!AM321</f>
        <v>49.669566797946381</v>
      </c>
      <c r="D327" s="58">
        <f>Jesper!AN321</f>
        <v>662.12197852005818</v>
      </c>
      <c r="E327" s="58">
        <f>Jesper!AO321</f>
        <v>39.970937807842702</v>
      </c>
      <c r="F327" s="58">
        <f>Jesper!AP321</f>
        <v>19.985468903921351</v>
      </c>
      <c r="G327" s="57">
        <f>Jesper!AQ321</f>
        <v>0</v>
      </c>
      <c r="H327" s="43">
        <v>320</v>
      </c>
      <c r="I327" s="55">
        <f>Bühler!I353</f>
        <v>3.9866562908733405</v>
      </c>
      <c r="J327" s="58">
        <f>Bühler!J353</f>
        <v>11.533357684931305</v>
      </c>
      <c r="K327" s="58">
        <f>Bühler!K353</f>
        <v>0.33411482033041978</v>
      </c>
      <c r="L327" s="58">
        <f>Bühler!L353</f>
        <v>0.16705741016520989</v>
      </c>
      <c r="M327" s="57">
        <f>Bühler!M353</f>
        <v>0</v>
      </c>
      <c r="N327" s="55">
        <f>IF(Input!$K$13=1,J327*Input!$J$13,0)+IF(Input!$K$14=1,K327*Input!$J$14,0)+IF(Input!$K$15=1,L327*Input!$J$15,0)+IF(Input!$K$16=1,M327*Input!$J$16,0)</f>
        <v>1.3840029221917565</v>
      </c>
      <c r="O327" s="58">
        <f>IF(Input!$K$13=2,J327*Input!$J$13,0)+IF(Input!$K$14=2,K327*Input!$J$14,0)+IF(Input!$K$15=2,L327*Input!$J$15,0)+IF(Input!$K$16=2,M327*Input!$J$16,0)</f>
        <v>4.5105500744606675E-2</v>
      </c>
      <c r="P327" s="58">
        <f>IF(Input!$K$13=3,J327*Input!$J$13,0)+IF(Input!$K$14=3,K327*Input!$J$14,0)+IF(Input!$K$15=3,L327*Input!$J$15,0)+IF(Input!$K$16=3,M327*Input!$J$16,0)</f>
        <v>0</v>
      </c>
      <c r="Q327" s="71">
        <f>IF(Input!$K$13=4,J327*Input!$J$13,0)+IF(Input!$K$14=4,K327*Input!$J$14,0)+IF(Input!$K$15=4,L327*Input!$J$15,0)+IF(Input!$K$16=4,M327*Input!$J$16,0)</f>
        <v>0</v>
      </c>
    </row>
    <row r="328" spans="2:17" x14ac:dyDescent="0.25">
      <c r="B328" s="43">
        <v>321</v>
      </c>
      <c r="C328" s="55">
        <f>Jesper!AM322</f>
        <v>113.10671280847419</v>
      </c>
      <c r="D328" s="58">
        <f>Jesper!AN322</f>
        <v>802.9177808121608</v>
      </c>
      <c r="E328" s="58">
        <f>Jesper!AO322</f>
        <v>40.813758896600817</v>
      </c>
      <c r="F328" s="58">
        <f>Jesper!AP322</f>
        <v>20.406879448300408</v>
      </c>
      <c r="G328" s="57">
        <f>Jesper!AQ322</f>
        <v>0</v>
      </c>
      <c r="H328" s="43">
        <v>321</v>
      </c>
      <c r="I328" s="55">
        <f>Bühler!I354</f>
        <v>3.9866562908733405</v>
      </c>
      <c r="J328" s="58">
        <f>Bühler!J354</f>
        <v>11.533357684931305</v>
      </c>
      <c r="K328" s="58">
        <f>Bühler!K354</f>
        <v>0.33411482033041978</v>
      </c>
      <c r="L328" s="58">
        <f>Bühler!L354</f>
        <v>0.16705741016520989</v>
      </c>
      <c r="M328" s="57">
        <f>Bühler!M354</f>
        <v>0</v>
      </c>
      <c r="N328" s="55">
        <f>IF(Input!$K$13=1,J328*Input!$J$13,0)+IF(Input!$K$14=1,K328*Input!$J$14,0)+IF(Input!$K$15=1,L328*Input!$J$15,0)+IF(Input!$K$16=1,M328*Input!$J$16,0)</f>
        <v>1.3840029221917565</v>
      </c>
      <c r="O328" s="58">
        <f>IF(Input!$K$13=2,J328*Input!$J$13,0)+IF(Input!$K$14=2,K328*Input!$J$14,0)+IF(Input!$K$15=2,L328*Input!$J$15,0)+IF(Input!$K$16=2,M328*Input!$J$16,0)</f>
        <v>4.5105500744606675E-2</v>
      </c>
      <c r="P328" s="58">
        <f>IF(Input!$K$13=3,J328*Input!$J$13,0)+IF(Input!$K$14=3,K328*Input!$J$14,0)+IF(Input!$K$15=3,L328*Input!$J$15,0)+IF(Input!$K$16=3,M328*Input!$J$16,0)</f>
        <v>0</v>
      </c>
      <c r="Q328" s="71">
        <f>IF(Input!$K$13=4,J328*Input!$J$13,0)+IF(Input!$K$14=4,K328*Input!$J$14,0)+IF(Input!$K$15=4,L328*Input!$J$15,0)+IF(Input!$K$16=4,M328*Input!$J$16,0)</f>
        <v>0</v>
      </c>
    </row>
    <row r="329" spans="2:17" x14ac:dyDescent="0.25">
      <c r="B329" s="43">
        <v>322</v>
      </c>
      <c r="C329" s="55">
        <f>Jesper!AM323</f>
        <v>103.05915190847097</v>
      </c>
      <c r="D329" s="58">
        <f>Jesper!AN323</f>
        <v>353.36421003381275</v>
      </c>
      <c r="E329" s="58">
        <f>Jesper!AO323</f>
        <v>9.2694133628400799</v>
      </c>
      <c r="F329" s="58">
        <f>Jesper!AP323</f>
        <v>4.6347066814200399</v>
      </c>
      <c r="G329" s="57">
        <f>Jesper!AQ323</f>
        <v>0</v>
      </c>
      <c r="H329" s="43">
        <v>322</v>
      </c>
      <c r="I329" s="55">
        <f>Bühler!I355</f>
        <v>3.9866562908733405</v>
      </c>
      <c r="J329" s="58">
        <f>Bühler!J355</f>
        <v>11.533357684931305</v>
      </c>
      <c r="K329" s="58">
        <f>Bühler!K355</f>
        <v>0.33411482033041978</v>
      </c>
      <c r="L329" s="58">
        <f>Bühler!L355</f>
        <v>0.16705741016520989</v>
      </c>
      <c r="M329" s="57">
        <f>Bühler!M355</f>
        <v>0</v>
      </c>
      <c r="N329" s="55">
        <f>IF(Input!$K$13=1,J329*Input!$J$13,0)+IF(Input!$K$14=1,K329*Input!$J$14,0)+IF(Input!$K$15=1,L329*Input!$J$15,0)+IF(Input!$K$16=1,M329*Input!$J$16,0)</f>
        <v>1.3840029221917565</v>
      </c>
      <c r="O329" s="58">
        <f>IF(Input!$K$13=2,J329*Input!$J$13,0)+IF(Input!$K$14=2,K329*Input!$J$14,0)+IF(Input!$K$15=2,L329*Input!$J$15,0)+IF(Input!$K$16=2,M329*Input!$J$16,0)</f>
        <v>4.5105500744606675E-2</v>
      </c>
      <c r="P329" s="58">
        <f>IF(Input!$K$13=3,J329*Input!$J$13,0)+IF(Input!$K$14=3,K329*Input!$J$14,0)+IF(Input!$K$15=3,L329*Input!$J$15,0)+IF(Input!$K$16=3,M329*Input!$J$16,0)</f>
        <v>0</v>
      </c>
      <c r="Q329" s="71">
        <f>IF(Input!$K$13=4,J329*Input!$J$13,0)+IF(Input!$K$14=4,K329*Input!$J$14,0)+IF(Input!$K$15=4,L329*Input!$J$15,0)+IF(Input!$K$16=4,M329*Input!$J$16,0)</f>
        <v>0</v>
      </c>
    </row>
    <row r="330" spans="2:17" x14ac:dyDescent="0.25">
      <c r="B330" s="43">
        <v>323</v>
      </c>
      <c r="C330" s="55">
        <f>Jesper!AM324</f>
        <v>113.38631254382521</v>
      </c>
      <c r="D330" s="58">
        <f>Jesper!AN324</f>
        <v>377.38627902497302</v>
      </c>
      <c r="E330" s="58">
        <f>Jesper!AO324</f>
        <v>9.6486426772102032</v>
      </c>
      <c r="F330" s="58">
        <f>Jesper!AP324</f>
        <v>4.8243213386051016</v>
      </c>
      <c r="G330" s="57">
        <f>Jesper!AQ324</f>
        <v>0</v>
      </c>
      <c r="H330" s="43">
        <v>323</v>
      </c>
      <c r="I330" s="55">
        <f>Bühler!I356</f>
        <v>3.9866562908733405</v>
      </c>
      <c r="J330" s="58">
        <f>Bühler!J356</f>
        <v>11.533357684931305</v>
      </c>
      <c r="K330" s="58">
        <f>Bühler!K356</f>
        <v>0.33411482033041978</v>
      </c>
      <c r="L330" s="58">
        <f>Bühler!L356</f>
        <v>0.16705741016520989</v>
      </c>
      <c r="M330" s="57">
        <f>Bühler!M356</f>
        <v>0</v>
      </c>
      <c r="N330" s="55">
        <f>IF(Input!$K$13=1,J330*Input!$J$13,0)+IF(Input!$K$14=1,K330*Input!$J$14,0)+IF(Input!$K$15=1,L330*Input!$J$15,0)+IF(Input!$K$16=1,M330*Input!$J$16,0)</f>
        <v>1.3840029221917565</v>
      </c>
      <c r="O330" s="58">
        <f>IF(Input!$K$13=2,J330*Input!$J$13,0)+IF(Input!$K$14=2,K330*Input!$J$14,0)+IF(Input!$K$15=2,L330*Input!$J$15,0)+IF(Input!$K$16=2,M330*Input!$J$16,0)</f>
        <v>4.5105500744606675E-2</v>
      </c>
      <c r="P330" s="58">
        <f>IF(Input!$K$13=3,J330*Input!$J$13,0)+IF(Input!$K$14=3,K330*Input!$J$14,0)+IF(Input!$K$15=3,L330*Input!$J$15,0)+IF(Input!$K$16=3,M330*Input!$J$16,0)</f>
        <v>0</v>
      </c>
      <c r="Q330" s="71">
        <f>IF(Input!$K$13=4,J330*Input!$J$13,0)+IF(Input!$K$14=4,K330*Input!$J$14,0)+IF(Input!$K$15=4,L330*Input!$J$15,0)+IF(Input!$K$16=4,M330*Input!$J$16,0)</f>
        <v>0</v>
      </c>
    </row>
    <row r="331" spans="2:17" x14ac:dyDescent="0.25">
      <c r="B331" s="43">
        <v>324</v>
      </c>
      <c r="C331" s="55">
        <f>Jesper!AM325</f>
        <v>91.231834873809419</v>
      </c>
      <c r="D331" s="58">
        <f>Jesper!AN325</f>
        <v>754.36750415971142</v>
      </c>
      <c r="E331" s="58">
        <f>Jesper!AO325</f>
        <v>40.523130934960079</v>
      </c>
      <c r="F331" s="58">
        <f>Jesper!AP325</f>
        <v>20.26156546748004</v>
      </c>
      <c r="G331" s="57">
        <f>Jesper!AQ325</f>
        <v>0</v>
      </c>
      <c r="H331" s="43">
        <v>324</v>
      </c>
      <c r="I331" s="55">
        <f>Bühler!I357</f>
        <v>3.9866562908733405</v>
      </c>
      <c r="J331" s="58">
        <f>Bühler!J357</f>
        <v>11.533357684931305</v>
      </c>
      <c r="K331" s="58">
        <f>Bühler!K357</f>
        <v>0.33411482033041978</v>
      </c>
      <c r="L331" s="58">
        <f>Bühler!L357</f>
        <v>0.16705741016520989</v>
      </c>
      <c r="M331" s="57">
        <f>Bühler!M357</f>
        <v>0</v>
      </c>
      <c r="N331" s="55">
        <f>IF(Input!$K$13=1,J331*Input!$J$13,0)+IF(Input!$K$14=1,K331*Input!$J$14,0)+IF(Input!$K$15=1,L331*Input!$J$15,0)+IF(Input!$K$16=1,M331*Input!$J$16,0)</f>
        <v>1.3840029221917565</v>
      </c>
      <c r="O331" s="58">
        <f>IF(Input!$K$13=2,J331*Input!$J$13,0)+IF(Input!$K$14=2,K331*Input!$J$14,0)+IF(Input!$K$15=2,L331*Input!$J$15,0)+IF(Input!$K$16=2,M331*Input!$J$16,0)</f>
        <v>4.5105500744606675E-2</v>
      </c>
      <c r="P331" s="58">
        <f>IF(Input!$K$13=3,J331*Input!$J$13,0)+IF(Input!$K$14=3,K331*Input!$J$14,0)+IF(Input!$K$15=3,L331*Input!$J$15,0)+IF(Input!$K$16=3,M331*Input!$J$16,0)</f>
        <v>0</v>
      </c>
      <c r="Q331" s="71">
        <f>IF(Input!$K$13=4,J331*Input!$J$13,0)+IF(Input!$K$14=4,K331*Input!$J$14,0)+IF(Input!$K$15=4,L331*Input!$J$15,0)+IF(Input!$K$16=4,M331*Input!$J$16,0)</f>
        <v>0</v>
      </c>
    </row>
    <row r="332" spans="2:17" x14ac:dyDescent="0.25">
      <c r="B332" s="43">
        <v>325</v>
      </c>
      <c r="C332" s="55">
        <f>Jesper!AM326</f>
        <v>86.856859286876471</v>
      </c>
      <c r="D332" s="58">
        <f>Jesper!AN326</f>
        <v>744.65744882922161</v>
      </c>
      <c r="E332" s="58">
        <f>Jesper!AO326</f>
        <v>40.465005342631933</v>
      </c>
      <c r="F332" s="58">
        <f>Jesper!AP326</f>
        <v>20.232502671315967</v>
      </c>
      <c r="G332" s="57">
        <f>Jesper!AQ326</f>
        <v>0</v>
      </c>
      <c r="H332" s="43">
        <v>325</v>
      </c>
      <c r="I332" s="55">
        <f>Bühler!I358</f>
        <v>3.9866562908733405</v>
      </c>
      <c r="J332" s="58">
        <f>Bühler!J358</f>
        <v>11.533357684931305</v>
      </c>
      <c r="K332" s="58">
        <f>Bühler!K358</f>
        <v>0.33411482033041978</v>
      </c>
      <c r="L332" s="58">
        <f>Bühler!L358</f>
        <v>0.16705741016520989</v>
      </c>
      <c r="M332" s="57">
        <f>Bühler!M358</f>
        <v>0</v>
      </c>
      <c r="N332" s="55">
        <f>IF(Input!$K$13=1,J332*Input!$J$13,0)+IF(Input!$K$14=1,K332*Input!$J$14,0)+IF(Input!$K$15=1,L332*Input!$J$15,0)+IF(Input!$K$16=1,M332*Input!$J$16,0)</f>
        <v>1.3840029221917565</v>
      </c>
      <c r="O332" s="58">
        <f>IF(Input!$K$13=2,J332*Input!$J$13,0)+IF(Input!$K$14=2,K332*Input!$J$14,0)+IF(Input!$K$15=2,L332*Input!$J$15,0)+IF(Input!$K$16=2,M332*Input!$J$16,0)</f>
        <v>4.5105500744606675E-2</v>
      </c>
      <c r="P332" s="58">
        <f>IF(Input!$K$13=3,J332*Input!$J$13,0)+IF(Input!$K$14=3,K332*Input!$J$14,0)+IF(Input!$K$15=3,L332*Input!$J$15,0)+IF(Input!$K$16=3,M332*Input!$J$16,0)</f>
        <v>0</v>
      </c>
      <c r="Q332" s="71">
        <f>IF(Input!$K$13=4,J332*Input!$J$13,0)+IF(Input!$K$14=4,K332*Input!$J$14,0)+IF(Input!$K$15=4,L332*Input!$J$15,0)+IF(Input!$K$16=4,M332*Input!$J$16,0)</f>
        <v>0</v>
      </c>
    </row>
    <row r="333" spans="2:17" x14ac:dyDescent="0.25">
      <c r="B333" s="43">
        <v>326</v>
      </c>
      <c r="C333" s="55">
        <f>Jesper!AM327</f>
        <v>172.16888323206899</v>
      </c>
      <c r="D333" s="58">
        <f>Jesper!AN327</f>
        <v>934.00352777377316</v>
      </c>
      <c r="E333" s="58">
        <f>Jesper!AO327</f>
        <v>41.598454393030771</v>
      </c>
      <c r="F333" s="58">
        <f>Jesper!AP327</f>
        <v>20.799227196515385</v>
      </c>
      <c r="G333" s="57">
        <f>Jesper!AQ327</f>
        <v>0</v>
      </c>
      <c r="H333" s="43">
        <v>326</v>
      </c>
      <c r="I333" s="55">
        <f>Bühler!I359</f>
        <v>3.9866562908733405</v>
      </c>
      <c r="J333" s="58">
        <f>Bühler!J359</f>
        <v>11.533357684931305</v>
      </c>
      <c r="K333" s="58">
        <f>Bühler!K359</f>
        <v>0.33411482033041978</v>
      </c>
      <c r="L333" s="58">
        <f>Bühler!L359</f>
        <v>0.16705741016520989</v>
      </c>
      <c r="M333" s="57">
        <f>Bühler!M359</f>
        <v>0</v>
      </c>
      <c r="N333" s="55">
        <f>IF(Input!$K$13=1,J333*Input!$J$13,0)+IF(Input!$K$14=1,K333*Input!$J$14,0)+IF(Input!$K$15=1,L333*Input!$J$15,0)+IF(Input!$K$16=1,M333*Input!$J$16,0)</f>
        <v>1.3840029221917565</v>
      </c>
      <c r="O333" s="58">
        <f>IF(Input!$K$13=2,J333*Input!$J$13,0)+IF(Input!$K$14=2,K333*Input!$J$14,0)+IF(Input!$K$15=2,L333*Input!$J$15,0)+IF(Input!$K$16=2,M333*Input!$J$16,0)</f>
        <v>4.5105500744606675E-2</v>
      </c>
      <c r="P333" s="58">
        <f>IF(Input!$K$13=3,J333*Input!$J$13,0)+IF(Input!$K$14=3,K333*Input!$J$14,0)+IF(Input!$K$15=3,L333*Input!$J$15,0)+IF(Input!$K$16=3,M333*Input!$J$16,0)</f>
        <v>0</v>
      </c>
      <c r="Q333" s="71">
        <f>IF(Input!$K$13=4,J333*Input!$J$13,0)+IF(Input!$K$14=4,K333*Input!$J$14,0)+IF(Input!$K$15=4,L333*Input!$J$15,0)+IF(Input!$K$16=4,M333*Input!$J$16,0)</f>
        <v>0</v>
      </c>
    </row>
    <row r="334" spans="2:17" x14ac:dyDescent="0.25">
      <c r="B334" s="43">
        <v>327</v>
      </c>
      <c r="C334" s="55">
        <f>Jesper!AM328</f>
        <v>194.04376116673379</v>
      </c>
      <c r="D334" s="58">
        <f>Jesper!AN328</f>
        <v>982.55380442622254</v>
      </c>
      <c r="E334" s="58">
        <f>Jesper!AO328</f>
        <v>41.889082354671501</v>
      </c>
      <c r="F334" s="58">
        <f>Jesper!AP328</f>
        <v>20.944541177335751</v>
      </c>
      <c r="G334" s="57">
        <f>Jesper!AQ328</f>
        <v>0</v>
      </c>
      <c r="H334" s="43">
        <v>327</v>
      </c>
      <c r="I334" s="55">
        <f>Bühler!I360</f>
        <v>3.9866562908733405</v>
      </c>
      <c r="J334" s="58">
        <f>Bühler!J360</f>
        <v>11.533357684931305</v>
      </c>
      <c r="K334" s="58">
        <f>Bühler!K360</f>
        <v>0.33411482033041978</v>
      </c>
      <c r="L334" s="58">
        <f>Bühler!L360</f>
        <v>0.16705741016520989</v>
      </c>
      <c r="M334" s="57">
        <f>Bühler!M360</f>
        <v>0</v>
      </c>
      <c r="N334" s="55">
        <f>IF(Input!$K$13=1,J334*Input!$J$13,0)+IF(Input!$K$14=1,K334*Input!$J$14,0)+IF(Input!$K$15=1,L334*Input!$J$15,0)+IF(Input!$K$16=1,M334*Input!$J$16,0)</f>
        <v>1.3840029221917565</v>
      </c>
      <c r="O334" s="58">
        <f>IF(Input!$K$13=2,J334*Input!$J$13,0)+IF(Input!$K$14=2,K334*Input!$J$14,0)+IF(Input!$K$15=2,L334*Input!$J$15,0)+IF(Input!$K$16=2,M334*Input!$J$16,0)</f>
        <v>4.5105500744606675E-2</v>
      </c>
      <c r="P334" s="58">
        <f>IF(Input!$K$13=3,J334*Input!$J$13,0)+IF(Input!$K$14=3,K334*Input!$J$14,0)+IF(Input!$K$15=3,L334*Input!$J$15,0)+IF(Input!$K$16=3,M334*Input!$J$16,0)</f>
        <v>0</v>
      </c>
      <c r="Q334" s="71">
        <f>IF(Input!$K$13=4,J334*Input!$J$13,0)+IF(Input!$K$14=4,K334*Input!$J$14,0)+IF(Input!$K$15=4,L334*Input!$J$15,0)+IF(Input!$K$16=4,M334*Input!$J$16,0)</f>
        <v>0</v>
      </c>
    </row>
    <row r="335" spans="2:17" x14ac:dyDescent="0.25">
      <c r="B335" s="43">
        <v>328</v>
      </c>
      <c r="C335" s="55">
        <f>Jesper!AM329</f>
        <v>159.04395647127015</v>
      </c>
      <c r="D335" s="58">
        <f>Jesper!AN329</f>
        <v>904.87336178230396</v>
      </c>
      <c r="E335" s="58">
        <f>Jesper!AO329</f>
        <v>41.42407761604634</v>
      </c>
      <c r="F335" s="58">
        <f>Jesper!AP329</f>
        <v>20.71203880802317</v>
      </c>
      <c r="G335" s="57">
        <f>Jesper!AQ329</f>
        <v>0</v>
      </c>
      <c r="H335" s="43">
        <v>328</v>
      </c>
      <c r="I335" s="55">
        <f>Bühler!I361</f>
        <v>3.6043741807895957</v>
      </c>
      <c r="J335" s="58">
        <f>Bühler!J361</f>
        <v>11.517429263677815</v>
      </c>
      <c r="K335" s="58">
        <f>Bühler!K361</f>
        <v>0.33411482033041978</v>
      </c>
      <c r="L335" s="58">
        <f>Bühler!L361</f>
        <v>0.16705741016520989</v>
      </c>
      <c r="M335" s="57">
        <f>Bühler!M361</f>
        <v>0</v>
      </c>
      <c r="N335" s="55">
        <f>IF(Input!$K$13=1,J335*Input!$J$13,0)+IF(Input!$K$14=1,K335*Input!$J$14,0)+IF(Input!$K$15=1,L335*Input!$J$15,0)+IF(Input!$K$16=1,M335*Input!$J$16,0)</f>
        <v>1.3820915116413377</v>
      </c>
      <c r="O335" s="58">
        <f>IF(Input!$K$13=2,J335*Input!$J$13,0)+IF(Input!$K$14=2,K335*Input!$J$14,0)+IF(Input!$K$15=2,L335*Input!$J$15,0)+IF(Input!$K$16=2,M335*Input!$J$16,0)</f>
        <v>4.5105500744606675E-2</v>
      </c>
      <c r="P335" s="58">
        <f>IF(Input!$K$13=3,J335*Input!$J$13,0)+IF(Input!$K$14=3,K335*Input!$J$14,0)+IF(Input!$K$15=3,L335*Input!$J$15,0)+IF(Input!$K$16=3,M335*Input!$J$16,0)</f>
        <v>0</v>
      </c>
      <c r="Q335" s="71">
        <f>IF(Input!$K$13=4,J335*Input!$J$13,0)+IF(Input!$K$14=4,K335*Input!$J$14,0)+IF(Input!$K$15=4,L335*Input!$J$15,0)+IF(Input!$K$16=4,M335*Input!$J$16,0)</f>
        <v>0</v>
      </c>
    </row>
    <row r="336" spans="2:17" x14ac:dyDescent="0.25">
      <c r="B336" s="43">
        <v>329</v>
      </c>
      <c r="C336" s="55">
        <f>Jesper!AM330</f>
        <v>131.97520168746291</v>
      </c>
      <c r="D336" s="58">
        <f>Jesper!AN330</f>
        <v>420.62600320906154</v>
      </c>
      <c r="E336" s="58">
        <f>Jesper!AO330</f>
        <v>10.331255443076429</v>
      </c>
      <c r="F336" s="58">
        <f>Jesper!AP330</f>
        <v>5.1656277215382147</v>
      </c>
      <c r="G336" s="57">
        <f>Jesper!AQ330</f>
        <v>0</v>
      </c>
      <c r="H336" s="43">
        <v>329</v>
      </c>
      <c r="I336" s="55">
        <f>Bühler!I362</f>
        <v>3.2767038007178142</v>
      </c>
      <c r="J336" s="58">
        <f>Bühler!J362</f>
        <v>11.503776331174825</v>
      </c>
      <c r="K336" s="58">
        <f>Bühler!K362</f>
        <v>0.33411482033041978</v>
      </c>
      <c r="L336" s="58">
        <f>Bühler!L362</f>
        <v>0.16705741016520989</v>
      </c>
      <c r="M336" s="57">
        <f>Bühler!M362</f>
        <v>0</v>
      </c>
      <c r="N336" s="55">
        <f>IF(Input!$K$13=1,J336*Input!$J$13,0)+IF(Input!$K$14=1,K336*Input!$J$14,0)+IF(Input!$K$15=1,L336*Input!$J$15,0)+IF(Input!$K$16=1,M336*Input!$J$16,0)</f>
        <v>1.3804531597409788</v>
      </c>
      <c r="O336" s="58">
        <f>IF(Input!$K$13=2,J336*Input!$J$13,0)+IF(Input!$K$14=2,K336*Input!$J$14,0)+IF(Input!$K$15=2,L336*Input!$J$15,0)+IF(Input!$K$16=2,M336*Input!$J$16,0)</f>
        <v>4.5105500744606675E-2</v>
      </c>
      <c r="P336" s="58">
        <f>IF(Input!$K$13=3,J336*Input!$J$13,0)+IF(Input!$K$14=3,K336*Input!$J$14,0)+IF(Input!$K$15=3,L336*Input!$J$15,0)+IF(Input!$K$16=3,M336*Input!$J$16,0)</f>
        <v>0</v>
      </c>
      <c r="Q336" s="71">
        <f>IF(Input!$K$13=4,J336*Input!$J$13,0)+IF(Input!$K$14=4,K336*Input!$J$14,0)+IF(Input!$K$15=4,L336*Input!$J$15,0)+IF(Input!$K$16=4,M336*Input!$J$16,0)</f>
        <v>0</v>
      </c>
    </row>
    <row r="337" spans="2:17" x14ac:dyDescent="0.25">
      <c r="B337" s="43">
        <v>330</v>
      </c>
      <c r="C337" s="55">
        <f>Jesper!AM331</f>
        <v>137.13878200514006</v>
      </c>
      <c r="D337" s="58">
        <f>Jesper!AN331</f>
        <v>432.63703770464167</v>
      </c>
      <c r="E337" s="58">
        <f>Jesper!AO331</f>
        <v>10.52087010026149</v>
      </c>
      <c r="F337" s="58">
        <f>Jesper!AP331</f>
        <v>5.2604350501307451</v>
      </c>
      <c r="G337" s="57">
        <f>Jesper!AQ331</f>
        <v>0</v>
      </c>
      <c r="H337" s="43">
        <v>330</v>
      </c>
      <c r="I337" s="55">
        <f>Bühler!I363</f>
        <v>2.9490334206460327</v>
      </c>
      <c r="J337" s="58">
        <f>Bühler!J363</f>
        <v>11.490123398671834</v>
      </c>
      <c r="K337" s="58">
        <f>Bühler!K363</f>
        <v>0.33411482033041978</v>
      </c>
      <c r="L337" s="58">
        <f>Bühler!L363</f>
        <v>0.16705741016520989</v>
      </c>
      <c r="M337" s="57">
        <f>Bühler!M363</f>
        <v>0</v>
      </c>
      <c r="N337" s="55">
        <f>IF(Input!$K$13=1,J337*Input!$J$13,0)+IF(Input!$K$14=1,K337*Input!$J$14,0)+IF(Input!$K$15=1,L337*Input!$J$15,0)+IF(Input!$K$16=1,M337*Input!$J$16,0)</f>
        <v>1.3788148078406199</v>
      </c>
      <c r="O337" s="58">
        <f>IF(Input!$K$13=2,J337*Input!$J$13,0)+IF(Input!$K$14=2,K337*Input!$J$14,0)+IF(Input!$K$15=2,L337*Input!$J$15,0)+IF(Input!$K$16=2,M337*Input!$J$16,0)</f>
        <v>4.5105500744606675E-2</v>
      </c>
      <c r="P337" s="58">
        <f>IF(Input!$K$13=3,J337*Input!$J$13,0)+IF(Input!$K$14=3,K337*Input!$J$14,0)+IF(Input!$K$15=3,L337*Input!$J$15,0)+IF(Input!$K$16=3,M337*Input!$J$16,0)</f>
        <v>0</v>
      </c>
      <c r="Q337" s="71">
        <f>IF(Input!$K$13=4,J337*Input!$J$13,0)+IF(Input!$K$14=4,K337*Input!$J$14,0)+IF(Input!$K$15=4,L337*Input!$J$15,0)+IF(Input!$K$16=4,M337*Input!$J$16,0)</f>
        <v>0</v>
      </c>
    </row>
    <row r="338" spans="2:17" x14ac:dyDescent="0.25">
      <c r="B338" s="43">
        <v>331</v>
      </c>
      <c r="C338" s="55">
        <f>Jesper!AM332</f>
        <v>198.41873675366668</v>
      </c>
      <c r="D338" s="58">
        <f>Jesper!AN332</f>
        <v>992.26385975671235</v>
      </c>
      <c r="E338" s="58">
        <f>Jesper!AO332</f>
        <v>41.947207946999654</v>
      </c>
      <c r="F338" s="58">
        <f>Jesper!AP332</f>
        <v>20.973603973499827</v>
      </c>
      <c r="G338" s="57">
        <f>Jesper!AQ332</f>
        <v>0</v>
      </c>
      <c r="H338" s="43">
        <v>331</v>
      </c>
      <c r="I338" s="55">
        <f>Bühler!I364</f>
        <v>2.8398099606221052</v>
      </c>
      <c r="J338" s="58">
        <f>Bühler!J364</f>
        <v>11.485572421170838</v>
      </c>
      <c r="K338" s="58">
        <f>Bühler!K364</f>
        <v>0.33411482033041978</v>
      </c>
      <c r="L338" s="58">
        <f>Bühler!L364</f>
        <v>0.16705741016520989</v>
      </c>
      <c r="M338" s="57">
        <f>Bühler!M364</f>
        <v>0</v>
      </c>
      <c r="N338" s="55">
        <f>IF(Input!$K$13=1,J338*Input!$J$13,0)+IF(Input!$K$14=1,K338*Input!$J$14,0)+IF(Input!$K$15=1,L338*Input!$J$15,0)+IF(Input!$K$16=1,M338*Input!$J$16,0)</f>
        <v>1.3782686905405006</v>
      </c>
      <c r="O338" s="58">
        <f>IF(Input!$K$13=2,J338*Input!$J$13,0)+IF(Input!$K$14=2,K338*Input!$J$14,0)+IF(Input!$K$15=2,L338*Input!$J$15,0)+IF(Input!$K$16=2,M338*Input!$J$16,0)</f>
        <v>4.5105500744606675E-2</v>
      </c>
      <c r="P338" s="58">
        <f>IF(Input!$K$13=3,J338*Input!$J$13,0)+IF(Input!$K$14=3,K338*Input!$J$14,0)+IF(Input!$K$15=3,L338*Input!$J$15,0)+IF(Input!$K$16=3,M338*Input!$J$16,0)</f>
        <v>0</v>
      </c>
      <c r="Q338" s="71">
        <f>IF(Input!$K$13=4,J338*Input!$J$13,0)+IF(Input!$K$14=4,K338*Input!$J$14,0)+IF(Input!$K$15=4,L338*Input!$J$15,0)+IF(Input!$K$16=4,M338*Input!$J$16,0)</f>
        <v>0</v>
      </c>
    </row>
    <row r="339" spans="2:17" x14ac:dyDescent="0.25">
      <c r="B339" s="43">
        <v>332</v>
      </c>
      <c r="C339" s="55">
        <f>Jesper!AM333</f>
        <v>204.98120013406611</v>
      </c>
      <c r="D339" s="58">
        <f>Jesper!AN333</f>
        <v>1006.8289427524471</v>
      </c>
      <c r="E339" s="58">
        <f>Jesper!AO333</f>
        <v>42.034396335491863</v>
      </c>
      <c r="F339" s="58">
        <f>Jesper!AP333</f>
        <v>21.017198167745931</v>
      </c>
      <c r="G339" s="57">
        <f>Jesper!AQ333</f>
        <v>0</v>
      </c>
      <c r="H339" s="43">
        <v>332</v>
      </c>
      <c r="I339" s="55">
        <f>Bühler!I365</f>
        <v>2.2936926605024697</v>
      </c>
      <c r="J339" s="58">
        <f>Bühler!J365</f>
        <v>11.462817533665852</v>
      </c>
      <c r="K339" s="58">
        <f>Bühler!K365</f>
        <v>0.33411482033041978</v>
      </c>
      <c r="L339" s="58">
        <f>Bühler!L365</f>
        <v>0.16705741016520989</v>
      </c>
      <c r="M339" s="57">
        <f>Bühler!M365</f>
        <v>0</v>
      </c>
      <c r="N339" s="55">
        <f>IF(Input!$K$13=1,J339*Input!$J$13,0)+IF(Input!$K$14=1,K339*Input!$J$14,0)+IF(Input!$K$15=1,L339*Input!$J$15,0)+IF(Input!$K$16=1,M339*Input!$J$16,0)</f>
        <v>1.3755381040399022</v>
      </c>
      <c r="O339" s="58">
        <f>IF(Input!$K$13=2,J339*Input!$J$13,0)+IF(Input!$K$14=2,K339*Input!$J$14,0)+IF(Input!$K$15=2,L339*Input!$J$15,0)+IF(Input!$K$16=2,M339*Input!$J$16,0)</f>
        <v>4.5105500744606675E-2</v>
      </c>
      <c r="P339" s="58">
        <f>IF(Input!$K$13=3,J339*Input!$J$13,0)+IF(Input!$K$14=3,K339*Input!$J$14,0)+IF(Input!$K$15=3,L339*Input!$J$15,0)+IF(Input!$K$16=3,M339*Input!$J$16,0)</f>
        <v>0</v>
      </c>
      <c r="Q339" s="71">
        <f>IF(Input!$K$13=4,J339*Input!$J$13,0)+IF(Input!$K$14=4,K339*Input!$J$14,0)+IF(Input!$K$15=4,L339*Input!$J$15,0)+IF(Input!$K$16=4,M339*Input!$J$16,0)</f>
        <v>0</v>
      </c>
    </row>
    <row r="340" spans="2:17" x14ac:dyDescent="0.25">
      <c r="B340" s="43">
        <v>333</v>
      </c>
      <c r="C340" s="55">
        <f>Jesper!AM334</f>
        <v>272.79332173152687</v>
      </c>
      <c r="D340" s="58">
        <f>Jesper!AN334</f>
        <v>1160.2964315691561</v>
      </c>
      <c r="E340" s="58">
        <f>Jesper!AO334</f>
        <v>43.311423168211974</v>
      </c>
      <c r="F340" s="58">
        <f>Jesper!AP334</f>
        <v>21.655711584105987</v>
      </c>
      <c r="G340" s="57">
        <f>Jesper!AQ334</f>
        <v>0</v>
      </c>
      <c r="H340" s="43">
        <v>333</v>
      </c>
      <c r="I340" s="55">
        <f>Bühler!I366</f>
        <v>1.6929636303708704</v>
      </c>
      <c r="J340" s="58">
        <f>Bühler!J366</f>
        <v>11.437787157410369</v>
      </c>
      <c r="K340" s="58">
        <f>Bühler!K366</f>
        <v>0.33411482033041978</v>
      </c>
      <c r="L340" s="58">
        <f>Bühler!L366</f>
        <v>0.16705741016520989</v>
      </c>
      <c r="M340" s="57">
        <f>Bühler!M366</f>
        <v>0</v>
      </c>
      <c r="N340" s="55">
        <f>IF(Input!$K$13=1,J340*Input!$J$13,0)+IF(Input!$K$14=1,K340*Input!$J$14,0)+IF(Input!$K$15=1,L340*Input!$J$15,0)+IF(Input!$K$16=1,M340*Input!$J$16,0)</f>
        <v>1.3725344588892443</v>
      </c>
      <c r="O340" s="58">
        <f>IF(Input!$K$13=2,J340*Input!$J$13,0)+IF(Input!$K$14=2,K340*Input!$J$14,0)+IF(Input!$K$15=2,L340*Input!$J$15,0)+IF(Input!$K$16=2,M340*Input!$J$16,0)</f>
        <v>4.5105500744606675E-2</v>
      </c>
      <c r="P340" s="58">
        <f>IF(Input!$K$13=3,J340*Input!$J$13,0)+IF(Input!$K$14=3,K340*Input!$J$14,0)+IF(Input!$K$15=3,L340*Input!$J$15,0)+IF(Input!$K$16=3,M340*Input!$J$16,0)</f>
        <v>0</v>
      </c>
      <c r="Q340" s="71">
        <f>IF(Input!$K$13=4,J340*Input!$J$13,0)+IF(Input!$K$14=4,K340*Input!$J$14,0)+IF(Input!$K$15=4,L340*Input!$J$15,0)+IF(Input!$K$16=4,M340*Input!$J$16,0)</f>
        <v>0</v>
      </c>
    </row>
    <row r="341" spans="2:17" x14ac:dyDescent="0.25">
      <c r="B341" s="43">
        <v>334</v>
      </c>
      <c r="C341" s="55">
        <f>Jesper!AM335</f>
        <v>290.29322407925866</v>
      </c>
      <c r="D341" s="58">
        <f>Jesper!AN335</f>
        <v>1201.2905664868365</v>
      </c>
      <c r="E341" s="58">
        <f>Jesper!AO335</f>
        <v>43.817438375076463</v>
      </c>
      <c r="F341" s="58">
        <f>Jesper!AP335</f>
        <v>21.908719187538232</v>
      </c>
      <c r="G341" s="57">
        <f>Jesper!AQ335</f>
        <v>0</v>
      </c>
      <c r="H341" s="43">
        <v>334</v>
      </c>
      <c r="I341" s="55">
        <f>Bühler!I367</f>
        <v>1.6929636303708704</v>
      </c>
      <c r="J341" s="58">
        <f>Bühler!J367</f>
        <v>11.437787157410369</v>
      </c>
      <c r="K341" s="58">
        <f>Bühler!K367</f>
        <v>0.33411482033041978</v>
      </c>
      <c r="L341" s="58">
        <f>Bühler!L367</f>
        <v>0.16705741016520989</v>
      </c>
      <c r="M341" s="57">
        <f>Bühler!M367</f>
        <v>0</v>
      </c>
      <c r="N341" s="55">
        <f>IF(Input!$K$13=1,J341*Input!$J$13,0)+IF(Input!$K$14=1,K341*Input!$J$14,0)+IF(Input!$K$15=1,L341*Input!$J$15,0)+IF(Input!$K$16=1,M341*Input!$J$16,0)</f>
        <v>1.3725344588892443</v>
      </c>
      <c r="O341" s="58">
        <f>IF(Input!$K$13=2,J341*Input!$J$13,0)+IF(Input!$K$14=2,K341*Input!$J$14,0)+IF(Input!$K$15=2,L341*Input!$J$15,0)+IF(Input!$K$16=2,M341*Input!$J$16,0)</f>
        <v>4.5105500744606675E-2</v>
      </c>
      <c r="P341" s="58">
        <f>IF(Input!$K$13=3,J341*Input!$J$13,0)+IF(Input!$K$14=3,K341*Input!$J$14,0)+IF(Input!$K$15=3,L341*Input!$J$15,0)+IF(Input!$K$16=3,M341*Input!$J$16,0)</f>
        <v>0</v>
      </c>
      <c r="Q341" s="71">
        <f>IF(Input!$K$13=4,J341*Input!$J$13,0)+IF(Input!$K$14=4,K341*Input!$J$14,0)+IF(Input!$K$15=4,L341*Input!$J$15,0)+IF(Input!$K$16=4,M341*Input!$J$16,0)</f>
        <v>0</v>
      </c>
    </row>
    <row r="342" spans="2:17" x14ac:dyDescent="0.25">
      <c r="B342" s="43">
        <v>335</v>
      </c>
      <c r="C342" s="55">
        <f>Jesper!AM336</f>
        <v>277.16829731845985</v>
      </c>
      <c r="D342" s="58">
        <f>Jesper!AN336</f>
        <v>1170.5449652985762</v>
      </c>
      <c r="E342" s="58">
        <f>Jesper!AO336</f>
        <v>43.437926969928093</v>
      </c>
      <c r="F342" s="58">
        <f>Jesper!AP336</f>
        <v>21.718963484964046</v>
      </c>
      <c r="G342" s="57">
        <f>Jesper!AQ336</f>
        <v>0</v>
      </c>
      <c r="H342" s="43">
        <v>335</v>
      </c>
      <c r="I342" s="55">
        <f>Bühler!I368</f>
        <v>1.6929636303708704</v>
      </c>
      <c r="J342" s="58">
        <f>Bühler!J368</f>
        <v>11.437787157410369</v>
      </c>
      <c r="K342" s="58">
        <f>Bühler!K368</f>
        <v>0.33411482033041978</v>
      </c>
      <c r="L342" s="58">
        <f>Bühler!L368</f>
        <v>0.16705741016520989</v>
      </c>
      <c r="M342" s="57">
        <f>Bühler!M368</f>
        <v>0</v>
      </c>
      <c r="N342" s="55">
        <f>IF(Input!$K$13=1,J342*Input!$J$13,0)+IF(Input!$K$14=1,K342*Input!$J$14,0)+IF(Input!$K$15=1,L342*Input!$J$15,0)+IF(Input!$K$16=1,M342*Input!$J$16,0)</f>
        <v>1.3725344588892443</v>
      </c>
      <c r="O342" s="58">
        <f>IF(Input!$K$13=2,J342*Input!$J$13,0)+IF(Input!$K$14=2,K342*Input!$J$14,0)+IF(Input!$K$15=2,L342*Input!$J$15,0)+IF(Input!$K$16=2,M342*Input!$J$16,0)</f>
        <v>4.5105500744606675E-2</v>
      </c>
      <c r="P342" s="58">
        <f>IF(Input!$K$13=3,J342*Input!$J$13,0)+IF(Input!$K$14=3,K342*Input!$J$14,0)+IF(Input!$K$15=3,L342*Input!$J$15,0)+IF(Input!$K$16=3,M342*Input!$J$16,0)</f>
        <v>0</v>
      </c>
      <c r="Q342" s="71">
        <f>IF(Input!$K$13=4,J342*Input!$J$13,0)+IF(Input!$K$14=4,K342*Input!$J$14,0)+IF(Input!$K$15=4,L342*Input!$J$15,0)+IF(Input!$K$16=4,M342*Input!$J$16,0)</f>
        <v>0</v>
      </c>
    </row>
    <row r="343" spans="2:17" x14ac:dyDescent="0.25">
      <c r="B343" s="43">
        <v>336</v>
      </c>
      <c r="C343" s="55">
        <f>Jesper!AM337</f>
        <v>160.89125146645486</v>
      </c>
      <c r="D343" s="58">
        <f>Jesper!AN337</f>
        <v>487.88779638431032</v>
      </c>
      <c r="E343" s="58">
        <f>Jesper!AO337</f>
        <v>11.393097523312777</v>
      </c>
      <c r="F343" s="58">
        <f>Jesper!AP337</f>
        <v>5.6965487616563886</v>
      </c>
      <c r="G343" s="57">
        <f>Jesper!AQ337</f>
        <v>0</v>
      </c>
      <c r="H343" s="43">
        <v>336</v>
      </c>
      <c r="I343" s="55">
        <f>Bühler!I369</f>
        <v>1.6929636303708704</v>
      </c>
      <c r="J343" s="58">
        <f>Bühler!J369</f>
        <v>11.437787157410369</v>
      </c>
      <c r="K343" s="58">
        <f>Bühler!K369</f>
        <v>0.33411482033041978</v>
      </c>
      <c r="L343" s="58">
        <f>Bühler!L369</f>
        <v>0.16705741016520989</v>
      </c>
      <c r="M343" s="57">
        <f>Bühler!M369</f>
        <v>0</v>
      </c>
      <c r="N343" s="55">
        <f>IF(Input!$K$13=1,J343*Input!$J$13,0)+IF(Input!$K$14=1,K343*Input!$J$14,0)+IF(Input!$K$15=1,L343*Input!$J$15,0)+IF(Input!$K$16=1,M343*Input!$J$16,0)</f>
        <v>1.3725344588892443</v>
      </c>
      <c r="O343" s="58">
        <f>IF(Input!$K$13=2,J343*Input!$J$13,0)+IF(Input!$K$14=2,K343*Input!$J$14,0)+IF(Input!$K$15=2,L343*Input!$J$15,0)+IF(Input!$K$16=2,M343*Input!$J$16,0)</f>
        <v>4.5105500744606675E-2</v>
      </c>
      <c r="P343" s="58">
        <f>IF(Input!$K$13=3,J343*Input!$J$13,0)+IF(Input!$K$14=3,K343*Input!$J$14,0)+IF(Input!$K$15=3,L343*Input!$J$15,0)+IF(Input!$K$16=3,M343*Input!$J$16,0)</f>
        <v>0</v>
      </c>
      <c r="Q343" s="71">
        <f>IF(Input!$K$13=4,J343*Input!$J$13,0)+IF(Input!$K$14=4,K343*Input!$J$14,0)+IF(Input!$K$15=4,L343*Input!$J$15,0)+IF(Input!$K$16=4,M343*Input!$J$16,0)</f>
        <v>0</v>
      </c>
    </row>
    <row r="344" spans="2:17" x14ac:dyDescent="0.25">
      <c r="B344" s="43">
        <v>337</v>
      </c>
      <c r="C344" s="55">
        <f>Jesper!AM338</f>
        <v>178.44742454655716</v>
      </c>
      <c r="D344" s="58">
        <f>Jesper!AN338</f>
        <v>528.72531366928285</v>
      </c>
      <c r="E344" s="58">
        <f>Jesper!AO338</f>
        <v>12.03778735774199</v>
      </c>
      <c r="F344" s="58">
        <f>Jesper!AP338</f>
        <v>6.0188936788709952</v>
      </c>
      <c r="G344" s="57">
        <f>Jesper!AQ338</f>
        <v>0</v>
      </c>
      <c r="H344" s="43">
        <v>337</v>
      </c>
      <c r="I344" s="55">
        <f>Bühler!I370</f>
        <v>2.7187738628406097</v>
      </c>
      <c r="J344" s="58">
        <f>Bühler!J370</f>
        <v>14.264672679774675</v>
      </c>
      <c r="K344" s="58">
        <f>Bühler!K370</f>
        <v>0.37990506821216785</v>
      </c>
      <c r="L344" s="58">
        <f>Bühler!L370</f>
        <v>0.18995253410608393</v>
      </c>
      <c r="M344" s="57">
        <f>Bühler!M370</f>
        <v>0</v>
      </c>
      <c r="N344" s="55">
        <f>IF(Input!$K$13=1,J344*Input!$J$13,0)+IF(Input!$K$14=1,K344*Input!$J$14,0)+IF(Input!$K$15=1,L344*Input!$J$15,0)+IF(Input!$K$16=1,M344*Input!$J$16,0)</f>
        <v>1.7117607215729609</v>
      </c>
      <c r="O344" s="58">
        <f>IF(Input!$K$13=2,J344*Input!$J$13,0)+IF(Input!$K$14=2,K344*Input!$J$14,0)+IF(Input!$K$15=2,L344*Input!$J$15,0)+IF(Input!$K$16=2,M344*Input!$J$16,0)</f>
        <v>5.1287184208642658E-2</v>
      </c>
      <c r="P344" s="58">
        <f>IF(Input!$K$13=3,J344*Input!$J$13,0)+IF(Input!$K$14=3,K344*Input!$J$14,0)+IF(Input!$K$15=3,L344*Input!$J$15,0)+IF(Input!$K$16=3,M344*Input!$J$16,0)</f>
        <v>0</v>
      </c>
      <c r="Q344" s="71">
        <f>IF(Input!$K$13=4,J344*Input!$J$13,0)+IF(Input!$K$14=4,K344*Input!$J$14,0)+IF(Input!$K$15=4,L344*Input!$J$15,0)+IF(Input!$K$16=4,M344*Input!$J$16,0)</f>
        <v>0</v>
      </c>
    </row>
    <row r="345" spans="2:17" x14ac:dyDescent="0.25">
      <c r="B345" s="43">
        <v>338</v>
      </c>
      <c r="C345" s="55">
        <f>Jesper!AM339</f>
        <v>358.10534567671948</v>
      </c>
      <c r="D345" s="58">
        <f>Jesper!AN339</f>
        <v>1360.1428392928487</v>
      </c>
      <c r="E345" s="58">
        <f>Jesper!AO339</f>
        <v>45.778247301676359</v>
      </c>
      <c r="F345" s="58">
        <f>Jesper!AP339</f>
        <v>22.889123650838179</v>
      </c>
      <c r="G345" s="57">
        <f>Jesper!AQ339</f>
        <v>0</v>
      </c>
      <c r="H345" s="43">
        <v>338</v>
      </c>
      <c r="I345" s="55">
        <f>Bühler!I371</f>
        <v>3.1572857762019986</v>
      </c>
      <c r="J345" s="58">
        <f>Bühler!J371</f>
        <v>14.282944009498065</v>
      </c>
      <c r="K345" s="58">
        <f>Bühler!K371</f>
        <v>0.37990506821216785</v>
      </c>
      <c r="L345" s="58">
        <f>Bühler!L371</f>
        <v>0.18995253410608393</v>
      </c>
      <c r="M345" s="57">
        <f>Bühler!M371</f>
        <v>0</v>
      </c>
      <c r="N345" s="55">
        <f>IF(Input!$K$13=1,J345*Input!$J$13,0)+IF(Input!$K$14=1,K345*Input!$J$14,0)+IF(Input!$K$15=1,L345*Input!$J$15,0)+IF(Input!$K$16=1,M345*Input!$J$16,0)</f>
        <v>1.7139532811397677</v>
      </c>
      <c r="O345" s="58">
        <f>IF(Input!$K$13=2,J345*Input!$J$13,0)+IF(Input!$K$14=2,K345*Input!$J$14,0)+IF(Input!$K$15=2,L345*Input!$J$15,0)+IF(Input!$K$16=2,M345*Input!$J$16,0)</f>
        <v>5.1287184208642658E-2</v>
      </c>
      <c r="P345" s="58">
        <f>IF(Input!$K$13=3,J345*Input!$J$13,0)+IF(Input!$K$14=3,K345*Input!$J$14,0)+IF(Input!$K$15=3,L345*Input!$J$15,0)+IF(Input!$K$16=3,M345*Input!$J$16,0)</f>
        <v>0</v>
      </c>
      <c r="Q345" s="71">
        <f>IF(Input!$K$13=4,J345*Input!$J$13,0)+IF(Input!$K$14=4,K345*Input!$J$14,0)+IF(Input!$K$15=4,L345*Input!$J$15,0)+IF(Input!$K$16=4,M345*Input!$J$16,0)</f>
        <v>0</v>
      </c>
    </row>
    <row r="346" spans="2:17" x14ac:dyDescent="0.25">
      <c r="B346" s="43">
        <v>339</v>
      </c>
      <c r="C346" s="55">
        <f>Jesper!AM340</f>
        <v>314.35558980738995</v>
      </c>
      <c r="D346" s="58">
        <f>Jesper!AN340</f>
        <v>1257.6575019986471</v>
      </c>
      <c r="E346" s="58">
        <f>Jesper!AO340</f>
        <v>44.513209284515128</v>
      </c>
      <c r="F346" s="58">
        <f>Jesper!AP340</f>
        <v>22.256604642257564</v>
      </c>
      <c r="G346" s="57">
        <f>Jesper!AQ340</f>
        <v>0</v>
      </c>
      <c r="H346" s="43">
        <v>339</v>
      </c>
      <c r="I346" s="55">
        <f>Bühler!I372</f>
        <v>3.1572857762019986</v>
      </c>
      <c r="J346" s="58">
        <f>Bühler!J372</f>
        <v>14.282944009498065</v>
      </c>
      <c r="K346" s="58">
        <f>Bühler!K372</f>
        <v>0.37990506821216785</v>
      </c>
      <c r="L346" s="58">
        <f>Bühler!L372</f>
        <v>0.18995253410608393</v>
      </c>
      <c r="M346" s="57">
        <f>Bühler!M372</f>
        <v>0</v>
      </c>
      <c r="N346" s="55">
        <f>IF(Input!$K$13=1,J346*Input!$J$13,0)+IF(Input!$K$14=1,K346*Input!$J$14,0)+IF(Input!$K$15=1,L346*Input!$J$15,0)+IF(Input!$K$16=1,M346*Input!$J$16,0)</f>
        <v>1.7139532811397677</v>
      </c>
      <c r="O346" s="58">
        <f>IF(Input!$K$13=2,J346*Input!$J$13,0)+IF(Input!$K$14=2,K346*Input!$J$14,0)+IF(Input!$K$15=2,L346*Input!$J$15,0)+IF(Input!$K$16=2,M346*Input!$J$16,0)</f>
        <v>5.1287184208642658E-2</v>
      </c>
      <c r="P346" s="58">
        <f>IF(Input!$K$13=3,J346*Input!$J$13,0)+IF(Input!$K$14=3,K346*Input!$J$14,0)+IF(Input!$K$15=3,L346*Input!$J$15,0)+IF(Input!$K$16=3,M346*Input!$J$16,0)</f>
        <v>0</v>
      </c>
      <c r="Q346" s="71">
        <f>IF(Input!$K$13=4,J346*Input!$J$13,0)+IF(Input!$K$14=4,K346*Input!$J$14,0)+IF(Input!$K$15=4,L346*Input!$J$15,0)+IF(Input!$K$16=4,M346*Input!$J$16,0)</f>
        <v>0</v>
      </c>
    </row>
    <row r="347" spans="2:17" x14ac:dyDescent="0.25">
      <c r="B347" s="43">
        <v>340</v>
      </c>
      <c r="C347" s="55">
        <f>Jesper!AM341</f>
        <v>272.79332173152687</v>
      </c>
      <c r="D347" s="58">
        <f>Jesper!AN341</f>
        <v>1160.2964315691561</v>
      </c>
      <c r="E347" s="58">
        <f>Jesper!AO341</f>
        <v>43.311423168211974</v>
      </c>
      <c r="F347" s="58">
        <f>Jesper!AP341</f>
        <v>21.655711584105987</v>
      </c>
      <c r="G347" s="57">
        <f>Jesper!AQ341</f>
        <v>0</v>
      </c>
      <c r="H347" s="43">
        <v>340</v>
      </c>
      <c r="I347" s="55">
        <f>Bühler!I373</f>
        <v>3.1572857762019986</v>
      </c>
      <c r="J347" s="58">
        <f>Bühler!J373</f>
        <v>14.282944009498065</v>
      </c>
      <c r="K347" s="58">
        <f>Bühler!K373</f>
        <v>0.37990506821216785</v>
      </c>
      <c r="L347" s="58">
        <f>Bühler!L373</f>
        <v>0.18995253410608393</v>
      </c>
      <c r="M347" s="57">
        <f>Bühler!M373</f>
        <v>0</v>
      </c>
      <c r="N347" s="55">
        <f>IF(Input!$K$13=1,J347*Input!$J$13,0)+IF(Input!$K$14=1,K347*Input!$J$14,0)+IF(Input!$K$15=1,L347*Input!$J$15,0)+IF(Input!$K$16=1,M347*Input!$J$16,0)</f>
        <v>1.7139532811397677</v>
      </c>
      <c r="O347" s="58">
        <f>IF(Input!$K$13=2,J347*Input!$J$13,0)+IF(Input!$K$14=2,K347*Input!$J$14,0)+IF(Input!$K$15=2,L347*Input!$J$15,0)+IF(Input!$K$16=2,M347*Input!$J$16,0)</f>
        <v>5.1287184208642658E-2</v>
      </c>
      <c r="P347" s="58">
        <f>IF(Input!$K$13=3,J347*Input!$J$13,0)+IF(Input!$K$14=3,K347*Input!$J$14,0)+IF(Input!$K$15=3,L347*Input!$J$15,0)+IF(Input!$K$16=3,M347*Input!$J$16,0)</f>
        <v>0</v>
      </c>
      <c r="Q347" s="71">
        <f>IF(Input!$K$13=4,J347*Input!$J$13,0)+IF(Input!$K$14=4,K347*Input!$J$14,0)+IF(Input!$K$15=4,L347*Input!$J$15,0)+IF(Input!$K$16=4,M347*Input!$J$16,0)</f>
        <v>0</v>
      </c>
    </row>
    <row r="348" spans="2:17" x14ac:dyDescent="0.25">
      <c r="B348" s="43">
        <v>341</v>
      </c>
      <c r="C348" s="55">
        <f>Jesper!AM342</f>
        <v>218.10612689486499</v>
      </c>
      <c r="D348" s="58">
        <f>Jesper!AN342</f>
        <v>1035.9591087439164</v>
      </c>
      <c r="E348" s="58">
        <f>Jesper!AO342</f>
        <v>42.208773112476301</v>
      </c>
      <c r="F348" s="58">
        <f>Jesper!AP342</f>
        <v>21.104386556238151</v>
      </c>
      <c r="G348" s="57">
        <f>Jesper!AQ342</f>
        <v>0</v>
      </c>
      <c r="H348" s="43">
        <v>341</v>
      </c>
      <c r="I348" s="55">
        <f>Bühler!I374</f>
        <v>3.1572857762019986</v>
      </c>
      <c r="J348" s="58">
        <f>Bühler!J374</f>
        <v>14.282944009498065</v>
      </c>
      <c r="K348" s="58">
        <f>Bühler!K374</f>
        <v>0.37990506821216785</v>
      </c>
      <c r="L348" s="58">
        <f>Bühler!L374</f>
        <v>0.18995253410608393</v>
      </c>
      <c r="M348" s="57">
        <f>Bühler!M374</f>
        <v>0</v>
      </c>
      <c r="N348" s="55">
        <f>IF(Input!$K$13=1,J348*Input!$J$13,0)+IF(Input!$K$14=1,K348*Input!$J$14,0)+IF(Input!$K$15=1,L348*Input!$J$15,0)+IF(Input!$K$16=1,M348*Input!$J$16,0)</f>
        <v>1.7139532811397677</v>
      </c>
      <c r="O348" s="58">
        <f>IF(Input!$K$13=2,J348*Input!$J$13,0)+IF(Input!$K$14=2,K348*Input!$J$14,0)+IF(Input!$K$15=2,L348*Input!$J$15,0)+IF(Input!$K$16=2,M348*Input!$J$16,0)</f>
        <v>5.1287184208642658E-2</v>
      </c>
      <c r="P348" s="58">
        <f>IF(Input!$K$13=3,J348*Input!$J$13,0)+IF(Input!$K$14=3,K348*Input!$J$14,0)+IF(Input!$K$15=3,L348*Input!$J$15,0)+IF(Input!$K$16=3,M348*Input!$J$16,0)</f>
        <v>0</v>
      </c>
      <c r="Q348" s="71">
        <f>IF(Input!$K$13=4,J348*Input!$J$13,0)+IF(Input!$K$14=4,K348*Input!$J$14,0)+IF(Input!$K$15=4,L348*Input!$J$15,0)+IF(Input!$K$16=4,M348*Input!$J$16,0)</f>
        <v>0</v>
      </c>
    </row>
    <row r="349" spans="2:17" x14ac:dyDescent="0.25">
      <c r="B349" s="43">
        <v>342</v>
      </c>
      <c r="C349" s="55">
        <f>Jesper!AM343</f>
        <v>283.73076069885929</v>
      </c>
      <c r="D349" s="58">
        <f>Jesper!AN343</f>
        <v>1185.9177658927065</v>
      </c>
      <c r="E349" s="58">
        <f>Jesper!AO343</f>
        <v>43.627682672502281</v>
      </c>
      <c r="F349" s="58">
        <f>Jesper!AP343</f>
        <v>21.813841336251141</v>
      </c>
      <c r="G349" s="57">
        <f>Jesper!AQ343</f>
        <v>0</v>
      </c>
      <c r="H349" s="43">
        <v>342</v>
      </c>
      <c r="I349" s="55">
        <f>Bühler!I375</f>
        <v>3.9466072202524978</v>
      </c>
      <c r="J349" s="58">
        <f>Bühler!J375</f>
        <v>14.315832403000169</v>
      </c>
      <c r="K349" s="58">
        <f>Bühler!K375</f>
        <v>0.37990506821216785</v>
      </c>
      <c r="L349" s="58">
        <f>Bühler!L375</f>
        <v>0.18995253410608393</v>
      </c>
      <c r="M349" s="57">
        <f>Bühler!M375</f>
        <v>0</v>
      </c>
      <c r="N349" s="55">
        <f>IF(Input!$K$13=1,J349*Input!$J$13,0)+IF(Input!$K$14=1,K349*Input!$J$14,0)+IF(Input!$K$15=1,L349*Input!$J$15,0)+IF(Input!$K$16=1,M349*Input!$J$16,0)</f>
        <v>1.7178998883600203</v>
      </c>
      <c r="O349" s="58">
        <f>IF(Input!$K$13=2,J349*Input!$J$13,0)+IF(Input!$K$14=2,K349*Input!$J$14,0)+IF(Input!$K$15=2,L349*Input!$J$15,0)+IF(Input!$K$16=2,M349*Input!$J$16,0)</f>
        <v>5.1287184208642658E-2</v>
      </c>
      <c r="P349" s="58">
        <f>IF(Input!$K$13=3,J349*Input!$J$13,0)+IF(Input!$K$14=3,K349*Input!$J$14,0)+IF(Input!$K$15=3,L349*Input!$J$15,0)+IF(Input!$K$16=3,M349*Input!$J$16,0)</f>
        <v>0</v>
      </c>
      <c r="Q349" s="71">
        <f>IF(Input!$K$13=4,J349*Input!$J$13,0)+IF(Input!$K$14=4,K349*Input!$J$14,0)+IF(Input!$K$15=4,L349*Input!$J$15,0)+IF(Input!$K$16=4,M349*Input!$J$16,0)</f>
        <v>0</v>
      </c>
    </row>
    <row r="350" spans="2:17" x14ac:dyDescent="0.25">
      <c r="B350" s="43">
        <v>343</v>
      </c>
      <c r="C350" s="55">
        <f>Jesper!AM344</f>
        <v>154.6949550852423</v>
      </c>
      <c r="D350" s="58">
        <f>Jesper!AN344</f>
        <v>473.47455498961421</v>
      </c>
      <c r="E350" s="58">
        <f>Jesper!AO344</f>
        <v>11.165559934690705</v>
      </c>
      <c r="F350" s="58">
        <f>Jesper!AP344</f>
        <v>5.5827799673453526</v>
      </c>
      <c r="G350" s="57">
        <f>Jesper!AQ344</f>
        <v>0</v>
      </c>
      <c r="H350" s="43">
        <v>343</v>
      </c>
      <c r="I350" s="55">
        <f>Bühler!I376</f>
        <v>4.6482262816307207</v>
      </c>
      <c r="J350" s="58">
        <f>Bühler!J376</f>
        <v>14.345066530557595</v>
      </c>
      <c r="K350" s="58">
        <f>Bühler!K376</f>
        <v>0.37990506821216785</v>
      </c>
      <c r="L350" s="58">
        <f>Bühler!L376</f>
        <v>0.18995253410608393</v>
      </c>
      <c r="M350" s="57">
        <f>Bühler!M376</f>
        <v>0</v>
      </c>
      <c r="N350" s="55">
        <f>IF(Input!$K$13=1,J350*Input!$J$13,0)+IF(Input!$K$14=1,K350*Input!$J$14,0)+IF(Input!$K$15=1,L350*Input!$J$15,0)+IF(Input!$K$16=1,M350*Input!$J$16,0)</f>
        <v>1.7214079836669114</v>
      </c>
      <c r="O350" s="58">
        <f>IF(Input!$K$13=2,J350*Input!$J$13,0)+IF(Input!$K$14=2,K350*Input!$J$14,0)+IF(Input!$K$15=2,L350*Input!$J$15,0)+IF(Input!$K$16=2,M350*Input!$J$16,0)</f>
        <v>5.1287184208642658E-2</v>
      </c>
      <c r="P350" s="58">
        <f>IF(Input!$K$13=3,J350*Input!$J$13,0)+IF(Input!$K$14=3,K350*Input!$J$14,0)+IF(Input!$K$15=3,L350*Input!$J$15,0)+IF(Input!$K$16=3,M350*Input!$J$16,0)</f>
        <v>0</v>
      </c>
      <c r="Q350" s="71">
        <f>IF(Input!$K$13=4,J350*Input!$J$13,0)+IF(Input!$K$14=4,K350*Input!$J$14,0)+IF(Input!$K$15=4,L350*Input!$J$15,0)+IF(Input!$K$16=4,M350*Input!$J$16,0)</f>
        <v>0</v>
      </c>
    </row>
    <row r="351" spans="2:17" x14ac:dyDescent="0.25">
      <c r="B351" s="43">
        <v>344</v>
      </c>
      <c r="C351" s="55">
        <f>Jesper!AM345</f>
        <v>118.54989286150236</v>
      </c>
      <c r="D351" s="58">
        <f>Jesper!AN345</f>
        <v>389.39731352055315</v>
      </c>
      <c r="E351" s="58">
        <f>Jesper!AO345</f>
        <v>9.8382573343952675</v>
      </c>
      <c r="F351" s="58">
        <f>Jesper!AP345</f>
        <v>4.9191286671976338</v>
      </c>
      <c r="G351" s="57">
        <f>Jesper!AQ345</f>
        <v>0</v>
      </c>
      <c r="H351" s="43">
        <v>344</v>
      </c>
      <c r="I351" s="55">
        <f>Bühler!I377</f>
        <v>5.5252501083534984</v>
      </c>
      <c r="J351" s="58">
        <f>Bühler!J377</f>
        <v>14.381609190004376</v>
      </c>
      <c r="K351" s="58">
        <f>Bühler!K377</f>
        <v>0.37990506821216785</v>
      </c>
      <c r="L351" s="58">
        <f>Bühler!L377</f>
        <v>0.18995253410608393</v>
      </c>
      <c r="M351" s="57">
        <f>Bühler!M377</f>
        <v>0</v>
      </c>
      <c r="N351" s="55">
        <f>IF(Input!$K$13=1,J351*Input!$J$13,0)+IF(Input!$K$14=1,K351*Input!$J$14,0)+IF(Input!$K$15=1,L351*Input!$J$15,0)+IF(Input!$K$16=1,M351*Input!$J$16,0)</f>
        <v>1.7257931028005251</v>
      </c>
      <c r="O351" s="58">
        <f>IF(Input!$K$13=2,J351*Input!$J$13,0)+IF(Input!$K$14=2,K351*Input!$J$14,0)+IF(Input!$K$15=2,L351*Input!$J$15,0)+IF(Input!$K$16=2,M351*Input!$J$16,0)</f>
        <v>5.1287184208642658E-2</v>
      </c>
      <c r="P351" s="58">
        <f>IF(Input!$K$13=3,J351*Input!$J$13,0)+IF(Input!$K$14=3,K351*Input!$J$14,0)+IF(Input!$K$15=3,L351*Input!$J$15,0)+IF(Input!$K$16=3,M351*Input!$J$16,0)</f>
        <v>0</v>
      </c>
      <c r="Q351" s="71">
        <f>IF(Input!$K$13=4,J351*Input!$J$13,0)+IF(Input!$K$14=4,K351*Input!$J$14,0)+IF(Input!$K$15=4,L351*Input!$J$15,0)+IF(Input!$K$16=4,M351*Input!$J$16,0)</f>
        <v>0</v>
      </c>
    </row>
    <row r="352" spans="2:17" x14ac:dyDescent="0.25">
      <c r="B352" s="43">
        <v>345</v>
      </c>
      <c r="C352" s="55">
        <f>Jesper!AM346</f>
        <v>211.54366351446558</v>
      </c>
      <c r="D352" s="58">
        <f>Jesper!AN346</f>
        <v>1021.3940257481818</v>
      </c>
      <c r="E352" s="58">
        <f>Jesper!AO346</f>
        <v>42.121584723984085</v>
      </c>
      <c r="F352" s="58">
        <f>Jesper!AP346</f>
        <v>21.060792361992043</v>
      </c>
      <c r="G352" s="57">
        <f>Jesper!AQ346</f>
        <v>0</v>
      </c>
      <c r="H352" s="43">
        <v>345</v>
      </c>
      <c r="I352" s="55">
        <f>Bühler!I378</f>
        <v>5.5252501083534984</v>
      </c>
      <c r="J352" s="58">
        <f>Bühler!J378</f>
        <v>14.381609190004376</v>
      </c>
      <c r="K352" s="58">
        <f>Bühler!K378</f>
        <v>0.37990506821216785</v>
      </c>
      <c r="L352" s="58">
        <f>Bühler!L378</f>
        <v>0.18995253410608393</v>
      </c>
      <c r="M352" s="57">
        <f>Bühler!M378</f>
        <v>0</v>
      </c>
      <c r="N352" s="55">
        <f>IF(Input!$K$13=1,J352*Input!$J$13,0)+IF(Input!$K$14=1,K352*Input!$J$14,0)+IF(Input!$K$15=1,L352*Input!$J$15,0)+IF(Input!$K$16=1,M352*Input!$J$16,0)</f>
        <v>1.7257931028005251</v>
      </c>
      <c r="O352" s="58">
        <f>IF(Input!$K$13=2,J352*Input!$J$13,0)+IF(Input!$K$14=2,K352*Input!$J$14,0)+IF(Input!$K$15=2,L352*Input!$J$15,0)+IF(Input!$K$16=2,M352*Input!$J$16,0)</f>
        <v>5.1287184208642658E-2</v>
      </c>
      <c r="P352" s="58">
        <f>IF(Input!$K$13=3,J352*Input!$J$13,0)+IF(Input!$K$14=3,K352*Input!$J$14,0)+IF(Input!$K$15=3,L352*Input!$J$15,0)+IF(Input!$K$16=3,M352*Input!$J$16,0)</f>
        <v>0</v>
      </c>
      <c r="Q352" s="71">
        <f>IF(Input!$K$13=4,J352*Input!$J$13,0)+IF(Input!$K$14=4,K352*Input!$J$14,0)+IF(Input!$K$15=4,L352*Input!$J$15,0)+IF(Input!$K$16=4,M352*Input!$J$16,0)</f>
        <v>0</v>
      </c>
    </row>
    <row r="353" spans="2:17" x14ac:dyDescent="0.25">
      <c r="B353" s="43">
        <v>346</v>
      </c>
      <c r="C353" s="55">
        <f>Jesper!AM347</f>
        <v>134.98159074313892</v>
      </c>
      <c r="D353" s="58">
        <f>Jesper!AN347</f>
        <v>851.46805746460984</v>
      </c>
      <c r="E353" s="58">
        <f>Jesper!AO347</f>
        <v>41.10438685824154</v>
      </c>
      <c r="F353" s="58">
        <f>Jesper!AP347</f>
        <v>20.55219342912077</v>
      </c>
      <c r="G353" s="57">
        <f>Jesper!AQ347</f>
        <v>0</v>
      </c>
      <c r="H353" s="43">
        <v>346</v>
      </c>
      <c r="I353" s="55">
        <f>Bühler!I379</f>
        <v>5.5252501083534984</v>
      </c>
      <c r="J353" s="58">
        <f>Bühler!J379</f>
        <v>14.381609190004376</v>
      </c>
      <c r="K353" s="58">
        <f>Bühler!K379</f>
        <v>0.37990506821216785</v>
      </c>
      <c r="L353" s="58">
        <f>Bühler!L379</f>
        <v>0.18995253410608393</v>
      </c>
      <c r="M353" s="57">
        <f>Bühler!M379</f>
        <v>0</v>
      </c>
      <c r="N353" s="55">
        <f>IF(Input!$K$13=1,J353*Input!$J$13,0)+IF(Input!$K$14=1,K353*Input!$J$14,0)+IF(Input!$K$15=1,L353*Input!$J$15,0)+IF(Input!$K$16=1,M353*Input!$J$16,0)</f>
        <v>1.7257931028005251</v>
      </c>
      <c r="O353" s="58">
        <f>IF(Input!$K$13=2,J353*Input!$J$13,0)+IF(Input!$K$14=2,K353*Input!$J$14,0)+IF(Input!$K$15=2,L353*Input!$J$15,0)+IF(Input!$K$16=2,M353*Input!$J$16,0)</f>
        <v>5.1287184208642658E-2</v>
      </c>
      <c r="P353" s="58">
        <f>IF(Input!$K$13=3,J353*Input!$J$13,0)+IF(Input!$K$14=3,K353*Input!$J$14,0)+IF(Input!$K$15=3,L353*Input!$J$15,0)+IF(Input!$K$16=3,M353*Input!$J$16,0)</f>
        <v>0</v>
      </c>
      <c r="Q353" s="71">
        <f>IF(Input!$K$13=4,J353*Input!$J$13,0)+IF(Input!$K$14=4,K353*Input!$J$14,0)+IF(Input!$K$15=4,L353*Input!$J$15,0)+IF(Input!$K$16=4,M353*Input!$J$16,0)</f>
        <v>0</v>
      </c>
    </row>
    <row r="354" spans="2:17" x14ac:dyDescent="0.25">
      <c r="B354" s="43">
        <v>347</v>
      </c>
      <c r="C354" s="55">
        <f>Jesper!AM348</f>
        <v>139.35656633007187</v>
      </c>
      <c r="D354" s="58">
        <f>Jesper!AN348</f>
        <v>861.17811279509954</v>
      </c>
      <c r="E354" s="58">
        <f>Jesper!AO348</f>
        <v>41.162512450569679</v>
      </c>
      <c r="F354" s="58">
        <f>Jesper!AP348</f>
        <v>20.581256225284839</v>
      </c>
      <c r="G354" s="57">
        <f>Jesper!AQ348</f>
        <v>0</v>
      </c>
      <c r="H354" s="43">
        <v>347</v>
      </c>
      <c r="I354" s="55">
        <f>Bühler!I380</f>
        <v>5.5252501083534984</v>
      </c>
      <c r="J354" s="58">
        <f>Bühler!J380</f>
        <v>14.381609190004376</v>
      </c>
      <c r="K354" s="58">
        <f>Bühler!K380</f>
        <v>0.37990506821216785</v>
      </c>
      <c r="L354" s="58">
        <f>Bühler!L380</f>
        <v>0.18995253410608393</v>
      </c>
      <c r="M354" s="57">
        <f>Bühler!M380</f>
        <v>0</v>
      </c>
      <c r="N354" s="55">
        <f>IF(Input!$K$13=1,J354*Input!$J$13,0)+IF(Input!$K$14=1,K354*Input!$J$14,0)+IF(Input!$K$15=1,L354*Input!$J$15,0)+IF(Input!$K$16=1,M354*Input!$J$16,0)</f>
        <v>1.7257931028005251</v>
      </c>
      <c r="O354" s="58">
        <f>IF(Input!$K$13=2,J354*Input!$J$13,0)+IF(Input!$K$14=2,K354*Input!$J$14,0)+IF(Input!$K$15=2,L354*Input!$J$15,0)+IF(Input!$K$16=2,M354*Input!$J$16,0)</f>
        <v>5.1287184208642658E-2</v>
      </c>
      <c r="P354" s="58">
        <f>IF(Input!$K$13=3,J354*Input!$J$13,0)+IF(Input!$K$14=3,K354*Input!$J$14,0)+IF(Input!$K$15=3,L354*Input!$J$15,0)+IF(Input!$K$16=3,M354*Input!$J$16,0)</f>
        <v>0</v>
      </c>
      <c r="Q354" s="71">
        <f>IF(Input!$K$13=4,J354*Input!$J$13,0)+IF(Input!$K$14=4,K354*Input!$J$14,0)+IF(Input!$K$15=4,L354*Input!$J$15,0)+IF(Input!$K$16=4,M354*Input!$J$16,0)</f>
        <v>0</v>
      </c>
    </row>
    <row r="355" spans="2:17" x14ac:dyDescent="0.25">
      <c r="B355" s="43">
        <v>348</v>
      </c>
      <c r="C355" s="55">
        <f>Jesper!AM349</f>
        <v>163.41893205820313</v>
      </c>
      <c r="D355" s="58">
        <f>Jesper!AN349</f>
        <v>914.58341711279377</v>
      </c>
      <c r="E355" s="58">
        <f>Jesper!AO349</f>
        <v>41.482203208374479</v>
      </c>
      <c r="F355" s="58">
        <f>Jesper!AP349</f>
        <v>20.741101604187239</v>
      </c>
      <c r="G355" s="57">
        <f>Jesper!AQ349</f>
        <v>0</v>
      </c>
      <c r="H355" s="43">
        <v>348</v>
      </c>
      <c r="I355" s="55">
        <f>Bühler!I381</f>
        <v>5.5252501083534984</v>
      </c>
      <c r="J355" s="58">
        <f>Bühler!J381</f>
        <v>14.381609190004376</v>
      </c>
      <c r="K355" s="58">
        <f>Bühler!K381</f>
        <v>0.37990506821216785</v>
      </c>
      <c r="L355" s="58">
        <f>Bühler!L381</f>
        <v>0.18995253410608393</v>
      </c>
      <c r="M355" s="57">
        <f>Bühler!M381</f>
        <v>0</v>
      </c>
      <c r="N355" s="55">
        <f>IF(Input!$K$13=1,J355*Input!$J$13,0)+IF(Input!$K$14=1,K355*Input!$J$14,0)+IF(Input!$K$15=1,L355*Input!$J$15,0)+IF(Input!$K$16=1,M355*Input!$J$16,0)</f>
        <v>1.7257931028005251</v>
      </c>
      <c r="O355" s="58">
        <f>IF(Input!$K$13=2,J355*Input!$J$13,0)+IF(Input!$K$14=2,K355*Input!$J$14,0)+IF(Input!$K$15=2,L355*Input!$J$15,0)+IF(Input!$K$16=2,M355*Input!$J$16,0)</f>
        <v>5.1287184208642658E-2</v>
      </c>
      <c r="P355" s="58">
        <f>IF(Input!$K$13=3,J355*Input!$J$13,0)+IF(Input!$K$14=3,K355*Input!$J$14,0)+IF(Input!$K$15=3,L355*Input!$J$15,0)+IF(Input!$K$16=3,M355*Input!$J$16,0)</f>
        <v>0</v>
      </c>
      <c r="Q355" s="71">
        <f>IF(Input!$K$13=4,J355*Input!$J$13,0)+IF(Input!$K$14=4,K355*Input!$J$14,0)+IF(Input!$K$15=4,L355*Input!$J$15,0)+IF(Input!$K$16=4,M355*Input!$J$16,0)</f>
        <v>0</v>
      </c>
    </row>
    <row r="356" spans="2:17" x14ac:dyDescent="0.25">
      <c r="B356" s="43">
        <v>349</v>
      </c>
      <c r="C356" s="55">
        <f>Jesper!AM350</f>
        <v>189.66878557980084</v>
      </c>
      <c r="D356" s="58">
        <f>Jesper!AN350</f>
        <v>972.84374909573273</v>
      </c>
      <c r="E356" s="58">
        <f>Jesper!AO350</f>
        <v>41.830956762343362</v>
      </c>
      <c r="F356" s="58">
        <f>Jesper!AP350</f>
        <v>20.915478381171681</v>
      </c>
      <c r="G356" s="57">
        <f>Jesper!AQ350</f>
        <v>0</v>
      </c>
      <c r="H356" s="43">
        <v>349</v>
      </c>
      <c r="I356" s="55">
        <f>Bühler!I382</f>
        <v>5.5252501083534984</v>
      </c>
      <c r="J356" s="58">
        <f>Bühler!J382</f>
        <v>14.381609190004376</v>
      </c>
      <c r="K356" s="58">
        <f>Bühler!K382</f>
        <v>0.37990506821216785</v>
      </c>
      <c r="L356" s="58">
        <f>Bühler!L382</f>
        <v>0.18995253410608393</v>
      </c>
      <c r="M356" s="57">
        <f>Bühler!M382</f>
        <v>0</v>
      </c>
      <c r="N356" s="55">
        <f>IF(Input!$K$13=1,J356*Input!$J$13,0)+IF(Input!$K$14=1,K356*Input!$J$14,0)+IF(Input!$K$15=1,L356*Input!$J$15,0)+IF(Input!$K$16=1,M356*Input!$J$16,0)</f>
        <v>1.7257931028005251</v>
      </c>
      <c r="O356" s="58">
        <f>IF(Input!$K$13=2,J356*Input!$J$13,0)+IF(Input!$K$14=2,K356*Input!$J$14,0)+IF(Input!$K$15=2,L356*Input!$J$15,0)+IF(Input!$K$16=2,M356*Input!$J$16,0)</f>
        <v>5.1287184208642658E-2</v>
      </c>
      <c r="P356" s="58">
        <f>IF(Input!$K$13=3,J356*Input!$J$13,0)+IF(Input!$K$14=3,K356*Input!$J$14,0)+IF(Input!$K$15=3,L356*Input!$J$15,0)+IF(Input!$K$16=3,M356*Input!$J$16,0)</f>
        <v>0</v>
      </c>
      <c r="Q356" s="71">
        <f>IF(Input!$K$13=4,J356*Input!$J$13,0)+IF(Input!$K$14=4,K356*Input!$J$14,0)+IF(Input!$K$15=4,L356*Input!$J$15,0)+IF(Input!$K$16=4,M356*Input!$J$16,0)</f>
        <v>0</v>
      </c>
    </row>
    <row r="357" spans="2:17" x14ac:dyDescent="0.25">
      <c r="B357" s="43">
        <v>350</v>
      </c>
      <c r="C357" s="55">
        <f>Jesper!AM351</f>
        <v>95.830139463722958</v>
      </c>
      <c r="D357" s="58">
        <f>Jesper!AN351</f>
        <v>336.54876174000049</v>
      </c>
      <c r="E357" s="58">
        <f>Jesper!AO351</f>
        <v>9.0039528427809916</v>
      </c>
      <c r="F357" s="58">
        <f>Jesper!AP351</f>
        <v>4.5019764213904958</v>
      </c>
      <c r="G357" s="57">
        <f>Jesper!AQ351</f>
        <v>0</v>
      </c>
      <c r="H357" s="43">
        <v>350</v>
      </c>
      <c r="I357" s="55">
        <f>Bühler!I383</f>
        <v>5.5252501083534984</v>
      </c>
      <c r="J357" s="58">
        <f>Bühler!J383</f>
        <v>14.381609190004376</v>
      </c>
      <c r="K357" s="58">
        <f>Bühler!K383</f>
        <v>0.37990506821216785</v>
      </c>
      <c r="L357" s="58">
        <f>Bühler!L383</f>
        <v>0.18995253410608393</v>
      </c>
      <c r="M357" s="57">
        <f>Bühler!M383</f>
        <v>0</v>
      </c>
      <c r="N357" s="55">
        <f>IF(Input!$K$13=1,J357*Input!$J$13,0)+IF(Input!$K$14=1,K357*Input!$J$14,0)+IF(Input!$K$15=1,L357*Input!$J$15,0)+IF(Input!$K$16=1,M357*Input!$J$16,0)</f>
        <v>1.7257931028005251</v>
      </c>
      <c r="O357" s="58">
        <f>IF(Input!$K$13=2,J357*Input!$J$13,0)+IF(Input!$K$14=2,K357*Input!$J$14,0)+IF(Input!$K$15=2,L357*Input!$J$15,0)+IF(Input!$K$16=2,M357*Input!$J$16,0)</f>
        <v>5.1287184208642658E-2</v>
      </c>
      <c r="P357" s="58">
        <f>IF(Input!$K$13=3,J357*Input!$J$13,0)+IF(Input!$K$14=3,K357*Input!$J$14,0)+IF(Input!$K$15=3,L357*Input!$J$15,0)+IF(Input!$K$16=3,M357*Input!$J$16,0)</f>
        <v>0</v>
      </c>
      <c r="Q357" s="71">
        <f>IF(Input!$K$13=4,J357*Input!$J$13,0)+IF(Input!$K$14=4,K357*Input!$J$14,0)+IF(Input!$K$15=4,L357*Input!$J$15,0)+IF(Input!$K$16=4,M357*Input!$J$16,0)</f>
        <v>0</v>
      </c>
    </row>
    <row r="358" spans="2:17" x14ac:dyDescent="0.25">
      <c r="B358" s="43">
        <v>351</v>
      </c>
      <c r="C358" s="55">
        <f>Jesper!AM352</f>
        <v>75.175818193014422</v>
      </c>
      <c r="D358" s="58">
        <f>Jesper!AN352</f>
        <v>288.50462375767989</v>
      </c>
      <c r="E358" s="58">
        <f>Jesper!AO352</f>
        <v>8.2454942140407432</v>
      </c>
      <c r="F358" s="58">
        <f>Jesper!AP352</f>
        <v>4.1227471070203716</v>
      </c>
      <c r="G358" s="57">
        <f>Jesper!AQ352</f>
        <v>0</v>
      </c>
      <c r="H358" s="43">
        <v>351</v>
      </c>
      <c r="I358" s="55">
        <f>Bühler!I384</f>
        <v>5.5252501083534984</v>
      </c>
      <c r="J358" s="58">
        <f>Bühler!J384</f>
        <v>14.381609190004376</v>
      </c>
      <c r="K358" s="58">
        <f>Bühler!K384</f>
        <v>0.37990506821216785</v>
      </c>
      <c r="L358" s="58">
        <f>Bühler!L384</f>
        <v>0.18995253410608393</v>
      </c>
      <c r="M358" s="57">
        <f>Bühler!M384</f>
        <v>0</v>
      </c>
      <c r="N358" s="55">
        <f>IF(Input!$K$13=1,J358*Input!$J$13,0)+IF(Input!$K$14=1,K358*Input!$J$14,0)+IF(Input!$K$15=1,L358*Input!$J$15,0)+IF(Input!$K$16=1,M358*Input!$J$16,0)</f>
        <v>1.7257931028005251</v>
      </c>
      <c r="O358" s="58">
        <f>IF(Input!$K$13=2,J358*Input!$J$13,0)+IF(Input!$K$14=2,K358*Input!$J$14,0)+IF(Input!$K$15=2,L358*Input!$J$15,0)+IF(Input!$K$16=2,M358*Input!$J$16,0)</f>
        <v>5.1287184208642658E-2</v>
      </c>
      <c r="P358" s="58">
        <f>IF(Input!$K$13=3,J358*Input!$J$13,0)+IF(Input!$K$14=3,K358*Input!$J$14,0)+IF(Input!$K$15=3,L358*Input!$J$15,0)+IF(Input!$K$16=3,M358*Input!$J$16,0)</f>
        <v>0</v>
      </c>
      <c r="Q358" s="71">
        <f>IF(Input!$K$13=4,J358*Input!$J$13,0)+IF(Input!$K$14=4,K358*Input!$J$14,0)+IF(Input!$K$15=4,L358*Input!$J$15,0)+IF(Input!$K$16=4,M358*Input!$J$16,0)</f>
        <v>0</v>
      </c>
    </row>
    <row r="359" spans="2:17" x14ac:dyDescent="0.25">
      <c r="B359" s="43">
        <v>352</v>
      </c>
      <c r="C359" s="55">
        <f>Jesper!AM353</f>
        <v>104.35676163460826</v>
      </c>
      <c r="D359" s="58">
        <f>Jesper!AN353</f>
        <v>783.49767015118096</v>
      </c>
      <c r="E359" s="58">
        <f>Jesper!AO353</f>
        <v>40.697507711944517</v>
      </c>
      <c r="F359" s="58">
        <f>Jesper!AP353</f>
        <v>20.348753855972259</v>
      </c>
      <c r="G359" s="57">
        <f>Jesper!AQ353</f>
        <v>0</v>
      </c>
      <c r="H359" s="43">
        <v>352</v>
      </c>
      <c r="I359" s="55">
        <f>Bühler!I385</f>
        <v>4.9113334296475539</v>
      </c>
      <c r="J359" s="58">
        <f>Bühler!J385</f>
        <v>14.35602932839163</v>
      </c>
      <c r="K359" s="58">
        <f>Bühler!K385</f>
        <v>0.37990506821216785</v>
      </c>
      <c r="L359" s="58">
        <f>Bühler!L385</f>
        <v>0.18995253410608393</v>
      </c>
      <c r="M359" s="57">
        <f>Bühler!M385</f>
        <v>0</v>
      </c>
      <c r="N359" s="55">
        <f>IF(Input!$K$13=1,J359*Input!$J$13,0)+IF(Input!$K$14=1,K359*Input!$J$14,0)+IF(Input!$K$15=1,L359*Input!$J$15,0)+IF(Input!$K$16=1,M359*Input!$J$16,0)</f>
        <v>1.7227235194069954</v>
      </c>
      <c r="O359" s="58">
        <f>IF(Input!$K$13=2,J359*Input!$J$13,0)+IF(Input!$K$14=2,K359*Input!$J$14,0)+IF(Input!$K$15=2,L359*Input!$J$15,0)+IF(Input!$K$16=2,M359*Input!$J$16,0)</f>
        <v>5.1287184208642658E-2</v>
      </c>
      <c r="P359" s="58">
        <f>IF(Input!$K$13=3,J359*Input!$J$13,0)+IF(Input!$K$14=3,K359*Input!$J$14,0)+IF(Input!$K$15=3,L359*Input!$J$15,0)+IF(Input!$K$16=3,M359*Input!$J$16,0)</f>
        <v>0</v>
      </c>
      <c r="Q359" s="71">
        <f>IF(Input!$K$13=4,J359*Input!$J$13,0)+IF(Input!$K$14=4,K359*Input!$J$14,0)+IF(Input!$K$15=4,L359*Input!$J$15,0)+IF(Input!$K$16=4,M359*Input!$J$16,0)</f>
        <v>0</v>
      </c>
    </row>
    <row r="360" spans="2:17" x14ac:dyDescent="0.25">
      <c r="B360" s="43">
        <v>353</v>
      </c>
      <c r="C360" s="55">
        <f>Jesper!AM354</f>
        <v>124.04415177580654</v>
      </c>
      <c r="D360" s="58">
        <f>Jesper!AN354</f>
        <v>827.19291913838526</v>
      </c>
      <c r="E360" s="58">
        <f>Jesper!AO354</f>
        <v>40.959072877421178</v>
      </c>
      <c r="F360" s="58">
        <f>Jesper!AP354</f>
        <v>20.479536438710589</v>
      </c>
      <c r="G360" s="57">
        <f>Jesper!AQ354</f>
        <v>0</v>
      </c>
      <c r="H360" s="43">
        <v>353</v>
      </c>
      <c r="I360" s="55">
        <f>Bühler!I386</f>
        <v>4.823631046975275</v>
      </c>
      <c r="J360" s="58">
        <f>Bühler!J386</f>
        <v>14.352375062446951</v>
      </c>
      <c r="K360" s="58">
        <f>Bühler!K386</f>
        <v>0.37990506821216785</v>
      </c>
      <c r="L360" s="58">
        <f>Bühler!L386</f>
        <v>0.18995253410608393</v>
      </c>
      <c r="M360" s="57">
        <f>Bühler!M386</f>
        <v>0</v>
      </c>
      <c r="N360" s="55">
        <f>IF(Input!$K$13=1,J360*Input!$J$13,0)+IF(Input!$K$14=1,K360*Input!$J$14,0)+IF(Input!$K$15=1,L360*Input!$J$15,0)+IF(Input!$K$16=1,M360*Input!$J$16,0)</f>
        <v>1.722285007493634</v>
      </c>
      <c r="O360" s="58">
        <f>IF(Input!$K$13=2,J360*Input!$J$13,0)+IF(Input!$K$14=2,K360*Input!$J$14,0)+IF(Input!$K$15=2,L360*Input!$J$15,0)+IF(Input!$K$16=2,M360*Input!$J$16,0)</f>
        <v>5.1287184208642658E-2</v>
      </c>
      <c r="P360" s="58">
        <f>IF(Input!$K$13=3,J360*Input!$J$13,0)+IF(Input!$K$14=3,K360*Input!$J$14,0)+IF(Input!$K$15=3,L360*Input!$J$15,0)+IF(Input!$K$16=3,M360*Input!$J$16,0)</f>
        <v>0</v>
      </c>
      <c r="Q360" s="71">
        <f>IF(Input!$K$13=4,J360*Input!$J$13,0)+IF(Input!$K$14=4,K360*Input!$J$14,0)+IF(Input!$K$15=4,L360*Input!$J$15,0)+IF(Input!$K$16=4,M360*Input!$J$16,0)</f>
        <v>0</v>
      </c>
    </row>
    <row r="361" spans="2:17" x14ac:dyDescent="0.25">
      <c r="B361" s="43">
        <v>354</v>
      </c>
      <c r="C361" s="55">
        <f>Jesper!AM355</f>
        <v>211.54366351446558</v>
      </c>
      <c r="D361" s="58">
        <f>Jesper!AN355</f>
        <v>1021.3940257481818</v>
      </c>
      <c r="E361" s="58">
        <f>Jesper!AO355</f>
        <v>42.121584723984085</v>
      </c>
      <c r="F361" s="58">
        <f>Jesper!AP355</f>
        <v>21.060792361992043</v>
      </c>
      <c r="G361" s="57">
        <f>Jesper!AQ355</f>
        <v>0</v>
      </c>
      <c r="H361" s="43">
        <v>354</v>
      </c>
      <c r="I361" s="55">
        <f>Bühler!I387</f>
        <v>4.1220119855970543</v>
      </c>
      <c r="J361" s="58">
        <f>Bühler!J387</f>
        <v>14.323140934889526</v>
      </c>
      <c r="K361" s="58">
        <f>Bühler!K387</f>
        <v>0.37990506821216785</v>
      </c>
      <c r="L361" s="58">
        <f>Bühler!L387</f>
        <v>0.18995253410608393</v>
      </c>
      <c r="M361" s="57">
        <f>Bühler!M387</f>
        <v>0</v>
      </c>
      <c r="N361" s="55">
        <f>IF(Input!$K$13=1,J361*Input!$J$13,0)+IF(Input!$K$14=1,K361*Input!$J$14,0)+IF(Input!$K$15=1,L361*Input!$J$15,0)+IF(Input!$K$16=1,M361*Input!$J$16,0)</f>
        <v>1.7187769121867431</v>
      </c>
      <c r="O361" s="58">
        <f>IF(Input!$K$13=2,J361*Input!$J$13,0)+IF(Input!$K$14=2,K361*Input!$J$14,0)+IF(Input!$K$15=2,L361*Input!$J$15,0)+IF(Input!$K$16=2,M361*Input!$J$16,0)</f>
        <v>5.1287184208642658E-2</v>
      </c>
      <c r="P361" s="58">
        <f>IF(Input!$K$13=3,J361*Input!$J$13,0)+IF(Input!$K$14=3,K361*Input!$J$14,0)+IF(Input!$K$15=3,L361*Input!$J$15,0)+IF(Input!$K$16=3,M361*Input!$J$16,0)</f>
        <v>0</v>
      </c>
      <c r="Q361" s="71">
        <f>IF(Input!$K$13=4,J361*Input!$J$13,0)+IF(Input!$K$14=4,K361*Input!$J$14,0)+IF(Input!$K$15=4,L361*Input!$J$15,0)+IF(Input!$K$16=4,M361*Input!$J$16,0)</f>
        <v>0</v>
      </c>
    </row>
    <row r="362" spans="2:17" x14ac:dyDescent="0.25">
      <c r="B362" s="43">
        <v>355</v>
      </c>
      <c r="C362" s="55">
        <f>Jesper!AM356</f>
        <v>121.85666398234007</v>
      </c>
      <c r="D362" s="58">
        <f>Jesper!AN356</f>
        <v>822.3378914731403</v>
      </c>
      <c r="E362" s="58">
        <f>Jesper!AO356</f>
        <v>40.930010081257102</v>
      </c>
      <c r="F362" s="58">
        <f>Jesper!AP356</f>
        <v>20.465005040628551</v>
      </c>
      <c r="G362" s="57">
        <f>Jesper!AQ356</f>
        <v>0</v>
      </c>
      <c r="H362" s="43">
        <v>355</v>
      </c>
      <c r="I362" s="55">
        <f>Bühler!I388</f>
        <v>3.8589048375802206</v>
      </c>
      <c r="J362" s="58">
        <f>Bühler!J388</f>
        <v>14.312178137055492</v>
      </c>
      <c r="K362" s="58">
        <f>Bühler!K388</f>
        <v>0.37990506821216785</v>
      </c>
      <c r="L362" s="58">
        <f>Bühler!L388</f>
        <v>0.18995253410608393</v>
      </c>
      <c r="M362" s="57">
        <f>Bühler!M388</f>
        <v>0</v>
      </c>
      <c r="N362" s="55">
        <f>IF(Input!$K$13=1,J362*Input!$J$13,0)+IF(Input!$K$14=1,K362*Input!$J$14,0)+IF(Input!$K$15=1,L362*Input!$J$15,0)+IF(Input!$K$16=1,M362*Input!$J$16,0)</f>
        <v>1.7174613764466589</v>
      </c>
      <c r="O362" s="58">
        <f>IF(Input!$K$13=2,J362*Input!$J$13,0)+IF(Input!$K$14=2,K362*Input!$J$14,0)+IF(Input!$K$15=2,L362*Input!$J$15,0)+IF(Input!$K$16=2,M362*Input!$J$16,0)</f>
        <v>5.1287184208642658E-2</v>
      </c>
      <c r="P362" s="58">
        <f>IF(Input!$K$13=3,J362*Input!$J$13,0)+IF(Input!$K$14=3,K362*Input!$J$14,0)+IF(Input!$K$15=3,L362*Input!$J$15,0)+IF(Input!$K$16=3,M362*Input!$J$16,0)</f>
        <v>0</v>
      </c>
      <c r="Q362" s="71">
        <f>IF(Input!$K$13=4,J362*Input!$J$13,0)+IF(Input!$K$14=4,K362*Input!$J$14,0)+IF(Input!$K$15=4,L362*Input!$J$15,0)+IF(Input!$K$16=4,M362*Input!$J$16,0)</f>
        <v>0</v>
      </c>
    </row>
    <row r="363" spans="2:17" x14ac:dyDescent="0.25">
      <c r="B363" s="43">
        <v>356</v>
      </c>
      <c r="C363" s="55">
        <f>Jesper!AM357</f>
        <v>121.85666398234007</v>
      </c>
      <c r="D363" s="58">
        <f>Jesper!AN357</f>
        <v>822.3378914731403</v>
      </c>
      <c r="E363" s="58">
        <f>Jesper!AO357</f>
        <v>40.930010081257102</v>
      </c>
      <c r="F363" s="58">
        <f>Jesper!AP357</f>
        <v>20.465005040628551</v>
      </c>
      <c r="G363" s="57">
        <f>Jesper!AQ357</f>
        <v>0</v>
      </c>
      <c r="H363" s="43">
        <v>356</v>
      </c>
      <c r="I363" s="55">
        <f>Bühler!I389</f>
        <v>3.2449881588742766</v>
      </c>
      <c r="J363" s="58">
        <f>Bühler!J389</f>
        <v>14.286598275442744</v>
      </c>
      <c r="K363" s="58">
        <f>Bühler!K389</f>
        <v>0.37990506821216785</v>
      </c>
      <c r="L363" s="58">
        <f>Bühler!L389</f>
        <v>0.18995253410608393</v>
      </c>
      <c r="M363" s="57">
        <f>Bühler!M389</f>
        <v>0</v>
      </c>
      <c r="N363" s="55">
        <f>IF(Input!$K$13=1,J363*Input!$J$13,0)+IF(Input!$K$14=1,K363*Input!$J$14,0)+IF(Input!$K$15=1,L363*Input!$J$15,0)+IF(Input!$K$16=1,M363*Input!$J$16,0)</f>
        <v>1.7143917930531292</v>
      </c>
      <c r="O363" s="58">
        <f>IF(Input!$K$13=2,J363*Input!$J$13,0)+IF(Input!$K$14=2,K363*Input!$J$14,0)+IF(Input!$K$15=2,L363*Input!$J$15,0)+IF(Input!$K$16=2,M363*Input!$J$16,0)</f>
        <v>5.1287184208642658E-2</v>
      </c>
      <c r="P363" s="58">
        <f>IF(Input!$K$13=3,J363*Input!$J$13,0)+IF(Input!$K$14=3,K363*Input!$J$14,0)+IF(Input!$K$15=3,L363*Input!$J$15,0)+IF(Input!$K$16=3,M363*Input!$J$16,0)</f>
        <v>0</v>
      </c>
      <c r="Q363" s="71">
        <f>IF(Input!$K$13=4,J363*Input!$J$13,0)+IF(Input!$K$14=4,K363*Input!$J$14,0)+IF(Input!$K$15=4,L363*Input!$J$15,0)+IF(Input!$K$16=4,M363*Input!$J$16,0)</f>
        <v>0</v>
      </c>
    </row>
    <row r="364" spans="2:17" x14ac:dyDescent="0.25">
      <c r="B364" s="43">
        <v>357</v>
      </c>
      <c r="C364" s="55">
        <f>Jesper!AM358</f>
        <v>114.41902860736064</v>
      </c>
      <c r="D364" s="58">
        <f>Jesper!AN358</f>
        <v>379.788485924089</v>
      </c>
      <c r="E364" s="58">
        <f>Jesper!AO358</f>
        <v>9.6865656086472178</v>
      </c>
      <c r="F364" s="58">
        <f>Jesper!AP358</f>
        <v>4.8432828043236089</v>
      </c>
      <c r="G364" s="57">
        <f>Jesper!AQ358</f>
        <v>0</v>
      </c>
      <c r="H364" s="43">
        <v>357</v>
      </c>
      <c r="I364" s="55">
        <f>Bühler!I390</f>
        <v>2.7187738628406097</v>
      </c>
      <c r="J364" s="58">
        <f>Bühler!J390</f>
        <v>14.264672679774675</v>
      </c>
      <c r="K364" s="58">
        <f>Bühler!K390</f>
        <v>0.37990506821216785</v>
      </c>
      <c r="L364" s="58">
        <f>Bühler!L390</f>
        <v>0.18995253410608393</v>
      </c>
      <c r="M364" s="57">
        <f>Bühler!M390</f>
        <v>0</v>
      </c>
      <c r="N364" s="55">
        <f>IF(Input!$K$13=1,J364*Input!$J$13,0)+IF(Input!$K$14=1,K364*Input!$J$14,0)+IF(Input!$K$15=1,L364*Input!$J$15,0)+IF(Input!$K$16=1,M364*Input!$J$16,0)</f>
        <v>1.7117607215729609</v>
      </c>
      <c r="O364" s="58">
        <f>IF(Input!$K$13=2,J364*Input!$J$13,0)+IF(Input!$K$14=2,K364*Input!$J$14,0)+IF(Input!$K$15=2,L364*Input!$J$15,0)+IF(Input!$K$16=2,M364*Input!$J$16,0)</f>
        <v>5.1287184208642658E-2</v>
      </c>
      <c r="P364" s="58">
        <f>IF(Input!$K$13=3,J364*Input!$J$13,0)+IF(Input!$K$14=3,K364*Input!$J$14,0)+IF(Input!$K$15=3,L364*Input!$J$15,0)+IF(Input!$K$16=3,M364*Input!$J$16,0)</f>
        <v>0</v>
      </c>
      <c r="Q364" s="71">
        <f>IF(Input!$K$13=4,J364*Input!$J$13,0)+IF(Input!$K$14=4,K364*Input!$J$14,0)+IF(Input!$K$15=4,L364*Input!$J$15,0)+IF(Input!$K$16=4,M364*Input!$J$16,0)</f>
        <v>0</v>
      </c>
    </row>
    <row r="365" spans="2:17" x14ac:dyDescent="0.25">
      <c r="B365" s="43">
        <v>358</v>
      </c>
      <c r="C365" s="55">
        <f>Jesper!AM359</f>
        <v>89.63384308251041</v>
      </c>
      <c r="D365" s="58">
        <f>Jesper!AN359</f>
        <v>322.13552034530431</v>
      </c>
      <c r="E365" s="58">
        <f>Jesper!AO359</f>
        <v>8.776415254158918</v>
      </c>
      <c r="F365" s="58">
        <f>Jesper!AP359</f>
        <v>4.388207627079459</v>
      </c>
      <c r="G365" s="57">
        <f>Jesper!AQ359</f>
        <v>0</v>
      </c>
      <c r="H365" s="43">
        <v>358</v>
      </c>
      <c r="I365" s="55">
        <f>Bühler!I391</f>
        <v>2.3679643321514989</v>
      </c>
      <c r="J365" s="58">
        <f>Bühler!J391</f>
        <v>14.250055615995961</v>
      </c>
      <c r="K365" s="58">
        <f>Bühler!K391</f>
        <v>0.37990506821216785</v>
      </c>
      <c r="L365" s="58">
        <f>Bühler!L391</f>
        <v>0.18995253410608393</v>
      </c>
      <c r="M365" s="57">
        <f>Bühler!M391</f>
        <v>0</v>
      </c>
      <c r="N365" s="55">
        <f>IF(Input!$K$13=1,J365*Input!$J$13,0)+IF(Input!$K$14=1,K365*Input!$J$14,0)+IF(Input!$K$15=1,L365*Input!$J$15,0)+IF(Input!$K$16=1,M365*Input!$J$16,0)</f>
        <v>1.7100066739195152</v>
      </c>
      <c r="O365" s="58">
        <f>IF(Input!$K$13=2,J365*Input!$J$13,0)+IF(Input!$K$14=2,K365*Input!$J$14,0)+IF(Input!$K$15=2,L365*Input!$J$15,0)+IF(Input!$K$16=2,M365*Input!$J$16,0)</f>
        <v>5.1287184208642658E-2</v>
      </c>
      <c r="P365" s="58">
        <f>IF(Input!$K$13=3,J365*Input!$J$13,0)+IF(Input!$K$14=3,K365*Input!$J$14,0)+IF(Input!$K$15=3,L365*Input!$J$15,0)+IF(Input!$K$16=3,M365*Input!$J$16,0)</f>
        <v>0</v>
      </c>
      <c r="Q365" s="71">
        <f>IF(Input!$K$13=4,J365*Input!$J$13,0)+IF(Input!$K$14=4,K365*Input!$J$14,0)+IF(Input!$K$15=4,L365*Input!$J$15,0)+IF(Input!$K$16=4,M365*Input!$J$16,0)</f>
        <v>0</v>
      </c>
    </row>
    <row r="366" spans="2:17" x14ac:dyDescent="0.25">
      <c r="B366" s="43">
        <v>359</v>
      </c>
      <c r="C366" s="55">
        <f>Jesper!AM360</f>
        <v>29.982176656748035</v>
      </c>
      <c r="D366" s="58">
        <f>Jesper!AN360</f>
        <v>618.42672953285376</v>
      </c>
      <c r="E366" s="58">
        <f>Jesper!AO360</f>
        <v>39.709372642366041</v>
      </c>
      <c r="F366" s="58">
        <f>Jesper!AP360</f>
        <v>19.854686321183021</v>
      </c>
      <c r="G366" s="57">
        <f>Jesper!AQ360</f>
        <v>0</v>
      </c>
      <c r="H366" s="43">
        <v>359</v>
      </c>
      <c r="I366" s="55">
        <f>Bühler!I392</f>
        <v>2.3679643321514989</v>
      </c>
      <c r="J366" s="58">
        <f>Bühler!J392</f>
        <v>14.250055615995961</v>
      </c>
      <c r="K366" s="58">
        <f>Bühler!K392</f>
        <v>0.37990506821216785</v>
      </c>
      <c r="L366" s="58">
        <f>Bühler!L392</f>
        <v>0.18995253410608393</v>
      </c>
      <c r="M366" s="57">
        <f>Bühler!M392</f>
        <v>0</v>
      </c>
      <c r="N366" s="55">
        <f>IF(Input!$K$13=1,J366*Input!$J$13,0)+IF(Input!$K$14=1,K366*Input!$J$14,0)+IF(Input!$K$15=1,L366*Input!$J$15,0)+IF(Input!$K$16=1,M366*Input!$J$16,0)</f>
        <v>1.7100066739195152</v>
      </c>
      <c r="O366" s="58">
        <f>IF(Input!$K$13=2,J366*Input!$J$13,0)+IF(Input!$K$14=2,K366*Input!$J$14,0)+IF(Input!$K$15=2,L366*Input!$J$15,0)+IF(Input!$K$16=2,M366*Input!$J$16,0)</f>
        <v>5.1287184208642658E-2</v>
      </c>
      <c r="P366" s="58">
        <f>IF(Input!$K$13=3,J366*Input!$J$13,0)+IF(Input!$K$14=3,K366*Input!$J$14,0)+IF(Input!$K$15=3,L366*Input!$J$15,0)+IF(Input!$K$16=3,M366*Input!$J$16,0)</f>
        <v>0</v>
      </c>
      <c r="Q366" s="71">
        <f>IF(Input!$K$13=4,J366*Input!$J$13,0)+IF(Input!$K$14=4,K366*Input!$J$14,0)+IF(Input!$K$15=4,L366*Input!$J$15,0)+IF(Input!$K$16=4,M366*Input!$J$16,0)</f>
        <v>0</v>
      </c>
    </row>
    <row r="367" spans="2:17" x14ac:dyDescent="0.25">
      <c r="B367" s="43">
        <v>360</v>
      </c>
      <c r="C367" s="55">
        <f>Jesper!AM361</f>
        <v>45.294591211013447</v>
      </c>
      <c r="D367" s="58">
        <f>Jesper!AN361</f>
        <v>652.41192318956837</v>
      </c>
      <c r="E367" s="58">
        <f>Jesper!AO361</f>
        <v>39.912812215514556</v>
      </c>
      <c r="F367" s="58">
        <f>Jesper!AP361</f>
        <v>19.956406107757278</v>
      </c>
      <c r="G367" s="57">
        <f>Jesper!AQ361</f>
        <v>0</v>
      </c>
      <c r="H367" s="43">
        <v>360</v>
      </c>
      <c r="I367" s="55">
        <f>Bühler!I393</f>
        <v>2.3679643321514989</v>
      </c>
      <c r="J367" s="58">
        <f>Bühler!J393</f>
        <v>14.250055615995961</v>
      </c>
      <c r="K367" s="58">
        <f>Bühler!K393</f>
        <v>0.37990506821216785</v>
      </c>
      <c r="L367" s="58">
        <f>Bühler!L393</f>
        <v>0.18995253410608393</v>
      </c>
      <c r="M367" s="57">
        <f>Bühler!M393</f>
        <v>0</v>
      </c>
      <c r="N367" s="55">
        <f>IF(Input!$K$13=1,J367*Input!$J$13,0)+IF(Input!$K$14=1,K367*Input!$J$14,0)+IF(Input!$K$15=1,L367*Input!$J$15,0)+IF(Input!$K$16=1,M367*Input!$J$16,0)</f>
        <v>1.7100066739195152</v>
      </c>
      <c r="O367" s="58">
        <f>IF(Input!$K$13=2,J367*Input!$J$13,0)+IF(Input!$K$14=2,K367*Input!$J$14,0)+IF(Input!$K$15=2,L367*Input!$J$15,0)+IF(Input!$K$16=2,M367*Input!$J$16,0)</f>
        <v>5.1287184208642658E-2</v>
      </c>
      <c r="P367" s="58">
        <f>IF(Input!$K$13=3,J367*Input!$J$13,0)+IF(Input!$K$14=3,K367*Input!$J$14,0)+IF(Input!$K$15=3,L367*Input!$J$15,0)+IF(Input!$K$16=3,M367*Input!$J$16,0)</f>
        <v>0</v>
      </c>
      <c r="Q367" s="71">
        <f>IF(Input!$K$13=4,J367*Input!$J$13,0)+IF(Input!$K$14=4,K367*Input!$J$14,0)+IF(Input!$K$15=4,L367*Input!$J$15,0)+IF(Input!$K$16=4,M367*Input!$J$16,0)</f>
        <v>0</v>
      </c>
    </row>
    <row r="368" spans="2:17" x14ac:dyDescent="0.25">
      <c r="B368" s="43">
        <v>361</v>
      </c>
      <c r="C368" s="55">
        <f>Jesper!AM362</f>
        <v>104.35676163460826</v>
      </c>
      <c r="D368" s="58">
        <f>Jesper!AN362</f>
        <v>783.49767015118096</v>
      </c>
      <c r="E368" s="58">
        <f>Jesper!AO362</f>
        <v>40.697507711944517</v>
      </c>
      <c r="F368" s="58">
        <f>Jesper!AP362</f>
        <v>20.348753855972259</v>
      </c>
      <c r="G368" s="57">
        <f>Jesper!AQ362</f>
        <v>0</v>
      </c>
      <c r="H368" s="43">
        <v>361</v>
      </c>
      <c r="I368" s="55">
        <f>Bühler!I394</f>
        <v>2.4425541605580565</v>
      </c>
      <c r="J368" s="58">
        <f>Bühler!J394</f>
        <v>13.958442012747712</v>
      </c>
      <c r="K368" s="58">
        <f>Bühler!K394</f>
        <v>0.61823403041010583</v>
      </c>
      <c r="L368" s="58">
        <f>Bühler!L394</f>
        <v>0.30911701520505291</v>
      </c>
      <c r="M368" s="57">
        <f>Bühler!M394</f>
        <v>0</v>
      </c>
      <c r="N368" s="55">
        <f>IF(Input!$K$13=1,J368*Input!$J$13,0)+IF(Input!$K$14=1,K368*Input!$J$14,0)+IF(Input!$K$15=1,L368*Input!$J$15,0)+IF(Input!$K$16=1,M368*Input!$J$16,0)</f>
        <v>1.6750130415297253</v>
      </c>
      <c r="O368" s="58">
        <f>IF(Input!$K$13=2,J368*Input!$J$13,0)+IF(Input!$K$14=2,K368*Input!$J$14,0)+IF(Input!$K$15=2,L368*Input!$J$15,0)+IF(Input!$K$16=2,M368*Input!$J$16,0)</f>
        <v>8.3461594105364287E-2</v>
      </c>
      <c r="P368" s="58">
        <f>IF(Input!$K$13=3,J368*Input!$J$13,0)+IF(Input!$K$14=3,K368*Input!$J$14,0)+IF(Input!$K$15=3,L368*Input!$J$15,0)+IF(Input!$K$16=3,M368*Input!$J$16,0)</f>
        <v>0</v>
      </c>
      <c r="Q368" s="71">
        <f>IF(Input!$K$13=4,J368*Input!$J$13,0)+IF(Input!$K$14=4,K368*Input!$J$14,0)+IF(Input!$K$15=4,L368*Input!$J$15,0)+IF(Input!$K$16=4,M368*Input!$J$16,0)</f>
        <v>0</v>
      </c>
    </row>
    <row r="369" spans="2:17" x14ac:dyDescent="0.25">
      <c r="B369" s="43">
        <v>362</v>
      </c>
      <c r="C369" s="55">
        <f>Jesper!AM363</f>
        <v>191.85627337326727</v>
      </c>
      <c r="D369" s="58">
        <f>Jesper!AN363</f>
        <v>977.69877676097758</v>
      </c>
      <c r="E369" s="58">
        <f>Jesper!AO363</f>
        <v>41.860019558507432</v>
      </c>
      <c r="F369" s="58">
        <f>Jesper!AP363</f>
        <v>20.930009779253716</v>
      </c>
      <c r="G369" s="57">
        <f>Jesper!AQ363</f>
        <v>0</v>
      </c>
      <c r="H369" s="43">
        <v>362</v>
      </c>
      <c r="I369" s="55">
        <f>Bühler!I395</f>
        <v>2.4425541605580565</v>
      </c>
      <c r="J369" s="58">
        <f>Bühler!J395</f>
        <v>13.958442012747712</v>
      </c>
      <c r="K369" s="58">
        <f>Bühler!K395</f>
        <v>0.61823403041010583</v>
      </c>
      <c r="L369" s="58">
        <f>Bühler!L395</f>
        <v>0.30911701520505291</v>
      </c>
      <c r="M369" s="57">
        <f>Bühler!M395</f>
        <v>0</v>
      </c>
      <c r="N369" s="55">
        <f>IF(Input!$K$13=1,J369*Input!$J$13,0)+IF(Input!$K$14=1,K369*Input!$J$14,0)+IF(Input!$K$15=1,L369*Input!$J$15,0)+IF(Input!$K$16=1,M369*Input!$J$16,0)</f>
        <v>1.6750130415297253</v>
      </c>
      <c r="O369" s="58">
        <f>IF(Input!$K$13=2,J369*Input!$J$13,0)+IF(Input!$K$14=2,K369*Input!$J$14,0)+IF(Input!$K$15=2,L369*Input!$J$15,0)+IF(Input!$K$16=2,M369*Input!$J$16,0)</f>
        <v>8.3461594105364287E-2</v>
      </c>
      <c r="P369" s="58">
        <f>IF(Input!$K$13=3,J369*Input!$J$13,0)+IF(Input!$K$14=3,K369*Input!$J$14,0)+IF(Input!$K$15=3,L369*Input!$J$15,0)+IF(Input!$K$16=3,M369*Input!$J$16,0)</f>
        <v>0</v>
      </c>
      <c r="Q369" s="71">
        <f>IF(Input!$K$13=4,J369*Input!$J$13,0)+IF(Input!$K$14=4,K369*Input!$J$14,0)+IF(Input!$K$15=4,L369*Input!$J$15,0)+IF(Input!$K$16=4,M369*Input!$J$16,0)</f>
        <v>0</v>
      </c>
    </row>
    <row r="370" spans="2:17" x14ac:dyDescent="0.25">
      <c r="B370" s="43">
        <v>363</v>
      </c>
      <c r="C370" s="55">
        <f>Jesper!AM364</f>
        <v>106.54424942807475</v>
      </c>
      <c r="D370" s="58">
        <f>Jesper!AN364</f>
        <v>788.35269781642592</v>
      </c>
      <c r="E370" s="58">
        <f>Jesper!AO364</f>
        <v>40.726570508108587</v>
      </c>
      <c r="F370" s="58">
        <f>Jesper!AP364</f>
        <v>20.363285254054293</v>
      </c>
      <c r="G370" s="57">
        <f>Jesper!AQ364</f>
        <v>0</v>
      </c>
      <c r="H370" s="43">
        <v>363</v>
      </c>
      <c r="I370" s="55">
        <f>Bühler!I396</f>
        <v>2.4425541605580565</v>
      </c>
      <c r="J370" s="58">
        <f>Bühler!J396</f>
        <v>13.958442012747712</v>
      </c>
      <c r="K370" s="58">
        <f>Bühler!K396</f>
        <v>0.61823403041010583</v>
      </c>
      <c r="L370" s="58">
        <f>Bühler!L396</f>
        <v>0.30911701520505291</v>
      </c>
      <c r="M370" s="57">
        <f>Bühler!M396</f>
        <v>0</v>
      </c>
      <c r="N370" s="55">
        <f>IF(Input!$K$13=1,J370*Input!$J$13,0)+IF(Input!$K$14=1,K370*Input!$J$14,0)+IF(Input!$K$15=1,L370*Input!$J$15,0)+IF(Input!$K$16=1,M370*Input!$J$16,0)</f>
        <v>1.6750130415297253</v>
      </c>
      <c r="O370" s="58">
        <f>IF(Input!$K$13=2,J370*Input!$J$13,0)+IF(Input!$K$14=2,K370*Input!$J$14,0)+IF(Input!$K$15=2,L370*Input!$J$15,0)+IF(Input!$K$16=2,M370*Input!$J$16,0)</f>
        <v>8.3461594105364287E-2</v>
      </c>
      <c r="P370" s="58">
        <f>IF(Input!$K$13=3,J370*Input!$J$13,0)+IF(Input!$K$14=3,K370*Input!$J$14,0)+IF(Input!$K$15=3,L370*Input!$J$15,0)+IF(Input!$K$16=3,M370*Input!$J$16,0)</f>
        <v>0</v>
      </c>
      <c r="Q370" s="71">
        <f>IF(Input!$K$13=4,J370*Input!$J$13,0)+IF(Input!$K$14=4,K370*Input!$J$14,0)+IF(Input!$K$15=4,L370*Input!$J$15,0)+IF(Input!$K$16=4,M370*Input!$J$16,0)</f>
        <v>0</v>
      </c>
    </row>
    <row r="371" spans="2:17" x14ac:dyDescent="0.25">
      <c r="B371" s="43">
        <v>364</v>
      </c>
      <c r="C371" s="55">
        <f>Jesper!AM365</f>
        <v>68.97952181180186</v>
      </c>
      <c r="D371" s="58">
        <f>Jesper!AN365</f>
        <v>274.09138236298372</v>
      </c>
      <c r="E371" s="58">
        <f>Jesper!AO365</f>
        <v>8.0179566254186678</v>
      </c>
      <c r="F371" s="58">
        <f>Jesper!AP365</f>
        <v>4.0089783127093339</v>
      </c>
      <c r="G371" s="57">
        <f>Jesper!AQ365</f>
        <v>0</v>
      </c>
      <c r="H371" s="43">
        <v>364</v>
      </c>
      <c r="I371" s="55">
        <f>Bühler!I397</f>
        <v>2.4425541605580565</v>
      </c>
      <c r="J371" s="58">
        <f>Bühler!J397</f>
        <v>13.958442012747712</v>
      </c>
      <c r="K371" s="58">
        <f>Bühler!K397</f>
        <v>0.61823403041010583</v>
      </c>
      <c r="L371" s="58">
        <f>Bühler!L397</f>
        <v>0.30911701520505291</v>
      </c>
      <c r="M371" s="57">
        <f>Bühler!M397</f>
        <v>0</v>
      </c>
      <c r="N371" s="55">
        <f>IF(Input!$K$13=1,J371*Input!$J$13,0)+IF(Input!$K$14=1,K371*Input!$J$14,0)+IF(Input!$K$15=1,L371*Input!$J$15,0)+IF(Input!$K$16=1,M371*Input!$J$16,0)</f>
        <v>1.6750130415297253</v>
      </c>
      <c r="O371" s="58">
        <f>IF(Input!$K$13=2,J371*Input!$J$13,0)+IF(Input!$K$14=2,K371*Input!$J$14,0)+IF(Input!$K$15=2,L371*Input!$J$15,0)+IF(Input!$K$16=2,M371*Input!$J$16,0)</f>
        <v>8.3461594105364287E-2</v>
      </c>
      <c r="P371" s="58">
        <f>IF(Input!$K$13=3,J371*Input!$J$13,0)+IF(Input!$K$14=3,K371*Input!$J$14,0)+IF(Input!$K$15=3,L371*Input!$J$15,0)+IF(Input!$K$16=3,M371*Input!$J$16,0)</f>
        <v>0</v>
      </c>
      <c r="Q371" s="71">
        <f>IF(Input!$K$13=4,J371*Input!$J$13,0)+IF(Input!$K$14=4,K371*Input!$J$14,0)+IF(Input!$K$15=4,L371*Input!$J$15,0)+IF(Input!$K$16=4,M371*Input!$J$16,0)</f>
        <v>0</v>
      </c>
    </row>
    <row r="372" spans="2:17" ht="15.75" thickBot="1" x14ac:dyDescent="0.3">
      <c r="B372" s="43">
        <v>365</v>
      </c>
      <c r="C372" s="59">
        <f>Jesper!AM366</f>
        <v>98.928287654329267</v>
      </c>
      <c r="D372" s="58">
        <f>Jesper!AN366</f>
        <v>343.7553824373486</v>
      </c>
      <c r="E372" s="58">
        <f>Jesper!AO366</f>
        <v>9.1177216370920302</v>
      </c>
      <c r="F372" s="58">
        <f>Jesper!AP366</f>
        <v>4.5588608185460151</v>
      </c>
      <c r="G372" s="60">
        <f>Jesper!AQ366</f>
        <v>0</v>
      </c>
      <c r="H372" s="43">
        <v>365</v>
      </c>
      <c r="I372" s="55">
        <f>Bühler!I398</f>
        <v>2.4425541605580565</v>
      </c>
      <c r="J372" s="58">
        <f>Bühler!J398</f>
        <v>13.958442012747712</v>
      </c>
      <c r="K372" s="58">
        <f>Bühler!K398</f>
        <v>0.61823403041010583</v>
      </c>
      <c r="L372" s="58">
        <f>Bühler!L398</f>
        <v>0.30911701520505291</v>
      </c>
      <c r="M372" s="57">
        <f>Bühler!M398</f>
        <v>0</v>
      </c>
      <c r="N372" s="55">
        <f>IF(Input!$K$13=1,J372*Input!$J$13,0)+IF(Input!$K$14=1,K372*Input!$J$14,0)+IF(Input!$K$15=1,L372*Input!$J$15,0)+IF(Input!$K$16=1,M372*Input!$J$16,0)</f>
        <v>1.6750130415297253</v>
      </c>
      <c r="O372" s="58">
        <f>IF(Input!$K$13=2,J372*Input!$J$13,0)+IF(Input!$K$14=2,K372*Input!$J$14,0)+IF(Input!$K$15=2,L372*Input!$J$15,0)+IF(Input!$K$16=2,M372*Input!$J$16,0)</f>
        <v>8.3461594105364287E-2</v>
      </c>
      <c r="P372" s="58">
        <f>IF(Input!$K$13=3,J372*Input!$J$13,0)+IF(Input!$K$14=3,K372*Input!$J$14,0)+IF(Input!$K$15=3,L372*Input!$J$15,0)+IF(Input!$K$16=3,M372*Input!$J$16,0)</f>
        <v>0</v>
      </c>
      <c r="Q372" s="71">
        <f>IF(Input!$K$13=4,J372*Input!$J$13,0)+IF(Input!$K$14=4,K372*Input!$J$14,0)+IF(Input!$K$15=4,L372*Input!$J$15,0)+IF(Input!$K$16=4,M372*Input!$J$16,0)</f>
        <v>0</v>
      </c>
    </row>
    <row r="373" spans="2:17" x14ac:dyDescent="0.25">
      <c r="H373" s="43">
        <v>366</v>
      </c>
      <c r="I373" s="55">
        <f>Bühler!I399</f>
        <v>2.4425541605580565</v>
      </c>
      <c r="J373" s="58">
        <f>Bühler!J399</f>
        <v>13.958442012747712</v>
      </c>
      <c r="K373" s="58">
        <f>Bühler!K399</f>
        <v>0.61823403041010583</v>
      </c>
      <c r="L373" s="58">
        <f>Bühler!L399</f>
        <v>0.30911701520505291</v>
      </c>
      <c r="M373" s="57">
        <f>Bühler!M399</f>
        <v>0</v>
      </c>
      <c r="N373" s="55">
        <f>IF(Input!$K$13=1,J373*Input!$J$13,0)+IF(Input!$K$14=1,K373*Input!$J$14,0)+IF(Input!$K$15=1,L373*Input!$J$15,0)+IF(Input!$K$16=1,M373*Input!$J$16,0)</f>
        <v>1.6750130415297253</v>
      </c>
      <c r="O373" s="58">
        <f>IF(Input!$K$13=2,J373*Input!$J$13,0)+IF(Input!$K$14=2,K373*Input!$J$14,0)+IF(Input!$K$15=2,L373*Input!$J$15,0)+IF(Input!$K$16=2,M373*Input!$J$16,0)</f>
        <v>8.3461594105364287E-2</v>
      </c>
      <c r="P373" s="58">
        <f>IF(Input!$K$13=3,J373*Input!$J$13,0)+IF(Input!$K$14=3,K373*Input!$J$14,0)+IF(Input!$K$15=3,L373*Input!$J$15,0)+IF(Input!$K$16=3,M373*Input!$J$16,0)</f>
        <v>0</v>
      </c>
      <c r="Q373" s="71">
        <f>IF(Input!$K$13=4,J373*Input!$J$13,0)+IF(Input!$K$14=4,K373*Input!$J$14,0)+IF(Input!$K$15=4,L373*Input!$J$15,0)+IF(Input!$K$16=4,M373*Input!$J$16,0)</f>
        <v>0</v>
      </c>
    </row>
    <row r="374" spans="2:17" x14ac:dyDescent="0.25">
      <c r="H374" s="43">
        <v>367</v>
      </c>
      <c r="I374" s="55">
        <f>Bühler!I400</f>
        <v>2.4425541605580565</v>
      </c>
      <c r="J374" s="58">
        <f>Bühler!J400</f>
        <v>13.958442012747712</v>
      </c>
      <c r="K374" s="58">
        <f>Bühler!K400</f>
        <v>0.61823403041010583</v>
      </c>
      <c r="L374" s="58">
        <f>Bühler!L400</f>
        <v>0.30911701520505291</v>
      </c>
      <c r="M374" s="57">
        <f>Bühler!M400</f>
        <v>0</v>
      </c>
      <c r="N374" s="55">
        <f>IF(Input!$K$13=1,J374*Input!$J$13,0)+IF(Input!$K$14=1,K374*Input!$J$14,0)+IF(Input!$K$15=1,L374*Input!$J$15,0)+IF(Input!$K$16=1,M374*Input!$J$16,0)</f>
        <v>1.6750130415297253</v>
      </c>
      <c r="O374" s="58">
        <f>IF(Input!$K$13=2,J374*Input!$J$13,0)+IF(Input!$K$14=2,K374*Input!$J$14,0)+IF(Input!$K$15=2,L374*Input!$J$15,0)+IF(Input!$K$16=2,M374*Input!$J$16,0)</f>
        <v>8.3461594105364287E-2</v>
      </c>
      <c r="P374" s="58">
        <f>IF(Input!$K$13=3,J374*Input!$J$13,0)+IF(Input!$K$14=3,K374*Input!$J$14,0)+IF(Input!$K$15=3,L374*Input!$J$15,0)+IF(Input!$K$16=3,M374*Input!$J$16,0)</f>
        <v>0</v>
      </c>
      <c r="Q374" s="71">
        <f>IF(Input!$K$13=4,J374*Input!$J$13,0)+IF(Input!$K$14=4,K374*Input!$J$14,0)+IF(Input!$K$15=4,L374*Input!$J$15,0)+IF(Input!$K$16=4,M374*Input!$J$16,0)</f>
        <v>0</v>
      </c>
    </row>
    <row r="375" spans="2:17" x14ac:dyDescent="0.25">
      <c r="H375" s="43">
        <v>368</v>
      </c>
      <c r="I375" s="55">
        <f>Bühler!I401</f>
        <v>10.625110598427545</v>
      </c>
      <c r="J375" s="58">
        <f>Bühler!J401</f>
        <v>59.701112004959654</v>
      </c>
      <c r="K375" s="58">
        <f>Bühler!K401</f>
        <v>2.6336769695470506</v>
      </c>
      <c r="L375" s="58">
        <f>Bühler!L401</f>
        <v>1.3168384847735253</v>
      </c>
      <c r="M375" s="57">
        <f>Bühler!M401</f>
        <v>0</v>
      </c>
      <c r="N375" s="55">
        <f>IF(Input!$K$13=1,J375*Input!$J$13,0)+IF(Input!$K$14=1,K375*Input!$J$14,0)+IF(Input!$K$15=1,L375*Input!$J$15,0)+IF(Input!$K$16=1,M375*Input!$J$16,0)</f>
        <v>7.1641334405951582</v>
      </c>
      <c r="O375" s="58">
        <f>IF(Input!$K$13=2,J375*Input!$J$13,0)+IF(Input!$K$14=2,K375*Input!$J$14,0)+IF(Input!$K$15=2,L375*Input!$J$15,0)+IF(Input!$K$16=2,M375*Input!$J$16,0)</f>
        <v>0.35554639088885182</v>
      </c>
      <c r="P375" s="58">
        <f>IF(Input!$K$13=3,J375*Input!$J$13,0)+IF(Input!$K$14=3,K375*Input!$J$14,0)+IF(Input!$K$15=3,L375*Input!$J$15,0)+IF(Input!$K$16=3,M375*Input!$J$16,0)</f>
        <v>0</v>
      </c>
      <c r="Q375" s="71">
        <f>IF(Input!$K$13=4,J375*Input!$J$13,0)+IF(Input!$K$14=4,K375*Input!$J$14,0)+IF(Input!$K$15=4,L375*Input!$J$15,0)+IF(Input!$K$16=4,M375*Input!$J$16,0)</f>
        <v>0</v>
      </c>
    </row>
    <row r="376" spans="2:17" x14ac:dyDescent="0.25">
      <c r="H376" s="43">
        <v>369</v>
      </c>
      <c r="I376" s="55">
        <f>Bühler!I402</f>
        <v>11.953249423230988</v>
      </c>
      <c r="J376" s="58">
        <f>Bühler!J402</f>
        <v>67.163751005579613</v>
      </c>
      <c r="K376" s="58">
        <f>Bühler!K402</f>
        <v>2.9628865907404318</v>
      </c>
      <c r="L376" s="58">
        <f>Bühler!L402</f>
        <v>1.4814432953702159</v>
      </c>
      <c r="M376" s="57">
        <f>Bühler!M402</f>
        <v>0</v>
      </c>
      <c r="N376" s="55">
        <f>IF(Input!$K$13=1,J376*Input!$J$13,0)+IF(Input!$K$14=1,K376*Input!$J$14,0)+IF(Input!$K$15=1,L376*Input!$J$15,0)+IF(Input!$K$16=1,M376*Input!$J$16,0)</f>
        <v>8.0596501206695539</v>
      </c>
      <c r="O376" s="58">
        <f>IF(Input!$K$13=2,J376*Input!$J$13,0)+IF(Input!$K$14=2,K376*Input!$J$14,0)+IF(Input!$K$15=2,L376*Input!$J$15,0)+IF(Input!$K$16=2,M376*Input!$J$16,0)</f>
        <v>0.3999896897499583</v>
      </c>
      <c r="P376" s="58">
        <f>IF(Input!$K$13=3,J376*Input!$J$13,0)+IF(Input!$K$14=3,K376*Input!$J$14,0)+IF(Input!$K$15=3,L376*Input!$J$15,0)+IF(Input!$K$16=3,M376*Input!$J$16,0)</f>
        <v>0</v>
      </c>
      <c r="Q376" s="71">
        <f>IF(Input!$K$13=4,J376*Input!$J$13,0)+IF(Input!$K$14=4,K376*Input!$J$14,0)+IF(Input!$K$15=4,L376*Input!$J$15,0)+IF(Input!$K$16=4,M376*Input!$J$16,0)</f>
        <v>0</v>
      </c>
    </row>
    <row r="377" spans="2:17" x14ac:dyDescent="0.25">
      <c r="H377" s="43">
        <v>370</v>
      </c>
      <c r="I377" s="55">
        <f>Bühler!I403</f>
        <v>13.28138824803443</v>
      </c>
      <c r="J377" s="58">
        <f>Bühler!J403</f>
        <v>74.626390006199586</v>
      </c>
      <c r="K377" s="58">
        <f>Bühler!K403</f>
        <v>3.2920962119338135</v>
      </c>
      <c r="L377" s="58">
        <f>Bühler!L403</f>
        <v>1.6460481059669068</v>
      </c>
      <c r="M377" s="57">
        <f>Bühler!M403</f>
        <v>0</v>
      </c>
      <c r="N377" s="55">
        <f>IF(Input!$K$13=1,J377*Input!$J$13,0)+IF(Input!$K$14=1,K377*Input!$J$14,0)+IF(Input!$K$15=1,L377*Input!$J$15,0)+IF(Input!$K$16=1,M377*Input!$J$16,0)</f>
        <v>8.9551668007439496</v>
      </c>
      <c r="O377" s="58">
        <f>IF(Input!$K$13=2,J377*Input!$J$13,0)+IF(Input!$K$14=2,K377*Input!$J$14,0)+IF(Input!$K$15=2,L377*Input!$J$15,0)+IF(Input!$K$16=2,M377*Input!$J$16,0)</f>
        <v>0.44443298861106484</v>
      </c>
      <c r="P377" s="58">
        <f>IF(Input!$K$13=3,J377*Input!$J$13,0)+IF(Input!$K$14=3,K377*Input!$J$14,0)+IF(Input!$K$15=3,L377*Input!$J$15,0)+IF(Input!$K$16=3,M377*Input!$J$16,0)</f>
        <v>0</v>
      </c>
      <c r="Q377" s="71">
        <f>IF(Input!$K$13=4,J377*Input!$J$13,0)+IF(Input!$K$14=4,K377*Input!$J$14,0)+IF(Input!$K$15=4,L377*Input!$J$15,0)+IF(Input!$K$16=4,M377*Input!$J$16,0)</f>
        <v>0</v>
      </c>
    </row>
    <row r="378" spans="2:17" x14ac:dyDescent="0.25">
      <c r="H378" s="43">
        <v>371</v>
      </c>
      <c r="I378" s="55">
        <f>Bühler!I404</f>
        <v>13.28138824803443</v>
      </c>
      <c r="J378" s="58">
        <f>Bühler!J404</f>
        <v>74.626390006199586</v>
      </c>
      <c r="K378" s="58">
        <f>Bühler!K404</f>
        <v>3.2920962119338135</v>
      </c>
      <c r="L378" s="58">
        <f>Bühler!L404</f>
        <v>1.6460481059669068</v>
      </c>
      <c r="M378" s="57">
        <f>Bühler!M404</f>
        <v>0</v>
      </c>
      <c r="N378" s="55">
        <f>IF(Input!$K$13=1,J378*Input!$J$13,0)+IF(Input!$K$14=1,K378*Input!$J$14,0)+IF(Input!$K$15=1,L378*Input!$J$15,0)+IF(Input!$K$16=1,M378*Input!$J$16,0)</f>
        <v>8.9551668007439496</v>
      </c>
      <c r="O378" s="58">
        <f>IF(Input!$K$13=2,J378*Input!$J$13,0)+IF(Input!$K$14=2,K378*Input!$J$14,0)+IF(Input!$K$15=2,L378*Input!$J$15,0)+IF(Input!$K$16=2,M378*Input!$J$16,0)</f>
        <v>0.44443298861106484</v>
      </c>
      <c r="P378" s="58">
        <f>IF(Input!$K$13=3,J378*Input!$J$13,0)+IF(Input!$K$14=3,K378*Input!$J$14,0)+IF(Input!$K$15=3,L378*Input!$J$15,0)+IF(Input!$K$16=3,M378*Input!$J$16,0)</f>
        <v>0</v>
      </c>
      <c r="Q378" s="71">
        <f>IF(Input!$K$13=4,J378*Input!$J$13,0)+IF(Input!$K$14=4,K378*Input!$J$14,0)+IF(Input!$K$15=4,L378*Input!$J$15,0)+IF(Input!$K$16=4,M378*Input!$J$16,0)</f>
        <v>0</v>
      </c>
    </row>
    <row r="379" spans="2:17" x14ac:dyDescent="0.25">
      <c r="H379" s="43">
        <v>372</v>
      </c>
      <c r="I379" s="55">
        <f>Bühler!I405</f>
        <v>15.937665897641313</v>
      </c>
      <c r="J379" s="58">
        <f>Bühler!J405</f>
        <v>89.551668007439474</v>
      </c>
      <c r="K379" s="58">
        <f>Bühler!K405</f>
        <v>3.9505154543205747</v>
      </c>
      <c r="L379" s="58">
        <f>Bühler!L405</f>
        <v>1.9752577271602874</v>
      </c>
      <c r="M379" s="57">
        <f>Bühler!M405</f>
        <v>0</v>
      </c>
      <c r="N379" s="55">
        <f>IF(Input!$K$13=1,J379*Input!$J$13,0)+IF(Input!$K$14=1,K379*Input!$J$14,0)+IF(Input!$K$15=1,L379*Input!$J$15,0)+IF(Input!$K$16=1,M379*Input!$J$16,0)</f>
        <v>10.746200160892737</v>
      </c>
      <c r="O379" s="58">
        <f>IF(Input!$K$13=2,J379*Input!$J$13,0)+IF(Input!$K$14=2,K379*Input!$J$14,0)+IF(Input!$K$15=2,L379*Input!$J$15,0)+IF(Input!$K$16=2,M379*Input!$J$16,0)</f>
        <v>0.53331958633327758</v>
      </c>
      <c r="P379" s="58">
        <f>IF(Input!$K$13=3,J379*Input!$J$13,0)+IF(Input!$K$14=3,K379*Input!$J$14,0)+IF(Input!$K$15=3,L379*Input!$J$15,0)+IF(Input!$K$16=3,M379*Input!$J$16,0)</f>
        <v>0</v>
      </c>
      <c r="Q379" s="71">
        <f>IF(Input!$K$13=4,J379*Input!$J$13,0)+IF(Input!$K$14=4,K379*Input!$J$14,0)+IF(Input!$K$15=4,L379*Input!$J$15,0)+IF(Input!$K$16=4,M379*Input!$J$16,0)</f>
        <v>0</v>
      </c>
    </row>
    <row r="380" spans="2:17" x14ac:dyDescent="0.25">
      <c r="H380" s="43">
        <v>373</v>
      </c>
      <c r="I380" s="55">
        <f>Bühler!I406</f>
        <v>15.937665897641313</v>
      </c>
      <c r="J380" s="58">
        <f>Bühler!J406</f>
        <v>89.551668007439474</v>
      </c>
      <c r="K380" s="58">
        <f>Bühler!K406</f>
        <v>3.9505154543205747</v>
      </c>
      <c r="L380" s="58">
        <f>Bühler!L406</f>
        <v>1.9752577271602874</v>
      </c>
      <c r="M380" s="57">
        <f>Bühler!M406</f>
        <v>0</v>
      </c>
      <c r="N380" s="55">
        <f>IF(Input!$K$13=1,J380*Input!$J$13,0)+IF(Input!$K$14=1,K380*Input!$J$14,0)+IF(Input!$K$15=1,L380*Input!$J$15,0)+IF(Input!$K$16=1,M380*Input!$J$16,0)</f>
        <v>10.746200160892737</v>
      </c>
      <c r="O380" s="58">
        <f>IF(Input!$K$13=2,J380*Input!$J$13,0)+IF(Input!$K$14=2,K380*Input!$J$14,0)+IF(Input!$K$15=2,L380*Input!$J$15,0)+IF(Input!$K$16=2,M380*Input!$J$16,0)</f>
        <v>0.53331958633327758</v>
      </c>
      <c r="P380" s="58">
        <f>IF(Input!$K$13=3,J380*Input!$J$13,0)+IF(Input!$K$14=3,K380*Input!$J$14,0)+IF(Input!$K$15=3,L380*Input!$J$15,0)+IF(Input!$K$16=3,M380*Input!$J$16,0)</f>
        <v>0</v>
      </c>
      <c r="Q380" s="71">
        <f>IF(Input!$K$13=4,J380*Input!$J$13,0)+IF(Input!$K$14=4,K380*Input!$J$14,0)+IF(Input!$K$15=4,L380*Input!$J$15,0)+IF(Input!$K$16=4,M380*Input!$J$16,0)</f>
        <v>0</v>
      </c>
    </row>
    <row r="381" spans="2:17" x14ac:dyDescent="0.25">
      <c r="H381" s="43">
        <v>374</v>
      </c>
      <c r="I381" s="55">
        <f>Bühler!I407</f>
        <v>10.625110598427545</v>
      </c>
      <c r="J381" s="58">
        <f>Bühler!J407</f>
        <v>59.701112004959654</v>
      </c>
      <c r="K381" s="58">
        <f>Bühler!K407</f>
        <v>2.6336769695470506</v>
      </c>
      <c r="L381" s="58">
        <f>Bühler!L407</f>
        <v>1.3168384847735253</v>
      </c>
      <c r="M381" s="57">
        <f>Bühler!M407</f>
        <v>0</v>
      </c>
      <c r="N381" s="55">
        <f>IF(Input!$K$13=1,J381*Input!$J$13,0)+IF(Input!$K$14=1,K381*Input!$J$14,0)+IF(Input!$K$15=1,L381*Input!$J$15,0)+IF(Input!$K$16=1,M381*Input!$J$16,0)</f>
        <v>7.1641334405951582</v>
      </c>
      <c r="O381" s="58">
        <f>IF(Input!$K$13=2,J381*Input!$J$13,0)+IF(Input!$K$14=2,K381*Input!$J$14,0)+IF(Input!$K$15=2,L381*Input!$J$15,0)+IF(Input!$K$16=2,M381*Input!$J$16,0)</f>
        <v>0.35554639088885182</v>
      </c>
      <c r="P381" s="58">
        <f>IF(Input!$K$13=3,J381*Input!$J$13,0)+IF(Input!$K$14=3,K381*Input!$J$14,0)+IF(Input!$K$15=3,L381*Input!$J$15,0)+IF(Input!$K$16=3,M381*Input!$J$16,0)</f>
        <v>0</v>
      </c>
      <c r="Q381" s="71">
        <f>IF(Input!$K$13=4,J381*Input!$J$13,0)+IF(Input!$K$14=4,K381*Input!$J$14,0)+IF(Input!$K$15=4,L381*Input!$J$15,0)+IF(Input!$K$16=4,M381*Input!$J$16,0)</f>
        <v>0</v>
      </c>
    </row>
    <row r="382" spans="2:17" x14ac:dyDescent="0.25">
      <c r="H382" s="43">
        <v>375</v>
      </c>
      <c r="I382" s="55">
        <f>Bühler!I408</f>
        <v>15.937665897641313</v>
      </c>
      <c r="J382" s="58">
        <f>Bühler!J408</f>
        <v>89.551668007439474</v>
      </c>
      <c r="K382" s="58">
        <f>Bühler!K408</f>
        <v>3.9505154543205747</v>
      </c>
      <c r="L382" s="58">
        <f>Bühler!L408</f>
        <v>1.9752577271602874</v>
      </c>
      <c r="M382" s="57">
        <f>Bühler!M408</f>
        <v>0</v>
      </c>
      <c r="N382" s="55">
        <f>IF(Input!$K$13=1,J382*Input!$J$13,0)+IF(Input!$K$14=1,K382*Input!$J$14,0)+IF(Input!$K$15=1,L382*Input!$J$15,0)+IF(Input!$K$16=1,M382*Input!$J$16,0)</f>
        <v>10.746200160892737</v>
      </c>
      <c r="O382" s="58">
        <f>IF(Input!$K$13=2,J382*Input!$J$13,0)+IF(Input!$K$14=2,K382*Input!$J$14,0)+IF(Input!$K$15=2,L382*Input!$J$15,0)+IF(Input!$K$16=2,M382*Input!$J$16,0)</f>
        <v>0.53331958633327758</v>
      </c>
      <c r="P382" s="58">
        <f>IF(Input!$K$13=3,J382*Input!$J$13,0)+IF(Input!$K$14=3,K382*Input!$J$14,0)+IF(Input!$K$15=3,L382*Input!$J$15,0)+IF(Input!$K$16=3,M382*Input!$J$16,0)</f>
        <v>0</v>
      </c>
      <c r="Q382" s="71">
        <f>IF(Input!$K$13=4,J382*Input!$J$13,0)+IF(Input!$K$14=4,K382*Input!$J$14,0)+IF(Input!$K$15=4,L382*Input!$J$15,0)+IF(Input!$K$16=4,M382*Input!$J$16,0)</f>
        <v>0</v>
      </c>
    </row>
    <row r="383" spans="2:17" x14ac:dyDescent="0.25">
      <c r="H383" s="43">
        <v>376</v>
      </c>
      <c r="I383" s="55">
        <f>Bühler!I409</f>
        <v>15.937665897641313</v>
      </c>
      <c r="J383" s="58">
        <f>Bühler!J409</f>
        <v>89.551668007439474</v>
      </c>
      <c r="K383" s="58">
        <f>Bühler!K409</f>
        <v>3.9505154543205747</v>
      </c>
      <c r="L383" s="58">
        <f>Bühler!L409</f>
        <v>1.9752577271602874</v>
      </c>
      <c r="M383" s="57">
        <f>Bühler!M409</f>
        <v>0</v>
      </c>
      <c r="N383" s="55">
        <f>IF(Input!$K$13=1,J383*Input!$J$13,0)+IF(Input!$K$14=1,K383*Input!$J$14,0)+IF(Input!$K$15=1,L383*Input!$J$15,0)+IF(Input!$K$16=1,M383*Input!$J$16,0)</f>
        <v>10.746200160892737</v>
      </c>
      <c r="O383" s="58">
        <f>IF(Input!$K$13=2,J383*Input!$J$13,0)+IF(Input!$K$14=2,K383*Input!$J$14,0)+IF(Input!$K$15=2,L383*Input!$J$15,0)+IF(Input!$K$16=2,M383*Input!$J$16,0)</f>
        <v>0.53331958633327758</v>
      </c>
      <c r="P383" s="58">
        <f>IF(Input!$K$13=3,J383*Input!$J$13,0)+IF(Input!$K$14=3,K383*Input!$J$14,0)+IF(Input!$K$15=3,L383*Input!$J$15,0)+IF(Input!$K$16=3,M383*Input!$J$16,0)</f>
        <v>0</v>
      </c>
      <c r="Q383" s="71">
        <f>IF(Input!$K$13=4,J383*Input!$J$13,0)+IF(Input!$K$14=4,K383*Input!$J$14,0)+IF(Input!$K$15=4,L383*Input!$J$15,0)+IF(Input!$K$16=4,M383*Input!$J$16,0)</f>
        <v>0</v>
      </c>
    </row>
    <row r="384" spans="2:17" x14ac:dyDescent="0.25">
      <c r="H384" s="43">
        <v>377</v>
      </c>
      <c r="I384" s="55">
        <f>Bühler!I410</f>
        <v>13.28138824803443</v>
      </c>
      <c r="J384" s="58">
        <f>Bühler!J410</f>
        <v>56.554924184950885</v>
      </c>
      <c r="K384" s="58">
        <f>Bühler!K410</f>
        <v>2.3044673483536688</v>
      </c>
      <c r="L384" s="58">
        <f>Bühler!L410</f>
        <v>1.1522336741768344</v>
      </c>
      <c r="M384" s="57">
        <f>Bühler!M410</f>
        <v>0</v>
      </c>
      <c r="N384" s="55">
        <f>IF(Input!$K$13=1,J384*Input!$J$13,0)+IF(Input!$K$14=1,K384*Input!$J$14,0)+IF(Input!$K$15=1,L384*Input!$J$15,0)+IF(Input!$K$16=1,M384*Input!$J$16,0)</f>
        <v>6.7865909021941055</v>
      </c>
      <c r="O384" s="58">
        <f>IF(Input!$K$13=2,J384*Input!$J$13,0)+IF(Input!$K$14=2,K384*Input!$J$14,0)+IF(Input!$K$15=2,L384*Input!$J$15,0)+IF(Input!$K$16=2,M384*Input!$J$16,0)</f>
        <v>0.31110309202774533</v>
      </c>
      <c r="P384" s="58">
        <f>IF(Input!$K$13=3,J384*Input!$J$13,0)+IF(Input!$K$14=3,K384*Input!$J$14,0)+IF(Input!$K$15=3,L384*Input!$J$15,0)+IF(Input!$K$16=3,M384*Input!$J$16,0)</f>
        <v>0</v>
      </c>
      <c r="Q384" s="71">
        <f>IF(Input!$K$13=4,J384*Input!$J$13,0)+IF(Input!$K$14=4,K384*Input!$J$14,0)+IF(Input!$K$15=4,L384*Input!$J$15,0)+IF(Input!$K$16=4,M384*Input!$J$16,0)</f>
        <v>0</v>
      </c>
    </row>
    <row r="385" spans="8:17" x14ac:dyDescent="0.25">
      <c r="H385" s="43">
        <v>378</v>
      </c>
      <c r="I385" s="55">
        <f>Bühler!I411</f>
        <v>10.686174452441495</v>
      </c>
      <c r="J385" s="58">
        <f>Bühler!J411</f>
        <v>23.624332870977419</v>
      </c>
      <c r="K385" s="58">
        <f>Bühler!K411</f>
        <v>0.65841924238676264</v>
      </c>
      <c r="L385" s="58">
        <f>Bühler!L411</f>
        <v>0.32920962119338132</v>
      </c>
      <c r="M385" s="57">
        <f>Bühler!M411</f>
        <v>0</v>
      </c>
      <c r="N385" s="55">
        <f>IF(Input!$K$13=1,J385*Input!$J$13,0)+IF(Input!$K$14=1,K385*Input!$J$14,0)+IF(Input!$K$15=1,L385*Input!$J$15,0)+IF(Input!$K$16=1,M385*Input!$J$16,0)</f>
        <v>2.8349199445172903</v>
      </c>
      <c r="O385" s="58">
        <f>IF(Input!$K$13=2,J385*Input!$J$13,0)+IF(Input!$K$14=2,K385*Input!$J$14,0)+IF(Input!$K$15=2,L385*Input!$J$15,0)+IF(Input!$K$16=2,M385*Input!$J$16,0)</f>
        <v>8.8886597722212954E-2</v>
      </c>
      <c r="P385" s="58">
        <f>IF(Input!$K$13=3,J385*Input!$J$13,0)+IF(Input!$K$14=3,K385*Input!$J$14,0)+IF(Input!$K$15=3,L385*Input!$J$15,0)+IF(Input!$K$16=3,M385*Input!$J$16,0)</f>
        <v>0</v>
      </c>
      <c r="Q385" s="71">
        <f>IF(Input!$K$13=4,J385*Input!$J$13,0)+IF(Input!$K$14=4,K385*Input!$J$14,0)+IF(Input!$K$15=4,L385*Input!$J$15,0)+IF(Input!$K$16=4,M385*Input!$J$16,0)</f>
        <v>0</v>
      </c>
    </row>
    <row r="386" spans="8:17" x14ac:dyDescent="0.25">
      <c r="H386" s="43">
        <v>379</v>
      </c>
      <c r="I386" s="55">
        <f>Bühler!I412</f>
        <v>3.8164908758719629</v>
      </c>
      <c r="J386" s="58">
        <f>Bühler!J412</f>
        <v>16.012490537944934</v>
      </c>
      <c r="K386" s="58">
        <f>Bühler!K412</f>
        <v>0.64914573193061098</v>
      </c>
      <c r="L386" s="58">
        <f>Bühler!L412</f>
        <v>0.32457286596530549</v>
      </c>
      <c r="M386" s="57">
        <f>Bühler!M412</f>
        <v>0</v>
      </c>
      <c r="N386" s="55">
        <f>IF(Input!$K$13=1,J386*Input!$J$13,0)+IF(Input!$K$14=1,K386*Input!$J$14,0)+IF(Input!$K$15=1,L386*Input!$J$15,0)+IF(Input!$K$16=1,M386*Input!$J$16,0)</f>
        <v>1.9214988645533921</v>
      </c>
      <c r="O386" s="58">
        <f>IF(Input!$K$13=2,J386*Input!$J$13,0)+IF(Input!$K$14=2,K386*Input!$J$14,0)+IF(Input!$K$15=2,L386*Input!$J$15,0)+IF(Input!$K$16=2,M386*Input!$J$16,0)</f>
        <v>8.7634673810632474E-2</v>
      </c>
      <c r="P386" s="58">
        <f>IF(Input!$K$13=3,J386*Input!$J$13,0)+IF(Input!$K$14=3,K386*Input!$J$14,0)+IF(Input!$K$15=3,L386*Input!$J$15,0)+IF(Input!$K$16=3,M386*Input!$J$16,0)</f>
        <v>0</v>
      </c>
      <c r="Q386" s="71">
        <f>IF(Input!$K$13=4,J386*Input!$J$13,0)+IF(Input!$K$14=4,K386*Input!$J$14,0)+IF(Input!$K$15=4,L386*Input!$J$15,0)+IF(Input!$K$16=4,M386*Input!$J$16,0)</f>
        <v>0</v>
      </c>
    </row>
    <row r="387" spans="8:17" x14ac:dyDescent="0.25">
      <c r="H387" s="43">
        <v>380</v>
      </c>
      <c r="I387" s="55">
        <f>Bühler!I413</f>
        <v>3.8164908758719629</v>
      </c>
      <c r="J387" s="58">
        <f>Bühler!J413</f>
        <v>16.012490537944934</v>
      </c>
      <c r="K387" s="58">
        <f>Bühler!K413</f>
        <v>0.64914573193061098</v>
      </c>
      <c r="L387" s="58">
        <f>Bühler!L413</f>
        <v>0.32457286596530549</v>
      </c>
      <c r="M387" s="57">
        <f>Bühler!M413</f>
        <v>0</v>
      </c>
      <c r="N387" s="55">
        <f>IF(Input!$K$13=1,J387*Input!$J$13,0)+IF(Input!$K$14=1,K387*Input!$J$14,0)+IF(Input!$K$15=1,L387*Input!$J$15,0)+IF(Input!$K$16=1,M387*Input!$J$16,0)</f>
        <v>1.9214988645533921</v>
      </c>
      <c r="O387" s="58">
        <f>IF(Input!$K$13=2,J387*Input!$J$13,0)+IF(Input!$K$14=2,K387*Input!$J$14,0)+IF(Input!$K$15=2,L387*Input!$J$15,0)+IF(Input!$K$16=2,M387*Input!$J$16,0)</f>
        <v>8.7634673810632474E-2</v>
      </c>
      <c r="P387" s="58">
        <f>IF(Input!$K$13=3,J387*Input!$J$13,0)+IF(Input!$K$14=3,K387*Input!$J$14,0)+IF(Input!$K$15=3,L387*Input!$J$15,0)+IF(Input!$K$16=3,M387*Input!$J$16,0)</f>
        <v>0</v>
      </c>
      <c r="Q387" s="71">
        <f>IF(Input!$K$13=4,J387*Input!$J$13,0)+IF(Input!$K$14=4,K387*Input!$J$14,0)+IF(Input!$K$15=4,L387*Input!$J$15,0)+IF(Input!$K$16=4,M387*Input!$J$16,0)</f>
        <v>0</v>
      </c>
    </row>
    <row r="388" spans="8:17" x14ac:dyDescent="0.25">
      <c r="H388" s="43">
        <v>381</v>
      </c>
      <c r="I388" s="55">
        <f>Bühler!I414</f>
        <v>3.8164908758719629</v>
      </c>
      <c r="J388" s="58">
        <f>Bühler!J414</f>
        <v>16.012490537944934</v>
      </c>
      <c r="K388" s="58">
        <f>Bühler!K414</f>
        <v>0.64914573193061098</v>
      </c>
      <c r="L388" s="58">
        <f>Bühler!L414</f>
        <v>0.32457286596530549</v>
      </c>
      <c r="M388" s="57">
        <f>Bühler!M414</f>
        <v>0</v>
      </c>
      <c r="N388" s="55">
        <f>IF(Input!$K$13=1,J388*Input!$J$13,0)+IF(Input!$K$14=1,K388*Input!$J$14,0)+IF(Input!$K$15=1,L388*Input!$J$15,0)+IF(Input!$K$16=1,M388*Input!$J$16,0)</f>
        <v>1.9214988645533921</v>
      </c>
      <c r="O388" s="58">
        <f>IF(Input!$K$13=2,J388*Input!$J$13,0)+IF(Input!$K$14=2,K388*Input!$J$14,0)+IF(Input!$K$15=2,L388*Input!$J$15,0)+IF(Input!$K$16=2,M388*Input!$J$16,0)</f>
        <v>8.7634673810632474E-2</v>
      </c>
      <c r="P388" s="58">
        <f>IF(Input!$K$13=3,J388*Input!$J$13,0)+IF(Input!$K$14=3,K388*Input!$J$14,0)+IF(Input!$K$15=3,L388*Input!$J$15,0)+IF(Input!$K$16=3,M388*Input!$J$16,0)</f>
        <v>0</v>
      </c>
      <c r="Q388" s="71">
        <f>IF(Input!$K$13=4,J388*Input!$J$13,0)+IF(Input!$K$14=4,K388*Input!$J$14,0)+IF(Input!$K$15=4,L388*Input!$J$15,0)+IF(Input!$K$16=4,M388*Input!$J$16,0)</f>
        <v>0</v>
      </c>
    </row>
    <row r="389" spans="8:17" x14ac:dyDescent="0.25">
      <c r="H389" s="43">
        <v>382</v>
      </c>
      <c r="I389" s="55">
        <f>Bühler!I415</f>
        <v>3.8164908758719629</v>
      </c>
      <c r="J389" s="58">
        <f>Bühler!J415</f>
        <v>16.012490537944934</v>
      </c>
      <c r="K389" s="58">
        <f>Bühler!K415</f>
        <v>0.64914573193061098</v>
      </c>
      <c r="L389" s="58">
        <f>Bühler!L415</f>
        <v>0.32457286596530549</v>
      </c>
      <c r="M389" s="57">
        <f>Bühler!M415</f>
        <v>0</v>
      </c>
      <c r="N389" s="55">
        <f>IF(Input!$K$13=1,J389*Input!$J$13,0)+IF(Input!$K$14=1,K389*Input!$J$14,0)+IF(Input!$K$15=1,L389*Input!$J$15,0)+IF(Input!$K$16=1,M389*Input!$J$16,0)</f>
        <v>1.9214988645533921</v>
      </c>
      <c r="O389" s="58">
        <f>IF(Input!$K$13=2,J389*Input!$J$13,0)+IF(Input!$K$14=2,K389*Input!$J$14,0)+IF(Input!$K$15=2,L389*Input!$J$15,0)+IF(Input!$K$16=2,M389*Input!$J$16,0)</f>
        <v>8.7634673810632474E-2</v>
      </c>
      <c r="P389" s="58">
        <f>IF(Input!$K$13=3,J389*Input!$J$13,0)+IF(Input!$K$14=3,K389*Input!$J$14,0)+IF(Input!$K$15=3,L389*Input!$J$15,0)+IF(Input!$K$16=3,M389*Input!$J$16,0)</f>
        <v>0</v>
      </c>
      <c r="Q389" s="71">
        <f>IF(Input!$K$13=4,J389*Input!$J$13,0)+IF(Input!$K$14=4,K389*Input!$J$14,0)+IF(Input!$K$15=4,L389*Input!$J$15,0)+IF(Input!$K$16=4,M389*Input!$J$16,0)</f>
        <v>0</v>
      </c>
    </row>
    <row r="390" spans="8:17" x14ac:dyDescent="0.25">
      <c r="H390" s="43">
        <v>383</v>
      </c>
      <c r="I390" s="55">
        <f>Bühler!I416</f>
        <v>3.8164908758719629</v>
      </c>
      <c r="J390" s="58">
        <f>Bühler!J416</f>
        <v>16.012490537944934</v>
      </c>
      <c r="K390" s="58">
        <f>Bühler!K416</f>
        <v>0.64914573193061098</v>
      </c>
      <c r="L390" s="58">
        <f>Bühler!L416</f>
        <v>0.32457286596530549</v>
      </c>
      <c r="M390" s="57">
        <f>Bühler!M416</f>
        <v>0</v>
      </c>
      <c r="N390" s="55">
        <f>IF(Input!$K$13=1,J390*Input!$J$13,0)+IF(Input!$K$14=1,K390*Input!$J$14,0)+IF(Input!$K$15=1,L390*Input!$J$15,0)+IF(Input!$K$16=1,M390*Input!$J$16,0)</f>
        <v>1.9214988645533921</v>
      </c>
      <c r="O390" s="58">
        <f>IF(Input!$K$13=2,J390*Input!$J$13,0)+IF(Input!$K$14=2,K390*Input!$J$14,0)+IF(Input!$K$15=2,L390*Input!$J$15,0)+IF(Input!$K$16=2,M390*Input!$J$16,0)</f>
        <v>8.7634673810632474E-2</v>
      </c>
      <c r="P390" s="58">
        <f>IF(Input!$K$13=3,J390*Input!$J$13,0)+IF(Input!$K$14=3,K390*Input!$J$14,0)+IF(Input!$K$15=3,L390*Input!$J$15,0)+IF(Input!$K$16=3,M390*Input!$J$16,0)</f>
        <v>0</v>
      </c>
      <c r="Q390" s="71">
        <f>IF(Input!$K$13=4,J390*Input!$J$13,0)+IF(Input!$K$14=4,K390*Input!$J$14,0)+IF(Input!$K$15=4,L390*Input!$J$15,0)+IF(Input!$K$16=4,M390*Input!$J$16,0)</f>
        <v>0</v>
      </c>
    </row>
    <row r="391" spans="8:17" x14ac:dyDescent="0.25">
      <c r="H391" s="43">
        <v>384</v>
      </c>
      <c r="I391" s="55">
        <f>Bühler!I417</f>
        <v>3.8164908758719629</v>
      </c>
      <c r="J391" s="58">
        <f>Bühler!J417</f>
        <v>16.012490537944934</v>
      </c>
      <c r="K391" s="58">
        <f>Bühler!K417</f>
        <v>0.64914573193061098</v>
      </c>
      <c r="L391" s="58">
        <f>Bühler!L417</f>
        <v>0.32457286596530549</v>
      </c>
      <c r="M391" s="57">
        <f>Bühler!M417</f>
        <v>0</v>
      </c>
      <c r="N391" s="55">
        <f>IF(Input!$K$13=1,J391*Input!$J$13,0)+IF(Input!$K$14=1,K391*Input!$J$14,0)+IF(Input!$K$15=1,L391*Input!$J$15,0)+IF(Input!$K$16=1,M391*Input!$J$16,0)</f>
        <v>1.9214988645533921</v>
      </c>
      <c r="O391" s="58">
        <f>IF(Input!$K$13=2,J391*Input!$J$13,0)+IF(Input!$K$14=2,K391*Input!$J$14,0)+IF(Input!$K$15=2,L391*Input!$J$15,0)+IF(Input!$K$16=2,M391*Input!$J$16,0)</f>
        <v>8.7634673810632474E-2</v>
      </c>
      <c r="P391" s="58">
        <f>IF(Input!$K$13=3,J391*Input!$J$13,0)+IF(Input!$K$14=3,K391*Input!$J$14,0)+IF(Input!$K$15=3,L391*Input!$J$15,0)+IF(Input!$K$16=3,M391*Input!$J$16,0)</f>
        <v>0</v>
      </c>
      <c r="Q391" s="71">
        <f>IF(Input!$K$13=4,J391*Input!$J$13,0)+IF(Input!$K$14=4,K391*Input!$J$14,0)+IF(Input!$K$15=4,L391*Input!$J$15,0)+IF(Input!$K$16=4,M391*Input!$J$16,0)</f>
        <v>0</v>
      </c>
    </row>
    <row r="392" spans="8:17" x14ac:dyDescent="0.25">
      <c r="H392" s="43">
        <v>385</v>
      </c>
      <c r="I392" s="55">
        <f>Bühler!I418</f>
        <v>3.9149398714550072</v>
      </c>
      <c r="J392" s="58">
        <f>Bühler!J418</f>
        <v>12.003423037168728</v>
      </c>
      <c r="K392" s="58">
        <f>Bühler!K418</f>
        <v>0.41576852967831585</v>
      </c>
      <c r="L392" s="58">
        <f>Bühler!L418</f>
        <v>0.20788426483915792</v>
      </c>
      <c r="M392" s="57">
        <f>Bühler!M418</f>
        <v>0</v>
      </c>
      <c r="N392" s="55">
        <f>IF(Input!$K$13=1,J392*Input!$J$13,0)+IF(Input!$K$14=1,K392*Input!$J$14,0)+IF(Input!$K$15=1,L392*Input!$J$15,0)+IF(Input!$K$16=1,M392*Input!$J$16,0)</f>
        <v>1.4404107644602473</v>
      </c>
      <c r="O392" s="58">
        <f>IF(Input!$K$13=2,J392*Input!$J$13,0)+IF(Input!$K$14=2,K392*Input!$J$14,0)+IF(Input!$K$15=2,L392*Input!$J$15,0)+IF(Input!$K$16=2,M392*Input!$J$16,0)</f>
        <v>5.6128751506572636E-2</v>
      </c>
      <c r="P392" s="58">
        <f>IF(Input!$K$13=3,J392*Input!$J$13,0)+IF(Input!$K$14=3,K392*Input!$J$14,0)+IF(Input!$K$15=3,L392*Input!$J$15,0)+IF(Input!$K$16=3,M392*Input!$J$16,0)</f>
        <v>0</v>
      </c>
      <c r="Q392" s="71">
        <f>IF(Input!$K$13=4,J392*Input!$J$13,0)+IF(Input!$K$14=4,K392*Input!$J$14,0)+IF(Input!$K$15=4,L392*Input!$J$15,0)+IF(Input!$K$16=4,M392*Input!$J$16,0)</f>
        <v>0</v>
      </c>
    </row>
    <row r="393" spans="8:17" x14ac:dyDescent="0.25">
      <c r="H393" s="43">
        <v>386</v>
      </c>
      <c r="I393" s="55">
        <f>Bühler!I419</f>
        <v>3.9149398714550072</v>
      </c>
      <c r="J393" s="58">
        <f>Bühler!J419</f>
        <v>16.069357320058433</v>
      </c>
      <c r="K393" s="58">
        <f>Bühler!K419</f>
        <v>0.63355204522410036</v>
      </c>
      <c r="L393" s="58">
        <f>Bühler!L419</f>
        <v>0.31677602261205018</v>
      </c>
      <c r="M393" s="57">
        <f>Bühler!M419</f>
        <v>0</v>
      </c>
      <c r="N393" s="55">
        <f>IF(Input!$K$13=1,J393*Input!$J$13,0)+IF(Input!$K$14=1,K393*Input!$J$14,0)+IF(Input!$K$15=1,L393*Input!$J$15,0)+IF(Input!$K$16=1,M393*Input!$J$16,0)</f>
        <v>1.9283228784070119</v>
      </c>
      <c r="O393" s="58">
        <f>IF(Input!$K$13=2,J393*Input!$J$13,0)+IF(Input!$K$14=2,K393*Input!$J$14,0)+IF(Input!$K$15=2,L393*Input!$J$15,0)+IF(Input!$K$16=2,M393*Input!$J$16,0)</f>
        <v>8.552952610525355E-2</v>
      </c>
      <c r="P393" s="58">
        <f>IF(Input!$K$13=3,J393*Input!$J$13,0)+IF(Input!$K$14=3,K393*Input!$J$14,0)+IF(Input!$K$15=3,L393*Input!$J$15,0)+IF(Input!$K$16=3,M393*Input!$J$16,0)</f>
        <v>0</v>
      </c>
      <c r="Q393" s="71">
        <f>IF(Input!$K$13=4,J393*Input!$J$13,0)+IF(Input!$K$14=4,K393*Input!$J$14,0)+IF(Input!$K$15=4,L393*Input!$J$15,0)+IF(Input!$K$16=4,M393*Input!$J$16,0)</f>
        <v>0</v>
      </c>
    </row>
    <row r="394" spans="8:17" x14ac:dyDescent="0.25">
      <c r="H394" s="43">
        <v>387</v>
      </c>
      <c r="I394" s="55">
        <f>Bühler!I420</f>
        <v>3.9149398714550072</v>
      </c>
      <c r="J394" s="58">
        <f>Bühler!J420</f>
        <v>16.069357320058433</v>
      </c>
      <c r="K394" s="58">
        <f>Bühler!K420</f>
        <v>0.63355204522410036</v>
      </c>
      <c r="L394" s="58">
        <f>Bühler!L420</f>
        <v>0.31677602261205018</v>
      </c>
      <c r="M394" s="57">
        <f>Bühler!M420</f>
        <v>0</v>
      </c>
      <c r="N394" s="55">
        <f>IF(Input!$K$13=1,J394*Input!$J$13,0)+IF(Input!$K$14=1,K394*Input!$J$14,0)+IF(Input!$K$15=1,L394*Input!$J$15,0)+IF(Input!$K$16=1,M394*Input!$J$16,0)</f>
        <v>1.9283228784070119</v>
      </c>
      <c r="O394" s="58">
        <f>IF(Input!$K$13=2,J394*Input!$J$13,0)+IF(Input!$K$14=2,K394*Input!$J$14,0)+IF(Input!$K$15=2,L394*Input!$J$15,0)+IF(Input!$K$16=2,M394*Input!$J$16,0)</f>
        <v>8.552952610525355E-2</v>
      </c>
      <c r="P394" s="58">
        <f>IF(Input!$K$13=3,J394*Input!$J$13,0)+IF(Input!$K$14=3,K394*Input!$J$14,0)+IF(Input!$K$15=3,L394*Input!$J$15,0)+IF(Input!$K$16=3,M394*Input!$J$16,0)</f>
        <v>0</v>
      </c>
      <c r="Q394" s="71">
        <f>IF(Input!$K$13=4,J394*Input!$J$13,0)+IF(Input!$K$14=4,K394*Input!$J$14,0)+IF(Input!$K$15=4,L394*Input!$J$15,0)+IF(Input!$K$16=4,M394*Input!$J$16,0)</f>
        <v>0</v>
      </c>
    </row>
    <row r="395" spans="8:17" x14ac:dyDescent="0.25">
      <c r="H395" s="43">
        <v>388</v>
      </c>
      <c r="I395" s="55">
        <f>Bühler!I421</f>
        <v>3.9149398714550072</v>
      </c>
      <c r="J395" s="58">
        <f>Bühler!J421</f>
        <v>16.069357320058433</v>
      </c>
      <c r="K395" s="58">
        <f>Bühler!K421</f>
        <v>0.63355204522410036</v>
      </c>
      <c r="L395" s="58">
        <f>Bühler!L421</f>
        <v>0.31677602261205018</v>
      </c>
      <c r="M395" s="57">
        <f>Bühler!M421</f>
        <v>0</v>
      </c>
      <c r="N395" s="55">
        <f>IF(Input!$K$13=1,J395*Input!$J$13,0)+IF(Input!$K$14=1,K395*Input!$J$14,0)+IF(Input!$K$15=1,L395*Input!$J$15,0)+IF(Input!$K$16=1,M395*Input!$J$16,0)</f>
        <v>1.9283228784070119</v>
      </c>
      <c r="O395" s="58">
        <f>IF(Input!$K$13=2,J395*Input!$J$13,0)+IF(Input!$K$14=2,K395*Input!$J$14,0)+IF(Input!$K$15=2,L395*Input!$J$15,0)+IF(Input!$K$16=2,M395*Input!$J$16,0)</f>
        <v>8.552952610525355E-2</v>
      </c>
      <c r="P395" s="58">
        <f>IF(Input!$K$13=3,J395*Input!$J$13,0)+IF(Input!$K$14=3,K395*Input!$J$14,0)+IF(Input!$K$15=3,L395*Input!$J$15,0)+IF(Input!$K$16=3,M395*Input!$J$16,0)</f>
        <v>0</v>
      </c>
      <c r="Q395" s="71">
        <f>IF(Input!$K$13=4,J395*Input!$J$13,0)+IF(Input!$K$14=4,K395*Input!$J$14,0)+IF(Input!$K$15=4,L395*Input!$J$15,0)+IF(Input!$K$16=4,M395*Input!$J$16,0)</f>
        <v>0</v>
      </c>
    </row>
    <row r="396" spans="8:17" x14ac:dyDescent="0.25">
      <c r="H396" s="43">
        <v>389</v>
      </c>
      <c r="I396" s="55">
        <f>Bühler!I422</f>
        <v>3.9149398714550072</v>
      </c>
      <c r="J396" s="58">
        <f>Bühler!J422</f>
        <v>16.069357320058433</v>
      </c>
      <c r="K396" s="58">
        <f>Bühler!K422</f>
        <v>0.63355204522410036</v>
      </c>
      <c r="L396" s="58">
        <f>Bühler!L422</f>
        <v>0.31677602261205018</v>
      </c>
      <c r="M396" s="57">
        <f>Bühler!M422</f>
        <v>0</v>
      </c>
      <c r="N396" s="55">
        <f>IF(Input!$K$13=1,J396*Input!$J$13,0)+IF(Input!$K$14=1,K396*Input!$J$14,0)+IF(Input!$K$15=1,L396*Input!$J$15,0)+IF(Input!$K$16=1,M396*Input!$J$16,0)</f>
        <v>1.9283228784070119</v>
      </c>
      <c r="O396" s="58">
        <f>IF(Input!$K$13=2,J396*Input!$J$13,0)+IF(Input!$K$14=2,K396*Input!$J$14,0)+IF(Input!$K$15=2,L396*Input!$J$15,0)+IF(Input!$K$16=2,M396*Input!$J$16,0)</f>
        <v>8.552952610525355E-2</v>
      </c>
      <c r="P396" s="58">
        <f>IF(Input!$K$13=3,J396*Input!$J$13,0)+IF(Input!$K$14=3,K396*Input!$J$14,0)+IF(Input!$K$15=3,L396*Input!$J$15,0)+IF(Input!$K$16=3,M396*Input!$J$16,0)</f>
        <v>0</v>
      </c>
      <c r="Q396" s="71">
        <f>IF(Input!$K$13=4,J396*Input!$J$13,0)+IF(Input!$K$14=4,K396*Input!$J$14,0)+IF(Input!$K$15=4,L396*Input!$J$15,0)+IF(Input!$K$16=4,M396*Input!$J$16,0)</f>
        <v>0</v>
      </c>
    </row>
    <row r="397" spans="8:17" x14ac:dyDescent="0.25">
      <c r="H397" s="43">
        <v>390</v>
      </c>
      <c r="I397" s="55">
        <f>Bühler!I423</f>
        <v>3.9149398714550072</v>
      </c>
      <c r="J397" s="58">
        <f>Bühler!J423</f>
        <v>16.069357320058433</v>
      </c>
      <c r="K397" s="58">
        <f>Bühler!K423</f>
        <v>0.63355204522410036</v>
      </c>
      <c r="L397" s="58">
        <f>Bühler!L423</f>
        <v>0.31677602261205018</v>
      </c>
      <c r="M397" s="57">
        <f>Bühler!M423</f>
        <v>0</v>
      </c>
      <c r="N397" s="55">
        <f>IF(Input!$K$13=1,J397*Input!$J$13,0)+IF(Input!$K$14=1,K397*Input!$J$14,0)+IF(Input!$K$15=1,L397*Input!$J$15,0)+IF(Input!$K$16=1,M397*Input!$J$16,0)</f>
        <v>1.9283228784070119</v>
      </c>
      <c r="O397" s="58">
        <f>IF(Input!$K$13=2,J397*Input!$J$13,0)+IF(Input!$K$14=2,K397*Input!$J$14,0)+IF(Input!$K$15=2,L397*Input!$J$15,0)+IF(Input!$K$16=2,M397*Input!$J$16,0)</f>
        <v>8.552952610525355E-2</v>
      </c>
      <c r="P397" s="58">
        <f>IF(Input!$K$13=3,J397*Input!$J$13,0)+IF(Input!$K$14=3,K397*Input!$J$14,0)+IF(Input!$K$15=3,L397*Input!$J$15,0)+IF(Input!$K$16=3,M397*Input!$J$16,0)</f>
        <v>0</v>
      </c>
      <c r="Q397" s="71">
        <f>IF(Input!$K$13=4,J397*Input!$J$13,0)+IF(Input!$K$14=4,K397*Input!$J$14,0)+IF(Input!$K$15=4,L397*Input!$J$15,0)+IF(Input!$K$16=4,M397*Input!$J$16,0)</f>
        <v>0</v>
      </c>
    </row>
    <row r="398" spans="8:17" x14ac:dyDescent="0.25">
      <c r="H398" s="43">
        <v>391</v>
      </c>
      <c r="I398" s="55">
        <f>Bühler!I424</f>
        <v>3.9149398714550072</v>
      </c>
      <c r="J398" s="58">
        <f>Bühler!J424</f>
        <v>16.069357320058433</v>
      </c>
      <c r="K398" s="58">
        <f>Bühler!K424</f>
        <v>0.63355204522410036</v>
      </c>
      <c r="L398" s="58">
        <f>Bühler!L424</f>
        <v>0.31677602261205018</v>
      </c>
      <c r="M398" s="57">
        <f>Bühler!M424</f>
        <v>0</v>
      </c>
      <c r="N398" s="55">
        <f>IF(Input!$K$13=1,J398*Input!$J$13,0)+IF(Input!$K$14=1,K398*Input!$J$14,0)+IF(Input!$K$15=1,L398*Input!$J$15,0)+IF(Input!$K$16=1,M398*Input!$J$16,0)</f>
        <v>1.9283228784070119</v>
      </c>
      <c r="O398" s="58">
        <f>IF(Input!$K$13=2,J398*Input!$J$13,0)+IF(Input!$K$14=2,K398*Input!$J$14,0)+IF(Input!$K$15=2,L398*Input!$J$15,0)+IF(Input!$K$16=2,M398*Input!$J$16,0)</f>
        <v>8.552952610525355E-2</v>
      </c>
      <c r="P398" s="58">
        <f>IF(Input!$K$13=3,J398*Input!$J$13,0)+IF(Input!$K$14=3,K398*Input!$J$14,0)+IF(Input!$K$15=3,L398*Input!$J$15,0)+IF(Input!$K$16=3,M398*Input!$J$16,0)</f>
        <v>0</v>
      </c>
      <c r="Q398" s="71">
        <f>IF(Input!$K$13=4,J398*Input!$J$13,0)+IF(Input!$K$14=4,K398*Input!$J$14,0)+IF(Input!$K$15=4,L398*Input!$J$15,0)+IF(Input!$K$16=4,M398*Input!$J$16,0)</f>
        <v>0</v>
      </c>
    </row>
    <row r="399" spans="8:17" x14ac:dyDescent="0.25">
      <c r="H399" s="43">
        <v>392</v>
      </c>
      <c r="I399" s="55">
        <f>Bühler!I425</f>
        <v>11.277552597449422</v>
      </c>
      <c r="J399" s="58">
        <f>Bühler!J425</f>
        <v>62.080488171038809</v>
      </c>
      <c r="K399" s="58">
        <f>Bühler!K425</f>
        <v>2.6708178406478478</v>
      </c>
      <c r="L399" s="58">
        <f>Bühler!L425</f>
        <v>1.3354089203239239</v>
      </c>
      <c r="M399" s="57">
        <f>Bühler!M425</f>
        <v>0</v>
      </c>
      <c r="N399" s="55">
        <f>IF(Input!$K$13=1,J399*Input!$J$13,0)+IF(Input!$K$14=1,K399*Input!$J$14,0)+IF(Input!$K$15=1,L399*Input!$J$15,0)+IF(Input!$K$16=1,M399*Input!$J$16,0)</f>
        <v>7.4496585805246571</v>
      </c>
      <c r="O399" s="58">
        <f>IF(Input!$K$13=2,J399*Input!$J$13,0)+IF(Input!$K$14=2,K399*Input!$J$14,0)+IF(Input!$K$15=2,L399*Input!$J$15,0)+IF(Input!$K$16=2,M399*Input!$J$16,0)</f>
        <v>0.36056040848745941</v>
      </c>
      <c r="P399" s="58">
        <f>IF(Input!$K$13=3,J399*Input!$J$13,0)+IF(Input!$K$14=3,K399*Input!$J$14,0)+IF(Input!$K$15=3,L399*Input!$J$15,0)+IF(Input!$K$16=3,M399*Input!$J$16,0)</f>
        <v>0</v>
      </c>
      <c r="Q399" s="71">
        <f>IF(Input!$K$13=4,J399*Input!$J$13,0)+IF(Input!$K$14=4,K399*Input!$J$14,0)+IF(Input!$K$15=4,L399*Input!$J$15,0)+IF(Input!$K$16=4,M399*Input!$J$16,0)</f>
        <v>0</v>
      </c>
    </row>
    <row r="400" spans="8:17" x14ac:dyDescent="0.25">
      <c r="H400" s="43">
        <v>393</v>
      </c>
      <c r="I400" s="55">
        <f>Bühler!I426</f>
        <v>12.583374477154093</v>
      </c>
      <c r="J400" s="58">
        <f>Bühler!J426</f>
        <v>69.268755222422257</v>
      </c>
      <c r="K400" s="58">
        <f>Bühler!K426</f>
        <v>2.980070432722862</v>
      </c>
      <c r="L400" s="58">
        <f>Bühler!L426</f>
        <v>1.490035216361431</v>
      </c>
      <c r="M400" s="57">
        <f>Bühler!M426</f>
        <v>0</v>
      </c>
      <c r="N400" s="55">
        <f>IF(Input!$K$13=1,J400*Input!$J$13,0)+IF(Input!$K$14=1,K400*Input!$J$14,0)+IF(Input!$K$15=1,L400*Input!$J$15,0)+IF(Input!$K$16=1,M400*Input!$J$16,0)</f>
        <v>8.3122506266906697</v>
      </c>
      <c r="O400" s="58">
        <f>IF(Input!$K$13=2,J400*Input!$J$13,0)+IF(Input!$K$14=2,K400*Input!$J$14,0)+IF(Input!$K$15=2,L400*Input!$J$15,0)+IF(Input!$K$16=2,M400*Input!$J$16,0)</f>
        <v>0.40230950841758634</v>
      </c>
      <c r="P400" s="58">
        <f>IF(Input!$K$13=3,J400*Input!$J$13,0)+IF(Input!$K$14=3,K400*Input!$J$14,0)+IF(Input!$K$15=3,L400*Input!$J$15,0)+IF(Input!$K$16=3,M400*Input!$J$16,0)</f>
        <v>0</v>
      </c>
      <c r="Q400" s="71">
        <f>IF(Input!$K$13=4,J400*Input!$J$13,0)+IF(Input!$K$14=4,K400*Input!$J$14,0)+IF(Input!$K$15=4,L400*Input!$J$15,0)+IF(Input!$K$16=4,M400*Input!$J$16,0)</f>
        <v>0</v>
      </c>
    </row>
    <row r="401" spans="8:17" x14ac:dyDescent="0.25">
      <c r="H401" s="43">
        <v>394</v>
      </c>
      <c r="I401" s="55">
        <f>Bühler!I427</f>
        <v>13.889196356858765</v>
      </c>
      <c r="J401" s="58">
        <f>Bühler!J427</f>
        <v>76.457022273805691</v>
      </c>
      <c r="K401" s="58">
        <f>Bühler!K427</f>
        <v>3.2893230247978757</v>
      </c>
      <c r="L401" s="58">
        <f>Bühler!L427</f>
        <v>1.6446615123989379</v>
      </c>
      <c r="M401" s="57">
        <f>Bühler!M427</f>
        <v>0</v>
      </c>
      <c r="N401" s="55">
        <f>IF(Input!$K$13=1,J401*Input!$J$13,0)+IF(Input!$K$14=1,K401*Input!$J$14,0)+IF(Input!$K$15=1,L401*Input!$J$15,0)+IF(Input!$K$16=1,M401*Input!$J$16,0)</f>
        <v>9.1748426728566823</v>
      </c>
      <c r="O401" s="58">
        <f>IF(Input!$K$13=2,J401*Input!$J$13,0)+IF(Input!$K$14=2,K401*Input!$J$14,0)+IF(Input!$K$15=2,L401*Input!$J$15,0)+IF(Input!$K$16=2,M401*Input!$J$16,0)</f>
        <v>0.44405860834771321</v>
      </c>
      <c r="P401" s="58">
        <f>IF(Input!$K$13=3,J401*Input!$J$13,0)+IF(Input!$K$14=3,K401*Input!$J$14,0)+IF(Input!$K$15=3,L401*Input!$J$15,0)+IF(Input!$K$16=3,M401*Input!$J$16,0)</f>
        <v>0</v>
      </c>
      <c r="Q401" s="71">
        <f>IF(Input!$K$13=4,J401*Input!$J$13,0)+IF(Input!$K$14=4,K401*Input!$J$14,0)+IF(Input!$K$15=4,L401*Input!$J$15,0)+IF(Input!$K$16=4,M401*Input!$J$16,0)</f>
        <v>0</v>
      </c>
    </row>
    <row r="402" spans="8:17" x14ac:dyDescent="0.25">
      <c r="H402" s="43">
        <v>395</v>
      </c>
      <c r="I402" s="55">
        <f>Bühler!I428</f>
        <v>13.889196356858765</v>
      </c>
      <c r="J402" s="58">
        <f>Bühler!J428</f>
        <v>76.457022273805691</v>
      </c>
      <c r="K402" s="58">
        <f>Bühler!K428</f>
        <v>3.2893230247978757</v>
      </c>
      <c r="L402" s="58">
        <f>Bühler!L428</f>
        <v>1.6446615123989379</v>
      </c>
      <c r="M402" s="57">
        <f>Bühler!M428</f>
        <v>0</v>
      </c>
      <c r="N402" s="55">
        <f>IF(Input!$K$13=1,J402*Input!$J$13,0)+IF(Input!$K$14=1,K402*Input!$J$14,0)+IF(Input!$K$15=1,L402*Input!$J$15,0)+IF(Input!$K$16=1,M402*Input!$J$16,0)</f>
        <v>9.1748426728566823</v>
      </c>
      <c r="O402" s="58">
        <f>IF(Input!$K$13=2,J402*Input!$J$13,0)+IF(Input!$K$14=2,K402*Input!$J$14,0)+IF(Input!$K$15=2,L402*Input!$J$15,0)+IF(Input!$K$16=2,M402*Input!$J$16,0)</f>
        <v>0.44405860834771321</v>
      </c>
      <c r="P402" s="58">
        <f>IF(Input!$K$13=3,J402*Input!$J$13,0)+IF(Input!$K$14=3,K402*Input!$J$14,0)+IF(Input!$K$15=3,L402*Input!$J$15,0)+IF(Input!$K$16=3,M402*Input!$J$16,0)</f>
        <v>0</v>
      </c>
      <c r="Q402" s="71">
        <f>IF(Input!$K$13=4,J402*Input!$J$13,0)+IF(Input!$K$14=4,K402*Input!$J$14,0)+IF(Input!$K$15=4,L402*Input!$J$15,0)+IF(Input!$K$16=4,M402*Input!$J$16,0)</f>
        <v>0</v>
      </c>
    </row>
    <row r="403" spans="8:17" x14ac:dyDescent="0.25">
      <c r="H403" s="43">
        <v>396</v>
      </c>
      <c r="I403" s="55">
        <f>Bühler!I429</f>
        <v>16.619551196241257</v>
      </c>
      <c r="J403" s="58">
        <f>Bühler!J429</f>
        <v>91.48703519942562</v>
      </c>
      <c r="K403" s="58">
        <f>Bühler!K429</f>
        <v>3.9359420809547232</v>
      </c>
      <c r="L403" s="58">
        <f>Bühler!L429</f>
        <v>1.9679710404773616</v>
      </c>
      <c r="M403" s="57">
        <f>Bühler!M429</f>
        <v>0</v>
      </c>
      <c r="N403" s="55">
        <f>IF(Input!$K$13=1,J403*Input!$J$13,0)+IF(Input!$K$14=1,K403*Input!$J$14,0)+IF(Input!$K$15=1,L403*Input!$J$15,0)+IF(Input!$K$16=1,M403*Input!$J$16,0)</f>
        <v>10.978444223931074</v>
      </c>
      <c r="O403" s="58">
        <f>IF(Input!$K$13=2,J403*Input!$J$13,0)+IF(Input!$K$14=2,K403*Input!$J$14,0)+IF(Input!$K$15=2,L403*Input!$J$15,0)+IF(Input!$K$16=2,M403*Input!$J$16,0)</f>
        <v>0.5313521809288877</v>
      </c>
      <c r="P403" s="58">
        <f>IF(Input!$K$13=3,J403*Input!$J$13,0)+IF(Input!$K$14=3,K403*Input!$J$14,0)+IF(Input!$K$15=3,L403*Input!$J$15,0)+IF(Input!$K$16=3,M403*Input!$J$16,0)</f>
        <v>0</v>
      </c>
      <c r="Q403" s="71">
        <f>IF(Input!$K$13=4,J403*Input!$J$13,0)+IF(Input!$K$14=4,K403*Input!$J$14,0)+IF(Input!$K$15=4,L403*Input!$J$15,0)+IF(Input!$K$16=4,M403*Input!$J$16,0)</f>
        <v>0</v>
      </c>
    </row>
    <row r="404" spans="8:17" x14ac:dyDescent="0.25">
      <c r="H404" s="43">
        <v>397</v>
      </c>
      <c r="I404" s="55">
        <f>Bühler!I430</f>
        <v>16.619551196241257</v>
      </c>
      <c r="J404" s="58">
        <f>Bühler!J430</f>
        <v>91.48703519942562</v>
      </c>
      <c r="K404" s="58">
        <f>Bühler!K430</f>
        <v>3.9359420809547232</v>
      </c>
      <c r="L404" s="58">
        <f>Bühler!L430</f>
        <v>1.9679710404773616</v>
      </c>
      <c r="M404" s="57">
        <f>Bühler!M430</f>
        <v>0</v>
      </c>
      <c r="N404" s="55">
        <f>IF(Input!$K$13=1,J404*Input!$J$13,0)+IF(Input!$K$14=1,K404*Input!$J$14,0)+IF(Input!$K$15=1,L404*Input!$J$15,0)+IF(Input!$K$16=1,M404*Input!$J$16,0)</f>
        <v>10.978444223931074</v>
      </c>
      <c r="O404" s="58">
        <f>IF(Input!$K$13=2,J404*Input!$J$13,0)+IF(Input!$K$14=2,K404*Input!$J$14,0)+IF(Input!$K$15=2,L404*Input!$J$15,0)+IF(Input!$K$16=2,M404*Input!$J$16,0)</f>
        <v>0.5313521809288877</v>
      </c>
      <c r="P404" s="58">
        <f>IF(Input!$K$13=3,J404*Input!$J$13,0)+IF(Input!$K$14=3,K404*Input!$J$14,0)+IF(Input!$K$15=3,L404*Input!$J$15,0)+IF(Input!$K$16=3,M404*Input!$J$16,0)</f>
        <v>0</v>
      </c>
      <c r="Q404" s="71">
        <f>IF(Input!$K$13=4,J404*Input!$J$13,0)+IF(Input!$K$14=4,K404*Input!$J$14,0)+IF(Input!$K$15=4,L404*Input!$J$15,0)+IF(Input!$K$16=4,M404*Input!$J$16,0)</f>
        <v>0</v>
      </c>
    </row>
    <row r="405" spans="8:17" x14ac:dyDescent="0.25">
      <c r="H405" s="43">
        <v>398</v>
      </c>
      <c r="I405" s="55">
        <f>Bühler!I431</f>
        <v>11.040130437503118</v>
      </c>
      <c r="J405" s="58">
        <f>Bühler!J431</f>
        <v>60.773530525332724</v>
      </c>
      <c r="K405" s="58">
        <f>Bühler!K431</f>
        <v>2.6145900966342088</v>
      </c>
      <c r="L405" s="58">
        <f>Bühler!L431</f>
        <v>1.3072950483171044</v>
      </c>
      <c r="M405" s="57">
        <f>Bühler!M431</f>
        <v>0</v>
      </c>
      <c r="N405" s="55">
        <f>IF(Input!$K$13=1,J405*Input!$J$13,0)+IF(Input!$K$14=1,K405*Input!$J$14,0)+IF(Input!$K$15=1,L405*Input!$J$15,0)+IF(Input!$K$16=1,M405*Input!$J$16,0)</f>
        <v>7.2928236630399264</v>
      </c>
      <c r="O405" s="58">
        <f>IF(Input!$K$13=2,J405*Input!$J$13,0)+IF(Input!$K$14=2,K405*Input!$J$14,0)+IF(Input!$K$15=2,L405*Input!$J$15,0)+IF(Input!$K$16=2,M405*Input!$J$16,0)</f>
        <v>0.35296966304561816</v>
      </c>
      <c r="P405" s="58">
        <f>IF(Input!$K$13=3,J405*Input!$J$13,0)+IF(Input!$K$14=3,K405*Input!$J$14,0)+IF(Input!$K$15=3,L405*Input!$J$15,0)+IF(Input!$K$16=3,M405*Input!$J$16,0)</f>
        <v>0</v>
      </c>
      <c r="Q405" s="71">
        <f>IF(Input!$K$13=4,J405*Input!$J$13,0)+IF(Input!$K$14=4,K405*Input!$J$14,0)+IF(Input!$K$15=4,L405*Input!$J$15,0)+IF(Input!$K$16=4,M405*Input!$J$16,0)</f>
        <v>0</v>
      </c>
    </row>
    <row r="406" spans="8:17" x14ac:dyDescent="0.25">
      <c r="H406" s="43">
        <v>399</v>
      </c>
      <c r="I406" s="55">
        <f>Bühler!I432</f>
        <v>16.619551196241257</v>
      </c>
      <c r="J406" s="58">
        <f>Bühler!J432</f>
        <v>91.48703519942562</v>
      </c>
      <c r="K406" s="58">
        <f>Bühler!K432</f>
        <v>3.9359420809547232</v>
      </c>
      <c r="L406" s="58">
        <f>Bühler!L432</f>
        <v>1.9679710404773616</v>
      </c>
      <c r="M406" s="57">
        <f>Bühler!M432</f>
        <v>0</v>
      </c>
      <c r="N406" s="55">
        <f>IF(Input!$K$13=1,J406*Input!$J$13,0)+IF(Input!$K$14=1,K406*Input!$J$14,0)+IF(Input!$K$15=1,L406*Input!$J$15,0)+IF(Input!$K$16=1,M406*Input!$J$16,0)</f>
        <v>10.978444223931074</v>
      </c>
      <c r="O406" s="58">
        <f>IF(Input!$K$13=2,J406*Input!$J$13,0)+IF(Input!$K$14=2,K406*Input!$J$14,0)+IF(Input!$K$15=2,L406*Input!$J$15,0)+IF(Input!$K$16=2,M406*Input!$J$16,0)</f>
        <v>0.5313521809288877</v>
      </c>
      <c r="P406" s="58">
        <f>IF(Input!$K$13=3,J406*Input!$J$13,0)+IF(Input!$K$14=3,K406*Input!$J$14,0)+IF(Input!$K$15=3,L406*Input!$J$15,0)+IF(Input!$K$16=3,M406*Input!$J$16,0)</f>
        <v>0</v>
      </c>
      <c r="Q406" s="71">
        <f>IF(Input!$K$13=4,J406*Input!$J$13,0)+IF(Input!$K$14=4,K406*Input!$J$14,0)+IF(Input!$K$15=4,L406*Input!$J$15,0)+IF(Input!$K$16=4,M406*Input!$J$16,0)</f>
        <v>0</v>
      </c>
    </row>
    <row r="407" spans="8:17" x14ac:dyDescent="0.25">
      <c r="H407" s="43">
        <v>400</v>
      </c>
      <c r="I407" s="55">
        <f>Bühler!I433</f>
        <v>16.619551196241257</v>
      </c>
      <c r="J407" s="58">
        <f>Bühler!J433</f>
        <v>91.48703519942562</v>
      </c>
      <c r="K407" s="58">
        <f>Bühler!K433</f>
        <v>3.9359420809547232</v>
      </c>
      <c r="L407" s="58">
        <f>Bühler!L433</f>
        <v>1.9679710404773616</v>
      </c>
      <c r="M407" s="57">
        <f>Bühler!M433</f>
        <v>0</v>
      </c>
      <c r="N407" s="55">
        <f>IF(Input!$K$13=1,J407*Input!$J$13,0)+IF(Input!$K$14=1,K407*Input!$J$14,0)+IF(Input!$K$15=1,L407*Input!$J$15,0)+IF(Input!$K$16=1,M407*Input!$J$16,0)</f>
        <v>10.978444223931074</v>
      </c>
      <c r="O407" s="58">
        <f>IF(Input!$K$13=2,J407*Input!$J$13,0)+IF(Input!$K$14=2,K407*Input!$J$14,0)+IF(Input!$K$15=2,L407*Input!$J$15,0)+IF(Input!$K$16=2,M407*Input!$J$16,0)</f>
        <v>0.5313521809288877</v>
      </c>
      <c r="P407" s="58">
        <f>IF(Input!$K$13=3,J407*Input!$J$13,0)+IF(Input!$K$14=3,K407*Input!$J$14,0)+IF(Input!$K$15=3,L407*Input!$J$15,0)+IF(Input!$K$16=3,M407*Input!$J$16,0)</f>
        <v>0</v>
      </c>
      <c r="Q407" s="71">
        <f>IF(Input!$K$13=4,J407*Input!$J$13,0)+IF(Input!$K$14=4,K407*Input!$J$14,0)+IF(Input!$K$15=4,L407*Input!$J$15,0)+IF(Input!$K$16=4,M407*Input!$J$16,0)</f>
        <v>0</v>
      </c>
    </row>
    <row r="408" spans="8:17" x14ac:dyDescent="0.25">
      <c r="H408" s="43">
        <v>401</v>
      </c>
      <c r="I408" s="55">
        <f>Bühler!I434</f>
        <v>13.891722124517766</v>
      </c>
      <c r="J408" s="58">
        <f>Bühler!J434</f>
        <v>58.351565747669611</v>
      </c>
      <c r="K408" s="58">
        <f>Bühler!K434</f>
        <v>2.319394440562605</v>
      </c>
      <c r="L408" s="58">
        <f>Bühler!L434</f>
        <v>1.1596972202813025</v>
      </c>
      <c r="M408" s="57">
        <f>Bühler!M434</f>
        <v>0</v>
      </c>
      <c r="N408" s="55">
        <f>IF(Input!$K$13=1,J408*Input!$J$13,0)+IF(Input!$K$14=1,K408*Input!$J$14,0)+IF(Input!$K$15=1,L408*Input!$J$15,0)+IF(Input!$K$16=1,M408*Input!$J$16,0)</f>
        <v>7.0021878897203527</v>
      </c>
      <c r="O408" s="58">
        <f>IF(Input!$K$13=2,J408*Input!$J$13,0)+IF(Input!$K$14=2,K408*Input!$J$14,0)+IF(Input!$K$15=2,L408*Input!$J$15,0)+IF(Input!$K$16=2,M408*Input!$J$16,0)</f>
        <v>0.31311824947595168</v>
      </c>
      <c r="P408" s="58">
        <f>IF(Input!$K$13=3,J408*Input!$J$13,0)+IF(Input!$K$14=3,K408*Input!$J$14,0)+IF(Input!$K$15=3,L408*Input!$J$15,0)+IF(Input!$K$16=3,M408*Input!$J$16,0)</f>
        <v>0</v>
      </c>
      <c r="Q408" s="71">
        <f>IF(Input!$K$13=4,J408*Input!$J$13,0)+IF(Input!$K$14=4,K408*Input!$J$14,0)+IF(Input!$K$15=4,L408*Input!$J$15,0)+IF(Input!$K$16=4,M408*Input!$J$16,0)</f>
        <v>0</v>
      </c>
    </row>
    <row r="409" spans="8:17" x14ac:dyDescent="0.25">
      <c r="H409" s="43">
        <v>402</v>
      </c>
      <c r="I409" s="55">
        <f>Bühler!I435</f>
        <v>11.037604669844116</v>
      </c>
      <c r="J409" s="58">
        <f>Bühler!J435</f>
        <v>30.438924526678285</v>
      </c>
      <c r="K409" s="58">
        <f>Bühler!K435</f>
        <v>0.98992507066265689</v>
      </c>
      <c r="L409" s="58">
        <f>Bühler!L435</f>
        <v>0.49496253533132845</v>
      </c>
      <c r="M409" s="57">
        <f>Bühler!M435</f>
        <v>0</v>
      </c>
      <c r="N409" s="55">
        <f>IF(Input!$K$13=1,J409*Input!$J$13,0)+IF(Input!$K$14=1,K409*Input!$J$14,0)+IF(Input!$K$15=1,L409*Input!$J$15,0)+IF(Input!$K$16=1,M409*Input!$J$16,0)</f>
        <v>3.652670943201394</v>
      </c>
      <c r="O409" s="58">
        <f>IF(Input!$K$13=2,J409*Input!$J$13,0)+IF(Input!$K$14=2,K409*Input!$J$14,0)+IF(Input!$K$15=2,L409*Input!$J$15,0)+IF(Input!$K$16=2,M409*Input!$J$16,0)</f>
        <v>0.13363988453945869</v>
      </c>
      <c r="P409" s="58">
        <f>IF(Input!$K$13=3,J409*Input!$J$13,0)+IF(Input!$K$14=3,K409*Input!$J$14,0)+IF(Input!$K$15=3,L409*Input!$J$15,0)+IF(Input!$K$16=3,M409*Input!$J$16,0)</f>
        <v>0</v>
      </c>
      <c r="Q409" s="71">
        <f>IF(Input!$K$13=4,J409*Input!$J$13,0)+IF(Input!$K$14=4,K409*Input!$J$14,0)+IF(Input!$K$15=4,L409*Input!$J$15,0)+IF(Input!$K$16=4,M409*Input!$J$16,0)</f>
        <v>0</v>
      </c>
    </row>
    <row r="410" spans="8:17" x14ac:dyDescent="0.25">
      <c r="H410" s="43">
        <v>403</v>
      </c>
      <c r="I410" s="55">
        <f>Bühler!I436</f>
        <v>3.9149398714550072</v>
      </c>
      <c r="J410" s="58">
        <f>Bühler!J436</f>
        <v>16.438987709412043</v>
      </c>
      <c r="K410" s="58">
        <f>Bühler!K436</f>
        <v>0.65335054663735348</v>
      </c>
      <c r="L410" s="58">
        <f>Bühler!L436</f>
        <v>0.32667527331867674</v>
      </c>
      <c r="M410" s="57">
        <f>Bühler!M436</f>
        <v>0</v>
      </c>
      <c r="N410" s="55">
        <f>IF(Input!$K$13=1,J410*Input!$J$13,0)+IF(Input!$K$14=1,K410*Input!$J$14,0)+IF(Input!$K$15=1,L410*Input!$J$15,0)+IF(Input!$K$16=1,M410*Input!$J$16,0)</f>
        <v>1.972678525129445</v>
      </c>
      <c r="O410" s="58">
        <f>IF(Input!$K$13=2,J410*Input!$J$13,0)+IF(Input!$K$14=2,K410*Input!$J$14,0)+IF(Input!$K$15=2,L410*Input!$J$15,0)+IF(Input!$K$16=2,M410*Input!$J$16,0)</f>
        <v>8.8202323796042717E-2</v>
      </c>
      <c r="P410" s="58">
        <f>IF(Input!$K$13=3,J410*Input!$J$13,0)+IF(Input!$K$14=3,K410*Input!$J$14,0)+IF(Input!$K$15=3,L410*Input!$J$15,0)+IF(Input!$K$16=3,M410*Input!$J$16,0)</f>
        <v>0</v>
      </c>
      <c r="Q410" s="71">
        <f>IF(Input!$K$13=4,J410*Input!$J$13,0)+IF(Input!$K$14=4,K410*Input!$J$14,0)+IF(Input!$K$15=4,L410*Input!$J$15,0)+IF(Input!$K$16=4,M410*Input!$J$16,0)</f>
        <v>0</v>
      </c>
    </row>
    <row r="411" spans="8:17" x14ac:dyDescent="0.25">
      <c r="H411" s="43">
        <v>404</v>
      </c>
      <c r="I411" s="55">
        <f>Bühler!I437</f>
        <v>3.9149398714550072</v>
      </c>
      <c r="J411" s="58">
        <f>Bühler!J437</f>
        <v>16.438987709412043</v>
      </c>
      <c r="K411" s="58">
        <f>Bühler!K437</f>
        <v>0.65335054663735348</v>
      </c>
      <c r="L411" s="58">
        <f>Bühler!L437</f>
        <v>0.32667527331867674</v>
      </c>
      <c r="M411" s="57">
        <f>Bühler!M437</f>
        <v>0</v>
      </c>
      <c r="N411" s="55">
        <f>IF(Input!$K$13=1,J411*Input!$J$13,0)+IF(Input!$K$14=1,K411*Input!$J$14,0)+IF(Input!$K$15=1,L411*Input!$J$15,0)+IF(Input!$K$16=1,M411*Input!$J$16,0)</f>
        <v>1.972678525129445</v>
      </c>
      <c r="O411" s="58">
        <f>IF(Input!$K$13=2,J411*Input!$J$13,0)+IF(Input!$K$14=2,K411*Input!$J$14,0)+IF(Input!$K$15=2,L411*Input!$J$15,0)+IF(Input!$K$16=2,M411*Input!$J$16,0)</f>
        <v>8.8202323796042717E-2</v>
      </c>
      <c r="P411" s="58">
        <f>IF(Input!$K$13=3,J411*Input!$J$13,0)+IF(Input!$K$14=3,K411*Input!$J$14,0)+IF(Input!$K$15=3,L411*Input!$J$15,0)+IF(Input!$K$16=3,M411*Input!$J$16,0)</f>
        <v>0</v>
      </c>
      <c r="Q411" s="71">
        <f>IF(Input!$K$13=4,J411*Input!$J$13,0)+IF(Input!$K$14=4,K411*Input!$J$14,0)+IF(Input!$K$15=4,L411*Input!$J$15,0)+IF(Input!$K$16=4,M411*Input!$J$16,0)</f>
        <v>0</v>
      </c>
    </row>
    <row r="412" spans="8:17" x14ac:dyDescent="0.25">
      <c r="H412" s="43">
        <v>405</v>
      </c>
      <c r="I412" s="55">
        <f>Bühler!I438</f>
        <v>3.9149398714550072</v>
      </c>
      <c r="J412" s="58">
        <f>Bühler!J438</f>
        <v>16.438987709412043</v>
      </c>
      <c r="K412" s="58">
        <f>Bühler!K438</f>
        <v>0.65335054663735348</v>
      </c>
      <c r="L412" s="58">
        <f>Bühler!L438</f>
        <v>0.32667527331867674</v>
      </c>
      <c r="M412" s="57">
        <f>Bühler!M438</f>
        <v>0</v>
      </c>
      <c r="N412" s="55">
        <f>IF(Input!$K$13=1,J412*Input!$J$13,0)+IF(Input!$K$14=1,K412*Input!$J$14,0)+IF(Input!$K$15=1,L412*Input!$J$15,0)+IF(Input!$K$16=1,M412*Input!$J$16,0)</f>
        <v>1.972678525129445</v>
      </c>
      <c r="O412" s="58">
        <f>IF(Input!$K$13=2,J412*Input!$J$13,0)+IF(Input!$K$14=2,K412*Input!$J$14,0)+IF(Input!$K$15=2,L412*Input!$J$15,0)+IF(Input!$K$16=2,M412*Input!$J$16,0)</f>
        <v>8.8202323796042717E-2</v>
      </c>
      <c r="P412" s="58">
        <f>IF(Input!$K$13=3,J412*Input!$J$13,0)+IF(Input!$K$14=3,K412*Input!$J$14,0)+IF(Input!$K$15=3,L412*Input!$J$15,0)+IF(Input!$K$16=3,M412*Input!$J$16,0)</f>
        <v>0</v>
      </c>
      <c r="Q412" s="71">
        <f>IF(Input!$K$13=4,J412*Input!$J$13,0)+IF(Input!$K$14=4,K412*Input!$J$14,0)+IF(Input!$K$15=4,L412*Input!$J$15,0)+IF(Input!$K$16=4,M412*Input!$J$16,0)</f>
        <v>0</v>
      </c>
    </row>
    <row r="413" spans="8:17" x14ac:dyDescent="0.25">
      <c r="H413" s="43">
        <v>406</v>
      </c>
      <c r="I413" s="55">
        <f>Bühler!I439</f>
        <v>3.9149398714550072</v>
      </c>
      <c r="J413" s="58">
        <f>Bühler!J439</f>
        <v>16.438987709412043</v>
      </c>
      <c r="K413" s="58">
        <f>Bühler!K439</f>
        <v>0.65335054663735348</v>
      </c>
      <c r="L413" s="58">
        <f>Bühler!L439</f>
        <v>0.32667527331867674</v>
      </c>
      <c r="M413" s="57">
        <f>Bühler!M439</f>
        <v>0</v>
      </c>
      <c r="N413" s="55">
        <f>IF(Input!$K$13=1,J413*Input!$J$13,0)+IF(Input!$K$14=1,K413*Input!$J$14,0)+IF(Input!$K$15=1,L413*Input!$J$15,0)+IF(Input!$K$16=1,M413*Input!$J$16,0)</f>
        <v>1.972678525129445</v>
      </c>
      <c r="O413" s="58">
        <f>IF(Input!$K$13=2,J413*Input!$J$13,0)+IF(Input!$K$14=2,K413*Input!$J$14,0)+IF(Input!$K$15=2,L413*Input!$J$15,0)+IF(Input!$K$16=2,M413*Input!$J$16,0)</f>
        <v>8.8202323796042717E-2</v>
      </c>
      <c r="P413" s="58">
        <f>IF(Input!$K$13=3,J413*Input!$J$13,0)+IF(Input!$K$14=3,K413*Input!$J$14,0)+IF(Input!$K$15=3,L413*Input!$J$15,0)+IF(Input!$K$16=3,M413*Input!$J$16,0)</f>
        <v>0</v>
      </c>
      <c r="Q413" s="71">
        <f>IF(Input!$K$13=4,J413*Input!$J$13,0)+IF(Input!$K$14=4,K413*Input!$J$14,0)+IF(Input!$K$15=4,L413*Input!$J$15,0)+IF(Input!$K$16=4,M413*Input!$J$16,0)</f>
        <v>0</v>
      </c>
    </row>
    <row r="414" spans="8:17" x14ac:dyDescent="0.25">
      <c r="H414" s="43">
        <v>407</v>
      </c>
      <c r="I414" s="55">
        <f>Bühler!I440</f>
        <v>3.9149398714550072</v>
      </c>
      <c r="J414" s="58">
        <f>Bühler!J440</f>
        <v>16.438987709412043</v>
      </c>
      <c r="K414" s="58">
        <f>Bühler!K440</f>
        <v>0.65335054663735348</v>
      </c>
      <c r="L414" s="58">
        <f>Bühler!L440</f>
        <v>0.32667527331867674</v>
      </c>
      <c r="M414" s="57">
        <f>Bühler!M440</f>
        <v>0</v>
      </c>
      <c r="N414" s="55">
        <f>IF(Input!$K$13=1,J414*Input!$J$13,0)+IF(Input!$K$14=1,K414*Input!$J$14,0)+IF(Input!$K$15=1,L414*Input!$J$15,0)+IF(Input!$K$16=1,M414*Input!$J$16,0)</f>
        <v>1.972678525129445</v>
      </c>
      <c r="O414" s="58">
        <f>IF(Input!$K$13=2,J414*Input!$J$13,0)+IF(Input!$K$14=2,K414*Input!$J$14,0)+IF(Input!$K$15=2,L414*Input!$J$15,0)+IF(Input!$K$16=2,M414*Input!$J$16,0)</f>
        <v>8.8202323796042717E-2</v>
      </c>
      <c r="P414" s="58">
        <f>IF(Input!$K$13=3,J414*Input!$J$13,0)+IF(Input!$K$14=3,K414*Input!$J$14,0)+IF(Input!$K$15=3,L414*Input!$J$15,0)+IF(Input!$K$16=3,M414*Input!$J$16,0)</f>
        <v>0</v>
      </c>
      <c r="Q414" s="71">
        <f>IF(Input!$K$13=4,J414*Input!$J$13,0)+IF(Input!$K$14=4,K414*Input!$J$14,0)+IF(Input!$K$15=4,L414*Input!$J$15,0)+IF(Input!$K$16=4,M414*Input!$J$16,0)</f>
        <v>0</v>
      </c>
    </row>
    <row r="415" spans="8:17" x14ac:dyDescent="0.25">
      <c r="H415" s="43">
        <v>408</v>
      </c>
      <c r="I415" s="55">
        <f>Bühler!I441</f>
        <v>3.9149398714550072</v>
      </c>
      <c r="J415" s="58">
        <f>Bühler!J441</f>
        <v>16.438987709412043</v>
      </c>
      <c r="K415" s="58">
        <f>Bühler!K441</f>
        <v>0.65335054663735348</v>
      </c>
      <c r="L415" s="58">
        <f>Bühler!L441</f>
        <v>0.32667527331867674</v>
      </c>
      <c r="M415" s="57">
        <f>Bühler!M441</f>
        <v>0</v>
      </c>
      <c r="N415" s="55">
        <f>IF(Input!$K$13=1,J415*Input!$J$13,0)+IF(Input!$K$14=1,K415*Input!$J$14,0)+IF(Input!$K$15=1,L415*Input!$J$15,0)+IF(Input!$K$16=1,M415*Input!$J$16,0)</f>
        <v>1.972678525129445</v>
      </c>
      <c r="O415" s="58">
        <f>IF(Input!$K$13=2,J415*Input!$J$13,0)+IF(Input!$K$14=2,K415*Input!$J$14,0)+IF(Input!$K$15=2,L415*Input!$J$15,0)+IF(Input!$K$16=2,M415*Input!$J$16,0)</f>
        <v>8.8202323796042717E-2</v>
      </c>
      <c r="P415" s="58">
        <f>IF(Input!$K$13=3,J415*Input!$J$13,0)+IF(Input!$K$14=3,K415*Input!$J$14,0)+IF(Input!$K$15=3,L415*Input!$J$15,0)+IF(Input!$K$16=3,M415*Input!$J$16,0)</f>
        <v>0</v>
      </c>
      <c r="Q415" s="71">
        <f>IF(Input!$K$13=4,J415*Input!$J$13,0)+IF(Input!$K$14=4,K415*Input!$J$14,0)+IF(Input!$K$15=4,L415*Input!$J$15,0)+IF(Input!$K$16=4,M415*Input!$J$16,0)</f>
        <v>0</v>
      </c>
    </row>
    <row r="416" spans="8:17" x14ac:dyDescent="0.25">
      <c r="H416" s="43">
        <v>409</v>
      </c>
      <c r="I416" s="55">
        <f>Bühler!I442</f>
        <v>3.7884813667167028</v>
      </c>
      <c r="J416" s="58">
        <f>Bühler!J442</f>
        <v>15.969621431889529</v>
      </c>
      <c r="K416" s="58">
        <f>Bühler!K442</f>
        <v>0.64517033007680369</v>
      </c>
      <c r="L416" s="58">
        <f>Bühler!L442</f>
        <v>0.32258516503840184</v>
      </c>
      <c r="M416" s="57">
        <f>Bühler!M442</f>
        <v>0</v>
      </c>
      <c r="N416" s="55">
        <f>IF(Input!$K$13=1,J416*Input!$J$13,0)+IF(Input!$K$14=1,K416*Input!$J$14,0)+IF(Input!$K$15=1,L416*Input!$J$15,0)+IF(Input!$K$16=1,M416*Input!$J$16,0)</f>
        <v>1.9163545718267434</v>
      </c>
      <c r="O416" s="58">
        <f>IF(Input!$K$13=2,J416*Input!$J$13,0)+IF(Input!$K$14=2,K416*Input!$J$14,0)+IF(Input!$K$15=2,L416*Input!$J$15,0)+IF(Input!$K$16=2,M416*Input!$J$16,0)</f>
        <v>8.7097994560368486E-2</v>
      </c>
      <c r="P416" s="58">
        <f>IF(Input!$K$13=3,J416*Input!$J$13,0)+IF(Input!$K$14=3,K416*Input!$J$14,0)+IF(Input!$K$15=3,L416*Input!$J$15,0)+IF(Input!$K$16=3,M416*Input!$J$16,0)</f>
        <v>0</v>
      </c>
      <c r="Q416" s="71">
        <f>IF(Input!$K$13=4,J416*Input!$J$13,0)+IF(Input!$K$14=4,K416*Input!$J$14,0)+IF(Input!$K$15=4,L416*Input!$J$15,0)+IF(Input!$K$16=4,M416*Input!$J$16,0)</f>
        <v>0</v>
      </c>
    </row>
    <row r="417" spans="8:17" x14ac:dyDescent="0.25">
      <c r="H417" s="43">
        <v>410</v>
      </c>
      <c r="I417" s="55">
        <f>Bühler!I443</f>
        <v>3.7884813667167028</v>
      </c>
      <c r="J417" s="58">
        <f>Bühler!J443</f>
        <v>15.969621431889529</v>
      </c>
      <c r="K417" s="58">
        <f>Bühler!K443</f>
        <v>0.64517033007680369</v>
      </c>
      <c r="L417" s="58">
        <f>Bühler!L443</f>
        <v>0.32258516503840184</v>
      </c>
      <c r="M417" s="57">
        <f>Bühler!M443</f>
        <v>0</v>
      </c>
      <c r="N417" s="55">
        <f>IF(Input!$K$13=1,J417*Input!$J$13,0)+IF(Input!$K$14=1,K417*Input!$J$14,0)+IF(Input!$K$15=1,L417*Input!$J$15,0)+IF(Input!$K$16=1,M417*Input!$J$16,0)</f>
        <v>1.9163545718267434</v>
      </c>
      <c r="O417" s="58">
        <f>IF(Input!$K$13=2,J417*Input!$J$13,0)+IF(Input!$K$14=2,K417*Input!$J$14,0)+IF(Input!$K$15=2,L417*Input!$J$15,0)+IF(Input!$K$16=2,M417*Input!$J$16,0)</f>
        <v>8.7097994560368486E-2</v>
      </c>
      <c r="P417" s="58">
        <f>IF(Input!$K$13=3,J417*Input!$J$13,0)+IF(Input!$K$14=3,K417*Input!$J$14,0)+IF(Input!$K$15=3,L417*Input!$J$15,0)+IF(Input!$K$16=3,M417*Input!$J$16,0)</f>
        <v>0</v>
      </c>
      <c r="Q417" s="71">
        <f>IF(Input!$K$13=4,J417*Input!$J$13,0)+IF(Input!$K$14=4,K417*Input!$J$14,0)+IF(Input!$K$15=4,L417*Input!$J$15,0)+IF(Input!$K$16=4,M417*Input!$J$16,0)</f>
        <v>0</v>
      </c>
    </row>
    <row r="418" spans="8:17" x14ac:dyDescent="0.25">
      <c r="H418" s="43">
        <v>411</v>
      </c>
      <c r="I418" s="55">
        <f>Bühler!I444</f>
        <v>3.7884813667167028</v>
      </c>
      <c r="J418" s="58">
        <f>Bühler!J444</f>
        <v>15.969621431889529</v>
      </c>
      <c r="K418" s="58">
        <f>Bühler!K444</f>
        <v>0.64517033007680369</v>
      </c>
      <c r="L418" s="58">
        <f>Bühler!L444</f>
        <v>0.32258516503840184</v>
      </c>
      <c r="M418" s="57">
        <f>Bühler!M444</f>
        <v>0</v>
      </c>
      <c r="N418" s="55">
        <f>IF(Input!$K$13=1,J418*Input!$J$13,0)+IF(Input!$K$14=1,K418*Input!$J$14,0)+IF(Input!$K$15=1,L418*Input!$J$15,0)+IF(Input!$K$16=1,M418*Input!$J$16,0)</f>
        <v>1.9163545718267434</v>
      </c>
      <c r="O418" s="58">
        <f>IF(Input!$K$13=2,J418*Input!$J$13,0)+IF(Input!$K$14=2,K418*Input!$J$14,0)+IF(Input!$K$15=2,L418*Input!$J$15,0)+IF(Input!$K$16=2,M418*Input!$J$16,0)</f>
        <v>8.7097994560368486E-2</v>
      </c>
      <c r="P418" s="58">
        <f>IF(Input!$K$13=3,J418*Input!$J$13,0)+IF(Input!$K$14=3,K418*Input!$J$14,0)+IF(Input!$K$15=3,L418*Input!$J$15,0)+IF(Input!$K$16=3,M418*Input!$J$16,0)</f>
        <v>0</v>
      </c>
      <c r="Q418" s="71">
        <f>IF(Input!$K$13=4,J418*Input!$J$13,0)+IF(Input!$K$14=4,K418*Input!$J$14,0)+IF(Input!$K$15=4,L418*Input!$J$15,0)+IF(Input!$K$16=4,M418*Input!$J$16,0)</f>
        <v>0</v>
      </c>
    </row>
    <row r="419" spans="8:17" x14ac:dyDescent="0.25">
      <c r="H419" s="43">
        <v>412</v>
      </c>
      <c r="I419" s="55">
        <f>Bühler!I445</f>
        <v>3.7884813667167028</v>
      </c>
      <c r="J419" s="58">
        <f>Bühler!J445</f>
        <v>15.969621431889529</v>
      </c>
      <c r="K419" s="58">
        <f>Bühler!K445</f>
        <v>0.64517033007680369</v>
      </c>
      <c r="L419" s="58">
        <f>Bühler!L445</f>
        <v>0.32258516503840184</v>
      </c>
      <c r="M419" s="57">
        <f>Bühler!M445</f>
        <v>0</v>
      </c>
      <c r="N419" s="55">
        <f>IF(Input!$K$13=1,J419*Input!$J$13,0)+IF(Input!$K$14=1,K419*Input!$J$14,0)+IF(Input!$K$15=1,L419*Input!$J$15,0)+IF(Input!$K$16=1,M419*Input!$J$16,0)</f>
        <v>1.9163545718267434</v>
      </c>
      <c r="O419" s="58">
        <f>IF(Input!$K$13=2,J419*Input!$J$13,0)+IF(Input!$K$14=2,K419*Input!$J$14,0)+IF(Input!$K$15=2,L419*Input!$J$15,0)+IF(Input!$K$16=2,M419*Input!$J$16,0)</f>
        <v>8.7097994560368486E-2</v>
      </c>
      <c r="P419" s="58">
        <f>IF(Input!$K$13=3,J419*Input!$J$13,0)+IF(Input!$K$14=3,K419*Input!$J$14,0)+IF(Input!$K$15=3,L419*Input!$J$15,0)+IF(Input!$K$16=3,M419*Input!$J$16,0)</f>
        <v>0</v>
      </c>
      <c r="Q419" s="71">
        <f>IF(Input!$K$13=4,J419*Input!$J$13,0)+IF(Input!$K$14=4,K419*Input!$J$14,0)+IF(Input!$K$15=4,L419*Input!$J$15,0)+IF(Input!$K$16=4,M419*Input!$J$16,0)</f>
        <v>0</v>
      </c>
    </row>
    <row r="420" spans="8:17" x14ac:dyDescent="0.25">
      <c r="H420" s="43">
        <v>413</v>
      </c>
      <c r="I420" s="55">
        <f>Bühler!I446</f>
        <v>3.7884813667167028</v>
      </c>
      <c r="J420" s="58">
        <f>Bühler!J446</f>
        <v>15.969621431889529</v>
      </c>
      <c r="K420" s="58">
        <f>Bühler!K446</f>
        <v>0.64517033007680369</v>
      </c>
      <c r="L420" s="58">
        <f>Bühler!L446</f>
        <v>0.32258516503840184</v>
      </c>
      <c r="M420" s="57">
        <f>Bühler!M446</f>
        <v>0</v>
      </c>
      <c r="N420" s="55">
        <f>IF(Input!$K$13=1,J420*Input!$J$13,0)+IF(Input!$K$14=1,K420*Input!$J$14,0)+IF(Input!$K$15=1,L420*Input!$J$15,0)+IF(Input!$K$16=1,M420*Input!$J$16,0)</f>
        <v>1.9163545718267434</v>
      </c>
      <c r="O420" s="58">
        <f>IF(Input!$K$13=2,J420*Input!$J$13,0)+IF(Input!$K$14=2,K420*Input!$J$14,0)+IF(Input!$K$15=2,L420*Input!$J$15,0)+IF(Input!$K$16=2,M420*Input!$J$16,0)</f>
        <v>8.7097994560368486E-2</v>
      </c>
      <c r="P420" s="58">
        <f>IF(Input!$K$13=3,J420*Input!$J$13,0)+IF(Input!$K$14=3,K420*Input!$J$14,0)+IF(Input!$K$15=3,L420*Input!$J$15,0)+IF(Input!$K$16=3,M420*Input!$J$16,0)</f>
        <v>0</v>
      </c>
      <c r="Q420" s="71">
        <f>IF(Input!$K$13=4,J420*Input!$J$13,0)+IF(Input!$K$14=4,K420*Input!$J$14,0)+IF(Input!$K$15=4,L420*Input!$J$15,0)+IF(Input!$K$16=4,M420*Input!$J$16,0)</f>
        <v>0</v>
      </c>
    </row>
    <row r="421" spans="8:17" x14ac:dyDescent="0.25">
      <c r="H421" s="43">
        <v>414</v>
      </c>
      <c r="I421" s="55">
        <f>Bühler!I447</f>
        <v>3.7884813667167028</v>
      </c>
      <c r="J421" s="58">
        <f>Bühler!J447</f>
        <v>15.969621431889529</v>
      </c>
      <c r="K421" s="58">
        <f>Bühler!K447</f>
        <v>0.64517033007680369</v>
      </c>
      <c r="L421" s="58">
        <f>Bühler!L447</f>
        <v>0.32258516503840184</v>
      </c>
      <c r="M421" s="57">
        <f>Bühler!M447</f>
        <v>0</v>
      </c>
      <c r="N421" s="55">
        <f>IF(Input!$K$13=1,J421*Input!$J$13,0)+IF(Input!$K$14=1,K421*Input!$J$14,0)+IF(Input!$K$15=1,L421*Input!$J$15,0)+IF(Input!$K$16=1,M421*Input!$J$16,0)</f>
        <v>1.9163545718267434</v>
      </c>
      <c r="O421" s="58">
        <f>IF(Input!$K$13=2,J421*Input!$J$13,0)+IF(Input!$K$14=2,K421*Input!$J$14,0)+IF(Input!$K$15=2,L421*Input!$J$15,0)+IF(Input!$K$16=2,M421*Input!$J$16,0)</f>
        <v>8.7097994560368486E-2</v>
      </c>
      <c r="P421" s="58">
        <f>IF(Input!$K$13=3,J421*Input!$J$13,0)+IF(Input!$K$14=3,K421*Input!$J$14,0)+IF(Input!$K$15=3,L421*Input!$J$15,0)+IF(Input!$K$16=3,M421*Input!$J$16,0)</f>
        <v>0</v>
      </c>
      <c r="Q421" s="71">
        <f>IF(Input!$K$13=4,J421*Input!$J$13,0)+IF(Input!$K$14=4,K421*Input!$J$14,0)+IF(Input!$K$15=4,L421*Input!$J$15,0)+IF(Input!$K$16=4,M421*Input!$J$16,0)</f>
        <v>0</v>
      </c>
    </row>
    <row r="422" spans="8:17" x14ac:dyDescent="0.25">
      <c r="H422" s="43">
        <v>415</v>
      </c>
      <c r="I422" s="55">
        <f>Bühler!I448</f>
        <v>3.7884813667167028</v>
      </c>
      <c r="J422" s="58">
        <f>Bühler!J448</f>
        <v>15.969621431889529</v>
      </c>
      <c r="K422" s="58">
        <f>Bühler!K448</f>
        <v>0.64517033007680369</v>
      </c>
      <c r="L422" s="58">
        <f>Bühler!L448</f>
        <v>0.32258516503840184</v>
      </c>
      <c r="M422" s="57">
        <f>Bühler!M448</f>
        <v>0</v>
      </c>
      <c r="N422" s="55">
        <f>IF(Input!$K$13=1,J422*Input!$J$13,0)+IF(Input!$K$14=1,K422*Input!$J$14,0)+IF(Input!$K$15=1,L422*Input!$J$15,0)+IF(Input!$K$16=1,M422*Input!$J$16,0)</f>
        <v>1.9163545718267434</v>
      </c>
      <c r="O422" s="58">
        <f>IF(Input!$K$13=2,J422*Input!$J$13,0)+IF(Input!$K$14=2,K422*Input!$J$14,0)+IF(Input!$K$15=2,L422*Input!$J$15,0)+IF(Input!$K$16=2,M422*Input!$J$16,0)</f>
        <v>8.7097994560368486E-2</v>
      </c>
      <c r="P422" s="58">
        <f>IF(Input!$K$13=3,J422*Input!$J$13,0)+IF(Input!$K$14=3,K422*Input!$J$14,0)+IF(Input!$K$15=3,L422*Input!$J$15,0)+IF(Input!$K$16=3,M422*Input!$J$16,0)</f>
        <v>0</v>
      </c>
      <c r="Q422" s="71">
        <f>IF(Input!$K$13=4,J422*Input!$J$13,0)+IF(Input!$K$14=4,K422*Input!$J$14,0)+IF(Input!$K$15=4,L422*Input!$J$15,0)+IF(Input!$K$16=4,M422*Input!$J$16,0)</f>
        <v>0</v>
      </c>
    </row>
    <row r="423" spans="8:17" x14ac:dyDescent="0.25">
      <c r="H423" s="43">
        <v>416</v>
      </c>
      <c r="I423" s="55">
        <f>Bühler!I449</f>
        <v>10.437266165304514</v>
      </c>
      <c r="J423" s="58">
        <f>Bühler!J449</f>
        <v>59.811491378907377</v>
      </c>
      <c r="K423" s="58">
        <f>Bühler!K449</f>
        <v>2.637378106889722</v>
      </c>
      <c r="L423" s="58">
        <f>Bühler!L449</f>
        <v>1.318689053444861</v>
      </c>
      <c r="M423" s="57">
        <f>Bühler!M449</f>
        <v>0</v>
      </c>
      <c r="N423" s="55">
        <f>IF(Input!$K$13=1,J423*Input!$J$13,0)+IF(Input!$K$14=1,K423*Input!$J$14,0)+IF(Input!$K$15=1,L423*Input!$J$15,0)+IF(Input!$K$16=1,M423*Input!$J$16,0)</f>
        <v>7.1773789654688853</v>
      </c>
      <c r="O423" s="58">
        <f>IF(Input!$K$13=2,J423*Input!$J$13,0)+IF(Input!$K$14=2,K423*Input!$J$14,0)+IF(Input!$K$15=2,L423*Input!$J$15,0)+IF(Input!$K$16=2,M423*Input!$J$16,0)</f>
        <v>0.35604604443011245</v>
      </c>
      <c r="P423" s="58">
        <f>IF(Input!$K$13=3,J423*Input!$J$13,0)+IF(Input!$K$14=3,K423*Input!$J$14,0)+IF(Input!$K$15=3,L423*Input!$J$15,0)+IF(Input!$K$16=3,M423*Input!$J$16,0)</f>
        <v>0</v>
      </c>
      <c r="Q423" s="71">
        <f>IF(Input!$K$13=4,J423*Input!$J$13,0)+IF(Input!$K$14=4,K423*Input!$J$14,0)+IF(Input!$K$15=4,L423*Input!$J$15,0)+IF(Input!$K$16=4,M423*Input!$J$16,0)</f>
        <v>0</v>
      </c>
    </row>
    <row r="424" spans="8:17" x14ac:dyDescent="0.25">
      <c r="H424" s="43">
        <v>417</v>
      </c>
      <c r="I424" s="55">
        <f>Bühler!I450</f>
        <v>11.645791721287143</v>
      </c>
      <c r="J424" s="58">
        <f>Bühler!J450</f>
        <v>66.737032485938755</v>
      </c>
      <c r="K424" s="58">
        <f>Bühler!K450</f>
        <v>2.9427587297927422</v>
      </c>
      <c r="L424" s="58">
        <f>Bühler!L450</f>
        <v>1.4713793648963711</v>
      </c>
      <c r="M424" s="57">
        <f>Bühler!M450</f>
        <v>0</v>
      </c>
      <c r="N424" s="55">
        <f>IF(Input!$K$13=1,J424*Input!$J$13,0)+IF(Input!$K$14=1,K424*Input!$J$14,0)+IF(Input!$K$15=1,L424*Input!$J$15,0)+IF(Input!$K$16=1,M424*Input!$J$16,0)</f>
        <v>8.0084438983126507</v>
      </c>
      <c r="O424" s="58">
        <f>IF(Input!$K$13=2,J424*Input!$J$13,0)+IF(Input!$K$14=2,K424*Input!$J$14,0)+IF(Input!$K$15=2,L424*Input!$J$15,0)+IF(Input!$K$16=2,M424*Input!$J$16,0)</f>
        <v>0.39727242852202016</v>
      </c>
      <c r="P424" s="58">
        <f>IF(Input!$K$13=3,J424*Input!$J$13,0)+IF(Input!$K$14=3,K424*Input!$J$14,0)+IF(Input!$K$15=3,L424*Input!$J$15,0)+IF(Input!$K$16=3,M424*Input!$J$16,0)</f>
        <v>0</v>
      </c>
      <c r="Q424" s="71">
        <f>IF(Input!$K$13=4,J424*Input!$J$13,0)+IF(Input!$K$14=4,K424*Input!$J$14,0)+IF(Input!$K$15=4,L424*Input!$J$15,0)+IF(Input!$K$16=4,M424*Input!$J$16,0)</f>
        <v>0</v>
      </c>
    </row>
    <row r="425" spans="8:17" x14ac:dyDescent="0.25">
      <c r="H425" s="43">
        <v>418</v>
      </c>
      <c r="I425" s="55">
        <f>Bühler!I451</f>
        <v>12.85431727726977</v>
      </c>
      <c r="J425" s="58">
        <f>Bühler!J451</f>
        <v>73.662573592970134</v>
      </c>
      <c r="K425" s="58">
        <f>Bühler!K451</f>
        <v>3.2481393526957629</v>
      </c>
      <c r="L425" s="58">
        <f>Bühler!L451</f>
        <v>1.6240696763478815</v>
      </c>
      <c r="M425" s="57">
        <f>Bühler!M451</f>
        <v>0</v>
      </c>
      <c r="N425" s="55">
        <f>IF(Input!$K$13=1,J425*Input!$J$13,0)+IF(Input!$K$14=1,K425*Input!$J$14,0)+IF(Input!$K$15=1,L425*Input!$J$15,0)+IF(Input!$K$16=1,M425*Input!$J$16,0)</f>
        <v>8.8395088311564152</v>
      </c>
      <c r="O425" s="58">
        <f>IF(Input!$K$13=2,J425*Input!$J$13,0)+IF(Input!$K$14=2,K425*Input!$J$14,0)+IF(Input!$K$15=2,L425*Input!$J$15,0)+IF(Input!$K$16=2,M425*Input!$J$16,0)</f>
        <v>0.43849881261392798</v>
      </c>
      <c r="P425" s="58">
        <f>IF(Input!$K$13=3,J425*Input!$J$13,0)+IF(Input!$K$14=3,K425*Input!$J$14,0)+IF(Input!$K$15=3,L425*Input!$J$15,0)+IF(Input!$K$16=3,M425*Input!$J$16,0)</f>
        <v>0</v>
      </c>
      <c r="Q425" s="71">
        <f>IF(Input!$K$13=4,J425*Input!$J$13,0)+IF(Input!$K$14=4,K425*Input!$J$14,0)+IF(Input!$K$15=4,L425*Input!$J$15,0)+IF(Input!$K$16=4,M425*Input!$J$16,0)</f>
        <v>0</v>
      </c>
    </row>
    <row r="426" spans="8:17" x14ac:dyDescent="0.25">
      <c r="H426" s="43">
        <v>419</v>
      </c>
      <c r="I426" s="55">
        <f>Bühler!I452</f>
        <v>12.85431727726977</v>
      </c>
      <c r="J426" s="58">
        <f>Bühler!J452</f>
        <v>73.662573592970134</v>
      </c>
      <c r="K426" s="58">
        <f>Bühler!K452</f>
        <v>3.2481393526957629</v>
      </c>
      <c r="L426" s="58">
        <f>Bühler!L452</f>
        <v>1.6240696763478815</v>
      </c>
      <c r="M426" s="57">
        <f>Bühler!M452</f>
        <v>0</v>
      </c>
      <c r="N426" s="55">
        <f>IF(Input!$K$13=1,J426*Input!$J$13,0)+IF(Input!$K$14=1,K426*Input!$J$14,0)+IF(Input!$K$15=1,L426*Input!$J$15,0)+IF(Input!$K$16=1,M426*Input!$J$16,0)</f>
        <v>8.8395088311564152</v>
      </c>
      <c r="O426" s="58">
        <f>IF(Input!$K$13=2,J426*Input!$J$13,0)+IF(Input!$K$14=2,K426*Input!$J$14,0)+IF(Input!$K$15=2,L426*Input!$J$15,0)+IF(Input!$K$16=2,M426*Input!$J$16,0)</f>
        <v>0.43849881261392798</v>
      </c>
      <c r="P426" s="58">
        <f>IF(Input!$K$13=3,J426*Input!$J$13,0)+IF(Input!$K$14=3,K426*Input!$J$14,0)+IF(Input!$K$15=3,L426*Input!$J$15,0)+IF(Input!$K$16=3,M426*Input!$J$16,0)</f>
        <v>0</v>
      </c>
      <c r="Q426" s="71">
        <f>IF(Input!$K$13=4,J426*Input!$J$13,0)+IF(Input!$K$14=4,K426*Input!$J$14,0)+IF(Input!$K$15=4,L426*Input!$J$15,0)+IF(Input!$K$16=4,M426*Input!$J$16,0)</f>
        <v>0</v>
      </c>
    </row>
    <row r="427" spans="8:17" x14ac:dyDescent="0.25">
      <c r="H427" s="43">
        <v>420</v>
      </c>
      <c r="I427" s="55">
        <f>Bühler!I453</f>
        <v>15.38123434886981</v>
      </c>
      <c r="J427" s="58">
        <f>Bühler!J453</f>
        <v>88.143250453126655</v>
      </c>
      <c r="K427" s="58">
        <f>Bühler!K453</f>
        <v>3.8866624733111692</v>
      </c>
      <c r="L427" s="58">
        <f>Bühler!L453</f>
        <v>1.9433312366555846</v>
      </c>
      <c r="M427" s="57">
        <f>Bühler!M453</f>
        <v>0</v>
      </c>
      <c r="N427" s="55">
        <f>IF(Input!$K$13=1,J427*Input!$J$13,0)+IF(Input!$K$14=1,K427*Input!$J$14,0)+IF(Input!$K$15=1,L427*Input!$J$15,0)+IF(Input!$K$16=1,M427*Input!$J$16,0)</f>
        <v>10.577190054375198</v>
      </c>
      <c r="O427" s="58">
        <f>IF(Input!$K$13=2,J427*Input!$J$13,0)+IF(Input!$K$14=2,K427*Input!$J$14,0)+IF(Input!$K$15=2,L427*Input!$J$15,0)+IF(Input!$K$16=2,M427*Input!$J$16,0)</f>
        <v>0.52469943389700779</v>
      </c>
      <c r="P427" s="58">
        <f>IF(Input!$K$13=3,J427*Input!$J$13,0)+IF(Input!$K$14=3,K427*Input!$J$14,0)+IF(Input!$K$15=3,L427*Input!$J$15,0)+IF(Input!$K$16=3,M427*Input!$J$16,0)</f>
        <v>0</v>
      </c>
      <c r="Q427" s="71">
        <f>IF(Input!$K$13=4,J427*Input!$J$13,0)+IF(Input!$K$14=4,K427*Input!$J$14,0)+IF(Input!$K$15=4,L427*Input!$J$15,0)+IF(Input!$K$16=4,M427*Input!$J$16,0)</f>
        <v>0</v>
      </c>
    </row>
    <row r="428" spans="8:17" x14ac:dyDescent="0.25">
      <c r="H428" s="43">
        <v>421</v>
      </c>
      <c r="I428" s="55">
        <f>Bühler!I454</f>
        <v>15.38123434886981</v>
      </c>
      <c r="J428" s="58">
        <f>Bühler!J454</f>
        <v>88.143250453126655</v>
      </c>
      <c r="K428" s="58">
        <f>Bühler!K454</f>
        <v>3.8866624733111692</v>
      </c>
      <c r="L428" s="58">
        <f>Bühler!L454</f>
        <v>1.9433312366555846</v>
      </c>
      <c r="M428" s="57">
        <f>Bühler!M454</f>
        <v>0</v>
      </c>
      <c r="N428" s="55">
        <f>IF(Input!$K$13=1,J428*Input!$J$13,0)+IF(Input!$K$14=1,K428*Input!$J$14,0)+IF(Input!$K$15=1,L428*Input!$J$15,0)+IF(Input!$K$16=1,M428*Input!$J$16,0)</f>
        <v>10.577190054375198</v>
      </c>
      <c r="O428" s="58">
        <f>IF(Input!$K$13=2,J428*Input!$J$13,0)+IF(Input!$K$14=2,K428*Input!$J$14,0)+IF(Input!$K$15=2,L428*Input!$J$15,0)+IF(Input!$K$16=2,M428*Input!$J$16,0)</f>
        <v>0.52469943389700779</v>
      </c>
      <c r="P428" s="58">
        <f>IF(Input!$K$13=3,J428*Input!$J$13,0)+IF(Input!$K$14=3,K428*Input!$J$14,0)+IF(Input!$K$15=3,L428*Input!$J$15,0)+IF(Input!$K$16=3,M428*Input!$J$16,0)</f>
        <v>0</v>
      </c>
      <c r="Q428" s="71">
        <f>IF(Input!$K$13=4,J428*Input!$J$13,0)+IF(Input!$K$14=4,K428*Input!$J$14,0)+IF(Input!$K$15=4,L428*Input!$J$15,0)+IF(Input!$K$16=4,M428*Input!$J$16,0)</f>
        <v>0</v>
      </c>
    </row>
    <row r="429" spans="8:17" x14ac:dyDescent="0.25">
      <c r="H429" s="43">
        <v>422</v>
      </c>
      <c r="I429" s="55">
        <f>Bühler!I455</f>
        <v>10.217534246034946</v>
      </c>
      <c r="J429" s="58">
        <f>Bühler!J455</f>
        <v>58.552302086719848</v>
      </c>
      <c r="K429" s="58">
        <f>Bühler!K455</f>
        <v>2.5818543572709909</v>
      </c>
      <c r="L429" s="58">
        <f>Bühler!L455</f>
        <v>1.2909271786354954</v>
      </c>
      <c r="M429" s="57">
        <f>Bühler!M455</f>
        <v>0</v>
      </c>
      <c r="N429" s="55">
        <f>IF(Input!$K$13=1,J429*Input!$J$13,0)+IF(Input!$K$14=1,K429*Input!$J$14,0)+IF(Input!$K$15=1,L429*Input!$J$15,0)+IF(Input!$K$16=1,M429*Input!$J$16,0)</f>
        <v>7.0262762504063812</v>
      </c>
      <c r="O429" s="58">
        <f>IF(Input!$K$13=2,J429*Input!$J$13,0)+IF(Input!$K$14=2,K429*Input!$J$14,0)+IF(Input!$K$15=2,L429*Input!$J$15,0)+IF(Input!$K$16=2,M429*Input!$J$16,0)</f>
        <v>0.34855033823158377</v>
      </c>
      <c r="P429" s="58">
        <f>IF(Input!$K$13=3,J429*Input!$J$13,0)+IF(Input!$K$14=3,K429*Input!$J$14,0)+IF(Input!$K$15=3,L429*Input!$J$15,0)+IF(Input!$K$16=3,M429*Input!$J$16,0)</f>
        <v>0</v>
      </c>
      <c r="Q429" s="71">
        <f>IF(Input!$K$13=4,J429*Input!$J$13,0)+IF(Input!$K$14=4,K429*Input!$J$14,0)+IF(Input!$K$15=4,L429*Input!$J$15,0)+IF(Input!$K$16=4,M429*Input!$J$16,0)</f>
        <v>0</v>
      </c>
    </row>
    <row r="430" spans="8:17" x14ac:dyDescent="0.25">
      <c r="H430" s="43">
        <v>423</v>
      </c>
      <c r="I430" s="55">
        <f>Bühler!I456</f>
        <v>15.38123434886981</v>
      </c>
      <c r="J430" s="58">
        <f>Bühler!J456</f>
        <v>88.143250453126655</v>
      </c>
      <c r="K430" s="58">
        <f>Bühler!K456</f>
        <v>3.8866624733111692</v>
      </c>
      <c r="L430" s="58">
        <f>Bühler!L456</f>
        <v>1.9433312366555846</v>
      </c>
      <c r="M430" s="57">
        <f>Bühler!M456</f>
        <v>0</v>
      </c>
      <c r="N430" s="55">
        <f>IF(Input!$K$13=1,J430*Input!$J$13,0)+IF(Input!$K$14=1,K430*Input!$J$14,0)+IF(Input!$K$15=1,L430*Input!$J$15,0)+IF(Input!$K$16=1,M430*Input!$J$16,0)</f>
        <v>10.577190054375198</v>
      </c>
      <c r="O430" s="58">
        <f>IF(Input!$K$13=2,J430*Input!$J$13,0)+IF(Input!$K$14=2,K430*Input!$J$14,0)+IF(Input!$K$15=2,L430*Input!$J$15,0)+IF(Input!$K$16=2,M430*Input!$J$16,0)</f>
        <v>0.52469943389700779</v>
      </c>
      <c r="P430" s="58">
        <f>IF(Input!$K$13=3,J430*Input!$J$13,0)+IF(Input!$K$14=3,K430*Input!$J$14,0)+IF(Input!$K$15=3,L430*Input!$J$15,0)+IF(Input!$K$16=3,M430*Input!$J$16,0)</f>
        <v>0</v>
      </c>
      <c r="Q430" s="71">
        <f>IF(Input!$K$13=4,J430*Input!$J$13,0)+IF(Input!$K$14=4,K430*Input!$J$14,0)+IF(Input!$K$15=4,L430*Input!$J$15,0)+IF(Input!$K$16=4,M430*Input!$J$16,0)</f>
        <v>0</v>
      </c>
    </row>
    <row r="431" spans="8:17" x14ac:dyDescent="0.25">
      <c r="H431" s="43">
        <v>424</v>
      </c>
      <c r="I431" s="55">
        <f>Bühler!I457</f>
        <v>15.38123434886981</v>
      </c>
      <c r="J431" s="58">
        <f>Bühler!J457</f>
        <v>88.143250453126655</v>
      </c>
      <c r="K431" s="58">
        <f>Bühler!K457</f>
        <v>3.8866624733111692</v>
      </c>
      <c r="L431" s="58">
        <f>Bühler!L457</f>
        <v>1.9433312366555846</v>
      </c>
      <c r="M431" s="57">
        <f>Bühler!M457</f>
        <v>0</v>
      </c>
      <c r="N431" s="55">
        <f>IF(Input!$K$13=1,J431*Input!$J$13,0)+IF(Input!$K$14=1,K431*Input!$J$14,0)+IF(Input!$K$15=1,L431*Input!$J$15,0)+IF(Input!$K$16=1,M431*Input!$J$16,0)</f>
        <v>10.577190054375198</v>
      </c>
      <c r="O431" s="58">
        <f>IF(Input!$K$13=2,J431*Input!$J$13,0)+IF(Input!$K$14=2,K431*Input!$J$14,0)+IF(Input!$K$15=2,L431*Input!$J$15,0)+IF(Input!$K$16=2,M431*Input!$J$16,0)</f>
        <v>0.52469943389700779</v>
      </c>
      <c r="P431" s="58">
        <f>IF(Input!$K$13=3,J431*Input!$J$13,0)+IF(Input!$K$14=3,K431*Input!$J$14,0)+IF(Input!$K$15=3,L431*Input!$J$15,0)+IF(Input!$K$16=3,M431*Input!$J$16,0)</f>
        <v>0</v>
      </c>
      <c r="Q431" s="71">
        <f>IF(Input!$K$13=4,J431*Input!$J$13,0)+IF(Input!$K$14=4,K431*Input!$J$14,0)+IF(Input!$K$15=4,L431*Input!$J$15,0)+IF(Input!$K$16=4,M431*Input!$J$16,0)</f>
        <v>0</v>
      </c>
    </row>
    <row r="432" spans="8:17" x14ac:dyDescent="0.25">
      <c r="H432" s="43">
        <v>425</v>
      </c>
      <c r="I432" s="55">
        <f>Bühler!I458</f>
        <v>12.852423036586416</v>
      </c>
      <c r="J432" s="58">
        <f>Bühler!J458</f>
        <v>56.045746450011791</v>
      </c>
      <c r="K432" s="58">
        <f>Bühler!K458</f>
        <v>2.2903546717726533</v>
      </c>
      <c r="L432" s="58">
        <f>Bühler!L458</f>
        <v>1.1451773358863266</v>
      </c>
      <c r="M432" s="57">
        <f>Bühler!M458</f>
        <v>0</v>
      </c>
      <c r="N432" s="55">
        <f>IF(Input!$K$13=1,J432*Input!$J$13,0)+IF(Input!$K$14=1,K432*Input!$J$14,0)+IF(Input!$K$15=1,L432*Input!$J$15,0)+IF(Input!$K$16=1,M432*Input!$J$16,0)</f>
        <v>6.7254895740014149</v>
      </c>
      <c r="O432" s="58">
        <f>IF(Input!$K$13=2,J432*Input!$J$13,0)+IF(Input!$K$14=2,K432*Input!$J$14,0)+IF(Input!$K$15=2,L432*Input!$J$15,0)+IF(Input!$K$16=2,M432*Input!$J$16,0)</f>
        <v>0.3091978806893082</v>
      </c>
      <c r="P432" s="58">
        <f>IF(Input!$K$13=3,J432*Input!$J$13,0)+IF(Input!$K$14=3,K432*Input!$J$14,0)+IF(Input!$K$15=3,L432*Input!$J$15,0)+IF(Input!$K$16=3,M432*Input!$J$16,0)</f>
        <v>0</v>
      </c>
      <c r="Q432" s="71">
        <f>IF(Input!$K$13=4,J432*Input!$J$13,0)+IF(Input!$K$14=4,K432*Input!$J$14,0)+IF(Input!$K$15=4,L432*Input!$J$15,0)+IF(Input!$K$16=4,M432*Input!$J$16,0)</f>
        <v>0</v>
      </c>
    </row>
    <row r="433" spans="8:17" x14ac:dyDescent="0.25">
      <c r="H433" s="43">
        <v>426</v>
      </c>
      <c r="I433" s="55">
        <f>Bühler!I459</f>
        <v>10.219428486718305</v>
      </c>
      <c r="J433" s="58">
        <f>Bühler!J459</f>
        <v>29.048976746388924</v>
      </c>
      <c r="K433" s="58">
        <f>Bühler!K459</f>
        <v>0.9775308031466724</v>
      </c>
      <c r="L433" s="58">
        <f>Bühler!L459</f>
        <v>0.4887654015733362</v>
      </c>
      <c r="M433" s="57">
        <f>Bühler!M459</f>
        <v>0</v>
      </c>
      <c r="N433" s="55">
        <f>IF(Input!$K$13=1,J433*Input!$J$13,0)+IF(Input!$K$14=1,K433*Input!$J$14,0)+IF(Input!$K$15=1,L433*Input!$J$15,0)+IF(Input!$K$16=1,M433*Input!$J$16,0)</f>
        <v>3.4858772095666706</v>
      </c>
      <c r="O433" s="58">
        <f>IF(Input!$K$13=2,J433*Input!$J$13,0)+IF(Input!$K$14=2,K433*Input!$J$14,0)+IF(Input!$K$15=2,L433*Input!$J$15,0)+IF(Input!$K$16=2,M433*Input!$J$16,0)</f>
        <v>0.13196665842480076</v>
      </c>
      <c r="P433" s="58">
        <f>IF(Input!$K$13=3,J433*Input!$J$13,0)+IF(Input!$K$14=3,K433*Input!$J$14,0)+IF(Input!$K$15=3,L433*Input!$J$15,0)+IF(Input!$K$16=3,M433*Input!$J$16,0)</f>
        <v>0</v>
      </c>
      <c r="Q433" s="71">
        <f>IF(Input!$K$13=4,J433*Input!$J$13,0)+IF(Input!$K$14=4,K433*Input!$J$14,0)+IF(Input!$K$15=4,L433*Input!$J$15,0)+IF(Input!$K$16=4,M433*Input!$J$16,0)</f>
        <v>0</v>
      </c>
    </row>
    <row r="434" spans="8:17" x14ac:dyDescent="0.25">
      <c r="H434" s="43">
        <v>427</v>
      </c>
      <c r="I434" s="55">
        <f>Bühler!I460</f>
        <v>3.7884813667167028</v>
      </c>
      <c r="J434" s="58">
        <f>Bühler!J460</f>
        <v>15.969621431889529</v>
      </c>
      <c r="K434" s="58">
        <f>Bühler!K460</f>
        <v>0.64517033007680369</v>
      </c>
      <c r="L434" s="58">
        <f>Bühler!L460</f>
        <v>0.32258516503840184</v>
      </c>
      <c r="M434" s="57">
        <f>Bühler!M460</f>
        <v>0</v>
      </c>
      <c r="N434" s="55">
        <f>IF(Input!$K$13=1,J434*Input!$J$13,0)+IF(Input!$K$14=1,K434*Input!$J$14,0)+IF(Input!$K$15=1,L434*Input!$J$15,0)+IF(Input!$K$16=1,M434*Input!$J$16,0)</f>
        <v>1.9163545718267434</v>
      </c>
      <c r="O434" s="58">
        <f>IF(Input!$K$13=2,J434*Input!$J$13,0)+IF(Input!$K$14=2,K434*Input!$J$14,0)+IF(Input!$K$15=2,L434*Input!$J$15,0)+IF(Input!$K$16=2,M434*Input!$J$16,0)</f>
        <v>8.7097994560368486E-2</v>
      </c>
      <c r="P434" s="58">
        <f>IF(Input!$K$13=3,J434*Input!$J$13,0)+IF(Input!$K$14=3,K434*Input!$J$14,0)+IF(Input!$K$15=3,L434*Input!$J$15,0)+IF(Input!$K$16=3,M434*Input!$J$16,0)</f>
        <v>0</v>
      </c>
      <c r="Q434" s="71">
        <f>IF(Input!$K$13=4,J434*Input!$J$13,0)+IF(Input!$K$14=4,K434*Input!$J$14,0)+IF(Input!$K$15=4,L434*Input!$J$15,0)+IF(Input!$K$16=4,M434*Input!$J$16,0)</f>
        <v>0</v>
      </c>
    </row>
    <row r="435" spans="8:17" x14ac:dyDescent="0.25">
      <c r="H435" s="43">
        <v>428</v>
      </c>
      <c r="I435" s="55">
        <f>Bühler!I461</f>
        <v>3.7884813667167028</v>
      </c>
      <c r="J435" s="58">
        <f>Bühler!J461</f>
        <v>15.969621431889529</v>
      </c>
      <c r="K435" s="58">
        <f>Bühler!K461</f>
        <v>0.64517033007680369</v>
      </c>
      <c r="L435" s="58">
        <f>Bühler!L461</f>
        <v>0.32258516503840184</v>
      </c>
      <c r="M435" s="57">
        <f>Bühler!M461</f>
        <v>0</v>
      </c>
      <c r="N435" s="55">
        <f>IF(Input!$K$13=1,J435*Input!$J$13,0)+IF(Input!$K$14=1,K435*Input!$J$14,0)+IF(Input!$K$15=1,L435*Input!$J$15,0)+IF(Input!$K$16=1,M435*Input!$J$16,0)</f>
        <v>1.9163545718267434</v>
      </c>
      <c r="O435" s="58">
        <f>IF(Input!$K$13=2,J435*Input!$J$13,0)+IF(Input!$K$14=2,K435*Input!$J$14,0)+IF(Input!$K$15=2,L435*Input!$J$15,0)+IF(Input!$K$16=2,M435*Input!$J$16,0)</f>
        <v>8.7097994560368486E-2</v>
      </c>
      <c r="P435" s="58">
        <f>IF(Input!$K$13=3,J435*Input!$J$13,0)+IF(Input!$K$14=3,K435*Input!$J$14,0)+IF(Input!$K$15=3,L435*Input!$J$15,0)+IF(Input!$K$16=3,M435*Input!$J$16,0)</f>
        <v>0</v>
      </c>
      <c r="Q435" s="71">
        <f>IF(Input!$K$13=4,J435*Input!$J$13,0)+IF(Input!$K$14=4,K435*Input!$J$14,0)+IF(Input!$K$15=4,L435*Input!$J$15,0)+IF(Input!$K$16=4,M435*Input!$J$16,0)</f>
        <v>0</v>
      </c>
    </row>
    <row r="436" spans="8:17" x14ac:dyDescent="0.25">
      <c r="H436" s="43">
        <v>429</v>
      </c>
      <c r="I436" s="55">
        <f>Bühler!I462</f>
        <v>3.7884813667167028</v>
      </c>
      <c r="J436" s="58">
        <f>Bühler!J462</f>
        <v>15.969621431889529</v>
      </c>
      <c r="K436" s="58">
        <f>Bühler!K462</f>
        <v>0.64517033007680369</v>
      </c>
      <c r="L436" s="58">
        <f>Bühler!L462</f>
        <v>0.32258516503840184</v>
      </c>
      <c r="M436" s="57">
        <f>Bühler!M462</f>
        <v>0</v>
      </c>
      <c r="N436" s="55">
        <f>IF(Input!$K$13=1,J436*Input!$J$13,0)+IF(Input!$K$14=1,K436*Input!$J$14,0)+IF(Input!$K$15=1,L436*Input!$J$15,0)+IF(Input!$K$16=1,M436*Input!$J$16,0)</f>
        <v>1.9163545718267434</v>
      </c>
      <c r="O436" s="58">
        <f>IF(Input!$K$13=2,J436*Input!$J$13,0)+IF(Input!$K$14=2,K436*Input!$J$14,0)+IF(Input!$K$15=2,L436*Input!$J$15,0)+IF(Input!$K$16=2,M436*Input!$J$16,0)</f>
        <v>8.7097994560368486E-2</v>
      </c>
      <c r="P436" s="58">
        <f>IF(Input!$K$13=3,J436*Input!$J$13,0)+IF(Input!$K$14=3,K436*Input!$J$14,0)+IF(Input!$K$15=3,L436*Input!$J$15,0)+IF(Input!$K$16=3,M436*Input!$J$16,0)</f>
        <v>0</v>
      </c>
      <c r="Q436" s="71">
        <f>IF(Input!$K$13=4,J436*Input!$J$13,0)+IF(Input!$K$14=4,K436*Input!$J$14,0)+IF(Input!$K$15=4,L436*Input!$J$15,0)+IF(Input!$K$16=4,M436*Input!$J$16,0)</f>
        <v>0</v>
      </c>
    </row>
    <row r="437" spans="8:17" x14ac:dyDescent="0.25">
      <c r="H437" s="43">
        <v>430</v>
      </c>
      <c r="I437" s="55">
        <f>Bühler!I463</f>
        <v>3.7884813667167028</v>
      </c>
      <c r="J437" s="58">
        <f>Bühler!J463</f>
        <v>15.969621431889529</v>
      </c>
      <c r="K437" s="58">
        <f>Bühler!K463</f>
        <v>0.64517033007680369</v>
      </c>
      <c r="L437" s="58">
        <f>Bühler!L463</f>
        <v>0.32258516503840184</v>
      </c>
      <c r="M437" s="57">
        <f>Bühler!M463</f>
        <v>0</v>
      </c>
      <c r="N437" s="55">
        <f>IF(Input!$K$13=1,J437*Input!$J$13,0)+IF(Input!$K$14=1,K437*Input!$J$14,0)+IF(Input!$K$15=1,L437*Input!$J$15,0)+IF(Input!$K$16=1,M437*Input!$J$16,0)</f>
        <v>1.9163545718267434</v>
      </c>
      <c r="O437" s="58">
        <f>IF(Input!$K$13=2,J437*Input!$J$13,0)+IF(Input!$K$14=2,K437*Input!$J$14,0)+IF(Input!$K$15=2,L437*Input!$J$15,0)+IF(Input!$K$16=2,M437*Input!$J$16,0)</f>
        <v>8.7097994560368486E-2</v>
      </c>
      <c r="P437" s="58">
        <f>IF(Input!$K$13=3,J437*Input!$J$13,0)+IF(Input!$K$14=3,K437*Input!$J$14,0)+IF(Input!$K$15=3,L437*Input!$J$15,0)+IF(Input!$K$16=3,M437*Input!$J$16,0)</f>
        <v>0</v>
      </c>
      <c r="Q437" s="71">
        <f>IF(Input!$K$13=4,J437*Input!$J$13,0)+IF(Input!$K$14=4,K437*Input!$J$14,0)+IF(Input!$K$15=4,L437*Input!$J$15,0)+IF(Input!$K$16=4,M437*Input!$J$16,0)</f>
        <v>0</v>
      </c>
    </row>
    <row r="438" spans="8:17" x14ac:dyDescent="0.25">
      <c r="H438" s="43">
        <v>431</v>
      </c>
      <c r="I438" s="55">
        <f>Bühler!I464</f>
        <v>3.7884813667167028</v>
      </c>
      <c r="J438" s="58">
        <f>Bühler!J464</f>
        <v>15.969621431889529</v>
      </c>
      <c r="K438" s="58">
        <f>Bühler!K464</f>
        <v>0.64517033007680369</v>
      </c>
      <c r="L438" s="58">
        <f>Bühler!L464</f>
        <v>0.32258516503840184</v>
      </c>
      <c r="M438" s="57">
        <f>Bühler!M464</f>
        <v>0</v>
      </c>
      <c r="N438" s="55">
        <f>IF(Input!$K$13=1,J438*Input!$J$13,0)+IF(Input!$K$14=1,K438*Input!$J$14,0)+IF(Input!$K$15=1,L438*Input!$J$15,0)+IF(Input!$K$16=1,M438*Input!$J$16,0)</f>
        <v>1.9163545718267434</v>
      </c>
      <c r="O438" s="58">
        <f>IF(Input!$K$13=2,J438*Input!$J$13,0)+IF(Input!$K$14=2,K438*Input!$J$14,0)+IF(Input!$K$15=2,L438*Input!$J$15,0)+IF(Input!$K$16=2,M438*Input!$J$16,0)</f>
        <v>8.7097994560368486E-2</v>
      </c>
      <c r="P438" s="58">
        <f>IF(Input!$K$13=3,J438*Input!$J$13,0)+IF(Input!$K$14=3,K438*Input!$J$14,0)+IF(Input!$K$15=3,L438*Input!$J$15,0)+IF(Input!$K$16=3,M438*Input!$J$16,0)</f>
        <v>0</v>
      </c>
      <c r="Q438" s="71">
        <f>IF(Input!$K$13=4,J438*Input!$J$13,0)+IF(Input!$K$14=4,K438*Input!$J$14,0)+IF(Input!$K$15=4,L438*Input!$J$15,0)+IF(Input!$K$16=4,M438*Input!$J$16,0)</f>
        <v>0</v>
      </c>
    </row>
    <row r="439" spans="8:17" x14ac:dyDescent="0.25">
      <c r="H439" s="43">
        <v>432</v>
      </c>
      <c r="I439" s="55">
        <f>Bühler!I465</f>
        <v>3.7884813667167028</v>
      </c>
      <c r="J439" s="58">
        <f>Bühler!J465</f>
        <v>15.969621431889529</v>
      </c>
      <c r="K439" s="58">
        <f>Bühler!K465</f>
        <v>0.64517033007680369</v>
      </c>
      <c r="L439" s="58">
        <f>Bühler!L465</f>
        <v>0.32258516503840184</v>
      </c>
      <c r="M439" s="57">
        <f>Bühler!M465</f>
        <v>0</v>
      </c>
      <c r="N439" s="55">
        <f>IF(Input!$K$13=1,J439*Input!$J$13,0)+IF(Input!$K$14=1,K439*Input!$J$14,0)+IF(Input!$K$15=1,L439*Input!$J$15,0)+IF(Input!$K$16=1,M439*Input!$J$16,0)</f>
        <v>1.9163545718267434</v>
      </c>
      <c r="O439" s="58">
        <f>IF(Input!$K$13=2,J439*Input!$J$13,0)+IF(Input!$K$14=2,K439*Input!$J$14,0)+IF(Input!$K$15=2,L439*Input!$J$15,0)+IF(Input!$K$16=2,M439*Input!$J$16,0)</f>
        <v>8.7097994560368486E-2</v>
      </c>
      <c r="P439" s="58">
        <f>IF(Input!$K$13=3,J439*Input!$J$13,0)+IF(Input!$K$14=3,K439*Input!$J$14,0)+IF(Input!$K$15=3,L439*Input!$J$15,0)+IF(Input!$K$16=3,M439*Input!$J$16,0)</f>
        <v>0</v>
      </c>
      <c r="Q439" s="71">
        <f>IF(Input!$K$13=4,J439*Input!$J$13,0)+IF(Input!$K$14=4,K439*Input!$J$14,0)+IF(Input!$K$15=4,L439*Input!$J$15,0)+IF(Input!$K$16=4,M439*Input!$J$16,0)</f>
        <v>0</v>
      </c>
    </row>
    <row r="440" spans="8:17" x14ac:dyDescent="0.25">
      <c r="H440" s="43">
        <v>433</v>
      </c>
      <c r="I440" s="55">
        <f>Bühler!I466</f>
        <v>4.1772375402722153</v>
      </c>
      <c r="J440" s="58">
        <f>Bühler!J466</f>
        <v>16.735510570710733</v>
      </c>
      <c r="K440" s="58">
        <f>Bühler!K466</f>
        <v>0.64920172055217851</v>
      </c>
      <c r="L440" s="58">
        <f>Bühler!L466</f>
        <v>0.32460086027608925</v>
      </c>
      <c r="M440" s="57">
        <f>Bühler!M466</f>
        <v>0</v>
      </c>
      <c r="N440" s="55">
        <f>IF(Input!$K$13=1,J440*Input!$J$13,0)+IF(Input!$K$14=1,K440*Input!$J$14,0)+IF(Input!$K$15=1,L440*Input!$J$15,0)+IF(Input!$K$16=1,M440*Input!$J$16,0)</f>
        <v>2.0082612684852879</v>
      </c>
      <c r="O440" s="58">
        <f>IF(Input!$K$13=2,J440*Input!$J$13,0)+IF(Input!$K$14=2,K440*Input!$J$14,0)+IF(Input!$K$15=2,L440*Input!$J$15,0)+IF(Input!$K$16=2,M440*Input!$J$16,0)</f>
        <v>8.7642232274544096E-2</v>
      </c>
      <c r="P440" s="58">
        <f>IF(Input!$K$13=3,J440*Input!$J$13,0)+IF(Input!$K$14=3,K440*Input!$J$14,0)+IF(Input!$K$15=3,L440*Input!$J$15,0)+IF(Input!$K$16=3,M440*Input!$J$16,0)</f>
        <v>0</v>
      </c>
      <c r="Q440" s="71">
        <f>IF(Input!$K$13=4,J440*Input!$J$13,0)+IF(Input!$K$14=4,K440*Input!$J$14,0)+IF(Input!$K$15=4,L440*Input!$J$15,0)+IF(Input!$K$16=4,M440*Input!$J$16,0)</f>
        <v>0</v>
      </c>
    </row>
    <row r="441" spans="8:17" x14ac:dyDescent="0.25">
      <c r="H441" s="43">
        <v>434</v>
      </c>
      <c r="I441" s="55">
        <f>Bühler!I467</f>
        <v>4.1772375402722153</v>
      </c>
      <c r="J441" s="58">
        <f>Bühler!J467</f>
        <v>16.735510570710733</v>
      </c>
      <c r="K441" s="58">
        <f>Bühler!K467</f>
        <v>0.64920172055217851</v>
      </c>
      <c r="L441" s="58">
        <f>Bühler!L467</f>
        <v>0.32460086027608925</v>
      </c>
      <c r="M441" s="57">
        <f>Bühler!M467</f>
        <v>0</v>
      </c>
      <c r="N441" s="55">
        <f>IF(Input!$K$13=1,J441*Input!$J$13,0)+IF(Input!$K$14=1,K441*Input!$J$14,0)+IF(Input!$K$15=1,L441*Input!$J$15,0)+IF(Input!$K$16=1,M441*Input!$J$16,0)</f>
        <v>2.0082612684852879</v>
      </c>
      <c r="O441" s="58">
        <f>IF(Input!$K$13=2,J441*Input!$J$13,0)+IF(Input!$K$14=2,K441*Input!$J$14,0)+IF(Input!$K$15=2,L441*Input!$J$15,0)+IF(Input!$K$16=2,M441*Input!$J$16,0)</f>
        <v>8.7642232274544096E-2</v>
      </c>
      <c r="P441" s="58">
        <f>IF(Input!$K$13=3,J441*Input!$J$13,0)+IF(Input!$K$14=3,K441*Input!$J$14,0)+IF(Input!$K$15=3,L441*Input!$J$15,0)+IF(Input!$K$16=3,M441*Input!$J$16,0)</f>
        <v>0</v>
      </c>
      <c r="Q441" s="71">
        <f>IF(Input!$K$13=4,J441*Input!$J$13,0)+IF(Input!$K$14=4,K441*Input!$J$14,0)+IF(Input!$K$15=4,L441*Input!$J$15,0)+IF(Input!$K$16=4,M441*Input!$J$16,0)</f>
        <v>0</v>
      </c>
    </row>
    <row r="442" spans="8:17" x14ac:dyDescent="0.25">
      <c r="H442" s="43">
        <v>435</v>
      </c>
      <c r="I442" s="55">
        <f>Bühler!I468</f>
        <v>4.1772375402722153</v>
      </c>
      <c r="J442" s="58">
        <f>Bühler!J468</f>
        <v>16.735510570710733</v>
      </c>
      <c r="K442" s="58">
        <f>Bühler!K468</f>
        <v>0.64920172055217851</v>
      </c>
      <c r="L442" s="58">
        <f>Bühler!L468</f>
        <v>0.32460086027608925</v>
      </c>
      <c r="M442" s="57">
        <f>Bühler!M468</f>
        <v>0</v>
      </c>
      <c r="N442" s="55">
        <f>IF(Input!$K$13=1,J442*Input!$J$13,0)+IF(Input!$K$14=1,K442*Input!$J$14,0)+IF(Input!$K$15=1,L442*Input!$J$15,0)+IF(Input!$K$16=1,M442*Input!$J$16,0)</f>
        <v>2.0082612684852879</v>
      </c>
      <c r="O442" s="58">
        <f>IF(Input!$K$13=2,J442*Input!$J$13,0)+IF(Input!$K$14=2,K442*Input!$J$14,0)+IF(Input!$K$15=2,L442*Input!$J$15,0)+IF(Input!$K$16=2,M442*Input!$J$16,0)</f>
        <v>8.7642232274544096E-2</v>
      </c>
      <c r="P442" s="58">
        <f>IF(Input!$K$13=3,J442*Input!$J$13,0)+IF(Input!$K$14=3,K442*Input!$J$14,0)+IF(Input!$K$15=3,L442*Input!$J$15,0)+IF(Input!$K$16=3,M442*Input!$J$16,0)</f>
        <v>0</v>
      </c>
      <c r="Q442" s="71">
        <f>IF(Input!$K$13=4,J442*Input!$J$13,0)+IF(Input!$K$14=4,K442*Input!$J$14,0)+IF(Input!$K$15=4,L442*Input!$J$15,0)+IF(Input!$K$16=4,M442*Input!$J$16,0)</f>
        <v>0</v>
      </c>
    </row>
    <row r="443" spans="8:17" x14ac:dyDescent="0.25">
      <c r="H443" s="43">
        <v>436</v>
      </c>
      <c r="I443" s="55">
        <f>Bühler!I469</f>
        <v>4.1772375402722153</v>
      </c>
      <c r="J443" s="58">
        <f>Bühler!J469</f>
        <v>16.735510570710733</v>
      </c>
      <c r="K443" s="58">
        <f>Bühler!K469</f>
        <v>0.64920172055217851</v>
      </c>
      <c r="L443" s="58">
        <f>Bühler!L469</f>
        <v>0.32460086027608925</v>
      </c>
      <c r="M443" s="57">
        <f>Bühler!M469</f>
        <v>0</v>
      </c>
      <c r="N443" s="55">
        <f>IF(Input!$K$13=1,J443*Input!$J$13,0)+IF(Input!$K$14=1,K443*Input!$J$14,0)+IF(Input!$K$15=1,L443*Input!$J$15,0)+IF(Input!$K$16=1,M443*Input!$J$16,0)</f>
        <v>2.0082612684852879</v>
      </c>
      <c r="O443" s="58">
        <f>IF(Input!$K$13=2,J443*Input!$J$13,0)+IF(Input!$K$14=2,K443*Input!$J$14,0)+IF(Input!$K$15=2,L443*Input!$J$15,0)+IF(Input!$K$16=2,M443*Input!$J$16,0)</f>
        <v>8.7642232274544096E-2</v>
      </c>
      <c r="P443" s="58">
        <f>IF(Input!$K$13=3,J443*Input!$J$13,0)+IF(Input!$K$14=3,K443*Input!$J$14,0)+IF(Input!$K$15=3,L443*Input!$J$15,0)+IF(Input!$K$16=3,M443*Input!$J$16,0)</f>
        <v>0</v>
      </c>
      <c r="Q443" s="71">
        <f>IF(Input!$K$13=4,J443*Input!$J$13,0)+IF(Input!$K$14=4,K443*Input!$J$14,0)+IF(Input!$K$15=4,L443*Input!$J$15,0)+IF(Input!$K$16=4,M443*Input!$J$16,0)</f>
        <v>0</v>
      </c>
    </row>
    <row r="444" spans="8:17" x14ac:dyDescent="0.25">
      <c r="H444" s="43">
        <v>437</v>
      </c>
      <c r="I444" s="55">
        <f>Bühler!I470</f>
        <v>4.1772375402722153</v>
      </c>
      <c r="J444" s="58">
        <f>Bühler!J470</f>
        <v>16.735510570710733</v>
      </c>
      <c r="K444" s="58">
        <f>Bühler!K470</f>
        <v>0.64920172055217851</v>
      </c>
      <c r="L444" s="58">
        <f>Bühler!L470</f>
        <v>0.32460086027608925</v>
      </c>
      <c r="M444" s="57">
        <f>Bühler!M470</f>
        <v>0</v>
      </c>
      <c r="N444" s="55">
        <f>IF(Input!$K$13=1,J444*Input!$J$13,0)+IF(Input!$K$14=1,K444*Input!$J$14,0)+IF(Input!$K$15=1,L444*Input!$J$15,0)+IF(Input!$K$16=1,M444*Input!$J$16,0)</f>
        <v>2.0082612684852879</v>
      </c>
      <c r="O444" s="58">
        <f>IF(Input!$K$13=2,J444*Input!$J$13,0)+IF(Input!$K$14=2,K444*Input!$J$14,0)+IF(Input!$K$15=2,L444*Input!$J$15,0)+IF(Input!$K$16=2,M444*Input!$J$16,0)</f>
        <v>8.7642232274544096E-2</v>
      </c>
      <c r="P444" s="58">
        <f>IF(Input!$K$13=3,J444*Input!$J$13,0)+IF(Input!$K$14=3,K444*Input!$J$14,0)+IF(Input!$K$15=3,L444*Input!$J$15,0)+IF(Input!$K$16=3,M444*Input!$J$16,0)</f>
        <v>0</v>
      </c>
      <c r="Q444" s="71">
        <f>IF(Input!$K$13=4,J444*Input!$J$13,0)+IF(Input!$K$14=4,K444*Input!$J$14,0)+IF(Input!$K$15=4,L444*Input!$J$15,0)+IF(Input!$K$16=4,M444*Input!$J$16,0)</f>
        <v>0</v>
      </c>
    </row>
    <row r="445" spans="8:17" x14ac:dyDescent="0.25">
      <c r="H445" s="43">
        <v>438</v>
      </c>
      <c r="I445" s="55">
        <f>Bühler!I471</f>
        <v>4.1772375402722153</v>
      </c>
      <c r="J445" s="58">
        <f>Bühler!J471</f>
        <v>16.735510570710733</v>
      </c>
      <c r="K445" s="58">
        <f>Bühler!K471</f>
        <v>0.64920172055217851</v>
      </c>
      <c r="L445" s="58">
        <f>Bühler!L471</f>
        <v>0.32460086027608925</v>
      </c>
      <c r="M445" s="57">
        <f>Bühler!M471</f>
        <v>0</v>
      </c>
      <c r="N445" s="55">
        <f>IF(Input!$K$13=1,J445*Input!$J$13,0)+IF(Input!$K$14=1,K445*Input!$J$14,0)+IF(Input!$K$15=1,L445*Input!$J$15,0)+IF(Input!$K$16=1,M445*Input!$J$16,0)</f>
        <v>2.0082612684852879</v>
      </c>
      <c r="O445" s="58">
        <f>IF(Input!$K$13=2,J445*Input!$J$13,0)+IF(Input!$K$14=2,K445*Input!$J$14,0)+IF(Input!$K$15=2,L445*Input!$J$15,0)+IF(Input!$K$16=2,M445*Input!$J$16,0)</f>
        <v>8.7642232274544096E-2</v>
      </c>
      <c r="P445" s="58">
        <f>IF(Input!$K$13=3,J445*Input!$J$13,0)+IF(Input!$K$14=3,K445*Input!$J$14,0)+IF(Input!$K$15=3,L445*Input!$J$15,0)+IF(Input!$K$16=3,M445*Input!$J$16,0)</f>
        <v>0</v>
      </c>
      <c r="Q445" s="71">
        <f>IF(Input!$K$13=4,J445*Input!$J$13,0)+IF(Input!$K$14=4,K445*Input!$J$14,0)+IF(Input!$K$15=4,L445*Input!$J$15,0)+IF(Input!$K$16=4,M445*Input!$J$16,0)</f>
        <v>0</v>
      </c>
    </row>
    <row r="446" spans="8:17" x14ac:dyDescent="0.25">
      <c r="H446" s="43">
        <v>439</v>
      </c>
      <c r="I446" s="55">
        <f>Bühler!I472</f>
        <v>4.1772375402722153</v>
      </c>
      <c r="J446" s="58">
        <f>Bühler!J472</f>
        <v>16.735510570710733</v>
      </c>
      <c r="K446" s="58">
        <f>Bühler!K472</f>
        <v>0.64920172055217851</v>
      </c>
      <c r="L446" s="58">
        <f>Bühler!L472</f>
        <v>0.32460086027608925</v>
      </c>
      <c r="M446" s="57">
        <f>Bühler!M472</f>
        <v>0</v>
      </c>
      <c r="N446" s="55">
        <f>IF(Input!$K$13=1,J446*Input!$J$13,0)+IF(Input!$K$14=1,K446*Input!$J$14,0)+IF(Input!$K$15=1,L446*Input!$J$15,0)+IF(Input!$K$16=1,M446*Input!$J$16,0)</f>
        <v>2.0082612684852879</v>
      </c>
      <c r="O446" s="58">
        <f>IF(Input!$K$13=2,J446*Input!$J$13,0)+IF(Input!$K$14=2,K446*Input!$J$14,0)+IF(Input!$K$15=2,L446*Input!$J$15,0)+IF(Input!$K$16=2,M446*Input!$J$16,0)</f>
        <v>8.7642232274544096E-2</v>
      </c>
      <c r="P446" s="58">
        <f>IF(Input!$K$13=3,J446*Input!$J$13,0)+IF(Input!$K$14=3,K446*Input!$J$14,0)+IF(Input!$K$15=3,L446*Input!$J$15,0)+IF(Input!$K$16=3,M446*Input!$J$16,0)</f>
        <v>0</v>
      </c>
      <c r="Q446" s="71">
        <f>IF(Input!$K$13=4,J446*Input!$J$13,0)+IF(Input!$K$14=4,K446*Input!$J$14,0)+IF(Input!$K$15=4,L446*Input!$J$15,0)+IF(Input!$K$16=4,M446*Input!$J$16,0)</f>
        <v>0</v>
      </c>
    </row>
    <row r="447" spans="8:17" x14ac:dyDescent="0.25">
      <c r="H447" s="43">
        <v>440</v>
      </c>
      <c r="I447" s="55">
        <f>Bühler!I473</f>
        <v>11.508289423449952</v>
      </c>
      <c r="J447" s="58">
        <f>Bühler!J473</f>
        <v>62.381008081189833</v>
      </c>
      <c r="K447" s="58">
        <f>Bühler!K473</f>
        <v>2.6538579424996627</v>
      </c>
      <c r="L447" s="58">
        <f>Bühler!L473</f>
        <v>1.3269289712498313</v>
      </c>
      <c r="M447" s="57">
        <f>Bühler!M473</f>
        <v>0</v>
      </c>
      <c r="N447" s="55">
        <f>IF(Input!$K$13=1,J447*Input!$J$13,0)+IF(Input!$K$14=1,K447*Input!$J$14,0)+IF(Input!$K$15=1,L447*Input!$J$15,0)+IF(Input!$K$16=1,M447*Input!$J$16,0)</f>
        <v>7.48572096974278</v>
      </c>
      <c r="O447" s="58">
        <f>IF(Input!$K$13=2,J447*Input!$J$13,0)+IF(Input!$K$14=2,K447*Input!$J$14,0)+IF(Input!$K$15=2,L447*Input!$J$15,0)+IF(Input!$K$16=2,M447*Input!$J$16,0)</f>
        <v>0.35827082223745443</v>
      </c>
      <c r="P447" s="58">
        <f>IF(Input!$K$13=3,J447*Input!$J$13,0)+IF(Input!$K$14=3,K447*Input!$J$14,0)+IF(Input!$K$15=3,L447*Input!$J$15,0)+IF(Input!$K$16=3,M447*Input!$J$16,0)</f>
        <v>0</v>
      </c>
      <c r="Q447" s="71">
        <f>IF(Input!$K$13=4,J447*Input!$J$13,0)+IF(Input!$K$14=4,K447*Input!$J$14,0)+IF(Input!$K$15=4,L447*Input!$J$15,0)+IF(Input!$K$16=4,M447*Input!$J$16,0)</f>
        <v>0</v>
      </c>
    </row>
    <row r="448" spans="8:17" x14ac:dyDescent="0.25">
      <c r="H448" s="43">
        <v>441</v>
      </c>
      <c r="I448" s="55">
        <f>Bühler!I474</f>
        <v>12.840828198796789</v>
      </c>
      <c r="J448" s="58">
        <f>Bühler!J474</f>
        <v>69.604072174801288</v>
      </c>
      <c r="K448" s="58">
        <f>Bühler!K474</f>
        <v>2.9611467568943608</v>
      </c>
      <c r="L448" s="58">
        <f>Bühler!L474</f>
        <v>1.4805733784471804</v>
      </c>
      <c r="M448" s="57">
        <f>Bühler!M474</f>
        <v>0</v>
      </c>
      <c r="N448" s="55">
        <f>IF(Input!$K$13=1,J448*Input!$J$13,0)+IF(Input!$K$14=1,K448*Input!$J$14,0)+IF(Input!$K$15=1,L448*Input!$J$15,0)+IF(Input!$K$16=1,M448*Input!$J$16,0)</f>
        <v>8.3524886609761548</v>
      </c>
      <c r="O448" s="58">
        <f>IF(Input!$K$13=2,J448*Input!$J$13,0)+IF(Input!$K$14=2,K448*Input!$J$14,0)+IF(Input!$K$15=2,L448*Input!$J$15,0)+IF(Input!$K$16=2,M448*Input!$J$16,0)</f>
        <v>0.39975481218073872</v>
      </c>
      <c r="P448" s="58">
        <f>IF(Input!$K$13=3,J448*Input!$J$13,0)+IF(Input!$K$14=3,K448*Input!$J$14,0)+IF(Input!$K$15=3,L448*Input!$J$15,0)+IF(Input!$K$16=3,M448*Input!$J$16,0)</f>
        <v>0</v>
      </c>
      <c r="Q448" s="71">
        <f>IF(Input!$K$13=4,J448*Input!$J$13,0)+IF(Input!$K$14=4,K448*Input!$J$14,0)+IF(Input!$K$15=4,L448*Input!$J$15,0)+IF(Input!$K$16=4,M448*Input!$J$16,0)</f>
        <v>0</v>
      </c>
    </row>
    <row r="449" spans="8:17" x14ac:dyDescent="0.25">
      <c r="H449" s="43">
        <v>442</v>
      </c>
      <c r="I449" s="55">
        <f>Bühler!I475</f>
        <v>14.173366974143628</v>
      </c>
      <c r="J449" s="58">
        <f>Bühler!J475</f>
        <v>76.827136268412744</v>
      </c>
      <c r="K449" s="58">
        <f>Bühler!K475</f>
        <v>3.2684355712890585</v>
      </c>
      <c r="L449" s="58">
        <f>Bühler!L475</f>
        <v>1.6342177856445292</v>
      </c>
      <c r="M449" s="57">
        <f>Bühler!M475</f>
        <v>0</v>
      </c>
      <c r="N449" s="55">
        <f>IF(Input!$K$13=1,J449*Input!$J$13,0)+IF(Input!$K$14=1,K449*Input!$J$14,0)+IF(Input!$K$15=1,L449*Input!$J$15,0)+IF(Input!$K$16=1,M449*Input!$J$16,0)</f>
        <v>9.2192563522095288</v>
      </c>
      <c r="O449" s="58">
        <f>IF(Input!$K$13=2,J449*Input!$J$13,0)+IF(Input!$K$14=2,K449*Input!$J$14,0)+IF(Input!$K$15=2,L449*Input!$J$15,0)+IF(Input!$K$16=2,M449*Input!$J$16,0)</f>
        <v>0.44123880212402289</v>
      </c>
      <c r="P449" s="58">
        <f>IF(Input!$K$13=3,J449*Input!$J$13,0)+IF(Input!$K$14=3,K449*Input!$J$14,0)+IF(Input!$K$15=3,L449*Input!$J$15,0)+IF(Input!$K$16=3,M449*Input!$J$16,0)</f>
        <v>0</v>
      </c>
      <c r="Q449" s="71">
        <f>IF(Input!$K$13=4,J449*Input!$J$13,0)+IF(Input!$K$14=4,K449*Input!$J$14,0)+IF(Input!$K$15=4,L449*Input!$J$15,0)+IF(Input!$K$16=4,M449*Input!$J$16,0)</f>
        <v>0</v>
      </c>
    </row>
    <row r="450" spans="8:17" x14ac:dyDescent="0.25">
      <c r="H450" s="43">
        <v>443</v>
      </c>
      <c r="I450" s="55">
        <f>Bühler!I476</f>
        <v>14.173366974143628</v>
      </c>
      <c r="J450" s="58">
        <f>Bühler!J476</f>
        <v>76.827136268412744</v>
      </c>
      <c r="K450" s="58">
        <f>Bühler!K476</f>
        <v>3.2684355712890585</v>
      </c>
      <c r="L450" s="58">
        <f>Bühler!L476</f>
        <v>1.6342177856445292</v>
      </c>
      <c r="M450" s="57">
        <f>Bühler!M476</f>
        <v>0</v>
      </c>
      <c r="N450" s="55">
        <f>IF(Input!$K$13=1,J450*Input!$J$13,0)+IF(Input!$K$14=1,K450*Input!$J$14,0)+IF(Input!$K$15=1,L450*Input!$J$15,0)+IF(Input!$K$16=1,M450*Input!$J$16,0)</f>
        <v>9.2192563522095288</v>
      </c>
      <c r="O450" s="58">
        <f>IF(Input!$K$13=2,J450*Input!$J$13,0)+IF(Input!$K$14=2,K450*Input!$J$14,0)+IF(Input!$K$15=2,L450*Input!$J$15,0)+IF(Input!$K$16=2,M450*Input!$J$16,0)</f>
        <v>0.44123880212402289</v>
      </c>
      <c r="P450" s="58">
        <f>IF(Input!$K$13=3,J450*Input!$J$13,0)+IF(Input!$K$14=3,K450*Input!$J$14,0)+IF(Input!$K$15=3,L450*Input!$J$15,0)+IF(Input!$K$16=3,M450*Input!$J$16,0)</f>
        <v>0</v>
      </c>
      <c r="Q450" s="71">
        <f>IF(Input!$K$13=4,J450*Input!$J$13,0)+IF(Input!$K$14=4,K450*Input!$J$14,0)+IF(Input!$K$15=4,L450*Input!$J$15,0)+IF(Input!$K$16=4,M450*Input!$J$16,0)</f>
        <v>0</v>
      </c>
    </row>
    <row r="451" spans="8:17" x14ac:dyDescent="0.25">
      <c r="H451" s="43">
        <v>444</v>
      </c>
      <c r="I451" s="55">
        <f>Bühler!I477</f>
        <v>16.959584413505194</v>
      </c>
      <c r="J451" s="58">
        <f>Bühler!J477</f>
        <v>91.929906645963953</v>
      </c>
      <c r="K451" s="58">
        <f>Bühler!K477</f>
        <v>3.9109485468416074</v>
      </c>
      <c r="L451" s="58">
        <f>Bühler!L477</f>
        <v>1.9554742734208037</v>
      </c>
      <c r="M451" s="57">
        <f>Bühler!M477</f>
        <v>0</v>
      </c>
      <c r="N451" s="55">
        <f>IF(Input!$K$13=1,J451*Input!$J$13,0)+IF(Input!$K$14=1,K451*Input!$J$14,0)+IF(Input!$K$15=1,L451*Input!$J$15,0)+IF(Input!$K$16=1,M451*Input!$J$16,0)</f>
        <v>11.031588797515674</v>
      </c>
      <c r="O451" s="58">
        <f>IF(Input!$K$13=2,J451*Input!$J$13,0)+IF(Input!$K$14=2,K451*Input!$J$14,0)+IF(Input!$K$15=2,L451*Input!$J$15,0)+IF(Input!$K$16=2,M451*Input!$J$16,0)</f>
        <v>0.52797805382361696</v>
      </c>
      <c r="P451" s="58">
        <f>IF(Input!$K$13=3,J451*Input!$J$13,0)+IF(Input!$K$14=3,K451*Input!$J$14,0)+IF(Input!$K$15=3,L451*Input!$J$15,0)+IF(Input!$K$16=3,M451*Input!$J$16,0)</f>
        <v>0</v>
      </c>
      <c r="Q451" s="71">
        <f>IF(Input!$K$13=4,J451*Input!$J$13,0)+IF(Input!$K$14=4,K451*Input!$J$14,0)+IF(Input!$K$15=4,L451*Input!$J$15,0)+IF(Input!$K$16=4,M451*Input!$J$16,0)</f>
        <v>0</v>
      </c>
    </row>
    <row r="452" spans="8:17" x14ac:dyDescent="0.25">
      <c r="H452" s="43">
        <v>445</v>
      </c>
      <c r="I452" s="55">
        <f>Bühler!I478</f>
        <v>16.959584413505194</v>
      </c>
      <c r="J452" s="58">
        <f>Bühler!J478</f>
        <v>91.929906645963953</v>
      </c>
      <c r="K452" s="58">
        <f>Bühler!K478</f>
        <v>3.9109485468416074</v>
      </c>
      <c r="L452" s="58">
        <f>Bühler!L478</f>
        <v>1.9554742734208037</v>
      </c>
      <c r="M452" s="57">
        <f>Bühler!M478</f>
        <v>0</v>
      </c>
      <c r="N452" s="55">
        <f>IF(Input!$K$13=1,J452*Input!$J$13,0)+IF(Input!$K$14=1,K452*Input!$J$14,0)+IF(Input!$K$15=1,L452*Input!$J$15,0)+IF(Input!$K$16=1,M452*Input!$J$16,0)</f>
        <v>11.031588797515674</v>
      </c>
      <c r="O452" s="58">
        <f>IF(Input!$K$13=2,J452*Input!$J$13,0)+IF(Input!$K$14=2,K452*Input!$J$14,0)+IF(Input!$K$15=2,L452*Input!$J$15,0)+IF(Input!$K$16=2,M452*Input!$J$16,0)</f>
        <v>0.52797805382361696</v>
      </c>
      <c r="P452" s="58">
        <f>IF(Input!$K$13=3,J452*Input!$J$13,0)+IF(Input!$K$14=3,K452*Input!$J$14,0)+IF(Input!$K$15=3,L452*Input!$J$15,0)+IF(Input!$K$16=3,M452*Input!$J$16,0)</f>
        <v>0</v>
      </c>
      <c r="Q452" s="71">
        <f>IF(Input!$K$13=4,J452*Input!$J$13,0)+IF(Input!$K$14=4,K452*Input!$J$14,0)+IF(Input!$K$15=4,L452*Input!$J$15,0)+IF(Input!$K$16=4,M452*Input!$J$16,0)</f>
        <v>0</v>
      </c>
    </row>
    <row r="453" spans="8:17" x14ac:dyDescent="0.25">
      <c r="H453" s="43">
        <v>446</v>
      </c>
      <c r="I453" s="55">
        <f>Bühler!I479</f>
        <v>11.266009646114165</v>
      </c>
      <c r="J453" s="58">
        <f>Bühler!J479</f>
        <v>61.067723700533207</v>
      </c>
      <c r="K453" s="58">
        <f>Bühler!K479</f>
        <v>2.5979872489733538</v>
      </c>
      <c r="L453" s="58">
        <f>Bühler!L479</f>
        <v>1.2989936244866769</v>
      </c>
      <c r="M453" s="57">
        <f>Bühler!M479</f>
        <v>0</v>
      </c>
      <c r="N453" s="55">
        <f>IF(Input!$K$13=1,J453*Input!$J$13,0)+IF(Input!$K$14=1,K453*Input!$J$14,0)+IF(Input!$K$15=1,L453*Input!$J$15,0)+IF(Input!$K$16=1,M453*Input!$J$16,0)</f>
        <v>7.3281268440639842</v>
      </c>
      <c r="O453" s="58">
        <f>IF(Input!$K$13=2,J453*Input!$J$13,0)+IF(Input!$K$14=2,K453*Input!$J$14,0)+IF(Input!$K$15=2,L453*Input!$J$15,0)+IF(Input!$K$16=2,M453*Input!$J$16,0)</f>
        <v>0.35072827861140277</v>
      </c>
      <c r="P453" s="58">
        <f>IF(Input!$K$13=3,J453*Input!$J$13,0)+IF(Input!$K$14=3,K453*Input!$J$14,0)+IF(Input!$K$15=3,L453*Input!$J$15,0)+IF(Input!$K$16=3,M453*Input!$J$16,0)</f>
        <v>0</v>
      </c>
      <c r="Q453" s="71">
        <f>IF(Input!$K$13=4,J453*Input!$J$13,0)+IF(Input!$K$14=4,K453*Input!$J$14,0)+IF(Input!$K$15=4,L453*Input!$J$15,0)+IF(Input!$K$16=4,M453*Input!$J$16,0)</f>
        <v>0</v>
      </c>
    </row>
    <row r="454" spans="8:17" x14ac:dyDescent="0.25">
      <c r="H454" s="43">
        <v>447</v>
      </c>
      <c r="I454" s="55">
        <f>Bühler!I480</f>
        <v>16.959584413505194</v>
      </c>
      <c r="J454" s="58">
        <f>Bühler!J480</f>
        <v>91.929906645963953</v>
      </c>
      <c r="K454" s="58">
        <f>Bühler!K480</f>
        <v>3.9109485468416074</v>
      </c>
      <c r="L454" s="58">
        <f>Bühler!L480</f>
        <v>1.9554742734208037</v>
      </c>
      <c r="M454" s="57">
        <f>Bühler!M480</f>
        <v>0</v>
      </c>
      <c r="N454" s="55">
        <f>IF(Input!$K$13=1,J454*Input!$J$13,0)+IF(Input!$K$14=1,K454*Input!$J$14,0)+IF(Input!$K$15=1,L454*Input!$J$15,0)+IF(Input!$K$16=1,M454*Input!$J$16,0)</f>
        <v>11.031588797515674</v>
      </c>
      <c r="O454" s="58">
        <f>IF(Input!$K$13=2,J454*Input!$J$13,0)+IF(Input!$K$14=2,K454*Input!$J$14,0)+IF(Input!$K$15=2,L454*Input!$J$15,0)+IF(Input!$K$16=2,M454*Input!$J$16,0)</f>
        <v>0.52797805382361696</v>
      </c>
      <c r="P454" s="58">
        <f>IF(Input!$K$13=3,J454*Input!$J$13,0)+IF(Input!$K$14=3,K454*Input!$J$14,0)+IF(Input!$K$15=3,L454*Input!$J$15,0)+IF(Input!$K$16=3,M454*Input!$J$16,0)</f>
        <v>0</v>
      </c>
      <c r="Q454" s="71">
        <f>IF(Input!$K$13=4,J454*Input!$J$13,0)+IF(Input!$K$14=4,K454*Input!$J$14,0)+IF(Input!$K$15=4,L454*Input!$J$15,0)+IF(Input!$K$16=4,M454*Input!$J$16,0)</f>
        <v>0</v>
      </c>
    </row>
    <row r="455" spans="8:17" x14ac:dyDescent="0.25">
      <c r="H455" s="43">
        <v>448</v>
      </c>
      <c r="I455" s="55">
        <f>Bühler!I481</f>
        <v>16.959584413505194</v>
      </c>
      <c r="J455" s="58">
        <f>Bühler!J481</f>
        <v>91.929906645963953</v>
      </c>
      <c r="K455" s="58">
        <f>Bühler!K481</f>
        <v>3.9109485468416074</v>
      </c>
      <c r="L455" s="58">
        <f>Bühler!L481</f>
        <v>1.9554742734208037</v>
      </c>
      <c r="M455" s="57">
        <f>Bühler!M481</f>
        <v>0</v>
      </c>
      <c r="N455" s="55">
        <f>IF(Input!$K$13=1,J455*Input!$J$13,0)+IF(Input!$K$14=1,K455*Input!$J$14,0)+IF(Input!$K$15=1,L455*Input!$J$15,0)+IF(Input!$K$16=1,M455*Input!$J$16,0)</f>
        <v>11.031588797515674</v>
      </c>
      <c r="O455" s="58">
        <f>IF(Input!$K$13=2,J455*Input!$J$13,0)+IF(Input!$K$14=2,K455*Input!$J$14,0)+IF(Input!$K$15=2,L455*Input!$J$15,0)+IF(Input!$K$16=2,M455*Input!$J$16,0)</f>
        <v>0.52797805382361696</v>
      </c>
      <c r="P455" s="58">
        <f>IF(Input!$K$13=3,J455*Input!$J$13,0)+IF(Input!$K$14=3,K455*Input!$J$14,0)+IF(Input!$K$15=3,L455*Input!$J$15,0)+IF(Input!$K$16=3,M455*Input!$J$16,0)</f>
        <v>0</v>
      </c>
      <c r="Q455" s="71">
        <f>IF(Input!$K$13=4,J455*Input!$J$13,0)+IF(Input!$K$14=4,K455*Input!$J$14,0)+IF(Input!$K$15=4,L455*Input!$J$15,0)+IF(Input!$K$16=4,M455*Input!$J$16,0)</f>
        <v>0</v>
      </c>
    </row>
    <row r="456" spans="8:17" x14ac:dyDescent="0.25">
      <c r="H456" s="43">
        <v>449</v>
      </c>
      <c r="I456" s="55">
        <f>Bühler!I482</f>
        <v>14.17127835537349</v>
      </c>
      <c r="J456" s="58">
        <f>Bühler!J482</f>
        <v>58.698321370714147</v>
      </c>
      <c r="K456" s="58">
        <f>Bühler!K482</f>
        <v>2.3046661079602333</v>
      </c>
      <c r="L456" s="58">
        <f>Bühler!L482</f>
        <v>1.1523330539801167</v>
      </c>
      <c r="M456" s="57">
        <f>Bühler!M482</f>
        <v>0</v>
      </c>
      <c r="N456" s="55">
        <f>IF(Input!$K$13=1,J456*Input!$J$13,0)+IF(Input!$K$14=1,K456*Input!$J$14,0)+IF(Input!$K$15=1,L456*Input!$J$15,0)+IF(Input!$K$16=1,M456*Input!$J$16,0)</f>
        <v>7.0437985644856971</v>
      </c>
      <c r="O456" s="58">
        <f>IF(Input!$K$13=2,J456*Input!$J$13,0)+IF(Input!$K$14=2,K456*Input!$J$14,0)+IF(Input!$K$15=2,L456*Input!$J$15,0)+IF(Input!$K$16=2,M456*Input!$J$16,0)</f>
        <v>0.31112992457463151</v>
      </c>
      <c r="P456" s="58">
        <f>IF(Input!$K$13=3,J456*Input!$J$13,0)+IF(Input!$K$14=3,K456*Input!$J$14,0)+IF(Input!$K$15=3,L456*Input!$J$15,0)+IF(Input!$K$16=3,M456*Input!$J$16,0)</f>
        <v>0</v>
      </c>
      <c r="Q456" s="71">
        <f>IF(Input!$K$13=4,J456*Input!$J$13,0)+IF(Input!$K$14=4,K456*Input!$J$14,0)+IF(Input!$K$15=4,L456*Input!$J$15,0)+IF(Input!$K$16=4,M456*Input!$J$16,0)</f>
        <v>0</v>
      </c>
    </row>
    <row r="457" spans="8:17" x14ac:dyDescent="0.25">
      <c r="H457" s="43">
        <v>450</v>
      </c>
      <c r="I457" s="55">
        <f>Bühler!I483</f>
        <v>11.268098264884301</v>
      </c>
      <c r="J457" s="58">
        <f>Bühler!J483</f>
        <v>30.707363881022392</v>
      </c>
      <c r="K457" s="58">
        <f>Bühler!K483</f>
        <v>0.98363897053360372</v>
      </c>
      <c r="L457" s="58">
        <f>Bühler!L483</f>
        <v>0.49181948526680186</v>
      </c>
      <c r="M457" s="57">
        <f>Bühler!M483</f>
        <v>0</v>
      </c>
      <c r="N457" s="55">
        <f>IF(Input!$K$13=1,J457*Input!$J$13,0)+IF(Input!$K$14=1,K457*Input!$J$14,0)+IF(Input!$K$15=1,L457*Input!$J$15,0)+IF(Input!$K$16=1,M457*Input!$J$16,0)</f>
        <v>3.6848836657226869</v>
      </c>
      <c r="O457" s="58">
        <f>IF(Input!$K$13=2,J457*Input!$J$13,0)+IF(Input!$K$14=2,K457*Input!$J$14,0)+IF(Input!$K$15=2,L457*Input!$J$15,0)+IF(Input!$K$16=2,M457*Input!$J$16,0)</f>
        <v>0.13279126102203651</v>
      </c>
      <c r="P457" s="58">
        <f>IF(Input!$K$13=3,J457*Input!$J$13,0)+IF(Input!$K$14=3,K457*Input!$J$14,0)+IF(Input!$K$15=3,L457*Input!$J$15,0)+IF(Input!$K$16=3,M457*Input!$J$16,0)</f>
        <v>0</v>
      </c>
      <c r="Q457" s="71">
        <f>IF(Input!$K$13=4,J457*Input!$J$13,0)+IF(Input!$K$14=4,K457*Input!$J$14,0)+IF(Input!$K$15=4,L457*Input!$J$15,0)+IF(Input!$K$16=4,M457*Input!$J$16,0)</f>
        <v>0</v>
      </c>
    </row>
    <row r="458" spans="8:17" x14ac:dyDescent="0.25">
      <c r="H458" s="43">
        <v>451</v>
      </c>
      <c r="I458" s="55">
        <f>Bühler!I484</f>
        <v>4.1772375402722153</v>
      </c>
      <c r="J458" s="58">
        <f>Bühler!J484</f>
        <v>16.735510570710733</v>
      </c>
      <c r="K458" s="58">
        <f>Bühler!K484</f>
        <v>0.64920172055217851</v>
      </c>
      <c r="L458" s="58">
        <f>Bühler!L484</f>
        <v>0.32460086027608925</v>
      </c>
      <c r="M458" s="57">
        <f>Bühler!M484</f>
        <v>0</v>
      </c>
      <c r="N458" s="55">
        <f>IF(Input!$K$13=1,J458*Input!$J$13,0)+IF(Input!$K$14=1,K458*Input!$J$14,0)+IF(Input!$K$15=1,L458*Input!$J$15,0)+IF(Input!$K$16=1,M458*Input!$J$16,0)</f>
        <v>2.0082612684852879</v>
      </c>
      <c r="O458" s="58">
        <f>IF(Input!$K$13=2,J458*Input!$J$13,0)+IF(Input!$K$14=2,K458*Input!$J$14,0)+IF(Input!$K$15=2,L458*Input!$J$15,0)+IF(Input!$K$16=2,M458*Input!$J$16,0)</f>
        <v>8.7642232274544096E-2</v>
      </c>
      <c r="P458" s="58">
        <f>IF(Input!$K$13=3,J458*Input!$J$13,0)+IF(Input!$K$14=3,K458*Input!$J$14,0)+IF(Input!$K$15=3,L458*Input!$J$15,0)+IF(Input!$K$16=3,M458*Input!$J$16,0)</f>
        <v>0</v>
      </c>
      <c r="Q458" s="71">
        <f>IF(Input!$K$13=4,J458*Input!$J$13,0)+IF(Input!$K$14=4,K458*Input!$J$14,0)+IF(Input!$K$15=4,L458*Input!$J$15,0)+IF(Input!$K$16=4,M458*Input!$J$16,0)</f>
        <v>0</v>
      </c>
    </row>
    <row r="459" spans="8:17" x14ac:dyDescent="0.25">
      <c r="H459" s="43">
        <v>452</v>
      </c>
      <c r="I459" s="55">
        <f>Bühler!I485</f>
        <v>4.1772375402722153</v>
      </c>
      <c r="J459" s="58">
        <f>Bühler!J485</f>
        <v>16.735510570710733</v>
      </c>
      <c r="K459" s="58">
        <f>Bühler!K485</f>
        <v>0.64920172055217851</v>
      </c>
      <c r="L459" s="58">
        <f>Bühler!L485</f>
        <v>0.32460086027608925</v>
      </c>
      <c r="M459" s="57">
        <f>Bühler!M485</f>
        <v>0</v>
      </c>
      <c r="N459" s="55">
        <f>IF(Input!$K$13=1,J459*Input!$J$13,0)+IF(Input!$K$14=1,K459*Input!$J$14,0)+IF(Input!$K$15=1,L459*Input!$J$15,0)+IF(Input!$K$16=1,M459*Input!$J$16,0)</f>
        <v>2.0082612684852879</v>
      </c>
      <c r="O459" s="58">
        <f>IF(Input!$K$13=2,J459*Input!$J$13,0)+IF(Input!$K$14=2,K459*Input!$J$14,0)+IF(Input!$K$15=2,L459*Input!$J$15,0)+IF(Input!$K$16=2,M459*Input!$J$16,0)</f>
        <v>8.7642232274544096E-2</v>
      </c>
      <c r="P459" s="58">
        <f>IF(Input!$K$13=3,J459*Input!$J$13,0)+IF(Input!$K$14=3,K459*Input!$J$14,0)+IF(Input!$K$15=3,L459*Input!$J$15,0)+IF(Input!$K$16=3,M459*Input!$J$16,0)</f>
        <v>0</v>
      </c>
      <c r="Q459" s="71">
        <f>IF(Input!$K$13=4,J459*Input!$J$13,0)+IF(Input!$K$14=4,K459*Input!$J$14,0)+IF(Input!$K$15=4,L459*Input!$J$15,0)+IF(Input!$K$16=4,M459*Input!$J$16,0)</f>
        <v>0</v>
      </c>
    </row>
    <row r="460" spans="8:17" x14ac:dyDescent="0.25">
      <c r="H460" s="43">
        <v>453</v>
      </c>
      <c r="I460" s="55">
        <f>Bühler!I486</f>
        <v>4.1772375402722153</v>
      </c>
      <c r="J460" s="58">
        <f>Bühler!J486</f>
        <v>16.735510570710733</v>
      </c>
      <c r="K460" s="58">
        <f>Bühler!K486</f>
        <v>0.64920172055217851</v>
      </c>
      <c r="L460" s="58">
        <f>Bühler!L486</f>
        <v>0.32460086027608925</v>
      </c>
      <c r="M460" s="57">
        <f>Bühler!M486</f>
        <v>0</v>
      </c>
      <c r="N460" s="55">
        <f>IF(Input!$K$13=1,J460*Input!$J$13,0)+IF(Input!$K$14=1,K460*Input!$J$14,0)+IF(Input!$K$15=1,L460*Input!$J$15,0)+IF(Input!$K$16=1,M460*Input!$J$16,0)</f>
        <v>2.0082612684852879</v>
      </c>
      <c r="O460" s="58">
        <f>IF(Input!$K$13=2,J460*Input!$J$13,0)+IF(Input!$K$14=2,K460*Input!$J$14,0)+IF(Input!$K$15=2,L460*Input!$J$15,0)+IF(Input!$K$16=2,M460*Input!$J$16,0)</f>
        <v>8.7642232274544096E-2</v>
      </c>
      <c r="P460" s="58">
        <f>IF(Input!$K$13=3,J460*Input!$J$13,0)+IF(Input!$K$14=3,K460*Input!$J$14,0)+IF(Input!$K$15=3,L460*Input!$J$15,0)+IF(Input!$K$16=3,M460*Input!$J$16,0)</f>
        <v>0</v>
      </c>
      <c r="Q460" s="71">
        <f>IF(Input!$K$13=4,J460*Input!$J$13,0)+IF(Input!$K$14=4,K460*Input!$J$14,0)+IF(Input!$K$15=4,L460*Input!$J$15,0)+IF(Input!$K$16=4,M460*Input!$J$16,0)</f>
        <v>0</v>
      </c>
    </row>
    <row r="461" spans="8:17" x14ac:dyDescent="0.25">
      <c r="H461" s="43">
        <v>454</v>
      </c>
      <c r="I461" s="55">
        <f>Bühler!I487</f>
        <v>4.1772375402722153</v>
      </c>
      <c r="J461" s="58">
        <f>Bühler!J487</f>
        <v>16.735510570710733</v>
      </c>
      <c r="K461" s="58">
        <f>Bühler!K487</f>
        <v>0.64920172055217851</v>
      </c>
      <c r="L461" s="58">
        <f>Bühler!L487</f>
        <v>0.32460086027608925</v>
      </c>
      <c r="M461" s="57">
        <f>Bühler!M487</f>
        <v>0</v>
      </c>
      <c r="N461" s="55">
        <f>IF(Input!$K$13=1,J461*Input!$J$13,0)+IF(Input!$K$14=1,K461*Input!$J$14,0)+IF(Input!$K$15=1,L461*Input!$J$15,0)+IF(Input!$K$16=1,M461*Input!$J$16,0)</f>
        <v>2.0082612684852879</v>
      </c>
      <c r="O461" s="58">
        <f>IF(Input!$K$13=2,J461*Input!$J$13,0)+IF(Input!$K$14=2,K461*Input!$J$14,0)+IF(Input!$K$15=2,L461*Input!$J$15,0)+IF(Input!$K$16=2,M461*Input!$J$16,0)</f>
        <v>8.7642232274544096E-2</v>
      </c>
      <c r="P461" s="58">
        <f>IF(Input!$K$13=3,J461*Input!$J$13,0)+IF(Input!$K$14=3,K461*Input!$J$14,0)+IF(Input!$K$15=3,L461*Input!$J$15,0)+IF(Input!$K$16=3,M461*Input!$J$16,0)</f>
        <v>0</v>
      </c>
      <c r="Q461" s="71">
        <f>IF(Input!$K$13=4,J461*Input!$J$13,0)+IF(Input!$K$14=4,K461*Input!$J$14,0)+IF(Input!$K$15=4,L461*Input!$J$15,0)+IF(Input!$K$16=4,M461*Input!$J$16,0)</f>
        <v>0</v>
      </c>
    </row>
    <row r="462" spans="8:17" x14ac:dyDescent="0.25">
      <c r="H462" s="43">
        <v>455</v>
      </c>
      <c r="I462" s="55">
        <f>Bühler!I488</f>
        <v>4.1772375402722153</v>
      </c>
      <c r="J462" s="58">
        <f>Bühler!J488</f>
        <v>16.735510570710733</v>
      </c>
      <c r="K462" s="58">
        <f>Bühler!K488</f>
        <v>0.64920172055217851</v>
      </c>
      <c r="L462" s="58">
        <f>Bühler!L488</f>
        <v>0.32460086027608925</v>
      </c>
      <c r="M462" s="57">
        <f>Bühler!M488</f>
        <v>0</v>
      </c>
      <c r="N462" s="55">
        <f>IF(Input!$K$13=1,J462*Input!$J$13,0)+IF(Input!$K$14=1,K462*Input!$J$14,0)+IF(Input!$K$15=1,L462*Input!$J$15,0)+IF(Input!$K$16=1,M462*Input!$J$16,0)</f>
        <v>2.0082612684852879</v>
      </c>
      <c r="O462" s="58">
        <f>IF(Input!$K$13=2,J462*Input!$J$13,0)+IF(Input!$K$14=2,K462*Input!$J$14,0)+IF(Input!$K$15=2,L462*Input!$J$15,0)+IF(Input!$K$16=2,M462*Input!$J$16,0)</f>
        <v>8.7642232274544096E-2</v>
      </c>
      <c r="P462" s="58">
        <f>IF(Input!$K$13=3,J462*Input!$J$13,0)+IF(Input!$K$14=3,K462*Input!$J$14,0)+IF(Input!$K$15=3,L462*Input!$J$15,0)+IF(Input!$K$16=3,M462*Input!$J$16,0)</f>
        <v>0</v>
      </c>
      <c r="Q462" s="71">
        <f>IF(Input!$K$13=4,J462*Input!$J$13,0)+IF(Input!$K$14=4,K462*Input!$J$14,0)+IF(Input!$K$15=4,L462*Input!$J$15,0)+IF(Input!$K$16=4,M462*Input!$J$16,0)</f>
        <v>0</v>
      </c>
    </row>
    <row r="463" spans="8:17" x14ac:dyDescent="0.25">
      <c r="H463" s="43">
        <v>456</v>
      </c>
      <c r="I463" s="55">
        <f>Bühler!I489</f>
        <v>4.1772375402722153</v>
      </c>
      <c r="J463" s="58">
        <f>Bühler!J489</f>
        <v>16.735510570710733</v>
      </c>
      <c r="K463" s="58">
        <f>Bühler!K489</f>
        <v>0.64920172055217851</v>
      </c>
      <c r="L463" s="58">
        <f>Bühler!L489</f>
        <v>0.32460086027608925</v>
      </c>
      <c r="M463" s="57">
        <f>Bühler!M489</f>
        <v>0</v>
      </c>
      <c r="N463" s="55">
        <f>IF(Input!$K$13=1,J463*Input!$J$13,0)+IF(Input!$K$14=1,K463*Input!$J$14,0)+IF(Input!$K$15=1,L463*Input!$J$15,0)+IF(Input!$K$16=1,M463*Input!$J$16,0)</f>
        <v>2.0082612684852879</v>
      </c>
      <c r="O463" s="58">
        <f>IF(Input!$K$13=2,J463*Input!$J$13,0)+IF(Input!$K$14=2,K463*Input!$J$14,0)+IF(Input!$K$15=2,L463*Input!$J$15,0)+IF(Input!$K$16=2,M463*Input!$J$16,0)</f>
        <v>8.7642232274544096E-2</v>
      </c>
      <c r="P463" s="58">
        <f>IF(Input!$K$13=3,J463*Input!$J$13,0)+IF(Input!$K$14=3,K463*Input!$J$14,0)+IF(Input!$K$15=3,L463*Input!$J$15,0)+IF(Input!$K$16=3,M463*Input!$J$16,0)</f>
        <v>0</v>
      </c>
      <c r="Q463" s="71">
        <f>IF(Input!$K$13=4,J463*Input!$J$13,0)+IF(Input!$K$14=4,K463*Input!$J$14,0)+IF(Input!$K$15=4,L463*Input!$J$15,0)+IF(Input!$K$16=4,M463*Input!$J$16,0)</f>
        <v>0</v>
      </c>
    </row>
    <row r="464" spans="8:17" x14ac:dyDescent="0.25">
      <c r="H464" s="43">
        <v>457</v>
      </c>
      <c r="I464" s="55">
        <f>Bühler!I490</f>
        <v>5.4077181565721739</v>
      </c>
      <c r="J464" s="58">
        <f>Bühler!J490</f>
        <v>26.556520527744429</v>
      </c>
      <c r="K464" s="58">
        <f>Bühler!K490</f>
        <v>1.0278528794121333</v>
      </c>
      <c r="L464" s="58">
        <f>Bühler!L490</f>
        <v>0.51392643970606666</v>
      </c>
      <c r="M464" s="57">
        <f>Bühler!M490</f>
        <v>0</v>
      </c>
      <c r="N464" s="55">
        <f>IF(Input!$K$13=1,J464*Input!$J$13,0)+IF(Input!$K$14=1,K464*Input!$J$14,0)+IF(Input!$K$15=1,L464*Input!$J$15,0)+IF(Input!$K$16=1,M464*Input!$J$16,0)</f>
        <v>3.1867824633293313</v>
      </c>
      <c r="O464" s="58">
        <f>IF(Input!$K$13=2,J464*Input!$J$13,0)+IF(Input!$K$14=2,K464*Input!$J$14,0)+IF(Input!$K$15=2,L464*Input!$J$15,0)+IF(Input!$K$16=2,M464*Input!$J$16,0)</f>
        <v>0.138760138720638</v>
      </c>
      <c r="P464" s="58">
        <f>IF(Input!$K$13=3,J464*Input!$J$13,0)+IF(Input!$K$14=3,K464*Input!$J$14,0)+IF(Input!$K$15=3,L464*Input!$J$15,0)+IF(Input!$K$16=3,M464*Input!$J$16,0)</f>
        <v>0</v>
      </c>
      <c r="Q464" s="71">
        <f>IF(Input!$K$13=4,J464*Input!$J$13,0)+IF(Input!$K$14=4,K464*Input!$J$14,0)+IF(Input!$K$15=4,L464*Input!$J$15,0)+IF(Input!$K$16=4,M464*Input!$J$16,0)</f>
        <v>0</v>
      </c>
    </row>
    <row r="465" spans="8:17" x14ac:dyDescent="0.25">
      <c r="H465" s="43">
        <v>458</v>
      </c>
      <c r="I465" s="55">
        <f>Bühler!I491</f>
        <v>5.4077181565721739</v>
      </c>
      <c r="J465" s="58">
        <f>Bühler!J491</f>
        <v>18.402700240200407</v>
      </c>
      <c r="K465" s="58">
        <f>Bühler!K491</f>
        <v>0.62294113903765658</v>
      </c>
      <c r="L465" s="58">
        <f>Bühler!L491</f>
        <v>0.31147056951882829</v>
      </c>
      <c r="M465" s="57">
        <f>Bühler!M491</f>
        <v>0</v>
      </c>
      <c r="N465" s="55">
        <f>IF(Input!$K$13=1,J465*Input!$J$13,0)+IF(Input!$K$14=1,K465*Input!$J$14,0)+IF(Input!$K$15=1,L465*Input!$J$15,0)+IF(Input!$K$16=1,M465*Input!$J$16,0)</f>
        <v>2.2083240288240487</v>
      </c>
      <c r="O465" s="58">
        <f>IF(Input!$K$13=2,J465*Input!$J$13,0)+IF(Input!$K$14=2,K465*Input!$J$14,0)+IF(Input!$K$15=2,L465*Input!$J$15,0)+IF(Input!$K$16=2,M465*Input!$J$16,0)</f>
        <v>8.4097053770083641E-2</v>
      </c>
      <c r="P465" s="58">
        <f>IF(Input!$K$13=3,J465*Input!$J$13,0)+IF(Input!$K$14=3,K465*Input!$J$14,0)+IF(Input!$K$15=3,L465*Input!$J$15,0)+IF(Input!$K$16=3,M465*Input!$J$16,0)</f>
        <v>0</v>
      </c>
      <c r="Q465" s="71">
        <f>IF(Input!$K$13=4,J465*Input!$J$13,0)+IF(Input!$K$14=4,K465*Input!$J$14,0)+IF(Input!$K$15=4,L465*Input!$J$15,0)+IF(Input!$K$16=4,M465*Input!$J$16,0)</f>
        <v>0</v>
      </c>
    </row>
    <row r="466" spans="8:17" x14ac:dyDescent="0.25">
      <c r="H466" s="43">
        <v>459</v>
      </c>
      <c r="I466" s="55">
        <f>Bühler!I492</f>
        <v>5.4077181565721739</v>
      </c>
      <c r="J466" s="58">
        <f>Bühler!J492</f>
        <v>18.402700240200407</v>
      </c>
      <c r="K466" s="58">
        <f>Bühler!K492</f>
        <v>0.62294113903765658</v>
      </c>
      <c r="L466" s="58">
        <f>Bühler!L492</f>
        <v>0.31147056951882829</v>
      </c>
      <c r="M466" s="57">
        <f>Bühler!M492</f>
        <v>0</v>
      </c>
      <c r="N466" s="55">
        <f>IF(Input!$K$13=1,J466*Input!$J$13,0)+IF(Input!$K$14=1,K466*Input!$J$14,0)+IF(Input!$K$15=1,L466*Input!$J$15,0)+IF(Input!$K$16=1,M466*Input!$J$16,0)</f>
        <v>2.2083240288240487</v>
      </c>
      <c r="O466" s="58">
        <f>IF(Input!$K$13=2,J466*Input!$J$13,0)+IF(Input!$K$14=2,K466*Input!$J$14,0)+IF(Input!$K$15=2,L466*Input!$J$15,0)+IF(Input!$K$16=2,M466*Input!$J$16,0)</f>
        <v>8.4097053770083641E-2</v>
      </c>
      <c r="P466" s="58">
        <f>IF(Input!$K$13=3,J466*Input!$J$13,0)+IF(Input!$K$14=3,K466*Input!$J$14,0)+IF(Input!$K$15=3,L466*Input!$J$15,0)+IF(Input!$K$16=3,M466*Input!$J$16,0)</f>
        <v>0</v>
      </c>
      <c r="Q466" s="71">
        <f>IF(Input!$K$13=4,J466*Input!$J$13,0)+IF(Input!$K$14=4,K466*Input!$J$14,0)+IF(Input!$K$15=4,L466*Input!$J$15,0)+IF(Input!$K$16=4,M466*Input!$J$16,0)</f>
        <v>0</v>
      </c>
    </row>
    <row r="467" spans="8:17" x14ac:dyDescent="0.25">
      <c r="H467" s="43">
        <v>460</v>
      </c>
      <c r="I467" s="55">
        <f>Bühler!I493</f>
        <v>5.4077181565721739</v>
      </c>
      <c r="J467" s="58">
        <f>Bühler!J493</f>
        <v>18.402700240200407</v>
      </c>
      <c r="K467" s="58">
        <f>Bühler!K493</f>
        <v>0.62294113903765658</v>
      </c>
      <c r="L467" s="58">
        <f>Bühler!L493</f>
        <v>0.31147056951882829</v>
      </c>
      <c r="M467" s="57">
        <f>Bühler!M493</f>
        <v>0</v>
      </c>
      <c r="N467" s="55">
        <f>IF(Input!$K$13=1,J467*Input!$J$13,0)+IF(Input!$K$14=1,K467*Input!$J$14,0)+IF(Input!$K$15=1,L467*Input!$J$15,0)+IF(Input!$K$16=1,M467*Input!$J$16,0)</f>
        <v>2.2083240288240487</v>
      </c>
      <c r="O467" s="58">
        <f>IF(Input!$K$13=2,J467*Input!$J$13,0)+IF(Input!$K$14=2,K467*Input!$J$14,0)+IF(Input!$K$15=2,L467*Input!$J$15,0)+IF(Input!$K$16=2,M467*Input!$J$16,0)</f>
        <v>8.4097053770083641E-2</v>
      </c>
      <c r="P467" s="58">
        <f>IF(Input!$K$13=3,J467*Input!$J$13,0)+IF(Input!$K$14=3,K467*Input!$J$14,0)+IF(Input!$K$15=3,L467*Input!$J$15,0)+IF(Input!$K$16=3,M467*Input!$J$16,0)</f>
        <v>0</v>
      </c>
      <c r="Q467" s="71">
        <f>IF(Input!$K$13=4,J467*Input!$J$13,0)+IF(Input!$K$14=4,K467*Input!$J$14,0)+IF(Input!$K$15=4,L467*Input!$J$15,0)+IF(Input!$K$16=4,M467*Input!$J$16,0)</f>
        <v>0</v>
      </c>
    </row>
    <row r="468" spans="8:17" x14ac:dyDescent="0.25">
      <c r="H468" s="43">
        <v>461</v>
      </c>
      <c r="I468" s="55">
        <f>Bühler!I494</f>
        <v>5.4077181565721739</v>
      </c>
      <c r="J468" s="58">
        <f>Bühler!J494</f>
        <v>18.402700240200407</v>
      </c>
      <c r="K468" s="58">
        <f>Bühler!K494</f>
        <v>0.62294113903765658</v>
      </c>
      <c r="L468" s="58">
        <f>Bühler!L494</f>
        <v>0.31147056951882829</v>
      </c>
      <c r="M468" s="57">
        <f>Bühler!M494</f>
        <v>0</v>
      </c>
      <c r="N468" s="55">
        <f>IF(Input!$K$13=1,J468*Input!$J$13,0)+IF(Input!$K$14=1,K468*Input!$J$14,0)+IF(Input!$K$15=1,L468*Input!$J$15,0)+IF(Input!$K$16=1,M468*Input!$J$16,0)</f>
        <v>2.2083240288240487</v>
      </c>
      <c r="O468" s="58">
        <f>IF(Input!$K$13=2,J468*Input!$J$13,0)+IF(Input!$K$14=2,K468*Input!$J$14,0)+IF(Input!$K$15=2,L468*Input!$J$15,0)+IF(Input!$K$16=2,M468*Input!$J$16,0)</f>
        <v>8.4097053770083641E-2</v>
      </c>
      <c r="P468" s="58">
        <f>IF(Input!$K$13=3,J468*Input!$J$13,0)+IF(Input!$K$14=3,K468*Input!$J$14,0)+IF(Input!$K$15=3,L468*Input!$J$15,0)+IF(Input!$K$16=3,M468*Input!$J$16,0)</f>
        <v>0</v>
      </c>
      <c r="Q468" s="71">
        <f>IF(Input!$K$13=4,J468*Input!$J$13,0)+IF(Input!$K$14=4,K468*Input!$J$14,0)+IF(Input!$K$15=4,L468*Input!$J$15,0)+IF(Input!$K$16=4,M468*Input!$J$16,0)</f>
        <v>0</v>
      </c>
    </row>
    <row r="469" spans="8:17" x14ac:dyDescent="0.25">
      <c r="H469" s="43">
        <v>462</v>
      </c>
      <c r="I469" s="55">
        <f>Bühler!I495</f>
        <v>5.4077181565721739</v>
      </c>
      <c r="J469" s="58">
        <f>Bühler!J495</f>
        <v>18.402700240200407</v>
      </c>
      <c r="K469" s="58">
        <f>Bühler!K495</f>
        <v>0.62294113903765658</v>
      </c>
      <c r="L469" s="58">
        <f>Bühler!L495</f>
        <v>0.31147056951882829</v>
      </c>
      <c r="M469" s="57">
        <f>Bühler!M495</f>
        <v>0</v>
      </c>
      <c r="N469" s="55">
        <f>IF(Input!$K$13=1,J469*Input!$J$13,0)+IF(Input!$K$14=1,K469*Input!$J$14,0)+IF(Input!$K$15=1,L469*Input!$J$15,0)+IF(Input!$K$16=1,M469*Input!$J$16,0)</f>
        <v>2.2083240288240487</v>
      </c>
      <c r="O469" s="58">
        <f>IF(Input!$K$13=2,J469*Input!$J$13,0)+IF(Input!$K$14=2,K469*Input!$J$14,0)+IF(Input!$K$15=2,L469*Input!$J$15,0)+IF(Input!$K$16=2,M469*Input!$J$16,0)</f>
        <v>8.4097053770083641E-2</v>
      </c>
      <c r="P469" s="58">
        <f>IF(Input!$K$13=3,J469*Input!$J$13,0)+IF(Input!$K$14=3,K469*Input!$J$14,0)+IF(Input!$K$15=3,L469*Input!$J$15,0)+IF(Input!$K$16=3,M469*Input!$J$16,0)</f>
        <v>0</v>
      </c>
      <c r="Q469" s="71">
        <f>IF(Input!$K$13=4,J469*Input!$J$13,0)+IF(Input!$K$14=4,K469*Input!$J$14,0)+IF(Input!$K$15=4,L469*Input!$J$15,0)+IF(Input!$K$16=4,M469*Input!$J$16,0)</f>
        <v>0</v>
      </c>
    </row>
    <row r="470" spans="8:17" x14ac:dyDescent="0.25">
      <c r="H470" s="43">
        <v>463</v>
      </c>
      <c r="I470" s="55">
        <f>Bühler!I496</f>
        <v>5.4077181565721739</v>
      </c>
      <c r="J470" s="58">
        <f>Bühler!J496</f>
        <v>18.402700240200407</v>
      </c>
      <c r="K470" s="58">
        <f>Bühler!K496</f>
        <v>0.62294113903765658</v>
      </c>
      <c r="L470" s="58">
        <f>Bühler!L496</f>
        <v>0.31147056951882829</v>
      </c>
      <c r="M470" s="57">
        <f>Bühler!M496</f>
        <v>0</v>
      </c>
      <c r="N470" s="55">
        <f>IF(Input!$K$13=1,J470*Input!$J$13,0)+IF(Input!$K$14=1,K470*Input!$J$14,0)+IF(Input!$K$15=1,L470*Input!$J$15,0)+IF(Input!$K$16=1,M470*Input!$J$16,0)</f>
        <v>2.2083240288240487</v>
      </c>
      <c r="O470" s="58">
        <f>IF(Input!$K$13=2,J470*Input!$J$13,0)+IF(Input!$K$14=2,K470*Input!$J$14,0)+IF(Input!$K$15=2,L470*Input!$J$15,0)+IF(Input!$K$16=2,M470*Input!$J$16,0)</f>
        <v>8.4097053770083641E-2</v>
      </c>
      <c r="P470" s="58">
        <f>IF(Input!$K$13=3,J470*Input!$J$13,0)+IF(Input!$K$14=3,K470*Input!$J$14,0)+IF(Input!$K$15=3,L470*Input!$J$15,0)+IF(Input!$K$16=3,M470*Input!$J$16,0)</f>
        <v>0</v>
      </c>
      <c r="Q470" s="71">
        <f>IF(Input!$K$13=4,J470*Input!$J$13,0)+IF(Input!$K$14=4,K470*Input!$J$14,0)+IF(Input!$K$15=4,L470*Input!$J$15,0)+IF(Input!$K$16=4,M470*Input!$J$16,0)</f>
        <v>0</v>
      </c>
    </row>
    <row r="471" spans="8:17" x14ac:dyDescent="0.25">
      <c r="H471" s="43">
        <v>464</v>
      </c>
      <c r="I471" s="55">
        <f>Bühler!I497</f>
        <v>14.653171779098793</v>
      </c>
      <c r="J471" s="58">
        <f>Bühler!J497</f>
        <v>69.313153158030161</v>
      </c>
      <c r="K471" s="58">
        <f>Bühler!K497</f>
        <v>2.6537292523004172</v>
      </c>
      <c r="L471" s="58">
        <f>Bühler!L497</f>
        <v>1.3268646261502086</v>
      </c>
      <c r="M471" s="57">
        <f>Bühler!M497</f>
        <v>0</v>
      </c>
      <c r="N471" s="55">
        <f>IF(Input!$K$13=1,J471*Input!$J$13,0)+IF(Input!$K$14=1,K471*Input!$J$14,0)+IF(Input!$K$15=1,L471*Input!$J$15,0)+IF(Input!$K$16=1,M471*Input!$J$16,0)</f>
        <v>8.3175783789636188</v>
      </c>
      <c r="O471" s="58">
        <f>IF(Input!$K$13=2,J471*Input!$J$13,0)+IF(Input!$K$14=2,K471*Input!$J$14,0)+IF(Input!$K$15=2,L471*Input!$J$15,0)+IF(Input!$K$16=2,M471*Input!$J$16,0)</f>
        <v>0.35825344906055634</v>
      </c>
      <c r="P471" s="58">
        <f>IF(Input!$K$13=3,J471*Input!$J$13,0)+IF(Input!$K$14=3,K471*Input!$J$14,0)+IF(Input!$K$15=3,L471*Input!$J$15,0)+IF(Input!$K$16=3,M471*Input!$J$16,0)</f>
        <v>0</v>
      </c>
      <c r="Q471" s="71">
        <f>IF(Input!$K$13=4,J471*Input!$J$13,0)+IF(Input!$K$14=4,K471*Input!$J$14,0)+IF(Input!$K$15=4,L471*Input!$J$15,0)+IF(Input!$K$16=4,M471*Input!$J$16,0)</f>
        <v>0</v>
      </c>
    </row>
    <row r="472" spans="8:17" x14ac:dyDescent="0.25">
      <c r="H472" s="43">
        <v>465</v>
      </c>
      <c r="I472" s="55">
        <f>Bühler!I498</f>
        <v>18.316464723873494</v>
      </c>
      <c r="J472" s="58">
        <f>Bühler!J498</f>
        <v>86.641441447537716</v>
      </c>
      <c r="K472" s="58">
        <f>Bühler!K498</f>
        <v>3.3171615653755211</v>
      </c>
      <c r="L472" s="58">
        <f>Bühler!L498</f>
        <v>1.6585807826877605</v>
      </c>
      <c r="M472" s="57">
        <f>Bühler!M498</f>
        <v>0</v>
      </c>
      <c r="N472" s="55">
        <f>IF(Input!$K$13=1,J472*Input!$J$13,0)+IF(Input!$K$14=1,K472*Input!$J$14,0)+IF(Input!$K$15=1,L472*Input!$J$15,0)+IF(Input!$K$16=1,M472*Input!$J$16,0)</f>
        <v>10.396972973704525</v>
      </c>
      <c r="O472" s="58">
        <f>IF(Input!$K$13=2,J472*Input!$J$13,0)+IF(Input!$K$14=2,K472*Input!$J$14,0)+IF(Input!$K$15=2,L472*Input!$J$15,0)+IF(Input!$K$16=2,M472*Input!$J$16,0)</f>
        <v>0.44781681132569529</v>
      </c>
      <c r="P472" s="58">
        <f>IF(Input!$K$13=3,J472*Input!$J$13,0)+IF(Input!$K$14=3,K472*Input!$J$14,0)+IF(Input!$K$15=3,L472*Input!$J$15,0)+IF(Input!$K$16=3,M472*Input!$J$16,0)</f>
        <v>0</v>
      </c>
      <c r="Q472" s="71">
        <f>IF(Input!$K$13=4,J472*Input!$J$13,0)+IF(Input!$K$14=4,K472*Input!$J$14,0)+IF(Input!$K$15=4,L472*Input!$J$15,0)+IF(Input!$K$16=4,M472*Input!$J$16,0)</f>
        <v>0</v>
      </c>
    </row>
    <row r="473" spans="8:17" x14ac:dyDescent="0.25">
      <c r="H473" s="43">
        <v>466</v>
      </c>
      <c r="I473" s="55">
        <f>Bühler!I499</f>
        <v>20.148111196260842</v>
      </c>
      <c r="J473" s="58">
        <f>Bühler!J499</f>
        <v>95.305585592291465</v>
      </c>
      <c r="K473" s="58">
        <f>Bühler!K499</f>
        <v>3.6488777219130726</v>
      </c>
      <c r="L473" s="58">
        <f>Bühler!L499</f>
        <v>1.8244388609565363</v>
      </c>
      <c r="M473" s="57">
        <f>Bühler!M499</f>
        <v>0</v>
      </c>
      <c r="N473" s="55">
        <f>IF(Input!$K$13=1,J473*Input!$J$13,0)+IF(Input!$K$14=1,K473*Input!$J$14,0)+IF(Input!$K$15=1,L473*Input!$J$15,0)+IF(Input!$K$16=1,M473*Input!$J$16,0)</f>
        <v>11.436670271074975</v>
      </c>
      <c r="O473" s="58">
        <f>IF(Input!$K$13=2,J473*Input!$J$13,0)+IF(Input!$K$14=2,K473*Input!$J$14,0)+IF(Input!$K$15=2,L473*Input!$J$15,0)+IF(Input!$K$16=2,M473*Input!$J$16,0)</f>
        <v>0.49259849245826476</v>
      </c>
      <c r="P473" s="58">
        <f>IF(Input!$K$13=3,J473*Input!$J$13,0)+IF(Input!$K$14=3,K473*Input!$J$14,0)+IF(Input!$K$15=3,L473*Input!$J$15,0)+IF(Input!$K$16=3,M473*Input!$J$16,0)</f>
        <v>0</v>
      </c>
      <c r="Q473" s="71">
        <f>IF(Input!$K$13=4,J473*Input!$J$13,0)+IF(Input!$K$14=4,K473*Input!$J$14,0)+IF(Input!$K$15=4,L473*Input!$J$15,0)+IF(Input!$K$16=4,M473*Input!$J$16,0)</f>
        <v>0</v>
      </c>
    </row>
    <row r="474" spans="8:17" x14ac:dyDescent="0.25">
      <c r="H474" s="43">
        <v>467</v>
      </c>
      <c r="I474" s="55">
        <f>Bühler!I500</f>
        <v>20.148111196260842</v>
      </c>
      <c r="J474" s="58">
        <f>Bühler!J500</f>
        <v>95.305585592291465</v>
      </c>
      <c r="K474" s="58">
        <f>Bühler!K500</f>
        <v>3.6488777219130726</v>
      </c>
      <c r="L474" s="58">
        <f>Bühler!L500</f>
        <v>1.8244388609565363</v>
      </c>
      <c r="M474" s="57">
        <f>Bühler!M500</f>
        <v>0</v>
      </c>
      <c r="N474" s="55">
        <f>IF(Input!$K$13=1,J474*Input!$J$13,0)+IF(Input!$K$14=1,K474*Input!$J$14,0)+IF(Input!$K$15=1,L474*Input!$J$15,0)+IF(Input!$K$16=1,M474*Input!$J$16,0)</f>
        <v>11.436670271074975</v>
      </c>
      <c r="O474" s="58">
        <f>IF(Input!$K$13=2,J474*Input!$J$13,0)+IF(Input!$K$14=2,K474*Input!$J$14,0)+IF(Input!$K$15=2,L474*Input!$J$15,0)+IF(Input!$K$16=2,M474*Input!$J$16,0)</f>
        <v>0.49259849245826476</v>
      </c>
      <c r="P474" s="58">
        <f>IF(Input!$K$13=3,J474*Input!$J$13,0)+IF(Input!$K$14=3,K474*Input!$J$14,0)+IF(Input!$K$15=3,L474*Input!$J$15,0)+IF(Input!$K$16=3,M474*Input!$J$16,0)</f>
        <v>0</v>
      </c>
      <c r="Q474" s="71">
        <f>IF(Input!$K$13=4,J474*Input!$J$13,0)+IF(Input!$K$14=4,K474*Input!$J$14,0)+IF(Input!$K$15=4,L474*Input!$J$15,0)+IF(Input!$K$16=4,M474*Input!$J$16,0)</f>
        <v>0</v>
      </c>
    </row>
    <row r="475" spans="8:17" x14ac:dyDescent="0.25">
      <c r="H475" s="43">
        <v>468</v>
      </c>
      <c r="I475" s="55">
        <f>Bühler!I501</f>
        <v>23.811404141035538</v>
      </c>
      <c r="J475" s="58">
        <f>Bühler!J501</f>
        <v>112.63387388179902</v>
      </c>
      <c r="K475" s="58">
        <f>Bühler!K501</f>
        <v>4.3123100349881769</v>
      </c>
      <c r="L475" s="58">
        <f>Bühler!L501</f>
        <v>2.1561550174940884</v>
      </c>
      <c r="M475" s="57">
        <f>Bühler!M501</f>
        <v>0</v>
      </c>
      <c r="N475" s="55">
        <f>IF(Input!$K$13=1,J475*Input!$J$13,0)+IF(Input!$K$14=1,K475*Input!$J$14,0)+IF(Input!$K$15=1,L475*Input!$J$15,0)+IF(Input!$K$16=1,M475*Input!$J$16,0)</f>
        <v>13.516064865815881</v>
      </c>
      <c r="O475" s="58">
        <f>IF(Input!$K$13=2,J475*Input!$J$13,0)+IF(Input!$K$14=2,K475*Input!$J$14,0)+IF(Input!$K$15=2,L475*Input!$J$15,0)+IF(Input!$K$16=2,M475*Input!$J$16,0)</f>
        <v>0.58216185472340387</v>
      </c>
      <c r="P475" s="58">
        <f>IF(Input!$K$13=3,J475*Input!$J$13,0)+IF(Input!$K$14=3,K475*Input!$J$14,0)+IF(Input!$K$15=3,L475*Input!$J$15,0)+IF(Input!$K$16=3,M475*Input!$J$16,0)</f>
        <v>0</v>
      </c>
      <c r="Q475" s="71">
        <f>IF(Input!$K$13=4,J475*Input!$J$13,0)+IF(Input!$K$14=4,K475*Input!$J$14,0)+IF(Input!$K$15=4,L475*Input!$J$15,0)+IF(Input!$K$16=4,M475*Input!$J$16,0)</f>
        <v>0</v>
      </c>
    </row>
    <row r="476" spans="8:17" x14ac:dyDescent="0.25">
      <c r="H476" s="43">
        <v>469</v>
      </c>
      <c r="I476" s="55">
        <f>Bühler!I502</f>
        <v>23.811404141035538</v>
      </c>
      <c r="J476" s="58">
        <f>Bühler!J502</f>
        <v>112.63387388179902</v>
      </c>
      <c r="K476" s="58">
        <f>Bühler!K502</f>
        <v>4.3123100349881769</v>
      </c>
      <c r="L476" s="58">
        <f>Bühler!L502</f>
        <v>2.1561550174940884</v>
      </c>
      <c r="M476" s="57">
        <f>Bühler!M502</f>
        <v>0</v>
      </c>
      <c r="N476" s="55">
        <f>IF(Input!$K$13=1,J476*Input!$J$13,0)+IF(Input!$K$14=1,K476*Input!$J$14,0)+IF(Input!$K$15=1,L476*Input!$J$15,0)+IF(Input!$K$16=1,M476*Input!$J$16,0)</f>
        <v>13.516064865815881</v>
      </c>
      <c r="O476" s="58">
        <f>IF(Input!$K$13=2,J476*Input!$J$13,0)+IF(Input!$K$14=2,K476*Input!$J$14,0)+IF(Input!$K$15=2,L476*Input!$J$15,0)+IF(Input!$K$16=2,M476*Input!$J$16,0)</f>
        <v>0.58216185472340387</v>
      </c>
      <c r="P476" s="58">
        <f>IF(Input!$K$13=3,J476*Input!$J$13,0)+IF(Input!$K$14=3,K476*Input!$J$14,0)+IF(Input!$K$15=3,L476*Input!$J$15,0)+IF(Input!$K$16=3,M476*Input!$J$16,0)</f>
        <v>0</v>
      </c>
      <c r="Q476" s="71">
        <f>IF(Input!$K$13=4,J476*Input!$J$13,0)+IF(Input!$K$14=4,K476*Input!$J$14,0)+IF(Input!$K$15=4,L476*Input!$J$15,0)+IF(Input!$K$16=4,M476*Input!$J$16,0)</f>
        <v>0</v>
      </c>
    </row>
    <row r="477" spans="8:17" x14ac:dyDescent="0.25">
      <c r="H477" s="43">
        <v>470</v>
      </c>
      <c r="I477" s="55">
        <f>Bühler!I503</f>
        <v>16.484818251486143</v>
      </c>
      <c r="J477" s="58">
        <f>Bühler!J503</f>
        <v>77.977297302783938</v>
      </c>
      <c r="K477" s="58">
        <f>Bühler!K503</f>
        <v>2.9854454088379692</v>
      </c>
      <c r="L477" s="58">
        <f>Bühler!L503</f>
        <v>1.4927227044189846</v>
      </c>
      <c r="M477" s="57">
        <f>Bühler!M503</f>
        <v>0</v>
      </c>
      <c r="N477" s="55">
        <f>IF(Input!$K$13=1,J477*Input!$J$13,0)+IF(Input!$K$14=1,K477*Input!$J$14,0)+IF(Input!$K$15=1,L477*Input!$J$15,0)+IF(Input!$K$16=1,M477*Input!$J$16,0)</f>
        <v>9.3572756763340728</v>
      </c>
      <c r="O477" s="58">
        <f>IF(Input!$K$13=2,J477*Input!$J$13,0)+IF(Input!$K$14=2,K477*Input!$J$14,0)+IF(Input!$K$15=2,L477*Input!$J$15,0)+IF(Input!$K$16=2,M477*Input!$J$16,0)</f>
        <v>0.40303513019312581</v>
      </c>
      <c r="P477" s="58">
        <f>IF(Input!$K$13=3,J477*Input!$J$13,0)+IF(Input!$K$14=3,K477*Input!$J$14,0)+IF(Input!$K$15=3,L477*Input!$J$15,0)+IF(Input!$K$16=3,M477*Input!$J$16,0)</f>
        <v>0</v>
      </c>
      <c r="Q477" s="71">
        <f>IF(Input!$K$13=4,J477*Input!$J$13,0)+IF(Input!$K$14=4,K477*Input!$J$14,0)+IF(Input!$K$15=4,L477*Input!$J$15,0)+IF(Input!$K$16=4,M477*Input!$J$16,0)</f>
        <v>0</v>
      </c>
    </row>
    <row r="478" spans="8:17" x14ac:dyDescent="0.25">
      <c r="H478" s="43">
        <v>471</v>
      </c>
      <c r="I478" s="55">
        <f>Bühler!I504</f>
        <v>23.811404141035538</v>
      </c>
      <c r="J478" s="58">
        <f>Bühler!J504</f>
        <v>112.63387388179902</v>
      </c>
      <c r="K478" s="58">
        <f>Bühler!K504</f>
        <v>4.3123100349881769</v>
      </c>
      <c r="L478" s="58">
        <f>Bühler!L504</f>
        <v>2.1561550174940884</v>
      </c>
      <c r="M478" s="57">
        <f>Bühler!M504</f>
        <v>0</v>
      </c>
      <c r="N478" s="55">
        <f>IF(Input!$K$13=1,J478*Input!$J$13,0)+IF(Input!$K$14=1,K478*Input!$J$14,0)+IF(Input!$K$15=1,L478*Input!$J$15,0)+IF(Input!$K$16=1,M478*Input!$J$16,0)</f>
        <v>13.516064865815881</v>
      </c>
      <c r="O478" s="58">
        <f>IF(Input!$K$13=2,J478*Input!$J$13,0)+IF(Input!$K$14=2,K478*Input!$J$14,0)+IF(Input!$K$15=2,L478*Input!$J$15,0)+IF(Input!$K$16=2,M478*Input!$J$16,0)</f>
        <v>0.58216185472340387</v>
      </c>
      <c r="P478" s="58">
        <f>IF(Input!$K$13=3,J478*Input!$J$13,0)+IF(Input!$K$14=3,K478*Input!$J$14,0)+IF(Input!$K$15=3,L478*Input!$J$15,0)+IF(Input!$K$16=3,M478*Input!$J$16,0)</f>
        <v>0</v>
      </c>
      <c r="Q478" s="71">
        <f>IF(Input!$K$13=4,J478*Input!$J$13,0)+IF(Input!$K$14=4,K478*Input!$J$14,0)+IF(Input!$K$15=4,L478*Input!$J$15,0)+IF(Input!$K$16=4,M478*Input!$J$16,0)</f>
        <v>0</v>
      </c>
    </row>
    <row r="479" spans="8:17" x14ac:dyDescent="0.25">
      <c r="H479" s="43">
        <v>472</v>
      </c>
      <c r="I479" s="55">
        <f>Bühler!I505</f>
        <v>20.148111196260842</v>
      </c>
      <c r="J479" s="58">
        <f>Bühler!J505</f>
        <v>88.625725125957331</v>
      </c>
      <c r="K479" s="58">
        <f>Bühler!K505</f>
        <v>3.3171615653755211</v>
      </c>
      <c r="L479" s="58">
        <f>Bühler!L505</f>
        <v>1.6585807826877605</v>
      </c>
      <c r="M479" s="57">
        <f>Bühler!M505</f>
        <v>0</v>
      </c>
      <c r="N479" s="55">
        <f>IF(Input!$K$13=1,J479*Input!$J$13,0)+IF(Input!$K$14=1,K479*Input!$J$14,0)+IF(Input!$K$15=1,L479*Input!$J$15,0)+IF(Input!$K$16=1,M479*Input!$J$16,0)</f>
        <v>10.635087015114879</v>
      </c>
      <c r="O479" s="58">
        <f>IF(Input!$K$13=2,J479*Input!$J$13,0)+IF(Input!$K$14=2,K479*Input!$J$14,0)+IF(Input!$K$15=2,L479*Input!$J$15,0)+IF(Input!$K$16=2,M479*Input!$J$16,0)</f>
        <v>0.44781681132569529</v>
      </c>
      <c r="P479" s="58">
        <f>IF(Input!$K$13=3,J479*Input!$J$13,0)+IF(Input!$K$14=3,K479*Input!$J$14,0)+IF(Input!$K$15=3,L479*Input!$J$15,0)+IF(Input!$K$16=3,M479*Input!$J$16,0)</f>
        <v>0</v>
      </c>
      <c r="Q479" s="71">
        <f>IF(Input!$K$13=4,J479*Input!$J$13,0)+IF(Input!$K$14=4,K479*Input!$J$14,0)+IF(Input!$K$15=4,L479*Input!$J$15,0)+IF(Input!$K$16=4,M479*Input!$J$16,0)</f>
        <v>0</v>
      </c>
    </row>
    <row r="480" spans="8:17" x14ac:dyDescent="0.25">
      <c r="H480" s="43">
        <v>473</v>
      </c>
      <c r="I480" s="55">
        <f>Bühler!I506</f>
        <v>17.444252117974756</v>
      </c>
      <c r="J480" s="58">
        <f>Bühler!J506</f>
        <v>50.258787054257368</v>
      </c>
      <c r="K480" s="58">
        <f>Bühler!K506</f>
        <v>1.5573528475941416</v>
      </c>
      <c r="L480" s="58">
        <f>Bühler!L506</f>
        <v>0.7786764237970708</v>
      </c>
      <c r="M480" s="57">
        <f>Bühler!M506</f>
        <v>0</v>
      </c>
      <c r="N480" s="55">
        <f>IF(Input!$K$13=1,J480*Input!$J$13,0)+IF(Input!$K$14=1,K480*Input!$J$14,0)+IF(Input!$K$15=1,L480*Input!$J$15,0)+IF(Input!$K$16=1,M480*Input!$J$16,0)</f>
        <v>6.0310544465108844</v>
      </c>
      <c r="O480" s="58">
        <f>IF(Input!$K$13=2,J480*Input!$J$13,0)+IF(Input!$K$14=2,K480*Input!$J$14,0)+IF(Input!$K$15=2,L480*Input!$J$15,0)+IF(Input!$K$16=2,M480*Input!$J$16,0)</f>
        <v>0.2102426344252091</v>
      </c>
      <c r="P480" s="58">
        <f>IF(Input!$K$13=3,J480*Input!$J$13,0)+IF(Input!$K$14=3,K480*Input!$J$14,0)+IF(Input!$K$15=3,L480*Input!$J$15,0)+IF(Input!$K$16=3,M480*Input!$J$16,0)</f>
        <v>0</v>
      </c>
      <c r="Q480" s="71">
        <f>IF(Input!$K$13=4,J480*Input!$J$13,0)+IF(Input!$K$14=4,K480*Input!$J$14,0)+IF(Input!$K$15=4,L480*Input!$J$15,0)+IF(Input!$K$16=4,M480*Input!$J$16,0)</f>
        <v>0</v>
      </c>
    </row>
    <row r="481" spans="8:17" x14ac:dyDescent="0.25">
      <c r="H481" s="43">
        <v>474</v>
      </c>
      <c r="I481" s="55">
        <f>Bühler!I507</f>
        <v>14.653171779098793</v>
      </c>
      <c r="J481" s="58">
        <f>Bühler!J507</f>
        <v>36.572428618814939</v>
      </c>
      <c r="K481" s="58">
        <f>Bühler!K507</f>
        <v>1.0278528794121333</v>
      </c>
      <c r="L481" s="58">
        <f>Bühler!L507</f>
        <v>0.51392643970606666</v>
      </c>
      <c r="M481" s="57">
        <f>Bühler!M507</f>
        <v>0</v>
      </c>
      <c r="N481" s="55">
        <f>IF(Input!$K$13=1,J481*Input!$J$13,0)+IF(Input!$K$14=1,K481*Input!$J$14,0)+IF(Input!$K$15=1,L481*Input!$J$15,0)+IF(Input!$K$16=1,M481*Input!$J$16,0)</f>
        <v>4.388691434257793</v>
      </c>
      <c r="O481" s="58">
        <f>IF(Input!$K$13=2,J481*Input!$J$13,0)+IF(Input!$K$14=2,K481*Input!$J$14,0)+IF(Input!$K$15=2,L481*Input!$J$15,0)+IF(Input!$K$16=2,M481*Input!$J$16,0)</f>
        <v>0.138760138720638</v>
      </c>
      <c r="P481" s="58">
        <f>IF(Input!$K$13=3,J481*Input!$J$13,0)+IF(Input!$K$14=3,K481*Input!$J$14,0)+IF(Input!$K$15=3,L481*Input!$J$15,0)+IF(Input!$K$16=3,M481*Input!$J$16,0)</f>
        <v>0</v>
      </c>
      <c r="Q481" s="71">
        <f>IF(Input!$K$13=4,J481*Input!$J$13,0)+IF(Input!$K$14=4,K481*Input!$J$14,0)+IF(Input!$K$15=4,L481*Input!$J$15,0)+IF(Input!$K$16=4,M481*Input!$J$16,0)</f>
        <v>0</v>
      </c>
    </row>
    <row r="482" spans="8:17" x14ac:dyDescent="0.25">
      <c r="H482" s="43">
        <v>475</v>
      </c>
      <c r="I482" s="55">
        <f>Bühler!I508</f>
        <v>5.4077181565721739</v>
      </c>
      <c r="J482" s="58">
        <f>Bühler!J508</f>
        <v>19.029917185396101</v>
      </c>
      <c r="K482" s="58">
        <f>Bühler!K508</f>
        <v>0.65408819598953938</v>
      </c>
      <c r="L482" s="58">
        <f>Bühler!L508</f>
        <v>0.32704409799476969</v>
      </c>
      <c r="M482" s="57">
        <f>Bühler!M508</f>
        <v>0</v>
      </c>
      <c r="N482" s="55">
        <f>IF(Input!$K$13=1,J482*Input!$J$13,0)+IF(Input!$K$14=1,K482*Input!$J$14,0)+IF(Input!$K$15=1,L482*Input!$J$15,0)+IF(Input!$K$16=1,M482*Input!$J$16,0)</f>
        <v>2.2835900622475322</v>
      </c>
      <c r="O482" s="58">
        <f>IF(Input!$K$13=2,J482*Input!$J$13,0)+IF(Input!$K$14=2,K482*Input!$J$14,0)+IF(Input!$K$15=2,L482*Input!$J$15,0)+IF(Input!$K$16=2,M482*Input!$J$16,0)</f>
        <v>8.830190645858782E-2</v>
      </c>
      <c r="P482" s="58">
        <f>IF(Input!$K$13=3,J482*Input!$J$13,0)+IF(Input!$K$14=3,K482*Input!$J$14,0)+IF(Input!$K$15=3,L482*Input!$J$15,0)+IF(Input!$K$16=3,M482*Input!$J$16,0)</f>
        <v>0</v>
      </c>
      <c r="Q482" s="71">
        <f>IF(Input!$K$13=4,J482*Input!$J$13,0)+IF(Input!$K$14=4,K482*Input!$J$14,0)+IF(Input!$K$15=4,L482*Input!$J$15,0)+IF(Input!$K$16=4,M482*Input!$J$16,0)</f>
        <v>0</v>
      </c>
    </row>
    <row r="483" spans="8:17" x14ac:dyDescent="0.25">
      <c r="H483" s="43">
        <v>476</v>
      </c>
      <c r="I483" s="55">
        <f>Bühler!I509</f>
        <v>5.4077181565721739</v>
      </c>
      <c r="J483" s="58">
        <f>Bühler!J509</f>
        <v>18.402700240200407</v>
      </c>
      <c r="K483" s="58">
        <f>Bühler!K509</f>
        <v>0.62294113903765658</v>
      </c>
      <c r="L483" s="58">
        <f>Bühler!L509</f>
        <v>0.31147056951882829</v>
      </c>
      <c r="M483" s="57">
        <f>Bühler!M509</f>
        <v>0</v>
      </c>
      <c r="N483" s="55">
        <f>IF(Input!$K$13=1,J483*Input!$J$13,0)+IF(Input!$K$14=1,K483*Input!$J$14,0)+IF(Input!$K$15=1,L483*Input!$J$15,0)+IF(Input!$K$16=1,M483*Input!$J$16,0)</f>
        <v>2.2083240288240487</v>
      </c>
      <c r="O483" s="58">
        <f>IF(Input!$K$13=2,J483*Input!$J$13,0)+IF(Input!$K$14=2,K483*Input!$J$14,0)+IF(Input!$K$15=2,L483*Input!$J$15,0)+IF(Input!$K$16=2,M483*Input!$J$16,0)</f>
        <v>8.4097053770083641E-2</v>
      </c>
      <c r="P483" s="58">
        <f>IF(Input!$K$13=3,J483*Input!$J$13,0)+IF(Input!$K$14=3,K483*Input!$J$14,0)+IF(Input!$K$15=3,L483*Input!$J$15,0)+IF(Input!$K$16=3,M483*Input!$J$16,0)</f>
        <v>0</v>
      </c>
      <c r="Q483" s="71">
        <f>IF(Input!$K$13=4,J483*Input!$J$13,0)+IF(Input!$K$14=4,K483*Input!$J$14,0)+IF(Input!$K$15=4,L483*Input!$J$15,0)+IF(Input!$K$16=4,M483*Input!$J$16,0)</f>
        <v>0</v>
      </c>
    </row>
    <row r="484" spans="8:17" x14ac:dyDescent="0.25">
      <c r="H484" s="43">
        <v>477</v>
      </c>
      <c r="I484" s="55">
        <f>Bühler!I510</f>
        <v>5.4077181565721739</v>
      </c>
      <c r="J484" s="58">
        <f>Bühler!J510</f>
        <v>18.402700240200407</v>
      </c>
      <c r="K484" s="58">
        <f>Bühler!K510</f>
        <v>0.62294113903765658</v>
      </c>
      <c r="L484" s="58">
        <f>Bühler!L510</f>
        <v>0.31147056951882829</v>
      </c>
      <c r="M484" s="57">
        <f>Bühler!M510</f>
        <v>0</v>
      </c>
      <c r="N484" s="55">
        <f>IF(Input!$K$13=1,J484*Input!$J$13,0)+IF(Input!$K$14=1,K484*Input!$J$14,0)+IF(Input!$K$15=1,L484*Input!$J$15,0)+IF(Input!$K$16=1,M484*Input!$J$16,0)</f>
        <v>2.2083240288240487</v>
      </c>
      <c r="O484" s="58">
        <f>IF(Input!$K$13=2,J484*Input!$J$13,0)+IF(Input!$K$14=2,K484*Input!$J$14,0)+IF(Input!$K$15=2,L484*Input!$J$15,0)+IF(Input!$K$16=2,M484*Input!$J$16,0)</f>
        <v>8.4097053770083641E-2</v>
      </c>
      <c r="P484" s="58">
        <f>IF(Input!$K$13=3,J484*Input!$J$13,0)+IF(Input!$K$14=3,K484*Input!$J$14,0)+IF(Input!$K$15=3,L484*Input!$J$15,0)+IF(Input!$K$16=3,M484*Input!$J$16,0)</f>
        <v>0</v>
      </c>
      <c r="Q484" s="71">
        <f>IF(Input!$K$13=4,J484*Input!$J$13,0)+IF(Input!$K$14=4,K484*Input!$J$14,0)+IF(Input!$K$15=4,L484*Input!$J$15,0)+IF(Input!$K$16=4,M484*Input!$J$16,0)</f>
        <v>0</v>
      </c>
    </row>
    <row r="485" spans="8:17" x14ac:dyDescent="0.25">
      <c r="H485" s="43">
        <v>478</v>
      </c>
      <c r="I485" s="55">
        <f>Bühler!I511</f>
        <v>5.4077181565721739</v>
      </c>
      <c r="J485" s="58">
        <f>Bühler!J511</f>
        <v>18.402700240200407</v>
      </c>
      <c r="K485" s="58">
        <f>Bühler!K511</f>
        <v>0.62294113903765658</v>
      </c>
      <c r="L485" s="58">
        <f>Bühler!L511</f>
        <v>0.31147056951882829</v>
      </c>
      <c r="M485" s="57">
        <f>Bühler!M511</f>
        <v>0</v>
      </c>
      <c r="N485" s="55">
        <f>IF(Input!$K$13=1,J485*Input!$J$13,0)+IF(Input!$K$14=1,K485*Input!$J$14,0)+IF(Input!$K$15=1,L485*Input!$J$15,0)+IF(Input!$K$16=1,M485*Input!$J$16,0)</f>
        <v>2.2083240288240487</v>
      </c>
      <c r="O485" s="58">
        <f>IF(Input!$K$13=2,J485*Input!$J$13,0)+IF(Input!$K$14=2,K485*Input!$J$14,0)+IF(Input!$K$15=2,L485*Input!$J$15,0)+IF(Input!$K$16=2,M485*Input!$J$16,0)</f>
        <v>8.4097053770083641E-2</v>
      </c>
      <c r="P485" s="58">
        <f>IF(Input!$K$13=3,J485*Input!$J$13,0)+IF(Input!$K$14=3,K485*Input!$J$14,0)+IF(Input!$K$15=3,L485*Input!$J$15,0)+IF(Input!$K$16=3,M485*Input!$J$16,0)</f>
        <v>0</v>
      </c>
      <c r="Q485" s="71">
        <f>IF(Input!$K$13=4,J485*Input!$J$13,0)+IF(Input!$K$14=4,K485*Input!$J$14,0)+IF(Input!$K$15=4,L485*Input!$J$15,0)+IF(Input!$K$16=4,M485*Input!$J$16,0)</f>
        <v>0</v>
      </c>
    </row>
    <row r="486" spans="8:17" x14ac:dyDescent="0.25">
      <c r="H486" s="43">
        <v>479</v>
      </c>
      <c r="I486" s="55">
        <f>Bühler!I512</f>
        <v>5.4077181565721739</v>
      </c>
      <c r="J486" s="58">
        <f>Bühler!J512</f>
        <v>18.402700240200407</v>
      </c>
      <c r="K486" s="58">
        <f>Bühler!K512</f>
        <v>0.62294113903765658</v>
      </c>
      <c r="L486" s="58">
        <f>Bühler!L512</f>
        <v>0.31147056951882829</v>
      </c>
      <c r="M486" s="57">
        <f>Bühler!M512</f>
        <v>0</v>
      </c>
      <c r="N486" s="55">
        <f>IF(Input!$K$13=1,J486*Input!$J$13,0)+IF(Input!$K$14=1,K486*Input!$J$14,0)+IF(Input!$K$15=1,L486*Input!$J$15,0)+IF(Input!$K$16=1,M486*Input!$J$16,0)</f>
        <v>2.2083240288240487</v>
      </c>
      <c r="O486" s="58">
        <f>IF(Input!$K$13=2,J486*Input!$J$13,0)+IF(Input!$K$14=2,K486*Input!$J$14,0)+IF(Input!$K$15=2,L486*Input!$J$15,0)+IF(Input!$K$16=2,M486*Input!$J$16,0)</f>
        <v>8.4097053770083641E-2</v>
      </c>
      <c r="P486" s="58">
        <f>IF(Input!$K$13=3,J486*Input!$J$13,0)+IF(Input!$K$14=3,K486*Input!$J$14,0)+IF(Input!$K$15=3,L486*Input!$J$15,0)+IF(Input!$K$16=3,M486*Input!$J$16,0)</f>
        <v>0</v>
      </c>
      <c r="Q486" s="71">
        <f>IF(Input!$K$13=4,J486*Input!$J$13,0)+IF(Input!$K$14=4,K486*Input!$J$14,0)+IF(Input!$K$15=4,L486*Input!$J$15,0)+IF(Input!$K$16=4,M486*Input!$J$16,0)</f>
        <v>0</v>
      </c>
    </row>
    <row r="487" spans="8:17" x14ac:dyDescent="0.25">
      <c r="H487" s="43">
        <v>480</v>
      </c>
      <c r="I487" s="55">
        <f>Bühler!I513</f>
        <v>5.4077181565721739</v>
      </c>
      <c r="J487" s="58">
        <f>Bühler!J513</f>
        <v>18.402700240200407</v>
      </c>
      <c r="K487" s="58">
        <f>Bühler!K513</f>
        <v>0.62294113903765658</v>
      </c>
      <c r="L487" s="58">
        <f>Bühler!L513</f>
        <v>0.31147056951882829</v>
      </c>
      <c r="M487" s="57">
        <f>Bühler!M513</f>
        <v>0</v>
      </c>
      <c r="N487" s="55">
        <f>IF(Input!$K$13=1,J487*Input!$J$13,0)+IF(Input!$K$14=1,K487*Input!$J$14,0)+IF(Input!$K$15=1,L487*Input!$J$15,0)+IF(Input!$K$16=1,M487*Input!$J$16,0)</f>
        <v>2.2083240288240487</v>
      </c>
      <c r="O487" s="58">
        <f>IF(Input!$K$13=2,J487*Input!$J$13,0)+IF(Input!$K$14=2,K487*Input!$J$14,0)+IF(Input!$K$15=2,L487*Input!$J$15,0)+IF(Input!$K$16=2,M487*Input!$J$16,0)</f>
        <v>8.4097053770083641E-2</v>
      </c>
      <c r="P487" s="58">
        <f>IF(Input!$K$13=3,J487*Input!$J$13,0)+IF(Input!$K$14=3,K487*Input!$J$14,0)+IF(Input!$K$15=3,L487*Input!$J$15,0)+IF(Input!$K$16=3,M487*Input!$J$16,0)</f>
        <v>0</v>
      </c>
      <c r="Q487" s="71">
        <f>IF(Input!$K$13=4,J487*Input!$J$13,0)+IF(Input!$K$14=4,K487*Input!$J$14,0)+IF(Input!$K$15=4,L487*Input!$J$15,0)+IF(Input!$K$16=4,M487*Input!$J$16,0)</f>
        <v>0</v>
      </c>
    </row>
    <row r="488" spans="8:17" x14ac:dyDescent="0.25">
      <c r="H488" s="43">
        <v>481</v>
      </c>
      <c r="I488" s="55">
        <f>Bühler!I514</f>
        <v>2.5340047244852482</v>
      </c>
      <c r="J488" s="58">
        <f>Bühler!J514</f>
        <v>20.661445941754948</v>
      </c>
      <c r="K488" s="58">
        <f>Bühler!K514</f>
        <v>0.51454193247422586</v>
      </c>
      <c r="L488" s="58">
        <f>Bühler!L514</f>
        <v>0.25727096623711293</v>
      </c>
      <c r="M488" s="57">
        <f>Bühler!M514</f>
        <v>0</v>
      </c>
      <c r="N488" s="55">
        <f>IF(Input!$K$13=1,J488*Input!$J$13,0)+IF(Input!$K$14=1,K488*Input!$J$14,0)+IF(Input!$K$15=1,L488*Input!$J$15,0)+IF(Input!$K$16=1,M488*Input!$J$16,0)</f>
        <v>2.4793735130105938</v>
      </c>
      <c r="O488" s="58">
        <f>IF(Input!$K$13=2,J488*Input!$J$13,0)+IF(Input!$K$14=2,K488*Input!$J$14,0)+IF(Input!$K$15=2,L488*Input!$J$15,0)+IF(Input!$K$16=2,M488*Input!$J$16,0)</f>
        <v>6.9463160884020492E-2</v>
      </c>
      <c r="P488" s="58">
        <f>IF(Input!$K$13=3,J488*Input!$J$13,0)+IF(Input!$K$14=3,K488*Input!$J$14,0)+IF(Input!$K$15=3,L488*Input!$J$15,0)+IF(Input!$K$16=3,M488*Input!$J$16,0)</f>
        <v>0</v>
      </c>
      <c r="Q488" s="71">
        <f>IF(Input!$K$13=4,J488*Input!$J$13,0)+IF(Input!$K$14=4,K488*Input!$J$14,0)+IF(Input!$K$15=4,L488*Input!$J$15,0)+IF(Input!$K$16=4,M488*Input!$J$16,0)</f>
        <v>0</v>
      </c>
    </row>
    <row r="489" spans="8:17" x14ac:dyDescent="0.25">
      <c r="H489" s="43">
        <v>482</v>
      </c>
      <c r="I489" s="55">
        <f>Bühler!I515</f>
        <v>4.9473425573283425</v>
      </c>
      <c r="J489" s="58">
        <f>Bühler!J515</f>
        <v>19.618011857982641</v>
      </c>
      <c r="K489" s="58">
        <f>Bühler!K515</f>
        <v>0.4630877392268033</v>
      </c>
      <c r="L489" s="58">
        <f>Bühler!L515</f>
        <v>0.23154386961340165</v>
      </c>
      <c r="M489" s="57">
        <f>Bühler!M515</f>
        <v>0</v>
      </c>
      <c r="N489" s="55">
        <f>IF(Input!$K$13=1,J489*Input!$J$13,0)+IF(Input!$K$14=1,K489*Input!$J$14,0)+IF(Input!$K$15=1,L489*Input!$J$15,0)+IF(Input!$K$16=1,M489*Input!$J$16,0)</f>
        <v>2.3541614229579166</v>
      </c>
      <c r="O489" s="58">
        <f>IF(Input!$K$13=2,J489*Input!$J$13,0)+IF(Input!$K$14=2,K489*Input!$J$14,0)+IF(Input!$K$15=2,L489*Input!$J$15,0)+IF(Input!$K$16=2,M489*Input!$J$16,0)</f>
        <v>6.2516844795618448E-2</v>
      </c>
      <c r="P489" s="58">
        <f>IF(Input!$K$13=3,J489*Input!$J$13,0)+IF(Input!$K$14=3,K489*Input!$J$14,0)+IF(Input!$K$15=3,L489*Input!$J$15,0)+IF(Input!$K$16=3,M489*Input!$J$16,0)</f>
        <v>0</v>
      </c>
      <c r="Q489" s="71">
        <f>IF(Input!$K$13=4,J489*Input!$J$13,0)+IF(Input!$K$14=4,K489*Input!$J$14,0)+IF(Input!$K$15=4,L489*Input!$J$15,0)+IF(Input!$K$16=4,M489*Input!$J$16,0)</f>
        <v>0</v>
      </c>
    </row>
    <row r="490" spans="8:17" x14ac:dyDescent="0.25">
      <c r="H490" s="43">
        <v>483</v>
      </c>
      <c r="I490" s="55">
        <f>Bühler!I516</f>
        <v>4.9473425573283425</v>
      </c>
      <c r="J490" s="58">
        <f>Bühler!J516</f>
        <v>19.618011857982641</v>
      </c>
      <c r="K490" s="58">
        <f>Bühler!K516</f>
        <v>0.4630877392268033</v>
      </c>
      <c r="L490" s="58">
        <f>Bühler!L516</f>
        <v>0.23154386961340165</v>
      </c>
      <c r="M490" s="57">
        <f>Bühler!M516</f>
        <v>0</v>
      </c>
      <c r="N490" s="55">
        <f>IF(Input!$K$13=1,J490*Input!$J$13,0)+IF(Input!$K$14=1,K490*Input!$J$14,0)+IF(Input!$K$15=1,L490*Input!$J$15,0)+IF(Input!$K$16=1,M490*Input!$J$16,0)</f>
        <v>2.3541614229579166</v>
      </c>
      <c r="O490" s="58">
        <f>IF(Input!$K$13=2,J490*Input!$J$13,0)+IF(Input!$K$14=2,K490*Input!$J$14,0)+IF(Input!$K$15=2,L490*Input!$J$15,0)+IF(Input!$K$16=2,M490*Input!$J$16,0)</f>
        <v>6.2516844795618448E-2</v>
      </c>
      <c r="P490" s="58">
        <f>IF(Input!$K$13=3,J490*Input!$J$13,0)+IF(Input!$K$14=3,K490*Input!$J$14,0)+IF(Input!$K$15=3,L490*Input!$J$15,0)+IF(Input!$K$16=3,M490*Input!$J$16,0)</f>
        <v>0</v>
      </c>
      <c r="Q490" s="71">
        <f>IF(Input!$K$13=4,J490*Input!$J$13,0)+IF(Input!$K$14=4,K490*Input!$J$14,0)+IF(Input!$K$15=4,L490*Input!$J$15,0)+IF(Input!$K$16=4,M490*Input!$J$16,0)</f>
        <v>0</v>
      </c>
    </row>
    <row r="491" spans="8:17" x14ac:dyDescent="0.25">
      <c r="H491" s="43">
        <v>484</v>
      </c>
      <c r="I491" s="55">
        <f>Bühler!I517</f>
        <v>4.9473425573283425</v>
      </c>
      <c r="J491" s="58">
        <f>Bühler!J517</f>
        <v>19.618011857982641</v>
      </c>
      <c r="K491" s="58">
        <f>Bühler!K517</f>
        <v>0.4630877392268033</v>
      </c>
      <c r="L491" s="58">
        <f>Bühler!L517</f>
        <v>0.23154386961340165</v>
      </c>
      <c r="M491" s="57">
        <f>Bühler!M517</f>
        <v>0</v>
      </c>
      <c r="N491" s="55">
        <f>IF(Input!$K$13=1,J491*Input!$J$13,0)+IF(Input!$K$14=1,K491*Input!$J$14,0)+IF(Input!$K$15=1,L491*Input!$J$15,0)+IF(Input!$K$16=1,M491*Input!$J$16,0)</f>
        <v>2.3541614229579166</v>
      </c>
      <c r="O491" s="58">
        <f>IF(Input!$K$13=2,J491*Input!$J$13,0)+IF(Input!$K$14=2,K491*Input!$J$14,0)+IF(Input!$K$15=2,L491*Input!$J$15,0)+IF(Input!$K$16=2,M491*Input!$J$16,0)</f>
        <v>6.2516844795618448E-2</v>
      </c>
      <c r="P491" s="58">
        <f>IF(Input!$K$13=3,J491*Input!$J$13,0)+IF(Input!$K$14=3,K491*Input!$J$14,0)+IF(Input!$K$15=3,L491*Input!$J$15,0)+IF(Input!$K$16=3,M491*Input!$J$16,0)</f>
        <v>0</v>
      </c>
      <c r="Q491" s="71">
        <f>IF(Input!$K$13=4,J491*Input!$J$13,0)+IF(Input!$K$14=4,K491*Input!$J$14,0)+IF(Input!$K$15=4,L491*Input!$J$15,0)+IF(Input!$K$16=4,M491*Input!$J$16,0)</f>
        <v>0</v>
      </c>
    </row>
    <row r="492" spans="8:17" x14ac:dyDescent="0.25">
      <c r="H492" s="43">
        <v>485</v>
      </c>
      <c r="I492" s="55">
        <f>Bühler!I518</f>
        <v>4.9473425573283425</v>
      </c>
      <c r="J492" s="58">
        <f>Bühler!J518</f>
        <v>19.618011857982641</v>
      </c>
      <c r="K492" s="58">
        <f>Bühler!K518</f>
        <v>0.4630877392268033</v>
      </c>
      <c r="L492" s="58">
        <f>Bühler!L518</f>
        <v>0.23154386961340165</v>
      </c>
      <c r="M492" s="57">
        <f>Bühler!M518</f>
        <v>0</v>
      </c>
      <c r="N492" s="55">
        <f>IF(Input!$K$13=1,J492*Input!$J$13,0)+IF(Input!$K$14=1,K492*Input!$J$14,0)+IF(Input!$K$15=1,L492*Input!$J$15,0)+IF(Input!$K$16=1,M492*Input!$J$16,0)</f>
        <v>2.3541614229579166</v>
      </c>
      <c r="O492" s="58">
        <f>IF(Input!$K$13=2,J492*Input!$J$13,0)+IF(Input!$K$14=2,K492*Input!$J$14,0)+IF(Input!$K$15=2,L492*Input!$J$15,0)+IF(Input!$K$16=2,M492*Input!$J$16,0)</f>
        <v>6.2516844795618448E-2</v>
      </c>
      <c r="P492" s="58">
        <f>IF(Input!$K$13=3,J492*Input!$J$13,0)+IF(Input!$K$14=3,K492*Input!$J$14,0)+IF(Input!$K$15=3,L492*Input!$J$15,0)+IF(Input!$K$16=3,M492*Input!$J$16,0)</f>
        <v>0</v>
      </c>
      <c r="Q492" s="71">
        <f>IF(Input!$K$13=4,J492*Input!$J$13,0)+IF(Input!$K$14=4,K492*Input!$J$14,0)+IF(Input!$K$15=4,L492*Input!$J$15,0)+IF(Input!$K$16=4,M492*Input!$J$16,0)</f>
        <v>0</v>
      </c>
    </row>
    <row r="493" spans="8:17" x14ac:dyDescent="0.25">
      <c r="H493" s="43">
        <v>486</v>
      </c>
      <c r="I493" s="55">
        <f>Bühler!I519</f>
        <v>6.1540114737498897</v>
      </c>
      <c r="J493" s="58">
        <f>Bühler!J519</f>
        <v>19.668289729500206</v>
      </c>
      <c r="K493" s="58">
        <f>Bühler!K519</f>
        <v>0.4630877392268033</v>
      </c>
      <c r="L493" s="58">
        <f>Bühler!L519</f>
        <v>0.23154386961340165</v>
      </c>
      <c r="M493" s="57">
        <f>Bühler!M519</f>
        <v>0</v>
      </c>
      <c r="N493" s="55">
        <f>IF(Input!$K$13=1,J493*Input!$J$13,0)+IF(Input!$K$14=1,K493*Input!$J$14,0)+IF(Input!$K$15=1,L493*Input!$J$15,0)+IF(Input!$K$16=1,M493*Input!$J$16,0)</f>
        <v>2.3601947675400248</v>
      </c>
      <c r="O493" s="58">
        <f>IF(Input!$K$13=2,J493*Input!$J$13,0)+IF(Input!$K$14=2,K493*Input!$J$14,0)+IF(Input!$K$15=2,L493*Input!$J$15,0)+IF(Input!$K$16=2,M493*Input!$J$16,0)</f>
        <v>6.2516844795618448E-2</v>
      </c>
      <c r="P493" s="58">
        <f>IF(Input!$K$13=3,J493*Input!$J$13,0)+IF(Input!$K$14=3,K493*Input!$J$14,0)+IF(Input!$K$15=3,L493*Input!$J$15,0)+IF(Input!$K$16=3,M493*Input!$J$16,0)</f>
        <v>0</v>
      </c>
      <c r="Q493" s="71">
        <f>IF(Input!$K$13=4,J493*Input!$J$13,0)+IF(Input!$K$14=4,K493*Input!$J$14,0)+IF(Input!$K$15=4,L493*Input!$J$15,0)+IF(Input!$K$16=4,M493*Input!$J$16,0)</f>
        <v>0</v>
      </c>
    </row>
    <row r="494" spans="8:17" x14ac:dyDescent="0.25">
      <c r="H494" s="43">
        <v>487</v>
      </c>
      <c r="I494" s="55">
        <f>Bühler!I520</f>
        <v>7.7226810650978992</v>
      </c>
      <c r="J494" s="58">
        <f>Bühler!J520</f>
        <v>19.733650962473039</v>
      </c>
      <c r="K494" s="58">
        <f>Bühler!K520</f>
        <v>0.4630877392268033</v>
      </c>
      <c r="L494" s="58">
        <f>Bühler!L520</f>
        <v>0.23154386961340165</v>
      </c>
      <c r="M494" s="57">
        <f>Bühler!M520</f>
        <v>0</v>
      </c>
      <c r="N494" s="55">
        <f>IF(Input!$K$13=1,J494*Input!$J$13,0)+IF(Input!$K$14=1,K494*Input!$J$14,0)+IF(Input!$K$15=1,L494*Input!$J$15,0)+IF(Input!$K$16=1,M494*Input!$J$16,0)</f>
        <v>2.3680381154967645</v>
      </c>
      <c r="O494" s="58">
        <f>IF(Input!$K$13=2,J494*Input!$J$13,0)+IF(Input!$K$14=2,K494*Input!$J$14,0)+IF(Input!$K$15=2,L494*Input!$J$15,0)+IF(Input!$K$16=2,M494*Input!$J$16,0)</f>
        <v>6.2516844795618448E-2</v>
      </c>
      <c r="P494" s="58">
        <f>IF(Input!$K$13=3,J494*Input!$J$13,0)+IF(Input!$K$14=3,K494*Input!$J$14,0)+IF(Input!$K$15=3,L494*Input!$J$15,0)+IF(Input!$K$16=3,M494*Input!$J$16,0)</f>
        <v>0</v>
      </c>
      <c r="Q494" s="71">
        <f>IF(Input!$K$13=4,J494*Input!$J$13,0)+IF(Input!$K$14=4,K494*Input!$J$14,0)+IF(Input!$K$15=4,L494*Input!$J$15,0)+IF(Input!$K$16=4,M494*Input!$J$16,0)</f>
        <v>0</v>
      </c>
    </row>
    <row r="495" spans="8:17" x14ac:dyDescent="0.25">
      <c r="H495" s="43">
        <v>488</v>
      </c>
      <c r="I495" s="55">
        <f>Bühler!I521</f>
        <v>8.8086830898772934</v>
      </c>
      <c r="J495" s="58">
        <f>Bühler!J521</f>
        <v>19.778901046838847</v>
      </c>
      <c r="K495" s="58">
        <f>Bühler!K521</f>
        <v>0.4630877392268033</v>
      </c>
      <c r="L495" s="58">
        <f>Bühler!L521</f>
        <v>0.23154386961340165</v>
      </c>
      <c r="M495" s="57">
        <f>Bühler!M521</f>
        <v>0</v>
      </c>
      <c r="N495" s="55">
        <f>IF(Input!$K$13=1,J495*Input!$J$13,0)+IF(Input!$K$14=1,K495*Input!$J$14,0)+IF(Input!$K$15=1,L495*Input!$J$15,0)+IF(Input!$K$16=1,M495*Input!$J$16,0)</f>
        <v>2.3734681256206613</v>
      </c>
      <c r="O495" s="58">
        <f>IF(Input!$K$13=2,J495*Input!$J$13,0)+IF(Input!$K$14=2,K495*Input!$J$14,0)+IF(Input!$K$15=2,L495*Input!$J$15,0)+IF(Input!$K$16=2,M495*Input!$J$16,0)</f>
        <v>6.2516844795618448E-2</v>
      </c>
      <c r="P495" s="58">
        <f>IF(Input!$K$13=3,J495*Input!$J$13,0)+IF(Input!$K$14=3,K495*Input!$J$14,0)+IF(Input!$K$15=3,L495*Input!$J$15,0)+IF(Input!$K$16=3,M495*Input!$J$16,0)</f>
        <v>0</v>
      </c>
      <c r="Q495" s="71">
        <f>IF(Input!$K$13=4,J495*Input!$J$13,0)+IF(Input!$K$14=4,K495*Input!$J$14,0)+IF(Input!$K$15=4,L495*Input!$J$15,0)+IF(Input!$K$16=4,M495*Input!$J$16,0)</f>
        <v>0</v>
      </c>
    </row>
    <row r="496" spans="8:17" x14ac:dyDescent="0.25">
      <c r="H496" s="43">
        <v>489</v>
      </c>
      <c r="I496" s="55">
        <f>Bühler!I522</f>
        <v>8.8086830898772934</v>
      </c>
      <c r="J496" s="58">
        <f>Bühler!J522</f>
        <v>19.778901046838847</v>
      </c>
      <c r="K496" s="58">
        <f>Bühler!K522</f>
        <v>0.4630877392268033</v>
      </c>
      <c r="L496" s="58">
        <f>Bühler!L522</f>
        <v>0.23154386961340165</v>
      </c>
      <c r="M496" s="57">
        <f>Bühler!M522</f>
        <v>0</v>
      </c>
      <c r="N496" s="55">
        <f>IF(Input!$K$13=1,J496*Input!$J$13,0)+IF(Input!$K$14=1,K496*Input!$J$14,0)+IF(Input!$K$15=1,L496*Input!$J$15,0)+IF(Input!$K$16=1,M496*Input!$J$16,0)</f>
        <v>2.3734681256206613</v>
      </c>
      <c r="O496" s="58">
        <f>IF(Input!$K$13=2,J496*Input!$J$13,0)+IF(Input!$K$14=2,K496*Input!$J$14,0)+IF(Input!$K$15=2,L496*Input!$J$15,0)+IF(Input!$K$16=2,M496*Input!$J$16,0)</f>
        <v>6.2516844795618448E-2</v>
      </c>
      <c r="P496" s="58">
        <f>IF(Input!$K$13=3,J496*Input!$J$13,0)+IF(Input!$K$14=3,K496*Input!$J$14,0)+IF(Input!$K$15=3,L496*Input!$J$15,0)+IF(Input!$K$16=3,M496*Input!$J$16,0)</f>
        <v>0</v>
      </c>
      <c r="Q496" s="71">
        <f>IF(Input!$K$13=4,J496*Input!$J$13,0)+IF(Input!$K$14=4,K496*Input!$J$14,0)+IF(Input!$K$15=4,L496*Input!$J$15,0)+IF(Input!$K$16=4,M496*Input!$J$16,0)</f>
        <v>0</v>
      </c>
    </row>
    <row r="497" spans="8:17" x14ac:dyDescent="0.25">
      <c r="H497" s="43">
        <v>490</v>
      </c>
      <c r="I497" s="55">
        <f>Bühler!I523</f>
        <v>8.8086830898772934</v>
      </c>
      <c r="J497" s="58">
        <f>Bühler!J523</f>
        <v>19.778901046838847</v>
      </c>
      <c r="K497" s="58">
        <f>Bühler!K523</f>
        <v>0.4630877392268033</v>
      </c>
      <c r="L497" s="58">
        <f>Bühler!L523</f>
        <v>0.23154386961340165</v>
      </c>
      <c r="M497" s="57">
        <f>Bühler!M523</f>
        <v>0</v>
      </c>
      <c r="N497" s="55">
        <f>IF(Input!$K$13=1,J497*Input!$J$13,0)+IF(Input!$K$14=1,K497*Input!$J$14,0)+IF(Input!$K$15=1,L497*Input!$J$15,0)+IF(Input!$K$16=1,M497*Input!$J$16,0)</f>
        <v>2.3734681256206613</v>
      </c>
      <c r="O497" s="58">
        <f>IF(Input!$K$13=2,J497*Input!$J$13,0)+IF(Input!$K$14=2,K497*Input!$J$14,0)+IF(Input!$K$15=2,L497*Input!$J$15,0)+IF(Input!$K$16=2,M497*Input!$J$16,0)</f>
        <v>6.2516844795618448E-2</v>
      </c>
      <c r="P497" s="58">
        <f>IF(Input!$K$13=3,J497*Input!$J$13,0)+IF(Input!$K$14=3,K497*Input!$J$14,0)+IF(Input!$K$15=3,L497*Input!$J$15,0)+IF(Input!$K$16=3,M497*Input!$J$16,0)</f>
        <v>0</v>
      </c>
      <c r="Q497" s="71">
        <f>IF(Input!$K$13=4,J497*Input!$J$13,0)+IF(Input!$K$14=4,K497*Input!$J$14,0)+IF(Input!$K$15=4,L497*Input!$J$15,0)+IF(Input!$K$16=4,M497*Input!$J$16,0)</f>
        <v>0</v>
      </c>
    </row>
    <row r="498" spans="8:17" x14ac:dyDescent="0.25">
      <c r="H498" s="43">
        <v>491</v>
      </c>
      <c r="I498" s="55">
        <f>Bühler!I524</f>
        <v>8.8086830898772934</v>
      </c>
      <c r="J498" s="58">
        <f>Bühler!J524</f>
        <v>19.778901046838847</v>
      </c>
      <c r="K498" s="58">
        <f>Bühler!K524</f>
        <v>0.4630877392268033</v>
      </c>
      <c r="L498" s="58">
        <f>Bühler!L524</f>
        <v>0.23154386961340165</v>
      </c>
      <c r="M498" s="57">
        <f>Bühler!M524</f>
        <v>0</v>
      </c>
      <c r="N498" s="55">
        <f>IF(Input!$K$13=1,J498*Input!$J$13,0)+IF(Input!$K$14=1,K498*Input!$J$14,0)+IF(Input!$K$15=1,L498*Input!$J$15,0)+IF(Input!$K$16=1,M498*Input!$J$16,0)</f>
        <v>2.3734681256206613</v>
      </c>
      <c r="O498" s="58">
        <f>IF(Input!$K$13=2,J498*Input!$J$13,0)+IF(Input!$K$14=2,K498*Input!$J$14,0)+IF(Input!$K$15=2,L498*Input!$J$15,0)+IF(Input!$K$16=2,M498*Input!$J$16,0)</f>
        <v>6.2516844795618448E-2</v>
      </c>
      <c r="P498" s="58">
        <f>IF(Input!$K$13=3,J498*Input!$J$13,0)+IF(Input!$K$14=3,K498*Input!$J$14,0)+IF(Input!$K$15=3,L498*Input!$J$15,0)+IF(Input!$K$16=3,M498*Input!$J$16,0)</f>
        <v>0</v>
      </c>
      <c r="Q498" s="71">
        <f>IF(Input!$K$13=4,J498*Input!$J$13,0)+IF(Input!$K$14=4,K498*Input!$J$14,0)+IF(Input!$K$15=4,L498*Input!$J$15,0)+IF(Input!$K$16=4,M498*Input!$J$16,0)</f>
        <v>0</v>
      </c>
    </row>
    <row r="499" spans="8:17" x14ac:dyDescent="0.25">
      <c r="H499" s="43">
        <v>492</v>
      </c>
      <c r="I499" s="55">
        <f>Bühler!I525</f>
        <v>8.8086830898772934</v>
      </c>
      <c r="J499" s="58">
        <f>Bühler!J525</f>
        <v>19.778901046838847</v>
      </c>
      <c r="K499" s="58">
        <f>Bühler!K525</f>
        <v>0.4630877392268033</v>
      </c>
      <c r="L499" s="58">
        <f>Bühler!L525</f>
        <v>0.23154386961340165</v>
      </c>
      <c r="M499" s="57">
        <f>Bühler!M525</f>
        <v>0</v>
      </c>
      <c r="N499" s="55">
        <f>IF(Input!$K$13=1,J499*Input!$J$13,0)+IF(Input!$K$14=1,K499*Input!$J$14,0)+IF(Input!$K$15=1,L499*Input!$J$15,0)+IF(Input!$K$16=1,M499*Input!$J$16,0)</f>
        <v>2.3734681256206613</v>
      </c>
      <c r="O499" s="58">
        <f>IF(Input!$K$13=2,J499*Input!$J$13,0)+IF(Input!$K$14=2,K499*Input!$J$14,0)+IF(Input!$K$15=2,L499*Input!$J$15,0)+IF(Input!$K$16=2,M499*Input!$J$16,0)</f>
        <v>6.2516844795618448E-2</v>
      </c>
      <c r="P499" s="58">
        <f>IF(Input!$K$13=3,J499*Input!$J$13,0)+IF(Input!$K$14=3,K499*Input!$J$14,0)+IF(Input!$K$15=3,L499*Input!$J$15,0)+IF(Input!$K$16=3,M499*Input!$J$16,0)</f>
        <v>0</v>
      </c>
      <c r="Q499" s="71">
        <f>IF(Input!$K$13=4,J499*Input!$J$13,0)+IF(Input!$K$14=4,K499*Input!$J$14,0)+IF(Input!$K$15=4,L499*Input!$J$15,0)+IF(Input!$K$16=4,M499*Input!$J$16,0)</f>
        <v>0</v>
      </c>
    </row>
    <row r="500" spans="8:17" x14ac:dyDescent="0.25">
      <c r="H500" s="43">
        <v>493</v>
      </c>
      <c r="I500" s="55">
        <f>Bühler!I526</f>
        <v>8.8086830898772934</v>
      </c>
      <c r="J500" s="58">
        <f>Bühler!J526</f>
        <v>19.778901046838847</v>
      </c>
      <c r="K500" s="58">
        <f>Bühler!K526</f>
        <v>0.4630877392268033</v>
      </c>
      <c r="L500" s="58">
        <f>Bühler!L526</f>
        <v>0.23154386961340165</v>
      </c>
      <c r="M500" s="57">
        <f>Bühler!M526</f>
        <v>0</v>
      </c>
      <c r="N500" s="55">
        <f>IF(Input!$K$13=1,J500*Input!$J$13,0)+IF(Input!$K$14=1,K500*Input!$J$14,0)+IF(Input!$K$15=1,L500*Input!$J$15,0)+IF(Input!$K$16=1,M500*Input!$J$16,0)</f>
        <v>2.3734681256206613</v>
      </c>
      <c r="O500" s="58">
        <f>IF(Input!$K$13=2,J500*Input!$J$13,0)+IF(Input!$K$14=2,K500*Input!$J$14,0)+IF(Input!$K$15=2,L500*Input!$J$15,0)+IF(Input!$K$16=2,M500*Input!$J$16,0)</f>
        <v>6.2516844795618448E-2</v>
      </c>
      <c r="P500" s="58">
        <f>IF(Input!$K$13=3,J500*Input!$J$13,0)+IF(Input!$K$14=3,K500*Input!$J$14,0)+IF(Input!$K$15=3,L500*Input!$J$15,0)+IF(Input!$K$16=3,M500*Input!$J$16,0)</f>
        <v>0</v>
      </c>
      <c r="Q500" s="71">
        <f>IF(Input!$K$13=4,J500*Input!$J$13,0)+IF(Input!$K$14=4,K500*Input!$J$14,0)+IF(Input!$K$15=4,L500*Input!$J$15,0)+IF(Input!$K$16=4,M500*Input!$J$16,0)</f>
        <v>0</v>
      </c>
    </row>
    <row r="501" spans="8:17" x14ac:dyDescent="0.25">
      <c r="H501" s="43">
        <v>494</v>
      </c>
      <c r="I501" s="55">
        <f>Bühler!I527</f>
        <v>8.8086830898772934</v>
      </c>
      <c r="J501" s="58">
        <f>Bühler!J527</f>
        <v>19.778901046838847</v>
      </c>
      <c r="K501" s="58">
        <f>Bühler!K527</f>
        <v>0.4630877392268033</v>
      </c>
      <c r="L501" s="58">
        <f>Bühler!L527</f>
        <v>0.23154386961340165</v>
      </c>
      <c r="M501" s="57">
        <f>Bühler!M527</f>
        <v>0</v>
      </c>
      <c r="N501" s="55">
        <f>IF(Input!$K$13=1,J501*Input!$J$13,0)+IF(Input!$K$14=1,K501*Input!$J$14,0)+IF(Input!$K$15=1,L501*Input!$J$15,0)+IF(Input!$K$16=1,M501*Input!$J$16,0)</f>
        <v>2.3734681256206613</v>
      </c>
      <c r="O501" s="58">
        <f>IF(Input!$K$13=2,J501*Input!$J$13,0)+IF(Input!$K$14=2,K501*Input!$J$14,0)+IF(Input!$K$15=2,L501*Input!$J$15,0)+IF(Input!$K$16=2,M501*Input!$J$16,0)</f>
        <v>6.2516844795618448E-2</v>
      </c>
      <c r="P501" s="58">
        <f>IF(Input!$K$13=3,J501*Input!$J$13,0)+IF(Input!$K$14=3,K501*Input!$J$14,0)+IF(Input!$K$15=3,L501*Input!$J$15,0)+IF(Input!$K$16=3,M501*Input!$J$16,0)</f>
        <v>0</v>
      </c>
      <c r="Q501" s="71">
        <f>IF(Input!$K$13=4,J501*Input!$J$13,0)+IF(Input!$K$14=4,K501*Input!$J$14,0)+IF(Input!$K$15=4,L501*Input!$J$15,0)+IF(Input!$K$16=4,M501*Input!$J$16,0)</f>
        <v>0</v>
      </c>
    </row>
    <row r="502" spans="8:17" x14ac:dyDescent="0.25">
      <c r="H502" s="43">
        <v>495</v>
      </c>
      <c r="I502" s="55">
        <f>Bühler!I528</f>
        <v>8.8086830898772934</v>
      </c>
      <c r="J502" s="58">
        <f>Bühler!J528</f>
        <v>19.778901046838847</v>
      </c>
      <c r="K502" s="58">
        <f>Bühler!K528</f>
        <v>0.4630877392268033</v>
      </c>
      <c r="L502" s="58">
        <f>Bühler!L528</f>
        <v>0.23154386961340165</v>
      </c>
      <c r="M502" s="57">
        <f>Bühler!M528</f>
        <v>0</v>
      </c>
      <c r="N502" s="55">
        <f>IF(Input!$K$13=1,J502*Input!$J$13,0)+IF(Input!$K$14=1,K502*Input!$J$14,0)+IF(Input!$K$15=1,L502*Input!$J$15,0)+IF(Input!$K$16=1,M502*Input!$J$16,0)</f>
        <v>2.3734681256206613</v>
      </c>
      <c r="O502" s="58">
        <f>IF(Input!$K$13=2,J502*Input!$J$13,0)+IF(Input!$K$14=2,K502*Input!$J$14,0)+IF(Input!$K$15=2,L502*Input!$J$15,0)+IF(Input!$K$16=2,M502*Input!$J$16,0)</f>
        <v>6.2516844795618448E-2</v>
      </c>
      <c r="P502" s="58">
        <f>IF(Input!$K$13=3,J502*Input!$J$13,0)+IF(Input!$K$14=3,K502*Input!$J$14,0)+IF(Input!$K$15=3,L502*Input!$J$15,0)+IF(Input!$K$16=3,M502*Input!$J$16,0)</f>
        <v>0</v>
      </c>
      <c r="Q502" s="71">
        <f>IF(Input!$K$13=4,J502*Input!$J$13,0)+IF(Input!$K$14=4,K502*Input!$J$14,0)+IF(Input!$K$15=4,L502*Input!$J$15,0)+IF(Input!$K$16=4,M502*Input!$J$16,0)</f>
        <v>0</v>
      </c>
    </row>
    <row r="503" spans="8:17" x14ac:dyDescent="0.25">
      <c r="H503" s="43">
        <v>496</v>
      </c>
      <c r="I503" s="55">
        <f>Bühler!I529</f>
        <v>7.9640148483822086</v>
      </c>
      <c r="J503" s="58">
        <f>Bühler!J529</f>
        <v>19.74370653677655</v>
      </c>
      <c r="K503" s="58">
        <f>Bühler!K529</f>
        <v>0.4630877392268033</v>
      </c>
      <c r="L503" s="58">
        <f>Bühler!L529</f>
        <v>0.23154386961340165</v>
      </c>
      <c r="M503" s="57">
        <f>Bühler!M529</f>
        <v>0</v>
      </c>
      <c r="N503" s="55">
        <f>IF(Input!$K$13=1,J503*Input!$J$13,0)+IF(Input!$K$14=1,K503*Input!$J$14,0)+IF(Input!$K$15=1,L503*Input!$J$15,0)+IF(Input!$K$16=1,M503*Input!$J$16,0)</f>
        <v>2.3692447844131861</v>
      </c>
      <c r="O503" s="58">
        <f>IF(Input!$K$13=2,J503*Input!$J$13,0)+IF(Input!$K$14=2,K503*Input!$J$14,0)+IF(Input!$K$15=2,L503*Input!$J$15,0)+IF(Input!$K$16=2,M503*Input!$J$16,0)</f>
        <v>6.2516844795618448E-2</v>
      </c>
      <c r="P503" s="58">
        <f>IF(Input!$K$13=3,J503*Input!$J$13,0)+IF(Input!$K$14=3,K503*Input!$J$14,0)+IF(Input!$K$15=3,L503*Input!$J$15,0)+IF(Input!$K$16=3,M503*Input!$J$16,0)</f>
        <v>0</v>
      </c>
      <c r="Q503" s="71">
        <f>IF(Input!$K$13=4,J503*Input!$J$13,0)+IF(Input!$K$14=4,K503*Input!$J$14,0)+IF(Input!$K$15=4,L503*Input!$J$15,0)+IF(Input!$K$16=4,M503*Input!$J$16,0)</f>
        <v>0</v>
      </c>
    </row>
    <row r="504" spans="8:17" x14ac:dyDescent="0.25">
      <c r="H504" s="43">
        <v>497</v>
      </c>
      <c r="I504" s="55">
        <f>Bühler!I530</f>
        <v>7.2400134985292812</v>
      </c>
      <c r="J504" s="58">
        <f>Bühler!J530</f>
        <v>19.713539813866014</v>
      </c>
      <c r="K504" s="58">
        <f>Bühler!K530</f>
        <v>0.4630877392268033</v>
      </c>
      <c r="L504" s="58">
        <f>Bühler!L530</f>
        <v>0.23154386961340165</v>
      </c>
      <c r="M504" s="57">
        <f>Bühler!M530</f>
        <v>0</v>
      </c>
      <c r="N504" s="55">
        <f>IF(Input!$K$13=1,J504*Input!$J$13,0)+IF(Input!$K$14=1,K504*Input!$J$14,0)+IF(Input!$K$15=1,L504*Input!$J$15,0)+IF(Input!$K$16=1,M504*Input!$J$16,0)</f>
        <v>2.3656247776639217</v>
      </c>
      <c r="O504" s="58">
        <f>IF(Input!$K$13=2,J504*Input!$J$13,0)+IF(Input!$K$14=2,K504*Input!$J$14,0)+IF(Input!$K$15=2,L504*Input!$J$15,0)+IF(Input!$K$16=2,M504*Input!$J$16,0)</f>
        <v>6.2516844795618448E-2</v>
      </c>
      <c r="P504" s="58">
        <f>IF(Input!$K$13=3,J504*Input!$J$13,0)+IF(Input!$K$14=3,K504*Input!$J$14,0)+IF(Input!$K$15=3,L504*Input!$J$15,0)+IF(Input!$K$16=3,M504*Input!$J$16,0)</f>
        <v>0</v>
      </c>
      <c r="Q504" s="71">
        <f>IF(Input!$K$13=4,J504*Input!$J$13,0)+IF(Input!$K$14=4,K504*Input!$J$14,0)+IF(Input!$K$15=4,L504*Input!$J$15,0)+IF(Input!$K$16=4,M504*Input!$J$16,0)</f>
        <v>0</v>
      </c>
    </row>
    <row r="505" spans="8:17" x14ac:dyDescent="0.25">
      <c r="H505" s="43">
        <v>498</v>
      </c>
      <c r="I505" s="55">
        <f>Bühler!I531</f>
        <v>6.5160121486763529</v>
      </c>
      <c r="J505" s="58">
        <f>Bühler!J531</f>
        <v>19.683373090955474</v>
      </c>
      <c r="K505" s="58">
        <f>Bühler!K531</f>
        <v>0.4630877392268033</v>
      </c>
      <c r="L505" s="58">
        <f>Bühler!L531</f>
        <v>0.23154386961340165</v>
      </c>
      <c r="M505" s="57">
        <f>Bühler!M531</f>
        <v>0</v>
      </c>
      <c r="N505" s="55">
        <f>IF(Input!$K$13=1,J505*Input!$J$13,0)+IF(Input!$K$14=1,K505*Input!$J$14,0)+IF(Input!$K$15=1,L505*Input!$J$15,0)+IF(Input!$K$16=1,M505*Input!$J$16,0)</f>
        <v>2.3620047709146568</v>
      </c>
      <c r="O505" s="58">
        <f>IF(Input!$K$13=2,J505*Input!$J$13,0)+IF(Input!$K$14=2,K505*Input!$J$14,0)+IF(Input!$K$15=2,L505*Input!$J$15,0)+IF(Input!$K$16=2,M505*Input!$J$16,0)</f>
        <v>6.2516844795618448E-2</v>
      </c>
      <c r="P505" s="58">
        <f>IF(Input!$K$13=3,J505*Input!$J$13,0)+IF(Input!$K$14=3,K505*Input!$J$14,0)+IF(Input!$K$15=3,L505*Input!$J$15,0)+IF(Input!$K$16=3,M505*Input!$J$16,0)</f>
        <v>0</v>
      </c>
      <c r="Q505" s="71">
        <f>IF(Input!$K$13=4,J505*Input!$J$13,0)+IF(Input!$K$14=4,K505*Input!$J$14,0)+IF(Input!$K$15=4,L505*Input!$J$15,0)+IF(Input!$K$16=4,M505*Input!$J$16,0)</f>
        <v>0</v>
      </c>
    </row>
    <row r="506" spans="8:17" x14ac:dyDescent="0.25">
      <c r="H506" s="43">
        <v>499</v>
      </c>
      <c r="I506" s="55">
        <f>Bühler!I532</f>
        <v>6.2746783653920435</v>
      </c>
      <c r="J506" s="58">
        <f>Bühler!J532</f>
        <v>19.673317516651963</v>
      </c>
      <c r="K506" s="58">
        <f>Bühler!K532</f>
        <v>0.4630877392268033</v>
      </c>
      <c r="L506" s="58">
        <f>Bühler!L532</f>
        <v>0.23154386961340165</v>
      </c>
      <c r="M506" s="57">
        <f>Bühler!M532</f>
        <v>0</v>
      </c>
      <c r="N506" s="55">
        <f>IF(Input!$K$13=1,J506*Input!$J$13,0)+IF(Input!$K$14=1,K506*Input!$J$14,0)+IF(Input!$K$15=1,L506*Input!$J$15,0)+IF(Input!$K$16=1,M506*Input!$J$16,0)</f>
        <v>2.3607981019982356</v>
      </c>
      <c r="O506" s="58">
        <f>IF(Input!$K$13=2,J506*Input!$J$13,0)+IF(Input!$K$14=2,K506*Input!$J$14,0)+IF(Input!$K$15=2,L506*Input!$J$15,0)+IF(Input!$K$16=2,M506*Input!$J$16,0)</f>
        <v>6.2516844795618448E-2</v>
      </c>
      <c r="P506" s="58">
        <f>IF(Input!$K$13=3,J506*Input!$J$13,0)+IF(Input!$K$14=3,K506*Input!$J$14,0)+IF(Input!$K$15=3,L506*Input!$J$15,0)+IF(Input!$K$16=3,M506*Input!$J$16,0)</f>
        <v>0</v>
      </c>
      <c r="Q506" s="71">
        <f>IF(Input!$K$13=4,J506*Input!$J$13,0)+IF(Input!$K$14=4,K506*Input!$J$14,0)+IF(Input!$K$15=4,L506*Input!$J$15,0)+IF(Input!$K$16=4,M506*Input!$J$16,0)</f>
        <v>0</v>
      </c>
    </row>
    <row r="507" spans="8:17" x14ac:dyDescent="0.25">
      <c r="H507" s="43">
        <v>500</v>
      </c>
      <c r="I507" s="55">
        <f>Bühler!I533</f>
        <v>5.0680094489704963</v>
      </c>
      <c r="J507" s="58">
        <f>Bühler!J533</f>
        <v>19.623039645134398</v>
      </c>
      <c r="K507" s="58">
        <f>Bühler!K533</f>
        <v>0.4630877392268033</v>
      </c>
      <c r="L507" s="58">
        <f>Bühler!L533</f>
        <v>0.23154386961340165</v>
      </c>
      <c r="M507" s="57">
        <f>Bühler!M533</f>
        <v>0</v>
      </c>
      <c r="N507" s="55">
        <f>IF(Input!$K$13=1,J507*Input!$J$13,0)+IF(Input!$K$14=1,K507*Input!$J$14,0)+IF(Input!$K$15=1,L507*Input!$J$15,0)+IF(Input!$K$16=1,M507*Input!$J$16,0)</f>
        <v>2.3547647574161275</v>
      </c>
      <c r="O507" s="58">
        <f>IF(Input!$K$13=2,J507*Input!$J$13,0)+IF(Input!$K$14=2,K507*Input!$J$14,0)+IF(Input!$K$15=2,L507*Input!$J$15,0)+IF(Input!$K$16=2,M507*Input!$J$16,0)</f>
        <v>6.2516844795618448E-2</v>
      </c>
      <c r="P507" s="58">
        <f>IF(Input!$K$13=3,J507*Input!$J$13,0)+IF(Input!$K$14=3,K507*Input!$J$14,0)+IF(Input!$K$15=3,L507*Input!$J$15,0)+IF(Input!$K$16=3,M507*Input!$J$16,0)</f>
        <v>0</v>
      </c>
      <c r="Q507" s="71">
        <f>IF(Input!$K$13=4,J507*Input!$J$13,0)+IF(Input!$K$14=4,K507*Input!$J$14,0)+IF(Input!$K$15=4,L507*Input!$J$15,0)+IF(Input!$K$16=4,M507*Input!$J$16,0)</f>
        <v>0</v>
      </c>
    </row>
    <row r="508" spans="8:17" x14ac:dyDescent="0.25">
      <c r="H508" s="43">
        <v>501</v>
      </c>
      <c r="I508" s="55">
        <f>Bühler!I534</f>
        <v>3.7406736409067949</v>
      </c>
      <c r="J508" s="58">
        <f>Bühler!J534</f>
        <v>19.567733986465079</v>
      </c>
      <c r="K508" s="58">
        <f>Bühler!K534</f>
        <v>0.4630877392268033</v>
      </c>
      <c r="L508" s="58">
        <f>Bühler!L534</f>
        <v>0.23154386961340165</v>
      </c>
      <c r="M508" s="57">
        <f>Bühler!M534</f>
        <v>0</v>
      </c>
      <c r="N508" s="55">
        <f>IF(Input!$K$13=1,J508*Input!$J$13,0)+IF(Input!$K$14=1,K508*Input!$J$14,0)+IF(Input!$K$15=1,L508*Input!$J$15,0)+IF(Input!$K$16=1,M508*Input!$J$16,0)</f>
        <v>2.3481280783758094</v>
      </c>
      <c r="O508" s="58">
        <f>IF(Input!$K$13=2,J508*Input!$J$13,0)+IF(Input!$K$14=2,K508*Input!$J$14,0)+IF(Input!$K$15=2,L508*Input!$J$15,0)+IF(Input!$K$16=2,M508*Input!$J$16,0)</f>
        <v>6.2516844795618448E-2</v>
      </c>
      <c r="P508" s="58">
        <f>IF(Input!$K$13=3,J508*Input!$J$13,0)+IF(Input!$K$14=3,K508*Input!$J$14,0)+IF(Input!$K$15=3,L508*Input!$J$15,0)+IF(Input!$K$16=3,M508*Input!$J$16,0)</f>
        <v>0</v>
      </c>
      <c r="Q508" s="71">
        <f>IF(Input!$K$13=4,J508*Input!$J$13,0)+IF(Input!$K$14=4,K508*Input!$J$14,0)+IF(Input!$K$15=4,L508*Input!$J$15,0)+IF(Input!$K$16=4,M508*Input!$J$16,0)</f>
        <v>0</v>
      </c>
    </row>
    <row r="509" spans="8:17" x14ac:dyDescent="0.25">
      <c r="H509" s="43">
        <v>502</v>
      </c>
      <c r="I509" s="55">
        <f>Bühler!I535</f>
        <v>3.7406736409067949</v>
      </c>
      <c r="J509" s="58">
        <f>Bühler!J535</f>
        <v>19.567733986465079</v>
      </c>
      <c r="K509" s="58">
        <f>Bühler!K535</f>
        <v>0.4630877392268033</v>
      </c>
      <c r="L509" s="58">
        <f>Bühler!L535</f>
        <v>0.23154386961340165</v>
      </c>
      <c r="M509" s="57">
        <f>Bühler!M535</f>
        <v>0</v>
      </c>
      <c r="N509" s="55">
        <f>IF(Input!$K$13=1,J509*Input!$J$13,0)+IF(Input!$K$14=1,K509*Input!$J$14,0)+IF(Input!$K$15=1,L509*Input!$J$15,0)+IF(Input!$K$16=1,M509*Input!$J$16,0)</f>
        <v>2.3481280783758094</v>
      </c>
      <c r="O509" s="58">
        <f>IF(Input!$K$13=2,J509*Input!$J$13,0)+IF(Input!$K$14=2,K509*Input!$J$14,0)+IF(Input!$K$15=2,L509*Input!$J$15,0)+IF(Input!$K$16=2,M509*Input!$J$16,0)</f>
        <v>6.2516844795618448E-2</v>
      </c>
      <c r="P509" s="58">
        <f>IF(Input!$K$13=3,J509*Input!$J$13,0)+IF(Input!$K$14=3,K509*Input!$J$14,0)+IF(Input!$K$15=3,L509*Input!$J$15,0)+IF(Input!$K$16=3,M509*Input!$J$16,0)</f>
        <v>0</v>
      </c>
      <c r="Q509" s="71">
        <f>IF(Input!$K$13=4,J509*Input!$J$13,0)+IF(Input!$K$14=4,K509*Input!$J$14,0)+IF(Input!$K$15=4,L509*Input!$J$15,0)+IF(Input!$K$16=4,M509*Input!$J$16,0)</f>
        <v>0</v>
      </c>
    </row>
    <row r="510" spans="8:17" x14ac:dyDescent="0.25">
      <c r="H510" s="43">
        <v>503</v>
      </c>
      <c r="I510" s="55">
        <f>Bühler!I536</f>
        <v>3.7406736409067949</v>
      </c>
      <c r="J510" s="58">
        <f>Bühler!J536</f>
        <v>19.567733986465079</v>
      </c>
      <c r="K510" s="58">
        <f>Bühler!K536</f>
        <v>0.4630877392268033</v>
      </c>
      <c r="L510" s="58">
        <f>Bühler!L536</f>
        <v>0.23154386961340165</v>
      </c>
      <c r="M510" s="57">
        <f>Bühler!M536</f>
        <v>0</v>
      </c>
      <c r="N510" s="55">
        <f>IF(Input!$K$13=1,J510*Input!$J$13,0)+IF(Input!$K$14=1,K510*Input!$J$14,0)+IF(Input!$K$15=1,L510*Input!$J$15,0)+IF(Input!$K$16=1,M510*Input!$J$16,0)</f>
        <v>2.3481280783758094</v>
      </c>
      <c r="O510" s="58">
        <f>IF(Input!$K$13=2,J510*Input!$J$13,0)+IF(Input!$K$14=2,K510*Input!$J$14,0)+IF(Input!$K$15=2,L510*Input!$J$15,0)+IF(Input!$K$16=2,M510*Input!$J$16,0)</f>
        <v>6.2516844795618448E-2</v>
      </c>
      <c r="P510" s="58">
        <f>IF(Input!$K$13=3,J510*Input!$J$13,0)+IF(Input!$K$14=3,K510*Input!$J$14,0)+IF(Input!$K$15=3,L510*Input!$J$15,0)+IF(Input!$K$16=3,M510*Input!$J$16,0)</f>
        <v>0</v>
      </c>
      <c r="Q510" s="71">
        <f>IF(Input!$K$13=4,J510*Input!$J$13,0)+IF(Input!$K$14=4,K510*Input!$J$14,0)+IF(Input!$K$15=4,L510*Input!$J$15,0)+IF(Input!$K$16=4,M510*Input!$J$16,0)</f>
        <v>0</v>
      </c>
    </row>
    <row r="511" spans="8:17" x14ac:dyDescent="0.25">
      <c r="H511" s="43">
        <v>504</v>
      </c>
      <c r="I511" s="55">
        <f>Bühler!I537</f>
        <v>3.7406736409067949</v>
      </c>
      <c r="J511" s="58">
        <f>Bühler!J537</f>
        <v>19.567733986465079</v>
      </c>
      <c r="K511" s="58">
        <f>Bühler!K537</f>
        <v>0.4630877392268033</v>
      </c>
      <c r="L511" s="58">
        <f>Bühler!L537</f>
        <v>0.23154386961340165</v>
      </c>
      <c r="M511" s="57">
        <f>Bühler!M537</f>
        <v>0</v>
      </c>
      <c r="N511" s="55">
        <f>IF(Input!$K$13=1,J511*Input!$J$13,0)+IF(Input!$K$14=1,K511*Input!$J$14,0)+IF(Input!$K$15=1,L511*Input!$J$15,0)+IF(Input!$K$16=1,M511*Input!$J$16,0)</f>
        <v>2.3481280783758094</v>
      </c>
      <c r="O511" s="58">
        <f>IF(Input!$K$13=2,J511*Input!$J$13,0)+IF(Input!$K$14=2,K511*Input!$J$14,0)+IF(Input!$K$15=2,L511*Input!$J$15,0)+IF(Input!$K$16=2,M511*Input!$J$16,0)</f>
        <v>6.2516844795618448E-2</v>
      </c>
      <c r="P511" s="58">
        <f>IF(Input!$K$13=3,J511*Input!$J$13,0)+IF(Input!$K$14=3,K511*Input!$J$14,0)+IF(Input!$K$15=3,L511*Input!$J$15,0)+IF(Input!$K$16=3,M511*Input!$J$16,0)</f>
        <v>0</v>
      </c>
      <c r="Q511" s="71">
        <f>IF(Input!$K$13=4,J511*Input!$J$13,0)+IF(Input!$K$14=4,K511*Input!$J$14,0)+IF(Input!$K$15=4,L511*Input!$J$15,0)+IF(Input!$K$16=4,M511*Input!$J$16,0)</f>
        <v>0</v>
      </c>
    </row>
    <row r="512" spans="8:17" x14ac:dyDescent="0.25">
      <c r="H512" s="43">
        <v>505</v>
      </c>
      <c r="I512" s="55">
        <f>Bühler!I538</f>
        <v>4.2513684464915888</v>
      </c>
      <c r="J512" s="58">
        <f>Bühler!J538</f>
        <v>19.636679179481419</v>
      </c>
      <c r="K512" s="58">
        <f>Bühler!K538</f>
        <v>0.46523166394544591</v>
      </c>
      <c r="L512" s="58">
        <f>Bühler!L538</f>
        <v>0.23261583197272295</v>
      </c>
      <c r="M512" s="57">
        <f>Bühler!M538</f>
        <v>0</v>
      </c>
      <c r="N512" s="55">
        <f>IF(Input!$K$13=1,J512*Input!$J$13,0)+IF(Input!$K$14=1,K512*Input!$J$14,0)+IF(Input!$K$15=1,L512*Input!$J$15,0)+IF(Input!$K$16=1,M512*Input!$J$16,0)</f>
        <v>2.3564015015377704</v>
      </c>
      <c r="O512" s="58">
        <f>IF(Input!$K$13=2,J512*Input!$J$13,0)+IF(Input!$K$14=2,K512*Input!$J$14,0)+IF(Input!$K$15=2,L512*Input!$J$15,0)+IF(Input!$K$16=2,M512*Input!$J$16,0)</f>
        <v>6.280627463263519E-2</v>
      </c>
      <c r="P512" s="58">
        <f>IF(Input!$K$13=3,J512*Input!$J$13,0)+IF(Input!$K$14=3,K512*Input!$J$14,0)+IF(Input!$K$15=3,L512*Input!$J$15,0)+IF(Input!$K$16=3,M512*Input!$J$16,0)</f>
        <v>0</v>
      </c>
      <c r="Q512" s="71">
        <f>IF(Input!$K$13=4,J512*Input!$J$13,0)+IF(Input!$K$14=4,K512*Input!$J$14,0)+IF(Input!$K$15=4,L512*Input!$J$15,0)+IF(Input!$K$16=4,M512*Input!$J$16,0)</f>
        <v>0</v>
      </c>
    </row>
    <row r="513" spans="8:17" x14ac:dyDescent="0.25">
      <c r="H513" s="43">
        <v>506</v>
      </c>
      <c r="I513" s="55">
        <f>Bühler!I539</f>
        <v>4.9370730346353939</v>
      </c>
      <c r="J513" s="58">
        <f>Bühler!J539</f>
        <v>19.665250203987409</v>
      </c>
      <c r="K513" s="58">
        <f>Bühler!K539</f>
        <v>0.46523166394544591</v>
      </c>
      <c r="L513" s="58">
        <f>Bühler!L539</f>
        <v>0.23261583197272295</v>
      </c>
      <c r="M513" s="57">
        <f>Bühler!M539</f>
        <v>0</v>
      </c>
      <c r="N513" s="55">
        <f>IF(Input!$K$13=1,J513*Input!$J$13,0)+IF(Input!$K$14=1,K513*Input!$J$14,0)+IF(Input!$K$15=1,L513*Input!$J$15,0)+IF(Input!$K$16=1,M513*Input!$J$16,0)</f>
        <v>2.3598300244784891</v>
      </c>
      <c r="O513" s="58">
        <f>IF(Input!$K$13=2,J513*Input!$J$13,0)+IF(Input!$K$14=2,K513*Input!$J$14,0)+IF(Input!$K$15=2,L513*Input!$J$15,0)+IF(Input!$K$16=2,M513*Input!$J$16,0)</f>
        <v>6.280627463263519E-2</v>
      </c>
      <c r="P513" s="58">
        <f>IF(Input!$K$13=3,J513*Input!$J$13,0)+IF(Input!$K$14=3,K513*Input!$J$14,0)+IF(Input!$K$15=3,L513*Input!$J$15,0)+IF(Input!$K$16=3,M513*Input!$J$16,0)</f>
        <v>0</v>
      </c>
      <c r="Q513" s="71">
        <f>IF(Input!$K$13=4,J513*Input!$J$13,0)+IF(Input!$K$14=4,K513*Input!$J$14,0)+IF(Input!$K$15=4,L513*Input!$J$15,0)+IF(Input!$K$16=4,M513*Input!$J$16,0)</f>
        <v>0</v>
      </c>
    </row>
    <row r="514" spans="8:17" x14ac:dyDescent="0.25">
      <c r="H514" s="43">
        <v>507</v>
      </c>
      <c r="I514" s="55">
        <f>Bühler!I540</f>
        <v>4.9370730346353939</v>
      </c>
      <c r="J514" s="58">
        <f>Bühler!J540</f>
        <v>19.665250203987409</v>
      </c>
      <c r="K514" s="58">
        <f>Bühler!K540</f>
        <v>0.46523166394544591</v>
      </c>
      <c r="L514" s="58">
        <f>Bühler!L540</f>
        <v>0.23261583197272295</v>
      </c>
      <c r="M514" s="57">
        <f>Bühler!M540</f>
        <v>0</v>
      </c>
      <c r="N514" s="55">
        <f>IF(Input!$K$13=1,J514*Input!$J$13,0)+IF(Input!$K$14=1,K514*Input!$J$14,0)+IF(Input!$K$15=1,L514*Input!$J$15,0)+IF(Input!$K$16=1,M514*Input!$J$16,0)</f>
        <v>2.3598300244784891</v>
      </c>
      <c r="O514" s="58">
        <f>IF(Input!$K$13=2,J514*Input!$J$13,0)+IF(Input!$K$14=2,K514*Input!$J$14,0)+IF(Input!$K$15=2,L514*Input!$J$15,0)+IF(Input!$K$16=2,M514*Input!$J$16,0)</f>
        <v>6.280627463263519E-2</v>
      </c>
      <c r="P514" s="58">
        <f>IF(Input!$K$13=3,J514*Input!$J$13,0)+IF(Input!$K$14=3,K514*Input!$J$14,0)+IF(Input!$K$15=3,L514*Input!$J$15,0)+IF(Input!$K$16=3,M514*Input!$J$16,0)</f>
        <v>0</v>
      </c>
      <c r="Q514" s="71">
        <f>IF(Input!$K$13=4,J514*Input!$J$13,0)+IF(Input!$K$14=4,K514*Input!$J$14,0)+IF(Input!$K$15=4,L514*Input!$J$15,0)+IF(Input!$K$16=4,M514*Input!$J$16,0)</f>
        <v>0</v>
      </c>
    </row>
    <row r="515" spans="8:17" x14ac:dyDescent="0.25">
      <c r="H515" s="43">
        <v>508</v>
      </c>
      <c r="I515" s="55">
        <f>Bühler!I541</f>
        <v>4.9370730346353939</v>
      </c>
      <c r="J515" s="58">
        <f>Bühler!J541</f>
        <v>19.665250203987409</v>
      </c>
      <c r="K515" s="58">
        <f>Bühler!K541</f>
        <v>0.46523166394544591</v>
      </c>
      <c r="L515" s="58">
        <f>Bühler!L541</f>
        <v>0.23261583197272295</v>
      </c>
      <c r="M515" s="57">
        <f>Bühler!M541</f>
        <v>0</v>
      </c>
      <c r="N515" s="55">
        <f>IF(Input!$K$13=1,J515*Input!$J$13,0)+IF(Input!$K$14=1,K515*Input!$J$14,0)+IF(Input!$K$15=1,L515*Input!$J$15,0)+IF(Input!$K$16=1,M515*Input!$J$16,0)</f>
        <v>2.3598300244784891</v>
      </c>
      <c r="O515" s="58">
        <f>IF(Input!$K$13=2,J515*Input!$J$13,0)+IF(Input!$K$14=2,K515*Input!$J$14,0)+IF(Input!$K$15=2,L515*Input!$J$15,0)+IF(Input!$K$16=2,M515*Input!$J$16,0)</f>
        <v>6.280627463263519E-2</v>
      </c>
      <c r="P515" s="58">
        <f>IF(Input!$K$13=3,J515*Input!$J$13,0)+IF(Input!$K$14=3,K515*Input!$J$14,0)+IF(Input!$K$15=3,L515*Input!$J$15,0)+IF(Input!$K$16=3,M515*Input!$J$16,0)</f>
        <v>0</v>
      </c>
      <c r="Q515" s="71">
        <f>IF(Input!$K$13=4,J515*Input!$J$13,0)+IF(Input!$K$14=4,K515*Input!$J$14,0)+IF(Input!$K$15=4,L515*Input!$J$15,0)+IF(Input!$K$16=4,M515*Input!$J$16,0)</f>
        <v>0</v>
      </c>
    </row>
    <row r="516" spans="8:17" x14ac:dyDescent="0.25">
      <c r="H516" s="43">
        <v>509</v>
      </c>
      <c r="I516" s="55">
        <f>Bühler!I542</f>
        <v>4.9370730346353939</v>
      </c>
      <c r="J516" s="58">
        <f>Bühler!J542</f>
        <v>19.665250203987409</v>
      </c>
      <c r="K516" s="58">
        <f>Bühler!K542</f>
        <v>0.46523166394544591</v>
      </c>
      <c r="L516" s="58">
        <f>Bühler!L542</f>
        <v>0.23261583197272295</v>
      </c>
      <c r="M516" s="57">
        <f>Bühler!M542</f>
        <v>0</v>
      </c>
      <c r="N516" s="55">
        <f>IF(Input!$K$13=1,J516*Input!$J$13,0)+IF(Input!$K$14=1,K516*Input!$J$14,0)+IF(Input!$K$15=1,L516*Input!$J$15,0)+IF(Input!$K$16=1,M516*Input!$J$16,0)</f>
        <v>2.3598300244784891</v>
      </c>
      <c r="O516" s="58">
        <f>IF(Input!$K$13=2,J516*Input!$J$13,0)+IF(Input!$K$14=2,K516*Input!$J$14,0)+IF(Input!$K$15=2,L516*Input!$J$15,0)+IF(Input!$K$16=2,M516*Input!$J$16,0)</f>
        <v>6.280627463263519E-2</v>
      </c>
      <c r="P516" s="58">
        <f>IF(Input!$K$13=3,J516*Input!$J$13,0)+IF(Input!$K$14=3,K516*Input!$J$14,0)+IF(Input!$K$15=3,L516*Input!$J$15,0)+IF(Input!$K$16=3,M516*Input!$J$16,0)</f>
        <v>0</v>
      </c>
      <c r="Q516" s="71">
        <f>IF(Input!$K$13=4,J516*Input!$J$13,0)+IF(Input!$K$14=4,K516*Input!$J$14,0)+IF(Input!$K$15=4,L516*Input!$J$15,0)+IF(Input!$K$16=4,M516*Input!$J$16,0)</f>
        <v>0</v>
      </c>
    </row>
    <row r="517" spans="8:17" x14ac:dyDescent="0.25">
      <c r="H517" s="43">
        <v>510</v>
      </c>
      <c r="I517" s="55">
        <f>Bühler!I543</f>
        <v>6.1713412932942422</v>
      </c>
      <c r="J517" s="58">
        <f>Bühler!J543</f>
        <v>19.716678048098196</v>
      </c>
      <c r="K517" s="58">
        <f>Bühler!K543</f>
        <v>0.46523166394544591</v>
      </c>
      <c r="L517" s="58">
        <f>Bühler!L543</f>
        <v>0.23261583197272295</v>
      </c>
      <c r="M517" s="57">
        <f>Bühler!M543</f>
        <v>0</v>
      </c>
      <c r="N517" s="55">
        <f>IF(Input!$K$13=1,J517*Input!$J$13,0)+IF(Input!$K$14=1,K517*Input!$J$14,0)+IF(Input!$K$15=1,L517*Input!$J$15,0)+IF(Input!$K$16=1,M517*Input!$J$16,0)</f>
        <v>2.3660013657717833</v>
      </c>
      <c r="O517" s="58">
        <f>IF(Input!$K$13=2,J517*Input!$J$13,0)+IF(Input!$K$14=2,K517*Input!$J$14,0)+IF(Input!$K$15=2,L517*Input!$J$15,0)+IF(Input!$K$16=2,M517*Input!$J$16,0)</f>
        <v>6.280627463263519E-2</v>
      </c>
      <c r="P517" s="58">
        <f>IF(Input!$K$13=3,J517*Input!$J$13,0)+IF(Input!$K$14=3,K517*Input!$J$14,0)+IF(Input!$K$15=3,L517*Input!$J$15,0)+IF(Input!$K$16=3,M517*Input!$J$16,0)</f>
        <v>0</v>
      </c>
      <c r="Q517" s="71">
        <f>IF(Input!$K$13=4,J517*Input!$J$13,0)+IF(Input!$K$14=4,K517*Input!$J$14,0)+IF(Input!$K$15=4,L517*Input!$J$15,0)+IF(Input!$K$16=4,M517*Input!$J$16,0)</f>
        <v>0</v>
      </c>
    </row>
    <row r="518" spans="8:17" x14ac:dyDescent="0.25">
      <c r="H518" s="43">
        <v>511</v>
      </c>
      <c r="I518" s="55">
        <f>Bühler!I544</f>
        <v>7.2684686343243303</v>
      </c>
      <c r="J518" s="58">
        <f>Bühler!J544</f>
        <v>19.76239168730778</v>
      </c>
      <c r="K518" s="58">
        <f>Bühler!K544</f>
        <v>0.46523166394544591</v>
      </c>
      <c r="L518" s="58">
        <f>Bühler!L544</f>
        <v>0.23261583197272295</v>
      </c>
      <c r="M518" s="57">
        <f>Bühler!M544</f>
        <v>0</v>
      </c>
      <c r="N518" s="55">
        <f>IF(Input!$K$13=1,J518*Input!$J$13,0)+IF(Input!$K$14=1,K518*Input!$J$14,0)+IF(Input!$K$15=1,L518*Input!$J$15,0)+IF(Input!$K$16=1,M518*Input!$J$16,0)</f>
        <v>2.3714870024769334</v>
      </c>
      <c r="O518" s="58">
        <f>IF(Input!$K$13=2,J518*Input!$J$13,0)+IF(Input!$K$14=2,K518*Input!$J$14,0)+IF(Input!$K$15=2,L518*Input!$J$15,0)+IF(Input!$K$16=2,M518*Input!$J$16,0)</f>
        <v>6.280627463263519E-2</v>
      </c>
      <c r="P518" s="58">
        <f>IF(Input!$K$13=3,J518*Input!$J$13,0)+IF(Input!$K$14=3,K518*Input!$J$14,0)+IF(Input!$K$15=3,L518*Input!$J$15,0)+IF(Input!$K$16=3,M518*Input!$J$16,0)</f>
        <v>0</v>
      </c>
      <c r="Q518" s="71">
        <f>IF(Input!$K$13=4,J518*Input!$J$13,0)+IF(Input!$K$14=4,K518*Input!$J$14,0)+IF(Input!$K$15=4,L518*Input!$J$15,0)+IF(Input!$K$16=4,M518*Input!$J$16,0)</f>
        <v>0</v>
      </c>
    </row>
    <row r="519" spans="8:17" x14ac:dyDescent="0.25">
      <c r="H519" s="43">
        <v>512</v>
      </c>
      <c r="I519" s="55">
        <f>Bühler!I545</f>
        <v>8.6398778106119405</v>
      </c>
      <c r="J519" s="58">
        <f>Bühler!J545</f>
        <v>19.819533736319762</v>
      </c>
      <c r="K519" s="58">
        <f>Bühler!K545</f>
        <v>0.46523166394544591</v>
      </c>
      <c r="L519" s="58">
        <f>Bühler!L545</f>
        <v>0.23261583197272295</v>
      </c>
      <c r="M519" s="57">
        <f>Bühler!M545</f>
        <v>0</v>
      </c>
      <c r="N519" s="55">
        <f>IF(Input!$K$13=1,J519*Input!$J$13,0)+IF(Input!$K$14=1,K519*Input!$J$14,0)+IF(Input!$K$15=1,L519*Input!$J$15,0)+IF(Input!$K$16=1,M519*Input!$J$16,0)</f>
        <v>2.3783440483583713</v>
      </c>
      <c r="O519" s="58">
        <f>IF(Input!$K$13=2,J519*Input!$J$13,0)+IF(Input!$K$14=2,K519*Input!$J$14,0)+IF(Input!$K$15=2,L519*Input!$J$15,0)+IF(Input!$K$16=2,M519*Input!$J$16,0)</f>
        <v>6.280627463263519E-2</v>
      </c>
      <c r="P519" s="58">
        <f>IF(Input!$K$13=3,J519*Input!$J$13,0)+IF(Input!$K$14=3,K519*Input!$J$14,0)+IF(Input!$K$15=3,L519*Input!$J$15,0)+IF(Input!$K$16=3,M519*Input!$J$16,0)</f>
        <v>0</v>
      </c>
      <c r="Q519" s="71">
        <f>IF(Input!$K$13=4,J519*Input!$J$13,0)+IF(Input!$K$14=4,K519*Input!$J$14,0)+IF(Input!$K$15=4,L519*Input!$J$15,0)+IF(Input!$K$16=4,M519*Input!$J$16,0)</f>
        <v>0</v>
      </c>
    </row>
    <row r="520" spans="8:17" x14ac:dyDescent="0.25">
      <c r="H520" s="43">
        <v>513</v>
      </c>
      <c r="I520" s="55">
        <f>Bühler!I546</f>
        <v>8.6398778106119405</v>
      </c>
      <c r="J520" s="58">
        <f>Bühler!J546</f>
        <v>19.819533736319762</v>
      </c>
      <c r="K520" s="58">
        <f>Bühler!K546</f>
        <v>0.46523166394544591</v>
      </c>
      <c r="L520" s="58">
        <f>Bühler!L546</f>
        <v>0.23261583197272295</v>
      </c>
      <c r="M520" s="57">
        <f>Bühler!M546</f>
        <v>0</v>
      </c>
      <c r="N520" s="55">
        <f>IF(Input!$K$13=1,J520*Input!$J$13,0)+IF(Input!$K$14=1,K520*Input!$J$14,0)+IF(Input!$K$15=1,L520*Input!$J$15,0)+IF(Input!$K$16=1,M520*Input!$J$16,0)</f>
        <v>2.3783440483583713</v>
      </c>
      <c r="O520" s="58">
        <f>IF(Input!$K$13=2,J520*Input!$J$13,0)+IF(Input!$K$14=2,K520*Input!$J$14,0)+IF(Input!$K$15=2,L520*Input!$J$15,0)+IF(Input!$K$16=2,M520*Input!$J$16,0)</f>
        <v>6.280627463263519E-2</v>
      </c>
      <c r="P520" s="58">
        <f>IF(Input!$K$13=3,J520*Input!$J$13,0)+IF(Input!$K$14=3,K520*Input!$J$14,0)+IF(Input!$K$15=3,L520*Input!$J$15,0)+IF(Input!$K$16=3,M520*Input!$J$16,0)</f>
        <v>0</v>
      </c>
      <c r="Q520" s="71">
        <f>IF(Input!$K$13=4,J520*Input!$J$13,0)+IF(Input!$K$14=4,K520*Input!$J$14,0)+IF(Input!$K$15=4,L520*Input!$J$15,0)+IF(Input!$K$16=4,M520*Input!$J$16,0)</f>
        <v>0</v>
      </c>
    </row>
    <row r="521" spans="8:17" x14ac:dyDescent="0.25">
      <c r="H521" s="43">
        <v>514</v>
      </c>
      <c r="I521" s="55">
        <f>Bühler!I547</f>
        <v>8.6398778106119405</v>
      </c>
      <c r="J521" s="58">
        <f>Bühler!J547</f>
        <v>19.819533736319762</v>
      </c>
      <c r="K521" s="58">
        <f>Bühler!K547</f>
        <v>0.46523166394544591</v>
      </c>
      <c r="L521" s="58">
        <f>Bühler!L547</f>
        <v>0.23261583197272295</v>
      </c>
      <c r="M521" s="57">
        <f>Bühler!M547</f>
        <v>0</v>
      </c>
      <c r="N521" s="55">
        <f>IF(Input!$K$13=1,J521*Input!$J$13,0)+IF(Input!$K$14=1,K521*Input!$J$14,0)+IF(Input!$K$15=1,L521*Input!$J$15,0)+IF(Input!$K$16=1,M521*Input!$J$16,0)</f>
        <v>2.3783440483583713</v>
      </c>
      <c r="O521" s="58">
        <f>IF(Input!$K$13=2,J521*Input!$J$13,0)+IF(Input!$K$14=2,K521*Input!$J$14,0)+IF(Input!$K$15=2,L521*Input!$J$15,0)+IF(Input!$K$16=2,M521*Input!$J$16,0)</f>
        <v>6.280627463263519E-2</v>
      </c>
      <c r="P521" s="58">
        <f>IF(Input!$K$13=3,J521*Input!$J$13,0)+IF(Input!$K$14=3,K521*Input!$J$14,0)+IF(Input!$K$15=3,L521*Input!$J$15,0)+IF(Input!$K$16=3,M521*Input!$J$16,0)</f>
        <v>0</v>
      </c>
      <c r="Q521" s="71">
        <f>IF(Input!$K$13=4,J521*Input!$J$13,0)+IF(Input!$K$14=4,K521*Input!$J$14,0)+IF(Input!$K$15=4,L521*Input!$J$15,0)+IF(Input!$K$16=4,M521*Input!$J$16,0)</f>
        <v>0</v>
      </c>
    </row>
    <row r="522" spans="8:17" x14ac:dyDescent="0.25">
      <c r="H522" s="43">
        <v>515</v>
      </c>
      <c r="I522" s="55">
        <f>Bühler!I548</f>
        <v>8.6398778106119405</v>
      </c>
      <c r="J522" s="58">
        <f>Bühler!J548</f>
        <v>19.819533736319762</v>
      </c>
      <c r="K522" s="58">
        <f>Bühler!K548</f>
        <v>0.46523166394544591</v>
      </c>
      <c r="L522" s="58">
        <f>Bühler!L548</f>
        <v>0.23261583197272295</v>
      </c>
      <c r="M522" s="57">
        <f>Bühler!M548</f>
        <v>0</v>
      </c>
      <c r="N522" s="55">
        <f>IF(Input!$K$13=1,J522*Input!$J$13,0)+IF(Input!$K$14=1,K522*Input!$J$14,0)+IF(Input!$K$15=1,L522*Input!$J$15,0)+IF(Input!$K$16=1,M522*Input!$J$16,0)</f>
        <v>2.3783440483583713</v>
      </c>
      <c r="O522" s="58">
        <f>IF(Input!$K$13=2,J522*Input!$J$13,0)+IF(Input!$K$14=2,K522*Input!$J$14,0)+IF(Input!$K$15=2,L522*Input!$J$15,0)+IF(Input!$K$16=2,M522*Input!$J$16,0)</f>
        <v>6.280627463263519E-2</v>
      </c>
      <c r="P522" s="58">
        <f>IF(Input!$K$13=3,J522*Input!$J$13,0)+IF(Input!$K$14=3,K522*Input!$J$14,0)+IF(Input!$K$15=3,L522*Input!$J$15,0)+IF(Input!$K$16=3,M522*Input!$J$16,0)</f>
        <v>0</v>
      </c>
      <c r="Q522" s="71">
        <f>IF(Input!$K$13=4,J522*Input!$J$13,0)+IF(Input!$K$14=4,K522*Input!$J$14,0)+IF(Input!$K$15=4,L522*Input!$J$15,0)+IF(Input!$K$16=4,M522*Input!$J$16,0)</f>
        <v>0</v>
      </c>
    </row>
    <row r="523" spans="8:17" x14ac:dyDescent="0.25">
      <c r="H523" s="43">
        <v>516</v>
      </c>
      <c r="I523" s="55">
        <f>Bühler!I549</f>
        <v>8.6398778106119405</v>
      </c>
      <c r="J523" s="58">
        <f>Bühler!J549</f>
        <v>19.819533736319762</v>
      </c>
      <c r="K523" s="58">
        <f>Bühler!K549</f>
        <v>0.46523166394544591</v>
      </c>
      <c r="L523" s="58">
        <f>Bühler!L549</f>
        <v>0.23261583197272295</v>
      </c>
      <c r="M523" s="57">
        <f>Bühler!M549</f>
        <v>0</v>
      </c>
      <c r="N523" s="55">
        <f>IF(Input!$K$13=1,J523*Input!$J$13,0)+IF(Input!$K$14=1,K523*Input!$J$14,0)+IF(Input!$K$15=1,L523*Input!$J$15,0)+IF(Input!$K$16=1,M523*Input!$J$16,0)</f>
        <v>2.3783440483583713</v>
      </c>
      <c r="O523" s="58">
        <f>IF(Input!$K$13=2,J523*Input!$J$13,0)+IF(Input!$K$14=2,K523*Input!$J$14,0)+IF(Input!$K$15=2,L523*Input!$J$15,0)+IF(Input!$K$16=2,M523*Input!$J$16,0)</f>
        <v>6.280627463263519E-2</v>
      </c>
      <c r="P523" s="58">
        <f>IF(Input!$K$13=3,J523*Input!$J$13,0)+IF(Input!$K$14=3,K523*Input!$J$14,0)+IF(Input!$K$15=3,L523*Input!$J$15,0)+IF(Input!$K$16=3,M523*Input!$J$16,0)</f>
        <v>0</v>
      </c>
      <c r="Q523" s="71">
        <f>IF(Input!$K$13=4,J523*Input!$J$13,0)+IF(Input!$K$14=4,K523*Input!$J$14,0)+IF(Input!$K$15=4,L523*Input!$J$15,0)+IF(Input!$K$16=4,M523*Input!$J$16,0)</f>
        <v>0</v>
      </c>
    </row>
    <row r="524" spans="8:17" x14ac:dyDescent="0.25">
      <c r="H524" s="43">
        <v>517</v>
      </c>
      <c r="I524" s="55">
        <f>Bühler!I550</f>
        <v>8.6398778106119405</v>
      </c>
      <c r="J524" s="58">
        <f>Bühler!J550</f>
        <v>19.819533736319762</v>
      </c>
      <c r="K524" s="58">
        <f>Bühler!K550</f>
        <v>0.46523166394544591</v>
      </c>
      <c r="L524" s="58">
        <f>Bühler!L550</f>
        <v>0.23261583197272295</v>
      </c>
      <c r="M524" s="57">
        <f>Bühler!M550</f>
        <v>0</v>
      </c>
      <c r="N524" s="55">
        <f>IF(Input!$K$13=1,J524*Input!$J$13,0)+IF(Input!$K$14=1,K524*Input!$J$14,0)+IF(Input!$K$15=1,L524*Input!$J$15,0)+IF(Input!$K$16=1,M524*Input!$J$16,0)</f>
        <v>2.3783440483583713</v>
      </c>
      <c r="O524" s="58">
        <f>IF(Input!$K$13=2,J524*Input!$J$13,0)+IF(Input!$K$14=2,K524*Input!$J$14,0)+IF(Input!$K$15=2,L524*Input!$J$15,0)+IF(Input!$K$16=2,M524*Input!$J$16,0)</f>
        <v>6.280627463263519E-2</v>
      </c>
      <c r="P524" s="58">
        <f>IF(Input!$K$13=3,J524*Input!$J$13,0)+IF(Input!$K$14=3,K524*Input!$J$14,0)+IF(Input!$K$15=3,L524*Input!$J$15,0)+IF(Input!$K$16=3,M524*Input!$J$16,0)</f>
        <v>0</v>
      </c>
      <c r="Q524" s="71">
        <f>IF(Input!$K$13=4,J524*Input!$J$13,0)+IF(Input!$K$14=4,K524*Input!$J$14,0)+IF(Input!$K$15=4,L524*Input!$J$15,0)+IF(Input!$K$16=4,M524*Input!$J$16,0)</f>
        <v>0</v>
      </c>
    </row>
    <row r="525" spans="8:17" x14ac:dyDescent="0.25">
      <c r="H525" s="43">
        <v>518</v>
      </c>
      <c r="I525" s="55">
        <f>Bühler!I551</f>
        <v>8.6398778106119405</v>
      </c>
      <c r="J525" s="58">
        <f>Bühler!J551</f>
        <v>19.819533736319762</v>
      </c>
      <c r="K525" s="58">
        <f>Bühler!K551</f>
        <v>0.46523166394544591</v>
      </c>
      <c r="L525" s="58">
        <f>Bühler!L551</f>
        <v>0.23261583197272295</v>
      </c>
      <c r="M525" s="57">
        <f>Bühler!M551</f>
        <v>0</v>
      </c>
      <c r="N525" s="55">
        <f>IF(Input!$K$13=1,J525*Input!$J$13,0)+IF(Input!$K$14=1,K525*Input!$J$14,0)+IF(Input!$K$15=1,L525*Input!$J$15,0)+IF(Input!$K$16=1,M525*Input!$J$16,0)</f>
        <v>2.3783440483583713</v>
      </c>
      <c r="O525" s="58">
        <f>IF(Input!$K$13=2,J525*Input!$J$13,0)+IF(Input!$K$14=2,K525*Input!$J$14,0)+IF(Input!$K$15=2,L525*Input!$J$15,0)+IF(Input!$K$16=2,M525*Input!$J$16,0)</f>
        <v>6.280627463263519E-2</v>
      </c>
      <c r="P525" s="58">
        <f>IF(Input!$K$13=3,J525*Input!$J$13,0)+IF(Input!$K$14=3,K525*Input!$J$14,0)+IF(Input!$K$15=3,L525*Input!$J$15,0)+IF(Input!$K$16=3,M525*Input!$J$16,0)</f>
        <v>0</v>
      </c>
      <c r="Q525" s="71">
        <f>IF(Input!$K$13=4,J525*Input!$J$13,0)+IF(Input!$K$14=4,K525*Input!$J$14,0)+IF(Input!$K$15=4,L525*Input!$J$15,0)+IF(Input!$K$16=4,M525*Input!$J$16,0)</f>
        <v>0</v>
      </c>
    </row>
    <row r="526" spans="8:17" x14ac:dyDescent="0.25">
      <c r="H526" s="43">
        <v>519</v>
      </c>
      <c r="I526" s="55">
        <f>Bühler!I552</f>
        <v>8.6398778106119405</v>
      </c>
      <c r="J526" s="58">
        <f>Bühler!J552</f>
        <v>19.819533736319762</v>
      </c>
      <c r="K526" s="58">
        <f>Bühler!K552</f>
        <v>0.46523166394544591</v>
      </c>
      <c r="L526" s="58">
        <f>Bühler!L552</f>
        <v>0.23261583197272295</v>
      </c>
      <c r="M526" s="57">
        <f>Bühler!M552</f>
        <v>0</v>
      </c>
      <c r="N526" s="55">
        <f>IF(Input!$K$13=1,J526*Input!$J$13,0)+IF(Input!$K$14=1,K526*Input!$J$14,0)+IF(Input!$K$15=1,L526*Input!$J$15,0)+IF(Input!$K$16=1,M526*Input!$J$16,0)</f>
        <v>2.3783440483583713</v>
      </c>
      <c r="O526" s="58">
        <f>IF(Input!$K$13=2,J526*Input!$J$13,0)+IF(Input!$K$14=2,K526*Input!$J$14,0)+IF(Input!$K$15=2,L526*Input!$J$15,0)+IF(Input!$K$16=2,M526*Input!$J$16,0)</f>
        <v>6.280627463263519E-2</v>
      </c>
      <c r="P526" s="58">
        <f>IF(Input!$K$13=3,J526*Input!$J$13,0)+IF(Input!$K$14=3,K526*Input!$J$14,0)+IF(Input!$K$15=3,L526*Input!$J$15,0)+IF(Input!$K$16=3,M526*Input!$J$16,0)</f>
        <v>0</v>
      </c>
      <c r="Q526" s="71">
        <f>IF(Input!$K$13=4,J526*Input!$J$13,0)+IF(Input!$K$14=4,K526*Input!$J$14,0)+IF(Input!$K$15=4,L526*Input!$J$15,0)+IF(Input!$K$16=4,M526*Input!$J$16,0)</f>
        <v>0</v>
      </c>
    </row>
    <row r="527" spans="8:17" x14ac:dyDescent="0.25">
      <c r="H527" s="43">
        <v>520</v>
      </c>
      <c r="I527" s="55">
        <f>Bühler!I553</f>
        <v>7.6798913872106134</v>
      </c>
      <c r="J527" s="58">
        <f>Bühler!J553</f>
        <v>19.779534302011374</v>
      </c>
      <c r="K527" s="58">
        <f>Bühler!K553</f>
        <v>0.46523166394544591</v>
      </c>
      <c r="L527" s="58">
        <f>Bühler!L553</f>
        <v>0.23261583197272295</v>
      </c>
      <c r="M527" s="57">
        <f>Bühler!M553</f>
        <v>0</v>
      </c>
      <c r="N527" s="55">
        <f>IF(Input!$K$13=1,J527*Input!$J$13,0)+IF(Input!$K$14=1,K527*Input!$J$14,0)+IF(Input!$K$15=1,L527*Input!$J$15,0)+IF(Input!$K$16=1,M527*Input!$J$16,0)</f>
        <v>2.3735441162413649</v>
      </c>
      <c r="O527" s="58">
        <f>IF(Input!$K$13=2,J527*Input!$J$13,0)+IF(Input!$K$14=2,K527*Input!$J$14,0)+IF(Input!$K$15=2,L527*Input!$J$15,0)+IF(Input!$K$16=2,M527*Input!$J$16,0)</f>
        <v>6.280627463263519E-2</v>
      </c>
      <c r="P527" s="58">
        <f>IF(Input!$K$13=3,J527*Input!$J$13,0)+IF(Input!$K$14=3,K527*Input!$J$14,0)+IF(Input!$K$15=3,L527*Input!$J$15,0)+IF(Input!$K$16=3,M527*Input!$J$16,0)</f>
        <v>0</v>
      </c>
      <c r="Q527" s="71">
        <f>IF(Input!$K$13=4,J527*Input!$J$13,0)+IF(Input!$K$14=4,K527*Input!$J$14,0)+IF(Input!$K$15=4,L527*Input!$J$15,0)+IF(Input!$K$16=4,M527*Input!$J$16,0)</f>
        <v>0</v>
      </c>
    </row>
    <row r="528" spans="8:17" x14ac:dyDescent="0.25">
      <c r="H528" s="43">
        <v>521</v>
      </c>
      <c r="I528" s="55">
        <f>Bühler!I554</f>
        <v>7.5427504695818524</v>
      </c>
      <c r="J528" s="58">
        <f>Bühler!J554</f>
        <v>19.773820097110178</v>
      </c>
      <c r="K528" s="58">
        <f>Bühler!K554</f>
        <v>0.46523166394544591</v>
      </c>
      <c r="L528" s="58">
        <f>Bühler!L554</f>
        <v>0.23261583197272295</v>
      </c>
      <c r="M528" s="57">
        <f>Bühler!M554</f>
        <v>0</v>
      </c>
      <c r="N528" s="55">
        <f>IF(Input!$K$13=1,J528*Input!$J$13,0)+IF(Input!$K$14=1,K528*Input!$J$14,0)+IF(Input!$K$15=1,L528*Input!$J$15,0)+IF(Input!$K$16=1,M528*Input!$J$16,0)</f>
        <v>2.3728584116532212</v>
      </c>
      <c r="O528" s="58">
        <f>IF(Input!$K$13=2,J528*Input!$J$13,0)+IF(Input!$K$14=2,K528*Input!$J$14,0)+IF(Input!$K$15=2,L528*Input!$J$15,0)+IF(Input!$K$16=2,M528*Input!$J$16,0)</f>
        <v>6.280627463263519E-2</v>
      </c>
      <c r="P528" s="58">
        <f>IF(Input!$K$13=3,J528*Input!$J$13,0)+IF(Input!$K$14=3,K528*Input!$J$14,0)+IF(Input!$K$15=3,L528*Input!$J$15,0)+IF(Input!$K$16=3,M528*Input!$J$16,0)</f>
        <v>0</v>
      </c>
      <c r="Q528" s="71">
        <f>IF(Input!$K$13=4,J528*Input!$J$13,0)+IF(Input!$K$14=4,K528*Input!$J$14,0)+IF(Input!$K$15=4,L528*Input!$J$15,0)+IF(Input!$K$16=4,M528*Input!$J$16,0)</f>
        <v>0</v>
      </c>
    </row>
    <row r="529" spans="8:17" x14ac:dyDescent="0.25">
      <c r="H529" s="43">
        <v>522</v>
      </c>
      <c r="I529" s="55">
        <f>Bühler!I555</f>
        <v>6.4456231285517651</v>
      </c>
      <c r="J529" s="58">
        <f>Bühler!J555</f>
        <v>19.728106457900591</v>
      </c>
      <c r="K529" s="58">
        <f>Bühler!K555</f>
        <v>0.46523166394544591</v>
      </c>
      <c r="L529" s="58">
        <f>Bühler!L555</f>
        <v>0.23261583197272295</v>
      </c>
      <c r="M529" s="57">
        <f>Bühler!M555</f>
        <v>0</v>
      </c>
      <c r="N529" s="55">
        <f>IF(Input!$K$13=1,J529*Input!$J$13,0)+IF(Input!$K$14=1,K529*Input!$J$14,0)+IF(Input!$K$15=1,L529*Input!$J$15,0)+IF(Input!$K$16=1,M529*Input!$J$16,0)</f>
        <v>2.3673727749480706</v>
      </c>
      <c r="O529" s="58">
        <f>IF(Input!$K$13=2,J529*Input!$J$13,0)+IF(Input!$K$14=2,K529*Input!$J$14,0)+IF(Input!$K$15=2,L529*Input!$J$15,0)+IF(Input!$K$16=2,M529*Input!$J$16,0)</f>
        <v>6.280627463263519E-2</v>
      </c>
      <c r="P529" s="58">
        <f>IF(Input!$K$13=3,J529*Input!$J$13,0)+IF(Input!$K$14=3,K529*Input!$J$14,0)+IF(Input!$K$15=3,L529*Input!$J$15,0)+IF(Input!$K$16=3,M529*Input!$J$16,0)</f>
        <v>0</v>
      </c>
      <c r="Q529" s="71">
        <f>IF(Input!$K$13=4,J529*Input!$J$13,0)+IF(Input!$K$14=4,K529*Input!$J$14,0)+IF(Input!$K$15=4,L529*Input!$J$15,0)+IF(Input!$K$16=4,M529*Input!$J$16,0)</f>
        <v>0</v>
      </c>
    </row>
    <row r="530" spans="8:17" x14ac:dyDescent="0.25">
      <c r="H530" s="43">
        <v>523</v>
      </c>
      <c r="I530" s="55">
        <f>Bühler!I556</f>
        <v>6.0342003756654821</v>
      </c>
      <c r="J530" s="58">
        <f>Bühler!J556</f>
        <v>19.710963843196996</v>
      </c>
      <c r="K530" s="58">
        <f>Bühler!K556</f>
        <v>0.46523166394544591</v>
      </c>
      <c r="L530" s="58">
        <f>Bühler!L556</f>
        <v>0.23261583197272295</v>
      </c>
      <c r="M530" s="57">
        <f>Bühler!M556</f>
        <v>0</v>
      </c>
      <c r="N530" s="55">
        <f>IF(Input!$K$13=1,J530*Input!$J$13,0)+IF(Input!$K$14=1,K530*Input!$J$14,0)+IF(Input!$K$15=1,L530*Input!$J$15,0)+IF(Input!$K$16=1,M530*Input!$J$16,0)</f>
        <v>2.3653156611836397</v>
      </c>
      <c r="O530" s="58">
        <f>IF(Input!$K$13=2,J530*Input!$J$13,0)+IF(Input!$K$14=2,K530*Input!$J$14,0)+IF(Input!$K$15=2,L530*Input!$J$15,0)+IF(Input!$K$16=2,M530*Input!$J$16,0)</f>
        <v>6.280627463263519E-2</v>
      </c>
      <c r="P530" s="58">
        <f>IF(Input!$K$13=3,J530*Input!$J$13,0)+IF(Input!$K$14=3,K530*Input!$J$14,0)+IF(Input!$K$15=3,L530*Input!$J$15,0)+IF(Input!$K$16=3,M530*Input!$J$16,0)</f>
        <v>0</v>
      </c>
      <c r="Q530" s="71">
        <f>IF(Input!$K$13=4,J530*Input!$J$13,0)+IF(Input!$K$14=4,K530*Input!$J$14,0)+IF(Input!$K$15=4,L530*Input!$J$15,0)+IF(Input!$K$16=4,M530*Input!$J$16,0)</f>
        <v>0</v>
      </c>
    </row>
    <row r="531" spans="8:17" x14ac:dyDescent="0.25">
      <c r="H531" s="43">
        <v>524</v>
      </c>
      <c r="I531" s="55">
        <f>Bühler!I557</f>
        <v>5.0742139522641549</v>
      </c>
      <c r="J531" s="58">
        <f>Bühler!J557</f>
        <v>19.670964408888608</v>
      </c>
      <c r="K531" s="58">
        <f>Bühler!K557</f>
        <v>0.46523166394544591</v>
      </c>
      <c r="L531" s="58">
        <f>Bühler!L557</f>
        <v>0.23261583197272295</v>
      </c>
      <c r="M531" s="57">
        <f>Bühler!M557</f>
        <v>0</v>
      </c>
      <c r="N531" s="55">
        <f>IF(Input!$K$13=1,J531*Input!$J$13,0)+IF(Input!$K$14=1,K531*Input!$J$14,0)+IF(Input!$K$15=1,L531*Input!$J$15,0)+IF(Input!$K$16=1,M531*Input!$J$16,0)</f>
        <v>2.3605157290666328</v>
      </c>
      <c r="O531" s="58">
        <f>IF(Input!$K$13=2,J531*Input!$J$13,0)+IF(Input!$K$14=2,K531*Input!$J$14,0)+IF(Input!$K$15=2,L531*Input!$J$15,0)+IF(Input!$K$16=2,M531*Input!$J$16,0)</f>
        <v>6.280627463263519E-2</v>
      </c>
      <c r="P531" s="58">
        <f>IF(Input!$K$13=3,J531*Input!$J$13,0)+IF(Input!$K$14=3,K531*Input!$J$14,0)+IF(Input!$K$15=3,L531*Input!$J$15,0)+IF(Input!$K$16=3,M531*Input!$J$16,0)</f>
        <v>0</v>
      </c>
      <c r="Q531" s="71">
        <f>IF(Input!$K$13=4,J531*Input!$J$13,0)+IF(Input!$K$14=4,K531*Input!$J$14,0)+IF(Input!$K$15=4,L531*Input!$J$15,0)+IF(Input!$K$16=4,M531*Input!$J$16,0)</f>
        <v>0</v>
      </c>
    </row>
    <row r="532" spans="8:17" x14ac:dyDescent="0.25">
      <c r="H532" s="43">
        <v>525</v>
      </c>
      <c r="I532" s="55">
        <f>Bühler!I558</f>
        <v>4.2513684464915888</v>
      </c>
      <c r="J532" s="58">
        <f>Bühler!J558</f>
        <v>19.636679179481419</v>
      </c>
      <c r="K532" s="58">
        <f>Bühler!K558</f>
        <v>0.46523166394544591</v>
      </c>
      <c r="L532" s="58">
        <f>Bühler!L558</f>
        <v>0.23261583197272295</v>
      </c>
      <c r="M532" s="57">
        <f>Bühler!M558</f>
        <v>0</v>
      </c>
      <c r="N532" s="55">
        <f>IF(Input!$K$13=1,J532*Input!$J$13,0)+IF(Input!$K$14=1,K532*Input!$J$14,0)+IF(Input!$K$15=1,L532*Input!$J$15,0)+IF(Input!$K$16=1,M532*Input!$J$16,0)</f>
        <v>2.3564015015377704</v>
      </c>
      <c r="O532" s="58">
        <f>IF(Input!$K$13=2,J532*Input!$J$13,0)+IF(Input!$K$14=2,K532*Input!$J$14,0)+IF(Input!$K$15=2,L532*Input!$J$15,0)+IF(Input!$K$16=2,M532*Input!$J$16,0)</f>
        <v>6.280627463263519E-2</v>
      </c>
      <c r="P532" s="58">
        <f>IF(Input!$K$13=3,J532*Input!$J$13,0)+IF(Input!$K$14=3,K532*Input!$J$14,0)+IF(Input!$K$15=3,L532*Input!$J$15,0)+IF(Input!$K$16=3,M532*Input!$J$16,0)</f>
        <v>0</v>
      </c>
      <c r="Q532" s="71">
        <f>IF(Input!$K$13=4,J532*Input!$J$13,0)+IF(Input!$K$14=4,K532*Input!$J$14,0)+IF(Input!$K$15=4,L532*Input!$J$15,0)+IF(Input!$K$16=4,M532*Input!$J$16,0)</f>
        <v>0</v>
      </c>
    </row>
    <row r="533" spans="8:17" x14ac:dyDescent="0.25">
      <c r="H533" s="43">
        <v>526</v>
      </c>
      <c r="I533" s="55">
        <f>Bühler!I559</f>
        <v>3.7028047759765457</v>
      </c>
      <c r="J533" s="58">
        <f>Bühler!J559</f>
        <v>19.613822359876625</v>
      </c>
      <c r="K533" s="58">
        <f>Bühler!K559</f>
        <v>0.46523166394544591</v>
      </c>
      <c r="L533" s="58">
        <f>Bühler!L559</f>
        <v>0.23261583197272295</v>
      </c>
      <c r="M533" s="57">
        <f>Bühler!M559</f>
        <v>0</v>
      </c>
      <c r="N533" s="55">
        <f>IF(Input!$K$13=1,J533*Input!$J$13,0)+IF(Input!$K$14=1,K533*Input!$J$14,0)+IF(Input!$K$15=1,L533*Input!$J$15,0)+IF(Input!$K$16=1,M533*Input!$J$16,0)</f>
        <v>2.3536586831851949</v>
      </c>
      <c r="O533" s="58">
        <f>IF(Input!$K$13=2,J533*Input!$J$13,0)+IF(Input!$K$14=2,K533*Input!$J$14,0)+IF(Input!$K$15=2,L533*Input!$J$15,0)+IF(Input!$K$16=2,M533*Input!$J$16,0)</f>
        <v>6.280627463263519E-2</v>
      </c>
      <c r="P533" s="58">
        <f>IF(Input!$K$13=3,J533*Input!$J$13,0)+IF(Input!$K$14=3,K533*Input!$J$14,0)+IF(Input!$K$15=3,L533*Input!$J$15,0)+IF(Input!$K$16=3,M533*Input!$J$16,0)</f>
        <v>0</v>
      </c>
      <c r="Q533" s="71">
        <f>IF(Input!$K$13=4,J533*Input!$J$13,0)+IF(Input!$K$14=4,K533*Input!$J$14,0)+IF(Input!$K$15=4,L533*Input!$J$15,0)+IF(Input!$K$16=4,M533*Input!$J$16,0)</f>
        <v>0</v>
      </c>
    </row>
    <row r="534" spans="8:17" x14ac:dyDescent="0.25">
      <c r="H534" s="43">
        <v>527</v>
      </c>
      <c r="I534" s="55">
        <f>Bühler!I560</f>
        <v>3.7028047759765457</v>
      </c>
      <c r="J534" s="58">
        <f>Bühler!J560</f>
        <v>19.613822359876625</v>
      </c>
      <c r="K534" s="58">
        <f>Bühler!K560</f>
        <v>0.46523166394544591</v>
      </c>
      <c r="L534" s="58">
        <f>Bühler!L560</f>
        <v>0.23261583197272295</v>
      </c>
      <c r="M534" s="57">
        <f>Bühler!M560</f>
        <v>0</v>
      </c>
      <c r="N534" s="55">
        <f>IF(Input!$K$13=1,J534*Input!$J$13,0)+IF(Input!$K$14=1,K534*Input!$J$14,0)+IF(Input!$K$15=1,L534*Input!$J$15,0)+IF(Input!$K$16=1,M534*Input!$J$16,0)</f>
        <v>2.3536586831851949</v>
      </c>
      <c r="O534" s="58">
        <f>IF(Input!$K$13=2,J534*Input!$J$13,0)+IF(Input!$K$14=2,K534*Input!$J$14,0)+IF(Input!$K$15=2,L534*Input!$J$15,0)+IF(Input!$K$16=2,M534*Input!$J$16,0)</f>
        <v>6.280627463263519E-2</v>
      </c>
      <c r="P534" s="58">
        <f>IF(Input!$K$13=3,J534*Input!$J$13,0)+IF(Input!$K$14=3,K534*Input!$J$14,0)+IF(Input!$K$15=3,L534*Input!$J$15,0)+IF(Input!$K$16=3,M534*Input!$J$16,0)</f>
        <v>0</v>
      </c>
      <c r="Q534" s="71">
        <f>IF(Input!$K$13=4,J534*Input!$J$13,0)+IF(Input!$K$14=4,K534*Input!$J$14,0)+IF(Input!$K$15=4,L534*Input!$J$15,0)+IF(Input!$K$16=4,M534*Input!$J$16,0)</f>
        <v>0</v>
      </c>
    </row>
    <row r="535" spans="8:17" x14ac:dyDescent="0.25">
      <c r="H535" s="43">
        <v>528</v>
      </c>
      <c r="I535" s="55">
        <f>Bühler!I561</f>
        <v>3.7028047759765457</v>
      </c>
      <c r="J535" s="58">
        <f>Bühler!J561</f>
        <v>19.613822359876625</v>
      </c>
      <c r="K535" s="58">
        <f>Bühler!K561</f>
        <v>0.46523166394544591</v>
      </c>
      <c r="L535" s="58">
        <f>Bühler!L561</f>
        <v>0.23261583197272295</v>
      </c>
      <c r="M535" s="57">
        <f>Bühler!M561</f>
        <v>0</v>
      </c>
      <c r="N535" s="55">
        <f>IF(Input!$K$13=1,J535*Input!$J$13,0)+IF(Input!$K$14=1,K535*Input!$J$14,0)+IF(Input!$K$15=1,L535*Input!$J$15,0)+IF(Input!$K$16=1,M535*Input!$J$16,0)</f>
        <v>2.3536586831851949</v>
      </c>
      <c r="O535" s="58">
        <f>IF(Input!$K$13=2,J535*Input!$J$13,0)+IF(Input!$K$14=2,K535*Input!$J$14,0)+IF(Input!$K$15=2,L535*Input!$J$15,0)+IF(Input!$K$16=2,M535*Input!$J$16,0)</f>
        <v>6.280627463263519E-2</v>
      </c>
      <c r="P535" s="58">
        <f>IF(Input!$K$13=3,J535*Input!$J$13,0)+IF(Input!$K$14=3,K535*Input!$J$14,0)+IF(Input!$K$15=3,L535*Input!$J$15,0)+IF(Input!$K$16=3,M535*Input!$J$16,0)</f>
        <v>0</v>
      </c>
      <c r="Q535" s="71">
        <f>IF(Input!$K$13=4,J535*Input!$J$13,0)+IF(Input!$K$14=4,K535*Input!$J$14,0)+IF(Input!$K$15=4,L535*Input!$J$15,0)+IF(Input!$K$16=4,M535*Input!$J$16,0)</f>
        <v>0</v>
      </c>
    </row>
    <row r="536" spans="8:17" x14ac:dyDescent="0.25">
      <c r="H536" s="43">
        <v>529</v>
      </c>
      <c r="I536" s="55">
        <f>Bühler!I562</f>
        <v>3.3260277747257723</v>
      </c>
      <c r="J536" s="58">
        <f>Bühler!J562</f>
        <v>16.066916724190207</v>
      </c>
      <c r="K536" s="58">
        <f>Bühler!K562</f>
        <v>0.63307561874358498</v>
      </c>
      <c r="L536" s="58">
        <f>Bühler!L562</f>
        <v>0.31653780937179249</v>
      </c>
      <c r="M536" s="57">
        <f>Bühler!M562</f>
        <v>0</v>
      </c>
      <c r="N536" s="55">
        <f>IF(Input!$K$13=1,J536*Input!$J$13,0)+IF(Input!$K$14=1,K536*Input!$J$14,0)+IF(Input!$K$15=1,L536*Input!$J$15,0)+IF(Input!$K$16=1,M536*Input!$J$16,0)</f>
        <v>1.9280300069028249</v>
      </c>
      <c r="O536" s="58">
        <f>IF(Input!$K$13=2,J536*Input!$J$13,0)+IF(Input!$K$14=2,K536*Input!$J$14,0)+IF(Input!$K$15=2,L536*Input!$J$15,0)+IF(Input!$K$16=2,M536*Input!$J$16,0)</f>
        <v>8.5465208530383974E-2</v>
      </c>
      <c r="P536" s="58">
        <f>IF(Input!$K$13=3,J536*Input!$J$13,0)+IF(Input!$K$14=3,K536*Input!$J$14,0)+IF(Input!$K$15=3,L536*Input!$J$15,0)+IF(Input!$K$16=3,M536*Input!$J$16,0)</f>
        <v>0</v>
      </c>
      <c r="Q536" s="71">
        <f>IF(Input!$K$13=4,J536*Input!$J$13,0)+IF(Input!$K$14=4,K536*Input!$J$14,0)+IF(Input!$K$15=4,L536*Input!$J$15,0)+IF(Input!$K$16=4,M536*Input!$J$16,0)</f>
        <v>0</v>
      </c>
    </row>
    <row r="537" spans="8:17" x14ac:dyDescent="0.25">
      <c r="H537" s="43">
        <v>530</v>
      </c>
      <c r="I537" s="55">
        <f>Bühler!I563</f>
        <v>3.3260277747257723</v>
      </c>
      <c r="J537" s="58">
        <f>Bühler!J563</f>
        <v>16.066916724190207</v>
      </c>
      <c r="K537" s="58">
        <f>Bühler!K563</f>
        <v>0.63307561874358498</v>
      </c>
      <c r="L537" s="58">
        <f>Bühler!L563</f>
        <v>0.31653780937179249</v>
      </c>
      <c r="M537" s="57">
        <f>Bühler!M563</f>
        <v>0</v>
      </c>
      <c r="N537" s="55">
        <f>IF(Input!$K$13=1,J537*Input!$J$13,0)+IF(Input!$K$14=1,K537*Input!$J$14,0)+IF(Input!$K$15=1,L537*Input!$J$15,0)+IF(Input!$K$16=1,M537*Input!$J$16,0)</f>
        <v>1.9280300069028249</v>
      </c>
      <c r="O537" s="58">
        <f>IF(Input!$K$13=2,J537*Input!$J$13,0)+IF(Input!$K$14=2,K537*Input!$J$14,0)+IF(Input!$K$15=2,L537*Input!$J$15,0)+IF(Input!$K$16=2,M537*Input!$J$16,0)</f>
        <v>8.5465208530383974E-2</v>
      </c>
      <c r="P537" s="58">
        <f>IF(Input!$K$13=3,J537*Input!$J$13,0)+IF(Input!$K$14=3,K537*Input!$J$14,0)+IF(Input!$K$15=3,L537*Input!$J$15,0)+IF(Input!$K$16=3,M537*Input!$J$16,0)</f>
        <v>0</v>
      </c>
      <c r="Q537" s="71">
        <f>IF(Input!$K$13=4,J537*Input!$J$13,0)+IF(Input!$K$14=4,K537*Input!$J$14,0)+IF(Input!$K$15=4,L537*Input!$J$15,0)+IF(Input!$K$16=4,M537*Input!$J$16,0)</f>
        <v>0</v>
      </c>
    </row>
    <row r="538" spans="8:17" x14ac:dyDescent="0.25">
      <c r="H538" s="43">
        <v>531</v>
      </c>
      <c r="I538" s="55">
        <f>Bühler!I564</f>
        <v>3.3260277747257723</v>
      </c>
      <c r="J538" s="58">
        <f>Bühler!J564</f>
        <v>16.066916724190207</v>
      </c>
      <c r="K538" s="58">
        <f>Bühler!K564</f>
        <v>0.63307561874358498</v>
      </c>
      <c r="L538" s="58">
        <f>Bühler!L564</f>
        <v>0.31653780937179249</v>
      </c>
      <c r="M538" s="57">
        <f>Bühler!M564</f>
        <v>0</v>
      </c>
      <c r="N538" s="55">
        <f>IF(Input!$K$13=1,J538*Input!$J$13,0)+IF(Input!$K$14=1,K538*Input!$J$14,0)+IF(Input!$K$15=1,L538*Input!$J$15,0)+IF(Input!$K$16=1,M538*Input!$J$16,0)</f>
        <v>1.9280300069028249</v>
      </c>
      <c r="O538" s="58">
        <f>IF(Input!$K$13=2,J538*Input!$J$13,0)+IF(Input!$K$14=2,K538*Input!$J$14,0)+IF(Input!$K$15=2,L538*Input!$J$15,0)+IF(Input!$K$16=2,M538*Input!$J$16,0)</f>
        <v>8.5465208530383974E-2</v>
      </c>
      <c r="P538" s="58">
        <f>IF(Input!$K$13=3,J538*Input!$J$13,0)+IF(Input!$K$14=3,K538*Input!$J$14,0)+IF(Input!$K$15=3,L538*Input!$J$15,0)+IF(Input!$K$16=3,M538*Input!$J$16,0)</f>
        <v>0</v>
      </c>
      <c r="Q538" s="71">
        <f>IF(Input!$K$13=4,J538*Input!$J$13,0)+IF(Input!$K$14=4,K538*Input!$J$14,0)+IF(Input!$K$15=4,L538*Input!$J$15,0)+IF(Input!$K$16=4,M538*Input!$J$16,0)</f>
        <v>0</v>
      </c>
    </row>
    <row r="539" spans="8:17" x14ac:dyDescent="0.25">
      <c r="H539" s="43">
        <v>532</v>
      </c>
      <c r="I539" s="55">
        <f>Bühler!I565</f>
        <v>3.3260277747257723</v>
      </c>
      <c r="J539" s="58">
        <f>Bühler!J565</f>
        <v>16.066916724190207</v>
      </c>
      <c r="K539" s="58">
        <f>Bühler!K565</f>
        <v>0.63307561874358498</v>
      </c>
      <c r="L539" s="58">
        <f>Bühler!L565</f>
        <v>0.31653780937179249</v>
      </c>
      <c r="M539" s="57">
        <f>Bühler!M565</f>
        <v>0</v>
      </c>
      <c r="N539" s="55">
        <f>IF(Input!$K$13=1,J539*Input!$J$13,0)+IF(Input!$K$14=1,K539*Input!$J$14,0)+IF(Input!$K$15=1,L539*Input!$J$15,0)+IF(Input!$K$16=1,M539*Input!$J$16,0)</f>
        <v>1.9280300069028249</v>
      </c>
      <c r="O539" s="58">
        <f>IF(Input!$K$13=2,J539*Input!$J$13,0)+IF(Input!$K$14=2,K539*Input!$J$14,0)+IF(Input!$K$15=2,L539*Input!$J$15,0)+IF(Input!$K$16=2,M539*Input!$J$16,0)</f>
        <v>8.5465208530383974E-2</v>
      </c>
      <c r="P539" s="58">
        <f>IF(Input!$K$13=3,J539*Input!$J$13,0)+IF(Input!$K$14=3,K539*Input!$J$14,0)+IF(Input!$K$15=3,L539*Input!$J$15,0)+IF(Input!$K$16=3,M539*Input!$J$16,0)</f>
        <v>0</v>
      </c>
      <c r="Q539" s="71">
        <f>IF(Input!$K$13=4,J539*Input!$J$13,0)+IF(Input!$K$14=4,K539*Input!$J$14,0)+IF(Input!$K$15=4,L539*Input!$J$15,0)+IF(Input!$K$16=4,M539*Input!$J$16,0)</f>
        <v>0</v>
      </c>
    </row>
    <row r="540" spans="8:17" x14ac:dyDescent="0.25">
      <c r="H540" s="43">
        <v>533</v>
      </c>
      <c r="I540" s="55">
        <f>Bühler!I566</f>
        <v>3.3260277747257723</v>
      </c>
      <c r="J540" s="58">
        <f>Bühler!J566</f>
        <v>16.066916724190207</v>
      </c>
      <c r="K540" s="58">
        <f>Bühler!K566</f>
        <v>0.63307561874358498</v>
      </c>
      <c r="L540" s="58">
        <f>Bühler!L566</f>
        <v>0.31653780937179249</v>
      </c>
      <c r="M540" s="57">
        <f>Bühler!M566</f>
        <v>0</v>
      </c>
      <c r="N540" s="55">
        <f>IF(Input!$K$13=1,J540*Input!$J$13,0)+IF(Input!$K$14=1,K540*Input!$J$14,0)+IF(Input!$K$15=1,L540*Input!$J$15,0)+IF(Input!$K$16=1,M540*Input!$J$16,0)</f>
        <v>1.9280300069028249</v>
      </c>
      <c r="O540" s="58">
        <f>IF(Input!$K$13=2,J540*Input!$J$13,0)+IF(Input!$K$14=2,K540*Input!$J$14,0)+IF(Input!$K$15=2,L540*Input!$J$15,0)+IF(Input!$K$16=2,M540*Input!$J$16,0)</f>
        <v>8.5465208530383974E-2</v>
      </c>
      <c r="P540" s="58">
        <f>IF(Input!$K$13=3,J540*Input!$J$13,0)+IF(Input!$K$14=3,K540*Input!$J$14,0)+IF(Input!$K$15=3,L540*Input!$J$15,0)+IF(Input!$K$16=3,M540*Input!$J$16,0)</f>
        <v>0</v>
      </c>
      <c r="Q540" s="71">
        <f>IF(Input!$K$13=4,J540*Input!$J$13,0)+IF(Input!$K$14=4,K540*Input!$J$14,0)+IF(Input!$K$15=4,L540*Input!$J$15,0)+IF(Input!$K$16=4,M540*Input!$J$16,0)</f>
        <v>0</v>
      </c>
    </row>
    <row r="541" spans="8:17" x14ac:dyDescent="0.25">
      <c r="H541" s="43">
        <v>534</v>
      </c>
      <c r="I541" s="55">
        <f>Bühler!I567</f>
        <v>3.3260277747257723</v>
      </c>
      <c r="J541" s="58">
        <f>Bühler!J567</f>
        <v>16.066916724190207</v>
      </c>
      <c r="K541" s="58">
        <f>Bühler!K567</f>
        <v>0.63307561874358498</v>
      </c>
      <c r="L541" s="58">
        <f>Bühler!L567</f>
        <v>0.31653780937179249</v>
      </c>
      <c r="M541" s="57">
        <f>Bühler!M567</f>
        <v>0</v>
      </c>
      <c r="N541" s="55">
        <f>IF(Input!$K$13=1,J541*Input!$J$13,0)+IF(Input!$K$14=1,K541*Input!$J$14,0)+IF(Input!$K$15=1,L541*Input!$J$15,0)+IF(Input!$K$16=1,M541*Input!$J$16,0)</f>
        <v>1.9280300069028249</v>
      </c>
      <c r="O541" s="58">
        <f>IF(Input!$K$13=2,J541*Input!$J$13,0)+IF(Input!$K$14=2,K541*Input!$J$14,0)+IF(Input!$K$15=2,L541*Input!$J$15,0)+IF(Input!$K$16=2,M541*Input!$J$16,0)</f>
        <v>8.5465208530383974E-2</v>
      </c>
      <c r="P541" s="58">
        <f>IF(Input!$K$13=3,J541*Input!$J$13,0)+IF(Input!$K$14=3,K541*Input!$J$14,0)+IF(Input!$K$15=3,L541*Input!$J$15,0)+IF(Input!$K$16=3,M541*Input!$J$16,0)</f>
        <v>0</v>
      </c>
      <c r="Q541" s="71">
        <f>IF(Input!$K$13=4,J541*Input!$J$13,0)+IF(Input!$K$14=4,K541*Input!$J$14,0)+IF(Input!$K$15=4,L541*Input!$J$15,0)+IF(Input!$K$16=4,M541*Input!$J$16,0)</f>
        <v>0</v>
      </c>
    </row>
    <row r="542" spans="8:17" x14ac:dyDescent="0.25">
      <c r="H542" s="43">
        <v>535</v>
      </c>
      <c r="I542" s="55">
        <f>Bühler!I568</f>
        <v>3.3260277747257723</v>
      </c>
      <c r="J542" s="58">
        <f>Bühler!J568</f>
        <v>16.066916724190207</v>
      </c>
      <c r="K542" s="58">
        <f>Bühler!K568</f>
        <v>0.63307561874358498</v>
      </c>
      <c r="L542" s="58">
        <f>Bühler!L568</f>
        <v>0.31653780937179249</v>
      </c>
      <c r="M542" s="57">
        <f>Bühler!M568</f>
        <v>0</v>
      </c>
      <c r="N542" s="55">
        <f>IF(Input!$K$13=1,J542*Input!$J$13,0)+IF(Input!$K$14=1,K542*Input!$J$14,0)+IF(Input!$K$15=1,L542*Input!$J$15,0)+IF(Input!$K$16=1,M542*Input!$J$16,0)</f>
        <v>1.9280300069028249</v>
      </c>
      <c r="O542" s="58">
        <f>IF(Input!$K$13=2,J542*Input!$J$13,0)+IF(Input!$K$14=2,K542*Input!$J$14,0)+IF(Input!$K$15=2,L542*Input!$J$15,0)+IF(Input!$K$16=2,M542*Input!$J$16,0)</f>
        <v>8.5465208530383974E-2</v>
      </c>
      <c r="P542" s="58">
        <f>IF(Input!$K$13=3,J542*Input!$J$13,0)+IF(Input!$K$14=3,K542*Input!$J$14,0)+IF(Input!$K$15=3,L542*Input!$J$15,0)+IF(Input!$K$16=3,M542*Input!$J$16,0)</f>
        <v>0</v>
      </c>
      <c r="Q542" s="71">
        <f>IF(Input!$K$13=4,J542*Input!$J$13,0)+IF(Input!$K$14=4,K542*Input!$J$14,0)+IF(Input!$K$15=4,L542*Input!$J$15,0)+IF(Input!$K$16=4,M542*Input!$J$16,0)</f>
        <v>0</v>
      </c>
    </row>
    <row r="543" spans="8:17" x14ac:dyDescent="0.25">
      <c r="H543" s="43">
        <v>536</v>
      </c>
      <c r="I543" s="55">
        <f>Bühler!I569</f>
        <v>14.468220820057107</v>
      </c>
      <c r="J543" s="58">
        <f>Bühler!J569</f>
        <v>68.769352953086056</v>
      </c>
      <c r="K543" s="58">
        <f>Bühler!K569</f>
        <v>2.6969021358476724</v>
      </c>
      <c r="L543" s="58">
        <f>Bühler!L569</f>
        <v>1.3484510679238362</v>
      </c>
      <c r="M543" s="57">
        <f>Bühler!M569</f>
        <v>0</v>
      </c>
      <c r="N543" s="55">
        <f>IF(Input!$K$13=1,J543*Input!$J$13,0)+IF(Input!$K$14=1,K543*Input!$J$14,0)+IF(Input!$K$15=1,L543*Input!$J$15,0)+IF(Input!$K$16=1,M543*Input!$J$16,0)</f>
        <v>8.2523223543703264</v>
      </c>
      <c r="O543" s="58">
        <f>IF(Input!$K$13=2,J543*Input!$J$13,0)+IF(Input!$K$14=2,K543*Input!$J$14,0)+IF(Input!$K$15=2,L543*Input!$J$15,0)+IF(Input!$K$16=2,M543*Input!$J$16,0)</f>
        <v>0.36408178833943572</v>
      </c>
      <c r="P543" s="58">
        <f>IF(Input!$K$13=3,J543*Input!$J$13,0)+IF(Input!$K$14=3,K543*Input!$J$14,0)+IF(Input!$K$15=3,L543*Input!$J$15,0)+IF(Input!$K$16=3,M543*Input!$J$16,0)</f>
        <v>0</v>
      </c>
      <c r="Q543" s="71">
        <f>IF(Input!$K$13=4,J543*Input!$J$13,0)+IF(Input!$K$14=4,K543*Input!$J$14,0)+IF(Input!$K$15=4,L543*Input!$J$15,0)+IF(Input!$K$16=4,M543*Input!$J$16,0)</f>
        <v>0</v>
      </c>
    </row>
    <row r="544" spans="8:17" x14ac:dyDescent="0.25">
      <c r="H544" s="43">
        <v>537</v>
      </c>
      <c r="I544" s="55">
        <f>Bühler!I570</f>
        <v>16.276748422564246</v>
      </c>
      <c r="J544" s="58">
        <f>Bühler!J570</f>
        <v>77.365522072221808</v>
      </c>
      <c r="K544" s="58">
        <f>Bühler!K570</f>
        <v>3.0340149028286314</v>
      </c>
      <c r="L544" s="58">
        <f>Bühler!L570</f>
        <v>1.5170074514143157</v>
      </c>
      <c r="M544" s="57">
        <f>Bühler!M570</f>
        <v>0</v>
      </c>
      <c r="N544" s="55">
        <f>IF(Input!$K$13=1,J544*Input!$J$13,0)+IF(Input!$K$14=1,K544*Input!$J$14,0)+IF(Input!$K$15=1,L544*Input!$J$15,0)+IF(Input!$K$16=1,M544*Input!$J$16,0)</f>
        <v>9.2838626486666165</v>
      </c>
      <c r="O544" s="58">
        <f>IF(Input!$K$13=2,J544*Input!$J$13,0)+IF(Input!$K$14=2,K544*Input!$J$14,0)+IF(Input!$K$15=2,L544*Input!$J$15,0)+IF(Input!$K$16=2,M544*Input!$J$16,0)</f>
        <v>0.40959201188186523</v>
      </c>
      <c r="P544" s="58">
        <f>IF(Input!$K$13=3,J544*Input!$J$13,0)+IF(Input!$K$14=3,K544*Input!$J$14,0)+IF(Input!$K$15=3,L544*Input!$J$15,0)+IF(Input!$K$16=3,M544*Input!$J$16,0)</f>
        <v>0</v>
      </c>
      <c r="Q544" s="71">
        <f>IF(Input!$K$13=4,J544*Input!$J$13,0)+IF(Input!$K$14=4,K544*Input!$J$14,0)+IF(Input!$K$15=4,L544*Input!$J$15,0)+IF(Input!$K$16=4,M544*Input!$J$16,0)</f>
        <v>0</v>
      </c>
    </row>
    <row r="545" spans="8:17" x14ac:dyDescent="0.25">
      <c r="H545" s="43">
        <v>538</v>
      </c>
      <c r="I545" s="55">
        <f>Bühler!I571</f>
        <v>18.085276025071384</v>
      </c>
      <c r="J545" s="58">
        <f>Bühler!J571</f>
        <v>85.961691191357573</v>
      </c>
      <c r="K545" s="58">
        <f>Bühler!K571</f>
        <v>3.3711276698095909</v>
      </c>
      <c r="L545" s="58">
        <f>Bühler!L571</f>
        <v>1.6855638349047954</v>
      </c>
      <c r="M545" s="57">
        <f>Bühler!M571</f>
        <v>0</v>
      </c>
      <c r="N545" s="55">
        <f>IF(Input!$K$13=1,J545*Input!$J$13,0)+IF(Input!$K$14=1,K545*Input!$J$14,0)+IF(Input!$K$15=1,L545*Input!$J$15,0)+IF(Input!$K$16=1,M545*Input!$J$16,0)</f>
        <v>10.315402942962908</v>
      </c>
      <c r="O545" s="58">
        <f>IF(Input!$K$13=2,J545*Input!$J$13,0)+IF(Input!$K$14=2,K545*Input!$J$14,0)+IF(Input!$K$15=2,L545*Input!$J$15,0)+IF(Input!$K$16=2,M545*Input!$J$16,0)</f>
        <v>0.45510223542429473</v>
      </c>
      <c r="P545" s="58">
        <f>IF(Input!$K$13=3,J545*Input!$J$13,0)+IF(Input!$K$14=3,K545*Input!$J$14,0)+IF(Input!$K$15=3,L545*Input!$J$15,0)+IF(Input!$K$16=3,M545*Input!$J$16,0)</f>
        <v>0</v>
      </c>
      <c r="Q545" s="71">
        <f>IF(Input!$K$13=4,J545*Input!$J$13,0)+IF(Input!$K$14=4,K545*Input!$J$14,0)+IF(Input!$K$15=4,L545*Input!$J$15,0)+IF(Input!$K$16=4,M545*Input!$J$16,0)</f>
        <v>0</v>
      </c>
    </row>
    <row r="546" spans="8:17" x14ac:dyDescent="0.25">
      <c r="H546" s="43">
        <v>539</v>
      </c>
      <c r="I546" s="55">
        <f>Bühler!I572</f>
        <v>18.085276025071384</v>
      </c>
      <c r="J546" s="58">
        <f>Bühler!J572</f>
        <v>85.961691191357573</v>
      </c>
      <c r="K546" s="58">
        <f>Bühler!K572</f>
        <v>3.3711276698095909</v>
      </c>
      <c r="L546" s="58">
        <f>Bühler!L572</f>
        <v>1.6855638349047954</v>
      </c>
      <c r="M546" s="57">
        <f>Bühler!M572</f>
        <v>0</v>
      </c>
      <c r="N546" s="55">
        <f>IF(Input!$K$13=1,J546*Input!$J$13,0)+IF(Input!$K$14=1,K546*Input!$J$14,0)+IF(Input!$K$15=1,L546*Input!$J$15,0)+IF(Input!$K$16=1,M546*Input!$J$16,0)</f>
        <v>10.315402942962908</v>
      </c>
      <c r="O546" s="58">
        <f>IF(Input!$K$13=2,J546*Input!$J$13,0)+IF(Input!$K$14=2,K546*Input!$J$14,0)+IF(Input!$K$15=2,L546*Input!$J$15,0)+IF(Input!$K$16=2,M546*Input!$J$16,0)</f>
        <v>0.45510223542429473</v>
      </c>
      <c r="P546" s="58">
        <f>IF(Input!$K$13=3,J546*Input!$J$13,0)+IF(Input!$K$14=3,K546*Input!$J$14,0)+IF(Input!$K$15=3,L546*Input!$J$15,0)+IF(Input!$K$16=3,M546*Input!$J$16,0)</f>
        <v>0</v>
      </c>
      <c r="Q546" s="71">
        <f>IF(Input!$K$13=4,J546*Input!$J$13,0)+IF(Input!$K$14=4,K546*Input!$J$14,0)+IF(Input!$K$15=4,L546*Input!$J$15,0)+IF(Input!$K$16=4,M546*Input!$J$16,0)</f>
        <v>0</v>
      </c>
    </row>
    <row r="547" spans="8:17" x14ac:dyDescent="0.25">
      <c r="H547" s="43">
        <v>540</v>
      </c>
      <c r="I547" s="55">
        <f>Bühler!I573</f>
        <v>21.702331230085655</v>
      </c>
      <c r="J547" s="58">
        <f>Bühler!J573</f>
        <v>103.15402942962908</v>
      </c>
      <c r="K547" s="58">
        <f>Bühler!K573</f>
        <v>4.0453532037715085</v>
      </c>
      <c r="L547" s="58">
        <f>Bühler!L573</f>
        <v>2.0226766018857543</v>
      </c>
      <c r="M547" s="57">
        <f>Bühler!M573</f>
        <v>0</v>
      </c>
      <c r="N547" s="55">
        <f>IF(Input!$K$13=1,J547*Input!$J$13,0)+IF(Input!$K$14=1,K547*Input!$J$14,0)+IF(Input!$K$15=1,L547*Input!$J$15,0)+IF(Input!$K$16=1,M547*Input!$J$16,0)</f>
        <v>12.378483531555489</v>
      </c>
      <c r="O547" s="58">
        <f>IF(Input!$K$13=2,J547*Input!$J$13,0)+IF(Input!$K$14=2,K547*Input!$J$14,0)+IF(Input!$K$15=2,L547*Input!$J$15,0)+IF(Input!$K$16=2,M547*Input!$J$16,0)</f>
        <v>0.54612268250915363</v>
      </c>
      <c r="P547" s="58">
        <f>IF(Input!$K$13=3,J547*Input!$J$13,0)+IF(Input!$K$14=3,K547*Input!$J$14,0)+IF(Input!$K$15=3,L547*Input!$J$15,0)+IF(Input!$K$16=3,M547*Input!$J$16,0)</f>
        <v>0</v>
      </c>
      <c r="Q547" s="71">
        <f>IF(Input!$K$13=4,J547*Input!$J$13,0)+IF(Input!$K$14=4,K547*Input!$J$14,0)+IF(Input!$K$15=4,L547*Input!$J$15,0)+IF(Input!$K$16=4,M547*Input!$J$16,0)</f>
        <v>0</v>
      </c>
    </row>
    <row r="548" spans="8:17" x14ac:dyDescent="0.25">
      <c r="H548" s="43">
        <v>541</v>
      </c>
      <c r="I548" s="55">
        <f>Bühler!I574</f>
        <v>21.702331230085655</v>
      </c>
      <c r="J548" s="58">
        <f>Bühler!J574</f>
        <v>103.15402942962908</v>
      </c>
      <c r="K548" s="58">
        <f>Bühler!K574</f>
        <v>4.0453532037715085</v>
      </c>
      <c r="L548" s="58">
        <f>Bühler!L574</f>
        <v>2.0226766018857543</v>
      </c>
      <c r="M548" s="57">
        <f>Bühler!M574</f>
        <v>0</v>
      </c>
      <c r="N548" s="55">
        <f>IF(Input!$K$13=1,J548*Input!$J$13,0)+IF(Input!$K$14=1,K548*Input!$J$14,0)+IF(Input!$K$15=1,L548*Input!$J$15,0)+IF(Input!$K$16=1,M548*Input!$J$16,0)</f>
        <v>12.378483531555489</v>
      </c>
      <c r="O548" s="58">
        <f>IF(Input!$K$13=2,J548*Input!$J$13,0)+IF(Input!$K$14=2,K548*Input!$J$14,0)+IF(Input!$K$15=2,L548*Input!$J$15,0)+IF(Input!$K$16=2,M548*Input!$J$16,0)</f>
        <v>0.54612268250915363</v>
      </c>
      <c r="P548" s="58">
        <f>IF(Input!$K$13=3,J548*Input!$J$13,0)+IF(Input!$K$14=3,K548*Input!$J$14,0)+IF(Input!$K$15=3,L548*Input!$J$15,0)+IF(Input!$K$16=3,M548*Input!$J$16,0)</f>
        <v>0</v>
      </c>
      <c r="Q548" s="71">
        <f>IF(Input!$K$13=4,J548*Input!$J$13,0)+IF(Input!$K$14=4,K548*Input!$J$14,0)+IF(Input!$K$15=4,L548*Input!$J$15,0)+IF(Input!$K$16=4,M548*Input!$J$16,0)</f>
        <v>0</v>
      </c>
    </row>
    <row r="549" spans="8:17" x14ac:dyDescent="0.25">
      <c r="H549" s="43">
        <v>542</v>
      </c>
      <c r="I549" s="55">
        <f>Bühler!I575</f>
        <v>14.468220820057107</v>
      </c>
      <c r="J549" s="58">
        <f>Bühler!J575</f>
        <v>68.769352953086056</v>
      </c>
      <c r="K549" s="58">
        <f>Bühler!K575</f>
        <v>2.6969021358476724</v>
      </c>
      <c r="L549" s="58">
        <f>Bühler!L575</f>
        <v>1.3484510679238362</v>
      </c>
      <c r="M549" s="57">
        <f>Bühler!M575</f>
        <v>0</v>
      </c>
      <c r="N549" s="55">
        <f>IF(Input!$K$13=1,J549*Input!$J$13,0)+IF(Input!$K$14=1,K549*Input!$J$14,0)+IF(Input!$K$15=1,L549*Input!$J$15,0)+IF(Input!$K$16=1,M549*Input!$J$16,0)</f>
        <v>8.2523223543703264</v>
      </c>
      <c r="O549" s="58">
        <f>IF(Input!$K$13=2,J549*Input!$J$13,0)+IF(Input!$K$14=2,K549*Input!$J$14,0)+IF(Input!$K$15=2,L549*Input!$J$15,0)+IF(Input!$K$16=2,M549*Input!$J$16,0)</f>
        <v>0.36408178833943572</v>
      </c>
      <c r="P549" s="58">
        <f>IF(Input!$K$13=3,J549*Input!$J$13,0)+IF(Input!$K$14=3,K549*Input!$J$14,0)+IF(Input!$K$15=3,L549*Input!$J$15,0)+IF(Input!$K$16=3,M549*Input!$J$16,0)</f>
        <v>0</v>
      </c>
      <c r="Q549" s="71">
        <f>IF(Input!$K$13=4,J549*Input!$J$13,0)+IF(Input!$K$14=4,K549*Input!$J$14,0)+IF(Input!$K$15=4,L549*Input!$J$15,0)+IF(Input!$K$16=4,M549*Input!$J$16,0)</f>
        <v>0</v>
      </c>
    </row>
    <row r="550" spans="8:17" x14ac:dyDescent="0.25">
      <c r="H550" s="43">
        <v>543</v>
      </c>
      <c r="I550" s="55">
        <f>Bühler!I576</f>
        <v>21.702331230085655</v>
      </c>
      <c r="J550" s="58">
        <f>Bühler!J576</f>
        <v>103.15402942962908</v>
      </c>
      <c r="K550" s="58">
        <f>Bühler!K576</f>
        <v>4.0453532037715085</v>
      </c>
      <c r="L550" s="58">
        <f>Bühler!L576</f>
        <v>2.0226766018857543</v>
      </c>
      <c r="M550" s="57">
        <f>Bühler!M576</f>
        <v>0</v>
      </c>
      <c r="N550" s="55">
        <f>IF(Input!$K$13=1,J550*Input!$J$13,0)+IF(Input!$K$14=1,K550*Input!$J$14,0)+IF(Input!$K$15=1,L550*Input!$J$15,0)+IF(Input!$K$16=1,M550*Input!$J$16,0)</f>
        <v>12.378483531555489</v>
      </c>
      <c r="O550" s="58">
        <f>IF(Input!$K$13=2,J550*Input!$J$13,0)+IF(Input!$K$14=2,K550*Input!$J$14,0)+IF(Input!$K$15=2,L550*Input!$J$15,0)+IF(Input!$K$16=2,M550*Input!$J$16,0)</f>
        <v>0.54612268250915363</v>
      </c>
      <c r="P550" s="58">
        <f>IF(Input!$K$13=3,J550*Input!$J$13,0)+IF(Input!$K$14=3,K550*Input!$J$14,0)+IF(Input!$K$15=3,L550*Input!$J$15,0)+IF(Input!$K$16=3,M550*Input!$J$16,0)</f>
        <v>0</v>
      </c>
      <c r="Q550" s="71">
        <f>IF(Input!$K$13=4,J550*Input!$J$13,0)+IF(Input!$K$14=4,K550*Input!$J$14,0)+IF(Input!$K$15=4,L550*Input!$J$15,0)+IF(Input!$K$16=4,M550*Input!$J$16,0)</f>
        <v>0</v>
      </c>
    </row>
    <row r="551" spans="8:17" x14ac:dyDescent="0.25">
      <c r="H551" s="43">
        <v>544</v>
      </c>
      <c r="I551" s="55">
        <f>Bühler!I577</f>
        <v>21.702331230085655</v>
      </c>
      <c r="J551" s="58">
        <f>Bühler!J577</f>
        <v>103.15402942962908</v>
      </c>
      <c r="K551" s="58">
        <f>Bühler!K577</f>
        <v>4.0453532037715085</v>
      </c>
      <c r="L551" s="58">
        <f>Bühler!L577</f>
        <v>2.0226766018857543</v>
      </c>
      <c r="M551" s="57">
        <f>Bühler!M577</f>
        <v>0</v>
      </c>
      <c r="N551" s="55">
        <f>IF(Input!$K$13=1,J551*Input!$J$13,0)+IF(Input!$K$14=1,K551*Input!$J$14,0)+IF(Input!$K$15=1,L551*Input!$J$15,0)+IF(Input!$K$16=1,M551*Input!$J$16,0)</f>
        <v>12.378483531555489</v>
      </c>
      <c r="O551" s="58">
        <f>IF(Input!$K$13=2,J551*Input!$J$13,0)+IF(Input!$K$14=2,K551*Input!$J$14,0)+IF(Input!$K$15=2,L551*Input!$J$15,0)+IF(Input!$K$16=2,M551*Input!$J$16,0)</f>
        <v>0.54612268250915363</v>
      </c>
      <c r="P551" s="58">
        <f>IF(Input!$K$13=3,J551*Input!$J$13,0)+IF(Input!$K$14=3,K551*Input!$J$14,0)+IF(Input!$K$15=3,L551*Input!$J$15,0)+IF(Input!$K$16=3,M551*Input!$J$16,0)</f>
        <v>0</v>
      </c>
      <c r="Q551" s="71">
        <f>IF(Input!$K$13=4,J551*Input!$J$13,0)+IF(Input!$K$14=4,K551*Input!$J$14,0)+IF(Input!$K$15=4,L551*Input!$J$15,0)+IF(Input!$K$16=4,M551*Input!$J$16,0)</f>
        <v>0</v>
      </c>
    </row>
    <row r="552" spans="8:17" x14ac:dyDescent="0.25">
      <c r="H552" s="43">
        <v>545</v>
      </c>
      <c r="I552" s="55">
        <f>Bühler!I578</f>
        <v>18.085276025071384</v>
      </c>
      <c r="J552" s="58">
        <f>Bühler!J578</f>
        <v>66.050898542098494</v>
      </c>
      <c r="K552" s="58">
        <f>Bühler!K578</f>
        <v>2.3597893688667129</v>
      </c>
      <c r="L552" s="58">
        <f>Bühler!L578</f>
        <v>1.1798946844333564</v>
      </c>
      <c r="M552" s="57">
        <f>Bühler!M578</f>
        <v>0</v>
      </c>
      <c r="N552" s="55">
        <f>IF(Input!$K$13=1,J552*Input!$J$13,0)+IF(Input!$K$14=1,K552*Input!$J$14,0)+IF(Input!$K$15=1,L552*Input!$J$15,0)+IF(Input!$K$16=1,M552*Input!$J$16,0)</f>
        <v>7.9261078250518189</v>
      </c>
      <c r="O552" s="58">
        <f>IF(Input!$K$13=2,J552*Input!$J$13,0)+IF(Input!$K$14=2,K552*Input!$J$14,0)+IF(Input!$K$15=2,L552*Input!$J$15,0)+IF(Input!$K$16=2,M552*Input!$J$16,0)</f>
        <v>0.31857156479700621</v>
      </c>
      <c r="P552" s="58">
        <f>IF(Input!$K$13=3,J552*Input!$J$13,0)+IF(Input!$K$14=3,K552*Input!$J$14,0)+IF(Input!$K$15=3,L552*Input!$J$15,0)+IF(Input!$K$16=3,M552*Input!$J$16,0)</f>
        <v>0</v>
      </c>
      <c r="Q552" s="71">
        <f>IF(Input!$K$13=4,J552*Input!$J$13,0)+IF(Input!$K$14=4,K552*Input!$J$14,0)+IF(Input!$K$15=4,L552*Input!$J$15,0)+IF(Input!$K$16=4,M552*Input!$J$16,0)</f>
        <v>0</v>
      </c>
    </row>
    <row r="553" spans="8:17" x14ac:dyDescent="0.25">
      <c r="H553" s="43">
        <v>546</v>
      </c>
      <c r="I553" s="55">
        <f>Bühler!I579</f>
        <v>14.551371514425254</v>
      </c>
      <c r="J553" s="58">
        <f>Bühler!J579</f>
        <v>29.037847573466749</v>
      </c>
      <c r="K553" s="58">
        <f>Bühler!K579</f>
        <v>0.67422553396191809</v>
      </c>
      <c r="L553" s="58">
        <f>Bühler!L579</f>
        <v>0.33711276698095904</v>
      </c>
      <c r="M553" s="57">
        <f>Bühler!M579</f>
        <v>0</v>
      </c>
      <c r="N553" s="55">
        <f>IF(Input!$K$13=1,J553*Input!$J$13,0)+IF(Input!$K$14=1,K553*Input!$J$14,0)+IF(Input!$K$15=1,L553*Input!$J$15,0)+IF(Input!$K$16=1,M553*Input!$J$16,0)</f>
        <v>3.4845417088160096</v>
      </c>
      <c r="O553" s="58">
        <f>IF(Input!$K$13=2,J553*Input!$J$13,0)+IF(Input!$K$14=2,K553*Input!$J$14,0)+IF(Input!$K$15=2,L553*Input!$J$15,0)+IF(Input!$K$16=2,M553*Input!$J$16,0)</f>
        <v>9.102044708485893E-2</v>
      </c>
      <c r="P553" s="58">
        <f>IF(Input!$K$13=3,J553*Input!$J$13,0)+IF(Input!$K$14=3,K553*Input!$J$14,0)+IF(Input!$K$15=3,L553*Input!$J$15,0)+IF(Input!$K$16=3,M553*Input!$J$16,0)</f>
        <v>0</v>
      </c>
      <c r="Q553" s="71">
        <f>IF(Input!$K$13=4,J553*Input!$J$13,0)+IF(Input!$K$14=4,K553*Input!$J$14,0)+IF(Input!$K$15=4,L553*Input!$J$15,0)+IF(Input!$K$16=4,M553*Input!$J$16,0)</f>
        <v>0</v>
      </c>
    </row>
    <row r="554" spans="8:17" x14ac:dyDescent="0.25">
      <c r="H554" s="43">
        <v>547</v>
      </c>
      <c r="I554" s="55">
        <f>Bühler!I580</f>
        <v>5.1969183980090188</v>
      </c>
      <c r="J554" s="58">
        <f>Bühler!J580</f>
        <v>18.716900897825592</v>
      </c>
      <c r="K554" s="58">
        <f>Bühler!K580</f>
        <v>0.66472939968076428</v>
      </c>
      <c r="L554" s="58">
        <f>Bühler!L580</f>
        <v>0.33236469984038214</v>
      </c>
      <c r="M554" s="57">
        <f>Bühler!M580</f>
        <v>0</v>
      </c>
      <c r="N554" s="55">
        <f>IF(Input!$K$13=1,J554*Input!$J$13,0)+IF(Input!$K$14=1,K554*Input!$J$14,0)+IF(Input!$K$15=1,L554*Input!$J$15,0)+IF(Input!$K$16=1,M554*Input!$J$16,0)</f>
        <v>2.2460281077390709</v>
      </c>
      <c r="O554" s="58">
        <f>IF(Input!$K$13=2,J554*Input!$J$13,0)+IF(Input!$K$14=2,K554*Input!$J$14,0)+IF(Input!$K$15=2,L554*Input!$J$15,0)+IF(Input!$K$16=2,M554*Input!$J$16,0)</f>
        <v>8.9738468956903183E-2</v>
      </c>
      <c r="P554" s="58">
        <f>IF(Input!$K$13=3,J554*Input!$J$13,0)+IF(Input!$K$14=3,K554*Input!$J$14,0)+IF(Input!$K$15=3,L554*Input!$J$15,0)+IF(Input!$K$16=3,M554*Input!$J$16,0)</f>
        <v>0</v>
      </c>
      <c r="Q554" s="71">
        <f>IF(Input!$K$13=4,J554*Input!$J$13,0)+IF(Input!$K$14=4,K554*Input!$J$14,0)+IF(Input!$K$15=4,L554*Input!$J$15,0)+IF(Input!$K$16=4,M554*Input!$J$16,0)</f>
        <v>0</v>
      </c>
    </row>
    <row r="555" spans="8:17" x14ac:dyDescent="0.25">
      <c r="H555" s="43">
        <v>548</v>
      </c>
      <c r="I555" s="55">
        <f>Bühler!I581</f>
        <v>5.1969183980090188</v>
      </c>
      <c r="J555" s="58">
        <f>Bühler!J581</f>
        <v>18.716900897825592</v>
      </c>
      <c r="K555" s="58">
        <f>Bühler!K581</f>
        <v>0.66472939968076428</v>
      </c>
      <c r="L555" s="58">
        <f>Bühler!L581</f>
        <v>0.33236469984038214</v>
      </c>
      <c r="M555" s="57">
        <f>Bühler!M581</f>
        <v>0</v>
      </c>
      <c r="N555" s="55">
        <f>IF(Input!$K$13=1,J555*Input!$J$13,0)+IF(Input!$K$14=1,K555*Input!$J$14,0)+IF(Input!$K$15=1,L555*Input!$J$15,0)+IF(Input!$K$16=1,M555*Input!$J$16,0)</f>
        <v>2.2460281077390709</v>
      </c>
      <c r="O555" s="58">
        <f>IF(Input!$K$13=2,J555*Input!$J$13,0)+IF(Input!$K$14=2,K555*Input!$J$14,0)+IF(Input!$K$15=2,L555*Input!$J$15,0)+IF(Input!$K$16=2,M555*Input!$J$16,0)</f>
        <v>8.9738468956903183E-2</v>
      </c>
      <c r="P555" s="58">
        <f>IF(Input!$K$13=3,J555*Input!$J$13,0)+IF(Input!$K$14=3,K555*Input!$J$14,0)+IF(Input!$K$15=3,L555*Input!$J$15,0)+IF(Input!$K$16=3,M555*Input!$J$16,0)</f>
        <v>0</v>
      </c>
      <c r="Q555" s="71">
        <f>IF(Input!$K$13=4,J555*Input!$J$13,0)+IF(Input!$K$14=4,K555*Input!$J$14,0)+IF(Input!$K$15=4,L555*Input!$J$15,0)+IF(Input!$K$16=4,M555*Input!$J$16,0)</f>
        <v>0</v>
      </c>
    </row>
    <row r="556" spans="8:17" x14ac:dyDescent="0.25">
      <c r="H556" s="43">
        <v>549</v>
      </c>
      <c r="I556" s="55">
        <f>Bühler!I582</f>
        <v>5.1969183980090188</v>
      </c>
      <c r="J556" s="58">
        <f>Bühler!J582</f>
        <v>18.716900897825592</v>
      </c>
      <c r="K556" s="58">
        <f>Bühler!K582</f>
        <v>0.66472939968076428</v>
      </c>
      <c r="L556" s="58">
        <f>Bühler!L582</f>
        <v>0.33236469984038214</v>
      </c>
      <c r="M556" s="57">
        <f>Bühler!M582</f>
        <v>0</v>
      </c>
      <c r="N556" s="55">
        <f>IF(Input!$K$13=1,J556*Input!$J$13,0)+IF(Input!$K$14=1,K556*Input!$J$14,0)+IF(Input!$K$15=1,L556*Input!$J$15,0)+IF(Input!$K$16=1,M556*Input!$J$16,0)</f>
        <v>2.2460281077390709</v>
      </c>
      <c r="O556" s="58">
        <f>IF(Input!$K$13=2,J556*Input!$J$13,0)+IF(Input!$K$14=2,K556*Input!$J$14,0)+IF(Input!$K$15=2,L556*Input!$J$15,0)+IF(Input!$K$16=2,M556*Input!$J$16,0)</f>
        <v>8.9738468956903183E-2</v>
      </c>
      <c r="P556" s="58">
        <f>IF(Input!$K$13=3,J556*Input!$J$13,0)+IF(Input!$K$14=3,K556*Input!$J$14,0)+IF(Input!$K$15=3,L556*Input!$J$15,0)+IF(Input!$K$16=3,M556*Input!$J$16,0)</f>
        <v>0</v>
      </c>
      <c r="Q556" s="71">
        <f>IF(Input!$K$13=4,J556*Input!$J$13,0)+IF(Input!$K$14=4,K556*Input!$J$14,0)+IF(Input!$K$15=4,L556*Input!$J$15,0)+IF(Input!$K$16=4,M556*Input!$J$16,0)</f>
        <v>0</v>
      </c>
    </row>
    <row r="557" spans="8:17" x14ac:dyDescent="0.25">
      <c r="H557" s="43">
        <v>550</v>
      </c>
      <c r="I557" s="55">
        <f>Bühler!I583</f>
        <v>5.1969183980090188</v>
      </c>
      <c r="J557" s="58">
        <f>Bühler!J583</f>
        <v>18.716900897825592</v>
      </c>
      <c r="K557" s="58">
        <f>Bühler!K583</f>
        <v>0.66472939968076428</v>
      </c>
      <c r="L557" s="58">
        <f>Bühler!L583</f>
        <v>0.33236469984038214</v>
      </c>
      <c r="M557" s="57">
        <f>Bühler!M583</f>
        <v>0</v>
      </c>
      <c r="N557" s="55">
        <f>IF(Input!$K$13=1,J557*Input!$J$13,0)+IF(Input!$K$14=1,K557*Input!$J$14,0)+IF(Input!$K$15=1,L557*Input!$J$15,0)+IF(Input!$K$16=1,M557*Input!$J$16,0)</f>
        <v>2.2460281077390709</v>
      </c>
      <c r="O557" s="58">
        <f>IF(Input!$K$13=2,J557*Input!$J$13,0)+IF(Input!$K$14=2,K557*Input!$J$14,0)+IF(Input!$K$15=2,L557*Input!$J$15,0)+IF(Input!$K$16=2,M557*Input!$J$16,0)</f>
        <v>8.9738468956903183E-2</v>
      </c>
      <c r="P557" s="58">
        <f>IF(Input!$K$13=3,J557*Input!$J$13,0)+IF(Input!$K$14=3,K557*Input!$J$14,0)+IF(Input!$K$15=3,L557*Input!$J$15,0)+IF(Input!$K$16=3,M557*Input!$J$16,0)</f>
        <v>0</v>
      </c>
      <c r="Q557" s="71">
        <f>IF(Input!$K$13=4,J557*Input!$J$13,0)+IF(Input!$K$14=4,K557*Input!$J$14,0)+IF(Input!$K$15=4,L557*Input!$J$15,0)+IF(Input!$K$16=4,M557*Input!$J$16,0)</f>
        <v>0</v>
      </c>
    </row>
    <row r="558" spans="8:17" x14ac:dyDescent="0.25">
      <c r="H558" s="43">
        <v>551</v>
      </c>
      <c r="I558" s="55">
        <f>Bühler!I584</f>
        <v>5.1969183980090188</v>
      </c>
      <c r="J558" s="58">
        <f>Bühler!J584</f>
        <v>18.716900897825592</v>
      </c>
      <c r="K558" s="58">
        <f>Bühler!K584</f>
        <v>0.66472939968076428</v>
      </c>
      <c r="L558" s="58">
        <f>Bühler!L584</f>
        <v>0.33236469984038214</v>
      </c>
      <c r="M558" s="57">
        <f>Bühler!M584</f>
        <v>0</v>
      </c>
      <c r="N558" s="55">
        <f>IF(Input!$K$13=1,J558*Input!$J$13,0)+IF(Input!$K$14=1,K558*Input!$J$14,0)+IF(Input!$K$15=1,L558*Input!$J$15,0)+IF(Input!$K$16=1,M558*Input!$J$16,0)</f>
        <v>2.2460281077390709</v>
      </c>
      <c r="O558" s="58">
        <f>IF(Input!$K$13=2,J558*Input!$J$13,0)+IF(Input!$K$14=2,K558*Input!$J$14,0)+IF(Input!$K$15=2,L558*Input!$J$15,0)+IF(Input!$K$16=2,M558*Input!$J$16,0)</f>
        <v>8.9738468956903183E-2</v>
      </c>
      <c r="P558" s="58">
        <f>IF(Input!$K$13=3,J558*Input!$J$13,0)+IF(Input!$K$14=3,K558*Input!$J$14,0)+IF(Input!$K$15=3,L558*Input!$J$15,0)+IF(Input!$K$16=3,M558*Input!$J$16,0)</f>
        <v>0</v>
      </c>
      <c r="Q558" s="71">
        <f>IF(Input!$K$13=4,J558*Input!$J$13,0)+IF(Input!$K$14=4,K558*Input!$J$14,0)+IF(Input!$K$15=4,L558*Input!$J$15,0)+IF(Input!$K$16=4,M558*Input!$J$16,0)</f>
        <v>0</v>
      </c>
    </row>
    <row r="559" spans="8:17" x14ac:dyDescent="0.25">
      <c r="H559" s="43">
        <v>552</v>
      </c>
      <c r="I559" s="55">
        <f>Bühler!I585</f>
        <v>5.1969183980090188</v>
      </c>
      <c r="J559" s="58">
        <f>Bühler!J585</f>
        <v>18.716900897825592</v>
      </c>
      <c r="K559" s="58">
        <f>Bühler!K585</f>
        <v>0.66472939968076428</v>
      </c>
      <c r="L559" s="58">
        <f>Bühler!L585</f>
        <v>0.33236469984038214</v>
      </c>
      <c r="M559" s="57">
        <f>Bühler!M585</f>
        <v>0</v>
      </c>
      <c r="N559" s="55">
        <f>IF(Input!$K$13=1,J559*Input!$J$13,0)+IF(Input!$K$14=1,K559*Input!$J$14,0)+IF(Input!$K$15=1,L559*Input!$J$15,0)+IF(Input!$K$16=1,M559*Input!$J$16,0)</f>
        <v>2.2460281077390709</v>
      </c>
      <c r="O559" s="58">
        <f>IF(Input!$K$13=2,J559*Input!$J$13,0)+IF(Input!$K$14=2,K559*Input!$J$14,0)+IF(Input!$K$15=2,L559*Input!$J$15,0)+IF(Input!$K$16=2,M559*Input!$J$16,0)</f>
        <v>8.9738468956903183E-2</v>
      </c>
      <c r="P559" s="58">
        <f>IF(Input!$K$13=3,J559*Input!$J$13,0)+IF(Input!$K$14=3,K559*Input!$J$14,0)+IF(Input!$K$15=3,L559*Input!$J$15,0)+IF(Input!$K$16=3,M559*Input!$J$16,0)</f>
        <v>0</v>
      </c>
      <c r="Q559" s="71">
        <f>IF(Input!$K$13=4,J559*Input!$J$13,0)+IF(Input!$K$14=4,K559*Input!$J$14,0)+IF(Input!$K$15=4,L559*Input!$J$15,0)+IF(Input!$K$16=4,M559*Input!$J$16,0)</f>
        <v>0</v>
      </c>
    </row>
    <row r="560" spans="8:17" x14ac:dyDescent="0.25">
      <c r="H560" s="43">
        <v>553</v>
      </c>
      <c r="I560" s="55">
        <f>Bühler!I586</f>
        <v>4.458065198459165</v>
      </c>
      <c r="J560" s="58">
        <f>Bühler!J586</f>
        <v>12.911374463046144</v>
      </c>
      <c r="K560" s="58">
        <f>Bühler!K586</f>
        <v>0.41950556796309235</v>
      </c>
      <c r="L560" s="58">
        <f>Bühler!L586</f>
        <v>0.20975278398154618</v>
      </c>
      <c r="M560" s="57">
        <f>Bühler!M586</f>
        <v>0</v>
      </c>
      <c r="N560" s="55">
        <f>IF(Input!$K$13=1,J560*Input!$J$13,0)+IF(Input!$K$14=1,K560*Input!$J$14,0)+IF(Input!$K$15=1,L560*Input!$J$15,0)+IF(Input!$K$16=1,M560*Input!$J$16,0)</f>
        <v>1.5493649355655372</v>
      </c>
      <c r="O560" s="58">
        <f>IF(Input!$K$13=2,J560*Input!$J$13,0)+IF(Input!$K$14=2,K560*Input!$J$14,0)+IF(Input!$K$15=2,L560*Input!$J$15,0)+IF(Input!$K$16=2,M560*Input!$J$16,0)</f>
        <v>5.6633251675017468E-2</v>
      </c>
      <c r="P560" s="58">
        <f>IF(Input!$K$13=3,J560*Input!$J$13,0)+IF(Input!$K$14=3,K560*Input!$J$14,0)+IF(Input!$K$15=3,L560*Input!$J$15,0)+IF(Input!$K$16=3,M560*Input!$J$16,0)</f>
        <v>0</v>
      </c>
      <c r="Q560" s="71">
        <f>IF(Input!$K$13=4,J560*Input!$J$13,0)+IF(Input!$K$14=4,K560*Input!$J$14,0)+IF(Input!$K$15=4,L560*Input!$J$15,0)+IF(Input!$K$16=4,M560*Input!$J$16,0)</f>
        <v>0</v>
      </c>
    </row>
    <row r="561" spans="8:17" x14ac:dyDescent="0.25">
      <c r="H561" s="43">
        <v>554</v>
      </c>
      <c r="I561" s="55">
        <f>Bühler!I587</f>
        <v>4.458065198459165</v>
      </c>
      <c r="J561" s="58">
        <f>Bühler!J587</f>
        <v>17.144700279484361</v>
      </c>
      <c r="K561" s="58">
        <f>Bühler!K587</f>
        <v>0.63924657975328369</v>
      </c>
      <c r="L561" s="58">
        <f>Bühler!L587</f>
        <v>0.31962328987664185</v>
      </c>
      <c r="M561" s="57">
        <f>Bühler!M587</f>
        <v>0</v>
      </c>
      <c r="N561" s="55">
        <f>IF(Input!$K$13=1,J561*Input!$J$13,0)+IF(Input!$K$14=1,K561*Input!$J$14,0)+IF(Input!$K$15=1,L561*Input!$J$15,0)+IF(Input!$K$16=1,M561*Input!$J$16,0)</f>
        <v>2.0573640335381231</v>
      </c>
      <c r="O561" s="58">
        <f>IF(Input!$K$13=2,J561*Input!$J$13,0)+IF(Input!$K$14=2,K561*Input!$J$14,0)+IF(Input!$K$15=2,L561*Input!$J$15,0)+IF(Input!$K$16=2,M561*Input!$J$16,0)</f>
        <v>8.6298288266693307E-2</v>
      </c>
      <c r="P561" s="58">
        <f>IF(Input!$K$13=3,J561*Input!$J$13,0)+IF(Input!$K$14=3,K561*Input!$J$14,0)+IF(Input!$K$15=3,L561*Input!$J$15,0)+IF(Input!$K$16=3,M561*Input!$J$16,0)</f>
        <v>0</v>
      </c>
      <c r="Q561" s="71">
        <f>IF(Input!$K$13=4,J561*Input!$J$13,0)+IF(Input!$K$14=4,K561*Input!$J$14,0)+IF(Input!$K$15=4,L561*Input!$J$15,0)+IF(Input!$K$16=4,M561*Input!$J$16,0)</f>
        <v>0</v>
      </c>
    </row>
    <row r="562" spans="8:17" x14ac:dyDescent="0.25">
      <c r="H562" s="43">
        <v>555</v>
      </c>
      <c r="I562" s="55">
        <f>Bühler!I588</f>
        <v>4.458065198459165</v>
      </c>
      <c r="J562" s="58">
        <f>Bühler!J588</f>
        <v>17.144700279484361</v>
      </c>
      <c r="K562" s="58">
        <f>Bühler!K588</f>
        <v>0.63924657975328369</v>
      </c>
      <c r="L562" s="58">
        <f>Bühler!L588</f>
        <v>0.31962328987664185</v>
      </c>
      <c r="M562" s="57">
        <f>Bühler!M588</f>
        <v>0</v>
      </c>
      <c r="N562" s="55">
        <f>IF(Input!$K$13=1,J562*Input!$J$13,0)+IF(Input!$K$14=1,K562*Input!$J$14,0)+IF(Input!$K$15=1,L562*Input!$J$15,0)+IF(Input!$K$16=1,M562*Input!$J$16,0)</f>
        <v>2.0573640335381231</v>
      </c>
      <c r="O562" s="58">
        <f>IF(Input!$K$13=2,J562*Input!$J$13,0)+IF(Input!$K$14=2,K562*Input!$J$14,0)+IF(Input!$K$15=2,L562*Input!$J$15,0)+IF(Input!$K$16=2,M562*Input!$J$16,0)</f>
        <v>8.6298288266693307E-2</v>
      </c>
      <c r="P562" s="58">
        <f>IF(Input!$K$13=3,J562*Input!$J$13,0)+IF(Input!$K$14=3,K562*Input!$J$14,0)+IF(Input!$K$15=3,L562*Input!$J$15,0)+IF(Input!$K$16=3,M562*Input!$J$16,0)</f>
        <v>0</v>
      </c>
      <c r="Q562" s="71">
        <f>IF(Input!$K$13=4,J562*Input!$J$13,0)+IF(Input!$K$14=4,K562*Input!$J$14,0)+IF(Input!$K$15=4,L562*Input!$J$15,0)+IF(Input!$K$16=4,M562*Input!$J$16,0)</f>
        <v>0</v>
      </c>
    </row>
    <row r="563" spans="8:17" x14ac:dyDescent="0.25">
      <c r="H563" s="43">
        <v>556</v>
      </c>
      <c r="I563" s="55">
        <f>Bühler!I589</f>
        <v>4.458065198459165</v>
      </c>
      <c r="J563" s="58">
        <f>Bühler!J589</f>
        <v>17.144700279484361</v>
      </c>
      <c r="K563" s="58">
        <f>Bühler!K589</f>
        <v>0.63924657975328369</v>
      </c>
      <c r="L563" s="58">
        <f>Bühler!L589</f>
        <v>0.31962328987664185</v>
      </c>
      <c r="M563" s="57">
        <f>Bühler!M589</f>
        <v>0</v>
      </c>
      <c r="N563" s="55">
        <f>IF(Input!$K$13=1,J563*Input!$J$13,0)+IF(Input!$K$14=1,K563*Input!$J$14,0)+IF(Input!$K$15=1,L563*Input!$J$15,0)+IF(Input!$K$16=1,M563*Input!$J$16,0)</f>
        <v>2.0573640335381231</v>
      </c>
      <c r="O563" s="58">
        <f>IF(Input!$K$13=2,J563*Input!$J$13,0)+IF(Input!$K$14=2,K563*Input!$J$14,0)+IF(Input!$K$15=2,L563*Input!$J$15,0)+IF(Input!$K$16=2,M563*Input!$J$16,0)</f>
        <v>8.6298288266693307E-2</v>
      </c>
      <c r="P563" s="58">
        <f>IF(Input!$K$13=3,J563*Input!$J$13,0)+IF(Input!$K$14=3,K563*Input!$J$14,0)+IF(Input!$K$15=3,L563*Input!$J$15,0)+IF(Input!$K$16=3,M563*Input!$J$16,0)</f>
        <v>0</v>
      </c>
      <c r="Q563" s="71">
        <f>IF(Input!$K$13=4,J563*Input!$J$13,0)+IF(Input!$K$14=4,K563*Input!$J$14,0)+IF(Input!$K$15=4,L563*Input!$J$15,0)+IF(Input!$K$16=4,M563*Input!$J$16,0)</f>
        <v>0</v>
      </c>
    </row>
    <row r="564" spans="8:17" x14ac:dyDescent="0.25">
      <c r="H564" s="43">
        <v>557</v>
      </c>
      <c r="I564" s="55">
        <f>Bühler!I590</f>
        <v>4.458065198459165</v>
      </c>
      <c r="J564" s="58">
        <f>Bühler!J590</f>
        <v>17.144700279484361</v>
      </c>
      <c r="K564" s="58">
        <f>Bühler!K590</f>
        <v>0.63924657975328369</v>
      </c>
      <c r="L564" s="58">
        <f>Bühler!L590</f>
        <v>0.31962328987664185</v>
      </c>
      <c r="M564" s="57">
        <f>Bühler!M590</f>
        <v>0</v>
      </c>
      <c r="N564" s="55">
        <f>IF(Input!$K$13=1,J564*Input!$J$13,0)+IF(Input!$K$14=1,K564*Input!$J$14,0)+IF(Input!$K$15=1,L564*Input!$J$15,0)+IF(Input!$K$16=1,M564*Input!$J$16,0)</f>
        <v>2.0573640335381231</v>
      </c>
      <c r="O564" s="58">
        <f>IF(Input!$K$13=2,J564*Input!$J$13,0)+IF(Input!$K$14=2,K564*Input!$J$14,0)+IF(Input!$K$15=2,L564*Input!$J$15,0)+IF(Input!$K$16=2,M564*Input!$J$16,0)</f>
        <v>8.6298288266693307E-2</v>
      </c>
      <c r="P564" s="58">
        <f>IF(Input!$K$13=3,J564*Input!$J$13,0)+IF(Input!$K$14=3,K564*Input!$J$14,0)+IF(Input!$K$15=3,L564*Input!$J$15,0)+IF(Input!$K$16=3,M564*Input!$J$16,0)</f>
        <v>0</v>
      </c>
      <c r="Q564" s="71">
        <f>IF(Input!$K$13=4,J564*Input!$J$13,0)+IF(Input!$K$14=4,K564*Input!$J$14,0)+IF(Input!$K$15=4,L564*Input!$J$15,0)+IF(Input!$K$16=4,M564*Input!$J$16,0)</f>
        <v>0</v>
      </c>
    </row>
    <row r="565" spans="8:17" x14ac:dyDescent="0.25">
      <c r="H565" s="43">
        <v>558</v>
      </c>
      <c r="I565" s="55">
        <f>Bühler!I591</f>
        <v>4.458065198459165</v>
      </c>
      <c r="J565" s="58">
        <f>Bühler!J591</f>
        <v>17.144700279484361</v>
      </c>
      <c r="K565" s="58">
        <f>Bühler!K591</f>
        <v>0.63924657975328369</v>
      </c>
      <c r="L565" s="58">
        <f>Bühler!L591</f>
        <v>0.31962328987664185</v>
      </c>
      <c r="M565" s="57">
        <f>Bühler!M591</f>
        <v>0</v>
      </c>
      <c r="N565" s="55">
        <f>IF(Input!$K$13=1,J565*Input!$J$13,0)+IF(Input!$K$14=1,K565*Input!$J$14,0)+IF(Input!$K$15=1,L565*Input!$J$15,0)+IF(Input!$K$16=1,M565*Input!$J$16,0)</f>
        <v>2.0573640335381231</v>
      </c>
      <c r="O565" s="58">
        <f>IF(Input!$K$13=2,J565*Input!$J$13,0)+IF(Input!$K$14=2,K565*Input!$J$14,0)+IF(Input!$K$15=2,L565*Input!$J$15,0)+IF(Input!$K$16=2,M565*Input!$J$16,0)</f>
        <v>8.6298288266693307E-2</v>
      </c>
      <c r="P565" s="58">
        <f>IF(Input!$K$13=3,J565*Input!$J$13,0)+IF(Input!$K$14=3,K565*Input!$J$14,0)+IF(Input!$K$15=3,L565*Input!$J$15,0)+IF(Input!$K$16=3,M565*Input!$J$16,0)</f>
        <v>0</v>
      </c>
      <c r="Q565" s="71">
        <f>IF(Input!$K$13=4,J565*Input!$J$13,0)+IF(Input!$K$14=4,K565*Input!$J$14,0)+IF(Input!$K$15=4,L565*Input!$J$15,0)+IF(Input!$K$16=4,M565*Input!$J$16,0)</f>
        <v>0</v>
      </c>
    </row>
    <row r="566" spans="8:17" x14ac:dyDescent="0.25">
      <c r="H566" s="43">
        <v>559</v>
      </c>
      <c r="I566" s="55">
        <f>Bühler!I592</f>
        <v>4.458065198459165</v>
      </c>
      <c r="J566" s="58">
        <f>Bühler!J592</f>
        <v>17.144700279484361</v>
      </c>
      <c r="K566" s="58">
        <f>Bühler!K592</f>
        <v>0.63924657975328369</v>
      </c>
      <c r="L566" s="58">
        <f>Bühler!L592</f>
        <v>0.31962328987664185</v>
      </c>
      <c r="M566" s="57">
        <f>Bühler!M592</f>
        <v>0</v>
      </c>
      <c r="N566" s="55">
        <f>IF(Input!$K$13=1,J566*Input!$J$13,0)+IF(Input!$K$14=1,K566*Input!$J$14,0)+IF(Input!$K$15=1,L566*Input!$J$15,0)+IF(Input!$K$16=1,M566*Input!$J$16,0)</f>
        <v>2.0573640335381231</v>
      </c>
      <c r="O566" s="58">
        <f>IF(Input!$K$13=2,J566*Input!$J$13,0)+IF(Input!$K$14=2,K566*Input!$J$14,0)+IF(Input!$K$15=2,L566*Input!$J$15,0)+IF(Input!$K$16=2,M566*Input!$J$16,0)</f>
        <v>8.6298288266693307E-2</v>
      </c>
      <c r="P566" s="58">
        <f>IF(Input!$K$13=3,J566*Input!$J$13,0)+IF(Input!$K$14=3,K566*Input!$J$14,0)+IF(Input!$K$15=3,L566*Input!$J$15,0)+IF(Input!$K$16=3,M566*Input!$J$16,0)</f>
        <v>0</v>
      </c>
      <c r="Q566" s="71">
        <f>IF(Input!$K$13=4,J566*Input!$J$13,0)+IF(Input!$K$14=4,K566*Input!$J$14,0)+IF(Input!$K$15=4,L566*Input!$J$15,0)+IF(Input!$K$16=4,M566*Input!$J$16,0)</f>
        <v>0</v>
      </c>
    </row>
    <row r="567" spans="8:17" x14ac:dyDescent="0.25">
      <c r="H567" s="43">
        <v>560</v>
      </c>
      <c r="I567" s="55">
        <f>Bühler!I593</f>
        <v>12.842103942658177</v>
      </c>
      <c r="J567" s="58">
        <f>Bühler!J593</f>
        <v>65.828247692805306</v>
      </c>
      <c r="K567" s="58">
        <f>Bühler!K593</f>
        <v>2.6948238627724361</v>
      </c>
      <c r="L567" s="58">
        <f>Bühler!L593</f>
        <v>1.3474119313862181</v>
      </c>
      <c r="M567" s="57">
        <f>Bühler!M593</f>
        <v>0</v>
      </c>
      <c r="N567" s="55">
        <f>IF(Input!$K$13=1,J567*Input!$J$13,0)+IF(Input!$K$14=1,K567*Input!$J$14,0)+IF(Input!$K$15=1,L567*Input!$J$15,0)+IF(Input!$K$16=1,M567*Input!$J$16,0)</f>
        <v>7.8993897231366361</v>
      </c>
      <c r="O567" s="58">
        <f>IF(Input!$K$13=2,J567*Input!$J$13,0)+IF(Input!$K$14=2,K567*Input!$J$14,0)+IF(Input!$K$15=2,L567*Input!$J$15,0)+IF(Input!$K$16=2,M567*Input!$J$16,0)</f>
        <v>0.36380122147427885</v>
      </c>
      <c r="P567" s="58">
        <f>IF(Input!$K$13=3,J567*Input!$J$13,0)+IF(Input!$K$14=3,K567*Input!$J$14,0)+IF(Input!$K$15=3,L567*Input!$J$15,0)+IF(Input!$K$16=3,M567*Input!$J$16,0)</f>
        <v>0</v>
      </c>
      <c r="Q567" s="71">
        <f>IF(Input!$K$13=4,J567*Input!$J$13,0)+IF(Input!$K$14=4,K567*Input!$J$14,0)+IF(Input!$K$15=4,L567*Input!$J$15,0)+IF(Input!$K$16=4,M567*Input!$J$16,0)</f>
        <v>0</v>
      </c>
    </row>
    <row r="568" spans="8:17" x14ac:dyDescent="0.25">
      <c r="H568" s="43">
        <v>561</v>
      </c>
      <c r="I568" s="55">
        <f>Bühler!I594</f>
        <v>14.329084399176491</v>
      </c>
      <c r="J568" s="58">
        <f>Bühler!J594</f>
        <v>73.450465846709079</v>
      </c>
      <c r="K568" s="58">
        <f>Bühler!K594</f>
        <v>3.0068560995145082</v>
      </c>
      <c r="L568" s="58">
        <f>Bühler!L594</f>
        <v>1.5034280497572541</v>
      </c>
      <c r="M568" s="57">
        <f>Bühler!M594</f>
        <v>0</v>
      </c>
      <c r="N568" s="55">
        <f>IF(Input!$K$13=1,J568*Input!$J$13,0)+IF(Input!$K$14=1,K568*Input!$J$14,0)+IF(Input!$K$15=1,L568*Input!$J$15,0)+IF(Input!$K$16=1,M568*Input!$J$16,0)</f>
        <v>8.814055901605089</v>
      </c>
      <c r="O568" s="58">
        <f>IF(Input!$K$13=2,J568*Input!$J$13,0)+IF(Input!$K$14=2,K568*Input!$J$14,0)+IF(Input!$K$15=2,L568*Input!$J$15,0)+IF(Input!$K$16=2,M568*Input!$J$16,0)</f>
        <v>0.40592557343445856</v>
      </c>
      <c r="P568" s="58">
        <f>IF(Input!$K$13=3,J568*Input!$J$13,0)+IF(Input!$K$14=3,K568*Input!$J$14,0)+IF(Input!$K$15=3,L568*Input!$J$15,0)+IF(Input!$K$16=3,M568*Input!$J$16,0)</f>
        <v>0</v>
      </c>
      <c r="Q568" s="71">
        <f>IF(Input!$K$13=4,J568*Input!$J$13,0)+IF(Input!$K$14=4,K568*Input!$J$14,0)+IF(Input!$K$15=4,L568*Input!$J$15,0)+IF(Input!$K$16=4,M568*Input!$J$16,0)</f>
        <v>0</v>
      </c>
    </row>
    <row r="569" spans="8:17" x14ac:dyDescent="0.25">
      <c r="H569" s="43">
        <v>562</v>
      </c>
      <c r="I569" s="55">
        <f>Bühler!I595</f>
        <v>15.816064855694806</v>
      </c>
      <c r="J569" s="58">
        <f>Bühler!J595</f>
        <v>81.072684000612853</v>
      </c>
      <c r="K569" s="58">
        <f>Bühler!K595</f>
        <v>3.3188883362565798</v>
      </c>
      <c r="L569" s="58">
        <f>Bühler!L595</f>
        <v>1.6594441681282899</v>
      </c>
      <c r="M569" s="57">
        <f>Bühler!M595</f>
        <v>0</v>
      </c>
      <c r="N569" s="55">
        <f>IF(Input!$K$13=1,J569*Input!$J$13,0)+IF(Input!$K$14=1,K569*Input!$J$14,0)+IF(Input!$K$15=1,L569*Input!$J$15,0)+IF(Input!$K$16=1,M569*Input!$J$16,0)</f>
        <v>9.7287220800735419</v>
      </c>
      <c r="O569" s="58">
        <f>IF(Input!$K$13=2,J569*Input!$J$13,0)+IF(Input!$K$14=2,K569*Input!$J$14,0)+IF(Input!$K$15=2,L569*Input!$J$15,0)+IF(Input!$K$16=2,M569*Input!$J$16,0)</f>
        <v>0.44804992539463823</v>
      </c>
      <c r="P569" s="58">
        <f>IF(Input!$K$13=3,J569*Input!$J$13,0)+IF(Input!$K$14=3,K569*Input!$J$14,0)+IF(Input!$K$15=3,L569*Input!$J$15,0)+IF(Input!$K$16=3,M569*Input!$J$16,0)</f>
        <v>0</v>
      </c>
      <c r="Q569" s="71">
        <f>IF(Input!$K$13=4,J569*Input!$J$13,0)+IF(Input!$K$14=4,K569*Input!$J$14,0)+IF(Input!$K$15=4,L569*Input!$J$15,0)+IF(Input!$K$16=4,M569*Input!$J$16,0)</f>
        <v>0</v>
      </c>
    </row>
    <row r="570" spans="8:17" x14ac:dyDescent="0.25">
      <c r="H570" s="43">
        <v>563</v>
      </c>
      <c r="I570" s="55">
        <f>Bühler!I596</f>
        <v>15.816064855694806</v>
      </c>
      <c r="J570" s="58">
        <f>Bühler!J596</f>
        <v>81.072684000612853</v>
      </c>
      <c r="K570" s="58">
        <f>Bühler!K596</f>
        <v>3.3188883362565798</v>
      </c>
      <c r="L570" s="58">
        <f>Bühler!L596</f>
        <v>1.6594441681282899</v>
      </c>
      <c r="M570" s="57">
        <f>Bühler!M596</f>
        <v>0</v>
      </c>
      <c r="N570" s="55">
        <f>IF(Input!$K$13=1,J570*Input!$J$13,0)+IF(Input!$K$14=1,K570*Input!$J$14,0)+IF(Input!$K$15=1,L570*Input!$J$15,0)+IF(Input!$K$16=1,M570*Input!$J$16,0)</f>
        <v>9.7287220800735419</v>
      </c>
      <c r="O570" s="58">
        <f>IF(Input!$K$13=2,J570*Input!$J$13,0)+IF(Input!$K$14=2,K570*Input!$J$14,0)+IF(Input!$K$15=2,L570*Input!$J$15,0)+IF(Input!$K$16=2,M570*Input!$J$16,0)</f>
        <v>0.44804992539463823</v>
      </c>
      <c r="P570" s="58">
        <f>IF(Input!$K$13=3,J570*Input!$J$13,0)+IF(Input!$K$14=3,K570*Input!$J$14,0)+IF(Input!$K$15=3,L570*Input!$J$15,0)+IF(Input!$K$16=3,M570*Input!$J$16,0)</f>
        <v>0</v>
      </c>
      <c r="Q570" s="71">
        <f>IF(Input!$K$13=4,J570*Input!$J$13,0)+IF(Input!$K$14=4,K570*Input!$J$14,0)+IF(Input!$K$15=4,L570*Input!$J$15,0)+IF(Input!$K$16=4,M570*Input!$J$16,0)</f>
        <v>0</v>
      </c>
    </row>
    <row r="571" spans="8:17" x14ac:dyDescent="0.25">
      <c r="H571" s="43">
        <v>564</v>
      </c>
      <c r="I571" s="55">
        <f>Bühler!I597</f>
        <v>18.925205810233106</v>
      </c>
      <c r="J571" s="58">
        <f>Bühler!J597</f>
        <v>97.010049231502563</v>
      </c>
      <c r="K571" s="58">
        <f>Bühler!K597</f>
        <v>3.9713193767172745</v>
      </c>
      <c r="L571" s="58">
        <f>Bühler!L597</f>
        <v>1.9856596883586373</v>
      </c>
      <c r="M571" s="57">
        <f>Bühler!M597</f>
        <v>0</v>
      </c>
      <c r="N571" s="55">
        <f>IF(Input!$K$13=1,J571*Input!$J$13,0)+IF(Input!$K$14=1,K571*Input!$J$14,0)+IF(Input!$K$15=1,L571*Input!$J$15,0)+IF(Input!$K$16=1,M571*Input!$J$16,0)</f>
        <v>11.641205907780307</v>
      </c>
      <c r="O571" s="58">
        <f>IF(Input!$K$13=2,J571*Input!$J$13,0)+IF(Input!$K$14=2,K571*Input!$J$14,0)+IF(Input!$K$15=2,L571*Input!$J$15,0)+IF(Input!$K$16=2,M571*Input!$J$16,0)</f>
        <v>0.53612811585683207</v>
      </c>
      <c r="P571" s="58">
        <f>IF(Input!$K$13=3,J571*Input!$J$13,0)+IF(Input!$K$14=3,K571*Input!$J$14,0)+IF(Input!$K$15=3,L571*Input!$J$15,0)+IF(Input!$K$16=3,M571*Input!$J$16,0)</f>
        <v>0</v>
      </c>
      <c r="Q571" s="71">
        <f>IF(Input!$K$13=4,J571*Input!$J$13,0)+IF(Input!$K$14=4,K571*Input!$J$14,0)+IF(Input!$K$15=4,L571*Input!$J$15,0)+IF(Input!$K$16=4,M571*Input!$J$16,0)</f>
        <v>0</v>
      </c>
    </row>
    <row r="572" spans="8:17" x14ac:dyDescent="0.25">
      <c r="H572" s="43">
        <v>565</v>
      </c>
      <c r="I572" s="55">
        <f>Bühler!I598</f>
        <v>18.925205810233106</v>
      </c>
      <c r="J572" s="58">
        <f>Bühler!J598</f>
        <v>97.010049231502563</v>
      </c>
      <c r="K572" s="58">
        <f>Bühler!K598</f>
        <v>3.9713193767172745</v>
      </c>
      <c r="L572" s="58">
        <f>Bühler!L598</f>
        <v>1.9856596883586373</v>
      </c>
      <c r="M572" s="57">
        <f>Bühler!M598</f>
        <v>0</v>
      </c>
      <c r="N572" s="55">
        <f>IF(Input!$K$13=1,J572*Input!$J$13,0)+IF(Input!$K$14=1,K572*Input!$J$14,0)+IF(Input!$K$15=1,L572*Input!$J$15,0)+IF(Input!$K$16=1,M572*Input!$J$16,0)</f>
        <v>11.641205907780307</v>
      </c>
      <c r="O572" s="58">
        <f>IF(Input!$K$13=2,J572*Input!$J$13,0)+IF(Input!$K$14=2,K572*Input!$J$14,0)+IF(Input!$K$15=2,L572*Input!$J$15,0)+IF(Input!$K$16=2,M572*Input!$J$16,0)</f>
        <v>0.53612811585683207</v>
      </c>
      <c r="P572" s="58">
        <f>IF(Input!$K$13=3,J572*Input!$J$13,0)+IF(Input!$K$14=3,K572*Input!$J$14,0)+IF(Input!$K$15=3,L572*Input!$J$15,0)+IF(Input!$K$16=3,M572*Input!$J$16,0)</f>
        <v>0</v>
      </c>
      <c r="Q572" s="71">
        <f>IF(Input!$K$13=4,J572*Input!$J$13,0)+IF(Input!$K$14=4,K572*Input!$J$14,0)+IF(Input!$K$15=4,L572*Input!$J$15,0)+IF(Input!$K$16=4,M572*Input!$J$16,0)</f>
        <v>0</v>
      </c>
    </row>
    <row r="573" spans="8:17" x14ac:dyDescent="0.25">
      <c r="H573" s="43">
        <v>566</v>
      </c>
      <c r="I573" s="55">
        <f>Bühler!I599</f>
        <v>12.571743859654847</v>
      </c>
      <c r="J573" s="58">
        <f>Bühler!J599</f>
        <v>64.442389846640978</v>
      </c>
      <c r="K573" s="58">
        <f>Bühler!K599</f>
        <v>2.638090728819332</v>
      </c>
      <c r="L573" s="58">
        <f>Bühler!L599</f>
        <v>1.319045364409666</v>
      </c>
      <c r="M573" s="57">
        <f>Bühler!M599</f>
        <v>0</v>
      </c>
      <c r="N573" s="55">
        <f>IF(Input!$K$13=1,J573*Input!$J$13,0)+IF(Input!$K$14=1,K573*Input!$J$14,0)+IF(Input!$K$15=1,L573*Input!$J$15,0)+IF(Input!$K$16=1,M573*Input!$J$16,0)</f>
        <v>7.7330867815969171</v>
      </c>
      <c r="O573" s="58">
        <f>IF(Input!$K$13=2,J573*Input!$J$13,0)+IF(Input!$K$14=2,K573*Input!$J$14,0)+IF(Input!$K$15=2,L573*Input!$J$15,0)+IF(Input!$K$16=2,M573*Input!$J$16,0)</f>
        <v>0.35614224839060982</v>
      </c>
      <c r="P573" s="58">
        <f>IF(Input!$K$13=3,J573*Input!$J$13,0)+IF(Input!$K$14=3,K573*Input!$J$14,0)+IF(Input!$K$15=3,L573*Input!$J$15,0)+IF(Input!$K$16=3,M573*Input!$J$16,0)</f>
        <v>0</v>
      </c>
      <c r="Q573" s="71">
        <f>IF(Input!$K$13=4,J573*Input!$J$13,0)+IF(Input!$K$14=4,K573*Input!$J$14,0)+IF(Input!$K$15=4,L573*Input!$J$15,0)+IF(Input!$K$16=4,M573*Input!$J$16,0)</f>
        <v>0</v>
      </c>
    </row>
    <row r="574" spans="8:17" x14ac:dyDescent="0.25">
      <c r="H574" s="43">
        <v>567</v>
      </c>
      <c r="I574" s="55">
        <f>Bühler!I600</f>
        <v>18.925205810233106</v>
      </c>
      <c r="J574" s="58">
        <f>Bühler!J600</f>
        <v>97.010049231502563</v>
      </c>
      <c r="K574" s="58">
        <f>Bühler!K600</f>
        <v>3.9713193767172745</v>
      </c>
      <c r="L574" s="58">
        <f>Bühler!L600</f>
        <v>1.9856596883586373</v>
      </c>
      <c r="M574" s="57">
        <f>Bühler!M600</f>
        <v>0</v>
      </c>
      <c r="N574" s="55">
        <f>IF(Input!$K$13=1,J574*Input!$J$13,0)+IF(Input!$K$14=1,K574*Input!$J$14,0)+IF(Input!$K$15=1,L574*Input!$J$15,0)+IF(Input!$K$16=1,M574*Input!$J$16,0)</f>
        <v>11.641205907780307</v>
      </c>
      <c r="O574" s="58">
        <f>IF(Input!$K$13=2,J574*Input!$J$13,0)+IF(Input!$K$14=2,K574*Input!$J$14,0)+IF(Input!$K$15=2,L574*Input!$J$15,0)+IF(Input!$K$16=2,M574*Input!$J$16,0)</f>
        <v>0.53612811585683207</v>
      </c>
      <c r="P574" s="58">
        <f>IF(Input!$K$13=3,J574*Input!$J$13,0)+IF(Input!$K$14=3,K574*Input!$J$14,0)+IF(Input!$K$15=3,L574*Input!$J$15,0)+IF(Input!$K$16=3,M574*Input!$J$16,0)</f>
        <v>0</v>
      </c>
      <c r="Q574" s="71">
        <f>IF(Input!$K$13=4,J574*Input!$J$13,0)+IF(Input!$K$14=4,K574*Input!$J$14,0)+IF(Input!$K$15=4,L574*Input!$J$15,0)+IF(Input!$K$16=4,M574*Input!$J$16,0)</f>
        <v>0</v>
      </c>
    </row>
    <row r="575" spans="8:17" x14ac:dyDescent="0.25">
      <c r="H575" s="43">
        <v>568</v>
      </c>
      <c r="I575" s="55">
        <f>Bühler!I601</f>
        <v>18.925205810233106</v>
      </c>
      <c r="J575" s="58">
        <f>Bühler!J601</f>
        <v>97.010049231502563</v>
      </c>
      <c r="K575" s="58">
        <f>Bühler!K601</f>
        <v>3.9713193767172745</v>
      </c>
      <c r="L575" s="58">
        <f>Bühler!L601</f>
        <v>1.9856596883586373</v>
      </c>
      <c r="M575" s="57">
        <f>Bühler!M601</f>
        <v>0</v>
      </c>
      <c r="N575" s="55">
        <f>IF(Input!$K$13=1,J575*Input!$J$13,0)+IF(Input!$K$14=1,K575*Input!$J$14,0)+IF(Input!$K$15=1,L575*Input!$J$15,0)+IF(Input!$K$16=1,M575*Input!$J$16,0)</f>
        <v>11.641205907780307</v>
      </c>
      <c r="O575" s="58">
        <f>IF(Input!$K$13=2,J575*Input!$J$13,0)+IF(Input!$K$14=2,K575*Input!$J$14,0)+IF(Input!$K$15=2,L575*Input!$J$15,0)+IF(Input!$K$16=2,M575*Input!$J$16,0)</f>
        <v>0.53612811585683207</v>
      </c>
      <c r="P575" s="58">
        <f>IF(Input!$K$13=3,J575*Input!$J$13,0)+IF(Input!$K$14=3,K575*Input!$J$14,0)+IF(Input!$K$15=3,L575*Input!$J$15,0)+IF(Input!$K$16=3,M575*Input!$J$16,0)</f>
        <v>0</v>
      </c>
      <c r="Q575" s="71">
        <f>IF(Input!$K$13=4,J575*Input!$J$13,0)+IF(Input!$K$14=4,K575*Input!$J$14,0)+IF(Input!$K$15=4,L575*Input!$J$15,0)+IF(Input!$K$16=4,M575*Input!$J$16,0)</f>
        <v>0</v>
      </c>
    </row>
    <row r="576" spans="8:17" x14ac:dyDescent="0.25">
      <c r="H576" s="43">
        <v>569</v>
      </c>
      <c r="I576" s="55">
        <f>Bühler!I602</f>
        <v>15.818941026790586</v>
      </c>
      <c r="J576" s="58">
        <f>Bühler!J602</f>
        <v>62.22210605742346</v>
      </c>
      <c r="K576" s="58">
        <f>Bühler!K602</f>
        <v>2.3402417755655369</v>
      </c>
      <c r="L576" s="58">
        <f>Bühler!L602</f>
        <v>1.1701208877827685</v>
      </c>
      <c r="M576" s="57">
        <f>Bühler!M602</f>
        <v>0</v>
      </c>
      <c r="N576" s="55">
        <f>IF(Input!$K$13=1,J576*Input!$J$13,0)+IF(Input!$K$14=1,K576*Input!$J$14,0)+IF(Input!$K$15=1,L576*Input!$J$15,0)+IF(Input!$K$16=1,M576*Input!$J$16,0)</f>
        <v>7.4666527268908149</v>
      </c>
      <c r="O576" s="58">
        <f>IF(Input!$K$13=2,J576*Input!$J$13,0)+IF(Input!$K$14=2,K576*Input!$J$14,0)+IF(Input!$K$15=2,L576*Input!$J$15,0)+IF(Input!$K$16=2,M576*Input!$J$16,0)</f>
        <v>0.31593263970134744</v>
      </c>
      <c r="P576" s="58">
        <f>IF(Input!$K$13=3,J576*Input!$J$13,0)+IF(Input!$K$14=3,K576*Input!$J$14,0)+IF(Input!$K$15=3,L576*Input!$J$15,0)+IF(Input!$K$16=3,M576*Input!$J$16,0)</f>
        <v>0</v>
      </c>
      <c r="Q576" s="71">
        <f>IF(Input!$K$13=4,J576*Input!$J$13,0)+IF(Input!$K$14=4,K576*Input!$J$14,0)+IF(Input!$K$15=4,L576*Input!$J$15,0)+IF(Input!$K$16=4,M576*Input!$J$16,0)</f>
        <v>0</v>
      </c>
    </row>
    <row r="577" spans="8:17" x14ac:dyDescent="0.25">
      <c r="H577" s="43">
        <v>570</v>
      </c>
      <c r="I577" s="55">
        <f>Bühler!I603</f>
        <v>12.568867688559067</v>
      </c>
      <c r="J577" s="58">
        <f>Bühler!J603</f>
        <v>32.858663403991486</v>
      </c>
      <c r="K577" s="58">
        <f>Bühler!K603</f>
        <v>0.99882278086450571</v>
      </c>
      <c r="L577" s="58">
        <f>Bühler!L603</f>
        <v>0.49941139043225286</v>
      </c>
      <c r="M577" s="57">
        <f>Bühler!M603</f>
        <v>0</v>
      </c>
      <c r="N577" s="55">
        <f>IF(Input!$K$13=1,J577*Input!$J$13,0)+IF(Input!$K$14=1,K577*Input!$J$14,0)+IF(Input!$K$15=1,L577*Input!$J$15,0)+IF(Input!$K$16=1,M577*Input!$J$16,0)</f>
        <v>3.9430396084789781</v>
      </c>
      <c r="O577" s="58">
        <f>IF(Input!$K$13=2,J577*Input!$J$13,0)+IF(Input!$K$14=2,K577*Input!$J$14,0)+IF(Input!$K$15=2,L577*Input!$J$15,0)+IF(Input!$K$16=2,M577*Input!$J$16,0)</f>
        <v>0.13484107541670826</v>
      </c>
      <c r="P577" s="58">
        <f>IF(Input!$K$13=3,J577*Input!$J$13,0)+IF(Input!$K$14=3,K577*Input!$J$14,0)+IF(Input!$K$15=3,L577*Input!$J$15,0)+IF(Input!$K$16=3,M577*Input!$J$16,0)</f>
        <v>0</v>
      </c>
      <c r="Q577" s="71">
        <f>IF(Input!$K$13=4,J577*Input!$J$13,0)+IF(Input!$K$14=4,K577*Input!$J$14,0)+IF(Input!$K$15=4,L577*Input!$J$15,0)+IF(Input!$K$16=4,M577*Input!$J$16,0)</f>
        <v>0</v>
      </c>
    </row>
    <row r="578" spans="8:17" x14ac:dyDescent="0.25">
      <c r="H578" s="43">
        <v>571</v>
      </c>
      <c r="I578" s="55">
        <f>Bühler!I604</f>
        <v>4.458065198459165</v>
      </c>
      <c r="J578" s="58">
        <f>Bühler!J604</f>
        <v>17.529548080978742</v>
      </c>
      <c r="K578" s="58">
        <f>Bühler!K604</f>
        <v>0.6592230353705737</v>
      </c>
      <c r="L578" s="58">
        <f>Bühler!L604</f>
        <v>0.32961151768528685</v>
      </c>
      <c r="M578" s="57">
        <f>Bühler!M604</f>
        <v>0</v>
      </c>
      <c r="N578" s="55">
        <f>IF(Input!$K$13=1,J578*Input!$J$13,0)+IF(Input!$K$14=1,K578*Input!$J$14,0)+IF(Input!$K$15=1,L578*Input!$J$15,0)+IF(Input!$K$16=1,M578*Input!$J$16,0)</f>
        <v>2.1035457697174489</v>
      </c>
      <c r="O578" s="58">
        <f>IF(Input!$K$13=2,J578*Input!$J$13,0)+IF(Input!$K$14=2,K578*Input!$J$14,0)+IF(Input!$K$15=2,L578*Input!$J$15,0)+IF(Input!$K$16=2,M578*Input!$J$16,0)</f>
        <v>8.8995109775027448E-2</v>
      </c>
      <c r="P578" s="58">
        <f>IF(Input!$K$13=3,J578*Input!$J$13,0)+IF(Input!$K$14=3,K578*Input!$J$14,0)+IF(Input!$K$15=3,L578*Input!$J$15,0)+IF(Input!$K$16=3,M578*Input!$J$16,0)</f>
        <v>0</v>
      </c>
      <c r="Q578" s="71">
        <f>IF(Input!$K$13=4,J578*Input!$J$13,0)+IF(Input!$K$14=4,K578*Input!$J$14,0)+IF(Input!$K$15=4,L578*Input!$J$15,0)+IF(Input!$K$16=4,M578*Input!$J$16,0)</f>
        <v>0</v>
      </c>
    </row>
    <row r="579" spans="8:17" x14ac:dyDescent="0.25">
      <c r="H579" s="43">
        <v>572</v>
      </c>
      <c r="I579" s="55">
        <f>Bühler!I605</f>
        <v>4.458065198459165</v>
      </c>
      <c r="J579" s="58">
        <f>Bühler!J605</f>
        <v>17.529548080978742</v>
      </c>
      <c r="K579" s="58">
        <f>Bühler!K605</f>
        <v>0.6592230353705737</v>
      </c>
      <c r="L579" s="58">
        <f>Bühler!L605</f>
        <v>0.32961151768528685</v>
      </c>
      <c r="M579" s="57">
        <f>Bühler!M605</f>
        <v>0</v>
      </c>
      <c r="N579" s="55">
        <f>IF(Input!$K$13=1,J579*Input!$J$13,0)+IF(Input!$K$14=1,K579*Input!$J$14,0)+IF(Input!$K$15=1,L579*Input!$J$15,0)+IF(Input!$K$16=1,M579*Input!$J$16,0)</f>
        <v>2.1035457697174489</v>
      </c>
      <c r="O579" s="58">
        <f>IF(Input!$K$13=2,J579*Input!$J$13,0)+IF(Input!$K$14=2,K579*Input!$J$14,0)+IF(Input!$K$15=2,L579*Input!$J$15,0)+IF(Input!$K$16=2,M579*Input!$J$16,0)</f>
        <v>8.8995109775027448E-2</v>
      </c>
      <c r="P579" s="58">
        <f>IF(Input!$K$13=3,J579*Input!$J$13,0)+IF(Input!$K$14=3,K579*Input!$J$14,0)+IF(Input!$K$15=3,L579*Input!$J$15,0)+IF(Input!$K$16=3,M579*Input!$J$16,0)</f>
        <v>0</v>
      </c>
      <c r="Q579" s="71">
        <f>IF(Input!$K$13=4,J579*Input!$J$13,0)+IF(Input!$K$14=4,K579*Input!$J$14,0)+IF(Input!$K$15=4,L579*Input!$J$15,0)+IF(Input!$K$16=4,M579*Input!$J$16,0)</f>
        <v>0</v>
      </c>
    </row>
    <row r="580" spans="8:17" x14ac:dyDescent="0.25">
      <c r="H580" s="43">
        <v>573</v>
      </c>
      <c r="I580" s="55">
        <f>Bühler!I606</f>
        <v>4.458065198459165</v>
      </c>
      <c r="J580" s="58">
        <f>Bühler!J606</f>
        <v>17.529548080978742</v>
      </c>
      <c r="K580" s="58">
        <f>Bühler!K606</f>
        <v>0.6592230353705737</v>
      </c>
      <c r="L580" s="58">
        <f>Bühler!L606</f>
        <v>0.32961151768528685</v>
      </c>
      <c r="M580" s="57">
        <f>Bühler!M606</f>
        <v>0</v>
      </c>
      <c r="N580" s="55">
        <f>IF(Input!$K$13=1,J580*Input!$J$13,0)+IF(Input!$K$14=1,K580*Input!$J$14,0)+IF(Input!$K$15=1,L580*Input!$J$15,0)+IF(Input!$K$16=1,M580*Input!$J$16,0)</f>
        <v>2.1035457697174489</v>
      </c>
      <c r="O580" s="58">
        <f>IF(Input!$K$13=2,J580*Input!$J$13,0)+IF(Input!$K$14=2,K580*Input!$J$14,0)+IF(Input!$K$15=2,L580*Input!$J$15,0)+IF(Input!$K$16=2,M580*Input!$J$16,0)</f>
        <v>8.8995109775027448E-2</v>
      </c>
      <c r="P580" s="58">
        <f>IF(Input!$K$13=3,J580*Input!$J$13,0)+IF(Input!$K$14=3,K580*Input!$J$14,0)+IF(Input!$K$15=3,L580*Input!$J$15,0)+IF(Input!$K$16=3,M580*Input!$J$16,0)</f>
        <v>0</v>
      </c>
      <c r="Q580" s="71">
        <f>IF(Input!$K$13=4,J580*Input!$J$13,0)+IF(Input!$K$14=4,K580*Input!$J$14,0)+IF(Input!$K$15=4,L580*Input!$J$15,0)+IF(Input!$K$16=4,M580*Input!$J$16,0)</f>
        <v>0</v>
      </c>
    </row>
    <row r="581" spans="8:17" x14ac:dyDescent="0.25">
      <c r="H581" s="43">
        <v>574</v>
      </c>
      <c r="I581" s="55">
        <f>Bühler!I607</f>
        <v>4.458065198459165</v>
      </c>
      <c r="J581" s="58">
        <f>Bühler!J607</f>
        <v>17.529548080978742</v>
      </c>
      <c r="K581" s="58">
        <f>Bühler!K607</f>
        <v>0.6592230353705737</v>
      </c>
      <c r="L581" s="58">
        <f>Bühler!L607</f>
        <v>0.32961151768528685</v>
      </c>
      <c r="M581" s="57">
        <f>Bühler!M607</f>
        <v>0</v>
      </c>
      <c r="N581" s="55">
        <f>IF(Input!$K$13=1,J581*Input!$J$13,0)+IF(Input!$K$14=1,K581*Input!$J$14,0)+IF(Input!$K$15=1,L581*Input!$J$15,0)+IF(Input!$K$16=1,M581*Input!$J$16,0)</f>
        <v>2.1035457697174489</v>
      </c>
      <c r="O581" s="58">
        <f>IF(Input!$K$13=2,J581*Input!$J$13,0)+IF(Input!$K$14=2,K581*Input!$J$14,0)+IF(Input!$K$15=2,L581*Input!$J$15,0)+IF(Input!$K$16=2,M581*Input!$J$16,0)</f>
        <v>8.8995109775027448E-2</v>
      </c>
      <c r="P581" s="58">
        <f>IF(Input!$K$13=3,J581*Input!$J$13,0)+IF(Input!$K$14=3,K581*Input!$J$14,0)+IF(Input!$K$15=3,L581*Input!$J$15,0)+IF(Input!$K$16=3,M581*Input!$J$16,0)</f>
        <v>0</v>
      </c>
      <c r="Q581" s="71">
        <f>IF(Input!$K$13=4,J581*Input!$J$13,0)+IF(Input!$K$14=4,K581*Input!$J$14,0)+IF(Input!$K$15=4,L581*Input!$J$15,0)+IF(Input!$K$16=4,M581*Input!$J$16,0)</f>
        <v>0</v>
      </c>
    </row>
    <row r="582" spans="8:17" x14ac:dyDescent="0.25">
      <c r="H582" s="43">
        <v>575</v>
      </c>
      <c r="I582" s="55">
        <f>Bühler!I608</f>
        <v>4.458065198459165</v>
      </c>
      <c r="J582" s="58">
        <f>Bühler!J608</f>
        <v>17.529548080978742</v>
      </c>
      <c r="K582" s="58">
        <f>Bühler!K608</f>
        <v>0.6592230353705737</v>
      </c>
      <c r="L582" s="58">
        <f>Bühler!L608</f>
        <v>0.32961151768528685</v>
      </c>
      <c r="M582" s="57">
        <f>Bühler!M608</f>
        <v>0</v>
      </c>
      <c r="N582" s="55">
        <f>IF(Input!$K$13=1,J582*Input!$J$13,0)+IF(Input!$K$14=1,K582*Input!$J$14,0)+IF(Input!$K$15=1,L582*Input!$J$15,0)+IF(Input!$K$16=1,M582*Input!$J$16,0)</f>
        <v>2.1035457697174489</v>
      </c>
      <c r="O582" s="58">
        <f>IF(Input!$K$13=2,J582*Input!$J$13,0)+IF(Input!$K$14=2,K582*Input!$J$14,0)+IF(Input!$K$15=2,L582*Input!$J$15,0)+IF(Input!$K$16=2,M582*Input!$J$16,0)</f>
        <v>8.8995109775027448E-2</v>
      </c>
      <c r="P582" s="58">
        <f>IF(Input!$K$13=3,J582*Input!$J$13,0)+IF(Input!$K$14=3,K582*Input!$J$14,0)+IF(Input!$K$15=3,L582*Input!$J$15,0)+IF(Input!$K$16=3,M582*Input!$J$16,0)</f>
        <v>0</v>
      </c>
      <c r="Q582" s="71">
        <f>IF(Input!$K$13=4,J582*Input!$J$13,0)+IF(Input!$K$14=4,K582*Input!$J$14,0)+IF(Input!$K$15=4,L582*Input!$J$15,0)+IF(Input!$K$16=4,M582*Input!$J$16,0)</f>
        <v>0</v>
      </c>
    </row>
    <row r="583" spans="8:17" x14ac:dyDescent="0.25">
      <c r="H583" s="43">
        <v>576</v>
      </c>
      <c r="I583" s="55">
        <f>Bühler!I609</f>
        <v>4.458065198459165</v>
      </c>
      <c r="J583" s="58">
        <f>Bühler!J609</f>
        <v>17.529548080978742</v>
      </c>
      <c r="K583" s="58">
        <f>Bühler!K609</f>
        <v>0.6592230353705737</v>
      </c>
      <c r="L583" s="58">
        <f>Bühler!L609</f>
        <v>0.32961151768528685</v>
      </c>
      <c r="M583" s="57">
        <f>Bühler!M609</f>
        <v>0</v>
      </c>
      <c r="N583" s="55">
        <f>IF(Input!$K$13=1,J583*Input!$J$13,0)+IF(Input!$K$14=1,K583*Input!$J$14,0)+IF(Input!$K$15=1,L583*Input!$J$15,0)+IF(Input!$K$16=1,M583*Input!$J$16,0)</f>
        <v>2.1035457697174489</v>
      </c>
      <c r="O583" s="58">
        <f>IF(Input!$K$13=2,J583*Input!$J$13,0)+IF(Input!$K$14=2,K583*Input!$J$14,0)+IF(Input!$K$15=2,L583*Input!$J$15,0)+IF(Input!$K$16=2,M583*Input!$J$16,0)</f>
        <v>8.8995109775027448E-2</v>
      </c>
      <c r="P583" s="58">
        <f>IF(Input!$K$13=3,J583*Input!$J$13,0)+IF(Input!$K$14=3,K583*Input!$J$14,0)+IF(Input!$K$15=3,L583*Input!$J$15,0)+IF(Input!$K$16=3,M583*Input!$J$16,0)</f>
        <v>0</v>
      </c>
      <c r="Q583" s="71">
        <f>IF(Input!$K$13=4,J583*Input!$J$13,0)+IF(Input!$K$14=4,K583*Input!$J$14,0)+IF(Input!$K$15=4,L583*Input!$J$15,0)+IF(Input!$K$16=4,M583*Input!$J$16,0)</f>
        <v>0</v>
      </c>
    </row>
    <row r="584" spans="8:17" x14ac:dyDescent="0.25">
      <c r="H584" s="43">
        <v>577</v>
      </c>
      <c r="I584" s="55">
        <f>Bühler!I610</f>
        <v>4.8251644961980702</v>
      </c>
      <c r="J584" s="58">
        <f>Bühler!J610</f>
        <v>18.011992468746072</v>
      </c>
      <c r="K584" s="58">
        <f>Bühler!K610</f>
        <v>0.65592070467780306</v>
      </c>
      <c r="L584" s="58">
        <f>Bühler!L610</f>
        <v>0.32796035233890153</v>
      </c>
      <c r="M584" s="57">
        <f>Bühler!M610</f>
        <v>0</v>
      </c>
      <c r="N584" s="55">
        <f>IF(Input!$K$13=1,J584*Input!$J$13,0)+IF(Input!$K$14=1,K584*Input!$J$14,0)+IF(Input!$K$15=1,L584*Input!$J$15,0)+IF(Input!$K$16=1,M584*Input!$J$16,0)</f>
        <v>2.1614390962495285</v>
      </c>
      <c r="O584" s="58">
        <f>IF(Input!$K$13=2,J584*Input!$J$13,0)+IF(Input!$K$14=2,K584*Input!$J$14,0)+IF(Input!$K$15=2,L584*Input!$J$15,0)+IF(Input!$K$16=2,M584*Input!$J$16,0)</f>
        <v>8.8549295131503419E-2</v>
      </c>
      <c r="P584" s="58">
        <f>IF(Input!$K$13=3,J584*Input!$J$13,0)+IF(Input!$K$14=3,K584*Input!$J$14,0)+IF(Input!$K$15=3,L584*Input!$J$15,0)+IF(Input!$K$16=3,M584*Input!$J$16,0)</f>
        <v>0</v>
      </c>
      <c r="Q584" s="71">
        <f>IF(Input!$K$13=4,J584*Input!$J$13,0)+IF(Input!$K$14=4,K584*Input!$J$14,0)+IF(Input!$K$15=4,L584*Input!$J$15,0)+IF(Input!$K$16=4,M584*Input!$J$16,0)</f>
        <v>0</v>
      </c>
    </row>
    <row r="585" spans="8:17" x14ac:dyDescent="0.25">
      <c r="H585" s="43">
        <v>578</v>
      </c>
      <c r="I585" s="55">
        <f>Bühler!I611</f>
        <v>4.8251644961980702</v>
      </c>
      <c r="J585" s="58">
        <f>Bühler!J611</f>
        <v>18.011992468746072</v>
      </c>
      <c r="K585" s="58">
        <f>Bühler!K611</f>
        <v>0.65592070467780306</v>
      </c>
      <c r="L585" s="58">
        <f>Bühler!L611</f>
        <v>0.32796035233890153</v>
      </c>
      <c r="M585" s="57">
        <f>Bühler!M611</f>
        <v>0</v>
      </c>
      <c r="N585" s="55">
        <f>IF(Input!$K$13=1,J585*Input!$J$13,0)+IF(Input!$K$14=1,K585*Input!$J$14,0)+IF(Input!$K$15=1,L585*Input!$J$15,0)+IF(Input!$K$16=1,M585*Input!$J$16,0)</f>
        <v>2.1614390962495285</v>
      </c>
      <c r="O585" s="58">
        <f>IF(Input!$K$13=2,J585*Input!$J$13,0)+IF(Input!$K$14=2,K585*Input!$J$14,0)+IF(Input!$K$15=2,L585*Input!$J$15,0)+IF(Input!$K$16=2,M585*Input!$J$16,0)</f>
        <v>8.8549295131503419E-2</v>
      </c>
      <c r="P585" s="58">
        <f>IF(Input!$K$13=3,J585*Input!$J$13,0)+IF(Input!$K$14=3,K585*Input!$J$14,0)+IF(Input!$K$15=3,L585*Input!$J$15,0)+IF(Input!$K$16=3,M585*Input!$J$16,0)</f>
        <v>0</v>
      </c>
      <c r="Q585" s="71">
        <f>IF(Input!$K$13=4,J585*Input!$J$13,0)+IF(Input!$K$14=4,K585*Input!$J$14,0)+IF(Input!$K$15=4,L585*Input!$J$15,0)+IF(Input!$K$16=4,M585*Input!$J$16,0)</f>
        <v>0</v>
      </c>
    </row>
    <row r="586" spans="8:17" x14ac:dyDescent="0.25">
      <c r="H586" s="43">
        <v>579</v>
      </c>
      <c r="I586" s="55">
        <f>Bühler!I612</f>
        <v>4.8251644961980702</v>
      </c>
      <c r="J586" s="58">
        <f>Bühler!J612</f>
        <v>18.011992468746072</v>
      </c>
      <c r="K586" s="58">
        <f>Bühler!K612</f>
        <v>0.65592070467780306</v>
      </c>
      <c r="L586" s="58">
        <f>Bühler!L612</f>
        <v>0.32796035233890153</v>
      </c>
      <c r="M586" s="57">
        <f>Bühler!M612</f>
        <v>0</v>
      </c>
      <c r="N586" s="55">
        <f>IF(Input!$K$13=1,J586*Input!$J$13,0)+IF(Input!$K$14=1,K586*Input!$J$14,0)+IF(Input!$K$15=1,L586*Input!$J$15,0)+IF(Input!$K$16=1,M586*Input!$J$16,0)</f>
        <v>2.1614390962495285</v>
      </c>
      <c r="O586" s="58">
        <f>IF(Input!$K$13=2,J586*Input!$J$13,0)+IF(Input!$K$14=2,K586*Input!$J$14,0)+IF(Input!$K$15=2,L586*Input!$J$15,0)+IF(Input!$K$16=2,M586*Input!$J$16,0)</f>
        <v>8.8549295131503419E-2</v>
      </c>
      <c r="P586" s="58">
        <f>IF(Input!$K$13=3,J586*Input!$J$13,0)+IF(Input!$K$14=3,K586*Input!$J$14,0)+IF(Input!$K$15=3,L586*Input!$J$15,0)+IF(Input!$K$16=3,M586*Input!$J$16,0)</f>
        <v>0</v>
      </c>
      <c r="Q586" s="71">
        <f>IF(Input!$K$13=4,J586*Input!$J$13,0)+IF(Input!$K$14=4,K586*Input!$J$14,0)+IF(Input!$K$15=4,L586*Input!$J$15,0)+IF(Input!$K$16=4,M586*Input!$J$16,0)</f>
        <v>0</v>
      </c>
    </row>
    <row r="587" spans="8:17" x14ac:dyDescent="0.25">
      <c r="H587" s="43">
        <v>580</v>
      </c>
      <c r="I587" s="55">
        <f>Bühler!I613</f>
        <v>4.8251644961980702</v>
      </c>
      <c r="J587" s="58">
        <f>Bühler!J613</f>
        <v>18.011992468746072</v>
      </c>
      <c r="K587" s="58">
        <f>Bühler!K613</f>
        <v>0.65592070467780306</v>
      </c>
      <c r="L587" s="58">
        <f>Bühler!L613</f>
        <v>0.32796035233890153</v>
      </c>
      <c r="M587" s="57">
        <f>Bühler!M613</f>
        <v>0</v>
      </c>
      <c r="N587" s="55">
        <f>IF(Input!$K$13=1,J587*Input!$J$13,0)+IF(Input!$K$14=1,K587*Input!$J$14,0)+IF(Input!$K$15=1,L587*Input!$J$15,0)+IF(Input!$K$16=1,M587*Input!$J$16,0)</f>
        <v>2.1614390962495285</v>
      </c>
      <c r="O587" s="58">
        <f>IF(Input!$K$13=2,J587*Input!$J$13,0)+IF(Input!$K$14=2,K587*Input!$J$14,0)+IF(Input!$K$15=2,L587*Input!$J$15,0)+IF(Input!$K$16=2,M587*Input!$J$16,0)</f>
        <v>8.8549295131503419E-2</v>
      </c>
      <c r="P587" s="58">
        <f>IF(Input!$K$13=3,J587*Input!$J$13,0)+IF(Input!$K$14=3,K587*Input!$J$14,0)+IF(Input!$K$15=3,L587*Input!$J$15,0)+IF(Input!$K$16=3,M587*Input!$J$16,0)</f>
        <v>0</v>
      </c>
      <c r="Q587" s="71">
        <f>IF(Input!$K$13=4,J587*Input!$J$13,0)+IF(Input!$K$14=4,K587*Input!$J$14,0)+IF(Input!$K$15=4,L587*Input!$J$15,0)+IF(Input!$K$16=4,M587*Input!$J$16,0)</f>
        <v>0</v>
      </c>
    </row>
    <row r="588" spans="8:17" x14ac:dyDescent="0.25">
      <c r="H588" s="43">
        <v>581</v>
      </c>
      <c r="I588" s="55">
        <f>Bühler!I614</f>
        <v>4.8251644961980702</v>
      </c>
      <c r="J588" s="58">
        <f>Bühler!J614</f>
        <v>18.011992468746072</v>
      </c>
      <c r="K588" s="58">
        <f>Bühler!K614</f>
        <v>0.65592070467780306</v>
      </c>
      <c r="L588" s="58">
        <f>Bühler!L614</f>
        <v>0.32796035233890153</v>
      </c>
      <c r="M588" s="57">
        <f>Bühler!M614</f>
        <v>0</v>
      </c>
      <c r="N588" s="55">
        <f>IF(Input!$K$13=1,J588*Input!$J$13,0)+IF(Input!$K$14=1,K588*Input!$J$14,0)+IF(Input!$K$15=1,L588*Input!$J$15,0)+IF(Input!$K$16=1,M588*Input!$J$16,0)</f>
        <v>2.1614390962495285</v>
      </c>
      <c r="O588" s="58">
        <f>IF(Input!$K$13=2,J588*Input!$J$13,0)+IF(Input!$K$14=2,K588*Input!$J$14,0)+IF(Input!$K$15=2,L588*Input!$J$15,0)+IF(Input!$K$16=2,M588*Input!$J$16,0)</f>
        <v>8.8549295131503419E-2</v>
      </c>
      <c r="P588" s="58">
        <f>IF(Input!$K$13=3,J588*Input!$J$13,0)+IF(Input!$K$14=3,K588*Input!$J$14,0)+IF(Input!$K$15=3,L588*Input!$J$15,0)+IF(Input!$K$16=3,M588*Input!$J$16,0)</f>
        <v>0</v>
      </c>
      <c r="Q588" s="71">
        <f>IF(Input!$K$13=4,J588*Input!$J$13,0)+IF(Input!$K$14=4,K588*Input!$J$14,0)+IF(Input!$K$15=4,L588*Input!$J$15,0)+IF(Input!$K$16=4,M588*Input!$J$16,0)</f>
        <v>0</v>
      </c>
    </row>
    <row r="589" spans="8:17" x14ac:dyDescent="0.25">
      <c r="H589" s="43">
        <v>582</v>
      </c>
      <c r="I589" s="55">
        <f>Bühler!I615</f>
        <v>4.8251644961980702</v>
      </c>
      <c r="J589" s="58">
        <f>Bühler!J615</f>
        <v>18.011992468746072</v>
      </c>
      <c r="K589" s="58">
        <f>Bühler!K615</f>
        <v>0.65592070467780306</v>
      </c>
      <c r="L589" s="58">
        <f>Bühler!L615</f>
        <v>0.32796035233890153</v>
      </c>
      <c r="M589" s="57">
        <f>Bühler!M615</f>
        <v>0</v>
      </c>
      <c r="N589" s="55">
        <f>IF(Input!$K$13=1,J589*Input!$J$13,0)+IF(Input!$K$14=1,K589*Input!$J$14,0)+IF(Input!$K$15=1,L589*Input!$J$15,0)+IF(Input!$K$16=1,M589*Input!$J$16,0)</f>
        <v>2.1614390962495285</v>
      </c>
      <c r="O589" s="58">
        <f>IF(Input!$K$13=2,J589*Input!$J$13,0)+IF(Input!$K$14=2,K589*Input!$J$14,0)+IF(Input!$K$15=2,L589*Input!$J$15,0)+IF(Input!$K$16=2,M589*Input!$J$16,0)</f>
        <v>8.8549295131503419E-2</v>
      </c>
      <c r="P589" s="58">
        <f>IF(Input!$K$13=3,J589*Input!$J$13,0)+IF(Input!$K$14=3,K589*Input!$J$14,0)+IF(Input!$K$15=3,L589*Input!$J$15,0)+IF(Input!$K$16=3,M589*Input!$J$16,0)</f>
        <v>0</v>
      </c>
      <c r="Q589" s="71">
        <f>IF(Input!$K$13=4,J589*Input!$J$13,0)+IF(Input!$K$14=4,K589*Input!$J$14,0)+IF(Input!$K$15=4,L589*Input!$J$15,0)+IF(Input!$K$16=4,M589*Input!$J$16,0)</f>
        <v>0</v>
      </c>
    </row>
    <row r="590" spans="8:17" x14ac:dyDescent="0.25">
      <c r="H590" s="43">
        <v>583</v>
      </c>
      <c r="I590" s="55">
        <f>Bühler!I616</f>
        <v>4.8251644961980702</v>
      </c>
      <c r="J590" s="58">
        <f>Bühler!J616</f>
        <v>18.011992468746072</v>
      </c>
      <c r="K590" s="58">
        <f>Bühler!K616</f>
        <v>0.65592070467780306</v>
      </c>
      <c r="L590" s="58">
        <f>Bühler!L616</f>
        <v>0.32796035233890153</v>
      </c>
      <c r="M590" s="57">
        <f>Bühler!M616</f>
        <v>0</v>
      </c>
      <c r="N590" s="55">
        <f>IF(Input!$K$13=1,J590*Input!$J$13,0)+IF(Input!$K$14=1,K590*Input!$J$14,0)+IF(Input!$K$15=1,L590*Input!$J$15,0)+IF(Input!$K$16=1,M590*Input!$J$16,0)</f>
        <v>2.1614390962495285</v>
      </c>
      <c r="O590" s="58">
        <f>IF(Input!$K$13=2,J590*Input!$J$13,0)+IF(Input!$K$14=2,K590*Input!$J$14,0)+IF(Input!$K$15=2,L590*Input!$J$15,0)+IF(Input!$K$16=2,M590*Input!$J$16,0)</f>
        <v>8.8549295131503419E-2</v>
      </c>
      <c r="P590" s="58">
        <f>IF(Input!$K$13=3,J590*Input!$J$13,0)+IF(Input!$K$14=3,K590*Input!$J$14,0)+IF(Input!$K$15=3,L590*Input!$J$15,0)+IF(Input!$K$16=3,M590*Input!$J$16,0)</f>
        <v>0</v>
      </c>
      <c r="Q590" s="71">
        <f>IF(Input!$K$13=4,J590*Input!$J$13,0)+IF(Input!$K$14=4,K590*Input!$J$14,0)+IF(Input!$K$15=4,L590*Input!$J$15,0)+IF(Input!$K$16=4,M590*Input!$J$16,0)</f>
        <v>0</v>
      </c>
    </row>
    <row r="591" spans="8:17" x14ac:dyDescent="0.25">
      <c r="H591" s="43">
        <v>584</v>
      </c>
      <c r="I591" s="55">
        <f>Bühler!I617</f>
        <v>13.293328187025681</v>
      </c>
      <c r="J591" s="58">
        <f>Bühler!J617</f>
        <v>66.663535918327256</v>
      </c>
      <c r="K591" s="58">
        <f>Bühler!K617</f>
        <v>2.6813243351828979</v>
      </c>
      <c r="L591" s="58">
        <f>Bühler!L617</f>
        <v>1.340662167591449</v>
      </c>
      <c r="M591" s="57">
        <f>Bühler!M617</f>
        <v>0</v>
      </c>
      <c r="N591" s="55">
        <f>IF(Input!$K$13=1,J591*Input!$J$13,0)+IF(Input!$K$14=1,K591*Input!$J$14,0)+IF(Input!$K$15=1,L591*Input!$J$15,0)+IF(Input!$K$16=1,M591*Input!$J$16,0)</f>
        <v>7.9996243101992706</v>
      </c>
      <c r="O591" s="58">
        <f>IF(Input!$K$13=2,J591*Input!$J$13,0)+IF(Input!$K$14=2,K591*Input!$J$14,0)+IF(Input!$K$15=2,L591*Input!$J$15,0)+IF(Input!$K$16=2,M591*Input!$J$16,0)</f>
        <v>0.36197878524969118</v>
      </c>
      <c r="P591" s="58">
        <f>IF(Input!$K$13=3,J591*Input!$J$13,0)+IF(Input!$K$14=3,K591*Input!$J$14,0)+IF(Input!$K$15=3,L591*Input!$J$15,0)+IF(Input!$K$16=3,M591*Input!$J$16,0)</f>
        <v>0</v>
      </c>
      <c r="Q591" s="71">
        <f>IF(Input!$K$13=4,J591*Input!$J$13,0)+IF(Input!$K$14=4,K591*Input!$J$14,0)+IF(Input!$K$15=4,L591*Input!$J$15,0)+IF(Input!$K$16=4,M591*Input!$J$16,0)</f>
        <v>0</v>
      </c>
    </row>
    <row r="592" spans="8:17" x14ac:dyDescent="0.25">
      <c r="H592" s="43">
        <v>585</v>
      </c>
      <c r="I592" s="55">
        <f>Bühler!I618</f>
        <v>14.832555661312867</v>
      </c>
      <c r="J592" s="58">
        <f>Bühler!J618</f>
        <v>74.382471656238849</v>
      </c>
      <c r="K592" s="58">
        <f>Bühler!K618</f>
        <v>2.9917934687303913</v>
      </c>
      <c r="L592" s="58">
        <f>Bühler!L618</f>
        <v>1.4958967343651957</v>
      </c>
      <c r="M592" s="57">
        <f>Bühler!M618</f>
        <v>0</v>
      </c>
      <c r="N592" s="55">
        <f>IF(Input!$K$13=1,J592*Input!$J$13,0)+IF(Input!$K$14=1,K592*Input!$J$14,0)+IF(Input!$K$15=1,L592*Input!$J$15,0)+IF(Input!$K$16=1,M592*Input!$J$16,0)</f>
        <v>8.9258965987486611</v>
      </c>
      <c r="O592" s="58">
        <f>IF(Input!$K$13=2,J592*Input!$J$13,0)+IF(Input!$K$14=2,K592*Input!$J$14,0)+IF(Input!$K$15=2,L592*Input!$J$15,0)+IF(Input!$K$16=2,M592*Input!$J$16,0)</f>
        <v>0.40389211827860283</v>
      </c>
      <c r="P592" s="58">
        <f>IF(Input!$K$13=3,J592*Input!$J$13,0)+IF(Input!$K$14=3,K592*Input!$J$14,0)+IF(Input!$K$15=3,L592*Input!$J$15,0)+IF(Input!$K$16=3,M592*Input!$J$16,0)</f>
        <v>0</v>
      </c>
      <c r="Q592" s="71">
        <f>IF(Input!$K$13=4,J592*Input!$J$13,0)+IF(Input!$K$14=4,K592*Input!$J$14,0)+IF(Input!$K$15=4,L592*Input!$J$15,0)+IF(Input!$K$16=4,M592*Input!$J$16,0)</f>
        <v>0</v>
      </c>
    </row>
    <row r="593" spans="8:17" x14ac:dyDescent="0.25">
      <c r="H593" s="43">
        <v>586</v>
      </c>
      <c r="I593" s="55">
        <f>Bühler!I619</f>
        <v>16.371783135600051</v>
      </c>
      <c r="J593" s="58">
        <f>Bühler!J619</f>
        <v>82.101407394150442</v>
      </c>
      <c r="K593" s="58">
        <f>Bühler!K619</f>
        <v>3.3022626022778852</v>
      </c>
      <c r="L593" s="58">
        <f>Bühler!L619</f>
        <v>1.6511313011389426</v>
      </c>
      <c r="M593" s="57">
        <f>Bühler!M619</f>
        <v>0</v>
      </c>
      <c r="N593" s="55">
        <f>IF(Input!$K$13=1,J593*Input!$J$13,0)+IF(Input!$K$14=1,K593*Input!$J$14,0)+IF(Input!$K$15=1,L593*Input!$J$15,0)+IF(Input!$K$16=1,M593*Input!$J$16,0)</f>
        <v>9.8521688872980526</v>
      </c>
      <c r="O593" s="58">
        <f>IF(Input!$K$13=2,J593*Input!$J$13,0)+IF(Input!$K$14=2,K593*Input!$J$14,0)+IF(Input!$K$15=2,L593*Input!$J$15,0)+IF(Input!$K$16=2,M593*Input!$J$16,0)</f>
        <v>0.44580545130751448</v>
      </c>
      <c r="P593" s="58">
        <f>IF(Input!$K$13=3,J593*Input!$J$13,0)+IF(Input!$K$14=3,K593*Input!$J$14,0)+IF(Input!$K$15=3,L593*Input!$J$15,0)+IF(Input!$K$16=3,M593*Input!$J$16,0)</f>
        <v>0</v>
      </c>
      <c r="Q593" s="71">
        <f>IF(Input!$K$13=4,J593*Input!$J$13,0)+IF(Input!$K$14=4,K593*Input!$J$14,0)+IF(Input!$K$15=4,L593*Input!$J$15,0)+IF(Input!$K$16=4,M593*Input!$J$16,0)</f>
        <v>0</v>
      </c>
    </row>
    <row r="594" spans="8:17" x14ac:dyDescent="0.25">
      <c r="H594" s="43">
        <v>587</v>
      </c>
      <c r="I594" s="55">
        <f>Bühler!I620</f>
        <v>16.371783135600051</v>
      </c>
      <c r="J594" s="58">
        <f>Bühler!J620</f>
        <v>82.101407394150442</v>
      </c>
      <c r="K594" s="58">
        <f>Bühler!K620</f>
        <v>3.3022626022778852</v>
      </c>
      <c r="L594" s="58">
        <f>Bühler!L620</f>
        <v>1.6511313011389426</v>
      </c>
      <c r="M594" s="57">
        <f>Bühler!M620</f>
        <v>0</v>
      </c>
      <c r="N594" s="55">
        <f>IF(Input!$K$13=1,J594*Input!$J$13,0)+IF(Input!$K$14=1,K594*Input!$J$14,0)+IF(Input!$K$15=1,L594*Input!$J$15,0)+IF(Input!$K$16=1,M594*Input!$J$16,0)</f>
        <v>9.8521688872980526</v>
      </c>
      <c r="O594" s="58">
        <f>IF(Input!$K$13=2,J594*Input!$J$13,0)+IF(Input!$K$14=2,K594*Input!$J$14,0)+IF(Input!$K$15=2,L594*Input!$J$15,0)+IF(Input!$K$16=2,M594*Input!$J$16,0)</f>
        <v>0.44580545130751448</v>
      </c>
      <c r="P594" s="58">
        <f>IF(Input!$K$13=3,J594*Input!$J$13,0)+IF(Input!$K$14=3,K594*Input!$J$14,0)+IF(Input!$K$15=3,L594*Input!$J$15,0)+IF(Input!$K$16=3,M594*Input!$J$16,0)</f>
        <v>0</v>
      </c>
      <c r="Q594" s="71">
        <f>IF(Input!$K$13=4,J594*Input!$J$13,0)+IF(Input!$K$14=4,K594*Input!$J$14,0)+IF(Input!$K$15=4,L594*Input!$J$15,0)+IF(Input!$K$16=4,M594*Input!$J$16,0)</f>
        <v>0</v>
      </c>
    </row>
    <row r="595" spans="8:17" x14ac:dyDescent="0.25">
      <c r="H595" s="43">
        <v>588</v>
      </c>
      <c r="I595" s="55">
        <f>Bühler!I621</f>
        <v>19.590167854564161</v>
      </c>
      <c r="J595" s="58">
        <f>Bühler!J621</f>
        <v>98.241000300692818</v>
      </c>
      <c r="K595" s="58">
        <f>Bühler!K621</f>
        <v>3.9514253360590081</v>
      </c>
      <c r="L595" s="58">
        <f>Bühler!L621</f>
        <v>1.9757126680295041</v>
      </c>
      <c r="M595" s="57">
        <f>Bühler!M621</f>
        <v>0</v>
      </c>
      <c r="N595" s="55">
        <f>IF(Input!$K$13=1,J595*Input!$J$13,0)+IF(Input!$K$14=1,K595*Input!$J$14,0)+IF(Input!$K$15=1,L595*Input!$J$15,0)+IF(Input!$K$16=1,M595*Input!$J$16,0)</f>
        <v>11.788920036083137</v>
      </c>
      <c r="O595" s="58">
        <f>IF(Input!$K$13=2,J595*Input!$J$13,0)+IF(Input!$K$14=2,K595*Input!$J$14,0)+IF(Input!$K$15=2,L595*Input!$J$15,0)+IF(Input!$K$16=2,M595*Input!$J$16,0)</f>
        <v>0.53344242036796607</v>
      </c>
      <c r="P595" s="58">
        <f>IF(Input!$K$13=3,J595*Input!$J$13,0)+IF(Input!$K$14=3,K595*Input!$J$14,0)+IF(Input!$K$15=3,L595*Input!$J$15,0)+IF(Input!$K$16=3,M595*Input!$J$16,0)</f>
        <v>0</v>
      </c>
      <c r="Q595" s="71">
        <f>IF(Input!$K$13=4,J595*Input!$J$13,0)+IF(Input!$K$14=4,K595*Input!$J$14,0)+IF(Input!$K$15=4,L595*Input!$J$15,0)+IF(Input!$K$16=4,M595*Input!$J$16,0)</f>
        <v>0</v>
      </c>
    </row>
    <row r="596" spans="8:17" x14ac:dyDescent="0.25">
      <c r="H596" s="43">
        <v>589</v>
      </c>
      <c r="I596" s="55">
        <f>Bühler!I622</f>
        <v>19.590167854564161</v>
      </c>
      <c r="J596" s="58">
        <f>Bühler!J622</f>
        <v>98.241000300692818</v>
      </c>
      <c r="K596" s="58">
        <f>Bühler!K622</f>
        <v>3.9514253360590081</v>
      </c>
      <c r="L596" s="58">
        <f>Bühler!L622</f>
        <v>1.9757126680295041</v>
      </c>
      <c r="M596" s="57">
        <f>Bühler!M622</f>
        <v>0</v>
      </c>
      <c r="N596" s="55">
        <f>IF(Input!$K$13=1,J596*Input!$J$13,0)+IF(Input!$K$14=1,K596*Input!$J$14,0)+IF(Input!$K$15=1,L596*Input!$J$15,0)+IF(Input!$K$16=1,M596*Input!$J$16,0)</f>
        <v>11.788920036083137</v>
      </c>
      <c r="O596" s="58">
        <f>IF(Input!$K$13=2,J596*Input!$J$13,0)+IF(Input!$K$14=2,K596*Input!$J$14,0)+IF(Input!$K$15=2,L596*Input!$J$15,0)+IF(Input!$K$16=2,M596*Input!$J$16,0)</f>
        <v>0.53344242036796607</v>
      </c>
      <c r="P596" s="58">
        <f>IF(Input!$K$13=3,J596*Input!$J$13,0)+IF(Input!$K$14=3,K596*Input!$J$14,0)+IF(Input!$K$15=3,L596*Input!$J$15,0)+IF(Input!$K$16=3,M596*Input!$J$16,0)</f>
        <v>0</v>
      </c>
      <c r="Q596" s="71">
        <f>IF(Input!$K$13=4,J596*Input!$J$13,0)+IF(Input!$K$14=4,K596*Input!$J$14,0)+IF(Input!$K$15=4,L596*Input!$J$15,0)+IF(Input!$K$16=4,M596*Input!$J$16,0)</f>
        <v>0</v>
      </c>
    </row>
    <row r="597" spans="8:17" x14ac:dyDescent="0.25">
      <c r="H597" s="43">
        <v>590</v>
      </c>
      <c r="I597" s="55">
        <f>Bühler!I623</f>
        <v>13.013468646246194</v>
      </c>
      <c r="J597" s="58">
        <f>Bühler!J623</f>
        <v>65.260093056888792</v>
      </c>
      <c r="K597" s="58">
        <f>Bühler!K623</f>
        <v>2.6248754018106268</v>
      </c>
      <c r="L597" s="58">
        <f>Bühler!L623</f>
        <v>1.3124377009053134</v>
      </c>
      <c r="M597" s="57">
        <f>Bühler!M623</f>
        <v>0</v>
      </c>
      <c r="N597" s="55">
        <f>IF(Input!$K$13=1,J597*Input!$J$13,0)+IF(Input!$K$14=1,K597*Input!$J$14,0)+IF(Input!$K$15=1,L597*Input!$J$15,0)+IF(Input!$K$16=1,M597*Input!$J$16,0)</f>
        <v>7.8312111668266544</v>
      </c>
      <c r="O597" s="58">
        <f>IF(Input!$K$13=2,J597*Input!$J$13,0)+IF(Input!$K$14=2,K597*Input!$J$14,0)+IF(Input!$K$15=2,L597*Input!$J$15,0)+IF(Input!$K$16=2,M597*Input!$J$16,0)</f>
        <v>0.35435817924443458</v>
      </c>
      <c r="P597" s="58">
        <f>IF(Input!$K$13=3,J597*Input!$J$13,0)+IF(Input!$K$14=3,K597*Input!$J$14,0)+IF(Input!$K$15=3,L597*Input!$J$15,0)+IF(Input!$K$16=3,M597*Input!$J$16,0)</f>
        <v>0</v>
      </c>
      <c r="Q597" s="71">
        <f>IF(Input!$K$13=4,J597*Input!$J$13,0)+IF(Input!$K$14=4,K597*Input!$J$14,0)+IF(Input!$K$15=4,L597*Input!$J$15,0)+IF(Input!$K$16=4,M597*Input!$J$16,0)</f>
        <v>0</v>
      </c>
    </row>
    <row r="598" spans="8:17" x14ac:dyDescent="0.25">
      <c r="H598" s="43">
        <v>591</v>
      </c>
      <c r="I598" s="55">
        <f>Bühler!I624</f>
        <v>19.590167854564161</v>
      </c>
      <c r="J598" s="58">
        <f>Bühler!J624</f>
        <v>98.241000300692818</v>
      </c>
      <c r="K598" s="58">
        <f>Bühler!K624</f>
        <v>3.9514253360590081</v>
      </c>
      <c r="L598" s="58">
        <f>Bühler!L624</f>
        <v>1.9757126680295041</v>
      </c>
      <c r="M598" s="57">
        <f>Bühler!M624</f>
        <v>0</v>
      </c>
      <c r="N598" s="55">
        <f>IF(Input!$K$13=1,J598*Input!$J$13,0)+IF(Input!$K$14=1,K598*Input!$J$14,0)+IF(Input!$K$15=1,L598*Input!$J$15,0)+IF(Input!$K$16=1,M598*Input!$J$16,0)</f>
        <v>11.788920036083137</v>
      </c>
      <c r="O598" s="58">
        <f>IF(Input!$K$13=2,J598*Input!$J$13,0)+IF(Input!$K$14=2,K598*Input!$J$14,0)+IF(Input!$K$15=2,L598*Input!$J$15,0)+IF(Input!$K$16=2,M598*Input!$J$16,0)</f>
        <v>0.53344242036796607</v>
      </c>
      <c r="P598" s="58">
        <f>IF(Input!$K$13=3,J598*Input!$J$13,0)+IF(Input!$K$14=3,K598*Input!$J$14,0)+IF(Input!$K$15=3,L598*Input!$J$15,0)+IF(Input!$K$16=3,M598*Input!$J$16,0)</f>
        <v>0</v>
      </c>
      <c r="Q598" s="71">
        <f>IF(Input!$K$13=4,J598*Input!$J$13,0)+IF(Input!$K$14=4,K598*Input!$J$14,0)+IF(Input!$K$15=4,L598*Input!$J$15,0)+IF(Input!$K$16=4,M598*Input!$J$16,0)</f>
        <v>0</v>
      </c>
    </row>
    <row r="599" spans="8:17" x14ac:dyDescent="0.25">
      <c r="H599" s="43">
        <v>592</v>
      </c>
      <c r="I599" s="55">
        <f>Bühler!I625</f>
        <v>19.590167854564161</v>
      </c>
      <c r="J599" s="58">
        <f>Bühler!J625</f>
        <v>98.241000300692818</v>
      </c>
      <c r="K599" s="58">
        <f>Bühler!K625</f>
        <v>3.9514253360590081</v>
      </c>
      <c r="L599" s="58">
        <f>Bühler!L625</f>
        <v>1.9757126680295041</v>
      </c>
      <c r="M599" s="57">
        <f>Bühler!M625</f>
        <v>0</v>
      </c>
      <c r="N599" s="55">
        <f>IF(Input!$K$13=1,J599*Input!$J$13,0)+IF(Input!$K$14=1,K599*Input!$J$14,0)+IF(Input!$K$15=1,L599*Input!$J$15,0)+IF(Input!$K$16=1,M599*Input!$J$16,0)</f>
        <v>11.788920036083137</v>
      </c>
      <c r="O599" s="58">
        <f>IF(Input!$K$13=2,J599*Input!$J$13,0)+IF(Input!$K$14=2,K599*Input!$J$14,0)+IF(Input!$K$15=2,L599*Input!$J$15,0)+IF(Input!$K$16=2,M599*Input!$J$16,0)</f>
        <v>0.53344242036796607</v>
      </c>
      <c r="P599" s="58">
        <f>IF(Input!$K$13=3,J599*Input!$J$13,0)+IF(Input!$K$14=3,K599*Input!$J$14,0)+IF(Input!$K$15=3,L599*Input!$J$15,0)+IF(Input!$K$16=3,M599*Input!$J$16,0)</f>
        <v>0</v>
      </c>
      <c r="Q599" s="71">
        <f>IF(Input!$K$13=4,J599*Input!$J$13,0)+IF(Input!$K$14=4,K599*Input!$J$14,0)+IF(Input!$K$15=4,L599*Input!$J$15,0)+IF(Input!$K$16=4,M599*Input!$J$16,0)</f>
        <v>0</v>
      </c>
    </row>
    <row r="600" spans="8:17" x14ac:dyDescent="0.25">
      <c r="H600" s="43">
        <v>593</v>
      </c>
      <c r="I600" s="55">
        <f>Bühler!I626</f>
        <v>16.369370553351953</v>
      </c>
      <c r="J600" s="58">
        <f>Bühler!J626</f>
        <v>63.119279571884746</v>
      </c>
      <c r="K600" s="58">
        <f>Bühler!K626</f>
        <v>2.3285185016062009</v>
      </c>
      <c r="L600" s="58">
        <f>Bühler!L626</f>
        <v>1.1642592508031004</v>
      </c>
      <c r="M600" s="57">
        <f>Bühler!M626</f>
        <v>0</v>
      </c>
      <c r="N600" s="55">
        <f>IF(Input!$K$13=1,J600*Input!$J$13,0)+IF(Input!$K$14=1,K600*Input!$J$14,0)+IF(Input!$K$15=1,L600*Input!$J$15,0)+IF(Input!$K$16=1,M600*Input!$J$16,0)</f>
        <v>7.5743135486261695</v>
      </c>
      <c r="O600" s="58">
        <f>IF(Input!$K$13=2,J600*Input!$J$13,0)+IF(Input!$K$14=2,K600*Input!$J$14,0)+IF(Input!$K$15=2,L600*Input!$J$15,0)+IF(Input!$K$16=2,M600*Input!$J$16,0)</f>
        <v>0.31434999771683714</v>
      </c>
      <c r="P600" s="58">
        <f>IF(Input!$K$13=3,J600*Input!$J$13,0)+IF(Input!$K$14=3,K600*Input!$J$14,0)+IF(Input!$K$15=3,L600*Input!$J$15,0)+IF(Input!$K$16=3,M600*Input!$J$16,0)</f>
        <v>0</v>
      </c>
      <c r="Q600" s="71">
        <f>IF(Input!$K$13=4,J600*Input!$J$13,0)+IF(Input!$K$14=4,K600*Input!$J$14,0)+IF(Input!$K$15=4,L600*Input!$J$15,0)+IF(Input!$K$16=4,M600*Input!$J$16,0)</f>
        <v>0</v>
      </c>
    </row>
    <row r="601" spans="8:17" x14ac:dyDescent="0.25">
      <c r="H601" s="43">
        <v>594</v>
      </c>
      <c r="I601" s="55">
        <f>Bühler!I627</f>
        <v>13.015881228494292</v>
      </c>
      <c r="J601" s="58">
        <f>Bühler!J627</f>
        <v>33.471342438744827</v>
      </c>
      <c r="K601" s="58">
        <f>Bühler!K627</f>
        <v>0.99381924951182299</v>
      </c>
      <c r="L601" s="58">
        <f>Bühler!L627</f>
        <v>0.49690962475591149</v>
      </c>
      <c r="M601" s="57">
        <f>Bühler!M627</f>
        <v>0</v>
      </c>
      <c r="N601" s="55">
        <f>IF(Input!$K$13=1,J601*Input!$J$13,0)+IF(Input!$K$14=1,K601*Input!$J$14,0)+IF(Input!$K$15=1,L601*Input!$J$15,0)+IF(Input!$K$16=1,M601*Input!$J$16,0)</f>
        <v>4.0165610926493791</v>
      </c>
      <c r="O601" s="58">
        <f>IF(Input!$K$13=2,J601*Input!$J$13,0)+IF(Input!$K$14=2,K601*Input!$J$14,0)+IF(Input!$K$15=2,L601*Input!$J$15,0)+IF(Input!$K$16=2,M601*Input!$J$16,0)</f>
        <v>0.13416559868409611</v>
      </c>
      <c r="P601" s="58">
        <f>IF(Input!$K$13=3,J601*Input!$J$13,0)+IF(Input!$K$14=3,K601*Input!$J$14,0)+IF(Input!$K$15=3,L601*Input!$J$15,0)+IF(Input!$K$16=3,M601*Input!$J$16,0)</f>
        <v>0</v>
      </c>
      <c r="Q601" s="71">
        <f>IF(Input!$K$13=4,J601*Input!$J$13,0)+IF(Input!$K$14=4,K601*Input!$J$14,0)+IF(Input!$K$15=4,L601*Input!$J$15,0)+IF(Input!$K$16=4,M601*Input!$J$16,0)</f>
        <v>0</v>
      </c>
    </row>
    <row r="602" spans="8:17" x14ac:dyDescent="0.25">
      <c r="H602" s="43">
        <v>595</v>
      </c>
      <c r="I602" s="55">
        <f>Bühler!I628</f>
        <v>4.8251644961980702</v>
      </c>
      <c r="J602" s="58">
        <f>Bühler!J628</f>
        <v>18.011992468746072</v>
      </c>
      <c r="K602" s="58">
        <f>Bühler!K628</f>
        <v>0.65592070467780306</v>
      </c>
      <c r="L602" s="58">
        <f>Bühler!L628</f>
        <v>0.32796035233890153</v>
      </c>
      <c r="M602" s="57">
        <f>Bühler!M628</f>
        <v>0</v>
      </c>
      <c r="N602" s="55">
        <f>IF(Input!$K$13=1,J602*Input!$J$13,0)+IF(Input!$K$14=1,K602*Input!$J$14,0)+IF(Input!$K$15=1,L602*Input!$J$15,0)+IF(Input!$K$16=1,M602*Input!$J$16,0)</f>
        <v>2.1614390962495285</v>
      </c>
      <c r="O602" s="58">
        <f>IF(Input!$K$13=2,J602*Input!$J$13,0)+IF(Input!$K$14=2,K602*Input!$J$14,0)+IF(Input!$K$15=2,L602*Input!$J$15,0)+IF(Input!$K$16=2,M602*Input!$J$16,0)</f>
        <v>8.8549295131503419E-2</v>
      </c>
      <c r="P602" s="58">
        <f>IF(Input!$K$13=3,J602*Input!$J$13,0)+IF(Input!$K$14=3,K602*Input!$J$14,0)+IF(Input!$K$15=3,L602*Input!$J$15,0)+IF(Input!$K$16=3,M602*Input!$J$16,0)</f>
        <v>0</v>
      </c>
      <c r="Q602" s="71">
        <f>IF(Input!$K$13=4,J602*Input!$J$13,0)+IF(Input!$K$14=4,K602*Input!$J$14,0)+IF(Input!$K$15=4,L602*Input!$J$15,0)+IF(Input!$K$16=4,M602*Input!$J$16,0)</f>
        <v>0</v>
      </c>
    </row>
    <row r="603" spans="8:17" x14ac:dyDescent="0.25">
      <c r="H603" s="43">
        <v>596</v>
      </c>
      <c r="I603" s="55">
        <f>Bühler!I629</f>
        <v>4.8251644961980702</v>
      </c>
      <c r="J603" s="58">
        <f>Bühler!J629</f>
        <v>18.011992468746072</v>
      </c>
      <c r="K603" s="58">
        <f>Bühler!K629</f>
        <v>0.65592070467780306</v>
      </c>
      <c r="L603" s="58">
        <f>Bühler!L629</f>
        <v>0.32796035233890153</v>
      </c>
      <c r="M603" s="57">
        <f>Bühler!M629</f>
        <v>0</v>
      </c>
      <c r="N603" s="55">
        <f>IF(Input!$K$13=1,J603*Input!$J$13,0)+IF(Input!$K$14=1,K603*Input!$J$14,0)+IF(Input!$K$15=1,L603*Input!$J$15,0)+IF(Input!$K$16=1,M603*Input!$J$16,0)</f>
        <v>2.1614390962495285</v>
      </c>
      <c r="O603" s="58">
        <f>IF(Input!$K$13=2,J603*Input!$J$13,0)+IF(Input!$K$14=2,K603*Input!$J$14,0)+IF(Input!$K$15=2,L603*Input!$J$15,0)+IF(Input!$K$16=2,M603*Input!$J$16,0)</f>
        <v>8.8549295131503419E-2</v>
      </c>
      <c r="P603" s="58">
        <f>IF(Input!$K$13=3,J603*Input!$J$13,0)+IF(Input!$K$14=3,K603*Input!$J$14,0)+IF(Input!$K$15=3,L603*Input!$J$15,0)+IF(Input!$K$16=3,M603*Input!$J$16,0)</f>
        <v>0</v>
      </c>
      <c r="Q603" s="71">
        <f>IF(Input!$K$13=4,J603*Input!$J$13,0)+IF(Input!$K$14=4,K603*Input!$J$14,0)+IF(Input!$K$15=4,L603*Input!$J$15,0)+IF(Input!$K$16=4,M603*Input!$J$16,0)</f>
        <v>0</v>
      </c>
    </row>
    <row r="604" spans="8:17" x14ac:dyDescent="0.25">
      <c r="H604" s="43">
        <v>597</v>
      </c>
      <c r="I604" s="55">
        <f>Bühler!I630</f>
        <v>4.8251644961980702</v>
      </c>
      <c r="J604" s="58">
        <f>Bühler!J630</f>
        <v>18.011992468746072</v>
      </c>
      <c r="K604" s="58">
        <f>Bühler!K630</f>
        <v>0.65592070467780306</v>
      </c>
      <c r="L604" s="58">
        <f>Bühler!L630</f>
        <v>0.32796035233890153</v>
      </c>
      <c r="M604" s="57">
        <f>Bühler!M630</f>
        <v>0</v>
      </c>
      <c r="N604" s="55">
        <f>IF(Input!$K$13=1,J604*Input!$J$13,0)+IF(Input!$K$14=1,K604*Input!$J$14,0)+IF(Input!$K$15=1,L604*Input!$J$15,0)+IF(Input!$K$16=1,M604*Input!$J$16,0)</f>
        <v>2.1614390962495285</v>
      </c>
      <c r="O604" s="58">
        <f>IF(Input!$K$13=2,J604*Input!$J$13,0)+IF(Input!$K$14=2,K604*Input!$J$14,0)+IF(Input!$K$15=2,L604*Input!$J$15,0)+IF(Input!$K$16=2,M604*Input!$J$16,0)</f>
        <v>8.8549295131503419E-2</v>
      </c>
      <c r="P604" s="58">
        <f>IF(Input!$K$13=3,J604*Input!$J$13,0)+IF(Input!$K$14=3,K604*Input!$J$14,0)+IF(Input!$K$15=3,L604*Input!$J$15,0)+IF(Input!$K$16=3,M604*Input!$J$16,0)</f>
        <v>0</v>
      </c>
      <c r="Q604" s="71">
        <f>IF(Input!$K$13=4,J604*Input!$J$13,0)+IF(Input!$K$14=4,K604*Input!$J$14,0)+IF(Input!$K$15=4,L604*Input!$J$15,0)+IF(Input!$K$16=4,M604*Input!$J$16,0)</f>
        <v>0</v>
      </c>
    </row>
    <row r="605" spans="8:17" x14ac:dyDescent="0.25">
      <c r="H605" s="43">
        <v>598</v>
      </c>
      <c r="I605" s="55">
        <f>Bühler!I631</f>
        <v>4.8251644961980702</v>
      </c>
      <c r="J605" s="58">
        <f>Bühler!J631</f>
        <v>18.011992468746072</v>
      </c>
      <c r="K605" s="58">
        <f>Bühler!K631</f>
        <v>0.65592070467780306</v>
      </c>
      <c r="L605" s="58">
        <f>Bühler!L631</f>
        <v>0.32796035233890153</v>
      </c>
      <c r="M605" s="57">
        <f>Bühler!M631</f>
        <v>0</v>
      </c>
      <c r="N605" s="55">
        <f>IF(Input!$K$13=1,J605*Input!$J$13,0)+IF(Input!$K$14=1,K605*Input!$J$14,0)+IF(Input!$K$15=1,L605*Input!$J$15,0)+IF(Input!$K$16=1,M605*Input!$J$16,0)</f>
        <v>2.1614390962495285</v>
      </c>
      <c r="O605" s="58">
        <f>IF(Input!$K$13=2,J605*Input!$J$13,0)+IF(Input!$K$14=2,K605*Input!$J$14,0)+IF(Input!$K$15=2,L605*Input!$J$15,0)+IF(Input!$K$16=2,M605*Input!$J$16,0)</f>
        <v>8.8549295131503419E-2</v>
      </c>
      <c r="P605" s="58">
        <f>IF(Input!$K$13=3,J605*Input!$J$13,0)+IF(Input!$K$14=3,K605*Input!$J$14,0)+IF(Input!$K$15=3,L605*Input!$J$15,0)+IF(Input!$K$16=3,M605*Input!$J$16,0)</f>
        <v>0</v>
      </c>
      <c r="Q605" s="71">
        <f>IF(Input!$K$13=4,J605*Input!$J$13,0)+IF(Input!$K$14=4,K605*Input!$J$14,0)+IF(Input!$K$15=4,L605*Input!$J$15,0)+IF(Input!$K$16=4,M605*Input!$J$16,0)</f>
        <v>0</v>
      </c>
    </row>
    <row r="606" spans="8:17" x14ac:dyDescent="0.25">
      <c r="H606" s="43">
        <v>599</v>
      </c>
      <c r="I606" s="55">
        <f>Bühler!I632</f>
        <v>4.8251644961980702</v>
      </c>
      <c r="J606" s="58">
        <f>Bühler!J632</f>
        <v>18.011992468746072</v>
      </c>
      <c r="K606" s="58">
        <f>Bühler!K632</f>
        <v>0.65592070467780306</v>
      </c>
      <c r="L606" s="58">
        <f>Bühler!L632</f>
        <v>0.32796035233890153</v>
      </c>
      <c r="M606" s="57">
        <f>Bühler!M632</f>
        <v>0</v>
      </c>
      <c r="N606" s="55">
        <f>IF(Input!$K$13=1,J606*Input!$J$13,0)+IF(Input!$K$14=1,K606*Input!$J$14,0)+IF(Input!$K$15=1,L606*Input!$J$15,0)+IF(Input!$K$16=1,M606*Input!$J$16,0)</f>
        <v>2.1614390962495285</v>
      </c>
      <c r="O606" s="58">
        <f>IF(Input!$K$13=2,J606*Input!$J$13,0)+IF(Input!$K$14=2,K606*Input!$J$14,0)+IF(Input!$K$15=2,L606*Input!$J$15,0)+IF(Input!$K$16=2,M606*Input!$J$16,0)</f>
        <v>8.8549295131503419E-2</v>
      </c>
      <c r="P606" s="58">
        <f>IF(Input!$K$13=3,J606*Input!$J$13,0)+IF(Input!$K$14=3,K606*Input!$J$14,0)+IF(Input!$K$15=3,L606*Input!$J$15,0)+IF(Input!$K$16=3,M606*Input!$J$16,0)</f>
        <v>0</v>
      </c>
      <c r="Q606" s="71">
        <f>IF(Input!$K$13=4,J606*Input!$J$13,0)+IF(Input!$K$14=4,K606*Input!$J$14,0)+IF(Input!$K$15=4,L606*Input!$J$15,0)+IF(Input!$K$16=4,M606*Input!$J$16,0)</f>
        <v>0</v>
      </c>
    </row>
    <row r="607" spans="8:17" x14ac:dyDescent="0.25">
      <c r="H607" s="43">
        <v>600</v>
      </c>
      <c r="I607" s="55">
        <f>Bühler!I633</f>
        <v>4.8251644961980702</v>
      </c>
      <c r="J607" s="58">
        <f>Bühler!J633</f>
        <v>18.011992468746072</v>
      </c>
      <c r="K607" s="58">
        <f>Bühler!K633</f>
        <v>0.65592070467780306</v>
      </c>
      <c r="L607" s="58">
        <f>Bühler!L633</f>
        <v>0.32796035233890153</v>
      </c>
      <c r="M607" s="57">
        <f>Bühler!M633</f>
        <v>0</v>
      </c>
      <c r="N607" s="55">
        <f>IF(Input!$K$13=1,J607*Input!$J$13,0)+IF(Input!$K$14=1,K607*Input!$J$14,0)+IF(Input!$K$15=1,L607*Input!$J$15,0)+IF(Input!$K$16=1,M607*Input!$J$16,0)</f>
        <v>2.1614390962495285</v>
      </c>
      <c r="O607" s="58">
        <f>IF(Input!$K$13=2,J607*Input!$J$13,0)+IF(Input!$K$14=2,K607*Input!$J$14,0)+IF(Input!$K$15=2,L607*Input!$J$15,0)+IF(Input!$K$16=2,M607*Input!$J$16,0)</f>
        <v>8.8549295131503419E-2</v>
      </c>
      <c r="P607" s="58">
        <f>IF(Input!$K$13=3,J607*Input!$J$13,0)+IF(Input!$K$14=3,K607*Input!$J$14,0)+IF(Input!$K$15=3,L607*Input!$J$15,0)+IF(Input!$K$16=3,M607*Input!$J$16,0)</f>
        <v>0</v>
      </c>
      <c r="Q607" s="71">
        <f>IF(Input!$K$13=4,J607*Input!$J$13,0)+IF(Input!$K$14=4,K607*Input!$J$14,0)+IF(Input!$K$15=4,L607*Input!$J$15,0)+IF(Input!$K$16=4,M607*Input!$J$16,0)</f>
        <v>0</v>
      </c>
    </row>
    <row r="608" spans="8:17" x14ac:dyDescent="0.25">
      <c r="H608" s="43">
        <v>601</v>
      </c>
      <c r="I608" s="55">
        <f>Bühler!I634</f>
        <v>5.4730914521239251</v>
      </c>
      <c r="J608" s="58">
        <f>Bühler!J634</f>
        <v>19.342420038218442</v>
      </c>
      <c r="K608" s="58">
        <f>Bühler!K634</f>
        <v>0.66948993279543179</v>
      </c>
      <c r="L608" s="58">
        <f>Bühler!L634</f>
        <v>0.33474496639771589</v>
      </c>
      <c r="M608" s="57">
        <f>Bühler!M634</f>
        <v>0</v>
      </c>
      <c r="N608" s="55">
        <f>IF(Input!$K$13=1,J608*Input!$J$13,0)+IF(Input!$K$14=1,K608*Input!$J$14,0)+IF(Input!$K$15=1,L608*Input!$J$15,0)+IF(Input!$K$16=1,M608*Input!$J$16,0)</f>
        <v>2.3210904045862129</v>
      </c>
      <c r="O608" s="58">
        <f>IF(Input!$K$13=2,J608*Input!$J$13,0)+IF(Input!$K$14=2,K608*Input!$J$14,0)+IF(Input!$K$15=2,L608*Input!$J$15,0)+IF(Input!$K$16=2,M608*Input!$J$16,0)</f>
        <v>9.038114092738328E-2</v>
      </c>
      <c r="P608" s="58">
        <f>IF(Input!$K$13=3,J608*Input!$J$13,0)+IF(Input!$K$14=3,K608*Input!$J$14,0)+IF(Input!$K$15=3,L608*Input!$J$15,0)+IF(Input!$K$16=3,M608*Input!$J$16,0)</f>
        <v>0</v>
      </c>
      <c r="Q608" s="71">
        <f>IF(Input!$K$13=4,J608*Input!$J$13,0)+IF(Input!$K$14=4,K608*Input!$J$14,0)+IF(Input!$K$15=4,L608*Input!$J$15,0)+IF(Input!$K$16=4,M608*Input!$J$16,0)</f>
        <v>0</v>
      </c>
    </row>
    <row r="609" spans="8:17" x14ac:dyDescent="0.25">
      <c r="H609" s="43">
        <v>602</v>
      </c>
      <c r="I609" s="55">
        <f>Bühler!I635</f>
        <v>5.4730914521239251</v>
      </c>
      <c r="J609" s="58">
        <f>Bühler!J635</f>
        <v>19.342420038218442</v>
      </c>
      <c r="K609" s="58">
        <f>Bühler!K635</f>
        <v>0.66948993279543179</v>
      </c>
      <c r="L609" s="58">
        <f>Bühler!L635</f>
        <v>0.33474496639771589</v>
      </c>
      <c r="M609" s="57">
        <f>Bühler!M635</f>
        <v>0</v>
      </c>
      <c r="N609" s="55">
        <f>IF(Input!$K$13=1,J609*Input!$J$13,0)+IF(Input!$K$14=1,K609*Input!$J$14,0)+IF(Input!$K$15=1,L609*Input!$J$15,0)+IF(Input!$K$16=1,M609*Input!$J$16,0)</f>
        <v>2.3210904045862129</v>
      </c>
      <c r="O609" s="58">
        <f>IF(Input!$K$13=2,J609*Input!$J$13,0)+IF(Input!$K$14=2,K609*Input!$J$14,0)+IF(Input!$K$15=2,L609*Input!$J$15,0)+IF(Input!$K$16=2,M609*Input!$J$16,0)</f>
        <v>9.038114092738328E-2</v>
      </c>
      <c r="P609" s="58">
        <f>IF(Input!$K$13=3,J609*Input!$J$13,0)+IF(Input!$K$14=3,K609*Input!$J$14,0)+IF(Input!$K$15=3,L609*Input!$J$15,0)+IF(Input!$K$16=3,M609*Input!$J$16,0)</f>
        <v>0</v>
      </c>
      <c r="Q609" s="71">
        <f>IF(Input!$K$13=4,J609*Input!$J$13,0)+IF(Input!$K$14=4,K609*Input!$J$14,0)+IF(Input!$K$15=4,L609*Input!$J$15,0)+IF(Input!$K$16=4,M609*Input!$J$16,0)</f>
        <v>0</v>
      </c>
    </row>
    <row r="610" spans="8:17" x14ac:dyDescent="0.25">
      <c r="H610" s="43">
        <v>603</v>
      </c>
      <c r="I610" s="55">
        <f>Bühler!I636</f>
        <v>5.4730914521239251</v>
      </c>
      <c r="J610" s="58">
        <f>Bühler!J636</f>
        <v>19.342420038218442</v>
      </c>
      <c r="K610" s="58">
        <f>Bühler!K636</f>
        <v>0.66948993279543179</v>
      </c>
      <c r="L610" s="58">
        <f>Bühler!L636</f>
        <v>0.33474496639771589</v>
      </c>
      <c r="M610" s="57">
        <f>Bühler!M636</f>
        <v>0</v>
      </c>
      <c r="N610" s="55">
        <f>IF(Input!$K$13=1,J610*Input!$J$13,0)+IF(Input!$K$14=1,K610*Input!$J$14,0)+IF(Input!$K$15=1,L610*Input!$J$15,0)+IF(Input!$K$16=1,M610*Input!$J$16,0)</f>
        <v>2.3210904045862129</v>
      </c>
      <c r="O610" s="58">
        <f>IF(Input!$K$13=2,J610*Input!$J$13,0)+IF(Input!$K$14=2,K610*Input!$J$14,0)+IF(Input!$K$15=2,L610*Input!$J$15,0)+IF(Input!$K$16=2,M610*Input!$J$16,0)</f>
        <v>9.038114092738328E-2</v>
      </c>
      <c r="P610" s="58">
        <f>IF(Input!$K$13=3,J610*Input!$J$13,0)+IF(Input!$K$14=3,K610*Input!$J$14,0)+IF(Input!$K$15=3,L610*Input!$J$15,0)+IF(Input!$K$16=3,M610*Input!$J$16,0)</f>
        <v>0</v>
      </c>
      <c r="Q610" s="71">
        <f>IF(Input!$K$13=4,J610*Input!$J$13,0)+IF(Input!$K$14=4,K610*Input!$J$14,0)+IF(Input!$K$15=4,L610*Input!$J$15,0)+IF(Input!$K$16=4,M610*Input!$J$16,0)</f>
        <v>0</v>
      </c>
    </row>
    <row r="611" spans="8:17" x14ac:dyDescent="0.25">
      <c r="H611" s="43">
        <v>604</v>
      </c>
      <c r="I611" s="55">
        <f>Bühler!I637</f>
        <v>5.4730914521239251</v>
      </c>
      <c r="J611" s="58">
        <f>Bühler!J637</f>
        <v>19.342420038218442</v>
      </c>
      <c r="K611" s="58">
        <f>Bühler!K637</f>
        <v>0.66948993279543179</v>
      </c>
      <c r="L611" s="58">
        <f>Bühler!L637</f>
        <v>0.33474496639771589</v>
      </c>
      <c r="M611" s="57">
        <f>Bühler!M637</f>
        <v>0</v>
      </c>
      <c r="N611" s="55">
        <f>IF(Input!$K$13=1,J611*Input!$J$13,0)+IF(Input!$K$14=1,K611*Input!$J$14,0)+IF(Input!$K$15=1,L611*Input!$J$15,0)+IF(Input!$K$16=1,M611*Input!$J$16,0)</f>
        <v>2.3210904045862129</v>
      </c>
      <c r="O611" s="58">
        <f>IF(Input!$K$13=2,J611*Input!$J$13,0)+IF(Input!$K$14=2,K611*Input!$J$14,0)+IF(Input!$K$15=2,L611*Input!$J$15,0)+IF(Input!$K$16=2,M611*Input!$J$16,0)</f>
        <v>9.038114092738328E-2</v>
      </c>
      <c r="P611" s="58">
        <f>IF(Input!$K$13=3,J611*Input!$J$13,0)+IF(Input!$K$14=3,K611*Input!$J$14,0)+IF(Input!$K$15=3,L611*Input!$J$15,0)+IF(Input!$K$16=3,M611*Input!$J$16,0)</f>
        <v>0</v>
      </c>
      <c r="Q611" s="71">
        <f>IF(Input!$K$13=4,J611*Input!$J$13,0)+IF(Input!$K$14=4,K611*Input!$J$14,0)+IF(Input!$K$15=4,L611*Input!$J$15,0)+IF(Input!$K$16=4,M611*Input!$J$16,0)</f>
        <v>0</v>
      </c>
    </row>
    <row r="612" spans="8:17" x14ac:dyDescent="0.25">
      <c r="H612" s="43">
        <v>605</v>
      </c>
      <c r="I612" s="55">
        <f>Bühler!I638</f>
        <v>5.4730914521239251</v>
      </c>
      <c r="J612" s="58">
        <f>Bühler!J638</f>
        <v>19.342420038218442</v>
      </c>
      <c r="K612" s="58">
        <f>Bühler!K638</f>
        <v>0.66948993279543179</v>
      </c>
      <c r="L612" s="58">
        <f>Bühler!L638</f>
        <v>0.33474496639771589</v>
      </c>
      <c r="M612" s="57">
        <f>Bühler!M638</f>
        <v>0</v>
      </c>
      <c r="N612" s="55">
        <f>IF(Input!$K$13=1,J612*Input!$J$13,0)+IF(Input!$K$14=1,K612*Input!$J$14,0)+IF(Input!$K$15=1,L612*Input!$J$15,0)+IF(Input!$K$16=1,M612*Input!$J$16,0)</f>
        <v>2.3210904045862129</v>
      </c>
      <c r="O612" s="58">
        <f>IF(Input!$K$13=2,J612*Input!$J$13,0)+IF(Input!$K$14=2,K612*Input!$J$14,0)+IF(Input!$K$15=2,L612*Input!$J$15,0)+IF(Input!$K$16=2,M612*Input!$J$16,0)</f>
        <v>9.038114092738328E-2</v>
      </c>
      <c r="P612" s="58">
        <f>IF(Input!$K$13=3,J612*Input!$J$13,0)+IF(Input!$K$14=3,K612*Input!$J$14,0)+IF(Input!$K$15=3,L612*Input!$J$15,0)+IF(Input!$K$16=3,M612*Input!$J$16,0)</f>
        <v>0</v>
      </c>
      <c r="Q612" s="71">
        <f>IF(Input!$K$13=4,J612*Input!$J$13,0)+IF(Input!$K$14=4,K612*Input!$J$14,0)+IF(Input!$K$15=4,L612*Input!$J$15,0)+IF(Input!$K$16=4,M612*Input!$J$16,0)</f>
        <v>0</v>
      </c>
    </row>
    <row r="613" spans="8:17" x14ac:dyDescent="0.25">
      <c r="H613" s="43">
        <v>606</v>
      </c>
      <c r="I613" s="55">
        <f>Bühler!I639</f>
        <v>5.4730914521239251</v>
      </c>
      <c r="J613" s="58">
        <f>Bühler!J639</f>
        <v>19.342420038218442</v>
      </c>
      <c r="K613" s="58">
        <f>Bühler!K639</f>
        <v>0.66948993279543179</v>
      </c>
      <c r="L613" s="58">
        <f>Bühler!L639</f>
        <v>0.33474496639771589</v>
      </c>
      <c r="M613" s="57">
        <f>Bühler!M639</f>
        <v>0</v>
      </c>
      <c r="N613" s="55">
        <f>IF(Input!$K$13=1,J613*Input!$J$13,0)+IF(Input!$K$14=1,K613*Input!$J$14,0)+IF(Input!$K$15=1,L613*Input!$J$15,0)+IF(Input!$K$16=1,M613*Input!$J$16,0)</f>
        <v>2.3210904045862129</v>
      </c>
      <c r="O613" s="58">
        <f>IF(Input!$K$13=2,J613*Input!$J$13,0)+IF(Input!$K$14=2,K613*Input!$J$14,0)+IF(Input!$K$15=2,L613*Input!$J$15,0)+IF(Input!$K$16=2,M613*Input!$J$16,0)</f>
        <v>9.038114092738328E-2</v>
      </c>
      <c r="P613" s="58">
        <f>IF(Input!$K$13=3,J613*Input!$J$13,0)+IF(Input!$K$14=3,K613*Input!$J$14,0)+IF(Input!$K$15=3,L613*Input!$J$15,0)+IF(Input!$K$16=3,M613*Input!$J$16,0)</f>
        <v>0</v>
      </c>
      <c r="Q613" s="71">
        <f>IF(Input!$K$13=4,J613*Input!$J$13,0)+IF(Input!$K$14=4,K613*Input!$J$14,0)+IF(Input!$K$15=4,L613*Input!$J$15,0)+IF(Input!$K$16=4,M613*Input!$J$16,0)</f>
        <v>0</v>
      </c>
    </row>
    <row r="614" spans="8:17" x14ac:dyDescent="0.25">
      <c r="H614" s="43">
        <v>607</v>
      </c>
      <c r="I614" s="55">
        <f>Bühler!I640</f>
        <v>5.4730914521239251</v>
      </c>
      <c r="J614" s="58">
        <f>Bühler!J640</f>
        <v>19.342420038218442</v>
      </c>
      <c r="K614" s="58">
        <f>Bühler!K640</f>
        <v>0.66948993279543179</v>
      </c>
      <c r="L614" s="58">
        <f>Bühler!L640</f>
        <v>0.33474496639771589</v>
      </c>
      <c r="M614" s="57">
        <f>Bühler!M640</f>
        <v>0</v>
      </c>
      <c r="N614" s="55">
        <f>IF(Input!$K$13=1,J614*Input!$J$13,0)+IF(Input!$K$14=1,K614*Input!$J$14,0)+IF(Input!$K$15=1,L614*Input!$J$15,0)+IF(Input!$K$16=1,M614*Input!$J$16,0)</f>
        <v>2.3210904045862129</v>
      </c>
      <c r="O614" s="58">
        <f>IF(Input!$K$13=2,J614*Input!$J$13,0)+IF(Input!$K$14=2,K614*Input!$J$14,0)+IF(Input!$K$15=2,L614*Input!$J$15,0)+IF(Input!$K$16=2,M614*Input!$J$16,0)</f>
        <v>9.038114092738328E-2</v>
      </c>
      <c r="P614" s="58">
        <f>IF(Input!$K$13=3,J614*Input!$J$13,0)+IF(Input!$K$14=3,K614*Input!$J$14,0)+IF(Input!$K$15=3,L614*Input!$J$15,0)+IF(Input!$K$16=3,M614*Input!$J$16,0)</f>
        <v>0</v>
      </c>
      <c r="Q614" s="71">
        <f>IF(Input!$K$13=4,J614*Input!$J$13,0)+IF(Input!$K$14=4,K614*Input!$J$14,0)+IF(Input!$K$15=4,L614*Input!$J$15,0)+IF(Input!$K$16=4,M614*Input!$J$16,0)</f>
        <v>0</v>
      </c>
    </row>
    <row r="615" spans="8:17" x14ac:dyDescent="0.25">
      <c r="H615" s="43">
        <v>608</v>
      </c>
      <c r="I615" s="55">
        <f>Bühler!I641</f>
        <v>15.078366950601412</v>
      </c>
      <c r="J615" s="58">
        <f>Bühler!J641</f>
        <v>71.166587121430013</v>
      </c>
      <c r="K615" s="58">
        <f>Bühler!K641</f>
        <v>2.7367936949728406</v>
      </c>
      <c r="L615" s="58">
        <f>Bühler!L641</f>
        <v>1.3683968474864203</v>
      </c>
      <c r="M615" s="57">
        <f>Bühler!M641</f>
        <v>0</v>
      </c>
      <c r="N615" s="55">
        <f>IF(Input!$K$13=1,J615*Input!$J$13,0)+IF(Input!$K$14=1,K615*Input!$J$14,0)+IF(Input!$K$15=1,L615*Input!$J$15,0)+IF(Input!$K$16=1,M615*Input!$J$16,0)</f>
        <v>8.5399904545716012</v>
      </c>
      <c r="O615" s="58">
        <f>IF(Input!$K$13=2,J615*Input!$J$13,0)+IF(Input!$K$14=2,K615*Input!$J$14,0)+IF(Input!$K$15=2,L615*Input!$J$15,0)+IF(Input!$K$16=2,M615*Input!$J$16,0)</f>
        <v>0.36946714882133347</v>
      </c>
      <c r="P615" s="58">
        <f>IF(Input!$K$13=3,J615*Input!$J$13,0)+IF(Input!$K$14=3,K615*Input!$J$14,0)+IF(Input!$K$15=3,L615*Input!$J$15,0)+IF(Input!$K$16=3,M615*Input!$J$16,0)</f>
        <v>0</v>
      </c>
      <c r="Q615" s="71">
        <f>IF(Input!$K$13=4,J615*Input!$J$13,0)+IF(Input!$K$14=4,K615*Input!$J$14,0)+IF(Input!$K$15=4,L615*Input!$J$15,0)+IF(Input!$K$16=4,M615*Input!$J$16,0)</f>
        <v>0</v>
      </c>
    </row>
    <row r="616" spans="8:17" x14ac:dyDescent="0.25">
      <c r="H616" s="43">
        <v>609</v>
      </c>
      <c r="I616" s="55">
        <f>Bühler!I642</f>
        <v>16.824283123828945</v>
      </c>
      <c r="J616" s="58">
        <f>Bühler!J642</f>
        <v>79.406928788121917</v>
      </c>
      <c r="K616" s="58">
        <f>Bühler!K642</f>
        <v>3.0536855964960119</v>
      </c>
      <c r="L616" s="58">
        <f>Bühler!L642</f>
        <v>1.526842798248006</v>
      </c>
      <c r="M616" s="57">
        <f>Bühler!M642</f>
        <v>0</v>
      </c>
      <c r="N616" s="55">
        <f>IF(Input!$K$13=1,J616*Input!$J$13,0)+IF(Input!$K$14=1,K616*Input!$J$14,0)+IF(Input!$K$15=1,L616*Input!$J$15,0)+IF(Input!$K$16=1,M616*Input!$J$16,0)</f>
        <v>9.5288314545746289</v>
      </c>
      <c r="O616" s="58">
        <f>IF(Input!$K$13=2,J616*Input!$J$13,0)+IF(Input!$K$14=2,K616*Input!$J$14,0)+IF(Input!$K$15=2,L616*Input!$J$15,0)+IF(Input!$K$16=2,M616*Input!$J$16,0)</f>
        <v>0.41224755552696157</v>
      </c>
      <c r="P616" s="58">
        <f>IF(Input!$K$13=3,J616*Input!$J$13,0)+IF(Input!$K$14=3,K616*Input!$J$14,0)+IF(Input!$K$15=3,L616*Input!$J$15,0)+IF(Input!$K$16=3,M616*Input!$J$16,0)</f>
        <v>0</v>
      </c>
      <c r="Q616" s="71">
        <f>IF(Input!$K$13=4,J616*Input!$J$13,0)+IF(Input!$K$14=4,K616*Input!$J$14,0)+IF(Input!$K$15=4,L616*Input!$J$15,0)+IF(Input!$K$16=4,M616*Input!$J$16,0)</f>
        <v>0</v>
      </c>
    </row>
    <row r="617" spans="8:17" x14ac:dyDescent="0.25">
      <c r="H617" s="43">
        <v>610</v>
      </c>
      <c r="I617" s="55">
        <f>Bühler!I643</f>
        <v>18.570199297056476</v>
      </c>
      <c r="J617" s="58">
        <f>Bühler!J643</f>
        <v>87.647270454813821</v>
      </c>
      <c r="K617" s="58">
        <f>Bühler!K643</f>
        <v>3.3705774980191836</v>
      </c>
      <c r="L617" s="58">
        <f>Bühler!L643</f>
        <v>1.6852887490095918</v>
      </c>
      <c r="M617" s="57">
        <f>Bühler!M643</f>
        <v>0</v>
      </c>
      <c r="N617" s="55">
        <f>IF(Input!$K$13=1,J617*Input!$J$13,0)+IF(Input!$K$14=1,K617*Input!$J$14,0)+IF(Input!$K$15=1,L617*Input!$J$15,0)+IF(Input!$K$16=1,M617*Input!$J$16,0)</f>
        <v>10.517672454577658</v>
      </c>
      <c r="O617" s="58">
        <f>IF(Input!$K$13=2,J617*Input!$J$13,0)+IF(Input!$K$14=2,K617*Input!$J$14,0)+IF(Input!$K$15=2,L617*Input!$J$15,0)+IF(Input!$K$16=2,M617*Input!$J$16,0)</f>
        <v>0.45502796223258979</v>
      </c>
      <c r="P617" s="58">
        <f>IF(Input!$K$13=3,J617*Input!$J$13,0)+IF(Input!$K$14=3,K617*Input!$J$14,0)+IF(Input!$K$15=3,L617*Input!$J$15,0)+IF(Input!$K$16=3,M617*Input!$J$16,0)</f>
        <v>0</v>
      </c>
      <c r="Q617" s="71">
        <f>IF(Input!$K$13=4,J617*Input!$J$13,0)+IF(Input!$K$14=4,K617*Input!$J$14,0)+IF(Input!$K$15=4,L617*Input!$J$15,0)+IF(Input!$K$16=4,M617*Input!$J$16,0)</f>
        <v>0</v>
      </c>
    </row>
    <row r="618" spans="8:17" x14ac:dyDescent="0.25">
      <c r="H618" s="43">
        <v>611</v>
      </c>
      <c r="I618" s="55">
        <f>Bühler!I644</f>
        <v>18.570199297056476</v>
      </c>
      <c r="J618" s="58">
        <f>Bühler!J644</f>
        <v>87.647270454813821</v>
      </c>
      <c r="K618" s="58">
        <f>Bühler!K644</f>
        <v>3.3705774980191836</v>
      </c>
      <c r="L618" s="58">
        <f>Bühler!L644</f>
        <v>1.6852887490095918</v>
      </c>
      <c r="M618" s="57">
        <f>Bühler!M644</f>
        <v>0</v>
      </c>
      <c r="N618" s="55">
        <f>IF(Input!$K$13=1,J618*Input!$J$13,0)+IF(Input!$K$14=1,K618*Input!$J$14,0)+IF(Input!$K$15=1,L618*Input!$J$15,0)+IF(Input!$K$16=1,M618*Input!$J$16,0)</f>
        <v>10.517672454577658</v>
      </c>
      <c r="O618" s="58">
        <f>IF(Input!$K$13=2,J618*Input!$J$13,0)+IF(Input!$K$14=2,K618*Input!$J$14,0)+IF(Input!$K$15=2,L618*Input!$J$15,0)+IF(Input!$K$16=2,M618*Input!$J$16,0)</f>
        <v>0.45502796223258979</v>
      </c>
      <c r="P618" s="58">
        <f>IF(Input!$K$13=3,J618*Input!$J$13,0)+IF(Input!$K$14=3,K618*Input!$J$14,0)+IF(Input!$K$15=3,L618*Input!$J$15,0)+IF(Input!$K$16=3,M618*Input!$J$16,0)</f>
        <v>0</v>
      </c>
      <c r="Q618" s="71">
        <f>IF(Input!$K$13=4,J618*Input!$J$13,0)+IF(Input!$K$14=4,K618*Input!$J$14,0)+IF(Input!$K$15=4,L618*Input!$J$15,0)+IF(Input!$K$16=4,M618*Input!$J$16,0)</f>
        <v>0</v>
      </c>
    </row>
    <row r="619" spans="8:17" x14ac:dyDescent="0.25">
      <c r="H619" s="43">
        <v>612</v>
      </c>
      <c r="I619" s="55">
        <f>Bühler!I645</f>
        <v>22.220751295623135</v>
      </c>
      <c r="J619" s="58">
        <f>Bühler!J645</f>
        <v>104.87707575789688</v>
      </c>
      <c r="K619" s="58">
        <f>Bühler!K645</f>
        <v>4.0331696557494494</v>
      </c>
      <c r="L619" s="58">
        <f>Bühler!L645</f>
        <v>2.0165848278747247</v>
      </c>
      <c r="M619" s="57">
        <f>Bühler!M645</f>
        <v>0</v>
      </c>
      <c r="N619" s="55">
        <f>IF(Input!$K$13=1,J619*Input!$J$13,0)+IF(Input!$K$14=1,K619*Input!$J$14,0)+IF(Input!$K$15=1,L619*Input!$J$15,0)+IF(Input!$K$16=1,M619*Input!$J$16,0)</f>
        <v>12.585249090947624</v>
      </c>
      <c r="O619" s="58">
        <f>IF(Input!$K$13=2,J619*Input!$J$13,0)+IF(Input!$K$14=2,K619*Input!$J$14,0)+IF(Input!$K$15=2,L619*Input!$J$15,0)+IF(Input!$K$16=2,M619*Input!$J$16,0)</f>
        <v>0.54447790352617564</v>
      </c>
      <c r="P619" s="58">
        <f>IF(Input!$K$13=3,J619*Input!$J$13,0)+IF(Input!$K$14=3,K619*Input!$J$14,0)+IF(Input!$K$15=3,L619*Input!$J$15,0)+IF(Input!$K$16=3,M619*Input!$J$16,0)</f>
        <v>0</v>
      </c>
      <c r="Q619" s="71">
        <f>IF(Input!$K$13=4,J619*Input!$J$13,0)+IF(Input!$K$14=4,K619*Input!$J$14,0)+IF(Input!$K$15=4,L619*Input!$J$15,0)+IF(Input!$K$16=4,M619*Input!$J$16,0)</f>
        <v>0</v>
      </c>
    </row>
    <row r="620" spans="8:17" x14ac:dyDescent="0.25">
      <c r="H620" s="43">
        <v>613</v>
      </c>
      <c r="I620" s="55">
        <f>Bühler!I646</f>
        <v>22.220751295623135</v>
      </c>
      <c r="J620" s="58">
        <f>Bühler!J646</f>
        <v>104.87707575789688</v>
      </c>
      <c r="K620" s="58">
        <f>Bühler!K646</f>
        <v>4.0331696557494494</v>
      </c>
      <c r="L620" s="58">
        <f>Bühler!L646</f>
        <v>2.0165848278747247</v>
      </c>
      <c r="M620" s="57">
        <f>Bühler!M646</f>
        <v>0</v>
      </c>
      <c r="N620" s="55">
        <f>IF(Input!$K$13=1,J620*Input!$J$13,0)+IF(Input!$K$14=1,K620*Input!$J$14,0)+IF(Input!$K$15=1,L620*Input!$J$15,0)+IF(Input!$K$16=1,M620*Input!$J$16,0)</f>
        <v>12.585249090947624</v>
      </c>
      <c r="O620" s="58">
        <f>IF(Input!$K$13=2,J620*Input!$J$13,0)+IF(Input!$K$14=2,K620*Input!$J$14,0)+IF(Input!$K$15=2,L620*Input!$J$15,0)+IF(Input!$K$16=2,M620*Input!$J$16,0)</f>
        <v>0.54447790352617564</v>
      </c>
      <c r="P620" s="58">
        <f>IF(Input!$K$13=3,J620*Input!$J$13,0)+IF(Input!$K$14=3,K620*Input!$J$14,0)+IF(Input!$K$15=3,L620*Input!$J$15,0)+IF(Input!$K$16=3,M620*Input!$J$16,0)</f>
        <v>0</v>
      </c>
      <c r="Q620" s="71">
        <f>IF(Input!$K$13=4,J620*Input!$J$13,0)+IF(Input!$K$14=4,K620*Input!$J$14,0)+IF(Input!$K$15=4,L620*Input!$J$15,0)+IF(Input!$K$16=4,M620*Input!$J$16,0)</f>
        <v>0</v>
      </c>
    </row>
    <row r="621" spans="8:17" x14ac:dyDescent="0.25">
      <c r="H621" s="43">
        <v>614</v>
      </c>
      <c r="I621" s="55">
        <f>Bühler!I647</f>
        <v>14.760927646378224</v>
      </c>
      <c r="J621" s="58">
        <f>Bühler!J647</f>
        <v>69.668343182031492</v>
      </c>
      <c r="K621" s="58">
        <f>Bühler!K647</f>
        <v>2.6791769856049914</v>
      </c>
      <c r="L621" s="58">
        <f>Bühler!L647</f>
        <v>1.3395884928024957</v>
      </c>
      <c r="M621" s="57">
        <f>Bühler!M647</f>
        <v>0</v>
      </c>
      <c r="N621" s="55">
        <f>IF(Input!$K$13=1,J621*Input!$J$13,0)+IF(Input!$K$14=1,K621*Input!$J$14,0)+IF(Input!$K$15=1,L621*Input!$J$15,0)+IF(Input!$K$16=1,M621*Input!$J$16,0)</f>
        <v>8.3602011818437791</v>
      </c>
      <c r="O621" s="58">
        <f>IF(Input!$K$13=2,J621*Input!$J$13,0)+IF(Input!$K$14=2,K621*Input!$J$14,0)+IF(Input!$K$15=2,L621*Input!$J$15,0)+IF(Input!$K$16=2,M621*Input!$J$16,0)</f>
        <v>0.36168889305667384</v>
      </c>
      <c r="P621" s="58">
        <f>IF(Input!$K$13=3,J621*Input!$J$13,0)+IF(Input!$K$14=3,K621*Input!$J$14,0)+IF(Input!$K$15=3,L621*Input!$J$15,0)+IF(Input!$K$16=3,M621*Input!$J$16,0)</f>
        <v>0</v>
      </c>
      <c r="Q621" s="71">
        <f>IF(Input!$K$13=4,J621*Input!$J$13,0)+IF(Input!$K$14=4,K621*Input!$J$14,0)+IF(Input!$K$15=4,L621*Input!$J$15,0)+IF(Input!$K$16=4,M621*Input!$J$16,0)</f>
        <v>0</v>
      </c>
    </row>
    <row r="622" spans="8:17" x14ac:dyDescent="0.25">
      <c r="H622" s="43">
        <v>615</v>
      </c>
      <c r="I622" s="55">
        <f>Bühler!I648</f>
        <v>22.220751295623135</v>
      </c>
      <c r="J622" s="58">
        <f>Bühler!J648</f>
        <v>104.87707575789688</v>
      </c>
      <c r="K622" s="58">
        <f>Bühler!K648</f>
        <v>4.0331696557494494</v>
      </c>
      <c r="L622" s="58">
        <f>Bühler!L648</f>
        <v>2.0165848278747247</v>
      </c>
      <c r="M622" s="57">
        <f>Bühler!M648</f>
        <v>0</v>
      </c>
      <c r="N622" s="55">
        <f>IF(Input!$K$13=1,J622*Input!$J$13,0)+IF(Input!$K$14=1,K622*Input!$J$14,0)+IF(Input!$K$15=1,L622*Input!$J$15,0)+IF(Input!$K$16=1,M622*Input!$J$16,0)</f>
        <v>12.585249090947624</v>
      </c>
      <c r="O622" s="58">
        <f>IF(Input!$K$13=2,J622*Input!$J$13,0)+IF(Input!$K$14=2,K622*Input!$J$14,0)+IF(Input!$K$15=2,L622*Input!$J$15,0)+IF(Input!$K$16=2,M622*Input!$J$16,0)</f>
        <v>0.54447790352617564</v>
      </c>
      <c r="P622" s="58">
        <f>IF(Input!$K$13=3,J622*Input!$J$13,0)+IF(Input!$K$14=3,K622*Input!$J$14,0)+IF(Input!$K$15=3,L622*Input!$J$15,0)+IF(Input!$K$16=3,M622*Input!$J$16,0)</f>
        <v>0</v>
      </c>
      <c r="Q622" s="71">
        <f>IF(Input!$K$13=4,J622*Input!$J$13,0)+IF(Input!$K$14=4,K622*Input!$J$14,0)+IF(Input!$K$15=4,L622*Input!$J$15,0)+IF(Input!$K$16=4,M622*Input!$J$16,0)</f>
        <v>0</v>
      </c>
    </row>
    <row r="623" spans="8:17" x14ac:dyDescent="0.25">
      <c r="H623" s="43">
        <v>616</v>
      </c>
      <c r="I623" s="55">
        <f>Bühler!I649</f>
        <v>22.220751295623135</v>
      </c>
      <c r="J623" s="58">
        <f>Bühler!J649</f>
        <v>104.87707575789688</v>
      </c>
      <c r="K623" s="58">
        <f>Bühler!K649</f>
        <v>4.0331696557494494</v>
      </c>
      <c r="L623" s="58">
        <f>Bühler!L649</f>
        <v>2.0165848278747247</v>
      </c>
      <c r="M623" s="57">
        <f>Bühler!M649</f>
        <v>0</v>
      </c>
      <c r="N623" s="55">
        <f>IF(Input!$K$13=1,J623*Input!$J$13,0)+IF(Input!$K$14=1,K623*Input!$J$14,0)+IF(Input!$K$15=1,L623*Input!$J$15,0)+IF(Input!$K$16=1,M623*Input!$J$16,0)</f>
        <v>12.585249090947624</v>
      </c>
      <c r="O623" s="58">
        <f>IF(Input!$K$13=2,J623*Input!$J$13,0)+IF(Input!$K$14=2,K623*Input!$J$14,0)+IF(Input!$K$15=2,L623*Input!$J$15,0)+IF(Input!$K$16=2,M623*Input!$J$16,0)</f>
        <v>0.54447790352617564</v>
      </c>
      <c r="P623" s="58">
        <f>IF(Input!$K$13=3,J623*Input!$J$13,0)+IF(Input!$K$14=3,K623*Input!$J$14,0)+IF(Input!$K$15=3,L623*Input!$J$15,0)+IF(Input!$K$16=3,M623*Input!$J$16,0)</f>
        <v>0</v>
      </c>
      <c r="Q623" s="71">
        <f>IF(Input!$K$13=4,J623*Input!$J$13,0)+IF(Input!$K$14=4,K623*Input!$J$14,0)+IF(Input!$K$15=4,L623*Input!$J$15,0)+IF(Input!$K$16=4,M623*Input!$J$16,0)</f>
        <v>0</v>
      </c>
    </row>
    <row r="624" spans="8:17" x14ac:dyDescent="0.25">
      <c r="H624" s="43">
        <v>617</v>
      </c>
      <c r="I624" s="55">
        <f>Bühler!I650</f>
        <v>18.567462751330417</v>
      </c>
      <c r="J624" s="58">
        <f>Bühler!J650</f>
        <v>67.731744906656829</v>
      </c>
      <c r="K624" s="58">
        <f>Bühler!K650</f>
        <v>2.3766892614237829</v>
      </c>
      <c r="L624" s="58">
        <f>Bühler!L650</f>
        <v>1.1883446307118914</v>
      </c>
      <c r="M624" s="57">
        <f>Bühler!M650</f>
        <v>0</v>
      </c>
      <c r="N624" s="55">
        <f>IF(Input!$K$13=1,J624*Input!$J$13,0)+IF(Input!$K$14=1,K624*Input!$J$14,0)+IF(Input!$K$15=1,L624*Input!$J$15,0)+IF(Input!$K$16=1,M624*Input!$J$16,0)</f>
        <v>8.1278093887988199</v>
      </c>
      <c r="O624" s="58">
        <f>IF(Input!$K$13=2,J624*Input!$J$13,0)+IF(Input!$K$14=2,K624*Input!$J$14,0)+IF(Input!$K$15=2,L624*Input!$J$15,0)+IF(Input!$K$16=2,M624*Input!$J$16,0)</f>
        <v>0.32085305029221067</v>
      </c>
      <c r="P624" s="58">
        <f>IF(Input!$K$13=3,J624*Input!$J$13,0)+IF(Input!$K$14=3,K624*Input!$J$14,0)+IF(Input!$K$15=3,L624*Input!$J$15,0)+IF(Input!$K$16=3,M624*Input!$J$16,0)</f>
        <v>0</v>
      </c>
      <c r="Q624" s="71">
        <f>IF(Input!$K$13=4,J624*Input!$J$13,0)+IF(Input!$K$14=4,K624*Input!$J$14,0)+IF(Input!$K$15=4,L624*Input!$J$15,0)+IF(Input!$K$16=4,M624*Input!$J$16,0)</f>
        <v>0</v>
      </c>
    </row>
    <row r="625" spans="8:17" x14ac:dyDescent="0.25">
      <c r="H625" s="43">
        <v>618</v>
      </c>
      <c r="I625" s="55">
        <f>Bühler!I651</f>
        <v>14.763664192104287</v>
      </c>
      <c r="J625" s="58">
        <f>Bühler!J651</f>
        <v>36.31705686228095</v>
      </c>
      <c r="K625" s="58">
        <f>Bühler!K651</f>
        <v>1.0143786860536848</v>
      </c>
      <c r="L625" s="58">
        <f>Bühler!L651</f>
        <v>0.50718934302684238</v>
      </c>
      <c r="M625" s="57">
        <f>Bühler!M651</f>
        <v>0</v>
      </c>
      <c r="N625" s="55">
        <f>IF(Input!$K$13=1,J625*Input!$J$13,0)+IF(Input!$K$14=1,K625*Input!$J$14,0)+IF(Input!$K$15=1,L625*Input!$J$15,0)+IF(Input!$K$16=1,M625*Input!$J$16,0)</f>
        <v>4.358046823473714</v>
      </c>
      <c r="O625" s="58">
        <f>IF(Input!$K$13=2,J625*Input!$J$13,0)+IF(Input!$K$14=2,K625*Input!$J$14,0)+IF(Input!$K$15=2,L625*Input!$J$15,0)+IF(Input!$K$16=2,M625*Input!$J$16,0)</f>
        <v>0.13694112261724745</v>
      </c>
      <c r="P625" s="58">
        <f>IF(Input!$K$13=3,J625*Input!$J$13,0)+IF(Input!$K$14=3,K625*Input!$J$14,0)+IF(Input!$K$15=3,L625*Input!$J$15,0)+IF(Input!$K$16=3,M625*Input!$J$16,0)</f>
        <v>0</v>
      </c>
      <c r="Q625" s="71">
        <f>IF(Input!$K$13=4,J625*Input!$J$13,0)+IF(Input!$K$14=4,K625*Input!$J$14,0)+IF(Input!$K$15=4,L625*Input!$J$15,0)+IF(Input!$K$16=4,M625*Input!$J$16,0)</f>
        <v>0</v>
      </c>
    </row>
    <row r="626" spans="8:17" x14ac:dyDescent="0.25">
      <c r="H626" s="43">
        <v>619</v>
      </c>
      <c r="I626" s="55">
        <f>Bühler!I652</f>
        <v>5.4730914521239251</v>
      </c>
      <c r="J626" s="58">
        <f>Bühler!J652</f>
        <v>19.342420038218442</v>
      </c>
      <c r="K626" s="58">
        <f>Bühler!K652</f>
        <v>0.66948993279543179</v>
      </c>
      <c r="L626" s="58">
        <f>Bühler!L652</f>
        <v>0.33474496639771589</v>
      </c>
      <c r="M626" s="57">
        <f>Bühler!M652</f>
        <v>0</v>
      </c>
      <c r="N626" s="55">
        <f>IF(Input!$K$13=1,J626*Input!$J$13,0)+IF(Input!$K$14=1,K626*Input!$J$14,0)+IF(Input!$K$15=1,L626*Input!$J$15,0)+IF(Input!$K$16=1,M626*Input!$J$16,0)</f>
        <v>2.3210904045862129</v>
      </c>
      <c r="O626" s="58">
        <f>IF(Input!$K$13=2,J626*Input!$J$13,0)+IF(Input!$K$14=2,K626*Input!$J$14,0)+IF(Input!$K$15=2,L626*Input!$J$15,0)+IF(Input!$K$16=2,M626*Input!$J$16,0)</f>
        <v>9.038114092738328E-2</v>
      </c>
      <c r="P626" s="58">
        <f>IF(Input!$K$13=3,J626*Input!$J$13,0)+IF(Input!$K$14=3,K626*Input!$J$14,0)+IF(Input!$K$15=3,L626*Input!$J$15,0)+IF(Input!$K$16=3,M626*Input!$J$16,0)</f>
        <v>0</v>
      </c>
      <c r="Q626" s="71">
        <f>IF(Input!$K$13=4,J626*Input!$J$13,0)+IF(Input!$K$14=4,K626*Input!$J$14,0)+IF(Input!$K$15=4,L626*Input!$J$15,0)+IF(Input!$K$16=4,M626*Input!$J$16,0)</f>
        <v>0</v>
      </c>
    </row>
    <row r="627" spans="8:17" x14ac:dyDescent="0.25">
      <c r="H627" s="43">
        <v>620</v>
      </c>
      <c r="I627" s="55">
        <f>Bühler!I653</f>
        <v>5.4730914521239251</v>
      </c>
      <c r="J627" s="58">
        <f>Bühler!J653</f>
        <v>19.342420038218442</v>
      </c>
      <c r="K627" s="58">
        <f>Bühler!K653</f>
        <v>0.66948993279543179</v>
      </c>
      <c r="L627" s="58">
        <f>Bühler!L653</f>
        <v>0.33474496639771589</v>
      </c>
      <c r="M627" s="57">
        <f>Bühler!M653</f>
        <v>0</v>
      </c>
      <c r="N627" s="55">
        <f>IF(Input!$K$13=1,J627*Input!$J$13,0)+IF(Input!$K$14=1,K627*Input!$J$14,0)+IF(Input!$K$15=1,L627*Input!$J$15,0)+IF(Input!$K$16=1,M627*Input!$J$16,0)</f>
        <v>2.3210904045862129</v>
      </c>
      <c r="O627" s="58">
        <f>IF(Input!$K$13=2,J627*Input!$J$13,0)+IF(Input!$K$14=2,K627*Input!$J$14,0)+IF(Input!$K$15=2,L627*Input!$J$15,0)+IF(Input!$K$16=2,M627*Input!$J$16,0)</f>
        <v>9.038114092738328E-2</v>
      </c>
      <c r="P627" s="58">
        <f>IF(Input!$K$13=3,J627*Input!$J$13,0)+IF(Input!$K$14=3,K627*Input!$J$14,0)+IF(Input!$K$15=3,L627*Input!$J$15,0)+IF(Input!$K$16=3,M627*Input!$J$16,0)</f>
        <v>0</v>
      </c>
      <c r="Q627" s="71">
        <f>IF(Input!$K$13=4,J627*Input!$J$13,0)+IF(Input!$K$14=4,K627*Input!$J$14,0)+IF(Input!$K$15=4,L627*Input!$J$15,0)+IF(Input!$K$16=4,M627*Input!$J$16,0)</f>
        <v>0</v>
      </c>
    </row>
    <row r="628" spans="8:17" x14ac:dyDescent="0.25">
      <c r="H628" s="43">
        <v>621</v>
      </c>
      <c r="I628" s="55">
        <f>Bühler!I654</f>
        <v>5.4730914521239251</v>
      </c>
      <c r="J628" s="58">
        <f>Bühler!J654</f>
        <v>19.342420038218442</v>
      </c>
      <c r="K628" s="58">
        <f>Bühler!K654</f>
        <v>0.66948993279543179</v>
      </c>
      <c r="L628" s="58">
        <f>Bühler!L654</f>
        <v>0.33474496639771589</v>
      </c>
      <c r="M628" s="57">
        <f>Bühler!M654</f>
        <v>0</v>
      </c>
      <c r="N628" s="55">
        <f>IF(Input!$K$13=1,J628*Input!$J$13,0)+IF(Input!$K$14=1,K628*Input!$J$14,0)+IF(Input!$K$15=1,L628*Input!$J$15,0)+IF(Input!$K$16=1,M628*Input!$J$16,0)</f>
        <v>2.3210904045862129</v>
      </c>
      <c r="O628" s="58">
        <f>IF(Input!$K$13=2,J628*Input!$J$13,0)+IF(Input!$K$14=2,K628*Input!$J$14,0)+IF(Input!$K$15=2,L628*Input!$J$15,0)+IF(Input!$K$16=2,M628*Input!$J$16,0)</f>
        <v>9.038114092738328E-2</v>
      </c>
      <c r="P628" s="58">
        <f>IF(Input!$K$13=3,J628*Input!$J$13,0)+IF(Input!$K$14=3,K628*Input!$J$14,0)+IF(Input!$K$15=3,L628*Input!$J$15,0)+IF(Input!$K$16=3,M628*Input!$J$16,0)</f>
        <v>0</v>
      </c>
      <c r="Q628" s="71">
        <f>IF(Input!$K$13=4,J628*Input!$J$13,0)+IF(Input!$K$14=4,K628*Input!$J$14,0)+IF(Input!$K$15=4,L628*Input!$J$15,0)+IF(Input!$K$16=4,M628*Input!$J$16,0)</f>
        <v>0</v>
      </c>
    </row>
    <row r="629" spans="8:17" x14ac:dyDescent="0.25">
      <c r="H629" s="43">
        <v>622</v>
      </c>
      <c r="I629" s="55">
        <f>Bühler!I655</f>
        <v>5.4730914521239251</v>
      </c>
      <c r="J629" s="58">
        <f>Bühler!J655</f>
        <v>19.342420038218442</v>
      </c>
      <c r="K629" s="58">
        <f>Bühler!K655</f>
        <v>0.66948993279543179</v>
      </c>
      <c r="L629" s="58">
        <f>Bühler!L655</f>
        <v>0.33474496639771589</v>
      </c>
      <c r="M629" s="57">
        <f>Bühler!M655</f>
        <v>0</v>
      </c>
      <c r="N629" s="55">
        <f>IF(Input!$K$13=1,J629*Input!$J$13,0)+IF(Input!$K$14=1,K629*Input!$J$14,0)+IF(Input!$K$15=1,L629*Input!$J$15,0)+IF(Input!$K$16=1,M629*Input!$J$16,0)</f>
        <v>2.3210904045862129</v>
      </c>
      <c r="O629" s="58">
        <f>IF(Input!$K$13=2,J629*Input!$J$13,0)+IF(Input!$K$14=2,K629*Input!$J$14,0)+IF(Input!$K$15=2,L629*Input!$J$15,0)+IF(Input!$K$16=2,M629*Input!$J$16,0)</f>
        <v>9.038114092738328E-2</v>
      </c>
      <c r="P629" s="58">
        <f>IF(Input!$K$13=3,J629*Input!$J$13,0)+IF(Input!$K$14=3,K629*Input!$J$14,0)+IF(Input!$K$15=3,L629*Input!$J$15,0)+IF(Input!$K$16=3,M629*Input!$J$16,0)</f>
        <v>0</v>
      </c>
      <c r="Q629" s="71">
        <f>IF(Input!$K$13=4,J629*Input!$J$13,0)+IF(Input!$K$14=4,K629*Input!$J$14,0)+IF(Input!$K$15=4,L629*Input!$J$15,0)+IF(Input!$K$16=4,M629*Input!$J$16,0)</f>
        <v>0</v>
      </c>
    </row>
    <row r="630" spans="8:17" x14ac:dyDescent="0.25">
      <c r="H630" s="43">
        <v>623</v>
      </c>
      <c r="I630" s="55">
        <f>Bühler!I656</f>
        <v>5.4730914521239251</v>
      </c>
      <c r="J630" s="58">
        <f>Bühler!J656</f>
        <v>19.342420038218442</v>
      </c>
      <c r="K630" s="58">
        <f>Bühler!K656</f>
        <v>0.66948993279543179</v>
      </c>
      <c r="L630" s="58">
        <f>Bühler!L656</f>
        <v>0.33474496639771589</v>
      </c>
      <c r="M630" s="57">
        <f>Bühler!M656</f>
        <v>0</v>
      </c>
      <c r="N630" s="55">
        <f>IF(Input!$K$13=1,J630*Input!$J$13,0)+IF(Input!$K$14=1,K630*Input!$J$14,0)+IF(Input!$K$15=1,L630*Input!$J$15,0)+IF(Input!$K$16=1,M630*Input!$J$16,0)</f>
        <v>2.3210904045862129</v>
      </c>
      <c r="O630" s="58">
        <f>IF(Input!$K$13=2,J630*Input!$J$13,0)+IF(Input!$K$14=2,K630*Input!$J$14,0)+IF(Input!$K$15=2,L630*Input!$J$15,0)+IF(Input!$K$16=2,M630*Input!$J$16,0)</f>
        <v>9.038114092738328E-2</v>
      </c>
      <c r="P630" s="58">
        <f>IF(Input!$K$13=3,J630*Input!$J$13,0)+IF(Input!$K$14=3,K630*Input!$J$14,0)+IF(Input!$K$15=3,L630*Input!$J$15,0)+IF(Input!$K$16=3,M630*Input!$J$16,0)</f>
        <v>0</v>
      </c>
      <c r="Q630" s="71">
        <f>IF(Input!$K$13=4,J630*Input!$J$13,0)+IF(Input!$K$14=4,K630*Input!$J$14,0)+IF(Input!$K$15=4,L630*Input!$J$15,0)+IF(Input!$K$16=4,M630*Input!$J$16,0)</f>
        <v>0</v>
      </c>
    </row>
    <row r="631" spans="8:17" x14ac:dyDescent="0.25">
      <c r="H631" s="43">
        <v>624</v>
      </c>
      <c r="I631" s="55">
        <f>Bühler!I657</f>
        <v>5.4730914521239251</v>
      </c>
      <c r="J631" s="58">
        <f>Bühler!J657</f>
        <v>19.342420038218442</v>
      </c>
      <c r="K631" s="58">
        <f>Bühler!K657</f>
        <v>0.66948993279543179</v>
      </c>
      <c r="L631" s="58">
        <f>Bühler!L657</f>
        <v>0.33474496639771589</v>
      </c>
      <c r="M631" s="57">
        <f>Bühler!M657</f>
        <v>0</v>
      </c>
      <c r="N631" s="55">
        <f>IF(Input!$K$13=1,J631*Input!$J$13,0)+IF(Input!$K$14=1,K631*Input!$J$14,0)+IF(Input!$K$15=1,L631*Input!$J$15,0)+IF(Input!$K$16=1,M631*Input!$J$16,0)</f>
        <v>2.3210904045862129</v>
      </c>
      <c r="O631" s="58">
        <f>IF(Input!$K$13=2,J631*Input!$J$13,0)+IF(Input!$K$14=2,K631*Input!$J$14,0)+IF(Input!$K$15=2,L631*Input!$J$15,0)+IF(Input!$K$16=2,M631*Input!$J$16,0)</f>
        <v>9.038114092738328E-2</v>
      </c>
      <c r="P631" s="58">
        <f>IF(Input!$K$13=3,J631*Input!$J$13,0)+IF(Input!$K$14=3,K631*Input!$J$14,0)+IF(Input!$K$15=3,L631*Input!$J$15,0)+IF(Input!$K$16=3,M631*Input!$J$16,0)</f>
        <v>0</v>
      </c>
      <c r="Q631" s="71">
        <f>IF(Input!$K$13=4,J631*Input!$J$13,0)+IF(Input!$K$14=4,K631*Input!$J$14,0)+IF(Input!$K$15=4,L631*Input!$J$15,0)+IF(Input!$K$16=4,M631*Input!$J$16,0)</f>
        <v>0</v>
      </c>
    </row>
    <row r="632" spans="8:17" x14ac:dyDescent="0.25">
      <c r="H632" s="43">
        <v>625</v>
      </c>
      <c r="I632" s="55">
        <f>Bühler!I658</f>
        <v>5.7829466191465029</v>
      </c>
      <c r="J632" s="58">
        <f>Bühler!J658</f>
        <v>27.54707104612303</v>
      </c>
      <c r="K632" s="58">
        <f>Bühler!K658</f>
        <v>1.0412646125133287</v>
      </c>
      <c r="L632" s="58">
        <f>Bühler!L658</f>
        <v>0.52063230625666435</v>
      </c>
      <c r="M632" s="57">
        <f>Bühler!M658</f>
        <v>0</v>
      </c>
      <c r="N632" s="55">
        <f>IF(Input!$K$13=1,J632*Input!$J$13,0)+IF(Input!$K$14=1,K632*Input!$J$14,0)+IF(Input!$K$15=1,L632*Input!$J$15,0)+IF(Input!$K$16=1,M632*Input!$J$16,0)</f>
        <v>3.3056485255347634</v>
      </c>
      <c r="O632" s="58">
        <f>IF(Input!$K$13=2,J632*Input!$J$13,0)+IF(Input!$K$14=2,K632*Input!$J$14,0)+IF(Input!$K$15=2,L632*Input!$J$15,0)+IF(Input!$K$16=2,M632*Input!$J$16,0)</f>
        <v>0.14057072268929938</v>
      </c>
      <c r="P632" s="58">
        <f>IF(Input!$K$13=3,J632*Input!$J$13,0)+IF(Input!$K$14=3,K632*Input!$J$14,0)+IF(Input!$K$15=3,L632*Input!$J$15,0)+IF(Input!$K$16=3,M632*Input!$J$16,0)</f>
        <v>0</v>
      </c>
      <c r="Q632" s="71">
        <f>IF(Input!$K$13=4,J632*Input!$J$13,0)+IF(Input!$K$14=4,K632*Input!$J$14,0)+IF(Input!$K$15=4,L632*Input!$J$15,0)+IF(Input!$K$16=4,M632*Input!$J$16,0)</f>
        <v>0</v>
      </c>
    </row>
    <row r="633" spans="8:17" x14ac:dyDescent="0.25">
      <c r="H633" s="43">
        <v>626</v>
      </c>
      <c r="I633" s="55">
        <f>Bühler!I659</f>
        <v>5.7829466191465029</v>
      </c>
      <c r="J633" s="58">
        <f>Bühler!J659</f>
        <v>19.163169266932542</v>
      </c>
      <c r="K633" s="58">
        <f>Bühler!K659</f>
        <v>0.63106946212929016</v>
      </c>
      <c r="L633" s="58">
        <f>Bühler!L659</f>
        <v>0.31553473106464508</v>
      </c>
      <c r="M633" s="57">
        <f>Bühler!M659</f>
        <v>0</v>
      </c>
      <c r="N633" s="55">
        <f>IF(Input!$K$13=1,J633*Input!$J$13,0)+IF(Input!$K$14=1,K633*Input!$J$14,0)+IF(Input!$K$15=1,L633*Input!$J$15,0)+IF(Input!$K$16=1,M633*Input!$J$16,0)</f>
        <v>2.2995803120319049</v>
      </c>
      <c r="O633" s="58">
        <f>IF(Input!$K$13=2,J633*Input!$J$13,0)+IF(Input!$K$14=2,K633*Input!$J$14,0)+IF(Input!$K$15=2,L633*Input!$J$15,0)+IF(Input!$K$16=2,M633*Input!$J$16,0)</f>
        <v>8.5194377387454168E-2</v>
      </c>
      <c r="P633" s="58">
        <f>IF(Input!$K$13=3,J633*Input!$J$13,0)+IF(Input!$K$14=3,K633*Input!$J$14,0)+IF(Input!$K$15=3,L633*Input!$J$15,0)+IF(Input!$K$16=3,M633*Input!$J$16,0)</f>
        <v>0</v>
      </c>
      <c r="Q633" s="71">
        <f>IF(Input!$K$13=4,J633*Input!$J$13,0)+IF(Input!$K$14=4,K633*Input!$J$14,0)+IF(Input!$K$15=4,L633*Input!$J$15,0)+IF(Input!$K$16=4,M633*Input!$J$16,0)</f>
        <v>0</v>
      </c>
    </row>
    <row r="634" spans="8:17" x14ac:dyDescent="0.25">
      <c r="H634" s="43">
        <v>627</v>
      </c>
      <c r="I634" s="55">
        <f>Bühler!I660</f>
        <v>5.7829466191465029</v>
      </c>
      <c r="J634" s="58">
        <f>Bühler!J660</f>
        <v>19.163169266932542</v>
      </c>
      <c r="K634" s="58">
        <f>Bühler!K660</f>
        <v>0.63106946212929016</v>
      </c>
      <c r="L634" s="58">
        <f>Bühler!L660</f>
        <v>0.31553473106464508</v>
      </c>
      <c r="M634" s="57">
        <f>Bühler!M660</f>
        <v>0</v>
      </c>
      <c r="N634" s="55">
        <f>IF(Input!$K$13=1,J634*Input!$J$13,0)+IF(Input!$K$14=1,K634*Input!$J$14,0)+IF(Input!$K$15=1,L634*Input!$J$15,0)+IF(Input!$K$16=1,M634*Input!$J$16,0)</f>
        <v>2.2995803120319049</v>
      </c>
      <c r="O634" s="58">
        <f>IF(Input!$K$13=2,J634*Input!$J$13,0)+IF(Input!$K$14=2,K634*Input!$J$14,0)+IF(Input!$K$15=2,L634*Input!$J$15,0)+IF(Input!$K$16=2,M634*Input!$J$16,0)</f>
        <v>8.5194377387454168E-2</v>
      </c>
      <c r="P634" s="58">
        <f>IF(Input!$K$13=3,J634*Input!$J$13,0)+IF(Input!$K$14=3,K634*Input!$J$14,0)+IF(Input!$K$15=3,L634*Input!$J$15,0)+IF(Input!$K$16=3,M634*Input!$J$16,0)</f>
        <v>0</v>
      </c>
      <c r="Q634" s="71">
        <f>IF(Input!$K$13=4,J634*Input!$J$13,0)+IF(Input!$K$14=4,K634*Input!$J$14,0)+IF(Input!$K$15=4,L634*Input!$J$15,0)+IF(Input!$K$16=4,M634*Input!$J$16,0)</f>
        <v>0</v>
      </c>
    </row>
    <row r="635" spans="8:17" x14ac:dyDescent="0.25">
      <c r="H635" s="43">
        <v>628</v>
      </c>
      <c r="I635" s="55">
        <f>Bühler!I661</f>
        <v>5.7829466191465029</v>
      </c>
      <c r="J635" s="58">
        <f>Bühler!J661</f>
        <v>19.163169266932542</v>
      </c>
      <c r="K635" s="58">
        <f>Bühler!K661</f>
        <v>0.63106946212929016</v>
      </c>
      <c r="L635" s="58">
        <f>Bühler!L661</f>
        <v>0.31553473106464508</v>
      </c>
      <c r="M635" s="57">
        <f>Bühler!M661</f>
        <v>0</v>
      </c>
      <c r="N635" s="55">
        <f>IF(Input!$K$13=1,J635*Input!$J$13,0)+IF(Input!$K$14=1,K635*Input!$J$14,0)+IF(Input!$K$15=1,L635*Input!$J$15,0)+IF(Input!$K$16=1,M635*Input!$J$16,0)</f>
        <v>2.2995803120319049</v>
      </c>
      <c r="O635" s="58">
        <f>IF(Input!$K$13=2,J635*Input!$J$13,0)+IF(Input!$K$14=2,K635*Input!$J$14,0)+IF(Input!$K$15=2,L635*Input!$J$15,0)+IF(Input!$K$16=2,M635*Input!$J$16,0)</f>
        <v>8.5194377387454168E-2</v>
      </c>
      <c r="P635" s="58">
        <f>IF(Input!$K$13=3,J635*Input!$J$13,0)+IF(Input!$K$14=3,K635*Input!$J$14,0)+IF(Input!$K$15=3,L635*Input!$J$15,0)+IF(Input!$K$16=3,M635*Input!$J$16,0)</f>
        <v>0</v>
      </c>
      <c r="Q635" s="71">
        <f>IF(Input!$K$13=4,J635*Input!$J$13,0)+IF(Input!$K$14=4,K635*Input!$J$14,0)+IF(Input!$K$15=4,L635*Input!$J$15,0)+IF(Input!$K$16=4,M635*Input!$J$16,0)</f>
        <v>0</v>
      </c>
    </row>
    <row r="636" spans="8:17" x14ac:dyDescent="0.25">
      <c r="H636" s="43">
        <v>629</v>
      </c>
      <c r="I636" s="55">
        <f>Bühler!I662</f>
        <v>5.7829466191465029</v>
      </c>
      <c r="J636" s="58">
        <f>Bühler!J662</f>
        <v>19.163169266932542</v>
      </c>
      <c r="K636" s="58">
        <f>Bühler!K662</f>
        <v>0.63106946212929016</v>
      </c>
      <c r="L636" s="58">
        <f>Bühler!L662</f>
        <v>0.31553473106464508</v>
      </c>
      <c r="M636" s="57">
        <f>Bühler!M662</f>
        <v>0</v>
      </c>
      <c r="N636" s="55">
        <f>IF(Input!$K$13=1,J636*Input!$J$13,0)+IF(Input!$K$14=1,K636*Input!$J$14,0)+IF(Input!$K$15=1,L636*Input!$J$15,0)+IF(Input!$K$16=1,M636*Input!$J$16,0)</f>
        <v>2.2995803120319049</v>
      </c>
      <c r="O636" s="58">
        <f>IF(Input!$K$13=2,J636*Input!$J$13,0)+IF(Input!$K$14=2,K636*Input!$J$14,0)+IF(Input!$K$15=2,L636*Input!$J$15,0)+IF(Input!$K$16=2,M636*Input!$J$16,0)</f>
        <v>8.5194377387454168E-2</v>
      </c>
      <c r="P636" s="58">
        <f>IF(Input!$K$13=3,J636*Input!$J$13,0)+IF(Input!$K$14=3,K636*Input!$J$14,0)+IF(Input!$K$15=3,L636*Input!$J$15,0)+IF(Input!$K$16=3,M636*Input!$J$16,0)</f>
        <v>0</v>
      </c>
      <c r="Q636" s="71">
        <f>IF(Input!$K$13=4,J636*Input!$J$13,0)+IF(Input!$K$14=4,K636*Input!$J$14,0)+IF(Input!$K$15=4,L636*Input!$J$15,0)+IF(Input!$K$16=4,M636*Input!$J$16,0)</f>
        <v>0</v>
      </c>
    </row>
    <row r="637" spans="8:17" x14ac:dyDescent="0.25">
      <c r="H637" s="43">
        <v>630</v>
      </c>
      <c r="I637" s="55">
        <f>Bühler!I663</f>
        <v>5.7829466191465029</v>
      </c>
      <c r="J637" s="58">
        <f>Bühler!J663</f>
        <v>19.163169266932542</v>
      </c>
      <c r="K637" s="58">
        <f>Bühler!K663</f>
        <v>0.63106946212929016</v>
      </c>
      <c r="L637" s="58">
        <f>Bühler!L663</f>
        <v>0.31553473106464508</v>
      </c>
      <c r="M637" s="57">
        <f>Bühler!M663</f>
        <v>0</v>
      </c>
      <c r="N637" s="55">
        <f>IF(Input!$K$13=1,J637*Input!$J$13,0)+IF(Input!$K$14=1,K637*Input!$J$14,0)+IF(Input!$K$15=1,L637*Input!$J$15,0)+IF(Input!$K$16=1,M637*Input!$J$16,0)</f>
        <v>2.2995803120319049</v>
      </c>
      <c r="O637" s="58">
        <f>IF(Input!$K$13=2,J637*Input!$J$13,0)+IF(Input!$K$14=2,K637*Input!$J$14,0)+IF(Input!$K$15=2,L637*Input!$J$15,0)+IF(Input!$K$16=2,M637*Input!$J$16,0)</f>
        <v>8.5194377387454168E-2</v>
      </c>
      <c r="P637" s="58">
        <f>IF(Input!$K$13=3,J637*Input!$J$13,0)+IF(Input!$K$14=3,K637*Input!$J$14,0)+IF(Input!$K$15=3,L637*Input!$J$15,0)+IF(Input!$K$16=3,M637*Input!$J$16,0)</f>
        <v>0</v>
      </c>
      <c r="Q637" s="71">
        <f>IF(Input!$K$13=4,J637*Input!$J$13,0)+IF(Input!$K$14=4,K637*Input!$J$14,0)+IF(Input!$K$15=4,L637*Input!$J$15,0)+IF(Input!$K$16=4,M637*Input!$J$16,0)</f>
        <v>0</v>
      </c>
    </row>
    <row r="638" spans="8:17" x14ac:dyDescent="0.25">
      <c r="H638" s="43">
        <v>631</v>
      </c>
      <c r="I638" s="55">
        <f>Bühler!I664</f>
        <v>5.7829466191465029</v>
      </c>
      <c r="J638" s="58">
        <f>Bühler!J664</f>
        <v>19.163169266932542</v>
      </c>
      <c r="K638" s="58">
        <f>Bühler!K664</f>
        <v>0.63106946212929016</v>
      </c>
      <c r="L638" s="58">
        <f>Bühler!L664</f>
        <v>0.31553473106464508</v>
      </c>
      <c r="M638" s="57">
        <f>Bühler!M664</f>
        <v>0</v>
      </c>
      <c r="N638" s="55">
        <f>IF(Input!$K$13=1,J638*Input!$J$13,0)+IF(Input!$K$14=1,K638*Input!$J$14,0)+IF(Input!$K$15=1,L638*Input!$J$15,0)+IF(Input!$K$16=1,M638*Input!$J$16,0)</f>
        <v>2.2995803120319049</v>
      </c>
      <c r="O638" s="58">
        <f>IF(Input!$K$13=2,J638*Input!$J$13,0)+IF(Input!$K$14=2,K638*Input!$J$14,0)+IF(Input!$K$15=2,L638*Input!$J$15,0)+IF(Input!$K$16=2,M638*Input!$J$16,0)</f>
        <v>8.5194377387454168E-2</v>
      </c>
      <c r="P638" s="58">
        <f>IF(Input!$K$13=3,J638*Input!$J$13,0)+IF(Input!$K$14=3,K638*Input!$J$14,0)+IF(Input!$K$15=3,L638*Input!$J$15,0)+IF(Input!$K$16=3,M638*Input!$J$16,0)</f>
        <v>0</v>
      </c>
      <c r="Q638" s="71">
        <f>IF(Input!$K$13=4,J638*Input!$J$13,0)+IF(Input!$K$14=4,K638*Input!$J$14,0)+IF(Input!$K$15=4,L638*Input!$J$15,0)+IF(Input!$K$16=4,M638*Input!$J$16,0)</f>
        <v>0</v>
      </c>
    </row>
    <row r="639" spans="8:17" x14ac:dyDescent="0.25">
      <c r="H639" s="43">
        <v>632</v>
      </c>
      <c r="I639" s="55">
        <f>Bühler!I665</f>
        <v>15.669919871235685</v>
      </c>
      <c r="J639" s="58">
        <f>Bühler!J665</f>
        <v>71.922548956943501</v>
      </c>
      <c r="K639" s="58">
        <f>Bühler!K665</f>
        <v>2.6883559086707756</v>
      </c>
      <c r="L639" s="58">
        <f>Bühler!L665</f>
        <v>1.3441779543353878</v>
      </c>
      <c r="M639" s="57">
        <f>Bühler!M665</f>
        <v>0</v>
      </c>
      <c r="N639" s="55">
        <f>IF(Input!$K$13=1,J639*Input!$J$13,0)+IF(Input!$K$14=1,K639*Input!$J$14,0)+IF(Input!$K$15=1,L639*Input!$J$15,0)+IF(Input!$K$16=1,M639*Input!$J$16,0)</f>
        <v>8.6307058748332199</v>
      </c>
      <c r="O639" s="58">
        <f>IF(Input!$K$13=2,J639*Input!$J$13,0)+IF(Input!$K$14=2,K639*Input!$J$14,0)+IF(Input!$K$15=2,L639*Input!$J$15,0)+IF(Input!$K$16=2,M639*Input!$J$16,0)</f>
        <v>0.36292804767055464</v>
      </c>
      <c r="P639" s="58">
        <f>IF(Input!$K$13=3,J639*Input!$J$13,0)+IF(Input!$K$14=3,K639*Input!$J$14,0)+IF(Input!$K$15=3,L639*Input!$J$15,0)+IF(Input!$K$16=3,M639*Input!$J$16,0)</f>
        <v>0</v>
      </c>
      <c r="Q639" s="71">
        <f>IF(Input!$K$13=4,J639*Input!$J$13,0)+IF(Input!$K$14=4,K639*Input!$J$14,0)+IF(Input!$K$15=4,L639*Input!$J$15,0)+IF(Input!$K$16=4,M639*Input!$J$16,0)</f>
        <v>0</v>
      </c>
    </row>
    <row r="640" spans="8:17" x14ac:dyDescent="0.25">
      <c r="H640" s="43">
        <v>633</v>
      </c>
      <c r="I640" s="55">
        <f>Bühler!I666</f>
        <v>19.587399839044608</v>
      </c>
      <c r="J640" s="58">
        <f>Bühler!J666</f>
        <v>89.903186196179377</v>
      </c>
      <c r="K640" s="58">
        <f>Bühler!K666</f>
        <v>3.3604448858384695</v>
      </c>
      <c r="L640" s="58">
        <f>Bühler!L666</f>
        <v>1.6802224429192347</v>
      </c>
      <c r="M640" s="57">
        <f>Bühler!M666</f>
        <v>0</v>
      </c>
      <c r="N640" s="55">
        <f>IF(Input!$K$13=1,J640*Input!$J$13,0)+IF(Input!$K$14=1,K640*Input!$J$14,0)+IF(Input!$K$15=1,L640*Input!$J$15,0)+IF(Input!$K$16=1,M640*Input!$J$16,0)</f>
        <v>10.788382343541524</v>
      </c>
      <c r="O640" s="58">
        <f>IF(Input!$K$13=2,J640*Input!$J$13,0)+IF(Input!$K$14=2,K640*Input!$J$14,0)+IF(Input!$K$15=2,L640*Input!$J$15,0)+IF(Input!$K$16=2,M640*Input!$J$16,0)</f>
        <v>0.45366005958819333</v>
      </c>
      <c r="P640" s="58">
        <f>IF(Input!$K$13=3,J640*Input!$J$13,0)+IF(Input!$K$14=3,K640*Input!$J$14,0)+IF(Input!$K$15=3,L640*Input!$J$15,0)+IF(Input!$K$16=3,M640*Input!$J$16,0)</f>
        <v>0</v>
      </c>
      <c r="Q640" s="71">
        <f>IF(Input!$K$13=4,J640*Input!$J$13,0)+IF(Input!$K$14=4,K640*Input!$J$14,0)+IF(Input!$K$15=4,L640*Input!$J$15,0)+IF(Input!$K$16=4,M640*Input!$J$16,0)</f>
        <v>0</v>
      </c>
    </row>
    <row r="641" spans="8:17" x14ac:dyDescent="0.25">
      <c r="H641" s="43">
        <v>634</v>
      </c>
      <c r="I641" s="55">
        <f>Bühler!I667</f>
        <v>21.546139822949069</v>
      </c>
      <c r="J641" s="58">
        <f>Bühler!J667</f>
        <v>98.8935048157973</v>
      </c>
      <c r="K641" s="58">
        <f>Bühler!K667</f>
        <v>3.696489374422316</v>
      </c>
      <c r="L641" s="58">
        <f>Bühler!L667</f>
        <v>1.848244687211158</v>
      </c>
      <c r="M641" s="57">
        <f>Bühler!M667</f>
        <v>0</v>
      </c>
      <c r="N641" s="55">
        <f>IF(Input!$K$13=1,J641*Input!$J$13,0)+IF(Input!$K$14=1,K641*Input!$J$14,0)+IF(Input!$K$15=1,L641*Input!$J$15,0)+IF(Input!$K$16=1,M641*Input!$J$16,0)</f>
        <v>11.867220577895676</v>
      </c>
      <c r="O641" s="58">
        <f>IF(Input!$K$13=2,J641*Input!$J$13,0)+IF(Input!$K$14=2,K641*Input!$J$14,0)+IF(Input!$K$15=2,L641*Input!$J$15,0)+IF(Input!$K$16=2,M641*Input!$J$16,0)</f>
        <v>0.49902606554701268</v>
      </c>
      <c r="P641" s="58">
        <f>IF(Input!$K$13=3,J641*Input!$J$13,0)+IF(Input!$K$14=3,K641*Input!$J$14,0)+IF(Input!$K$15=3,L641*Input!$J$15,0)+IF(Input!$K$16=3,M641*Input!$J$16,0)</f>
        <v>0</v>
      </c>
      <c r="Q641" s="71">
        <f>IF(Input!$K$13=4,J641*Input!$J$13,0)+IF(Input!$K$14=4,K641*Input!$J$14,0)+IF(Input!$K$15=4,L641*Input!$J$15,0)+IF(Input!$K$16=4,M641*Input!$J$16,0)</f>
        <v>0</v>
      </c>
    </row>
    <row r="642" spans="8:17" x14ac:dyDescent="0.25">
      <c r="H642" s="43">
        <v>635</v>
      </c>
      <c r="I642" s="55">
        <f>Bühler!I668</f>
        <v>21.546139822949069</v>
      </c>
      <c r="J642" s="58">
        <f>Bühler!J668</f>
        <v>98.8935048157973</v>
      </c>
      <c r="K642" s="58">
        <f>Bühler!K668</f>
        <v>3.696489374422316</v>
      </c>
      <c r="L642" s="58">
        <f>Bühler!L668</f>
        <v>1.848244687211158</v>
      </c>
      <c r="M642" s="57">
        <f>Bühler!M668</f>
        <v>0</v>
      </c>
      <c r="N642" s="55">
        <f>IF(Input!$K$13=1,J642*Input!$J$13,0)+IF(Input!$K$14=1,K642*Input!$J$14,0)+IF(Input!$K$15=1,L642*Input!$J$15,0)+IF(Input!$K$16=1,M642*Input!$J$16,0)</f>
        <v>11.867220577895676</v>
      </c>
      <c r="O642" s="58">
        <f>IF(Input!$K$13=2,J642*Input!$J$13,0)+IF(Input!$K$14=2,K642*Input!$J$14,0)+IF(Input!$K$15=2,L642*Input!$J$15,0)+IF(Input!$K$16=2,M642*Input!$J$16,0)</f>
        <v>0.49902606554701268</v>
      </c>
      <c r="P642" s="58">
        <f>IF(Input!$K$13=3,J642*Input!$J$13,0)+IF(Input!$K$14=3,K642*Input!$J$14,0)+IF(Input!$K$15=3,L642*Input!$J$15,0)+IF(Input!$K$16=3,M642*Input!$J$16,0)</f>
        <v>0</v>
      </c>
      <c r="Q642" s="71">
        <f>IF(Input!$K$13=4,J642*Input!$J$13,0)+IF(Input!$K$14=4,K642*Input!$J$14,0)+IF(Input!$K$15=4,L642*Input!$J$15,0)+IF(Input!$K$16=4,M642*Input!$J$16,0)</f>
        <v>0</v>
      </c>
    </row>
    <row r="643" spans="8:17" x14ac:dyDescent="0.25">
      <c r="H643" s="43">
        <v>636</v>
      </c>
      <c r="I643" s="55">
        <f>Bühler!I669</f>
        <v>25.463619790757988</v>
      </c>
      <c r="J643" s="58">
        <f>Bühler!J669</f>
        <v>116.87414205503319</v>
      </c>
      <c r="K643" s="58">
        <f>Bühler!K669</f>
        <v>4.3685783515900107</v>
      </c>
      <c r="L643" s="58">
        <f>Bühler!L669</f>
        <v>2.1842891757950054</v>
      </c>
      <c r="M643" s="57">
        <f>Bühler!M669</f>
        <v>0</v>
      </c>
      <c r="N643" s="55">
        <f>IF(Input!$K$13=1,J643*Input!$J$13,0)+IF(Input!$K$14=1,K643*Input!$J$14,0)+IF(Input!$K$15=1,L643*Input!$J$15,0)+IF(Input!$K$16=1,M643*Input!$J$16,0)</f>
        <v>14.024897046603982</v>
      </c>
      <c r="O643" s="58">
        <f>IF(Input!$K$13=2,J643*Input!$J$13,0)+IF(Input!$K$14=2,K643*Input!$J$14,0)+IF(Input!$K$15=2,L643*Input!$J$15,0)+IF(Input!$K$16=2,M643*Input!$J$16,0)</f>
        <v>0.58975807746465136</v>
      </c>
      <c r="P643" s="58">
        <f>IF(Input!$K$13=3,J643*Input!$J$13,0)+IF(Input!$K$14=3,K643*Input!$J$14,0)+IF(Input!$K$15=3,L643*Input!$J$15,0)+IF(Input!$K$16=3,M643*Input!$J$16,0)</f>
        <v>0</v>
      </c>
      <c r="Q643" s="71">
        <f>IF(Input!$K$13=4,J643*Input!$J$13,0)+IF(Input!$K$14=4,K643*Input!$J$14,0)+IF(Input!$K$15=4,L643*Input!$J$15,0)+IF(Input!$K$16=4,M643*Input!$J$16,0)</f>
        <v>0</v>
      </c>
    </row>
    <row r="644" spans="8:17" x14ac:dyDescent="0.25">
      <c r="H644" s="43">
        <v>637</v>
      </c>
      <c r="I644" s="55">
        <f>Bühler!I670</f>
        <v>25.463619790757988</v>
      </c>
      <c r="J644" s="58">
        <f>Bühler!J670</f>
        <v>116.87414205503319</v>
      </c>
      <c r="K644" s="58">
        <f>Bühler!K670</f>
        <v>4.3685783515900107</v>
      </c>
      <c r="L644" s="58">
        <f>Bühler!L670</f>
        <v>2.1842891757950054</v>
      </c>
      <c r="M644" s="57">
        <f>Bühler!M670</f>
        <v>0</v>
      </c>
      <c r="N644" s="55">
        <f>IF(Input!$K$13=1,J644*Input!$J$13,0)+IF(Input!$K$14=1,K644*Input!$J$14,0)+IF(Input!$K$15=1,L644*Input!$J$15,0)+IF(Input!$K$16=1,M644*Input!$J$16,0)</f>
        <v>14.024897046603982</v>
      </c>
      <c r="O644" s="58">
        <f>IF(Input!$K$13=2,J644*Input!$J$13,0)+IF(Input!$K$14=2,K644*Input!$J$14,0)+IF(Input!$K$15=2,L644*Input!$J$15,0)+IF(Input!$K$16=2,M644*Input!$J$16,0)</f>
        <v>0.58975807746465136</v>
      </c>
      <c r="P644" s="58">
        <f>IF(Input!$K$13=3,J644*Input!$J$13,0)+IF(Input!$K$14=3,K644*Input!$J$14,0)+IF(Input!$K$15=3,L644*Input!$J$15,0)+IF(Input!$K$16=3,M644*Input!$J$16,0)</f>
        <v>0</v>
      </c>
      <c r="Q644" s="71">
        <f>IF(Input!$K$13=4,J644*Input!$J$13,0)+IF(Input!$K$14=4,K644*Input!$J$14,0)+IF(Input!$K$15=4,L644*Input!$J$15,0)+IF(Input!$K$16=4,M644*Input!$J$16,0)</f>
        <v>0</v>
      </c>
    </row>
    <row r="645" spans="8:17" x14ac:dyDescent="0.25">
      <c r="H645" s="43">
        <v>638</v>
      </c>
      <c r="I645" s="55">
        <f>Bühler!I671</f>
        <v>17.628659855140146</v>
      </c>
      <c r="J645" s="58">
        <f>Bühler!J671</f>
        <v>80.912867576561439</v>
      </c>
      <c r="K645" s="58">
        <f>Bühler!K671</f>
        <v>3.0244003972546225</v>
      </c>
      <c r="L645" s="58">
        <f>Bühler!L671</f>
        <v>1.5122001986273113</v>
      </c>
      <c r="M645" s="57">
        <f>Bühler!M671</f>
        <v>0</v>
      </c>
      <c r="N645" s="55">
        <f>IF(Input!$K$13=1,J645*Input!$J$13,0)+IF(Input!$K$14=1,K645*Input!$J$14,0)+IF(Input!$K$15=1,L645*Input!$J$15,0)+IF(Input!$K$16=1,M645*Input!$J$16,0)</f>
        <v>9.7095441091873731</v>
      </c>
      <c r="O645" s="58">
        <f>IF(Input!$K$13=2,J645*Input!$J$13,0)+IF(Input!$K$14=2,K645*Input!$J$14,0)+IF(Input!$K$15=2,L645*Input!$J$15,0)+IF(Input!$K$16=2,M645*Input!$J$16,0)</f>
        <v>0.40829405362937399</v>
      </c>
      <c r="P645" s="58">
        <f>IF(Input!$K$13=3,J645*Input!$J$13,0)+IF(Input!$K$14=3,K645*Input!$J$14,0)+IF(Input!$K$15=3,L645*Input!$J$15,0)+IF(Input!$K$16=3,M645*Input!$J$16,0)</f>
        <v>0</v>
      </c>
      <c r="Q645" s="71">
        <f>IF(Input!$K$13=4,J645*Input!$J$13,0)+IF(Input!$K$14=4,K645*Input!$J$14,0)+IF(Input!$K$15=4,L645*Input!$J$15,0)+IF(Input!$K$16=4,M645*Input!$J$16,0)</f>
        <v>0</v>
      </c>
    </row>
    <row r="646" spans="8:17" x14ac:dyDescent="0.25">
      <c r="H646" s="43">
        <v>639</v>
      </c>
      <c r="I646" s="55">
        <f>Bühler!I672</f>
        <v>25.463619790757988</v>
      </c>
      <c r="J646" s="58">
        <f>Bühler!J672</f>
        <v>116.87414205503319</v>
      </c>
      <c r="K646" s="58">
        <f>Bühler!K672</f>
        <v>4.3685783515900107</v>
      </c>
      <c r="L646" s="58">
        <f>Bühler!L672</f>
        <v>2.1842891757950054</v>
      </c>
      <c r="M646" s="57">
        <f>Bühler!M672</f>
        <v>0</v>
      </c>
      <c r="N646" s="55">
        <f>IF(Input!$K$13=1,J646*Input!$J$13,0)+IF(Input!$K$14=1,K646*Input!$J$14,0)+IF(Input!$K$15=1,L646*Input!$J$15,0)+IF(Input!$K$16=1,M646*Input!$J$16,0)</f>
        <v>14.024897046603982</v>
      </c>
      <c r="O646" s="58">
        <f>IF(Input!$K$13=2,J646*Input!$J$13,0)+IF(Input!$K$14=2,K646*Input!$J$14,0)+IF(Input!$K$15=2,L646*Input!$J$15,0)+IF(Input!$K$16=2,M646*Input!$J$16,0)</f>
        <v>0.58975807746465136</v>
      </c>
      <c r="P646" s="58">
        <f>IF(Input!$K$13=3,J646*Input!$J$13,0)+IF(Input!$K$14=3,K646*Input!$J$14,0)+IF(Input!$K$15=3,L646*Input!$J$15,0)+IF(Input!$K$16=3,M646*Input!$J$16,0)</f>
        <v>0</v>
      </c>
      <c r="Q646" s="71">
        <f>IF(Input!$K$13=4,J646*Input!$J$13,0)+IF(Input!$K$14=4,K646*Input!$J$14,0)+IF(Input!$K$15=4,L646*Input!$J$15,0)+IF(Input!$K$16=4,M646*Input!$J$16,0)</f>
        <v>0</v>
      </c>
    </row>
    <row r="647" spans="8:17" x14ac:dyDescent="0.25">
      <c r="H647" s="43">
        <v>640</v>
      </c>
      <c r="I647" s="55">
        <f>Bühler!I673</f>
        <v>21.546139822949069</v>
      </c>
      <c r="J647" s="58">
        <f>Bühler!J673</f>
        <v>92.025154512075872</v>
      </c>
      <c r="K647" s="58">
        <f>Bühler!K673</f>
        <v>3.3604448858384695</v>
      </c>
      <c r="L647" s="58">
        <f>Bühler!L673</f>
        <v>1.6802224429192347</v>
      </c>
      <c r="M647" s="57">
        <f>Bühler!M673</f>
        <v>0</v>
      </c>
      <c r="N647" s="55">
        <f>IF(Input!$K$13=1,J647*Input!$J$13,0)+IF(Input!$K$14=1,K647*Input!$J$14,0)+IF(Input!$K$15=1,L647*Input!$J$15,0)+IF(Input!$K$16=1,M647*Input!$J$16,0)</f>
        <v>11.043018541449104</v>
      </c>
      <c r="O647" s="58">
        <f>IF(Input!$K$13=2,J647*Input!$J$13,0)+IF(Input!$K$14=2,K647*Input!$J$14,0)+IF(Input!$K$15=2,L647*Input!$J$15,0)+IF(Input!$K$16=2,M647*Input!$J$16,0)</f>
        <v>0.45366005958819333</v>
      </c>
      <c r="P647" s="58">
        <f>IF(Input!$K$13=3,J647*Input!$J$13,0)+IF(Input!$K$14=3,K647*Input!$J$14,0)+IF(Input!$K$15=3,L647*Input!$J$15,0)+IF(Input!$K$16=3,M647*Input!$J$16,0)</f>
        <v>0</v>
      </c>
      <c r="Q647" s="71">
        <f>IF(Input!$K$13=4,J647*Input!$J$13,0)+IF(Input!$K$14=4,K647*Input!$J$14,0)+IF(Input!$K$15=4,L647*Input!$J$15,0)+IF(Input!$K$16=4,M647*Input!$J$16,0)</f>
        <v>0</v>
      </c>
    </row>
    <row r="648" spans="8:17" x14ac:dyDescent="0.25">
      <c r="H648" s="43">
        <v>641</v>
      </c>
      <c r="I648" s="55">
        <f>Bühler!I674</f>
        <v>18.654666513375819</v>
      </c>
      <c r="J648" s="58">
        <f>Bühler!J674</f>
        <v>52.454998129966711</v>
      </c>
      <c r="K648" s="58">
        <f>Bühler!K674</f>
        <v>1.5776736553232253</v>
      </c>
      <c r="L648" s="58">
        <f>Bühler!L674</f>
        <v>0.78883682766161267</v>
      </c>
      <c r="M648" s="57">
        <f>Bühler!M674</f>
        <v>0</v>
      </c>
      <c r="N648" s="55">
        <f>IF(Input!$K$13=1,J648*Input!$J$13,0)+IF(Input!$K$14=1,K648*Input!$J$14,0)+IF(Input!$K$15=1,L648*Input!$J$15,0)+IF(Input!$K$16=1,M648*Input!$J$16,0)</f>
        <v>6.294599775596005</v>
      </c>
      <c r="O648" s="58">
        <f>IF(Input!$K$13=2,J648*Input!$J$13,0)+IF(Input!$K$14=2,K648*Input!$J$14,0)+IF(Input!$K$15=2,L648*Input!$J$15,0)+IF(Input!$K$16=2,M648*Input!$J$16,0)</f>
        <v>0.21298594346863542</v>
      </c>
      <c r="P648" s="58">
        <f>IF(Input!$K$13=3,J648*Input!$J$13,0)+IF(Input!$K$14=3,K648*Input!$J$14,0)+IF(Input!$K$15=3,L648*Input!$J$15,0)+IF(Input!$K$16=3,M648*Input!$J$16,0)</f>
        <v>0</v>
      </c>
      <c r="Q648" s="71">
        <f>IF(Input!$K$13=4,J648*Input!$J$13,0)+IF(Input!$K$14=4,K648*Input!$J$14,0)+IF(Input!$K$15=4,L648*Input!$J$15,0)+IF(Input!$K$16=4,M648*Input!$J$16,0)</f>
        <v>0</v>
      </c>
    </row>
    <row r="649" spans="8:17" x14ac:dyDescent="0.25">
      <c r="H649" s="43">
        <v>642</v>
      </c>
      <c r="I649" s="55">
        <f>Bühler!I675</f>
        <v>15.669919871235685</v>
      </c>
      <c r="J649" s="58">
        <f>Bühler!J675</f>
        <v>38.257958735886319</v>
      </c>
      <c r="K649" s="58">
        <f>Bühler!K675</f>
        <v>1.0412646125133287</v>
      </c>
      <c r="L649" s="58">
        <f>Bühler!L675</f>
        <v>0.52063230625666435</v>
      </c>
      <c r="M649" s="57">
        <f>Bühler!M675</f>
        <v>0</v>
      </c>
      <c r="N649" s="55">
        <f>IF(Input!$K$13=1,J649*Input!$J$13,0)+IF(Input!$K$14=1,K649*Input!$J$14,0)+IF(Input!$K$15=1,L649*Input!$J$15,0)+IF(Input!$K$16=1,M649*Input!$J$16,0)</f>
        <v>4.5909550483063581</v>
      </c>
      <c r="O649" s="58">
        <f>IF(Input!$K$13=2,J649*Input!$J$13,0)+IF(Input!$K$14=2,K649*Input!$J$14,0)+IF(Input!$K$15=2,L649*Input!$J$15,0)+IF(Input!$K$16=2,M649*Input!$J$16,0)</f>
        <v>0.14057072268929938</v>
      </c>
      <c r="P649" s="58">
        <f>IF(Input!$K$13=3,J649*Input!$J$13,0)+IF(Input!$K$14=3,K649*Input!$J$14,0)+IF(Input!$K$15=3,L649*Input!$J$15,0)+IF(Input!$K$16=3,M649*Input!$J$16,0)</f>
        <v>0</v>
      </c>
      <c r="Q649" s="71">
        <f>IF(Input!$K$13=4,J649*Input!$J$13,0)+IF(Input!$K$14=4,K649*Input!$J$14,0)+IF(Input!$K$15=4,L649*Input!$J$15,0)+IF(Input!$K$16=4,M649*Input!$J$16,0)</f>
        <v>0</v>
      </c>
    </row>
    <row r="650" spans="8:17" x14ac:dyDescent="0.25">
      <c r="H650" s="43">
        <v>643</v>
      </c>
      <c r="I650" s="55">
        <f>Bühler!I676</f>
        <v>5.7829466191465029</v>
      </c>
      <c r="J650" s="58">
        <f>Bühler!J676</f>
        <v>19.808084788408731</v>
      </c>
      <c r="K650" s="58">
        <f>Bühler!K676</f>
        <v>0.66262293523575455</v>
      </c>
      <c r="L650" s="58">
        <f>Bühler!L676</f>
        <v>0.33131146761787728</v>
      </c>
      <c r="M650" s="57">
        <f>Bühler!M676</f>
        <v>0</v>
      </c>
      <c r="N650" s="55">
        <f>IF(Input!$K$13=1,J650*Input!$J$13,0)+IF(Input!$K$14=1,K650*Input!$J$14,0)+IF(Input!$K$15=1,L650*Input!$J$15,0)+IF(Input!$K$16=1,M650*Input!$J$16,0)</f>
        <v>2.3769701746090477</v>
      </c>
      <c r="O650" s="58">
        <f>IF(Input!$K$13=2,J650*Input!$J$13,0)+IF(Input!$K$14=2,K650*Input!$J$14,0)+IF(Input!$K$15=2,L650*Input!$J$15,0)+IF(Input!$K$16=2,M650*Input!$J$16,0)</f>
        <v>8.9454096256826862E-2</v>
      </c>
      <c r="P650" s="58">
        <f>IF(Input!$K$13=3,J650*Input!$J$13,0)+IF(Input!$K$14=3,K650*Input!$J$14,0)+IF(Input!$K$15=3,L650*Input!$J$15,0)+IF(Input!$K$16=3,M650*Input!$J$16,0)</f>
        <v>0</v>
      </c>
      <c r="Q650" s="71">
        <f>IF(Input!$K$13=4,J650*Input!$J$13,0)+IF(Input!$K$14=4,K650*Input!$J$14,0)+IF(Input!$K$15=4,L650*Input!$J$15,0)+IF(Input!$K$16=4,M650*Input!$J$16,0)</f>
        <v>0</v>
      </c>
    </row>
    <row r="651" spans="8:17" x14ac:dyDescent="0.25">
      <c r="H651" s="43">
        <v>644</v>
      </c>
      <c r="I651" s="55">
        <f>Bühler!I677</f>
        <v>5.7829466191465029</v>
      </c>
      <c r="J651" s="58">
        <f>Bühler!J677</f>
        <v>19.163169266932542</v>
      </c>
      <c r="K651" s="58">
        <f>Bühler!K677</f>
        <v>0.63106946212929016</v>
      </c>
      <c r="L651" s="58">
        <f>Bühler!L677</f>
        <v>0.31553473106464508</v>
      </c>
      <c r="M651" s="57">
        <f>Bühler!M677</f>
        <v>0</v>
      </c>
      <c r="N651" s="55">
        <f>IF(Input!$K$13=1,J651*Input!$J$13,0)+IF(Input!$K$14=1,K651*Input!$J$14,0)+IF(Input!$K$15=1,L651*Input!$J$15,0)+IF(Input!$K$16=1,M651*Input!$J$16,0)</f>
        <v>2.2995803120319049</v>
      </c>
      <c r="O651" s="58">
        <f>IF(Input!$K$13=2,J651*Input!$J$13,0)+IF(Input!$K$14=2,K651*Input!$J$14,0)+IF(Input!$K$15=2,L651*Input!$J$15,0)+IF(Input!$K$16=2,M651*Input!$J$16,0)</f>
        <v>8.5194377387454168E-2</v>
      </c>
      <c r="P651" s="58">
        <f>IF(Input!$K$13=3,J651*Input!$J$13,0)+IF(Input!$K$14=3,K651*Input!$J$14,0)+IF(Input!$K$15=3,L651*Input!$J$15,0)+IF(Input!$K$16=3,M651*Input!$J$16,0)</f>
        <v>0</v>
      </c>
      <c r="Q651" s="71">
        <f>IF(Input!$K$13=4,J651*Input!$J$13,0)+IF(Input!$K$14=4,K651*Input!$J$14,0)+IF(Input!$K$15=4,L651*Input!$J$15,0)+IF(Input!$K$16=4,M651*Input!$J$16,0)</f>
        <v>0</v>
      </c>
    </row>
    <row r="652" spans="8:17" x14ac:dyDescent="0.25">
      <c r="H652" s="43">
        <v>645</v>
      </c>
      <c r="I652" s="55">
        <f>Bühler!I678</f>
        <v>5.7829466191465029</v>
      </c>
      <c r="J652" s="58">
        <f>Bühler!J678</f>
        <v>19.163169266932542</v>
      </c>
      <c r="K652" s="58">
        <f>Bühler!K678</f>
        <v>0.63106946212929016</v>
      </c>
      <c r="L652" s="58">
        <f>Bühler!L678</f>
        <v>0.31553473106464508</v>
      </c>
      <c r="M652" s="57">
        <f>Bühler!M678</f>
        <v>0</v>
      </c>
      <c r="N652" s="55">
        <f>IF(Input!$K$13=1,J652*Input!$J$13,0)+IF(Input!$K$14=1,K652*Input!$J$14,0)+IF(Input!$K$15=1,L652*Input!$J$15,0)+IF(Input!$K$16=1,M652*Input!$J$16,0)</f>
        <v>2.2995803120319049</v>
      </c>
      <c r="O652" s="58">
        <f>IF(Input!$K$13=2,J652*Input!$J$13,0)+IF(Input!$K$14=2,K652*Input!$J$14,0)+IF(Input!$K$15=2,L652*Input!$J$15,0)+IF(Input!$K$16=2,M652*Input!$J$16,0)</f>
        <v>8.5194377387454168E-2</v>
      </c>
      <c r="P652" s="58">
        <f>IF(Input!$K$13=3,J652*Input!$J$13,0)+IF(Input!$K$14=3,K652*Input!$J$14,0)+IF(Input!$K$15=3,L652*Input!$J$15,0)+IF(Input!$K$16=3,M652*Input!$J$16,0)</f>
        <v>0</v>
      </c>
      <c r="Q652" s="71">
        <f>IF(Input!$K$13=4,J652*Input!$J$13,0)+IF(Input!$K$14=4,K652*Input!$J$14,0)+IF(Input!$K$15=4,L652*Input!$J$15,0)+IF(Input!$K$16=4,M652*Input!$J$16,0)</f>
        <v>0</v>
      </c>
    </row>
    <row r="653" spans="8:17" x14ac:dyDescent="0.25">
      <c r="H653" s="43">
        <v>646</v>
      </c>
      <c r="I653" s="55">
        <f>Bühler!I679</f>
        <v>5.7829466191465029</v>
      </c>
      <c r="J653" s="58">
        <f>Bühler!J679</f>
        <v>19.163169266932542</v>
      </c>
      <c r="K653" s="58">
        <f>Bühler!K679</f>
        <v>0.63106946212929016</v>
      </c>
      <c r="L653" s="58">
        <f>Bühler!L679</f>
        <v>0.31553473106464508</v>
      </c>
      <c r="M653" s="57">
        <f>Bühler!M679</f>
        <v>0</v>
      </c>
      <c r="N653" s="55">
        <f>IF(Input!$K$13=1,J653*Input!$J$13,0)+IF(Input!$K$14=1,K653*Input!$J$14,0)+IF(Input!$K$15=1,L653*Input!$J$15,0)+IF(Input!$K$16=1,M653*Input!$J$16,0)</f>
        <v>2.2995803120319049</v>
      </c>
      <c r="O653" s="58">
        <f>IF(Input!$K$13=2,J653*Input!$J$13,0)+IF(Input!$K$14=2,K653*Input!$J$14,0)+IF(Input!$K$15=2,L653*Input!$J$15,0)+IF(Input!$K$16=2,M653*Input!$J$16,0)</f>
        <v>8.5194377387454168E-2</v>
      </c>
      <c r="P653" s="58">
        <f>IF(Input!$K$13=3,J653*Input!$J$13,0)+IF(Input!$K$14=3,K653*Input!$J$14,0)+IF(Input!$K$15=3,L653*Input!$J$15,0)+IF(Input!$K$16=3,M653*Input!$J$16,0)</f>
        <v>0</v>
      </c>
      <c r="Q653" s="71">
        <f>IF(Input!$K$13=4,J653*Input!$J$13,0)+IF(Input!$K$14=4,K653*Input!$J$14,0)+IF(Input!$K$15=4,L653*Input!$J$15,0)+IF(Input!$K$16=4,M653*Input!$J$16,0)</f>
        <v>0</v>
      </c>
    </row>
    <row r="654" spans="8:17" x14ac:dyDescent="0.25">
      <c r="H654" s="43">
        <v>647</v>
      </c>
      <c r="I654" s="55">
        <f>Bühler!I680</f>
        <v>5.7829466191465029</v>
      </c>
      <c r="J654" s="58">
        <f>Bühler!J680</f>
        <v>19.163169266932542</v>
      </c>
      <c r="K654" s="58">
        <f>Bühler!K680</f>
        <v>0.63106946212929016</v>
      </c>
      <c r="L654" s="58">
        <f>Bühler!L680</f>
        <v>0.31553473106464508</v>
      </c>
      <c r="M654" s="57">
        <f>Bühler!M680</f>
        <v>0</v>
      </c>
      <c r="N654" s="55">
        <f>IF(Input!$K$13=1,J654*Input!$J$13,0)+IF(Input!$K$14=1,K654*Input!$J$14,0)+IF(Input!$K$15=1,L654*Input!$J$15,0)+IF(Input!$K$16=1,M654*Input!$J$16,0)</f>
        <v>2.2995803120319049</v>
      </c>
      <c r="O654" s="58">
        <f>IF(Input!$K$13=2,J654*Input!$J$13,0)+IF(Input!$K$14=2,K654*Input!$J$14,0)+IF(Input!$K$15=2,L654*Input!$J$15,0)+IF(Input!$K$16=2,M654*Input!$J$16,0)</f>
        <v>8.5194377387454168E-2</v>
      </c>
      <c r="P654" s="58">
        <f>IF(Input!$K$13=3,J654*Input!$J$13,0)+IF(Input!$K$14=3,K654*Input!$J$14,0)+IF(Input!$K$15=3,L654*Input!$J$15,0)+IF(Input!$K$16=3,M654*Input!$J$16,0)</f>
        <v>0</v>
      </c>
      <c r="Q654" s="71">
        <f>IF(Input!$K$13=4,J654*Input!$J$13,0)+IF(Input!$K$14=4,K654*Input!$J$14,0)+IF(Input!$K$15=4,L654*Input!$J$15,0)+IF(Input!$K$16=4,M654*Input!$J$16,0)</f>
        <v>0</v>
      </c>
    </row>
    <row r="655" spans="8:17" x14ac:dyDescent="0.25">
      <c r="H655" s="43">
        <v>648</v>
      </c>
      <c r="I655" s="55">
        <f>Bühler!I681</f>
        <v>5.7829466191465029</v>
      </c>
      <c r="J655" s="58">
        <f>Bühler!J681</f>
        <v>19.163169266932542</v>
      </c>
      <c r="K655" s="58">
        <f>Bühler!K681</f>
        <v>0.63106946212929016</v>
      </c>
      <c r="L655" s="58">
        <f>Bühler!L681</f>
        <v>0.31553473106464508</v>
      </c>
      <c r="M655" s="57">
        <f>Bühler!M681</f>
        <v>0</v>
      </c>
      <c r="N655" s="55">
        <f>IF(Input!$K$13=1,J655*Input!$J$13,0)+IF(Input!$K$14=1,K655*Input!$J$14,0)+IF(Input!$K$15=1,L655*Input!$J$15,0)+IF(Input!$K$16=1,M655*Input!$J$16,0)</f>
        <v>2.2995803120319049</v>
      </c>
      <c r="O655" s="58">
        <f>IF(Input!$K$13=2,J655*Input!$J$13,0)+IF(Input!$K$14=2,K655*Input!$J$14,0)+IF(Input!$K$15=2,L655*Input!$J$15,0)+IF(Input!$K$16=2,M655*Input!$J$16,0)</f>
        <v>8.5194377387454168E-2</v>
      </c>
      <c r="P655" s="58">
        <f>IF(Input!$K$13=3,J655*Input!$J$13,0)+IF(Input!$K$14=3,K655*Input!$J$14,0)+IF(Input!$K$15=3,L655*Input!$J$15,0)+IF(Input!$K$16=3,M655*Input!$J$16,0)</f>
        <v>0</v>
      </c>
      <c r="Q655" s="71">
        <f>IF(Input!$K$13=4,J655*Input!$J$13,0)+IF(Input!$K$14=4,K655*Input!$J$14,0)+IF(Input!$K$15=4,L655*Input!$J$15,0)+IF(Input!$K$16=4,M655*Input!$J$16,0)</f>
        <v>0</v>
      </c>
    </row>
    <row r="656" spans="8:17" x14ac:dyDescent="0.25">
      <c r="H656" s="43">
        <v>649</v>
      </c>
      <c r="I656" s="55">
        <f>Bühler!I682</f>
        <v>2.6862538165353227</v>
      </c>
      <c r="J656" s="58">
        <f>Bühler!J682</f>
        <v>21.592608895636676</v>
      </c>
      <c r="K656" s="58">
        <f>Bühler!K682</f>
        <v>0.53027033721768713</v>
      </c>
      <c r="L656" s="58">
        <f>Bühler!L682</f>
        <v>0.26513516860884356</v>
      </c>
      <c r="M656" s="57">
        <f>Bühler!M682</f>
        <v>0</v>
      </c>
      <c r="N656" s="55">
        <f>IF(Input!$K$13=1,J656*Input!$J$13,0)+IF(Input!$K$14=1,K656*Input!$J$14,0)+IF(Input!$K$15=1,L656*Input!$J$15,0)+IF(Input!$K$16=1,M656*Input!$J$16,0)</f>
        <v>2.5911130674764009</v>
      </c>
      <c r="O656" s="58">
        <f>IF(Input!$K$13=2,J656*Input!$J$13,0)+IF(Input!$K$14=2,K656*Input!$J$14,0)+IF(Input!$K$15=2,L656*Input!$J$15,0)+IF(Input!$K$16=2,M656*Input!$J$16,0)</f>
        <v>7.1586495524387755E-2</v>
      </c>
      <c r="P656" s="58">
        <f>IF(Input!$K$13=3,J656*Input!$J$13,0)+IF(Input!$K$14=3,K656*Input!$J$14,0)+IF(Input!$K$15=3,L656*Input!$J$15,0)+IF(Input!$K$16=3,M656*Input!$J$16,0)</f>
        <v>0</v>
      </c>
      <c r="Q656" s="71">
        <f>IF(Input!$K$13=4,J656*Input!$J$13,0)+IF(Input!$K$14=4,K656*Input!$J$14,0)+IF(Input!$K$15=4,L656*Input!$J$15,0)+IF(Input!$K$16=4,M656*Input!$J$16,0)</f>
        <v>0</v>
      </c>
    </row>
    <row r="657" spans="8:17" x14ac:dyDescent="0.25">
      <c r="H657" s="43">
        <v>650</v>
      </c>
      <c r="I657" s="55">
        <f>Bühler!I683</f>
        <v>5.2445907846642026</v>
      </c>
      <c r="J657" s="58">
        <f>Bühler!J683</f>
        <v>20.513343910636365</v>
      </c>
      <c r="K657" s="58">
        <f>Bühler!K683</f>
        <v>0.47724330349591837</v>
      </c>
      <c r="L657" s="58">
        <f>Bühler!L683</f>
        <v>0.23862165174795918</v>
      </c>
      <c r="M657" s="57">
        <f>Bühler!M683</f>
        <v>0</v>
      </c>
      <c r="N657" s="55">
        <f>IF(Input!$K$13=1,J657*Input!$J$13,0)+IF(Input!$K$14=1,K657*Input!$J$14,0)+IF(Input!$K$15=1,L657*Input!$J$15,0)+IF(Input!$K$16=1,M657*Input!$J$16,0)</f>
        <v>2.4616012692763638</v>
      </c>
      <c r="O657" s="58">
        <f>IF(Input!$K$13=2,J657*Input!$J$13,0)+IF(Input!$K$14=2,K657*Input!$J$14,0)+IF(Input!$K$15=2,L657*Input!$J$15,0)+IF(Input!$K$16=2,M657*Input!$J$16,0)</f>
        <v>6.4427845971948977E-2</v>
      </c>
      <c r="P657" s="58">
        <f>IF(Input!$K$13=3,J657*Input!$J$13,0)+IF(Input!$K$14=3,K657*Input!$J$14,0)+IF(Input!$K$15=3,L657*Input!$J$15,0)+IF(Input!$K$16=3,M657*Input!$J$16,0)</f>
        <v>0</v>
      </c>
      <c r="Q657" s="71">
        <f>IF(Input!$K$13=4,J657*Input!$J$13,0)+IF(Input!$K$14=4,K657*Input!$J$14,0)+IF(Input!$K$15=4,L657*Input!$J$15,0)+IF(Input!$K$16=4,M657*Input!$J$16,0)</f>
        <v>0</v>
      </c>
    </row>
    <row r="658" spans="8:17" x14ac:dyDescent="0.25">
      <c r="H658" s="43">
        <v>651</v>
      </c>
      <c r="I658" s="55">
        <f>Bühler!I684</f>
        <v>5.2445907846642026</v>
      </c>
      <c r="J658" s="58">
        <f>Bühler!J684</f>
        <v>20.513343910636365</v>
      </c>
      <c r="K658" s="58">
        <f>Bühler!K684</f>
        <v>0.47724330349591837</v>
      </c>
      <c r="L658" s="58">
        <f>Bühler!L684</f>
        <v>0.23862165174795918</v>
      </c>
      <c r="M658" s="57">
        <f>Bühler!M684</f>
        <v>0</v>
      </c>
      <c r="N658" s="55">
        <f>IF(Input!$K$13=1,J658*Input!$J$13,0)+IF(Input!$K$14=1,K658*Input!$J$14,0)+IF(Input!$K$15=1,L658*Input!$J$15,0)+IF(Input!$K$16=1,M658*Input!$J$16,0)</f>
        <v>2.4616012692763638</v>
      </c>
      <c r="O658" s="58">
        <f>IF(Input!$K$13=2,J658*Input!$J$13,0)+IF(Input!$K$14=2,K658*Input!$J$14,0)+IF(Input!$K$15=2,L658*Input!$J$15,0)+IF(Input!$K$16=2,M658*Input!$J$16,0)</f>
        <v>6.4427845971948977E-2</v>
      </c>
      <c r="P658" s="58">
        <f>IF(Input!$K$13=3,J658*Input!$J$13,0)+IF(Input!$K$14=3,K658*Input!$J$14,0)+IF(Input!$K$15=3,L658*Input!$J$15,0)+IF(Input!$K$16=3,M658*Input!$J$16,0)</f>
        <v>0</v>
      </c>
      <c r="Q658" s="71">
        <f>IF(Input!$K$13=4,J658*Input!$J$13,0)+IF(Input!$K$14=4,K658*Input!$J$14,0)+IF(Input!$K$15=4,L658*Input!$J$15,0)+IF(Input!$K$16=4,M658*Input!$J$16,0)</f>
        <v>0</v>
      </c>
    </row>
    <row r="659" spans="8:17" x14ac:dyDescent="0.25">
      <c r="H659" s="43">
        <v>652</v>
      </c>
      <c r="I659" s="55">
        <f>Bühler!I685</f>
        <v>5.2445907846642026</v>
      </c>
      <c r="J659" s="58">
        <f>Bühler!J685</f>
        <v>20.513343910636365</v>
      </c>
      <c r="K659" s="58">
        <f>Bühler!K685</f>
        <v>0.47724330349591837</v>
      </c>
      <c r="L659" s="58">
        <f>Bühler!L685</f>
        <v>0.23862165174795918</v>
      </c>
      <c r="M659" s="57">
        <f>Bühler!M685</f>
        <v>0</v>
      </c>
      <c r="N659" s="55">
        <f>IF(Input!$K$13=1,J659*Input!$J$13,0)+IF(Input!$K$14=1,K659*Input!$J$14,0)+IF(Input!$K$15=1,L659*Input!$J$15,0)+IF(Input!$K$16=1,M659*Input!$J$16,0)</f>
        <v>2.4616012692763638</v>
      </c>
      <c r="O659" s="58">
        <f>IF(Input!$K$13=2,J659*Input!$J$13,0)+IF(Input!$K$14=2,K659*Input!$J$14,0)+IF(Input!$K$15=2,L659*Input!$J$15,0)+IF(Input!$K$16=2,M659*Input!$J$16,0)</f>
        <v>6.4427845971948977E-2</v>
      </c>
      <c r="P659" s="58">
        <f>IF(Input!$K$13=3,J659*Input!$J$13,0)+IF(Input!$K$14=3,K659*Input!$J$14,0)+IF(Input!$K$15=3,L659*Input!$J$15,0)+IF(Input!$K$16=3,M659*Input!$J$16,0)</f>
        <v>0</v>
      </c>
      <c r="Q659" s="71">
        <f>IF(Input!$K$13=4,J659*Input!$J$13,0)+IF(Input!$K$14=4,K659*Input!$J$14,0)+IF(Input!$K$15=4,L659*Input!$J$15,0)+IF(Input!$K$16=4,M659*Input!$J$16,0)</f>
        <v>0</v>
      </c>
    </row>
    <row r="660" spans="8:17" x14ac:dyDescent="0.25">
      <c r="H660" s="43">
        <v>653</v>
      </c>
      <c r="I660" s="55">
        <f>Bühler!I686</f>
        <v>5.2445907846642026</v>
      </c>
      <c r="J660" s="58">
        <f>Bühler!J686</f>
        <v>20.513343910636365</v>
      </c>
      <c r="K660" s="58">
        <f>Bühler!K686</f>
        <v>0.47724330349591837</v>
      </c>
      <c r="L660" s="58">
        <f>Bühler!L686</f>
        <v>0.23862165174795918</v>
      </c>
      <c r="M660" s="57">
        <f>Bühler!M686</f>
        <v>0</v>
      </c>
      <c r="N660" s="55">
        <f>IF(Input!$K$13=1,J660*Input!$J$13,0)+IF(Input!$K$14=1,K660*Input!$J$14,0)+IF(Input!$K$15=1,L660*Input!$J$15,0)+IF(Input!$K$16=1,M660*Input!$J$16,0)</f>
        <v>2.4616012692763638</v>
      </c>
      <c r="O660" s="58">
        <f>IF(Input!$K$13=2,J660*Input!$J$13,0)+IF(Input!$K$14=2,K660*Input!$J$14,0)+IF(Input!$K$15=2,L660*Input!$J$15,0)+IF(Input!$K$16=2,M660*Input!$J$16,0)</f>
        <v>6.4427845971948977E-2</v>
      </c>
      <c r="P660" s="58">
        <f>IF(Input!$K$13=3,J660*Input!$J$13,0)+IF(Input!$K$14=3,K660*Input!$J$14,0)+IF(Input!$K$15=3,L660*Input!$J$15,0)+IF(Input!$K$16=3,M660*Input!$J$16,0)</f>
        <v>0</v>
      </c>
      <c r="Q660" s="71">
        <f>IF(Input!$K$13=4,J660*Input!$J$13,0)+IF(Input!$K$14=4,K660*Input!$J$14,0)+IF(Input!$K$15=4,L660*Input!$J$15,0)+IF(Input!$K$16=4,M660*Input!$J$16,0)</f>
        <v>0</v>
      </c>
    </row>
    <row r="661" spans="8:17" x14ac:dyDescent="0.25">
      <c r="H661" s="43">
        <v>654</v>
      </c>
      <c r="I661" s="55">
        <f>Bühler!I687</f>
        <v>6.5237592687286412</v>
      </c>
      <c r="J661" s="58">
        <f>Bühler!J687</f>
        <v>20.566642597472384</v>
      </c>
      <c r="K661" s="58">
        <f>Bühler!K687</f>
        <v>0.47724330349591837</v>
      </c>
      <c r="L661" s="58">
        <f>Bühler!L687</f>
        <v>0.23862165174795918</v>
      </c>
      <c r="M661" s="57">
        <f>Bühler!M687</f>
        <v>0</v>
      </c>
      <c r="N661" s="55">
        <f>IF(Input!$K$13=1,J661*Input!$J$13,0)+IF(Input!$K$14=1,K661*Input!$J$14,0)+IF(Input!$K$15=1,L661*Input!$J$15,0)+IF(Input!$K$16=1,M661*Input!$J$16,0)</f>
        <v>2.4679971116966861</v>
      </c>
      <c r="O661" s="58">
        <f>IF(Input!$K$13=2,J661*Input!$J$13,0)+IF(Input!$K$14=2,K661*Input!$J$14,0)+IF(Input!$K$15=2,L661*Input!$J$15,0)+IF(Input!$K$16=2,M661*Input!$J$16,0)</f>
        <v>6.4427845971948977E-2</v>
      </c>
      <c r="P661" s="58">
        <f>IF(Input!$K$13=3,J661*Input!$J$13,0)+IF(Input!$K$14=3,K661*Input!$J$14,0)+IF(Input!$K$15=3,L661*Input!$J$15,0)+IF(Input!$K$16=3,M661*Input!$J$16,0)</f>
        <v>0</v>
      </c>
      <c r="Q661" s="71">
        <f>IF(Input!$K$13=4,J661*Input!$J$13,0)+IF(Input!$K$14=4,K661*Input!$J$14,0)+IF(Input!$K$15=4,L661*Input!$J$15,0)+IF(Input!$K$16=4,M661*Input!$J$16,0)</f>
        <v>0</v>
      </c>
    </row>
    <row r="662" spans="8:17" x14ac:dyDescent="0.25">
      <c r="H662" s="43">
        <v>655</v>
      </c>
      <c r="I662" s="55">
        <f>Bühler!I688</f>
        <v>8.1866782980124135</v>
      </c>
      <c r="J662" s="58">
        <f>Bühler!J688</f>
        <v>20.635930890359205</v>
      </c>
      <c r="K662" s="58">
        <f>Bühler!K688</f>
        <v>0.47724330349591837</v>
      </c>
      <c r="L662" s="58">
        <f>Bühler!L688</f>
        <v>0.23862165174795918</v>
      </c>
      <c r="M662" s="57">
        <f>Bühler!M688</f>
        <v>0</v>
      </c>
      <c r="N662" s="55">
        <f>IF(Input!$K$13=1,J662*Input!$J$13,0)+IF(Input!$K$14=1,K662*Input!$J$14,0)+IF(Input!$K$15=1,L662*Input!$J$15,0)+IF(Input!$K$16=1,M662*Input!$J$16,0)</f>
        <v>2.4763117068431044</v>
      </c>
      <c r="O662" s="58">
        <f>IF(Input!$K$13=2,J662*Input!$J$13,0)+IF(Input!$K$14=2,K662*Input!$J$14,0)+IF(Input!$K$15=2,L662*Input!$J$15,0)+IF(Input!$K$16=2,M662*Input!$J$16,0)</f>
        <v>6.4427845971948977E-2</v>
      </c>
      <c r="P662" s="58">
        <f>IF(Input!$K$13=3,J662*Input!$J$13,0)+IF(Input!$K$14=3,K662*Input!$J$14,0)+IF(Input!$K$15=3,L662*Input!$J$15,0)+IF(Input!$K$16=3,M662*Input!$J$16,0)</f>
        <v>0</v>
      </c>
      <c r="Q662" s="71">
        <f>IF(Input!$K$13=4,J662*Input!$J$13,0)+IF(Input!$K$14=4,K662*Input!$J$14,0)+IF(Input!$K$15=4,L662*Input!$J$15,0)+IF(Input!$K$16=4,M662*Input!$J$16,0)</f>
        <v>0</v>
      </c>
    </row>
    <row r="663" spans="8:17" x14ac:dyDescent="0.25">
      <c r="H663" s="43">
        <v>656</v>
      </c>
      <c r="I663" s="55">
        <f>Bühler!I689</f>
        <v>9.3379299336704094</v>
      </c>
      <c r="J663" s="58">
        <f>Bühler!J689</f>
        <v>20.683899708511621</v>
      </c>
      <c r="K663" s="58">
        <f>Bühler!K689</f>
        <v>0.47724330349591837</v>
      </c>
      <c r="L663" s="58">
        <f>Bühler!L689</f>
        <v>0.23862165174795918</v>
      </c>
      <c r="M663" s="57">
        <f>Bühler!M689</f>
        <v>0</v>
      </c>
      <c r="N663" s="55">
        <f>IF(Input!$K$13=1,J663*Input!$J$13,0)+IF(Input!$K$14=1,K663*Input!$J$14,0)+IF(Input!$K$15=1,L663*Input!$J$15,0)+IF(Input!$K$16=1,M663*Input!$J$16,0)</f>
        <v>2.4820679650213946</v>
      </c>
      <c r="O663" s="58">
        <f>IF(Input!$K$13=2,J663*Input!$J$13,0)+IF(Input!$K$14=2,K663*Input!$J$14,0)+IF(Input!$K$15=2,L663*Input!$J$15,0)+IF(Input!$K$16=2,M663*Input!$J$16,0)</f>
        <v>6.4427845971948977E-2</v>
      </c>
      <c r="P663" s="58">
        <f>IF(Input!$K$13=3,J663*Input!$J$13,0)+IF(Input!$K$14=3,K663*Input!$J$14,0)+IF(Input!$K$15=3,L663*Input!$J$15,0)+IF(Input!$K$16=3,M663*Input!$J$16,0)</f>
        <v>0</v>
      </c>
      <c r="Q663" s="71">
        <f>IF(Input!$K$13=4,J663*Input!$J$13,0)+IF(Input!$K$14=4,K663*Input!$J$14,0)+IF(Input!$K$15=4,L663*Input!$J$15,0)+IF(Input!$K$16=4,M663*Input!$J$16,0)</f>
        <v>0</v>
      </c>
    </row>
    <row r="664" spans="8:17" x14ac:dyDescent="0.25">
      <c r="H664" s="43">
        <v>657</v>
      </c>
      <c r="I664" s="55">
        <f>Bühler!I690</f>
        <v>9.3379299336704094</v>
      </c>
      <c r="J664" s="58">
        <f>Bühler!J690</f>
        <v>20.683899708511621</v>
      </c>
      <c r="K664" s="58">
        <f>Bühler!K690</f>
        <v>0.47724330349591837</v>
      </c>
      <c r="L664" s="58">
        <f>Bühler!L690</f>
        <v>0.23862165174795918</v>
      </c>
      <c r="M664" s="57">
        <f>Bühler!M690</f>
        <v>0</v>
      </c>
      <c r="N664" s="55">
        <f>IF(Input!$K$13=1,J664*Input!$J$13,0)+IF(Input!$K$14=1,K664*Input!$J$14,0)+IF(Input!$K$15=1,L664*Input!$J$15,0)+IF(Input!$K$16=1,M664*Input!$J$16,0)</f>
        <v>2.4820679650213946</v>
      </c>
      <c r="O664" s="58">
        <f>IF(Input!$K$13=2,J664*Input!$J$13,0)+IF(Input!$K$14=2,K664*Input!$J$14,0)+IF(Input!$K$15=2,L664*Input!$J$15,0)+IF(Input!$K$16=2,M664*Input!$J$16,0)</f>
        <v>6.4427845971948977E-2</v>
      </c>
      <c r="P664" s="58">
        <f>IF(Input!$K$13=3,J664*Input!$J$13,0)+IF(Input!$K$14=3,K664*Input!$J$14,0)+IF(Input!$K$15=3,L664*Input!$J$15,0)+IF(Input!$K$16=3,M664*Input!$J$16,0)</f>
        <v>0</v>
      </c>
      <c r="Q664" s="71">
        <f>IF(Input!$K$13=4,J664*Input!$J$13,0)+IF(Input!$K$14=4,K664*Input!$J$14,0)+IF(Input!$K$15=4,L664*Input!$J$15,0)+IF(Input!$K$16=4,M664*Input!$J$16,0)</f>
        <v>0</v>
      </c>
    </row>
    <row r="665" spans="8:17" x14ac:dyDescent="0.25">
      <c r="H665" s="43">
        <v>658</v>
      </c>
      <c r="I665" s="55">
        <f>Bühler!I691</f>
        <v>9.3379299336704094</v>
      </c>
      <c r="J665" s="58">
        <f>Bühler!J691</f>
        <v>20.683899708511621</v>
      </c>
      <c r="K665" s="58">
        <f>Bühler!K691</f>
        <v>0.47724330349591837</v>
      </c>
      <c r="L665" s="58">
        <f>Bühler!L691</f>
        <v>0.23862165174795918</v>
      </c>
      <c r="M665" s="57">
        <f>Bühler!M691</f>
        <v>0</v>
      </c>
      <c r="N665" s="55">
        <f>IF(Input!$K$13=1,J665*Input!$J$13,0)+IF(Input!$K$14=1,K665*Input!$J$14,0)+IF(Input!$K$15=1,L665*Input!$J$15,0)+IF(Input!$K$16=1,M665*Input!$J$16,0)</f>
        <v>2.4820679650213946</v>
      </c>
      <c r="O665" s="58">
        <f>IF(Input!$K$13=2,J665*Input!$J$13,0)+IF(Input!$K$14=2,K665*Input!$J$14,0)+IF(Input!$K$15=2,L665*Input!$J$15,0)+IF(Input!$K$16=2,M665*Input!$J$16,0)</f>
        <v>6.4427845971948977E-2</v>
      </c>
      <c r="P665" s="58">
        <f>IF(Input!$K$13=3,J665*Input!$J$13,0)+IF(Input!$K$14=3,K665*Input!$J$14,0)+IF(Input!$K$15=3,L665*Input!$J$15,0)+IF(Input!$K$16=3,M665*Input!$J$16,0)</f>
        <v>0</v>
      </c>
      <c r="Q665" s="71">
        <f>IF(Input!$K$13=4,J665*Input!$J$13,0)+IF(Input!$K$14=4,K665*Input!$J$14,0)+IF(Input!$K$15=4,L665*Input!$J$15,0)+IF(Input!$K$16=4,M665*Input!$J$16,0)</f>
        <v>0</v>
      </c>
    </row>
    <row r="666" spans="8:17" x14ac:dyDescent="0.25">
      <c r="H666" s="43">
        <v>659</v>
      </c>
      <c r="I666" s="55">
        <f>Bühler!I692</f>
        <v>9.3379299336704094</v>
      </c>
      <c r="J666" s="58">
        <f>Bühler!J692</f>
        <v>20.683899708511621</v>
      </c>
      <c r="K666" s="58">
        <f>Bühler!K692</f>
        <v>0.47724330349591837</v>
      </c>
      <c r="L666" s="58">
        <f>Bühler!L692</f>
        <v>0.23862165174795918</v>
      </c>
      <c r="M666" s="57">
        <f>Bühler!M692</f>
        <v>0</v>
      </c>
      <c r="N666" s="55">
        <f>IF(Input!$K$13=1,J666*Input!$J$13,0)+IF(Input!$K$14=1,K666*Input!$J$14,0)+IF(Input!$K$15=1,L666*Input!$J$15,0)+IF(Input!$K$16=1,M666*Input!$J$16,0)</f>
        <v>2.4820679650213946</v>
      </c>
      <c r="O666" s="58">
        <f>IF(Input!$K$13=2,J666*Input!$J$13,0)+IF(Input!$K$14=2,K666*Input!$J$14,0)+IF(Input!$K$15=2,L666*Input!$J$15,0)+IF(Input!$K$16=2,M666*Input!$J$16,0)</f>
        <v>6.4427845971948977E-2</v>
      </c>
      <c r="P666" s="58">
        <f>IF(Input!$K$13=3,J666*Input!$J$13,0)+IF(Input!$K$14=3,K666*Input!$J$14,0)+IF(Input!$K$15=3,L666*Input!$J$15,0)+IF(Input!$K$16=3,M666*Input!$J$16,0)</f>
        <v>0</v>
      </c>
      <c r="Q666" s="71">
        <f>IF(Input!$K$13=4,J666*Input!$J$13,0)+IF(Input!$K$14=4,K666*Input!$J$14,0)+IF(Input!$K$15=4,L666*Input!$J$15,0)+IF(Input!$K$16=4,M666*Input!$J$16,0)</f>
        <v>0</v>
      </c>
    </row>
    <row r="667" spans="8:17" x14ac:dyDescent="0.25">
      <c r="H667" s="43">
        <v>660</v>
      </c>
      <c r="I667" s="55">
        <f>Bühler!I693</f>
        <v>9.3379299336704094</v>
      </c>
      <c r="J667" s="58">
        <f>Bühler!J693</f>
        <v>20.683899708511621</v>
      </c>
      <c r="K667" s="58">
        <f>Bühler!K693</f>
        <v>0.47724330349591837</v>
      </c>
      <c r="L667" s="58">
        <f>Bühler!L693</f>
        <v>0.23862165174795918</v>
      </c>
      <c r="M667" s="57">
        <f>Bühler!M693</f>
        <v>0</v>
      </c>
      <c r="N667" s="55">
        <f>IF(Input!$K$13=1,J667*Input!$J$13,0)+IF(Input!$K$14=1,K667*Input!$J$14,0)+IF(Input!$K$15=1,L667*Input!$J$15,0)+IF(Input!$K$16=1,M667*Input!$J$16,0)</f>
        <v>2.4820679650213946</v>
      </c>
      <c r="O667" s="58">
        <f>IF(Input!$K$13=2,J667*Input!$J$13,0)+IF(Input!$K$14=2,K667*Input!$J$14,0)+IF(Input!$K$15=2,L667*Input!$J$15,0)+IF(Input!$K$16=2,M667*Input!$J$16,0)</f>
        <v>6.4427845971948977E-2</v>
      </c>
      <c r="P667" s="58">
        <f>IF(Input!$K$13=3,J667*Input!$J$13,0)+IF(Input!$K$14=3,K667*Input!$J$14,0)+IF(Input!$K$15=3,L667*Input!$J$15,0)+IF(Input!$K$16=3,M667*Input!$J$16,0)</f>
        <v>0</v>
      </c>
      <c r="Q667" s="71">
        <f>IF(Input!$K$13=4,J667*Input!$J$13,0)+IF(Input!$K$14=4,K667*Input!$J$14,0)+IF(Input!$K$15=4,L667*Input!$J$15,0)+IF(Input!$K$16=4,M667*Input!$J$16,0)</f>
        <v>0</v>
      </c>
    </row>
    <row r="668" spans="8:17" x14ac:dyDescent="0.25">
      <c r="H668" s="43">
        <v>661</v>
      </c>
      <c r="I668" s="55">
        <f>Bühler!I694</f>
        <v>9.3379299336704094</v>
      </c>
      <c r="J668" s="58">
        <f>Bühler!J694</f>
        <v>20.683899708511621</v>
      </c>
      <c r="K668" s="58">
        <f>Bühler!K694</f>
        <v>0.47724330349591837</v>
      </c>
      <c r="L668" s="58">
        <f>Bühler!L694</f>
        <v>0.23862165174795918</v>
      </c>
      <c r="M668" s="57">
        <f>Bühler!M694</f>
        <v>0</v>
      </c>
      <c r="N668" s="55">
        <f>IF(Input!$K$13=1,J668*Input!$J$13,0)+IF(Input!$K$14=1,K668*Input!$J$14,0)+IF(Input!$K$15=1,L668*Input!$J$15,0)+IF(Input!$K$16=1,M668*Input!$J$16,0)</f>
        <v>2.4820679650213946</v>
      </c>
      <c r="O668" s="58">
        <f>IF(Input!$K$13=2,J668*Input!$J$13,0)+IF(Input!$K$14=2,K668*Input!$J$14,0)+IF(Input!$K$15=2,L668*Input!$J$15,0)+IF(Input!$K$16=2,M668*Input!$J$16,0)</f>
        <v>6.4427845971948977E-2</v>
      </c>
      <c r="P668" s="58">
        <f>IF(Input!$K$13=3,J668*Input!$J$13,0)+IF(Input!$K$14=3,K668*Input!$J$14,0)+IF(Input!$K$15=3,L668*Input!$J$15,0)+IF(Input!$K$16=3,M668*Input!$J$16,0)</f>
        <v>0</v>
      </c>
      <c r="Q668" s="71">
        <f>IF(Input!$K$13=4,J668*Input!$J$13,0)+IF(Input!$K$14=4,K668*Input!$J$14,0)+IF(Input!$K$15=4,L668*Input!$J$15,0)+IF(Input!$K$16=4,M668*Input!$J$16,0)</f>
        <v>0</v>
      </c>
    </row>
    <row r="669" spans="8:17" x14ac:dyDescent="0.25">
      <c r="H669" s="43">
        <v>662</v>
      </c>
      <c r="I669" s="55">
        <f>Bühler!I695</f>
        <v>9.3379299336704094</v>
      </c>
      <c r="J669" s="58">
        <f>Bühler!J695</f>
        <v>20.683899708511621</v>
      </c>
      <c r="K669" s="58">
        <f>Bühler!K695</f>
        <v>0.47724330349591837</v>
      </c>
      <c r="L669" s="58">
        <f>Bühler!L695</f>
        <v>0.23862165174795918</v>
      </c>
      <c r="M669" s="57">
        <f>Bühler!M695</f>
        <v>0</v>
      </c>
      <c r="N669" s="55">
        <f>IF(Input!$K$13=1,J669*Input!$J$13,0)+IF(Input!$K$14=1,K669*Input!$J$14,0)+IF(Input!$K$15=1,L669*Input!$J$15,0)+IF(Input!$K$16=1,M669*Input!$J$16,0)</f>
        <v>2.4820679650213946</v>
      </c>
      <c r="O669" s="58">
        <f>IF(Input!$K$13=2,J669*Input!$J$13,0)+IF(Input!$K$14=2,K669*Input!$J$14,0)+IF(Input!$K$15=2,L669*Input!$J$15,0)+IF(Input!$K$16=2,M669*Input!$J$16,0)</f>
        <v>6.4427845971948977E-2</v>
      </c>
      <c r="P669" s="58">
        <f>IF(Input!$K$13=3,J669*Input!$J$13,0)+IF(Input!$K$14=3,K669*Input!$J$14,0)+IF(Input!$K$15=3,L669*Input!$J$15,0)+IF(Input!$K$16=3,M669*Input!$J$16,0)</f>
        <v>0</v>
      </c>
      <c r="Q669" s="71">
        <f>IF(Input!$K$13=4,J669*Input!$J$13,0)+IF(Input!$K$14=4,K669*Input!$J$14,0)+IF(Input!$K$15=4,L669*Input!$J$15,0)+IF(Input!$K$16=4,M669*Input!$J$16,0)</f>
        <v>0</v>
      </c>
    </row>
    <row r="670" spans="8:17" x14ac:dyDescent="0.25">
      <c r="H670" s="43">
        <v>663</v>
      </c>
      <c r="I670" s="55">
        <f>Bühler!I696</f>
        <v>9.3379299336704094</v>
      </c>
      <c r="J670" s="58">
        <f>Bühler!J696</f>
        <v>20.683899708511621</v>
      </c>
      <c r="K670" s="58">
        <f>Bühler!K696</f>
        <v>0.47724330349591837</v>
      </c>
      <c r="L670" s="58">
        <f>Bühler!L696</f>
        <v>0.23862165174795918</v>
      </c>
      <c r="M670" s="57">
        <f>Bühler!M696</f>
        <v>0</v>
      </c>
      <c r="N670" s="55">
        <f>IF(Input!$K$13=1,J670*Input!$J$13,0)+IF(Input!$K$14=1,K670*Input!$J$14,0)+IF(Input!$K$15=1,L670*Input!$J$15,0)+IF(Input!$K$16=1,M670*Input!$J$16,0)</f>
        <v>2.4820679650213946</v>
      </c>
      <c r="O670" s="58">
        <f>IF(Input!$K$13=2,J670*Input!$J$13,0)+IF(Input!$K$14=2,K670*Input!$J$14,0)+IF(Input!$K$15=2,L670*Input!$J$15,0)+IF(Input!$K$16=2,M670*Input!$J$16,0)</f>
        <v>6.4427845971948977E-2</v>
      </c>
      <c r="P670" s="58">
        <f>IF(Input!$K$13=3,J670*Input!$J$13,0)+IF(Input!$K$14=3,K670*Input!$J$14,0)+IF(Input!$K$15=3,L670*Input!$J$15,0)+IF(Input!$K$16=3,M670*Input!$J$16,0)</f>
        <v>0</v>
      </c>
      <c r="Q670" s="71">
        <f>IF(Input!$K$13=4,J670*Input!$J$13,0)+IF(Input!$K$14=4,K670*Input!$J$14,0)+IF(Input!$K$15=4,L670*Input!$J$15,0)+IF(Input!$K$16=4,M670*Input!$J$16,0)</f>
        <v>0</v>
      </c>
    </row>
    <row r="671" spans="8:17" x14ac:dyDescent="0.25">
      <c r="H671" s="43">
        <v>664</v>
      </c>
      <c r="I671" s="55">
        <f>Bühler!I697</f>
        <v>8.4425119948253009</v>
      </c>
      <c r="J671" s="58">
        <f>Bühler!J697</f>
        <v>20.646590627726408</v>
      </c>
      <c r="K671" s="58">
        <f>Bühler!K697</f>
        <v>0.47724330349591837</v>
      </c>
      <c r="L671" s="58">
        <f>Bühler!L697</f>
        <v>0.23862165174795918</v>
      </c>
      <c r="M671" s="57">
        <f>Bühler!M697</f>
        <v>0</v>
      </c>
      <c r="N671" s="55">
        <f>IF(Input!$K$13=1,J671*Input!$J$13,0)+IF(Input!$K$14=1,K671*Input!$J$14,0)+IF(Input!$K$15=1,L671*Input!$J$15,0)+IF(Input!$K$16=1,M671*Input!$J$16,0)</f>
        <v>2.4775908753271687</v>
      </c>
      <c r="O671" s="58">
        <f>IF(Input!$K$13=2,J671*Input!$J$13,0)+IF(Input!$K$14=2,K671*Input!$J$14,0)+IF(Input!$K$15=2,L671*Input!$J$15,0)+IF(Input!$K$16=2,M671*Input!$J$16,0)</f>
        <v>6.4427845971948977E-2</v>
      </c>
      <c r="P671" s="58">
        <f>IF(Input!$K$13=3,J671*Input!$J$13,0)+IF(Input!$K$14=3,K671*Input!$J$14,0)+IF(Input!$K$15=3,L671*Input!$J$15,0)+IF(Input!$K$16=3,M671*Input!$J$16,0)</f>
        <v>0</v>
      </c>
      <c r="Q671" s="71">
        <f>IF(Input!$K$13=4,J671*Input!$J$13,0)+IF(Input!$K$14=4,K671*Input!$J$14,0)+IF(Input!$K$15=4,L671*Input!$J$15,0)+IF(Input!$K$16=4,M671*Input!$J$16,0)</f>
        <v>0</v>
      </c>
    </row>
    <row r="672" spans="8:17" x14ac:dyDescent="0.25">
      <c r="H672" s="43">
        <v>665</v>
      </c>
      <c r="I672" s="55">
        <f>Bühler!I698</f>
        <v>7.675010904386637</v>
      </c>
      <c r="J672" s="58">
        <f>Bühler!J698</f>
        <v>20.614611415624797</v>
      </c>
      <c r="K672" s="58">
        <f>Bühler!K698</f>
        <v>0.47724330349591837</v>
      </c>
      <c r="L672" s="58">
        <f>Bühler!L698</f>
        <v>0.23862165174795918</v>
      </c>
      <c r="M672" s="57">
        <f>Bühler!M698</f>
        <v>0</v>
      </c>
      <c r="N672" s="55">
        <f>IF(Input!$K$13=1,J672*Input!$J$13,0)+IF(Input!$K$14=1,K672*Input!$J$14,0)+IF(Input!$K$15=1,L672*Input!$J$15,0)+IF(Input!$K$16=1,M672*Input!$J$16,0)</f>
        <v>2.4737533698749754</v>
      </c>
      <c r="O672" s="58">
        <f>IF(Input!$K$13=2,J672*Input!$J$13,0)+IF(Input!$K$14=2,K672*Input!$J$14,0)+IF(Input!$K$15=2,L672*Input!$J$15,0)+IF(Input!$K$16=2,M672*Input!$J$16,0)</f>
        <v>6.4427845971948977E-2</v>
      </c>
      <c r="P672" s="58">
        <f>IF(Input!$K$13=3,J672*Input!$J$13,0)+IF(Input!$K$14=3,K672*Input!$J$14,0)+IF(Input!$K$15=3,L672*Input!$J$15,0)+IF(Input!$K$16=3,M672*Input!$J$16,0)</f>
        <v>0</v>
      </c>
      <c r="Q672" s="71">
        <f>IF(Input!$K$13=4,J672*Input!$J$13,0)+IF(Input!$K$14=4,K672*Input!$J$14,0)+IF(Input!$K$15=4,L672*Input!$J$15,0)+IF(Input!$K$16=4,M672*Input!$J$16,0)</f>
        <v>0</v>
      </c>
    </row>
    <row r="673" spans="8:17" x14ac:dyDescent="0.25">
      <c r="H673" s="43">
        <v>666</v>
      </c>
      <c r="I673" s="55">
        <f>Bühler!I699</f>
        <v>6.907509813947974</v>
      </c>
      <c r="J673" s="58">
        <f>Bühler!J699</f>
        <v>20.58263220352319</v>
      </c>
      <c r="K673" s="58">
        <f>Bühler!K699</f>
        <v>0.47724330349591837</v>
      </c>
      <c r="L673" s="58">
        <f>Bühler!L699</f>
        <v>0.23862165174795918</v>
      </c>
      <c r="M673" s="57">
        <f>Bühler!M699</f>
        <v>0</v>
      </c>
      <c r="N673" s="55">
        <f>IF(Input!$K$13=1,J673*Input!$J$13,0)+IF(Input!$K$14=1,K673*Input!$J$14,0)+IF(Input!$K$15=1,L673*Input!$J$15,0)+IF(Input!$K$16=1,M673*Input!$J$16,0)</f>
        <v>2.4699158644227825</v>
      </c>
      <c r="O673" s="58">
        <f>IF(Input!$K$13=2,J673*Input!$J$13,0)+IF(Input!$K$14=2,K673*Input!$J$14,0)+IF(Input!$K$15=2,L673*Input!$J$15,0)+IF(Input!$K$16=2,M673*Input!$J$16,0)</f>
        <v>6.4427845971948977E-2</v>
      </c>
      <c r="P673" s="58">
        <f>IF(Input!$K$13=3,J673*Input!$J$13,0)+IF(Input!$K$14=3,K673*Input!$J$14,0)+IF(Input!$K$15=3,L673*Input!$J$15,0)+IF(Input!$K$16=3,M673*Input!$J$16,0)</f>
        <v>0</v>
      </c>
      <c r="Q673" s="71">
        <f>IF(Input!$K$13=4,J673*Input!$J$13,0)+IF(Input!$K$14=4,K673*Input!$J$14,0)+IF(Input!$K$15=4,L673*Input!$J$15,0)+IF(Input!$K$16=4,M673*Input!$J$16,0)</f>
        <v>0</v>
      </c>
    </row>
    <row r="674" spans="8:17" x14ac:dyDescent="0.25">
      <c r="H674" s="43">
        <v>667</v>
      </c>
      <c r="I674" s="55">
        <f>Bühler!I700</f>
        <v>6.6516761171350858</v>
      </c>
      <c r="J674" s="58">
        <f>Bühler!J700</f>
        <v>20.571972466155984</v>
      </c>
      <c r="K674" s="58">
        <f>Bühler!K700</f>
        <v>0.47724330349591837</v>
      </c>
      <c r="L674" s="58">
        <f>Bühler!L700</f>
        <v>0.23862165174795918</v>
      </c>
      <c r="M674" s="57">
        <f>Bühler!M700</f>
        <v>0</v>
      </c>
      <c r="N674" s="55">
        <f>IF(Input!$K$13=1,J674*Input!$J$13,0)+IF(Input!$K$14=1,K674*Input!$J$14,0)+IF(Input!$K$15=1,L674*Input!$J$15,0)+IF(Input!$K$16=1,M674*Input!$J$16,0)</f>
        <v>2.4686366959387178</v>
      </c>
      <c r="O674" s="58">
        <f>IF(Input!$K$13=2,J674*Input!$J$13,0)+IF(Input!$K$14=2,K674*Input!$J$14,0)+IF(Input!$K$15=2,L674*Input!$J$15,0)+IF(Input!$K$16=2,M674*Input!$J$16,0)</f>
        <v>6.4427845971948977E-2</v>
      </c>
      <c r="P674" s="58">
        <f>IF(Input!$K$13=3,J674*Input!$J$13,0)+IF(Input!$K$14=3,K674*Input!$J$14,0)+IF(Input!$K$15=3,L674*Input!$J$15,0)+IF(Input!$K$16=3,M674*Input!$J$16,0)</f>
        <v>0</v>
      </c>
      <c r="Q674" s="71">
        <f>IF(Input!$K$13=4,J674*Input!$J$13,0)+IF(Input!$K$14=4,K674*Input!$J$14,0)+IF(Input!$K$15=4,L674*Input!$J$15,0)+IF(Input!$K$16=4,M674*Input!$J$16,0)</f>
        <v>0</v>
      </c>
    </row>
    <row r="675" spans="8:17" x14ac:dyDescent="0.25">
      <c r="H675" s="43">
        <v>668</v>
      </c>
      <c r="I675" s="55">
        <f>Bühler!I701</f>
        <v>5.3725076330706454</v>
      </c>
      <c r="J675" s="58">
        <f>Bühler!J701</f>
        <v>20.518673779319968</v>
      </c>
      <c r="K675" s="58">
        <f>Bühler!K701</f>
        <v>0.47724330349591837</v>
      </c>
      <c r="L675" s="58">
        <f>Bühler!L701</f>
        <v>0.23862165174795918</v>
      </c>
      <c r="M675" s="57">
        <f>Bühler!M701</f>
        <v>0</v>
      </c>
      <c r="N675" s="55">
        <f>IF(Input!$K$13=1,J675*Input!$J$13,0)+IF(Input!$K$14=1,K675*Input!$J$14,0)+IF(Input!$K$15=1,L675*Input!$J$15,0)+IF(Input!$K$16=1,M675*Input!$J$16,0)</f>
        <v>2.4622408535183959</v>
      </c>
      <c r="O675" s="58">
        <f>IF(Input!$K$13=2,J675*Input!$J$13,0)+IF(Input!$K$14=2,K675*Input!$J$14,0)+IF(Input!$K$15=2,L675*Input!$J$15,0)+IF(Input!$K$16=2,M675*Input!$J$16,0)</f>
        <v>6.4427845971948977E-2</v>
      </c>
      <c r="P675" s="58">
        <f>IF(Input!$K$13=3,J675*Input!$J$13,0)+IF(Input!$K$14=3,K675*Input!$J$14,0)+IF(Input!$K$15=3,L675*Input!$J$15,0)+IF(Input!$K$16=3,M675*Input!$J$16,0)</f>
        <v>0</v>
      </c>
      <c r="Q675" s="71">
        <f>IF(Input!$K$13=4,J675*Input!$J$13,0)+IF(Input!$K$14=4,K675*Input!$J$14,0)+IF(Input!$K$15=4,L675*Input!$J$15,0)+IF(Input!$K$16=4,M675*Input!$J$16,0)</f>
        <v>0</v>
      </c>
    </row>
    <row r="676" spans="8:17" x14ac:dyDescent="0.25">
      <c r="H676" s="43">
        <v>669</v>
      </c>
      <c r="I676" s="55">
        <f>Bühler!I702</f>
        <v>3.9654223005997622</v>
      </c>
      <c r="J676" s="58">
        <f>Bühler!J702</f>
        <v>20.460045223800346</v>
      </c>
      <c r="K676" s="58">
        <f>Bühler!K702</f>
        <v>0.47724330349591837</v>
      </c>
      <c r="L676" s="58">
        <f>Bühler!L702</f>
        <v>0.23862165174795918</v>
      </c>
      <c r="M676" s="57">
        <f>Bühler!M702</f>
        <v>0</v>
      </c>
      <c r="N676" s="55">
        <f>IF(Input!$K$13=1,J676*Input!$J$13,0)+IF(Input!$K$14=1,K676*Input!$J$14,0)+IF(Input!$K$15=1,L676*Input!$J$15,0)+IF(Input!$K$16=1,M676*Input!$J$16,0)</f>
        <v>2.4552054268560415</v>
      </c>
      <c r="O676" s="58">
        <f>IF(Input!$K$13=2,J676*Input!$J$13,0)+IF(Input!$K$14=2,K676*Input!$J$14,0)+IF(Input!$K$15=2,L676*Input!$J$15,0)+IF(Input!$K$16=2,M676*Input!$J$16,0)</f>
        <v>6.4427845971948977E-2</v>
      </c>
      <c r="P676" s="58">
        <f>IF(Input!$K$13=3,J676*Input!$J$13,0)+IF(Input!$K$14=3,K676*Input!$J$14,0)+IF(Input!$K$15=3,L676*Input!$J$15,0)+IF(Input!$K$16=3,M676*Input!$J$16,0)</f>
        <v>0</v>
      </c>
      <c r="Q676" s="71">
        <f>IF(Input!$K$13=4,J676*Input!$J$13,0)+IF(Input!$K$14=4,K676*Input!$J$14,0)+IF(Input!$K$15=4,L676*Input!$J$15,0)+IF(Input!$K$16=4,M676*Input!$J$16,0)</f>
        <v>0</v>
      </c>
    </row>
    <row r="677" spans="8:17" x14ac:dyDescent="0.25">
      <c r="H677" s="43">
        <v>670</v>
      </c>
      <c r="I677" s="55">
        <f>Bühler!I703</f>
        <v>3.9654223005997622</v>
      </c>
      <c r="J677" s="58">
        <f>Bühler!J703</f>
        <v>20.460045223800346</v>
      </c>
      <c r="K677" s="58">
        <f>Bühler!K703</f>
        <v>0.47724330349591837</v>
      </c>
      <c r="L677" s="58">
        <f>Bühler!L703</f>
        <v>0.23862165174795918</v>
      </c>
      <c r="M677" s="57">
        <f>Bühler!M703</f>
        <v>0</v>
      </c>
      <c r="N677" s="55">
        <f>IF(Input!$K$13=1,J677*Input!$J$13,0)+IF(Input!$K$14=1,K677*Input!$J$14,0)+IF(Input!$K$15=1,L677*Input!$J$15,0)+IF(Input!$K$16=1,M677*Input!$J$16,0)</f>
        <v>2.4552054268560415</v>
      </c>
      <c r="O677" s="58">
        <f>IF(Input!$K$13=2,J677*Input!$J$13,0)+IF(Input!$K$14=2,K677*Input!$J$14,0)+IF(Input!$K$15=2,L677*Input!$J$15,0)+IF(Input!$K$16=2,M677*Input!$J$16,0)</f>
        <v>6.4427845971948977E-2</v>
      </c>
      <c r="P677" s="58">
        <f>IF(Input!$K$13=3,J677*Input!$J$13,0)+IF(Input!$K$14=3,K677*Input!$J$14,0)+IF(Input!$K$15=3,L677*Input!$J$15,0)+IF(Input!$K$16=3,M677*Input!$J$16,0)</f>
        <v>0</v>
      </c>
      <c r="Q677" s="71">
        <f>IF(Input!$K$13=4,J677*Input!$J$13,0)+IF(Input!$K$14=4,K677*Input!$J$14,0)+IF(Input!$K$15=4,L677*Input!$J$15,0)+IF(Input!$K$16=4,M677*Input!$J$16,0)</f>
        <v>0</v>
      </c>
    </row>
    <row r="678" spans="8:17" x14ac:dyDescent="0.25">
      <c r="H678" s="43">
        <v>671</v>
      </c>
      <c r="I678" s="55">
        <f>Bühler!I704</f>
        <v>3.9654223005997622</v>
      </c>
      <c r="J678" s="58">
        <f>Bühler!J704</f>
        <v>20.460045223800346</v>
      </c>
      <c r="K678" s="58">
        <f>Bühler!K704</f>
        <v>0.47724330349591837</v>
      </c>
      <c r="L678" s="58">
        <f>Bühler!L704</f>
        <v>0.23862165174795918</v>
      </c>
      <c r="M678" s="57">
        <f>Bühler!M704</f>
        <v>0</v>
      </c>
      <c r="N678" s="55">
        <f>IF(Input!$K$13=1,J678*Input!$J$13,0)+IF(Input!$K$14=1,K678*Input!$J$14,0)+IF(Input!$K$15=1,L678*Input!$J$15,0)+IF(Input!$K$16=1,M678*Input!$J$16,0)</f>
        <v>2.4552054268560415</v>
      </c>
      <c r="O678" s="58">
        <f>IF(Input!$K$13=2,J678*Input!$J$13,0)+IF(Input!$K$14=2,K678*Input!$J$14,0)+IF(Input!$K$15=2,L678*Input!$J$15,0)+IF(Input!$K$16=2,M678*Input!$J$16,0)</f>
        <v>6.4427845971948977E-2</v>
      </c>
      <c r="P678" s="58">
        <f>IF(Input!$K$13=3,J678*Input!$J$13,0)+IF(Input!$K$14=3,K678*Input!$J$14,0)+IF(Input!$K$15=3,L678*Input!$J$15,0)+IF(Input!$K$16=3,M678*Input!$J$16,0)</f>
        <v>0</v>
      </c>
      <c r="Q678" s="71">
        <f>IF(Input!$K$13=4,J678*Input!$J$13,0)+IF(Input!$K$14=4,K678*Input!$J$14,0)+IF(Input!$K$15=4,L678*Input!$J$15,0)+IF(Input!$K$16=4,M678*Input!$J$16,0)</f>
        <v>0</v>
      </c>
    </row>
    <row r="679" spans="8:17" x14ac:dyDescent="0.25">
      <c r="H679" s="43">
        <v>672</v>
      </c>
      <c r="I679" s="55">
        <f>Bühler!I705</f>
        <v>3.9654223005997622</v>
      </c>
      <c r="J679" s="58">
        <f>Bühler!J705</f>
        <v>20.460045223800346</v>
      </c>
      <c r="K679" s="58">
        <f>Bühler!K705</f>
        <v>0.47724330349591837</v>
      </c>
      <c r="L679" s="58">
        <f>Bühler!L705</f>
        <v>0.23862165174795918</v>
      </c>
      <c r="M679" s="57">
        <f>Bühler!M705</f>
        <v>0</v>
      </c>
      <c r="N679" s="55">
        <f>IF(Input!$K$13=1,J679*Input!$J$13,0)+IF(Input!$K$14=1,K679*Input!$J$14,0)+IF(Input!$K$15=1,L679*Input!$J$15,0)+IF(Input!$K$16=1,M679*Input!$J$16,0)</f>
        <v>2.4552054268560415</v>
      </c>
      <c r="O679" s="58">
        <f>IF(Input!$K$13=2,J679*Input!$J$13,0)+IF(Input!$K$14=2,K679*Input!$J$14,0)+IF(Input!$K$15=2,L679*Input!$J$15,0)+IF(Input!$K$16=2,M679*Input!$J$16,0)</f>
        <v>6.4427845971948977E-2</v>
      </c>
      <c r="P679" s="58">
        <f>IF(Input!$K$13=3,J679*Input!$J$13,0)+IF(Input!$K$14=3,K679*Input!$J$14,0)+IF(Input!$K$15=3,L679*Input!$J$15,0)+IF(Input!$K$16=3,M679*Input!$J$16,0)</f>
        <v>0</v>
      </c>
      <c r="Q679" s="71">
        <f>IF(Input!$K$13=4,J679*Input!$J$13,0)+IF(Input!$K$14=4,K679*Input!$J$14,0)+IF(Input!$K$15=4,L679*Input!$J$15,0)+IF(Input!$K$16=4,M679*Input!$J$16,0)</f>
        <v>0</v>
      </c>
    </row>
    <row r="680" spans="8:17" x14ac:dyDescent="0.25">
      <c r="H680" s="43">
        <v>673</v>
      </c>
      <c r="I680" s="55">
        <f>Bühler!I706</f>
        <v>4.6770891641724166</v>
      </c>
      <c r="J680" s="58">
        <f>Bühler!J706</f>
        <v>21.128903207177732</v>
      </c>
      <c r="K680" s="58">
        <f>Bühler!K706</f>
        <v>0.48893349609357861</v>
      </c>
      <c r="L680" s="58">
        <f>Bühler!L706</f>
        <v>0.24446674804678931</v>
      </c>
      <c r="M680" s="57">
        <f>Bühler!M706</f>
        <v>0</v>
      </c>
      <c r="N680" s="55">
        <f>IF(Input!$K$13=1,J680*Input!$J$13,0)+IF(Input!$K$14=1,K680*Input!$J$14,0)+IF(Input!$K$15=1,L680*Input!$J$15,0)+IF(Input!$K$16=1,M680*Input!$J$16,0)</f>
        <v>2.535468384861328</v>
      </c>
      <c r="O680" s="58">
        <f>IF(Input!$K$13=2,J680*Input!$J$13,0)+IF(Input!$K$14=2,K680*Input!$J$14,0)+IF(Input!$K$15=2,L680*Input!$J$15,0)+IF(Input!$K$16=2,M680*Input!$J$16,0)</f>
        <v>6.6006021972633111E-2</v>
      </c>
      <c r="P680" s="58">
        <f>IF(Input!$K$13=3,J680*Input!$J$13,0)+IF(Input!$K$14=3,K680*Input!$J$14,0)+IF(Input!$K$15=3,L680*Input!$J$15,0)+IF(Input!$K$16=3,M680*Input!$J$16,0)</f>
        <v>0</v>
      </c>
      <c r="Q680" s="71">
        <f>IF(Input!$K$13=4,J680*Input!$J$13,0)+IF(Input!$K$14=4,K680*Input!$J$14,0)+IF(Input!$K$15=4,L680*Input!$J$15,0)+IF(Input!$K$16=4,M680*Input!$J$16,0)</f>
        <v>0</v>
      </c>
    </row>
    <row r="681" spans="8:17" x14ac:dyDescent="0.25">
      <c r="H681" s="43">
        <v>674</v>
      </c>
      <c r="I681" s="55">
        <f>Bühler!I707</f>
        <v>5.4314583842002255</v>
      </c>
      <c r="J681" s="58">
        <f>Bühler!J707</f>
        <v>21.160335258012225</v>
      </c>
      <c r="K681" s="58">
        <f>Bühler!K707</f>
        <v>0.48893349609357861</v>
      </c>
      <c r="L681" s="58">
        <f>Bühler!L707</f>
        <v>0.24446674804678931</v>
      </c>
      <c r="M681" s="57">
        <f>Bühler!M707</f>
        <v>0</v>
      </c>
      <c r="N681" s="55">
        <f>IF(Input!$K$13=1,J681*Input!$J$13,0)+IF(Input!$K$14=1,K681*Input!$J$14,0)+IF(Input!$K$15=1,L681*Input!$J$15,0)+IF(Input!$K$16=1,M681*Input!$J$16,0)</f>
        <v>2.5392402309614668</v>
      </c>
      <c r="O681" s="58">
        <f>IF(Input!$K$13=2,J681*Input!$J$13,0)+IF(Input!$K$14=2,K681*Input!$J$14,0)+IF(Input!$K$15=2,L681*Input!$J$15,0)+IF(Input!$K$16=2,M681*Input!$J$16,0)</f>
        <v>6.6006021972633111E-2</v>
      </c>
      <c r="P681" s="58">
        <f>IF(Input!$K$13=3,J681*Input!$J$13,0)+IF(Input!$K$14=3,K681*Input!$J$14,0)+IF(Input!$K$15=3,L681*Input!$J$15,0)+IF(Input!$K$16=3,M681*Input!$J$16,0)</f>
        <v>0</v>
      </c>
      <c r="Q681" s="71">
        <f>IF(Input!$K$13=4,J681*Input!$J$13,0)+IF(Input!$K$14=4,K681*Input!$J$14,0)+IF(Input!$K$15=4,L681*Input!$J$15,0)+IF(Input!$K$16=4,M681*Input!$J$16,0)</f>
        <v>0</v>
      </c>
    </row>
    <row r="682" spans="8:17" x14ac:dyDescent="0.25">
      <c r="H682" s="43">
        <v>675</v>
      </c>
      <c r="I682" s="55">
        <f>Bühler!I708</f>
        <v>5.4314583842002255</v>
      </c>
      <c r="J682" s="58">
        <f>Bühler!J708</f>
        <v>21.160335258012225</v>
      </c>
      <c r="K682" s="58">
        <f>Bühler!K708</f>
        <v>0.48893349609357861</v>
      </c>
      <c r="L682" s="58">
        <f>Bühler!L708</f>
        <v>0.24446674804678931</v>
      </c>
      <c r="M682" s="57">
        <f>Bühler!M708</f>
        <v>0</v>
      </c>
      <c r="N682" s="55">
        <f>IF(Input!$K$13=1,J682*Input!$J$13,0)+IF(Input!$K$14=1,K682*Input!$J$14,0)+IF(Input!$K$15=1,L682*Input!$J$15,0)+IF(Input!$K$16=1,M682*Input!$J$16,0)</f>
        <v>2.5392402309614668</v>
      </c>
      <c r="O682" s="58">
        <f>IF(Input!$K$13=2,J682*Input!$J$13,0)+IF(Input!$K$14=2,K682*Input!$J$14,0)+IF(Input!$K$15=2,L682*Input!$J$15,0)+IF(Input!$K$16=2,M682*Input!$J$16,0)</f>
        <v>6.6006021972633111E-2</v>
      </c>
      <c r="P682" s="58">
        <f>IF(Input!$K$13=3,J682*Input!$J$13,0)+IF(Input!$K$14=3,K682*Input!$J$14,0)+IF(Input!$K$15=3,L682*Input!$J$15,0)+IF(Input!$K$16=3,M682*Input!$J$16,0)</f>
        <v>0</v>
      </c>
      <c r="Q682" s="71">
        <f>IF(Input!$K$13=4,J682*Input!$J$13,0)+IF(Input!$K$14=4,K682*Input!$J$14,0)+IF(Input!$K$15=4,L682*Input!$J$15,0)+IF(Input!$K$16=4,M682*Input!$J$16,0)</f>
        <v>0</v>
      </c>
    </row>
    <row r="683" spans="8:17" x14ac:dyDescent="0.25">
      <c r="H683" s="43">
        <v>676</v>
      </c>
      <c r="I683" s="55">
        <f>Bühler!I709</f>
        <v>5.4314583842002255</v>
      </c>
      <c r="J683" s="58">
        <f>Bühler!J709</f>
        <v>21.160335258012225</v>
      </c>
      <c r="K683" s="58">
        <f>Bühler!K709</f>
        <v>0.48893349609357861</v>
      </c>
      <c r="L683" s="58">
        <f>Bühler!L709</f>
        <v>0.24446674804678931</v>
      </c>
      <c r="M683" s="57">
        <f>Bühler!M709</f>
        <v>0</v>
      </c>
      <c r="N683" s="55">
        <f>IF(Input!$K$13=1,J683*Input!$J$13,0)+IF(Input!$K$14=1,K683*Input!$J$14,0)+IF(Input!$K$15=1,L683*Input!$J$15,0)+IF(Input!$K$16=1,M683*Input!$J$16,0)</f>
        <v>2.5392402309614668</v>
      </c>
      <c r="O683" s="58">
        <f>IF(Input!$K$13=2,J683*Input!$J$13,0)+IF(Input!$K$14=2,K683*Input!$J$14,0)+IF(Input!$K$15=2,L683*Input!$J$15,0)+IF(Input!$K$16=2,M683*Input!$J$16,0)</f>
        <v>6.6006021972633111E-2</v>
      </c>
      <c r="P683" s="58">
        <f>IF(Input!$K$13=3,J683*Input!$J$13,0)+IF(Input!$K$14=3,K683*Input!$J$14,0)+IF(Input!$K$15=3,L683*Input!$J$15,0)+IF(Input!$K$16=3,M683*Input!$J$16,0)</f>
        <v>0</v>
      </c>
      <c r="Q683" s="71">
        <f>IF(Input!$K$13=4,J683*Input!$J$13,0)+IF(Input!$K$14=4,K683*Input!$J$14,0)+IF(Input!$K$15=4,L683*Input!$J$15,0)+IF(Input!$K$16=4,M683*Input!$J$16,0)</f>
        <v>0</v>
      </c>
    </row>
    <row r="684" spans="8:17" x14ac:dyDescent="0.25">
      <c r="H684" s="43">
        <v>677</v>
      </c>
      <c r="I684" s="55">
        <f>Bühler!I710</f>
        <v>5.4314583842002255</v>
      </c>
      <c r="J684" s="58">
        <f>Bühler!J710</f>
        <v>21.160335258012225</v>
      </c>
      <c r="K684" s="58">
        <f>Bühler!K710</f>
        <v>0.48893349609357861</v>
      </c>
      <c r="L684" s="58">
        <f>Bühler!L710</f>
        <v>0.24446674804678931</v>
      </c>
      <c r="M684" s="57">
        <f>Bühler!M710</f>
        <v>0</v>
      </c>
      <c r="N684" s="55">
        <f>IF(Input!$K$13=1,J684*Input!$J$13,0)+IF(Input!$K$14=1,K684*Input!$J$14,0)+IF(Input!$K$15=1,L684*Input!$J$15,0)+IF(Input!$K$16=1,M684*Input!$J$16,0)</f>
        <v>2.5392402309614668</v>
      </c>
      <c r="O684" s="58">
        <f>IF(Input!$K$13=2,J684*Input!$J$13,0)+IF(Input!$K$14=2,K684*Input!$J$14,0)+IF(Input!$K$15=2,L684*Input!$J$15,0)+IF(Input!$K$16=2,M684*Input!$J$16,0)</f>
        <v>6.6006021972633111E-2</v>
      </c>
      <c r="P684" s="58">
        <f>IF(Input!$K$13=3,J684*Input!$J$13,0)+IF(Input!$K$14=3,K684*Input!$J$14,0)+IF(Input!$K$15=3,L684*Input!$J$15,0)+IF(Input!$K$16=3,M684*Input!$J$16,0)</f>
        <v>0</v>
      </c>
      <c r="Q684" s="71">
        <f>IF(Input!$K$13=4,J684*Input!$J$13,0)+IF(Input!$K$14=4,K684*Input!$J$14,0)+IF(Input!$K$15=4,L684*Input!$J$15,0)+IF(Input!$K$16=4,M684*Input!$J$16,0)</f>
        <v>0</v>
      </c>
    </row>
    <row r="685" spans="8:17" x14ac:dyDescent="0.25">
      <c r="H685" s="43">
        <v>678</v>
      </c>
      <c r="I685" s="55">
        <f>Bühler!I711</f>
        <v>6.7893229802502812</v>
      </c>
      <c r="J685" s="58">
        <f>Bühler!J711</f>
        <v>21.21691294951431</v>
      </c>
      <c r="K685" s="58">
        <f>Bühler!K711</f>
        <v>0.48893349609357861</v>
      </c>
      <c r="L685" s="58">
        <f>Bühler!L711</f>
        <v>0.24446674804678931</v>
      </c>
      <c r="M685" s="57">
        <f>Bühler!M711</f>
        <v>0</v>
      </c>
      <c r="N685" s="55">
        <f>IF(Input!$K$13=1,J685*Input!$J$13,0)+IF(Input!$K$14=1,K685*Input!$J$14,0)+IF(Input!$K$15=1,L685*Input!$J$15,0)+IF(Input!$K$16=1,M685*Input!$J$16,0)</f>
        <v>2.5460295539417173</v>
      </c>
      <c r="O685" s="58">
        <f>IF(Input!$K$13=2,J685*Input!$J$13,0)+IF(Input!$K$14=2,K685*Input!$J$14,0)+IF(Input!$K$15=2,L685*Input!$J$15,0)+IF(Input!$K$16=2,M685*Input!$J$16,0)</f>
        <v>6.6006021972633111E-2</v>
      </c>
      <c r="P685" s="58">
        <f>IF(Input!$K$13=3,J685*Input!$J$13,0)+IF(Input!$K$14=3,K685*Input!$J$14,0)+IF(Input!$K$15=3,L685*Input!$J$15,0)+IF(Input!$K$16=3,M685*Input!$J$16,0)</f>
        <v>0</v>
      </c>
      <c r="Q685" s="71">
        <f>IF(Input!$K$13=4,J685*Input!$J$13,0)+IF(Input!$K$14=4,K685*Input!$J$14,0)+IF(Input!$K$15=4,L685*Input!$J$15,0)+IF(Input!$K$16=4,M685*Input!$J$16,0)</f>
        <v>0</v>
      </c>
    </row>
    <row r="686" spans="8:17" x14ac:dyDescent="0.25">
      <c r="H686" s="43">
        <v>679</v>
      </c>
      <c r="I686" s="55">
        <f>Bühler!I712</f>
        <v>7.9963137322947775</v>
      </c>
      <c r="J686" s="58">
        <f>Bühler!J712</f>
        <v>21.267204230849497</v>
      </c>
      <c r="K686" s="58">
        <f>Bühler!K712</f>
        <v>0.48893349609357861</v>
      </c>
      <c r="L686" s="58">
        <f>Bühler!L712</f>
        <v>0.24446674804678931</v>
      </c>
      <c r="M686" s="57">
        <f>Bühler!M712</f>
        <v>0</v>
      </c>
      <c r="N686" s="55">
        <f>IF(Input!$K$13=1,J686*Input!$J$13,0)+IF(Input!$K$14=1,K686*Input!$J$14,0)+IF(Input!$K$15=1,L686*Input!$J$15,0)+IF(Input!$K$16=1,M686*Input!$J$16,0)</f>
        <v>2.5520645077019397</v>
      </c>
      <c r="O686" s="58">
        <f>IF(Input!$K$13=2,J686*Input!$J$13,0)+IF(Input!$K$14=2,K686*Input!$J$14,0)+IF(Input!$K$15=2,L686*Input!$J$15,0)+IF(Input!$K$16=2,M686*Input!$J$16,0)</f>
        <v>6.6006021972633111E-2</v>
      </c>
      <c r="P686" s="58">
        <f>IF(Input!$K$13=3,J686*Input!$J$13,0)+IF(Input!$K$14=3,K686*Input!$J$14,0)+IF(Input!$K$15=3,L686*Input!$J$15,0)+IF(Input!$K$16=3,M686*Input!$J$16,0)</f>
        <v>0</v>
      </c>
      <c r="Q686" s="71">
        <f>IF(Input!$K$13=4,J686*Input!$J$13,0)+IF(Input!$K$14=4,K686*Input!$J$14,0)+IF(Input!$K$15=4,L686*Input!$J$15,0)+IF(Input!$K$16=4,M686*Input!$J$16,0)</f>
        <v>0</v>
      </c>
    </row>
    <row r="687" spans="8:17" x14ac:dyDescent="0.25">
      <c r="H687" s="43">
        <v>680</v>
      </c>
      <c r="I687" s="55">
        <f>Bühler!I713</f>
        <v>9.5050521723503962</v>
      </c>
      <c r="J687" s="58">
        <f>Bühler!J713</f>
        <v>21.330068332518479</v>
      </c>
      <c r="K687" s="58">
        <f>Bühler!K713</f>
        <v>0.48893349609357861</v>
      </c>
      <c r="L687" s="58">
        <f>Bühler!L713</f>
        <v>0.24446674804678931</v>
      </c>
      <c r="M687" s="57">
        <f>Bühler!M713</f>
        <v>0</v>
      </c>
      <c r="N687" s="55">
        <f>IF(Input!$K$13=1,J687*Input!$J$13,0)+IF(Input!$K$14=1,K687*Input!$J$14,0)+IF(Input!$K$15=1,L687*Input!$J$15,0)+IF(Input!$K$16=1,M687*Input!$J$16,0)</f>
        <v>2.5596081999022173</v>
      </c>
      <c r="O687" s="58">
        <f>IF(Input!$K$13=2,J687*Input!$J$13,0)+IF(Input!$K$14=2,K687*Input!$J$14,0)+IF(Input!$K$15=2,L687*Input!$J$15,0)+IF(Input!$K$16=2,M687*Input!$J$16,0)</f>
        <v>6.6006021972633111E-2</v>
      </c>
      <c r="P687" s="58">
        <f>IF(Input!$K$13=3,J687*Input!$J$13,0)+IF(Input!$K$14=3,K687*Input!$J$14,0)+IF(Input!$K$15=3,L687*Input!$J$15,0)+IF(Input!$K$16=3,M687*Input!$J$16,0)</f>
        <v>0</v>
      </c>
      <c r="Q687" s="71">
        <f>IF(Input!$K$13=4,J687*Input!$J$13,0)+IF(Input!$K$14=4,K687*Input!$J$14,0)+IF(Input!$K$15=4,L687*Input!$J$15,0)+IF(Input!$K$16=4,M687*Input!$J$16,0)</f>
        <v>0</v>
      </c>
    </row>
    <row r="688" spans="8:17" x14ac:dyDescent="0.25">
      <c r="H688" s="43">
        <v>681</v>
      </c>
      <c r="I688" s="55">
        <f>Bühler!I714</f>
        <v>9.5050521723503962</v>
      </c>
      <c r="J688" s="58">
        <f>Bühler!J714</f>
        <v>21.330068332518479</v>
      </c>
      <c r="K688" s="58">
        <f>Bühler!K714</f>
        <v>0.48893349609357861</v>
      </c>
      <c r="L688" s="58">
        <f>Bühler!L714</f>
        <v>0.24446674804678931</v>
      </c>
      <c r="M688" s="57">
        <f>Bühler!M714</f>
        <v>0</v>
      </c>
      <c r="N688" s="55">
        <f>IF(Input!$K$13=1,J688*Input!$J$13,0)+IF(Input!$K$14=1,K688*Input!$J$14,0)+IF(Input!$K$15=1,L688*Input!$J$15,0)+IF(Input!$K$16=1,M688*Input!$J$16,0)</f>
        <v>2.5596081999022173</v>
      </c>
      <c r="O688" s="58">
        <f>IF(Input!$K$13=2,J688*Input!$J$13,0)+IF(Input!$K$14=2,K688*Input!$J$14,0)+IF(Input!$K$15=2,L688*Input!$J$15,0)+IF(Input!$K$16=2,M688*Input!$J$16,0)</f>
        <v>6.6006021972633111E-2</v>
      </c>
      <c r="P688" s="58">
        <f>IF(Input!$K$13=3,J688*Input!$J$13,0)+IF(Input!$K$14=3,K688*Input!$J$14,0)+IF(Input!$K$15=3,L688*Input!$J$15,0)+IF(Input!$K$16=3,M688*Input!$J$16,0)</f>
        <v>0</v>
      </c>
      <c r="Q688" s="71">
        <f>IF(Input!$K$13=4,J688*Input!$J$13,0)+IF(Input!$K$14=4,K688*Input!$J$14,0)+IF(Input!$K$15=4,L688*Input!$J$15,0)+IF(Input!$K$16=4,M688*Input!$J$16,0)</f>
        <v>0</v>
      </c>
    </row>
    <row r="689" spans="8:17" x14ac:dyDescent="0.25">
      <c r="H689" s="43">
        <v>682</v>
      </c>
      <c r="I689" s="55">
        <f>Bühler!I715</f>
        <v>9.5050521723503962</v>
      </c>
      <c r="J689" s="58">
        <f>Bühler!J715</f>
        <v>21.330068332518479</v>
      </c>
      <c r="K689" s="58">
        <f>Bühler!K715</f>
        <v>0.48893349609357861</v>
      </c>
      <c r="L689" s="58">
        <f>Bühler!L715</f>
        <v>0.24446674804678931</v>
      </c>
      <c r="M689" s="57">
        <f>Bühler!M715</f>
        <v>0</v>
      </c>
      <c r="N689" s="55">
        <f>IF(Input!$K$13=1,J689*Input!$J$13,0)+IF(Input!$K$14=1,K689*Input!$J$14,0)+IF(Input!$K$15=1,L689*Input!$J$15,0)+IF(Input!$K$16=1,M689*Input!$J$16,0)</f>
        <v>2.5596081999022173</v>
      </c>
      <c r="O689" s="58">
        <f>IF(Input!$K$13=2,J689*Input!$J$13,0)+IF(Input!$K$14=2,K689*Input!$J$14,0)+IF(Input!$K$15=2,L689*Input!$J$15,0)+IF(Input!$K$16=2,M689*Input!$J$16,0)</f>
        <v>6.6006021972633111E-2</v>
      </c>
      <c r="P689" s="58">
        <f>IF(Input!$K$13=3,J689*Input!$J$13,0)+IF(Input!$K$14=3,K689*Input!$J$14,0)+IF(Input!$K$15=3,L689*Input!$J$15,0)+IF(Input!$K$16=3,M689*Input!$J$16,0)</f>
        <v>0</v>
      </c>
      <c r="Q689" s="71">
        <f>IF(Input!$K$13=4,J689*Input!$J$13,0)+IF(Input!$K$14=4,K689*Input!$J$14,0)+IF(Input!$K$15=4,L689*Input!$J$15,0)+IF(Input!$K$16=4,M689*Input!$J$16,0)</f>
        <v>0</v>
      </c>
    </row>
    <row r="690" spans="8:17" x14ac:dyDescent="0.25">
      <c r="H690" s="43">
        <v>683</v>
      </c>
      <c r="I690" s="55">
        <f>Bühler!I716</f>
        <v>9.5050521723503962</v>
      </c>
      <c r="J690" s="58">
        <f>Bühler!J716</f>
        <v>21.330068332518479</v>
      </c>
      <c r="K690" s="58">
        <f>Bühler!K716</f>
        <v>0.48893349609357861</v>
      </c>
      <c r="L690" s="58">
        <f>Bühler!L716</f>
        <v>0.24446674804678931</v>
      </c>
      <c r="M690" s="57">
        <f>Bühler!M716</f>
        <v>0</v>
      </c>
      <c r="N690" s="55">
        <f>IF(Input!$K$13=1,J690*Input!$J$13,0)+IF(Input!$K$14=1,K690*Input!$J$14,0)+IF(Input!$K$15=1,L690*Input!$J$15,0)+IF(Input!$K$16=1,M690*Input!$J$16,0)</f>
        <v>2.5596081999022173</v>
      </c>
      <c r="O690" s="58">
        <f>IF(Input!$K$13=2,J690*Input!$J$13,0)+IF(Input!$K$14=2,K690*Input!$J$14,0)+IF(Input!$K$15=2,L690*Input!$J$15,0)+IF(Input!$K$16=2,M690*Input!$J$16,0)</f>
        <v>6.6006021972633111E-2</v>
      </c>
      <c r="P690" s="58">
        <f>IF(Input!$K$13=3,J690*Input!$J$13,0)+IF(Input!$K$14=3,K690*Input!$J$14,0)+IF(Input!$K$15=3,L690*Input!$J$15,0)+IF(Input!$K$16=3,M690*Input!$J$16,0)</f>
        <v>0</v>
      </c>
      <c r="Q690" s="71">
        <f>IF(Input!$K$13=4,J690*Input!$J$13,0)+IF(Input!$K$14=4,K690*Input!$J$14,0)+IF(Input!$K$15=4,L690*Input!$J$15,0)+IF(Input!$K$16=4,M690*Input!$J$16,0)</f>
        <v>0</v>
      </c>
    </row>
    <row r="691" spans="8:17" x14ac:dyDescent="0.25">
      <c r="H691" s="43">
        <v>684</v>
      </c>
      <c r="I691" s="55">
        <f>Bühler!I717</f>
        <v>9.5050521723503962</v>
      </c>
      <c r="J691" s="58">
        <f>Bühler!J717</f>
        <v>21.330068332518479</v>
      </c>
      <c r="K691" s="58">
        <f>Bühler!K717</f>
        <v>0.48893349609357861</v>
      </c>
      <c r="L691" s="58">
        <f>Bühler!L717</f>
        <v>0.24446674804678931</v>
      </c>
      <c r="M691" s="57">
        <f>Bühler!M717</f>
        <v>0</v>
      </c>
      <c r="N691" s="55">
        <f>IF(Input!$K$13=1,J691*Input!$J$13,0)+IF(Input!$K$14=1,K691*Input!$J$14,0)+IF(Input!$K$15=1,L691*Input!$J$15,0)+IF(Input!$K$16=1,M691*Input!$J$16,0)</f>
        <v>2.5596081999022173</v>
      </c>
      <c r="O691" s="58">
        <f>IF(Input!$K$13=2,J691*Input!$J$13,0)+IF(Input!$K$14=2,K691*Input!$J$14,0)+IF(Input!$K$15=2,L691*Input!$J$15,0)+IF(Input!$K$16=2,M691*Input!$J$16,0)</f>
        <v>6.6006021972633111E-2</v>
      </c>
      <c r="P691" s="58">
        <f>IF(Input!$K$13=3,J691*Input!$J$13,0)+IF(Input!$K$14=3,K691*Input!$J$14,0)+IF(Input!$K$15=3,L691*Input!$J$15,0)+IF(Input!$K$16=3,M691*Input!$J$16,0)</f>
        <v>0</v>
      </c>
      <c r="Q691" s="71">
        <f>IF(Input!$K$13=4,J691*Input!$J$13,0)+IF(Input!$K$14=4,K691*Input!$J$14,0)+IF(Input!$K$15=4,L691*Input!$J$15,0)+IF(Input!$K$16=4,M691*Input!$J$16,0)</f>
        <v>0</v>
      </c>
    </row>
    <row r="692" spans="8:17" x14ac:dyDescent="0.25">
      <c r="H692" s="43">
        <v>685</v>
      </c>
      <c r="I692" s="55">
        <f>Bühler!I718</f>
        <v>9.5050521723503962</v>
      </c>
      <c r="J692" s="58">
        <f>Bühler!J718</f>
        <v>21.330068332518479</v>
      </c>
      <c r="K692" s="58">
        <f>Bühler!K718</f>
        <v>0.48893349609357861</v>
      </c>
      <c r="L692" s="58">
        <f>Bühler!L718</f>
        <v>0.24446674804678931</v>
      </c>
      <c r="M692" s="57">
        <f>Bühler!M718</f>
        <v>0</v>
      </c>
      <c r="N692" s="55">
        <f>IF(Input!$K$13=1,J692*Input!$J$13,0)+IF(Input!$K$14=1,K692*Input!$J$14,0)+IF(Input!$K$15=1,L692*Input!$J$15,0)+IF(Input!$K$16=1,M692*Input!$J$16,0)</f>
        <v>2.5596081999022173</v>
      </c>
      <c r="O692" s="58">
        <f>IF(Input!$K$13=2,J692*Input!$J$13,0)+IF(Input!$K$14=2,K692*Input!$J$14,0)+IF(Input!$K$15=2,L692*Input!$J$15,0)+IF(Input!$K$16=2,M692*Input!$J$16,0)</f>
        <v>6.6006021972633111E-2</v>
      </c>
      <c r="P692" s="58">
        <f>IF(Input!$K$13=3,J692*Input!$J$13,0)+IF(Input!$K$14=3,K692*Input!$J$14,0)+IF(Input!$K$15=3,L692*Input!$J$15,0)+IF(Input!$K$16=3,M692*Input!$J$16,0)</f>
        <v>0</v>
      </c>
      <c r="Q692" s="71">
        <f>IF(Input!$K$13=4,J692*Input!$J$13,0)+IF(Input!$K$14=4,K692*Input!$J$14,0)+IF(Input!$K$15=4,L692*Input!$J$15,0)+IF(Input!$K$16=4,M692*Input!$J$16,0)</f>
        <v>0</v>
      </c>
    </row>
    <row r="693" spans="8:17" x14ac:dyDescent="0.25">
      <c r="H693" s="43">
        <v>686</v>
      </c>
      <c r="I693" s="55">
        <f>Bühler!I719</f>
        <v>9.5050521723503962</v>
      </c>
      <c r="J693" s="58">
        <f>Bühler!J719</f>
        <v>21.330068332518479</v>
      </c>
      <c r="K693" s="58">
        <f>Bühler!K719</f>
        <v>0.48893349609357861</v>
      </c>
      <c r="L693" s="58">
        <f>Bühler!L719</f>
        <v>0.24446674804678931</v>
      </c>
      <c r="M693" s="57">
        <f>Bühler!M719</f>
        <v>0</v>
      </c>
      <c r="N693" s="55">
        <f>IF(Input!$K$13=1,J693*Input!$J$13,0)+IF(Input!$K$14=1,K693*Input!$J$14,0)+IF(Input!$K$15=1,L693*Input!$J$15,0)+IF(Input!$K$16=1,M693*Input!$J$16,0)</f>
        <v>2.5596081999022173</v>
      </c>
      <c r="O693" s="58">
        <f>IF(Input!$K$13=2,J693*Input!$J$13,0)+IF(Input!$K$14=2,K693*Input!$J$14,0)+IF(Input!$K$15=2,L693*Input!$J$15,0)+IF(Input!$K$16=2,M693*Input!$J$16,0)</f>
        <v>6.6006021972633111E-2</v>
      </c>
      <c r="P693" s="58">
        <f>IF(Input!$K$13=3,J693*Input!$J$13,0)+IF(Input!$K$14=3,K693*Input!$J$14,0)+IF(Input!$K$15=3,L693*Input!$J$15,0)+IF(Input!$K$16=3,M693*Input!$J$16,0)</f>
        <v>0</v>
      </c>
      <c r="Q693" s="71">
        <f>IF(Input!$K$13=4,J693*Input!$J$13,0)+IF(Input!$K$14=4,K693*Input!$J$14,0)+IF(Input!$K$15=4,L693*Input!$J$15,0)+IF(Input!$K$16=4,M693*Input!$J$16,0)</f>
        <v>0</v>
      </c>
    </row>
    <row r="694" spans="8:17" x14ac:dyDescent="0.25">
      <c r="H694" s="43">
        <v>687</v>
      </c>
      <c r="I694" s="55">
        <f>Bühler!I720</f>
        <v>9.5050521723503962</v>
      </c>
      <c r="J694" s="58">
        <f>Bühler!J720</f>
        <v>21.330068332518479</v>
      </c>
      <c r="K694" s="58">
        <f>Bühler!K720</f>
        <v>0.48893349609357861</v>
      </c>
      <c r="L694" s="58">
        <f>Bühler!L720</f>
        <v>0.24446674804678931</v>
      </c>
      <c r="M694" s="57">
        <f>Bühler!M720</f>
        <v>0</v>
      </c>
      <c r="N694" s="55">
        <f>IF(Input!$K$13=1,J694*Input!$J$13,0)+IF(Input!$K$14=1,K694*Input!$J$14,0)+IF(Input!$K$15=1,L694*Input!$J$15,0)+IF(Input!$K$16=1,M694*Input!$J$16,0)</f>
        <v>2.5596081999022173</v>
      </c>
      <c r="O694" s="58">
        <f>IF(Input!$K$13=2,J694*Input!$J$13,0)+IF(Input!$K$14=2,K694*Input!$J$14,0)+IF(Input!$K$15=2,L694*Input!$J$15,0)+IF(Input!$K$16=2,M694*Input!$J$16,0)</f>
        <v>6.6006021972633111E-2</v>
      </c>
      <c r="P694" s="58">
        <f>IF(Input!$K$13=3,J694*Input!$J$13,0)+IF(Input!$K$14=3,K694*Input!$J$14,0)+IF(Input!$K$15=3,L694*Input!$J$15,0)+IF(Input!$K$16=3,M694*Input!$J$16,0)</f>
        <v>0</v>
      </c>
      <c r="Q694" s="71">
        <f>IF(Input!$K$13=4,J694*Input!$J$13,0)+IF(Input!$K$14=4,K694*Input!$J$14,0)+IF(Input!$K$15=4,L694*Input!$J$15,0)+IF(Input!$K$16=4,M694*Input!$J$16,0)</f>
        <v>0</v>
      </c>
    </row>
    <row r="695" spans="8:17" x14ac:dyDescent="0.25">
      <c r="H695" s="43">
        <v>688</v>
      </c>
      <c r="I695" s="55">
        <f>Bühler!I721</f>
        <v>8.4489352643114621</v>
      </c>
      <c r="J695" s="58">
        <f>Bühler!J721</f>
        <v>21.286063461350192</v>
      </c>
      <c r="K695" s="58">
        <f>Bühler!K721</f>
        <v>0.48893349609357861</v>
      </c>
      <c r="L695" s="58">
        <f>Bühler!L721</f>
        <v>0.24446674804678931</v>
      </c>
      <c r="M695" s="57">
        <f>Bühler!M721</f>
        <v>0</v>
      </c>
      <c r="N695" s="55">
        <f>IF(Input!$K$13=1,J695*Input!$J$13,0)+IF(Input!$K$14=1,K695*Input!$J$14,0)+IF(Input!$K$15=1,L695*Input!$J$15,0)+IF(Input!$K$16=1,M695*Input!$J$16,0)</f>
        <v>2.5543276153620229</v>
      </c>
      <c r="O695" s="58">
        <f>IF(Input!$K$13=2,J695*Input!$J$13,0)+IF(Input!$K$14=2,K695*Input!$J$14,0)+IF(Input!$K$15=2,L695*Input!$J$15,0)+IF(Input!$K$16=2,M695*Input!$J$16,0)</f>
        <v>6.6006021972633111E-2</v>
      </c>
      <c r="P695" s="58">
        <f>IF(Input!$K$13=3,J695*Input!$J$13,0)+IF(Input!$K$14=3,K695*Input!$J$14,0)+IF(Input!$K$15=3,L695*Input!$J$15,0)+IF(Input!$K$16=3,M695*Input!$J$16,0)</f>
        <v>0</v>
      </c>
      <c r="Q695" s="71">
        <f>IF(Input!$K$13=4,J695*Input!$J$13,0)+IF(Input!$K$14=4,K695*Input!$J$14,0)+IF(Input!$K$15=4,L695*Input!$J$15,0)+IF(Input!$K$16=4,M695*Input!$J$16,0)</f>
        <v>0</v>
      </c>
    </row>
    <row r="696" spans="8:17" x14ac:dyDescent="0.25">
      <c r="H696" s="43">
        <v>689</v>
      </c>
      <c r="I696" s="55">
        <f>Bühler!I722</f>
        <v>8.2980614203059009</v>
      </c>
      <c r="J696" s="58">
        <f>Bühler!J722</f>
        <v>21.279777051183292</v>
      </c>
      <c r="K696" s="58">
        <f>Bühler!K722</f>
        <v>0.48893349609357861</v>
      </c>
      <c r="L696" s="58">
        <f>Bühler!L722</f>
        <v>0.24446674804678931</v>
      </c>
      <c r="M696" s="57">
        <f>Bühler!M722</f>
        <v>0</v>
      </c>
      <c r="N696" s="55">
        <f>IF(Input!$K$13=1,J696*Input!$J$13,0)+IF(Input!$K$14=1,K696*Input!$J$14,0)+IF(Input!$K$15=1,L696*Input!$J$15,0)+IF(Input!$K$16=1,M696*Input!$J$16,0)</f>
        <v>2.5535732461419949</v>
      </c>
      <c r="O696" s="58">
        <f>IF(Input!$K$13=2,J696*Input!$J$13,0)+IF(Input!$K$14=2,K696*Input!$J$14,0)+IF(Input!$K$15=2,L696*Input!$J$15,0)+IF(Input!$K$16=2,M696*Input!$J$16,0)</f>
        <v>6.6006021972633111E-2</v>
      </c>
      <c r="P696" s="58">
        <f>IF(Input!$K$13=3,J696*Input!$J$13,0)+IF(Input!$K$14=3,K696*Input!$J$14,0)+IF(Input!$K$15=3,L696*Input!$J$15,0)+IF(Input!$K$16=3,M696*Input!$J$16,0)</f>
        <v>0</v>
      </c>
      <c r="Q696" s="71">
        <f>IF(Input!$K$13=4,J696*Input!$J$13,0)+IF(Input!$K$14=4,K696*Input!$J$14,0)+IF(Input!$K$15=4,L696*Input!$J$15,0)+IF(Input!$K$16=4,M696*Input!$J$16,0)</f>
        <v>0</v>
      </c>
    </row>
    <row r="697" spans="8:17" x14ac:dyDescent="0.25">
      <c r="H697" s="43">
        <v>690</v>
      </c>
      <c r="I697" s="55">
        <f>Bühler!I723</f>
        <v>7.0910706682614064</v>
      </c>
      <c r="J697" s="58">
        <f>Bühler!J723</f>
        <v>21.229485769848107</v>
      </c>
      <c r="K697" s="58">
        <f>Bühler!K723</f>
        <v>0.48893349609357861</v>
      </c>
      <c r="L697" s="58">
        <f>Bühler!L723</f>
        <v>0.24446674804678931</v>
      </c>
      <c r="M697" s="57">
        <f>Bühler!M723</f>
        <v>0</v>
      </c>
      <c r="N697" s="55">
        <f>IF(Input!$K$13=1,J697*Input!$J$13,0)+IF(Input!$K$14=1,K697*Input!$J$14,0)+IF(Input!$K$15=1,L697*Input!$J$15,0)+IF(Input!$K$16=1,M697*Input!$J$16,0)</f>
        <v>2.5475382923817729</v>
      </c>
      <c r="O697" s="58">
        <f>IF(Input!$K$13=2,J697*Input!$J$13,0)+IF(Input!$K$14=2,K697*Input!$J$14,0)+IF(Input!$K$15=2,L697*Input!$J$15,0)+IF(Input!$K$16=2,M697*Input!$J$16,0)</f>
        <v>6.6006021972633111E-2</v>
      </c>
      <c r="P697" s="58">
        <f>IF(Input!$K$13=3,J697*Input!$J$13,0)+IF(Input!$K$14=3,K697*Input!$J$14,0)+IF(Input!$K$15=3,L697*Input!$J$15,0)+IF(Input!$K$16=3,M697*Input!$J$16,0)</f>
        <v>0</v>
      </c>
      <c r="Q697" s="71">
        <f>IF(Input!$K$13=4,J697*Input!$J$13,0)+IF(Input!$K$14=4,K697*Input!$J$14,0)+IF(Input!$K$15=4,L697*Input!$J$15,0)+IF(Input!$K$16=4,M697*Input!$J$16,0)</f>
        <v>0</v>
      </c>
    </row>
    <row r="698" spans="8:17" x14ac:dyDescent="0.25">
      <c r="H698" s="43">
        <v>691</v>
      </c>
      <c r="I698" s="55">
        <f>Bühler!I724</f>
        <v>6.6384491362447209</v>
      </c>
      <c r="J698" s="58">
        <f>Bühler!J724</f>
        <v>21.210626539347412</v>
      </c>
      <c r="K698" s="58">
        <f>Bühler!K724</f>
        <v>0.48893349609357861</v>
      </c>
      <c r="L698" s="58">
        <f>Bühler!L724</f>
        <v>0.24446674804678931</v>
      </c>
      <c r="M698" s="57">
        <f>Bühler!M724</f>
        <v>0</v>
      </c>
      <c r="N698" s="55">
        <f>IF(Input!$K$13=1,J698*Input!$J$13,0)+IF(Input!$K$14=1,K698*Input!$J$14,0)+IF(Input!$K$15=1,L698*Input!$J$15,0)+IF(Input!$K$16=1,M698*Input!$J$16,0)</f>
        <v>2.5452751847216892</v>
      </c>
      <c r="O698" s="58">
        <f>IF(Input!$K$13=2,J698*Input!$J$13,0)+IF(Input!$K$14=2,K698*Input!$J$14,0)+IF(Input!$K$15=2,L698*Input!$J$15,0)+IF(Input!$K$16=2,M698*Input!$J$16,0)</f>
        <v>6.6006021972633111E-2</v>
      </c>
      <c r="P698" s="58">
        <f>IF(Input!$K$13=3,J698*Input!$J$13,0)+IF(Input!$K$14=3,K698*Input!$J$14,0)+IF(Input!$K$15=3,L698*Input!$J$15,0)+IF(Input!$K$16=3,M698*Input!$J$16,0)</f>
        <v>0</v>
      </c>
      <c r="Q698" s="71">
        <f>IF(Input!$K$13=4,J698*Input!$J$13,0)+IF(Input!$K$14=4,K698*Input!$J$14,0)+IF(Input!$K$15=4,L698*Input!$J$15,0)+IF(Input!$K$16=4,M698*Input!$J$16,0)</f>
        <v>0</v>
      </c>
    </row>
    <row r="699" spans="8:17" x14ac:dyDescent="0.25">
      <c r="H699" s="43">
        <v>692</v>
      </c>
      <c r="I699" s="55">
        <f>Bühler!I725</f>
        <v>5.5823322282057877</v>
      </c>
      <c r="J699" s="58">
        <f>Bühler!J725</f>
        <v>21.166621668179122</v>
      </c>
      <c r="K699" s="58">
        <f>Bühler!K725</f>
        <v>0.48893349609357861</v>
      </c>
      <c r="L699" s="58">
        <f>Bühler!L725</f>
        <v>0.24446674804678931</v>
      </c>
      <c r="M699" s="57">
        <f>Bühler!M725</f>
        <v>0</v>
      </c>
      <c r="N699" s="55">
        <f>IF(Input!$K$13=1,J699*Input!$J$13,0)+IF(Input!$K$14=1,K699*Input!$J$14,0)+IF(Input!$K$15=1,L699*Input!$J$15,0)+IF(Input!$K$16=1,M699*Input!$J$16,0)</f>
        <v>2.5399946001814944</v>
      </c>
      <c r="O699" s="58">
        <f>IF(Input!$K$13=2,J699*Input!$J$13,0)+IF(Input!$K$14=2,K699*Input!$J$14,0)+IF(Input!$K$15=2,L699*Input!$J$15,0)+IF(Input!$K$16=2,M699*Input!$J$16,0)</f>
        <v>6.6006021972633111E-2</v>
      </c>
      <c r="P699" s="58">
        <f>IF(Input!$K$13=3,J699*Input!$J$13,0)+IF(Input!$K$14=3,K699*Input!$J$14,0)+IF(Input!$K$15=3,L699*Input!$J$15,0)+IF(Input!$K$16=3,M699*Input!$J$16,0)</f>
        <v>0</v>
      </c>
      <c r="Q699" s="71">
        <f>IF(Input!$K$13=4,J699*Input!$J$13,0)+IF(Input!$K$14=4,K699*Input!$J$14,0)+IF(Input!$K$15=4,L699*Input!$J$15,0)+IF(Input!$K$16=4,M699*Input!$J$16,0)</f>
        <v>0</v>
      </c>
    </row>
    <row r="700" spans="8:17" x14ac:dyDescent="0.25">
      <c r="H700" s="43">
        <v>693</v>
      </c>
      <c r="I700" s="55">
        <f>Bühler!I726</f>
        <v>4.6770891641724166</v>
      </c>
      <c r="J700" s="58">
        <f>Bühler!J726</f>
        <v>21.128903207177732</v>
      </c>
      <c r="K700" s="58">
        <f>Bühler!K726</f>
        <v>0.48893349609357861</v>
      </c>
      <c r="L700" s="58">
        <f>Bühler!L726</f>
        <v>0.24446674804678931</v>
      </c>
      <c r="M700" s="57">
        <f>Bühler!M726</f>
        <v>0</v>
      </c>
      <c r="N700" s="55">
        <f>IF(Input!$K$13=1,J700*Input!$J$13,0)+IF(Input!$K$14=1,K700*Input!$J$14,0)+IF(Input!$K$15=1,L700*Input!$J$15,0)+IF(Input!$K$16=1,M700*Input!$J$16,0)</f>
        <v>2.535468384861328</v>
      </c>
      <c r="O700" s="58">
        <f>IF(Input!$K$13=2,J700*Input!$J$13,0)+IF(Input!$K$14=2,K700*Input!$J$14,0)+IF(Input!$K$15=2,L700*Input!$J$15,0)+IF(Input!$K$16=2,M700*Input!$J$16,0)</f>
        <v>6.6006021972633111E-2</v>
      </c>
      <c r="P700" s="58">
        <f>IF(Input!$K$13=3,J700*Input!$J$13,0)+IF(Input!$K$14=3,K700*Input!$J$14,0)+IF(Input!$K$15=3,L700*Input!$J$15,0)+IF(Input!$K$16=3,M700*Input!$J$16,0)</f>
        <v>0</v>
      </c>
      <c r="Q700" s="71">
        <f>IF(Input!$K$13=4,J700*Input!$J$13,0)+IF(Input!$K$14=4,K700*Input!$J$14,0)+IF(Input!$K$15=4,L700*Input!$J$15,0)+IF(Input!$K$16=4,M700*Input!$J$16,0)</f>
        <v>0</v>
      </c>
    </row>
    <row r="701" spans="8:17" x14ac:dyDescent="0.25">
      <c r="H701" s="43">
        <v>694</v>
      </c>
      <c r="I701" s="55">
        <f>Bühler!I727</f>
        <v>4.0735937881501698</v>
      </c>
      <c r="J701" s="58">
        <f>Bühler!J727</f>
        <v>21.10375756651014</v>
      </c>
      <c r="K701" s="58">
        <f>Bühler!K727</f>
        <v>0.48893349609357861</v>
      </c>
      <c r="L701" s="58">
        <f>Bühler!L727</f>
        <v>0.24446674804678931</v>
      </c>
      <c r="M701" s="57">
        <f>Bühler!M727</f>
        <v>0</v>
      </c>
      <c r="N701" s="55">
        <f>IF(Input!$K$13=1,J701*Input!$J$13,0)+IF(Input!$K$14=1,K701*Input!$J$14,0)+IF(Input!$K$15=1,L701*Input!$J$15,0)+IF(Input!$K$16=1,M701*Input!$J$16,0)</f>
        <v>2.5324509079812167</v>
      </c>
      <c r="O701" s="58">
        <f>IF(Input!$K$13=2,J701*Input!$J$13,0)+IF(Input!$K$14=2,K701*Input!$J$14,0)+IF(Input!$K$15=2,L701*Input!$J$15,0)+IF(Input!$K$16=2,M701*Input!$J$16,0)</f>
        <v>6.6006021972633111E-2</v>
      </c>
      <c r="P701" s="58">
        <f>IF(Input!$K$13=3,J701*Input!$J$13,0)+IF(Input!$K$14=3,K701*Input!$J$14,0)+IF(Input!$K$15=3,L701*Input!$J$15,0)+IF(Input!$K$16=3,M701*Input!$J$16,0)</f>
        <v>0</v>
      </c>
      <c r="Q701" s="71">
        <f>IF(Input!$K$13=4,J701*Input!$J$13,0)+IF(Input!$K$14=4,K701*Input!$J$14,0)+IF(Input!$K$15=4,L701*Input!$J$15,0)+IF(Input!$K$16=4,M701*Input!$J$16,0)</f>
        <v>0</v>
      </c>
    </row>
    <row r="702" spans="8:17" x14ac:dyDescent="0.25">
      <c r="H702" s="43">
        <v>695</v>
      </c>
      <c r="I702" s="55">
        <f>Bühler!I728</f>
        <v>4.0735937881501698</v>
      </c>
      <c r="J702" s="58">
        <f>Bühler!J728</f>
        <v>21.10375756651014</v>
      </c>
      <c r="K702" s="58">
        <f>Bühler!K728</f>
        <v>0.48893349609357861</v>
      </c>
      <c r="L702" s="58">
        <f>Bühler!L728</f>
        <v>0.24446674804678931</v>
      </c>
      <c r="M702" s="57">
        <f>Bühler!M728</f>
        <v>0</v>
      </c>
      <c r="N702" s="55">
        <f>IF(Input!$K$13=1,J702*Input!$J$13,0)+IF(Input!$K$14=1,K702*Input!$J$14,0)+IF(Input!$K$15=1,L702*Input!$J$15,0)+IF(Input!$K$16=1,M702*Input!$J$16,0)</f>
        <v>2.5324509079812167</v>
      </c>
      <c r="O702" s="58">
        <f>IF(Input!$K$13=2,J702*Input!$J$13,0)+IF(Input!$K$14=2,K702*Input!$J$14,0)+IF(Input!$K$15=2,L702*Input!$J$15,0)+IF(Input!$K$16=2,M702*Input!$J$16,0)</f>
        <v>6.6006021972633111E-2</v>
      </c>
      <c r="P702" s="58">
        <f>IF(Input!$K$13=3,J702*Input!$J$13,0)+IF(Input!$K$14=3,K702*Input!$J$14,0)+IF(Input!$K$15=3,L702*Input!$J$15,0)+IF(Input!$K$16=3,M702*Input!$J$16,0)</f>
        <v>0</v>
      </c>
      <c r="Q702" s="71">
        <f>IF(Input!$K$13=4,J702*Input!$J$13,0)+IF(Input!$K$14=4,K702*Input!$J$14,0)+IF(Input!$K$15=4,L702*Input!$J$15,0)+IF(Input!$K$16=4,M702*Input!$J$16,0)</f>
        <v>0</v>
      </c>
    </row>
    <row r="703" spans="8:17" x14ac:dyDescent="0.25">
      <c r="H703" s="43">
        <v>696</v>
      </c>
      <c r="I703" s="55">
        <f>Bühler!I729</f>
        <v>4.0735937881501698</v>
      </c>
      <c r="J703" s="58">
        <f>Bühler!J729</f>
        <v>21.10375756651014</v>
      </c>
      <c r="K703" s="58">
        <f>Bühler!K729</f>
        <v>0.48893349609357861</v>
      </c>
      <c r="L703" s="58">
        <f>Bühler!L729</f>
        <v>0.24446674804678931</v>
      </c>
      <c r="M703" s="57">
        <f>Bühler!M729</f>
        <v>0</v>
      </c>
      <c r="N703" s="55">
        <f>IF(Input!$K$13=1,J703*Input!$J$13,0)+IF(Input!$K$14=1,K703*Input!$J$14,0)+IF(Input!$K$15=1,L703*Input!$J$15,0)+IF(Input!$K$16=1,M703*Input!$J$16,0)</f>
        <v>2.5324509079812167</v>
      </c>
      <c r="O703" s="58">
        <f>IF(Input!$K$13=2,J703*Input!$J$13,0)+IF(Input!$K$14=2,K703*Input!$J$14,0)+IF(Input!$K$15=2,L703*Input!$J$15,0)+IF(Input!$K$16=2,M703*Input!$J$16,0)</f>
        <v>6.6006021972633111E-2</v>
      </c>
      <c r="P703" s="58">
        <f>IF(Input!$K$13=3,J703*Input!$J$13,0)+IF(Input!$K$14=3,K703*Input!$J$14,0)+IF(Input!$K$15=3,L703*Input!$J$15,0)+IF(Input!$K$16=3,M703*Input!$J$16,0)</f>
        <v>0</v>
      </c>
      <c r="Q703" s="71">
        <f>IF(Input!$K$13=4,J703*Input!$J$13,0)+IF(Input!$K$14=4,K703*Input!$J$14,0)+IF(Input!$K$15=4,L703*Input!$J$15,0)+IF(Input!$K$16=4,M703*Input!$J$16,0)</f>
        <v>0</v>
      </c>
    </row>
    <row r="704" spans="8:17" x14ac:dyDescent="0.25">
      <c r="H704" s="43">
        <v>697</v>
      </c>
      <c r="I704" s="55">
        <f>Bühler!I730</f>
        <v>3.2405303281934135</v>
      </c>
      <c r="J704" s="58">
        <f>Bühler!J730</f>
        <v>15.852080998390857</v>
      </c>
      <c r="K704" s="58">
        <f>Bühler!K730</f>
        <v>0.63026920444832257</v>
      </c>
      <c r="L704" s="58">
        <f>Bühler!L730</f>
        <v>0.31513460222416129</v>
      </c>
      <c r="M704" s="57">
        <f>Bühler!M730</f>
        <v>0</v>
      </c>
      <c r="N704" s="55">
        <f>IF(Input!$K$13=1,J704*Input!$J$13,0)+IF(Input!$K$14=1,K704*Input!$J$14,0)+IF(Input!$K$15=1,L704*Input!$J$15,0)+IF(Input!$K$16=1,M704*Input!$J$16,0)</f>
        <v>1.9022497198069028</v>
      </c>
      <c r="O704" s="58">
        <f>IF(Input!$K$13=2,J704*Input!$J$13,0)+IF(Input!$K$14=2,K704*Input!$J$14,0)+IF(Input!$K$15=2,L704*Input!$J$15,0)+IF(Input!$K$16=2,M704*Input!$J$16,0)</f>
        <v>8.5086342600523557E-2</v>
      </c>
      <c r="P704" s="58">
        <f>IF(Input!$K$13=3,J704*Input!$J$13,0)+IF(Input!$K$14=3,K704*Input!$J$14,0)+IF(Input!$K$15=3,L704*Input!$J$15,0)+IF(Input!$K$16=3,M704*Input!$J$16,0)</f>
        <v>0</v>
      </c>
      <c r="Q704" s="71">
        <f>IF(Input!$K$13=4,J704*Input!$J$13,0)+IF(Input!$K$14=4,K704*Input!$J$14,0)+IF(Input!$K$15=4,L704*Input!$J$15,0)+IF(Input!$K$16=4,M704*Input!$J$16,0)</f>
        <v>0</v>
      </c>
    </row>
    <row r="705" spans="8:17" x14ac:dyDescent="0.25">
      <c r="H705" s="43">
        <v>698</v>
      </c>
      <c r="I705" s="55">
        <f>Bühler!I731</f>
        <v>3.2405303281934135</v>
      </c>
      <c r="J705" s="58">
        <f>Bühler!J731</f>
        <v>15.852080998390857</v>
      </c>
      <c r="K705" s="58">
        <f>Bühler!K731</f>
        <v>0.63026920444832257</v>
      </c>
      <c r="L705" s="58">
        <f>Bühler!L731</f>
        <v>0.31513460222416129</v>
      </c>
      <c r="M705" s="57">
        <f>Bühler!M731</f>
        <v>0</v>
      </c>
      <c r="N705" s="55">
        <f>IF(Input!$K$13=1,J705*Input!$J$13,0)+IF(Input!$K$14=1,K705*Input!$J$14,0)+IF(Input!$K$15=1,L705*Input!$J$15,0)+IF(Input!$K$16=1,M705*Input!$J$16,0)</f>
        <v>1.9022497198069028</v>
      </c>
      <c r="O705" s="58">
        <f>IF(Input!$K$13=2,J705*Input!$J$13,0)+IF(Input!$K$14=2,K705*Input!$J$14,0)+IF(Input!$K$15=2,L705*Input!$J$15,0)+IF(Input!$K$16=2,M705*Input!$J$16,0)</f>
        <v>8.5086342600523557E-2</v>
      </c>
      <c r="P705" s="58">
        <f>IF(Input!$K$13=3,J705*Input!$J$13,0)+IF(Input!$K$14=3,K705*Input!$J$14,0)+IF(Input!$K$15=3,L705*Input!$J$15,0)+IF(Input!$K$16=3,M705*Input!$J$16,0)</f>
        <v>0</v>
      </c>
      <c r="Q705" s="71">
        <f>IF(Input!$K$13=4,J705*Input!$J$13,0)+IF(Input!$K$14=4,K705*Input!$J$14,0)+IF(Input!$K$15=4,L705*Input!$J$15,0)+IF(Input!$K$16=4,M705*Input!$J$16,0)</f>
        <v>0</v>
      </c>
    </row>
    <row r="706" spans="8:17" x14ac:dyDescent="0.25">
      <c r="H706" s="43">
        <v>699</v>
      </c>
      <c r="I706" s="55">
        <f>Bühler!I732</f>
        <v>3.2405303281934135</v>
      </c>
      <c r="J706" s="58">
        <f>Bühler!J732</f>
        <v>15.852080998390857</v>
      </c>
      <c r="K706" s="58">
        <f>Bühler!K732</f>
        <v>0.63026920444832257</v>
      </c>
      <c r="L706" s="58">
        <f>Bühler!L732</f>
        <v>0.31513460222416129</v>
      </c>
      <c r="M706" s="57">
        <f>Bühler!M732</f>
        <v>0</v>
      </c>
      <c r="N706" s="55">
        <f>IF(Input!$K$13=1,J706*Input!$J$13,0)+IF(Input!$K$14=1,K706*Input!$J$14,0)+IF(Input!$K$15=1,L706*Input!$J$15,0)+IF(Input!$K$16=1,M706*Input!$J$16,0)</f>
        <v>1.9022497198069028</v>
      </c>
      <c r="O706" s="58">
        <f>IF(Input!$K$13=2,J706*Input!$J$13,0)+IF(Input!$K$14=2,K706*Input!$J$14,0)+IF(Input!$K$15=2,L706*Input!$J$15,0)+IF(Input!$K$16=2,M706*Input!$J$16,0)</f>
        <v>8.5086342600523557E-2</v>
      </c>
      <c r="P706" s="58">
        <f>IF(Input!$K$13=3,J706*Input!$J$13,0)+IF(Input!$K$14=3,K706*Input!$J$14,0)+IF(Input!$K$15=3,L706*Input!$J$15,0)+IF(Input!$K$16=3,M706*Input!$J$16,0)</f>
        <v>0</v>
      </c>
      <c r="Q706" s="71">
        <f>IF(Input!$K$13=4,J706*Input!$J$13,0)+IF(Input!$K$14=4,K706*Input!$J$14,0)+IF(Input!$K$15=4,L706*Input!$J$15,0)+IF(Input!$K$16=4,M706*Input!$J$16,0)</f>
        <v>0</v>
      </c>
    </row>
    <row r="707" spans="8:17" x14ac:dyDescent="0.25">
      <c r="H707" s="43">
        <v>700</v>
      </c>
      <c r="I707" s="55">
        <f>Bühler!I733</f>
        <v>3.2405303281934135</v>
      </c>
      <c r="J707" s="58">
        <f>Bühler!J733</f>
        <v>15.852080998390857</v>
      </c>
      <c r="K707" s="58">
        <f>Bühler!K733</f>
        <v>0.63026920444832257</v>
      </c>
      <c r="L707" s="58">
        <f>Bühler!L733</f>
        <v>0.31513460222416129</v>
      </c>
      <c r="M707" s="57">
        <f>Bühler!M733</f>
        <v>0</v>
      </c>
      <c r="N707" s="55">
        <f>IF(Input!$K$13=1,J707*Input!$J$13,0)+IF(Input!$K$14=1,K707*Input!$J$14,0)+IF(Input!$K$15=1,L707*Input!$J$15,0)+IF(Input!$K$16=1,M707*Input!$J$16,0)</f>
        <v>1.9022497198069028</v>
      </c>
      <c r="O707" s="58">
        <f>IF(Input!$K$13=2,J707*Input!$J$13,0)+IF(Input!$K$14=2,K707*Input!$J$14,0)+IF(Input!$K$15=2,L707*Input!$J$15,0)+IF(Input!$K$16=2,M707*Input!$J$16,0)</f>
        <v>8.5086342600523557E-2</v>
      </c>
      <c r="P707" s="58">
        <f>IF(Input!$K$13=3,J707*Input!$J$13,0)+IF(Input!$K$14=3,K707*Input!$J$14,0)+IF(Input!$K$15=3,L707*Input!$J$15,0)+IF(Input!$K$16=3,M707*Input!$J$16,0)</f>
        <v>0</v>
      </c>
      <c r="Q707" s="71">
        <f>IF(Input!$K$13=4,J707*Input!$J$13,0)+IF(Input!$K$14=4,K707*Input!$J$14,0)+IF(Input!$K$15=4,L707*Input!$J$15,0)+IF(Input!$K$16=4,M707*Input!$J$16,0)</f>
        <v>0</v>
      </c>
    </row>
    <row r="708" spans="8:17" x14ac:dyDescent="0.25">
      <c r="H708" s="43">
        <v>701</v>
      </c>
      <c r="I708" s="55">
        <f>Bühler!I734</f>
        <v>3.2405303281934135</v>
      </c>
      <c r="J708" s="58">
        <f>Bühler!J734</f>
        <v>15.852080998390857</v>
      </c>
      <c r="K708" s="58">
        <f>Bühler!K734</f>
        <v>0.63026920444832257</v>
      </c>
      <c r="L708" s="58">
        <f>Bühler!L734</f>
        <v>0.31513460222416129</v>
      </c>
      <c r="M708" s="57">
        <f>Bühler!M734</f>
        <v>0</v>
      </c>
      <c r="N708" s="55">
        <f>IF(Input!$K$13=1,J708*Input!$J$13,0)+IF(Input!$K$14=1,K708*Input!$J$14,0)+IF(Input!$K$15=1,L708*Input!$J$15,0)+IF(Input!$K$16=1,M708*Input!$J$16,0)</f>
        <v>1.9022497198069028</v>
      </c>
      <c r="O708" s="58">
        <f>IF(Input!$K$13=2,J708*Input!$J$13,0)+IF(Input!$K$14=2,K708*Input!$J$14,0)+IF(Input!$K$15=2,L708*Input!$J$15,0)+IF(Input!$K$16=2,M708*Input!$J$16,0)</f>
        <v>8.5086342600523557E-2</v>
      </c>
      <c r="P708" s="58">
        <f>IF(Input!$K$13=3,J708*Input!$J$13,0)+IF(Input!$K$14=3,K708*Input!$J$14,0)+IF(Input!$K$15=3,L708*Input!$J$15,0)+IF(Input!$K$16=3,M708*Input!$J$16,0)</f>
        <v>0</v>
      </c>
      <c r="Q708" s="71">
        <f>IF(Input!$K$13=4,J708*Input!$J$13,0)+IF(Input!$K$14=4,K708*Input!$J$14,0)+IF(Input!$K$15=4,L708*Input!$J$15,0)+IF(Input!$K$16=4,M708*Input!$J$16,0)</f>
        <v>0</v>
      </c>
    </row>
    <row r="709" spans="8:17" x14ac:dyDescent="0.25">
      <c r="H709" s="43">
        <v>702</v>
      </c>
      <c r="I709" s="55">
        <f>Bühler!I735</f>
        <v>3.2405303281934135</v>
      </c>
      <c r="J709" s="58">
        <f>Bühler!J735</f>
        <v>15.852080998390857</v>
      </c>
      <c r="K709" s="58">
        <f>Bühler!K735</f>
        <v>0.63026920444832257</v>
      </c>
      <c r="L709" s="58">
        <f>Bühler!L735</f>
        <v>0.31513460222416129</v>
      </c>
      <c r="M709" s="57">
        <f>Bühler!M735</f>
        <v>0</v>
      </c>
      <c r="N709" s="55">
        <f>IF(Input!$K$13=1,J709*Input!$J$13,0)+IF(Input!$K$14=1,K709*Input!$J$14,0)+IF(Input!$K$15=1,L709*Input!$J$15,0)+IF(Input!$K$16=1,M709*Input!$J$16,0)</f>
        <v>1.9022497198069028</v>
      </c>
      <c r="O709" s="58">
        <f>IF(Input!$K$13=2,J709*Input!$J$13,0)+IF(Input!$K$14=2,K709*Input!$J$14,0)+IF(Input!$K$15=2,L709*Input!$J$15,0)+IF(Input!$K$16=2,M709*Input!$J$16,0)</f>
        <v>8.5086342600523557E-2</v>
      </c>
      <c r="P709" s="58">
        <f>IF(Input!$K$13=3,J709*Input!$J$13,0)+IF(Input!$K$14=3,K709*Input!$J$14,0)+IF(Input!$K$15=3,L709*Input!$J$15,0)+IF(Input!$K$16=3,M709*Input!$J$16,0)</f>
        <v>0</v>
      </c>
      <c r="Q709" s="71">
        <f>IF(Input!$K$13=4,J709*Input!$J$13,0)+IF(Input!$K$14=4,K709*Input!$J$14,0)+IF(Input!$K$15=4,L709*Input!$J$15,0)+IF(Input!$K$16=4,M709*Input!$J$16,0)</f>
        <v>0</v>
      </c>
    </row>
    <row r="710" spans="8:17" x14ac:dyDescent="0.25">
      <c r="H710" s="43">
        <v>703</v>
      </c>
      <c r="I710" s="55">
        <f>Bühler!I736</f>
        <v>3.2405303281934135</v>
      </c>
      <c r="J710" s="58">
        <f>Bühler!J736</f>
        <v>15.852080998390857</v>
      </c>
      <c r="K710" s="58">
        <f>Bühler!K736</f>
        <v>0.63026920444832257</v>
      </c>
      <c r="L710" s="58">
        <f>Bühler!L736</f>
        <v>0.31513460222416129</v>
      </c>
      <c r="M710" s="57">
        <f>Bühler!M736</f>
        <v>0</v>
      </c>
      <c r="N710" s="55">
        <f>IF(Input!$K$13=1,J710*Input!$J$13,0)+IF(Input!$K$14=1,K710*Input!$J$14,0)+IF(Input!$K$15=1,L710*Input!$J$15,0)+IF(Input!$K$16=1,M710*Input!$J$16,0)</f>
        <v>1.9022497198069028</v>
      </c>
      <c r="O710" s="58">
        <f>IF(Input!$K$13=2,J710*Input!$J$13,0)+IF(Input!$K$14=2,K710*Input!$J$14,0)+IF(Input!$K$15=2,L710*Input!$J$15,0)+IF(Input!$K$16=2,M710*Input!$J$16,0)</f>
        <v>8.5086342600523557E-2</v>
      </c>
      <c r="P710" s="58">
        <f>IF(Input!$K$13=3,J710*Input!$J$13,0)+IF(Input!$K$14=3,K710*Input!$J$14,0)+IF(Input!$K$15=3,L710*Input!$J$15,0)+IF(Input!$K$16=3,M710*Input!$J$16,0)</f>
        <v>0</v>
      </c>
      <c r="Q710" s="71">
        <f>IF(Input!$K$13=4,J710*Input!$J$13,0)+IF(Input!$K$14=4,K710*Input!$J$14,0)+IF(Input!$K$15=4,L710*Input!$J$15,0)+IF(Input!$K$16=4,M710*Input!$J$16,0)</f>
        <v>0</v>
      </c>
    </row>
    <row r="711" spans="8:17" x14ac:dyDescent="0.25">
      <c r="H711" s="43">
        <v>704</v>
      </c>
      <c r="I711" s="55">
        <f>Bühler!I737</f>
        <v>14.096306927641345</v>
      </c>
      <c r="J711" s="58">
        <f>Bühler!J737</f>
        <v>67.845816760143904</v>
      </c>
      <c r="K711" s="58">
        <f>Bühler!K737</f>
        <v>2.6849468109498544</v>
      </c>
      <c r="L711" s="58">
        <f>Bühler!L737</f>
        <v>1.3424734054749272</v>
      </c>
      <c r="M711" s="57">
        <f>Bühler!M737</f>
        <v>0</v>
      </c>
      <c r="N711" s="55">
        <f>IF(Input!$K$13=1,J711*Input!$J$13,0)+IF(Input!$K$14=1,K711*Input!$J$14,0)+IF(Input!$K$15=1,L711*Input!$J$15,0)+IF(Input!$K$16=1,M711*Input!$J$16,0)</f>
        <v>8.1414980112172675</v>
      </c>
      <c r="O711" s="58">
        <f>IF(Input!$K$13=2,J711*Input!$J$13,0)+IF(Input!$K$14=2,K711*Input!$J$14,0)+IF(Input!$K$15=2,L711*Input!$J$15,0)+IF(Input!$K$16=2,M711*Input!$J$16,0)</f>
        <v>0.36246781947823031</v>
      </c>
      <c r="P711" s="58">
        <f>IF(Input!$K$13=3,J711*Input!$J$13,0)+IF(Input!$K$14=3,K711*Input!$J$14,0)+IF(Input!$K$15=3,L711*Input!$J$15,0)+IF(Input!$K$16=3,M711*Input!$J$16,0)</f>
        <v>0</v>
      </c>
      <c r="Q711" s="71">
        <f>IF(Input!$K$13=4,J711*Input!$J$13,0)+IF(Input!$K$14=4,K711*Input!$J$14,0)+IF(Input!$K$15=4,L711*Input!$J$15,0)+IF(Input!$K$16=4,M711*Input!$J$16,0)</f>
        <v>0</v>
      </c>
    </row>
    <row r="712" spans="8:17" x14ac:dyDescent="0.25">
      <c r="H712" s="43">
        <v>705</v>
      </c>
      <c r="I712" s="55">
        <f>Bühler!I738</f>
        <v>15.858345293596514</v>
      </c>
      <c r="J712" s="58">
        <f>Bühler!J738</f>
        <v>76.326543855161901</v>
      </c>
      <c r="K712" s="58">
        <f>Bühler!K738</f>
        <v>3.0205651623185861</v>
      </c>
      <c r="L712" s="58">
        <f>Bühler!L738</f>
        <v>1.510282581159293</v>
      </c>
      <c r="M712" s="57">
        <f>Bühler!M738</f>
        <v>0</v>
      </c>
      <c r="N712" s="55">
        <f>IF(Input!$K$13=1,J712*Input!$J$13,0)+IF(Input!$K$14=1,K712*Input!$J$14,0)+IF(Input!$K$15=1,L712*Input!$J$15,0)+IF(Input!$K$16=1,M712*Input!$J$16,0)</f>
        <v>9.1591852626194274</v>
      </c>
      <c r="O712" s="58">
        <f>IF(Input!$K$13=2,J712*Input!$J$13,0)+IF(Input!$K$14=2,K712*Input!$J$14,0)+IF(Input!$K$15=2,L712*Input!$J$15,0)+IF(Input!$K$16=2,M712*Input!$J$16,0)</f>
        <v>0.4077762969130091</v>
      </c>
      <c r="P712" s="58">
        <f>IF(Input!$K$13=3,J712*Input!$J$13,0)+IF(Input!$K$14=3,K712*Input!$J$14,0)+IF(Input!$K$15=3,L712*Input!$J$15,0)+IF(Input!$K$16=3,M712*Input!$J$16,0)</f>
        <v>0</v>
      </c>
      <c r="Q712" s="71">
        <f>IF(Input!$K$13=4,J712*Input!$J$13,0)+IF(Input!$K$14=4,K712*Input!$J$14,0)+IF(Input!$K$15=4,L712*Input!$J$15,0)+IF(Input!$K$16=4,M712*Input!$J$16,0)</f>
        <v>0</v>
      </c>
    </row>
    <row r="713" spans="8:17" x14ac:dyDescent="0.25">
      <c r="H713" s="43">
        <v>706</v>
      </c>
      <c r="I713" s="55">
        <f>Bühler!I739</f>
        <v>17.620383659551681</v>
      </c>
      <c r="J713" s="58">
        <f>Bühler!J739</f>
        <v>84.807270950179884</v>
      </c>
      <c r="K713" s="58">
        <f>Bühler!K739</f>
        <v>3.3561835136873182</v>
      </c>
      <c r="L713" s="58">
        <f>Bühler!L739</f>
        <v>1.6780917568436591</v>
      </c>
      <c r="M713" s="57">
        <f>Bühler!M739</f>
        <v>0</v>
      </c>
      <c r="N713" s="55">
        <f>IF(Input!$K$13=1,J713*Input!$J$13,0)+IF(Input!$K$14=1,K713*Input!$J$14,0)+IF(Input!$K$15=1,L713*Input!$J$15,0)+IF(Input!$K$16=1,M713*Input!$J$16,0)</f>
        <v>10.176872514021586</v>
      </c>
      <c r="O713" s="58">
        <f>IF(Input!$K$13=2,J713*Input!$J$13,0)+IF(Input!$K$14=2,K713*Input!$J$14,0)+IF(Input!$K$15=2,L713*Input!$J$15,0)+IF(Input!$K$16=2,M713*Input!$J$16,0)</f>
        <v>0.45308477434778793</v>
      </c>
      <c r="P713" s="58">
        <f>IF(Input!$K$13=3,J713*Input!$J$13,0)+IF(Input!$K$14=3,K713*Input!$J$14,0)+IF(Input!$K$15=3,L713*Input!$J$15,0)+IF(Input!$K$16=3,M713*Input!$J$16,0)</f>
        <v>0</v>
      </c>
      <c r="Q713" s="71">
        <f>IF(Input!$K$13=4,J713*Input!$J$13,0)+IF(Input!$K$14=4,K713*Input!$J$14,0)+IF(Input!$K$15=4,L713*Input!$J$15,0)+IF(Input!$K$16=4,M713*Input!$J$16,0)</f>
        <v>0</v>
      </c>
    </row>
    <row r="714" spans="8:17" x14ac:dyDescent="0.25">
      <c r="H714" s="43">
        <v>707</v>
      </c>
      <c r="I714" s="55">
        <f>Bühler!I740</f>
        <v>17.620383659551681</v>
      </c>
      <c r="J714" s="58">
        <f>Bühler!J740</f>
        <v>84.807270950179884</v>
      </c>
      <c r="K714" s="58">
        <f>Bühler!K740</f>
        <v>3.3561835136873182</v>
      </c>
      <c r="L714" s="58">
        <f>Bühler!L740</f>
        <v>1.6780917568436591</v>
      </c>
      <c r="M714" s="57">
        <f>Bühler!M740</f>
        <v>0</v>
      </c>
      <c r="N714" s="55">
        <f>IF(Input!$K$13=1,J714*Input!$J$13,0)+IF(Input!$K$14=1,K714*Input!$J$14,0)+IF(Input!$K$15=1,L714*Input!$J$15,0)+IF(Input!$K$16=1,M714*Input!$J$16,0)</f>
        <v>10.176872514021586</v>
      </c>
      <c r="O714" s="58">
        <f>IF(Input!$K$13=2,J714*Input!$J$13,0)+IF(Input!$K$14=2,K714*Input!$J$14,0)+IF(Input!$K$15=2,L714*Input!$J$15,0)+IF(Input!$K$16=2,M714*Input!$J$16,0)</f>
        <v>0.45308477434778793</v>
      </c>
      <c r="P714" s="58">
        <f>IF(Input!$K$13=3,J714*Input!$J$13,0)+IF(Input!$K$14=3,K714*Input!$J$14,0)+IF(Input!$K$15=3,L714*Input!$J$15,0)+IF(Input!$K$16=3,M714*Input!$J$16,0)</f>
        <v>0</v>
      </c>
      <c r="Q714" s="71">
        <f>IF(Input!$K$13=4,J714*Input!$J$13,0)+IF(Input!$K$14=4,K714*Input!$J$14,0)+IF(Input!$K$15=4,L714*Input!$J$15,0)+IF(Input!$K$16=4,M714*Input!$J$16,0)</f>
        <v>0</v>
      </c>
    </row>
    <row r="715" spans="8:17" x14ac:dyDescent="0.25">
      <c r="H715" s="43">
        <v>708</v>
      </c>
      <c r="I715" s="55">
        <f>Bühler!I741</f>
        <v>21.144460391462015</v>
      </c>
      <c r="J715" s="58">
        <f>Bühler!J741</f>
        <v>101.76872514021585</v>
      </c>
      <c r="K715" s="58">
        <f>Bühler!K741</f>
        <v>4.0274202164247805</v>
      </c>
      <c r="L715" s="58">
        <f>Bühler!L741</f>
        <v>2.0137101082123903</v>
      </c>
      <c r="M715" s="57">
        <f>Bühler!M741</f>
        <v>0</v>
      </c>
      <c r="N715" s="55">
        <f>IF(Input!$K$13=1,J715*Input!$J$13,0)+IF(Input!$K$14=1,K715*Input!$J$14,0)+IF(Input!$K$15=1,L715*Input!$J$15,0)+IF(Input!$K$16=1,M715*Input!$J$16,0)</f>
        <v>12.212247016825902</v>
      </c>
      <c r="O715" s="58">
        <f>IF(Input!$K$13=2,J715*Input!$J$13,0)+IF(Input!$K$14=2,K715*Input!$J$14,0)+IF(Input!$K$15=2,L715*Input!$J$15,0)+IF(Input!$K$16=2,M715*Input!$J$16,0)</f>
        <v>0.54370172921734539</v>
      </c>
      <c r="P715" s="58">
        <f>IF(Input!$K$13=3,J715*Input!$J$13,0)+IF(Input!$K$14=3,K715*Input!$J$14,0)+IF(Input!$K$15=3,L715*Input!$J$15,0)+IF(Input!$K$16=3,M715*Input!$J$16,0)</f>
        <v>0</v>
      </c>
      <c r="Q715" s="71">
        <f>IF(Input!$K$13=4,J715*Input!$J$13,0)+IF(Input!$K$14=4,K715*Input!$J$14,0)+IF(Input!$K$15=4,L715*Input!$J$15,0)+IF(Input!$K$16=4,M715*Input!$J$16,0)</f>
        <v>0</v>
      </c>
    </row>
    <row r="716" spans="8:17" x14ac:dyDescent="0.25">
      <c r="H716" s="43">
        <v>709</v>
      </c>
      <c r="I716" s="55">
        <f>Bühler!I742</f>
        <v>21.144460391462015</v>
      </c>
      <c r="J716" s="58">
        <f>Bühler!J742</f>
        <v>101.76872514021585</v>
      </c>
      <c r="K716" s="58">
        <f>Bühler!K742</f>
        <v>4.0274202164247805</v>
      </c>
      <c r="L716" s="58">
        <f>Bühler!L742</f>
        <v>2.0137101082123903</v>
      </c>
      <c r="M716" s="57">
        <f>Bühler!M742</f>
        <v>0</v>
      </c>
      <c r="N716" s="55">
        <f>IF(Input!$K$13=1,J716*Input!$J$13,0)+IF(Input!$K$14=1,K716*Input!$J$14,0)+IF(Input!$K$15=1,L716*Input!$J$15,0)+IF(Input!$K$16=1,M716*Input!$J$16,0)</f>
        <v>12.212247016825902</v>
      </c>
      <c r="O716" s="58">
        <f>IF(Input!$K$13=2,J716*Input!$J$13,0)+IF(Input!$K$14=2,K716*Input!$J$14,0)+IF(Input!$K$15=2,L716*Input!$J$15,0)+IF(Input!$K$16=2,M716*Input!$J$16,0)</f>
        <v>0.54370172921734539</v>
      </c>
      <c r="P716" s="58">
        <f>IF(Input!$K$13=3,J716*Input!$J$13,0)+IF(Input!$K$14=3,K716*Input!$J$14,0)+IF(Input!$K$15=3,L716*Input!$J$15,0)+IF(Input!$K$16=3,M716*Input!$J$16,0)</f>
        <v>0</v>
      </c>
      <c r="Q716" s="71">
        <f>IF(Input!$K$13=4,J716*Input!$J$13,0)+IF(Input!$K$14=4,K716*Input!$J$14,0)+IF(Input!$K$15=4,L716*Input!$J$15,0)+IF(Input!$K$16=4,M716*Input!$J$16,0)</f>
        <v>0</v>
      </c>
    </row>
    <row r="717" spans="8:17" x14ac:dyDescent="0.25">
      <c r="H717" s="43">
        <v>710</v>
      </c>
      <c r="I717" s="55">
        <f>Bühler!I743</f>
        <v>14.096306927641345</v>
      </c>
      <c r="J717" s="58">
        <f>Bühler!J743</f>
        <v>67.845816760143904</v>
      </c>
      <c r="K717" s="58">
        <f>Bühler!K743</f>
        <v>2.6849468109498544</v>
      </c>
      <c r="L717" s="58">
        <f>Bühler!L743</f>
        <v>1.3424734054749272</v>
      </c>
      <c r="M717" s="57">
        <f>Bühler!M743</f>
        <v>0</v>
      </c>
      <c r="N717" s="55">
        <f>IF(Input!$K$13=1,J717*Input!$J$13,0)+IF(Input!$K$14=1,K717*Input!$J$14,0)+IF(Input!$K$15=1,L717*Input!$J$15,0)+IF(Input!$K$16=1,M717*Input!$J$16,0)</f>
        <v>8.1414980112172675</v>
      </c>
      <c r="O717" s="58">
        <f>IF(Input!$K$13=2,J717*Input!$J$13,0)+IF(Input!$K$14=2,K717*Input!$J$14,0)+IF(Input!$K$15=2,L717*Input!$J$15,0)+IF(Input!$K$16=2,M717*Input!$J$16,0)</f>
        <v>0.36246781947823031</v>
      </c>
      <c r="P717" s="58">
        <f>IF(Input!$K$13=3,J717*Input!$J$13,0)+IF(Input!$K$14=3,K717*Input!$J$14,0)+IF(Input!$K$15=3,L717*Input!$J$15,0)+IF(Input!$K$16=3,M717*Input!$J$16,0)</f>
        <v>0</v>
      </c>
      <c r="Q717" s="71">
        <f>IF(Input!$K$13=4,J717*Input!$J$13,0)+IF(Input!$K$14=4,K717*Input!$J$14,0)+IF(Input!$K$15=4,L717*Input!$J$15,0)+IF(Input!$K$16=4,M717*Input!$J$16,0)</f>
        <v>0</v>
      </c>
    </row>
    <row r="718" spans="8:17" x14ac:dyDescent="0.25">
      <c r="H718" s="43">
        <v>711</v>
      </c>
      <c r="I718" s="55">
        <f>Bühler!I744</f>
        <v>21.144460391462015</v>
      </c>
      <c r="J718" s="58">
        <f>Bühler!J744</f>
        <v>101.76872514021585</v>
      </c>
      <c r="K718" s="58">
        <f>Bühler!K744</f>
        <v>4.0274202164247805</v>
      </c>
      <c r="L718" s="58">
        <f>Bühler!L744</f>
        <v>2.0137101082123903</v>
      </c>
      <c r="M718" s="57">
        <f>Bühler!M744</f>
        <v>0</v>
      </c>
      <c r="N718" s="55">
        <f>IF(Input!$K$13=1,J718*Input!$J$13,0)+IF(Input!$K$14=1,K718*Input!$J$14,0)+IF(Input!$K$15=1,L718*Input!$J$15,0)+IF(Input!$K$16=1,M718*Input!$J$16,0)</f>
        <v>12.212247016825902</v>
      </c>
      <c r="O718" s="58">
        <f>IF(Input!$K$13=2,J718*Input!$J$13,0)+IF(Input!$K$14=2,K718*Input!$J$14,0)+IF(Input!$K$15=2,L718*Input!$J$15,0)+IF(Input!$K$16=2,M718*Input!$J$16,0)</f>
        <v>0.54370172921734539</v>
      </c>
      <c r="P718" s="58">
        <f>IF(Input!$K$13=3,J718*Input!$J$13,0)+IF(Input!$K$14=3,K718*Input!$J$14,0)+IF(Input!$K$15=3,L718*Input!$J$15,0)+IF(Input!$K$16=3,M718*Input!$J$16,0)</f>
        <v>0</v>
      </c>
      <c r="Q718" s="71">
        <f>IF(Input!$K$13=4,J718*Input!$J$13,0)+IF(Input!$K$14=4,K718*Input!$J$14,0)+IF(Input!$K$15=4,L718*Input!$J$15,0)+IF(Input!$K$16=4,M718*Input!$J$16,0)</f>
        <v>0</v>
      </c>
    </row>
    <row r="719" spans="8:17" x14ac:dyDescent="0.25">
      <c r="H719" s="43">
        <v>712</v>
      </c>
      <c r="I719" s="55">
        <f>Bühler!I745</f>
        <v>21.144460391462015</v>
      </c>
      <c r="J719" s="58">
        <f>Bühler!J745</f>
        <v>101.76872514021585</v>
      </c>
      <c r="K719" s="58">
        <f>Bühler!K745</f>
        <v>4.0274202164247805</v>
      </c>
      <c r="L719" s="58">
        <f>Bühler!L745</f>
        <v>2.0137101082123903</v>
      </c>
      <c r="M719" s="57">
        <f>Bühler!M745</f>
        <v>0</v>
      </c>
      <c r="N719" s="55">
        <f>IF(Input!$K$13=1,J719*Input!$J$13,0)+IF(Input!$K$14=1,K719*Input!$J$14,0)+IF(Input!$K$15=1,L719*Input!$J$15,0)+IF(Input!$K$16=1,M719*Input!$J$16,0)</f>
        <v>12.212247016825902</v>
      </c>
      <c r="O719" s="58">
        <f>IF(Input!$K$13=2,J719*Input!$J$13,0)+IF(Input!$K$14=2,K719*Input!$J$14,0)+IF(Input!$K$15=2,L719*Input!$J$15,0)+IF(Input!$K$16=2,M719*Input!$J$16,0)</f>
        <v>0.54370172921734539</v>
      </c>
      <c r="P719" s="58">
        <f>IF(Input!$K$13=3,J719*Input!$J$13,0)+IF(Input!$K$14=3,K719*Input!$J$14,0)+IF(Input!$K$15=3,L719*Input!$J$15,0)+IF(Input!$K$16=3,M719*Input!$J$16,0)</f>
        <v>0</v>
      </c>
      <c r="Q719" s="71">
        <f>IF(Input!$K$13=4,J719*Input!$J$13,0)+IF(Input!$K$14=4,K719*Input!$J$14,0)+IF(Input!$K$15=4,L719*Input!$J$15,0)+IF(Input!$K$16=4,M719*Input!$J$16,0)</f>
        <v>0</v>
      </c>
    </row>
    <row r="720" spans="8:17" x14ac:dyDescent="0.25">
      <c r="H720" s="43">
        <v>713</v>
      </c>
      <c r="I720" s="55">
        <f>Bühler!I746</f>
        <v>17.620383659551681</v>
      </c>
      <c r="J720" s="58">
        <f>Bühler!J746</f>
        <v>65.091714354480203</v>
      </c>
      <c r="K720" s="58">
        <f>Bühler!K746</f>
        <v>2.3493284595811219</v>
      </c>
      <c r="L720" s="58">
        <f>Bühler!L746</f>
        <v>1.174664229790561</v>
      </c>
      <c r="M720" s="57">
        <f>Bühler!M746</f>
        <v>0</v>
      </c>
      <c r="N720" s="55">
        <f>IF(Input!$K$13=1,J720*Input!$J$13,0)+IF(Input!$K$14=1,K720*Input!$J$14,0)+IF(Input!$K$15=1,L720*Input!$J$15,0)+IF(Input!$K$16=1,M720*Input!$J$16,0)</f>
        <v>7.8110057225376242</v>
      </c>
      <c r="O720" s="58">
        <f>IF(Input!$K$13=2,J720*Input!$J$13,0)+IF(Input!$K$14=2,K720*Input!$J$14,0)+IF(Input!$K$15=2,L720*Input!$J$15,0)+IF(Input!$K$16=2,M720*Input!$J$16,0)</f>
        <v>0.31715934204345142</v>
      </c>
      <c r="P720" s="58">
        <f>IF(Input!$K$13=3,J720*Input!$J$13,0)+IF(Input!$K$14=3,K720*Input!$J$14,0)+IF(Input!$K$15=3,L720*Input!$J$15,0)+IF(Input!$K$16=3,M720*Input!$J$16,0)</f>
        <v>0</v>
      </c>
      <c r="Q720" s="71">
        <f>IF(Input!$K$13=4,J720*Input!$J$13,0)+IF(Input!$K$14=4,K720*Input!$J$14,0)+IF(Input!$K$15=4,L720*Input!$J$15,0)+IF(Input!$K$16=4,M720*Input!$J$16,0)</f>
        <v>0</v>
      </c>
    </row>
    <row r="721" spans="8:17" x14ac:dyDescent="0.25">
      <c r="H721" s="43">
        <v>714</v>
      </c>
      <c r="I721" s="55">
        <f>Bühler!I747</f>
        <v>14.177320185846183</v>
      </c>
      <c r="J721" s="58">
        <f>Bühler!J747</f>
        <v>28.502467931799821</v>
      </c>
      <c r="K721" s="58">
        <f>Bühler!K747</f>
        <v>0.67123670273746361</v>
      </c>
      <c r="L721" s="58">
        <f>Bühler!L747</f>
        <v>0.3356183513687318</v>
      </c>
      <c r="M721" s="57">
        <f>Bühler!M747</f>
        <v>0</v>
      </c>
      <c r="N721" s="55">
        <f>IF(Input!$K$13=1,J721*Input!$J$13,0)+IF(Input!$K$14=1,K721*Input!$J$14,0)+IF(Input!$K$15=1,L721*Input!$J$15,0)+IF(Input!$K$16=1,M721*Input!$J$16,0)</f>
        <v>3.4202961518159785</v>
      </c>
      <c r="O721" s="58">
        <f>IF(Input!$K$13=2,J721*Input!$J$13,0)+IF(Input!$K$14=2,K721*Input!$J$14,0)+IF(Input!$K$15=2,L721*Input!$J$15,0)+IF(Input!$K$16=2,M721*Input!$J$16,0)</f>
        <v>9.0616954869557578E-2</v>
      </c>
      <c r="P721" s="58">
        <f>IF(Input!$K$13=3,J721*Input!$J$13,0)+IF(Input!$K$14=3,K721*Input!$J$14,0)+IF(Input!$K$15=3,L721*Input!$J$15,0)+IF(Input!$K$16=3,M721*Input!$J$16,0)</f>
        <v>0</v>
      </c>
      <c r="Q721" s="71">
        <f>IF(Input!$K$13=4,J721*Input!$J$13,0)+IF(Input!$K$14=4,K721*Input!$J$14,0)+IF(Input!$K$15=4,L721*Input!$J$15,0)+IF(Input!$K$16=4,M721*Input!$J$16,0)</f>
        <v>0</v>
      </c>
    </row>
    <row r="722" spans="8:17" x14ac:dyDescent="0.25">
      <c r="H722" s="43">
        <v>715</v>
      </c>
      <c r="I722" s="55">
        <f>Bühler!I748</f>
        <v>5.0633286378022078</v>
      </c>
      <c r="J722" s="58">
        <f>Bühler!J748</f>
        <v>18.443854490942783</v>
      </c>
      <c r="K722" s="58">
        <f>Bühler!K748</f>
        <v>0.66178266467073865</v>
      </c>
      <c r="L722" s="58">
        <f>Bühler!L748</f>
        <v>0.33089133233536933</v>
      </c>
      <c r="M722" s="57">
        <f>Bühler!M748</f>
        <v>0</v>
      </c>
      <c r="N722" s="55">
        <f>IF(Input!$K$13=1,J722*Input!$J$13,0)+IF(Input!$K$14=1,K722*Input!$J$14,0)+IF(Input!$K$15=1,L722*Input!$J$15,0)+IF(Input!$K$16=1,M722*Input!$J$16,0)</f>
        <v>2.213262538913134</v>
      </c>
      <c r="O722" s="58">
        <f>IF(Input!$K$13=2,J722*Input!$J$13,0)+IF(Input!$K$14=2,K722*Input!$J$14,0)+IF(Input!$K$15=2,L722*Input!$J$15,0)+IF(Input!$K$16=2,M722*Input!$J$16,0)</f>
        <v>8.9340659730549721E-2</v>
      </c>
      <c r="P722" s="58">
        <f>IF(Input!$K$13=3,J722*Input!$J$13,0)+IF(Input!$K$14=3,K722*Input!$J$14,0)+IF(Input!$K$15=3,L722*Input!$J$15,0)+IF(Input!$K$16=3,M722*Input!$J$16,0)</f>
        <v>0</v>
      </c>
      <c r="Q722" s="71">
        <f>IF(Input!$K$13=4,J722*Input!$J$13,0)+IF(Input!$K$14=4,K722*Input!$J$14,0)+IF(Input!$K$15=4,L722*Input!$J$15,0)+IF(Input!$K$16=4,M722*Input!$J$16,0)</f>
        <v>0</v>
      </c>
    </row>
    <row r="723" spans="8:17" x14ac:dyDescent="0.25">
      <c r="H723" s="43">
        <v>716</v>
      </c>
      <c r="I723" s="55">
        <f>Bühler!I749</f>
        <v>5.0633286378022078</v>
      </c>
      <c r="J723" s="58">
        <f>Bühler!J749</f>
        <v>18.443854490942783</v>
      </c>
      <c r="K723" s="58">
        <f>Bühler!K749</f>
        <v>0.66178266467073865</v>
      </c>
      <c r="L723" s="58">
        <f>Bühler!L749</f>
        <v>0.33089133233536933</v>
      </c>
      <c r="M723" s="57">
        <f>Bühler!M749</f>
        <v>0</v>
      </c>
      <c r="N723" s="55">
        <f>IF(Input!$K$13=1,J723*Input!$J$13,0)+IF(Input!$K$14=1,K723*Input!$J$14,0)+IF(Input!$K$15=1,L723*Input!$J$15,0)+IF(Input!$K$16=1,M723*Input!$J$16,0)</f>
        <v>2.213262538913134</v>
      </c>
      <c r="O723" s="58">
        <f>IF(Input!$K$13=2,J723*Input!$J$13,0)+IF(Input!$K$14=2,K723*Input!$J$14,0)+IF(Input!$K$15=2,L723*Input!$J$15,0)+IF(Input!$K$16=2,M723*Input!$J$16,0)</f>
        <v>8.9340659730549721E-2</v>
      </c>
      <c r="P723" s="58">
        <f>IF(Input!$K$13=3,J723*Input!$J$13,0)+IF(Input!$K$14=3,K723*Input!$J$14,0)+IF(Input!$K$15=3,L723*Input!$J$15,0)+IF(Input!$K$16=3,M723*Input!$J$16,0)</f>
        <v>0</v>
      </c>
      <c r="Q723" s="71">
        <f>IF(Input!$K$13=4,J723*Input!$J$13,0)+IF(Input!$K$14=4,K723*Input!$J$14,0)+IF(Input!$K$15=4,L723*Input!$J$15,0)+IF(Input!$K$16=4,M723*Input!$J$16,0)</f>
        <v>0</v>
      </c>
    </row>
    <row r="724" spans="8:17" x14ac:dyDescent="0.25">
      <c r="H724" s="43">
        <v>717</v>
      </c>
      <c r="I724" s="55">
        <f>Bühler!I750</f>
        <v>5.0633286378022078</v>
      </c>
      <c r="J724" s="58">
        <f>Bühler!J750</f>
        <v>18.443854490942783</v>
      </c>
      <c r="K724" s="58">
        <f>Bühler!K750</f>
        <v>0.66178266467073865</v>
      </c>
      <c r="L724" s="58">
        <f>Bühler!L750</f>
        <v>0.33089133233536933</v>
      </c>
      <c r="M724" s="57">
        <f>Bühler!M750</f>
        <v>0</v>
      </c>
      <c r="N724" s="55">
        <f>IF(Input!$K$13=1,J724*Input!$J$13,0)+IF(Input!$K$14=1,K724*Input!$J$14,0)+IF(Input!$K$15=1,L724*Input!$J$15,0)+IF(Input!$K$16=1,M724*Input!$J$16,0)</f>
        <v>2.213262538913134</v>
      </c>
      <c r="O724" s="58">
        <f>IF(Input!$K$13=2,J724*Input!$J$13,0)+IF(Input!$K$14=2,K724*Input!$J$14,0)+IF(Input!$K$15=2,L724*Input!$J$15,0)+IF(Input!$K$16=2,M724*Input!$J$16,0)</f>
        <v>8.9340659730549721E-2</v>
      </c>
      <c r="P724" s="58">
        <f>IF(Input!$K$13=3,J724*Input!$J$13,0)+IF(Input!$K$14=3,K724*Input!$J$14,0)+IF(Input!$K$15=3,L724*Input!$J$15,0)+IF(Input!$K$16=3,M724*Input!$J$16,0)</f>
        <v>0</v>
      </c>
      <c r="Q724" s="71">
        <f>IF(Input!$K$13=4,J724*Input!$J$13,0)+IF(Input!$K$14=4,K724*Input!$J$14,0)+IF(Input!$K$15=4,L724*Input!$J$15,0)+IF(Input!$K$16=4,M724*Input!$J$16,0)</f>
        <v>0</v>
      </c>
    </row>
    <row r="725" spans="8:17" x14ac:dyDescent="0.25">
      <c r="H725" s="43">
        <v>718</v>
      </c>
      <c r="I725" s="55">
        <f>Bühler!I751</f>
        <v>5.0633286378022078</v>
      </c>
      <c r="J725" s="58">
        <f>Bühler!J751</f>
        <v>18.443854490942783</v>
      </c>
      <c r="K725" s="58">
        <f>Bühler!K751</f>
        <v>0.66178266467073865</v>
      </c>
      <c r="L725" s="58">
        <f>Bühler!L751</f>
        <v>0.33089133233536933</v>
      </c>
      <c r="M725" s="57">
        <f>Bühler!M751</f>
        <v>0</v>
      </c>
      <c r="N725" s="55">
        <f>IF(Input!$K$13=1,J725*Input!$J$13,0)+IF(Input!$K$14=1,K725*Input!$J$14,0)+IF(Input!$K$15=1,L725*Input!$J$15,0)+IF(Input!$K$16=1,M725*Input!$J$16,0)</f>
        <v>2.213262538913134</v>
      </c>
      <c r="O725" s="58">
        <f>IF(Input!$K$13=2,J725*Input!$J$13,0)+IF(Input!$K$14=2,K725*Input!$J$14,0)+IF(Input!$K$15=2,L725*Input!$J$15,0)+IF(Input!$K$16=2,M725*Input!$J$16,0)</f>
        <v>8.9340659730549721E-2</v>
      </c>
      <c r="P725" s="58">
        <f>IF(Input!$K$13=3,J725*Input!$J$13,0)+IF(Input!$K$14=3,K725*Input!$J$14,0)+IF(Input!$K$15=3,L725*Input!$J$15,0)+IF(Input!$K$16=3,M725*Input!$J$16,0)</f>
        <v>0</v>
      </c>
      <c r="Q725" s="71">
        <f>IF(Input!$K$13=4,J725*Input!$J$13,0)+IF(Input!$K$14=4,K725*Input!$J$14,0)+IF(Input!$K$15=4,L725*Input!$J$15,0)+IF(Input!$K$16=4,M725*Input!$J$16,0)</f>
        <v>0</v>
      </c>
    </row>
    <row r="726" spans="8:17" x14ac:dyDescent="0.25">
      <c r="H726" s="43">
        <v>719</v>
      </c>
      <c r="I726" s="55">
        <f>Bühler!I752</f>
        <v>5.0633286378022078</v>
      </c>
      <c r="J726" s="58">
        <f>Bühler!J752</f>
        <v>18.443854490942783</v>
      </c>
      <c r="K726" s="58">
        <f>Bühler!K752</f>
        <v>0.66178266467073865</v>
      </c>
      <c r="L726" s="58">
        <f>Bühler!L752</f>
        <v>0.33089133233536933</v>
      </c>
      <c r="M726" s="57">
        <f>Bühler!M752</f>
        <v>0</v>
      </c>
      <c r="N726" s="55">
        <f>IF(Input!$K$13=1,J726*Input!$J$13,0)+IF(Input!$K$14=1,K726*Input!$J$14,0)+IF(Input!$K$15=1,L726*Input!$J$15,0)+IF(Input!$K$16=1,M726*Input!$J$16,0)</f>
        <v>2.213262538913134</v>
      </c>
      <c r="O726" s="58">
        <f>IF(Input!$K$13=2,J726*Input!$J$13,0)+IF(Input!$K$14=2,K726*Input!$J$14,0)+IF(Input!$K$15=2,L726*Input!$J$15,0)+IF(Input!$K$16=2,M726*Input!$J$16,0)</f>
        <v>8.9340659730549721E-2</v>
      </c>
      <c r="P726" s="58">
        <f>IF(Input!$K$13=3,J726*Input!$J$13,0)+IF(Input!$K$14=3,K726*Input!$J$14,0)+IF(Input!$K$15=3,L726*Input!$J$15,0)+IF(Input!$K$16=3,M726*Input!$J$16,0)</f>
        <v>0</v>
      </c>
      <c r="Q726" s="71">
        <f>IF(Input!$K$13=4,J726*Input!$J$13,0)+IF(Input!$K$14=4,K726*Input!$J$14,0)+IF(Input!$K$15=4,L726*Input!$J$15,0)+IF(Input!$K$16=4,M726*Input!$J$16,0)</f>
        <v>0</v>
      </c>
    </row>
    <row r="727" spans="8:17" x14ac:dyDescent="0.25">
      <c r="H727" s="43">
        <v>720</v>
      </c>
      <c r="I727" s="55">
        <f>Bühler!I753</f>
        <v>5.0633286378022078</v>
      </c>
      <c r="J727" s="58">
        <f>Bühler!J753</f>
        <v>18.443854490942783</v>
      </c>
      <c r="K727" s="58">
        <f>Bühler!K753</f>
        <v>0.66178266467073865</v>
      </c>
      <c r="L727" s="58">
        <f>Bühler!L753</f>
        <v>0.33089133233536933</v>
      </c>
      <c r="M727" s="57">
        <f>Bühler!M753</f>
        <v>0</v>
      </c>
      <c r="N727" s="55">
        <f>IF(Input!$K$13=1,J727*Input!$J$13,0)+IF(Input!$K$14=1,K727*Input!$J$14,0)+IF(Input!$K$15=1,L727*Input!$J$15,0)+IF(Input!$K$16=1,M727*Input!$J$16,0)</f>
        <v>2.213262538913134</v>
      </c>
      <c r="O727" s="58">
        <f>IF(Input!$K$13=2,J727*Input!$J$13,0)+IF(Input!$K$14=2,K727*Input!$J$14,0)+IF(Input!$K$15=2,L727*Input!$J$15,0)+IF(Input!$K$16=2,M727*Input!$J$16,0)</f>
        <v>8.9340659730549721E-2</v>
      </c>
      <c r="P727" s="58">
        <f>IF(Input!$K$13=3,J727*Input!$J$13,0)+IF(Input!$K$14=3,K727*Input!$J$14,0)+IF(Input!$K$15=3,L727*Input!$J$15,0)+IF(Input!$K$16=3,M727*Input!$J$16,0)</f>
        <v>0</v>
      </c>
      <c r="Q727" s="71">
        <f>IF(Input!$K$13=4,J727*Input!$J$13,0)+IF(Input!$K$14=4,K727*Input!$J$14,0)+IF(Input!$K$15=4,L727*Input!$J$15,0)+IF(Input!$K$16=4,M727*Input!$J$16,0)</f>
        <v>0</v>
      </c>
    </row>
    <row r="728" spans="8:17" x14ac:dyDescent="0.25">
      <c r="H728" s="43">
        <v>721</v>
      </c>
      <c r="I728" s="55">
        <f>Bühler!I754</f>
        <v>3.7896032575309704</v>
      </c>
      <c r="J728" s="58">
        <f>Bühler!J754</f>
        <v>11.793895785043169</v>
      </c>
      <c r="K728" s="58">
        <f>Bühler!K754</f>
        <v>0.41490613622798284</v>
      </c>
      <c r="L728" s="58">
        <f>Bühler!L754</f>
        <v>0.20745306811399142</v>
      </c>
      <c r="M728" s="57">
        <f>Bühler!M754</f>
        <v>0</v>
      </c>
      <c r="N728" s="55">
        <f>IF(Input!$K$13=1,J728*Input!$J$13,0)+IF(Input!$K$14=1,K728*Input!$J$14,0)+IF(Input!$K$15=1,L728*Input!$J$15,0)+IF(Input!$K$16=1,M728*Input!$J$16,0)</f>
        <v>1.4152674942051802</v>
      </c>
      <c r="O728" s="58">
        <f>IF(Input!$K$13=2,J728*Input!$J$13,0)+IF(Input!$K$14=2,K728*Input!$J$14,0)+IF(Input!$K$15=2,L728*Input!$J$15,0)+IF(Input!$K$16=2,M728*Input!$J$16,0)</f>
        <v>5.6012328390777681E-2</v>
      </c>
      <c r="P728" s="58">
        <f>IF(Input!$K$13=3,J728*Input!$J$13,0)+IF(Input!$K$14=3,K728*Input!$J$14,0)+IF(Input!$K$15=3,L728*Input!$J$15,0)+IF(Input!$K$16=3,M728*Input!$J$16,0)</f>
        <v>0</v>
      </c>
      <c r="Q728" s="71">
        <f>IF(Input!$K$13=4,J728*Input!$J$13,0)+IF(Input!$K$14=4,K728*Input!$J$14,0)+IF(Input!$K$15=4,L728*Input!$J$15,0)+IF(Input!$K$16=4,M728*Input!$J$16,0)</f>
        <v>0</v>
      </c>
    </row>
    <row r="729" spans="8:17" x14ac:dyDescent="0.25">
      <c r="H729" s="43">
        <v>722</v>
      </c>
      <c r="I729" s="55">
        <f>Bühler!I755</f>
        <v>3.7896032575309704</v>
      </c>
      <c r="J729" s="58">
        <f>Bühler!J755</f>
        <v>15.821201252498604</v>
      </c>
      <c r="K729" s="58">
        <f>Bühler!K755</f>
        <v>0.63223792187121197</v>
      </c>
      <c r="L729" s="58">
        <f>Bühler!L755</f>
        <v>0.31611896093560599</v>
      </c>
      <c r="M729" s="57">
        <f>Bühler!M755</f>
        <v>0</v>
      </c>
      <c r="N729" s="55">
        <f>IF(Input!$K$13=1,J729*Input!$J$13,0)+IF(Input!$K$14=1,K729*Input!$J$14,0)+IF(Input!$K$15=1,L729*Input!$J$15,0)+IF(Input!$K$16=1,M729*Input!$J$16,0)</f>
        <v>1.8985441502998324</v>
      </c>
      <c r="O729" s="58">
        <f>IF(Input!$K$13=2,J729*Input!$J$13,0)+IF(Input!$K$14=2,K729*Input!$J$14,0)+IF(Input!$K$15=2,L729*Input!$J$15,0)+IF(Input!$K$16=2,M729*Input!$J$16,0)</f>
        <v>8.5352119452613617E-2</v>
      </c>
      <c r="P729" s="58">
        <f>IF(Input!$K$13=3,J729*Input!$J$13,0)+IF(Input!$K$14=3,K729*Input!$J$14,0)+IF(Input!$K$15=3,L729*Input!$J$15,0)+IF(Input!$K$16=3,M729*Input!$J$16,0)</f>
        <v>0</v>
      </c>
      <c r="Q729" s="71">
        <f>IF(Input!$K$13=4,J729*Input!$J$13,0)+IF(Input!$K$14=4,K729*Input!$J$14,0)+IF(Input!$K$15=4,L729*Input!$J$15,0)+IF(Input!$K$16=4,M729*Input!$J$16,0)</f>
        <v>0</v>
      </c>
    </row>
    <row r="730" spans="8:17" x14ac:dyDescent="0.25">
      <c r="H730" s="43">
        <v>723</v>
      </c>
      <c r="I730" s="55">
        <f>Bühler!I756</f>
        <v>3.7896032575309704</v>
      </c>
      <c r="J730" s="58">
        <f>Bühler!J756</f>
        <v>15.821201252498604</v>
      </c>
      <c r="K730" s="58">
        <f>Bühler!K756</f>
        <v>0.63223792187121197</v>
      </c>
      <c r="L730" s="58">
        <f>Bühler!L756</f>
        <v>0.31611896093560599</v>
      </c>
      <c r="M730" s="57">
        <f>Bühler!M756</f>
        <v>0</v>
      </c>
      <c r="N730" s="55">
        <f>IF(Input!$K$13=1,J730*Input!$J$13,0)+IF(Input!$K$14=1,K730*Input!$J$14,0)+IF(Input!$K$15=1,L730*Input!$J$15,0)+IF(Input!$K$16=1,M730*Input!$J$16,0)</f>
        <v>1.8985441502998324</v>
      </c>
      <c r="O730" s="58">
        <f>IF(Input!$K$13=2,J730*Input!$J$13,0)+IF(Input!$K$14=2,K730*Input!$J$14,0)+IF(Input!$K$15=2,L730*Input!$J$15,0)+IF(Input!$K$16=2,M730*Input!$J$16,0)</f>
        <v>8.5352119452613617E-2</v>
      </c>
      <c r="P730" s="58">
        <f>IF(Input!$K$13=3,J730*Input!$J$13,0)+IF(Input!$K$14=3,K730*Input!$J$14,0)+IF(Input!$K$15=3,L730*Input!$J$15,0)+IF(Input!$K$16=3,M730*Input!$J$16,0)</f>
        <v>0</v>
      </c>
      <c r="Q730" s="71">
        <f>IF(Input!$K$13=4,J730*Input!$J$13,0)+IF(Input!$K$14=4,K730*Input!$J$14,0)+IF(Input!$K$15=4,L730*Input!$J$15,0)+IF(Input!$K$16=4,M730*Input!$J$16,0)</f>
        <v>0</v>
      </c>
    </row>
    <row r="731" spans="8:17" x14ac:dyDescent="0.25">
      <c r="H731" s="43">
        <v>724</v>
      </c>
      <c r="I731" s="55">
        <f>Bühler!I757</f>
        <v>3.7896032575309704</v>
      </c>
      <c r="J731" s="58">
        <f>Bühler!J757</f>
        <v>15.821201252498604</v>
      </c>
      <c r="K731" s="58">
        <f>Bühler!K757</f>
        <v>0.63223792187121197</v>
      </c>
      <c r="L731" s="58">
        <f>Bühler!L757</f>
        <v>0.31611896093560599</v>
      </c>
      <c r="M731" s="57">
        <f>Bühler!M757</f>
        <v>0</v>
      </c>
      <c r="N731" s="55">
        <f>IF(Input!$K$13=1,J731*Input!$J$13,0)+IF(Input!$K$14=1,K731*Input!$J$14,0)+IF(Input!$K$15=1,L731*Input!$J$15,0)+IF(Input!$K$16=1,M731*Input!$J$16,0)</f>
        <v>1.8985441502998324</v>
      </c>
      <c r="O731" s="58">
        <f>IF(Input!$K$13=2,J731*Input!$J$13,0)+IF(Input!$K$14=2,K731*Input!$J$14,0)+IF(Input!$K$15=2,L731*Input!$J$15,0)+IF(Input!$K$16=2,M731*Input!$J$16,0)</f>
        <v>8.5352119452613617E-2</v>
      </c>
      <c r="P731" s="58">
        <f>IF(Input!$K$13=3,J731*Input!$J$13,0)+IF(Input!$K$14=3,K731*Input!$J$14,0)+IF(Input!$K$15=3,L731*Input!$J$15,0)+IF(Input!$K$16=3,M731*Input!$J$16,0)</f>
        <v>0</v>
      </c>
      <c r="Q731" s="71">
        <f>IF(Input!$K$13=4,J731*Input!$J$13,0)+IF(Input!$K$14=4,K731*Input!$J$14,0)+IF(Input!$K$15=4,L731*Input!$J$15,0)+IF(Input!$K$16=4,M731*Input!$J$16,0)</f>
        <v>0</v>
      </c>
    </row>
    <row r="732" spans="8:17" x14ac:dyDescent="0.25">
      <c r="H732" s="43">
        <v>725</v>
      </c>
      <c r="I732" s="55">
        <f>Bühler!I758</f>
        <v>3.7896032575309704</v>
      </c>
      <c r="J732" s="58">
        <f>Bühler!J758</f>
        <v>15.821201252498604</v>
      </c>
      <c r="K732" s="58">
        <f>Bühler!K758</f>
        <v>0.63223792187121197</v>
      </c>
      <c r="L732" s="58">
        <f>Bühler!L758</f>
        <v>0.31611896093560599</v>
      </c>
      <c r="M732" s="57">
        <f>Bühler!M758</f>
        <v>0</v>
      </c>
      <c r="N732" s="55">
        <f>IF(Input!$K$13=1,J732*Input!$J$13,0)+IF(Input!$K$14=1,K732*Input!$J$14,0)+IF(Input!$K$15=1,L732*Input!$J$15,0)+IF(Input!$K$16=1,M732*Input!$J$16,0)</f>
        <v>1.8985441502998324</v>
      </c>
      <c r="O732" s="58">
        <f>IF(Input!$K$13=2,J732*Input!$J$13,0)+IF(Input!$K$14=2,K732*Input!$J$14,0)+IF(Input!$K$15=2,L732*Input!$J$15,0)+IF(Input!$K$16=2,M732*Input!$J$16,0)</f>
        <v>8.5352119452613617E-2</v>
      </c>
      <c r="P732" s="58">
        <f>IF(Input!$K$13=3,J732*Input!$J$13,0)+IF(Input!$K$14=3,K732*Input!$J$14,0)+IF(Input!$K$15=3,L732*Input!$J$15,0)+IF(Input!$K$16=3,M732*Input!$J$16,0)</f>
        <v>0</v>
      </c>
      <c r="Q732" s="71">
        <f>IF(Input!$K$13=4,J732*Input!$J$13,0)+IF(Input!$K$14=4,K732*Input!$J$14,0)+IF(Input!$K$15=4,L732*Input!$J$15,0)+IF(Input!$K$16=4,M732*Input!$J$16,0)</f>
        <v>0</v>
      </c>
    </row>
    <row r="733" spans="8:17" x14ac:dyDescent="0.25">
      <c r="H733" s="43">
        <v>726</v>
      </c>
      <c r="I733" s="55">
        <f>Bühler!I759</f>
        <v>3.7896032575309704</v>
      </c>
      <c r="J733" s="58">
        <f>Bühler!J759</f>
        <v>15.821201252498604</v>
      </c>
      <c r="K733" s="58">
        <f>Bühler!K759</f>
        <v>0.63223792187121197</v>
      </c>
      <c r="L733" s="58">
        <f>Bühler!L759</f>
        <v>0.31611896093560599</v>
      </c>
      <c r="M733" s="57">
        <f>Bühler!M759</f>
        <v>0</v>
      </c>
      <c r="N733" s="55">
        <f>IF(Input!$K$13=1,J733*Input!$J$13,0)+IF(Input!$K$14=1,K733*Input!$J$14,0)+IF(Input!$K$15=1,L733*Input!$J$15,0)+IF(Input!$K$16=1,M733*Input!$J$16,0)</f>
        <v>1.8985441502998324</v>
      </c>
      <c r="O733" s="58">
        <f>IF(Input!$K$13=2,J733*Input!$J$13,0)+IF(Input!$K$14=2,K733*Input!$J$14,0)+IF(Input!$K$15=2,L733*Input!$J$15,0)+IF(Input!$K$16=2,M733*Input!$J$16,0)</f>
        <v>8.5352119452613617E-2</v>
      </c>
      <c r="P733" s="58">
        <f>IF(Input!$K$13=3,J733*Input!$J$13,0)+IF(Input!$K$14=3,K733*Input!$J$14,0)+IF(Input!$K$15=3,L733*Input!$J$15,0)+IF(Input!$K$16=3,M733*Input!$J$16,0)</f>
        <v>0</v>
      </c>
      <c r="Q733" s="71">
        <f>IF(Input!$K$13=4,J733*Input!$J$13,0)+IF(Input!$K$14=4,K733*Input!$J$14,0)+IF(Input!$K$15=4,L733*Input!$J$15,0)+IF(Input!$K$16=4,M733*Input!$J$16,0)</f>
        <v>0</v>
      </c>
    </row>
    <row r="734" spans="8:17" x14ac:dyDescent="0.25">
      <c r="H734" s="43">
        <v>727</v>
      </c>
      <c r="I734" s="55">
        <f>Bühler!I760</f>
        <v>3.7896032575309704</v>
      </c>
      <c r="J734" s="58">
        <f>Bühler!J760</f>
        <v>15.821201252498604</v>
      </c>
      <c r="K734" s="58">
        <f>Bühler!K760</f>
        <v>0.63223792187121197</v>
      </c>
      <c r="L734" s="58">
        <f>Bühler!L760</f>
        <v>0.31611896093560599</v>
      </c>
      <c r="M734" s="57">
        <f>Bühler!M760</f>
        <v>0</v>
      </c>
      <c r="N734" s="55">
        <f>IF(Input!$K$13=1,J734*Input!$J$13,0)+IF(Input!$K$14=1,K734*Input!$J$14,0)+IF(Input!$K$15=1,L734*Input!$J$15,0)+IF(Input!$K$16=1,M734*Input!$J$16,0)</f>
        <v>1.8985441502998324</v>
      </c>
      <c r="O734" s="58">
        <f>IF(Input!$K$13=2,J734*Input!$J$13,0)+IF(Input!$K$14=2,K734*Input!$J$14,0)+IF(Input!$K$15=2,L734*Input!$J$15,0)+IF(Input!$K$16=2,M734*Input!$J$16,0)</f>
        <v>8.5352119452613617E-2</v>
      </c>
      <c r="P734" s="58">
        <f>IF(Input!$K$13=3,J734*Input!$J$13,0)+IF(Input!$K$14=3,K734*Input!$J$14,0)+IF(Input!$K$15=3,L734*Input!$J$15,0)+IF(Input!$K$16=3,M734*Input!$J$16,0)</f>
        <v>0</v>
      </c>
      <c r="Q734" s="71">
        <f>IF(Input!$K$13=4,J734*Input!$J$13,0)+IF(Input!$K$14=4,K734*Input!$J$14,0)+IF(Input!$K$15=4,L734*Input!$J$15,0)+IF(Input!$K$16=4,M734*Input!$J$16,0)</f>
        <v>0</v>
      </c>
    </row>
    <row r="735" spans="8:17" x14ac:dyDescent="0.25">
      <c r="H735" s="43">
        <v>728</v>
      </c>
      <c r="I735" s="55">
        <f>Bühler!I761</f>
        <v>10.916502287016634</v>
      </c>
      <c r="J735" s="58">
        <f>Bühler!J761</f>
        <v>61.215620589092694</v>
      </c>
      <c r="K735" s="58">
        <f>Bühler!K761</f>
        <v>2.6652779893883274</v>
      </c>
      <c r="L735" s="58">
        <f>Bühler!L761</f>
        <v>1.3326389946941637</v>
      </c>
      <c r="M735" s="57">
        <f>Bühler!M761</f>
        <v>0</v>
      </c>
      <c r="N735" s="55">
        <f>IF(Input!$K$13=1,J735*Input!$J$13,0)+IF(Input!$K$14=1,K735*Input!$J$14,0)+IF(Input!$K$15=1,L735*Input!$J$15,0)+IF(Input!$K$16=1,M735*Input!$J$16,0)</f>
        <v>7.3458744706911228</v>
      </c>
      <c r="O735" s="58">
        <f>IF(Input!$K$13=2,J735*Input!$J$13,0)+IF(Input!$K$14=2,K735*Input!$J$14,0)+IF(Input!$K$15=2,L735*Input!$J$15,0)+IF(Input!$K$16=2,M735*Input!$J$16,0)</f>
        <v>0.35981252856742418</v>
      </c>
      <c r="P735" s="58">
        <f>IF(Input!$K$13=3,J735*Input!$J$13,0)+IF(Input!$K$14=3,K735*Input!$J$14,0)+IF(Input!$K$15=3,L735*Input!$J$15,0)+IF(Input!$K$16=3,M735*Input!$J$16,0)</f>
        <v>0</v>
      </c>
      <c r="Q735" s="71">
        <f>IF(Input!$K$13=4,J735*Input!$J$13,0)+IF(Input!$K$14=4,K735*Input!$J$14,0)+IF(Input!$K$15=4,L735*Input!$J$15,0)+IF(Input!$K$16=4,M735*Input!$J$16,0)</f>
        <v>0</v>
      </c>
    </row>
    <row r="736" spans="8:17" x14ac:dyDescent="0.25">
      <c r="H736" s="43">
        <v>729</v>
      </c>
      <c r="I736" s="55">
        <f>Bühler!I762</f>
        <v>12.18051834130277</v>
      </c>
      <c r="J736" s="58">
        <f>Bühler!J762</f>
        <v>68.303745078356059</v>
      </c>
      <c r="K736" s="58">
        <f>Bühler!K762</f>
        <v>2.9738891250017132</v>
      </c>
      <c r="L736" s="58">
        <f>Bühler!L762</f>
        <v>1.4869445625008566</v>
      </c>
      <c r="M736" s="57">
        <f>Bühler!M762</f>
        <v>0</v>
      </c>
      <c r="N736" s="55">
        <f>IF(Input!$K$13=1,J736*Input!$J$13,0)+IF(Input!$K$14=1,K736*Input!$J$14,0)+IF(Input!$K$15=1,L736*Input!$J$15,0)+IF(Input!$K$16=1,M736*Input!$J$16,0)</f>
        <v>8.1964494094027263</v>
      </c>
      <c r="O736" s="58">
        <f>IF(Input!$K$13=2,J736*Input!$J$13,0)+IF(Input!$K$14=2,K736*Input!$J$14,0)+IF(Input!$K$15=2,L736*Input!$J$15,0)+IF(Input!$K$16=2,M736*Input!$J$16,0)</f>
        <v>0.40147503187523126</v>
      </c>
      <c r="P736" s="58">
        <f>IF(Input!$K$13=3,J736*Input!$J$13,0)+IF(Input!$K$14=3,K736*Input!$J$14,0)+IF(Input!$K$15=3,L736*Input!$J$15,0)+IF(Input!$K$16=3,M736*Input!$J$16,0)</f>
        <v>0</v>
      </c>
      <c r="Q736" s="71">
        <f>IF(Input!$K$13=4,J736*Input!$J$13,0)+IF(Input!$K$14=4,K736*Input!$J$14,0)+IF(Input!$K$15=4,L736*Input!$J$15,0)+IF(Input!$K$16=4,M736*Input!$J$16,0)</f>
        <v>0</v>
      </c>
    </row>
    <row r="737" spans="8:17" x14ac:dyDescent="0.25">
      <c r="H737" s="43">
        <v>730</v>
      </c>
      <c r="I737" s="55">
        <f>Bühler!I763</f>
        <v>13.444534395588907</v>
      </c>
      <c r="J737" s="58">
        <f>Bühler!J763</f>
        <v>75.391869567619423</v>
      </c>
      <c r="K737" s="58">
        <f>Bühler!K763</f>
        <v>3.2825002606150986</v>
      </c>
      <c r="L737" s="58">
        <f>Bühler!L763</f>
        <v>1.6412501303075493</v>
      </c>
      <c r="M737" s="57">
        <f>Bühler!M763</f>
        <v>0</v>
      </c>
      <c r="N737" s="55">
        <f>IF(Input!$K$13=1,J737*Input!$J$13,0)+IF(Input!$K$14=1,K737*Input!$J$14,0)+IF(Input!$K$15=1,L737*Input!$J$15,0)+IF(Input!$K$16=1,M737*Input!$J$16,0)</f>
        <v>9.0470243481143306</v>
      </c>
      <c r="O737" s="58">
        <f>IF(Input!$K$13=2,J737*Input!$J$13,0)+IF(Input!$K$14=2,K737*Input!$J$14,0)+IF(Input!$K$15=2,L737*Input!$J$15,0)+IF(Input!$K$16=2,M737*Input!$J$16,0)</f>
        <v>0.44313753518303828</v>
      </c>
      <c r="P737" s="58">
        <f>IF(Input!$K$13=3,J737*Input!$J$13,0)+IF(Input!$K$14=3,K737*Input!$J$14,0)+IF(Input!$K$15=3,L737*Input!$J$15,0)+IF(Input!$K$16=3,M737*Input!$J$16,0)</f>
        <v>0</v>
      </c>
      <c r="Q737" s="71">
        <f>IF(Input!$K$13=4,J737*Input!$J$13,0)+IF(Input!$K$14=4,K737*Input!$J$14,0)+IF(Input!$K$15=4,L737*Input!$J$15,0)+IF(Input!$K$16=4,M737*Input!$J$16,0)</f>
        <v>0</v>
      </c>
    </row>
    <row r="738" spans="8:17" x14ac:dyDescent="0.25">
      <c r="H738" s="43">
        <v>731</v>
      </c>
      <c r="I738" s="55">
        <f>Bühler!I764</f>
        <v>13.444534395588907</v>
      </c>
      <c r="J738" s="58">
        <f>Bühler!J764</f>
        <v>75.391869567619423</v>
      </c>
      <c r="K738" s="58">
        <f>Bühler!K764</f>
        <v>3.2825002606150986</v>
      </c>
      <c r="L738" s="58">
        <f>Bühler!L764</f>
        <v>1.6412501303075493</v>
      </c>
      <c r="M738" s="57">
        <f>Bühler!M764</f>
        <v>0</v>
      </c>
      <c r="N738" s="55">
        <f>IF(Input!$K$13=1,J738*Input!$J$13,0)+IF(Input!$K$14=1,K738*Input!$J$14,0)+IF(Input!$K$15=1,L738*Input!$J$15,0)+IF(Input!$K$16=1,M738*Input!$J$16,0)</f>
        <v>9.0470243481143306</v>
      </c>
      <c r="O738" s="58">
        <f>IF(Input!$K$13=2,J738*Input!$J$13,0)+IF(Input!$K$14=2,K738*Input!$J$14,0)+IF(Input!$K$15=2,L738*Input!$J$15,0)+IF(Input!$K$16=2,M738*Input!$J$16,0)</f>
        <v>0.44313753518303828</v>
      </c>
      <c r="P738" s="58">
        <f>IF(Input!$K$13=3,J738*Input!$J$13,0)+IF(Input!$K$14=3,K738*Input!$J$14,0)+IF(Input!$K$15=3,L738*Input!$J$15,0)+IF(Input!$K$16=3,M738*Input!$J$16,0)</f>
        <v>0</v>
      </c>
      <c r="Q738" s="71">
        <f>IF(Input!$K$13=4,J738*Input!$J$13,0)+IF(Input!$K$14=4,K738*Input!$J$14,0)+IF(Input!$K$15=4,L738*Input!$J$15,0)+IF(Input!$K$16=4,M738*Input!$J$16,0)</f>
        <v>0</v>
      </c>
    </row>
    <row r="739" spans="8:17" x14ac:dyDescent="0.25">
      <c r="H739" s="43">
        <v>732</v>
      </c>
      <c r="I739" s="55">
        <f>Bühler!I765</f>
        <v>16.087477054550831</v>
      </c>
      <c r="J739" s="58">
        <f>Bühler!J765</f>
        <v>90.212493499715549</v>
      </c>
      <c r="K739" s="58">
        <f>Bühler!K765</f>
        <v>3.9277780896249044</v>
      </c>
      <c r="L739" s="58">
        <f>Bühler!L765</f>
        <v>1.9638890448124522</v>
      </c>
      <c r="M739" s="57">
        <f>Bühler!M765</f>
        <v>0</v>
      </c>
      <c r="N739" s="55">
        <f>IF(Input!$K$13=1,J739*Input!$J$13,0)+IF(Input!$K$14=1,K739*Input!$J$14,0)+IF(Input!$K$15=1,L739*Input!$J$15,0)+IF(Input!$K$16=1,M739*Input!$J$16,0)</f>
        <v>10.825499219965865</v>
      </c>
      <c r="O739" s="58">
        <f>IF(Input!$K$13=2,J739*Input!$J$13,0)+IF(Input!$K$14=2,K739*Input!$J$14,0)+IF(Input!$K$15=2,L739*Input!$J$15,0)+IF(Input!$K$16=2,M739*Input!$J$16,0)</f>
        <v>0.53025004209936211</v>
      </c>
      <c r="P739" s="58">
        <f>IF(Input!$K$13=3,J739*Input!$J$13,0)+IF(Input!$K$14=3,K739*Input!$J$14,0)+IF(Input!$K$15=3,L739*Input!$J$15,0)+IF(Input!$K$16=3,M739*Input!$J$16,0)</f>
        <v>0</v>
      </c>
      <c r="Q739" s="71">
        <f>IF(Input!$K$13=4,J739*Input!$J$13,0)+IF(Input!$K$14=4,K739*Input!$J$14,0)+IF(Input!$K$15=4,L739*Input!$J$15,0)+IF(Input!$K$16=4,M739*Input!$J$16,0)</f>
        <v>0</v>
      </c>
    </row>
    <row r="740" spans="8:17" x14ac:dyDescent="0.25">
      <c r="H740" s="43">
        <v>733</v>
      </c>
      <c r="I740" s="55">
        <f>Bühler!I766</f>
        <v>16.087477054550831</v>
      </c>
      <c r="J740" s="58">
        <f>Bühler!J766</f>
        <v>90.212493499715549</v>
      </c>
      <c r="K740" s="58">
        <f>Bühler!K766</f>
        <v>3.9277780896249044</v>
      </c>
      <c r="L740" s="58">
        <f>Bühler!L766</f>
        <v>1.9638890448124522</v>
      </c>
      <c r="M740" s="57">
        <f>Bühler!M766</f>
        <v>0</v>
      </c>
      <c r="N740" s="55">
        <f>IF(Input!$K$13=1,J740*Input!$J$13,0)+IF(Input!$K$14=1,K740*Input!$J$14,0)+IF(Input!$K$15=1,L740*Input!$J$15,0)+IF(Input!$K$16=1,M740*Input!$J$16,0)</f>
        <v>10.825499219965865</v>
      </c>
      <c r="O740" s="58">
        <f>IF(Input!$K$13=2,J740*Input!$J$13,0)+IF(Input!$K$14=2,K740*Input!$J$14,0)+IF(Input!$K$15=2,L740*Input!$J$15,0)+IF(Input!$K$16=2,M740*Input!$J$16,0)</f>
        <v>0.53025004209936211</v>
      </c>
      <c r="P740" s="58">
        <f>IF(Input!$K$13=3,J740*Input!$J$13,0)+IF(Input!$K$14=3,K740*Input!$J$14,0)+IF(Input!$K$15=3,L740*Input!$J$15,0)+IF(Input!$K$16=3,M740*Input!$J$16,0)</f>
        <v>0</v>
      </c>
      <c r="Q740" s="71">
        <f>IF(Input!$K$13=4,J740*Input!$J$13,0)+IF(Input!$K$14=4,K740*Input!$J$14,0)+IF(Input!$K$15=4,L740*Input!$J$15,0)+IF(Input!$K$16=4,M740*Input!$J$16,0)</f>
        <v>0</v>
      </c>
    </row>
    <row r="741" spans="8:17" x14ac:dyDescent="0.25">
      <c r="H741" s="43">
        <v>734</v>
      </c>
      <c r="I741" s="55">
        <f>Bühler!I767</f>
        <v>10.686681186237333</v>
      </c>
      <c r="J741" s="58">
        <f>Bühler!J767</f>
        <v>59.926870681953901</v>
      </c>
      <c r="K741" s="58">
        <f>Bühler!K767</f>
        <v>2.6091668738222582</v>
      </c>
      <c r="L741" s="58">
        <f>Bühler!L767</f>
        <v>1.3045834369111291</v>
      </c>
      <c r="M741" s="57">
        <f>Bühler!M767</f>
        <v>0</v>
      </c>
      <c r="N741" s="55">
        <f>IF(Input!$K$13=1,J741*Input!$J$13,0)+IF(Input!$K$14=1,K741*Input!$J$14,0)+IF(Input!$K$15=1,L741*Input!$J$15,0)+IF(Input!$K$16=1,M741*Input!$J$16,0)</f>
        <v>7.1912244818344675</v>
      </c>
      <c r="O741" s="58">
        <f>IF(Input!$K$13=2,J741*Input!$J$13,0)+IF(Input!$K$14=2,K741*Input!$J$14,0)+IF(Input!$K$15=2,L741*Input!$J$15,0)+IF(Input!$K$16=2,M741*Input!$J$16,0)</f>
        <v>0.35223752796600483</v>
      </c>
      <c r="P741" s="58">
        <f>IF(Input!$K$13=3,J741*Input!$J$13,0)+IF(Input!$K$14=3,K741*Input!$J$14,0)+IF(Input!$K$15=3,L741*Input!$J$15,0)+IF(Input!$K$16=3,M741*Input!$J$16,0)</f>
        <v>0</v>
      </c>
      <c r="Q741" s="71">
        <f>IF(Input!$K$13=4,J741*Input!$J$13,0)+IF(Input!$K$14=4,K741*Input!$J$14,0)+IF(Input!$K$15=4,L741*Input!$J$15,0)+IF(Input!$K$16=4,M741*Input!$J$16,0)</f>
        <v>0</v>
      </c>
    </row>
    <row r="742" spans="8:17" x14ac:dyDescent="0.25">
      <c r="H742" s="43">
        <v>735</v>
      </c>
      <c r="I742" s="55">
        <f>Bühler!I768</f>
        <v>16.087477054550831</v>
      </c>
      <c r="J742" s="58">
        <f>Bühler!J768</f>
        <v>90.212493499715549</v>
      </c>
      <c r="K742" s="58">
        <f>Bühler!K768</f>
        <v>3.9277780896249044</v>
      </c>
      <c r="L742" s="58">
        <f>Bühler!L768</f>
        <v>1.9638890448124522</v>
      </c>
      <c r="M742" s="57">
        <f>Bühler!M768</f>
        <v>0</v>
      </c>
      <c r="N742" s="55">
        <f>IF(Input!$K$13=1,J742*Input!$J$13,0)+IF(Input!$K$14=1,K742*Input!$J$14,0)+IF(Input!$K$15=1,L742*Input!$J$15,0)+IF(Input!$K$16=1,M742*Input!$J$16,0)</f>
        <v>10.825499219965865</v>
      </c>
      <c r="O742" s="58">
        <f>IF(Input!$K$13=2,J742*Input!$J$13,0)+IF(Input!$K$14=2,K742*Input!$J$14,0)+IF(Input!$K$15=2,L742*Input!$J$15,0)+IF(Input!$K$16=2,M742*Input!$J$16,0)</f>
        <v>0.53025004209936211</v>
      </c>
      <c r="P742" s="58">
        <f>IF(Input!$K$13=3,J742*Input!$J$13,0)+IF(Input!$K$14=3,K742*Input!$J$14,0)+IF(Input!$K$15=3,L742*Input!$J$15,0)+IF(Input!$K$16=3,M742*Input!$J$16,0)</f>
        <v>0</v>
      </c>
      <c r="Q742" s="71">
        <f>IF(Input!$K$13=4,J742*Input!$J$13,0)+IF(Input!$K$14=4,K742*Input!$J$14,0)+IF(Input!$K$15=4,L742*Input!$J$15,0)+IF(Input!$K$16=4,M742*Input!$J$16,0)</f>
        <v>0</v>
      </c>
    </row>
    <row r="743" spans="8:17" x14ac:dyDescent="0.25">
      <c r="H743" s="43">
        <v>736</v>
      </c>
      <c r="I743" s="55">
        <f>Bühler!I769</f>
        <v>16.087477054550831</v>
      </c>
      <c r="J743" s="58">
        <f>Bühler!J769</f>
        <v>90.212493499715549</v>
      </c>
      <c r="K743" s="58">
        <f>Bühler!K769</f>
        <v>3.9277780896249044</v>
      </c>
      <c r="L743" s="58">
        <f>Bühler!L769</f>
        <v>1.9638890448124522</v>
      </c>
      <c r="M743" s="57">
        <f>Bühler!M769</f>
        <v>0</v>
      </c>
      <c r="N743" s="55">
        <f>IF(Input!$K$13=1,J743*Input!$J$13,0)+IF(Input!$K$14=1,K743*Input!$J$14,0)+IF(Input!$K$15=1,L743*Input!$J$15,0)+IF(Input!$K$16=1,M743*Input!$J$16,0)</f>
        <v>10.825499219965865</v>
      </c>
      <c r="O743" s="58">
        <f>IF(Input!$K$13=2,J743*Input!$J$13,0)+IF(Input!$K$14=2,K743*Input!$J$14,0)+IF(Input!$K$15=2,L743*Input!$J$15,0)+IF(Input!$K$16=2,M743*Input!$J$16,0)</f>
        <v>0.53025004209936211</v>
      </c>
      <c r="P743" s="58">
        <f>IF(Input!$K$13=3,J743*Input!$J$13,0)+IF(Input!$K$14=3,K743*Input!$J$14,0)+IF(Input!$K$15=3,L743*Input!$J$15,0)+IF(Input!$K$16=3,M743*Input!$J$16,0)</f>
        <v>0</v>
      </c>
      <c r="Q743" s="71">
        <f>IF(Input!$K$13=4,J743*Input!$J$13,0)+IF(Input!$K$14=4,K743*Input!$J$14,0)+IF(Input!$K$15=4,L743*Input!$J$15,0)+IF(Input!$K$16=4,M743*Input!$J$16,0)</f>
        <v>0</v>
      </c>
    </row>
    <row r="744" spans="8:17" x14ac:dyDescent="0.25">
      <c r="H744" s="43">
        <v>737</v>
      </c>
      <c r="I744" s="55">
        <f>Bühler!I770</f>
        <v>13.446979300916349</v>
      </c>
      <c r="J744" s="58">
        <f>Bühler!J770</f>
        <v>57.45836413772642</v>
      </c>
      <c r="K744" s="58">
        <f>Bühler!K770</f>
        <v>2.3145835171003899</v>
      </c>
      <c r="L744" s="58">
        <f>Bühler!L770</f>
        <v>1.1572917585501949</v>
      </c>
      <c r="M744" s="57">
        <f>Bühler!M770</f>
        <v>0</v>
      </c>
      <c r="N744" s="55">
        <f>IF(Input!$K$13=1,J744*Input!$J$13,0)+IF(Input!$K$14=1,K744*Input!$J$14,0)+IF(Input!$K$15=1,L744*Input!$J$15,0)+IF(Input!$K$16=1,M744*Input!$J$16,0)</f>
        <v>6.8950036965271702</v>
      </c>
      <c r="O744" s="58">
        <f>IF(Input!$K$13=2,J744*Input!$J$13,0)+IF(Input!$K$14=2,K744*Input!$J$14,0)+IF(Input!$K$15=2,L744*Input!$J$15,0)+IF(Input!$K$16=2,M744*Input!$J$16,0)</f>
        <v>0.31246877480855262</v>
      </c>
      <c r="P744" s="58">
        <f>IF(Input!$K$13=3,J744*Input!$J$13,0)+IF(Input!$K$14=3,K744*Input!$J$14,0)+IF(Input!$K$15=3,L744*Input!$J$15,0)+IF(Input!$K$16=3,M744*Input!$J$16,0)</f>
        <v>0</v>
      </c>
      <c r="Q744" s="71">
        <f>IF(Input!$K$13=4,J744*Input!$J$13,0)+IF(Input!$K$14=4,K744*Input!$J$14,0)+IF(Input!$K$15=4,L744*Input!$J$15,0)+IF(Input!$K$16=4,M744*Input!$J$16,0)</f>
        <v>0</v>
      </c>
    </row>
    <row r="745" spans="8:17" x14ac:dyDescent="0.25">
      <c r="H745" s="43">
        <v>738</v>
      </c>
      <c r="I745" s="55">
        <f>Bühler!I771</f>
        <v>10.684236280909897</v>
      </c>
      <c r="J745" s="58">
        <f>Bühler!J771</f>
        <v>29.88052324729831</v>
      </c>
      <c r="K745" s="58">
        <f>Bühler!K771</f>
        <v>0.98787175292376872</v>
      </c>
      <c r="L745" s="58">
        <f>Bühler!L771</f>
        <v>0.49393587646188436</v>
      </c>
      <c r="M745" s="57">
        <f>Bühler!M771</f>
        <v>0</v>
      </c>
      <c r="N745" s="55">
        <f>IF(Input!$K$13=1,J745*Input!$J$13,0)+IF(Input!$K$14=1,K745*Input!$J$14,0)+IF(Input!$K$15=1,L745*Input!$J$15,0)+IF(Input!$K$16=1,M745*Input!$J$16,0)</f>
        <v>3.5856627896757969</v>
      </c>
      <c r="O745" s="58">
        <f>IF(Input!$K$13=2,J745*Input!$J$13,0)+IF(Input!$K$14=2,K745*Input!$J$14,0)+IF(Input!$K$15=2,L745*Input!$J$15,0)+IF(Input!$K$16=2,M745*Input!$J$16,0)</f>
        <v>0.13336268664470877</v>
      </c>
      <c r="P745" s="58">
        <f>IF(Input!$K$13=3,J745*Input!$J$13,0)+IF(Input!$K$14=3,K745*Input!$J$14,0)+IF(Input!$K$15=3,L745*Input!$J$15,0)+IF(Input!$K$16=3,M745*Input!$J$16,0)</f>
        <v>0</v>
      </c>
      <c r="Q745" s="71">
        <f>IF(Input!$K$13=4,J745*Input!$J$13,0)+IF(Input!$K$14=4,K745*Input!$J$14,0)+IF(Input!$K$15=4,L745*Input!$J$15,0)+IF(Input!$K$16=4,M745*Input!$J$16,0)</f>
        <v>0</v>
      </c>
    </row>
    <row r="746" spans="8:17" x14ac:dyDescent="0.25">
      <c r="H746" s="43">
        <v>739</v>
      </c>
      <c r="I746" s="55">
        <f>Bühler!I772</f>
        <v>3.7896032575309704</v>
      </c>
      <c r="J746" s="58">
        <f>Bühler!J772</f>
        <v>16.187319931358189</v>
      </c>
      <c r="K746" s="58">
        <f>Bühler!K772</f>
        <v>0.65199535692968735</v>
      </c>
      <c r="L746" s="58">
        <f>Bühler!L772</f>
        <v>0.32599767846484368</v>
      </c>
      <c r="M746" s="57">
        <f>Bühler!M772</f>
        <v>0</v>
      </c>
      <c r="N746" s="55">
        <f>IF(Input!$K$13=1,J746*Input!$J$13,0)+IF(Input!$K$14=1,K746*Input!$J$14,0)+IF(Input!$K$15=1,L746*Input!$J$15,0)+IF(Input!$K$16=1,M746*Input!$J$16,0)</f>
        <v>1.9424783917629826</v>
      </c>
      <c r="O746" s="58">
        <f>IF(Input!$K$13=2,J746*Input!$J$13,0)+IF(Input!$K$14=2,K746*Input!$J$14,0)+IF(Input!$K$15=2,L746*Input!$J$15,0)+IF(Input!$K$16=2,M746*Input!$J$16,0)</f>
        <v>8.8019373185507788E-2</v>
      </c>
      <c r="P746" s="58">
        <f>IF(Input!$K$13=3,J746*Input!$J$13,0)+IF(Input!$K$14=3,K746*Input!$J$14,0)+IF(Input!$K$15=3,L746*Input!$J$15,0)+IF(Input!$K$16=3,M746*Input!$J$16,0)</f>
        <v>0</v>
      </c>
      <c r="Q746" s="71">
        <f>IF(Input!$K$13=4,J746*Input!$J$13,0)+IF(Input!$K$14=4,K746*Input!$J$14,0)+IF(Input!$K$15=4,L746*Input!$J$15,0)+IF(Input!$K$16=4,M746*Input!$J$16,0)</f>
        <v>0</v>
      </c>
    </row>
    <row r="747" spans="8:17" x14ac:dyDescent="0.25">
      <c r="H747" s="43">
        <v>740</v>
      </c>
      <c r="I747" s="55">
        <f>Bühler!I773</f>
        <v>3.7896032575309704</v>
      </c>
      <c r="J747" s="58">
        <f>Bühler!J773</f>
        <v>16.187319931358189</v>
      </c>
      <c r="K747" s="58">
        <f>Bühler!K773</f>
        <v>0.65199535692968735</v>
      </c>
      <c r="L747" s="58">
        <f>Bühler!L773</f>
        <v>0.32599767846484368</v>
      </c>
      <c r="M747" s="57">
        <f>Bühler!M773</f>
        <v>0</v>
      </c>
      <c r="N747" s="55">
        <f>IF(Input!$K$13=1,J747*Input!$J$13,0)+IF(Input!$K$14=1,K747*Input!$J$14,0)+IF(Input!$K$15=1,L747*Input!$J$15,0)+IF(Input!$K$16=1,M747*Input!$J$16,0)</f>
        <v>1.9424783917629826</v>
      </c>
      <c r="O747" s="58">
        <f>IF(Input!$K$13=2,J747*Input!$J$13,0)+IF(Input!$K$14=2,K747*Input!$J$14,0)+IF(Input!$K$15=2,L747*Input!$J$15,0)+IF(Input!$K$16=2,M747*Input!$J$16,0)</f>
        <v>8.8019373185507788E-2</v>
      </c>
      <c r="P747" s="58">
        <f>IF(Input!$K$13=3,J747*Input!$J$13,0)+IF(Input!$K$14=3,K747*Input!$J$14,0)+IF(Input!$K$15=3,L747*Input!$J$15,0)+IF(Input!$K$16=3,M747*Input!$J$16,0)</f>
        <v>0</v>
      </c>
      <c r="Q747" s="71">
        <f>IF(Input!$K$13=4,J747*Input!$J$13,0)+IF(Input!$K$14=4,K747*Input!$J$14,0)+IF(Input!$K$15=4,L747*Input!$J$15,0)+IF(Input!$K$16=4,M747*Input!$J$16,0)</f>
        <v>0</v>
      </c>
    </row>
    <row r="748" spans="8:17" x14ac:dyDescent="0.25">
      <c r="H748" s="43">
        <v>741</v>
      </c>
      <c r="I748" s="55">
        <f>Bühler!I774</f>
        <v>3.7896032575309704</v>
      </c>
      <c r="J748" s="58">
        <f>Bühler!J774</f>
        <v>16.187319931358189</v>
      </c>
      <c r="K748" s="58">
        <f>Bühler!K774</f>
        <v>0.65199535692968735</v>
      </c>
      <c r="L748" s="58">
        <f>Bühler!L774</f>
        <v>0.32599767846484368</v>
      </c>
      <c r="M748" s="57">
        <f>Bühler!M774</f>
        <v>0</v>
      </c>
      <c r="N748" s="55">
        <f>IF(Input!$K$13=1,J748*Input!$J$13,0)+IF(Input!$K$14=1,K748*Input!$J$14,0)+IF(Input!$K$15=1,L748*Input!$J$15,0)+IF(Input!$K$16=1,M748*Input!$J$16,0)</f>
        <v>1.9424783917629826</v>
      </c>
      <c r="O748" s="58">
        <f>IF(Input!$K$13=2,J748*Input!$J$13,0)+IF(Input!$K$14=2,K748*Input!$J$14,0)+IF(Input!$K$15=2,L748*Input!$J$15,0)+IF(Input!$K$16=2,M748*Input!$J$16,0)</f>
        <v>8.8019373185507788E-2</v>
      </c>
      <c r="P748" s="58">
        <f>IF(Input!$K$13=3,J748*Input!$J$13,0)+IF(Input!$K$14=3,K748*Input!$J$14,0)+IF(Input!$K$15=3,L748*Input!$J$15,0)+IF(Input!$K$16=3,M748*Input!$J$16,0)</f>
        <v>0</v>
      </c>
      <c r="Q748" s="71">
        <f>IF(Input!$K$13=4,J748*Input!$J$13,0)+IF(Input!$K$14=4,K748*Input!$J$14,0)+IF(Input!$K$15=4,L748*Input!$J$15,0)+IF(Input!$K$16=4,M748*Input!$J$16,0)</f>
        <v>0</v>
      </c>
    </row>
    <row r="749" spans="8:17" x14ac:dyDescent="0.25">
      <c r="H749" s="43">
        <v>742</v>
      </c>
      <c r="I749" s="55">
        <f>Bühler!I775</f>
        <v>3.7896032575309704</v>
      </c>
      <c r="J749" s="58">
        <f>Bühler!J775</f>
        <v>16.187319931358189</v>
      </c>
      <c r="K749" s="58">
        <f>Bühler!K775</f>
        <v>0.65199535692968735</v>
      </c>
      <c r="L749" s="58">
        <f>Bühler!L775</f>
        <v>0.32599767846484368</v>
      </c>
      <c r="M749" s="57">
        <f>Bühler!M775</f>
        <v>0</v>
      </c>
      <c r="N749" s="55">
        <f>IF(Input!$K$13=1,J749*Input!$J$13,0)+IF(Input!$K$14=1,K749*Input!$J$14,0)+IF(Input!$K$15=1,L749*Input!$J$15,0)+IF(Input!$K$16=1,M749*Input!$J$16,0)</f>
        <v>1.9424783917629826</v>
      </c>
      <c r="O749" s="58">
        <f>IF(Input!$K$13=2,J749*Input!$J$13,0)+IF(Input!$K$14=2,K749*Input!$J$14,0)+IF(Input!$K$15=2,L749*Input!$J$15,0)+IF(Input!$K$16=2,M749*Input!$J$16,0)</f>
        <v>8.8019373185507788E-2</v>
      </c>
      <c r="P749" s="58">
        <f>IF(Input!$K$13=3,J749*Input!$J$13,0)+IF(Input!$K$14=3,K749*Input!$J$14,0)+IF(Input!$K$15=3,L749*Input!$J$15,0)+IF(Input!$K$16=3,M749*Input!$J$16,0)</f>
        <v>0</v>
      </c>
      <c r="Q749" s="71">
        <f>IF(Input!$K$13=4,J749*Input!$J$13,0)+IF(Input!$K$14=4,K749*Input!$J$14,0)+IF(Input!$K$15=4,L749*Input!$J$15,0)+IF(Input!$K$16=4,M749*Input!$J$16,0)</f>
        <v>0</v>
      </c>
    </row>
    <row r="750" spans="8:17" x14ac:dyDescent="0.25">
      <c r="H750" s="43">
        <v>743</v>
      </c>
      <c r="I750" s="55">
        <f>Bühler!I776</f>
        <v>3.7896032575309704</v>
      </c>
      <c r="J750" s="58">
        <f>Bühler!J776</f>
        <v>16.187319931358189</v>
      </c>
      <c r="K750" s="58">
        <f>Bühler!K776</f>
        <v>0.65199535692968735</v>
      </c>
      <c r="L750" s="58">
        <f>Bühler!L776</f>
        <v>0.32599767846484368</v>
      </c>
      <c r="M750" s="57">
        <f>Bühler!M776</f>
        <v>0</v>
      </c>
      <c r="N750" s="55">
        <f>IF(Input!$K$13=1,J750*Input!$J$13,0)+IF(Input!$K$14=1,K750*Input!$J$14,0)+IF(Input!$K$15=1,L750*Input!$J$15,0)+IF(Input!$K$16=1,M750*Input!$J$16,0)</f>
        <v>1.9424783917629826</v>
      </c>
      <c r="O750" s="58">
        <f>IF(Input!$K$13=2,J750*Input!$J$13,0)+IF(Input!$K$14=2,K750*Input!$J$14,0)+IF(Input!$K$15=2,L750*Input!$J$15,0)+IF(Input!$K$16=2,M750*Input!$J$16,0)</f>
        <v>8.8019373185507788E-2</v>
      </c>
      <c r="P750" s="58">
        <f>IF(Input!$K$13=3,J750*Input!$J$13,0)+IF(Input!$K$14=3,K750*Input!$J$14,0)+IF(Input!$K$15=3,L750*Input!$J$15,0)+IF(Input!$K$16=3,M750*Input!$J$16,0)</f>
        <v>0</v>
      </c>
      <c r="Q750" s="71">
        <f>IF(Input!$K$13=4,J750*Input!$J$13,0)+IF(Input!$K$14=4,K750*Input!$J$14,0)+IF(Input!$K$15=4,L750*Input!$J$15,0)+IF(Input!$K$16=4,M750*Input!$J$16,0)</f>
        <v>0</v>
      </c>
    </row>
    <row r="751" spans="8:17" x14ac:dyDescent="0.25">
      <c r="H751" s="43">
        <v>744</v>
      </c>
      <c r="I751" s="55">
        <f>Bühler!I777</f>
        <v>3.7896032575309704</v>
      </c>
      <c r="J751" s="58">
        <f>Bühler!J777</f>
        <v>16.187319931358189</v>
      </c>
      <c r="K751" s="58">
        <f>Bühler!K777</f>
        <v>0.65199535692968735</v>
      </c>
      <c r="L751" s="58">
        <f>Bühler!L777</f>
        <v>0.32599767846484368</v>
      </c>
      <c r="M751" s="57">
        <f>Bühler!M777</f>
        <v>0</v>
      </c>
      <c r="N751" s="55">
        <f>IF(Input!$K$13=1,J751*Input!$J$13,0)+IF(Input!$K$14=1,K751*Input!$J$14,0)+IF(Input!$K$15=1,L751*Input!$J$15,0)+IF(Input!$K$16=1,M751*Input!$J$16,0)</f>
        <v>1.9424783917629826</v>
      </c>
      <c r="O751" s="58">
        <f>IF(Input!$K$13=2,J751*Input!$J$13,0)+IF(Input!$K$14=2,K751*Input!$J$14,0)+IF(Input!$K$15=2,L751*Input!$J$15,0)+IF(Input!$K$16=2,M751*Input!$J$16,0)</f>
        <v>8.8019373185507788E-2</v>
      </c>
      <c r="P751" s="58">
        <f>IF(Input!$K$13=3,J751*Input!$J$13,0)+IF(Input!$K$14=3,K751*Input!$J$14,0)+IF(Input!$K$15=3,L751*Input!$J$15,0)+IF(Input!$K$16=3,M751*Input!$J$16,0)</f>
        <v>0</v>
      </c>
      <c r="Q751" s="71">
        <f>IF(Input!$K$13=4,J751*Input!$J$13,0)+IF(Input!$K$14=4,K751*Input!$J$14,0)+IF(Input!$K$15=4,L751*Input!$J$15,0)+IF(Input!$K$16=4,M751*Input!$J$16,0)</f>
        <v>0</v>
      </c>
    </row>
    <row r="752" spans="8:17" x14ac:dyDescent="0.25">
      <c r="H752" s="43">
        <v>745</v>
      </c>
      <c r="I752" s="55">
        <f>Bühler!I778</f>
        <v>3.5293105843463617</v>
      </c>
      <c r="J752" s="58">
        <f>Bühler!J778</f>
        <v>15.459028672675394</v>
      </c>
      <c r="K752" s="58">
        <f>Bühler!K778</f>
        <v>0.64248273642655385</v>
      </c>
      <c r="L752" s="58">
        <f>Bühler!L778</f>
        <v>0.32124136821327692</v>
      </c>
      <c r="M752" s="57">
        <f>Bühler!M778</f>
        <v>0</v>
      </c>
      <c r="N752" s="55">
        <f>IF(Input!$K$13=1,J752*Input!$J$13,0)+IF(Input!$K$14=1,K752*Input!$J$14,0)+IF(Input!$K$15=1,L752*Input!$J$15,0)+IF(Input!$K$16=1,M752*Input!$J$16,0)</f>
        <v>1.8550834407210472</v>
      </c>
      <c r="O752" s="58">
        <f>IF(Input!$K$13=2,J752*Input!$J$13,0)+IF(Input!$K$14=2,K752*Input!$J$14,0)+IF(Input!$K$15=2,L752*Input!$J$15,0)+IF(Input!$K$16=2,M752*Input!$J$16,0)</f>
        <v>8.6735169417584773E-2</v>
      </c>
      <c r="P752" s="58">
        <f>IF(Input!$K$13=3,J752*Input!$J$13,0)+IF(Input!$K$14=3,K752*Input!$J$14,0)+IF(Input!$K$15=3,L752*Input!$J$15,0)+IF(Input!$K$16=3,M752*Input!$J$16,0)</f>
        <v>0</v>
      </c>
      <c r="Q752" s="71">
        <f>IF(Input!$K$13=4,J752*Input!$J$13,0)+IF(Input!$K$14=4,K752*Input!$J$14,0)+IF(Input!$K$15=4,L752*Input!$J$15,0)+IF(Input!$K$16=4,M752*Input!$J$16,0)</f>
        <v>0</v>
      </c>
    </row>
    <row r="753" spans="8:17" x14ac:dyDescent="0.25">
      <c r="H753" s="43">
        <v>746</v>
      </c>
      <c r="I753" s="55">
        <f>Bühler!I779</f>
        <v>3.5293105843463617</v>
      </c>
      <c r="J753" s="58">
        <f>Bühler!J779</f>
        <v>15.459028672675394</v>
      </c>
      <c r="K753" s="58">
        <f>Bühler!K779</f>
        <v>0.64248273642655385</v>
      </c>
      <c r="L753" s="58">
        <f>Bühler!L779</f>
        <v>0.32124136821327692</v>
      </c>
      <c r="M753" s="57">
        <f>Bühler!M779</f>
        <v>0</v>
      </c>
      <c r="N753" s="55">
        <f>IF(Input!$K$13=1,J753*Input!$J$13,0)+IF(Input!$K$14=1,K753*Input!$J$14,0)+IF(Input!$K$15=1,L753*Input!$J$15,0)+IF(Input!$K$16=1,M753*Input!$J$16,0)</f>
        <v>1.8550834407210472</v>
      </c>
      <c r="O753" s="58">
        <f>IF(Input!$K$13=2,J753*Input!$J$13,0)+IF(Input!$K$14=2,K753*Input!$J$14,0)+IF(Input!$K$15=2,L753*Input!$J$15,0)+IF(Input!$K$16=2,M753*Input!$J$16,0)</f>
        <v>8.6735169417584773E-2</v>
      </c>
      <c r="P753" s="58">
        <f>IF(Input!$K$13=3,J753*Input!$J$13,0)+IF(Input!$K$14=3,K753*Input!$J$14,0)+IF(Input!$K$15=3,L753*Input!$J$15,0)+IF(Input!$K$16=3,M753*Input!$J$16,0)</f>
        <v>0</v>
      </c>
      <c r="Q753" s="71">
        <f>IF(Input!$K$13=4,J753*Input!$J$13,0)+IF(Input!$K$14=4,K753*Input!$J$14,0)+IF(Input!$K$15=4,L753*Input!$J$15,0)+IF(Input!$K$16=4,M753*Input!$J$16,0)</f>
        <v>0</v>
      </c>
    </row>
    <row r="754" spans="8:17" x14ac:dyDescent="0.25">
      <c r="H754" s="43">
        <v>747</v>
      </c>
      <c r="I754" s="55">
        <f>Bühler!I780</f>
        <v>3.5293105843463617</v>
      </c>
      <c r="J754" s="58">
        <f>Bühler!J780</f>
        <v>15.459028672675394</v>
      </c>
      <c r="K754" s="58">
        <f>Bühler!K780</f>
        <v>0.64248273642655385</v>
      </c>
      <c r="L754" s="58">
        <f>Bühler!L780</f>
        <v>0.32124136821327692</v>
      </c>
      <c r="M754" s="57">
        <f>Bühler!M780</f>
        <v>0</v>
      </c>
      <c r="N754" s="55">
        <f>IF(Input!$K$13=1,J754*Input!$J$13,0)+IF(Input!$K$14=1,K754*Input!$J$14,0)+IF(Input!$K$15=1,L754*Input!$J$15,0)+IF(Input!$K$16=1,M754*Input!$J$16,0)</f>
        <v>1.8550834407210472</v>
      </c>
      <c r="O754" s="58">
        <f>IF(Input!$K$13=2,J754*Input!$J$13,0)+IF(Input!$K$14=2,K754*Input!$J$14,0)+IF(Input!$K$15=2,L754*Input!$J$15,0)+IF(Input!$K$16=2,M754*Input!$J$16,0)</f>
        <v>8.6735169417584773E-2</v>
      </c>
      <c r="P754" s="58">
        <f>IF(Input!$K$13=3,J754*Input!$J$13,0)+IF(Input!$K$14=3,K754*Input!$J$14,0)+IF(Input!$K$15=3,L754*Input!$J$15,0)+IF(Input!$K$16=3,M754*Input!$J$16,0)</f>
        <v>0</v>
      </c>
      <c r="Q754" s="71">
        <f>IF(Input!$K$13=4,J754*Input!$J$13,0)+IF(Input!$K$14=4,K754*Input!$J$14,0)+IF(Input!$K$15=4,L754*Input!$J$15,0)+IF(Input!$K$16=4,M754*Input!$J$16,0)</f>
        <v>0</v>
      </c>
    </row>
    <row r="755" spans="8:17" x14ac:dyDescent="0.25">
      <c r="H755" s="43">
        <v>748</v>
      </c>
      <c r="I755" s="55">
        <f>Bühler!I781</f>
        <v>3.5293105843463617</v>
      </c>
      <c r="J755" s="58">
        <f>Bühler!J781</f>
        <v>15.459028672675394</v>
      </c>
      <c r="K755" s="58">
        <f>Bühler!K781</f>
        <v>0.64248273642655385</v>
      </c>
      <c r="L755" s="58">
        <f>Bühler!L781</f>
        <v>0.32124136821327692</v>
      </c>
      <c r="M755" s="57">
        <f>Bühler!M781</f>
        <v>0</v>
      </c>
      <c r="N755" s="55">
        <f>IF(Input!$K$13=1,J755*Input!$J$13,0)+IF(Input!$K$14=1,K755*Input!$J$14,0)+IF(Input!$K$15=1,L755*Input!$J$15,0)+IF(Input!$K$16=1,M755*Input!$J$16,0)</f>
        <v>1.8550834407210472</v>
      </c>
      <c r="O755" s="58">
        <f>IF(Input!$K$13=2,J755*Input!$J$13,0)+IF(Input!$K$14=2,K755*Input!$J$14,0)+IF(Input!$K$15=2,L755*Input!$J$15,0)+IF(Input!$K$16=2,M755*Input!$J$16,0)</f>
        <v>8.6735169417584773E-2</v>
      </c>
      <c r="P755" s="58">
        <f>IF(Input!$K$13=3,J755*Input!$J$13,0)+IF(Input!$K$14=3,K755*Input!$J$14,0)+IF(Input!$K$15=3,L755*Input!$J$15,0)+IF(Input!$K$16=3,M755*Input!$J$16,0)</f>
        <v>0</v>
      </c>
      <c r="Q755" s="71">
        <f>IF(Input!$K$13=4,J755*Input!$J$13,0)+IF(Input!$K$14=4,K755*Input!$J$14,0)+IF(Input!$K$15=4,L755*Input!$J$15,0)+IF(Input!$K$16=4,M755*Input!$J$16,0)</f>
        <v>0</v>
      </c>
    </row>
    <row r="756" spans="8:17" x14ac:dyDescent="0.25">
      <c r="H756" s="43">
        <v>749</v>
      </c>
      <c r="I756" s="55">
        <f>Bühler!I782</f>
        <v>3.5293105843463617</v>
      </c>
      <c r="J756" s="58">
        <f>Bühler!J782</f>
        <v>15.459028672675394</v>
      </c>
      <c r="K756" s="58">
        <f>Bühler!K782</f>
        <v>0.64248273642655385</v>
      </c>
      <c r="L756" s="58">
        <f>Bühler!L782</f>
        <v>0.32124136821327692</v>
      </c>
      <c r="M756" s="57">
        <f>Bühler!M782</f>
        <v>0</v>
      </c>
      <c r="N756" s="55">
        <f>IF(Input!$K$13=1,J756*Input!$J$13,0)+IF(Input!$K$14=1,K756*Input!$J$14,0)+IF(Input!$K$15=1,L756*Input!$J$15,0)+IF(Input!$K$16=1,M756*Input!$J$16,0)</f>
        <v>1.8550834407210472</v>
      </c>
      <c r="O756" s="58">
        <f>IF(Input!$K$13=2,J756*Input!$J$13,0)+IF(Input!$K$14=2,K756*Input!$J$14,0)+IF(Input!$K$15=2,L756*Input!$J$15,0)+IF(Input!$K$16=2,M756*Input!$J$16,0)</f>
        <v>8.6735169417584773E-2</v>
      </c>
      <c r="P756" s="58">
        <f>IF(Input!$K$13=3,J756*Input!$J$13,0)+IF(Input!$K$14=3,K756*Input!$J$14,0)+IF(Input!$K$15=3,L756*Input!$J$15,0)+IF(Input!$K$16=3,M756*Input!$J$16,0)</f>
        <v>0</v>
      </c>
      <c r="Q756" s="71">
        <f>IF(Input!$K$13=4,J756*Input!$J$13,0)+IF(Input!$K$14=4,K756*Input!$J$14,0)+IF(Input!$K$15=4,L756*Input!$J$15,0)+IF(Input!$K$16=4,M756*Input!$J$16,0)</f>
        <v>0</v>
      </c>
    </row>
    <row r="757" spans="8:17" x14ac:dyDescent="0.25">
      <c r="H757" s="43">
        <v>750</v>
      </c>
      <c r="I757" s="55">
        <f>Bühler!I783</f>
        <v>3.5293105843463617</v>
      </c>
      <c r="J757" s="58">
        <f>Bühler!J783</f>
        <v>15.459028672675394</v>
      </c>
      <c r="K757" s="58">
        <f>Bühler!K783</f>
        <v>0.64248273642655385</v>
      </c>
      <c r="L757" s="58">
        <f>Bühler!L783</f>
        <v>0.32124136821327692</v>
      </c>
      <c r="M757" s="57">
        <f>Bühler!M783</f>
        <v>0</v>
      </c>
      <c r="N757" s="55">
        <f>IF(Input!$K$13=1,J757*Input!$J$13,0)+IF(Input!$K$14=1,K757*Input!$J$14,0)+IF(Input!$K$15=1,L757*Input!$J$15,0)+IF(Input!$K$16=1,M757*Input!$J$16,0)</f>
        <v>1.8550834407210472</v>
      </c>
      <c r="O757" s="58">
        <f>IF(Input!$K$13=2,J757*Input!$J$13,0)+IF(Input!$K$14=2,K757*Input!$J$14,0)+IF(Input!$K$15=2,L757*Input!$J$15,0)+IF(Input!$K$16=2,M757*Input!$J$16,0)</f>
        <v>8.6735169417584773E-2</v>
      </c>
      <c r="P757" s="58">
        <f>IF(Input!$K$13=3,J757*Input!$J$13,0)+IF(Input!$K$14=3,K757*Input!$J$14,0)+IF(Input!$K$15=3,L757*Input!$J$15,0)+IF(Input!$K$16=3,M757*Input!$J$16,0)</f>
        <v>0</v>
      </c>
      <c r="Q757" s="71">
        <f>IF(Input!$K$13=4,J757*Input!$J$13,0)+IF(Input!$K$14=4,K757*Input!$J$14,0)+IF(Input!$K$15=4,L757*Input!$J$15,0)+IF(Input!$K$16=4,M757*Input!$J$16,0)</f>
        <v>0</v>
      </c>
    </row>
    <row r="758" spans="8:17" x14ac:dyDescent="0.25">
      <c r="H758" s="43">
        <v>751</v>
      </c>
      <c r="I758" s="55">
        <f>Bühler!I784</f>
        <v>3.5293105843463617</v>
      </c>
      <c r="J758" s="58">
        <f>Bühler!J784</f>
        <v>15.459028672675394</v>
      </c>
      <c r="K758" s="58">
        <f>Bühler!K784</f>
        <v>0.64248273642655385</v>
      </c>
      <c r="L758" s="58">
        <f>Bühler!L784</f>
        <v>0.32124136821327692</v>
      </c>
      <c r="M758" s="57">
        <f>Bühler!M784</f>
        <v>0</v>
      </c>
      <c r="N758" s="55">
        <f>IF(Input!$K$13=1,J758*Input!$J$13,0)+IF(Input!$K$14=1,K758*Input!$J$14,0)+IF(Input!$K$15=1,L758*Input!$J$15,0)+IF(Input!$K$16=1,M758*Input!$J$16,0)</f>
        <v>1.8550834407210472</v>
      </c>
      <c r="O758" s="58">
        <f>IF(Input!$K$13=2,J758*Input!$J$13,0)+IF(Input!$K$14=2,K758*Input!$J$14,0)+IF(Input!$K$15=2,L758*Input!$J$15,0)+IF(Input!$K$16=2,M758*Input!$J$16,0)</f>
        <v>8.6735169417584773E-2</v>
      </c>
      <c r="P758" s="58">
        <f>IF(Input!$K$13=3,J758*Input!$J$13,0)+IF(Input!$K$14=3,K758*Input!$J$14,0)+IF(Input!$K$15=3,L758*Input!$J$15,0)+IF(Input!$K$16=3,M758*Input!$J$16,0)</f>
        <v>0</v>
      </c>
      <c r="Q758" s="71">
        <f>IF(Input!$K$13=4,J758*Input!$J$13,0)+IF(Input!$K$14=4,K758*Input!$J$14,0)+IF(Input!$K$15=4,L758*Input!$J$15,0)+IF(Input!$K$16=4,M758*Input!$J$16,0)</f>
        <v>0</v>
      </c>
    </row>
    <row r="759" spans="8:17" x14ac:dyDescent="0.25">
      <c r="H759" s="43">
        <v>752</v>
      </c>
      <c r="I759" s="55">
        <f>Bühler!I785</f>
        <v>9.7232506598742248</v>
      </c>
      <c r="J759" s="58">
        <f>Bühler!J785</f>
        <v>58.098480244052404</v>
      </c>
      <c r="K759" s="58">
        <f>Bühler!K785</f>
        <v>2.6263915498164274</v>
      </c>
      <c r="L759" s="58">
        <f>Bühler!L785</f>
        <v>1.3131957749082137</v>
      </c>
      <c r="M759" s="57">
        <f>Bühler!M785</f>
        <v>0</v>
      </c>
      <c r="N759" s="55">
        <f>IF(Input!$K$13=1,J759*Input!$J$13,0)+IF(Input!$K$14=1,K759*Input!$J$14,0)+IF(Input!$K$15=1,L759*Input!$J$15,0)+IF(Input!$K$16=1,M759*Input!$J$16,0)</f>
        <v>6.9718176292862886</v>
      </c>
      <c r="O759" s="58">
        <f>IF(Input!$K$13=2,J759*Input!$J$13,0)+IF(Input!$K$14=2,K759*Input!$J$14,0)+IF(Input!$K$15=2,L759*Input!$J$15,0)+IF(Input!$K$16=2,M759*Input!$J$16,0)</f>
        <v>0.35456285922521769</v>
      </c>
      <c r="P759" s="58">
        <f>IF(Input!$K$13=3,J759*Input!$J$13,0)+IF(Input!$K$14=3,K759*Input!$J$14,0)+IF(Input!$K$15=3,L759*Input!$J$15,0)+IF(Input!$K$16=3,M759*Input!$J$16,0)</f>
        <v>0</v>
      </c>
      <c r="Q759" s="71">
        <f>IF(Input!$K$13=4,J759*Input!$J$13,0)+IF(Input!$K$14=4,K759*Input!$J$14,0)+IF(Input!$K$15=4,L759*Input!$J$15,0)+IF(Input!$K$16=4,M759*Input!$J$16,0)</f>
        <v>0</v>
      </c>
    </row>
    <row r="760" spans="8:17" x14ac:dyDescent="0.25">
      <c r="H760" s="43">
        <v>753</v>
      </c>
      <c r="I760" s="55">
        <f>Bühler!I786</f>
        <v>10.849100736280716</v>
      </c>
      <c r="J760" s="58">
        <f>Bühler!J786</f>
        <v>64.825672693363742</v>
      </c>
      <c r="K760" s="58">
        <f>Bühler!K786</f>
        <v>2.9305000450583298</v>
      </c>
      <c r="L760" s="58">
        <f>Bühler!L786</f>
        <v>1.4652500225291649</v>
      </c>
      <c r="M760" s="57">
        <f>Bühler!M786</f>
        <v>0</v>
      </c>
      <c r="N760" s="55">
        <f>IF(Input!$K$13=1,J760*Input!$J$13,0)+IF(Input!$K$14=1,K760*Input!$J$14,0)+IF(Input!$K$15=1,L760*Input!$J$15,0)+IF(Input!$K$16=1,M760*Input!$J$16,0)</f>
        <v>7.7790807232036485</v>
      </c>
      <c r="O760" s="58">
        <f>IF(Input!$K$13=2,J760*Input!$J$13,0)+IF(Input!$K$14=2,K760*Input!$J$14,0)+IF(Input!$K$15=2,L760*Input!$J$15,0)+IF(Input!$K$16=2,M760*Input!$J$16,0)</f>
        <v>0.39561750608287449</v>
      </c>
      <c r="P760" s="58">
        <f>IF(Input!$K$13=3,J760*Input!$J$13,0)+IF(Input!$K$14=3,K760*Input!$J$14,0)+IF(Input!$K$15=3,L760*Input!$J$15,0)+IF(Input!$K$16=3,M760*Input!$J$16,0)</f>
        <v>0</v>
      </c>
      <c r="Q760" s="71">
        <f>IF(Input!$K$13=4,J760*Input!$J$13,0)+IF(Input!$K$14=4,K760*Input!$J$14,0)+IF(Input!$K$15=4,L760*Input!$J$15,0)+IF(Input!$K$16=4,M760*Input!$J$16,0)</f>
        <v>0</v>
      </c>
    </row>
    <row r="761" spans="8:17" x14ac:dyDescent="0.25">
      <c r="H761" s="43">
        <v>754</v>
      </c>
      <c r="I761" s="55">
        <f>Bühler!I787</f>
        <v>11.974950812687204</v>
      </c>
      <c r="J761" s="58">
        <f>Bühler!J787</f>
        <v>71.552865142675088</v>
      </c>
      <c r="K761" s="58">
        <f>Bühler!K787</f>
        <v>3.2346085403002323</v>
      </c>
      <c r="L761" s="58">
        <f>Bühler!L787</f>
        <v>1.6173042701501161</v>
      </c>
      <c r="M761" s="57">
        <f>Bühler!M787</f>
        <v>0</v>
      </c>
      <c r="N761" s="55">
        <f>IF(Input!$K$13=1,J761*Input!$J$13,0)+IF(Input!$K$14=1,K761*Input!$J$14,0)+IF(Input!$K$15=1,L761*Input!$J$15,0)+IF(Input!$K$16=1,M761*Input!$J$16,0)</f>
        <v>8.5863438171210102</v>
      </c>
      <c r="O761" s="58">
        <f>IF(Input!$K$13=2,J761*Input!$J$13,0)+IF(Input!$K$14=2,K761*Input!$J$14,0)+IF(Input!$K$15=2,L761*Input!$J$15,0)+IF(Input!$K$16=2,M761*Input!$J$16,0)</f>
        <v>0.43667215294053136</v>
      </c>
      <c r="P761" s="58">
        <f>IF(Input!$K$13=3,J761*Input!$J$13,0)+IF(Input!$K$14=3,K761*Input!$J$14,0)+IF(Input!$K$15=3,L761*Input!$J$15,0)+IF(Input!$K$16=3,M761*Input!$J$16,0)</f>
        <v>0</v>
      </c>
      <c r="Q761" s="71">
        <f>IF(Input!$K$13=4,J761*Input!$J$13,0)+IF(Input!$K$14=4,K761*Input!$J$14,0)+IF(Input!$K$15=4,L761*Input!$J$15,0)+IF(Input!$K$16=4,M761*Input!$J$16,0)</f>
        <v>0</v>
      </c>
    </row>
    <row r="762" spans="8:17" x14ac:dyDescent="0.25">
      <c r="H762" s="43">
        <v>755</v>
      </c>
      <c r="I762" s="55">
        <f>Bühler!I788</f>
        <v>11.974950812687204</v>
      </c>
      <c r="J762" s="58">
        <f>Bühler!J788</f>
        <v>71.552865142675088</v>
      </c>
      <c r="K762" s="58">
        <f>Bühler!K788</f>
        <v>3.2346085403002323</v>
      </c>
      <c r="L762" s="58">
        <f>Bühler!L788</f>
        <v>1.6173042701501161</v>
      </c>
      <c r="M762" s="57">
        <f>Bühler!M788</f>
        <v>0</v>
      </c>
      <c r="N762" s="55">
        <f>IF(Input!$K$13=1,J762*Input!$J$13,0)+IF(Input!$K$14=1,K762*Input!$J$14,0)+IF(Input!$K$15=1,L762*Input!$J$15,0)+IF(Input!$K$16=1,M762*Input!$J$16,0)</f>
        <v>8.5863438171210102</v>
      </c>
      <c r="O762" s="58">
        <f>IF(Input!$K$13=2,J762*Input!$J$13,0)+IF(Input!$K$14=2,K762*Input!$J$14,0)+IF(Input!$K$15=2,L762*Input!$J$15,0)+IF(Input!$K$16=2,M762*Input!$J$16,0)</f>
        <v>0.43667215294053136</v>
      </c>
      <c r="P762" s="58">
        <f>IF(Input!$K$13=3,J762*Input!$J$13,0)+IF(Input!$K$14=3,K762*Input!$J$14,0)+IF(Input!$K$15=3,L762*Input!$J$15,0)+IF(Input!$K$16=3,M762*Input!$J$16,0)</f>
        <v>0</v>
      </c>
      <c r="Q762" s="71">
        <f>IF(Input!$K$13=4,J762*Input!$J$13,0)+IF(Input!$K$14=4,K762*Input!$J$14,0)+IF(Input!$K$15=4,L762*Input!$J$15,0)+IF(Input!$K$16=4,M762*Input!$J$16,0)</f>
        <v>0</v>
      </c>
    </row>
    <row r="763" spans="8:17" x14ac:dyDescent="0.25">
      <c r="H763" s="43">
        <v>756</v>
      </c>
      <c r="I763" s="55">
        <f>Bühler!I789</f>
        <v>14.329000972446226</v>
      </c>
      <c r="J763" s="58">
        <f>Bühler!J789</f>
        <v>85.618812991235131</v>
      </c>
      <c r="K763" s="58">
        <f>Bühler!K789</f>
        <v>3.8704717576242085</v>
      </c>
      <c r="L763" s="58">
        <f>Bühler!L789</f>
        <v>1.9352358788121042</v>
      </c>
      <c r="M763" s="57">
        <f>Bühler!M789</f>
        <v>0</v>
      </c>
      <c r="N763" s="55">
        <f>IF(Input!$K$13=1,J763*Input!$J$13,0)+IF(Input!$K$14=1,K763*Input!$J$14,0)+IF(Input!$K$15=1,L763*Input!$J$15,0)+IF(Input!$K$16=1,M763*Input!$J$16,0)</f>
        <v>10.274257558948216</v>
      </c>
      <c r="O763" s="58">
        <f>IF(Input!$K$13=2,J763*Input!$J$13,0)+IF(Input!$K$14=2,K763*Input!$J$14,0)+IF(Input!$K$15=2,L763*Input!$J$15,0)+IF(Input!$K$16=2,M763*Input!$J$16,0)</f>
        <v>0.52251368727926817</v>
      </c>
      <c r="P763" s="58">
        <f>IF(Input!$K$13=3,J763*Input!$J$13,0)+IF(Input!$K$14=3,K763*Input!$J$14,0)+IF(Input!$K$15=3,L763*Input!$J$15,0)+IF(Input!$K$16=3,M763*Input!$J$16,0)</f>
        <v>0</v>
      </c>
      <c r="Q763" s="71">
        <f>IF(Input!$K$13=4,J763*Input!$J$13,0)+IF(Input!$K$14=4,K763*Input!$J$14,0)+IF(Input!$K$15=4,L763*Input!$J$15,0)+IF(Input!$K$16=4,M763*Input!$J$16,0)</f>
        <v>0</v>
      </c>
    </row>
    <row r="764" spans="8:17" x14ac:dyDescent="0.25">
      <c r="H764" s="43">
        <v>757</v>
      </c>
      <c r="I764" s="55">
        <f>Bühler!I790</f>
        <v>14.329000972446226</v>
      </c>
      <c r="J764" s="58">
        <f>Bühler!J790</f>
        <v>85.618812991235131</v>
      </c>
      <c r="K764" s="58">
        <f>Bühler!K790</f>
        <v>3.8704717576242085</v>
      </c>
      <c r="L764" s="58">
        <f>Bühler!L790</f>
        <v>1.9352358788121042</v>
      </c>
      <c r="M764" s="57">
        <f>Bühler!M790</f>
        <v>0</v>
      </c>
      <c r="N764" s="55">
        <f>IF(Input!$K$13=1,J764*Input!$J$13,0)+IF(Input!$K$14=1,K764*Input!$J$14,0)+IF(Input!$K$15=1,L764*Input!$J$15,0)+IF(Input!$K$16=1,M764*Input!$J$16,0)</f>
        <v>10.274257558948216</v>
      </c>
      <c r="O764" s="58">
        <f>IF(Input!$K$13=2,J764*Input!$J$13,0)+IF(Input!$K$14=2,K764*Input!$J$14,0)+IF(Input!$K$15=2,L764*Input!$J$15,0)+IF(Input!$K$16=2,M764*Input!$J$16,0)</f>
        <v>0.52251368727926817</v>
      </c>
      <c r="P764" s="58">
        <f>IF(Input!$K$13=3,J764*Input!$J$13,0)+IF(Input!$K$14=3,K764*Input!$J$14,0)+IF(Input!$K$15=3,L764*Input!$J$15,0)+IF(Input!$K$16=3,M764*Input!$J$16,0)</f>
        <v>0</v>
      </c>
      <c r="Q764" s="71">
        <f>IF(Input!$K$13=4,J764*Input!$J$13,0)+IF(Input!$K$14=4,K764*Input!$J$14,0)+IF(Input!$K$15=4,L764*Input!$J$15,0)+IF(Input!$K$16=4,M764*Input!$J$16,0)</f>
        <v>0</v>
      </c>
    </row>
    <row r="765" spans="8:17" x14ac:dyDescent="0.25">
      <c r="H765" s="43">
        <v>758</v>
      </c>
      <c r="I765" s="55">
        <f>Bühler!I791</f>
        <v>9.5185506459821365</v>
      </c>
      <c r="J765" s="58">
        <f>Bühler!J791</f>
        <v>56.875354344177616</v>
      </c>
      <c r="K765" s="58">
        <f>Bühler!K791</f>
        <v>2.5710990961360816</v>
      </c>
      <c r="L765" s="58">
        <f>Bühler!L791</f>
        <v>1.2855495480680408</v>
      </c>
      <c r="M765" s="57">
        <f>Bühler!M791</f>
        <v>0</v>
      </c>
      <c r="N765" s="55">
        <f>IF(Input!$K$13=1,J765*Input!$J$13,0)+IF(Input!$K$14=1,K765*Input!$J$14,0)+IF(Input!$K$15=1,L765*Input!$J$15,0)+IF(Input!$K$16=1,M765*Input!$J$16,0)</f>
        <v>6.8250425213013139</v>
      </c>
      <c r="O765" s="58">
        <f>IF(Input!$K$13=2,J765*Input!$J$13,0)+IF(Input!$K$14=2,K765*Input!$J$14,0)+IF(Input!$K$15=2,L765*Input!$J$15,0)+IF(Input!$K$16=2,M765*Input!$J$16,0)</f>
        <v>0.34709837797837095</v>
      </c>
      <c r="P765" s="58">
        <f>IF(Input!$K$13=3,J765*Input!$J$13,0)+IF(Input!$K$14=3,K765*Input!$J$14,0)+IF(Input!$K$15=3,L765*Input!$J$15,0)+IF(Input!$K$16=3,M765*Input!$J$16,0)</f>
        <v>0</v>
      </c>
      <c r="Q765" s="71">
        <f>IF(Input!$K$13=4,J765*Input!$J$13,0)+IF(Input!$K$14=4,K765*Input!$J$14,0)+IF(Input!$K$15=4,L765*Input!$J$15,0)+IF(Input!$K$16=4,M765*Input!$J$16,0)</f>
        <v>0</v>
      </c>
    </row>
    <row r="766" spans="8:17" x14ac:dyDescent="0.25">
      <c r="H766" s="43">
        <v>759</v>
      </c>
      <c r="I766" s="55">
        <f>Bühler!I792</f>
        <v>14.329000972446226</v>
      </c>
      <c r="J766" s="58">
        <f>Bühler!J792</f>
        <v>85.618812991235131</v>
      </c>
      <c r="K766" s="58">
        <f>Bühler!K792</f>
        <v>3.8704717576242085</v>
      </c>
      <c r="L766" s="58">
        <f>Bühler!L792</f>
        <v>1.9352358788121042</v>
      </c>
      <c r="M766" s="57">
        <f>Bühler!M792</f>
        <v>0</v>
      </c>
      <c r="N766" s="55">
        <f>IF(Input!$K$13=1,J766*Input!$J$13,0)+IF(Input!$K$14=1,K766*Input!$J$14,0)+IF(Input!$K$15=1,L766*Input!$J$15,0)+IF(Input!$K$16=1,M766*Input!$J$16,0)</f>
        <v>10.274257558948216</v>
      </c>
      <c r="O766" s="58">
        <f>IF(Input!$K$13=2,J766*Input!$J$13,0)+IF(Input!$K$14=2,K766*Input!$J$14,0)+IF(Input!$K$15=2,L766*Input!$J$15,0)+IF(Input!$K$16=2,M766*Input!$J$16,0)</f>
        <v>0.52251368727926817</v>
      </c>
      <c r="P766" s="58">
        <f>IF(Input!$K$13=3,J766*Input!$J$13,0)+IF(Input!$K$14=3,K766*Input!$J$14,0)+IF(Input!$K$15=3,L766*Input!$J$15,0)+IF(Input!$K$16=3,M766*Input!$J$16,0)</f>
        <v>0</v>
      </c>
      <c r="Q766" s="71">
        <f>IF(Input!$K$13=4,J766*Input!$J$13,0)+IF(Input!$K$14=4,K766*Input!$J$14,0)+IF(Input!$K$15=4,L766*Input!$J$15,0)+IF(Input!$K$16=4,M766*Input!$J$16,0)</f>
        <v>0</v>
      </c>
    </row>
    <row r="767" spans="8:17" x14ac:dyDescent="0.25">
      <c r="H767" s="43">
        <v>760</v>
      </c>
      <c r="I767" s="55">
        <f>Bühler!I793</f>
        <v>14.329000972446226</v>
      </c>
      <c r="J767" s="58">
        <f>Bühler!J793</f>
        <v>85.618812991235131</v>
      </c>
      <c r="K767" s="58">
        <f>Bühler!K793</f>
        <v>3.8704717576242085</v>
      </c>
      <c r="L767" s="58">
        <f>Bühler!L793</f>
        <v>1.9352358788121042</v>
      </c>
      <c r="M767" s="57">
        <f>Bühler!M793</f>
        <v>0</v>
      </c>
      <c r="N767" s="55">
        <f>IF(Input!$K$13=1,J767*Input!$J$13,0)+IF(Input!$K$14=1,K767*Input!$J$14,0)+IF(Input!$K$15=1,L767*Input!$J$15,0)+IF(Input!$K$16=1,M767*Input!$J$16,0)</f>
        <v>10.274257558948216</v>
      </c>
      <c r="O767" s="58">
        <f>IF(Input!$K$13=2,J767*Input!$J$13,0)+IF(Input!$K$14=2,K767*Input!$J$14,0)+IF(Input!$K$15=2,L767*Input!$J$15,0)+IF(Input!$K$16=2,M767*Input!$J$16,0)</f>
        <v>0.52251368727926817</v>
      </c>
      <c r="P767" s="58">
        <f>IF(Input!$K$13=3,J767*Input!$J$13,0)+IF(Input!$K$14=3,K767*Input!$J$14,0)+IF(Input!$K$15=3,L767*Input!$J$15,0)+IF(Input!$K$16=3,M767*Input!$J$16,0)</f>
        <v>0</v>
      </c>
      <c r="Q767" s="71">
        <f>IF(Input!$K$13=4,J767*Input!$J$13,0)+IF(Input!$K$14=4,K767*Input!$J$14,0)+IF(Input!$K$15=4,L767*Input!$J$15,0)+IF(Input!$K$16=4,M767*Input!$J$16,0)</f>
        <v>0</v>
      </c>
    </row>
    <row r="768" spans="8:17" x14ac:dyDescent="0.25">
      <c r="H768" s="43">
        <v>761</v>
      </c>
      <c r="I768" s="55">
        <f>Bühler!I794</f>
        <v>11.973186157395032</v>
      </c>
      <c r="J768" s="58">
        <f>Bühler!J794</f>
        <v>54.277363169543548</v>
      </c>
      <c r="K768" s="58">
        <f>Bühler!K794</f>
        <v>2.2808137143142662</v>
      </c>
      <c r="L768" s="58">
        <f>Bühler!L794</f>
        <v>1.1404068571571331</v>
      </c>
      <c r="M768" s="57">
        <f>Bühler!M794</f>
        <v>0</v>
      </c>
      <c r="N768" s="55">
        <f>IF(Input!$K$13=1,J768*Input!$J$13,0)+IF(Input!$K$14=1,K768*Input!$J$14,0)+IF(Input!$K$15=1,L768*Input!$J$15,0)+IF(Input!$K$16=1,M768*Input!$J$16,0)</f>
        <v>6.5132835803452256</v>
      </c>
      <c r="O768" s="58">
        <f>IF(Input!$K$13=2,J768*Input!$J$13,0)+IF(Input!$K$14=2,K768*Input!$J$14,0)+IF(Input!$K$15=2,L768*Input!$J$15,0)+IF(Input!$K$16=2,M768*Input!$J$16,0)</f>
        <v>0.30790985143242589</v>
      </c>
      <c r="P768" s="58">
        <f>IF(Input!$K$13=3,J768*Input!$J$13,0)+IF(Input!$K$14=3,K768*Input!$J$14,0)+IF(Input!$K$15=3,L768*Input!$J$15,0)+IF(Input!$K$16=3,M768*Input!$J$16,0)</f>
        <v>0</v>
      </c>
      <c r="Q768" s="71">
        <f>IF(Input!$K$13=4,J768*Input!$J$13,0)+IF(Input!$K$14=4,K768*Input!$J$14,0)+IF(Input!$K$15=4,L768*Input!$J$15,0)+IF(Input!$K$16=4,M768*Input!$J$16,0)</f>
        <v>0</v>
      </c>
    </row>
    <row r="769" spans="8:17" x14ac:dyDescent="0.25">
      <c r="H769" s="43">
        <v>762</v>
      </c>
      <c r="I769" s="55">
        <f>Bühler!I795</f>
        <v>9.5203153012743105</v>
      </c>
      <c r="J769" s="58">
        <f>Bühler!J795</f>
        <v>27.943385323299957</v>
      </c>
      <c r="K769" s="58">
        <f>Bühler!K795</f>
        <v>0.97345869155538467</v>
      </c>
      <c r="L769" s="58">
        <f>Bühler!L795</f>
        <v>0.48672934577769233</v>
      </c>
      <c r="M769" s="57">
        <f>Bühler!M795</f>
        <v>0</v>
      </c>
      <c r="N769" s="55">
        <f>IF(Input!$K$13=1,J769*Input!$J$13,0)+IF(Input!$K$14=1,K769*Input!$J$14,0)+IF(Input!$K$15=1,L769*Input!$J$15,0)+IF(Input!$K$16=1,M769*Input!$J$16,0)</f>
        <v>3.3532062387959947</v>
      </c>
      <c r="O769" s="58">
        <f>IF(Input!$K$13=2,J769*Input!$J$13,0)+IF(Input!$K$14=2,K769*Input!$J$14,0)+IF(Input!$K$15=2,L769*Input!$J$15,0)+IF(Input!$K$16=2,M769*Input!$J$16,0)</f>
        <v>0.13141692335997693</v>
      </c>
      <c r="P769" s="58">
        <f>IF(Input!$K$13=3,J769*Input!$J$13,0)+IF(Input!$K$14=3,K769*Input!$J$14,0)+IF(Input!$K$15=3,L769*Input!$J$15,0)+IF(Input!$K$16=3,M769*Input!$J$16,0)</f>
        <v>0</v>
      </c>
      <c r="Q769" s="71">
        <f>IF(Input!$K$13=4,J769*Input!$J$13,0)+IF(Input!$K$14=4,K769*Input!$J$14,0)+IF(Input!$K$15=4,L769*Input!$J$15,0)+IF(Input!$K$16=4,M769*Input!$J$16,0)</f>
        <v>0</v>
      </c>
    </row>
    <row r="770" spans="8:17" x14ac:dyDescent="0.25">
      <c r="H770" s="43">
        <v>763</v>
      </c>
      <c r="I770" s="55">
        <f>Bühler!I796</f>
        <v>3.5293105843463617</v>
      </c>
      <c r="J770" s="58">
        <f>Bühler!J796</f>
        <v>15.459028672675394</v>
      </c>
      <c r="K770" s="58">
        <f>Bühler!K796</f>
        <v>0.64248273642655385</v>
      </c>
      <c r="L770" s="58">
        <f>Bühler!L796</f>
        <v>0.32124136821327692</v>
      </c>
      <c r="M770" s="57">
        <f>Bühler!M796</f>
        <v>0</v>
      </c>
      <c r="N770" s="55">
        <f>IF(Input!$K$13=1,J770*Input!$J$13,0)+IF(Input!$K$14=1,K770*Input!$J$14,0)+IF(Input!$K$15=1,L770*Input!$J$15,0)+IF(Input!$K$16=1,M770*Input!$J$16,0)</f>
        <v>1.8550834407210472</v>
      </c>
      <c r="O770" s="58">
        <f>IF(Input!$K$13=2,J770*Input!$J$13,0)+IF(Input!$K$14=2,K770*Input!$J$14,0)+IF(Input!$K$15=2,L770*Input!$J$15,0)+IF(Input!$K$16=2,M770*Input!$J$16,0)</f>
        <v>8.6735169417584773E-2</v>
      </c>
      <c r="P770" s="58">
        <f>IF(Input!$K$13=3,J770*Input!$J$13,0)+IF(Input!$K$14=3,K770*Input!$J$14,0)+IF(Input!$K$15=3,L770*Input!$J$15,0)+IF(Input!$K$16=3,M770*Input!$J$16,0)</f>
        <v>0</v>
      </c>
      <c r="Q770" s="71">
        <f>IF(Input!$K$13=4,J770*Input!$J$13,0)+IF(Input!$K$14=4,K770*Input!$J$14,0)+IF(Input!$K$15=4,L770*Input!$J$15,0)+IF(Input!$K$16=4,M770*Input!$J$16,0)</f>
        <v>0</v>
      </c>
    </row>
    <row r="771" spans="8:17" x14ac:dyDescent="0.25">
      <c r="H771" s="43">
        <v>764</v>
      </c>
      <c r="I771" s="55">
        <f>Bühler!I797</f>
        <v>3.5293105843463617</v>
      </c>
      <c r="J771" s="58">
        <f>Bühler!J797</f>
        <v>15.459028672675394</v>
      </c>
      <c r="K771" s="58">
        <f>Bühler!K797</f>
        <v>0.64248273642655385</v>
      </c>
      <c r="L771" s="58">
        <f>Bühler!L797</f>
        <v>0.32124136821327692</v>
      </c>
      <c r="M771" s="57">
        <f>Bühler!M797</f>
        <v>0</v>
      </c>
      <c r="N771" s="55">
        <f>IF(Input!$K$13=1,J771*Input!$J$13,0)+IF(Input!$K$14=1,K771*Input!$J$14,0)+IF(Input!$K$15=1,L771*Input!$J$15,0)+IF(Input!$K$16=1,M771*Input!$J$16,0)</f>
        <v>1.8550834407210472</v>
      </c>
      <c r="O771" s="58">
        <f>IF(Input!$K$13=2,J771*Input!$J$13,0)+IF(Input!$K$14=2,K771*Input!$J$14,0)+IF(Input!$K$15=2,L771*Input!$J$15,0)+IF(Input!$K$16=2,M771*Input!$J$16,0)</f>
        <v>8.6735169417584773E-2</v>
      </c>
      <c r="P771" s="58">
        <f>IF(Input!$K$13=3,J771*Input!$J$13,0)+IF(Input!$K$14=3,K771*Input!$J$14,0)+IF(Input!$K$15=3,L771*Input!$J$15,0)+IF(Input!$K$16=3,M771*Input!$J$16,0)</f>
        <v>0</v>
      </c>
      <c r="Q771" s="71">
        <f>IF(Input!$K$13=4,J771*Input!$J$13,0)+IF(Input!$K$14=4,K771*Input!$J$14,0)+IF(Input!$K$15=4,L771*Input!$J$15,0)+IF(Input!$K$16=4,M771*Input!$J$16,0)</f>
        <v>0</v>
      </c>
    </row>
    <row r="772" spans="8:17" x14ac:dyDescent="0.25">
      <c r="H772" s="43">
        <v>765</v>
      </c>
      <c r="I772" s="55">
        <f>Bühler!I798</f>
        <v>3.5293105843463617</v>
      </c>
      <c r="J772" s="58">
        <f>Bühler!J798</f>
        <v>15.459028672675394</v>
      </c>
      <c r="K772" s="58">
        <f>Bühler!K798</f>
        <v>0.64248273642655385</v>
      </c>
      <c r="L772" s="58">
        <f>Bühler!L798</f>
        <v>0.32124136821327692</v>
      </c>
      <c r="M772" s="57">
        <f>Bühler!M798</f>
        <v>0</v>
      </c>
      <c r="N772" s="55">
        <f>IF(Input!$K$13=1,J772*Input!$J$13,0)+IF(Input!$K$14=1,K772*Input!$J$14,0)+IF(Input!$K$15=1,L772*Input!$J$15,0)+IF(Input!$K$16=1,M772*Input!$J$16,0)</f>
        <v>1.8550834407210472</v>
      </c>
      <c r="O772" s="58">
        <f>IF(Input!$K$13=2,J772*Input!$J$13,0)+IF(Input!$K$14=2,K772*Input!$J$14,0)+IF(Input!$K$15=2,L772*Input!$J$15,0)+IF(Input!$K$16=2,M772*Input!$J$16,0)</f>
        <v>8.6735169417584773E-2</v>
      </c>
      <c r="P772" s="58">
        <f>IF(Input!$K$13=3,J772*Input!$J$13,0)+IF(Input!$K$14=3,K772*Input!$J$14,0)+IF(Input!$K$15=3,L772*Input!$J$15,0)+IF(Input!$K$16=3,M772*Input!$J$16,0)</f>
        <v>0</v>
      </c>
      <c r="Q772" s="71">
        <f>IF(Input!$K$13=4,J772*Input!$J$13,0)+IF(Input!$K$14=4,K772*Input!$J$14,0)+IF(Input!$K$15=4,L772*Input!$J$15,0)+IF(Input!$K$16=4,M772*Input!$J$16,0)</f>
        <v>0</v>
      </c>
    </row>
    <row r="773" spans="8:17" x14ac:dyDescent="0.25">
      <c r="H773" s="43">
        <v>766</v>
      </c>
      <c r="I773" s="55">
        <f>Bühler!I799</f>
        <v>3.5293105843463617</v>
      </c>
      <c r="J773" s="58">
        <f>Bühler!J799</f>
        <v>15.459028672675394</v>
      </c>
      <c r="K773" s="58">
        <f>Bühler!K799</f>
        <v>0.64248273642655385</v>
      </c>
      <c r="L773" s="58">
        <f>Bühler!L799</f>
        <v>0.32124136821327692</v>
      </c>
      <c r="M773" s="57">
        <f>Bühler!M799</f>
        <v>0</v>
      </c>
      <c r="N773" s="55">
        <f>IF(Input!$K$13=1,J773*Input!$J$13,0)+IF(Input!$K$14=1,K773*Input!$J$14,0)+IF(Input!$K$15=1,L773*Input!$J$15,0)+IF(Input!$K$16=1,M773*Input!$J$16,0)</f>
        <v>1.8550834407210472</v>
      </c>
      <c r="O773" s="58">
        <f>IF(Input!$K$13=2,J773*Input!$J$13,0)+IF(Input!$K$14=2,K773*Input!$J$14,0)+IF(Input!$K$15=2,L773*Input!$J$15,0)+IF(Input!$K$16=2,M773*Input!$J$16,0)</f>
        <v>8.6735169417584773E-2</v>
      </c>
      <c r="P773" s="58">
        <f>IF(Input!$K$13=3,J773*Input!$J$13,0)+IF(Input!$K$14=3,K773*Input!$J$14,0)+IF(Input!$K$15=3,L773*Input!$J$15,0)+IF(Input!$K$16=3,M773*Input!$J$16,0)</f>
        <v>0</v>
      </c>
      <c r="Q773" s="71">
        <f>IF(Input!$K$13=4,J773*Input!$J$13,0)+IF(Input!$K$14=4,K773*Input!$J$14,0)+IF(Input!$K$15=4,L773*Input!$J$15,0)+IF(Input!$K$16=4,M773*Input!$J$16,0)</f>
        <v>0</v>
      </c>
    </row>
    <row r="774" spans="8:17" x14ac:dyDescent="0.25">
      <c r="H774" s="43">
        <v>767</v>
      </c>
      <c r="I774" s="55">
        <f>Bühler!I800</f>
        <v>3.5293105843463617</v>
      </c>
      <c r="J774" s="58">
        <f>Bühler!J800</f>
        <v>15.459028672675394</v>
      </c>
      <c r="K774" s="58">
        <f>Bühler!K800</f>
        <v>0.64248273642655385</v>
      </c>
      <c r="L774" s="58">
        <f>Bühler!L800</f>
        <v>0.32124136821327692</v>
      </c>
      <c r="M774" s="57">
        <f>Bühler!M800</f>
        <v>0</v>
      </c>
      <c r="N774" s="55">
        <f>IF(Input!$K$13=1,J774*Input!$J$13,0)+IF(Input!$K$14=1,K774*Input!$J$14,0)+IF(Input!$K$15=1,L774*Input!$J$15,0)+IF(Input!$K$16=1,M774*Input!$J$16,0)</f>
        <v>1.8550834407210472</v>
      </c>
      <c r="O774" s="58">
        <f>IF(Input!$K$13=2,J774*Input!$J$13,0)+IF(Input!$K$14=2,K774*Input!$J$14,0)+IF(Input!$K$15=2,L774*Input!$J$15,0)+IF(Input!$K$16=2,M774*Input!$J$16,0)</f>
        <v>8.6735169417584773E-2</v>
      </c>
      <c r="P774" s="58">
        <f>IF(Input!$K$13=3,J774*Input!$J$13,0)+IF(Input!$K$14=3,K774*Input!$J$14,0)+IF(Input!$K$15=3,L774*Input!$J$15,0)+IF(Input!$K$16=3,M774*Input!$J$16,0)</f>
        <v>0</v>
      </c>
      <c r="Q774" s="71">
        <f>IF(Input!$K$13=4,J774*Input!$J$13,0)+IF(Input!$K$14=4,K774*Input!$J$14,0)+IF(Input!$K$15=4,L774*Input!$J$15,0)+IF(Input!$K$16=4,M774*Input!$J$16,0)</f>
        <v>0</v>
      </c>
    </row>
    <row r="775" spans="8:17" x14ac:dyDescent="0.25">
      <c r="H775" s="43">
        <v>768</v>
      </c>
      <c r="I775" s="55">
        <f>Bühler!I801</f>
        <v>3.5293105843463617</v>
      </c>
      <c r="J775" s="58">
        <f>Bühler!J801</f>
        <v>15.459028672675394</v>
      </c>
      <c r="K775" s="58">
        <f>Bühler!K801</f>
        <v>0.64248273642655385</v>
      </c>
      <c r="L775" s="58">
        <f>Bühler!L801</f>
        <v>0.32124136821327692</v>
      </c>
      <c r="M775" s="57">
        <f>Bühler!M801</f>
        <v>0</v>
      </c>
      <c r="N775" s="55">
        <f>IF(Input!$K$13=1,J775*Input!$J$13,0)+IF(Input!$K$14=1,K775*Input!$J$14,0)+IF(Input!$K$15=1,L775*Input!$J$15,0)+IF(Input!$K$16=1,M775*Input!$J$16,0)</f>
        <v>1.8550834407210472</v>
      </c>
      <c r="O775" s="58">
        <f>IF(Input!$K$13=2,J775*Input!$J$13,0)+IF(Input!$K$14=2,K775*Input!$J$14,0)+IF(Input!$K$15=2,L775*Input!$J$15,0)+IF(Input!$K$16=2,M775*Input!$J$16,0)</f>
        <v>8.6735169417584773E-2</v>
      </c>
      <c r="P775" s="58">
        <f>IF(Input!$K$13=3,J775*Input!$J$13,0)+IF(Input!$K$14=3,K775*Input!$J$14,0)+IF(Input!$K$15=3,L775*Input!$J$15,0)+IF(Input!$K$16=3,M775*Input!$J$16,0)</f>
        <v>0</v>
      </c>
      <c r="Q775" s="71">
        <f>IF(Input!$K$13=4,J775*Input!$J$13,0)+IF(Input!$K$14=4,K775*Input!$J$14,0)+IF(Input!$K$15=4,L775*Input!$J$15,0)+IF(Input!$K$16=4,M775*Input!$J$16,0)</f>
        <v>0</v>
      </c>
    </row>
    <row r="776" spans="8:17" x14ac:dyDescent="0.25">
      <c r="H776" s="43">
        <v>769</v>
      </c>
      <c r="I776" s="55">
        <f>Bühler!I802</f>
        <v>4.4364083226425581</v>
      </c>
      <c r="J776" s="58">
        <f>Bühler!J802</f>
        <v>17.246103329924864</v>
      </c>
      <c r="K776" s="58">
        <f>Bühler!K802</f>
        <v>0.65188931420242824</v>
      </c>
      <c r="L776" s="58">
        <f>Bühler!L802</f>
        <v>0.32594465710121412</v>
      </c>
      <c r="M776" s="57">
        <f>Bühler!M802</f>
        <v>0</v>
      </c>
      <c r="N776" s="55">
        <f>IF(Input!$K$13=1,J776*Input!$J$13,0)+IF(Input!$K$14=1,K776*Input!$J$14,0)+IF(Input!$K$15=1,L776*Input!$J$15,0)+IF(Input!$K$16=1,M776*Input!$J$16,0)</f>
        <v>2.0695323995909836</v>
      </c>
      <c r="O776" s="58">
        <f>IF(Input!$K$13=2,J776*Input!$J$13,0)+IF(Input!$K$14=2,K776*Input!$J$14,0)+IF(Input!$K$15=2,L776*Input!$J$15,0)+IF(Input!$K$16=2,M776*Input!$J$16,0)</f>
        <v>8.8005057417327809E-2</v>
      </c>
      <c r="P776" s="58">
        <f>IF(Input!$K$13=3,J776*Input!$J$13,0)+IF(Input!$K$14=3,K776*Input!$J$14,0)+IF(Input!$K$15=3,L776*Input!$J$15,0)+IF(Input!$K$16=3,M776*Input!$J$16,0)</f>
        <v>0</v>
      </c>
      <c r="Q776" s="71">
        <f>IF(Input!$K$13=4,J776*Input!$J$13,0)+IF(Input!$K$14=4,K776*Input!$J$14,0)+IF(Input!$K$15=4,L776*Input!$J$15,0)+IF(Input!$K$16=4,M776*Input!$J$16,0)</f>
        <v>0</v>
      </c>
    </row>
    <row r="777" spans="8:17" x14ac:dyDescent="0.25">
      <c r="H777" s="43">
        <v>770</v>
      </c>
      <c r="I777" s="55">
        <f>Bühler!I803</f>
        <v>4.4364083226425581</v>
      </c>
      <c r="J777" s="58">
        <f>Bühler!J803</f>
        <v>17.246103329924864</v>
      </c>
      <c r="K777" s="58">
        <f>Bühler!K803</f>
        <v>0.65188931420242824</v>
      </c>
      <c r="L777" s="58">
        <f>Bühler!L803</f>
        <v>0.32594465710121412</v>
      </c>
      <c r="M777" s="57">
        <f>Bühler!M803</f>
        <v>0</v>
      </c>
      <c r="N777" s="55">
        <f>IF(Input!$K$13=1,J777*Input!$J$13,0)+IF(Input!$K$14=1,K777*Input!$J$14,0)+IF(Input!$K$15=1,L777*Input!$J$15,0)+IF(Input!$K$16=1,M777*Input!$J$16,0)</f>
        <v>2.0695323995909836</v>
      </c>
      <c r="O777" s="58">
        <f>IF(Input!$K$13=2,J777*Input!$J$13,0)+IF(Input!$K$14=2,K777*Input!$J$14,0)+IF(Input!$K$15=2,L777*Input!$J$15,0)+IF(Input!$K$16=2,M777*Input!$J$16,0)</f>
        <v>8.8005057417327809E-2</v>
      </c>
      <c r="P777" s="58">
        <f>IF(Input!$K$13=3,J777*Input!$J$13,0)+IF(Input!$K$14=3,K777*Input!$J$14,0)+IF(Input!$K$15=3,L777*Input!$J$15,0)+IF(Input!$K$16=3,M777*Input!$J$16,0)</f>
        <v>0</v>
      </c>
      <c r="Q777" s="71">
        <f>IF(Input!$K$13=4,J777*Input!$J$13,0)+IF(Input!$K$14=4,K777*Input!$J$14,0)+IF(Input!$K$15=4,L777*Input!$J$15,0)+IF(Input!$K$16=4,M777*Input!$J$16,0)</f>
        <v>0</v>
      </c>
    </row>
    <row r="778" spans="8:17" x14ac:dyDescent="0.25">
      <c r="H778" s="43">
        <v>771</v>
      </c>
      <c r="I778" s="55">
        <f>Bühler!I804</f>
        <v>4.4364083226425581</v>
      </c>
      <c r="J778" s="58">
        <f>Bühler!J804</f>
        <v>17.246103329924864</v>
      </c>
      <c r="K778" s="58">
        <f>Bühler!K804</f>
        <v>0.65188931420242824</v>
      </c>
      <c r="L778" s="58">
        <f>Bühler!L804</f>
        <v>0.32594465710121412</v>
      </c>
      <c r="M778" s="57">
        <f>Bühler!M804</f>
        <v>0</v>
      </c>
      <c r="N778" s="55">
        <f>IF(Input!$K$13=1,J778*Input!$J$13,0)+IF(Input!$K$14=1,K778*Input!$J$14,0)+IF(Input!$K$15=1,L778*Input!$J$15,0)+IF(Input!$K$16=1,M778*Input!$J$16,0)</f>
        <v>2.0695323995909836</v>
      </c>
      <c r="O778" s="58">
        <f>IF(Input!$K$13=2,J778*Input!$J$13,0)+IF(Input!$K$14=2,K778*Input!$J$14,0)+IF(Input!$K$15=2,L778*Input!$J$15,0)+IF(Input!$K$16=2,M778*Input!$J$16,0)</f>
        <v>8.8005057417327809E-2</v>
      </c>
      <c r="P778" s="58">
        <f>IF(Input!$K$13=3,J778*Input!$J$13,0)+IF(Input!$K$14=3,K778*Input!$J$14,0)+IF(Input!$K$15=3,L778*Input!$J$15,0)+IF(Input!$K$16=3,M778*Input!$J$16,0)</f>
        <v>0</v>
      </c>
      <c r="Q778" s="71">
        <f>IF(Input!$K$13=4,J778*Input!$J$13,0)+IF(Input!$K$14=4,K778*Input!$J$14,0)+IF(Input!$K$15=4,L778*Input!$J$15,0)+IF(Input!$K$16=4,M778*Input!$J$16,0)</f>
        <v>0</v>
      </c>
    </row>
    <row r="779" spans="8:17" x14ac:dyDescent="0.25">
      <c r="H779" s="43">
        <v>772</v>
      </c>
      <c r="I779" s="55">
        <f>Bühler!I805</f>
        <v>4.4364083226425581</v>
      </c>
      <c r="J779" s="58">
        <f>Bühler!J805</f>
        <v>17.246103329924864</v>
      </c>
      <c r="K779" s="58">
        <f>Bühler!K805</f>
        <v>0.65188931420242824</v>
      </c>
      <c r="L779" s="58">
        <f>Bühler!L805</f>
        <v>0.32594465710121412</v>
      </c>
      <c r="M779" s="57">
        <f>Bühler!M805</f>
        <v>0</v>
      </c>
      <c r="N779" s="55">
        <f>IF(Input!$K$13=1,J779*Input!$J$13,0)+IF(Input!$K$14=1,K779*Input!$J$14,0)+IF(Input!$K$15=1,L779*Input!$J$15,0)+IF(Input!$K$16=1,M779*Input!$J$16,0)</f>
        <v>2.0695323995909836</v>
      </c>
      <c r="O779" s="58">
        <f>IF(Input!$K$13=2,J779*Input!$J$13,0)+IF(Input!$K$14=2,K779*Input!$J$14,0)+IF(Input!$K$15=2,L779*Input!$J$15,0)+IF(Input!$K$16=2,M779*Input!$J$16,0)</f>
        <v>8.8005057417327809E-2</v>
      </c>
      <c r="P779" s="58">
        <f>IF(Input!$K$13=3,J779*Input!$J$13,0)+IF(Input!$K$14=3,K779*Input!$J$14,0)+IF(Input!$K$15=3,L779*Input!$J$15,0)+IF(Input!$K$16=3,M779*Input!$J$16,0)</f>
        <v>0</v>
      </c>
      <c r="Q779" s="71">
        <f>IF(Input!$K$13=4,J779*Input!$J$13,0)+IF(Input!$K$14=4,K779*Input!$J$14,0)+IF(Input!$K$15=4,L779*Input!$J$15,0)+IF(Input!$K$16=4,M779*Input!$J$16,0)</f>
        <v>0</v>
      </c>
    </row>
    <row r="780" spans="8:17" x14ac:dyDescent="0.25">
      <c r="H780" s="43">
        <v>773</v>
      </c>
      <c r="I780" s="55">
        <f>Bühler!I806</f>
        <v>4.4364083226425581</v>
      </c>
      <c r="J780" s="58">
        <f>Bühler!J806</f>
        <v>17.246103329924864</v>
      </c>
      <c r="K780" s="58">
        <f>Bühler!K806</f>
        <v>0.65188931420242824</v>
      </c>
      <c r="L780" s="58">
        <f>Bühler!L806</f>
        <v>0.32594465710121412</v>
      </c>
      <c r="M780" s="57">
        <f>Bühler!M806</f>
        <v>0</v>
      </c>
      <c r="N780" s="55">
        <f>IF(Input!$K$13=1,J780*Input!$J$13,0)+IF(Input!$K$14=1,K780*Input!$J$14,0)+IF(Input!$K$15=1,L780*Input!$J$15,0)+IF(Input!$K$16=1,M780*Input!$J$16,0)</f>
        <v>2.0695323995909836</v>
      </c>
      <c r="O780" s="58">
        <f>IF(Input!$K$13=2,J780*Input!$J$13,0)+IF(Input!$K$14=2,K780*Input!$J$14,0)+IF(Input!$K$15=2,L780*Input!$J$15,0)+IF(Input!$K$16=2,M780*Input!$J$16,0)</f>
        <v>8.8005057417327809E-2</v>
      </c>
      <c r="P780" s="58">
        <f>IF(Input!$K$13=3,J780*Input!$J$13,0)+IF(Input!$K$14=3,K780*Input!$J$14,0)+IF(Input!$K$15=3,L780*Input!$J$15,0)+IF(Input!$K$16=3,M780*Input!$J$16,0)</f>
        <v>0</v>
      </c>
      <c r="Q780" s="71">
        <f>IF(Input!$K$13=4,J780*Input!$J$13,0)+IF(Input!$K$14=4,K780*Input!$J$14,0)+IF(Input!$K$15=4,L780*Input!$J$15,0)+IF(Input!$K$16=4,M780*Input!$J$16,0)</f>
        <v>0</v>
      </c>
    </row>
    <row r="781" spans="8:17" x14ac:dyDescent="0.25">
      <c r="H781" s="43">
        <v>774</v>
      </c>
      <c r="I781" s="55">
        <f>Bühler!I807</f>
        <v>4.4364083226425581</v>
      </c>
      <c r="J781" s="58">
        <f>Bühler!J807</f>
        <v>17.246103329924864</v>
      </c>
      <c r="K781" s="58">
        <f>Bühler!K807</f>
        <v>0.65188931420242824</v>
      </c>
      <c r="L781" s="58">
        <f>Bühler!L807</f>
        <v>0.32594465710121412</v>
      </c>
      <c r="M781" s="57">
        <f>Bühler!M807</f>
        <v>0</v>
      </c>
      <c r="N781" s="55">
        <f>IF(Input!$K$13=1,J781*Input!$J$13,0)+IF(Input!$K$14=1,K781*Input!$J$14,0)+IF(Input!$K$15=1,L781*Input!$J$15,0)+IF(Input!$K$16=1,M781*Input!$J$16,0)</f>
        <v>2.0695323995909836</v>
      </c>
      <c r="O781" s="58">
        <f>IF(Input!$K$13=2,J781*Input!$J$13,0)+IF(Input!$K$14=2,K781*Input!$J$14,0)+IF(Input!$K$15=2,L781*Input!$J$15,0)+IF(Input!$K$16=2,M781*Input!$J$16,0)</f>
        <v>8.8005057417327809E-2</v>
      </c>
      <c r="P781" s="58">
        <f>IF(Input!$K$13=3,J781*Input!$J$13,0)+IF(Input!$K$14=3,K781*Input!$J$14,0)+IF(Input!$K$15=3,L781*Input!$J$15,0)+IF(Input!$K$16=3,M781*Input!$J$16,0)</f>
        <v>0</v>
      </c>
      <c r="Q781" s="71">
        <f>IF(Input!$K$13=4,J781*Input!$J$13,0)+IF(Input!$K$14=4,K781*Input!$J$14,0)+IF(Input!$K$15=4,L781*Input!$J$15,0)+IF(Input!$K$16=4,M781*Input!$J$16,0)</f>
        <v>0</v>
      </c>
    </row>
    <row r="782" spans="8:17" x14ac:dyDescent="0.25">
      <c r="H782" s="43">
        <v>775</v>
      </c>
      <c r="I782" s="55">
        <f>Bühler!I808</f>
        <v>4.4364083226425581</v>
      </c>
      <c r="J782" s="58">
        <f>Bühler!J808</f>
        <v>17.246103329924864</v>
      </c>
      <c r="K782" s="58">
        <f>Bühler!K808</f>
        <v>0.65188931420242824</v>
      </c>
      <c r="L782" s="58">
        <f>Bühler!L808</f>
        <v>0.32594465710121412</v>
      </c>
      <c r="M782" s="57">
        <f>Bühler!M808</f>
        <v>0</v>
      </c>
      <c r="N782" s="55">
        <f>IF(Input!$K$13=1,J782*Input!$J$13,0)+IF(Input!$K$14=1,K782*Input!$J$14,0)+IF(Input!$K$15=1,L782*Input!$J$15,0)+IF(Input!$K$16=1,M782*Input!$J$16,0)</f>
        <v>2.0695323995909836</v>
      </c>
      <c r="O782" s="58">
        <f>IF(Input!$K$13=2,J782*Input!$J$13,0)+IF(Input!$K$14=2,K782*Input!$J$14,0)+IF(Input!$K$15=2,L782*Input!$J$15,0)+IF(Input!$K$16=2,M782*Input!$J$16,0)</f>
        <v>8.8005057417327809E-2</v>
      </c>
      <c r="P782" s="58">
        <f>IF(Input!$K$13=3,J782*Input!$J$13,0)+IF(Input!$K$14=3,K782*Input!$J$14,0)+IF(Input!$K$15=3,L782*Input!$J$15,0)+IF(Input!$K$16=3,M782*Input!$J$16,0)</f>
        <v>0</v>
      </c>
      <c r="Q782" s="71">
        <f>IF(Input!$K$13=4,J782*Input!$J$13,0)+IF(Input!$K$14=4,K782*Input!$J$14,0)+IF(Input!$K$15=4,L782*Input!$J$15,0)+IF(Input!$K$16=4,M782*Input!$J$16,0)</f>
        <v>0</v>
      </c>
    </row>
    <row r="783" spans="8:17" x14ac:dyDescent="0.25">
      <c r="H783" s="43">
        <v>776</v>
      </c>
      <c r="I783" s="55">
        <f>Bühler!I809</f>
        <v>12.222304928880245</v>
      </c>
      <c r="J783" s="58">
        <f>Bühler!J809</f>
        <v>64.094019216044799</v>
      </c>
      <c r="K783" s="58">
        <f>Bühler!K809</f>
        <v>2.6648444995729563</v>
      </c>
      <c r="L783" s="58">
        <f>Bühler!L809</f>
        <v>1.3324222497864782</v>
      </c>
      <c r="M783" s="57">
        <f>Bühler!M809</f>
        <v>0</v>
      </c>
      <c r="N783" s="55">
        <f>IF(Input!$K$13=1,J783*Input!$J$13,0)+IF(Input!$K$14=1,K783*Input!$J$14,0)+IF(Input!$K$15=1,L783*Input!$J$15,0)+IF(Input!$K$16=1,M783*Input!$J$16,0)</f>
        <v>7.6912823059253759</v>
      </c>
      <c r="O783" s="58">
        <f>IF(Input!$K$13=2,J783*Input!$J$13,0)+IF(Input!$K$14=2,K783*Input!$J$14,0)+IF(Input!$K$15=2,L783*Input!$J$15,0)+IF(Input!$K$16=2,M783*Input!$J$16,0)</f>
        <v>0.35975400744234909</v>
      </c>
      <c r="P783" s="58">
        <f>IF(Input!$K$13=3,J783*Input!$J$13,0)+IF(Input!$K$14=3,K783*Input!$J$14,0)+IF(Input!$K$15=3,L783*Input!$J$15,0)+IF(Input!$K$16=3,M783*Input!$J$16,0)</f>
        <v>0</v>
      </c>
      <c r="Q783" s="71">
        <f>IF(Input!$K$13=4,J783*Input!$J$13,0)+IF(Input!$K$14=4,K783*Input!$J$14,0)+IF(Input!$K$15=4,L783*Input!$J$15,0)+IF(Input!$K$16=4,M783*Input!$J$16,0)</f>
        <v>0</v>
      </c>
    </row>
    <row r="784" spans="8:17" x14ac:dyDescent="0.25">
      <c r="H784" s="43">
        <v>777</v>
      </c>
      <c r="I784" s="55">
        <f>Bühler!I810</f>
        <v>13.637519183803221</v>
      </c>
      <c r="J784" s="58">
        <f>Bühler!J810</f>
        <v>71.515431967376315</v>
      </c>
      <c r="K784" s="58">
        <f>Bühler!K810</f>
        <v>2.9734054416287727</v>
      </c>
      <c r="L784" s="58">
        <f>Bühler!L810</f>
        <v>1.4867027208143864</v>
      </c>
      <c r="M784" s="57">
        <f>Bühler!M810</f>
        <v>0</v>
      </c>
      <c r="N784" s="55">
        <f>IF(Input!$K$13=1,J784*Input!$J$13,0)+IF(Input!$K$14=1,K784*Input!$J$14,0)+IF(Input!$K$15=1,L784*Input!$J$15,0)+IF(Input!$K$16=1,M784*Input!$J$16,0)</f>
        <v>8.581851836085157</v>
      </c>
      <c r="O784" s="58">
        <f>IF(Input!$K$13=2,J784*Input!$J$13,0)+IF(Input!$K$14=2,K784*Input!$J$14,0)+IF(Input!$K$15=2,L784*Input!$J$15,0)+IF(Input!$K$16=2,M784*Input!$J$16,0)</f>
        <v>0.40140973461988427</v>
      </c>
      <c r="P784" s="58">
        <f>IF(Input!$K$13=3,J784*Input!$J$13,0)+IF(Input!$K$14=3,K784*Input!$J$14,0)+IF(Input!$K$15=3,L784*Input!$J$15,0)+IF(Input!$K$16=3,M784*Input!$J$16,0)</f>
        <v>0</v>
      </c>
      <c r="Q784" s="71">
        <f>IF(Input!$K$13=4,J784*Input!$J$13,0)+IF(Input!$K$14=4,K784*Input!$J$14,0)+IF(Input!$K$15=4,L784*Input!$J$15,0)+IF(Input!$K$16=4,M784*Input!$J$16,0)</f>
        <v>0</v>
      </c>
    </row>
    <row r="785" spans="8:17" x14ac:dyDescent="0.25">
      <c r="H785" s="43">
        <v>778</v>
      </c>
      <c r="I785" s="55">
        <f>Bühler!I811</f>
        <v>15.052733438726198</v>
      </c>
      <c r="J785" s="58">
        <f>Bühler!J811</f>
        <v>78.936844718707817</v>
      </c>
      <c r="K785" s="58">
        <f>Bühler!K811</f>
        <v>3.2819663836845896</v>
      </c>
      <c r="L785" s="58">
        <f>Bühler!L811</f>
        <v>1.6409831918422948</v>
      </c>
      <c r="M785" s="57">
        <f>Bühler!M811</f>
        <v>0</v>
      </c>
      <c r="N785" s="55">
        <f>IF(Input!$K$13=1,J785*Input!$J$13,0)+IF(Input!$K$14=1,K785*Input!$J$14,0)+IF(Input!$K$15=1,L785*Input!$J$15,0)+IF(Input!$K$16=1,M785*Input!$J$16,0)</f>
        <v>9.4724213662449372</v>
      </c>
      <c r="O785" s="58">
        <f>IF(Input!$K$13=2,J785*Input!$J$13,0)+IF(Input!$K$14=2,K785*Input!$J$14,0)+IF(Input!$K$15=2,L785*Input!$J$15,0)+IF(Input!$K$16=2,M785*Input!$J$16,0)</f>
        <v>0.44306546179741957</v>
      </c>
      <c r="P785" s="58">
        <f>IF(Input!$K$13=3,J785*Input!$J$13,0)+IF(Input!$K$14=3,K785*Input!$J$14,0)+IF(Input!$K$15=3,L785*Input!$J$15,0)+IF(Input!$K$16=3,M785*Input!$J$16,0)</f>
        <v>0</v>
      </c>
      <c r="Q785" s="71">
        <f>IF(Input!$K$13=4,J785*Input!$J$13,0)+IF(Input!$K$14=4,K785*Input!$J$14,0)+IF(Input!$K$15=4,L785*Input!$J$15,0)+IF(Input!$K$16=4,M785*Input!$J$16,0)</f>
        <v>0</v>
      </c>
    </row>
    <row r="786" spans="8:17" x14ac:dyDescent="0.25">
      <c r="H786" s="43">
        <v>779</v>
      </c>
      <c r="I786" s="55">
        <f>Bühler!I812</f>
        <v>15.052733438726198</v>
      </c>
      <c r="J786" s="58">
        <f>Bühler!J812</f>
        <v>78.936844718707817</v>
      </c>
      <c r="K786" s="58">
        <f>Bühler!K812</f>
        <v>3.2819663836845896</v>
      </c>
      <c r="L786" s="58">
        <f>Bühler!L812</f>
        <v>1.6409831918422948</v>
      </c>
      <c r="M786" s="57">
        <f>Bühler!M812</f>
        <v>0</v>
      </c>
      <c r="N786" s="55">
        <f>IF(Input!$K$13=1,J786*Input!$J$13,0)+IF(Input!$K$14=1,K786*Input!$J$14,0)+IF(Input!$K$15=1,L786*Input!$J$15,0)+IF(Input!$K$16=1,M786*Input!$J$16,0)</f>
        <v>9.4724213662449372</v>
      </c>
      <c r="O786" s="58">
        <f>IF(Input!$K$13=2,J786*Input!$J$13,0)+IF(Input!$K$14=2,K786*Input!$J$14,0)+IF(Input!$K$15=2,L786*Input!$J$15,0)+IF(Input!$K$16=2,M786*Input!$J$16,0)</f>
        <v>0.44306546179741957</v>
      </c>
      <c r="P786" s="58">
        <f>IF(Input!$K$13=3,J786*Input!$J$13,0)+IF(Input!$K$14=3,K786*Input!$J$14,0)+IF(Input!$K$15=3,L786*Input!$J$15,0)+IF(Input!$K$16=3,M786*Input!$J$16,0)</f>
        <v>0</v>
      </c>
      <c r="Q786" s="71">
        <f>IF(Input!$K$13=4,J786*Input!$J$13,0)+IF(Input!$K$14=4,K786*Input!$J$14,0)+IF(Input!$K$15=4,L786*Input!$J$15,0)+IF(Input!$K$16=4,M786*Input!$J$16,0)</f>
        <v>0</v>
      </c>
    </row>
    <row r="787" spans="8:17" x14ac:dyDescent="0.25">
      <c r="H787" s="43">
        <v>780</v>
      </c>
      <c r="I787" s="55">
        <f>Bühler!I813</f>
        <v>18.011817789928784</v>
      </c>
      <c r="J787" s="58">
        <f>Bühler!J813</f>
        <v>94.454344107855519</v>
      </c>
      <c r="K787" s="58">
        <f>Bühler!K813</f>
        <v>3.9271392625285682</v>
      </c>
      <c r="L787" s="58">
        <f>Bühler!L813</f>
        <v>1.9635696312642841</v>
      </c>
      <c r="M787" s="57">
        <f>Bühler!M813</f>
        <v>0</v>
      </c>
      <c r="N787" s="55">
        <f>IF(Input!$K$13=1,J787*Input!$J$13,0)+IF(Input!$K$14=1,K787*Input!$J$14,0)+IF(Input!$K$15=1,L787*Input!$J$15,0)+IF(Input!$K$16=1,M787*Input!$J$16,0)</f>
        <v>11.334521292942663</v>
      </c>
      <c r="O787" s="58">
        <f>IF(Input!$K$13=2,J787*Input!$J$13,0)+IF(Input!$K$14=2,K787*Input!$J$14,0)+IF(Input!$K$15=2,L787*Input!$J$15,0)+IF(Input!$K$16=2,M787*Input!$J$16,0)</f>
        <v>0.53016380044135669</v>
      </c>
      <c r="P787" s="58">
        <f>IF(Input!$K$13=3,J787*Input!$J$13,0)+IF(Input!$K$14=3,K787*Input!$J$14,0)+IF(Input!$K$15=3,L787*Input!$J$15,0)+IF(Input!$K$16=3,M787*Input!$J$16,0)</f>
        <v>0</v>
      </c>
      <c r="Q787" s="71">
        <f>IF(Input!$K$13=4,J787*Input!$J$13,0)+IF(Input!$K$14=4,K787*Input!$J$14,0)+IF(Input!$K$15=4,L787*Input!$J$15,0)+IF(Input!$K$16=4,M787*Input!$J$16,0)</f>
        <v>0</v>
      </c>
    </row>
    <row r="788" spans="8:17" x14ac:dyDescent="0.25">
      <c r="H788" s="43">
        <v>781</v>
      </c>
      <c r="I788" s="55">
        <f>Bühler!I814</f>
        <v>18.011817789928784</v>
      </c>
      <c r="J788" s="58">
        <f>Bühler!J814</f>
        <v>94.454344107855519</v>
      </c>
      <c r="K788" s="58">
        <f>Bühler!K814</f>
        <v>3.9271392625285682</v>
      </c>
      <c r="L788" s="58">
        <f>Bühler!L814</f>
        <v>1.9635696312642841</v>
      </c>
      <c r="M788" s="57">
        <f>Bühler!M814</f>
        <v>0</v>
      </c>
      <c r="N788" s="55">
        <f>IF(Input!$K$13=1,J788*Input!$J$13,0)+IF(Input!$K$14=1,K788*Input!$J$14,0)+IF(Input!$K$15=1,L788*Input!$J$15,0)+IF(Input!$K$16=1,M788*Input!$J$16,0)</f>
        <v>11.334521292942663</v>
      </c>
      <c r="O788" s="58">
        <f>IF(Input!$K$13=2,J788*Input!$J$13,0)+IF(Input!$K$14=2,K788*Input!$J$14,0)+IF(Input!$K$15=2,L788*Input!$J$15,0)+IF(Input!$K$16=2,M788*Input!$J$16,0)</f>
        <v>0.53016380044135669</v>
      </c>
      <c r="P788" s="58">
        <f>IF(Input!$K$13=3,J788*Input!$J$13,0)+IF(Input!$K$14=3,K788*Input!$J$14,0)+IF(Input!$K$15=3,L788*Input!$J$15,0)+IF(Input!$K$16=3,M788*Input!$J$16,0)</f>
        <v>0</v>
      </c>
      <c r="Q788" s="71">
        <f>IF(Input!$K$13=4,J788*Input!$J$13,0)+IF(Input!$K$14=4,K788*Input!$J$14,0)+IF(Input!$K$15=4,L788*Input!$J$15,0)+IF(Input!$K$16=4,M788*Input!$J$16,0)</f>
        <v>0</v>
      </c>
    </row>
    <row r="789" spans="8:17" x14ac:dyDescent="0.25">
      <c r="H789" s="43">
        <v>782</v>
      </c>
      <c r="I789" s="55">
        <f>Bühler!I815</f>
        <v>11.964993246166976</v>
      </c>
      <c r="J789" s="58">
        <f>Bühler!J815</f>
        <v>62.74467144307544</v>
      </c>
      <c r="K789" s="58">
        <f>Bühler!K815</f>
        <v>2.6087425101082635</v>
      </c>
      <c r="L789" s="58">
        <f>Bühler!L815</f>
        <v>1.3043712550541318</v>
      </c>
      <c r="M789" s="57">
        <f>Bühler!M815</f>
        <v>0</v>
      </c>
      <c r="N789" s="55">
        <f>IF(Input!$K$13=1,J789*Input!$J$13,0)+IF(Input!$K$14=1,K789*Input!$J$14,0)+IF(Input!$K$15=1,L789*Input!$J$15,0)+IF(Input!$K$16=1,M789*Input!$J$16,0)</f>
        <v>7.5293605731690523</v>
      </c>
      <c r="O789" s="58">
        <f>IF(Input!$K$13=2,J789*Input!$J$13,0)+IF(Input!$K$14=2,K789*Input!$J$14,0)+IF(Input!$K$15=2,L789*Input!$J$15,0)+IF(Input!$K$16=2,M789*Input!$J$16,0)</f>
        <v>0.35218023886461558</v>
      </c>
      <c r="P789" s="58">
        <f>IF(Input!$K$13=3,J789*Input!$J$13,0)+IF(Input!$K$14=3,K789*Input!$J$14,0)+IF(Input!$K$15=3,L789*Input!$J$15,0)+IF(Input!$K$16=3,M789*Input!$J$16,0)</f>
        <v>0</v>
      </c>
      <c r="Q789" s="71">
        <f>IF(Input!$K$13=4,J789*Input!$J$13,0)+IF(Input!$K$14=4,K789*Input!$J$14,0)+IF(Input!$K$15=4,L789*Input!$J$15,0)+IF(Input!$K$16=4,M789*Input!$J$16,0)</f>
        <v>0</v>
      </c>
    </row>
    <row r="790" spans="8:17" x14ac:dyDescent="0.25">
      <c r="H790" s="43">
        <v>783</v>
      </c>
      <c r="I790" s="55">
        <f>Bühler!I816</f>
        <v>18.011817789928784</v>
      </c>
      <c r="J790" s="58">
        <f>Bühler!J816</f>
        <v>94.454344107855519</v>
      </c>
      <c r="K790" s="58">
        <f>Bühler!K816</f>
        <v>3.9271392625285682</v>
      </c>
      <c r="L790" s="58">
        <f>Bühler!L816</f>
        <v>1.9635696312642841</v>
      </c>
      <c r="M790" s="57">
        <f>Bühler!M816</f>
        <v>0</v>
      </c>
      <c r="N790" s="55">
        <f>IF(Input!$K$13=1,J790*Input!$J$13,0)+IF(Input!$K$14=1,K790*Input!$J$14,0)+IF(Input!$K$15=1,L790*Input!$J$15,0)+IF(Input!$K$16=1,M790*Input!$J$16,0)</f>
        <v>11.334521292942663</v>
      </c>
      <c r="O790" s="58">
        <f>IF(Input!$K$13=2,J790*Input!$J$13,0)+IF(Input!$K$14=2,K790*Input!$J$14,0)+IF(Input!$K$15=2,L790*Input!$J$15,0)+IF(Input!$K$16=2,M790*Input!$J$16,0)</f>
        <v>0.53016380044135669</v>
      </c>
      <c r="P790" s="58">
        <f>IF(Input!$K$13=3,J790*Input!$J$13,0)+IF(Input!$K$14=3,K790*Input!$J$14,0)+IF(Input!$K$15=3,L790*Input!$J$15,0)+IF(Input!$K$16=3,M790*Input!$J$16,0)</f>
        <v>0</v>
      </c>
      <c r="Q790" s="71">
        <f>IF(Input!$K$13=4,J790*Input!$J$13,0)+IF(Input!$K$14=4,K790*Input!$J$14,0)+IF(Input!$K$15=4,L790*Input!$J$15,0)+IF(Input!$K$16=4,M790*Input!$J$16,0)</f>
        <v>0</v>
      </c>
    </row>
    <row r="791" spans="8:17" x14ac:dyDescent="0.25">
      <c r="H791" s="43">
        <v>784</v>
      </c>
      <c r="I791" s="55">
        <f>Bühler!I817</f>
        <v>18.011817789928784</v>
      </c>
      <c r="J791" s="58">
        <f>Bühler!J817</f>
        <v>94.454344107855519</v>
      </c>
      <c r="K791" s="58">
        <f>Bühler!K817</f>
        <v>3.9271392625285682</v>
      </c>
      <c r="L791" s="58">
        <f>Bühler!L817</f>
        <v>1.9635696312642841</v>
      </c>
      <c r="M791" s="57">
        <f>Bühler!M817</f>
        <v>0</v>
      </c>
      <c r="N791" s="55">
        <f>IF(Input!$K$13=1,J791*Input!$J$13,0)+IF(Input!$K$14=1,K791*Input!$J$14,0)+IF(Input!$K$15=1,L791*Input!$J$15,0)+IF(Input!$K$16=1,M791*Input!$J$16,0)</f>
        <v>11.334521292942663</v>
      </c>
      <c r="O791" s="58">
        <f>IF(Input!$K$13=2,J791*Input!$J$13,0)+IF(Input!$K$14=2,K791*Input!$J$14,0)+IF(Input!$K$15=2,L791*Input!$J$15,0)+IF(Input!$K$16=2,M791*Input!$J$16,0)</f>
        <v>0.53016380044135669</v>
      </c>
      <c r="P791" s="58">
        <f>IF(Input!$K$13=3,J791*Input!$J$13,0)+IF(Input!$K$14=3,K791*Input!$J$14,0)+IF(Input!$K$15=3,L791*Input!$J$15,0)+IF(Input!$K$16=3,M791*Input!$J$16,0)</f>
        <v>0</v>
      </c>
      <c r="Q791" s="71">
        <f>IF(Input!$K$13=4,J791*Input!$J$13,0)+IF(Input!$K$14=4,K791*Input!$J$14,0)+IF(Input!$K$15=4,L791*Input!$J$15,0)+IF(Input!$K$16=4,M791*Input!$J$16,0)</f>
        <v>0</v>
      </c>
    </row>
    <row r="792" spans="8:17" x14ac:dyDescent="0.25">
      <c r="H792" s="43">
        <v>785</v>
      </c>
      <c r="I792" s="55">
        <f>Bühler!I818</f>
        <v>15.050515234564878</v>
      </c>
      <c r="J792" s="58">
        <f>Bühler!J818</f>
        <v>60.46670465118239</v>
      </c>
      <c r="K792" s="58">
        <f>Bühler!K818</f>
        <v>2.3142070654186204</v>
      </c>
      <c r="L792" s="58">
        <f>Bühler!L818</f>
        <v>1.1571035327093102</v>
      </c>
      <c r="M792" s="57">
        <f>Bühler!M818</f>
        <v>0</v>
      </c>
      <c r="N792" s="55">
        <f>IF(Input!$K$13=1,J792*Input!$J$13,0)+IF(Input!$K$14=1,K792*Input!$J$14,0)+IF(Input!$K$15=1,L792*Input!$J$15,0)+IF(Input!$K$16=1,M792*Input!$J$16,0)</f>
        <v>7.2560045581418864</v>
      </c>
      <c r="O792" s="58">
        <f>IF(Input!$K$13=2,J792*Input!$J$13,0)+IF(Input!$K$14=2,K792*Input!$J$14,0)+IF(Input!$K$15=2,L792*Input!$J$15,0)+IF(Input!$K$16=2,M792*Input!$J$16,0)</f>
        <v>0.31241795383151372</v>
      </c>
      <c r="P792" s="58">
        <f>IF(Input!$K$13=3,J792*Input!$J$13,0)+IF(Input!$K$14=3,K792*Input!$J$14,0)+IF(Input!$K$15=3,L792*Input!$J$15,0)+IF(Input!$K$16=3,M792*Input!$J$16,0)</f>
        <v>0</v>
      </c>
      <c r="Q792" s="71">
        <f>IF(Input!$K$13=4,J792*Input!$J$13,0)+IF(Input!$K$14=4,K792*Input!$J$14,0)+IF(Input!$K$15=4,L792*Input!$J$15,0)+IF(Input!$K$16=4,M792*Input!$J$16,0)</f>
        <v>0</v>
      </c>
    </row>
    <row r="793" spans="8:17" x14ac:dyDescent="0.25">
      <c r="H793" s="43">
        <v>786</v>
      </c>
      <c r="I793" s="55">
        <f>Bühler!I819</f>
        <v>11.9672114503283</v>
      </c>
      <c r="J793" s="58">
        <f>Bühler!J819</f>
        <v>31.812955304111366</v>
      </c>
      <c r="K793" s="58">
        <f>Bühler!K819</f>
        <v>0.98771108212489145</v>
      </c>
      <c r="L793" s="58">
        <f>Bühler!L819</f>
        <v>0.49385554106244572</v>
      </c>
      <c r="M793" s="57">
        <f>Bühler!M819</f>
        <v>0</v>
      </c>
      <c r="N793" s="55">
        <f>IF(Input!$K$13=1,J793*Input!$J$13,0)+IF(Input!$K$14=1,K793*Input!$J$14,0)+IF(Input!$K$15=1,L793*Input!$J$15,0)+IF(Input!$K$16=1,M793*Input!$J$16,0)</f>
        <v>3.8175546364933637</v>
      </c>
      <c r="O793" s="58">
        <f>IF(Input!$K$13=2,J793*Input!$J$13,0)+IF(Input!$K$14=2,K793*Input!$J$14,0)+IF(Input!$K$15=2,L793*Input!$J$15,0)+IF(Input!$K$16=2,M793*Input!$J$16,0)</f>
        <v>0.13334099608686034</v>
      </c>
      <c r="P793" s="58">
        <f>IF(Input!$K$13=3,J793*Input!$J$13,0)+IF(Input!$K$14=3,K793*Input!$J$14,0)+IF(Input!$K$15=3,L793*Input!$J$15,0)+IF(Input!$K$16=3,M793*Input!$J$16,0)</f>
        <v>0</v>
      </c>
      <c r="Q793" s="71">
        <f>IF(Input!$K$13=4,J793*Input!$J$13,0)+IF(Input!$K$14=4,K793*Input!$J$14,0)+IF(Input!$K$15=4,L793*Input!$J$15,0)+IF(Input!$K$16=4,M793*Input!$J$16,0)</f>
        <v>0</v>
      </c>
    </row>
    <row r="794" spans="8:17" x14ac:dyDescent="0.25">
      <c r="H794" s="43">
        <v>787</v>
      </c>
      <c r="I794" s="55">
        <f>Bühler!I820</f>
        <v>4.4364083226425581</v>
      </c>
      <c r="J794" s="58">
        <f>Bühler!J820</f>
        <v>17.246103329924864</v>
      </c>
      <c r="K794" s="58">
        <f>Bühler!K820</f>
        <v>0.65188931420242824</v>
      </c>
      <c r="L794" s="58">
        <f>Bühler!L820</f>
        <v>0.32594465710121412</v>
      </c>
      <c r="M794" s="57">
        <f>Bühler!M820</f>
        <v>0</v>
      </c>
      <c r="N794" s="55">
        <f>IF(Input!$K$13=1,J794*Input!$J$13,0)+IF(Input!$K$14=1,K794*Input!$J$14,0)+IF(Input!$K$15=1,L794*Input!$J$15,0)+IF(Input!$K$16=1,M794*Input!$J$16,0)</f>
        <v>2.0695323995909836</v>
      </c>
      <c r="O794" s="58">
        <f>IF(Input!$K$13=2,J794*Input!$J$13,0)+IF(Input!$K$14=2,K794*Input!$J$14,0)+IF(Input!$K$15=2,L794*Input!$J$15,0)+IF(Input!$K$16=2,M794*Input!$J$16,0)</f>
        <v>8.8005057417327809E-2</v>
      </c>
      <c r="P794" s="58">
        <f>IF(Input!$K$13=3,J794*Input!$J$13,0)+IF(Input!$K$14=3,K794*Input!$J$14,0)+IF(Input!$K$15=3,L794*Input!$J$15,0)+IF(Input!$K$16=3,M794*Input!$J$16,0)</f>
        <v>0</v>
      </c>
      <c r="Q794" s="71">
        <f>IF(Input!$K$13=4,J794*Input!$J$13,0)+IF(Input!$K$14=4,K794*Input!$J$14,0)+IF(Input!$K$15=4,L794*Input!$J$15,0)+IF(Input!$K$16=4,M794*Input!$J$16,0)</f>
        <v>0</v>
      </c>
    </row>
    <row r="795" spans="8:17" x14ac:dyDescent="0.25">
      <c r="H795" s="43">
        <v>788</v>
      </c>
      <c r="I795" s="55">
        <f>Bühler!I821</f>
        <v>4.4364083226425581</v>
      </c>
      <c r="J795" s="58">
        <f>Bühler!J821</f>
        <v>17.246103329924864</v>
      </c>
      <c r="K795" s="58">
        <f>Bühler!K821</f>
        <v>0.65188931420242824</v>
      </c>
      <c r="L795" s="58">
        <f>Bühler!L821</f>
        <v>0.32594465710121412</v>
      </c>
      <c r="M795" s="57">
        <f>Bühler!M821</f>
        <v>0</v>
      </c>
      <c r="N795" s="55">
        <f>IF(Input!$K$13=1,J795*Input!$J$13,0)+IF(Input!$K$14=1,K795*Input!$J$14,0)+IF(Input!$K$15=1,L795*Input!$J$15,0)+IF(Input!$K$16=1,M795*Input!$J$16,0)</f>
        <v>2.0695323995909836</v>
      </c>
      <c r="O795" s="58">
        <f>IF(Input!$K$13=2,J795*Input!$J$13,0)+IF(Input!$K$14=2,K795*Input!$J$14,0)+IF(Input!$K$15=2,L795*Input!$J$15,0)+IF(Input!$K$16=2,M795*Input!$J$16,0)</f>
        <v>8.8005057417327809E-2</v>
      </c>
      <c r="P795" s="58">
        <f>IF(Input!$K$13=3,J795*Input!$J$13,0)+IF(Input!$K$14=3,K795*Input!$J$14,0)+IF(Input!$K$15=3,L795*Input!$J$15,0)+IF(Input!$K$16=3,M795*Input!$J$16,0)</f>
        <v>0</v>
      </c>
      <c r="Q795" s="71">
        <f>IF(Input!$K$13=4,J795*Input!$J$13,0)+IF(Input!$K$14=4,K795*Input!$J$14,0)+IF(Input!$K$15=4,L795*Input!$J$15,0)+IF(Input!$K$16=4,M795*Input!$J$16,0)</f>
        <v>0</v>
      </c>
    </row>
    <row r="796" spans="8:17" x14ac:dyDescent="0.25">
      <c r="H796" s="43">
        <v>789</v>
      </c>
      <c r="I796" s="55">
        <f>Bühler!I822</f>
        <v>4.4364083226425581</v>
      </c>
      <c r="J796" s="58">
        <f>Bühler!J822</f>
        <v>17.246103329924864</v>
      </c>
      <c r="K796" s="58">
        <f>Bühler!K822</f>
        <v>0.65188931420242824</v>
      </c>
      <c r="L796" s="58">
        <f>Bühler!L822</f>
        <v>0.32594465710121412</v>
      </c>
      <c r="M796" s="57">
        <f>Bühler!M822</f>
        <v>0</v>
      </c>
      <c r="N796" s="55">
        <f>IF(Input!$K$13=1,J796*Input!$J$13,0)+IF(Input!$K$14=1,K796*Input!$J$14,0)+IF(Input!$K$15=1,L796*Input!$J$15,0)+IF(Input!$K$16=1,M796*Input!$J$16,0)</f>
        <v>2.0695323995909836</v>
      </c>
      <c r="O796" s="58">
        <f>IF(Input!$K$13=2,J796*Input!$J$13,0)+IF(Input!$K$14=2,K796*Input!$J$14,0)+IF(Input!$K$15=2,L796*Input!$J$15,0)+IF(Input!$K$16=2,M796*Input!$J$16,0)</f>
        <v>8.8005057417327809E-2</v>
      </c>
      <c r="P796" s="58">
        <f>IF(Input!$K$13=3,J796*Input!$J$13,0)+IF(Input!$K$14=3,K796*Input!$J$14,0)+IF(Input!$K$15=3,L796*Input!$J$15,0)+IF(Input!$K$16=3,M796*Input!$J$16,0)</f>
        <v>0</v>
      </c>
      <c r="Q796" s="71">
        <f>IF(Input!$K$13=4,J796*Input!$J$13,0)+IF(Input!$K$14=4,K796*Input!$J$14,0)+IF(Input!$K$15=4,L796*Input!$J$15,0)+IF(Input!$K$16=4,M796*Input!$J$16,0)</f>
        <v>0</v>
      </c>
    </row>
    <row r="797" spans="8:17" x14ac:dyDescent="0.25">
      <c r="H797" s="43">
        <v>790</v>
      </c>
      <c r="I797" s="55">
        <f>Bühler!I823</f>
        <v>4.4364083226425581</v>
      </c>
      <c r="J797" s="58">
        <f>Bühler!J823</f>
        <v>17.246103329924864</v>
      </c>
      <c r="K797" s="58">
        <f>Bühler!K823</f>
        <v>0.65188931420242824</v>
      </c>
      <c r="L797" s="58">
        <f>Bühler!L823</f>
        <v>0.32594465710121412</v>
      </c>
      <c r="M797" s="57">
        <f>Bühler!M823</f>
        <v>0</v>
      </c>
      <c r="N797" s="55">
        <f>IF(Input!$K$13=1,J797*Input!$J$13,0)+IF(Input!$K$14=1,K797*Input!$J$14,0)+IF(Input!$K$15=1,L797*Input!$J$15,0)+IF(Input!$K$16=1,M797*Input!$J$16,0)</f>
        <v>2.0695323995909836</v>
      </c>
      <c r="O797" s="58">
        <f>IF(Input!$K$13=2,J797*Input!$J$13,0)+IF(Input!$K$14=2,K797*Input!$J$14,0)+IF(Input!$K$15=2,L797*Input!$J$15,0)+IF(Input!$K$16=2,M797*Input!$J$16,0)</f>
        <v>8.8005057417327809E-2</v>
      </c>
      <c r="P797" s="58">
        <f>IF(Input!$K$13=3,J797*Input!$J$13,0)+IF(Input!$K$14=3,K797*Input!$J$14,0)+IF(Input!$K$15=3,L797*Input!$J$15,0)+IF(Input!$K$16=3,M797*Input!$J$16,0)</f>
        <v>0</v>
      </c>
      <c r="Q797" s="71">
        <f>IF(Input!$K$13=4,J797*Input!$J$13,0)+IF(Input!$K$14=4,K797*Input!$J$14,0)+IF(Input!$K$15=4,L797*Input!$J$15,0)+IF(Input!$K$16=4,M797*Input!$J$16,0)</f>
        <v>0</v>
      </c>
    </row>
    <row r="798" spans="8:17" x14ac:dyDescent="0.25">
      <c r="H798" s="43">
        <v>791</v>
      </c>
      <c r="I798" s="55">
        <f>Bühler!I824</f>
        <v>4.4364083226425581</v>
      </c>
      <c r="J798" s="58">
        <f>Bühler!J824</f>
        <v>17.246103329924864</v>
      </c>
      <c r="K798" s="58">
        <f>Bühler!K824</f>
        <v>0.65188931420242824</v>
      </c>
      <c r="L798" s="58">
        <f>Bühler!L824</f>
        <v>0.32594465710121412</v>
      </c>
      <c r="M798" s="57">
        <f>Bühler!M824</f>
        <v>0</v>
      </c>
      <c r="N798" s="55">
        <f>IF(Input!$K$13=1,J798*Input!$J$13,0)+IF(Input!$K$14=1,K798*Input!$J$14,0)+IF(Input!$K$15=1,L798*Input!$J$15,0)+IF(Input!$K$16=1,M798*Input!$J$16,0)</f>
        <v>2.0695323995909836</v>
      </c>
      <c r="O798" s="58">
        <f>IF(Input!$K$13=2,J798*Input!$J$13,0)+IF(Input!$K$14=2,K798*Input!$J$14,0)+IF(Input!$K$15=2,L798*Input!$J$15,0)+IF(Input!$K$16=2,M798*Input!$J$16,0)</f>
        <v>8.8005057417327809E-2</v>
      </c>
      <c r="P798" s="58">
        <f>IF(Input!$K$13=3,J798*Input!$J$13,0)+IF(Input!$K$14=3,K798*Input!$J$14,0)+IF(Input!$K$15=3,L798*Input!$J$15,0)+IF(Input!$K$16=3,M798*Input!$J$16,0)</f>
        <v>0</v>
      </c>
      <c r="Q798" s="71">
        <f>IF(Input!$K$13=4,J798*Input!$J$13,0)+IF(Input!$K$14=4,K798*Input!$J$14,0)+IF(Input!$K$15=4,L798*Input!$J$15,0)+IF(Input!$K$16=4,M798*Input!$J$16,0)</f>
        <v>0</v>
      </c>
    </row>
    <row r="799" spans="8:17" x14ac:dyDescent="0.25">
      <c r="H799" s="43">
        <v>792</v>
      </c>
      <c r="I799" s="55">
        <f>Bühler!I825</f>
        <v>4.4364083226425581</v>
      </c>
      <c r="J799" s="58">
        <f>Bühler!J825</f>
        <v>17.246103329924864</v>
      </c>
      <c r="K799" s="58">
        <f>Bühler!K825</f>
        <v>0.65188931420242824</v>
      </c>
      <c r="L799" s="58">
        <f>Bühler!L825</f>
        <v>0.32594465710121412</v>
      </c>
      <c r="M799" s="57">
        <f>Bühler!M825</f>
        <v>0</v>
      </c>
      <c r="N799" s="55">
        <f>IF(Input!$K$13=1,J799*Input!$J$13,0)+IF(Input!$K$14=1,K799*Input!$J$14,0)+IF(Input!$K$15=1,L799*Input!$J$15,0)+IF(Input!$K$16=1,M799*Input!$J$16,0)</f>
        <v>2.0695323995909836</v>
      </c>
      <c r="O799" s="58">
        <f>IF(Input!$K$13=2,J799*Input!$J$13,0)+IF(Input!$K$14=2,K799*Input!$J$14,0)+IF(Input!$K$15=2,L799*Input!$J$15,0)+IF(Input!$K$16=2,M799*Input!$J$16,0)</f>
        <v>8.8005057417327809E-2</v>
      </c>
      <c r="P799" s="58">
        <f>IF(Input!$K$13=3,J799*Input!$J$13,0)+IF(Input!$K$14=3,K799*Input!$J$14,0)+IF(Input!$K$15=3,L799*Input!$J$15,0)+IF(Input!$K$16=3,M799*Input!$J$16,0)</f>
        <v>0</v>
      </c>
      <c r="Q799" s="71">
        <f>IF(Input!$K$13=4,J799*Input!$J$13,0)+IF(Input!$K$14=4,K799*Input!$J$14,0)+IF(Input!$K$15=4,L799*Input!$J$15,0)+IF(Input!$K$16=4,M799*Input!$J$16,0)</f>
        <v>0</v>
      </c>
    </row>
    <row r="800" spans="8:17" x14ac:dyDescent="0.25">
      <c r="H800" s="43">
        <v>793</v>
      </c>
      <c r="I800" s="55">
        <f>Bühler!I826</f>
        <v>3.740036100686265</v>
      </c>
      <c r="J800" s="58">
        <f>Bühler!J826</f>
        <v>22.306310122635196</v>
      </c>
      <c r="K800" s="58">
        <f>Bühler!K826</f>
        <v>0.98757677588175474</v>
      </c>
      <c r="L800" s="58">
        <f>Bühler!L826</f>
        <v>0.49378838794087737</v>
      </c>
      <c r="M800" s="57">
        <f>Bühler!M826</f>
        <v>0</v>
      </c>
      <c r="N800" s="55">
        <f>IF(Input!$K$13=1,J800*Input!$J$13,0)+IF(Input!$K$14=1,K800*Input!$J$14,0)+IF(Input!$K$15=1,L800*Input!$J$15,0)+IF(Input!$K$16=1,M800*Input!$J$16,0)</f>
        <v>2.6767572147162233</v>
      </c>
      <c r="O800" s="58">
        <f>IF(Input!$K$13=2,J800*Input!$J$13,0)+IF(Input!$K$14=2,K800*Input!$J$14,0)+IF(Input!$K$15=2,L800*Input!$J$15,0)+IF(Input!$K$16=2,M800*Input!$J$16,0)</f>
        <v>0.1333228647440369</v>
      </c>
      <c r="P800" s="58">
        <f>IF(Input!$K$13=3,J800*Input!$J$13,0)+IF(Input!$K$14=3,K800*Input!$J$14,0)+IF(Input!$K$15=3,L800*Input!$J$15,0)+IF(Input!$K$16=3,M800*Input!$J$16,0)</f>
        <v>0</v>
      </c>
      <c r="Q800" s="71">
        <f>IF(Input!$K$13=4,J800*Input!$J$13,0)+IF(Input!$K$14=4,K800*Input!$J$14,0)+IF(Input!$K$15=4,L800*Input!$J$15,0)+IF(Input!$K$16=4,M800*Input!$J$16,0)</f>
        <v>0</v>
      </c>
    </row>
    <row r="801" spans="8:17" x14ac:dyDescent="0.25">
      <c r="H801" s="43">
        <v>794</v>
      </c>
      <c r="I801" s="55">
        <f>Bühler!I827</f>
        <v>3.740036100686265</v>
      </c>
      <c r="J801" s="58">
        <f>Bühler!J827</f>
        <v>15.115102349617239</v>
      </c>
      <c r="K801" s="58">
        <f>Bühler!K827</f>
        <v>0.59853137932227563</v>
      </c>
      <c r="L801" s="58">
        <f>Bühler!L827</f>
        <v>0.29926568966113781</v>
      </c>
      <c r="M801" s="57">
        <f>Bühler!M827</f>
        <v>0</v>
      </c>
      <c r="N801" s="55">
        <f>IF(Input!$K$13=1,J801*Input!$J$13,0)+IF(Input!$K$14=1,K801*Input!$J$14,0)+IF(Input!$K$15=1,L801*Input!$J$15,0)+IF(Input!$K$16=1,M801*Input!$J$16,0)</f>
        <v>1.8138122819540685</v>
      </c>
      <c r="O801" s="58">
        <f>IF(Input!$K$13=2,J801*Input!$J$13,0)+IF(Input!$K$14=2,K801*Input!$J$14,0)+IF(Input!$K$15=2,L801*Input!$J$15,0)+IF(Input!$K$16=2,M801*Input!$J$16,0)</f>
        <v>8.0801736208507211E-2</v>
      </c>
      <c r="P801" s="58">
        <f>IF(Input!$K$13=3,J801*Input!$J$13,0)+IF(Input!$K$14=3,K801*Input!$J$14,0)+IF(Input!$K$15=3,L801*Input!$J$15,0)+IF(Input!$K$16=3,M801*Input!$J$16,0)</f>
        <v>0</v>
      </c>
      <c r="Q801" s="71">
        <f>IF(Input!$K$13=4,J801*Input!$J$13,0)+IF(Input!$K$14=4,K801*Input!$J$14,0)+IF(Input!$K$15=4,L801*Input!$J$15,0)+IF(Input!$K$16=4,M801*Input!$J$16,0)</f>
        <v>0</v>
      </c>
    </row>
    <row r="802" spans="8:17" x14ac:dyDescent="0.25">
      <c r="H802" s="43">
        <v>795</v>
      </c>
      <c r="I802" s="55">
        <f>Bühler!I828</f>
        <v>3.740036100686265</v>
      </c>
      <c r="J802" s="58">
        <f>Bühler!J828</f>
        <v>15.115102349617239</v>
      </c>
      <c r="K802" s="58">
        <f>Bühler!K828</f>
        <v>0.59853137932227563</v>
      </c>
      <c r="L802" s="58">
        <f>Bühler!L828</f>
        <v>0.29926568966113781</v>
      </c>
      <c r="M802" s="57">
        <f>Bühler!M828</f>
        <v>0</v>
      </c>
      <c r="N802" s="55">
        <f>IF(Input!$K$13=1,J802*Input!$J$13,0)+IF(Input!$K$14=1,K802*Input!$J$14,0)+IF(Input!$K$15=1,L802*Input!$J$15,0)+IF(Input!$K$16=1,M802*Input!$J$16,0)</f>
        <v>1.8138122819540685</v>
      </c>
      <c r="O802" s="58">
        <f>IF(Input!$K$13=2,J802*Input!$J$13,0)+IF(Input!$K$14=2,K802*Input!$J$14,0)+IF(Input!$K$15=2,L802*Input!$J$15,0)+IF(Input!$K$16=2,M802*Input!$J$16,0)</f>
        <v>8.0801736208507211E-2</v>
      </c>
      <c r="P802" s="58">
        <f>IF(Input!$K$13=3,J802*Input!$J$13,0)+IF(Input!$K$14=3,K802*Input!$J$14,0)+IF(Input!$K$15=3,L802*Input!$J$15,0)+IF(Input!$K$16=3,M802*Input!$J$16,0)</f>
        <v>0</v>
      </c>
      <c r="Q802" s="71">
        <f>IF(Input!$K$13=4,J802*Input!$J$13,0)+IF(Input!$K$14=4,K802*Input!$J$14,0)+IF(Input!$K$15=4,L802*Input!$J$15,0)+IF(Input!$K$16=4,M802*Input!$J$16,0)</f>
        <v>0</v>
      </c>
    </row>
    <row r="803" spans="8:17" x14ac:dyDescent="0.25">
      <c r="H803" s="43">
        <v>796</v>
      </c>
      <c r="I803" s="55">
        <f>Bühler!I829</f>
        <v>3.740036100686265</v>
      </c>
      <c r="J803" s="58">
        <f>Bühler!J829</f>
        <v>15.115102349617239</v>
      </c>
      <c r="K803" s="58">
        <f>Bühler!K829</f>
        <v>0.59853137932227563</v>
      </c>
      <c r="L803" s="58">
        <f>Bühler!L829</f>
        <v>0.29926568966113781</v>
      </c>
      <c r="M803" s="57">
        <f>Bühler!M829</f>
        <v>0</v>
      </c>
      <c r="N803" s="55">
        <f>IF(Input!$K$13=1,J803*Input!$J$13,0)+IF(Input!$K$14=1,K803*Input!$J$14,0)+IF(Input!$K$15=1,L803*Input!$J$15,0)+IF(Input!$K$16=1,M803*Input!$J$16,0)</f>
        <v>1.8138122819540685</v>
      </c>
      <c r="O803" s="58">
        <f>IF(Input!$K$13=2,J803*Input!$J$13,0)+IF(Input!$K$14=2,K803*Input!$J$14,0)+IF(Input!$K$15=2,L803*Input!$J$15,0)+IF(Input!$K$16=2,M803*Input!$J$16,0)</f>
        <v>8.0801736208507211E-2</v>
      </c>
      <c r="P803" s="58">
        <f>IF(Input!$K$13=3,J803*Input!$J$13,0)+IF(Input!$K$14=3,K803*Input!$J$14,0)+IF(Input!$K$15=3,L803*Input!$J$15,0)+IF(Input!$K$16=3,M803*Input!$J$16,0)</f>
        <v>0</v>
      </c>
      <c r="Q803" s="71">
        <f>IF(Input!$K$13=4,J803*Input!$J$13,0)+IF(Input!$K$14=4,K803*Input!$J$14,0)+IF(Input!$K$15=4,L803*Input!$J$15,0)+IF(Input!$K$16=4,M803*Input!$J$16,0)</f>
        <v>0</v>
      </c>
    </row>
    <row r="804" spans="8:17" x14ac:dyDescent="0.25">
      <c r="H804" s="43">
        <v>797</v>
      </c>
      <c r="I804" s="55">
        <f>Bühler!I830</f>
        <v>3.740036100686265</v>
      </c>
      <c r="J804" s="58">
        <f>Bühler!J830</f>
        <v>15.115102349617239</v>
      </c>
      <c r="K804" s="58">
        <f>Bühler!K830</f>
        <v>0.59853137932227563</v>
      </c>
      <c r="L804" s="58">
        <f>Bühler!L830</f>
        <v>0.29926568966113781</v>
      </c>
      <c r="M804" s="57">
        <f>Bühler!M830</f>
        <v>0</v>
      </c>
      <c r="N804" s="55">
        <f>IF(Input!$K$13=1,J804*Input!$J$13,0)+IF(Input!$K$14=1,K804*Input!$J$14,0)+IF(Input!$K$15=1,L804*Input!$J$15,0)+IF(Input!$K$16=1,M804*Input!$J$16,0)</f>
        <v>1.8138122819540685</v>
      </c>
      <c r="O804" s="58">
        <f>IF(Input!$K$13=2,J804*Input!$J$13,0)+IF(Input!$K$14=2,K804*Input!$J$14,0)+IF(Input!$K$15=2,L804*Input!$J$15,0)+IF(Input!$K$16=2,M804*Input!$J$16,0)</f>
        <v>8.0801736208507211E-2</v>
      </c>
      <c r="P804" s="58">
        <f>IF(Input!$K$13=3,J804*Input!$J$13,0)+IF(Input!$K$14=3,K804*Input!$J$14,0)+IF(Input!$K$15=3,L804*Input!$J$15,0)+IF(Input!$K$16=3,M804*Input!$J$16,0)</f>
        <v>0</v>
      </c>
      <c r="Q804" s="71">
        <f>IF(Input!$K$13=4,J804*Input!$J$13,0)+IF(Input!$K$14=4,K804*Input!$J$14,0)+IF(Input!$K$15=4,L804*Input!$J$15,0)+IF(Input!$K$16=4,M804*Input!$J$16,0)</f>
        <v>0</v>
      </c>
    </row>
    <row r="805" spans="8:17" x14ac:dyDescent="0.25">
      <c r="H805" s="43">
        <v>798</v>
      </c>
      <c r="I805" s="55">
        <f>Bühler!I831</f>
        <v>3.740036100686265</v>
      </c>
      <c r="J805" s="58">
        <f>Bühler!J831</f>
        <v>15.115102349617239</v>
      </c>
      <c r="K805" s="58">
        <f>Bühler!K831</f>
        <v>0.59853137932227563</v>
      </c>
      <c r="L805" s="58">
        <f>Bühler!L831</f>
        <v>0.29926568966113781</v>
      </c>
      <c r="M805" s="57">
        <f>Bühler!M831</f>
        <v>0</v>
      </c>
      <c r="N805" s="55">
        <f>IF(Input!$K$13=1,J805*Input!$J$13,0)+IF(Input!$K$14=1,K805*Input!$J$14,0)+IF(Input!$K$15=1,L805*Input!$J$15,0)+IF(Input!$K$16=1,M805*Input!$J$16,0)</f>
        <v>1.8138122819540685</v>
      </c>
      <c r="O805" s="58">
        <f>IF(Input!$K$13=2,J805*Input!$J$13,0)+IF(Input!$K$14=2,K805*Input!$J$14,0)+IF(Input!$K$15=2,L805*Input!$J$15,0)+IF(Input!$K$16=2,M805*Input!$J$16,0)</f>
        <v>8.0801736208507211E-2</v>
      </c>
      <c r="P805" s="58">
        <f>IF(Input!$K$13=3,J805*Input!$J$13,0)+IF(Input!$K$14=3,K805*Input!$J$14,0)+IF(Input!$K$15=3,L805*Input!$J$15,0)+IF(Input!$K$16=3,M805*Input!$J$16,0)</f>
        <v>0</v>
      </c>
      <c r="Q805" s="71">
        <f>IF(Input!$K$13=4,J805*Input!$J$13,0)+IF(Input!$K$14=4,K805*Input!$J$14,0)+IF(Input!$K$15=4,L805*Input!$J$15,0)+IF(Input!$K$16=4,M805*Input!$J$16,0)</f>
        <v>0</v>
      </c>
    </row>
    <row r="806" spans="8:17" x14ac:dyDescent="0.25">
      <c r="H806" s="43">
        <v>799</v>
      </c>
      <c r="I806" s="55">
        <f>Bühler!I832</f>
        <v>3.740036100686265</v>
      </c>
      <c r="J806" s="58">
        <f>Bühler!J832</f>
        <v>15.115102349617239</v>
      </c>
      <c r="K806" s="58">
        <f>Bühler!K832</f>
        <v>0.59853137932227563</v>
      </c>
      <c r="L806" s="58">
        <f>Bühler!L832</f>
        <v>0.29926568966113781</v>
      </c>
      <c r="M806" s="57">
        <f>Bühler!M832</f>
        <v>0</v>
      </c>
      <c r="N806" s="55">
        <f>IF(Input!$K$13=1,J806*Input!$J$13,0)+IF(Input!$K$14=1,K806*Input!$J$14,0)+IF(Input!$K$15=1,L806*Input!$J$15,0)+IF(Input!$K$16=1,M806*Input!$J$16,0)</f>
        <v>1.8138122819540685</v>
      </c>
      <c r="O806" s="58">
        <f>IF(Input!$K$13=2,J806*Input!$J$13,0)+IF(Input!$K$14=2,K806*Input!$J$14,0)+IF(Input!$K$15=2,L806*Input!$J$15,0)+IF(Input!$K$16=2,M806*Input!$J$16,0)</f>
        <v>8.0801736208507211E-2</v>
      </c>
      <c r="P806" s="58">
        <f>IF(Input!$K$13=3,J806*Input!$J$13,0)+IF(Input!$K$14=3,K806*Input!$J$14,0)+IF(Input!$K$15=3,L806*Input!$J$15,0)+IF(Input!$K$16=3,M806*Input!$J$16,0)</f>
        <v>0</v>
      </c>
      <c r="Q806" s="71">
        <f>IF(Input!$K$13=4,J806*Input!$J$13,0)+IF(Input!$K$14=4,K806*Input!$J$14,0)+IF(Input!$K$15=4,L806*Input!$J$15,0)+IF(Input!$K$16=4,M806*Input!$J$16,0)</f>
        <v>0</v>
      </c>
    </row>
    <row r="807" spans="8:17" x14ac:dyDescent="0.25">
      <c r="H807" s="43">
        <v>800</v>
      </c>
      <c r="I807" s="55">
        <f>Bühler!I833</f>
        <v>10.134291369601494</v>
      </c>
      <c r="J807" s="58">
        <f>Bühler!J833</f>
        <v>58.108885055103926</v>
      </c>
      <c r="K807" s="58">
        <f>Bühler!K833</f>
        <v>2.5497436759128944</v>
      </c>
      <c r="L807" s="58">
        <f>Bühler!L833</f>
        <v>1.2748718379564472</v>
      </c>
      <c r="M807" s="57">
        <f>Bühler!M833</f>
        <v>0</v>
      </c>
      <c r="N807" s="55">
        <f>IF(Input!$K$13=1,J807*Input!$J$13,0)+IF(Input!$K$14=1,K807*Input!$J$14,0)+IF(Input!$K$15=1,L807*Input!$J$15,0)+IF(Input!$K$16=1,M807*Input!$J$16,0)</f>
        <v>6.9730662066124705</v>
      </c>
      <c r="O807" s="58">
        <f>IF(Input!$K$13=2,J807*Input!$J$13,0)+IF(Input!$K$14=2,K807*Input!$J$14,0)+IF(Input!$K$15=2,L807*Input!$J$15,0)+IF(Input!$K$16=2,M807*Input!$J$16,0)</f>
        <v>0.34421539624824071</v>
      </c>
      <c r="P807" s="58">
        <f>IF(Input!$K$13=3,J807*Input!$J$13,0)+IF(Input!$K$14=3,K807*Input!$J$14,0)+IF(Input!$K$15=3,L807*Input!$J$15,0)+IF(Input!$K$16=3,M807*Input!$J$16,0)</f>
        <v>0</v>
      </c>
      <c r="Q807" s="71">
        <f>IF(Input!$K$13=4,J807*Input!$J$13,0)+IF(Input!$K$14=4,K807*Input!$J$14,0)+IF(Input!$K$15=4,L807*Input!$J$15,0)+IF(Input!$K$16=4,M807*Input!$J$16,0)</f>
        <v>0</v>
      </c>
    </row>
    <row r="808" spans="8:17" x14ac:dyDescent="0.25">
      <c r="H808" s="43">
        <v>801</v>
      </c>
      <c r="I808" s="55">
        <f>Bühler!I834</f>
        <v>12.667864212001865</v>
      </c>
      <c r="J808" s="58">
        <f>Bühler!J834</f>
        <v>72.636106318879911</v>
      </c>
      <c r="K808" s="58">
        <f>Bühler!K834</f>
        <v>3.1871795948911177</v>
      </c>
      <c r="L808" s="58">
        <f>Bühler!L834</f>
        <v>1.5935897974455588</v>
      </c>
      <c r="M808" s="57">
        <f>Bühler!M834</f>
        <v>0</v>
      </c>
      <c r="N808" s="55">
        <f>IF(Input!$K$13=1,J808*Input!$J$13,0)+IF(Input!$K$14=1,K808*Input!$J$14,0)+IF(Input!$K$15=1,L808*Input!$J$15,0)+IF(Input!$K$16=1,M808*Input!$J$16,0)</f>
        <v>8.7163327582655885</v>
      </c>
      <c r="O808" s="58">
        <f>IF(Input!$K$13=2,J808*Input!$J$13,0)+IF(Input!$K$14=2,K808*Input!$J$14,0)+IF(Input!$K$15=2,L808*Input!$J$15,0)+IF(Input!$K$16=2,M808*Input!$J$16,0)</f>
        <v>0.43026924531030086</v>
      </c>
      <c r="P808" s="58">
        <f>IF(Input!$K$13=3,J808*Input!$J$13,0)+IF(Input!$K$14=3,K808*Input!$J$14,0)+IF(Input!$K$15=3,L808*Input!$J$15,0)+IF(Input!$K$16=3,M808*Input!$J$16,0)</f>
        <v>0</v>
      </c>
      <c r="Q808" s="71">
        <f>IF(Input!$K$13=4,J808*Input!$J$13,0)+IF(Input!$K$14=4,K808*Input!$J$14,0)+IF(Input!$K$15=4,L808*Input!$J$15,0)+IF(Input!$K$16=4,M808*Input!$J$16,0)</f>
        <v>0</v>
      </c>
    </row>
    <row r="809" spans="8:17" x14ac:dyDescent="0.25">
      <c r="H809" s="43">
        <v>802</v>
      </c>
      <c r="I809" s="55">
        <f>Bühler!I835</f>
        <v>13.93465063320205</v>
      </c>
      <c r="J809" s="58">
        <f>Bühler!J835</f>
        <v>79.89971695076791</v>
      </c>
      <c r="K809" s="58">
        <f>Bühler!K835</f>
        <v>3.5058975543802293</v>
      </c>
      <c r="L809" s="58">
        <f>Bühler!L835</f>
        <v>1.7529487771901147</v>
      </c>
      <c r="M809" s="57">
        <f>Bühler!M835</f>
        <v>0</v>
      </c>
      <c r="N809" s="55">
        <f>IF(Input!$K$13=1,J809*Input!$J$13,0)+IF(Input!$K$14=1,K809*Input!$J$14,0)+IF(Input!$K$15=1,L809*Input!$J$15,0)+IF(Input!$K$16=1,M809*Input!$J$16,0)</f>
        <v>9.5879660340921493</v>
      </c>
      <c r="O809" s="58">
        <f>IF(Input!$K$13=2,J809*Input!$J$13,0)+IF(Input!$K$14=2,K809*Input!$J$14,0)+IF(Input!$K$15=2,L809*Input!$J$15,0)+IF(Input!$K$16=2,M809*Input!$J$16,0)</f>
        <v>0.47329616984133094</v>
      </c>
      <c r="P809" s="58">
        <f>IF(Input!$K$13=3,J809*Input!$J$13,0)+IF(Input!$K$14=3,K809*Input!$J$14,0)+IF(Input!$K$15=3,L809*Input!$J$15,0)+IF(Input!$K$16=3,M809*Input!$J$16,0)</f>
        <v>0</v>
      </c>
      <c r="Q809" s="71">
        <f>IF(Input!$K$13=4,J809*Input!$J$13,0)+IF(Input!$K$14=4,K809*Input!$J$14,0)+IF(Input!$K$15=4,L809*Input!$J$15,0)+IF(Input!$K$16=4,M809*Input!$J$16,0)</f>
        <v>0</v>
      </c>
    </row>
    <row r="810" spans="8:17" x14ac:dyDescent="0.25">
      <c r="H810" s="43">
        <v>803</v>
      </c>
      <c r="I810" s="55">
        <f>Bühler!I836</f>
        <v>13.93465063320205</v>
      </c>
      <c r="J810" s="58">
        <f>Bühler!J836</f>
        <v>79.89971695076791</v>
      </c>
      <c r="K810" s="58">
        <f>Bühler!K836</f>
        <v>3.5058975543802293</v>
      </c>
      <c r="L810" s="58">
        <f>Bühler!L836</f>
        <v>1.7529487771901147</v>
      </c>
      <c r="M810" s="57">
        <f>Bühler!M836</f>
        <v>0</v>
      </c>
      <c r="N810" s="55">
        <f>IF(Input!$K$13=1,J810*Input!$J$13,0)+IF(Input!$K$14=1,K810*Input!$J$14,0)+IF(Input!$K$15=1,L810*Input!$J$15,0)+IF(Input!$K$16=1,M810*Input!$J$16,0)</f>
        <v>9.5879660340921493</v>
      </c>
      <c r="O810" s="58">
        <f>IF(Input!$K$13=2,J810*Input!$J$13,0)+IF(Input!$K$14=2,K810*Input!$J$14,0)+IF(Input!$K$15=2,L810*Input!$J$15,0)+IF(Input!$K$16=2,M810*Input!$J$16,0)</f>
        <v>0.47329616984133094</v>
      </c>
      <c r="P810" s="58">
        <f>IF(Input!$K$13=3,J810*Input!$J$13,0)+IF(Input!$K$14=3,K810*Input!$J$14,0)+IF(Input!$K$15=3,L810*Input!$J$15,0)+IF(Input!$K$16=3,M810*Input!$J$16,0)</f>
        <v>0</v>
      </c>
      <c r="Q810" s="71">
        <f>IF(Input!$K$13=4,J810*Input!$J$13,0)+IF(Input!$K$14=4,K810*Input!$J$14,0)+IF(Input!$K$15=4,L810*Input!$J$15,0)+IF(Input!$K$16=4,M810*Input!$J$16,0)</f>
        <v>0</v>
      </c>
    </row>
    <row r="811" spans="8:17" x14ac:dyDescent="0.25">
      <c r="H811" s="43">
        <v>804</v>
      </c>
      <c r="I811" s="55">
        <f>Bühler!I837</f>
        <v>16.468223475602422</v>
      </c>
      <c r="J811" s="58">
        <f>Bühler!J837</f>
        <v>94.426938214543867</v>
      </c>
      <c r="K811" s="58">
        <f>Bühler!K837</f>
        <v>4.143333473358453</v>
      </c>
      <c r="L811" s="58">
        <f>Bühler!L837</f>
        <v>2.0716667366792265</v>
      </c>
      <c r="M811" s="57">
        <f>Bühler!M837</f>
        <v>0</v>
      </c>
      <c r="N811" s="55">
        <f>IF(Input!$K$13=1,J811*Input!$J$13,0)+IF(Input!$K$14=1,K811*Input!$J$14,0)+IF(Input!$K$15=1,L811*Input!$J$15,0)+IF(Input!$K$16=1,M811*Input!$J$16,0)</f>
        <v>11.331232585745264</v>
      </c>
      <c r="O811" s="58">
        <f>IF(Input!$K$13=2,J811*Input!$J$13,0)+IF(Input!$K$14=2,K811*Input!$J$14,0)+IF(Input!$K$15=2,L811*Input!$J$15,0)+IF(Input!$K$16=2,M811*Input!$J$16,0)</f>
        <v>0.55935001890339109</v>
      </c>
      <c r="P811" s="58">
        <f>IF(Input!$K$13=3,J811*Input!$J$13,0)+IF(Input!$K$14=3,K811*Input!$J$14,0)+IF(Input!$K$15=3,L811*Input!$J$15,0)+IF(Input!$K$16=3,M811*Input!$J$16,0)</f>
        <v>0</v>
      </c>
      <c r="Q811" s="71">
        <f>IF(Input!$K$13=4,J811*Input!$J$13,0)+IF(Input!$K$14=4,K811*Input!$J$14,0)+IF(Input!$K$15=4,L811*Input!$J$15,0)+IF(Input!$K$16=4,M811*Input!$J$16,0)</f>
        <v>0</v>
      </c>
    </row>
    <row r="812" spans="8:17" x14ac:dyDescent="0.25">
      <c r="H812" s="43">
        <v>805</v>
      </c>
      <c r="I812" s="55">
        <f>Bühler!I838</f>
        <v>16.468223475602422</v>
      </c>
      <c r="J812" s="58">
        <f>Bühler!J838</f>
        <v>94.426938214543867</v>
      </c>
      <c r="K812" s="58">
        <f>Bühler!K838</f>
        <v>4.143333473358453</v>
      </c>
      <c r="L812" s="58">
        <f>Bühler!L838</f>
        <v>2.0716667366792265</v>
      </c>
      <c r="M812" s="57">
        <f>Bühler!M838</f>
        <v>0</v>
      </c>
      <c r="N812" s="55">
        <f>IF(Input!$K$13=1,J812*Input!$J$13,0)+IF(Input!$K$14=1,K812*Input!$J$14,0)+IF(Input!$K$15=1,L812*Input!$J$15,0)+IF(Input!$K$16=1,M812*Input!$J$16,0)</f>
        <v>11.331232585745264</v>
      </c>
      <c r="O812" s="58">
        <f>IF(Input!$K$13=2,J812*Input!$J$13,0)+IF(Input!$K$14=2,K812*Input!$J$14,0)+IF(Input!$K$15=2,L812*Input!$J$15,0)+IF(Input!$K$16=2,M812*Input!$J$16,0)</f>
        <v>0.55935001890339109</v>
      </c>
      <c r="P812" s="58">
        <f>IF(Input!$K$13=3,J812*Input!$J$13,0)+IF(Input!$K$14=3,K812*Input!$J$14,0)+IF(Input!$K$15=3,L812*Input!$J$15,0)+IF(Input!$K$16=3,M812*Input!$J$16,0)</f>
        <v>0</v>
      </c>
      <c r="Q812" s="71">
        <f>IF(Input!$K$13=4,J812*Input!$J$13,0)+IF(Input!$K$14=4,K812*Input!$J$14,0)+IF(Input!$K$15=4,L812*Input!$J$15,0)+IF(Input!$K$16=4,M812*Input!$J$16,0)</f>
        <v>0</v>
      </c>
    </row>
    <row r="813" spans="8:17" x14ac:dyDescent="0.25">
      <c r="H813" s="43">
        <v>806</v>
      </c>
      <c r="I813" s="55">
        <f>Bühler!I839</f>
        <v>11.401077790801677</v>
      </c>
      <c r="J813" s="58">
        <f>Bühler!J839</f>
        <v>65.372495686991925</v>
      </c>
      <c r="K813" s="58">
        <f>Bühler!K839</f>
        <v>2.8684616354020056</v>
      </c>
      <c r="L813" s="58">
        <f>Bühler!L839</f>
        <v>1.4342308177010028</v>
      </c>
      <c r="M813" s="57">
        <f>Bühler!M839</f>
        <v>0</v>
      </c>
      <c r="N813" s="55">
        <f>IF(Input!$K$13=1,J813*Input!$J$13,0)+IF(Input!$K$14=1,K813*Input!$J$14,0)+IF(Input!$K$15=1,L813*Input!$J$15,0)+IF(Input!$K$16=1,M813*Input!$J$16,0)</f>
        <v>7.8446994824390304</v>
      </c>
      <c r="O813" s="58">
        <f>IF(Input!$K$13=2,J813*Input!$J$13,0)+IF(Input!$K$14=2,K813*Input!$J$14,0)+IF(Input!$K$15=2,L813*Input!$J$15,0)+IF(Input!$K$16=2,M813*Input!$J$16,0)</f>
        <v>0.38724232077927073</v>
      </c>
      <c r="P813" s="58">
        <f>IF(Input!$K$13=3,J813*Input!$J$13,0)+IF(Input!$K$14=3,K813*Input!$J$14,0)+IF(Input!$K$15=3,L813*Input!$J$15,0)+IF(Input!$K$16=3,M813*Input!$J$16,0)</f>
        <v>0</v>
      </c>
      <c r="Q813" s="71">
        <f>IF(Input!$K$13=4,J813*Input!$J$13,0)+IF(Input!$K$14=4,K813*Input!$J$14,0)+IF(Input!$K$15=4,L813*Input!$J$15,0)+IF(Input!$K$16=4,M813*Input!$J$16,0)</f>
        <v>0</v>
      </c>
    </row>
    <row r="814" spans="8:17" x14ac:dyDescent="0.25">
      <c r="H814" s="43">
        <v>807</v>
      </c>
      <c r="I814" s="55">
        <f>Bühler!I840</f>
        <v>16.468223475602422</v>
      </c>
      <c r="J814" s="58">
        <f>Bühler!J840</f>
        <v>94.426938214543867</v>
      </c>
      <c r="K814" s="58">
        <f>Bühler!K840</f>
        <v>4.143333473358453</v>
      </c>
      <c r="L814" s="58">
        <f>Bühler!L840</f>
        <v>2.0716667366792265</v>
      </c>
      <c r="M814" s="57">
        <f>Bühler!M840</f>
        <v>0</v>
      </c>
      <c r="N814" s="55">
        <f>IF(Input!$K$13=1,J814*Input!$J$13,0)+IF(Input!$K$14=1,K814*Input!$J$14,0)+IF(Input!$K$15=1,L814*Input!$J$15,0)+IF(Input!$K$16=1,M814*Input!$J$16,0)</f>
        <v>11.331232585745264</v>
      </c>
      <c r="O814" s="58">
        <f>IF(Input!$K$13=2,J814*Input!$J$13,0)+IF(Input!$K$14=2,K814*Input!$J$14,0)+IF(Input!$K$15=2,L814*Input!$J$15,0)+IF(Input!$K$16=2,M814*Input!$J$16,0)</f>
        <v>0.55935001890339109</v>
      </c>
      <c r="P814" s="58">
        <f>IF(Input!$K$13=3,J814*Input!$J$13,0)+IF(Input!$K$14=3,K814*Input!$J$14,0)+IF(Input!$K$15=3,L814*Input!$J$15,0)+IF(Input!$K$16=3,M814*Input!$J$16,0)</f>
        <v>0</v>
      </c>
      <c r="Q814" s="71">
        <f>IF(Input!$K$13=4,J814*Input!$J$13,0)+IF(Input!$K$14=4,K814*Input!$J$14,0)+IF(Input!$K$15=4,L814*Input!$J$15,0)+IF(Input!$K$16=4,M814*Input!$J$16,0)</f>
        <v>0</v>
      </c>
    </row>
    <row r="815" spans="8:17" x14ac:dyDescent="0.25">
      <c r="H815" s="43">
        <v>808</v>
      </c>
      <c r="I815" s="55">
        <f>Bühler!I841</f>
        <v>13.93465063320205</v>
      </c>
      <c r="J815" s="58">
        <f>Bühler!J841</f>
        <v>74.008458275180118</v>
      </c>
      <c r="K815" s="58">
        <f>Bühler!K841</f>
        <v>3.1871795948911177</v>
      </c>
      <c r="L815" s="58">
        <f>Bühler!L841</f>
        <v>1.5935897974455588</v>
      </c>
      <c r="M815" s="57">
        <f>Bühler!M841</f>
        <v>0</v>
      </c>
      <c r="N815" s="55">
        <f>IF(Input!$K$13=1,J815*Input!$J$13,0)+IF(Input!$K$14=1,K815*Input!$J$14,0)+IF(Input!$K$15=1,L815*Input!$J$15,0)+IF(Input!$K$16=1,M815*Input!$J$16,0)</f>
        <v>8.8810149930216138</v>
      </c>
      <c r="O815" s="58">
        <f>IF(Input!$K$13=2,J815*Input!$J$13,0)+IF(Input!$K$14=2,K815*Input!$J$14,0)+IF(Input!$K$15=2,L815*Input!$J$15,0)+IF(Input!$K$16=2,M815*Input!$J$16,0)</f>
        <v>0.43026924531030086</v>
      </c>
      <c r="P815" s="58">
        <f>IF(Input!$K$13=3,J815*Input!$J$13,0)+IF(Input!$K$14=3,K815*Input!$J$14,0)+IF(Input!$K$15=3,L815*Input!$J$15,0)+IF(Input!$K$16=3,M815*Input!$J$16,0)</f>
        <v>0</v>
      </c>
      <c r="Q815" s="71">
        <f>IF(Input!$K$13=4,J815*Input!$J$13,0)+IF(Input!$K$14=4,K815*Input!$J$14,0)+IF(Input!$K$15=4,L815*Input!$J$15,0)+IF(Input!$K$16=4,M815*Input!$J$16,0)</f>
        <v>0</v>
      </c>
    </row>
    <row r="816" spans="8:17" x14ac:dyDescent="0.25">
      <c r="H816" s="43">
        <v>809</v>
      </c>
      <c r="I816" s="55">
        <f>Bühler!I842</f>
        <v>12.06463258285892</v>
      </c>
      <c r="J816" s="58">
        <f>Bühler!J842</f>
        <v>40.728510066114964</v>
      </c>
      <c r="K816" s="58">
        <f>Bühler!K842</f>
        <v>1.4963284483056891</v>
      </c>
      <c r="L816" s="58">
        <f>Bühler!L842</f>
        <v>0.74816422415284456</v>
      </c>
      <c r="M816" s="57">
        <f>Bühler!M842</f>
        <v>0</v>
      </c>
      <c r="N816" s="55">
        <f>IF(Input!$K$13=1,J816*Input!$J$13,0)+IF(Input!$K$14=1,K816*Input!$J$14,0)+IF(Input!$K$15=1,L816*Input!$J$15,0)+IF(Input!$K$16=1,M816*Input!$J$16,0)</f>
        <v>4.8874212079337953</v>
      </c>
      <c r="O816" s="58">
        <f>IF(Input!$K$13=2,J816*Input!$J$13,0)+IF(Input!$K$14=2,K816*Input!$J$14,0)+IF(Input!$K$15=2,L816*Input!$J$15,0)+IF(Input!$K$16=2,M816*Input!$J$16,0)</f>
        <v>0.20200434052126803</v>
      </c>
      <c r="P816" s="58">
        <f>IF(Input!$K$13=3,J816*Input!$J$13,0)+IF(Input!$K$14=3,K816*Input!$J$14,0)+IF(Input!$K$15=3,L816*Input!$J$15,0)+IF(Input!$K$16=3,M816*Input!$J$16,0)</f>
        <v>0</v>
      </c>
      <c r="Q816" s="71">
        <f>IF(Input!$K$13=4,J816*Input!$J$13,0)+IF(Input!$K$14=4,K816*Input!$J$14,0)+IF(Input!$K$15=4,L816*Input!$J$15,0)+IF(Input!$K$16=4,M816*Input!$J$16,0)</f>
        <v>0</v>
      </c>
    </row>
    <row r="817" spans="8:17" x14ac:dyDescent="0.25">
      <c r="H817" s="43">
        <v>810</v>
      </c>
      <c r="I817" s="55">
        <f>Bühler!I843</f>
        <v>10.134291369601494</v>
      </c>
      <c r="J817" s="58">
        <f>Bühler!J843</f>
        <v>29.233419997293367</v>
      </c>
      <c r="K817" s="58">
        <f>Bühler!K843</f>
        <v>0.98757677588175474</v>
      </c>
      <c r="L817" s="58">
        <f>Bühler!L843</f>
        <v>0.49378838794087737</v>
      </c>
      <c r="M817" s="57">
        <f>Bühler!M843</f>
        <v>0</v>
      </c>
      <c r="N817" s="55">
        <f>IF(Input!$K$13=1,J817*Input!$J$13,0)+IF(Input!$K$14=1,K817*Input!$J$14,0)+IF(Input!$K$15=1,L817*Input!$J$15,0)+IF(Input!$K$16=1,M817*Input!$J$16,0)</f>
        <v>3.5080103996752041</v>
      </c>
      <c r="O817" s="58">
        <f>IF(Input!$K$13=2,J817*Input!$J$13,0)+IF(Input!$K$14=2,K817*Input!$J$14,0)+IF(Input!$K$15=2,L817*Input!$J$15,0)+IF(Input!$K$16=2,M817*Input!$J$16,0)</f>
        <v>0.1333228647440369</v>
      </c>
      <c r="P817" s="58">
        <f>IF(Input!$K$13=3,J817*Input!$J$13,0)+IF(Input!$K$14=3,K817*Input!$J$14,0)+IF(Input!$K$15=3,L817*Input!$J$15,0)+IF(Input!$K$16=3,M817*Input!$J$16,0)</f>
        <v>0</v>
      </c>
      <c r="Q817" s="71">
        <f>IF(Input!$K$13=4,J817*Input!$J$13,0)+IF(Input!$K$14=4,K817*Input!$J$14,0)+IF(Input!$K$15=4,L817*Input!$J$15,0)+IF(Input!$K$16=4,M817*Input!$J$16,0)</f>
        <v>0</v>
      </c>
    </row>
    <row r="818" spans="8:17" x14ac:dyDescent="0.25">
      <c r="H818" s="43">
        <v>811</v>
      </c>
      <c r="I818" s="55">
        <f>Bühler!I844</f>
        <v>3.740036100686265</v>
      </c>
      <c r="J818" s="58">
        <f>Bühler!J844</f>
        <v>15.668272178310925</v>
      </c>
      <c r="K818" s="58">
        <f>Bühler!K844</f>
        <v>0.62845794828838941</v>
      </c>
      <c r="L818" s="58">
        <f>Bühler!L844</f>
        <v>0.31422897414419471</v>
      </c>
      <c r="M818" s="57">
        <f>Bühler!M844</f>
        <v>0</v>
      </c>
      <c r="N818" s="55">
        <f>IF(Input!$K$13=1,J818*Input!$J$13,0)+IF(Input!$K$14=1,K818*Input!$J$14,0)+IF(Input!$K$15=1,L818*Input!$J$15,0)+IF(Input!$K$16=1,M818*Input!$J$16,0)</f>
        <v>1.880192661397311</v>
      </c>
      <c r="O818" s="58">
        <f>IF(Input!$K$13=2,J818*Input!$J$13,0)+IF(Input!$K$14=2,K818*Input!$J$14,0)+IF(Input!$K$15=2,L818*Input!$J$15,0)+IF(Input!$K$16=2,M818*Input!$J$16,0)</f>
        <v>8.4841823018932561E-2</v>
      </c>
      <c r="P818" s="58">
        <f>IF(Input!$K$13=3,J818*Input!$J$13,0)+IF(Input!$K$14=3,K818*Input!$J$14,0)+IF(Input!$K$15=3,L818*Input!$J$15,0)+IF(Input!$K$16=3,M818*Input!$J$16,0)</f>
        <v>0</v>
      </c>
      <c r="Q818" s="71">
        <f>IF(Input!$K$13=4,J818*Input!$J$13,0)+IF(Input!$K$14=4,K818*Input!$J$14,0)+IF(Input!$K$15=4,L818*Input!$J$15,0)+IF(Input!$K$16=4,M818*Input!$J$16,0)</f>
        <v>0</v>
      </c>
    </row>
    <row r="819" spans="8:17" x14ac:dyDescent="0.25">
      <c r="H819" s="43">
        <v>812</v>
      </c>
      <c r="I819" s="55">
        <f>Bühler!I845</f>
        <v>3.740036100686265</v>
      </c>
      <c r="J819" s="58">
        <f>Bühler!J845</f>
        <v>15.115102349617239</v>
      </c>
      <c r="K819" s="58">
        <f>Bühler!K845</f>
        <v>0.59853137932227563</v>
      </c>
      <c r="L819" s="58">
        <f>Bühler!L845</f>
        <v>0.29926568966113781</v>
      </c>
      <c r="M819" s="57">
        <f>Bühler!M845</f>
        <v>0</v>
      </c>
      <c r="N819" s="55">
        <f>IF(Input!$K$13=1,J819*Input!$J$13,0)+IF(Input!$K$14=1,K819*Input!$J$14,0)+IF(Input!$K$15=1,L819*Input!$J$15,0)+IF(Input!$K$16=1,M819*Input!$J$16,0)</f>
        <v>1.8138122819540685</v>
      </c>
      <c r="O819" s="58">
        <f>IF(Input!$K$13=2,J819*Input!$J$13,0)+IF(Input!$K$14=2,K819*Input!$J$14,0)+IF(Input!$K$15=2,L819*Input!$J$15,0)+IF(Input!$K$16=2,M819*Input!$J$16,0)</f>
        <v>8.0801736208507211E-2</v>
      </c>
      <c r="P819" s="58">
        <f>IF(Input!$K$13=3,J819*Input!$J$13,0)+IF(Input!$K$14=3,K819*Input!$J$14,0)+IF(Input!$K$15=3,L819*Input!$J$15,0)+IF(Input!$K$16=3,M819*Input!$J$16,0)</f>
        <v>0</v>
      </c>
      <c r="Q819" s="71">
        <f>IF(Input!$K$13=4,J819*Input!$J$13,0)+IF(Input!$K$14=4,K819*Input!$J$14,0)+IF(Input!$K$15=4,L819*Input!$J$15,0)+IF(Input!$K$16=4,M819*Input!$J$16,0)</f>
        <v>0</v>
      </c>
    </row>
    <row r="820" spans="8:17" x14ac:dyDescent="0.25">
      <c r="H820" s="43">
        <v>813</v>
      </c>
      <c r="I820" s="55">
        <f>Bühler!I846</f>
        <v>3.740036100686265</v>
      </c>
      <c r="J820" s="58">
        <f>Bühler!J846</f>
        <v>15.115102349617239</v>
      </c>
      <c r="K820" s="58">
        <f>Bühler!K846</f>
        <v>0.59853137932227563</v>
      </c>
      <c r="L820" s="58">
        <f>Bühler!L846</f>
        <v>0.29926568966113781</v>
      </c>
      <c r="M820" s="57">
        <f>Bühler!M846</f>
        <v>0</v>
      </c>
      <c r="N820" s="55">
        <f>IF(Input!$K$13=1,J820*Input!$J$13,0)+IF(Input!$K$14=1,K820*Input!$J$14,0)+IF(Input!$K$15=1,L820*Input!$J$15,0)+IF(Input!$K$16=1,M820*Input!$J$16,0)</f>
        <v>1.8138122819540685</v>
      </c>
      <c r="O820" s="58">
        <f>IF(Input!$K$13=2,J820*Input!$J$13,0)+IF(Input!$K$14=2,K820*Input!$J$14,0)+IF(Input!$K$15=2,L820*Input!$J$15,0)+IF(Input!$K$16=2,M820*Input!$J$16,0)</f>
        <v>8.0801736208507211E-2</v>
      </c>
      <c r="P820" s="58">
        <f>IF(Input!$K$13=3,J820*Input!$J$13,0)+IF(Input!$K$14=3,K820*Input!$J$14,0)+IF(Input!$K$15=3,L820*Input!$J$15,0)+IF(Input!$K$16=3,M820*Input!$J$16,0)</f>
        <v>0</v>
      </c>
      <c r="Q820" s="71">
        <f>IF(Input!$K$13=4,J820*Input!$J$13,0)+IF(Input!$K$14=4,K820*Input!$J$14,0)+IF(Input!$K$15=4,L820*Input!$J$15,0)+IF(Input!$K$16=4,M820*Input!$J$16,0)</f>
        <v>0</v>
      </c>
    </row>
    <row r="821" spans="8:17" x14ac:dyDescent="0.25">
      <c r="H821" s="43">
        <v>814</v>
      </c>
      <c r="I821" s="55">
        <f>Bühler!I847</f>
        <v>3.740036100686265</v>
      </c>
      <c r="J821" s="58">
        <f>Bühler!J847</f>
        <v>15.115102349617239</v>
      </c>
      <c r="K821" s="58">
        <f>Bühler!K847</f>
        <v>0.59853137932227563</v>
      </c>
      <c r="L821" s="58">
        <f>Bühler!L847</f>
        <v>0.29926568966113781</v>
      </c>
      <c r="M821" s="57">
        <f>Bühler!M847</f>
        <v>0</v>
      </c>
      <c r="N821" s="55">
        <f>IF(Input!$K$13=1,J821*Input!$J$13,0)+IF(Input!$K$14=1,K821*Input!$J$14,0)+IF(Input!$K$15=1,L821*Input!$J$15,0)+IF(Input!$K$16=1,M821*Input!$J$16,0)</f>
        <v>1.8138122819540685</v>
      </c>
      <c r="O821" s="58">
        <f>IF(Input!$K$13=2,J821*Input!$J$13,0)+IF(Input!$K$14=2,K821*Input!$J$14,0)+IF(Input!$K$15=2,L821*Input!$J$15,0)+IF(Input!$K$16=2,M821*Input!$J$16,0)</f>
        <v>8.0801736208507211E-2</v>
      </c>
      <c r="P821" s="58">
        <f>IF(Input!$K$13=3,J821*Input!$J$13,0)+IF(Input!$K$14=3,K821*Input!$J$14,0)+IF(Input!$K$15=3,L821*Input!$J$15,0)+IF(Input!$K$16=3,M821*Input!$J$16,0)</f>
        <v>0</v>
      </c>
      <c r="Q821" s="71">
        <f>IF(Input!$K$13=4,J821*Input!$J$13,0)+IF(Input!$K$14=4,K821*Input!$J$14,0)+IF(Input!$K$15=4,L821*Input!$J$15,0)+IF(Input!$K$16=4,M821*Input!$J$16,0)</f>
        <v>0</v>
      </c>
    </row>
    <row r="822" spans="8:17" x14ac:dyDescent="0.25">
      <c r="H822" s="43">
        <v>815</v>
      </c>
      <c r="I822" s="55">
        <f>Bühler!I848</f>
        <v>3.740036100686265</v>
      </c>
      <c r="J822" s="58">
        <f>Bühler!J848</f>
        <v>15.115102349617239</v>
      </c>
      <c r="K822" s="58">
        <f>Bühler!K848</f>
        <v>0.59853137932227563</v>
      </c>
      <c r="L822" s="58">
        <f>Bühler!L848</f>
        <v>0.29926568966113781</v>
      </c>
      <c r="M822" s="57">
        <f>Bühler!M848</f>
        <v>0</v>
      </c>
      <c r="N822" s="55">
        <f>IF(Input!$K$13=1,J822*Input!$J$13,0)+IF(Input!$K$14=1,K822*Input!$J$14,0)+IF(Input!$K$15=1,L822*Input!$J$15,0)+IF(Input!$K$16=1,M822*Input!$J$16,0)</f>
        <v>1.8138122819540685</v>
      </c>
      <c r="O822" s="58">
        <f>IF(Input!$K$13=2,J822*Input!$J$13,0)+IF(Input!$K$14=2,K822*Input!$J$14,0)+IF(Input!$K$15=2,L822*Input!$J$15,0)+IF(Input!$K$16=2,M822*Input!$J$16,0)</f>
        <v>8.0801736208507211E-2</v>
      </c>
      <c r="P822" s="58">
        <f>IF(Input!$K$13=3,J822*Input!$J$13,0)+IF(Input!$K$14=3,K822*Input!$J$14,0)+IF(Input!$K$15=3,L822*Input!$J$15,0)+IF(Input!$K$16=3,M822*Input!$J$16,0)</f>
        <v>0</v>
      </c>
      <c r="Q822" s="71">
        <f>IF(Input!$K$13=4,J822*Input!$J$13,0)+IF(Input!$K$14=4,K822*Input!$J$14,0)+IF(Input!$K$15=4,L822*Input!$J$15,0)+IF(Input!$K$16=4,M822*Input!$J$16,0)</f>
        <v>0</v>
      </c>
    </row>
    <row r="823" spans="8:17" x14ac:dyDescent="0.25">
      <c r="H823" s="43">
        <v>816</v>
      </c>
      <c r="I823" s="55">
        <f>Bühler!I849</f>
        <v>3.740036100686265</v>
      </c>
      <c r="J823" s="58">
        <f>Bühler!J849</f>
        <v>15.115102349617239</v>
      </c>
      <c r="K823" s="58">
        <f>Bühler!K849</f>
        <v>0.59853137932227563</v>
      </c>
      <c r="L823" s="58">
        <f>Bühler!L849</f>
        <v>0.29926568966113781</v>
      </c>
      <c r="M823" s="57">
        <f>Bühler!M849</f>
        <v>0</v>
      </c>
      <c r="N823" s="55">
        <f>IF(Input!$K$13=1,J823*Input!$J$13,0)+IF(Input!$K$14=1,K823*Input!$J$14,0)+IF(Input!$K$15=1,L823*Input!$J$15,0)+IF(Input!$K$16=1,M823*Input!$J$16,0)</f>
        <v>1.8138122819540685</v>
      </c>
      <c r="O823" s="58">
        <f>IF(Input!$K$13=2,J823*Input!$J$13,0)+IF(Input!$K$14=2,K823*Input!$J$14,0)+IF(Input!$K$15=2,L823*Input!$J$15,0)+IF(Input!$K$16=2,M823*Input!$J$16,0)</f>
        <v>8.0801736208507211E-2</v>
      </c>
      <c r="P823" s="58">
        <f>IF(Input!$K$13=3,J823*Input!$J$13,0)+IF(Input!$K$14=3,K823*Input!$J$14,0)+IF(Input!$K$15=3,L823*Input!$J$15,0)+IF(Input!$K$16=3,M823*Input!$J$16,0)</f>
        <v>0</v>
      </c>
      <c r="Q823" s="71">
        <f>IF(Input!$K$13=4,J823*Input!$J$13,0)+IF(Input!$K$14=4,K823*Input!$J$14,0)+IF(Input!$K$15=4,L823*Input!$J$15,0)+IF(Input!$K$16=4,M823*Input!$J$16,0)</f>
        <v>0</v>
      </c>
    </row>
    <row r="824" spans="8:17" x14ac:dyDescent="0.25">
      <c r="H824" s="43">
        <v>817</v>
      </c>
      <c r="I824" s="55">
        <f>Bühler!I850</f>
        <v>1.8742586589349244</v>
      </c>
      <c r="J824" s="58">
        <f>Bühler!J850</f>
        <v>16.626406474934114</v>
      </c>
      <c r="K824" s="58">
        <f>Bühler!K850</f>
        <v>0.44638551191922643</v>
      </c>
      <c r="L824" s="58">
        <f>Bühler!L850</f>
        <v>0.22319275595961321</v>
      </c>
      <c r="M824" s="57">
        <f>Bühler!M850</f>
        <v>0</v>
      </c>
      <c r="N824" s="55">
        <f>IF(Input!$K$13=1,J824*Input!$J$13,0)+IF(Input!$K$14=1,K824*Input!$J$14,0)+IF(Input!$K$15=1,L824*Input!$J$15,0)+IF(Input!$K$16=1,M824*Input!$J$16,0)</f>
        <v>1.9951687769920936</v>
      </c>
      <c r="O824" s="58">
        <f>IF(Input!$K$13=2,J824*Input!$J$13,0)+IF(Input!$K$14=2,K824*Input!$J$14,0)+IF(Input!$K$15=2,L824*Input!$J$15,0)+IF(Input!$K$16=2,M824*Input!$J$16,0)</f>
        <v>6.0262044109095567E-2</v>
      </c>
      <c r="P824" s="58">
        <f>IF(Input!$K$13=3,J824*Input!$J$13,0)+IF(Input!$K$14=3,K824*Input!$J$14,0)+IF(Input!$K$15=3,L824*Input!$J$15,0)+IF(Input!$K$16=3,M824*Input!$J$16,0)</f>
        <v>0</v>
      </c>
      <c r="Q824" s="71">
        <f>IF(Input!$K$13=4,J824*Input!$J$13,0)+IF(Input!$K$14=4,K824*Input!$J$14,0)+IF(Input!$K$15=4,L824*Input!$J$15,0)+IF(Input!$K$16=4,M824*Input!$J$16,0)</f>
        <v>0</v>
      </c>
    </row>
    <row r="825" spans="8:17" x14ac:dyDescent="0.25">
      <c r="H825" s="43">
        <v>818</v>
      </c>
      <c r="I825" s="55">
        <f>Bühler!I851</f>
        <v>3.6592669055396154</v>
      </c>
      <c r="J825" s="58">
        <f>Bühler!J851</f>
        <v>15.738239629816492</v>
      </c>
      <c r="K825" s="58">
        <f>Bühler!K851</f>
        <v>0.40174696072730387</v>
      </c>
      <c r="L825" s="58">
        <f>Bühler!L851</f>
        <v>0.20087348036365194</v>
      </c>
      <c r="M825" s="57">
        <f>Bühler!M851</f>
        <v>0</v>
      </c>
      <c r="N825" s="55">
        <f>IF(Input!$K$13=1,J825*Input!$J$13,0)+IF(Input!$K$14=1,K825*Input!$J$14,0)+IF(Input!$K$15=1,L825*Input!$J$15,0)+IF(Input!$K$16=1,M825*Input!$J$16,0)</f>
        <v>1.888588755577979</v>
      </c>
      <c r="O825" s="58">
        <f>IF(Input!$K$13=2,J825*Input!$J$13,0)+IF(Input!$K$14=2,K825*Input!$J$14,0)+IF(Input!$K$15=2,L825*Input!$J$15,0)+IF(Input!$K$16=2,M825*Input!$J$16,0)</f>
        <v>5.4235839698186017E-2</v>
      </c>
      <c r="P825" s="58">
        <f>IF(Input!$K$13=3,J825*Input!$J$13,0)+IF(Input!$K$14=3,K825*Input!$J$14,0)+IF(Input!$K$15=3,L825*Input!$J$15,0)+IF(Input!$K$16=3,M825*Input!$J$16,0)</f>
        <v>0</v>
      </c>
      <c r="Q825" s="71">
        <f>IF(Input!$K$13=4,J825*Input!$J$13,0)+IF(Input!$K$14=4,K825*Input!$J$14,0)+IF(Input!$K$15=4,L825*Input!$J$15,0)+IF(Input!$K$16=4,M825*Input!$J$16,0)</f>
        <v>0</v>
      </c>
    </row>
    <row r="826" spans="8:17" x14ac:dyDescent="0.25">
      <c r="H826" s="43">
        <v>819</v>
      </c>
      <c r="I826" s="55">
        <f>Bühler!I852</f>
        <v>3.6592669055396154</v>
      </c>
      <c r="J826" s="58">
        <f>Bühler!J852</f>
        <v>15.738239629816492</v>
      </c>
      <c r="K826" s="58">
        <f>Bühler!K852</f>
        <v>0.40174696072730387</v>
      </c>
      <c r="L826" s="58">
        <f>Bühler!L852</f>
        <v>0.20087348036365194</v>
      </c>
      <c r="M826" s="57">
        <f>Bühler!M852</f>
        <v>0</v>
      </c>
      <c r="N826" s="55">
        <f>IF(Input!$K$13=1,J826*Input!$J$13,0)+IF(Input!$K$14=1,K826*Input!$J$14,0)+IF(Input!$K$15=1,L826*Input!$J$15,0)+IF(Input!$K$16=1,M826*Input!$J$16,0)</f>
        <v>1.888588755577979</v>
      </c>
      <c r="O826" s="58">
        <f>IF(Input!$K$13=2,J826*Input!$J$13,0)+IF(Input!$K$14=2,K826*Input!$J$14,0)+IF(Input!$K$15=2,L826*Input!$J$15,0)+IF(Input!$K$16=2,M826*Input!$J$16,0)</f>
        <v>5.4235839698186017E-2</v>
      </c>
      <c r="P826" s="58">
        <f>IF(Input!$K$13=3,J826*Input!$J$13,0)+IF(Input!$K$14=3,K826*Input!$J$14,0)+IF(Input!$K$15=3,L826*Input!$J$15,0)+IF(Input!$K$16=3,M826*Input!$J$16,0)</f>
        <v>0</v>
      </c>
      <c r="Q826" s="71">
        <f>IF(Input!$K$13=4,J826*Input!$J$13,0)+IF(Input!$K$14=4,K826*Input!$J$14,0)+IF(Input!$K$15=4,L826*Input!$J$15,0)+IF(Input!$K$16=4,M826*Input!$J$16,0)</f>
        <v>0</v>
      </c>
    </row>
    <row r="827" spans="8:17" x14ac:dyDescent="0.25">
      <c r="H827" s="43">
        <v>820</v>
      </c>
      <c r="I827" s="55">
        <f>Bühler!I853</f>
        <v>3.6592669055396154</v>
      </c>
      <c r="J827" s="58">
        <f>Bühler!J853</f>
        <v>15.738239629816492</v>
      </c>
      <c r="K827" s="58">
        <f>Bühler!K853</f>
        <v>0.40174696072730387</v>
      </c>
      <c r="L827" s="58">
        <f>Bühler!L853</f>
        <v>0.20087348036365194</v>
      </c>
      <c r="M827" s="57">
        <f>Bühler!M853</f>
        <v>0</v>
      </c>
      <c r="N827" s="55">
        <f>IF(Input!$K$13=1,J827*Input!$J$13,0)+IF(Input!$K$14=1,K827*Input!$J$14,0)+IF(Input!$K$15=1,L827*Input!$J$15,0)+IF(Input!$K$16=1,M827*Input!$J$16,0)</f>
        <v>1.888588755577979</v>
      </c>
      <c r="O827" s="58">
        <f>IF(Input!$K$13=2,J827*Input!$J$13,0)+IF(Input!$K$14=2,K827*Input!$J$14,0)+IF(Input!$K$15=2,L827*Input!$J$15,0)+IF(Input!$K$16=2,M827*Input!$J$16,0)</f>
        <v>5.4235839698186017E-2</v>
      </c>
      <c r="P827" s="58">
        <f>IF(Input!$K$13=3,J827*Input!$J$13,0)+IF(Input!$K$14=3,K827*Input!$J$14,0)+IF(Input!$K$15=3,L827*Input!$J$15,0)+IF(Input!$K$16=3,M827*Input!$J$16,0)</f>
        <v>0</v>
      </c>
      <c r="Q827" s="71">
        <f>IF(Input!$K$13=4,J827*Input!$J$13,0)+IF(Input!$K$14=4,K827*Input!$J$14,0)+IF(Input!$K$15=4,L827*Input!$J$15,0)+IF(Input!$K$16=4,M827*Input!$J$16,0)</f>
        <v>0</v>
      </c>
    </row>
    <row r="828" spans="8:17" x14ac:dyDescent="0.25">
      <c r="H828" s="43">
        <v>821</v>
      </c>
      <c r="I828" s="55">
        <f>Bühler!I854</f>
        <v>3.6592669055396154</v>
      </c>
      <c r="J828" s="58">
        <f>Bühler!J854</f>
        <v>15.738239629816492</v>
      </c>
      <c r="K828" s="58">
        <f>Bühler!K854</f>
        <v>0.40174696072730387</v>
      </c>
      <c r="L828" s="58">
        <f>Bühler!L854</f>
        <v>0.20087348036365194</v>
      </c>
      <c r="M828" s="57">
        <f>Bühler!M854</f>
        <v>0</v>
      </c>
      <c r="N828" s="55">
        <f>IF(Input!$K$13=1,J828*Input!$J$13,0)+IF(Input!$K$14=1,K828*Input!$J$14,0)+IF(Input!$K$15=1,L828*Input!$J$15,0)+IF(Input!$K$16=1,M828*Input!$J$16,0)</f>
        <v>1.888588755577979</v>
      </c>
      <c r="O828" s="58">
        <f>IF(Input!$K$13=2,J828*Input!$J$13,0)+IF(Input!$K$14=2,K828*Input!$J$14,0)+IF(Input!$K$15=2,L828*Input!$J$15,0)+IF(Input!$K$16=2,M828*Input!$J$16,0)</f>
        <v>5.4235839698186017E-2</v>
      </c>
      <c r="P828" s="58">
        <f>IF(Input!$K$13=3,J828*Input!$J$13,0)+IF(Input!$K$14=3,K828*Input!$J$14,0)+IF(Input!$K$15=3,L828*Input!$J$15,0)+IF(Input!$K$16=3,M828*Input!$J$16,0)</f>
        <v>0</v>
      </c>
      <c r="Q828" s="71">
        <f>IF(Input!$K$13=4,J828*Input!$J$13,0)+IF(Input!$K$14=4,K828*Input!$J$14,0)+IF(Input!$K$15=4,L828*Input!$J$15,0)+IF(Input!$K$16=4,M828*Input!$J$16,0)</f>
        <v>0</v>
      </c>
    </row>
    <row r="829" spans="8:17" x14ac:dyDescent="0.25">
      <c r="H829" s="43">
        <v>822</v>
      </c>
      <c r="I829" s="55">
        <f>Bühler!I855</f>
        <v>4.5517710288419604</v>
      </c>
      <c r="J829" s="58">
        <f>Bühler!J855</f>
        <v>15.775427301620757</v>
      </c>
      <c r="K829" s="58">
        <f>Bühler!K855</f>
        <v>0.40174696072730387</v>
      </c>
      <c r="L829" s="58">
        <f>Bühler!L855</f>
        <v>0.20087348036365194</v>
      </c>
      <c r="M829" s="57">
        <f>Bühler!M855</f>
        <v>0</v>
      </c>
      <c r="N829" s="55">
        <f>IF(Input!$K$13=1,J829*Input!$J$13,0)+IF(Input!$K$14=1,K829*Input!$J$14,0)+IF(Input!$K$15=1,L829*Input!$J$15,0)+IF(Input!$K$16=1,M829*Input!$J$16,0)</f>
        <v>1.8930512761944909</v>
      </c>
      <c r="O829" s="58">
        <f>IF(Input!$K$13=2,J829*Input!$J$13,0)+IF(Input!$K$14=2,K829*Input!$J$14,0)+IF(Input!$K$15=2,L829*Input!$J$15,0)+IF(Input!$K$16=2,M829*Input!$J$16,0)</f>
        <v>5.4235839698186017E-2</v>
      </c>
      <c r="P829" s="58">
        <f>IF(Input!$K$13=3,J829*Input!$J$13,0)+IF(Input!$K$14=3,K829*Input!$J$14,0)+IF(Input!$K$15=3,L829*Input!$J$15,0)+IF(Input!$K$16=3,M829*Input!$J$16,0)</f>
        <v>0</v>
      </c>
      <c r="Q829" s="71">
        <f>IF(Input!$K$13=4,J829*Input!$J$13,0)+IF(Input!$K$14=4,K829*Input!$J$14,0)+IF(Input!$K$15=4,L829*Input!$J$15,0)+IF(Input!$K$16=4,M829*Input!$J$16,0)</f>
        <v>0</v>
      </c>
    </row>
    <row r="830" spans="8:17" x14ac:dyDescent="0.25">
      <c r="H830" s="43">
        <v>823</v>
      </c>
      <c r="I830" s="55">
        <f>Bühler!I856</f>
        <v>5.7120263891350085</v>
      </c>
      <c r="J830" s="58">
        <f>Bühler!J856</f>
        <v>15.823771274966299</v>
      </c>
      <c r="K830" s="58">
        <f>Bühler!K856</f>
        <v>0.40174696072730387</v>
      </c>
      <c r="L830" s="58">
        <f>Bühler!L856</f>
        <v>0.20087348036365194</v>
      </c>
      <c r="M830" s="57">
        <f>Bühler!M856</f>
        <v>0</v>
      </c>
      <c r="N830" s="55">
        <f>IF(Input!$K$13=1,J830*Input!$J$13,0)+IF(Input!$K$14=1,K830*Input!$J$14,0)+IF(Input!$K$15=1,L830*Input!$J$15,0)+IF(Input!$K$16=1,M830*Input!$J$16,0)</f>
        <v>1.8988525529959559</v>
      </c>
      <c r="O830" s="58">
        <f>IF(Input!$K$13=2,J830*Input!$J$13,0)+IF(Input!$K$14=2,K830*Input!$J$14,0)+IF(Input!$K$15=2,L830*Input!$J$15,0)+IF(Input!$K$16=2,M830*Input!$J$16,0)</f>
        <v>5.4235839698186017E-2</v>
      </c>
      <c r="P830" s="58">
        <f>IF(Input!$K$13=3,J830*Input!$J$13,0)+IF(Input!$K$14=3,K830*Input!$J$14,0)+IF(Input!$K$15=3,L830*Input!$J$15,0)+IF(Input!$K$16=3,M830*Input!$J$16,0)</f>
        <v>0</v>
      </c>
      <c r="Q830" s="71">
        <f>IF(Input!$K$13=4,J830*Input!$J$13,0)+IF(Input!$K$14=4,K830*Input!$J$14,0)+IF(Input!$K$15=4,L830*Input!$J$15,0)+IF(Input!$K$16=4,M830*Input!$J$16,0)</f>
        <v>0</v>
      </c>
    </row>
    <row r="831" spans="8:17" x14ac:dyDescent="0.25">
      <c r="H831" s="43">
        <v>824</v>
      </c>
      <c r="I831" s="55">
        <f>Bühler!I857</f>
        <v>6.5152801001071197</v>
      </c>
      <c r="J831" s="58">
        <f>Bühler!J857</f>
        <v>15.857240179590137</v>
      </c>
      <c r="K831" s="58">
        <f>Bühler!K857</f>
        <v>0.40174696072730387</v>
      </c>
      <c r="L831" s="58">
        <f>Bühler!L857</f>
        <v>0.20087348036365194</v>
      </c>
      <c r="M831" s="57">
        <f>Bühler!M857</f>
        <v>0</v>
      </c>
      <c r="N831" s="55">
        <f>IF(Input!$K$13=1,J831*Input!$J$13,0)+IF(Input!$K$14=1,K831*Input!$J$14,0)+IF(Input!$K$15=1,L831*Input!$J$15,0)+IF(Input!$K$16=1,M831*Input!$J$16,0)</f>
        <v>1.9028688215508165</v>
      </c>
      <c r="O831" s="58">
        <f>IF(Input!$K$13=2,J831*Input!$J$13,0)+IF(Input!$K$14=2,K831*Input!$J$14,0)+IF(Input!$K$15=2,L831*Input!$J$15,0)+IF(Input!$K$16=2,M831*Input!$J$16,0)</f>
        <v>5.4235839698186017E-2</v>
      </c>
      <c r="P831" s="58">
        <f>IF(Input!$K$13=3,J831*Input!$J$13,0)+IF(Input!$K$14=3,K831*Input!$J$14,0)+IF(Input!$K$15=3,L831*Input!$J$15,0)+IF(Input!$K$16=3,M831*Input!$J$16,0)</f>
        <v>0</v>
      </c>
      <c r="Q831" s="71">
        <f>IF(Input!$K$13=4,J831*Input!$J$13,0)+IF(Input!$K$14=4,K831*Input!$J$14,0)+IF(Input!$K$15=4,L831*Input!$J$15,0)+IF(Input!$K$16=4,M831*Input!$J$16,0)</f>
        <v>0</v>
      </c>
    </row>
    <row r="832" spans="8:17" x14ac:dyDescent="0.25">
      <c r="H832" s="43">
        <v>825</v>
      </c>
      <c r="I832" s="55">
        <f>Bühler!I858</f>
        <v>6.5152801001071197</v>
      </c>
      <c r="J832" s="58">
        <f>Bühler!J858</f>
        <v>15.857240179590137</v>
      </c>
      <c r="K832" s="58">
        <f>Bühler!K858</f>
        <v>0.40174696072730387</v>
      </c>
      <c r="L832" s="58">
        <f>Bühler!L858</f>
        <v>0.20087348036365194</v>
      </c>
      <c r="M832" s="57">
        <f>Bühler!M858</f>
        <v>0</v>
      </c>
      <c r="N832" s="55">
        <f>IF(Input!$K$13=1,J832*Input!$J$13,0)+IF(Input!$K$14=1,K832*Input!$J$14,0)+IF(Input!$K$15=1,L832*Input!$J$15,0)+IF(Input!$K$16=1,M832*Input!$J$16,0)</f>
        <v>1.9028688215508165</v>
      </c>
      <c r="O832" s="58">
        <f>IF(Input!$K$13=2,J832*Input!$J$13,0)+IF(Input!$K$14=2,K832*Input!$J$14,0)+IF(Input!$K$15=2,L832*Input!$J$15,0)+IF(Input!$K$16=2,M832*Input!$J$16,0)</f>
        <v>5.4235839698186017E-2</v>
      </c>
      <c r="P832" s="58">
        <f>IF(Input!$K$13=3,J832*Input!$J$13,0)+IF(Input!$K$14=3,K832*Input!$J$14,0)+IF(Input!$K$15=3,L832*Input!$J$15,0)+IF(Input!$K$16=3,M832*Input!$J$16,0)</f>
        <v>0</v>
      </c>
      <c r="Q832" s="71">
        <f>IF(Input!$K$13=4,J832*Input!$J$13,0)+IF(Input!$K$14=4,K832*Input!$J$14,0)+IF(Input!$K$15=4,L832*Input!$J$15,0)+IF(Input!$K$16=4,M832*Input!$J$16,0)</f>
        <v>0</v>
      </c>
    </row>
    <row r="833" spans="8:17" x14ac:dyDescent="0.25">
      <c r="H833" s="43">
        <v>826</v>
      </c>
      <c r="I833" s="55">
        <f>Bühler!I859</f>
        <v>6.5152801001071197</v>
      </c>
      <c r="J833" s="58">
        <f>Bühler!J859</f>
        <v>15.857240179590137</v>
      </c>
      <c r="K833" s="58">
        <f>Bühler!K859</f>
        <v>0.40174696072730387</v>
      </c>
      <c r="L833" s="58">
        <f>Bühler!L859</f>
        <v>0.20087348036365194</v>
      </c>
      <c r="M833" s="57">
        <f>Bühler!M859</f>
        <v>0</v>
      </c>
      <c r="N833" s="55">
        <f>IF(Input!$K$13=1,J833*Input!$J$13,0)+IF(Input!$K$14=1,K833*Input!$J$14,0)+IF(Input!$K$15=1,L833*Input!$J$15,0)+IF(Input!$K$16=1,M833*Input!$J$16,0)</f>
        <v>1.9028688215508165</v>
      </c>
      <c r="O833" s="58">
        <f>IF(Input!$K$13=2,J833*Input!$J$13,0)+IF(Input!$K$14=2,K833*Input!$J$14,0)+IF(Input!$K$15=2,L833*Input!$J$15,0)+IF(Input!$K$16=2,M833*Input!$J$16,0)</f>
        <v>5.4235839698186017E-2</v>
      </c>
      <c r="P833" s="58">
        <f>IF(Input!$K$13=3,J833*Input!$J$13,0)+IF(Input!$K$14=3,K833*Input!$J$14,0)+IF(Input!$K$15=3,L833*Input!$J$15,0)+IF(Input!$K$16=3,M833*Input!$J$16,0)</f>
        <v>0</v>
      </c>
      <c r="Q833" s="71">
        <f>IF(Input!$K$13=4,J833*Input!$J$13,0)+IF(Input!$K$14=4,K833*Input!$J$14,0)+IF(Input!$K$15=4,L833*Input!$J$15,0)+IF(Input!$K$16=4,M833*Input!$J$16,0)</f>
        <v>0</v>
      </c>
    </row>
    <row r="834" spans="8:17" x14ac:dyDescent="0.25">
      <c r="H834" s="43">
        <v>827</v>
      </c>
      <c r="I834" s="55">
        <f>Bühler!I860</f>
        <v>6.5152801001071197</v>
      </c>
      <c r="J834" s="58">
        <f>Bühler!J860</f>
        <v>15.857240179590137</v>
      </c>
      <c r="K834" s="58">
        <f>Bühler!K860</f>
        <v>0.40174696072730387</v>
      </c>
      <c r="L834" s="58">
        <f>Bühler!L860</f>
        <v>0.20087348036365194</v>
      </c>
      <c r="M834" s="57">
        <f>Bühler!M860</f>
        <v>0</v>
      </c>
      <c r="N834" s="55">
        <f>IF(Input!$K$13=1,J834*Input!$J$13,0)+IF(Input!$K$14=1,K834*Input!$J$14,0)+IF(Input!$K$15=1,L834*Input!$J$15,0)+IF(Input!$K$16=1,M834*Input!$J$16,0)</f>
        <v>1.9028688215508165</v>
      </c>
      <c r="O834" s="58">
        <f>IF(Input!$K$13=2,J834*Input!$J$13,0)+IF(Input!$K$14=2,K834*Input!$J$14,0)+IF(Input!$K$15=2,L834*Input!$J$15,0)+IF(Input!$K$16=2,M834*Input!$J$16,0)</f>
        <v>5.4235839698186017E-2</v>
      </c>
      <c r="P834" s="58">
        <f>IF(Input!$K$13=3,J834*Input!$J$13,0)+IF(Input!$K$14=3,K834*Input!$J$14,0)+IF(Input!$K$15=3,L834*Input!$J$15,0)+IF(Input!$K$16=3,M834*Input!$J$16,0)</f>
        <v>0</v>
      </c>
      <c r="Q834" s="71">
        <f>IF(Input!$K$13=4,J834*Input!$J$13,0)+IF(Input!$K$14=4,K834*Input!$J$14,0)+IF(Input!$K$15=4,L834*Input!$J$15,0)+IF(Input!$K$16=4,M834*Input!$J$16,0)</f>
        <v>0</v>
      </c>
    </row>
    <row r="835" spans="8:17" x14ac:dyDescent="0.25">
      <c r="H835" s="43">
        <v>828</v>
      </c>
      <c r="I835" s="55">
        <f>Bühler!I861</f>
        <v>6.5152801001071197</v>
      </c>
      <c r="J835" s="58">
        <f>Bühler!J861</f>
        <v>15.857240179590137</v>
      </c>
      <c r="K835" s="58">
        <f>Bühler!K861</f>
        <v>0.40174696072730387</v>
      </c>
      <c r="L835" s="58">
        <f>Bühler!L861</f>
        <v>0.20087348036365194</v>
      </c>
      <c r="M835" s="57">
        <f>Bühler!M861</f>
        <v>0</v>
      </c>
      <c r="N835" s="55">
        <f>IF(Input!$K$13=1,J835*Input!$J$13,0)+IF(Input!$K$14=1,K835*Input!$J$14,0)+IF(Input!$K$15=1,L835*Input!$J$15,0)+IF(Input!$K$16=1,M835*Input!$J$16,0)</f>
        <v>1.9028688215508165</v>
      </c>
      <c r="O835" s="58">
        <f>IF(Input!$K$13=2,J835*Input!$J$13,0)+IF(Input!$K$14=2,K835*Input!$J$14,0)+IF(Input!$K$15=2,L835*Input!$J$15,0)+IF(Input!$K$16=2,M835*Input!$J$16,0)</f>
        <v>5.4235839698186017E-2</v>
      </c>
      <c r="P835" s="58">
        <f>IF(Input!$K$13=3,J835*Input!$J$13,0)+IF(Input!$K$14=3,K835*Input!$J$14,0)+IF(Input!$K$15=3,L835*Input!$J$15,0)+IF(Input!$K$16=3,M835*Input!$J$16,0)</f>
        <v>0</v>
      </c>
      <c r="Q835" s="71">
        <f>IF(Input!$K$13=4,J835*Input!$J$13,0)+IF(Input!$K$14=4,K835*Input!$J$14,0)+IF(Input!$K$15=4,L835*Input!$J$15,0)+IF(Input!$K$16=4,M835*Input!$J$16,0)</f>
        <v>0</v>
      </c>
    </row>
    <row r="836" spans="8:17" x14ac:dyDescent="0.25">
      <c r="H836" s="43">
        <v>829</v>
      </c>
      <c r="I836" s="55">
        <f>Bühler!I862</f>
        <v>6.5152801001071197</v>
      </c>
      <c r="J836" s="58">
        <f>Bühler!J862</f>
        <v>15.857240179590137</v>
      </c>
      <c r="K836" s="58">
        <f>Bühler!K862</f>
        <v>0.40174696072730387</v>
      </c>
      <c r="L836" s="58">
        <f>Bühler!L862</f>
        <v>0.20087348036365194</v>
      </c>
      <c r="M836" s="57">
        <f>Bühler!M862</f>
        <v>0</v>
      </c>
      <c r="N836" s="55">
        <f>IF(Input!$K$13=1,J836*Input!$J$13,0)+IF(Input!$K$14=1,K836*Input!$J$14,0)+IF(Input!$K$15=1,L836*Input!$J$15,0)+IF(Input!$K$16=1,M836*Input!$J$16,0)</f>
        <v>1.9028688215508165</v>
      </c>
      <c r="O836" s="58">
        <f>IF(Input!$K$13=2,J836*Input!$J$13,0)+IF(Input!$K$14=2,K836*Input!$J$14,0)+IF(Input!$K$15=2,L836*Input!$J$15,0)+IF(Input!$K$16=2,M836*Input!$J$16,0)</f>
        <v>5.4235839698186017E-2</v>
      </c>
      <c r="P836" s="58">
        <f>IF(Input!$K$13=3,J836*Input!$J$13,0)+IF(Input!$K$14=3,K836*Input!$J$14,0)+IF(Input!$K$15=3,L836*Input!$J$15,0)+IF(Input!$K$16=3,M836*Input!$J$16,0)</f>
        <v>0</v>
      </c>
      <c r="Q836" s="71">
        <f>IF(Input!$K$13=4,J836*Input!$J$13,0)+IF(Input!$K$14=4,K836*Input!$J$14,0)+IF(Input!$K$15=4,L836*Input!$J$15,0)+IF(Input!$K$16=4,M836*Input!$J$16,0)</f>
        <v>0</v>
      </c>
    </row>
    <row r="837" spans="8:17" x14ac:dyDescent="0.25">
      <c r="H837" s="43">
        <v>830</v>
      </c>
      <c r="I837" s="55">
        <f>Bühler!I863</f>
        <v>6.5152801001071197</v>
      </c>
      <c r="J837" s="58">
        <f>Bühler!J863</f>
        <v>15.857240179590137</v>
      </c>
      <c r="K837" s="58">
        <f>Bühler!K863</f>
        <v>0.40174696072730387</v>
      </c>
      <c r="L837" s="58">
        <f>Bühler!L863</f>
        <v>0.20087348036365194</v>
      </c>
      <c r="M837" s="57">
        <f>Bühler!M863</f>
        <v>0</v>
      </c>
      <c r="N837" s="55">
        <f>IF(Input!$K$13=1,J837*Input!$J$13,0)+IF(Input!$K$14=1,K837*Input!$J$14,0)+IF(Input!$K$15=1,L837*Input!$J$15,0)+IF(Input!$K$16=1,M837*Input!$J$16,0)</f>
        <v>1.9028688215508165</v>
      </c>
      <c r="O837" s="58">
        <f>IF(Input!$K$13=2,J837*Input!$J$13,0)+IF(Input!$K$14=2,K837*Input!$J$14,0)+IF(Input!$K$15=2,L837*Input!$J$15,0)+IF(Input!$K$16=2,M837*Input!$J$16,0)</f>
        <v>5.4235839698186017E-2</v>
      </c>
      <c r="P837" s="58">
        <f>IF(Input!$K$13=3,J837*Input!$J$13,0)+IF(Input!$K$14=3,K837*Input!$J$14,0)+IF(Input!$K$15=3,L837*Input!$J$15,0)+IF(Input!$K$16=3,M837*Input!$J$16,0)</f>
        <v>0</v>
      </c>
      <c r="Q837" s="71">
        <f>IF(Input!$K$13=4,J837*Input!$J$13,0)+IF(Input!$K$14=4,K837*Input!$J$14,0)+IF(Input!$K$15=4,L837*Input!$J$15,0)+IF(Input!$K$16=4,M837*Input!$J$16,0)</f>
        <v>0</v>
      </c>
    </row>
    <row r="838" spans="8:17" x14ac:dyDescent="0.25">
      <c r="H838" s="43">
        <v>831</v>
      </c>
      <c r="I838" s="55">
        <f>Bühler!I864</f>
        <v>6.5152801001071197</v>
      </c>
      <c r="J838" s="58">
        <f>Bühler!J864</f>
        <v>15.857240179590137</v>
      </c>
      <c r="K838" s="58">
        <f>Bühler!K864</f>
        <v>0.40174696072730387</v>
      </c>
      <c r="L838" s="58">
        <f>Bühler!L864</f>
        <v>0.20087348036365194</v>
      </c>
      <c r="M838" s="57">
        <f>Bühler!M864</f>
        <v>0</v>
      </c>
      <c r="N838" s="55">
        <f>IF(Input!$K$13=1,J838*Input!$J$13,0)+IF(Input!$K$14=1,K838*Input!$J$14,0)+IF(Input!$K$15=1,L838*Input!$J$15,0)+IF(Input!$K$16=1,M838*Input!$J$16,0)</f>
        <v>1.9028688215508165</v>
      </c>
      <c r="O838" s="58">
        <f>IF(Input!$K$13=2,J838*Input!$J$13,0)+IF(Input!$K$14=2,K838*Input!$J$14,0)+IF(Input!$K$15=2,L838*Input!$J$15,0)+IF(Input!$K$16=2,M838*Input!$J$16,0)</f>
        <v>5.4235839698186017E-2</v>
      </c>
      <c r="P838" s="58">
        <f>IF(Input!$K$13=3,J838*Input!$J$13,0)+IF(Input!$K$14=3,K838*Input!$J$14,0)+IF(Input!$K$15=3,L838*Input!$J$15,0)+IF(Input!$K$16=3,M838*Input!$J$16,0)</f>
        <v>0</v>
      </c>
      <c r="Q838" s="71">
        <f>IF(Input!$K$13=4,J838*Input!$J$13,0)+IF(Input!$K$14=4,K838*Input!$J$14,0)+IF(Input!$K$15=4,L838*Input!$J$15,0)+IF(Input!$K$16=4,M838*Input!$J$16,0)</f>
        <v>0</v>
      </c>
    </row>
    <row r="839" spans="8:17" x14ac:dyDescent="0.25">
      <c r="H839" s="43">
        <v>832</v>
      </c>
      <c r="I839" s="55">
        <f>Bühler!I865</f>
        <v>5.8905272137954778</v>
      </c>
      <c r="J839" s="58">
        <f>Bühler!J865</f>
        <v>15.831208809327153</v>
      </c>
      <c r="K839" s="58">
        <f>Bühler!K865</f>
        <v>0.40174696072730387</v>
      </c>
      <c r="L839" s="58">
        <f>Bühler!L865</f>
        <v>0.20087348036365194</v>
      </c>
      <c r="M839" s="57">
        <f>Bühler!M865</f>
        <v>0</v>
      </c>
      <c r="N839" s="55">
        <f>IF(Input!$K$13=1,J839*Input!$J$13,0)+IF(Input!$K$14=1,K839*Input!$J$14,0)+IF(Input!$K$15=1,L839*Input!$J$15,0)+IF(Input!$K$16=1,M839*Input!$J$16,0)</f>
        <v>1.8997450571192582</v>
      </c>
      <c r="O839" s="58">
        <f>IF(Input!$K$13=2,J839*Input!$J$13,0)+IF(Input!$K$14=2,K839*Input!$J$14,0)+IF(Input!$K$15=2,L839*Input!$J$15,0)+IF(Input!$K$16=2,M839*Input!$J$16,0)</f>
        <v>5.4235839698186017E-2</v>
      </c>
      <c r="P839" s="58">
        <f>IF(Input!$K$13=3,J839*Input!$J$13,0)+IF(Input!$K$14=3,K839*Input!$J$14,0)+IF(Input!$K$15=3,L839*Input!$J$15,0)+IF(Input!$K$16=3,M839*Input!$J$16,0)</f>
        <v>0</v>
      </c>
      <c r="Q839" s="71">
        <f>IF(Input!$K$13=4,J839*Input!$J$13,0)+IF(Input!$K$14=4,K839*Input!$J$14,0)+IF(Input!$K$15=4,L839*Input!$J$15,0)+IF(Input!$K$16=4,M839*Input!$J$16,0)</f>
        <v>0</v>
      </c>
    </row>
    <row r="840" spans="8:17" x14ac:dyDescent="0.25">
      <c r="H840" s="43">
        <v>833</v>
      </c>
      <c r="I840" s="55">
        <f>Bühler!I866</f>
        <v>5.3550247398140707</v>
      </c>
      <c r="J840" s="58">
        <f>Bühler!J866</f>
        <v>15.808896206244594</v>
      </c>
      <c r="K840" s="58">
        <f>Bühler!K866</f>
        <v>0.40174696072730387</v>
      </c>
      <c r="L840" s="58">
        <f>Bühler!L866</f>
        <v>0.20087348036365194</v>
      </c>
      <c r="M840" s="57">
        <f>Bühler!M866</f>
        <v>0</v>
      </c>
      <c r="N840" s="55">
        <f>IF(Input!$K$13=1,J840*Input!$J$13,0)+IF(Input!$K$14=1,K840*Input!$J$14,0)+IF(Input!$K$15=1,L840*Input!$J$15,0)+IF(Input!$K$16=1,M840*Input!$J$16,0)</f>
        <v>1.8970675447493512</v>
      </c>
      <c r="O840" s="58">
        <f>IF(Input!$K$13=2,J840*Input!$J$13,0)+IF(Input!$K$14=2,K840*Input!$J$14,0)+IF(Input!$K$15=2,L840*Input!$J$15,0)+IF(Input!$K$16=2,M840*Input!$J$16,0)</f>
        <v>5.4235839698186017E-2</v>
      </c>
      <c r="P840" s="58">
        <f>IF(Input!$K$13=3,J840*Input!$J$13,0)+IF(Input!$K$14=3,K840*Input!$J$14,0)+IF(Input!$K$15=3,L840*Input!$J$15,0)+IF(Input!$K$16=3,M840*Input!$J$16,0)</f>
        <v>0</v>
      </c>
      <c r="Q840" s="71">
        <f>IF(Input!$K$13=4,J840*Input!$J$13,0)+IF(Input!$K$14=4,K840*Input!$J$14,0)+IF(Input!$K$15=4,L840*Input!$J$15,0)+IF(Input!$K$16=4,M840*Input!$J$16,0)</f>
        <v>0</v>
      </c>
    </row>
    <row r="841" spans="8:17" x14ac:dyDescent="0.25">
      <c r="H841" s="43">
        <v>834</v>
      </c>
      <c r="I841" s="55">
        <f>Bühler!I867</f>
        <v>4.8195222658326635</v>
      </c>
      <c r="J841" s="58">
        <f>Bühler!J867</f>
        <v>15.786583603162036</v>
      </c>
      <c r="K841" s="58">
        <f>Bühler!K867</f>
        <v>0.40174696072730387</v>
      </c>
      <c r="L841" s="58">
        <f>Bühler!L867</f>
        <v>0.20087348036365194</v>
      </c>
      <c r="M841" s="57">
        <f>Bühler!M867</f>
        <v>0</v>
      </c>
      <c r="N841" s="55">
        <f>IF(Input!$K$13=1,J841*Input!$J$13,0)+IF(Input!$K$14=1,K841*Input!$J$14,0)+IF(Input!$K$15=1,L841*Input!$J$15,0)+IF(Input!$K$16=1,M841*Input!$J$16,0)</f>
        <v>1.8943900323794443</v>
      </c>
      <c r="O841" s="58">
        <f>IF(Input!$K$13=2,J841*Input!$J$13,0)+IF(Input!$K$14=2,K841*Input!$J$14,0)+IF(Input!$K$15=2,L841*Input!$J$15,0)+IF(Input!$K$16=2,M841*Input!$J$16,0)</f>
        <v>5.4235839698186017E-2</v>
      </c>
      <c r="P841" s="58">
        <f>IF(Input!$K$13=3,J841*Input!$J$13,0)+IF(Input!$K$14=3,K841*Input!$J$14,0)+IF(Input!$K$15=3,L841*Input!$J$15,0)+IF(Input!$K$16=3,M841*Input!$J$16,0)</f>
        <v>0</v>
      </c>
      <c r="Q841" s="71">
        <f>IF(Input!$K$13=4,J841*Input!$J$13,0)+IF(Input!$K$14=4,K841*Input!$J$14,0)+IF(Input!$K$15=4,L841*Input!$J$15,0)+IF(Input!$K$16=4,M841*Input!$J$16,0)</f>
        <v>0</v>
      </c>
    </row>
    <row r="842" spans="8:17" x14ac:dyDescent="0.25">
      <c r="H842" s="43">
        <v>835</v>
      </c>
      <c r="I842" s="55">
        <f>Bühler!I868</f>
        <v>4.6410214411721942</v>
      </c>
      <c r="J842" s="58">
        <f>Bühler!J868</f>
        <v>15.779146068801182</v>
      </c>
      <c r="K842" s="58">
        <f>Bühler!K868</f>
        <v>0.40174696072730387</v>
      </c>
      <c r="L842" s="58">
        <f>Bühler!L868</f>
        <v>0.20087348036365194</v>
      </c>
      <c r="M842" s="57">
        <f>Bühler!M868</f>
        <v>0</v>
      </c>
      <c r="N842" s="55">
        <f>IF(Input!$K$13=1,J842*Input!$J$13,0)+IF(Input!$K$14=1,K842*Input!$J$14,0)+IF(Input!$K$15=1,L842*Input!$J$15,0)+IF(Input!$K$16=1,M842*Input!$J$16,0)</f>
        <v>1.8934975282561419</v>
      </c>
      <c r="O842" s="58">
        <f>IF(Input!$K$13=2,J842*Input!$J$13,0)+IF(Input!$K$14=2,K842*Input!$J$14,0)+IF(Input!$K$15=2,L842*Input!$J$15,0)+IF(Input!$K$16=2,M842*Input!$J$16,0)</f>
        <v>5.4235839698186017E-2</v>
      </c>
      <c r="P842" s="58">
        <f>IF(Input!$K$13=3,J842*Input!$J$13,0)+IF(Input!$K$14=3,K842*Input!$J$14,0)+IF(Input!$K$15=3,L842*Input!$J$15,0)+IF(Input!$K$16=3,M842*Input!$J$16,0)</f>
        <v>0</v>
      </c>
      <c r="Q842" s="71">
        <f>IF(Input!$K$13=4,J842*Input!$J$13,0)+IF(Input!$K$14=4,K842*Input!$J$14,0)+IF(Input!$K$15=4,L842*Input!$J$15,0)+IF(Input!$K$16=4,M842*Input!$J$16,0)</f>
        <v>0</v>
      </c>
    </row>
    <row r="843" spans="8:17" x14ac:dyDescent="0.25">
      <c r="H843" s="43">
        <v>836</v>
      </c>
      <c r="I843" s="55">
        <f>Bühler!I869</f>
        <v>3.7485173178698488</v>
      </c>
      <c r="J843" s="58">
        <f>Bühler!J869</f>
        <v>15.741958396996919</v>
      </c>
      <c r="K843" s="58">
        <f>Bühler!K869</f>
        <v>0.40174696072730387</v>
      </c>
      <c r="L843" s="58">
        <f>Bühler!L869</f>
        <v>0.20087348036365194</v>
      </c>
      <c r="M843" s="57">
        <f>Bühler!M869</f>
        <v>0</v>
      </c>
      <c r="N843" s="55">
        <f>IF(Input!$K$13=1,J843*Input!$J$13,0)+IF(Input!$K$14=1,K843*Input!$J$14,0)+IF(Input!$K$15=1,L843*Input!$J$15,0)+IF(Input!$K$16=1,M843*Input!$J$16,0)</f>
        <v>1.8890350076396303</v>
      </c>
      <c r="O843" s="58">
        <f>IF(Input!$K$13=2,J843*Input!$J$13,0)+IF(Input!$K$14=2,K843*Input!$J$14,0)+IF(Input!$K$15=2,L843*Input!$J$15,0)+IF(Input!$K$16=2,M843*Input!$J$16,0)</f>
        <v>5.4235839698186017E-2</v>
      </c>
      <c r="P843" s="58">
        <f>IF(Input!$K$13=3,J843*Input!$J$13,0)+IF(Input!$K$14=3,K843*Input!$J$14,0)+IF(Input!$K$15=3,L843*Input!$J$15,0)+IF(Input!$K$16=3,M843*Input!$J$16,0)</f>
        <v>0</v>
      </c>
      <c r="Q843" s="71">
        <f>IF(Input!$K$13=4,J843*Input!$J$13,0)+IF(Input!$K$14=4,K843*Input!$J$14,0)+IF(Input!$K$15=4,L843*Input!$J$15,0)+IF(Input!$K$16=4,M843*Input!$J$16,0)</f>
        <v>0</v>
      </c>
    </row>
    <row r="844" spans="8:17" x14ac:dyDescent="0.25">
      <c r="H844" s="43">
        <v>837</v>
      </c>
      <c r="I844" s="55">
        <f>Bühler!I870</f>
        <v>2.7667627822372696</v>
      </c>
      <c r="J844" s="58">
        <f>Bühler!J870</f>
        <v>15.701051958012229</v>
      </c>
      <c r="K844" s="58">
        <f>Bühler!K870</f>
        <v>0.40174696072730387</v>
      </c>
      <c r="L844" s="58">
        <f>Bühler!L870</f>
        <v>0.20087348036365194</v>
      </c>
      <c r="M844" s="57">
        <f>Bühler!M870</f>
        <v>0</v>
      </c>
      <c r="N844" s="55">
        <f>IF(Input!$K$13=1,J844*Input!$J$13,0)+IF(Input!$K$14=1,K844*Input!$J$14,0)+IF(Input!$K$15=1,L844*Input!$J$15,0)+IF(Input!$K$16=1,M844*Input!$J$16,0)</f>
        <v>1.8841262349614674</v>
      </c>
      <c r="O844" s="58">
        <f>IF(Input!$K$13=2,J844*Input!$J$13,0)+IF(Input!$K$14=2,K844*Input!$J$14,0)+IF(Input!$K$15=2,L844*Input!$J$15,0)+IF(Input!$K$16=2,M844*Input!$J$16,0)</f>
        <v>5.4235839698186017E-2</v>
      </c>
      <c r="P844" s="58">
        <f>IF(Input!$K$13=3,J844*Input!$J$13,0)+IF(Input!$K$14=3,K844*Input!$J$14,0)+IF(Input!$K$15=3,L844*Input!$J$15,0)+IF(Input!$K$16=3,M844*Input!$J$16,0)</f>
        <v>0</v>
      </c>
      <c r="Q844" s="71">
        <f>IF(Input!$K$13=4,J844*Input!$J$13,0)+IF(Input!$K$14=4,K844*Input!$J$14,0)+IF(Input!$K$15=4,L844*Input!$J$15,0)+IF(Input!$K$16=4,M844*Input!$J$16,0)</f>
        <v>0</v>
      </c>
    </row>
    <row r="845" spans="8:17" x14ac:dyDescent="0.25">
      <c r="H845" s="43">
        <v>838</v>
      </c>
      <c r="I845" s="55">
        <f>Bühler!I871</f>
        <v>2.7667627822372696</v>
      </c>
      <c r="J845" s="58">
        <f>Bühler!J871</f>
        <v>15.701051958012229</v>
      </c>
      <c r="K845" s="58">
        <f>Bühler!K871</f>
        <v>0.40174696072730387</v>
      </c>
      <c r="L845" s="58">
        <f>Bühler!L871</f>
        <v>0.20087348036365194</v>
      </c>
      <c r="M845" s="57">
        <f>Bühler!M871</f>
        <v>0</v>
      </c>
      <c r="N845" s="55">
        <f>IF(Input!$K$13=1,J845*Input!$J$13,0)+IF(Input!$K$14=1,K845*Input!$J$14,0)+IF(Input!$K$15=1,L845*Input!$J$15,0)+IF(Input!$K$16=1,M845*Input!$J$16,0)</f>
        <v>1.8841262349614674</v>
      </c>
      <c r="O845" s="58">
        <f>IF(Input!$K$13=2,J845*Input!$J$13,0)+IF(Input!$K$14=2,K845*Input!$J$14,0)+IF(Input!$K$15=2,L845*Input!$J$15,0)+IF(Input!$K$16=2,M845*Input!$J$16,0)</f>
        <v>5.4235839698186017E-2</v>
      </c>
      <c r="P845" s="58">
        <f>IF(Input!$K$13=3,J845*Input!$J$13,0)+IF(Input!$K$14=3,K845*Input!$J$14,0)+IF(Input!$K$15=3,L845*Input!$J$15,0)+IF(Input!$K$16=3,M845*Input!$J$16,0)</f>
        <v>0</v>
      </c>
      <c r="Q845" s="71">
        <f>IF(Input!$K$13=4,J845*Input!$J$13,0)+IF(Input!$K$14=4,K845*Input!$J$14,0)+IF(Input!$K$15=4,L845*Input!$J$15,0)+IF(Input!$K$16=4,M845*Input!$J$16,0)</f>
        <v>0</v>
      </c>
    </row>
    <row r="846" spans="8:17" x14ac:dyDescent="0.25">
      <c r="H846" s="43">
        <v>839</v>
      </c>
      <c r="I846" s="55">
        <f>Bühler!I872</f>
        <v>2.7667627822372696</v>
      </c>
      <c r="J846" s="58">
        <f>Bühler!J872</f>
        <v>15.701051958012229</v>
      </c>
      <c r="K846" s="58">
        <f>Bühler!K872</f>
        <v>0.40174696072730387</v>
      </c>
      <c r="L846" s="58">
        <f>Bühler!L872</f>
        <v>0.20087348036365194</v>
      </c>
      <c r="M846" s="57">
        <f>Bühler!M872</f>
        <v>0</v>
      </c>
      <c r="N846" s="55">
        <f>IF(Input!$K$13=1,J846*Input!$J$13,0)+IF(Input!$K$14=1,K846*Input!$J$14,0)+IF(Input!$K$15=1,L846*Input!$J$15,0)+IF(Input!$K$16=1,M846*Input!$J$16,0)</f>
        <v>1.8841262349614674</v>
      </c>
      <c r="O846" s="58">
        <f>IF(Input!$K$13=2,J846*Input!$J$13,0)+IF(Input!$K$14=2,K846*Input!$J$14,0)+IF(Input!$K$15=2,L846*Input!$J$15,0)+IF(Input!$K$16=2,M846*Input!$J$16,0)</f>
        <v>5.4235839698186017E-2</v>
      </c>
      <c r="P846" s="58">
        <f>IF(Input!$K$13=3,J846*Input!$J$13,0)+IF(Input!$K$14=3,K846*Input!$J$14,0)+IF(Input!$K$15=3,L846*Input!$J$15,0)+IF(Input!$K$16=3,M846*Input!$J$16,0)</f>
        <v>0</v>
      </c>
      <c r="Q846" s="71">
        <f>IF(Input!$K$13=4,J846*Input!$J$13,0)+IF(Input!$K$14=4,K846*Input!$J$14,0)+IF(Input!$K$15=4,L846*Input!$J$15,0)+IF(Input!$K$16=4,M846*Input!$J$16,0)</f>
        <v>0</v>
      </c>
    </row>
    <row r="847" spans="8:17" x14ac:dyDescent="0.25">
      <c r="H847" s="43">
        <v>840</v>
      </c>
      <c r="I847" s="55">
        <f>Bühler!I873</f>
        <v>2.7667627822372696</v>
      </c>
      <c r="J847" s="58">
        <f>Bühler!J873</f>
        <v>15.701051958012229</v>
      </c>
      <c r="K847" s="58">
        <f>Bühler!K873</f>
        <v>0.40174696072730387</v>
      </c>
      <c r="L847" s="58">
        <f>Bühler!L873</f>
        <v>0.20087348036365194</v>
      </c>
      <c r="M847" s="57">
        <f>Bühler!M873</f>
        <v>0</v>
      </c>
      <c r="N847" s="55">
        <f>IF(Input!$K$13=1,J847*Input!$J$13,0)+IF(Input!$K$14=1,K847*Input!$J$14,0)+IF(Input!$K$15=1,L847*Input!$J$15,0)+IF(Input!$K$16=1,M847*Input!$J$16,0)</f>
        <v>1.8841262349614674</v>
      </c>
      <c r="O847" s="58">
        <f>IF(Input!$K$13=2,J847*Input!$J$13,0)+IF(Input!$K$14=2,K847*Input!$J$14,0)+IF(Input!$K$15=2,L847*Input!$J$15,0)+IF(Input!$K$16=2,M847*Input!$J$16,0)</f>
        <v>5.4235839698186017E-2</v>
      </c>
      <c r="P847" s="58">
        <f>IF(Input!$K$13=3,J847*Input!$J$13,0)+IF(Input!$K$14=3,K847*Input!$J$14,0)+IF(Input!$K$15=3,L847*Input!$J$15,0)+IF(Input!$K$16=3,M847*Input!$J$16,0)</f>
        <v>0</v>
      </c>
      <c r="Q847" s="71">
        <f>IF(Input!$K$13=4,J847*Input!$J$13,0)+IF(Input!$K$14=4,K847*Input!$J$14,0)+IF(Input!$K$15=4,L847*Input!$J$15,0)+IF(Input!$K$16=4,M847*Input!$J$16,0)</f>
        <v>0</v>
      </c>
    </row>
    <row r="848" spans="8:17" x14ac:dyDescent="0.25">
      <c r="H848" s="43">
        <v>841</v>
      </c>
      <c r="I848" s="55">
        <f>Bühler!I874</f>
        <v>4.4500381147426422</v>
      </c>
      <c r="J848" s="58">
        <f>Bühler!J874</f>
        <v>20.333050392406371</v>
      </c>
      <c r="K848" s="58">
        <f>Bühler!K874</f>
        <v>0.47629251894790792</v>
      </c>
      <c r="L848" s="58">
        <f>Bühler!L874</f>
        <v>0.23814625947395396</v>
      </c>
      <c r="M848" s="57">
        <f>Bühler!M874</f>
        <v>0</v>
      </c>
      <c r="N848" s="55">
        <f>IF(Input!$K$13=1,J848*Input!$J$13,0)+IF(Input!$K$14=1,K848*Input!$J$14,0)+IF(Input!$K$15=1,L848*Input!$J$15,0)+IF(Input!$K$16=1,M848*Input!$J$16,0)</f>
        <v>2.4399660470887645</v>
      </c>
      <c r="O848" s="58">
        <f>IF(Input!$K$13=2,J848*Input!$J$13,0)+IF(Input!$K$14=2,K848*Input!$J$14,0)+IF(Input!$K$15=2,L848*Input!$J$15,0)+IF(Input!$K$16=2,M848*Input!$J$16,0)</f>
        <v>6.4299490057967562E-2</v>
      </c>
      <c r="P848" s="58">
        <f>IF(Input!$K$13=3,J848*Input!$J$13,0)+IF(Input!$K$14=3,K848*Input!$J$14,0)+IF(Input!$K$15=3,L848*Input!$J$15,0)+IF(Input!$K$16=3,M848*Input!$J$16,0)</f>
        <v>0</v>
      </c>
      <c r="Q848" s="71">
        <f>IF(Input!$K$13=4,J848*Input!$J$13,0)+IF(Input!$K$14=4,K848*Input!$J$14,0)+IF(Input!$K$15=4,L848*Input!$J$15,0)+IF(Input!$K$16=4,M848*Input!$J$16,0)</f>
        <v>0</v>
      </c>
    </row>
    <row r="849" spans="8:17" x14ac:dyDescent="0.25">
      <c r="H849" s="43">
        <v>842</v>
      </c>
      <c r="I849" s="55">
        <f>Bühler!I875</f>
        <v>5.1677861977656487</v>
      </c>
      <c r="J849" s="58">
        <f>Bühler!J875</f>
        <v>20.362956562532329</v>
      </c>
      <c r="K849" s="58">
        <f>Bühler!K875</f>
        <v>0.47629251894790792</v>
      </c>
      <c r="L849" s="58">
        <f>Bühler!L875</f>
        <v>0.23814625947395396</v>
      </c>
      <c r="M849" s="57">
        <f>Bühler!M875</f>
        <v>0</v>
      </c>
      <c r="N849" s="55">
        <f>IF(Input!$K$13=1,J849*Input!$J$13,0)+IF(Input!$K$14=1,K849*Input!$J$14,0)+IF(Input!$K$15=1,L849*Input!$J$15,0)+IF(Input!$K$16=1,M849*Input!$J$16,0)</f>
        <v>2.4435547875038792</v>
      </c>
      <c r="O849" s="58">
        <f>IF(Input!$K$13=2,J849*Input!$J$13,0)+IF(Input!$K$14=2,K849*Input!$J$14,0)+IF(Input!$K$15=2,L849*Input!$J$15,0)+IF(Input!$K$16=2,M849*Input!$J$16,0)</f>
        <v>6.4299490057967562E-2</v>
      </c>
      <c r="P849" s="58">
        <f>IF(Input!$K$13=3,J849*Input!$J$13,0)+IF(Input!$K$14=3,K849*Input!$J$14,0)+IF(Input!$K$15=3,L849*Input!$J$15,0)+IF(Input!$K$16=3,M849*Input!$J$16,0)</f>
        <v>0</v>
      </c>
      <c r="Q849" s="71">
        <f>IF(Input!$K$13=4,J849*Input!$J$13,0)+IF(Input!$K$14=4,K849*Input!$J$14,0)+IF(Input!$K$15=4,L849*Input!$J$15,0)+IF(Input!$K$16=4,M849*Input!$J$16,0)</f>
        <v>0</v>
      </c>
    </row>
    <row r="850" spans="8:17" x14ac:dyDescent="0.25">
      <c r="H850" s="43">
        <v>843</v>
      </c>
      <c r="I850" s="55">
        <f>Bühler!I876</f>
        <v>5.1677861977656487</v>
      </c>
      <c r="J850" s="58">
        <f>Bühler!J876</f>
        <v>20.362956562532329</v>
      </c>
      <c r="K850" s="58">
        <f>Bühler!K876</f>
        <v>0.47629251894790792</v>
      </c>
      <c r="L850" s="58">
        <f>Bühler!L876</f>
        <v>0.23814625947395396</v>
      </c>
      <c r="M850" s="57">
        <f>Bühler!M876</f>
        <v>0</v>
      </c>
      <c r="N850" s="55">
        <f>IF(Input!$K$13=1,J850*Input!$J$13,0)+IF(Input!$K$14=1,K850*Input!$J$14,0)+IF(Input!$K$15=1,L850*Input!$J$15,0)+IF(Input!$K$16=1,M850*Input!$J$16,0)</f>
        <v>2.4435547875038792</v>
      </c>
      <c r="O850" s="58">
        <f>IF(Input!$K$13=2,J850*Input!$J$13,0)+IF(Input!$K$14=2,K850*Input!$J$14,0)+IF(Input!$K$15=2,L850*Input!$J$15,0)+IF(Input!$K$16=2,M850*Input!$J$16,0)</f>
        <v>6.4299490057967562E-2</v>
      </c>
      <c r="P850" s="58">
        <f>IF(Input!$K$13=3,J850*Input!$J$13,0)+IF(Input!$K$14=3,K850*Input!$J$14,0)+IF(Input!$K$15=3,L850*Input!$J$15,0)+IF(Input!$K$16=3,M850*Input!$J$16,0)</f>
        <v>0</v>
      </c>
      <c r="Q850" s="71">
        <f>IF(Input!$K$13=4,J850*Input!$J$13,0)+IF(Input!$K$14=4,K850*Input!$J$14,0)+IF(Input!$K$15=4,L850*Input!$J$15,0)+IF(Input!$K$16=4,M850*Input!$J$16,0)</f>
        <v>0</v>
      </c>
    </row>
    <row r="851" spans="8:17" x14ac:dyDescent="0.25">
      <c r="H851" s="43">
        <v>844</v>
      </c>
      <c r="I851" s="55">
        <f>Bühler!I877</f>
        <v>5.1677861977656487</v>
      </c>
      <c r="J851" s="58">
        <f>Bühler!J877</f>
        <v>20.362956562532329</v>
      </c>
      <c r="K851" s="58">
        <f>Bühler!K877</f>
        <v>0.47629251894790792</v>
      </c>
      <c r="L851" s="58">
        <f>Bühler!L877</f>
        <v>0.23814625947395396</v>
      </c>
      <c r="M851" s="57">
        <f>Bühler!M877</f>
        <v>0</v>
      </c>
      <c r="N851" s="55">
        <f>IF(Input!$K$13=1,J851*Input!$J$13,0)+IF(Input!$K$14=1,K851*Input!$J$14,0)+IF(Input!$K$15=1,L851*Input!$J$15,0)+IF(Input!$K$16=1,M851*Input!$J$16,0)</f>
        <v>2.4435547875038792</v>
      </c>
      <c r="O851" s="58">
        <f>IF(Input!$K$13=2,J851*Input!$J$13,0)+IF(Input!$K$14=2,K851*Input!$J$14,0)+IF(Input!$K$15=2,L851*Input!$J$15,0)+IF(Input!$K$16=2,M851*Input!$J$16,0)</f>
        <v>6.4299490057967562E-2</v>
      </c>
      <c r="P851" s="58">
        <f>IF(Input!$K$13=3,J851*Input!$J$13,0)+IF(Input!$K$14=3,K851*Input!$J$14,0)+IF(Input!$K$15=3,L851*Input!$J$15,0)+IF(Input!$K$16=3,M851*Input!$J$16,0)</f>
        <v>0</v>
      </c>
      <c r="Q851" s="71">
        <f>IF(Input!$K$13=4,J851*Input!$J$13,0)+IF(Input!$K$14=4,K851*Input!$J$14,0)+IF(Input!$K$15=4,L851*Input!$J$15,0)+IF(Input!$K$16=4,M851*Input!$J$16,0)</f>
        <v>0</v>
      </c>
    </row>
    <row r="852" spans="8:17" x14ac:dyDescent="0.25">
      <c r="H852" s="43">
        <v>845</v>
      </c>
      <c r="I852" s="55">
        <f>Bühler!I878</f>
        <v>5.1677861977656487</v>
      </c>
      <c r="J852" s="58">
        <f>Bühler!J878</f>
        <v>20.362956562532329</v>
      </c>
      <c r="K852" s="58">
        <f>Bühler!K878</f>
        <v>0.47629251894790792</v>
      </c>
      <c r="L852" s="58">
        <f>Bühler!L878</f>
        <v>0.23814625947395396</v>
      </c>
      <c r="M852" s="57">
        <f>Bühler!M878</f>
        <v>0</v>
      </c>
      <c r="N852" s="55">
        <f>IF(Input!$K$13=1,J852*Input!$J$13,0)+IF(Input!$K$14=1,K852*Input!$J$14,0)+IF(Input!$K$15=1,L852*Input!$J$15,0)+IF(Input!$K$16=1,M852*Input!$J$16,0)</f>
        <v>2.4435547875038792</v>
      </c>
      <c r="O852" s="58">
        <f>IF(Input!$K$13=2,J852*Input!$J$13,0)+IF(Input!$K$14=2,K852*Input!$J$14,0)+IF(Input!$K$15=2,L852*Input!$J$15,0)+IF(Input!$K$16=2,M852*Input!$J$16,0)</f>
        <v>6.4299490057967562E-2</v>
      </c>
      <c r="P852" s="58">
        <f>IF(Input!$K$13=3,J852*Input!$J$13,0)+IF(Input!$K$14=3,K852*Input!$J$14,0)+IF(Input!$K$15=3,L852*Input!$J$15,0)+IF(Input!$K$16=3,M852*Input!$J$16,0)</f>
        <v>0</v>
      </c>
      <c r="Q852" s="71">
        <f>IF(Input!$K$13=4,J852*Input!$J$13,0)+IF(Input!$K$14=4,K852*Input!$J$14,0)+IF(Input!$K$15=4,L852*Input!$J$15,0)+IF(Input!$K$16=4,M852*Input!$J$16,0)</f>
        <v>0</v>
      </c>
    </row>
    <row r="853" spans="8:17" x14ac:dyDescent="0.25">
      <c r="H853" s="43">
        <v>846</v>
      </c>
      <c r="I853" s="55">
        <f>Bühler!I879</f>
        <v>6.4597327472070605</v>
      </c>
      <c r="J853" s="58">
        <f>Bühler!J879</f>
        <v>20.416787668759053</v>
      </c>
      <c r="K853" s="58">
        <f>Bühler!K879</f>
        <v>0.47629251894790792</v>
      </c>
      <c r="L853" s="58">
        <f>Bühler!L879</f>
        <v>0.23814625947395396</v>
      </c>
      <c r="M853" s="57">
        <f>Bühler!M879</f>
        <v>0</v>
      </c>
      <c r="N853" s="55">
        <f>IF(Input!$K$13=1,J853*Input!$J$13,0)+IF(Input!$K$14=1,K853*Input!$J$14,0)+IF(Input!$K$15=1,L853*Input!$J$15,0)+IF(Input!$K$16=1,M853*Input!$J$16,0)</f>
        <v>2.4500145202510861</v>
      </c>
      <c r="O853" s="58">
        <f>IF(Input!$K$13=2,J853*Input!$J$13,0)+IF(Input!$K$14=2,K853*Input!$J$14,0)+IF(Input!$K$15=2,L853*Input!$J$15,0)+IF(Input!$K$16=2,M853*Input!$J$16,0)</f>
        <v>6.4299490057967562E-2</v>
      </c>
      <c r="P853" s="58">
        <f>IF(Input!$K$13=3,J853*Input!$J$13,0)+IF(Input!$K$14=3,K853*Input!$J$14,0)+IF(Input!$K$15=3,L853*Input!$J$15,0)+IF(Input!$K$16=3,M853*Input!$J$16,0)</f>
        <v>0</v>
      </c>
      <c r="Q853" s="71">
        <f>IF(Input!$K$13=4,J853*Input!$J$13,0)+IF(Input!$K$14=4,K853*Input!$J$14,0)+IF(Input!$K$15=4,L853*Input!$J$15,0)+IF(Input!$K$16=4,M853*Input!$J$16,0)</f>
        <v>0</v>
      </c>
    </row>
    <row r="854" spans="8:17" x14ac:dyDescent="0.25">
      <c r="H854" s="43">
        <v>847</v>
      </c>
      <c r="I854" s="55">
        <f>Bühler!I880</f>
        <v>7.6081296800438718</v>
      </c>
      <c r="J854" s="58">
        <f>Bühler!J880</f>
        <v>20.464637540960585</v>
      </c>
      <c r="K854" s="58">
        <f>Bühler!K880</f>
        <v>0.47629251894790792</v>
      </c>
      <c r="L854" s="58">
        <f>Bühler!L880</f>
        <v>0.23814625947395396</v>
      </c>
      <c r="M854" s="57">
        <f>Bühler!M880</f>
        <v>0</v>
      </c>
      <c r="N854" s="55">
        <f>IF(Input!$K$13=1,J854*Input!$J$13,0)+IF(Input!$K$14=1,K854*Input!$J$14,0)+IF(Input!$K$15=1,L854*Input!$J$15,0)+IF(Input!$K$16=1,M854*Input!$J$16,0)</f>
        <v>2.4557565049152701</v>
      </c>
      <c r="O854" s="58">
        <f>IF(Input!$K$13=2,J854*Input!$J$13,0)+IF(Input!$K$14=2,K854*Input!$J$14,0)+IF(Input!$K$15=2,L854*Input!$J$15,0)+IF(Input!$K$16=2,M854*Input!$J$16,0)</f>
        <v>6.4299490057967562E-2</v>
      </c>
      <c r="P854" s="58">
        <f>IF(Input!$K$13=3,J854*Input!$J$13,0)+IF(Input!$K$14=3,K854*Input!$J$14,0)+IF(Input!$K$15=3,L854*Input!$J$15,0)+IF(Input!$K$16=3,M854*Input!$J$16,0)</f>
        <v>0</v>
      </c>
      <c r="Q854" s="71">
        <f>IF(Input!$K$13=4,J854*Input!$J$13,0)+IF(Input!$K$14=4,K854*Input!$J$14,0)+IF(Input!$K$15=4,L854*Input!$J$15,0)+IF(Input!$K$16=4,M854*Input!$J$16,0)</f>
        <v>0</v>
      </c>
    </row>
    <row r="855" spans="8:17" x14ac:dyDescent="0.25">
      <c r="H855" s="43">
        <v>848</v>
      </c>
      <c r="I855" s="55">
        <f>Bühler!I881</f>
        <v>9.0436258460898848</v>
      </c>
      <c r="J855" s="58">
        <f>Bühler!J881</f>
        <v>20.524449881212501</v>
      </c>
      <c r="K855" s="58">
        <f>Bühler!K881</f>
        <v>0.47629251894790792</v>
      </c>
      <c r="L855" s="58">
        <f>Bühler!L881</f>
        <v>0.23814625947395396</v>
      </c>
      <c r="M855" s="57">
        <f>Bühler!M881</f>
        <v>0</v>
      </c>
      <c r="N855" s="55">
        <f>IF(Input!$K$13=1,J855*Input!$J$13,0)+IF(Input!$K$14=1,K855*Input!$J$14,0)+IF(Input!$K$15=1,L855*Input!$J$15,0)+IF(Input!$K$16=1,M855*Input!$J$16,0)</f>
        <v>2.4629339857454999</v>
      </c>
      <c r="O855" s="58">
        <f>IF(Input!$K$13=2,J855*Input!$J$13,0)+IF(Input!$K$14=2,K855*Input!$J$14,0)+IF(Input!$K$15=2,L855*Input!$J$15,0)+IF(Input!$K$16=2,M855*Input!$J$16,0)</f>
        <v>6.4299490057967562E-2</v>
      </c>
      <c r="P855" s="58">
        <f>IF(Input!$K$13=3,J855*Input!$J$13,0)+IF(Input!$K$14=3,K855*Input!$J$14,0)+IF(Input!$K$15=3,L855*Input!$J$15,0)+IF(Input!$K$16=3,M855*Input!$J$16,0)</f>
        <v>0</v>
      </c>
      <c r="Q855" s="71">
        <f>IF(Input!$K$13=4,J855*Input!$J$13,0)+IF(Input!$K$14=4,K855*Input!$J$14,0)+IF(Input!$K$15=4,L855*Input!$J$15,0)+IF(Input!$K$16=4,M855*Input!$J$16,0)</f>
        <v>0</v>
      </c>
    </row>
    <row r="856" spans="8:17" x14ac:dyDescent="0.25">
      <c r="H856" s="43">
        <v>849</v>
      </c>
      <c r="I856" s="55">
        <f>Bühler!I882</f>
        <v>9.0436258460898848</v>
      </c>
      <c r="J856" s="58">
        <f>Bühler!J882</f>
        <v>20.524449881212501</v>
      </c>
      <c r="K856" s="58">
        <f>Bühler!K882</f>
        <v>0.47629251894790792</v>
      </c>
      <c r="L856" s="58">
        <f>Bühler!L882</f>
        <v>0.23814625947395396</v>
      </c>
      <c r="M856" s="57">
        <f>Bühler!M882</f>
        <v>0</v>
      </c>
      <c r="N856" s="55">
        <f>IF(Input!$K$13=1,J856*Input!$J$13,0)+IF(Input!$K$14=1,K856*Input!$J$14,0)+IF(Input!$K$15=1,L856*Input!$J$15,0)+IF(Input!$K$16=1,M856*Input!$J$16,0)</f>
        <v>2.4629339857454999</v>
      </c>
      <c r="O856" s="58">
        <f>IF(Input!$K$13=2,J856*Input!$J$13,0)+IF(Input!$K$14=2,K856*Input!$J$14,0)+IF(Input!$K$15=2,L856*Input!$J$15,0)+IF(Input!$K$16=2,M856*Input!$J$16,0)</f>
        <v>6.4299490057967562E-2</v>
      </c>
      <c r="P856" s="58">
        <f>IF(Input!$K$13=3,J856*Input!$J$13,0)+IF(Input!$K$14=3,K856*Input!$J$14,0)+IF(Input!$K$15=3,L856*Input!$J$15,0)+IF(Input!$K$16=3,M856*Input!$J$16,0)</f>
        <v>0</v>
      </c>
      <c r="Q856" s="71">
        <f>IF(Input!$K$13=4,J856*Input!$J$13,0)+IF(Input!$K$14=4,K856*Input!$J$14,0)+IF(Input!$K$15=4,L856*Input!$J$15,0)+IF(Input!$K$16=4,M856*Input!$J$16,0)</f>
        <v>0</v>
      </c>
    </row>
    <row r="857" spans="8:17" x14ac:dyDescent="0.25">
      <c r="H857" s="43">
        <v>850</v>
      </c>
      <c r="I857" s="55">
        <f>Bühler!I883</f>
        <v>9.0436258460898848</v>
      </c>
      <c r="J857" s="58">
        <f>Bühler!J883</f>
        <v>20.524449881212501</v>
      </c>
      <c r="K857" s="58">
        <f>Bühler!K883</f>
        <v>0.47629251894790792</v>
      </c>
      <c r="L857" s="58">
        <f>Bühler!L883</f>
        <v>0.23814625947395396</v>
      </c>
      <c r="M857" s="57">
        <f>Bühler!M883</f>
        <v>0</v>
      </c>
      <c r="N857" s="55">
        <f>IF(Input!$K$13=1,J857*Input!$J$13,0)+IF(Input!$K$14=1,K857*Input!$J$14,0)+IF(Input!$K$15=1,L857*Input!$J$15,0)+IF(Input!$K$16=1,M857*Input!$J$16,0)</f>
        <v>2.4629339857454999</v>
      </c>
      <c r="O857" s="58">
        <f>IF(Input!$K$13=2,J857*Input!$J$13,0)+IF(Input!$K$14=2,K857*Input!$J$14,0)+IF(Input!$K$15=2,L857*Input!$J$15,0)+IF(Input!$K$16=2,M857*Input!$J$16,0)</f>
        <v>6.4299490057967562E-2</v>
      </c>
      <c r="P857" s="58">
        <f>IF(Input!$K$13=3,J857*Input!$J$13,0)+IF(Input!$K$14=3,K857*Input!$J$14,0)+IF(Input!$K$15=3,L857*Input!$J$15,0)+IF(Input!$K$16=3,M857*Input!$J$16,0)</f>
        <v>0</v>
      </c>
      <c r="Q857" s="71">
        <f>IF(Input!$K$13=4,J857*Input!$J$13,0)+IF(Input!$K$14=4,K857*Input!$J$14,0)+IF(Input!$K$15=4,L857*Input!$J$15,0)+IF(Input!$K$16=4,M857*Input!$J$16,0)</f>
        <v>0</v>
      </c>
    </row>
    <row r="858" spans="8:17" x14ac:dyDescent="0.25">
      <c r="H858" s="43">
        <v>851</v>
      </c>
      <c r="I858" s="55">
        <f>Bühler!I884</f>
        <v>9.0436258460898848</v>
      </c>
      <c r="J858" s="58">
        <f>Bühler!J884</f>
        <v>20.524449881212501</v>
      </c>
      <c r="K858" s="58">
        <f>Bühler!K884</f>
        <v>0.47629251894790792</v>
      </c>
      <c r="L858" s="58">
        <f>Bühler!L884</f>
        <v>0.23814625947395396</v>
      </c>
      <c r="M858" s="57">
        <f>Bühler!M884</f>
        <v>0</v>
      </c>
      <c r="N858" s="55">
        <f>IF(Input!$K$13=1,J858*Input!$J$13,0)+IF(Input!$K$14=1,K858*Input!$J$14,0)+IF(Input!$K$15=1,L858*Input!$J$15,0)+IF(Input!$K$16=1,M858*Input!$J$16,0)</f>
        <v>2.4629339857454999</v>
      </c>
      <c r="O858" s="58">
        <f>IF(Input!$K$13=2,J858*Input!$J$13,0)+IF(Input!$K$14=2,K858*Input!$J$14,0)+IF(Input!$K$15=2,L858*Input!$J$15,0)+IF(Input!$K$16=2,M858*Input!$J$16,0)</f>
        <v>6.4299490057967562E-2</v>
      </c>
      <c r="P858" s="58">
        <f>IF(Input!$K$13=3,J858*Input!$J$13,0)+IF(Input!$K$14=3,K858*Input!$J$14,0)+IF(Input!$K$15=3,L858*Input!$J$15,0)+IF(Input!$K$16=3,M858*Input!$J$16,0)</f>
        <v>0</v>
      </c>
      <c r="Q858" s="71">
        <f>IF(Input!$K$13=4,J858*Input!$J$13,0)+IF(Input!$K$14=4,K858*Input!$J$14,0)+IF(Input!$K$15=4,L858*Input!$J$15,0)+IF(Input!$K$16=4,M858*Input!$J$16,0)</f>
        <v>0</v>
      </c>
    </row>
    <row r="859" spans="8:17" x14ac:dyDescent="0.25">
      <c r="H859" s="43">
        <v>852</v>
      </c>
      <c r="I859" s="55">
        <f>Bühler!I885</f>
        <v>9.0436258460898848</v>
      </c>
      <c r="J859" s="58">
        <f>Bühler!J885</f>
        <v>20.524449881212501</v>
      </c>
      <c r="K859" s="58">
        <f>Bühler!K885</f>
        <v>0.47629251894790792</v>
      </c>
      <c r="L859" s="58">
        <f>Bühler!L885</f>
        <v>0.23814625947395396</v>
      </c>
      <c r="M859" s="57">
        <f>Bühler!M885</f>
        <v>0</v>
      </c>
      <c r="N859" s="55">
        <f>IF(Input!$K$13=1,J859*Input!$J$13,0)+IF(Input!$K$14=1,K859*Input!$J$14,0)+IF(Input!$K$15=1,L859*Input!$J$15,0)+IF(Input!$K$16=1,M859*Input!$J$16,0)</f>
        <v>2.4629339857454999</v>
      </c>
      <c r="O859" s="58">
        <f>IF(Input!$K$13=2,J859*Input!$J$13,0)+IF(Input!$K$14=2,K859*Input!$J$14,0)+IF(Input!$K$15=2,L859*Input!$J$15,0)+IF(Input!$K$16=2,M859*Input!$J$16,0)</f>
        <v>6.4299490057967562E-2</v>
      </c>
      <c r="P859" s="58">
        <f>IF(Input!$K$13=3,J859*Input!$J$13,0)+IF(Input!$K$14=3,K859*Input!$J$14,0)+IF(Input!$K$15=3,L859*Input!$J$15,0)+IF(Input!$K$16=3,M859*Input!$J$16,0)</f>
        <v>0</v>
      </c>
      <c r="Q859" s="71">
        <f>IF(Input!$K$13=4,J859*Input!$J$13,0)+IF(Input!$K$14=4,K859*Input!$J$14,0)+IF(Input!$K$15=4,L859*Input!$J$15,0)+IF(Input!$K$16=4,M859*Input!$J$16,0)</f>
        <v>0</v>
      </c>
    </row>
    <row r="860" spans="8:17" x14ac:dyDescent="0.25">
      <c r="H860" s="43">
        <v>853</v>
      </c>
      <c r="I860" s="55">
        <f>Bühler!I886</f>
        <v>9.0436258460898848</v>
      </c>
      <c r="J860" s="58">
        <f>Bühler!J886</f>
        <v>20.524449881212501</v>
      </c>
      <c r="K860" s="58">
        <f>Bühler!K886</f>
        <v>0.47629251894790792</v>
      </c>
      <c r="L860" s="58">
        <f>Bühler!L886</f>
        <v>0.23814625947395396</v>
      </c>
      <c r="M860" s="57">
        <f>Bühler!M886</f>
        <v>0</v>
      </c>
      <c r="N860" s="55">
        <f>IF(Input!$K$13=1,J860*Input!$J$13,0)+IF(Input!$K$14=1,K860*Input!$J$14,0)+IF(Input!$K$15=1,L860*Input!$J$15,0)+IF(Input!$K$16=1,M860*Input!$J$16,0)</f>
        <v>2.4629339857454999</v>
      </c>
      <c r="O860" s="58">
        <f>IF(Input!$K$13=2,J860*Input!$J$13,0)+IF(Input!$K$14=2,K860*Input!$J$14,0)+IF(Input!$K$15=2,L860*Input!$J$15,0)+IF(Input!$K$16=2,M860*Input!$J$16,0)</f>
        <v>6.4299490057967562E-2</v>
      </c>
      <c r="P860" s="58">
        <f>IF(Input!$K$13=3,J860*Input!$J$13,0)+IF(Input!$K$14=3,K860*Input!$J$14,0)+IF(Input!$K$15=3,L860*Input!$J$15,0)+IF(Input!$K$16=3,M860*Input!$J$16,0)</f>
        <v>0</v>
      </c>
      <c r="Q860" s="71">
        <f>IF(Input!$K$13=4,J860*Input!$J$13,0)+IF(Input!$K$14=4,K860*Input!$J$14,0)+IF(Input!$K$15=4,L860*Input!$J$15,0)+IF(Input!$K$16=4,M860*Input!$J$16,0)</f>
        <v>0</v>
      </c>
    </row>
    <row r="861" spans="8:17" x14ac:dyDescent="0.25">
      <c r="H861" s="43">
        <v>854</v>
      </c>
      <c r="I861" s="55">
        <f>Bühler!I887</f>
        <v>9.0436258460898848</v>
      </c>
      <c r="J861" s="58">
        <f>Bühler!J887</f>
        <v>20.524449881212501</v>
      </c>
      <c r="K861" s="58">
        <f>Bühler!K887</f>
        <v>0.47629251894790792</v>
      </c>
      <c r="L861" s="58">
        <f>Bühler!L887</f>
        <v>0.23814625947395396</v>
      </c>
      <c r="M861" s="57">
        <f>Bühler!M887</f>
        <v>0</v>
      </c>
      <c r="N861" s="55">
        <f>IF(Input!$K$13=1,J861*Input!$J$13,0)+IF(Input!$K$14=1,K861*Input!$J$14,0)+IF(Input!$K$15=1,L861*Input!$J$15,0)+IF(Input!$K$16=1,M861*Input!$J$16,0)</f>
        <v>2.4629339857454999</v>
      </c>
      <c r="O861" s="58">
        <f>IF(Input!$K$13=2,J861*Input!$J$13,0)+IF(Input!$K$14=2,K861*Input!$J$14,0)+IF(Input!$K$15=2,L861*Input!$J$15,0)+IF(Input!$K$16=2,M861*Input!$J$16,0)</f>
        <v>6.4299490057967562E-2</v>
      </c>
      <c r="P861" s="58">
        <f>IF(Input!$K$13=3,J861*Input!$J$13,0)+IF(Input!$K$14=3,K861*Input!$J$14,0)+IF(Input!$K$15=3,L861*Input!$J$15,0)+IF(Input!$K$16=3,M861*Input!$J$16,0)</f>
        <v>0</v>
      </c>
      <c r="Q861" s="71">
        <f>IF(Input!$K$13=4,J861*Input!$J$13,0)+IF(Input!$K$14=4,K861*Input!$J$14,0)+IF(Input!$K$15=4,L861*Input!$J$15,0)+IF(Input!$K$16=4,M861*Input!$J$16,0)</f>
        <v>0</v>
      </c>
    </row>
    <row r="862" spans="8:17" x14ac:dyDescent="0.25">
      <c r="H862" s="43">
        <v>855</v>
      </c>
      <c r="I862" s="55">
        <f>Bühler!I888</f>
        <v>9.0436258460898848</v>
      </c>
      <c r="J862" s="58">
        <f>Bühler!J888</f>
        <v>20.524449881212501</v>
      </c>
      <c r="K862" s="58">
        <f>Bühler!K888</f>
        <v>0.47629251894790792</v>
      </c>
      <c r="L862" s="58">
        <f>Bühler!L888</f>
        <v>0.23814625947395396</v>
      </c>
      <c r="M862" s="57">
        <f>Bühler!M888</f>
        <v>0</v>
      </c>
      <c r="N862" s="55">
        <f>IF(Input!$K$13=1,J862*Input!$J$13,0)+IF(Input!$K$14=1,K862*Input!$J$14,0)+IF(Input!$K$15=1,L862*Input!$J$15,0)+IF(Input!$K$16=1,M862*Input!$J$16,0)</f>
        <v>2.4629339857454999</v>
      </c>
      <c r="O862" s="58">
        <f>IF(Input!$K$13=2,J862*Input!$J$13,0)+IF(Input!$K$14=2,K862*Input!$J$14,0)+IF(Input!$K$15=2,L862*Input!$J$15,0)+IF(Input!$K$16=2,M862*Input!$J$16,0)</f>
        <v>6.4299490057967562E-2</v>
      </c>
      <c r="P862" s="58">
        <f>IF(Input!$K$13=3,J862*Input!$J$13,0)+IF(Input!$K$14=3,K862*Input!$J$14,0)+IF(Input!$K$15=3,L862*Input!$J$15,0)+IF(Input!$K$16=3,M862*Input!$J$16,0)</f>
        <v>0</v>
      </c>
      <c r="Q862" s="71">
        <f>IF(Input!$K$13=4,J862*Input!$J$13,0)+IF(Input!$K$14=4,K862*Input!$J$14,0)+IF(Input!$K$15=4,L862*Input!$J$15,0)+IF(Input!$K$16=4,M862*Input!$J$16,0)</f>
        <v>0</v>
      </c>
    </row>
    <row r="863" spans="8:17" x14ac:dyDescent="0.25">
      <c r="H863" s="43">
        <v>856</v>
      </c>
      <c r="I863" s="55">
        <f>Bühler!I889</f>
        <v>8.0387785298576748</v>
      </c>
      <c r="J863" s="58">
        <f>Bühler!J889</f>
        <v>20.482581243036162</v>
      </c>
      <c r="K863" s="58">
        <f>Bühler!K889</f>
        <v>0.47629251894790792</v>
      </c>
      <c r="L863" s="58">
        <f>Bühler!L889</f>
        <v>0.23814625947395396</v>
      </c>
      <c r="M863" s="57">
        <f>Bühler!M889</f>
        <v>0</v>
      </c>
      <c r="N863" s="55">
        <f>IF(Input!$K$13=1,J863*Input!$J$13,0)+IF(Input!$K$14=1,K863*Input!$J$14,0)+IF(Input!$K$15=1,L863*Input!$J$15,0)+IF(Input!$K$16=1,M863*Input!$J$16,0)</f>
        <v>2.4579097491643394</v>
      </c>
      <c r="O863" s="58">
        <f>IF(Input!$K$13=2,J863*Input!$J$13,0)+IF(Input!$K$14=2,K863*Input!$J$14,0)+IF(Input!$K$15=2,L863*Input!$J$15,0)+IF(Input!$K$16=2,M863*Input!$J$16,0)</f>
        <v>6.4299490057967562E-2</v>
      </c>
      <c r="P863" s="58">
        <f>IF(Input!$K$13=3,J863*Input!$J$13,0)+IF(Input!$K$14=3,K863*Input!$J$14,0)+IF(Input!$K$15=3,L863*Input!$J$15,0)+IF(Input!$K$16=3,M863*Input!$J$16,0)</f>
        <v>0</v>
      </c>
      <c r="Q863" s="71">
        <f>IF(Input!$K$13=4,J863*Input!$J$13,0)+IF(Input!$K$14=4,K863*Input!$J$14,0)+IF(Input!$K$15=4,L863*Input!$J$15,0)+IF(Input!$K$16=4,M863*Input!$J$16,0)</f>
        <v>0</v>
      </c>
    </row>
    <row r="864" spans="8:17" x14ac:dyDescent="0.25">
      <c r="H864" s="43">
        <v>857</v>
      </c>
      <c r="I864" s="55">
        <f>Bühler!I890</f>
        <v>7.8952289132530744</v>
      </c>
      <c r="J864" s="58">
        <f>Bühler!J890</f>
        <v>20.476600009010969</v>
      </c>
      <c r="K864" s="58">
        <f>Bühler!K890</f>
        <v>0.47629251894790792</v>
      </c>
      <c r="L864" s="58">
        <f>Bühler!L890</f>
        <v>0.23814625947395396</v>
      </c>
      <c r="M864" s="57">
        <f>Bühler!M890</f>
        <v>0</v>
      </c>
      <c r="N864" s="55">
        <f>IF(Input!$K$13=1,J864*Input!$J$13,0)+IF(Input!$K$14=1,K864*Input!$J$14,0)+IF(Input!$K$15=1,L864*Input!$J$15,0)+IF(Input!$K$16=1,M864*Input!$J$16,0)</f>
        <v>2.4571920010813164</v>
      </c>
      <c r="O864" s="58">
        <f>IF(Input!$K$13=2,J864*Input!$J$13,0)+IF(Input!$K$14=2,K864*Input!$J$14,0)+IF(Input!$K$15=2,L864*Input!$J$15,0)+IF(Input!$K$16=2,M864*Input!$J$16,0)</f>
        <v>6.4299490057967562E-2</v>
      </c>
      <c r="P864" s="58">
        <f>IF(Input!$K$13=3,J864*Input!$J$13,0)+IF(Input!$K$14=3,K864*Input!$J$14,0)+IF(Input!$K$15=3,L864*Input!$J$15,0)+IF(Input!$K$16=3,M864*Input!$J$16,0)</f>
        <v>0</v>
      </c>
      <c r="Q864" s="71">
        <f>IF(Input!$K$13=4,J864*Input!$J$13,0)+IF(Input!$K$14=4,K864*Input!$J$14,0)+IF(Input!$K$15=4,L864*Input!$J$15,0)+IF(Input!$K$16=4,M864*Input!$J$16,0)</f>
        <v>0</v>
      </c>
    </row>
    <row r="865" spans="8:17" x14ac:dyDescent="0.25">
      <c r="H865" s="43">
        <v>858</v>
      </c>
      <c r="I865" s="55">
        <f>Bühler!I891</f>
        <v>6.746831980416264</v>
      </c>
      <c r="J865" s="58">
        <f>Bühler!J891</f>
        <v>20.428750136809438</v>
      </c>
      <c r="K865" s="58">
        <f>Bühler!K891</f>
        <v>0.47629251894790792</v>
      </c>
      <c r="L865" s="58">
        <f>Bühler!L891</f>
        <v>0.23814625947395396</v>
      </c>
      <c r="M865" s="57">
        <f>Bühler!M891</f>
        <v>0</v>
      </c>
      <c r="N865" s="55">
        <f>IF(Input!$K$13=1,J865*Input!$J$13,0)+IF(Input!$K$14=1,K865*Input!$J$14,0)+IF(Input!$K$15=1,L865*Input!$J$15,0)+IF(Input!$K$16=1,M865*Input!$J$16,0)</f>
        <v>2.4514500164171324</v>
      </c>
      <c r="O865" s="58">
        <f>IF(Input!$K$13=2,J865*Input!$J$13,0)+IF(Input!$K$14=2,K865*Input!$J$14,0)+IF(Input!$K$15=2,L865*Input!$J$15,0)+IF(Input!$K$16=2,M865*Input!$J$16,0)</f>
        <v>6.4299490057967562E-2</v>
      </c>
      <c r="P865" s="58">
        <f>IF(Input!$K$13=3,J865*Input!$J$13,0)+IF(Input!$K$14=3,K865*Input!$J$14,0)+IF(Input!$K$15=3,L865*Input!$J$15,0)+IF(Input!$K$16=3,M865*Input!$J$16,0)</f>
        <v>0</v>
      </c>
      <c r="Q865" s="71">
        <f>IF(Input!$K$13=4,J865*Input!$J$13,0)+IF(Input!$K$14=4,K865*Input!$J$14,0)+IF(Input!$K$15=4,L865*Input!$J$15,0)+IF(Input!$K$16=4,M865*Input!$J$16,0)</f>
        <v>0</v>
      </c>
    </row>
    <row r="866" spans="8:17" x14ac:dyDescent="0.25">
      <c r="H866" s="43">
        <v>859</v>
      </c>
      <c r="I866" s="55">
        <f>Bühler!I892</f>
        <v>6.3161831306024601</v>
      </c>
      <c r="J866" s="58">
        <f>Bühler!J892</f>
        <v>20.41080643473386</v>
      </c>
      <c r="K866" s="58">
        <f>Bühler!K892</f>
        <v>0.47629251894790792</v>
      </c>
      <c r="L866" s="58">
        <f>Bühler!L892</f>
        <v>0.23814625947395396</v>
      </c>
      <c r="M866" s="57">
        <f>Bühler!M892</f>
        <v>0</v>
      </c>
      <c r="N866" s="55">
        <f>IF(Input!$K$13=1,J866*Input!$J$13,0)+IF(Input!$K$14=1,K866*Input!$J$14,0)+IF(Input!$K$15=1,L866*Input!$J$15,0)+IF(Input!$K$16=1,M866*Input!$J$16,0)</f>
        <v>2.4492967721680632</v>
      </c>
      <c r="O866" s="58">
        <f>IF(Input!$K$13=2,J866*Input!$J$13,0)+IF(Input!$K$14=2,K866*Input!$J$14,0)+IF(Input!$K$15=2,L866*Input!$J$15,0)+IF(Input!$K$16=2,M866*Input!$J$16,0)</f>
        <v>6.4299490057967562E-2</v>
      </c>
      <c r="P866" s="58">
        <f>IF(Input!$K$13=3,J866*Input!$J$13,0)+IF(Input!$K$14=3,K866*Input!$J$14,0)+IF(Input!$K$15=3,L866*Input!$J$15,0)+IF(Input!$K$16=3,M866*Input!$J$16,0)</f>
        <v>0</v>
      </c>
      <c r="Q866" s="71">
        <f>IF(Input!$K$13=4,J866*Input!$J$13,0)+IF(Input!$K$14=4,K866*Input!$J$14,0)+IF(Input!$K$15=4,L866*Input!$J$15,0)+IF(Input!$K$16=4,M866*Input!$J$16,0)</f>
        <v>0</v>
      </c>
    </row>
    <row r="867" spans="8:17" x14ac:dyDescent="0.25">
      <c r="H867" s="43">
        <v>860</v>
      </c>
      <c r="I867" s="55">
        <f>Bühler!I893</f>
        <v>5.31133581437025</v>
      </c>
      <c r="J867" s="58">
        <f>Bühler!J893</f>
        <v>20.368937796557521</v>
      </c>
      <c r="K867" s="58">
        <f>Bühler!K893</f>
        <v>0.47629251894790792</v>
      </c>
      <c r="L867" s="58">
        <f>Bühler!L893</f>
        <v>0.23814625947395396</v>
      </c>
      <c r="M867" s="57">
        <f>Bühler!M893</f>
        <v>0</v>
      </c>
      <c r="N867" s="55">
        <f>IF(Input!$K$13=1,J867*Input!$J$13,0)+IF(Input!$K$14=1,K867*Input!$J$14,0)+IF(Input!$K$15=1,L867*Input!$J$15,0)+IF(Input!$K$16=1,M867*Input!$J$16,0)</f>
        <v>2.4442725355869026</v>
      </c>
      <c r="O867" s="58">
        <f>IF(Input!$K$13=2,J867*Input!$J$13,0)+IF(Input!$K$14=2,K867*Input!$J$14,0)+IF(Input!$K$15=2,L867*Input!$J$15,0)+IF(Input!$K$16=2,M867*Input!$J$16,0)</f>
        <v>6.4299490057967562E-2</v>
      </c>
      <c r="P867" s="58">
        <f>IF(Input!$K$13=3,J867*Input!$J$13,0)+IF(Input!$K$14=3,K867*Input!$J$14,0)+IF(Input!$K$15=3,L867*Input!$J$15,0)+IF(Input!$K$16=3,M867*Input!$J$16,0)</f>
        <v>0</v>
      </c>
      <c r="Q867" s="71">
        <f>IF(Input!$K$13=4,J867*Input!$J$13,0)+IF(Input!$K$14=4,K867*Input!$J$14,0)+IF(Input!$K$15=4,L867*Input!$J$15,0)+IF(Input!$K$16=4,M867*Input!$J$16,0)</f>
        <v>0</v>
      </c>
    </row>
    <row r="868" spans="8:17" x14ac:dyDescent="0.25">
      <c r="H868" s="43">
        <v>861</v>
      </c>
      <c r="I868" s="55">
        <f>Bühler!I894</f>
        <v>4.4500381147426422</v>
      </c>
      <c r="J868" s="58">
        <f>Bühler!J894</f>
        <v>20.333050392406371</v>
      </c>
      <c r="K868" s="58">
        <f>Bühler!K894</f>
        <v>0.47629251894790792</v>
      </c>
      <c r="L868" s="58">
        <f>Bühler!L894</f>
        <v>0.23814625947395396</v>
      </c>
      <c r="M868" s="57">
        <f>Bühler!M894</f>
        <v>0</v>
      </c>
      <c r="N868" s="55">
        <f>IF(Input!$K$13=1,J868*Input!$J$13,0)+IF(Input!$K$14=1,K868*Input!$J$14,0)+IF(Input!$K$15=1,L868*Input!$J$15,0)+IF(Input!$K$16=1,M868*Input!$J$16,0)</f>
        <v>2.4399660470887645</v>
      </c>
      <c r="O868" s="58">
        <f>IF(Input!$K$13=2,J868*Input!$J$13,0)+IF(Input!$K$14=2,K868*Input!$J$14,0)+IF(Input!$K$15=2,L868*Input!$J$15,0)+IF(Input!$K$16=2,M868*Input!$J$16,0)</f>
        <v>6.4299490057967562E-2</v>
      </c>
      <c r="P868" s="58">
        <f>IF(Input!$K$13=3,J868*Input!$J$13,0)+IF(Input!$K$14=3,K868*Input!$J$14,0)+IF(Input!$K$15=3,L868*Input!$J$15,0)+IF(Input!$K$16=3,M868*Input!$J$16,0)</f>
        <v>0</v>
      </c>
      <c r="Q868" s="71">
        <f>IF(Input!$K$13=4,J868*Input!$J$13,0)+IF(Input!$K$14=4,K868*Input!$J$14,0)+IF(Input!$K$15=4,L868*Input!$J$15,0)+IF(Input!$K$16=4,M868*Input!$J$16,0)</f>
        <v>0</v>
      </c>
    </row>
    <row r="869" spans="8:17" x14ac:dyDescent="0.25">
      <c r="H869" s="43">
        <v>862</v>
      </c>
      <c r="I869" s="55">
        <f>Bühler!I895</f>
        <v>3.8758396483242366</v>
      </c>
      <c r="J869" s="58">
        <f>Bühler!J895</f>
        <v>20.309125456305605</v>
      </c>
      <c r="K869" s="58">
        <f>Bühler!K895</f>
        <v>0.47629251894790792</v>
      </c>
      <c r="L869" s="58">
        <f>Bühler!L895</f>
        <v>0.23814625947395396</v>
      </c>
      <c r="M869" s="57">
        <f>Bühler!M895</f>
        <v>0</v>
      </c>
      <c r="N869" s="55">
        <f>IF(Input!$K$13=1,J869*Input!$J$13,0)+IF(Input!$K$14=1,K869*Input!$J$14,0)+IF(Input!$K$15=1,L869*Input!$J$15,0)+IF(Input!$K$16=1,M869*Input!$J$16,0)</f>
        <v>2.4370950547566723</v>
      </c>
      <c r="O869" s="58">
        <f>IF(Input!$K$13=2,J869*Input!$J$13,0)+IF(Input!$K$14=2,K869*Input!$J$14,0)+IF(Input!$K$15=2,L869*Input!$J$15,0)+IF(Input!$K$16=2,M869*Input!$J$16,0)</f>
        <v>6.4299490057967562E-2</v>
      </c>
      <c r="P869" s="58">
        <f>IF(Input!$K$13=3,J869*Input!$J$13,0)+IF(Input!$K$14=3,K869*Input!$J$14,0)+IF(Input!$K$15=3,L869*Input!$J$15,0)+IF(Input!$K$16=3,M869*Input!$J$16,0)</f>
        <v>0</v>
      </c>
      <c r="Q869" s="71">
        <f>IF(Input!$K$13=4,J869*Input!$J$13,0)+IF(Input!$K$14=4,K869*Input!$J$14,0)+IF(Input!$K$15=4,L869*Input!$J$15,0)+IF(Input!$K$16=4,M869*Input!$J$16,0)</f>
        <v>0</v>
      </c>
    </row>
    <row r="870" spans="8:17" x14ac:dyDescent="0.25">
      <c r="H870" s="43">
        <v>863</v>
      </c>
      <c r="I870" s="55">
        <f>Bühler!I896</f>
        <v>3.8758396483242366</v>
      </c>
      <c r="J870" s="58">
        <f>Bühler!J896</f>
        <v>20.309125456305605</v>
      </c>
      <c r="K870" s="58">
        <f>Bühler!K896</f>
        <v>0.47629251894790792</v>
      </c>
      <c r="L870" s="58">
        <f>Bühler!L896</f>
        <v>0.23814625947395396</v>
      </c>
      <c r="M870" s="57">
        <f>Bühler!M896</f>
        <v>0</v>
      </c>
      <c r="N870" s="55">
        <f>IF(Input!$K$13=1,J870*Input!$J$13,0)+IF(Input!$K$14=1,K870*Input!$J$14,0)+IF(Input!$K$15=1,L870*Input!$J$15,0)+IF(Input!$K$16=1,M870*Input!$J$16,0)</f>
        <v>2.4370950547566723</v>
      </c>
      <c r="O870" s="58">
        <f>IF(Input!$K$13=2,J870*Input!$J$13,0)+IF(Input!$K$14=2,K870*Input!$J$14,0)+IF(Input!$K$15=2,L870*Input!$J$15,0)+IF(Input!$K$16=2,M870*Input!$J$16,0)</f>
        <v>6.4299490057967562E-2</v>
      </c>
      <c r="P870" s="58">
        <f>IF(Input!$K$13=3,J870*Input!$J$13,0)+IF(Input!$K$14=3,K870*Input!$J$14,0)+IF(Input!$K$15=3,L870*Input!$J$15,0)+IF(Input!$K$16=3,M870*Input!$J$16,0)</f>
        <v>0</v>
      </c>
      <c r="Q870" s="71">
        <f>IF(Input!$K$13=4,J870*Input!$J$13,0)+IF(Input!$K$14=4,K870*Input!$J$14,0)+IF(Input!$K$15=4,L870*Input!$J$15,0)+IF(Input!$K$16=4,M870*Input!$J$16,0)</f>
        <v>0</v>
      </c>
    </row>
    <row r="871" spans="8:17" x14ac:dyDescent="0.25">
      <c r="H871" s="43">
        <v>864</v>
      </c>
      <c r="I871" s="55">
        <f>Bühler!I897</f>
        <v>3.8758396483242366</v>
      </c>
      <c r="J871" s="58">
        <f>Bühler!J897</f>
        <v>20.309125456305605</v>
      </c>
      <c r="K871" s="58">
        <f>Bühler!K897</f>
        <v>0.47629251894790792</v>
      </c>
      <c r="L871" s="58">
        <f>Bühler!L897</f>
        <v>0.23814625947395396</v>
      </c>
      <c r="M871" s="57">
        <f>Bühler!M897</f>
        <v>0</v>
      </c>
      <c r="N871" s="55">
        <f>IF(Input!$K$13=1,J871*Input!$J$13,0)+IF(Input!$K$14=1,K871*Input!$J$14,0)+IF(Input!$K$15=1,L871*Input!$J$15,0)+IF(Input!$K$16=1,M871*Input!$J$16,0)</f>
        <v>2.4370950547566723</v>
      </c>
      <c r="O871" s="58">
        <f>IF(Input!$K$13=2,J871*Input!$J$13,0)+IF(Input!$K$14=2,K871*Input!$J$14,0)+IF(Input!$K$15=2,L871*Input!$J$15,0)+IF(Input!$K$16=2,M871*Input!$J$16,0)</f>
        <v>6.4299490057967562E-2</v>
      </c>
      <c r="P871" s="58">
        <f>IF(Input!$K$13=3,J871*Input!$J$13,0)+IF(Input!$K$14=3,K871*Input!$J$14,0)+IF(Input!$K$15=3,L871*Input!$J$15,0)+IF(Input!$K$16=3,M871*Input!$J$16,0)</f>
        <v>0</v>
      </c>
      <c r="Q871" s="71">
        <f>IF(Input!$K$13=4,J871*Input!$J$13,0)+IF(Input!$K$14=4,K871*Input!$J$14,0)+IF(Input!$K$15=4,L871*Input!$J$15,0)+IF(Input!$K$16=4,M871*Input!$J$16,0)</f>
        <v>0</v>
      </c>
    </row>
    <row r="872" spans="8:17" x14ac:dyDescent="0.25">
      <c r="H872" s="43">
        <v>865</v>
      </c>
      <c r="I872" s="55">
        <f>Bühler!I898</f>
        <v>4.6084894727111658</v>
      </c>
      <c r="J872" s="58">
        <f>Bühler!J898</f>
        <v>19.289452611180547</v>
      </c>
      <c r="K872" s="58">
        <f>Bühler!K898</f>
        <v>0.67517183317252449</v>
      </c>
      <c r="L872" s="58">
        <f>Bühler!L898</f>
        <v>0.33758591658626225</v>
      </c>
      <c r="M872" s="57">
        <f>Bühler!M898</f>
        <v>0</v>
      </c>
      <c r="N872" s="55">
        <f>IF(Input!$K$13=1,J872*Input!$J$13,0)+IF(Input!$K$14=1,K872*Input!$J$14,0)+IF(Input!$K$15=1,L872*Input!$J$15,0)+IF(Input!$K$16=1,M872*Input!$J$16,0)</f>
        <v>2.3147343133416656</v>
      </c>
      <c r="O872" s="58">
        <f>IF(Input!$K$13=2,J872*Input!$J$13,0)+IF(Input!$K$14=2,K872*Input!$J$14,0)+IF(Input!$K$15=2,L872*Input!$J$15,0)+IF(Input!$K$16=2,M872*Input!$J$16,0)</f>
        <v>9.114819747829081E-2</v>
      </c>
      <c r="P872" s="58">
        <f>IF(Input!$K$13=3,J872*Input!$J$13,0)+IF(Input!$K$14=3,K872*Input!$J$14,0)+IF(Input!$K$15=3,L872*Input!$J$15,0)+IF(Input!$K$16=3,M872*Input!$J$16,0)</f>
        <v>0</v>
      </c>
      <c r="Q872" s="71">
        <f>IF(Input!$K$13=4,J872*Input!$J$13,0)+IF(Input!$K$14=4,K872*Input!$J$14,0)+IF(Input!$K$15=4,L872*Input!$J$15,0)+IF(Input!$K$16=4,M872*Input!$J$16,0)</f>
        <v>0</v>
      </c>
    </row>
    <row r="873" spans="8:17" x14ac:dyDescent="0.25">
      <c r="H873" s="43">
        <v>866</v>
      </c>
      <c r="I873" s="55">
        <f>Bühler!I899</f>
        <v>4.6084894727111658</v>
      </c>
      <c r="J873" s="58">
        <f>Bühler!J899</f>
        <v>19.289452611180547</v>
      </c>
      <c r="K873" s="58">
        <f>Bühler!K899</f>
        <v>0.67517183317252449</v>
      </c>
      <c r="L873" s="58">
        <f>Bühler!L899</f>
        <v>0.33758591658626225</v>
      </c>
      <c r="M873" s="57">
        <f>Bühler!M899</f>
        <v>0</v>
      </c>
      <c r="N873" s="55">
        <f>IF(Input!$K$13=1,J873*Input!$J$13,0)+IF(Input!$K$14=1,K873*Input!$J$14,0)+IF(Input!$K$15=1,L873*Input!$J$15,0)+IF(Input!$K$16=1,M873*Input!$J$16,0)</f>
        <v>2.3147343133416656</v>
      </c>
      <c r="O873" s="58">
        <f>IF(Input!$K$13=2,J873*Input!$J$13,0)+IF(Input!$K$14=2,K873*Input!$J$14,0)+IF(Input!$K$15=2,L873*Input!$J$15,0)+IF(Input!$K$16=2,M873*Input!$J$16,0)</f>
        <v>9.114819747829081E-2</v>
      </c>
      <c r="P873" s="58">
        <f>IF(Input!$K$13=3,J873*Input!$J$13,0)+IF(Input!$K$14=3,K873*Input!$J$14,0)+IF(Input!$K$15=3,L873*Input!$J$15,0)+IF(Input!$K$16=3,M873*Input!$J$16,0)</f>
        <v>0</v>
      </c>
      <c r="Q873" s="71">
        <f>IF(Input!$K$13=4,J873*Input!$J$13,0)+IF(Input!$K$14=4,K873*Input!$J$14,0)+IF(Input!$K$15=4,L873*Input!$J$15,0)+IF(Input!$K$16=4,M873*Input!$J$16,0)</f>
        <v>0</v>
      </c>
    </row>
    <row r="874" spans="8:17" x14ac:dyDescent="0.25">
      <c r="H874" s="43">
        <v>867</v>
      </c>
      <c r="I874" s="55">
        <f>Bühler!I900</f>
        <v>4.6084894727111658</v>
      </c>
      <c r="J874" s="58">
        <f>Bühler!J900</f>
        <v>19.289452611180547</v>
      </c>
      <c r="K874" s="58">
        <f>Bühler!K900</f>
        <v>0.67517183317252449</v>
      </c>
      <c r="L874" s="58">
        <f>Bühler!L900</f>
        <v>0.33758591658626225</v>
      </c>
      <c r="M874" s="57">
        <f>Bühler!M900</f>
        <v>0</v>
      </c>
      <c r="N874" s="55">
        <f>IF(Input!$K$13=1,J874*Input!$J$13,0)+IF(Input!$K$14=1,K874*Input!$J$14,0)+IF(Input!$K$15=1,L874*Input!$J$15,0)+IF(Input!$K$16=1,M874*Input!$J$16,0)</f>
        <v>2.3147343133416656</v>
      </c>
      <c r="O874" s="58">
        <f>IF(Input!$K$13=2,J874*Input!$J$13,0)+IF(Input!$K$14=2,K874*Input!$J$14,0)+IF(Input!$K$15=2,L874*Input!$J$15,0)+IF(Input!$K$16=2,M874*Input!$J$16,0)</f>
        <v>9.114819747829081E-2</v>
      </c>
      <c r="P874" s="58">
        <f>IF(Input!$K$13=3,J874*Input!$J$13,0)+IF(Input!$K$14=3,K874*Input!$J$14,0)+IF(Input!$K$15=3,L874*Input!$J$15,0)+IF(Input!$K$16=3,M874*Input!$J$16,0)</f>
        <v>0</v>
      </c>
      <c r="Q874" s="71">
        <f>IF(Input!$K$13=4,J874*Input!$J$13,0)+IF(Input!$K$14=4,K874*Input!$J$14,0)+IF(Input!$K$15=4,L874*Input!$J$15,0)+IF(Input!$K$16=4,M874*Input!$J$16,0)</f>
        <v>0</v>
      </c>
    </row>
    <row r="875" spans="8:17" x14ac:dyDescent="0.25">
      <c r="H875" s="43">
        <v>868</v>
      </c>
      <c r="I875" s="55">
        <f>Bühler!I901</f>
        <v>4.6084894727111658</v>
      </c>
      <c r="J875" s="58">
        <f>Bühler!J901</f>
        <v>19.289452611180547</v>
      </c>
      <c r="K875" s="58">
        <f>Bühler!K901</f>
        <v>0.67517183317252449</v>
      </c>
      <c r="L875" s="58">
        <f>Bühler!L901</f>
        <v>0.33758591658626225</v>
      </c>
      <c r="M875" s="57">
        <f>Bühler!M901</f>
        <v>0</v>
      </c>
      <c r="N875" s="55">
        <f>IF(Input!$K$13=1,J875*Input!$J$13,0)+IF(Input!$K$14=1,K875*Input!$J$14,0)+IF(Input!$K$15=1,L875*Input!$J$15,0)+IF(Input!$K$16=1,M875*Input!$J$16,0)</f>
        <v>2.3147343133416656</v>
      </c>
      <c r="O875" s="58">
        <f>IF(Input!$K$13=2,J875*Input!$J$13,0)+IF(Input!$K$14=2,K875*Input!$J$14,0)+IF(Input!$K$15=2,L875*Input!$J$15,0)+IF(Input!$K$16=2,M875*Input!$J$16,0)</f>
        <v>9.114819747829081E-2</v>
      </c>
      <c r="P875" s="58">
        <f>IF(Input!$K$13=3,J875*Input!$J$13,0)+IF(Input!$K$14=3,K875*Input!$J$14,0)+IF(Input!$K$15=3,L875*Input!$J$15,0)+IF(Input!$K$16=3,M875*Input!$J$16,0)</f>
        <v>0</v>
      </c>
      <c r="Q875" s="71">
        <f>IF(Input!$K$13=4,J875*Input!$J$13,0)+IF(Input!$K$14=4,K875*Input!$J$14,0)+IF(Input!$K$15=4,L875*Input!$J$15,0)+IF(Input!$K$16=4,M875*Input!$J$16,0)</f>
        <v>0</v>
      </c>
    </row>
    <row r="876" spans="8:17" x14ac:dyDescent="0.25">
      <c r="H876" s="43">
        <v>869</v>
      </c>
      <c r="I876" s="55">
        <f>Bühler!I902</f>
        <v>4.6084894727111658</v>
      </c>
      <c r="J876" s="58">
        <f>Bühler!J902</f>
        <v>19.289452611180547</v>
      </c>
      <c r="K876" s="58">
        <f>Bühler!K902</f>
        <v>0.67517183317252449</v>
      </c>
      <c r="L876" s="58">
        <f>Bühler!L902</f>
        <v>0.33758591658626225</v>
      </c>
      <c r="M876" s="57">
        <f>Bühler!M902</f>
        <v>0</v>
      </c>
      <c r="N876" s="55">
        <f>IF(Input!$K$13=1,J876*Input!$J$13,0)+IF(Input!$K$14=1,K876*Input!$J$14,0)+IF(Input!$K$15=1,L876*Input!$J$15,0)+IF(Input!$K$16=1,M876*Input!$J$16,0)</f>
        <v>2.3147343133416656</v>
      </c>
      <c r="O876" s="58">
        <f>IF(Input!$K$13=2,J876*Input!$J$13,0)+IF(Input!$K$14=2,K876*Input!$J$14,0)+IF(Input!$K$15=2,L876*Input!$J$15,0)+IF(Input!$K$16=2,M876*Input!$J$16,0)</f>
        <v>9.114819747829081E-2</v>
      </c>
      <c r="P876" s="58">
        <f>IF(Input!$K$13=3,J876*Input!$J$13,0)+IF(Input!$K$14=3,K876*Input!$J$14,0)+IF(Input!$K$15=3,L876*Input!$J$15,0)+IF(Input!$K$16=3,M876*Input!$J$16,0)</f>
        <v>0</v>
      </c>
      <c r="Q876" s="71">
        <f>IF(Input!$K$13=4,J876*Input!$J$13,0)+IF(Input!$K$14=4,K876*Input!$J$14,0)+IF(Input!$K$15=4,L876*Input!$J$15,0)+IF(Input!$K$16=4,M876*Input!$J$16,0)</f>
        <v>0</v>
      </c>
    </row>
    <row r="877" spans="8:17" x14ac:dyDescent="0.25">
      <c r="H877" s="43">
        <v>870</v>
      </c>
      <c r="I877" s="55">
        <f>Bühler!I903</f>
        <v>4.6084894727111658</v>
      </c>
      <c r="J877" s="58">
        <f>Bühler!J903</f>
        <v>19.289452611180547</v>
      </c>
      <c r="K877" s="58">
        <f>Bühler!K903</f>
        <v>0.67517183317252449</v>
      </c>
      <c r="L877" s="58">
        <f>Bühler!L903</f>
        <v>0.33758591658626225</v>
      </c>
      <c r="M877" s="57">
        <f>Bühler!M903</f>
        <v>0</v>
      </c>
      <c r="N877" s="55">
        <f>IF(Input!$K$13=1,J877*Input!$J$13,0)+IF(Input!$K$14=1,K877*Input!$J$14,0)+IF(Input!$K$15=1,L877*Input!$J$15,0)+IF(Input!$K$16=1,M877*Input!$J$16,0)</f>
        <v>2.3147343133416656</v>
      </c>
      <c r="O877" s="58">
        <f>IF(Input!$K$13=2,J877*Input!$J$13,0)+IF(Input!$K$14=2,K877*Input!$J$14,0)+IF(Input!$K$15=2,L877*Input!$J$15,0)+IF(Input!$K$16=2,M877*Input!$J$16,0)</f>
        <v>9.114819747829081E-2</v>
      </c>
      <c r="P877" s="58">
        <f>IF(Input!$K$13=3,J877*Input!$J$13,0)+IF(Input!$K$14=3,K877*Input!$J$14,0)+IF(Input!$K$15=3,L877*Input!$J$15,0)+IF(Input!$K$16=3,M877*Input!$J$16,0)</f>
        <v>0</v>
      </c>
      <c r="Q877" s="71">
        <f>IF(Input!$K$13=4,J877*Input!$J$13,0)+IF(Input!$K$14=4,K877*Input!$J$14,0)+IF(Input!$K$15=4,L877*Input!$J$15,0)+IF(Input!$K$16=4,M877*Input!$J$16,0)</f>
        <v>0</v>
      </c>
    </row>
    <row r="878" spans="8:17" x14ac:dyDescent="0.25">
      <c r="H878" s="43">
        <v>871</v>
      </c>
      <c r="I878" s="55">
        <f>Bühler!I904</f>
        <v>4.6084894727111658</v>
      </c>
      <c r="J878" s="58">
        <f>Bühler!J904</f>
        <v>19.289452611180547</v>
      </c>
      <c r="K878" s="58">
        <f>Bühler!K904</f>
        <v>0.67517183317252449</v>
      </c>
      <c r="L878" s="58">
        <f>Bühler!L904</f>
        <v>0.33758591658626225</v>
      </c>
      <c r="M878" s="57">
        <f>Bühler!M904</f>
        <v>0</v>
      </c>
      <c r="N878" s="55">
        <f>IF(Input!$K$13=1,J878*Input!$J$13,0)+IF(Input!$K$14=1,K878*Input!$J$14,0)+IF(Input!$K$15=1,L878*Input!$J$15,0)+IF(Input!$K$16=1,M878*Input!$J$16,0)</f>
        <v>2.3147343133416656</v>
      </c>
      <c r="O878" s="58">
        <f>IF(Input!$K$13=2,J878*Input!$J$13,0)+IF(Input!$K$14=2,K878*Input!$J$14,0)+IF(Input!$K$15=2,L878*Input!$J$15,0)+IF(Input!$K$16=2,M878*Input!$J$16,0)</f>
        <v>9.114819747829081E-2</v>
      </c>
      <c r="P878" s="58">
        <f>IF(Input!$K$13=3,J878*Input!$J$13,0)+IF(Input!$K$14=3,K878*Input!$J$14,0)+IF(Input!$K$15=3,L878*Input!$J$15,0)+IF(Input!$K$16=3,M878*Input!$J$16,0)</f>
        <v>0</v>
      </c>
      <c r="Q878" s="71">
        <f>IF(Input!$K$13=4,J878*Input!$J$13,0)+IF(Input!$K$14=4,K878*Input!$J$14,0)+IF(Input!$K$15=4,L878*Input!$J$15,0)+IF(Input!$K$16=4,M878*Input!$J$16,0)</f>
        <v>0</v>
      </c>
    </row>
    <row r="879" spans="8:17" x14ac:dyDescent="0.25">
      <c r="H879" s="43">
        <v>872</v>
      </c>
      <c r="I879" s="55">
        <f>Bühler!I905</f>
        <v>20.046929206293569</v>
      </c>
      <c r="J879" s="58">
        <f>Bühler!J905</f>
        <v>82.622395847218471</v>
      </c>
      <c r="K879" s="58">
        <f>Bühler!K905</f>
        <v>2.876232009314954</v>
      </c>
      <c r="L879" s="58">
        <f>Bühler!L905</f>
        <v>1.438116004657477</v>
      </c>
      <c r="M879" s="57">
        <f>Bühler!M905</f>
        <v>0</v>
      </c>
      <c r="N879" s="55">
        <f>IF(Input!$K$13=1,J879*Input!$J$13,0)+IF(Input!$K$14=1,K879*Input!$J$14,0)+IF(Input!$K$15=1,L879*Input!$J$15,0)+IF(Input!$K$16=1,M879*Input!$J$16,0)</f>
        <v>9.9146875016662168</v>
      </c>
      <c r="O879" s="58">
        <f>IF(Input!$K$13=2,J879*Input!$J$13,0)+IF(Input!$K$14=2,K879*Input!$J$14,0)+IF(Input!$K$15=2,L879*Input!$J$15,0)+IF(Input!$K$16=2,M879*Input!$J$16,0)</f>
        <v>0.38829132125751875</v>
      </c>
      <c r="P879" s="58">
        <f>IF(Input!$K$13=3,J879*Input!$J$13,0)+IF(Input!$K$14=3,K879*Input!$J$14,0)+IF(Input!$K$15=3,L879*Input!$J$15,0)+IF(Input!$K$16=3,M879*Input!$J$16,0)</f>
        <v>0</v>
      </c>
      <c r="Q879" s="71">
        <f>IF(Input!$K$13=4,J879*Input!$J$13,0)+IF(Input!$K$14=4,K879*Input!$J$14,0)+IF(Input!$K$15=4,L879*Input!$J$15,0)+IF(Input!$K$16=4,M879*Input!$J$16,0)</f>
        <v>0</v>
      </c>
    </row>
    <row r="880" spans="8:17" x14ac:dyDescent="0.25">
      <c r="H880" s="43">
        <v>873</v>
      </c>
      <c r="I880" s="55">
        <f>Bühler!I906</f>
        <v>22.552795357080267</v>
      </c>
      <c r="J880" s="58">
        <f>Bühler!J906</f>
        <v>92.950195328120785</v>
      </c>
      <c r="K880" s="58">
        <f>Bühler!K906</f>
        <v>3.2357610104793233</v>
      </c>
      <c r="L880" s="58">
        <f>Bühler!L906</f>
        <v>1.6178805052396616</v>
      </c>
      <c r="M880" s="57">
        <f>Bühler!M906</f>
        <v>0</v>
      </c>
      <c r="N880" s="55">
        <f>IF(Input!$K$13=1,J880*Input!$J$13,0)+IF(Input!$K$14=1,K880*Input!$J$14,0)+IF(Input!$K$15=1,L880*Input!$J$15,0)+IF(Input!$K$16=1,M880*Input!$J$16,0)</f>
        <v>11.154023439374495</v>
      </c>
      <c r="O880" s="58">
        <f>IF(Input!$K$13=2,J880*Input!$J$13,0)+IF(Input!$K$14=2,K880*Input!$J$14,0)+IF(Input!$K$15=2,L880*Input!$J$15,0)+IF(Input!$K$16=2,M880*Input!$J$16,0)</f>
        <v>0.43682773641470862</v>
      </c>
      <c r="P880" s="58">
        <f>IF(Input!$K$13=3,J880*Input!$J$13,0)+IF(Input!$K$14=3,K880*Input!$J$14,0)+IF(Input!$K$15=3,L880*Input!$J$15,0)+IF(Input!$K$16=3,M880*Input!$J$16,0)</f>
        <v>0</v>
      </c>
      <c r="Q880" s="71">
        <f>IF(Input!$K$13=4,J880*Input!$J$13,0)+IF(Input!$K$14=4,K880*Input!$J$14,0)+IF(Input!$K$15=4,L880*Input!$J$15,0)+IF(Input!$K$16=4,M880*Input!$J$16,0)</f>
        <v>0</v>
      </c>
    </row>
    <row r="881" spans="8:17" x14ac:dyDescent="0.25">
      <c r="H881" s="43">
        <v>874</v>
      </c>
      <c r="I881" s="55">
        <f>Bühler!I907</f>
        <v>25.058661507866962</v>
      </c>
      <c r="J881" s="58">
        <f>Bühler!J907</f>
        <v>103.2779948090231</v>
      </c>
      <c r="K881" s="58">
        <f>Bühler!K907</f>
        <v>3.5952900116436926</v>
      </c>
      <c r="L881" s="58">
        <f>Bühler!L907</f>
        <v>1.7976450058218463</v>
      </c>
      <c r="M881" s="57">
        <f>Bühler!M907</f>
        <v>0</v>
      </c>
      <c r="N881" s="55">
        <f>IF(Input!$K$13=1,J881*Input!$J$13,0)+IF(Input!$K$14=1,K881*Input!$J$14,0)+IF(Input!$K$15=1,L881*Input!$J$15,0)+IF(Input!$K$16=1,M881*Input!$J$16,0)</f>
        <v>12.393359377082771</v>
      </c>
      <c r="O881" s="58">
        <f>IF(Input!$K$13=2,J881*Input!$J$13,0)+IF(Input!$K$14=2,K881*Input!$J$14,0)+IF(Input!$K$15=2,L881*Input!$J$15,0)+IF(Input!$K$16=2,M881*Input!$J$16,0)</f>
        <v>0.48536415157189849</v>
      </c>
      <c r="P881" s="58">
        <f>IF(Input!$K$13=3,J881*Input!$J$13,0)+IF(Input!$K$14=3,K881*Input!$J$14,0)+IF(Input!$K$15=3,L881*Input!$J$15,0)+IF(Input!$K$16=3,M881*Input!$J$16,0)</f>
        <v>0</v>
      </c>
      <c r="Q881" s="71">
        <f>IF(Input!$K$13=4,J881*Input!$J$13,0)+IF(Input!$K$14=4,K881*Input!$J$14,0)+IF(Input!$K$15=4,L881*Input!$J$15,0)+IF(Input!$K$16=4,M881*Input!$J$16,0)</f>
        <v>0</v>
      </c>
    </row>
    <row r="882" spans="8:17" x14ac:dyDescent="0.25">
      <c r="H882" s="43">
        <v>875</v>
      </c>
      <c r="I882" s="55">
        <f>Bühler!I908</f>
        <v>25.058661507866962</v>
      </c>
      <c r="J882" s="58">
        <f>Bühler!J908</f>
        <v>103.2779948090231</v>
      </c>
      <c r="K882" s="58">
        <f>Bühler!K908</f>
        <v>3.5952900116436926</v>
      </c>
      <c r="L882" s="58">
        <f>Bühler!L908</f>
        <v>1.7976450058218463</v>
      </c>
      <c r="M882" s="57">
        <f>Bühler!M908</f>
        <v>0</v>
      </c>
      <c r="N882" s="55">
        <f>IF(Input!$K$13=1,J882*Input!$J$13,0)+IF(Input!$K$14=1,K882*Input!$J$14,0)+IF(Input!$K$15=1,L882*Input!$J$15,0)+IF(Input!$K$16=1,M882*Input!$J$16,0)</f>
        <v>12.393359377082771</v>
      </c>
      <c r="O882" s="58">
        <f>IF(Input!$K$13=2,J882*Input!$J$13,0)+IF(Input!$K$14=2,K882*Input!$J$14,0)+IF(Input!$K$15=2,L882*Input!$J$15,0)+IF(Input!$K$16=2,M882*Input!$J$16,0)</f>
        <v>0.48536415157189849</v>
      </c>
      <c r="P882" s="58">
        <f>IF(Input!$K$13=3,J882*Input!$J$13,0)+IF(Input!$K$14=3,K882*Input!$J$14,0)+IF(Input!$K$15=3,L882*Input!$J$15,0)+IF(Input!$K$16=3,M882*Input!$J$16,0)</f>
        <v>0</v>
      </c>
      <c r="Q882" s="71">
        <f>IF(Input!$K$13=4,J882*Input!$J$13,0)+IF(Input!$K$14=4,K882*Input!$J$14,0)+IF(Input!$K$15=4,L882*Input!$J$15,0)+IF(Input!$K$16=4,M882*Input!$J$16,0)</f>
        <v>0</v>
      </c>
    </row>
    <row r="883" spans="8:17" x14ac:dyDescent="0.25">
      <c r="H883" s="43">
        <v>876</v>
      </c>
      <c r="I883" s="55">
        <f>Bühler!I909</f>
        <v>30.07039380944035</v>
      </c>
      <c r="J883" s="58">
        <f>Bühler!J909</f>
        <v>123.9335937708277</v>
      </c>
      <c r="K883" s="58">
        <f>Bühler!K909</f>
        <v>4.3143480139724311</v>
      </c>
      <c r="L883" s="58">
        <f>Bühler!L909</f>
        <v>2.1571740069862155</v>
      </c>
      <c r="M883" s="57">
        <f>Bühler!M909</f>
        <v>0</v>
      </c>
      <c r="N883" s="55">
        <f>IF(Input!$K$13=1,J883*Input!$J$13,0)+IF(Input!$K$14=1,K883*Input!$J$14,0)+IF(Input!$K$15=1,L883*Input!$J$15,0)+IF(Input!$K$16=1,M883*Input!$J$16,0)</f>
        <v>14.872031252499323</v>
      </c>
      <c r="O883" s="58">
        <f>IF(Input!$K$13=2,J883*Input!$J$13,0)+IF(Input!$K$14=2,K883*Input!$J$14,0)+IF(Input!$K$15=2,L883*Input!$J$15,0)+IF(Input!$K$16=2,M883*Input!$J$16,0)</f>
        <v>0.58243698188627824</v>
      </c>
      <c r="P883" s="58">
        <f>IF(Input!$K$13=3,J883*Input!$J$13,0)+IF(Input!$K$14=3,K883*Input!$J$14,0)+IF(Input!$K$15=3,L883*Input!$J$15,0)+IF(Input!$K$16=3,M883*Input!$J$16,0)</f>
        <v>0</v>
      </c>
      <c r="Q883" s="71">
        <f>IF(Input!$K$13=4,J883*Input!$J$13,0)+IF(Input!$K$14=4,K883*Input!$J$14,0)+IF(Input!$K$15=4,L883*Input!$J$15,0)+IF(Input!$K$16=4,M883*Input!$J$16,0)</f>
        <v>0</v>
      </c>
    </row>
    <row r="884" spans="8:17" x14ac:dyDescent="0.25">
      <c r="H884" s="43">
        <v>877</v>
      </c>
      <c r="I884" s="55">
        <f>Bühler!I910</f>
        <v>30.07039380944035</v>
      </c>
      <c r="J884" s="58">
        <f>Bühler!J910</f>
        <v>123.9335937708277</v>
      </c>
      <c r="K884" s="58">
        <f>Bühler!K910</f>
        <v>4.3143480139724311</v>
      </c>
      <c r="L884" s="58">
        <f>Bühler!L910</f>
        <v>2.1571740069862155</v>
      </c>
      <c r="M884" s="57">
        <f>Bühler!M910</f>
        <v>0</v>
      </c>
      <c r="N884" s="55">
        <f>IF(Input!$K$13=1,J884*Input!$J$13,0)+IF(Input!$K$14=1,K884*Input!$J$14,0)+IF(Input!$K$15=1,L884*Input!$J$15,0)+IF(Input!$K$16=1,M884*Input!$J$16,0)</f>
        <v>14.872031252499323</v>
      </c>
      <c r="O884" s="58">
        <f>IF(Input!$K$13=2,J884*Input!$J$13,0)+IF(Input!$K$14=2,K884*Input!$J$14,0)+IF(Input!$K$15=2,L884*Input!$J$15,0)+IF(Input!$K$16=2,M884*Input!$J$16,0)</f>
        <v>0.58243698188627824</v>
      </c>
      <c r="P884" s="58">
        <f>IF(Input!$K$13=3,J884*Input!$J$13,0)+IF(Input!$K$14=3,K884*Input!$J$14,0)+IF(Input!$K$15=3,L884*Input!$J$15,0)+IF(Input!$K$16=3,M884*Input!$J$16,0)</f>
        <v>0</v>
      </c>
      <c r="Q884" s="71">
        <f>IF(Input!$K$13=4,J884*Input!$J$13,0)+IF(Input!$K$14=4,K884*Input!$J$14,0)+IF(Input!$K$15=4,L884*Input!$J$15,0)+IF(Input!$K$16=4,M884*Input!$J$16,0)</f>
        <v>0</v>
      </c>
    </row>
    <row r="885" spans="8:17" x14ac:dyDescent="0.25">
      <c r="H885" s="43">
        <v>878</v>
      </c>
      <c r="I885" s="55">
        <f>Bühler!I911</f>
        <v>20.046929206293569</v>
      </c>
      <c r="J885" s="58">
        <f>Bühler!J911</f>
        <v>82.622395847218471</v>
      </c>
      <c r="K885" s="58">
        <f>Bühler!K911</f>
        <v>2.876232009314954</v>
      </c>
      <c r="L885" s="58">
        <f>Bühler!L911</f>
        <v>1.438116004657477</v>
      </c>
      <c r="M885" s="57">
        <f>Bühler!M911</f>
        <v>0</v>
      </c>
      <c r="N885" s="55">
        <f>IF(Input!$K$13=1,J885*Input!$J$13,0)+IF(Input!$K$14=1,K885*Input!$J$14,0)+IF(Input!$K$15=1,L885*Input!$J$15,0)+IF(Input!$K$16=1,M885*Input!$J$16,0)</f>
        <v>9.9146875016662168</v>
      </c>
      <c r="O885" s="58">
        <f>IF(Input!$K$13=2,J885*Input!$J$13,0)+IF(Input!$K$14=2,K885*Input!$J$14,0)+IF(Input!$K$15=2,L885*Input!$J$15,0)+IF(Input!$K$16=2,M885*Input!$J$16,0)</f>
        <v>0.38829132125751875</v>
      </c>
      <c r="P885" s="58">
        <f>IF(Input!$K$13=3,J885*Input!$J$13,0)+IF(Input!$K$14=3,K885*Input!$J$14,0)+IF(Input!$K$15=3,L885*Input!$J$15,0)+IF(Input!$K$16=3,M885*Input!$J$16,0)</f>
        <v>0</v>
      </c>
      <c r="Q885" s="71">
        <f>IF(Input!$K$13=4,J885*Input!$J$13,0)+IF(Input!$K$14=4,K885*Input!$J$14,0)+IF(Input!$K$15=4,L885*Input!$J$15,0)+IF(Input!$K$16=4,M885*Input!$J$16,0)</f>
        <v>0</v>
      </c>
    </row>
    <row r="886" spans="8:17" x14ac:dyDescent="0.25">
      <c r="H886" s="43">
        <v>879</v>
      </c>
      <c r="I886" s="55">
        <f>Bühler!I912</f>
        <v>30.07039380944035</v>
      </c>
      <c r="J886" s="58">
        <f>Bühler!J912</f>
        <v>123.9335937708277</v>
      </c>
      <c r="K886" s="58">
        <f>Bühler!K912</f>
        <v>4.3143480139724311</v>
      </c>
      <c r="L886" s="58">
        <f>Bühler!L912</f>
        <v>2.1571740069862155</v>
      </c>
      <c r="M886" s="57">
        <f>Bühler!M912</f>
        <v>0</v>
      </c>
      <c r="N886" s="55">
        <f>IF(Input!$K$13=1,J886*Input!$J$13,0)+IF(Input!$K$14=1,K886*Input!$J$14,0)+IF(Input!$K$15=1,L886*Input!$J$15,0)+IF(Input!$K$16=1,M886*Input!$J$16,0)</f>
        <v>14.872031252499323</v>
      </c>
      <c r="O886" s="58">
        <f>IF(Input!$K$13=2,J886*Input!$J$13,0)+IF(Input!$K$14=2,K886*Input!$J$14,0)+IF(Input!$K$15=2,L886*Input!$J$15,0)+IF(Input!$K$16=2,M886*Input!$J$16,0)</f>
        <v>0.58243698188627824</v>
      </c>
      <c r="P886" s="58">
        <f>IF(Input!$K$13=3,J886*Input!$J$13,0)+IF(Input!$K$14=3,K886*Input!$J$14,0)+IF(Input!$K$15=3,L886*Input!$J$15,0)+IF(Input!$K$16=3,M886*Input!$J$16,0)</f>
        <v>0</v>
      </c>
      <c r="Q886" s="71">
        <f>IF(Input!$K$13=4,J886*Input!$J$13,0)+IF(Input!$K$14=4,K886*Input!$J$14,0)+IF(Input!$K$15=4,L886*Input!$J$15,0)+IF(Input!$K$16=4,M886*Input!$J$16,0)</f>
        <v>0</v>
      </c>
    </row>
    <row r="887" spans="8:17" x14ac:dyDescent="0.25">
      <c r="H887" s="43">
        <v>880</v>
      </c>
      <c r="I887" s="55">
        <f>Bühler!I913</f>
        <v>30.07039380944035</v>
      </c>
      <c r="J887" s="58">
        <f>Bühler!J913</f>
        <v>123.9335937708277</v>
      </c>
      <c r="K887" s="58">
        <f>Bühler!K913</f>
        <v>4.3143480139724311</v>
      </c>
      <c r="L887" s="58">
        <f>Bühler!L913</f>
        <v>2.1571740069862155</v>
      </c>
      <c r="M887" s="57">
        <f>Bühler!M913</f>
        <v>0</v>
      </c>
      <c r="N887" s="55">
        <f>IF(Input!$K$13=1,J887*Input!$J$13,0)+IF(Input!$K$14=1,K887*Input!$J$14,0)+IF(Input!$K$15=1,L887*Input!$J$15,0)+IF(Input!$K$16=1,M887*Input!$J$16,0)</f>
        <v>14.872031252499323</v>
      </c>
      <c r="O887" s="58">
        <f>IF(Input!$K$13=2,J887*Input!$J$13,0)+IF(Input!$K$14=2,K887*Input!$J$14,0)+IF(Input!$K$15=2,L887*Input!$J$15,0)+IF(Input!$K$16=2,M887*Input!$J$16,0)</f>
        <v>0.58243698188627824</v>
      </c>
      <c r="P887" s="58">
        <f>IF(Input!$K$13=3,J887*Input!$J$13,0)+IF(Input!$K$14=3,K887*Input!$J$14,0)+IF(Input!$K$15=3,L887*Input!$J$15,0)+IF(Input!$K$16=3,M887*Input!$J$16,0)</f>
        <v>0</v>
      </c>
      <c r="Q887" s="71">
        <f>IF(Input!$K$13=4,J887*Input!$J$13,0)+IF(Input!$K$14=4,K887*Input!$J$14,0)+IF(Input!$K$15=4,L887*Input!$J$15,0)+IF(Input!$K$16=4,M887*Input!$J$16,0)</f>
        <v>0</v>
      </c>
    </row>
    <row r="888" spans="8:17" x14ac:dyDescent="0.25">
      <c r="H888" s="43">
        <v>881</v>
      </c>
      <c r="I888" s="55">
        <f>Bühler!I914</f>
        <v>25.058661507866962</v>
      </c>
      <c r="J888" s="58">
        <f>Bühler!J914</f>
        <v>80.438661356372933</v>
      </c>
      <c r="K888" s="58">
        <f>Bühler!K914</f>
        <v>2.5167030081505848</v>
      </c>
      <c r="L888" s="58">
        <f>Bühler!L914</f>
        <v>1.2583515040752924</v>
      </c>
      <c r="M888" s="57">
        <f>Bühler!M914</f>
        <v>0</v>
      </c>
      <c r="N888" s="55">
        <f>IF(Input!$K$13=1,J888*Input!$J$13,0)+IF(Input!$K$14=1,K888*Input!$J$14,0)+IF(Input!$K$15=1,L888*Input!$J$15,0)+IF(Input!$K$16=1,M888*Input!$J$16,0)</f>
        <v>9.6526393627647522</v>
      </c>
      <c r="O888" s="58">
        <f>IF(Input!$K$13=2,J888*Input!$J$13,0)+IF(Input!$K$14=2,K888*Input!$J$14,0)+IF(Input!$K$15=2,L888*Input!$J$15,0)+IF(Input!$K$16=2,M888*Input!$J$16,0)</f>
        <v>0.33975490610032894</v>
      </c>
      <c r="P888" s="58">
        <f>IF(Input!$K$13=3,J888*Input!$J$13,0)+IF(Input!$K$14=3,K888*Input!$J$14,0)+IF(Input!$K$15=3,L888*Input!$J$15,0)+IF(Input!$K$16=3,M888*Input!$J$16,0)</f>
        <v>0</v>
      </c>
      <c r="Q888" s="71">
        <f>IF(Input!$K$13=4,J888*Input!$J$13,0)+IF(Input!$K$14=4,K888*Input!$J$14,0)+IF(Input!$K$15=4,L888*Input!$J$15,0)+IF(Input!$K$16=4,M888*Input!$J$16,0)</f>
        <v>0</v>
      </c>
    </row>
    <row r="889" spans="8:17" x14ac:dyDescent="0.25">
      <c r="H889" s="43">
        <v>882</v>
      </c>
      <c r="I889" s="55">
        <f>Bühler!I915</f>
        <v>20.162141443111349</v>
      </c>
      <c r="J889" s="58">
        <f>Bühler!J915</f>
        <v>37.068542198470752</v>
      </c>
      <c r="K889" s="58">
        <f>Bühler!K915</f>
        <v>0.71905800232873851</v>
      </c>
      <c r="L889" s="58">
        <f>Bühler!L915</f>
        <v>0.35952900116436926</v>
      </c>
      <c r="M889" s="57">
        <f>Bühler!M915</f>
        <v>0</v>
      </c>
      <c r="N889" s="55">
        <f>IF(Input!$K$13=1,J889*Input!$J$13,0)+IF(Input!$K$14=1,K889*Input!$J$14,0)+IF(Input!$K$15=1,L889*Input!$J$15,0)+IF(Input!$K$16=1,M889*Input!$J$16,0)</f>
        <v>4.4482250638164897</v>
      </c>
      <c r="O889" s="58">
        <f>IF(Input!$K$13=2,J889*Input!$J$13,0)+IF(Input!$K$14=2,K889*Input!$J$14,0)+IF(Input!$K$15=2,L889*Input!$J$15,0)+IF(Input!$K$16=2,M889*Input!$J$16,0)</f>
        <v>9.7072830314379688E-2</v>
      </c>
      <c r="P889" s="58">
        <f>IF(Input!$K$13=3,J889*Input!$J$13,0)+IF(Input!$K$14=3,K889*Input!$J$14,0)+IF(Input!$K$15=3,L889*Input!$J$15,0)+IF(Input!$K$16=3,M889*Input!$J$16,0)</f>
        <v>0</v>
      </c>
      <c r="Q889" s="71">
        <f>IF(Input!$K$13=4,J889*Input!$J$13,0)+IF(Input!$K$14=4,K889*Input!$J$14,0)+IF(Input!$K$15=4,L889*Input!$J$15,0)+IF(Input!$K$16=4,M889*Input!$J$16,0)</f>
        <v>0</v>
      </c>
    </row>
    <row r="890" spans="8:17" x14ac:dyDescent="0.25">
      <c r="H890" s="43">
        <v>883</v>
      </c>
      <c r="I890" s="55">
        <f>Bühler!I916</f>
        <v>7.2007648011111964</v>
      </c>
      <c r="J890" s="58">
        <f>Bühler!J916</f>
        <v>22.812597001067758</v>
      </c>
      <c r="K890" s="58">
        <f>Bühler!K916</f>
        <v>0.70893042483115065</v>
      </c>
      <c r="L890" s="58">
        <f>Bühler!L916</f>
        <v>0.35446521241557533</v>
      </c>
      <c r="M890" s="57">
        <f>Bühler!M916</f>
        <v>0</v>
      </c>
      <c r="N890" s="55">
        <f>IF(Input!$K$13=1,J890*Input!$J$13,0)+IF(Input!$K$14=1,K890*Input!$J$14,0)+IF(Input!$K$15=1,L890*Input!$J$15,0)+IF(Input!$K$16=1,M890*Input!$J$16,0)</f>
        <v>2.737511640128131</v>
      </c>
      <c r="O890" s="58">
        <f>IF(Input!$K$13=2,J890*Input!$J$13,0)+IF(Input!$K$14=2,K890*Input!$J$14,0)+IF(Input!$K$15=2,L890*Input!$J$15,0)+IF(Input!$K$16=2,M890*Input!$J$16,0)</f>
        <v>9.5705607352205346E-2</v>
      </c>
      <c r="P890" s="58">
        <f>IF(Input!$K$13=3,J890*Input!$J$13,0)+IF(Input!$K$14=3,K890*Input!$J$14,0)+IF(Input!$K$15=3,L890*Input!$J$15,0)+IF(Input!$K$16=3,M890*Input!$J$16,0)</f>
        <v>0</v>
      </c>
      <c r="Q890" s="71">
        <f>IF(Input!$K$13=4,J890*Input!$J$13,0)+IF(Input!$K$14=4,K890*Input!$J$14,0)+IF(Input!$K$15=4,L890*Input!$J$15,0)+IF(Input!$K$16=4,M890*Input!$J$16,0)</f>
        <v>0</v>
      </c>
    </row>
    <row r="891" spans="8:17" x14ac:dyDescent="0.25">
      <c r="H891" s="43">
        <v>884</v>
      </c>
      <c r="I891" s="55">
        <f>Bühler!I917</f>
        <v>7.2007648011111964</v>
      </c>
      <c r="J891" s="58">
        <f>Bühler!J917</f>
        <v>22.812597001067758</v>
      </c>
      <c r="K891" s="58">
        <f>Bühler!K917</f>
        <v>0.70893042483115065</v>
      </c>
      <c r="L891" s="58">
        <f>Bühler!L917</f>
        <v>0.35446521241557533</v>
      </c>
      <c r="M891" s="57">
        <f>Bühler!M917</f>
        <v>0</v>
      </c>
      <c r="N891" s="55">
        <f>IF(Input!$K$13=1,J891*Input!$J$13,0)+IF(Input!$K$14=1,K891*Input!$J$14,0)+IF(Input!$K$15=1,L891*Input!$J$15,0)+IF(Input!$K$16=1,M891*Input!$J$16,0)</f>
        <v>2.737511640128131</v>
      </c>
      <c r="O891" s="58">
        <f>IF(Input!$K$13=2,J891*Input!$J$13,0)+IF(Input!$K$14=2,K891*Input!$J$14,0)+IF(Input!$K$15=2,L891*Input!$J$15,0)+IF(Input!$K$16=2,M891*Input!$J$16,0)</f>
        <v>9.5705607352205346E-2</v>
      </c>
      <c r="P891" s="58">
        <f>IF(Input!$K$13=3,J891*Input!$J$13,0)+IF(Input!$K$14=3,K891*Input!$J$14,0)+IF(Input!$K$15=3,L891*Input!$J$15,0)+IF(Input!$K$16=3,M891*Input!$J$16,0)</f>
        <v>0</v>
      </c>
      <c r="Q891" s="71">
        <f>IF(Input!$K$13=4,J891*Input!$J$13,0)+IF(Input!$K$14=4,K891*Input!$J$14,0)+IF(Input!$K$15=4,L891*Input!$J$15,0)+IF(Input!$K$16=4,M891*Input!$J$16,0)</f>
        <v>0</v>
      </c>
    </row>
    <row r="892" spans="8:17" x14ac:dyDescent="0.25">
      <c r="H892" s="43">
        <v>885</v>
      </c>
      <c r="I892" s="55">
        <f>Bühler!I918</f>
        <v>7.2007648011111964</v>
      </c>
      <c r="J892" s="58">
        <f>Bühler!J918</f>
        <v>22.812597001067758</v>
      </c>
      <c r="K892" s="58">
        <f>Bühler!K918</f>
        <v>0.70893042483115065</v>
      </c>
      <c r="L892" s="58">
        <f>Bühler!L918</f>
        <v>0.35446521241557533</v>
      </c>
      <c r="M892" s="57">
        <f>Bühler!M918</f>
        <v>0</v>
      </c>
      <c r="N892" s="55">
        <f>IF(Input!$K$13=1,J892*Input!$J$13,0)+IF(Input!$K$14=1,K892*Input!$J$14,0)+IF(Input!$K$15=1,L892*Input!$J$15,0)+IF(Input!$K$16=1,M892*Input!$J$16,0)</f>
        <v>2.737511640128131</v>
      </c>
      <c r="O892" s="58">
        <f>IF(Input!$K$13=2,J892*Input!$J$13,0)+IF(Input!$K$14=2,K892*Input!$J$14,0)+IF(Input!$K$15=2,L892*Input!$J$15,0)+IF(Input!$K$16=2,M892*Input!$J$16,0)</f>
        <v>9.5705607352205346E-2</v>
      </c>
      <c r="P892" s="58">
        <f>IF(Input!$K$13=3,J892*Input!$J$13,0)+IF(Input!$K$14=3,K892*Input!$J$14,0)+IF(Input!$K$15=3,L892*Input!$J$15,0)+IF(Input!$K$16=3,M892*Input!$J$16,0)</f>
        <v>0</v>
      </c>
      <c r="Q892" s="71">
        <f>IF(Input!$K$13=4,J892*Input!$J$13,0)+IF(Input!$K$14=4,K892*Input!$J$14,0)+IF(Input!$K$15=4,L892*Input!$J$15,0)+IF(Input!$K$16=4,M892*Input!$J$16,0)</f>
        <v>0</v>
      </c>
    </row>
    <row r="893" spans="8:17" x14ac:dyDescent="0.25">
      <c r="H893" s="43">
        <v>886</v>
      </c>
      <c r="I893" s="55">
        <f>Bühler!I919</f>
        <v>7.2007648011111964</v>
      </c>
      <c r="J893" s="58">
        <f>Bühler!J919</f>
        <v>22.812597001067758</v>
      </c>
      <c r="K893" s="58">
        <f>Bühler!K919</f>
        <v>0.70893042483115065</v>
      </c>
      <c r="L893" s="58">
        <f>Bühler!L919</f>
        <v>0.35446521241557533</v>
      </c>
      <c r="M893" s="57">
        <f>Bühler!M919</f>
        <v>0</v>
      </c>
      <c r="N893" s="55">
        <f>IF(Input!$K$13=1,J893*Input!$J$13,0)+IF(Input!$K$14=1,K893*Input!$J$14,0)+IF(Input!$K$15=1,L893*Input!$J$15,0)+IF(Input!$K$16=1,M893*Input!$J$16,0)</f>
        <v>2.737511640128131</v>
      </c>
      <c r="O893" s="58">
        <f>IF(Input!$K$13=2,J893*Input!$J$13,0)+IF(Input!$K$14=2,K893*Input!$J$14,0)+IF(Input!$K$15=2,L893*Input!$J$15,0)+IF(Input!$K$16=2,M893*Input!$J$16,0)</f>
        <v>9.5705607352205346E-2</v>
      </c>
      <c r="P893" s="58">
        <f>IF(Input!$K$13=3,J893*Input!$J$13,0)+IF(Input!$K$14=3,K893*Input!$J$14,0)+IF(Input!$K$15=3,L893*Input!$J$15,0)+IF(Input!$K$16=3,M893*Input!$J$16,0)</f>
        <v>0</v>
      </c>
      <c r="Q893" s="71">
        <f>IF(Input!$K$13=4,J893*Input!$J$13,0)+IF(Input!$K$14=4,K893*Input!$J$14,0)+IF(Input!$K$15=4,L893*Input!$J$15,0)+IF(Input!$K$16=4,M893*Input!$J$16,0)</f>
        <v>0</v>
      </c>
    </row>
    <row r="894" spans="8:17" x14ac:dyDescent="0.25">
      <c r="H894" s="43">
        <v>887</v>
      </c>
      <c r="I894" s="55">
        <f>Bühler!I920</f>
        <v>7.2007648011111964</v>
      </c>
      <c r="J894" s="58">
        <f>Bühler!J920</f>
        <v>22.812597001067758</v>
      </c>
      <c r="K894" s="58">
        <f>Bühler!K920</f>
        <v>0.70893042483115065</v>
      </c>
      <c r="L894" s="58">
        <f>Bühler!L920</f>
        <v>0.35446521241557533</v>
      </c>
      <c r="M894" s="57">
        <f>Bühler!M920</f>
        <v>0</v>
      </c>
      <c r="N894" s="55">
        <f>IF(Input!$K$13=1,J894*Input!$J$13,0)+IF(Input!$K$14=1,K894*Input!$J$14,0)+IF(Input!$K$15=1,L894*Input!$J$15,0)+IF(Input!$K$16=1,M894*Input!$J$16,0)</f>
        <v>2.737511640128131</v>
      </c>
      <c r="O894" s="58">
        <f>IF(Input!$K$13=2,J894*Input!$J$13,0)+IF(Input!$K$14=2,K894*Input!$J$14,0)+IF(Input!$K$15=2,L894*Input!$J$15,0)+IF(Input!$K$16=2,M894*Input!$J$16,0)</f>
        <v>9.5705607352205346E-2</v>
      </c>
      <c r="P894" s="58">
        <f>IF(Input!$K$13=3,J894*Input!$J$13,0)+IF(Input!$K$14=3,K894*Input!$J$14,0)+IF(Input!$K$15=3,L894*Input!$J$15,0)+IF(Input!$K$16=3,M894*Input!$J$16,0)</f>
        <v>0</v>
      </c>
      <c r="Q894" s="71">
        <f>IF(Input!$K$13=4,J894*Input!$J$13,0)+IF(Input!$K$14=4,K894*Input!$J$14,0)+IF(Input!$K$15=4,L894*Input!$J$15,0)+IF(Input!$K$16=4,M894*Input!$J$16,0)</f>
        <v>0</v>
      </c>
    </row>
    <row r="895" spans="8:17" x14ac:dyDescent="0.25">
      <c r="H895" s="43">
        <v>888</v>
      </c>
      <c r="I895" s="55">
        <f>Bühler!I921</f>
        <v>7.2007648011111964</v>
      </c>
      <c r="J895" s="58">
        <f>Bühler!J921</f>
        <v>22.812597001067758</v>
      </c>
      <c r="K895" s="58">
        <f>Bühler!K921</f>
        <v>0.70893042483115065</v>
      </c>
      <c r="L895" s="58">
        <f>Bühler!L921</f>
        <v>0.35446521241557533</v>
      </c>
      <c r="M895" s="57">
        <f>Bühler!M921</f>
        <v>0</v>
      </c>
      <c r="N895" s="55">
        <f>IF(Input!$K$13=1,J895*Input!$J$13,0)+IF(Input!$K$14=1,K895*Input!$J$14,0)+IF(Input!$K$15=1,L895*Input!$J$15,0)+IF(Input!$K$16=1,M895*Input!$J$16,0)</f>
        <v>2.737511640128131</v>
      </c>
      <c r="O895" s="58">
        <f>IF(Input!$K$13=2,J895*Input!$J$13,0)+IF(Input!$K$14=2,K895*Input!$J$14,0)+IF(Input!$K$15=2,L895*Input!$J$15,0)+IF(Input!$K$16=2,M895*Input!$J$16,0)</f>
        <v>9.5705607352205346E-2</v>
      </c>
      <c r="P895" s="58">
        <f>IF(Input!$K$13=3,J895*Input!$J$13,0)+IF(Input!$K$14=3,K895*Input!$J$14,0)+IF(Input!$K$15=3,L895*Input!$J$15,0)+IF(Input!$K$16=3,M895*Input!$J$16,0)</f>
        <v>0</v>
      </c>
      <c r="Q895" s="71">
        <f>IF(Input!$K$13=4,J895*Input!$J$13,0)+IF(Input!$K$14=4,K895*Input!$J$14,0)+IF(Input!$K$15=4,L895*Input!$J$15,0)+IF(Input!$K$16=4,M895*Input!$J$16,0)</f>
        <v>0</v>
      </c>
    </row>
    <row r="896" spans="8:17" x14ac:dyDescent="0.25">
      <c r="H896" s="43">
        <v>889</v>
      </c>
      <c r="I896" s="55">
        <f>Bühler!I922</f>
        <v>6.7559031203998368</v>
      </c>
      <c r="J896" s="58">
        <f>Bühler!J922</f>
        <v>16.880535516641846</v>
      </c>
      <c r="K896" s="58">
        <f>Bühler!K922</f>
        <v>0.4515482539760845</v>
      </c>
      <c r="L896" s="58">
        <f>Bühler!L922</f>
        <v>0.22577412698804225</v>
      </c>
      <c r="M896" s="57">
        <f>Bühler!M922</f>
        <v>0</v>
      </c>
      <c r="N896" s="55">
        <f>IF(Input!$K$13=1,J896*Input!$J$13,0)+IF(Input!$K$14=1,K896*Input!$J$14,0)+IF(Input!$K$15=1,L896*Input!$J$15,0)+IF(Input!$K$16=1,M896*Input!$J$16,0)</f>
        <v>2.0256642619970213</v>
      </c>
      <c r="O896" s="58">
        <f>IF(Input!$K$13=2,J896*Input!$J$13,0)+IF(Input!$K$14=2,K896*Input!$J$14,0)+IF(Input!$K$15=2,L896*Input!$J$15,0)+IF(Input!$K$16=2,M896*Input!$J$16,0)</f>
        <v>6.0959014286771404E-2</v>
      </c>
      <c r="P896" s="58">
        <f>IF(Input!$K$13=3,J896*Input!$J$13,0)+IF(Input!$K$14=3,K896*Input!$J$14,0)+IF(Input!$K$15=3,L896*Input!$J$15,0)+IF(Input!$K$16=3,M896*Input!$J$16,0)</f>
        <v>0</v>
      </c>
      <c r="Q896" s="71">
        <f>IF(Input!$K$13=4,J896*Input!$J$13,0)+IF(Input!$K$14=4,K896*Input!$J$14,0)+IF(Input!$K$15=4,L896*Input!$J$15,0)+IF(Input!$K$16=4,M896*Input!$J$16,0)</f>
        <v>0</v>
      </c>
    </row>
    <row r="897" spans="8:17" x14ac:dyDescent="0.25">
      <c r="H897" s="43">
        <v>890</v>
      </c>
      <c r="I897" s="55">
        <f>Bühler!I923</f>
        <v>6.7559031203998368</v>
      </c>
      <c r="J897" s="58">
        <f>Bühler!J923</f>
        <v>21.889013857830523</v>
      </c>
      <c r="K897" s="58">
        <f>Bühler!K923</f>
        <v>0.68807352986831927</v>
      </c>
      <c r="L897" s="58">
        <f>Bühler!L923</f>
        <v>0.34403676493415963</v>
      </c>
      <c r="M897" s="57">
        <f>Bühler!M923</f>
        <v>0</v>
      </c>
      <c r="N897" s="55">
        <f>IF(Input!$K$13=1,J897*Input!$J$13,0)+IF(Input!$K$14=1,K897*Input!$J$14,0)+IF(Input!$K$15=1,L897*Input!$J$15,0)+IF(Input!$K$16=1,M897*Input!$J$16,0)</f>
        <v>2.6266816629396628</v>
      </c>
      <c r="O897" s="58">
        <f>IF(Input!$K$13=2,J897*Input!$J$13,0)+IF(Input!$K$14=2,K897*Input!$J$14,0)+IF(Input!$K$15=2,L897*Input!$J$15,0)+IF(Input!$K$16=2,M897*Input!$J$16,0)</f>
        <v>9.288992653222311E-2</v>
      </c>
      <c r="P897" s="58">
        <f>IF(Input!$K$13=3,J897*Input!$J$13,0)+IF(Input!$K$14=3,K897*Input!$J$14,0)+IF(Input!$K$15=3,L897*Input!$J$15,0)+IF(Input!$K$16=3,M897*Input!$J$16,0)</f>
        <v>0</v>
      </c>
      <c r="Q897" s="71">
        <f>IF(Input!$K$13=4,J897*Input!$J$13,0)+IF(Input!$K$14=4,K897*Input!$J$14,0)+IF(Input!$K$15=4,L897*Input!$J$15,0)+IF(Input!$K$16=4,M897*Input!$J$16,0)</f>
        <v>0</v>
      </c>
    </row>
    <row r="898" spans="8:17" x14ac:dyDescent="0.25">
      <c r="H898" s="43">
        <v>891</v>
      </c>
      <c r="I898" s="55">
        <f>Bühler!I924</f>
        <v>6.7559031203998368</v>
      </c>
      <c r="J898" s="58">
        <f>Bühler!J924</f>
        <v>21.889013857830523</v>
      </c>
      <c r="K898" s="58">
        <f>Bühler!K924</f>
        <v>0.68807352986831927</v>
      </c>
      <c r="L898" s="58">
        <f>Bühler!L924</f>
        <v>0.34403676493415963</v>
      </c>
      <c r="M898" s="57">
        <f>Bühler!M924</f>
        <v>0</v>
      </c>
      <c r="N898" s="55">
        <f>IF(Input!$K$13=1,J898*Input!$J$13,0)+IF(Input!$K$14=1,K898*Input!$J$14,0)+IF(Input!$K$15=1,L898*Input!$J$15,0)+IF(Input!$K$16=1,M898*Input!$J$16,0)</f>
        <v>2.6266816629396628</v>
      </c>
      <c r="O898" s="58">
        <f>IF(Input!$K$13=2,J898*Input!$J$13,0)+IF(Input!$K$14=2,K898*Input!$J$14,0)+IF(Input!$K$15=2,L898*Input!$J$15,0)+IF(Input!$K$16=2,M898*Input!$J$16,0)</f>
        <v>9.288992653222311E-2</v>
      </c>
      <c r="P898" s="58">
        <f>IF(Input!$K$13=3,J898*Input!$J$13,0)+IF(Input!$K$14=3,K898*Input!$J$14,0)+IF(Input!$K$15=3,L898*Input!$J$15,0)+IF(Input!$K$16=3,M898*Input!$J$16,0)</f>
        <v>0</v>
      </c>
      <c r="Q898" s="71">
        <f>IF(Input!$K$13=4,J898*Input!$J$13,0)+IF(Input!$K$14=4,K898*Input!$J$14,0)+IF(Input!$K$15=4,L898*Input!$J$15,0)+IF(Input!$K$16=4,M898*Input!$J$16,0)</f>
        <v>0</v>
      </c>
    </row>
    <row r="899" spans="8:17" x14ac:dyDescent="0.25">
      <c r="H899" s="43">
        <v>892</v>
      </c>
      <c r="I899" s="55">
        <f>Bühler!I925</f>
        <v>6.7559031203998368</v>
      </c>
      <c r="J899" s="58">
        <f>Bühler!J925</f>
        <v>21.889013857830523</v>
      </c>
      <c r="K899" s="58">
        <f>Bühler!K925</f>
        <v>0.68807352986831927</v>
      </c>
      <c r="L899" s="58">
        <f>Bühler!L925</f>
        <v>0.34403676493415963</v>
      </c>
      <c r="M899" s="57">
        <f>Bühler!M925</f>
        <v>0</v>
      </c>
      <c r="N899" s="55">
        <f>IF(Input!$K$13=1,J899*Input!$J$13,0)+IF(Input!$K$14=1,K899*Input!$J$14,0)+IF(Input!$K$15=1,L899*Input!$J$15,0)+IF(Input!$K$16=1,M899*Input!$J$16,0)</f>
        <v>2.6266816629396628</v>
      </c>
      <c r="O899" s="58">
        <f>IF(Input!$K$13=2,J899*Input!$J$13,0)+IF(Input!$K$14=2,K899*Input!$J$14,0)+IF(Input!$K$15=2,L899*Input!$J$15,0)+IF(Input!$K$16=2,M899*Input!$J$16,0)</f>
        <v>9.288992653222311E-2</v>
      </c>
      <c r="P899" s="58">
        <f>IF(Input!$K$13=3,J899*Input!$J$13,0)+IF(Input!$K$14=3,K899*Input!$J$14,0)+IF(Input!$K$15=3,L899*Input!$J$15,0)+IF(Input!$K$16=3,M899*Input!$J$16,0)</f>
        <v>0</v>
      </c>
      <c r="Q899" s="71">
        <f>IF(Input!$K$13=4,J899*Input!$J$13,0)+IF(Input!$K$14=4,K899*Input!$J$14,0)+IF(Input!$K$15=4,L899*Input!$J$15,0)+IF(Input!$K$16=4,M899*Input!$J$16,0)</f>
        <v>0</v>
      </c>
    </row>
    <row r="900" spans="8:17" x14ac:dyDescent="0.25">
      <c r="H900" s="43">
        <v>893</v>
      </c>
      <c r="I900" s="55">
        <f>Bühler!I926</f>
        <v>6.7559031203998368</v>
      </c>
      <c r="J900" s="58">
        <f>Bühler!J926</f>
        <v>21.889013857830523</v>
      </c>
      <c r="K900" s="58">
        <f>Bühler!K926</f>
        <v>0.68807352986831927</v>
      </c>
      <c r="L900" s="58">
        <f>Bühler!L926</f>
        <v>0.34403676493415963</v>
      </c>
      <c r="M900" s="57">
        <f>Bühler!M926</f>
        <v>0</v>
      </c>
      <c r="N900" s="55">
        <f>IF(Input!$K$13=1,J900*Input!$J$13,0)+IF(Input!$K$14=1,K900*Input!$J$14,0)+IF(Input!$K$15=1,L900*Input!$J$15,0)+IF(Input!$K$16=1,M900*Input!$J$16,0)</f>
        <v>2.6266816629396628</v>
      </c>
      <c r="O900" s="58">
        <f>IF(Input!$K$13=2,J900*Input!$J$13,0)+IF(Input!$K$14=2,K900*Input!$J$14,0)+IF(Input!$K$15=2,L900*Input!$J$15,0)+IF(Input!$K$16=2,M900*Input!$J$16,0)</f>
        <v>9.288992653222311E-2</v>
      </c>
      <c r="P900" s="58">
        <f>IF(Input!$K$13=3,J900*Input!$J$13,0)+IF(Input!$K$14=3,K900*Input!$J$14,0)+IF(Input!$K$15=3,L900*Input!$J$15,0)+IF(Input!$K$16=3,M900*Input!$J$16,0)</f>
        <v>0</v>
      </c>
      <c r="Q900" s="71">
        <f>IF(Input!$K$13=4,J900*Input!$J$13,0)+IF(Input!$K$14=4,K900*Input!$J$14,0)+IF(Input!$K$15=4,L900*Input!$J$15,0)+IF(Input!$K$16=4,M900*Input!$J$16,0)</f>
        <v>0</v>
      </c>
    </row>
    <row r="901" spans="8:17" x14ac:dyDescent="0.25">
      <c r="H901" s="43">
        <v>894</v>
      </c>
      <c r="I901" s="55">
        <f>Bühler!I927</f>
        <v>6.7559031203998368</v>
      </c>
      <c r="J901" s="58">
        <f>Bühler!J927</f>
        <v>21.889013857830523</v>
      </c>
      <c r="K901" s="58">
        <f>Bühler!K927</f>
        <v>0.68807352986831927</v>
      </c>
      <c r="L901" s="58">
        <f>Bühler!L927</f>
        <v>0.34403676493415963</v>
      </c>
      <c r="M901" s="57">
        <f>Bühler!M927</f>
        <v>0</v>
      </c>
      <c r="N901" s="55">
        <f>IF(Input!$K$13=1,J901*Input!$J$13,0)+IF(Input!$K$14=1,K901*Input!$J$14,0)+IF(Input!$K$15=1,L901*Input!$J$15,0)+IF(Input!$K$16=1,M901*Input!$J$16,0)</f>
        <v>2.6266816629396628</v>
      </c>
      <c r="O901" s="58">
        <f>IF(Input!$K$13=2,J901*Input!$J$13,0)+IF(Input!$K$14=2,K901*Input!$J$14,0)+IF(Input!$K$15=2,L901*Input!$J$15,0)+IF(Input!$K$16=2,M901*Input!$J$16,0)</f>
        <v>9.288992653222311E-2</v>
      </c>
      <c r="P901" s="58">
        <f>IF(Input!$K$13=3,J901*Input!$J$13,0)+IF(Input!$K$14=3,K901*Input!$J$14,0)+IF(Input!$K$15=3,L901*Input!$J$15,0)+IF(Input!$K$16=3,M901*Input!$J$16,0)</f>
        <v>0</v>
      </c>
      <c r="Q901" s="71">
        <f>IF(Input!$K$13=4,J901*Input!$J$13,0)+IF(Input!$K$14=4,K901*Input!$J$14,0)+IF(Input!$K$15=4,L901*Input!$J$15,0)+IF(Input!$K$16=4,M901*Input!$J$16,0)</f>
        <v>0</v>
      </c>
    </row>
    <row r="902" spans="8:17" x14ac:dyDescent="0.25">
      <c r="H902" s="43">
        <v>895</v>
      </c>
      <c r="I902" s="55">
        <f>Bühler!I928</f>
        <v>6.7559031203998368</v>
      </c>
      <c r="J902" s="58">
        <f>Bühler!J928</f>
        <v>21.889013857830523</v>
      </c>
      <c r="K902" s="58">
        <f>Bühler!K928</f>
        <v>0.68807352986831927</v>
      </c>
      <c r="L902" s="58">
        <f>Bühler!L928</f>
        <v>0.34403676493415963</v>
      </c>
      <c r="M902" s="57">
        <f>Bühler!M928</f>
        <v>0</v>
      </c>
      <c r="N902" s="55">
        <f>IF(Input!$K$13=1,J902*Input!$J$13,0)+IF(Input!$K$14=1,K902*Input!$J$14,0)+IF(Input!$K$15=1,L902*Input!$J$15,0)+IF(Input!$K$16=1,M902*Input!$J$16,0)</f>
        <v>2.6266816629396628</v>
      </c>
      <c r="O902" s="58">
        <f>IF(Input!$K$13=2,J902*Input!$J$13,0)+IF(Input!$K$14=2,K902*Input!$J$14,0)+IF(Input!$K$15=2,L902*Input!$J$15,0)+IF(Input!$K$16=2,M902*Input!$J$16,0)</f>
        <v>9.288992653222311E-2</v>
      </c>
      <c r="P902" s="58">
        <f>IF(Input!$K$13=3,J902*Input!$J$13,0)+IF(Input!$K$14=3,K902*Input!$J$14,0)+IF(Input!$K$15=3,L902*Input!$J$15,0)+IF(Input!$K$16=3,M902*Input!$J$16,0)</f>
        <v>0</v>
      </c>
      <c r="Q902" s="71">
        <f>IF(Input!$K$13=4,J902*Input!$J$13,0)+IF(Input!$K$14=4,K902*Input!$J$14,0)+IF(Input!$K$15=4,L902*Input!$J$15,0)+IF(Input!$K$16=4,M902*Input!$J$16,0)</f>
        <v>0</v>
      </c>
    </row>
    <row r="903" spans="8:17" x14ac:dyDescent="0.25">
      <c r="H903" s="43">
        <v>896</v>
      </c>
      <c r="I903" s="55">
        <f>Bühler!I929</f>
        <v>19.46135963392598</v>
      </c>
      <c r="J903" s="58">
        <f>Bühler!J929</f>
        <v>82.505296714906393</v>
      </c>
      <c r="K903" s="58">
        <f>Bühler!K929</f>
        <v>2.9006599743511328</v>
      </c>
      <c r="L903" s="58">
        <f>Bühler!L929</f>
        <v>1.4503299871755664</v>
      </c>
      <c r="M903" s="57">
        <f>Bühler!M929</f>
        <v>0</v>
      </c>
      <c r="N903" s="55">
        <f>IF(Input!$K$13=1,J903*Input!$J$13,0)+IF(Input!$K$14=1,K903*Input!$J$14,0)+IF(Input!$K$15=1,L903*Input!$J$15,0)+IF(Input!$K$16=1,M903*Input!$J$16,0)</f>
        <v>9.9006356057887661</v>
      </c>
      <c r="O903" s="58">
        <f>IF(Input!$K$13=2,J903*Input!$J$13,0)+IF(Input!$K$14=2,K903*Input!$J$14,0)+IF(Input!$K$15=2,L903*Input!$J$15,0)+IF(Input!$K$16=2,M903*Input!$J$16,0)</f>
        <v>0.39158909653740293</v>
      </c>
      <c r="P903" s="58">
        <f>IF(Input!$K$13=3,J903*Input!$J$13,0)+IF(Input!$K$14=3,K903*Input!$J$14,0)+IF(Input!$K$15=3,L903*Input!$J$15,0)+IF(Input!$K$16=3,M903*Input!$J$16,0)</f>
        <v>0</v>
      </c>
      <c r="Q903" s="71">
        <f>IF(Input!$K$13=4,J903*Input!$J$13,0)+IF(Input!$K$14=4,K903*Input!$J$14,0)+IF(Input!$K$15=4,L903*Input!$J$15,0)+IF(Input!$K$16=4,M903*Input!$J$16,0)</f>
        <v>0</v>
      </c>
    </row>
    <row r="904" spans="8:17" x14ac:dyDescent="0.25">
      <c r="H904" s="43">
        <v>897</v>
      </c>
      <c r="I904" s="55">
        <f>Bühler!I930</f>
        <v>21.714780223117408</v>
      </c>
      <c r="J904" s="58">
        <f>Bühler!J930</f>
        <v>92.058541597685036</v>
      </c>
      <c r="K904" s="58">
        <f>Bühler!K930</f>
        <v>3.2365258661181064</v>
      </c>
      <c r="L904" s="58">
        <f>Bühler!L930</f>
        <v>1.6182629330590532</v>
      </c>
      <c r="M904" s="57">
        <f>Bühler!M930</f>
        <v>0</v>
      </c>
      <c r="N904" s="55">
        <f>IF(Input!$K$13=1,J904*Input!$J$13,0)+IF(Input!$K$14=1,K904*Input!$J$14,0)+IF(Input!$K$15=1,L904*Input!$J$15,0)+IF(Input!$K$16=1,M904*Input!$J$16,0)</f>
        <v>11.047024991722203</v>
      </c>
      <c r="O904" s="58">
        <f>IF(Input!$K$13=2,J904*Input!$J$13,0)+IF(Input!$K$14=2,K904*Input!$J$14,0)+IF(Input!$K$15=2,L904*Input!$J$15,0)+IF(Input!$K$16=2,M904*Input!$J$16,0)</f>
        <v>0.43693099192594431</v>
      </c>
      <c r="P904" s="58">
        <f>IF(Input!$K$13=3,J904*Input!$J$13,0)+IF(Input!$K$14=3,K904*Input!$J$14,0)+IF(Input!$K$15=3,L904*Input!$J$15,0)+IF(Input!$K$16=3,M904*Input!$J$16,0)</f>
        <v>0</v>
      </c>
      <c r="Q904" s="71">
        <f>IF(Input!$K$13=4,J904*Input!$J$13,0)+IF(Input!$K$14=4,K904*Input!$J$14,0)+IF(Input!$K$15=4,L904*Input!$J$15,0)+IF(Input!$K$16=4,M904*Input!$J$16,0)</f>
        <v>0</v>
      </c>
    </row>
    <row r="905" spans="8:17" x14ac:dyDescent="0.25">
      <c r="H905" s="43">
        <v>898</v>
      </c>
      <c r="I905" s="55">
        <f>Bühler!I931</f>
        <v>23.968200812308837</v>
      </c>
      <c r="J905" s="58">
        <f>Bühler!J931</f>
        <v>101.61178648046368</v>
      </c>
      <c r="K905" s="58">
        <f>Bühler!K931</f>
        <v>3.5723917578850797</v>
      </c>
      <c r="L905" s="58">
        <f>Bühler!L931</f>
        <v>1.7861958789425398</v>
      </c>
      <c r="M905" s="57">
        <f>Bühler!M931</f>
        <v>0</v>
      </c>
      <c r="N905" s="55">
        <f>IF(Input!$K$13=1,J905*Input!$J$13,0)+IF(Input!$K$14=1,K905*Input!$J$14,0)+IF(Input!$K$15=1,L905*Input!$J$15,0)+IF(Input!$K$16=1,M905*Input!$J$16,0)</f>
        <v>12.193414377655641</v>
      </c>
      <c r="O905" s="58">
        <f>IF(Input!$K$13=2,J905*Input!$J$13,0)+IF(Input!$K$14=2,K905*Input!$J$14,0)+IF(Input!$K$15=2,L905*Input!$J$15,0)+IF(Input!$K$16=2,M905*Input!$J$16,0)</f>
        <v>0.48227288731448575</v>
      </c>
      <c r="P905" s="58">
        <f>IF(Input!$K$13=3,J905*Input!$J$13,0)+IF(Input!$K$14=3,K905*Input!$J$14,0)+IF(Input!$K$15=3,L905*Input!$J$15,0)+IF(Input!$K$16=3,M905*Input!$J$16,0)</f>
        <v>0</v>
      </c>
      <c r="Q905" s="71">
        <f>IF(Input!$K$13=4,J905*Input!$J$13,0)+IF(Input!$K$14=4,K905*Input!$J$14,0)+IF(Input!$K$15=4,L905*Input!$J$15,0)+IF(Input!$K$16=4,M905*Input!$J$16,0)</f>
        <v>0</v>
      </c>
    </row>
    <row r="906" spans="8:17" x14ac:dyDescent="0.25">
      <c r="H906" s="43">
        <v>899</v>
      </c>
      <c r="I906" s="55">
        <f>Bühler!I932</f>
        <v>23.968200812308837</v>
      </c>
      <c r="J906" s="58">
        <f>Bühler!J932</f>
        <v>101.61178648046368</v>
      </c>
      <c r="K906" s="58">
        <f>Bühler!K932</f>
        <v>3.5723917578850797</v>
      </c>
      <c r="L906" s="58">
        <f>Bühler!L932</f>
        <v>1.7861958789425398</v>
      </c>
      <c r="M906" s="57">
        <f>Bühler!M932</f>
        <v>0</v>
      </c>
      <c r="N906" s="55">
        <f>IF(Input!$K$13=1,J906*Input!$J$13,0)+IF(Input!$K$14=1,K906*Input!$J$14,0)+IF(Input!$K$15=1,L906*Input!$J$15,0)+IF(Input!$K$16=1,M906*Input!$J$16,0)</f>
        <v>12.193414377655641</v>
      </c>
      <c r="O906" s="58">
        <f>IF(Input!$K$13=2,J906*Input!$J$13,0)+IF(Input!$K$14=2,K906*Input!$J$14,0)+IF(Input!$K$15=2,L906*Input!$J$15,0)+IF(Input!$K$16=2,M906*Input!$J$16,0)</f>
        <v>0.48227288731448575</v>
      </c>
      <c r="P906" s="58">
        <f>IF(Input!$K$13=3,J906*Input!$J$13,0)+IF(Input!$K$14=3,K906*Input!$J$14,0)+IF(Input!$K$15=3,L906*Input!$J$15,0)+IF(Input!$K$16=3,M906*Input!$J$16,0)</f>
        <v>0</v>
      </c>
      <c r="Q906" s="71">
        <f>IF(Input!$K$13=4,J906*Input!$J$13,0)+IF(Input!$K$14=4,K906*Input!$J$14,0)+IF(Input!$K$15=4,L906*Input!$J$15,0)+IF(Input!$K$16=4,M906*Input!$J$16,0)</f>
        <v>0</v>
      </c>
    </row>
    <row r="907" spans="8:17" x14ac:dyDescent="0.25">
      <c r="H907" s="43">
        <v>900</v>
      </c>
      <c r="I907" s="55">
        <f>Bühler!I933</f>
        <v>28.679898407890924</v>
      </c>
      <c r="J907" s="58">
        <f>Bühler!J933</f>
        <v>121.58675305354629</v>
      </c>
      <c r="K907" s="58">
        <f>Bühler!K933</f>
        <v>4.2746568043069333</v>
      </c>
      <c r="L907" s="58">
        <f>Bühler!L933</f>
        <v>2.1373284021534666</v>
      </c>
      <c r="M907" s="57">
        <f>Bühler!M933</f>
        <v>0</v>
      </c>
      <c r="N907" s="55">
        <f>IF(Input!$K$13=1,J907*Input!$J$13,0)+IF(Input!$K$14=1,K907*Input!$J$14,0)+IF(Input!$K$15=1,L907*Input!$J$15,0)+IF(Input!$K$16=1,M907*Input!$J$16,0)</f>
        <v>14.590410366425553</v>
      </c>
      <c r="O907" s="58">
        <f>IF(Input!$K$13=2,J907*Input!$J$13,0)+IF(Input!$K$14=2,K907*Input!$J$14,0)+IF(Input!$K$15=2,L907*Input!$J$15,0)+IF(Input!$K$16=2,M907*Input!$J$16,0)</f>
        <v>0.57707866858143597</v>
      </c>
      <c r="P907" s="58">
        <f>IF(Input!$K$13=3,J907*Input!$J$13,0)+IF(Input!$K$14=3,K907*Input!$J$14,0)+IF(Input!$K$15=3,L907*Input!$J$15,0)+IF(Input!$K$16=3,M907*Input!$J$16,0)</f>
        <v>0</v>
      </c>
      <c r="Q907" s="71">
        <f>IF(Input!$K$13=4,J907*Input!$J$13,0)+IF(Input!$K$14=4,K907*Input!$J$14,0)+IF(Input!$K$15=4,L907*Input!$J$15,0)+IF(Input!$K$16=4,M907*Input!$J$16,0)</f>
        <v>0</v>
      </c>
    </row>
    <row r="908" spans="8:17" x14ac:dyDescent="0.25">
      <c r="H908" s="43">
        <v>901</v>
      </c>
      <c r="I908" s="55">
        <f>Bühler!I934</f>
        <v>28.679898407890924</v>
      </c>
      <c r="J908" s="58">
        <f>Bühler!J934</f>
        <v>121.58675305354629</v>
      </c>
      <c r="K908" s="58">
        <f>Bühler!K934</f>
        <v>4.2746568043069333</v>
      </c>
      <c r="L908" s="58">
        <f>Bühler!L934</f>
        <v>2.1373284021534666</v>
      </c>
      <c r="M908" s="57">
        <f>Bühler!M934</f>
        <v>0</v>
      </c>
      <c r="N908" s="55">
        <f>IF(Input!$K$13=1,J908*Input!$J$13,0)+IF(Input!$K$14=1,K908*Input!$J$14,0)+IF(Input!$K$15=1,L908*Input!$J$15,0)+IF(Input!$K$16=1,M908*Input!$J$16,0)</f>
        <v>14.590410366425553</v>
      </c>
      <c r="O908" s="58">
        <f>IF(Input!$K$13=2,J908*Input!$J$13,0)+IF(Input!$K$14=2,K908*Input!$J$14,0)+IF(Input!$K$15=2,L908*Input!$J$15,0)+IF(Input!$K$16=2,M908*Input!$J$16,0)</f>
        <v>0.57707866858143597</v>
      </c>
      <c r="P908" s="58">
        <f>IF(Input!$K$13=3,J908*Input!$J$13,0)+IF(Input!$K$14=3,K908*Input!$J$14,0)+IF(Input!$K$15=3,L908*Input!$J$15,0)+IF(Input!$K$16=3,M908*Input!$J$16,0)</f>
        <v>0</v>
      </c>
      <c r="Q908" s="71">
        <f>IF(Input!$K$13=4,J908*Input!$J$13,0)+IF(Input!$K$14=4,K908*Input!$J$14,0)+IF(Input!$K$15=4,L908*Input!$J$15,0)+IF(Input!$K$16=4,M908*Input!$J$16,0)</f>
        <v>0</v>
      </c>
    </row>
    <row r="909" spans="8:17" x14ac:dyDescent="0.25">
      <c r="H909" s="43">
        <v>902</v>
      </c>
      <c r="I909" s="55">
        <f>Bühler!I935</f>
        <v>19.051646799527536</v>
      </c>
      <c r="J909" s="58">
        <f>Bühler!J935</f>
        <v>80.768343099855741</v>
      </c>
      <c r="K909" s="58">
        <f>Bühler!K935</f>
        <v>2.8395934485753198</v>
      </c>
      <c r="L909" s="58">
        <f>Bühler!L935</f>
        <v>1.4197967242876599</v>
      </c>
      <c r="M909" s="57">
        <f>Bühler!M935</f>
        <v>0</v>
      </c>
      <c r="N909" s="55">
        <f>IF(Input!$K$13=1,J909*Input!$J$13,0)+IF(Input!$K$14=1,K909*Input!$J$14,0)+IF(Input!$K$15=1,L909*Input!$J$15,0)+IF(Input!$K$16=1,M909*Input!$J$16,0)</f>
        <v>9.6922011719826884</v>
      </c>
      <c r="O909" s="58">
        <f>IF(Input!$K$13=2,J909*Input!$J$13,0)+IF(Input!$K$14=2,K909*Input!$J$14,0)+IF(Input!$K$15=2,L909*Input!$J$15,0)+IF(Input!$K$16=2,M909*Input!$J$16,0)</f>
        <v>0.38334511555766815</v>
      </c>
      <c r="P909" s="58">
        <f>IF(Input!$K$13=3,J909*Input!$J$13,0)+IF(Input!$K$14=3,K909*Input!$J$14,0)+IF(Input!$K$15=3,L909*Input!$J$15,0)+IF(Input!$K$16=3,M909*Input!$J$16,0)</f>
        <v>0</v>
      </c>
      <c r="Q909" s="71">
        <f>IF(Input!$K$13=4,J909*Input!$J$13,0)+IF(Input!$K$14=4,K909*Input!$J$14,0)+IF(Input!$K$15=4,L909*Input!$J$15,0)+IF(Input!$K$16=4,M909*Input!$J$16,0)</f>
        <v>0</v>
      </c>
    </row>
    <row r="910" spans="8:17" x14ac:dyDescent="0.25">
      <c r="H910" s="43">
        <v>903</v>
      </c>
      <c r="I910" s="55">
        <f>Bühler!I936</f>
        <v>28.679898407890924</v>
      </c>
      <c r="J910" s="58">
        <f>Bühler!J936</f>
        <v>121.58675305354629</v>
      </c>
      <c r="K910" s="58">
        <f>Bühler!K936</f>
        <v>4.2746568043069333</v>
      </c>
      <c r="L910" s="58">
        <f>Bühler!L936</f>
        <v>2.1373284021534666</v>
      </c>
      <c r="M910" s="57">
        <f>Bühler!M936</f>
        <v>0</v>
      </c>
      <c r="N910" s="55">
        <f>IF(Input!$K$13=1,J910*Input!$J$13,0)+IF(Input!$K$14=1,K910*Input!$J$14,0)+IF(Input!$K$15=1,L910*Input!$J$15,0)+IF(Input!$K$16=1,M910*Input!$J$16,0)</f>
        <v>14.590410366425553</v>
      </c>
      <c r="O910" s="58">
        <f>IF(Input!$K$13=2,J910*Input!$J$13,0)+IF(Input!$K$14=2,K910*Input!$J$14,0)+IF(Input!$K$15=2,L910*Input!$J$15,0)+IF(Input!$K$16=2,M910*Input!$J$16,0)</f>
        <v>0.57707866858143597</v>
      </c>
      <c r="P910" s="58">
        <f>IF(Input!$K$13=3,J910*Input!$J$13,0)+IF(Input!$K$14=3,K910*Input!$J$14,0)+IF(Input!$K$15=3,L910*Input!$J$15,0)+IF(Input!$K$16=3,M910*Input!$J$16,0)</f>
        <v>0</v>
      </c>
      <c r="Q910" s="71">
        <f>IF(Input!$K$13=4,J910*Input!$J$13,0)+IF(Input!$K$14=4,K910*Input!$J$14,0)+IF(Input!$K$15=4,L910*Input!$J$15,0)+IF(Input!$K$16=4,M910*Input!$J$16,0)</f>
        <v>0</v>
      </c>
    </row>
    <row r="911" spans="8:17" x14ac:dyDescent="0.25">
      <c r="H911" s="43">
        <v>904</v>
      </c>
      <c r="I911" s="55">
        <f>Bühler!I937</f>
        <v>28.679898407890924</v>
      </c>
      <c r="J911" s="58">
        <f>Bühler!J937</f>
        <v>121.58675305354629</v>
      </c>
      <c r="K911" s="58">
        <f>Bühler!K937</f>
        <v>4.2746568043069333</v>
      </c>
      <c r="L911" s="58">
        <f>Bühler!L937</f>
        <v>2.1373284021534666</v>
      </c>
      <c r="M911" s="57">
        <f>Bühler!M937</f>
        <v>0</v>
      </c>
      <c r="N911" s="55">
        <f>IF(Input!$K$13=1,J911*Input!$J$13,0)+IF(Input!$K$14=1,K911*Input!$J$14,0)+IF(Input!$K$15=1,L911*Input!$J$15,0)+IF(Input!$K$16=1,M911*Input!$J$16,0)</f>
        <v>14.590410366425553</v>
      </c>
      <c r="O911" s="58">
        <f>IF(Input!$K$13=2,J911*Input!$J$13,0)+IF(Input!$K$14=2,K911*Input!$J$14,0)+IF(Input!$K$15=2,L911*Input!$J$15,0)+IF(Input!$K$16=2,M911*Input!$J$16,0)</f>
        <v>0.57707866858143597</v>
      </c>
      <c r="P911" s="58">
        <f>IF(Input!$K$13=3,J911*Input!$J$13,0)+IF(Input!$K$14=3,K911*Input!$J$14,0)+IF(Input!$K$15=3,L911*Input!$J$15,0)+IF(Input!$K$16=3,M911*Input!$J$16,0)</f>
        <v>0</v>
      </c>
      <c r="Q911" s="71">
        <f>IF(Input!$K$13=4,J911*Input!$J$13,0)+IF(Input!$K$14=4,K911*Input!$J$14,0)+IF(Input!$K$15=4,L911*Input!$J$15,0)+IF(Input!$K$16=4,M911*Input!$J$16,0)</f>
        <v>0</v>
      </c>
    </row>
    <row r="912" spans="8:17" x14ac:dyDescent="0.25">
      <c r="H912" s="43">
        <v>905</v>
      </c>
      <c r="I912" s="55">
        <f>Bühler!I938</f>
        <v>23.972559459483293</v>
      </c>
      <c r="J912" s="58">
        <f>Bühler!J938</f>
        <v>79.310567081432993</v>
      </c>
      <c r="K912" s="58">
        <f>Bühler!K938</f>
        <v>2.5189941882523001</v>
      </c>
      <c r="L912" s="58">
        <f>Bühler!L938</f>
        <v>1.2594970941261501</v>
      </c>
      <c r="M912" s="57">
        <f>Bühler!M938</f>
        <v>0</v>
      </c>
      <c r="N912" s="55">
        <f>IF(Input!$K$13=1,J912*Input!$J$13,0)+IF(Input!$K$14=1,K912*Input!$J$14,0)+IF(Input!$K$15=1,L912*Input!$J$15,0)+IF(Input!$K$16=1,M912*Input!$J$16,0)</f>
        <v>9.5172680497719586</v>
      </c>
      <c r="O912" s="58">
        <f>IF(Input!$K$13=2,J912*Input!$J$13,0)+IF(Input!$K$14=2,K912*Input!$J$14,0)+IF(Input!$K$15=2,L912*Input!$J$15,0)+IF(Input!$K$16=2,M912*Input!$J$16,0)</f>
        <v>0.34006421541406051</v>
      </c>
      <c r="P912" s="58">
        <f>IF(Input!$K$13=3,J912*Input!$J$13,0)+IF(Input!$K$14=3,K912*Input!$J$14,0)+IF(Input!$K$15=3,L912*Input!$J$15,0)+IF(Input!$K$16=3,M912*Input!$J$16,0)</f>
        <v>0</v>
      </c>
      <c r="Q912" s="71">
        <f>IF(Input!$K$13=4,J912*Input!$J$13,0)+IF(Input!$K$14=4,K912*Input!$J$14,0)+IF(Input!$K$15=4,L912*Input!$J$15,0)+IF(Input!$K$16=4,M912*Input!$J$16,0)</f>
        <v>0</v>
      </c>
    </row>
    <row r="913" spans="8:17" x14ac:dyDescent="0.25">
      <c r="H913" s="43">
        <v>906</v>
      </c>
      <c r="I913" s="55">
        <f>Bühler!I939</f>
        <v>19.047288152353087</v>
      </c>
      <c r="J913" s="58">
        <f>Bühler!J939</f>
        <v>43.400372806815909</v>
      </c>
      <c r="K913" s="58">
        <f>Bühler!K939</f>
        <v>1.0751148904192489</v>
      </c>
      <c r="L913" s="58">
        <f>Bühler!L939</f>
        <v>0.53755744520962445</v>
      </c>
      <c r="M913" s="57">
        <f>Bühler!M939</f>
        <v>0</v>
      </c>
      <c r="N913" s="55">
        <f>IF(Input!$K$13=1,J913*Input!$J$13,0)+IF(Input!$K$14=1,K913*Input!$J$14,0)+IF(Input!$K$15=1,L913*Input!$J$15,0)+IF(Input!$K$16=1,M913*Input!$J$16,0)</f>
        <v>5.208044736817909</v>
      </c>
      <c r="O913" s="58">
        <f>IF(Input!$K$13=2,J913*Input!$J$13,0)+IF(Input!$K$14=2,K913*Input!$J$14,0)+IF(Input!$K$15=2,L913*Input!$J$15,0)+IF(Input!$K$16=2,M913*Input!$J$16,0)</f>
        <v>0.1451405102065986</v>
      </c>
      <c r="P913" s="58">
        <f>IF(Input!$K$13=3,J913*Input!$J$13,0)+IF(Input!$K$14=3,K913*Input!$J$14,0)+IF(Input!$K$15=3,L913*Input!$J$15,0)+IF(Input!$K$16=3,M913*Input!$J$16,0)</f>
        <v>0</v>
      </c>
      <c r="Q913" s="71">
        <f>IF(Input!$K$13=4,J913*Input!$J$13,0)+IF(Input!$K$14=4,K913*Input!$J$14,0)+IF(Input!$K$15=4,L913*Input!$J$15,0)+IF(Input!$K$16=4,M913*Input!$J$16,0)</f>
        <v>0</v>
      </c>
    </row>
    <row r="914" spans="8:17" x14ac:dyDescent="0.25">
      <c r="H914" s="43">
        <v>907</v>
      </c>
      <c r="I914" s="55">
        <f>Bühler!I940</f>
        <v>6.7559031203998368</v>
      </c>
      <c r="J914" s="58">
        <f>Bühler!J940</f>
        <v>22.344330070665858</v>
      </c>
      <c r="K914" s="58">
        <f>Bühler!K940</f>
        <v>0.70957582767670424</v>
      </c>
      <c r="L914" s="58">
        <f>Bühler!L940</f>
        <v>0.35478791383835212</v>
      </c>
      <c r="M914" s="57">
        <f>Bühler!M940</f>
        <v>0</v>
      </c>
      <c r="N914" s="55">
        <f>IF(Input!$K$13=1,J914*Input!$J$13,0)+IF(Input!$K$14=1,K914*Input!$J$14,0)+IF(Input!$K$15=1,L914*Input!$J$15,0)+IF(Input!$K$16=1,M914*Input!$J$16,0)</f>
        <v>2.6813196084799027</v>
      </c>
      <c r="O914" s="58">
        <f>IF(Input!$K$13=2,J914*Input!$J$13,0)+IF(Input!$K$14=2,K914*Input!$J$14,0)+IF(Input!$K$15=2,L914*Input!$J$15,0)+IF(Input!$K$16=2,M914*Input!$J$16,0)</f>
        <v>9.5792736736355064E-2</v>
      </c>
      <c r="P914" s="58">
        <f>IF(Input!$K$13=3,J914*Input!$J$13,0)+IF(Input!$K$14=3,K914*Input!$J$14,0)+IF(Input!$K$15=3,L914*Input!$J$15,0)+IF(Input!$K$16=3,M914*Input!$J$16,0)</f>
        <v>0</v>
      </c>
      <c r="Q914" s="71">
        <f>IF(Input!$K$13=4,J914*Input!$J$13,0)+IF(Input!$K$14=4,K914*Input!$J$14,0)+IF(Input!$K$15=4,L914*Input!$J$15,0)+IF(Input!$K$16=4,M914*Input!$J$16,0)</f>
        <v>0</v>
      </c>
    </row>
    <row r="915" spans="8:17" x14ac:dyDescent="0.25">
      <c r="H915" s="43">
        <v>908</v>
      </c>
      <c r="I915" s="55">
        <f>Bühler!I941</f>
        <v>6.7559031203998368</v>
      </c>
      <c r="J915" s="58">
        <f>Bühler!J941</f>
        <v>22.344330070665858</v>
      </c>
      <c r="K915" s="58">
        <f>Bühler!K941</f>
        <v>0.70957582767670424</v>
      </c>
      <c r="L915" s="58">
        <f>Bühler!L941</f>
        <v>0.35478791383835212</v>
      </c>
      <c r="M915" s="57">
        <f>Bühler!M941</f>
        <v>0</v>
      </c>
      <c r="N915" s="55">
        <f>IF(Input!$K$13=1,J915*Input!$J$13,0)+IF(Input!$K$14=1,K915*Input!$J$14,0)+IF(Input!$K$15=1,L915*Input!$J$15,0)+IF(Input!$K$16=1,M915*Input!$J$16,0)</f>
        <v>2.6813196084799027</v>
      </c>
      <c r="O915" s="58">
        <f>IF(Input!$K$13=2,J915*Input!$J$13,0)+IF(Input!$K$14=2,K915*Input!$J$14,0)+IF(Input!$K$15=2,L915*Input!$J$15,0)+IF(Input!$K$16=2,M915*Input!$J$16,0)</f>
        <v>9.5792736736355064E-2</v>
      </c>
      <c r="P915" s="58">
        <f>IF(Input!$K$13=3,J915*Input!$J$13,0)+IF(Input!$K$14=3,K915*Input!$J$14,0)+IF(Input!$K$15=3,L915*Input!$J$15,0)+IF(Input!$K$16=3,M915*Input!$J$16,0)</f>
        <v>0</v>
      </c>
      <c r="Q915" s="71">
        <f>IF(Input!$K$13=4,J915*Input!$J$13,0)+IF(Input!$K$14=4,K915*Input!$J$14,0)+IF(Input!$K$15=4,L915*Input!$J$15,0)+IF(Input!$K$16=4,M915*Input!$J$16,0)</f>
        <v>0</v>
      </c>
    </row>
    <row r="916" spans="8:17" x14ac:dyDescent="0.25">
      <c r="H916" s="43">
        <v>909</v>
      </c>
      <c r="I916" s="55">
        <f>Bühler!I942</f>
        <v>6.7559031203998368</v>
      </c>
      <c r="J916" s="58">
        <f>Bühler!J942</f>
        <v>22.344330070665858</v>
      </c>
      <c r="K916" s="58">
        <f>Bühler!K942</f>
        <v>0.70957582767670424</v>
      </c>
      <c r="L916" s="58">
        <f>Bühler!L942</f>
        <v>0.35478791383835212</v>
      </c>
      <c r="M916" s="57">
        <f>Bühler!M942</f>
        <v>0</v>
      </c>
      <c r="N916" s="55">
        <f>IF(Input!$K$13=1,J916*Input!$J$13,0)+IF(Input!$K$14=1,K916*Input!$J$14,0)+IF(Input!$K$15=1,L916*Input!$J$15,0)+IF(Input!$K$16=1,M916*Input!$J$16,0)</f>
        <v>2.6813196084799027</v>
      </c>
      <c r="O916" s="58">
        <f>IF(Input!$K$13=2,J916*Input!$J$13,0)+IF(Input!$K$14=2,K916*Input!$J$14,0)+IF(Input!$K$15=2,L916*Input!$J$15,0)+IF(Input!$K$16=2,M916*Input!$J$16,0)</f>
        <v>9.5792736736355064E-2</v>
      </c>
      <c r="P916" s="58">
        <f>IF(Input!$K$13=3,J916*Input!$J$13,0)+IF(Input!$K$14=3,K916*Input!$J$14,0)+IF(Input!$K$15=3,L916*Input!$J$15,0)+IF(Input!$K$16=3,M916*Input!$J$16,0)</f>
        <v>0</v>
      </c>
      <c r="Q916" s="71">
        <f>IF(Input!$K$13=4,J916*Input!$J$13,0)+IF(Input!$K$14=4,K916*Input!$J$14,0)+IF(Input!$K$15=4,L916*Input!$J$15,0)+IF(Input!$K$16=4,M916*Input!$J$16,0)</f>
        <v>0</v>
      </c>
    </row>
    <row r="917" spans="8:17" x14ac:dyDescent="0.25">
      <c r="H917" s="43">
        <v>910</v>
      </c>
      <c r="I917" s="55">
        <f>Bühler!I943</f>
        <v>6.7559031203998368</v>
      </c>
      <c r="J917" s="58">
        <f>Bühler!J943</f>
        <v>22.344330070665858</v>
      </c>
      <c r="K917" s="58">
        <f>Bühler!K943</f>
        <v>0.70957582767670424</v>
      </c>
      <c r="L917" s="58">
        <f>Bühler!L943</f>
        <v>0.35478791383835212</v>
      </c>
      <c r="M917" s="57">
        <f>Bühler!M943</f>
        <v>0</v>
      </c>
      <c r="N917" s="55">
        <f>IF(Input!$K$13=1,J917*Input!$J$13,0)+IF(Input!$K$14=1,K917*Input!$J$14,0)+IF(Input!$K$15=1,L917*Input!$J$15,0)+IF(Input!$K$16=1,M917*Input!$J$16,0)</f>
        <v>2.6813196084799027</v>
      </c>
      <c r="O917" s="58">
        <f>IF(Input!$K$13=2,J917*Input!$J$13,0)+IF(Input!$K$14=2,K917*Input!$J$14,0)+IF(Input!$K$15=2,L917*Input!$J$15,0)+IF(Input!$K$16=2,M917*Input!$J$16,0)</f>
        <v>9.5792736736355064E-2</v>
      </c>
      <c r="P917" s="58">
        <f>IF(Input!$K$13=3,J917*Input!$J$13,0)+IF(Input!$K$14=3,K917*Input!$J$14,0)+IF(Input!$K$15=3,L917*Input!$J$15,0)+IF(Input!$K$16=3,M917*Input!$J$16,0)</f>
        <v>0</v>
      </c>
      <c r="Q917" s="71">
        <f>IF(Input!$K$13=4,J917*Input!$J$13,0)+IF(Input!$K$14=4,K917*Input!$J$14,0)+IF(Input!$K$15=4,L917*Input!$J$15,0)+IF(Input!$K$16=4,M917*Input!$J$16,0)</f>
        <v>0</v>
      </c>
    </row>
    <row r="918" spans="8:17" x14ac:dyDescent="0.25">
      <c r="H918" s="43">
        <v>911</v>
      </c>
      <c r="I918" s="55">
        <f>Bühler!I944</f>
        <v>6.7559031203998368</v>
      </c>
      <c r="J918" s="58">
        <f>Bühler!J944</f>
        <v>22.344330070665858</v>
      </c>
      <c r="K918" s="58">
        <f>Bühler!K944</f>
        <v>0.70957582767670424</v>
      </c>
      <c r="L918" s="58">
        <f>Bühler!L944</f>
        <v>0.35478791383835212</v>
      </c>
      <c r="M918" s="57">
        <f>Bühler!M944</f>
        <v>0</v>
      </c>
      <c r="N918" s="55">
        <f>IF(Input!$K$13=1,J918*Input!$J$13,0)+IF(Input!$K$14=1,K918*Input!$J$14,0)+IF(Input!$K$15=1,L918*Input!$J$15,0)+IF(Input!$K$16=1,M918*Input!$J$16,0)</f>
        <v>2.6813196084799027</v>
      </c>
      <c r="O918" s="58">
        <f>IF(Input!$K$13=2,J918*Input!$J$13,0)+IF(Input!$K$14=2,K918*Input!$J$14,0)+IF(Input!$K$15=2,L918*Input!$J$15,0)+IF(Input!$K$16=2,M918*Input!$J$16,0)</f>
        <v>9.5792736736355064E-2</v>
      </c>
      <c r="P918" s="58">
        <f>IF(Input!$K$13=3,J918*Input!$J$13,0)+IF(Input!$K$14=3,K918*Input!$J$14,0)+IF(Input!$K$15=3,L918*Input!$J$15,0)+IF(Input!$K$16=3,M918*Input!$J$16,0)</f>
        <v>0</v>
      </c>
      <c r="Q918" s="71">
        <f>IF(Input!$K$13=4,J918*Input!$J$13,0)+IF(Input!$K$14=4,K918*Input!$J$14,0)+IF(Input!$K$15=4,L918*Input!$J$15,0)+IF(Input!$K$16=4,M918*Input!$J$16,0)</f>
        <v>0</v>
      </c>
    </row>
    <row r="919" spans="8:17" x14ac:dyDescent="0.25">
      <c r="H919" s="43">
        <v>912</v>
      </c>
      <c r="I919" s="55">
        <f>Bühler!I945</f>
        <v>6.7559031203998368</v>
      </c>
      <c r="J919" s="58">
        <f>Bühler!J945</f>
        <v>22.344330070665858</v>
      </c>
      <c r="K919" s="58">
        <f>Bühler!K945</f>
        <v>0.70957582767670424</v>
      </c>
      <c r="L919" s="58">
        <f>Bühler!L945</f>
        <v>0.35478791383835212</v>
      </c>
      <c r="M919" s="57">
        <f>Bühler!M945</f>
        <v>0</v>
      </c>
      <c r="N919" s="55">
        <f>IF(Input!$K$13=1,J919*Input!$J$13,0)+IF(Input!$K$14=1,K919*Input!$J$14,0)+IF(Input!$K$15=1,L919*Input!$J$15,0)+IF(Input!$K$16=1,M919*Input!$J$16,0)</f>
        <v>2.6813196084799027</v>
      </c>
      <c r="O919" s="58">
        <f>IF(Input!$K$13=2,J919*Input!$J$13,0)+IF(Input!$K$14=2,K919*Input!$J$14,0)+IF(Input!$K$15=2,L919*Input!$J$15,0)+IF(Input!$K$16=2,M919*Input!$J$16,0)</f>
        <v>9.5792736736355064E-2</v>
      </c>
      <c r="P919" s="58">
        <f>IF(Input!$K$13=3,J919*Input!$J$13,0)+IF(Input!$K$14=3,K919*Input!$J$14,0)+IF(Input!$K$15=3,L919*Input!$J$15,0)+IF(Input!$K$16=3,M919*Input!$J$16,0)</f>
        <v>0</v>
      </c>
      <c r="Q919" s="71">
        <f>IF(Input!$K$13=4,J919*Input!$J$13,0)+IF(Input!$K$14=4,K919*Input!$J$14,0)+IF(Input!$K$15=4,L919*Input!$J$15,0)+IF(Input!$K$16=4,M919*Input!$J$16,0)</f>
        <v>0</v>
      </c>
    </row>
    <row r="920" spans="8:17" x14ac:dyDescent="0.25">
      <c r="H920" s="43">
        <v>913</v>
      </c>
      <c r="I920" s="55">
        <f>Bühler!I946</f>
        <v>6.6393599727904622</v>
      </c>
      <c r="J920" s="58">
        <f>Bühler!J946</f>
        <v>21.752128464589738</v>
      </c>
      <c r="K920" s="58">
        <f>Bühler!K946</f>
        <v>0.69581153405110407</v>
      </c>
      <c r="L920" s="58">
        <f>Bühler!L946</f>
        <v>0.34790576702555204</v>
      </c>
      <c r="M920" s="57">
        <f>Bühler!M946</f>
        <v>0</v>
      </c>
      <c r="N920" s="55">
        <f>IF(Input!$K$13=1,J920*Input!$J$13,0)+IF(Input!$K$14=1,K920*Input!$J$14,0)+IF(Input!$K$15=1,L920*Input!$J$15,0)+IF(Input!$K$16=1,M920*Input!$J$16,0)</f>
        <v>2.6102554157507685</v>
      </c>
      <c r="O920" s="58">
        <f>IF(Input!$K$13=2,J920*Input!$J$13,0)+IF(Input!$K$14=2,K920*Input!$J$14,0)+IF(Input!$K$15=2,L920*Input!$J$15,0)+IF(Input!$K$16=2,M920*Input!$J$16,0)</f>
        <v>9.3934557096899046E-2</v>
      </c>
      <c r="P920" s="58">
        <f>IF(Input!$K$13=3,J920*Input!$J$13,0)+IF(Input!$K$14=3,K920*Input!$J$14,0)+IF(Input!$K$15=3,L920*Input!$J$15,0)+IF(Input!$K$16=3,M920*Input!$J$16,0)</f>
        <v>0</v>
      </c>
      <c r="Q920" s="71">
        <f>IF(Input!$K$13=4,J920*Input!$J$13,0)+IF(Input!$K$14=4,K920*Input!$J$14,0)+IF(Input!$K$15=4,L920*Input!$J$15,0)+IF(Input!$K$16=4,M920*Input!$J$16,0)</f>
        <v>0</v>
      </c>
    </row>
    <row r="921" spans="8:17" x14ac:dyDescent="0.25">
      <c r="H921" s="43">
        <v>914</v>
      </c>
      <c r="I921" s="55">
        <f>Bühler!I947</f>
        <v>6.6393599727904622</v>
      </c>
      <c r="J921" s="58">
        <f>Bühler!J947</f>
        <v>21.752128464589738</v>
      </c>
      <c r="K921" s="58">
        <f>Bühler!K947</f>
        <v>0.69581153405110407</v>
      </c>
      <c r="L921" s="58">
        <f>Bühler!L947</f>
        <v>0.34790576702555204</v>
      </c>
      <c r="M921" s="57">
        <f>Bühler!M947</f>
        <v>0</v>
      </c>
      <c r="N921" s="55">
        <f>IF(Input!$K$13=1,J921*Input!$J$13,0)+IF(Input!$K$14=1,K921*Input!$J$14,0)+IF(Input!$K$15=1,L921*Input!$J$15,0)+IF(Input!$K$16=1,M921*Input!$J$16,0)</f>
        <v>2.6102554157507685</v>
      </c>
      <c r="O921" s="58">
        <f>IF(Input!$K$13=2,J921*Input!$J$13,0)+IF(Input!$K$14=2,K921*Input!$J$14,0)+IF(Input!$K$15=2,L921*Input!$J$15,0)+IF(Input!$K$16=2,M921*Input!$J$16,0)</f>
        <v>9.3934557096899046E-2</v>
      </c>
      <c r="P921" s="58">
        <f>IF(Input!$K$13=3,J921*Input!$J$13,0)+IF(Input!$K$14=3,K921*Input!$J$14,0)+IF(Input!$K$15=3,L921*Input!$J$15,0)+IF(Input!$K$16=3,M921*Input!$J$16,0)</f>
        <v>0</v>
      </c>
      <c r="Q921" s="71">
        <f>IF(Input!$K$13=4,J921*Input!$J$13,0)+IF(Input!$K$14=4,K921*Input!$J$14,0)+IF(Input!$K$15=4,L921*Input!$J$15,0)+IF(Input!$K$16=4,M921*Input!$J$16,0)</f>
        <v>0</v>
      </c>
    </row>
    <row r="922" spans="8:17" x14ac:dyDescent="0.25">
      <c r="H922" s="43">
        <v>915</v>
      </c>
      <c r="I922" s="55">
        <f>Bühler!I948</f>
        <v>6.6393599727904622</v>
      </c>
      <c r="J922" s="58">
        <f>Bühler!J948</f>
        <v>21.752128464589738</v>
      </c>
      <c r="K922" s="58">
        <f>Bühler!K948</f>
        <v>0.69581153405110407</v>
      </c>
      <c r="L922" s="58">
        <f>Bühler!L948</f>
        <v>0.34790576702555204</v>
      </c>
      <c r="M922" s="57">
        <f>Bühler!M948</f>
        <v>0</v>
      </c>
      <c r="N922" s="55">
        <f>IF(Input!$K$13=1,J922*Input!$J$13,0)+IF(Input!$K$14=1,K922*Input!$J$14,0)+IF(Input!$K$15=1,L922*Input!$J$15,0)+IF(Input!$K$16=1,M922*Input!$J$16,0)</f>
        <v>2.6102554157507685</v>
      </c>
      <c r="O922" s="58">
        <f>IF(Input!$K$13=2,J922*Input!$J$13,0)+IF(Input!$K$14=2,K922*Input!$J$14,0)+IF(Input!$K$15=2,L922*Input!$J$15,0)+IF(Input!$K$16=2,M922*Input!$J$16,0)</f>
        <v>9.3934557096899046E-2</v>
      </c>
      <c r="P922" s="58">
        <f>IF(Input!$K$13=3,J922*Input!$J$13,0)+IF(Input!$K$14=3,K922*Input!$J$14,0)+IF(Input!$K$15=3,L922*Input!$J$15,0)+IF(Input!$K$16=3,M922*Input!$J$16,0)</f>
        <v>0</v>
      </c>
      <c r="Q922" s="71">
        <f>IF(Input!$K$13=4,J922*Input!$J$13,0)+IF(Input!$K$14=4,K922*Input!$J$14,0)+IF(Input!$K$15=4,L922*Input!$J$15,0)+IF(Input!$K$16=4,M922*Input!$J$16,0)</f>
        <v>0</v>
      </c>
    </row>
    <row r="923" spans="8:17" x14ac:dyDescent="0.25">
      <c r="H923" s="43">
        <v>916</v>
      </c>
      <c r="I923" s="55">
        <f>Bühler!I949</f>
        <v>6.6393599727904622</v>
      </c>
      <c r="J923" s="58">
        <f>Bühler!J949</f>
        <v>21.752128464589738</v>
      </c>
      <c r="K923" s="58">
        <f>Bühler!K949</f>
        <v>0.69581153405110407</v>
      </c>
      <c r="L923" s="58">
        <f>Bühler!L949</f>
        <v>0.34790576702555204</v>
      </c>
      <c r="M923" s="57">
        <f>Bühler!M949</f>
        <v>0</v>
      </c>
      <c r="N923" s="55">
        <f>IF(Input!$K$13=1,J923*Input!$J$13,0)+IF(Input!$K$14=1,K923*Input!$J$14,0)+IF(Input!$K$15=1,L923*Input!$J$15,0)+IF(Input!$K$16=1,M923*Input!$J$16,0)</f>
        <v>2.6102554157507685</v>
      </c>
      <c r="O923" s="58">
        <f>IF(Input!$K$13=2,J923*Input!$J$13,0)+IF(Input!$K$14=2,K923*Input!$J$14,0)+IF(Input!$K$15=2,L923*Input!$J$15,0)+IF(Input!$K$16=2,M923*Input!$J$16,0)</f>
        <v>9.3934557096899046E-2</v>
      </c>
      <c r="P923" s="58">
        <f>IF(Input!$K$13=3,J923*Input!$J$13,0)+IF(Input!$K$14=3,K923*Input!$J$14,0)+IF(Input!$K$15=3,L923*Input!$J$15,0)+IF(Input!$K$16=3,M923*Input!$J$16,0)</f>
        <v>0</v>
      </c>
      <c r="Q923" s="71">
        <f>IF(Input!$K$13=4,J923*Input!$J$13,0)+IF(Input!$K$14=4,K923*Input!$J$14,0)+IF(Input!$K$15=4,L923*Input!$J$15,0)+IF(Input!$K$16=4,M923*Input!$J$16,0)</f>
        <v>0</v>
      </c>
    </row>
    <row r="924" spans="8:17" x14ac:dyDescent="0.25">
      <c r="H924" s="43">
        <v>917</v>
      </c>
      <c r="I924" s="55">
        <f>Bühler!I950</f>
        <v>6.6393599727904622</v>
      </c>
      <c r="J924" s="58">
        <f>Bühler!J950</f>
        <v>21.752128464589738</v>
      </c>
      <c r="K924" s="58">
        <f>Bühler!K950</f>
        <v>0.69581153405110407</v>
      </c>
      <c r="L924" s="58">
        <f>Bühler!L950</f>
        <v>0.34790576702555204</v>
      </c>
      <c r="M924" s="57">
        <f>Bühler!M950</f>
        <v>0</v>
      </c>
      <c r="N924" s="55">
        <f>IF(Input!$K$13=1,J924*Input!$J$13,0)+IF(Input!$K$14=1,K924*Input!$J$14,0)+IF(Input!$K$15=1,L924*Input!$J$15,0)+IF(Input!$K$16=1,M924*Input!$J$16,0)</f>
        <v>2.6102554157507685</v>
      </c>
      <c r="O924" s="58">
        <f>IF(Input!$K$13=2,J924*Input!$J$13,0)+IF(Input!$K$14=2,K924*Input!$J$14,0)+IF(Input!$K$15=2,L924*Input!$J$15,0)+IF(Input!$K$16=2,M924*Input!$J$16,0)</f>
        <v>9.3934557096899046E-2</v>
      </c>
      <c r="P924" s="58">
        <f>IF(Input!$K$13=3,J924*Input!$J$13,0)+IF(Input!$K$14=3,K924*Input!$J$14,0)+IF(Input!$K$15=3,L924*Input!$J$15,0)+IF(Input!$K$16=3,M924*Input!$J$16,0)</f>
        <v>0</v>
      </c>
      <c r="Q924" s="71">
        <f>IF(Input!$K$13=4,J924*Input!$J$13,0)+IF(Input!$K$14=4,K924*Input!$J$14,0)+IF(Input!$K$15=4,L924*Input!$J$15,0)+IF(Input!$K$16=4,M924*Input!$J$16,0)</f>
        <v>0</v>
      </c>
    </row>
    <row r="925" spans="8:17" x14ac:dyDescent="0.25">
      <c r="H925" s="43">
        <v>918</v>
      </c>
      <c r="I925" s="55">
        <f>Bühler!I951</f>
        <v>6.6393599727904622</v>
      </c>
      <c r="J925" s="58">
        <f>Bühler!J951</f>
        <v>21.752128464589738</v>
      </c>
      <c r="K925" s="58">
        <f>Bühler!K951</f>
        <v>0.69581153405110407</v>
      </c>
      <c r="L925" s="58">
        <f>Bühler!L951</f>
        <v>0.34790576702555204</v>
      </c>
      <c r="M925" s="57">
        <f>Bühler!M951</f>
        <v>0</v>
      </c>
      <c r="N925" s="55">
        <f>IF(Input!$K$13=1,J925*Input!$J$13,0)+IF(Input!$K$14=1,K925*Input!$J$14,0)+IF(Input!$K$15=1,L925*Input!$J$15,0)+IF(Input!$K$16=1,M925*Input!$J$16,0)</f>
        <v>2.6102554157507685</v>
      </c>
      <c r="O925" s="58">
        <f>IF(Input!$K$13=2,J925*Input!$J$13,0)+IF(Input!$K$14=2,K925*Input!$J$14,0)+IF(Input!$K$15=2,L925*Input!$J$15,0)+IF(Input!$K$16=2,M925*Input!$J$16,0)</f>
        <v>9.3934557096899046E-2</v>
      </c>
      <c r="P925" s="58">
        <f>IF(Input!$K$13=3,J925*Input!$J$13,0)+IF(Input!$K$14=3,K925*Input!$J$14,0)+IF(Input!$K$15=3,L925*Input!$J$15,0)+IF(Input!$K$16=3,M925*Input!$J$16,0)</f>
        <v>0</v>
      </c>
      <c r="Q925" s="71">
        <f>IF(Input!$K$13=4,J925*Input!$J$13,0)+IF(Input!$K$14=4,K925*Input!$J$14,0)+IF(Input!$K$15=4,L925*Input!$J$15,0)+IF(Input!$K$16=4,M925*Input!$J$16,0)</f>
        <v>0</v>
      </c>
    </row>
    <row r="926" spans="8:17" x14ac:dyDescent="0.25">
      <c r="H926" s="43">
        <v>919</v>
      </c>
      <c r="I926" s="55">
        <f>Bühler!I952</f>
        <v>6.6393599727904622</v>
      </c>
      <c r="J926" s="58">
        <f>Bühler!J952</f>
        <v>21.752128464589738</v>
      </c>
      <c r="K926" s="58">
        <f>Bühler!K952</f>
        <v>0.69581153405110407</v>
      </c>
      <c r="L926" s="58">
        <f>Bühler!L952</f>
        <v>0.34790576702555204</v>
      </c>
      <c r="M926" s="57">
        <f>Bühler!M952</f>
        <v>0</v>
      </c>
      <c r="N926" s="55">
        <f>IF(Input!$K$13=1,J926*Input!$J$13,0)+IF(Input!$K$14=1,K926*Input!$J$14,0)+IF(Input!$K$15=1,L926*Input!$J$15,0)+IF(Input!$K$16=1,M926*Input!$J$16,0)</f>
        <v>2.6102554157507685</v>
      </c>
      <c r="O926" s="58">
        <f>IF(Input!$K$13=2,J926*Input!$J$13,0)+IF(Input!$K$14=2,K926*Input!$J$14,0)+IF(Input!$K$15=2,L926*Input!$J$15,0)+IF(Input!$K$16=2,M926*Input!$J$16,0)</f>
        <v>9.3934557096899046E-2</v>
      </c>
      <c r="P926" s="58">
        <f>IF(Input!$K$13=3,J926*Input!$J$13,0)+IF(Input!$K$14=3,K926*Input!$J$14,0)+IF(Input!$K$15=3,L926*Input!$J$15,0)+IF(Input!$K$16=3,M926*Input!$J$16,0)</f>
        <v>0</v>
      </c>
      <c r="Q926" s="71">
        <f>IF(Input!$K$13=4,J926*Input!$J$13,0)+IF(Input!$K$14=4,K926*Input!$J$14,0)+IF(Input!$K$15=4,L926*Input!$J$15,0)+IF(Input!$K$16=4,M926*Input!$J$16,0)</f>
        <v>0</v>
      </c>
    </row>
    <row r="927" spans="8:17" x14ac:dyDescent="0.25">
      <c r="H927" s="43">
        <v>920</v>
      </c>
      <c r="I927" s="55">
        <f>Bühler!I953</f>
        <v>18.29143672503772</v>
      </c>
      <c r="J927" s="58">
        <f>Bühler!J953</f>
        <v>79.33314729605155</v>
      </c>
      <c r="K927" s="58">
        <f>Bühler!K953</f>
        <v>2.8443932104089069</v>
      </c>
      <c r="L927" s="58">
        <f>Bühler!L953</f>
        <v>1.4221966052044535</v>
      </c>
      <c r="M927" s="57">
        <f>Bühler!M953</f>
        <v>0</v>
      </c>
      <c r="N927" s="55">
        <f>IF(Input!$K$13=1,J927*Input!$J$13,0)+IF(Input!$K$14=1,K927*Input!$J$14,0)+IF(Input!$K$15=1,L927*Input!$J$15,0)+IF(Input!$K$16=1,M927*Input!$J$16,0)</f>
        <v>9.5199776755261851</v>
      </c>
      <c r="O927" s="58">
        <f>IF(Input!$K$13=2,J927*Input!$J$13,0)+IF(Input!$K$14=2,K927*Input!$J$14,0)+IF(Input!$K$15=2,L927*Input!$J$15,0)+IF(Input!$K$16=2,M927*Input!$J$16,0)</f>
        <v>0.38399308340520244</v>
      </c>
      <c r="P927" s="58">
        <f>IF(Input!$K$13=3,J927*Input!$J$13,0)+IF(Input!$K$14=3,K927*Input!$J$14,0)+IF(Input!$K$15=3,L927*Input!$J$15,0)+IF(Input!$K$16=3,M927*Input!$J$16,0)</f>
        <v>0</v>
      </c>
      <c r="Q927" s="71">
        <f>IF(Input!$K$13=4,J927*Input!$J$13,0)+IF(Input!$K$14=4,K927*Input!$J$14,0)+IF(Input!$K$15=4,L927*Input!$J$15,0)+IF(Input!$K$16=4,M927*Input!$J$16,0)</f>
        <v>0</v>
      </c>
    </row>
    <row r="928" spans="8:17" x14ac:dyDescent="0.25">
      <c r="H928" s="43">
        <v>921</v>
      </c>
      <c r="I928" s="55">
        <f>Bühler!I954</f>
        <v>20.409392556357879</v>
      </c>
      <c r="J928" s="58">
        <f>Bühler!J954</f>
        <v>88.519090667173316</v>
      </c>
      <c r="K928" s="58">
        <f>Bühler!K954</f>
        <v>3.1737440031930966</v>
      </c>
      <c r="L928" s="58">
        <f>Bühler!L954</f>
        <v>1.5868720015965483</v>
      </c>
      <c r="M928" s="57">
        <f>Bühler!M954</f>
        <v>0</v>
      </c>
      <c r="N928" s="55">
        <f>IF(Input!$K$13=1,J928*Input!$J$13,0)+IF(Input!$K$14=1,K928*Input!$J$14,0)+IF(Input!$K$15=1,L928*Input!$J$15,0)+IF(Input!$K$16=1,M928*Input!$J$16,0)</f>
        <v>10.622290880060797</v>
      </c>
      <c r="O928" s="58">
        <f>IF(Input!$K$13=2,J928*Input!$J$13,0)+IF(Input!$K$14=2,K928*Input!$J$14,0)+IF(Input!$K$15=2,L928*Input!$J$15,0)+IF(Input!$K$16=2,M928*Input!$J$16,0)</f>
        <v>0.42845544043106798</v>
      </c>
      <c r="P928" s="58">
        <f>IF(Input!$K$13=3,J928*Input!$J$13,0)+IF(Input!$K$14=3,K928*Input!$J$14,0)+IF(Input!$K$15=3,L928*Input!$J$15,0)+IF(Input!$K$16=3,M928*Input!$J$16,0)</f>
        <v>0</v>
      </c>
      <c r="Q928" s="71">
        <f>IF(Input!$K$13=4,J928*Input!$J$13,0)+IF(Input!$K$14=4,K928*Input!$J$14,0)+IF(Input!$K$15=4,L928*Input!$J$15,0)+IF(Input!$K$16=4,M928*Input!$J$16,0)</f>
        <v>0</v>
      </c>
    </row>
    <row r="929" spans="8:17" x14ac:dyDescent="0.25">
      <c r="H929" s="43">
        <v>922</v>
      </c>
      <c r="I929" s="55">
        <f>Bühler!I955</f>
        <v>22.527348387678035</v>
      </c>
      <c r="J929" s="58">
        <f>Bühler!J955</f>
        <v>97.705034038295082</v>
      </c>
      <c r="K929" s="58">
        <f>Bühler!K955</f>
        <v>3.5030947959772858</v>
      </c>
      <c r="L929" s="58">
        <f>Bühler!L955</f>
        <v>1.7515473979886429</v>
      </c>
      <c r="M929" s="57">
        <f>Bühler!M955</f>
        <v>0</v>
      </c>
      <c r="N929" s="55">
        <f>IF(Input!$K$13=1,J929*Input!$J$13,0)+IF(Input!$K$14=1,K929*Input!$J$14,0)+IF(Input!$K$15=1,L929*Input!$J$15,0)+IF(Input!$K$16=1,M929*Input!$J$16,0)</f>
        <v>11.724604084595409</v>
      </c>
      <c r="O929" s="58">
        <f>IF(Input!$K$13=2,J929*Input!$J$13,0)+IF(Input!$K$14=2,K929*Input!$J$14,0)+IF(Input!$K$15=2,L929*Input!$J$15,0)+IF(Input!$K$16=2,M929*Input!$J$16,0)</f>
        <v>0.47291779745693352</v>
      </c>
      <c r="P929" s="58">
        <f>IF(Input!$K$13=3,J929*Input!$J$13,0)+IF(Input!$K$14=3,K929*Input!$J$14,0)+IF(Input!$K$15=3,L929*Input!$J$15,0)+IF(Input!$K$16=3,M929*Input!$J$16,0)</f>
        <v>0</v>
      </c>
      <c r="Q929" s="71">
        <f>IF(Input!$K$13=4,J929*Input!$J$13,0)+IF(Input!$K$14=4,K929*Input!$J$14,0)+IF(Input!$K$15=4,L929*Input!$J$15,0)+IF(Input!$K$16=4,M929*Input!$J$16,0)</f>
        <v>0</v>
      </c>
    </row>
    <row r="930" spans="8:17" x14ac:dyDescent="0.25">
      <c r="H930" s="43">
        <v>923</v>
      </c>
      <c r="I930" s="55">
        <f>Bühler!I956</f>
        <v>22.527348387678035</v>
      </c>
      <c r="J930" s="58">
        <f>Bühler!J956</f>
        <v>97.705034038295082</v>
      </c>
      <c r="K930" s="58">
        <f>Bühler!K956</f>
        <v>3.5030947959772858</v>
      </c>
      <c r="L930" s="58">
        <f>Bühler!L956</f>
        <v>1.7515473979886429</v>
      </c>
      <c r="M930" s="57">
        <f>Bühler!M956</f>
        <v>0</v>
      </c>
      <c r="N930" s="55">
        <f>IF(Input!$K$13=1,J930*Input!$J$13,0)+IF(Input!$K$14=1,K930*Input!$J$14,0)+IF(Input!$K$15=1,L930*Input!$J$15,0)+IF(Input!$K$16=1,M930*Input!$J$16,0)</f>
        <v>11.724604084595409</v>
      </c>
      <c r="O930" s="58">
        <f>IF(Input!$K$13=2,J930*Input!$J$13,0)+IF(Input!$K$14=2,K930*Input!$J$14,0)+IF(Input!$K$15=2,L930*Input!$J$15,0)+IF(Input!$K$16=2,M930*Input!$J$16,0)</f>
        <v>0.47291779745693352</v>
      </c>
      <c r="P930" s="58">
        <f>IF(Input!$K$13=3,J930*Input!$J$13,0)+IF(Input!$K$14=3,K930*Input!$J$14,0)+IF(Input!$K$15=3,L930*Input!$J$15,0)+IF(Input!$K$16=3,M930*Input!$J$16,0)</f>
        <v>0</v>
      </c>
      <c r="Q930" s="71">
        <f>IF(Input!$K$13=4,J930*Input!$J$13,0)+IF(Input!$K$14=4,K930*Input!$J$14,0)+IF(Input!$K$15=4,L930*Input!$J$15,0)+IF(Input!$K$16=4,M930*Input!$J$16,0)</f>
        <v>0</v>
      </c>
    </row>
    <row r="931" spans="8:17" x14ac:dyDescent="0.25">
      <c r="H931" s="43">
        <v>924</v>
      </c>
      <c r="I931" s="55">
        <f>Bühler!I957</f>
        <v>26.955801489529271</v>
      </c>
      <c r="J931" s="58">
        <f>Bühler!J957</f>
        <v>116.91200654154964</v>
      </c>
      <c r="K931" s="58">
        <f>Bühler!K957</f>
        <v>4.1917373627078627</v>
      </c>
      <c r="L931" s="58">
        <f>Bühler!L957</f>
        <v>2.0958686813539313</v>
      </c>
      <c r="M931" s="57">
        <f>Bühler!M957</f>
        <v>0</v>
      </c>
      <c r="N931" s="55">
        <f>IF(Input!$K$13=1,J931*Input!$J$13,0)+IF(Input!$K$14=1,K931*Input!$J$14,0)+IF(Input!$K$15=1,L931*Input!$J$15,0)+IF(Input!$K$16=1,M931*Input!$J$16,0)</f>
        <v>14.029440784985956</v>
      </c>
      <c r="O931" s="58">
        <f>IF(Input!$K$13=2,J931*Input!$J$13,0)+IF(Input!$K$14=2,K931*Input!$J$14,0)+IF(Input!$K$15=2,L931*Input!$J$15,0)+IF(Input!$K$16=2,M931*Input!$J$16,0)</f>
        <v>0.56588454396556154</v>
      </c>
      <c r="P931" s="58">
        <f>IF(Input!$K$13=3,J931*Input!$J$13,0)+IF(Input!$K$14=3,K931*Input!$J$14,0)+IF(Input!$K$15=3,L931*Input!$J$15,0)+IF(Input!$K$16=3,M931*Input!$J$16,0)</f>
        <v>0</v>
      </c>
      <c r="Q931" s="71">
        <f>IF(Input!$K$13=4,J931*Input!$J$13,0)+IF(Input!$K$14=4,K931*Input!$J$14,0)+IF(Input!$K$15=4,L931*Input!$J$15,0)+IF(Input!$K$16=4,M931*Input!$J$16,0)</f>
        <v>0</v>
      </c>
    </row>
    <row r="932" spans="8:17" x14ac:dyDescent="0.25">
      <c r="H932" s="43">
        <v>925</v>
      </c>
      <c r="I932" s="55">
        <f>Bühler!I958</f>
        <v>26.955801489529271</v>
      </c>
      <c r="J932" s="58">
        <f>Bühler!J958</f>
        <v>116.91200654154964</v>
      </c>
      <c r="K932" s="58">
        <f>Bühler!K958</f>
        <v>4.1917373627078627</v>
      </c>
      <c r="L932" s="58">
        <f>Bühler!L958</f>
        <v>2.0958686813539313</v>
      </c>
      <c r="M932" s="57">
        <f>Bühler!M958</f>
        <v>0</v>
      </c>
      <c r="N932" s="55">
        <f>IF(Input!$K$13=1,J932*Input!$J$13,0)+IF(Input!$K$14=1,K932*Input!$J$14,0)+IF(Input!$K$15=1,L932*Input!$J$15,0)+IF(Input!$K$16=1,M932*Input!$J$16,0)</f>
        <v>14.029440784985956</v>
      </c>
      <c r="O932" s="58">
        <f>IF(Input!$K$13=2,J932*Input!$J$13,0)+IF(Input!$K$14=2,K932*Input!$J$14,0)+IF(Input!$K$15=2,L932*Input!$J$15,0)+IF(Input!$K$16=2,M932*Input!$J$16,0)</f>
        <v>0.56588454396556154</v>
      </c>
      <c r="P932" s="58">
        <f>IF(Input!$K$13=3,J932*Input!$J$13,0)+IF(Input!$K$14=3,K932*Input!$J$14,0)+IF(Input!$K$15=3,L932*Input!$J$15,0)+IF(Input!$K$16=3,M932*Input!$J$16,0)</f>
        <v>0</v>
      </c>
      <c r="Q932" s="71">
        <f>IF(Input!$K$13=4,J932*Input!$J$13,0)+IF(Input!$K$14=4,K932*Input!$J$14,0)+IF(Input!$K$15=4,L932*Input!$J$15,0)+IF(Input!$K$16=4,M932*Input!$J$16,0)</f>
        <v>0</v>
      </c>
    </row>
    <row r="933" spans="8:17" x14ac:dyDescent="0.25">
      <c r="H933" s="43">
        <v>926</v>
      </c>
      <c r="I933" s="55">
        <f>Bühler!I959</f>
        <v>17.906353846615872</v>
      </c>
      <c r="J933" s="58">
        <f>Bühler!J959</f>
        <v>77.662975774029405</v>
      </c>
      <c r="K933" s="58">
        <f>Bühler!K959</f>
        <v>2.7845112480845091</v>
      </c>
      <c r="L933" s="58">
        <f>Bühler!L959</f>
        <v>1.3922556240422546</v>
      </c>
      <c r="M933" s="57">
        <f>Bühler!M959</f>
        <v>0</v>
      </c>
      <c r="N933" s="55">
        <f>IF(Input!$K$13=1,J933*Input!$J$13,0)+IF(Input!$K$14=1,K933*Input!$J$14,0)+IF(Input!$K$15=1,L933*Input!$J$15,0)+IF(Input!$K$16=1,M933*Input!$J$16,0)</f>
        <v>9.3195570928835281</v>
      </c>
      <c r="O933" s="58">
        <f>IF(Input!$K$13=2,J933*Input!$J$13,0)+IF(Input!$K$14=2,K933*Input!$J$14,0)+IF(Input!$K$15=2,L933*Input!$J$15,0)+IF(Input!$K$16=2,M933*Input!$J$16,0)</f>
        <v>0.37590901849140873</v>
      </c>
      <c r="P933" s="58">
        <f>IF(Input!$K$13=3,J933*Input!$J$13,0)+IF(Input!$K$14=3,K933*Input!$J$14,0)+IF(Input!$K$15=3,L933*Input!$J$15,0)+IF(Input!$K$16=3,M933*Input!$J$16,0)</f>
        <v>0</v>
      </c>
      <c r="Q933" s="71">
        <f>IF(Input!$K$13=4,J933*Input!$J$13,0)+IF(Input!$K$14=4,K933*Input!$J$14,0)+IF(Input!$K$15=4,L933*Input!$J$15,0)+IF(Input!$K$16=4,M933*Input!$J$16,0)</f>
        <v>0</v>
      </c>
    </row>
    <row r="934" spans="8:17" x14ac:dyDescent="0.25">
      <c r="H934" s="43">
        <v>927</v>
      </c>
      <c r="I934" s="55">
        <f>Bühler!I960</f>
        <v>26.955801489529271</v>
      </c>
      <c r="J934" s="58">
        <f>Bühler!J960</f>
        <v>116.91200654154964</v>
      </c>
      <c r="K934" s="58">
        <f>Bühler!K960</f>
        <v>4.1917373627078627</v>
      </c>
      <c r="L934" s="58">
        <f>Bühler!L960</f>
        <v>2.0958686813539313</v>
      </c>
      <c r="M934" s="57">
        <f>Bühler!M960</f>
        <v>0</v>
      </c>
      <c r="N934" s="55">
        <f>IF(Input!$K$13=1,J934*Input!$J$13,0)+IF(Input!$K$14=1,K934*Input!$J$14,0)+IF(Input!$K$15=1,L934*Input!$J$15,0)+IF(Input!$K$16=1,M934*Input!$J$16,0)</f>
        <v>14.029440784985956</v>
      </c>
      <c r="O934" s="58">
        <f>IF(Input!$K$13=2,J934*Input!$J$13,0)+IF(Input!$K$14=2,K934*Input!$J$14,0)+IF(Input!$K$15=2,L934*Input!$J$15,0)+IF(Input!$K$16=2,M934*Input!$J$16,0)</f>
        <v>0.56588454396556154</v>
      </c>
      <c r="P934" s="58">
        <f>IF(Input!$K$13=3,J934*Input!$J$13,0)+IF(Input!$K$14=3,K934*Input!$J$14,0)+IF(Input!$K$15=3,L934*Input!$J$15,0)+IF(Input!$K$16=3,M934*Input!$J$16,0)</f>
        <v>0</v>
      </c>
      <c r="Q934" s="71">
        <f>IF(Input!$K$13=4,J934*Input!$J$13,0)+IF(Input!$K$14=4,K934*Input!$J$14,0)+IF(Input!$K$15=4,L934*Input!$J$15,0)+IF(Input!$K$16=4,M934*Input!$J$16,0)</f>
        <v>0</v>
      </c>
    </row>
    <row r="935" spans="8:17" x14ac:dyDescent="0.25">
      <c r="H935" s="43">
        <v>928</v>
      </c>
      <c r="I935" s="55">
        <f>Bühler!I961</f>
        <v>26.955801489529271</v>
      </c>
      <c r="J935" s="58">
        <f>Bühler!J961</f>
        <v>116.91200654154964</v>
      </c>
      <c r="K935" s="58">
        <f>Bühler!K961</f>
        <v>4.1917373627078627</v>
      </c>
      <c r="L935" s="58">
        <f>Bühler!L961</f>
        <v>2.0958686813539313</v>
      </c>
      <c r="M935" s="57">
        <f>Bühler!M961</f>
        <v>0</v>
      </c>
      <c r="N935" s="55">
        <f>IF(Input!$K$13=1,J935*Input!$J$13,0)+IF(Input!$K$14=1,K935*Input!$J$14,0)+IF(Input!$K$15=1,L935*Input!$J$15,0)+IF(Input!$K$16=1,M935*Input!$J$16,0)</f>
        <v>14.029440784985956</v>
      </c>
      <c r="O935" s="58">
        <f>IF(Input!$K$13=2,J935*Input!$J$13,0)+IF(Input!$K$14=2,K935*Input!$J$14,0)+IF(Input!$K$15=2,L935*Input!$J$15,0)+IF(Input!$K$16=2,M935*Input!$J$16,0)</f>
        <v>0.56588454396556154</v>
      </c>
      <c r="P935" s="58">
        <f>IF(Input!$K$13=3,J935*Input!$J$13,0)+IF(Input!$K$14=3,K935*Input!$J$14,0)+IF(Input!$K$15=3,L935*Input!$J$15,0)+IF(Input!$K$16=3,M935*Input!$J$16,0)</f>
        <v>0</v>
      </c>
      <c r="Q935" s="71">
        <f>IF(Input!$K$13=4,J935*Input!$J$13,0)+IF(Input!$K$14=4,K935*Input!$J$14,0)+IF(Input!$K$15=4,L935*Input!$J$15,0)+IF(Input!$K$16=4,M935*Input!$J$16,0)</f>
        <v>0</v>
      </c>
    </row>
    <row r="936" spans="8:17" x14ac:dyDescent="0.25">
      <c r="H936" s="43">
        <v>929</v>
      </c>
      <c r="I936" s="55">
        <f>Bühler!I962</f>
        <v>22.524028707691642</v>
      </c>
      <c r="J936" s="58">
        <f>Bühler!J962</f>
        <v>76.087215253936193</v>
      </c>
      <c r="K936" s="58">
        <f>Bühler!K962</f>
        <v>2.4701309458814196</v>
      </c>
      <c r="L936" s="58">
        <f>Bühler!L962</f>
        <v>1.2350654729407098</v>
      </c>
      <c r="M936" s="57">
        <f>Bühler!M962</f>
        <v>0</v>
      </c>
      <c r="N936" s="55">
        <f>IF(Input!$K$13=1,J936*Input!$J$13,0)+IF(Input!$K$14=1,K936*Input!$J$14,0)+IF(Input!$K$15=1,L936*Input!$J$15,0)+IF(Input!$K$16=1,M936*Input!$J$16,0)</f>
        <v>9.1304658304723425</v>
      </c>
      <c r="O936" s="58">
        <f>IF(Input!$K$13=2,J936*Input!$J$13,0)+IF(Input!$K$14=2,K936*Input!$J$14,0)+IF(Input!$K$15=2,L936*Input!$J$15,0)+IF(Input!$K$16=2,M936*Input!$J$16,0)</f>
        <v>0.33346767769399166</v>
      </c>
      <c r="P936" s="58">
        <f>IF(Input!$K$13=3,J936*Input!$J$13,0)+IF(Input!$K$14=3,K936*Input!$J$14,0)+IF(Input!$K$15=3,L936*Input!$J$15,0)+IF(Input!$K$16=3,M936*Input!$J$16,0)</f>
        <v>0</v>
      </c>
      <c r="Q936" s="71">
        <f>IF(Input!$K$13=4,J936*Input!$J$13,0)+IF(Input!$K$14=4,K936*Input!$J$14,0)+IF(Input!$K$15=4,L936*Input!$J$15,0)+IF(Input!$K$16=4,M936*Input!$J$16,0)</f>
        <v>0</v>
      </c>
    </row>
    <row r="937" spans="8:17" x14ac:dyDescent="0.25">
      <c r="H937" s="43">
        <v>930</v>
      </c>
      <c r="I937" s="55">
        <f>Bühler!I963</f>
        <v>17.909673526602269</v>
      </c>
      <c r="J937" s="58">
        <f>Bühler!J963</f>
        <v>41.461977372102069</v>
      </c>
      <c r="K937" s="58">
        <f>Bühler!K963</f>
        <v>1.0542599000774306</v>
      </c>
      <c r="L937" s="58">
        <f>Bühler!L963</f>
        <v>0.52712995003871532</v>
      </c>
      <c r="M937" s="57">
        <f>Bühler!M963</f>
        <v>0</v>
      </c>
      <c r="N937" s="55">
        <f>IF(Input!$K$13=1,J937*Input!$J$13,0)+IF(Input!$K$14=1,K937*Input!$J$14,0)+IF(Input!$K$15=1,L937*Input!$J$15,0)+IF(Input!$K$16=1,M937*Input!$J$16,0)</f>
        <v>4.9754372846522479</v>
      </c>
      <c r="O937" s="58">
        <f>IF(Input!$K$13=2,J937*Input!$J$13,0)+IF(Input!$K$14=2,K937*Input!$J$14,0)+IF(Input!$K$15=2,L937*Input!$J$15,0)+IF(Input!$K$16=2,M937*Input!$J$16,0)</f>
        <v>0.14232508651045311</v>
      </c>
      <c r="P937" s="58">
        <f>IF(Input!$K$13=3,J937*Input!$J$13,0)+IF(Input!$K$14=3,K937*Input!$J$14,0)+IF(Input!$K$15=3,L937*Input!$J$15,0)+IF(Input!$K$16=3,M937*Input!$J$16,0)</f>
        <v>0</v>
      </c>
      <c r="Q937" s="71">
        <f>IF(Input!$K$13=4,J937*Input!$J$13,0)+IF(Input!$K$14=4,K937*Input!$J$14,0)+IF(Input!$K$15=4,L937*Input!$J$15,0)+IF(Input!$K$16=4,M937*Input!$J$16,0)</f>
        <v>0</v>
      </c>
    </row>
    <row r="938" spans="8:17" x14ac:dyDescent="0.25">
      <c r="H938" s="43">
        <v>931</v>
      </c>
      <c r="I938" s="55">
        <f>Bühler!I964</f>
        <v>6.6393599727904622</v>
      </c>
      <c r="J938" s="58">
        <f>Bühler!J964</f>
        <v>21.752128464589738</v>
      </c>
      <c r="K938" s="58">
        <f>Bühler!K964</f>
        <v>0.69581153405110407</v>
      </c>
      <c r="L938" s="58">
        <f>Bühler!L964</f>
        <v>0.34790576702555204</v>
      </c>
      <c r="M938" s="57">
        <f>Bühler!M964</f>
        <v>0</v>
      </c>
      <c r="N938" s="55">
        <f>IF(Input!$K$13=1,J938*Input!$J$13,0)+IF(Input!$K$14=1,K938*Input!$J$14,0)+IF(Input!$K$15=1,L938*Input!$J$15,0)+IF(Input!$K$16=1,M938*Input!$J$16,0)</f>
        <v>2.6102554157507685</v>
      </c>
      <c r="O938" s="58">
        <f>IF(Input!$K$13=2,J938*Input!$J$13,0)+IF(Input!$K$14=2,K938*Input!$J$14,0)+IF(Input!$K$15=2,L938*Input!$J$15,0)+IF(Input!$K$16=2,M938*Input!$J$16,0)</f>
        <v>9.3934557096899046E-2</v>
      </c>
      <c r="P938" s="58">
        <f>IF(Input!$K$13=3,J938*Input!$J$13,0)+IF(Input!$K$14=3,K938*Input!$J$14,0)+IF(Input!$K$15=3,L938*Input!$J$15,0)+IF(Input!$K$16=3,M938*Input!$J$16,0)</f>
        <v>0</v>
      </c>
      <c r="Q938" s="71">
        <f>IF(Input!$K$13=4,J938*Input!$J$13,0)+IF(Input!$K$14=4,K938*Input!$J$14,0)+IF(Input!$K$15=4,L938*Input!$J$15,0)+IF(Input!$K$16=4,M938*Input!$J$16,0)</f>
        <v>0</v>
      </c>
    </row>
    <row r="939" spans="8:17" x14ac:dyDescent="0.25">
      <c r="H939" s="43">
        <v>932</v>
      </c>
      <c r="I939" s="55">
        <f>Bühler!I965</f>
        <v>6.6393599727904622</v>
      </c>
      <c r="J939" s="58">
        <f>Bühler!J965</f>
        <v>21.752128464589738</v>
      </c>
      <c r="K939" s="58">
        <f>Bühler!K965</f>
        <v>0.69581153405110407</v>
      </c>
      <c r="L939" s="58">
        <f>Bühler!L965</f>
        <v>0.34790576702555204</v>
      </c>
      <c r="M939" s="57">
        <f>Bühler!M965</f>
        <v>0</v>
      </c>
      <c r="N939" s="55">
        <f>IF(Input!$K$13=1,J939*Input!$J$13,0)+IF(Input!$K$14=1,K939*Input!$J$14,0)+IF(Input!$K$15=1,L939*Input!$J$15,0)+IF(Input!$K$16=1,M939*Input!$J$16,0)</f>
        <v>2.6102554157507685</v>
      </c>
      <c r="O939" s="58">
        <f>IF(Input!$K$13=2,J939*Input!$J$13,0)+IF(Input!$K$14=2,K939*Input!$J$14,0)+IF(Input!$K$15=2,L939*Input!$J$15,0)+IF(Input!$K$16=2,M939*Input!$J$16,0)</f>
        <v>9.3934557096899046E-2</v>
      </c>
      <c r="P939" s="58">
        <f>IF(Input!$K$13=3,J939*Input!$J$13,0)+IF(Input!$K$14=3,K939*Input!$J$14,0)+IF(Input!$K$15=3,L939*Input!$J$15,0)+IF(Input!$K$16=3,M939*Input!$J$16,0)</f>
        <v>0</v>
      </c>
      <c r="Q939" s="71">
        <f>IF(Input!$K$13=4,J939*Input!$J$13,0)+IF(Input!$K$14=4,K939*Input!$J$14,0)+IF(Input!$K$15=4,L939*Input!$J$15,0)+IF(Input!$K$16=4,M939*Input!$J$16,0)</f>
        <v>0</v>
      </c>
    </row>
    <row r="940" spans="8:17" x14ac:dyDescent="0.25">
      <c r="H940" s="43">
        <v>933</v>
      </c>
      <c r="I940" s="55">
        <f>Bühler!I966</f>
        <v>6.6393599727904622</v>
      </c>
      <c r="J940" s="58">
        <f>Bühler!J966</f>
        <v>21.752128464589738</v>
      </c>
      <c r="K940" s="58">
        <f>Bühler!K966</f>
        <v>0.69581153405110407</v>
      </c>
      <c r="L940" s="58">
        <f>Bühler!L966</f>
        <v>0.34790576702555204</v>
      </c>
      <c r="M940" s="57">
        <f>Bühler!M966</f>
        <v>0</v>
      </c>
      <c r="N940" s="55">
        <f>IF(Input!$K$13=1,J940*Input!$J$13,0)+IF(Input!$K$14=1,K940*Input!$J$14,0)+IF(Input!$K$15=1,L940*Input!$J$15,0)+IF(Input!$K$16=1,M940*Input!$J$16,0)</f>
        <v>2.6102554157507685</v>
      </c>
      <c r="O940" s="58">
        <f>IF(Input!$K$13=2,J940*Input!$J$13,0)+IF(Input!$K$14=2,K940*Input!$J$14,0)+IF(Input!$K$15=2,L940*Input!$J$15,0)+IF(Input!$K$16=2,M940*Input!$J$16,0)</f>
        <v>9.3934557096899046E-2</v>
      </c>
      <c r="P940" s="58">
        <f>IF(Input!$K$13=3,J940*Input!$J$13,0)+IF(Input!$K$14=3,K940*Input!$J$14,0)+IF(Input!$K$15=3,L940*Input!$J$15,0)+IF(Input!$K$16=3,M940*Input!$J$16,0)</f>
        <v>0</v>
      </c>
      <c r="Q940" s="71">
        <f>IF(Input!$K$13=4,J940*Input!$J$13,0)+IF(Input!$K$14=4,K940*Input!$J$14,0)+IF(Input!$K$15=4,L940*Input!$J$15,0)+IF(Input!$K$16=4,M940*Input!$J$16,0)</f>
        <v>0</v>
      </c>
    </row>
    <row r="941" spans="8:17" x14ac:dyDescent="0.25">
      <c r="H941" s="43">
        <v>934</v>
      </c>
      <c r="I941" s="55">
        <f>Bühler!I967</f>
        <v>6.6393599727904622</v>
      </c>
      <c r="J941" s="58">
        <f>Bühler!J967</f>
        <v>21.752128464589738</v>
      </c>
      <c r="K941" s="58">
        <f>Bühler!K967</f>
        <v>0.69581153405110407</v>
      </c>
      <c r="L941" s="58">
        <f>Bühler!L967</f>
        <v>0.34790576702555204</v>
      </c>
      <c r="M941" s="57">
        <f>Bühler!M967</f>
        <v>0</v>
      </c>
      <c r="N941" s="55">
        <f>IF(Input!$K$13=1,J941*Input!$J$13,0)+IF(Input!$K$14=1,K941*Input!$J$14,0)+IF(Input!$K$15=1,L941*Input!$J$15,0)+IF(Input!$K$16=1,M941*Input!$J$16,0)</f>
        <v>2.6102554157507685</v>
      </c>
      <c r="O941" s="58">
        <f>IF(Input!$K$13=2,J941*Input!$J$13,0)+IF(Input!$K$14=2,K941*Input!$J$14,0)+IF(Input!$K$15=2,L941*Input!$J$15,0)+IF(Input!$K$16=2,M941*Input!$J$16,0)</f>
        <v>9.3934557096899046E-2</v>
      </c>
      <c r="P941" s="58">
        <f>IF(Input!$K$13=3,J941*Input!$J$13,0)+IF(Input!$K$14=3,K941*Input!$J$14,0)+IF(Input!$K$15=3,L941*Input!$J$15,0)+IF(Input!$K$16=3,M941*Input!$J$16,0)</f>
        <v>0</v>
      </c>
      <c r="Q941" s="71">
        <f>IF(Input!$K$13=4,J941*Input!$J$13,0)+IF(Input!$K$14=4,K941*Input!$J$14,0)+IF(Input!$K$15=4,L941*Input!$J$15,0)+IF(Input!$K$16=4,M941*Input!$J$16,0)</f>
        <v>0</v>
      </c>
    </row>
    <row r="942" spans="8:17" x14ac:dyDescent="0.25">
      <c r="H942" s="43">
        <v>935</v>
      </c>
      <c r="I942" s="55">
        <f>Bühler!I968</f>
        <v>6.6393599727904622</v>
      </c>
      <c r="J942" s="58">
        <f>Bühler!J968</f>
        <v>21.752128464589738</v>
      </c>
      <c r="K942" s="58">
        <f>Bühler!K968</f>
        <v>0.69581153405110407</v>
      </c>
      <c r="L942" s="58">
        <f>Bühler!L968</f>
        <v>0.34790576702555204</v>
      </c>
      <c r="M942" s="57">
        <f>Bühler!M968</f>
        <v>0</v>
      </c>
      <c r="N942" s="55">
        <f>IF(Input!$K$13=1,J942*Input!$J$13,0)+IF(Input!$K$14=1,K942*Input!$J$14,0)+IF(Input!$K$15=1,L942*Input!$J$15,0)+IF(Input!$K$16=1,M942*Input!$J$16,0)</f>
        <v>2.6102554157507685</v>
      </c>
      <c r="O942" s="58">
        <f>IF(Input!$K$13=2,J942*Input!$J$13,0)+IF(Input!$K$14=2,K942*Input!$J$14,0)+IF(Input!$K$15=2,L942*Input!$J$15,0)+IF(Input!$K$16=2,M942*Input!$J$16,0)</f>
        <v>9.3934557096899046E-2</v>
      </c>
      <c r="P942" s="58">
        <f>IF(Input!$K$13=3,J942*Input!$J$13,0)+IF(Input!$K$14=3,K942*Input!$J$14,0)+IF(Input!$K$15=3,L942*Input!$J$15,0)+IF(Input!$K$16=3,M942*Input!$J$16,0)</f>
        <v>0</v>
      </c>
      <c r="Q942" s="71">
        <f>IF(Input!$K$13=4,J942*Input!$J$13,0)+IF(Input!$K$14=4,K942*Input!$J$14,0)+IF(Input!$K$15=4,L942*Input!$J$15,0)+IF(Input!$K$16=4,M942*Input!$J$16,0)</f>
        <v>0</v>
      </c>
    </row>
    <row r="943" spans="8:17" x14ac:dyDescent="0.25">
      <c r="H943" s="43">
        <v>936</v>
      </c>
      <c r="I943" s="55">
        <f>Bühler!I969</f>
        <v>6.6393599727904622</v>
      </c>
      <c r="J943" s="58">
        <f>Bühler!J969</f>
        <v>21.752128464589738</v>
      </c>
      <c r="K943" s="58">
        <f>Bühler!K969</f>
        <v>0.69581153405110407</v>
      </c>
      <c r="L943" s="58">
        <f>Bühler!L969</f>
        <v>0.34790576702555204</v>
      </c>
      <c r="M943" s="57">
        <f>Bühler!M969</f>
        <v>0</v>
      </c>
      <c r="N943" s="55">
        <f>IF(Input!$K$13=1,J943*Input!$J$13,0)+IF(Input!$K$14=1,K943*Input!$J$14,0)+IF(Input!$K$15=1,L943*Input!$J$15,0)+IF(Input!$K$16=1,M943*Input!$J$16,0)</f>
        <v>2.6102554157507685</v>
      </c>
      <c r="O943" s="58">
        <f>IF(Input!$K$13=2,J943*Input!$J$13,0)+IF(Input!$K$14=2,K943*Input!$J$14,0)+IF(Input!$K$15=2,L943*Input!$J$15,0)+IF(Input!$K$16=2,M943*Input!$J$16,0)</f>
        <v>9.3934557096899046E-2</v>
      </c>
      <c r="P943" s="58">
        <f>IF(Input!$K$13=3,J943*Input!$J$13,0)+IF(Input!$K$14=3,K943*Input!$J$14,0)+IF(Input!$K$15=3,L943*Input!$J$15,0)+IF(Input!$K$16=3,M943*Input!$J$16,0)</f>
        <v>0</v>
      </c>
      <c r="Q943" s="71">
        <f>IF(Input!$K$13=4,J943*Input!$J$13,0)+IF(Input!$K$14=4,K943*Input!$J$14,0)+IF(Input!$K$15=4,L943*Input!$J$15,0)+IF(Input!$K$16=4,M943*Input!$J$16,0)</f>
        <v>0</v>
      </c>
    </row>
    <row r="944" spans="8:17" x14ac:dyDescent="0.25">
      <c r="H944" s="43">
        <v>937</v>
      </c>
      <c r="I944" s="55">
        <f>Bühler!I970</f>
        <v>5.9914330168646082</v>
      </c>
      <c r="J944" s="58">
        <f>Bühler!J970</f>
        <v>20.413401561050129</v>
      </c>
      <c r="K944" s="58">
        <f>Bühler!K970</f>
        <v>0.68118842224239728</v>
      </c>
      <c r="L944" s="58">
        <f>Bühler!L970</f>
        <v>0.34059421112119864</v>
      </c>
      <c r="M944" s="57">
        <f>Bühler!M970</f>
        <v>0</v>
      </c>
      <c r="N944" s="55">
        <f>IF(Input!$K$13=1,J944*Input!$J$13,0)+IF(Input!$K$14=1,K944*Input!$J$14,0)+IF(Input!$K$15=1,L944*Input!$J$15,0)+IF(Input!$K$16=1,M944*Input!$J$16,0)</f>
        <v>2.4496081873260156</v>
      </c>
      <c r="O944" s="58">
        <f>IF(Input!$K$13=2,J944*Input!$J$13,0)+IF(Input!$K$14=2,K944*Input!$J$14,0)+IF(Input!$K$15=2,L944*Input!$J$15,0)+IF(Input!$K$16=2,M944*Input!$J$16,0)</f>
        <v>9.1960437002723633E-2</v>
      </c>
      <c r="P944" s="58">
        <f>IF(Input!$K$13=3,J944*Input!$J$13,0)+IF(Input!$K$14=3,K944*Input!$J$14,0)+IF(Input!$K$15=3,L944*Input!$J$15,0)+IF(Input!$K$16=3,M944*Input!$J$16,0)</f>
        <v>0</v>
      </c>
      <c r="Q944" s="71">
        <f>IF(Input!$K$13=4,J944*Input!$J$13,0)+IF(Input!$K$14=4,K944*Input!$J$14,0)+IF(Input!$K$15=4,L944*Input!$J$15,0)+IF(Input!$K$16=4,M944*Input!$J$16,0)</f>
        <v>0</v>
      </c>
    </row>
    <row r="945" spans="8:17" x14ac:dyDescent="0.25">
      <c r="H945" s="43">
        <v>938</v>
      </c>
      <c r="I945" s="55">
        <f>Bühler!I971</f>
        <v>5.9914330168646082</v>
      </c>
      <c r="J945" s="58">
        <f>Bühler!J971</f>
        <v>20.413401561050129</v>
      </c>
      <c r="K945" s="58">
        <f>Bühler!K971</f>
        <v>0.68118842224239728</v>
      </c>
      <c r="L945" s="58">
        <f>Bühler!L971</f>
        <v>0.34059421112119864</v>
      </c>
      <c r="M945" s="57">
        <f>Bühler!M971</f>
        <v>0</v>
      </c>
      <c r="N945" s="55">
        <f>IF(Input!$K$13=1,J945*Input!$J$13,0)+IF(Input!$K$14=1,K945*Input!$J$14,0)+IF(Input!$K$15=1,L945*Input!$J$15,0)+IF(Input!$K$16=1,M945*Input!$J$16,0)</f>
        <v>2.4496081873260156</v>
      </c>
      <c r="O945" s="58">
        <f>IF(Input!$K$13=2,J945*Input!$J$13,0)+IF(Input!$K$14=2,K945*Input!$J$14,0)+IF(Input!$K$15=2,L945*Input!$J$15,0)+IF(Input!$K$16=2,M945*Input!$J$16,0)</f>
        <v>9.1960437002723633E-2</v>
      </c>
      <c r="P945" s="58">
        <f>IF(Input!$K$13=3,J945*Input!$J$13,0)+IF(Input!$K$14=3,K945*Input!$J$14,0)+IF(Input!$K$15=3,L945*Input!$J$15,0)+IF(Input!$K$16=3,M945*Input!$J$16,0)</f>
        <v>0</v>
      </c>
      <c r="Q945" s="71">
        <f>IF(Input!$K$13=4,J945*Input!$J$13,0)+IF(Input!$K$14=4,K945*Input!$J$14,0)+IF(Input!$K$15=4,L945*Input!$J$15,0)+IF(Input!$K$16=4,M945*Input!$J$16,0)</f>
        <v>0</v>
      </c>
    </row>
    <row r="946" spans="8:17" x14ac:dyDescent="0.25">
      <c r="H946" s="43">
        <v>939</v>
      </c>
      <c r="I946" s="55">
        <f>Bühler!I972</f>
        <v>5.9914330168646082</v>
      </c>
      <c r="J946" s="58">
        <f>Bühler!J972</f>
        <v>20.413401561050129</v>
      </c>
      <c r="K946" s="58">
        <f>Bühler!K972</f>
        <v>0.68118842224239728</v>
      </c>
      <c r="L946" s="58">
        <f>Bühler!L972</f>
        <v>0.34059421112119864</v>
      </c>
      <c r="M946" s="57">
        <f>Bühler!M972</f>
        <v>0</v>
      </c>
      <c r="N946" s="55">
        <f>IF(Input!$K$13=1,J946*Input!$J$13,0)+IF(Input!$K$14=1,K946*Input!$J$14,0)+IF(Input!$K$15=1,L946*Input!$J$15,0)+IF(Input!$K$16=1,M946*Input!$J$16,0)</f>
        <v>2.4496081873260156</v>
      </c>
      <c r="O946" s="58">
        <f>IF(Input!$K$13=2,J946*Input!$J$13,0)+IF(Input!$K$14=2,K946*Input!$J$14,0)+IF(Input!$K$15=2,L946*Input!$J$15,0)+IF(Input!$K$16=2,M946*Input!$J$16,0)</f>
        <v>9.1960437002723633E-2</v>
      </c>
      <c r="P946" s="58">
        <f>IF(Input!$K$13=3,J946*Input!$J$13,0)+IF(Input!$K$14=3,K946*Input!$J$14,0)+IF(Input!$K$15=3,L946*Input!$J$15,0)+IF(Input!$K$16=3,M946*Input!$J$16,0)</f>
        <v>0</v>
      </c>
      <c r="Q946" s="71">
        <f>IF(Input!$K$13=4,J946*Input!$J$13,0)+IF(Input!$K$14=4,K946*Input!$J$14,0)+IF(Input!$K$15=4,L946*Input!$J$15,0)+IF(Input!$K$16=4,M946*Input!$J$16,0)</f>
        <v>0</v>
      </c>
    </row>
    <row r="947" spans="8:17" x14ac:dyDescent="0.25">
      <c r="H947" s="43">
        <v>940</v>
      </c>
      <c r="I947" s="55">
        <f>Bühler!I973</f>
        <v>5.9914330168646082</v>
      </c>
      <c r="J947" s="58">
        <f>Bühler!J973</f>
        <v>20.413401561050129</v>
      </c>
      <c r="K947" s="58">
        <f>Bühler!K973</f>
        <v>0.68118842224239728</v>
      </c>
      <c r="L947" s="58">
        <f>Bühler!L973</f>
        <v>0.34059421112119864</v>
      </c>
      <c r="M947" s="57">
        <f>Bühler!M973</f>
        <v>0</v>
      </c>
      <c r="N947" s="55">
        <f>IF(Input!$K$13=1,J947*Input!$J$13,0)+IF(Input!$K$14=1,K947*Input!$J$14,0)+IF(Input!$K$15=1,L947*Input!$J$15,0)+IF(Input!$K$16=1,M947*Input!$J$16,0)</f>
        <v>2.4496081873260156</v>
      </c>
      <c r="O947" s="58">
        <f>IF(Input!$K$13=2,J947*Input!$J$13,0)+IF(Input!$K$14=2,K947*Input!$J$14,0)+IF(Input!$K$15=2,L947*Input!$J$15,0)+IF(Input!$K$16=2,M947*Input!$J$16,0)</f>
        <v>9.1960437002723633E-2</v>
      </c>
      <c r="P947" s="58">
        <f>IF(Input!$K$13=3,J947*Input!$J$13,0)+IF(Input!$K$14=3,K947*Input!$J$14,0)+IF(Input!$K$15=3,L947*Input!$J$15,0)+IF(Input!$K$16=3,M947*Input!$J$16,0)</f>
        <v>0</v>
      </c>
      <c r="Q947" s="71">
        <f>IF(Input!$K$13=4,J947*Input!$J$13,0)+IF(Input!$K$14=4,K947*Input!$J$14,0)+IF(Input!$K$15=4,L947*Input!$J$15,0)+IF(Input!$K$16=4,M947*Input!$J$16,0)</f>
        <v>0</v>
      </c>
    </row>
    <row r="948" spans="8:17" x14ac:dyDescent="0.25">
      <c r="H948" s="43">
        <v>941</v>
      </c>
      <c r="I948" s="55">
        <f>Bühler!I974</f>
        <v>5.9914330168646082</v>
      </c>
      <c r="J948" s="58">
        <f>Bühler!J974</f>
        <v>20.413401561050129</v>
      </c>
      <c r="K948" s="58">
        <f>Bühler!K974</f>
        <v>0.68118842224239728</v>
      </c>
      <c r="L948" s="58">
        <f>Bühler!L974</f>
        <v>0.34059421112119864</v>
      </c>
      <c r="M948" s="57">
        <f>Bühler!M974</f>
        <v>0</v>
      </c>
      <c r="N948" s="55">
        <f>IF(Input!$K$13=1,J948*Input!$J$13,0)+IF(Input!$K$14=1,K948*Input!$J$14,0)+IF(Input!$K$15=1,L948*Input!$J$15,0)+IF(Input!$K$16=1,M948*Input!$J$16,0)</f>
        <v>2.4496081873260156</v>
      </c>
      <c r="O948" s="58">
        <f>IF(Input!$K$13=2,J948*Input!$J$13,0)+IF(Input!$K$14=2,K948*Input!$J$14,0)+IF(Input!$K$15=2,L948*Input!$J$15,0)+IF(Input!$K$16=2,M948*Input!$J$16,0)</f>
        <v>9.1960437002723633E-2</v>
      </c>
      <c r="P948" s="58">
        <f>IF(Input!$K$13=3,J948*Input!$J$13,0)+IF(Input!$K$14=3,K948*Input!$J$14,0)+IF(Input!$K$15=3,L948*Input!$J$15,0)+IF(Input!$K$16=3,M948*Input!$J$16,0)</f>
        <v>0</v>
      </c>
      <c r="Q948" s="71">
        <f>IF(Input!$K$13=4,J948*Input!$J$13,0)+IF(Input!$K$14=4,K948*Input!$J$14,0)+IF(Input!$K$15=4,L948*Input!$J$15,0)+IF(Input!$K$16=4,M948*Input!$J$16,0)</f>
        <v>0</v>
      </c>
    </row>
    <row r="949" spans="8:17" x14ac:dyDescent="0.25">
      <c r="H949" s="43">
        <v>942</v>
      </c>
      <c r="I949" s="55">
        <f>Bühler!I975</f>
        <v>5.9914330168646082</v>
      </c>
      <c r="J949" s="58">
        <f>Bühler!J975</f>
        <v>20.413401561050129</v>
      </c>
      <c r="K949" s="58">
        <f>Bühler!K975</f>
        <v>0.68118842224239728</v>
      </c>
      <c r="L949" s="58">
        <f>Bühler!L975</f>
        <v>0.34059421112119864</v>
      </c>
      <c r="M949" s="57">
        <f>Bühler!M975</f>
        <v>0</v>
      </c>
      <c r="N949" s="55">
        <f>IF(Input!$K$13=1,J949*Input!$J$13,0)+IF(Input!$K$14=1,K949*Input!$J$14,0)+IF(Input!$K$15=1,L949*Input!$J$15,0)+IF(Input!$K$16=1,M949*Input!$J$16,0)</f>
        <v>2.4496081873260156</v>
      </c>
      <c r="O949" s="58">
        <f>IF(Input!$K$13=2,J949*Input!$J$13,0)+IF(Input!$K$14=2,K949*Input!$J$14,0)+IF(Input!$K$15=2,L949*Input!$J$15,0)+IF(Input!$K$16=2,M949*Input!$J$16,0)</f>
        <v>9.1960437002723633E-2</v>
      </c>
      <c r="P949" s="58">
        <f>IF(Input!$K$13=3,J949*Input!$J$13,0)+IF(Input!$K$14=3,K949*Input!$J$14,0)+IF(Input!$K$15=3,L949*Input!$J$15,0)+IF(Input!$K$16=3,M949*Input!$J$16,0)</f>
        <v>0</v>
      </c>
      <c r="Q949" s="71">
        <f>IF(Input!$K$13=4,J949*Input!$J$13,0)+IF(Input!$K$14=4,K949*Input!$J$14,0)+IF(Input!$K$15=4,L949*Input!$J$15,0)+IF(Input!$K$16=4,M949*Input!$J$16,0)</f>
        <v>0</v>
      </c>
    </row>
    <row r="950" spans="8:17" x14ac:dyDescent="0.25">
      <c r="H950" s="43">
        <v>943</v>
      </c>
      <c r="I950" s="55">
        <f>Bühler!I976</f>
        <v>5.9914330168646082</v>
      </c>
      <c r="J950" s="58">
        <f>Bühler!J976</f>
        <v>20.413401561050129</v>
      </c>
      <c r="K950" s="58">
        <f>Bühler!K976</f>
        <v>0.68118842224239728</v>
      </c>
      <c r="L950" s="58">
        <f>Bühler!L976</f>
        <v>0.34059421112119864</v>
      </c>
      <c r="M950" s="57">
        <f>Bühler!M976</f>
        <v>0</v>
      </c>
      <c r="N950" s="55">
        <f>IF(Input!$K$13=1,J950*Input!$J$13,0)+IF(Input!$K$14=1,K950*Input!$J$14,0)+IF(Input!$K$15=1,L950*Input!$J$15,0)+IF(Input!$K$16=1,M950*Input!$J$16,0)</f>
        <v>2.4496081873260156</v>
      </c>
      <c r="O950" s="58">
        <f>IF(Input!$K$13=2,J950*Input!$J$13,0)+IF(Input!$K$14=2,K950*Input!$J$14,0)+IF(Input!$K$15=2,L950*Input!$J$15,0)+IF(Input!$K$16=2,M950*Input!$J$16,0)</f>
        <v>9.1960437002723633E-2</v>
      </c>
      <c r="P950" s="58">
        <f>IF(Input!$K$13=3,J950*Input!$J$13,0)+IF(Input!$K$14=3,K950*Input!$J$14,0)+IF(Input!$K$15=3,L950*Input!$J$15,0)+IF(Input!$K$16=3,M950*Input!$J$16,0)</f>
        <v>0</v>
      </c>
      <c r="Q950" s="71">
        <f>IF(Input!$K$13=4,J950*Input!$J$13,0)+IF(Input!$K$14=4,K950*Input!$J$14,0)+IF(Input!$K$15=4,L950*Input!$J$15,0)+IF(Input!$K$16=4,M950*Input!$J$16,0)</f>
        <v>0</v>
      </c>
    </row>
    <row r="951" spans="8:17" x14ac:dyDescent="0.25">
      <c r="H951" s="43">
        <v>944</v>
      </c>
      <c r="I951" s="55">
        <f>Bühler!I977</f>
        <v>16.506397961461996</v>
      </c>
      <c r="J951" s="58">
        <f>Bühler!J977</f>
        <v>74.796169421261808</v>
      </c>
      <c r="K951" s="58">
        <f>Bühler!K977</f>
        <v>2.7846157018333155</v>
      </c>
      <c r="L951" s="58">
        <f>Bühler!L977</f>
        <v>1.3923078509166578</v>
      </c>
      <c r="M951" s="57">
        <f>Bühler!M977</f>
        <v>0</v>
      </c>
      <c r="N951" s="55">
        <f>IF(Input!$K$13=1,J951*Input!$J$13,0)+IF(Input!$K$14=1,K951*Input!$J$14,0)+IF(Input!$K$15=1,L951*Input!$J$15,0)+IF(Input!$K$16=1,M951*Input!$J$16,0)</f>
        <v>8.9755403305514161</v>
      </c>
      <c r="O951" s="58">
        <f>IF(Input!$K$13=2,J951*Input!$J$13,0)+IF(Input!$K$14=2,K951*Input!$J$14,0)+IF(Input!$K$15=2,L951*Input!$J$15,0)+IF(Input!$K$16=2,M951*Input!$J$16,0)</f>
        <v>0.37592311974749759</v>
      </c>
      <c r="P951" s="58">
        <f>IF(Input!$K$13=3,J951*Input!$J$13,0)+IF(Input!$K$14=3,K951*Input!$J$14,0)+IF(Input!$K$15=3,L951*Input!$J$15,0)+IF(Input!$K$16=3,M951*Input!$J$16,0)</f>
        <v>0</v>
      </c>
      <c r="Q951" s="71">
        <f>IF(Input!$K$13=4,J951*Input!$J$13,0)+IF(Input!$K$14=4,K951*Input!$J$14,0)+IF(Input!$K$15=4,L951*Input!$J$15,0)+IF(Input!$K$16=4,M951*Input!$J$16,0)</f>
        <v>0</v>
      </c>
    </row>
    <row r="952" spans="8:17" x14ac:dyDescent="0.25">
      <c r="H952" s="43">
        <v>945</v>
      </c>
      <c r="I952" s="55">
        <f>Bühler!I978</f>
        <v>18.417665093841808</v>
      </c>
      <c r="J952" s="58">
        <f>Bühler!J978</f>
        <v>83.456778512144766</v>
      </c>
      <c r="K952" s="58">
        <f>Bühler!K978</f>
        <v>3.1070448883613833</v>
      </c>
      <c r="L952" s="58">
        <f>Bühler!L978</f>
        <v>1.5535224441806916</v>
      </c>
      <c r="M952" s="57">
        <f>Bühler!M978</f>
        <v>0</v>
      </c>
      <c r="N952" s="55">
        <f>IF(Input!$K$13=1,J952*Input!$J$13,0)+IF(Input!$K$14=1,K952*Input!$J$14,0)+IF(Input!$K$15=1,L952*Input!$J$15,0)+IF(Input!$K$16=1,M952*Input!$J$16,0)</f>
        <v>10.014813421457372</v>
      </c>
      <c r="O952" s="58">
        <f>IF(Input!$K$13=2,J952*Input!$J$13,0)+IF(Input!$K$14=2,K952*Input!$J$14,0)+IF(Input!$K$15=2,L952*Input!$J$15,0)+IF(Input!$K$16=2,M952*Input!$J$16,0)</f>
        <v>0.41945105992878673</v>
      </c>
      <c r="P952" s="58">
        <f>IF(Input!$K$13=3,J952*Input!$J$13,0)+IF(Input!$K$14=3,K952*Input!$J$14,0)+IF(Input!$K$15=3,L952*Input!$J$15,0)+IF(Input!$K$16=3,M952*Input!$J$16,0)</f>
        <v>0</v>
      </c>
      <c r="Q952" s="71">
        <f>IF(Input!$K$13=4,J952*Input!$J$13,0)+IF(Input!$K$14=4,K952*Input!$J$14,0)+IF(Input!$K$15=4,L952*Input!$J$15,0)+IF(Input!$K$16=4,M952*Input!$J$16,0)</f>
        <v>0</v>
      </c>
    </row>
    <row r="953" spans="8:17" x14ac:dyDescent="0.25">
      <c r="H953" s="43">
        <v>946</v>
      </c>
      <c r="I953" s="55">
        <f>Bühler!I979</f>
        <v>20.328932226221617</v>
      </c>
      <c r="J953" s="58">
        <f>Bühler!J979</f>
        <v>92.117387603027709</v>
      </c>
      <c r="K953" s="58">
        <f>Bühler!K979</f>
        <v>3.4294740748894519</v>
      </c>
      <c r="L953" s="58">
        <f>Bühler!L979</f>
        <v>1.7147370374447259</v>
      </c>
      <c r="M953" s="57">
        <f>Bühler!M979</f>
        <v>0</v>
      </c>
      <c r="N953" s="55">
        <f>IF(Input!$K$13=1,J953*Input!$J$13,0)+IF(Input!$K$14=1,K953*Input!$J$14,0)+IF(Input!$K$15=1,L953*Input!$J$15,0)+IF(Input!$K$16=1,M953*Input!$J$16,0)</f>
        <v>11.054086512363325</v>
      </c>
      <c r="O953" s="58">
        <f>IF(Input!$K$13=2,J953*Input!$J$13,0)+IF(Input!$K$14=2,K953*Input!$J$14,0)+IF(Input!$K$15=2,L953*Input!$J$15,0)+IF(Input!$K$16=2,M953*Input!$J$16,0)</f>
        <v>0.46297900011007598</v>
      </c>
      <c r="P953" s="58">
        <f>IF(Input!$K$13=3,J953*Input!$J$13,0)+IF(Input!$K$14=3,K953*Input!$J$14,0)+IF(Input!$K$15=3,L953*Input!$J$15,0)+IF(Input!$K$16=3,M953*Input!$J$16,0)</f>
        <v>0</v>
      </c>
      <c r="Q953" s="71">
        <f>IF(Input!$K$13=4,J953*Input!$J$13,0)+IF(Input!$K$14=4,K953*Input!$J$14,0)+IF(Input!$K$15=4,L953*Input!$J$15,0)+IF(Input!$K$16=4,M953*Input!$J$16,0)</f>
        <v>0</v>
      </c>
    </row>
    <row r="954" spans="8:17" x14ac:dyDescent="0.25">
      <c r="H954" s="43">
        <v>947</v>
      </c>
      <c r="I954" s="55">
        <f>Bühler!I980</f>
        <v>20.328932226221617</v>
      </c>
      <c r="J954" s="58">
        <f>Bühler!J980</f>
        <v>92.117387603027709</v>
      </c>
      <c r="K954" s="58">
        <f>Bühler!K980</f>
        <v>3.4294740748894519</v>
      </c>
      <c r="L954" s="58">
        <f>Bühler!L980</f>
        <v>1.7147370374447259</v>
      </c>
      <c r="M954" s="57">
        <f>Bühler!M980</f>
        <v>0</v>
      </c>
      <c r="N954" s="55">
        <f>IF(Input!$K$13=1,J954*Input!$J$13,0)+IF(Input!$K$14=1,K954*Input!$J$14,0)+IF(Input!$K$15=1,L954*Input!$J$15,0)+IF(Input!$K$16=1,M954*Input!$J$16,0)</f>
        <v>11.054086512363325</v>
      </c>
      <c r="O954" s="58">
        <f>IF(Input!$K$13=2,J954*Input!$J$13,0)+IF(Input!$K$14=2,K954*Input!$J$14,0)+IF(Input!$K$15=2,L954*Input!$J$15,0)+IF(Input!$K$16=2,M954*Input!$J$16,0)</f>
        <v>0.46297900011007598</v>
      </c>
      <c r="P954" s="58">
        <f>IF(Input!$K$13=3,J954*Input!$J$13,0)+IF(Input!$K$14=3,K954*Input!$J$14,0)+IF(Input!$K$15=3,L954*Input!$J$15,0)+IF(Input!$K$16=3,M954*Input!$J$16,0)</f>
        <v>0</v>
      </c>
      <c r="Q954" s="71">
        <f>IF(Input!$K$13=4,J954*Input!$J$13,0)+IF(Input!$K$14=4,K954*Input!$J$14,0)+IF(Input!$K$15=4,L954*Input!$J$15,0)+IF(Input!$K$16=4,M954*Input!$J$16,0)</f>
        <v>0</v>
      </c>
    </row>
    <row r="955" spans="8:17" x14ac:dyDescent="0.25">
      <c r="H955" s="43">
        <v>948</v>
      </c>
      <c r="I955" s="55">
        <f>Bühler!I981</f>
        <v>24.325218048470308</v>
      </c>
      <c r="J955" s="58">
        <f>Bühler!J981</f>
        <v>110.22593388396477</v>
      </c>
      <c r="K955" s="58">
        <f>Bühler!K981</f>
        <v>4.1036441921754117</v>
      </c>
      <c r="L955" s="58">
        <f>Bühler!L981</f>
        <v>2.0518220960877058</v>
      </c>
      <c r="M955" s="57">
        <f>Bühler!M981</f>
        <v>0</v>
      </c>
      <c r="N955" s="55">
        <f>IF(Input!$K$13=1,J955*Input!$J$13,0)+IF(Input!$K$14=1,K955*Input!$J$14,0)+IF(Input!$K$15=1,L955*Input!$J$15,0)+IF(Input!$K$16=1,M955*Input!$J$16,0)</f>
        <v>13.227112066075772</v>
      </c>
      <c r="O955" s="58">
        <f>IF(Input!$K$13=2,J955*Input!$J$13,0)+IF(Input!$K$14=2,K955*Input!$J$14,0)+IF(Input!$K$15=2,L955*Input!$J$15,0)+IF(Input!$K$16=2,M955*Input!$J$16,0)</f>
        <v>0.5539919659436805</v>
      </c>
      <c r="P955" s="58">
        <f>IF(Input!$K$13=3,J955*Input!$J$13,0)+IF(Input!$K$14=3,K955*Input!$J$14,0)+IF(Input!$K$15=3,L955*Input!$J$15,0)+IF(Input!$K$16=3,M955*Input!$J$16,0)</f>
        <v>0</v>
      </c>
      <c r="Q955" s="71">
        <f>IF(Input!$K$13=4,J955*Input!$J$13,0)+IF(Input!$K$14=4,K955*Input!$J$14,0)+IF(Input!$K$15=4,L955*Input!$J$15,0)+IF(Input!$K$16=4,M955*Input!$J$16,0)</f>
        <v>0</v>
      </c>
    </row>
    <row r="956" spans="8:17" x14ac:dyDescent="0.25">
      <c r="H956" s="43">
        <v>949</v>
      </c>
      <c r="I956" s="55">
        <f>Bühler!I982</f>
        <v>24.325218048470308</v>
      </c>
      <c r="J956" s="58">
        <f>Bühler!J982</f>
        <v>110.22593388396477</v>
      </c>
      <c r="K956" s="58">
        <f>Bühler!K982</f>
        <v>4.1036441921754117</v>
      </c>
      <c r="L956" s="58">
        <f>Bühler!L982</f>
        <v>2.0518220960877058</v>
      </c>
      <c r="M956" s="57">
        <f>Bühler!M982</f>
        <v>0</v>
      </c>
      <c r="N956" s="55">
        <f>IF(Input!$K$13=1,J956*Input!$J$13,0)+IF(Input!$K$14=1,K956*Input!$J$14,0)+IF(Input!$K$15=1,L956*Input!$J$15,0)+IF(Input!$K$16=1,M956*Input!$J$16,0)</f>
        <v>13.227112066075772</v>
      </c>
      <c r="O956" s="58">
        <f>IF(Input!$K$13=2,J956*Input!$J$13,0)+IF(Input!$K$14=2,K956*Input!$J$14,0)+IF(Input!$K$15=2,L956*Input!$J$15,0)+IF(Input!$K$16=2,M956*Input!$J$16,0)</f>
        <v>0.5539919659436805</v>
      </c>
      <c r="P956" s="58">
        <f>IF(Input!$K$13=3,J956*Input!$J$13,0)+IF(Input!$K$14=3,K956*Input!$J$14,0)+IF(Input!$K$15=3,L956*Input!$J$15,0)+IF(Input!$K$16=3,M956*Input!$J$16,0)</f>
        <v>0</v>
      </c>
      <c r="Q956" s="71">
        <f>IF(Input!$K$13=4,J956*Input!$J$13,0)+IF(Input!$K$14=4,K956*Input!$J$14,0)+IF(Input!$K$15=4,L956*Input!$J$15,0)+IF(Input!$K$16=4,M956*Input!$J$16,0)</f>
        <v>0</v>
      </c>
    </row>
    <row r="957" spans="8:17" x14ac:dyDescent="0.25">
      <c r="H957" s="43">
        <v>950</v>
      </c>
      <c r="I957" s="55">
        <f>Bühler!I983</f>
        <v>16.158894846483847</v>
      </c>
      <c r="J957" s="58">
        <f>Bühler!J983</f>
        <v>73.221513222919469</v>
      </c>
      <c r="K957" s="58">
        <f>Bühler!K983</f>
        <v>2.7259922133736669</v>
      </c>
      <c r="L957" s="58">
        <f>Bühler!L983</f>
        <v>1.3629961066868335</v>
      </c>
      <c r="M957" s="57">
        <f>Bühler!M983</f>
        <v>0</v>
      </c>
      <c r="N957" s="55">
        <f>IF(Input!$K$13=1,J957*Input!$J$13,0)+IF(Input!$K$14=1,K957*Input!$J$14,0)+IF(Input!$K$15=1,L957*Input!$J$15,0)+IF(Input!$K$16=1,M957*Input!$J$16,0)</f>
        <v>8.7865815867503354</v>
      </c>
      <c r="O957" s="58">
        <f>IF(Input!$K$13=2,J957*Input!$J$13,0)+IF(Input!$K$14=2,K957*Input!$J$14,0)+IF(Input!$K$15=2,L957*Input!$J$15,0)+IF(Input!$K$16=2,M957*Input!$J$16,0)</f>
        <v>0.36800894880544499</v>
      </c>
      <c r="P957" s="58">
        <f>IF(Input!$K$13=3,J957*Input!$J$13,0)+IF(Input!$K$14=3,K957*Input!$J$14,0)+IF(Input!$K$15=3,L957*Input!$J$15,0)+IF(Input!$K$16=3,M957*Input!$J$16,0)</f>
        <v>0</v>
      </c>
      <c r="Q957" s="71">
        <f>IF(Input!$K$13=4,J957*Input!$J$13,0)+IF(Input!$K$14=4,K957*Input!$J$14,0)+IF(Input!$K$15=4,L957*Input!$J$15,0)+IF(Input!$K$16=4,M957*Input!$J$16,0)</f>
        <v>0</v>
      </c>
    </row>
    <row r="958" spans="8:17" x14ac:dyDescent="0.25">
      <c r="H958" s="43">
        <v>951</v>
      </c>
      <c r="I958" s="55">
        <f>Bühler!I984</f>
        <v>24.325218048470308</v>
      </c>
      <c r="J958" s="58">
        <f>Bühler!J984</f>
        <v>110.22593388396477</v>
      </c>
      <c r="K958" s="58">
        <f>Bühler!K984</f>
        <v>4.1036441921754117</v>
      </c>
      <c r="L958" s="58">
        <f>Bühler!L984</f>
        <v>2.0518220960877058</v>
      </c>
      <c r="M958" s="57">
        <f>Bühler!M984</f>
        <v>0</v>
      </c>
      <c r="N958" s="55">
        <f>IF(Input!$K$13=1,J958*Input!$J$13,0)+IF(Input!$K$14=1,K958*Input!$J$14,0)+IF(Input!$K$15=1,L958*Input!$J$15,0)+IF(Input!$K$16=1,M958*Input!$J$16,0)</f>
        <v>13.227112066075772</v>
      </c>
      <c r="O958" s="58">
        <f>IF(Input!$K$13=2,J958*Input!$J$13,0)+IF(Input!$K$14=2,K958*Input!$J$14,0)+IF(Input!$K$15=2,L958*Input!$J$15,0)+IF(Input!$K$16=2,M958*Input!$J$16,0)</f>
        <v>0.5539919659436805</v>
      </c>
      <c r="P958" s="58">
        <f>IF(Input!$K$13=3,J958*Input!$J$13,0)+IF(Input!$K$14=3,K958*Input!$J$14,0)+IF(Input!$K$15=3,L958*Input!$J$15,0)+IF(Input!$K$16=3,M958*Input!$J$16,0)</f>
        <v>0</v>
      </c>
      <c r="Q958" s="71">
        <f>IF(Input!$K$13=4,J958*Input!$J$13,0)+IF(Input!$K$14=4,K958*Input!$J$14,0)+IF(Input!$K$15=4,L958*Input!$J$15,0)+IF(Input!$K$16=4,M958*Input!$J$16,0)</f>
        <v>0</v>
      </c>
    </row>
    <row r="959" spans="8:17" x14ac:dyDescent="0.25">
      <c r="H959" s="43">
        <v>952</v>
      </c>
      <c r="I959" s="55">
        <f>Bühler!I985</f>
        <v>24.325218048470308</v>
      </c>
      <c r="J959" s="58">
        <f>Bühler!J985</f>
        <v>110.22593388396477</v>
      </c>
      <c r="K959" s="58">
        <f>Bühler!K985</f>
        <v>4.1036441921754117</v>
      </c>
      <c r="L959" s="58">
        <f>Bühler!L985</f>
        <v>2.0518220960877058</v>
      </c>
      <c r="M959" s="57">
        <f>Bühler!M985</f>
        <v>0</v>
      </c>
      <c r="N959" s="55">
        <f>IF(Input!$K$13=1,J959*Input!$J$13,0)+IF(Input!$K$14=1,K959*Input!$J$14,0)+IF(Input!$K$15=1,L959*Input!$J$15,0)+IF(Input!$K$16=1,M959*Input!$J$16,0)</f>
        <v>13.227112066075772</v>
      </c>
      <c r="O959" s="58">
        <f>IF(Input!$K$13=2,J959*Input!$J$13,0)+IF(Input!$K$14=2,K959*Input!$J$14,0)+IF(Input!$K$15=2,L959*Input!$J$15,0)+IF(Input!$K$16=2,M959*Input!$J$16,0)</f>
        <v>0.5539919659436805</v>
      </c>
      <c r="P959" s="58">
        <f>IF(Input!$K$13=3,J959*Input!$J$13,0)+IF(Input!$K$14=3,K959*Input!$J$14,0)+IF(Input!$K$15=3,L959*Input!$J$15,0)+IF(Input!$K$16=3,M959*Input!$J$16,0)</f>
        <v>0</v>
      </c>
      <c r="Q959" s="71">
        <f>IF(Input!$K$13=4,J959*Input!$J$13,0)+IF(Input!$K$14=4,K959*Input!$J$14,0)+IF(Input!$K$15=4,L959*Input!$J$15,0)+IF(Input!$K$16=4,M959*Input!$J$16,0)</f>
        <v>0</v>
      </c>
    </row>
    <row r="960" spans="8:17" x14ac:dyDescent="0.25">
      <c r="H960" s="43">
        <v>953</v>
      </c>
      <c r="I960" s="55">
        <f>Bühler!I986</f>
        <v>20.325936509713184</v>
      </c>
      <c r="J960" s="58">
        <f>Bühler!J986</f>
        <v>71.445287283225426</v>
      </c>
      <c r="K960" s="58">
        <f>Bühler!K986</f>
        <v>2.4182188989605105</v>
      </c>
      <c r="L960" s="58">
        <f>Bühler!L986</f>
        <v>1.2091094494802552</v>
      </c>
      <c r="M960" s="57">
        <f>Bühler!M986</f>
        <v>0</v>
      </c>
      <c r="N960" s="55">
        <f>IF(Input!$K$13=1,J960*Input!$J$13,0)+IF(Input!$K$14=1,K960*Input!$J$14,0)+IF(Input!$K$15=1,L960*Input!$J$15,0)+IF(Input!$K$16=1,M960*Input!$J$16,0)</f>
        <v>8.5734344739870512</v>
      </c>
      <c r="O960" s="58">
        <f>IF(Input!$K$13=2,J960*Input!$J$13,0)+IF(Input!$K$14=2,K960*Input!$J$14,0)+IF(Input!$K$15=2,L960*Input!$J$15,0)+IF(Input!$K$16=2,M960*Input!$J$16,0)</f>
        <v>0.32645955135966886</v>
      </c>
      <c r="P960" s="58">
        <f>IF(Input!$K$13=3,J960*Input!$J$13,0)+IF(Input!$K$14=3,K960*Input!$J$14,0)+IF(Input!$K$15=3,L960*Input!$J$15,0)+IF(Input!$K$16=3,M960*Input!$J$16,0)</f>
        <v>0</v>
      </c>
      <c r="Q960" s="71">
        <f>IF(Input!$K$13=4,J960*Input!$J$13,0)+IF(Input!$K$14=4,K960*Input!$J$14,0)+IF(Input!$K$15=4,L960*Input!$J$15,0)+IF(Input!$K$16=4,M960*Input!$J$16,0)</f>
        <v>0</v>
      </c>
    </row>
    <row r="961" spans="8:17" x14ac:dyDescent="0.25">
      <c r="H961" s="43">
        <v>954</v>
      </c>
      <c r="I961" s="55">
        <f>Bühler!I987</f>
        <v>16.16189056299228</v>
      </c>
      <c r="J961" s="58">
        <f>Bühler!J987</f>
        <v>38.603688199979231</v>
      </c>
      <c r="K961" s="58">
        <f>Bühler!K987</f>
        <v>1.0321036700642385</v>
      </c>
      <c r="L961" s="58">
        <f>Bühler!L987</f>
        <v>0.51605183503211927</v>
      </c>
      <c r="M961" s="57">
        <f>Bühler!M987</f>
        <v>0</v>
      </c>
      <c r="N961" s="55">
        <f>IF(Input!$K$13=1,J961*Input!$J$13,0)+IF(Input!$K$14=1,K961*Input!$J$14,0)+IF(Input!$K$15=1,L961*Input!$J$15,0)+IF(Input!$K$16=1,M961*Input!$J$16,0)</f>
        <v>4.6324425839975074</v>
      </c>
      <c r="O961" s="58">
        <f>IF(Input!$K$13=2,J961*Input!$J$13,0)+IF(Input!$K$14=2,K961*Input!$J$14,0)+IF(Input!$K$15=2,L961*Input!$J$15,0)+IF(Input!$K$16=2,M961*Input!$J$16,0)</f>
        <v>0.1393339954586722</v>
      </c>
      <c r="P961" s="58">
        <f>IF(Input!$K$13=3,J961*Input!$J$13,0)+IF(Input!$K$14=3,K961*Input!$J$14,0)+IF(Input!$K$15=3,L961*Input!$J$15,0)+IF(Input!$K$16=3,M961*Input!$J$16,0)</f>
        <v>0</v>
      </c>
      <c r="Q961" s="71">
        <f>IF(Input!$K$13=4,J961*Input!$J$13,0)+IF(Input!$K$14=4,K961*Input!$J$14,0)+IF(Input!$K$15=4,L961*Input!$J$15,0)+IF(Input!$K$16=4,M961*Input!$J$16,0)</f>
        <v>0</v>
      </c>
    </row>
    <row r="962" spans="8:17" x14ac:dyDescent="0.25">
      <c r="H962" s="43">
        <v>955</v>
      </c>
      <c r="I962" s="55">
        <f>Bühler!I988</f>
        <v>5.9914330168646082</v>
      </c>
      <c r="J962" s="58">
        <f>Bühler!J988</f>
        <v>20.413401561050129</v>
      </c>
      <c r="K962" s="58">
        <f>Bühler!K988</f>
        <v>0.68118842224239728</v>
      </c>
      <c r="L962" s="58">
        <f>Bühler!L988</f>
        <v>0.34059421112119864</v>
      </c>
      <c r="M962" s="57">
        <f>Bühler!M988</f>
        <v>0</v>
      </c>
      <c r="N962" s="55">
        <f>IF(Input!$K$13=1,J962*Input!$J$13,0)+IF(Input!$K$14=1,K962*Input!$J$14,0)+IF(Input!$K$15=1,L962*Input!$J$15,0)+IF(Input!$K$16=1,M962*Input!$J$16,0)</f>
        <v>2.4496081873260156</v>
      </c>
      <c r="O962" s="58">
        <f>IF(Input!$K$13=2,J962*Input!$J$13,0)+IF(Input!$K$14=2,K962*Input!$J$14,0)+IF(Input!$K$15=2,L962*Input!$J$15,0)+IF(Input!$K$16=2,M962*Input!$J$16,0)</f>
        <v>9.1960437002723633E-2</v>
      </c>
      <c r="P962" s="58">
        <f>IF(Input!$K$13=3,J962*Input!$J$13,0)+IF(Input!$K$14=3,K962*Input!$J$14,0)+IF(Input!$K$15=3,L962*Input!$J$15,0)+IF(Input!$K$16=3,M962*Input!$J$16,0)</f>
        <v>0</v>
      </c>
      <c r="Q962" s="71">
        <f>IF(Input!$K$13=4,J962*Input!$J$13,0)+IF(Input!$K$14=4,K962*Input!$J$14,0)+IF(Input!$K$15=4,L962*Input!$J$15,0)+IF(Input!$K$16=4,M962*Input!$J$16,0)</f>
        <v>0</v>
      </c>
    </row>
    <row r="963" spans="8:17" x14ac:dyDescent="0.25">
      <c r="H963" s="43">
        <v>956</v>
      </c>
      <c r="I963" s="55">
        <f>Bühler!I989</f>
        <v>5.9914330168646082</v>
      </c>
      <c r="J963" s="58">
        <f>Bühler!J989</f>
        <v>20.413401561050129</v>
      </c>
      <c r="K963" s="58">
        <f>Bühler!K989</f>
        <v>0.68118842224239728</v>
      </c>
      <c r="L963" s="58">
        <f>Bühler!L989</f>
        <v>0.34059421112119864</v>
      </c>
      <c r="M963" s="57">
        <f>Bühler!M989</f>
        <v>0</v>
      </c>
      <c r="N963" s="55">
        <f>IF(Input!$K$13=1,J963*Input!$J$13,0)+IF(Input!$K$14=1,K963*Input!$J$14,0)+IF(Input!$K$15=1,L963*Input!$J$15,0)+IF(Input!$K$16=1,M963*Input!$J$16,0)</f>
        <v>2.4496081873260156</v>
      </c>
      <c r="O963" s="58">
        <f>IF(Input!$K$13=2,J963*Input!$J$13,0)+IF(Input!$K$14=2,K963*Input!$J$14,0)+IF(Input!$K$15=2,L963*Input!$J$15,0)+IF(Input!$K$16=2,M963*Input!$J$16,0)</f>
        <v>9.1960437002723633E-2</v>
      </c>
      <c r="P963" s="58">
        <f>IF(Input!$K$13=3,J963*Input!$J$13,0)+IF(Input!$K$14=3,K963*Input!$J$14,0)+IF(Input!$K$15=3,L963*Input!$J$15,0)+IF(Input!$K$16=3,M963*Input!$J$16,0)</f>
        <v>0</v>
      </c>
      <c r="Q963" s="71">
        <f>IF(Input!$K$13=4,J963*Input!$J$13,0)+IF(Input!$K$14=4,K963*Input!$J$14,0)+IF(Input!$K$15=4,L963*Input!$J$15,0)+IF(Input!$K$16=4,M963*Input!$J$16,0)</f>
        <v>0</v>
      </c>
    </row>
    <row r="964" spans="8:17" x14ac:dyDescent="0.25">
      <c r="H964" s="43">
        <v>957</v>
      </c>
      <c r="I964" s="55">
        <f>Bühler!I990</f>
        <v>5.9914330168646082</v>
      </c>
      <c r="J964" s="58">
        <f>Bühler!J990</f>
        <v>20.413401561050129</v>
      </c>
      <c r="K964" s="58">
        <f>Bühler!K990</f>
        <v>0.68118842224239728</v>
      </c>
      <c r="L964" s="58">
        <f>Bühler!L990</f>
        <v>0.34059421112119864</v>
      </c>
      <c r="M964" s="57">
        <f>Bühler!M990</f>
        <v>0</v>
      </c>
      <c r="N964" s="55">
        <f>IF(Input!$K$13=1,J964*Input!$J$13,0)+IF(Input!$K$14=1,K964*Input!$J$14,0)+IF(Input!$K$15=1,L964*Input!$J$15,0)+IF(Input!$K$16=1,M964*Input!$J$16,0)</f>
        <v>2.4496081873260156</v>
      </c>
      <c r="O964" s="58">
        <f>IF(Input!$K$13=2,J964*Input!$J$13,0)+IF(Input!$K$14=2,K964*Input!$J$14,0)+IF(Input!$K$15=2,L964*Input!$J$15,0)+IF(Input!$K$16=2,M964*Input!$J$16,0)</f>
        <v>9.1960437002723633E-2</v>
      </c>
      <c r="P964" s="58">
        <f>IF(Input!$K$13=3,J964*Input!$J$13,0)+IF(Input!$K$14=3,K964*Input!$J$14,0)+IF(Input!$K$15=3,L964*Input!$J$15,0)+IF(Input!$K$16=3,M964*Input!$J$16,0)</f>
        <v>0</v>
      </c>
      <c r="Q964" s="71">
        <f>IF(Input!$K$13=4,J964*Input!$J$13,0)+IF(Input!$K$14=4,K964*Input!$J$14,0)+IF(Input!$K$15=4,L964*Input!$J$15,0)+IF(Input!$K$16=4,M964*Input!$J$16,0)</f>
        <v>0</v>
      </c>
    </row>
    <row r="965" spans="8:17" x14ac:dyDescent="0.25">
      <c r="H965" s="43">
        <v>958</v>
      </c>
      <c r="I965" s="55">
        <f>Bühler!I991</f>
        <v>5.9914330168646082</v>
      </c>
      <c r="J965" s="58">
        <f>Bühler!J991</f>
        <v>20.413401561050129</v>
      </c>
      <c r="K965" s="58">
        <f>Bühler!K991</f>
        <v>0.68118842224239728</v>
      </c>
      <c r="L965" s="58">
        <f>Bühler!L991</f>
        <v>0.34059421112119864</v>
      </c>
      <c r="M965" s="57">
        <f>Bühler!M991</f>
        <v>0</v>
      </c>
      <c r="N965" s="55">
        <f>IF(Input!$K$13=1,J965*Input!$J$13,0)+IF(Input!$K$14=1,K965*Input!$J$14,0)+IF(Input!$K$15=1,L965*Input!$J$15,0)+IF(Input!$K$16=1,M965*Input!$J$16,0)</f>
        <v>2.4496081873260156</v>
      </c>
      <c r="O965" s="58">
        <f>IF(Input!$K$13=2,J965*Input!$J$13,0)+IF(Input!$K$14=2,K965*Input!$J$14,0)+IF(Input!$K$15=2,L965*Input!$J$15,0)+IF(Input!$K$16=2,M965*Input!$J$16,0)</f>
        <v>9.1960437002723633E-2</v>
      </c>
      <c r="P965" s="58">
        <f>IF(Input!$K$13=3,J965*Input!$J$13,0)+IF(Input!$K$14=3,K965*Input!$J$14,0)+IF(Input!$K$15=3,L965*Input!$J$15,0)+IF(Input!$K$16=3,M965*Input!$J$16,0)</f>
        <v>0</v>
      </c>
      <c r="Q965" s="71">
        <f>IF(Input!$K$13=4,J965*Input!$J$13,0)+IF(Input!$K$14=4,K965*Input!$J$14,0)+IF(Input!$K$15=4,L965*Input!$J$15,0)+IF(Input!$K$16=4,M965*Input!$J$16,0)</f>
        <v>0</v>
      </c>
    </row>
    <row r="966" spans="8:17" x14ac:dyDescent="0.25">
      <c r="H966" s="43">
        <v>959</v>
      </c>
      <c r="I966" s="55">
        <f>Bühler!I992</f>
        <v>5.9914330168646082</v>
      </c>
      <c r="J966" s="58">
        <f>Bühler!J992</f>
        <v>20.413401561050129</v>
      </c>
      <c r="K966" s="58">
        <f>Bühler!K992</f>
        <v>0.68118842224239728</v>
      </c>
      <c r="L966" s="58">
        <f>Bühler!L992</f>
        <v>0.34059421112119864</v>
      </c>
      <c r="M966" s="57">
        <f>Bühler!M992</f>
        <v>0</v>
      </c>
      <c r="N966" s="55">
        <f>IF(Input!$K$13=1,J966*Input!$J$13,0)+IF(Input!$K$14=1,K966*Input!$J$14,0)+IF(Input!$K$15=1,L966*Input!$J$15,0)+IF(Input!$K$16=1,M966*Input!$J$16,0)</f>
        <v>2.4496081873260156</v>
      </c>
      <c r="O966" s="58">
        <f>IF(Input!$K$13=2,J966*Input!$J$13,0)+IF(Input!$K$14=2,K966*Input!$J$14,0)+IF(Input!$K$15=2,L966*Input!$J$15,0)+IF(Input!$K$16=2,M966*Input!$J$16,0)</f>
        <v>9.1960437002723633E-2</v>
      </c>
      <c r="P966" s="58">
        <f>IF(Input!$K$13=3,J966*Input!$J$13,0)+IF(Input!$K$14=3,K966*Input!$J$14,0)+IF(Input!$K$15=3,L966*Input!$J$15,0)+IF(Input!$K$16=3,M966*Input!$J$16,0)</f>
        <v>0</v>
      </c>
      <c r="Q966" s="71">
        <f>IF(Input!$K$13=4,J966*Input!$J$13,0)+IF(Input!$K$14=4,K966*Input!$J$14,0)+IF(Input!$K$15=4,L966*Input!$J$15,0)+IF(Input!$K$16=4,M966*Input!$J$16,0)</f>
        <v>0</v>
      </c>
    </row>
    <row r="967" spans="8:17" x14ac:dyDescent="0.25">
      <c r="H967" s="43">
        <v>960</v>
      </c>
      <c r="I967" s="55">
        <f>Bühler!I993</f>
        <v>5.9914330168646082</v>
      </c>
      <c r="J967" s="58">
        <f>Bühler!J993</f>
        <v>20.413401561050129</v>
      </c>
      <c r="K967" s="58">
        <f>Bühler!K993</f>
        <v>0.68118842224239728</v>
      </c>
      <c r="L967" s="58">
        <f>Bühler!L993</f>
        <v>0.34059421112119864</v>
      </c>
      <c r="M967" s="57">
        <f>Bühler!M993</f>
        <v>0</v>
      </c>
      <c r="N967" s="55">
        <f>IF(Input!$K$13=1,J967*Input!$J$13,0)+IF(Input!$K$14=1,K967*Input!$J$14,0)+IF(Input!$K$15=1,L967*Input!$J$15,0)+IF(Input!$K$16=1,M967*Input!$J$16,0)</f>
        <v>2.4496081873260156</v>
      </c>
      <c r="O967" s="58">
        <f>IF(Input!$K$13=2,J967*Input!$J$13,0)+IF(Input!$K$14=2,K967*Input!$J$14,0)+IF(Input!$K$15=2,L967*Input!$J$15,0)+IF(Input!$K$16=2,M967*Input!$J$16,0)</f>
        <v>9.1960437002723633E-2</v>
      </c>
      <c r="P967" s="58">
        <f>IF(Input!$K$13=3,J967*Input!$J$13,0)+IF(Input!$K$14=3,K967*Input!$J$14,0)+IF(Input!$K$15=3,L967*Input!$J$15,0)+IF(Input!$K$16=3,M967*Input!$J$16,0)</f>
        <v>0</v>
      </c>
      <c r="Q967" s="71">
        <f>IF(Input!$K$13=4,J967*Input!$J$13,0)+IF(Input!$K$14=4,K967*Input!$J$14,0)+IF(Input!$K$15=4,L967*Input!$J$15,0)+IF(Input!$K$16=4,M967*Input!$J$16,0)</f>
        <v>0</v>
      </c>
    </row>
    <row r="968" spans="8:17" x14ac:dyDescent="0.25">
      <c r="H968" s="43">
        <v>961</v>
      </c>
      <c r="I968" s="55">
        <f>Bühler!I994</f>
        <v>5.1158737967921395</v>
      </c>
      <c r="J968" s="58">
        <f>Bühler!J994</f>
        <v>25.786092346783295</v>
      </c>
      <c r="K968" s="58">
        <f>Bühler!K994</f>
        <v>1.0174215314445372</v>
      </c>
      <c r="L968" s="58">
        <f>Bühler!L994</f>
        <v>0.50871076572226859</v>
      </c>
      <c r="M968" s="57">
        <f>Bühler!M994</f>
        <v>0</v>
      </c>
      <c r="N968" s="55">
        <f>IF(Input!$K$13=1,J968*Input!$J$13,0)+IF(Input!$K$14=1,K968*Input!$J$14,0)+IF(Input!$K$15=1,L968*Input!$J$15,0)+IF(Input!$K$16=1,M968*Input!$J$16,0)</f>
        <v>3.0943310816139955</v>
      </c>
      <c r="O968" s="58">
        <f>IF(Input!$K$13=2,J968*Input!$J$13,0)+IF(Input!$K$14=2,K968*Input!$J$14,0)+IF(Input!$K$15=2,L968*Input!$J$15,0)+IF(Input!$K$16=2,M968*Input!$J$16,0)</f>
        <v>0.13735190674501252</v>
      </c>
      <c r="P968" s="58">
        <f>IF(Input!$K$13=3,J968*Input!$J$13,0)+IF(Input!$K$14=3,K968*Input!$J$14,0)+IF(Input!$K$15=3,L968*Input!$J$15,0)+IF(Input!$K$16=3,M968*Input!$J$16,0)</f>
        <v>0</v>
      </c>
      <c r="Q968" s="71">
        <f>IF(Input!$K$13=4,J968*Input!$J$13,0)+IF(Input!$K$14=4,K968*Input!$J$14,0)+IF(Input!$K$15=4,L968*Input!$J$15,0)+IF(Input!$K$16=4,M968*Input!$J$16,0)</f>
        <v>0</v>
      </c>
    </row>
    <row r="969" spans="8:17" x14ac:dyDescent="0.25">
      <c r="H969" s="43">
        <v>962</v>
      </c>
      <c r="I969" s="55">
        <f>Bühler!I995</f>
        <v>5.1158737967921395</v>
      </c>
      <c r="J969" s="58">
        <f>Bühler!J995</f>
        <v>17.811224330519856</v>
      </c>
      <c r="K969" s="58">
        <f>Bühler!K995</f>
        <v>0.61661910996638625</v>
      </c>
      <c r="L969" s="58">
        <f>Bühler!L995</f>
        <v>0.30830955498319312</v>
      </c>
      <c r="M969" s="57">
        <f>Bühler!M995</f>
        <v>0</v>
      </c>
      <c r="N969" s="55">
        <f>IF(Input!$K$13=1,J969*Input!$J$13,0)+IF(Input!$K$14=1,K969*Input!$J$14,0)+IF(Input!$K$15=1,L969*Input!$J$15,0)+IF(Input!$K$16=1,M969*Input!$J$16,0)</f>
        <v>2.1373469196623827</v>
      </c>
      <c r="O969" s="58">
        <f>IF(Input!$K$13=2,J969*Input!$J$13,0)+IF(Input!$K$14=2,K969*Input!$J$14,0)+IF(Input!$K$15=2,L969*Input!$J$15,0)+IF(Input!$K$16=2,M969*Input!$J$16,0)</f>
        <v>8.3243579845462129E-2</v>
      </c>
      <c r="P969" s="58">
        <f>IF(Input!$K$13=3,J969*Input!$J$13,0)+IF(Input!$K$14=3,K969*Input!$J$14,0)+IF(Input!$K$15=3,L969*Input!$J$15,0)+IF(Input!$K$16=3,M969*Input!$J$16,0)</f>
        <v>0</v>
      </c>
      <c r="Q969" s="71">
        <f>IF(Input!$K$13=4,J969*Input!$J$13,0)+IF(Input!$K$14=4,K969*Input!$J$14,0)+IF(Input!$K$15=4,L969*Input!$J$15,0)+IF(Input!$K$16=4,M969*Input!$J$16,0)</f>
        <v>0</v>
      </c>
    </row>
    <row r="970" spans="8:17" x14ac:dyDescent="0.25">
      <c r="H970" s="43">
        <v>963</v>
      </c>
      <c r="I970" s="55">
        <f>Bühler!I996</f>
        <v>5.1158737967921395</v>
      </c>
      <c r="J970" s="58">
        <f>Bühler!J996</f>
        <v>17.811224330519856</v>
      </c>
      <c r="K970" s="58">
        <f>Bühler!K996</f>
        <v>0.61661910996638625</v>
      </c>
      <c r="L970" s="58">
        <f>Bühler!L996</f>
        <v>0.30830955498319312</v>
      </c>
      <c r="M970" s="57">
        <f>Bühler!M996</f>
        <v>0</v>
      </c>
      <c r="N970" s="55">
        <f>IF(Input!$K$13=1,J970*Input!$J$13,0)+IF(Input!$K$14=1,K970*Input!$J$14,0)+IF(Input!$K$15=1,L970*Input!$J$15,0)+IF(Input!$K$16=1,M970*Input!$J$16,0)</f>
        <v>2.1373469196623827</v>
      </c>
      <c r="O970" s="58">
        <f>IF(Input!$K$13=2,J970*Input!$J$13,0)+IF(Input!$K$14=2,K970*Input!$J$14,0)+IF(Input!$K$15=2,L970*Input!$J$15,0)+IF(Input!$K$16=2,M970*Input!$J$16,0)</f>
        <v>8.3243579845462129E-2</v>
      </c>
      <c r="P970" s="58">
        <f>IF(Input!$K$13=3,J970*Input!$J$13,0)+IF(Input!$K$14=3,K970*Input!$J$14,0)+IF(Input!$K$15=3,L970*Input!$J$15,0)+IF(Input!$K$16=3,M970*Input!$J$16,0)</f>
        <v>0</v>
      </c>
      <c r="Q970" s="71">
        <f>IF(Input!$K$13=4,J970*Input!$J$13,0)+IF(Input!$K$14=4,K970*Input!$J$14,0)+IF(Input!$K$15=4,L970*Input!$J$15,0)+IF(Input!$K$16=4,M970*Input!$J$16,0)</f>
        <v>0</v>
      </c>
    </row>
    <row r="971" spans="8:17" x14ac:dyDescent="0.25">
      <c r="H971" s="43">
        <v>964</v>
      </c>
      <c r="I971" s="55">
        <f>Bühler!I997</f>
        <v>5.1158737967921395</v>
      </c>
      <c r="J971" s="58">
        <f>Bühler!J997</f>
        <v>17.811224330519856</v>
      </c>
      <c r="K971" s="58">
        <f>Bühler!K997</f>
        <v>0.61661910996638625</v>
      </c>
      <c r="L971" s="58">
        <f>Bühler!L997</f>
        <v>0.30830955498319312</v>
      </c>
      <c r="M971" s="57">
        <f>Bühler!M997</f>
        <v>0</v>
      </c>
      <c r="N971" s="55">
        <f>IF(Input!$K$13=1,J971*Input!$J$13,0)+IF(Input!$K$14=1,K971*Input!$J$14,0)+IF(Input!$K$15=1,L971*Input!$J$15,0)+IF(Input!$K$16=1,M971*Input!$J$16,0)</f>
        <v>2.1373469196623827</v>
      </c>
      <c r="O971" s="58">
        <f>IF(Input!$K$13=2,J971*Input!$J$13,0)+IF(Input!$K$14=2,K971*Input!$J$14,0)+IF(Input!$K$15=2,L971*Input!$J$15,0)+IF(Input!$K$16=2,M971*Input!$J$16,0)</f>
        <v>8.3243579845462129E-2</v>
      </c>
      <c r="P971" s="58">
        <f>IF(Input!$K$13=3,J971*Input!$J$13,0)+IF(Input!$K$14=3,K971*Input!$J$14,0)+IF(Input!$K$15=3,L971*Input!$J$15,0)+IF(Input!$K$16=3,M971*Input!$J$16,0)</f>
        <v>0</v>
      </c>
      <c r="Q971" s="71">
        <f>IF(Input!$K$13=4,J971*Input!$J$13,0)+IF(Input!$K$14=4,K971*Input!$J$14,0)+IF(Input!$K$15=4,L971*Input!$J$15,0)+IF(Input!$K$16=4,M971*Input!$J$16,0)</f>
        <v>0</v>
      </c>
    </row>
    <row r="972" spans="8:17" x14ac:dyDescent="0.25">
      <c r="H972" s="43">
        <v>965</v>
      </c>
      <c r="I972" s="55">
        <f>Bühler!I998</f>
        <v>5.1158737967921395</v>
      </c>
      <c r="J972" s="58">
        <f>Bühler!J998</f>
        <v>17.811224330519856</v>
      </c>
      <c r="K972" s="58">
        <f>Bühler!K998</f>
        <v>0.61661910996638625</v>
      </c>
      <c r="L972" s="58">
        <f>Bühler!L998</f>
        <v>0.30830955498319312</v>
      </c>
      <c r="M972" s="57">
        <f>Bühler!M998</f>
        <v>0</v>
      </c>
      <c r="N972" s="55">
        <f>IF(Input!$K$13=1,J972*Input!$J$13,0)+IF(Input!$K$14=1,K972*Input!$J$14,0)+IF(Input!$K$15=1,L972*Input!$J$15,0)+IF(Input!$K$16=1,M972*Input!$J$16,0)</f>
        <v>2.1373469196623827</v>
      </c>
      <c r="O972" s="58">
        <f>IF(Input!$K$13=2,J972*Input!$J$13,0)+IF(Input!$K$14=2,K972*Input!$J$14,0)+IF(Input!$K$15=2,L972*Input!$J$15,0)+IF(Input!$K$16=2,M972*Input!$J$16,0)</f>
        <v>8.3243579845462129E-2</v>
      </c>
      <c r="P972" s="58">
        <f>IF(Input!$K$13=3,J972*Input!$J$13,0)+IF(Input!$K$14=3,K972*Input!$J$14,0)+IF(Input!$K$15=3,L972*Input!$J$15,0)+IF(Input!$K$16=3,M972*Input!$J$16,0)</f>
        <v>0</v>
      </c>
      <c r="Q972" s="71">
        <f>IF(Input!$K$13=4,J972*Input!$J$13,0)+IF(Input!$K$14=4,K972*Input!$J$14,0)+IF(Input!$K$15=4,L972*Input!$J$15,0)+IF(Input!$K$16=4,M972*Input!$J$16,0)</f>
        <v>0</v>
      </c>
    </row>
    <row r="973" spans="8:17" x14ac:dyDescent="0.25">
      <c r="H973" s="43">
        <v>966</v>
      </c>
      <c r="I973" s="55">
        <f>Bühler!I999</f>
        <v>5.1158737967921395</v>
      </c>
      <c r="J973" s="58">
        <f>Bühler!J999</f>
        <v>17.811224330519856</v>
      </c>
      <c r="K973" s="58">
        <f>Bühler!K999</f>
        <v>0.61661910996638625</v>
      </c>
      <c r="L973" s="58">
        <f>Bühler!L999</f>
        <v>0.30830955498319312</v>
      </c>
      <c r="M973" s="57">
        <f>Bühler!M999</f>
        <v>0</v>
      </c>
      <c r="N973" s="55">
        <f>IF(Input!$K$13=1,J973*Input!$J$13,0)+IF(Input!$K$14=1,K973*Input!$J$14,0)+IF(Input!$K$15=1,L973*Input!$J$15,0)+IF(Input!$K$16=1,M973*Input!$J$16,0)</f>
        <v>2.1373469196623827</v>
      </c>
      <c r="O973" s="58">
        <f>IF(Input!$K$13=2,J973*Input!$J$13,0)+IF(Input!$K$14=2,K973*Input!$J$14,0)+IF(Input!$K$15=2,L973*Input!$J$15,0)+IF(Input!$K$16=2,M973*Input!$J$16,0)</f>
        <v>8.3243579845462129E-2</v>
      </c>
      <c r="P973" s="58">
        <f>IF(Input!$K$13=3,J973*Input!$J$13,0)+IF(Input!$K$14=3,K973*Input!$J$14,0)+IF(Input!$K$15=3,L973*Input!$J$15,0)+IF(Input!$K$16=3,M973*Input!$J$16,0)</f>
        <v>0</v>
      </c>
      <c r="Q973" s="71">
        <f>IF(Input!$K$13=4,J973*Input!$J$13,0)+IF(Input!$K$14=4,K973*Input!$J$14,0)+IF(Input!$K$15=4,L973*Input!$J$15,0)+IF(Input!$K$16=4,M973*Input!$J$16,0)</f>
        <v>0</v>
      </c>
    </row>
    <row r="974" spans="8:17" x14ac:dyDescent="0.25">
      <c r="H974" s="43">
        <v>967</v>
      </c>
      <c r="I974" s="55">
        <f>Bühler!I1000</f>
        <v>5.1158737967921395</v>
      </c>
      <c r="J974" s="58">
        <f>Bühler!J1000</f>
        <v>17.811224330519856</v>
      </c>
      <c r="K974" s="58">
        <f>Bühler!K1000</f>
        <v>0.61661910996638625</v>
      </c>
      <c r="L974" s="58">
        <f>Bühler!L1000</f>
        <v>0.30830955498319312</v>
      </c>
      <c r="M974" s="57">
        <f>Bühler!M1000</f>
        <v>0</v>
      </c>
      <c r="N974" s="55">
        <f>IF(Input!$K$13=1,J974*Input!$J$13,0)+IF(Input!$K$14=1,K974*Input!$J$14,0)+IF(Input!$K$15=1,L974*Input!$J$15,0)+IF(Input!$K$16=1,M974*Input!$J$16,0)</f>
        <v>2.1373469196623827</v>
      </c>
      <c r="O974" s="58">
        <f>IF(Input!$K$13=2,J974*Input!$J$13,0)+IF(Input!$K$14=2,K974*Input!$J$14,0)+IF(Input!$K$15=2,L974*Input!$J$15,0)+IF(Input!$K$16=2,M974*Input!$J$16,0)</f>
        <v>8.3243579845462129E-2</v>
      </c>
      <c r="P974" s="58">
        <f>IF(Input!$K$13=3,J974*Input!$J$13,0)+IF(Input!$K$14=3,K974*Input!$J$14,0)+IF(Input!$K$15=3,L974*Input!$J$15,0)+IF(Input!$K$16=3,M974*Input!$J$16,0)</f>
        <v>0</v>
      </c>
      <c r="Q974" s="71">
        <f>IF(Input!$K$13=4,J974*Input!$J$13,0)+IF(Input!$K$14=4,K974*Input!$J$14,0)+IF(Input!$K$15=4,L974*Input!$J$15,0)+IF(Input!$K$16=4,M974*Input!$J$16,0)</f>
        <v>0</v>
      </c>
    </row>
    <row r="975" spans="8:17" x14ac:dyDescent="0.25">
      <c r="H975" s="43">
        <v>968</v>
      </c>
      <c r="I975" s="55">
        <f>Bühler!I1001</f>
        <v>13.862367707436766</v>
      </c>
      <c r="J975" s="58">
        <f>Bühler!J1001</f>
        <v>67.283623092208686</v>
      </c>
      <c r="K975" s="58">
        <f>Bühler!K1001</f>
        <v>2.6267974084568051</v>
      </c>
      <c r="L975" s="58">
        <f>Bühler!L1001</f>
        <v>1.3133987042284025</v>
      </c>
      <c r="M975" s="57">
        <f>Bühler!M1001</f>
        <v>0</v>
      </c>
      <c r="N975" s="55">
        <f>IF(Input!$K$13=1,J975*Input!$J$13,0)+IF(Input!$K$14=1,K975*Input!$J$14,0)+IF(Input!$K$15=1,L975*Input!$J$15,0)+IF(Input!$K$16=1,M975*Input!$J$16,0)</f>
        <v>8.0740347710650422</v>
      </c>
      <c r="O975" s="58">
        <f>IF(Input!$K$13=2,J975*Input!$J$13,0)+IF(Input!$K$14=2,K975*Input!$J$14,0)+IF(Input!$K$15=2,L975*Input!$J$15,0)+IF(Input!$K$16=2,M975*Input!$J$16,0)</f>
        <v>0.35461765014166868</v>
      </c>
      <c r="P975" s="58">
        <f>IF(Input!$K$13=3,J975*Input!$J$13,0)+IF(Input!$K$14=3,K975*Input!$J$14,0)+IF(Input!$K$15=3,L975*Input!$J$15,0)+IF(Input!$K$16=3,M975*Input!$J$16,0)</f>
        <v>0</v>
      </c>
      <c r="Q975" s="71">
        <f>IF(Input!$K$13=4,J975*Input!$J$13,0)+IF(Input!$K$14=4,K975*Input!$J$14,0)+IF(Input!$K$15=4,L975*Input!$J$15,0)+IF(Input!$K$16=4,M975*Input!$J$16,0)</f>
        <v>0</v>
      </c>
    </row>
    <row r="976" spans="8:17" x14ac:dyDescent="0.25">
      <c r="H976" s="43">
        <v>969</v>
      </c>
      <c r="I976" s="55">
        <f>Bühler!I1002</f>
        <v>17.327959634295954</v>
      </c>
      <c r="J976" s="58">
        <f>Bühler!J1002</f>
        <v>84.10452886526086</v>
      </c>
      <c r="K976" s="58">
        <f>Bühler!K1002</f>
        <v>3.2834967605710066</v>
      </c>
      <c r="L976" s="58">
        <f>Bühler!L1002</f>
        <v>1.6417483802855033</v>
      </c>
      <c r="M976" s="57">
        <f>Bühler!M1002</f>
        <v>0</v>
      </c>
      <c r="N976" s="55">
        <f>IF(Input!$K$13=1,J976*Input!$J$13,0)+IF(Input!$K$14=1,K976*Input!$J$14,0)+IF(Input!$K$15=1,L976*Input!$J$15,0)+IF(Input!$K$16=1,M976*Input!$J$16,0)</f>
        <v>10.092543463831303</v>
      </c>
      <c r="O976" s="58">
        <f>IF(Input!$K$13=2,J976*Input!$J$13,0)+IF(Input!$K$14=2,K976*Input!$J$14,0)+IF(Input!$K$15=2,L976*Input!$J$15,0)+IF(Input!$K$16=2,M976*Input!$J$16,0)</f>
        <v>0.44327206267708585</v>
      </c>
      <c r="P976" s="58">
        <f>IF(Input!$K$13=3,J976*Input!$J$13,0)+IF(Input!$K$14=3,K976*Input!$J$14,0)+IF(Input!$K$15=3,L976*Input!$J$15,0)+IF(Input!$K$16=3,M976*Input!$J$16,0)</f>
        <v>0</v>
      </c>
      <c r="Q976" s="71">
        <f>IF(Input!$K$13=4,J976*Input!$J$13,0)+IF(Input!$K$14=4,K976*Input!$J$14,0)+IF(Input!$K$15=4,L976*Input!$J$15,0)+IF(Input!$K$16=4,M976*Input!$J$16,0)</f>
        <v>0</v>
      </c>
    </row>
    <row r="977" spans="8:17" x14ac:dyDescent="0.25">
      <c r="H977" s="43">
        <v>970</v>
      </c>
      <c r="I977" s="55">
        <f>Bühler!I1003</f>
        <v>19.060755597725549</v>
      </c>
      <c r="J977" s="58">
        <f>Bühler!J1003</f>
        <v>92.514981751786934</v>
      </c>
      <c r="K977" s="58">
        <f>Bühler!K1003</f>
        <v>3.6118464366281069</v>
      </c>
      <c r="L977" s="58">
        <f>Bühler!L1003</f>
        <v>1.8059232183140534</v>
      </c>
      <c r="M977" s="57">
        <f>Bühler!M1003</f>
        <v>0</v>
      </c>
      <c r="N977" s="55">
        <f>IF(Input!$K$13=1,J977*Input!$J$13,0)+IF(Input!$K$14=1,K977*Input!$J$14,0)+IF(Input!$K$15=1,L977*Input!$J$15,0)+IF(Input!$K$16=1,M977*Input!$J$16,0)</f>
        <v>11.101797810214432</v>
      </c>
      <c r="O977" s="58">
        <f>IF(Input!$K$13=2,J977*Input!$J$13,0)+IF(Input!$K$14=2,K977*Input!$J$14,0)+IF(Input!$K$15=2,L977*Input!$J$15,0)+IF(Input!$K$16=2,M977*Input!$J$16,0)</f>
        <v>0.48759926894479444</v>
      </c>
      <c r="P977" s="58">
        <f>IF(Input!$K$13=3,J977*Input!$J$13,0)+IF(Input!$K$14=3,K977*Input!$J$14,0)+IF(Input!$K$15=3,L977*Input!$J$15,0)+IF(Input!$K$16=3,M977*Input!$J$16,0)</f>
        <v>0</v>
      </c>
      <c r="Q977" s="71">
        <f>IF(Input!$K$13=4,J977*Input!$J$13,0)+IF(Input!$K$14=4,K977*Input!$J$14,0)+IF(Input!$K$15=4,L977*Input!$J$15,0)+IF(Input!$K$16=4,M977*Input!$J$16,0)</f>
        <v>0</v>
      </c>
    </row>
    <row r="978" spans="8:17" x14ac:dyDescent="0.25">
      <c r="H978" s="43">
        <v>971</v>
      </c>
      <c r="I978" s="55">
        <f>Bühler!I1004</f>
        <v>19.060755597725549</v>
      </c>
      <c r="J978" s="58">
        <f>Bühler!J1004</f>
        <v>92.514981751786934</v>
      </c>
      <c r="K978" s="58">
        <f>Bühler!K1004</f>
        <v>3.6118464366281069</v>
      </c>
      <c r="L978" s="58">
        <f>Bühler!L1004</f>
        <v>1.8059232183140534</v>
      </c>
      <c r="M978" s="57">
        <f>Bühler!M1004</f>
        <v>0</v>
      </c>
      <c r="N978" s="55">
        <f>IF(Input!$K$13=1,J978*Input!$J$13,0)+IF(Input!$K$14=1,K978*Input!$J$14,0)+IF(Input!$K$15=1,L978*Input!$J$15,0)+IF(Input!$K$16=1,M978*Input!$J$16,0)</f>
        <v>11.101797810214432</v>
      </c>
      <c r="O978" s="58">
        <f>IF(Input!$K$13=2,J978*Input!$J$13,0)+IF(Input!$K$14=2,K978*Input!$J$14,0)+IF(Input!$K$15=2,L978*Input!$J$15,0)+IF(Input!$K$16=2,M978*Input!$J$16,0)</f>
        <v>0.48759926894479444</v>
      </c>
      <c r="P978" s="58">
        <f>IF(Input!$K$13=3,J978*Input!$J$13,0)+IF(Input!$K$14=3,K978*Input!$J$14,0)+IF(Input!$K$15=3,L978*Input!$J$15,0)+IF(Input!$K$16=3,M978*Input!$J$16,0)</f>
        <v>0</v>
      </c>
      <c r="Q978" s="71">
        <f>IF(Input!$K$13=4,J978*Input!$J$13,0)+IF(Input!$K$14=4,K978*Input!$J$14,0)+IF(Input!$K$15=4,L978*Input!$J$15,0)+IF(Input!$K$16=4,M978*Input!$J$16,0)</f>
        <v>0</v>
      </c>
    </row>
    <row r="979" spans="8:17" x14ac:dyDescent="0.25">
      <c r="H979" s="43">
        <v>972</v>
      </c>
      <c r="I979" s="55">
        <f>Bühler!I1005</f>
        <v>22.526347524584743</v>
      </c>
      <c r="J979" s="58">
        <f>Bühler!J1005</f>
        <v>109.33588752483911</v>
      </c>
      <c r="K979" s="58">
        <f>Bühler!K1005</f>
        <v>4.2685457887423084</v>
      </c>
      <c r="L979" s="58">
        <f>Bühler!L1005</f>
        <v>2.1342728943711542</v>
      </c>
      <c r="M979" s="57">
        <f>Bühler!M1005</f>
        <v>0</v>
      </c>
      <c r="N979" s="55">
        <f>IF(Input!$K$13=1,J979*Input!$J$13,0)+IF(Input!$K$14=1,K979*Input!$J$14,0)+IF(Input!$K$15=1,L979*Input!$J$15,0)+IF(Input!$K$16=1,M979*Input!$J$16,0)</f>
        <v>13.120306502980693</v>
      </c>
      <c r="O979" s="58">
        <f>IF(Input!$K$13=2,J979*Input!$J$13,0)+IF(Input!$K$14=2,K979*Input!$J$14,0)+IF(Input!$K$15=2,L979*Input!$J$15,0)+IF(Input!$K$16=2,M979*Input!$J$16,0)</f>
        <v>0.57625368148021161</v>
      </c>
      <c r="P979" s="58">
        <f>IF(Input!$K$13=3,J979*Input!$J$13,0)+IF(Input!$K$14=3,K979*Input!$J$14,0)+IF(Input!$K$15=3,L979*Input!$J$15,0)+IF(Input!$K$16=3,M979*Input!$J$16,0)</f>
        <v>0</v>
      </c>
      <c r="Q979" s="71">
        <f>IF(Input!$K$13=4,J979*Input!$J$13,0)+IF(Input!$K$14=4,K979*Input!$J$14,0)+IF(Input!$K$15=4,L979*Input!$J$15,0)+IF(Input!$K$16=4,M979*Input!$J$16,0)</f>
        <v>0</v>
      </c>
    </row>
    <row r="980" spans="8:17" x14ac:dyDescent="0.25">
      <c r="H980" s="43">
        <v>973</v>
      </c>
      <c r="I980" s="55">
        <f>Bühler!I1006</f>
        <v>22.526347524584743</v>
      </c>
      <c r="J980" s="58">
        <f>Bühler!J1006</f>
        <v>109.33588752483911</v>
      </c>
      <c r="K980" s="58">
        <f>Bühler!K1006</f>
        <v>4.2685457887423084</v>
      </c>
      <c r="L980" s="58">
        <f>Bühler!L1006</f>
        <v>2.1342728943711542</v>
      </c>
      <c r="M980" s="57">
        <f>Bühler!M1006</f>
        <v>0</v>
      </c>
      <c r="N980" s="55">
        <f>IF(Input!$K$13=1,J980*Input!$J$13,0)+IF(Input!$K$14=1,K980*Input!$J$14,0)+IF(Input!$K$15=1,L980*Input!$J$15,0)+IF(Input!$K$16=1,M980*Input!$J$16,0)</f>
        <v>13.120306502980693</v>
      </c>
      <c r="O980" s="58">
        <f>IF(Input!$K$13=2,J980*Input!$J$13,0)+IF(Input!$K$14=2,K980*Input!$J$14,0)+IF(Input!$K$15=2,L980*Input!$J$15,0)+IF(Input!$K$16=2,M980*Input!$J$16,0)</f>
        <v>0.57625368148021161</v>
      </c>
      <c r="P980" s="58">
        <f>IF(Input!$K$13=3,J980*Input!$J$13,0)+IF(Input!$K$14=3,K980*Input!$J$14,0)+IF(Input!$K$15=3,L980*Input!$J$15,0)+IF(Input!$K$16=3,M980*Input!$J$16,0)</f>
        <v>0</v>
      </c>
      <c r="Q980" s="71">
        <f>IF(Input!$K$13=4,J980*Input!$J$13,0)+IF(Input!$K$14=4,K980*Input!$J$14,0)+IF(Input!$K$15=4,L980*Input!$J$15,0)+IF(Input!$K$16=4,M980*Input!$J$16,0)</f>
        <v>0</v>
      </c>
    </row>
    <row r="981" spans="8:17" x14ac:dyDescent="0.25">
      <c r="H981" s="43">
        <v>974</v>
      </c>
      <c r="I981" s="55">
        <f>Bühler!I1007</f>
        <v>15.595163670866361</v>
      </c>
      <c r="J981" s="58">
        <f>Bühler!J1007</f>
        <v>75.694075978734773</v>
      </c>
      <c r="K981" s="58">
        <f>Bühler!K1007</f>
        <v>2.9551470845139058</v>
      </c>
      <c r="L981" s="58">
        <f>Bühler!L1007</f>
        <v>1.4775735422569529</v>
      </c>
      <c r="M981" s="57">
        <f>Bühler!M1007</f>
        <v>0</v>
      </c>
      <c r="N981" s="55">
        <f>IF(Input!$K$13=1,J981*Input!$J$13,0)+IF(Input!$K$14=1,K981*Input!$J$14,0)+IF(Input!$K$15=1,L981*Input!$J$15,0)+IF(Input!$K$16=1,M981*Input!$J$16,0)</f>
        <v>9.0832891174481727</v>
      </c>
      <c r="O981" s="58">
        <f>IF(Input!$K$13=2,J981*Input!$J$13,0)+IF(Input!$K$14=2,K981*Input!$J$14,0)+IF(Input!$K$15=2,L981*Input!$J$15,0)+IF(Input!$K$16=2,M981*Input!$J$16,0)</f>
        <v>0.39894485640937727</v>
      </c>
      <c r="P981" s="58">
        <f>IF(Input!$K$13=3,J981*Input!$J$13,0)+IF(Input!$K$14=3,K981*Input!$J$14,0)+IF(Input!$K$15=3,L981*Input!$J$15,0)+IF(Input!$K$16=3,M981*Input!$J$16,0)</f>
        <v>0</v>
      </c>
      <c r="Q981" s="71">
        <f>IF(Input!$K$13=4,J981*Input!$J$13,0)+IF(Input!$K$14=4,K981*Input!$J$14,0)+IF(Input!$K$15=4,L981*Input!$J$15,0)+IF(Input!$K$16=4,M981*Input!$J$16,0)</f>
        <v>0</v>
      </c>
    </row>
    <row r="982" spans="8:17" x14ac:dyDescent="0.25">
      <c r="H982" s="43">
        <v>975</v>
      </c>
      <c r="I982" s="55">
        <f>Bühler!I1008</f>
        <v>22.526347524584743</v>
      </c>
      <c r="J982" s="58">
        <f>Bühler!J1008</f>
        <v>109.33588752483911</v>
      </c>
      <c r="K982" s="58">
        <f>Bühler!K1008</f>
        <v>4.2685457887423084</v>
      </c>
      <c r="L982" s="58">
        <f>Bühler!L1008</f>
        <v>2.1342728943711542</v>
      </c>
      <c r="M982" s="57">
        <f>Bühler!M1008</f>
        <v>0</v>
      </c>
      <c r="N982" s="55">
        <f>IF(Input!$K$13=1,J982*Input!$J$13,0)+IF(Input!$K$14=1,K982*Input!$J$14,0)+IF(Input!$K$15=1,L982*Input!$J$15,0)+IF(Input!$K$16=1,M982*Input!$J$16,0)</f>
        <v>13.120306502980693</v>
      </c>
      <c r="O982" s="58">
        <f>IF(Input!$K$13=2,J982*Input!$J$13,0)+IF(Input!$K$14=2,K982*Input!$J$14,0)+IF(Input!$K$15=2,L982*Input!$J$15,0)+IF(Input!$K$16=2,M982*Input!$J$16,0)</f>
        <v>0.57625368148021161</v>
      </c>
      <c r="P982" s="58">
        <f>IF(Input!$K$13=3,J982*Input!$J$13,0)+IF(Input!$K$14=3,K982*Input!$J$14,0)+IF(Input!$K$15=3,L982*Input!$J$15,0)+IF(Input!$K$16=3,M982*Input!$J$16,0)</f>
        <v>0</v>
      </c>
      <c r="Q982" s="71">
        <f>IF(Input!$K$13=4,J982*Input!$J$13,0)+IF(Input!$K$14=4,K982*Input!$J$14,0)+IF(Input!$K$15=4,L982*Input!$J$15,0)+IF(Input!$K$16=4,M982*Input!$J$16,0)</f>
        <v>0</v>
      </c>
    </row>
    <row r="983" spans="8:17" x14ac:dyDescent="0.25">
      <c r="H983" s="43">
        <v>976</v>
      </c>
      <c r="I983" s="55">
        <f>Bühler!I1009</f>
        <v>19.060755597725549</v>
      </c>
      <c r="J983" s="58">
        <f>Bühler!J1009</f>
        <v>85.981724492309581</v>
      </c>
      <c r="K983" s="58">
        <f>Bühler!K1009</f>
        <v>3.2834967605710066</v>
      </c>
      <c r="L983" s="58">
        <f>Bühler!L1009</f>
        <v>1.6417483802855033</v>
      </c>
      <c r="M983" s="57">
        <f>Bühler!M1009</f>
        <v>0</v>
      </c>
      <c r="N983" s="55">
        <f>IF(Input!$K$13=1,J983*Input!$J$13,0)+IF(Input!$K$14=1,K983*Input!$J$14,0)+IF(Input!$K$15=1,L983*Input!$J$15,0)+IF(Input!$K$16=1,M983*Input!$J$16,0)</f>
        <v>10.317806939077149</v>
      </c>
      <c r="O983" s="58">
        <f>IF(Input!$K$13=2,J983*Input!$J$13,0)+IF(Input!$K$14=2,K983*Input!$J$14,0)+IF(Input!$K$15=2,L983*Input!$J$15,0)+IF(Input!$K$16=2,M983*Input!$J$16,0)</f>
        <v>0.44327206267708585</v>
      </c>
      <c r="P983" s="58">
        <f>IF(Input!$K$13=3,J983*Input!$J$13,0)+IF(Input!$K$14=3,K983*Input!$J$14,0)+IF(Input!$K$15=3,L983*Input!$J$15,0)+IF(Input!$K$16=3,M983*Input!$J$16,0)</f>
        <v>0</v>
      </c>
      <c r="Q983" s="71">
        <f>IF(Input!$K$13=4,J983*Input!$J$13,0)+IF(Input!$K$14=4,K983*Input!$J$14,0)+IF(Input!$K$15=4,L983*Input!$J$15,0)+IF(Input!$K$16=4,M983*Input!$J$16,0)</f>
        <v>0</v>
      </c>
    </row>
    <row r="984" spans="8:17" x14ac:dyDescent="0.25">
      <c r="H984" s="43">
        <v>977</v>
      </c>
      <c r="I984" s="55">
        <f>Bühler!I1010</f>
        <v>16.502818699329485</v>
      </c>
      <c r="J984" s="58">
        <f>Bühler!J1010</f>
        <v>48.550622884261216</v>
      </c>
      <c r="K984" s="58">
        <f>Bühler!K1010</f>
        <v>1.5415477749159656</v>
      </c>
      <c r="L984" s="58">
        <f>Bühler!L1010</f>
        <v>0.77077388745798281</v>
      </c>
      <c r="M984" s="57">
        <f>Bühler!M1010</f>
        <v>0</v>
      </c>
      <c r="N984" s="55">
        <f>IF(Input!$K$13=1,J984*Input!$J$13,0)+IF(Input!$K$14=1,K984*Input!$J$14,0)+IF(Input!$K$15=1,L984*Input!$J$15,0)+IF(Input!$K$16=1,M984*Input!$J$16,0)</f>
        <v>5.8260747461113453</v>
      </c>
      <c r="O984" s="58">
        <f>IF(Input!$K$13=2,J984*Input!$J$13,0)+IF(Input!$K$14=2,K984*Input!$J$14,0)+IF(Input!$K$15=2,L984*Input!$J$15,0)+IF(Input!$K$16=2,M984*Input!$J$16,0)</f>
        <v>0.20810894961365534</v>
      </c>
      <c r="P984" s="58">
        <f>IF(Input!$K$13=3,J984*Input!$J$13,0)+IF(Input!$K$14=3,K984*Input!$J$14,0)+IF(Input!$K$15=3,L984*Input!$J$15,0)+IF(Input!$K$16=3,M984*Input!$J$16,0)</f>
        <v>0</v>
      </c>
      <c r="Q984" s="71">
        <f>IF(Input!$K$13=4,J984*Input!$J$13,0)+IF(Input!$K$14=4,K984*Input!$J$14,0)+IF(Input!$K$15=4,L984*Input!$J$15,0)+IF(Input!$K$16=4,M984*Input!$J$16,0)</f>
        <v>0</v>
      </c>
    </row>
    <row r="985" spans="8:17" x14ac:dyDescent="0.25">
      <c r="H985" s="43">
        <v>978</v>
      </c>
      <c r="I985" s="55">
        <f>Bühler!I1011</f>
        <v>13.862367707436766</v>
      </c>
      <c r="J985" s="58">
        <f>Bühler!J1011</f>
        <v>35.261460749981651</v>
      </c>
      <c r="K985" s="58">
        <f>Bühler!K1011</f>
        <v>1.0174215314445372</v>
      </c>
      <c r="L985" s="58">
        <f>Bühler!L1011</f>
        <v>0.50871076572226859</v>
      </c>
      <c r="M985" s="57">
        <f>Bühler!M1011</f>
        <v>0</v>
      </c>
      <c r="N985" s="55">
        <f>IF(Input!$K$13=1,J985*Input!$J$13,0)+IF(Input!$K$14=1,K985*Input!$J$14,0)+IF(Input!$K$15=1,L985*Input!$J$15,0)+IF(Input!$K$16=1,M985*Input!$J$16,0)</f>
        <v>4.2313752899977981</v>
      </c>
      <c r="O985" s="58">
        <f>IF(Input!$K$13=2,J985*Input!$J$13,0)+IF(Input!$K$14=2,K985*Input!$J$14,0)+IF(Input!$K$15=2,L985*Input!$J$15,0)+IF(Input!$K$16=2,M985*Input!$J$16,0)</f>
        <v>0.13735190674501252</v>
      </c>
      <c r="P985" s="58">
        <f>IF(Input!$K$13=3,J985*Input!$J$13,0)+IF(Input!$K$14=3,K985*Input!$J$14,0)+IF(Input!$K$15=3,L985*Input!$J$15,0)+IF(Input!$K$16=3,M985*Input!$J$16,0)</f>
        <v>0</v>
      </c>
      <c r="Q985" s="71">
        <f>IF(Input!$K$13=4,J985*Input!$J$13,0)+IF(Input!$K$14=4,K985*Input!$J$14,0)+IF(Input!$K$15=4,L985*Input!$J$15,0)+IF(Input!$K$16=4,M985*Input!$J$16,0)</f>
        <v>0</v>
      </c>
    </row>
    <row r="986" spans="8:17" x14ac:dyDescent="0.25">
      <c r="H986" s="43">
        <v>979</v>
      </c>
      <c r="I986" s="55">
        <f>Bühler!I1012</f>
        <v>5.1158737967921395</v>
      </c>
      <c r="J986" s="58">
        <f>Bühler!J1012</f>
        <v>18.424675716386275</v>
      </c>
      <c r="K986" s="58">
        <f>Bühler!K1012</f>
        <v>0.64745006546470552</v>
      </c>
      <c r="L986" s="58">
        <f>Bühler!L1012</f>
        <v>0.32372503273235276</v>
      </c>
      <c r="M986" s="57">
        <f>Bühler!M1012</f>
        <v>0</v>
      </c>
      <c r="N986" s="55">
        <f>IF(Input!$K$13=1,J986*Input!$J$13,0)+IF(Input!$K$14=1,K986*Input!$J$14,0)+IF(Input!$K$15=1,L986*Input!$J$15,0)+IF(Input!$K$16=1,M986*Input!$J$16,0)</f>
        <v>2.2109610859663529</v>
      </c>
      <c r="O986" s="58">
        <f>IF(Input!$K$13=2,J986*Input!$J$13,0)+IF(Input!$K$14=2,K986*Input!$J$14,0)+IF(Input!$K$15=2,L986*Input!$J$15,0)+IF(Input!$K$16=2,M986*Input!$J$16,0)</f>
        <v>8.7405758837735242E-2</v>
      </c>
      <c r="P986" s="58">
        <f>IF(Input!$K$13=3,J986*Input!$J$13,0)+IF(Input!$K$14=3,K986*Input!$J$14,0)+IF(Input!$K$15=3,L986*Input!$J$15,0)+IF(Input!$K$16=3,M986*Input!$J$16,0)</f>
        <v>0</v>
      </c>
      <c r="Q986" s="71">
        <f>IF(Input!$K$13=4,J986*Input!$J$13,0)+IF(Input!$K$14=4,K986*Input!$J$14,0)+IF(Input!$K$15=4,L986*Input!$J$15,0)+IF(Input!$K$16=4,M986*Input!$J$16,0)</f>
        <v>0</v>
      </c>
    </row>
    <row r="987" spans="8:17" x14ac:dyDescent="0.25">
      <c r="H987" s="43">
        <v>980</v>
      </c>
      <c r="I987" s="55">
        <f>Bühler!I1013</f>
        <v>5.1158737967921395</v>
      </c>
      <c r="J987" s="58">
        <f>Bühler!J1013</f>
        <v>17.811224330519856</v>
      </c>
      <c r="K987" s="58">
        <f>Bühler!K1013</f>
        <v>0.61661910996638625</v>
      </c>
      <c r="L987" s="58">
        <f>Bühler!L1013</f>
        <v>0.30830955498319312</v>
      </c>
      <c r="M987" s="57">
        <f>Bühler!M1013</f>
        <v>0</v>
      </c>
      <c r="N987" s="55">
        <f>IF(Input!$K$13=1,J987*Input!$J$13,0)+IF(Input!$K$14=1,K987*Input!$J$14,0)+IF(Input!$K$15=1,L987*Input!$J$15,0)+IF(Input!$K$16=1,M987*Input!$J$16,0)</f>
        <v>2.1373469196623827</v>
      </c>
      <c r="O987" s="58">
        <f>IF(Input!$K$13=2,J987*Input!$J$13,0)+IF(Input!$K$14=2,K987*Input!$J$14,0)+IF(Input!$K$15=2,L987*Input!$J$15,0)+IF(Input!$K$16=2,M987*Input!$J$16,0)</f>
        <v>8.3243579845462129E-2</v>
      </c>
      <c r="P987" s="58">
        <f>IF(Input!$K$13=3,J987*Input!$J$13,0)+IF(Input!$K$14=3,K987*Input!$J$14,0)+IF(Input!$K$15=3,L987*Input!$J$15,0)+IF(Input!$K$16=3,M987*Input!$J$16,0)</f>
        <v>0</v>
      </c>
      <c r="Q987" s="71">
        <f>IF(Input!$K$13=4,J987*Input!$J$13,0)+IF(Input!$K$14=4,K987*Input!$J$14,0)+IF(Input!$K$15=4,L987*Input!$J$15,0)+IF(Input!$K$16=4,M987*Input!$J$16,0)</f>
        <v>0</v>
      </c>
    </row>
    <row r="988" spans="8:17" x14ac:dyDescent="0.25">
      <c r="H988" s="43">
        <v>981</v>
      </c>
      <c r="I988" s="55">
        <f>Bühler!I1014</f>
        <v>5.1158737967921395</v>
      </c>
      <c r="J988" s="58">
        <f>Bühler!J1014</f>
        <v>17.811224330519856</v>
      </c>
      <c r="K988" s="58">
        <f>Bühler!K1014</f>
        <v>0.61661910996638625</v>
      </c>
      <c r="L988" s="58">
        <f>Bühler!L1014</f>
        <v>0.30830955498319312</v>
      </c>
      <c r="M988" s="57">
        <f>Bühler!M1014</f>
        <v>0</v>
      </c>
      <c r="N988" s="55">
        <f>IF(Input!$K$13=1,J988*Input!$J$13,0)+IF(Input!$K$14=1,K988*Input!$J$14,0)+IF(Input!$K$15=1,L988*Input!$J$15,0)+IF(Input!$K$16=1,M988*Input!$J$16,0)</f>
        <v>2.1373469196623827</v>
      </c>
      <c r="O988" s="58">
        <f>IF(Input!$K$13=2,J988*Input!$J$13,0)+IF(Input!$K$14=2,K988*Input!$J$14,0)+IF(Input!$K$15=2,L988*Input!$J$15,0)+IF(Input!$K$16=2,M988*Input!$J$16,0)</f>
        <v>8.3243579845462129E-2</v>
      </c>
      <c r="P988" s="58">
        <f>IF(Input!$K$13=3,J988*Input!$J$13,0)+IF(Input!$K$14=3,K988*Input!$J$14,0)+IF(Input!$K$15=3,L988*Input!$J$15,0)+IF(Input!$K$16=3,M988*Input!$J$16,0)</f>
        <v>0</v>
      </c>
      <c r="Q988" s="71">
        <f>IF(Input!$K$13=4,J988*Input!$J$13,0)+IF(Input!$K$14=4,K988*Input!$J$14,0)+IF(Input!$K$15=4,L988*Input!$J$15,0)+IF(Input!$K$16=4,M988*Input!$J$16,0)</f>
        <v>0</v>
      </c>
    </row>
    <row r="989" spans="8:17" x14ac:dyDescent="0.25">
      <c r="H989" s="43">
        <v>982</v>
      </c>
      <c r="I989" s="55">
        <f>Bühler!I1015</f>
        <v>5.1158737967921395</v>
      </c>
      <c r="J989" s="58">
        <f>Bühler!J1015</f>
        <v>17.811224330519856</v>
      </c>
      <c r="K989" s="58">
        <f>Bühler!K1015</f>
        <v>0.61661910996638625</v>
      </c>
      <c r="L989" s="58">
        <f>Bühler!L1015</f>
        <v>0.30830955498319312</v>
      </c>
      <c r="M989" s="57">
        <f>Bühler!M1015</f>
        <v>0</v>
      </c>
      <c r="N989" s="55">
        <f>IF(Input!$K$13=1,J989*Input!$J$13,0)+IF(Input!$K$14=1,K989*Input!$J$14,0)+IF(Input!$K$15=1,L989*Input!$J$15,0)+IF(Input!$K$16=1,M989*Input!$J$16,0)</f>
        <v>2.1373469196623827</v>
      </c>
      <c r="O989" s="58">
        <f>IF(Input!$K$13=2,J989*Input!$J$13,0)+IF(Input!$K$14=2,K989*Input!$J$14,0)+IF(Input!$K$15=2,L989*Input!$J$15,0)+IF(Input!$K$16=2,M989*Input!$J$16,0)</f>
        <v>8.3243579845462129E-2</v>
      </c>
      <c r="P989" s="58">
        <f>IF(Input!$K$13=3,J989*Input!$J$13,0)+IF(Input!$K$14=3,K989*Input!$J$14,0)+IF(Input!$K$15=3,L989*Input!$J$15,0)+IF(Input!$K$16=3,M989*Input!$J$16,0)</f>
        <v>0</v>
      </c>
      <c r="Q989" s="71">
        <f>IF(Input!$K$13=4,J989*Input!$J$13,0)+IF(Input!$K$14=4,K989*Input!$J$14,0)+IF(Input!$K$15=4,L989*Input!$J$15,0)+IF(Input!$K$16=4,M989*Input!$J$16,0)</f>
        <v>0</v>
      </c>
    </row>
    <row r="990" spans="8:17" x14ac:dyDescent="0.25">
      <c r="H990" s="43">
        <v>983</v>
      </c>
      <c r="I990" s="55">
        <f>Bühler!I1016</f>
        <v>5.1158737967921395</v>
      </c>
      <c r="J990" s="58">
        <f>Bühler!J1016</f>
        <v>17.811224330519856</v>
      </c>
      <c r="K990" s="58">
        <f>Bühler!K1016</f>
        <v>0.61661910996638625</v>
      </c>
      <c r="L990" s="58">
        <f>Bühler!L1016</f>
        <v>0.30830955498319312</v>
      </c>
      <c r="M990" s="57">
        <f>Bühler!M1016</f>
        <v>0</v>
      </c>
      <c r="N990" s="55">
        <f>IF(Input!$K$13=1,J990*Input!$J$13,0)+IF(Input!$K$14=1,K990*Input!$J$14,0)+IF(Input!$K$15=1,L990*Input!$J$15,0)+IF(Input!$K$16=1,M990*Input!$J$16,0)</f>
        <v>2.1373469196623827</v>
      </c>
      <c r="O990" s="58">
        <f>IF(Input!$K$13=2,J990*Input!$J$13,0)+IF(Input!$K$14=2,K990*Input!$J$14,0)+IF(Input!$K$15=2,L990*Input!$J$15,0)+IF(Input!$K$16=2,M990*Input!$J$16,0)</f>
        <v>8.3243579845462129E-2</v>
      </c>
      <c r="P990" s="58">
        <f>IF(Input!$K$13=3,J990*Input!$J$13,0)+IF(Input!$K$14=3,K990*Input!$J$14,0)+IF(Input!$K$15=3,L990*Input!$J$15,0)+IF(Input!$K$16=3,M990*Input!$J$16,0)</f>
        <v>0</v>
      </c>
      <c r="Q990" s="71">
        <f>IF(Input!$K$13=4,J990*Input!$J$13,0)+IF(Input!$K$14=4,K990*Input!$J$14,0)+IF(Input!$K$15=4,L990*Input!$J$15,0)+IF(Input!$K$16=4,M990*Input!$J$16,0)</f>
        <v>0</v>
      </c>
    </row>
    <row r="991" spans="8:17" x14ac:dyDescent="0.25">
      <c r="H991" s="43">
        <v>984</v>
      </c>
      <c r="I991" s="55">
        <f>Bühler!I1017</f>
        <v>5.1158737967921395</v>
      </c>
      <c r="J991" s="58">
        <f>Bühler!J1017</f>
        <v>17.811224330519856</v>
      </c>
      <c r="K991" s="58">
        <f>Bühler!K1017</f>
        <v>0.61661910996638625</v>
      </c>
      <c r="L991" s="58">
        <f>Bühler!L1017</f>
        <v>0.30830955498319312</v>
      </c>
      <c r="M991" s="57">
        <f>Bühler!M1017</f>
        <v>0</v>
      </c>
      <c r="N991" s="55">
        <f>IF(Input!$K$13=1,J991*Input!$J$13,0)+IF(Input!$K$14=1,K991*Input!$J$14,0)+IF(Input!$K$15=1,L991*Input!$J$15,0)+IF(Input!$K$16=1,M991*Input!$J$16,0)</f>
        <v>2.1373469196623827</v>
      </c>
      <c r="O991" s="58">
        <f>IF(Input!$K$13=2,J991*Input!$J$13,0)+IF(Input!$K$14=2,K991*Input!$J$14,0)+IF(Input!$K$15=2,L991*Input!$J$15,0)+IF(Input!$K$16=2,M991*Input!$J$16,0)</f>
        <v>8.3243579845462129E-2</v>
      </c>
      <c r="P991" s="58">
        <f>IF(Input!$K$13=3,J991*Input!$J$13,0)+IF(Input!$K$14=3,K991*Input!$J$14,0)+IF(Input!$K$15=3,L991*Input!$J$15,0)+IF(Input!$K$16=3,M991*Input!$J$16,0)</f>
        <v>0</v>
      </c>
      <c r="Q991" s="71">
        <f>IF(Input!$K$13=4,J991*Input!$J$13,0)+IF(Input!$K$14=4,K991*Input!$J$14,0)+IF(Input!$K$15=4,L991*Input!$J$15,0)+IF(Input!$K$16=4,M991*Input!$J$16,0)</f>
        <v>0</v>
      </c>
    </row>
    <row r="992" spans="8:17" x14ac:dyDescent="0.25">
      <c r="H992" s="43">
        <v>985</v>
      </c>
      <c r="I992" s="55">
        <f>Bühler!I1018</f>
        <v>1.9250083562849494</v>
      </c>
      <c r="J992" s="58">
        <f>Bühler!J1018</f>
        <v>16.93679412622803</v>
      </c>
      <c r="K992" s="58">
        <f>Bühler!K1018</f>
        <v>0.45162831350038024</v>
      </c>
      <c r="L992" s="58">
        <f>Bühler!L1018</f>
        <v>0.22581415675019012</v>
      </c>
      <c r="M992" s="57">
        <f>Bühler!M1018</f>
        <v>0</v>
      </c>
      <c r="N992" s="55">
        <f>IF(Input!$K$13=1,J992*Input!$J$13,0)+IF(Input!$K$14=1,K992*Input!$J$14,0)+IF(Input!$K$15=1,L992*Input!$J$15,0)+IF(Input!$K$16=1,M992*Input!$J$16,0)</f>
        <v>2.0324152951473633</v>
      </c>
      <c r="O992" s="58">
        <f>IF(Input!$K$13=2,J992*Input!$J$13,0)+IF(Input!$K$14=2,K992*Input!$J$14,0)+IF(Input!$K$15=2,L992*Input!$J$15,0)+IF(Input!$K$16=2,M992*Input!$J$16,0)</f>
        <v>6.0969822322551326E-2</v>
      </c>
      <c r="P992" s="58">
        <f>IF(Input!$K$13=3,J992*Input!$J$13,0)+IF(Input!$K$14=3,K992*Input!$J$14,0)+IF(Input!$K$15=3,L992*Input!$J$15,0)+IF(Input!$K$16=3,M992*Input!$J$16,0)</f>
        <v>0</v>
      </c>
      <c r="Q992" s="71">
        <f>IF(Input!$K$13=4,J992*Input!$J$13,0)+IF(Input!$K$14=4,K992*Input!$J$14,0)+IF(Input!$K$15=4,L992*Input!$J$15,0)+IF(Input!$K$16=4,M992*Input!$J$16,0)</f>
        <v>0</v>
      </c>
    </row>
    <row r="993" spans="8:17" x14ac:dyDescent="0.25">
      <c r="H993" s="43">
        <v>986</v>
      </c>
      <c r="I993" s="55">
        <f>Bühler!I1019</f>
        <v>3.7583496479849017</v>
      </c>
      <c r="J993" s="58">
        <f>Bühler!J1019</f>
        <v>16.036683647367735</v>
      </c>
      <c r="K993" s="58">
        <f>Bühler!K1019</f>
        <v>0.40646548215034217</v>
      </c>
      <c r="L993" s="58">
        <f>Bühler!L1019</f>
        <v>0.20323274107517109</v>
      </c>
      <c r="M993" s="57">
        <f>Bühler!M1019</f>
        <v>0</v>
      </c>
      <c r="N993" s="55">
        <f>IF(Input!$K$13=1,J993*Input!$J$13,0)+IF(Input!$K$14=1,K993*Input!$J$14,0)+IF(Input!$K$15=1,L993*Input!$J$15,0)+IF(Input!$K$16=1,M993*Input!$J$16,0)</f>
        <v>1.924402037684128</v>
      </c>
      <c r="O993" s="58">
        <f>IF(Input!$K$13=2,J993*Input!$J$13,0)+IF(Input!$K$14=2,K993*Input!$J$14,0)+IF(Input!$K$15=2,L993*Input!$J$15,0)+IF(Input!$K$16=2,M993*Input!$J$16,0)</f>
        <v>5.4872840090296193E-2</v>
      </c>
      <c r="P993" s="58">
        <f>IF(Input!$K$13=3,J993*Input!$J$13,0)+IF(Input!$K$14=3,K993*Input!$J$14,0)+IF(Input!$K$15=3,L993*Input!$J$15,0)+IF(Input!$K$16=3,M993*Input!$J$16,0)</f>
        <v>0</v>
      </c>
      <c r="Q993" s="71">
        <f>IF(Input!$K$13=4,J993*Input!$J$13,0)+IF(Input!$K$14=4,K993*Input!$J$14,0)+IF(Input!$K$15=4,L993*Input!$J$15,0)+IF(Input!$K$16=4,M993*Input!$J$16,0)</f>
        <v>0</v>
      </c>
    </row>
    <row r="994" spans="8:17" x14ac:dyDescent="0.25">
      <c r="H994" s="43">
        <v>987</v>
      </c>
      <c r="I994" s="55">
        <f>Bühler!I1020</f>
        <v>3.7583496479849017</v>
      </c>
      <c r="J994" s="58">
        <f>Bühler!J1020</f>
        <v>16.036683647367735</v>
      </c>
      <c r="K994" s="58">
        <f>Bühler!K1020</f>
        <v>0.40646548215034217</v>
      </c>
      <c r="L994" s="58">
        <f>Bühler!L1020</f>
        <v>0.20323274107517109</v>
      </c>
      <c r="M994" s="57">
        <f>Bühler!M1020</f>
        <v>0</v>
      </c>
      <c r="N994" s="55">
        <f>IF(Input!$K$13=1,J994*Input!$J$13,0)+IF(Input!$K$14=1,K994*Input!$J$14,0)+IF(Input!$K$15=1,L994*Input!$J$15,0)+IF(Input!$K$16=1,M994*Input!$J$16,0)</f>
        <v>1.924402037684128</v>
      </c>
      <c r="O994" s="58">
        <f>IF(Input!$K$13=2,J994*Input!$J$13,0)+IF(Input!$K$14=2,K994*Input!$J$14,0)+IF(Input!$K$15=2,L994*Input!$J$15,0)+IF(Input!$K$16=2,M994*Input!$J$16,0)</f>
        <v>5.4872840090296193E-2</v>
      </c>
      <c r="P994" s="58">
        <f>IF(Input!$K$13=3,J994*Input!$J$13,0)+IF(Input!$K$14=3,K994*Input!$J$14,0)+IF(Input!$K$15=3,L994*Input!$J$15,0)+IF(Input!$K$16=3,M994*Input!$J$16,0)</f>
        <v>0</v>
      </c>
      <c r="Q994" s="71">
        <f>IF(Input!$K$13=4,J994*Input!$J$13,0)+IF(Input!$K$14=4,K994*Input!$J$14,0)+IF(Input!$K$15=4,L994*Input!$J$15,0)+IF(Input!$K$16=4,M994*Input!$J$16,0)</f>
        <v>0</v>
      </c>
    </row>
    <row r="995" spans="8:17" x14ac:dyDescent="0.25">
      <c r="H995" s="43">
        <v>988</v>
      </c>
      <c r="I995" s="55">
        <f>Bühler!I1021</f>
        <v>3.7583496479849017</v>
      </c>
      <c r="J995" s="58">
        <f>Bühler!J1021</f>
        <v>16.036683647367735</v>
      </c>
      <c r="K995" s="58">
        <f>Bühler!K1021</f>
        <v>0.40646548215034217</v>
      </c>
      <c r="L995" s="58">
        <f>Bühler!L1021</f>
        <v>0.20323274107517109</v>
      </c>
      <c r="M995" s="57">
        <f>Bühler!M1021</f>
        <v>0</v>
      </c>
      <c r="N995" s="55">
        <f>IF(Input!$K$13=1,J995*Input!$J$13,0)+IF(Input!$K$14=1,K995*Input!$J$14,0)+IF(Input!$K$15=1,L995*Input!$J$15,0)+IF(Input!$K$16=1,M995*Input!$J$16,0)</f>
        <v>1.924402037684128</v>
      </c>
      <c r="O995" s="58">
        <f>IF(Input!$K$13=2,J995*Input!$J$13,0)+IF(Input!$K$14=2,K995*Input!$J$14,0)+IF(Input!$K$15=2,L995*Input!$J$15,0)+IF(Input!$K$16=2,M995*Input!$J$16,0)</f>
        <v>5.4872840090296193E-2</v>
      </c>
      <c r="P995" s="58">
        <f>IF(Input!$K$13=3,J995*Input!$J$13,0)+IF(Input!$K$14=3,K995*Input!$J$14,0)+IF(Input!$K$15=3,L995*Input!$J$15,0)+IF(Input!$K$16=3,M995*Input!$J$16,0)</f>
        <v>0</v>
      </c>
      <c r="Q995" s="71">
        <f>IF(Input!$K$13=4,J995*Input!$J$13,0)+IF(Input!$K$14=4,K995*Input!$J$14,0)+IF(Input!$K$15=4,L995*Input!$J$15,0)+IF(Input!$K$16=4,M995*Input!$J$16,0)</f>
        <v>0</v>
      </c>
    </row>
    <row r="996" spans="8:17" x14ac:dyDescent="0.25">
      <c r="H996" s="43">
        <v>989</v>
      </c>
      <c r="I996" s="55">
        <f>Bühler!I1022</f>
        <v>3.7583496479849017</v>
      </c>
      <c r="J996" s="58">
        <f>Bühler!J1022</f>
        <v>16.036683647367735</v>
      </c>
      <c r="K996" s="58">
        <f>Bühler!K1022</f>
        <v>0.40646548215034217</v>
      </c>
      <c r="L996" s="58">
        <f>Bühler!L1022</f>
        <v>0.20323274107517109</v>
      </c>
      <c r="M996" s="57">
        <f>Bühler!M1022</f>
        <v>0</v>
      </c>
      <c r="N996" s="55">
        <f>IF(Input!$K$13=1,J996*Input!$J$13,0)+IF(Input!$K$14=1,K996*Input!$J$14,0)+IF(Input!$K$15=1,L996*Input!$J$15,0)+IF(Input!$K$16=1,M996*Input!$J$16,0)</f>
        <v>1.924402037684128</v>
      </c>
      <c r="O996" s="58">
        <f>IF(Input!$K$13=2,J996*Input!$J$13,0)+IF(Input!$K$14=2,K996*Input!$J$14,0)+IF(Input!$K$15=2,L996*Input!$J$15,0)+IF(Input!$K$16=2,M996*Input!$J$16,0)</f>
        <v>5.4872840090296193E-2</v>
      </c>
      <c r="P996" s="58">
        <f>IF(Input!$K$13=3,J996*Input!$J$13,0)+IF(Input!$K$14=3,K996*Input!$J$14,0)+IF(Input!$K$15=3,L996*Input!$J$15,0)+IF(Input!$K$16=3,M996*Input!$J$16,0)</f>
        <v>0</v>
      </c>
      <c r="Q996" s="71">
        <f>IF(Input!$K$13=4,J996*Input!$J$13,0)+IF(Input!$K$14=4,K996*Input!$J$14,0)+IF(Input!$K$15=4,L996*Input!$J$15,0)+IF(Input!$K$16=4,M996*Input!$J$16,0)</f>
        <v>0</v>
      </c>
    </row>
    <row r="997" spans="8:17" x14ac:dyDescent="0.25">
      <c r="H997" s="43">
        <v>990</v>
      </c>
      <c r="I997" s="55">
        <f>Bühler!I1023</f>
        <v>4.6750202938348773</v>
      </c>
      <c r="J997" s="58">
        <f>Bühler!J1023</f>
        <v>16.074878257611484</v>
      </c>
      <c r="K997" s="58">
        <f>Bühler!K1023</f>
        <v>0.40646548215034217</v>
      </c>
      <c r="L997" s="58">
        <f>Bühler!L1023</f>
        <v>0.20323274107517109</v>
      </c>
      <c r="M997" s="57">
        <f>Bühler!M1023</f>
        <v>0</v>
      </c>
      <c r="N997" s="55">
        <f>IF(Input!$K$13=1,J997*Input!$J$13,0)+IF(Input!$K$14=1,K997*Input!$J$14,0)+IF(Input!$K$15=1,L997*Input!$J$15,0)+IF(Input!$K$16=1,M997*Input!$J$16,0)</f>
        <v>1.9289853909133781</v>
      </c>
      <c r="O997" s="58">
        <f>IF(Input!$K$13=2,J997*Input!$J$13,0)+IF(Input!$K$14=2,K997*Input!$J$14,0)+IF(Input!$K$15=2,L997*Input!$J$15,0)+IF(Input!$K$16=2,M997*Input!$J$16,0)</f>
        <v>5.4872840090296193E-2</v>
      </c>
      <c r="P997" s="58">
        <f>IF(Input!$K$13=3,J997*Input!$J$13,0)+IF(Input!$K$14=3,K997*Input!$J$14,0)+IF(Input!$K$15=3,L997*Input!$J$15,0)+IF(Input!$K$16=3,M997*Input!$J$16,0)</f>
        <v>0</v>
      </c>
      <c r="Q997" s="71">
        <f>IF(Input!$K$13=4,J997*Input!$J$13,0)+IF(Input!$K$14=4,K997*Input!$J$14,0)+IF(Input!$K$15=4,L997*Input!$J$15,0)+IF(Input!$K$16=4,M997*Input!$J$16,0)</f>
        <v>0</v>
      </c>
    </row>
    <row r="998" spans="8:17" x14ac:dyDescent="0.25">
      <c r="H998" s="43">
        <v>991</v>
      </c>
      <c r="I998" s="55">
        <f>Bühler!I1024</f>
        <v>5.8666921334398463</v>
      </c>
      <c r="J998" s="58">
        <f>Bühler!J1024</f>
        <v>16.124531250928356</v>
      </c>
      <c r="K998" s="58">
        <f>Bühler!K1024</f>
        <v>0.40646548215034217</v>
      </c>
      <c r="L998" s="58">
        <f>Bühler!L1024</f>
        <v>0.20323274107517109</v>
      </c>
      <c r="M998" s="57">
        <f>Bühler!M1024</f>
        <v>0</v>
      </c>
      <c r="N998" s="55">
        <f>IF(Input!$K$13=1,J998*Input!$J$13,0)+IF(Input!$K$14=1,K998*Input!$J$14,0)+IF(Input!$K$15=1,L998*Input!$J$15,0)+IF(Input!$K$16=1,M998*Input!$J$16,0)</f>
        <v>1.9349437501114026</v>
      </c>
      <c r="O998" s="58">
        <f>IF(Input!$K$13=2,J998*Input!$J$13,0)+IF(Input!$K$14=2,K998*Input!$J$14,0)+IF(Input!$K$15=2,L998*Input!$J$15,0)+IF(Input!$K$16=2,M998*Input!$J$16,0)</f>
        <v>5.4872840090296193E-2</v>
      </c>
      <c r="P998" s="58">
        <f>IF(Input!$K$13=3,J998*Input!$J$13,0)+IF(Input!$K$14=3,K998*Input!$J$14,0)+IF(Input!$K$15=3,L998*Input!$J$15,0)+IF(Input!$K$16=3,M998*Input!$J$16,0)</f>
        <v>0</v>
      </c>
      <c r="Q998" s="71">
        <f>IF(Input!$K$13=4,J998*Input!$J$13,0)+IF(Input!$K$14=4,K998*Input!$J$14,0)+IF(Input!$K$15=4,L998*Input!$J$15,0)+IF(Input!$K$16=4,M998*Input!$J$16,0)</f>
        <v>0</v>
      </c>
    </row>
    <row r="999" spans="8:17" x14ac:dyDescent="0.25">
      <c r="H999" s="43">
        <v>992</v>
      </c>
      <c r="I999" s="55">
        <f>Bühler!I1025</f>
        <v>6.6916957147048244</v>
      </c>
      <c r="J999" s="58">
        <f>Bühler!J1025</f>
        <v>16.158906400147728</v>
      </c>
      <c r="K999" s="58">
        <f>Bühler!K1025</f>
        <v>0.40646548215034217</v>
      </c>
      <c r="L999" s="58">
        <f>Bühler!L1025</f>
        <v>0.20323274107517109</v>
      </c>
      <c r="M999" s="57">
        <f>Bühler!M1025</f>
        <v>0</v>
      </c>
      <c r="N999" s="55">
        <f>IF(Input!$K$13=1,J999*Input!$J$13,0)+IF(Input!$K$14=1,K999*Input!$J$14,0)+IF(Input!$K$15=1,L999*Input!$J$15,0)+IF(Input!$K$16=1,M999*Input!$J$16,0)</f>
        <v>1.9390687680177274</v>
      </c>
      <c r="O999" s="58">
        <f>IF(Input!$K$13=2,J999*Input!$J$13,0)+IF(Input!$K$14=2,K999*Input!$J$14,0)+IF(Input!$K$15=2,L999*Input!$J$15,0)+IF(Input!$K$16=2,M999*Input!$J$16,0)</f>
        <v>5.4872840090296193E-2</v>
      </c>
      <c r="P999" s="58">
        <f>IF(Input!$K$13=3,J999*Input!$J$13,0)+IF(Input!$K$14=3,K999*Input!$J$14,0)+IF(Input!$K$15=3,L999*Input!$J$15,0)+IF(Input!$K$16=3,M999*Input!$J$16,0)</f>
        <v>0</v>
      </c>
      <c r="Q999" s="71">
        <f>IF(Input!$K$13=4,J999*Input!$J$13,0)+IF(Input!$K$14=4,K999*Input!$J$14,0)+IF(Input!$K$15=4,L999*Input!$J$15,0)+IF(Input!$K$16=4,M999*Input!$J$16,0)</f>
        <v>0</v>
      </c>
    </row>
    <row r="1000" spans="8:17" x14ac:dyDescent="0.25">
      <c r="H1000" s="43">
        <v>993</v>
      </c>
      <c r="I1000" s="55">
        <f>Bühler!I1026</f>
        <v>6.6916957147048244</v>
      </c>
      <c r="J1000" s="58">
        <f>Bühler!J1026</f>
        <v>16.158906400147728</v>
      </c>
      <c r="K1000" s="58">
        <f>Bühler!K1026</f>
        <v>0.40646548215034217</v>
      </c>
      <c r="L1000" s="58">
        <f>Bühler!L1026</f>
        <v>0.20323274107517109</v>
      </c>
      <c r="M1000" s="57">
        <f>Bühler!M1026</f>
        <v>0</v>
      </c>
      <c r="N1000" s="55">
        <f>IF(Input!$K$13=1,J1000*Input!$J$13,0)+IF(Input!$K$14=1,K1000*Input!$J$14,0)+IF(Input!$K$15=1,L1000*Input!$J$15,0)+IF(Input!$K$16=1,M1000*Input!$J$16,0)</f>
        <v>1.9390687680177274</v>
      </c>
      <c r="O1000" s="58">
        <f>IF(Input!$K$13=2,J1000*Input!$J$13,0)+IF(Input!$K$14=2,K1000*Input!$J$14,0)+IF(Input!$K$15=2,L1000*Input!$J$15,0)+IF(Input!$K$16=2,M1000*Input!$J$16,0)</f>
        <v>5.4872840090296193E-2</v>
      </c>
      <c r="P1000" s="58">
        <f>IF(Input!$K$13=3,J1000*Input!$J$13,0)+IF(Input!$K$14=3,K1000*Input!$J$14,0)+IF(Input!$K$15=3,L1000*Input!$J$15,0)+IF(Input!$K$16=3,M1000*Input!$J$16,0)</f>
        <v>0</v>
      </c>
      <c r="Q1000" s="71">
        <f>IF(Input!$K$13=4,J1000*Input!$J$13,0)+IF(Input!$K$14=4,K1000*Input!$J$14,0)+IF(Input!$K$15=4,L1000*Input!$J$15,0)+IF(Input!$K$16=4,M1000*Input!$J$16,0)</f>
        <v>0</v>
      </c>
    </row>
    <row r="1001" spans="8:17" x14ac:dyDescent="0.25">
      <c r="H1001" s="43">
        <v>994</v>
      </c>
      <c r="I1001" s="55">
        <f>Bühler!I1027</f>
        <v>6.6916957147048244</v>
      </c>
      <c r="J1001" s="58">
        <f>Bühler!J1027</f>
        <v>16.158906400147728</v>
      </c>
      <c r="K1001" s="58">
        <f>Bühler!K1027</f>
        <v>0.40646548215034217</v>
      </c>
      <c r="L1001" s="58">
        <f>Bühler!L1027</f>
        <v>0.20323274107517109</v>
      </c>
      <c r="M1001" s="57">
        <f>Bühler!M1027</f>
        <v>0</v>
      </c>
      <c r="N1001" s="55">
        <f>IF(Input!$K$13=1,J1001*Input!$J$13,0)+IF(Input!$K$14=1,K1001*Input!$J$14,0)+IF(Input!$K$15=1,L1001*Input!$J$15,0)+IF(Input!$K$16=1,M1001*Input!$J$16,0)</f>
        <v>1.9390687680177274</v>
      </c>
      <c r="O1001" s="58">
        <f>IF(Input!$K$13=2,J1001*Input!$J$13,0)+IF(Input!$K$14=2,K1001*Input!$J$14,0)+IF(Input!$K$15=2,L1001*Input!$J$15,0)+IF(Input!$K$16=2,M1001*Input!$J$16,0)</f>
        <v>5.4872840090296193E-2</v>
      </c>
      <c r="P1001" s="58">
        <f>IF(Input!$K$13=3,J1001*Input!$J$13,0)+IF(Input!$K$14=3,K1001*Input!$J$14,0)+IF(Input!$K$15=3,L1001*Input!$J$15,0)+IF(Input!$K$16=3,M1001*Input!$J$16,0)</f>
        <v>0</v>
      </c>
      <c r="Q1001" s="71">
        <f>IF(Input!$K$13=4,J1001*Input!$J$13,0)+IF(Input!$K$14=4,K1001*Input!$J$14,0)+IF(Input!$K$15=4,L1001*Input!$J$15,0)+IF(Input!$K$16=4,M1001*Input!$J$16,0)</f>
        <v>0</v>
      </c>
    </row>
    <row r="1002" spans="8:17" x14ac:dyDescent="0.25">
      <c r="H1002" s="43">
        <v>995</v>
      </c>
      <c r="I1002" s="55">
        <f>Bühler!I1028</f>
        <v>6.6916957147048244</v>
      </c>
      <c r="J1002" s="58">
        <f>Bühler!J1028</f>
        <v>16.158906400147728</v>
      </c>
      <c r="K1002" s="58">
        <f>Bühler!K1028</f>
        <v>0.40646548215034217</v>
      </c>
      <c r="L1002" s="58">
        <f>Bühler!L1028</f>
        <v>0.20323274107517109</v>
      </c>
      <c r="M1002" s="57">
        <f>Bühler!M1028</f>
        <v>0</v>
      </c>
      <c r="N1002" s="55">
        <f>IF(Input!$K$13=1,J1002*Input!$J$13,0)+IF(Input!$K$14=1,K1002*Input!$J$14,0)+IF(Input!$K$15=1,L1002*Input!$J$15,0)+IF(Input!$K$16=1,M1002*Input!$J$16,0)</f>
        <v>1.9390687680177274</v>
      </c>
      <c r="O1002" s="58">
        <f>IF(Input!$K$13=2,J1002*Input!$J$13,0)+IF(Input!$K$14=2,K1002*Input!$J$14,0)+IF(Input!$K$15=2,L1002*Input!$J$15,0)+IF(Input!$K$16=2,M1002*Input!$J$16,0)</f>
        <v>5.4872840090296193E-2</v>
      </c>
      <c r="P1002" s="58">
        <f>IF(Input!$K$13=3,J1002*Input!$J$13,0)+IF(Input!$K$14=3,K1002*Input!$J$14,0)+IF(Input!$K$15=3,L1002*Input!$J$15,0)+IF(Input!$K$16=3,M1002*Input!$J$16,0)</f>
        <v>0</v>
      </c>
      <c r="Q1002" s="71">
        <f>IF(Input!$K$13=4,J1002*Input!$J$13,0)+IF(Input!$K$14=4,K1002*Input!$J$14,0)+IF(Input!$K$15=4,L1002*Input!$J$15,0)+IF(Input!$K$16=4,M1002*Input!$J$16,0)</f>
        <v>0</v>
      </c>
    </row>
    <row r="1003" spans="8:17" x14ac:dyDescent="0.25">
      <c r="H1003" s="43">
        <v>996</v>
      </c>
      <c r="I1003" s="55">
        <f>Bühler!I1029</f>
        <v>6.6916957147048244</v>
      </c>
      <c r="J1003" s="58">
        <f>Bühler!J1029</f>
        <v>16.158906400147728</v>
      </c>
      <c r="K1003" s="58">
        <f>Bühler!K1029</f>
        <v>0.40646548215034217</v>
      </c>
      <c r="L1003" s="58">
        <f>Bühler!L1029</f>
        <v>0.20323274107517109</v>
      </c>
      <c r="M1003" s="57">
        <f>Bühler!M1029</f>
        <v>0</v>
      </c>
      <c r="N1003" s="55">
        <f>IF(Input!$K$13=1,J1003*Input!$J$13,0)+IF(Input!$K$14=1,K1003*Input!$J$14,0)+IF(Input!$K$15=1,L1003*Input!$J$15,0)+IF(Input!$K$16=1,M1003*Input!$J$16,0)</f>
        <v>1.9390687680177274</v>
      </c>
      <c r="O1003" s="58">
        <f>IF(Input!$K$13=2,J1003*Input!$J$13,0)+IF(Input!$K$14=2,K1003*Input!$J$14,0)+IF(Input!$K$15=2,L1003*Input!$J$15,0)+IF(Input!$K$16=2,M1003*Input!$J$16,0)</f>
        <v>5.4872840090296193E-2</v>
      </c>
      <c r="P1003" s="58">
        <f>IF(Input!$K$13=3,J1003*Input!$J$13,0)+IF(Input!$K$14=3,K1003*Input!$J$14,0)+IF(Input!$K$15=3,L1003*Input!$J$15,0)+IF(Input!$K$16=3,M1003*Input!$J$16,0)</f>
        <v>0</v>
      </c>
      <c r="Q1003" s="71">
        <f>IF(Input!$K$13=4,J1003*Input!$J$13,0)+IF(Input!$K$14=4,K1003*Input!$J$14,0)+IF(Input!$K$15=4,L1003*Input!$J$15,0)+IF(Input!$K$16=4,M1003*Input!$J$16,0)</f>
        <v>0</v>
      </c>
    </row>
    <row r="1004" spans="8:17" x14ac:dyDescent="0.25">
      <c r="H1004" s="43">
        <v>997</v>
      </c>
      <c r="I1004" s="55">
        <f>Bühler!I1030</f>
        <v>6.6916957147048244</v>
      </c>
      <c r="J1004" s="58">
        <f>Bühler!J1030</f>
        <v>16.158906400147728</v>
      </c>
      <c r="K1004" s="58">
        <f>Bühler!K1030</f>
        <v>0.40646548215034217</v>
      </c>
      <c r="L1004" s="58">
        <f>Bühler!L1030</f>
        <v>0.20323274107517109</v>
      </c>
      <c r="M1004" s="57">
        <f>Bühler!M1030</f>
        <v>0</v>
      </c>
      <c r="N1004" s="55">
        <f>IF(Input!$K$13=1,J1004*Input!$J$13,0)+IF(Input!$K$14=1,K1004*Input!$J$14,0)+IF(Input!$K$15=1,L1004*Input!$J$15,0)+IF(Input!$K$16=1,M1004*Input!$J$16,0)</f>
        <v>1.9390687680177274</v>
      </c>
      <c r="O1004" s="58">
        <f>IF(Input!$K$13=2,J1004*Input!$J$13,0)+IF(Input!$K$14=2,K1004*Input!$J$14,0)+IF(Input!$K$15=2,L1004*Input!$J$15,0)+IF(Input!$K$16=2,M1004*Input!$J$16,0)</f>
        <v>5.4872840090296193E-2</v>
      </c>
      <c r="P1004" s="58">
        <f>IF(Input!$K$13=3,J1004*Input!$J$13,0)+IF(Input!$K$14=3,K1004*Input!$J$14,0)+IF(Input!$K$15=3,L1004*Input!$J$15,0)+IF(Input!$K$16=3,M1004*Input!$J$16,0)</f>
        <v>0</v>
      </c>
      <c r="Q1004" s="71">
        <f>IF(Input!$K$13=4,J1004*Input!$J$13,0)+IF(Input!$K$14=4,K1004*Input!$J$14,0)+IF(Input!$K$15=4,L1004*Input!$J$15,0)+IF(Input!$K$16=4,M1004*Input!$J$16,0)</f>
        <v>0</v>
      </c>
    </row>
    <row r="1005" spans="8:17" x14ac:dyDescent="0.25">
      <c r="H1005" s="43">
        <v>998</v>
      </c>
      <c r="I1005" s="55">
        <f>Bühler!I1031</f>
        <v>6.6916957147048244</v>
      </c>
      <c r="J1005" s="58">
        <f>Bühler!J1031</f>
        <v>16.158906400147728</v>
      </c>
      <c r="K1005" s="58">
        <f>Bühler!K1031</f>
        <v>0.40646548215034217</v>
      </c>
      <c r="L1005" s="58">
        <f>Bühler!L1031</f>
        <v>0.20323274107517109</v>
      </c>
      <c r="M1005" s="57">
        <f>Bühler!M1031</f>
        <v>0</v>
      </c>
      <c r="N1005" s="55">
        <f>IF(Input!$K$13=1,J1005*Input!$J$13,0)+IF(Input!$K$14=1,K1005*Input!$J$14,0)+IF(Input!$K$15=1,L1005*Input!$J$15,0)+IF(Input!$K$16=1,M1005*Input!$J$16,0)</f>
        <v>1.9390687680177274</v>
      </c>
      <c r="O1005" s="58">
        <f>IF(Input!$K$13=2,J1005*Input!$J$13,0)+IF(Input!$K$14=2,K1005*Input!$J$14,0)+IF(Input!$K$15=2,L1005*Input!$J$15,0)+IF(Input!$K$16=2,M1005*Input!$J$16,0)</f>
        <v>5.4872840090296193E-2</v>
      </c>
      <c r="P1005" s="58">
        <f>IF(Input!$K$13=3,J1005*Input!$J$13,0)+IF(Input!$K$14=3,K1005*Input!$J$14,0)+IF(Input!$K$15=3,L1005*Input!$J$15,0)+IF(Input!$K$16=3,M1005*Input!$J$16,0)</f>
        <v>0</v>
      </c>
      <c r="Q1005" s="71">
        <f>IF(Input!$K$13=4,J1005*Input!$J$13,0)+IF(Input!$K$14=4,K1005*Input!$J$14,0)+IF(Input!$K$15=4,L1005*Input!$J$15,0)+IF(Input!$K$16=4,M1005*Input!$J$16,0)</f>
        <v>0</v>
      </c>
    </row>
    <row r="1006" spans="8:17" x14ac:dyDescent="0.25">
      <c r="H1006" s="43">
        <v>999</v>
      </c>
      <c r="I1006" s="55">
        <f>Bühler!I1032</f>
        <v>6.6916957147048244</v>
      </c>
      <c r="J1006" s="58">
        <f>Bühler!J1032</f>
        <v>16.158906400147728</v>
      </c>
      <c r="K1006" s="58">
        <f>Bühler!K1032</f>
        <v>0.40646548215034217</v>
      </c>
      <c r="L1006" s="58">
        <f>Bühler!L1032</f>
        <v>0.20323274107517109</v>
      </c>
      <c r="M1006" s="57">
        <f>Bühler!M1032</f>
        <v>0</v>
      </c>
      <c r="N1006" s="55">
        <f>IF(Input!$K$13=1,J1006*Input!$J$13,0)+IF(Input!$K$14=1,K1006*Input!$J$14,0)+IF(Input!$K$15=1,L1006*Input!$J$15,0)+IF(Input!$K$16=1,M1006*Input!$J$16,0)</f>
        <v>1.9390687680177274</v>
      </c>
      <c r="O1006" s="58">
        <f>IF(Input!$K$13=2,J1006*Input!$J$13,0)+IF(Input!$K$14=2,K1006*Input!$J$14,0)+IF(Input!$K$15=2,L1006*Input!$J$15,0)+IF(Input!$K$16=2,M1006*Input!$J$16,0)</f>
        <v>5.4872840090296193E-2</v>
      </c>
      <c r="P1006" s="58">
        <f>IF(Input!$K$13=3,J1006*Input!$J$13,0)+IF(Input!$K$14=3,K1006*Input!$J$14,0)+IF(Input!$K$15=3,L1006*Input!$J$15,0)+IF(Input!$K$16=3,M1006*Input!$J$16,0)</f>
        <v>0</v>
      </c>
      <c r="Q1006" s="71">
        <f>IF(Input!$K$13=4,J1006*Input!$J$13,0)+IF(Input!$K$14=4,K1006*Input!$J$14,0)+IF(Input!$K$15=4,L1006*Input!$J$15,0)+IF(Input!$K$16=4,M1006*Input!$J$16,0)</f>
        <v>0</v>
      </c>
    </row>
    <row r="1007" spans="8:17" x14ac:dyDescent="0.25">
      <c r="H1007" s="43">
        <v>1000</v>
      </c>
      <c r="I1007" s="55">
        <f>Bühler!I1033</f>
        <v>6.0500262626098404</v>
      </c>
      <c r="J1007" s="58">
        <f>Bühler!J1033</f>
        <v>16.132170172977105</v>
      </c>
      <c r="K1007" s="58">
        <f>Bühler!K1033</f>
        <v>0.40646548215034217</v>
      </c>
      <c r="L1007" s="58">
        <f>Bühler!L1033</f>
        <v>0.20323274107517109</v>
      </c>
      <c r="M1007" s="57">
        <f>Bühler!M1033</f>
        <v>0</v>
      </c>
      <c r="N1007" s="55">
        <f>IF(Input!$K$13=1,J1007*Input!$J$13,0)+IF(Input!$K$14=1,K1007*Input!$J$14,0)+IF(Input!$K$15=1,L1007*Input!$J$15,0)+IF(Input!$K$16=1,M1007*Input!$J$16,0)</f>
        <v>1.9358604207572525</v>
      </c>
      <c r="O1007" s="58">
        <f>IF(Input!$K$13=2,J1007*Input!$J$13,0)+IF(Input!$K$14=2,K1007*Input!$J$14,0)+IF(Input!$K$15=2,L1007*Input!$J$15,0)+IF(Input!$K$16=2,M1007*Input!$J$16,0)</f>
        <v>5.4872840090296193E-2</v>
      </c>
      <c r="P1007" s="58">
        <f>IF(Input!$K$13=3,J1007*Input!$J$13,0)+IF(Input!$K$14=3,K1007*Input!$J$14,0)+IF(Input!$K$15=3,L1007*Input!$J$15,0)+IF(Input!$K$16=3,M1007*Input!$J$16,0)</f>
        <v>0</v>
      </c>
      <c r="Q1007" s="71">
        <f>IF(Input!$K$13=4,J1007*Input!$J$13,0)+IF(Input!$K$14=4,K1007*Input!$J$14,0)+IF(Input!$K$15=4,L1007*Input!$J$15,0)+IF(Input!$K$16=4,M1007*Input!$J$16,0)</f>
        <v>0</v>
      </c>
    </row>
    <row r="1008" spans="8:17" x14ac:dyDescent="0.25">
      <c r="H1008" s="43">
        <v>1001</v>
      </c>
      <c r="I1008" s="55">
        <f>Bühler!I1034</f>
        <v>5.5000238750998562</v>
      </c>
      <c r="J1008" s="58">
        <f>Bühler!J1034</f>
        <v>16.109253406830856</v>
      </c>
      <c r="K1008" s="58">
        <f>Bühler!K1034</f>
        <v>0.40646548215034217</v>
      </c>
      <c r="L1008" s="58">
        <f>Bühler!L1034</f>
        <v>0.20323274107517109</v>
      </c>
      <c r="M1008" s="57">
        <f>Bühler!M1034</f>
        <v>0</v>
      </c>
      <c r="N1008" s="55">
        <f>IF(Input!$K$13=1,J1008*Input!$J$13,0)+IF(Input!$K$14=1,K1008*Input!$J$14,0)+IF(Input!$K$15=1,L1008*Input!$J$15,0)+IF(Input!$K$16=1,M1008*Input!$J$16,0)</f>
        <v>1.9331104088197026</v>
      </c>
      <c r="O1008" s="58">
        <f>IF(Input!$K$13=2,J1008*Input!$J$13,0)+IF(Input!$K$14=2,K1008*Input!$J$14,0)+IF(Input!$K$15=2,L1008*Input!$J$15,0)+IF(Input!$K$16=2,M1008*Input!$J$16,0)</f>
        <v>5.4872840090296193E-2</v>
      </c>
      <c r="P1008" s="58">
        <f>IF(Input!$K$13=3,J1008*Input!$J$13,0)+IF(Input!$K$14=3,K1008*Input!$J$14,0)+IF(Input!$K$15=3,L1008*Input!$J$15,0)+IF(Input!$K$16=3,M1008*Input!$J$16,0)</f>
        <v>0</v>
      </c>
      <c r="Q1008" s="71">
        <f>IF(Input!$K$13=4,J1008*Input!$J$13,0)+IF(Input!$K$14=4,K1008*Input!$J$14,0)+IF(Input!$K$15=4,L1008*Input!$J$15,0)+IF(Input!$K$16=4,M1008*Input!$J$16,0)</f>
        <v>0</v>
      </c>
    </row>
    <row r="1009" spans="8:17" x14ac:dyDescent="0.25">
      <c r="H1009" s="43">
        <v>1002</v>
      </c>
      <c r="I1009" s="55">
        <f>Bühler!I1035</f>
        <v>4.9500214875898703</v>
      </c>
      <c r="J1009" s="58">
        <f>Bühler!J1035</f>
        <v>16.086336640684607</v>
      </c>
      <c r="K1009" s="58">
        <f>Bühler!K1035</f>
        <v>0.40646548215034217</v>
      </c>
      <c r="L1009" s="58">
        <f>Bühler!L1035</f>
        <v>0.20323274107517109</v>
      </c>
      <c r="M1009" s="57">
        <f>Bühler!M1035</f>
        <v>0</v>
      </c>
      <c r="N1009" s="55">
        <f>IF(Input!$K$13=1,J1009*Input!$J$13,0)+IF(Input!$K$14=1,K1009*Input!$J$14,0)+IF(Input!$K$15=1,L1009*Input!$J$15,0)+IF(Input!$K$16=1,M1009*Input!$J$16,0)</f>
        <v>1.9303603968821528</v>
      </c>
      <c r="O1009" s="58">
        <f>IF(Input!$K$13=2,J1009*Input!$J$13,0)+IF(Input!$K$14=2,K1009*Input!$J$14,0)+IF(Input!$K$15=2,L1009*Input!$J$15,0)+IF(Input!$K$16=2,M1009*Input!$J$16,0)</f>
        <v>5.4872840090296193E-2</v>
      </c>
      <c r="P1009" s="58">
        <f>IF(Input!$K$13=3,J1009*Input!$J$13,0)+IF(Input!$K$14=3,K1009*Input!$J$14,0)+IF(Input!$K$15=3,L1009*Input!$J$15,0)+IF(Input!$K$16=3,M1009*Input!$J$16,0)</f>
        <v>0</v>
      </c>
      <c r="Q1009" s="71">
        <f>IF(Input!$K$13=4,J1009*Input!$J$13,0)+IF(Input!$K$14=4,K1009*Input!$J$14,0)+IF(Input!$K$15=4,L1009*Input!$J$15,0)+IF(Input!$K$16=4,M1009*Input!$J$16,0)</f>
        <v>0</v>
      </c>
    </row>
    <row r="1010" spans="8:17" x14ac:dyDescent="0.25">
      <c r="H1010" s="43">
        <v>1003</v>
      </c>
      <c r="I1010" s="55">
        <f>Bühler!I1036</f>
        <v>4.7666873584198743</v>
      </c>
      <c r="J1010" s="58">
        <f>Bühler!J1036</f>
        <v>16.078697718635858</v>
      </c>
      <c r="K1010" s="58">
        <f>Bühler!K1036</f>
        <v>0.40646548215034217</v>
      </c>
      <c r="L1010" s="58">
        <f>Bühler!L1036</f>
        <v>0.20323274107517109</v>
      </c>
      <c r="M1010" s="57">
        <f>Bühler!M1036</f>
        <v>0</v>
      </c>
      <c r="N1010" s="55">
        <f>IF(Input!$K$13=1,J1010*Input!$J$13,0)+IF(Input!$K$14=1,K1010*Input!$J$14,0)+IF(Input!$K$15=1,L1010*Input!$J$15,0)+IF(Input!$K$16=1,M1010*Input!$J$16,0)</f>
        <v>1.9294437262363029</v>
      </c>
      <c r="O1010" s="58">
        <f>IF(Input!$K$13=2,J1010*Input!$J$13,0)+IF(Input!$K$14=2,K1010*Input!$J$14,0)+IF(Input!$K$15=2,L1010*Input!$J$15,0)+IF(Input!$K$16=2,M1010*Input!$J$16,0)</f>
        <v>5.4872840090296193E-2</v>
      </c>
      <c r="P1010" s="58">
        <f>IF(Input!$K$13=3,J1010*Input!$J$13,0)+IF(Input!$K$14=3,K1010*Input!$J$14,0)+IF(Input!$K$15=3,L1010*Input!$J$15,0)+IF(Input!$K$16=3,M1010*Input!$J$16,0)</f>
        <v>0</v>
      </c>
      <c r="Q1010" s="71">
        <f>IF(Input!$K$13=4,J1010*Input!$J$13,0)+IF(Input!$K$14=4,K1010*Input!$J$14,0)+IF(Input!$K$15=4,L1010*Input!$J$15,0)+IF(Input!$K$16=4,M1010*Input!$J$16,0)</f>
        <v>0</v>
      </c>
    </row>
    <row r="1011" spans="8:17" x14ac:dyDescent="0.25">
      <c r="H1011" s="43">
        <v>1004</v>
      </c>
      <c r="I1011" s="55">
        <f>Bühler!I1037</f>
        <v>3.8500167125698987</v>
      </c>
      <c r="J1011" s="58">
        <f>Bühler!J1037</f>
        <v>16.040503108392109</v>
      </c>
      <c r="K1011" s="58">
        <f>Bühler!K1037</f>
        <v>0.40646548215034217</v>
      </c>
      <c r="L1011" s="58">
        <f>Bühler!L1037</f>
        <v>0.20323274107517109</v>
      </c>
      <c r="M1011" s="57">
        <f>Bühler!M1037</f>
        <v>0</v>
      </c>
      <c r="N1011" s="55">
        <f>IF(Input!$K$13=1,J1011*Input!$J$13,0)+IF(Input!$K$14=1,K1011*Input!$J$14,0)+IF(Input!$K$15=1,L1011*Input!$J$15,0)+IF(Input!$K$16=1,M1011*Input!$J$16,0)</f>
        <v>1.924860373007053</v>
      </c>
      <c r="O1011" s="58">
        <f>IF(Input!$K$13=2,J1011*Input!$J$13,0)+IF(Input!$K$14=2,K1011*Input!$J$14,0)+IF(Input!$K$15=2,L1011*Input!$J$15,0)+IF(Input!$K$16=2,M1011*Input!$J$16,0)</f>
        <v>5.4872840090296193E-2</v>
      </c>
      <c r="P1011" s="58">
        <f>IF(Input!$K$13=3,J1011*Input!$J$13,0)+IF(Input!$K$14=3,K1011*Input!$J$14,0)+IF(Input!$K$15=3,L1011*Input!$J$15,0)+IF(Input!$K$16=3,M1011*Input!$J$16,0)</f>
        <v>0</v>
      </c>
      <c r="Q1011" s="71">
        <f>IF(Input!$K$13=4,J1011*Input!$J$13,0)+IF(Input!$K$14=4,K1011*Input!$J$14,0)+IF(Input!$K$15=4,L1011*Input!$J$15,0)+IF(Input!$K$16=4,M1011*Input!$J$16,0)</f>
        <v>0</v>
      </c>
    </row>
    <row r="1012" spans="8:17" x14ac:dyDescent="0.25">
      <c r="H1012" s="43">
        <v>1005</v>
      </c>
      <c r="I1012" s="55">
        <f>Bühler!I1038</f>
        <v>2.8416790021349252</v>
      </c>
      <c r="J1012" s="58">
        <f>Bühler!J1038</f>
        <v>15.998489037123985</v>
      </c>
      <c r="K1012" s="58">
        <f>Bühler!K1038</f>
        <v>0.40646548215034217</v>
      </c>
      <c r="L1012" s="58">
        <f>Bühler!L1038</f>
        <v>0.20323274107517109</v>
      </c>
      <c r="M1012" s="57">
        <f>Bühler!M1038</f>
        <v>0</v>
      </c>
      <c r="N1012" s="55">
        <f>IF(Input!$K$13=1,J1012*Input!$J$13,0)+IF(Input!$K$14=1,K1012*Input!$J$14,0)+IF(Input!$K$15=1,L1012*Input!$J$15,0)+IF(Input!$K$16=1,M1012*Input!$J$16,0)</f>
        <v>1.9198186844548781</v>
      </c>
      <c r="O1012" s="58">
        <f>IF(Input!$K$13=2,J1012*Input!$J$13,0)+IF(Input!$K$14=2,K1012*Input!$J$14,0)+IF(Input!$K$15=2,L1012*Input!$J$15,0)+IF(Input!$K$16=2,M1012*Input!$J$16,0)</f>
        <v>5.4872840090296193E-2</v>
      </c>
      <c r="P1012" s="58">
        <f>IF(Input!$K$13=3,J1012*Input!$J$13,0)+IF(Input!$K$14=3,K1012*Input!$J$14,0)+IF(Input!$K$15=3,L1012*Input!$J$15,0)+IF(Input!$K$16=3,M1012*Input!$J$16,0)</f>
        <v>0</v>
      </c>
      <c r="Q1012" s="71">
        <f>IF(Input!$K$13=4,J1012*Input!$J$13,0)+IF(Input!$K$14=4,K1012*Input!$J$14,0)+IF(Input!$K$15=4,L1012*Input!$J$15,0)+IF(Input!$K$16=4,M1012*Input!$J$16,0)</f>
        <v>0</v>
      </c>
    </row>
    <row r="1013" spans="8:17" x14ac:dyDescent="0.25">
      <c r="H1013" s="43">
        <v>1006</v>
      </c>
      <c r="I1013" s="55">
        <f>Bühler!I1039</f>
        <v>2.8416790021349252</v>
      </c>
      <c r="J1013" s="58">
        <f>Bühler!J1039</f>
        <v>15.998489037123985</v>
      </c>
      <c r="K1013" s="58">
        <f>Bühler!K1039</f>
        <v>0.40646548215034217</v>
      </c>
      <c r="L1013" s="58">
        <f>Bühler!L1039</f>
        <v>0.20323274107517109</v>
      </c>
      <c r="M1013" s="57">
        <f>Bühler!M1039</f>
        <v>0</v>
      </c>
      <c r="N1013" s="55">
        <f>IF(Input!$K$13=1,J1013*Input!$J$13,0)+IF(Input!$K$14=1,K1013*Input!$J$14,0)+IF(Input!$K$15=1,L1013*Input!$J$15,0)+IF(Input!$K$16=1,M1013*Input!$J$16,0)</f>
        <v>1.9198186844548781</v>
      </c>
      <c r="O1013" s="58">
        <f>IF(Input!$K$13=2,J1013*Input!$J$13,0)+IF(Input!$K$14=2,K1013*Input!$J$14,0)+IF(Input!$K$15=2,L1013*Input!$J$15,0)+IF(Input!$K$16=2,M1013*Input!$J$16,0)</f>
        <v>5.4872840090296193E-2</v>
      </c>
      <c r="P1013" s="58">
        <f>IF(Input!$K$13=3,J1013*Input!$J$13,0)+IF(Input!$K$14=3,K1013*Input!$J$14,0)+IF(Input!$K$15=3,L1013*Input!$J$15,0)+IF(Input!$K$16=3,M1013*Input!$J$16,0)</f>
        <v>0</v>
      </c>
      <c r="Q1013" s="71">
        <f>IF(Input!$K$13=4,J1013*Input!$J$13,0)+IF(Input!$K$14=4,K1013*Input!$J$14,0)+IF(Input!$K$15=4,L1013*Input!$J$15,0)+IF(Input!$K$16=4,M1013*Input!$J$16,0)</f>
        <v>0</v>
      </c>
    </row>
    <row r="1014" spans="8:17" x14ac:dyDescent="0.25">
      <c r="H1014" s="43">
        <v>1007</v>
      </c>
      <c r="I1014" s="55">
        <f>Bühler!I1040</f>
        <v>2.8416790021349252</v>
      </c>
      <c r="J1014" s="58">
        <f>Bühler!J1040</f>
        <v>15.998489037123985</v>
      </c>
      <c r="K1014" s="58">
        <f>Bühler!K1040</f>
        <v>0.40646548215034217</v>
      </c>
      <c r="L1014" s="58">
        <f>Bühler!L1040</f>
        <v>0.20323274107517109</v>
      </c>
      <c r="M1014" s="57">
        <f>Bühler!M1040</f>
        <v>0</v>
      </c>
      <c r="N1014" s="55">
        <f>IF(Input!$K$13=1,J1014*Input!$J$13,0)+IF(Input!$K$14=1,K1014*Input!$J$14,0)+IF(Input!$K$15=1,L1014*Input!$J$15,0)+IF(Input!$K$16=1,M1014*Input!$J$16,0)</f>
        <v>1.9198186844548781</v>
      </c>
      <c r="O1014" s="58">
        <f>IF(Input!$K$13=2,J1014*Input!$J$13,0)+IF(Input!$K$14=2,K1014*Input!$J$14,0)+IF(Input!$K$15=2,L1014*Input!$J$15,0)+IF(Input!$K$16=2,M1014*Input!$J$16,0)</f>
        <v>5.4872840090296193E-2</v>
      </c>
      <c r="P1014" s="58">
        <f>IF(Input!$K$13=3,J1014*Input!$J$13,0)+IF(Input!$K$14=3,K1014*Input!$J$14,0)+IF(Input!$K$15=3,L1014*Input!$J$15,0)+IF(Input!$K$16=3,M1014*Input!$J$16,0)</f>
        <v>0</v>
      </c>
      <c r="Q1014" s="71">
        <f>IF(Input!$K$13=4,J1014*Input!$J$13,0)+IF(Input!$K$14=4,K1014*Input!$J$14,0)+IF(Input!$K$15=4,L1014*Input!$J$15,0)+IF(Input!$K$16=4,M1014*Input!$J$16,0)</f>
        <v>0</v>
      </c>
    </row>
    <row r="1015" spans="8:17" x14ac:dyDescent="0.25">
      <c r="H1015" s="43">
        <v>1008</v>
      </c>
      <c r="I1015" s="55">
        <f>Bühler!I1041</f>
        <v>2.8416790021349252</v>
      </c>
      <c r="J1015" s="58">
        <f>Bühler!J1041</f>
        <v>15.998489037123985</v>
      </c>
      <c r="K1015" s="58">
        <f>Bühler!K1041</f>
        <v>0.40646548215034217</v>
      </c>
      <c r="L1015" s="58">
        <f>Bühler!L1041</f>
        <v>0.20323274107517109</v>
      </c>
      <c r="M1015" s="57">
        <f>Bühler!M1041</f>
        <v>0</v>
      </c>
      <c r="N1015" s="55">
        <f>IF(Input!$K$13=1,J1015*Input!$J$13,0)+IF(Input!$K$14=1,K1015*Input!$J$14,0)+IF(Input!$K$15=1,L1015*Input!$J$15,0)+IF(Input!$K$16=1,M1015*Input!$J$16,0)</f>
        <v>1.9198186844548781</v>
      </c>
      <c r="O1015" s="58">
        <f>IF(Input!$K$13=2,J1015*Input!$J$13,0)+IF(Input!$K$14=2,K1015*Input!$J$14,0)+IF(Input!$K$15=2,L1015*Input!$J$15,0)+IF(Input!$K$16=2,M1015*Input!$J$16,0)</f>
        <v>5.4872840090296193E-2</v>
      </c>
      <c r="P1015" s="58">
        <f>IF(Input!$K$13=3,J1015*Input!$J$13,0)+IF(Input!$K$14=3,K1015*Input!$J$14,0)+IF(Input!$K$15=3,L1015*Input!$J$15,0)+IF(Input!$K$16=3,M1015*Input!$J$16,0)</f>
        <v>0</v>
      </c>
      <c r="Q1015" s="71">
        <f>IF(Input!$K$13=4,J1015*Input!$J$13,0)+IF(Input!$K$14=4,K1015*Input!$J$14,0)+IF(Input!$K$15=4,L1015*Input!$J$15,0)+IF(Input!$K$16=4,M1015*Input!$J$16,0)</f>
        <v>0</v>
      </c>
    </row>
    <row r="1016" spans="8:17" x14ac:dyDescent="0.25">
      <c r="H1016" s="43">
        <v>1009</v>
      </c>
      <c r="I1016" s="55">
        <f>Bühler!I1042</f>
        <v>2.3781972886959482</v>
      </c>
      <c r="J1016" s="58">
        <f>Bühler!J1042</f>
        <v>13.07089345761762</v>
      </c>
      <c r="K1016" s="58">
        <f>Bühler!K1042</f>
        <v>0.36094360249366148</v>
      </c>
      <c r="L1016" s="58">
        <f>Bühler!L1042</f>
        <v>0.18047180124683074</v>
      </c>
      <c r="M1016" s="57">
        <f>Bühler!M1042</f>
        <v>0</v>
      </c>
      <c r="N1016" s="55">
        <f>IF(Input!$K$13=1,J1016*Input!$J$13,0)+IF(Input!$K$14=1,K1016*Input!$J$14,0)+IF(Input!$K$15=1,L1016*Input!$J$15,0)+IF(Input!$K$16=1,M1016*Input!$J$16,0)</f>
        <v>1.5685072149141144</v>
      </c>
      <c r="O1016" s="58">
        <f>IF(Input!$K$13=2,J1016*Input!$J$13,0)+IF(Input!$K$14=2,K1016*Input!$J$14,0)+IF(Input!$K$15=2,L1016*Input!$J$15,0)+IF(Input!$K$16=2,M1016*Input!$J$16,0)</f>
        <v>4.8727386336644293E-2</v>
      </c>
      <c r="P1016" s="58">
        <f>IF(Input!$K$13=3,J1016*Input!$J$13,0)+IF(Input!$K$14=3,K1016*Input!$J$14,0)+IF(Input!$K$15=3,L1016*Input!$J$15,0)+IF(Input!$K$16=3,M1016*Input!$J$16,0)</f>
        <v>0</v>
      </c>
      <c r="Q1016" s="71">
        <f>IF(Input!$K$13=4,J1016*Input!$J$13,0)+IF(Input!$K$14=4,K1016*Input!$J$14,0)+IF(Input!$K$15=4,L1016*Input!$J$15,0)+IF(Input!$K$16=4,M1016*Input!$J$16,0)</f>
        <v>0</v>
      </c>
    </row>
    <row r="1017" spans="8:17" x14ac:dyDescent="0.25">
      <c r="H1017" s="43">
        <v>1010</v>
      </c>
      <c r="I1017" s="55">
        <f>Bühler!I1043</f>
        <v>2.7617774965501334</v>
      </c>
      <c r="J1017" s="58">
        <f>Bühler!J1043</f>
        <v>13.08687596627821</v>
      </c>
      <c r="K1017" s="58">
        <f>Bühler!K1043</f>
        <v>0.36094360249366148</v>
      </c>
      <c r="L1017" s="58">
        <f>Bühler!L1043</f>
        <v>0.18047180124683074</v>
      </c>
      <c r="M1017" s="57">
        <f>Bühler!M1043</f>
        <v>0</v>
      </c>
      <c r="N1017" s="55">
        <f>IF(Input!$K$13=1,J1017*Input!$J$13,0)+IF(Input!$K$14=1,K1017*Input!$J$14,0)+IF(Input!$K$15=1,L1017*Input!$J$15,0)+IF(Input!$K$16=1,M1017*Input!$J$16,0)</f>
        <v>1.5704251159533851</v>
      </c>
      <c r="O1017" s="58">
        <f>IF(Input!$K$13=2,J1017*Input!$J$13,0)+IF(Input!$K$14=2,K1017*Input!$J$14,0)+IF(Input!$K$15=2,L1017*Input!$J$15,0)+IF(Input!$K$16=2,M1017*Input!$J$16,0)</f>
        <v>4.8727386336644293E-2</v>
      </c>
      <c r="P1017" s="58">
        <f>IF(Input!$K$13=3,J1017*Input!$J$13,0)+IF(Input!$K$14=3,K1017*Input!$J$14,0)+IF(Input!$K$15=3,L1017*Input!$J$15,0)+IF(Input!$K$16=3,M1017*Input!$J$16,0)</f>
        <v>0</v>
      </c>
      <c r="Q1017" s="71">
        <f>IF(Input!$K$13=4,J1017*Input!$J$13,0)+IF(Input!$K$14=4,K1017*Input!$J$14,0)+IF(Input!$K$15=4,L1017*Input!$J$15,0)+IF(Input!$K$16=4,M1017*Input!$J$16,0)</f>
        <v>0</v>
      </c>
    </row>
    <row r="1018" spans="8:17" x14ac:dyDescent="0.25">
      <c r="H1018" s="43">
        <v>1011</v>
      </c>
      <c r="I1018" s="55">
        <f>Bühler!I1044</f>
        <v>2.7617774965501334</v>
      </c>
      <c r="J1018" s="58">
        <f>Bühler!J1044</f>
        <v>13.08687596627821</v>
      </c>
      <c r="K1018" s="58">
        <f>Bühler!K1044</f>
        <v>0.36094360249366148</v>
      </c>
      <c r="L1018" s="58">
        <f>Bühler!L1044</f>
        <v>0.18047180124683074</v>
      </c>
      <c r="M1018" s="57">
        <f>Bühler!M1044</f>
        <v>0</v>
      </c>
      <c r="N1018" s="55">
        <f>IF(Input!$K$13=1,J1018*Input!$J$13,0)+IF(Input!$K$14=1,K1018*Input!$J$14,0)+IF(Input!$K$15=1,L1018*Input!$J$15,0)+IF(Input!$K$16=1,M1018*Input!$J$16,0)</f>
        <v>1.5704251159533851</v>
      </c>
      <c r="O1018" s="58">
        <f>IF(Input!$K$13=2,J1018*Input!$J$13,0)+IF(Input!$K$14=2,K1018*Input!$J$14,0)+IF(Input!$K$15=2,L1018*Input!$J$15,0)+IF(Input!$K$16=2,M1018*Input!$J$16,0)</f>
        <v>4.8727386336644293E-2</v>
      </c>
      <c r="P1018" s="58">
        <f>IF(Input!$K$13=3,J1018*Input!$J$13,0)+IF(Input!$K$14=3,K1018*Input!$J$14,0)+IF(Input!$K$15=3,L1018*Input!$J$15,0)+IF(Input!$K$16=3,M1018*Input!$J$16,0)</f>
        <v>0</v>
      </c>
      <c r="Q1018" s="71">
        <f>IF(Input!$K$13=4,J1018*Input!$J$13,0)+IF(Input!$K$14=4,K1018*Input!$J$14,0)+IF(Input!$K$15=4,L1018*Input!$J$15,0)+IF(Input!$K$16=4,M1018*Input!$J$16,0)</f>
        <v>0</v>
      </c>
    </row>
    <row r="1019" spans="8:17" x14ac:dyDescent="0.25">
      <c r="H1019" s="43">
        <v>1012</v>
      </c>
      <c r="I1019" s="55">
        <f>Bühler!I1045</f>
        <v>2.7617774965501334</v>
      </c>
      <c r="J1019" s="58">
        <f>Bühler!J1045</f>
        <v>13.08687596627821</v>
      </c>
      <c r="K1019" s="58">
        <f>Bühler!K1045</f>
        <v>0.36094360249366148</v>
      </c>
      <c r="L1019" s="58">
        <f>Bühler!L1045</f>
        <v>0.18047180124683074</v>
      </c>
      <c r="M1019" s="57">
        <f>Bühler!M1045</f>
        <v>0</v>
      </c>
      <c r="N1019" s="55">
        <f>IF(Input!$K$13=1,J1019*Input!$J$13,0)+IF(Input!$K$14=1,K1019*Input!$J$14,0)+IF(Input!$K$15=1,L1019*Input!$J$15,0)+IF(Input!$K$16=1,M1019*Input!$J$16,0)</f>
        <v>1.5704251159533851</v>
      </c>
      <c r="O1019" s="58">
        <f>IF(Input!$K$13=2,J1019*Input!$J$13,0)+IF(Input!$K$14=2,K1019*Input!$J$14,0)+IF(Input!$K$15=2,L1019*Input!$J$15,0)+IF(Input!$K$16=2,M1019*Input!$J$16,0)</f>
        <v>4.8727386336644293E-2</v>
      </c>
      <c r="P1019" s="58">
        <f>IF(Input!$K$13=3,J1019*Input!$J$13,0)+IF(Input!$K$14=3,K1019*Input!$J$14,0)+IF(Input!$K$15=3,L1019*Input!$J$15,0)+IF(Input!$K$16=3,M1019*Input!$J$16,0)</f>
        <v>0</v>
      </c>
      <c r="Q1019" s="71">
        <f>IF(Input!$K$13=4,J1019*Input!$J$13,0)+IF(Input!$K$14=4,K1019*Input!$J$14,0)+IF(Input!$K$15=4,L1019*Input!$J$15,0)+IF(Input!$K$16=4,M1019*Input!$J$16,0)</f>
        <v>0</v>
      </c>
    </row>
    <row r="1020" spans="8:17" x14ac:dyDescent="0.25">
      <c r="H1020" s="43">
        <v>1013</v>
      </c>
      <c r="I1020" s="55">
        <f>Bühler!I1046</f>
        <v>2.7617774965501334</v>
      </c>
      <c r="J1020" s="58">
        <f>Bühler!J1046</f>
        <v>13.08687596627821</v>
      </c>
      <c r="K1020" s="58">
        <f>Bühler!K1046</f>
        <v>0.36094360249366148</v>
      </c>
      <c r="L1020" s="58">
        <f>Bühler!L1046</f>
        <v>0.18047180124683074</v>
      </c>
      <c r="M1020" s="57">
        <f>Bühler!M1046</f>
        <v>0</v>
      </c>
      <c r="N1020" s="55">
        <f>IF(Input!$K$13=1,J1020*Input!$J$13,0)+IF(Input!$K$14=1,K1020*Input!$J$14,0)+IF(Input!$K$15=1,L1020*Input!$J$15,0)+IF(Input!$K$16=1,M1020*Input!$J$16,0)</f>
        <v>1.5704251159533851</v>
      </c>
      <c r="O1020" s="58">
        <f>IF(Input!$K$13=2,J1020*Input!$J$13,0)+IF(Input!$K$14=2,K1020*Input!$J$14,0)+IF(Input!$K$15=2,L1020*Input!$J$15,0)+IF(Input!$K$16=2,M1020*Input!$J$16,0)</f>
        <v>4.8727386336644293E-2</v>
      </c>
      <c r="P1020" s="58">
        <f>IF(Input!$K$13=3,J1020*Input!$J$13,0)+IF(Input!$K$14=3,K1020*Input!$J$14,0)+IF(Input!$K$15=3,L1020*Input!$J$15,0)+IF(Input!$K$16=3,M1020*Input!$J$16,0)</f>
        <v>0</v>
      </c>
      <c r="Q1020" s="71">
        <f>IF(Input!$K$13=4,J1020*Input!$J$13,0)+IF(Input!$K$14=4,K1020*Input!$J$14,0)+IF(Input!$K$15=4,L1020*Input!$J$15,0)+IF(Input!$K$16=4,M1020*Input!$J$16,0)</f>
        <v>0</v>
      </c>
    </row>
    <row r="1021" spans="8:17" x14ac:dyDescent="0.25">
      <c r="H1021" s="43">
        <v>1014</v>
      </c>
      <c r="I1021" s="55">
        <f>Bühler!I1047</f>
        <v>3.4522218706876662</v>
      </c>
      <c r="J1021" s="58">
        <f>Bühler!J1047</f>
        <v>13.115644481867275</v>
      </c>
      <c r="K1021" s="58">
        <f>Bühler!K1047</f>
        <v>0.36094360249366148</v>
      </c>
      <c r="L1021" s="58">
        <f>Bühler!L1047</f>
        <v>0.18047180124683074</v>
      </c>
      <c r="M1021" s="57">
        <f>Bühler!M1047</f>
        <v>0</v>
      </c>
      <c r="N1021" s="55">
        <f>IF(Input!$K$13=1,J1021*Input!$J$13,0)+IF(Input!$K$14=1,K1021*Input!$J$14,0)+IF(Input!$K$15=1,L1021*Input!$J$15,0)+IF(Input!$K$16=1,M1021*Input!$J$16,0)</f>
        <v>1.5738773378240729</v>
      </c>
      <c r="O1021" s="58">
        <f>IF(Input!$K$13=2,J1021*Input!$J$13,0)+IF(Input!$K$14=2,K1021*Input!$J$14,0)+IF(Input!$K$15=2,L1021*Input!$J$15,0)+IF(Input!$K$16=2,M1021*Input!$J$16,0)</f>
        <v>4.8727386336644293E-2</v>
      </c>
      <c r="P1021" s="58">
        <f>IF(Input!$K$13=3,J1021*Input!$J$13,0)+IF(Input!$K$14=3,K1021*Input!$J$14,0)+IF(Input!$K$15=3,L1021*Input!$J$15,0)+IF(Input!$K$16=3,M1021*Input!$J$16,0)</f>
        <v>0</v>
      </c>
      <c r="Q1021" s="71">
        <f>IF(Input!$K$13=4,J1021*Input!$J$13,0)+IF(Input!$K$14=4,K1021*Input!$J$14,0)+IF(Input!$K$15=4,L1021*Input!$J$15,0)+IF(Input!$K$16=4,M1021*Input!$J$16,0)</f>
        <v>0</v>
      </c>
    </row>
    <row r="1022" spans="8:17" x14ac:dyDescent="0.25">
      <c r="H1022" s="43">
        <v>1015</v>
      </c>
      <c r="I1022" s="55">
        <f>Bühler!I1048</f>
        <v>4.0659502032543635</v>
      </c>
      <c r="J1022" s="58">
        <f>Bühler!J1048</f>
        <v>13.141216495724219</v>
      </c>
      <c r="K1022" s="58">
        <f>Bühler!K1048</f>
        <v>0.36094360249366148</v>
      </c>
      <c r="L1022" s="58">
        <f>Bühler!L1048</f>
        <v>0.18047180124683074</v>
      </c>
      <c r="M1022" s="57">
        <f>Bühler!M1048</f>
        <v>0</v>
      </c>
      <c r="N1022" s="55">
        <f>IF(Input!$K$13=1,J1022*Input!$J$13,0)+IF(Input!$K$14=1,K1022*Input!$J$14,0)+IF(Input!$K$15=1,L1022*Input!$J$15,0)+IF(Input!$K$16=1,M1022*Input!$J$16,0)</f>
        <v>1.5769459794869063</v>
      </c>
      <c r="O1022" s="58">
        <f>IF(Input!$K$13=2,J1022*Input!$J$13,0)+IF(Input!$K$14=2,K1022*Input!$J$14,0)+IF(Input!$K$15=2,L1022*Input!$J$15,0)+IF(Input!$K$16=2,M1022*Input!$J$16,0)</f>
        <v>4.8727386336644293E-2</v>
      </c>
      <c r="P1022" s="58">
        <f>IF(Input!$K$13=3,J1022*Input!$J$13,0)+IF(Input!$K$14=3,K1022*Input!$J$14,0)+IF(Input!$K$15=3,L1022*Input!$J$15,0)+IF(Input!$K$16=3,M1022*Input!$J$16,0)</f>
        <v>0</v>
      </c>
      <c r="Q1022" s="71">
        <f>IF(Input!$K$13=4,J1022*Input!$J$13,0)+IF(Input!$K$14=4,K1022*Input!$J$14,0)+IF(Input!$K$15=4,L1022*Input!$J$15,0)+IF(Input!$K$16=4,M1022*Input!$J$16,0)</f>
        <v>0</v>
      </c>
    </row>
    <row r="1023" spans="8:17" x14ac:dyDescent="0.25">
      <c r="H1023" s="43">
        <v>1016</v>
      </c>
      <c r="I1023" s="55">
        <f>Bühler!I1049</f>
        <v>4.833110618962734</v>
      </c>
      <c r="J1023" s="58">
        <f>Bühler!J1049</f>
        <v>13.173181513045401</v>
      </c>
      <c r="K1023" s="58">
        <f>Bühler!K1049</f>
        <v>0.36094360249366148</v>
      </c>
      <c r="L1023" s="58">
        <f>Bühler!L1049</f>
        <v>0.18047180124683074</v>
      </c>
      <c r="M1023" s="57">
        <f>Bühler!M1049</f>
        <v>0</v>
      </c>
      <c r="N1023" s="55">
        <f>IF(Input!$K$13=1,J1023*Input!$J$13,0)+IF(Input!$K$14=1,K1023*Input!$J$14,0)+IF(Input!$K$15=1,L1023*Input!$J$15,0)+IF(Input!$K$16=1,M1023*Input!$J$16,0)</f>
        <v>1.5807817815654481</v>
      </c>
      <c r="O1023" s="58">
        <f>IF(Input!$K$13=2,J1023*Input!$J$13,0)+IF(Input!$K$14=2,K1023*Input!$J$14,0)+IF(Input!$K$15=2,L1023*Input!$J$15,0)+IF(Input!$K$16=2,M1023*Input!$J$16,0)</f>
        <v>4.8727386336644293E-2</v>
      </c>
      <c r="P1023" s="58">
        <f>IF(Input!$K$13=3,J1023*Input!$J$13,0)+IF(Input!$K$14=3,K1023*Input!$J$14,0)+IF(Input!$K$15=3,L1023*Input!$J$15,0)+IF(Input!$K$16=3,M1023*Input!$J$16,0)</f>
        <v>0</v>
      </c>
      <c r="Q1023" s="71">
        <f>IF(Input!$K$13=4,J1023*Input!$J$13,0)+IF(Input!$K$14=4,K1023*Input!$J$14,0)+IF(Input!$K$15=4,L1023*Input!$J$15,0)+IF(Input!$K$16=4,M1023*Input!$J$16,0)</f>
        <v>0</v>
      </c>
    </row>
    <row r="1024" spans="8:17" x14ac:dyDescent="0.25">
      <c r="H1024" s="43">
        <v>1017</v>
      </c>
      <c r="I1024" s="55">
        <f>Bühler!I1050</f>
        <v>4.833110618962734</v>
      </c>
      <c r="J1024" s="58">
        <f>Bühler!J1050</f>
        <v>13.173181513045401</v>
      </c>
      <c r="K1024" s="58">
        <f>Bühler!K1050</f>
        <v>0.36094360249366148</v>
      </c>
      <c r="L1024" s="58">
        <f>Bühler!L1050</f>
        <v>0.18047180124683074</v>
      </c>
      <c r="M1024" s="57">
        <f>Bühler!M1050</f>
        <v>0</v>
      </c>
      <c r="N1024" s="55">
        <f>IF(Input!$K$13=1,J1024*Input!$J$13,0)+IF(Input!$K$14=1,K1024*Input!$J$14,0)+IF(Input!$K$15=1,L1024*Input!$J$15,0)+IF(Input!$K$16=1,M1024*Input!$J$16,0)</f>
        <v>1.5807817815654481</v>
      </c>
      <c r="O1024" s="58">
        <f>IF(Input!$K$13=2,J1024*Input!$J$13,0)+IF(Input!$K$14=2,K1024*Input!$J$14,0)+IF(Input!$K$15=2,L1024*Input!$J$15,0)+IF(Input!$K$16=2,M1024*Input!$J$16,0)</f>
        <v>4.8727386336644293E-2</v>
      </c>
      <c r="P1024" s="58">
        <f>IF(Input!$K$13=3,J1024*Input!$J$13,0)+IF(Input!$K$14=3,K1024*Input!$J$14,0)+IF(Input!$K$15=3,L1024*Input!$J$15,0)+IF(Input!$K$16=3,M1024*Input!$J$16,0)</f>
        <v>0</v>
      </c>
      <c r="Q1024" s="71">
        <f>IF(Input!$K$13=4,J1024*Input!$J$13,0)+IF(Input!$K$14=4,K1024*Input!$J$14,0)+IF(Input!$K$15=4,L1024*Input!$J$15,0)+IF(Input!$K$16=4,M1024*Input!$J$16,0)</f>
        <v>0</v>
      </c>
    </row>
    <row r="1025" spans="8:17" x14ac:dyDescent="0.25">
      <c r="H1025" s="43">
        <v>1018</v>
      </c>
      <c r="I1025" s="55">
        <f>Bühler!I1051</f>
        <v>4.833110618962734</v>
      </c>
      <c r="J1025" s="58">
        <f>Bühler!J1051</f>
        <v>13.173181513045401</v>
      </c>
      <c r="K1025" s="58">
        <f>Bühler!K1051</f>
        <v>0.36094360249366148</v>
      </c>
      <c r="L1025" s="58">
        <f>Bühler!L1051</f>
        <v>0.18047180124683074</v>
      </c>
      <c r="M1025" s="57">
        <f>Bühler!M1051</f>
        <v>0</v>
      </c>
      <c r="N1025" s="55">
        <f>IF(Input!$K$13=1,J1025*Input!$J$13,0)+IF(Input!$K$14=1,K1025*Input!$J$14,0)+IF(Input!$K$15=1,L1025*Input!$J$15,0)+IF(Input!$K$16=1,M1025*Input!$J$16,0)</f>
        <v>1.5807817815654481</v>
      </c>
      <c r="O1025" s="58">
        <f>IF(Input!$K$13=2,J1025*Input!$J$13,0)+IF(Input!$K$14=2,K1025*Input!$J$14,0)+IF(Input!$K$15=2,L1025*Input!$J$15,0)+IF(Input!$K$16=2,M1025*Input!$J$16,0)</f>
        <v>4.8727386336644293E-2</v>
      </c>
      <c r="P1025" s="58">
        <f>IF(Input!$K$13=3,J1025*Input!$J$13,0)+IF(Input!$K$14=3,K1025*Input!$J$14,0)+IF(Input!$K$15=3,L1025*Input!$J$15,0)+IF(Input!$K$16=3,M1025*Input!$J$16,0)</f>
        <v>0</v>
      </c>
      <c r="Q1025" s="71">
        <f>IF(Input!$K$13=4,J1025*Input!$J$13,0)+IF(Input!$K$14=4,K1025*Input!$J$14,0)+IF(Input!$K$15=4,L1025*Input!$J$15,0)+IF(Input!$K$16=4,M1025*Input!$J$16,0)</f>
        <v>0</v>
      </c>
    </row>
    <row r="1026" spans="8:17" x14ac:dyDescent="0.25">
      <c r="H1026" s="43">
        <v>1019</v>
      </c>
      <c r="I1026" s="55">
        <f>Bühler!I1052</f>
        <v>4.833110618962734</v>
      </c>
      <c r="J1026" s="58">
        <f>Bühler!J1052</f>
        <v>13.173181513045401</v>
      </c>
      <c r="K1026" s="58">
        <f>Bühler!K1052</f>
        <v>0.36094360249366148</v>
      </c>
      <c r="L1026" s="58">
        <f>Bühler!L1052</f>
        <v>0.18047180124683074</v>
      </c>
      <c r="M1026" s="57">
        <f>Bühler!M1052</f>
        <v>0</v>
      </c>
      <c r="N1026" s="55">
        <f>IF(Input!$K$13=1,J1026*Input!$J$13,0)+IF(Input!$K$14=1,K1026*Input!$J$14,0)+IF(Input!$K$15=1,L1026*Input!$J$15,0)+IF(Input!$K$16=1,M1026*Input!$J$16,0)</f>
        <v>1.5807817815654481</v>
      </c>
      <c r="O1026" s="58">
        <f>IF(Input!$K$13=2,J1026*Input!$J$13,0)+IF(Input!$K$14=2,K1026*Input!$J$14,0)+IF(Input!$K$15=2,L1026*Input!$J$15,0)+IF(Input!$K$16=2,M1026*Input!$J$16,0)</f>
        <v>4.8727386336644293E-2</v>
      </c>
      <c r="P1026" s="58">
        <f>IF(Input!$K$13=3,J1026*Input!$J$13,0)+IF(Input!$K$14=3,K1026*Input!$J$14,0)+IF(Input!$K$15=3,L1026*Input!$J$15,0)+IF(Input!$K$16=3,M1026*Input!$J$16,0)</f>
        <v>0</v>
      </c>
      <c r="Q1026" s="71">
        <f>IF(Input!$K$13=4,J1026*Input!$J$13,0)+IF(Input!$K$14=4,K1026*Input!$J$14,0)+IF(Input!$K$15=4,L1026*Input!$J$15,0)+IF(Input!$K$16=4,M1026*Input!$J$16,0)</f>
        <v>0</v>
      </c>
    </row>
    <row r="1027" spans="8:17" x14ac:dyDescent="0.25">
      <c r="H1027" s="43">
        <v>1020</v>
      </c>
      <c r="I1027" s="55">
        <f>Bühler!I1053</f>
        <v>4.833110618962734</v>
      </c>
      <c r="J1027" s="58">
        <f>Bühler!J1053</f>
        <v>13.173181513045401</v>
      </c>
      <c r="K1027" s="58">
        <f>Bühler!K1053</f>
        <v>0.36094360249366148</v>
      </c>
      <c r="L1027" s="58">
        <f>Bühler!L1053</f>
        <v>0.18047180124683074</v>
      </c>
      <c r="M1027" s="57">
        <f>Bühler!M1053</f>
        <v>0</v>
      </c>
      <c r="N1027" s="55">
        <f>IF(Input!$K$13=1,J1027*Input!$J$13,0)+IF(Input!$K$14=1,K1027*Input!$J$14,0)+IF(Input!$K$15=1,L1027*Input!$J$15,0)+IF(Input!$K$16=1,M1027*Input!$J$16,0)</f>
        <v>1.5807817815654481</v>
      </c>
      <c r="O1027" s="58">
        <f>IF(Input!$K$13=2,J1027*Input!$J$13,0)+IF(Input!$K$14=2,K1027*Input!$J$14,0)+IF(Input!$K$15=2,L1027*Input!$J$15,0)+IF(Input!$K$16=2,M1027*Input!$J$16,0)</f>
        <v>4.8727386336644293E-2</v>
      </c>
      <c r="P1027" s="58">
        <f>IF(Input!$K$13=3,J1027*Input!$J$13,0)+IF(Input!$K$14=3,K1027*Input!$J$14,0)+IF(Input!$K$15=3,L1027*Input!$J$15,0)+IF(Input!$K$16=3,M1027*Input!$J$16,0)</f>
        <v>0</v>
      </c>
      <c r="Q1027" s="71">
        <f>IF(Input!$K$13=4,J1027*Input!$J$13,0)+IF(Input!$K$14=4,K1027*Input!$J$14,0)+IF(Input!$K$15=4,L1027*Input!$J$15,0)+IF(Input!$K$16=4,M1027*Input!$J$16,0)</f>
        <v>0</v>
      </c>
    </row>
    <row r="1028" spans="8:17" x14ac:dyDescent="0.25">
      <c r="H1028" s="43">
        <v>1021</v>
      </c>
      <c r="I1028" s="55">
        <f>Bühler!I1054</f>
        <v>4.833110618962734</v>
      </c>
      <c r="J1028" s="58">
        <f>Bühler!J1054</f>
        <v>13.173181513045401</v>
      </c>
      <c r="K1028" s="58">
        <f>Bühler!K1054</f>
        <v>0.36094360249366148</v>
      </c>
      <c r="L1028" s="58">
        <f>Bühler!L1054</f>
        <v>0.18047180124683074</v>
      </c>
      <c r="M1028" s="57">
        <f>Bühler!M1054</f>
        <v>0</v>
      </c>
      <c r="N1028" s="55">
        <f>IF(Input!$K$13=1,J1028*Input!$J$13,0)+IF(Input!$K$14=1,K1028*Input!$J$14,0)+IF(Input!$K$15=1,L1028*Input!$J$15,0)+IF(Input!$K$16=1,M1028*Input!$J$16,0)</f>
        <v>1.5807817815654481</v>
      </c>
      <c r="O1028" s="58">
        <f>IF(Input!$K$13=2,J1028*Input!$J$13,0)+IF(Input!$K$14=2,K1028*Input!$J$14,0)+IF(Input!$K$15=2,L1028*Input!$J$15,0)+IF(Input!$K$16=2,M1028*Input!$J$16,0)</f>
        <v>4.8727386336644293E-2</v>
      </c>
      <c r="P1028" s="58">
        <f>IF(Input!$K$13=3,J1028*Input!$J$13,0)+IF(Input!$K$14=3,K1028*Input!$J$14,0)+IF(Input!$K$15=3,L1028*Input!$J$15,0)+IF(Input!$K$16=3,M1028*Input!$J$16,0)</f>
        <v>0</v>
      </c>
      <c r="Q1028" s="71">
        <f>IF(Input!$K$13=4,J1028*Input!$J$13,0)+IF(Input!$K$14=4,K1028*Input!$J$14,0)+IF(Input!$K$15=4,L1028*Input!$J$15,0)+IF(Input!$K$16=4,M1028*Input!$J$16,0)</f>
        <v>0</v>
      </c>
    </row>
    <row r="1029" spans="8:17" x14ac:dyDescent="0.25">
      <c r="H1029" s="43">
        <v>1022</v>
      </c>
      <c r="I1029" s="55">
        <f>Bühler!I1055</f>
        <v>4.833110618962734</v>
      </c>
      <c r="J1029" s="58">
        <f>Bühler!J1055</f>
        <v>13.173181513045401</v>
      </c>
      <c r="K1029" s="58">
        <f>Bühler!K1055</f>
        <v>0.36094360249366148</v>
      </c>
      <c r="L1029" s="58">
        <f>Bühler!L1055</f>
        <v>0.18047180124683074</v>
      </c>
      <c r="M1029" s="57">
        <f>Bühler!M1055</f>
        <v>0</v>
      </c>
      <c r="N1029" s="55">
        <f>IF(Input!$K$13=1,J1029*Input!$J$13,0)+IF(Input!$K$14=1,K1029*Input!$J$14,0)+IF(Input!$K$15=1,L1029*Input!$J$15,0)+IF(Input!$K$16=1,M1029*Input!$J$16,0)</f>
        <v>1.5807817815654481</v>
      </c>
      <c r="O1029" s="58">
        <f>IF(Input!$K$13=2,J1029*Input!$J$13,0)+IF(Input!$K$14=2,K1029*Input!$J$14,0)+IF(Input!$K$15=2,L1029*Input!$J$15,0)+IF(Input!$K$16=2,M1029*Input!$J$16,0)</f>
        <v>4.8727386336644293E-2</v>
      </c>
      <c r="P1029" s="58">
        <f>IF(Input!$K$13=3,J1029*Input!$J$13,0)+IF(Input!$K$14=3,K1029*Input!$J$14,0)+IF(Input!$K$15=3,L1029*Input!$J$15,0)+IF(Input!$K$16=3,M1029*Input!$J$16,0)</f>
        <v>0</v>
      </c>
      <c r="Q1029" s="71">
        <f>IF(Input!$K$13=4,J1029*Input!$J$13,0)+IF(Input!$K$14=4,K1029*Input!$J$14,0)+IF(Input!$K$15=4,L1029*Input!$J$15,0)+IF(Input!$K$16=4,M1029*Input!$J$16,0)</f>
        <v>0</v>
      </c>
    </row>
    <row r="1030" spans="8:17" x14ac:dyDescent="0.25">
      <c r="H1030" s="43">
        <v>1023</v>
      </c>
      <c r="I1030" s="55">
        <f>Bühler!I1056</f>
        <v>4.833110618962734</v>
      </c>
      <c r="J1030" s="58">
        <f>Bühler!J1056</f>
        <v>13.173181513045401</v>
      </c>
      <c r="K1030" s="58">
        <f>Bühler!K1056</f>
        <v>0.36094360249366148</v>
      </c>
      <c r="L1030" s="58">
        <f>Bühler!L1056</f>
        <v>0.18047180124683074</v>
      </c>
      <c r="M1030" s="57">
        <f>Bühler!M1056</f>
        <v>0</v>
      </c>
      <c r="N1030" s="55">
        <f>IF(Input!$K$13=1,J1030*Input!$J$13,0)+IF(Input!$K$14=1,K1030*Input!$J$14,0)+IF(Input!$K$15=1,L1030*Input!$J$15,0)+IF(Input!$K$16=1,M1030*Input!$J$16,0)</f>
        <v>1.5807817815654481</v>
      </c>
      <c r="O1030" s="58">
        <f>IF(Input!$K$13=2,J1030*Input!$J$13,0)+IF(Input!$K$14=2,K1030*Input!$J$14,0)+IF(Input!$K$15=2,L1030*Input!$J$15,0)+IF(Input!$K$16=2,M1030*Input!$J$16,0)</f>
        <v>4.8727386336644293E-2</v>
      </c>
      <c r="P1030" s="58">
        <f>IF(Input!$K$13=3,J1030*Input!$J$13,0)+IF(Input!$K$14=3,K1030*Input!$J$14,0)+IF(Input!$K$15=3,L1030*Input!$J$15,0)+IF(Input!$K$16=3,M1030*Input!$J$16,0)</f>
        <v>0</v>
      </c>
      <c r="Q1030" s="71">
        <f>IF(Input!$K$13=4,J1030*Input!$J$13,0)+IF(Input!$K$14=4,K1030*Input!$J$14,0)+IF(Input!$K$15=4,L1030*Input!$J$15,0)+IF(Input!$K$16=4,M1030*Input!$J$16,0)</f>
        <v>0</v>
      </c>
    </row>
    <row r="1031" spans="8:17" x14ac:dyDescent="0.25">
      <c r="H1031" s="43">
        <v>1024</v>
      </c>
      <c r="I1031" s="55">
        <f>Bühler!I1057</f>
        <v>4.2960983279668739</v>
      </c>
      <c r="J1031" s="58">
        <f>Bühler!J1057</f>
        <v>13.150806000920575</v>
      </c>
      <c r="K1031" s="58">
        <f>Bühler!K1057</f>
        <v>0.36094360249366148</v>
      </c>
      <c r="L1031" s="58">
        <f>Bühler!L1057</f>
        <v>0.18047180124683074</v>
      </c>
      <c r="M1031" s="57">
        <f>Bühler!M1057</f>
        <v>0</v>
      </c>
      <c r="N1031" s="55">
        <f>IF(Input!$K$13=1,J1031*Input!$J$13,0)+IF(Input!$K$14=1,K1031*Input!$J$14,0)+IF(Input!$K$15=1,L1031*Input!$J$15,0)+IF(Input!$K$16=1,M1031*Input!$J$16,0)</f>
        <v>1.578096720110469</v>
      </c>
      <c r="O1031" s="58">
        <f>IF(Input!$K$13=2,J1031*Input!$J$13,0)+IF(Input!$K$14=2,K1031*Input!$J$14,0)+IF(Input!$K$15=2,L1031*Input!$J$15,0)+IF(Input!$K$16=2,M1031*Input!$J$16,0)</f>
        <v>4.8727386336644293E-2</v>
      </c>
      <c r="P1031" s="58">
        <f>IF(Input!$K$13=3,J1031*Input!$J$13,0)+IF(Input!$K$14=3,K1031*Input!$J$14,0)+IF(Input!$K$15=3,L1031*Input!$J$15,0)+IF(Input!$K$16=3,M1031*Input!$J$16,0)</f>
        <v>0</v>
      </c>
      <c r="Q1031" s="71">
        <f>IF(Input!$K$13=4,J1031*Input!$J$13,0)+IF(Input!$K$14=4,K1031*Input!$J$14,0)+IF(Input!$K$15=4,L1031*Input!$J$15,0)+IF(Input!$K$16=4,M1031*Input!$J$16,0)</f>
        <v>0</v>
      </c>
    </row>
    <row r="1032" spans="8:17" x14ac:dyDescent="0.25">
      <c r="H1032" s="43">
        <v>1025</v>
      </c>
      <c r="I1032" s="55">
        <f>Bühler!I1058</f>
        <v>4.2193822863960371</v>
      </c>
      <c r="J1032" s="58">
        <f>Bühler!J1058</f>
        <v>13.147609499188455</v>
      </c>
      <c r="K1032" s="58">
        <f>Bühler!K1058</f>
        <v>0.36094360249366148</v>
      </c>
      <c r="L1032" s="58">
        <f>Bühler!L1058</f>
        <v>0.18047180124683074</v>
      </c>
      <c r="M1032" s="57">
        <f>Bühler!M1058</f>
        <v>0</v>
      </c>
      <c r="N1032" s="55">
        <f>IF(Input!$K$13=1,J1032*Input!$J$13,0)+IF(Input!$K$14=1,K1032*Input!$J$14,0)+IF(Input!$K$15=1,L1032*Input!$J$15,0)+IF(Input!$K$16=1,M1032*Input!$J$16,0)</f>
        <v>1.5777131399026145</v>
      </c>
      <c r="O1032" s="58">
        <f>IF(Input!$K$13=2,J1032*Input!$J$13,0)+IF(Input!$K$14=2,K1032*Input!$J$14,0)+IF(Input!$K$15=2,L1032*Input!$J$15,0)+IF(Input!$K$16=2,M1032*Input!$J$16,0)</f>
        <v>4.8727386336644293E-2</v>
      </c>
      <c r="P1032" s="58">
        <f>IF(Input!$K$13=3,J1032*Input!$J$13,0)+IF(Input!$K$14=3,K1032*Input!$J$14,0)+IF(Input!$K$15=3,L1032*Input!$J$15,0)+IF(Input!$K$16=3,M1032*Input!$J$16,0)</f>
        <v>0</v>
      </c>
      <c r="Q1032" s="71">
        <f>IF(Input!$K$13=4,J1032*Input!$J$13,0)+IF(Input!$K$14=4,K1032*Input!$J$14,0)+IF(Input!$K$15=4,L1032*Input!$J$15,0)+IF(Input!$K$16=4,M1032*Input!$J$16,0)</f>
        <v>0</v>
      </c>
    </row>
    <row r="1033" spans="8:17" x14ac:dyDescent="0.25">
      <c r="H1033" s="43">
        <v>1026</v>
      </c>
      <c r="I1033" s="55">
        <f>Bühler!I1059</f>
        <v>3.6056539538293411</v>
      </c>
      <c r="J1033" s="58">
        <f>Bühler!J1059</f>
        <v>13.122037485331511</v>
      </c>
      <c r="K1033" s="58">
        <f>Bühler!K1059</f>
        <v>0.36094360249366148</v>
      </c>
      <c r="L1033" s="58">
        <f>Bühler!L1059</f>
        <v>0.18047180124683074</v>
      </c>
      <c r="M1033" s="57">
        <f>Bühler!M1059</f>
        <v>0</v>
      </c>
      <c r="N1033" s="55">
        <f>IF(Input!$K$13=1,J1033*Input!$J$13,0)+IF(Input!$K$14=1,K1033*Input!$J$14,0)+IF(Input!$K$15=1,L1033*Input!$J$15,0)+IF(Input!$K$16=1,M1033*Input!$J$16,0)</f>
        <v>1.5746444982397811</v>
      </c>
      <c r="O1033" s="58">
        <f>IF(Input!$K$13=2,J1033*Input!$J$13,0)+IF(Input!$K$14=2,K1033*Input!$J$14,0)+IF(Input!$K$15=2,L1033*Input!$J$15,0)+IF(Input!$K$16=2,M1033*Input!$J$16,0)</f>
        <v>4.8727386336644293E-2</v>
      </c>
      <c r="P1033" s="58">
        <f>IF(Input!$K$13=3,J1033*Input!$J$13,0)+IF(Input!$K$14=3,K1033*Input!$J$14,0)+IF(Input!$K$15=3,L1033*Input!$J$15,0)+IF(Input!$K$16=3,M1033*Input!$J$16,0)</f>
        <v>0</v>
      </c>
      <c r="Q1033" s="71">
        <f>IF(Input!$K$13=4,J1033*Input!$J$13,0)+IF(Input!$K$14=4,K1033*Input!$J$14,0)+IF(Input!$K$15=4,L1033*Input!$J$15,0)+IF(Input!$K$16=4,M1033*Input!$J$16,0)</f>
        <v>0</v>
      </c>
    </row>
    <row r="1034" spans="8:17" x14ac:dyDescent="0.25">
      <c r="H1034" s="43">
        <v>1027</v>
      </c>
      <c r="I1034" s="55">
        <f>Bühler!I1060</f>
        <v>3.3755058291168303</v>
      </c>
      <c r="J1034" s="58">
        <f>Bühler!J1060</f>
        <v>13.112447980135157</v>
      </c>
      <c r="K1034" s="58">
        <f>Bühler!K1060</f>
        <v>0.36094360249366148</v>
      </c>
      <c r="L1034" s="58">
        <f>Bühler!L1060</f>
        <v>0.18047180124683074</v>
      </c>
      <c r="M1034" s="57">
        <f>Bühler!M1060</f>
        <v>0</v>
      </c>
      <c r="N1034" s="55">
        <f>IF(Input!$K$13=1,J1034*Input!$J$13,0)+IF(Input!$K$14=1,K1034*Input!$J$14,0)+IF(Input!$K$15=1,L1034*Input!$J$15,0)+IF(Input!$K$16=1,M1034*Input!$J$16,0)</f>
        <v>1.5734937576162187</v>
      </c>
      <c r="O1034" s="58">
        <f>IF(Input!$K$13=2,J1034*Input!$J$13,0)+IF(Input!$K$14=2,K1034*Input!$J$14,0)+IF(Input!$K$15=2,L1034*Input!$J$15,0)+IF(Input!$K$16=2,M1034*Input!$J$16,0)</f>
        <v>4.8727386336644293E-2</v>
      </c>
      <c r="P1034" s="58">
        <f>IF(Input!$K$13=3,J1034*Input!$J$13,0)+IF(Input!$K$14=3,K1034*Input!$J$14,0)+IF(Input!$K$15=3,L1034*Input!$J$15,0)+IF(Input!$K$16=3,M1034*Input!$J$16,0)</f>
        <v>0</v>
      </c>
      <c r="Q1034" s="71">
        <f>IF(Input!$K$13=4,J1034*Input!$J$13,0)+IF(Input!$K$14=4,K1034*Input!$J$14,0)+IF(Input!$K$15=4,L1034*Input!$J$15,0)+IF(Input!$K$16=4,M1034*Input!$J$16,0)</f>
        <v>0</v>
      </c>
    </row>
    <row r="1035" spans="8:17" x14ac:dyDescent="0.25">
      <c r="H1035" s="43">
        <v>1028</v>
      </c>
      <c r="I1035" s="55">
        <f>Bühler!I1061</f>
        <v>2.8384935381209702</v>
      </c>
      <c r="J1035" s="58">
        <f>Bühler!J1061</f>
        <v>13.090072468010328</v>
      </c>
      <c r="K1035" s="58">
        <f>Bühler!K1061</f>
        <v>0.36094360249366148</v>
      </c>
      <c r="L1035" s="58">
        <f>Bühler!L1061</f>
        <v>0.18047180124683074</v>
      </c>
      <c r="M1035" s="57">
        <f>Bühler!M1061</f>
        <v>0</v>
      </c>
      <c r="N1035" s="55">
        <f>IF(Input!$K$13=1,J1035*Input!$J$13,0)+IF(Input!$K$14=1,K1035*Input!$J$14,0)+IF(Input!$K$15=1,L1035*Input!$J$15,0)+IF(Input!$K$16=1,M1035*Input!$J$16,0)</f>
        <v>1.5708086961612393</v>
      </c>
      <c r="O1035" s="58">
        <f>IF(Input!$K$13=2,J1035*Input!$J$13,0)+IF(Input!$K$14=2,K1035*Input!$J$14,0)+IF(Input!$K$15=2,L1035*Input!$J$15,0)+IF(Input!$K$16=2,M1035*Input!$J$16,0)</f>
        <v>4.8727386336644293E-2</v>
      </c>
      <c r="P1035" s="58">
        <f>IF(Input!$K$13=3,J1035*Input!$J$13,0)+IF(Input!$K$14=3,K1035*Input!$J$14,0)+IF(Input!$K$15=3,L1035*Input!$J$15,0)+IF(Input!$K$16=3,M1035*Input!$J$16,0)</f>
        <v>0</v>
      </c>
      <c r="Q1035" s="71">
        <f>IF(Input!$K$13=4,J1035*Input!$J$13,0)+IF(Input!$K$14=4,K1035*Input!$J$14,0)+IF(Input!$K$15=4,L1035*Input!$J$15,0)+IF(Input!$K$16=4,M1035*Input!$J$16,0)</f>
        <v>0</v>
      </c>
    </row>
    <row r="1036" spans="8:17" x14ac:dyDescent="0.25">
      <c r="H1036" s="43">
        <v>1029</v>
      </c>
      <c r="I1036" s="55">
        <f>Bühler!I1062</f>
        <v>2.3781972886959482</v>
      </c>
      <c r="J1036" s="58">
        <f>Bühler!J1062</f>
        <v>13.07089345761762</v>
      </c>
      <c r="K1036" s="58">
        <f>Bühler!K1062</f>
        <v>0.36094360249366148</v>
      </c>
      <c r="L1036" s="58">
        <f>Bühler!L1062</f>
        <v>0.18047180124683074</v>
      </c>
      <c r="M1036" s="57">
        <f>Bühler!M1062</f>
        <v>0</v>
      </c>
      <c r="N1036" s="55">
        <f>IF(Input!$K$13=1,J1036*Input!$J$13,0)+IF(Input!$K$14=1,K1036*Input!$J$14,0)+IF(Input!$K$15=1,L1036*Input!$J$15,0)+IF(Input!$K$16=1,M1036*Input!$J$16,0)</f>
        <v>1.5685072149141144</v>
      </c>
      <c r="O1036" s="58">
        <f>IF(Input!$K$13=2,J1036*Input!$J$13,0)+IF(Input!$K$14=2,K1036*Input!$J$14,0)+IF(Input!$K$15=2,L1036*Input!$J$15,0)+IF(Input!$K$16=2,M1036*Input!$J$16,0)</f>
        <v>4.8727386336644293E-2</v>
      </c>
      <c r="P1036" s="58">
        <f>IF(Input!$K$13=3,J1036*Input!$J$13,0)+IF(Input!$K$14=3,K1036*Input!$J$14,0)+IF(Input!$K$15=3,L1036*Input!$J$15,0)+IF(Input!$K$16=3,M1036*Input!$J$16,0)</f>
        <v>0</v>
      </c>
      <c r="Q1036" s="71">
        <f>IF(Input!$K$13=4,J1036*Input!$J$13,0)+IF(Input!$K$14=4,K1036*Input!$J$14,0)+IF(Input!$K$15=4,L1036*Input!$J$15,0)+IF(Input!$K$16=4,M1036*Input!$J$16,0)</f>
        <v>0</v>
      </c>
    </row>
    <row r="1037" spans="8:17" x14ac:dyDescent="0.25">
      <c r="H1037" s="43">
        <v>1030</v>
      </c>
      <c r="I1037" s="55">
        <f>Bühler!I1063</f>
        <v>2.0713331224126001</v>
      </c>
      <c r="J1037" s="58">
        <f>Bühler!J1063</f>
        <v>13.058107450689148</v>
      </c>
      <c r="K1037" s="58">
        <f>Bühler!K1063</f>
        <v>0.36094360249366148</v>
      </c>
      <c r="L1037" s="58">
        <f>Bühler!L1063</f>
        <v>0.18047180124683074</v>
      </c>
      <c r="M1037" s="57">
        <f>Bühler!M1063</f>
        <v>0</v>
      </c>
      <c r="N1037" s="55">
        <f>IF(Input!$K$13=1,J1037*Input!$J$13,0)+IF(Input!$K$14=1,K1037*Input!$J$14,0)+IF(Input!$K$15=1,L1037*Input!$J$15,0)+IF(Input!$K$16=1,M1037*Input!$J$16,0)</f>
        <v>1.5669728940826977</v>
      </c>
      <c r="O1037" s="58">
        <f>IF(Input!$K$13=2,J1037*Input!$J$13,0)+IF(Input!$K$14=2,K1037*Input!$J$14,0)+IF(Input!$K$15=2,L1037*Input!$J$15,0)+IF(Input!$K$16=2,M1037*Input!$J$16,0)</f>
        <v>4.8727386336644293E-2</v>
      </c>
      <c r="P1037" s="58">
        <f>IF(Input!$K$13=3,J1037*Input!$J$13,0)+IF(Input!$K$14=3,K1037*Input!$J$14,0)+IF(Input!$K$15=3,L1037*Input!$J$15,0)+IF(Input!$K$16=3,M1037*Input!$J$16,0)</f>
        <v>0</v>
      </c>
      <c r="Q1037" s="71">
        <f>IF(Input!$K$13=4,J1037*Input!$J$13,0)+IF(Input!$K$14=4,K1037*Input!$J$14,0)+IF(Input!$K$15=4,L1037*Input!$J$15,0)+IF(Input!$K$16=4,M1037*Input!$J$16,0)</f>
        <v>0</v>
      </c>
    </row>
    <row r="1038" spans="8:17" x14ac:dyDescent="0.25">
      <c r="H1038" s="43">
        <v>1031</v>
      </c>
      <c r="I1038" s="55">
        <f>Bühler!I1064</f>
        <v>2.0713331224126001</v>
      </c>
      <c r="J1038" s="58">
        <f>Bühler!J1064</f>
        <v>13.058107450689148</v>
      </c>
      <c r="K1038" s="58">
        <f>Bühler!K1064</f>
        <v>0.36094360249366148</v>
      </c>
      <c r="L1038" s="58">
        <f>Bühler!L1064</f>
        <v>0.18047180124683074</v>
      </c>
      <c r="M1038" s="57">
        <f>Bühler!M1064</f>
        <v>0</v>
      </c>
      <c r="N1038" s="55">
        <f>IF(Input!$K$13=1,J1038*Input!$J$13,0)+IF(Input!$K$14=1,K1038*Input!$J$14,0)+IF(Input!$K$15=1,L1038*Input!$J$15,0)+IF(Input!$K$16=1,M1038*Input!$J$16,0)</f>
        <v>1.5669728940826977</v>
      </c>
      <c r="O1038" s="58">
        <f>IF(Input!$K$13=2,J1038*Input!$J$13,0)+IF(Input!$K$14=2,K1038*Input!$J$14,0)+IF(Input!$K$15=2,L1038*Input!$J$15,0)+IF(Input!$K$16=2,M1038*Input!$J$16,0)</f>
        <v>4.8727386336644293E-2</v>
      </c>
      <c r="P1038" s="58">
        <f>IF(Input!$K$13=3,J1038*Input!$J$13,0)+IF(Input!$K$14=3,K1038*Input!$J$14,0)+IF(Input!$K$15=3,L1038*Input!$J$15,0)+IF(Input!$K$16=3,M1038*Input!$J$16,0)</f>
        <v>0</v>
      </c>
      <c r="Q1038" s="71">
        <f>IF(Input!$K$13=4,J1038*Input!$J$13,0)+IF(Input!$K$14=4,K1038*Input!$J$14,0)+IF(Input!$K$15=4,L1038*Input!$J$15,0)+IF(Input!$K$16=4,M1038*Input!$J$16,0)</f>
        <v>0</v>
      </c>
    </row>
    <row r="1039" spans="8:17" x14ac:dyDescent="0.25">
      <c r="H1039" s="43">
        <v>1032</v>
      </c>
      <c r="I1039" s="55">
        <f>Bühler!I1065</f>
        <v>2.0713331224126001</v>
      </c>
      <c r="J1039" s="58">
        <f>Bühler!J1065</f>
        <v>13.058107450689148</v>
      </c>
      <c r="K1039" s="58">
        <f>Bühler!K1065</f>
        <v>0.36094360249366148</v>
      </c>
      <c r="L1039" s="58">
        <f>Bühler!L1065</f>
        <v>0.18047180124683074</v>
      </c>
      <c r="M1039" s="57">
        <f>Bühler!M1065</f>
        <v>0</v>
      </c>
      <c r="N1039" s="55">
        <f>IF(Input!$K$13=1,J1039*Input!$J$13,0)+IF(Input!$K$14=1,K1039*Input!$J$14,0)+IF(Input!$K$15=1,L1039*Input!$J$15,0)+IF(Input!$K$16=1,M1039*Input!$J$16,0)</f>
        <v>1.5669728940826977</v>
      </c>
      <c r="O1039" s="58">
        <f>IF(Input!$K$13=2,J1039*Input!$J$13,0)+IF(Input!$K$14=2,K1039*Input!$J$14,0)+IF(Input!$K$15=2,L1039*Input!$J$15,0)+IF(Input!$K$16=2,M1039*Input!$J$16,0)</f>
        <v>4.8727386336644293E-2</v>
      </c>
      <c r="P1039" s="58">
        <f>IF(Input!$K$13=3,J1039*Input!$J$13,0)+IF(Input!$K$14=3,K1039*Input!$J$14,0)+IF(Input!$K$15=3,L1039*Input!$J$15,0)+IF(Input!$K$16=3,M1039*Input!$J$16,0)</f>
        <v>0</v>
      </c>
      <c r="Q1039" s="71">
        <f>IF(Input!$K$13=4,J1039*Input!$J$13,0)+IF(Input!$K$14=4,K1039*Input!$J$14,0)+IF(Input!$K$15=4,L1039*Input!$J$15,0)+IF(Input!$K$16=4,M1039*Input!$J$16,0)</f>
        <v>0</v>
      </c>
    </row>
    <row r="1040" spans="8:17" x14ac:dyDescent="0.25">
      <c r="H1040" s="43">
        <v>1033</v>
      </c>
      <c r="I1040" s="55">
        <f>Bühler!I1066</f>
        <v>2.072065225584498</v>
      </c>
      <c r="J1040" s="58">
        <f>Bühler!J1066</f>
        <v>13.079252483699108</v>
      </c>
      <c r="K1040" s="58">
        <f>Bühler!K1066</f>
        <v>0.61264627103521929</v>
      </c>
      <c r="L1040" s="58">
        <f>Bühler!L1066</f>
        <v>0.30632313551760965</v>
      </c>
      <c r="M1040" s="57">
        <f>Bühler!M1066</f>
        <v>0</v>
      </c>
      <c r="N1040" s="55">
        <f>IF(Input!$K$13=1,J1040*Input!$J$13,0)+IF(Input!$K$14=1,K1040*Input!$J$14,0)+IF(Input!$K$15=1,L1040*Input!$J$15,0)+IF(Input!$K$16=1,M1040*Input!$J$16,0)</f>
        <v>1.5695102980438929</v>
      </c>
      <c r="O1040" s="58">
        <f>IF(Input!$K$13=2,J1040*Input!$J$13,0)+IF(Input!$K$14=2,K1040*Input!$J$14,0)+IF(Input!$K$15=2,L1040*Input!$J$15,0)+IF(Input!$K$16=2,M1040*Input!$J$16,0)</f>
        <v>8.2707246589754604E-2</v>
      </c>
      <c r="P1040" s="58">
        <f>IF(Input!$K$13=3,J1040*Input!$J$13,0)+IF(Input!$K$14=3,K1040*Input!$J$14,0)+IF(Input!$K$15=3,L1040*Input!$J$15,0)+IF(Input!$K$16=3,M1040*Input!$J$16,0)</f>
        <v>0</v>
      </c>
      <c r="Q1040" s="71">
        <f>IF(Input!$K$13=4,J1040*Input!$J$13,0)+IF(Input!$K$14=4,K1040*Input!$J$14,0)+IF(Input!$K$15=4,L1040*Input!$J$15,0)+IF(Input!$K$16=4,M1040*Input!$J$16,0)</f>
        <v>0</v>
      </c>
    </row>
    <row r="1041" spans="8:17" x14ac:dyDescent="0.25">
      <c r="H1041" s="43">
        <v>1034</v>
      </c>
      <c r="I1041" s="55">
        <f>Bühler!I1067</f>
        <v>2.072065225584498</v>
      </c>
      <c r="J1041" s="58">
        <f>Bühler!J1067</f>
        <v>13.079252483699108</v>
      </c>
      <c r="K1041" s="58">
        <f>Bühler!K1067</f>
        <v>0.61264627103521929</v>
      </c>
      <c r="L1041" s="58">
        <f>Bühler!L1067</f>
        <v>0.30632313551760965</v>
      </c>
      <c r="M1041" s="57">
        <f>Bühler!M1067</f>
        <v>0</v>
      </c>
      <c r="N1041" s="55">
        <f>IF(Input!$K$13=1,J1041*Input!$J$13,0)+IF(Input!$K$14=1,K1041*Input!$J$14,0)+IF(Input!$K$15=1,L1041*Input!$J$15,0)+IF(Input!$K$16=1,M1041*Input!$J$16,0)</f>
        <v>1.5695102980438929</v>
      </c>
      <c r="O1041" s="58">
        <f>IF(Input!$K$13=2,J1041*Input!$J$13,0)+IF(Input!$K$14=2,K1041*Input!$J$14,0)+IF(Input!$K$15=2,L1041*Input!$J$15,0)+IF(Input!$K$16=2,M1041*Input!$J$16,0)</f>
        <v>8.2707246589754604E-2</v>
      </c>
      <c r="P1041" s="58">
        <f>IF(Input!$K$13=3,J1041*Input!$J$13,0)+IF(Input!$K$14=3,K1041*Input!$J$14,0)+IF(Input!$K$15=3,L1041*Input!$J$15,0)+IF(Input!$K$16=3,M1041*Input!$J$16,0)</f>
        <v>0</v>
      </c>
      <c r="Q1041" s="71">
        <f>IF(Input!$K$13=4,J1041*Input!$J$13,0)+IF(Input!$K$14=4,K1041*Input!$J$14,0)+IF(Input!$K$15=4,L1041*Input!$J$15,0)+IF(Input!$K$16=4,M1041*Input!$J$16,0)</f>
        <v>0</v>
      </c>
    </row>
    <row r="1042" spans="8:17" x14ac:dyDescent="0.25">
      <c r="H1042" s="43">
        <v>1035</v>
      </c>
      <c r="I1042" s="55">
        <f>Bühler!I1068</f>
        <v>2.072065225584498</v>
      </c>
      <c r="J1042" s="58">
        <f>Bühler!J1068</f>
        <v>13.079252483699108</v>
      </c>
      <c r="K1042" s="58">
        <f>Bühler!K1068</f>
        <v>0.61264627103521929</v>
      </c>
      <c r="L1042" s="58">
        <f>Bühler!L1068</f>
        <v>0.30632313551760965</v>
      </c>
      <c r="M1042" s="57">
        <f>Bühler!M1068</f>
        <v>0</v>
      </c>
      <c r="N1042" s="55">
        <f>IF(Input!$K$13=1,J1042*Input!$J$13,0)+IF(Input!$K$14=1,K1042*Input!$J$14,0)+IF(Input!$K$15=1,L1042*Input!$J$15,0)+IF(Input!$K$16=1,M1042*Input!$J$16,0)</f>
        <v>1.5695102980438929</v>
      </c>
      <c r="O1042" s="58">
        <f>IF(Input!$K$13=2,J1042*Input!$J$13,0)+IF(Input!$K$14=2,K1042*Input!$J$14,0)+IF(Input!$K$15=2,L1042*Input!$J$15,0)+IF(Input!$K$16=2,M1042*Input!$J$16,0)</f>
        <v>8.2707246589754604E-2</v>
      </c>
      <c r="P1042" s="58">
        <f>IF(Input!$K$13=3,J1042*Input!$J$13,0)+IF(Input!$K$14=3,K1042*Input!$J$14,0)+IF(Input!$K$15=3,L1042*Input!$J$15,0)+IF(Input!$K$16=3,M1042*Input!$J$16,0)</f>
        <v>0</v>
      </c>
      <c r="Q1042" s="71">
        <f>IF(Input!$K$13=4,J1042*Input!$J$13,0)+IF(Input!$K$14=4,K1042*Input!$J$14,0)+IF(Input!$K$15=4,L1042*Input!$J$15,0)+IF(Input!$K$16=4,M1042*Input!$J$16,0)</f>
        <v>0</v>
      </c>
    </row>
    <row r="1043" spans="8:17" x14ac:dyDescent="0.25">
      <c r="H1043" s="43">
        <v>1036</v>
      </c>
      <c r="I1043" s="55">
        <f>Bühler!I1069</f>
        <v>2.072065225584498</v>
      </c>
      <c r="J1043" s="58">
        <f>Bühler!J1069</f>
        <v>13.079252483699108</v>
      </c>
      <c r="K1043" s="58">
        <f>Bühler!K1069</f>
        <v>0.61264627103521929</v>
      </c>
      <c r="L1043" s="58">
        <f>Bühler!L1069</f>
        <v>0.30632313551760965</v>
      </c>
      <c r="M1043" s="57">
        <f>Bühler!M1069</f>
        <v>0</v>
      </c>
      <c r="N1043" s="55">
        <f>IF(Input!$K$13=1,J1043*Input!$J$13,0)+IF(Input!$K$14=1,K1043*Input!$J$14,0)+IF(Input!$K$15=1,L1043*Input!$J$15,0)+IF(Input!$K$16=1,M1043*Input!$J$16,0)</f>
        <v>1.5695102980438929</v>
      </c>
      <c r="O1043" s="58">
        <f>IF(Input!$K$13=2,J1043*Input!$J$13,0)+IF(Input!$K$14=2,K1043*Input!$J$14,0)+IF(Input!$K$15=2,L1043*Input!$J$15,0)+IF(Input!$K$16=2,M1043*Input!$J$16,0)</f>
        <v>8.2707246589754604E-2</v>
      </c>
      <c r="P1043" s="58">
        <f>IF(Input!$K$13=3,J1043*Input!$J$13,0)+IF(Input!$K$14=3,K1043*Input!$J$14,0)+IF(Input!$K$15=3,L1043*Input!$J$15,0)+IF(Input!$K$16=3,M1043*Input!$J$16,0)</f>
        <v>0</v>
      </c>
      <c r="Q1043" s="71">
        <f>IF(Input!$K$13=4,J1043*Input!$J$13,0)+IF(Input!$K$14=4,K1043*Input!$J$14,0)+IF(Input!$K$15=4,L1043*Input!$J$15,0)+IF(Input!$K$16=4,M1043*Input!$J$16,0)</f>
        <v>0</v>
      </c>
    </row>
    <row r="1044" spans="8:17" x14ac:dyDescent="0.25">
      <c r="H1044" s="43">
        <v>1037</v>
      </c>
      <c r="I1044" s="55">
        <f>Bühler!I1070</f>
        <v>2.072065225584498</v>
      </c>
      <c r="J1044" s="58">
        <f>Bühler!J1070</f>
        <v>13.079252483699108</v>
      </c>
      <c r="K1044" s="58">
        <f>Bühler!K1070</f>
        <v>0.61264627103521929</v>
      </c>
      <c r="L1044" s="58">
        <f>Bühler!L1070</f>
        <v>0.30632313551760965</v>
      </c>
      <c r="M1044" s="57">
        <f>Bühler!M1070</f>
        <v>0</v>
      </c>
      <c r="N1044" s="55">
        <f>IF(Input!$K$13=1,J1044*Input!$J$13,0)+IF(Input!$K$14=1,K1044*Input!$J$14,0)+IF(Input!$K$15=1,L1044*Input!$J$15,0)+IF(Input!$K$16=1,M1044*Input!$J$16,0)</f>
        <v>1.5695102980438929</v>
      </c>
      <c r="O1044" s="58">
        <f>IF(Input!$K$13=2,J1044*Input!$J$13,0)+IF(Input!$K$14=2,K1044*Input!$J$14,0)+IF(Input!$K$15=2,L1044*Input!$J$15,0)+IF(Input!$K$16=2,M1044*Input!$J$16,0)</f>
        <v>8.2707246589754604E-2</v>
      </c>
      <c r="P1044" s="58">
        <f>IF(Input!$K$13=3,J1044*Input!$J$13,0)+IF(Input!$K$14=3,K1044*Input!$J$14,0)+IF(Input!$K$15=3,L1044*Input!$J$15,0)+IF(Input!$K$16=3,M1044*Input!$J$16,0)</f>
        <v>0</v>
      </c>
      <c r="Q1044" s="71">
        <f>IF(Input!$K$13=4,J1044*Input!$J$13,0)+IF(Input!$K$14=4,K1044*Input!$J$14,0)+IF(Input!$K$15=4,L1044*Input!$J$15,0)+IF(Input!$K$16=4,M1044*Input!$J$16,0)</f>
        <v>0</v>
      </c>
    </row>
    <row r="1045" spans="8:17" x14ac:dyDescent="0.25">
      <c r="H1045" s="43">
        <v>1038</v>
      </c>
      <c r="I1045" s="55">
        <f>Bühler!I1071</f>
        <v>2.072065225584498</v>
      </c>
      <c r="J1045" s="58">
        <f>Bühler!J1071</f>
        <v>13.079252483699108</v>
      </c>
      <c r="K1045" s="58">
        <f>Bühler!K1071</f>
        <v>0.61264627103521929</v>
      </c>
      <c r="L1045" s="58">
        <f>Bühler!L1071</f>
        <v>0.30632313551760965</v>
      </c>
      <c r="M1045" s="57">
        <f>Bühler!M1071</f>
        <v>0</v>
      </c>
      <c r="N1045" s="55">
        <f>IF(Input!$K$13=1,J1045*Input!$J$13,0)+IF(Input!$K$14=1,K1045*Input!$J$14,0)+IF(Input!$K$15=1,L1045*Input!$J$15,0)+IF(Input!$K$16=1,M1045*Input!$J$16,0)</f>
        <v>1.5695102980438929</v>
      </c>
      <c r="O1045" s="58">
        <f>IF(Input!$K$13=2,J1045*Input!$J$13,0)+IF(Input!$K$14=2,K1045*Input!$J$14,0)+IF(Input!$K$15=2,L1045*Input!$J$15,0)+IF(Input!$K$16=2,M1045*Input!$J$16,0)</f>
        <v>8.2707246589754604E-2</v>
      </c>
      <c r="P1045" s="58">
        <f>IF(Input!$K$13=3,J1045*Input!$J$13,0)+IF(Input!$K$14=3,K1045*Input!$J$14,0)+IF(Input!$K$15=3,L1045*Input!$J$15,0)+IF(Input!$K$16=3,M1045*Input!$J$16,0)</f>
        <v>0</v>
      </c>
      <c r="Q1045" s="71">
        <f>IF(Input!$K$13=4,J1045*Input!$J$13,0)+IF(Input!$K$14=4,K1045*Input!$J$14,0)+IF(Input!$K$15=4,L1045*Input!$J$15,0)+IF(Input!$K$16=4,M1045*Input!$J$16,0)</f>
        <v>0</v>
      </c>
    </row>
    <row r="1046" spans="8:17" x14ac:dyDescent="0.25">
      <c r="H1046" s="43">
        <v>1039</v>
      </c>
      <c r="I1046" s="55">
        <f>Bühler!I1072</f>
        <v>2.072065225584498</v>
      </c>
      <c r="J1046" s="58">
        <f>Bühler!J1072</f>
        <v>13.079252483699108</v>
      </c>
      <c r="K1046" s="58">
        <f>Bühler!K1072</f>
        <v>0.61264627103521929</v>
      </c>
      <c r="L1046" s="58">
        <f>Bühler!L1072</f>
        <v>0.30632313551760965</v>
      </c>
      <c r="M1046" s="57">
        <f>Bühler!M1072</f>
        <v>0</v>
      </c>
      <c r="N1046" s="55">
        <f>IF(Input!$K$13=1,J1046*Input!$J$13,0)+IF(Input!$K$14=1,K1046*Input!$J$14,0)+IF(Input!$K$15=1,L1046*Input!$J$15,0)+IF(Input!$K$16=1,M1046*Input!$J$16,0)</f>
        <v>1.5695102980438929</v>
      </c>
      <c r="O1046" s="58">
        <f>IF(Input!$K$13=2,J1046*Input!$J$13,0)+IF(Input!$K$14=2,K1046*Input!$J$14,0)+IF(Input!$K$15=2,L1046*Input!$J$15,0)+IF(Input!$K$16=2,M1046*Input!$J$16,0)</f>
        <v>8.2707246589754604E-2</v>
      </c>
      <c r="P1046" s="58">
        <f>IF(Input!$K$13=3,J1046*Input!$J$13,0)+IF(Input!$K$14=3,K1046*Input!$J$14,0)+IF(Input!$K$15=3,L1046*Input!$J$15,0)+IF(Input!$K$16=3,M1046*Input!$J$16,0)</f>
        <v>0</v>
      </c>
      <c r="Q1046" s="71">
        <f>IF(Input!$K$13=4,J1046*Input!$J$13,0)+IF(Input!$K$14=4,K1046*Input!$J$14,0)+IF(Input!$K$15=4,L1046*Input!$J$15,0)+IF(Input!$K$16=4,M1046*Input!$J$16,0)</f>
        <v>0</v>
      </c>
    </row>
    <row r="1047" spans="8:17" x14ac:dyDescent="0.25">
      <c r="H1047" s="43">
        <v>1040</v>
      </c>
      <c r="I1047" s="55">
        <f>Bühler!I1073</f>
        <v>9.0134837312925651</v>
      </c>
      <c r="J1047" s="58">
        <f>Bühler!J1073</f>
        <v>55.919641940052685</v>
      </c>
      <c r="K1047" s="58">
        <f>Bühler!K1073</f>
        <v>2.6098731146100338</v>
      </c>
      <c r="L1047" s="58">
        <f>Bühler!L1073</f>
        <v>1.3049365573050169</v>
      </c>
      <c r="M1047" s="57">
        <f>Bühler!M1073</f>
        <v>0</v>
      </c>
      <c r="N1047" s="55">
        <f>IF(Input!$K$13=1,J1047*Input!$J$13,0)+IF(Input!$K$14=1,K1047*Input!$J$14,0)+IF(Input!$K$15=1,L1047*Input!$J$15,0)+IF(Input!$K$16=1,M1047*Input!$J$16,0)</f>
        <v>6.7103570328063222</v>
      </c>
      <c r="O1047" s="58">
        <f>IF(Input!$K$13=2,J1047*Input!$J$13,0)+IF(Input!$K$14=2,K1047*Input!$J$14,0)+IF(Input!$K$15=2,L1047*Input!$J$15,0)+IF(Input!$K$16=2,M1047*Input!$J$16,0)</f>
        <v>0.35233287047235451</v>
      </c>
      <c r="P1047" s="58">
        <f>IF(Input!$K$13=3,J1047*Input!$J$13,0)+IF(Input!$K$14=3,K1047*Input!$J$14,0)+IF(Input!$K$15=3,L1047*Input!$J$15,0)+IF(Input!$K$16=3,M1047*Input!$J$16,0)</f>
        <v>0</v>
      </c>
      <c r="Q1047" s="71">
        <f>IF(Input!$K$13=4,J1047*Input!$J$13,0)+IF(Input!$K$14=4,K1047*Input!$J$14,0)+IF(Input!$K$15=4,L1047*Input!$J$15,0)+IF(Input!$K$16=4,M1047*Input!$J$16,0)</f>
        <v>0</v>
      </c>
    </row>
    <row r="1048" spans="8:17" x14ac:dyDescent="0.25">
      <c r="H1048" s="43">
        <v>1041</v>
      </c>
      <c r="I1048" s="55">
        <f>Bühler!I1074</f>
        <v>10.140169197704138</v>
      </c>
      <c r="J1048" s="58">
        <f>Bühler!J1074</f>
        <v>62.909597182559274</v>
      </c>
      <c r="K1048" s="58">
        <f>Bühler!K1074</f>
        <v>2.9361072539362882</v>
      </c>
      <c r="L1048" s="58">
        <f>Bühler!L1074</f>
        <v>1.4680536269681441</v>
      </c>
      <c r="M1048" s="57">
        <f>Bühler!M1074</f>
        <v>0</v>
      </c>
      <c r="N1048" s="55">
        <f>IF(Input!$K$13=1,J1048*Input!$J$13,0)+IF(Input!$K$14=1,K1048*Input!$J$14,0)+IF(Input!$K$15=1,L1048*Input!$J$15,0)+IF(Input!$K$16=1,M1048*Input!$J$16,0)</f>
        <v>7.5491516619071124</v>
      </c>
      <c r="O1048" s="58">
        <f>IF(Input!$K$13=2,J1048*Input!$J$13,0)+IF(Input!$K$14=2,K1048*Input!$J$14,0)+IF(Input!$K$15=2,L1048*Input!$J$15,0)+IF(Input!$K$16=2,M1048*Input!$J$16,0)</f>
        <v>0.39637447928139891</v>
      </c>
      <c r="P1048" s="58">
        <f>IF(Input!$K$13=3,J1048*Input!$J$13,0)+IF(Input!$K$14=3,K1048*Input!$J$14,0)+IF(Input!$K$15=3,L1048*Input!$J$15,0)+IF(Input!$K$16=3,M1048*Input!$J$16,0)</f>
        <v>0</v>
      </c>
      <c r="Q1048" s="71">
        <f>IF(Input!$K$13=4,J1048*Input!$J$13,0)+IF(Input!$K$14=4,K1048*Input!$J$14,0)+IF(Input!$K$15=4,L1048*Input!$J$15,0)+IF(Input!$K$16=4,M1048*Input!$J$16,0)</f>
        <v>0</v>
      </c>
    </row>
    <row r="1049" spans="8:17" x14ac:dyDescent="0.25">
      <c r="H1049" s="43">
        <v>1042</v>
      </c>
      <c r="I1049" s="55">
        <f>Bühler!I1075</f>
        <v>11.266854664115709</v>
      </c>
      <c r="J1049" s="58">
        <f>Bühler!J1075</f>
        <v>69.899552425065863</v>
      </c>
      <c r="K1049" s="58">
        <f>Bühler!K1075</f>
        <v>3.2623413932625422</v>
      </c>
      <c r="L1049" s="58">
        <f>Bühler!L1075</f>
        <v>1.6311706966312711</v>
      </c>
      <c r="M1049" s="57">
        <f>Bühler!M1075</f>
        <v>0</v>
      </c>
      <c r="N1049" s="55">
        <f>IF(Input!$K$13=1,J1049*Input!$J$13,0)+IF(Input!$K$14=1,K1049*Input!$J$14,0)+IF(Input!$K$15=1,L1049*Input!$J$15,0)+IF(Input!$K$16=1,M1049*Input!$J$16,0)</f>
        <v>8.3879462910079035</v>
      </c>
      <c r="O1049" s="58">
        <f>IF(Input!$K$13=2,J1049*Input!$J$13,0)+IF(Input!$K$14=2,K1049*Input!$J$14,0)+IF(Input!$K$15=2,L1049*Input!$J$15,0)+IF(Input!$K$16=2,M1049*Input!$J$16,0)</f>
        <v>0.44041608809044319</v>
      </c>
      <c r="P1049" s="58">
        <f>IF(Input!$K$13=3,J1049*Input!$J$13,0)+IF(Input!$K$14=3,K1049*Input!$J$14,0)+IF(Input!$K$15=3,L1049*Input!$J$15,0)+IF(Input!$K$16=3,M1049*Input!$J$16,0)</f>
        <v>0</v>
      </c>
      <c r="Q1049" s="71">
        <f>IF(Input!$K$13=4,J1049*Input!$J$13,0)+IF(Input!$K$14=4,K1049*Input!$J$14,0)+IF(Input!$K$15=4,L1049*Input!$J$15,0)+IF(Input!$K$16=4,M1049*Input!$J$16,0)</f>
        <v>0</v>
      </c>
    </row>
    <row r="1050" spans="8:17" x14ac:dyDescent="0.25">
      <c r="H1050" s="43">
        <v>1043</v>
      </c>
      <c r="I1050" s="55">
        <f>Bühler!I1076</f>
        <v>11.266854664115709</v>
      </c>
      <c r="J1050" s="58">
        <f>Bühler!J1076</f>
        <v>69.899552425065863</v>
      </c>
      <c r="K1050" s="58">
        <f>Bühler!K1076</f>
        <v>3.2623413932625422</v>
      </c>
      <c r="L1050" s="58">
        <f>Bühler!L1076</f>
        <v>1.6311706966312711</v>
      </c>
      <c r="M1050" s="57">
        <f>Bühler!M1076</f>
        <v>0</v>
      </c>
      <c r="N1050" s="55">
        <f>IF(Input!$K$13=1,J1050*Input!$J$13,0)+IF(Input!$K$14=1,K1050*Input!$J$14,0)+IF(Input!$K$15=1,L1050*Input!$J$15,0)+IF(Input!$K$16=1,M1050*Input!$J$16,0)</f>
        <v>8.3879462910079035</v>
      </c>
      <c r="O1050" s="58">
        <f>IF(Input!$K$13=2,J1050*Input!$J$13,0)+IF(Input!$K$14=2,K1050*Input!$J$14,0)+IF(Input!$K$15=2,L1050*Input!$J$15,0)+IF(Input!$K$16=2,M1050*Input!$J$16,0)</f>
        <v>0.44041608809044319</v>
      </c>
      <c r="P1050" s="58">
        <f>IF(Input!$K$13=3,J1050*Input!$J$13,0)+IF(Input!$K$14=3,K1050*Input!$J$14,0)+IF(Input!$K$15=3,L1050*Input!$J$15,0)+IF(Input!$K$16=3,M1050*Input!$J$16,0)</f>
        <v>0</v>
      </c>
      <c r="Q1050" s="71">
        <f>IF(Input!$K$13=4,J1050*Input!$J$13,0)+IF(Input!$K$14=4,K1050*Input!$J$14,0)+IF(Input!$K$15=4,L1050*Input!$J$15,0)+IF(Input!$K$16=4,M1050*Input!$J$16,0)</f>
        <v>0</v>
      </c>
    </row>
    <row r="1051" spans="8:17" x14ac:dyDescent="0.25">
      <c r="H1051" s="43">
        <v>1044</v>
      </c>
      <c r="I1051" s="55">
        <f>Bühler!I1077</f>
        <v>13.520225596938849</v>
      </c>
      <c r="J1051" s="58">
        <f>Bühler!J1077</f>
        <v>83.879462910079027</v>
      </c>
      <c r="K1051" s="58">
        <f>Bühler!K1077</f>
        <v>3.9148096719150507</v>
      </c>
      <c r="L1051" s="58">
        <f>Bühler!L1077</f>
        <v>1.9574048359575253</v>
      </c>
      <c r="M1051" s="57">
        <f>Bühler!M1077</f>
        <v>0</v>
      </c>
      <c r="N1051" s="55">
        <f>IF(Input!$K$13=1,J1051*Input!$J$13,0)+IF(Input!$K$14=1,K1051*Input!$J$14,0)+IF(Input!$K$15=1,L1051*Input!$J$15,0)+IF(Input!$K$16=1,M1051*Input!$J$16,0)</f>
        <v>10.065535549209484</v>
      </c>
      <c r="O1051" s="58">
        <f>IF(Input!$K$13=2,J1051*Input!$J$13,0)+IF(Input!$K$14=2,K1051*Input!$J$14,0)+IF(Input!$K$15=2,L1051*Input!$J$15,0)+IF(Input!$K$16=2,M1051*Input!$J$16,0)</f>
        <v>0.52849930570853187</v>
      </c>
      <c r="P1051" s="58">
        <f>IF(Input!$K$13=3,J1051*Input!$J$13,0)+IF(Input!$K$14=3,K1051*Input!$J$14,0)+IF(Input!$K$15=3,L1051*Input!$J$15,0)+IF(Input!$K$16=3,M1051*Input!$J$16,0)</f>
        <v>0</v>
      </c>
      <c r="Q1051" s="71">
        <f>IF(Input!$K$13=4,J1051*Input!$J$13,0)+IF(Input!$K$14=4,K1051*Input!$J$14,0)+IF(Input!$K$15=4,L1051*Input!$J$15,0)+IF(Input!$K$16=4,M1051*Input!$J$16,0)</f>
        <v>0</v>
      </c>
    </row>
    <row r="1052" spans="8:17" x14ac:dyDescent="0.25">
      <c r="H1052" s="43">
        <v>1045</v>
      </c>
      <c r="I1052" s="55">
        <f>Bühler!I1078</f>
        <v>13.520225596938849</v>
      </c>
      <c r="J1052" s="58">
        <f>Bühler!J1078</f>
        <v>83.879462910079027</v>
      </c>
      <c r="K1052" s="58">
        <f>Bühler!K1078</f>
        <v>3.9148096719150507</v>
      </c>
      <c r="L1052" s="58">
        <f>Bühler!L1078</f>
        <v>1.9574048359575253</v>
      </c>
      <c r="M1052" s="57">
        <f>Bühler!M1078</f>
        <v>0</v>
      </c>
      <c r="N1052" s="55">
        <f>IF(Input!$K$13=1,J1052*Input!$J$13,0)+IF(Input!$K$14=1,K1052*Input!$J$14,0)+IF(Input!$K$15=1,L1052*Input!$J$15,0)+IF(Input!$K$16=1,M1052*Input!$J$16,0)</f>
        <v>10.065535549209484</v>
      </c>
      <c r="O1052" s="58">
        <f>IF(Input!$K$13=2,J1052*Input!$J$13,0)+IF(Input!$K$14=2,K1052*Input!$J$14,0)+IF(Input!$K$15=2,L1052*Input!$J$15,0)+IF(Input!$K$16=2,M1052*Input!$J$16,0)</f>
        <v>0.52849930570853187</v>
      </c>
      <c r="P1052" s="58">
        <f>IF(Input!$K$13=3,J1052*Input!$J$13,0)+IF(Input!$K$14=3,K1052*Input!$J$14,0)+IF(Input!$K$15=3,L1052*Input!$J$15,0)+IF(Input!$K$16=3,M1052*Input!$J$16,0)</f>
        <v>0</v>
      </c>
      <c r="Q1052" s="71">
        <f>IF(Input!$K$13=4,J1052*Input!$J$13,0)+IF(Input!$K$14=4,K1052*Input!$J$14,0)+IF(Input!$K$15=4,L1052*Input!$J$15,0)+IF(Input!$K$16=4,M1052*Input!$J$16,0)</f>
        <v>0</v>
      </c>
    </row>
    <row r="1053" spans="8:17" x14ac:dyDescent="0.25">
      <c r="H1053" s="43">
        <v>1046</v>
      </c>
      <c r="I1053" s="55">
        <f>Bühler!I1079</f>
        <v>9.0134837312925651</v>
      </c>
      <c r="J1053" s="58">
        <f>Bühler!J1079</f>
        <v>55.919641940052685</v>
      </c>
      <c r="K1053" s="58">
        <f>Bühler!K1079</f>
        <v>2.6098731146100338</v>
      </c>
      <c r="L1053" s="58">
        <f>Bühler!L1079</f>
        <v>1.3049365573050169</v>
      </c>
      <c r="M1053" s="57">
        <f>Bühler!M1079</f>
        <v>0</v>
      </c>
      <c r="N1053" s="55">
        <f>IF(Input!$K$13=1,J1053*Input!$J$13,0)+IF(Input!$K$14=1,K1053*Input!$J$14,0)+IF(Input!$K$15=1,L1053*Input!$J$15,0)+IF(Input!$K$16=1,M1053*Input!$J$16,0)</f>
        <v>6.7103570328063222</v>
      </c>
      <c r="O1053" s="58">
        <f>IF(Input!$K$13=2,J1053*Input!$J$13,0)+IF(Input!$K$14=2,K1053*Input!$J$14,0)+IF(Input!$K$15=2,L1053*Input!$J$15,0)+IF(Input!$K$16=2,M1053*Input!$J$16,0)</f>
        <v>0.35233287047235451</v>
      </c>
      <c r="P1053" s="58">
        <f>IF(Input!$K$13=3,J1053*Input!$J$13,0)+IF(Input!$K$14=3,K1053*Input!$J$14,0)+IF(Input!$K$15=3,L1053*Input!$J$15,0)+IF(Input!$K$16=3,M1053*Input!$J$16,0)</f>
        <v>0</v>
      </c>
      <c r="Q1053" s="71">
        <f>IF(Input!$K$13=4,J1053*Input!$J$13,0)+IF(Input!$K$14=4,K1053*Input!$J$14,0)+IF(Input!$K$15=4,L1053*Input!$J$15,0)+IF(Input!$K$16=4,M1053*Input!$J$16,0)</f>
        <v>0</v>
      </c>
    </row>
    <row r="1054" spans="8:17" x14ac:dyDescent="0.25">
      <c r="H1054" s="43">
        <v>1047</v>
      </c>
      <c r="I1054" s="55">
        <f>Bühler!I1080</f>
        <v>13.520225596938849</v>
      </c>
      <c r="J1054" s="58">
        <f>Bühler!J1080</f>
        <v>83.879462910079027</v>
      </c>
      <c r="K1054" s="58">
        <f>Bühler!K1080</f>
        <v>3.9148096719150507</v>
      </c>
      <c r="L1054" s="58">
        <f>Bühler!L1080</f>
        <v>1.9574048359575253</v>
      </c>
      <c r="M1054" s="57">
        <f>Bühler!M1080</f>
        <v>0</v>
      </c>
      <c r="N1054" s="55">
        <f>IF(Input!$K$13=1,J1054*Input!$J$13,0)+IF(Input!$K$14=1,K1054*Input!$J$14,0)+IF(Input!$K$15=1,L1054*Input!$J$15,0)+IF(Input!$K$16=1,M1054*Input!$J$16,0)</f>
        <v>10.065535549209484</v>
      </c>
      <c r="O1054" s="58">
        <f>IF(Input!$K$13=2,J1054*Input!$J$13,0)+IF(Input!$K$14=2,K1054*Input!$J$14,0)+IF(Input!$K$15=2,L1054*Input!$J$15,0)+IF(Input!$K$16=2,M1054*Input!$J$16,0)</f>
        <v>0.52849930570853187</v>
      </c>
      <c r="P1054" s="58">
        <f>IF(Input!$K$13=3,J1054*Input!$J$13,0)+IF(Input!$K$14=3,K1054*Input!$J$14,0)+IF(Input!$K$15=3,L1054*Input!$J$15,0)+IF(Input!$K$16=3,M1054*Input!$J$16,0)</f>
        <v>0</v>
      </c>
      <c r="Q1054" s="71">
        <f>IF(Input!$K$13=4,J1054*Input!$J$13,0)+IF(Input!$K$14=4,K1054*Input!$J$14,0)+IF(Input!$K$15=4,L1054*Input!$J$15,0)+IF(Input!$K$16=4,M1054*Input!$J$16,0)</f>
        <v>0</v>
      </c>
    </row>
    <row r="1055" spans="8:17" x14ac:dyDescent="0.25">
      <c r="H1055" s="43">
        <v>1048</v>
      </c>
      <c r="I1055" s="55">
        <f>Bühler!I1081</f>
        <v>13.520225596938849</v>
      </c>
      <c r="J1055" s="58">
        <f>Bühler!J1081</f>
        <v>83.879462910079027</v>
      </c>
      <c r="K1055" s="58">
        <f>Bühler!K1081</f>
        <v>3.9148096719150507</v>
      </c>
      <c r="L1055" s="58">
        <f>Bühler!L1081</f>
        <v>1.9574048359575253</v>
      </c>
      <c r="M1055" s="57">
        <f>Bühler!M1081</f>
        <v>0</v>
      </c>
      <c r="N1055" s="55">
        <f>IF(Input!$K$13=1,J1055*Input!$J$13,0)+IF(Input!$K$14=1,K1055*Input!$J$14,0)+IF(Input!$K$15=1,L1055*Input!$J$15,0)+IF(Input!$K$16=1,M1055*Input!$J$16,0)</f>
        <v>10.065535549209484</v>
      </c>
      <c r="O1055" s="58">
        <f>IF(Input!$K$13=2,J1055*Input!$J$13,0)+IF(Input!$K$14=2,K1055*Input!$J$14,0)+IF(Input!$K$15=2,L1055*Input!$J$15,0)+IF(Input!$K$16=2,M1055*Input!$J$16,0)</f>
        <v>0.52849930570853187</v>
      </c>
      <c r="P1055" s="58">
        <f>IF(Input!$K$13=3,J1055*Input!$J$13,0)+IF(Input!$K$14=3,K1055*Input!$J$14,0)+IF(Input!$K$15=3,L1055*Input!$J$15,0)+IF(Input!$K$16=3,M1055*Input!$J$16,0)</f>
        <v>0</v>
      </c>
      <c r="Q1055" s="71">
        <f>IF(Input!$K$13=4,J1055*Input!$J$13,0)+IF(Input!$K$14=4,K1055*Input!$J$14,0)+IF(Input!$K$15=4,L1055*Input!$J$15,0)+IF(Input!$K$16=4,M1055*Input!$J$16,0)</f>
        <v>0</v>
      </c>
    </row>
    <row r="1056" spans="8:17" x14ac:dyDescent="0.25">
      <c r="H1056" s="43">
        <v>1049</v>
      </c>
      <c r="I1056" s="55">
        <f>Bühler!I1082</f>
        <v>11.266854664115709</v>
      </c>
      <c r="J1056" s="58">
        <f>Bühler!J1082</f>
        <v>52.591414463383714</v>
      </c>
      <c r="K1056" s="58">
        <f>Bühler!K1082</f>
        <v>2.2836389752837798</v>
      </c>
      <c r="L1056" s="58">
        <f>Bühler!L1082</f>
        <v>1.1418194876418899</v>
      </c>
      <c r="M1056" s="57">
        <f>Bühler!M1082</f>
        <v>0</v>
      </c>
      <c r="N1056" s="55">
        <f>IF(Input!$K$13=1,J1056*Input!$J$13,0)+IF(Input!$K$14=1,K1056*Input!$J$14,0)+IF(Input!$K$15=1,L1056*Input!$J$15,0)+IF(Input!$K$16=1,M1056*Input!$J$16,0)</f>
        <v>6.3109697356060455</v>
      </c>
      <c r="O1056" s="58">
        <f>IF(Input!$K$13=2,J1056*Input!$J$13,0)+IF(Input!$K$14=2,K1056*Input!$J$14,0)+IF(Input!$K$15=2,L1056*Input!$J$15,0)+IF(Input!$K$16=2,M1056*Input!$J$16,0)</f>
        <v>0.30829126166331022</v>
      </c>
      <c r="P1056" s="58">
        <f>IF(Input!$K$13=3,J1056*Input!$J$13,0)+IF(Input!$K$14=3,K1056*Input!$J$14,0)+IF(Input!$K$15=3,L1056*Input!$J$15,0)+IF(Input!$K$16=3,M1056*Input!$J$16,0)</f>
        <v>0</v>
      </c>
      <c r="Q1056" s="71">
        <f>IF(Input!$K$13=4,J1056*Input!$J$13,0)+IF(Input!$K$14=4,K1056*Input!$J$14,0)+IF(Input!$K$15=4,L1056*Input!$J$15,0)+IF(Input!$K$16=4,M1056*Input!$J$16,0)</f>
        <v>0</v>
      </c>
    </row>
    <row r="1057" spans="8:17" x14ac:dyDescent="0.25">
      <c r="H1057" s="43">
        <v>1050</v>
      </c>
      <c r="I1057" s="55">
        <f>Bühler!I1083</f>
        <v>9.0652853619321778</v>
      </c>
      <c r="J1057" s="58">
        <f>Bühler!J1083</f>
        <v>21.3594844498813</v>
      </c>
      <c r="K1057" s="58">
        <f>Bühler!K1083</f>
        <v>0.65246827865250845</v>
      </c>
      <c r="L1057" s="58">
        <f>Bühler!L1083</f>
        <v>0.32623413932625422</v>
      </c>
      <c r="M1057" s="57">
        <f>Bühler!M1083</f>
        <v>0</v>
      </c>
      <c r="N1057" s="55">
        <f>IF(Input!$K$13=1,J1057*Input!$J$13,0)+IF(Input!$K$14=1,K1057*Input!$J$14,0)+IF(Input!$K$15=1,L1057*Input!$J$15,0)+IF(Input!$K$16=1,M1057*Input!$J$16,0)</f>
        <v>2.5631381339857557</v>
      </c>
      <c r="O1057" s="58">
        <f>IF(Input!$K$13=2,J1057*Input!$J$13,0)+IF(Input!$K$14=2,K1057*Input!$J$14,0)+IF(Input!$K$15=2,L1057*Input!$J$15,0)+IF(Input!$K$16=2,M1057*Input!$J$16,0)</f>
        <v>8.8083217618088627E-2</v>
      </c>
      <c r="P1057" s="58">
        <f>IF(Input!$K$13=3,J1057*Input!$J$13,0)+IF(Input!$K$14=3,K1057*Input!$J$14,0)+IF(Input!$K$15=3,L1057*Input!$J$15,0)+IF(Input!$K$16=3,M1057*Input!$J$16,0)</f>
        <v>0</v>
      </c>
      <c r="Q1057" s="71">
        <f>IF(Input!$K$13=4,J1057*Input!$J$13,0)+IF(Input!$K$14=4,K1057*Input!$J$14,0)+IF(Input!$K$15=4,L1057*Input!$J$15,0)+IF(Input!$K$16=4,M1057*Input!$J$16,0)</f>
        <v>0</v>
      </c>
    </row>
    <row r="1058" spans="8:17" x14ac:dyDescent="0.25">
      <c r="H1058" s="43">
        <v>1051</v>
      </c>
      <c r="I1058" s="55">
        <f>Bühler!I1084</f>
        <v>3.2376019149757784</v>
      </c>
      <c r="J1058" s="58">
        <f>Bühler!J1084</f>
        <v>14.883642988338792</v>
      </c>
      <c r="K1058" s="58">
        <f>Bühler!K1084</f>
        <v>0.64327858458698017</v>
      </c>
      <c r="L1058" s="58">
        <f>Bühler!L1084</f>
        <v>0.32163929229349009</v>
      </c>
      <c r="M1058" s="57">
        <f>Bühler!M1084</f>
        <v>0</v>
      </c>
      <c r="N1058" s="55">
        <f>IF(Input!$K$13=1,J1058*Input!$J$13,0)+IF(Input!$K$14=1,K1058*Input!$J$14,0)+IF(Input!$K$15=1,L1058*Input!$J$15,0)+IF(Input!$K$16=1,M1058*Input!$J$16,0)</f>
        <v>1.7860371586006549</v>
      </c>
      <c r="O1058" s="58">
        <f>IF(Input!$K$13=2,J1058*Input!$J$13,0)+IF(Input!$K$14=2,K1058*Input!$J$14,0)+IF(Input!$K$15=2,L1058*Input!$J$15,0)+IF(Input!$K$16=2,M1058*Input!$J$16,0)</f>
        <v>8.6842608919242309E-2</v>
      </c>
      <c r="P1058" s="58">
        <f>IF(Input!$K$13=3,J1058*Input!$J$13,0)+IF(Input!$K$14=3,K1058*Input!$J$14,0)+IF(Input!$K$15=3,L1058*Input!$J$15,0)+IF(Input!$K$16=3,M1058*Input!$J$16,0)</f>
        <v>0</v>
      </c>
      <c r="Q1058" s="71">
        <f>IF(Input!$K$13=4,J1058*Input!$J$13,0)+IF(Input!$K$14=4,K1058*Input!$J$14,0)+IF(Input!$K$15=4,L1058*Input!$J$15,0)+IF(Input!$K$16=4,M1058*Input!$J$16,0)</f>
        <v>0</v>
      </c>
    </row>
    <row r="1059" spans="8:17" x14ac:dyDescent="0.25">
      <c r="H1059" s="43">
        <v>1052</v>
      </c>
      <c r="I1059" s="55">
        <f>Bühler!I1085</f>
        <v>3.2376019149757784</v>
      </c>
      <c r="J1059" s="58">
        <f>Bühler!J1085</f>
        <v>14.883642988338792</v>
      </c>
      <c r="K1059" s="58">
        <f>Bühler!K1085</f>
        <v>0.64327858458698017</v>
      </c>
      <c r="L1059" s="58">
        <f>Bühler!L1085</f>
        <v>0.32163929229349009</v>
      </c>
      <c r="M1059" s="57">
        <f>Bühler!M1085</f>
        <v>0</v>
      </c>
      <c r="N1059" s="55">
        <f>IF(Input!$K$13=1,J1059*Input!$J$13,0)+IF(Input!$K$14=1,K1059*Input!$J$14,0)+IF(Input!$K$15=1,L1059*Input!$J$15,0)+IF(Input!$K$16=1,M1059*Input!$J$16,0)</f>
        <v>1.7860371586006549</v>
      </c>
      <c r="O1059" s="58">
        <f>IF(Input!$K$13=2,J1059*Input!$J$13,0)+IF(Input!$K$14=2,K1059*Input!$J$14,0)+IF(Input!$K$15=2,L1059*Input!$J$15,0)+IF(Input!$K$16=2,M1059*Input!$J$16,0)</f>
        <v>8.6842608919242309E-2</v>
      </c>
      <c r="P1059" s="58">
        <f>IF(Input!$K$13=3,J1059*Input!$J$13,0)+IF(Input!$K$14=3,K1059*Input!$J$14,0)+IF(Input!$K$15=3,L1059*Input!$J$15,0)+IF(Input!$K$16=3,M1059*Input!$J$16,0)</f>
        <v>0</v>
      </c>
      <c r="Q1059" s="71">
        <f>IF(Input!$K$13=4,J1059*Input!$J$13,0)+IF(Input!$K$14=4,K1059*Input!$J$14,0)+IF(Input!$K$15=4,L1059*Input!$J$15,0)+IF(Input!$K$16=4,M1059*Input!$J$16,0)</f>
        <v>0</v>
      </c>
    </row>
    <row r="1060" spans="8:17" x14ac:dyDescent="0.25">
      <c r="H1060" s="43">
        <v>1053</v>
      </c>
      <c r="I1060" s="55">
        <f>Bühler!I1086</f>
        <v>3.2376019149757784</v>
      </c>
      <c r="J1060" s="58">
        <f>Bühler!J1086</f>
        <v>14.883642988338792</v>
      </c>
      <c r="K1060" s="58">
        <f>Bühler!K1086</f>
        <v>0.64327858458698017</v>
      </c>
      <c r="L1060" s="58">
        <f>Bühler!L1086</f>
        <v>0.32163929229349009</v>
      </c>
      <c r="M1060" s="57">
        <f>Bühler!M1086</f>
        <v>0</v>
      </c>
      <c r="N1060" s="55">
        <f>IF(Input!$K$13=1,J1060*Input!$J$13,0)+IF(Input!$K$14=1,K1060*Input!$J$14,0)+IF(Input!$K$15=1,L1060*Input!$J$15,0)+IF(Input!$K$16=1,M1060*Input!$J$16,0)</f>
        <v>1.7860371586006549</v>
      </c>
      <c r="O1060" s="58">
        <f>IF(Input!$K$13=2,J1060*Input!$J$13,0)+IF(Input!$K$14=2,K1060*Input!$J$14,0)+IF(Input!$K$15=2,L1060*Input!$J$15,0)+IF(Input!$K$16=2,M1060*Input!$J$16,0)</f>
        <v>8.6842608919242309E-2</v>
      </c>
      <c r="P1060" s="58">
        <f>IF(Input!$K$13=3,J1060*Input!$J$13,0)+IF(Input!$K$14=3,K1060*Input!$J$14,0)+IF(Input!$K$15=3,L1060*Input!$J$15,0)+IF(Input!$K$16=3,M1060*Input!$J$16,0)</f>
        <v>0</v>
      </c>
      <c r="Q1060" s="71">
        <f>IF(Input!$K$13=4,J1060*Input!$J$13,0)+IF(Input!$K$14=4,K1060*Input!$J$14,0)+IF(Input!$K$15=4,L1060*Input!$J$15,0)+IF(Input!$K$16=4,M1060*Input!$J$16,0)</f>
        <v>0</v>
      </c>
    </row>
    <row r="1061" spans="8:17" x14ac:dyDescent="0.25">
      <c r="H1061" s="43">
        <v>1054</v>
      </c>
      <c r="I1061" s="55">
        <f>Bühler!I1087</f>
        <v>3.2376019149757784</v>
      </c>
      <c r="J1061" s="58">
        <f>Bühler!J1087</f>
        <v>14.883642988338792</v>
      </c>
      <c r="K1061" s="58">
        <f>Bühler!K1087</f>
        <v>0.64327858458698017</v>
      </c>
      <c r="L1061" s="58">
        <f>Bühler!L1087</f>
        <v>0.32163929229349009</v>
      </c>
      <c r="M1061" s="57">
        <f>Bühler!M1087</f>
        <v>0</v>
      </c>
      <c r="N1061" s="55">
        <f>IF(Input!$K$13=1,J1061*Input!$J$13,0)+IF(Input!$K$14=1,K1061*Input!$J$14,0)+IF(Input!$K$15=1,L1061*Input!$J$15,0)+IF(Input!$K$16=1,M1061*Input!$J$16,0)</f>
        <v>1.7860371586006549</v>
      </c>
      <c r="O1061" s="58">
        <f>IF(Input!$K$13=2,J1061*Input!$J$13,0)+IF(Input!$K$14=2,K1061*Input!$J$14,0)+IF(Input!$K$15=2,L1061*Input!$J$15,0)+IF(Input!$K$16=2,M1061*Input!$J$16,0)</f>
        <v>8.6842608919242309E-2</v>
      </c>
      <c r="P1061" s="58">
        <f>IF(Input!$K$13=3,J1061*Input!$J$13,0)+IF(Input!$K$14=3,K1061*Input!$J$14,0)+IF(Input!$K$15=3,L1061*Input!$J$15,0)+IF(Input!$K$16=3,M1061*Input!$J$16,0)</f>
        <v>0</v>
      </c>
      <c r="Q1061" s="71">
        <f>IF(Input!$K$13=4,J1061*Input!$J$13,0)+IF(Input!$K$14=4,K1061*Input!$J$14,0)+IF(Input!$K$15=4,L1061*Input!$J$15,0)+IF(Input!$K$16=4,M1061*Input!$J$16,0)</f>
        <v>0</v>
      </c>
    </row>
    <row r="1062" spans="8:17" x14ac:dyDescent="0.25">
      <c r="H1062" s="43">
        <v>1055</v>
      </c>
      <c r="I1062" s="55">
        <f>Bühler!I1088</f>
        <v>3.2376019149757784</v>
      </c>
      <c r="J1062" s="58">
        <f>Bühler!J1088</f>
        <v>14.883642988338792</v>
      </c>
      <c r="K1062" s="58">
        <f>Bühler!K1088</f>
        <v>0.64327858458698017</v>
      </c>
      <c r="L1062" s="58">
        <f>Bühler!L1088</f>
        <v>0.32163929229349009</v>
      </c>
      <c r="M1062" s="57">
        <f>Bühler!M1088</f>
        <v>0</v>
      </c>
      <c r="N1062" s="55">
        <f>IF(Input!$K$13=1,J1062*Input!$J$13,0)+IF(Input!$K$14=1,K1062*Input!$J$14,0)+IF(Input!$K$15=1,L1062*Input!$J$15,0)+IF(Input!$K$16=1,M1062*Input!$J$16,0)</f>
        <v>1.7860371586006549</v>
      </c>
      <c r="O1062" s="58">
        <f>IF(Input!$K$13=2,J1062*Input!$J$13,0)+IF(Input!$K$14=2,K1062*Input!$J$14,0)+IF(Input!$K$15=2,L1062*Input!$J$15,0)+IF(Input!$K$16=2,M1062*Input!$J$16,0)</f>
        <v>8.6842608919242309E-2</v>
      </c>
      <c r="P1062" s="58">
        <f>IF(Input!$K$13=3,J1062*Input!$J$13,0)+IF(Input!$K$14=3,K1062*Input!$J$14,0)+IF(Input!$K$15=3,L1062*Input!$J$15,0)+IF(Input!$K$16=3,M1062*Input!$J$16,0)</f>
        <v>0</v>
      </c>
      <c r="Q1062" s="71">
        <f>IF(Input!$K$13=4,J1062*Input!$J$13,0)+IF(Input!$K$14=4,K1062*Input!$J$14,0)+IF(Input!$K$15=4,L1062*Input!$J$15,0)+IF(Input!$K$16=4,M1062*Input!$J$16,0)</f>
        <v>0</v>
      </c>
    </row>
    <row r="1063" spans="8:17" x14ac:dyDescent="0.25">
      <c r="H1063" s="43">
        <v>1056</v>
      </c>
      <c r="I1063" s="55">
        <f>Bühler!I1089</f>
        <v>3.2376019149757784</v>
      </c>
      <c r="J1063" s="58">
        <f>Bühler!J1089</f>
        <v>14.883642988338792</v>
      </c>
      <c r="K1063" s="58">
        <f>Bühler!K1089</f>
        <v>0.64327858458698017</v>
      </c>
      <c r="L1063" s="58">
        <f>Bühler!L1089</f>
        <v>0.32163929229349009</v>
      </c>
      <c r="M1063" s="57">
        <f>Bühler!M1089</f>
        <v>0</v>
      </c>
      <c r="N1063" s="55">
        <f>IF(Input!$K$13=1,J1063*Input!$J$13,0)+IF(Input!$K$14=1,K1063*Input!$J$14,0)+IF(Input!$K$15=1,L1063*Input!$J$15,0)+IF(Input!$K$16=1,M1063*Input!$J$16,0)</f>
        <v>1.7860371586006549</v>
      </c>
      <c r="O1063" s="58">
        <f>IF(Input!$K$13=2,J1063*Input!$J$13,0)+IF(Input!$K$14=2,K1063*Input!$J$14,0)+IF(Input!$K$15=2,L1063*Input!$J$15,0)+IF(Input!$K$16=2,M1063*Input!$J$16,0)</f>
        <v>8.6842608919242309E-2</v>
      </c>
      <c r="P1063" s="58">
        <f>IF(Input!$K$13=3,J1063*Input!$J$13,0)+IF(Input!$K$14=3,K1063*Input!$J$14,0)+IF(Input!$K$15=3,L1063*Input!$J$15,0)+IF(Input!$K$16=3,M1063*Input!$J$16,0)</f>
        <v>0</v>
      </c>
      <c r="Q1063" s="71">
        <f>IF(Input!$K$13=4,J1063*Input!$J$13,0)+IF(Input!$K$14=4,K1063*Input!$J$14,0)+IF(Input!$K$15=4,L1063*Input!$J$15,0)+IF(Input!$K$16=4,M1063*Input!$J$16,0)</f>
        <v>0</v>
      </c>
    </row>
    <row r="1064" spans="8:17" x14ac:dyDescent="0.25">
      <c r="H1064" s="43">
        <v>1057</v>
      </c>
      <c r="I1064" s="55">
        <f>Bühler!I1090</f>
        <v>3.2464779305268121</v>
      </c>
      <c r="J1064" s="58">
        <f>Bühler!J1090</f>
        <v>10.885944359165753</v>
      </c>
      <c r="K1064" s="58">
        <f>Bühler!K1090</f>
        <v>0.41116909794320622</v>
      </c>
      <c r="L1064" s="58">
        <f>Bühler!L1090</f>
        <v>0.20558454897160311</v>
      </c>
      <c r="M1064" s="57">
        <f>Bühler!M1090</f>
        <v>0</v>
      </c>
      <c r="N1064" s="55">
        <f>IF(Input!$K$13=1,J1064*Input!$J$13,0)+IF(Input!$K$14=1,K1064*Input!$J$14,0)+IF(Input!$K$15=1,L1064*Input!$J$15,0)+IF(Input!$K$16=1,M1064*Input!$J$16,0)</f>
        <v>1.3063133230998905</v>
      </c>
      <c r="O1064" s="58">
        <f>IF(Input!$K$13=2,J1064*Input!$J$13,0)+IF(Input!$K$14=2,K1064*Input!$J$14,0)+IF(Input!$K$15=2,L1064*Input!$J$15,0)+IF(Input!$K$16=2,M1064*Input!$J$16,0)</f>
        <v>5.5507828222332842E-2</v>
      </c>
      <c r="P1064" s="58">
        <f>IF(Input!$K$13=3,J1064*Input!$J$13,0)+IF(Input!$K$14=3,K1064*Input!$J$14,0)+IF(Input!$K$15=3,L1064*Input!$J$15,0)+IF(Input!$K$16=3,M1064*Input!$J$16,0)</f>
        <v>0</v>
      </c>
      <c r="Q1064" s="71">
        <f>IF(Input!$K$13=4,J1064*Input!$J$13,0)+IF(Input!$K$14=4,K1064*Input!$J$14,0)+IF(Input!$K$15=4,L1064*Input!$J$15,0)+IF(Input!$K$16=4,M1064*Input!$J$16,0)</f>
        <v>0</v>
      </c>
    </row>
    <row r="1065" spans="8:17" x14ac:dyDescent="0.25">
      <c r="H1065" s="43">
        <v>1058</v>
      </c>
      <c r="I1065" s="55">
        <f>Bühler!I1091</f>
        <v>3.2464779305268121</v>
      </c>
      <c r="J1065" s="58">
        <f>Bühler!J1091</f>
        <v>14.745858293072677</v>
      </c>
      <c r="K1065" s="58">
        <f>Bühler!K1091</f>
        <v>0.62654338734202863</v>
      </c>
      <c r="L1065" s="58">
        <f>Bühler!L1091</f>
        <v>0.31327169367101432</v>
      </c>
      <c r="M1065" s="57">
        <f>Bühler!M1091</f>
        <v>0</v>
      </c>
      <c r="N1065" s="55">
        <f>IF(Input!$K$13=1,J1065*Input!$J$13,0)+IF(Input!$K$14=1,K1065*Input!$J$14,0)+IF(Input!$K$15=1,L1065*Input!$J$15,0)+IF(Input!$K$16=1,M1065*Input!$J$16,0)</f>
        <v>1.7695029951687211</v>
      </c>
      <c r="O1065" s="58">
        <f>IF(Input!$K$13=2,J1065*Input!$J$13,0)+IF(Input!$K$14=2,K1065*Input!$J$14,0)+IF(Input!$K$15=2,L1065*Input!$J$15,0)+IF(Input!$K$16=2,M1065*Input!$J$16,0)</f>
        <v>8.4583357291173861E-2</v>
      </c>
      <c r="P1065" s="58">
        <f>IF(Input!$K$13=3,J1065*Input!$J$13,0)+IF(Input!$K$14=3,K1065*Input!$J$14,0)+IF(Input!$K$15=3,L1065*Input!$J$15,0)+IF(Input!$K$16=3,M1065*Input!$J$16,0)</f>
        <v>0</v>
      </c>
      <c r="Q1065" s="71">
        <f>IF(Input!$K$13=4,J1065*Input!$J$13,0)+IF(Input!$K$14=4,K1065*Input!$J$14,0)+IF(Input!$K$15=4,L1065*Input!$J$15,0)+IF(Input!$K$16=4,M1065*Input!$J$16,0)</f>
        <v>0</v>
      </c>
    </row>
    <row r="1066" spans="8:17" x14ac:dyDescent="0.25">
      <c r="H1066" s="43">
        <v>1059</v>
      </c>
      <c r="I1066" s="55">
        <f>Bühler!I1092</f>
        <v>3.2464779305268121</v>
      </c>
      <c r="J1066" s="58">
        <f>Bühler!J1092</f>
        <v>14.745858293072677</v>
      </c>
      <c r="K1066" s="58">
        <f>Bühler!K1092</f>
        <v>0.62654338734202863</v>
      </c>
      <c r="L1066" s="58">
        <f>Bühler!L1092</f>
        <v>0.31327169367101432</v>
      </c>
      <c r="M1066" s="57">
        <f>Bühler!M1092</f>
        <v>0</v>
      </c>
      <c r="N1066" s="55">
        <f>IF(Input!$K$13=1,J1066*Input!$J$13,0)+IF(Input!$K$14=1,K1066*Input!$J$14,0)+IF(Input!$K$15=1,L1066*Input!$J$15,0)+IF(Input!$K$16=1,M1066*Input!$J$16,0)</f>
        <v>1.7695029951687211</v>
      </c>
      <c r="O1066" s="58">
        <f>IF(Input!$K$13=2,J1066*Input!$J$13,0)+IF(Input!$K$14=2,K1066*Input!$J$14,0)+IF(Input!$K$15=2,L1066*Input!$J$15,0)+IF(Input!$K$16=2,M1066*Input!$J$16,0)</f>
        <v>8.4583357291173861E-2</v>
      </c>
      <c r="P1066" s="58">
        <f>IF(Input!$K$13=3,J1066*Input!$J$13,0)+IF(Input!$K$14=3,K1066*Input!$J$14,0)+IF(Input!$K$15=3,L1066*Input!$J$15,0)+IF(Input!$K$16=3,M1066*Input!$J$16,0)</f>
        <v>0</v>
      </c>
      <c r="Q1066" s="71">
        <f>IF(Input!$K$13=4,J1066*Input!$J$13,0)+IF(Input!$K$14=4,K1066*Input!$J$14,0)+IF(Input!$K$15=4,L1066*Input!$J$15,0)+IF(Input!$K$16=4,M1066*Input!$J$16,0)</f>
        <v>0</v>
      </c>
    </row>
    <row r="1067" spans="8:17" x14ac:dyDescent="0.25">
      <c r="H1067" s="43">
        <v>1060</v>
      </c>
      <c r="I1067" s="55">
        <f>Bühler!I1093</f>
        <v>3.2464779305268121</v>
      </c>
      <c r="J1067" s="58">
        <f>Bühler!J1093</f>
        <v>14.745858293072677</v>
      </c>
      <c r="K1067" s="58">
        <f>Bühler!K1093</f>
        <v>0.62654338734202863</v>
      </c>
      <c r="L1067" s="58">
        <f>Bühler!L1093</f>
        <v>0.31327169367101432</v>
      </c>
      <c r="M1067" s="57">
        <f>Bühler!M1093</f>
        <v>0</v>
      </c>
      <c r="N1067" s="55">
        <f>IF(Input!$K$13=1,J1067*Input!$J$13,0)+IF(Input!$K$14=1,K1067*Input!$J$14,0)+IF(Input!$K$15=1,L1067*Input!$J$15,0)+IF(Input!$K$16=1,M1067*Input!$J$16,0)</f>
        <v>1.7695029951687211</v>
      </c>
      <c r="O1067" s="58">
        <f>IF(Input!$K$13=2,J1067*Input!$J$13,0)+IF(Input!$K$14=2,K1067*Input!$J$14,0)+IF(Input!$K$15=2,L1067*Input!$J$15,0)+IF(Input!$K$16=2,M1067*Input!$J$16,0)</f>
        <v>8.4583357291173861E-2</v>
      </c>
      <c r="P1067" s="58">
        <f>IF(Input!$K$13=3,J1067*Input!$J$13,0)+IF(Input!$K$14=3,K1067*Input!$J$14,0)+IF(Input!$K$15=3,L1067*Input!$J$15,0)+IF(Input!$K$16=3,M1067*Input!$J$16,0)</f>
        <v>0</v>
      </c>
      <c r="Q1067" s="71">
        <f>IF(Input!$K$13=4,J1067*Input!$J$13,0)+IF(Input!$K$14=4,K1067*Input!$J$14,0)+IF(Input!$K$15=4,L1067*Input!$J$15,0)+IF(Input!$K$16=4,M1067*Input!$J$16,0)</f>
        <v>0</v>
      </c>
    </row>
    <row r="1068" spans="8:17" x14ac:dyDescent="0.25">
      <c r="H1068" s="43">
        <v>1061</v>
      </c>
      <c r="I1068" s="55">
        <f>Bühler!I1094</f>
        <v>3.2464779305268121</v>
      </c>
      <c r="J1068" s="58">
        <f>Bühler!J1094</f>
        <v>14.745858293072677</v>
      </c>
      <c r="K1068" s="58">
        <f>Bühler!K1094</f>
        <v>0.62654338734202863</v>
      </c>
      <c r="L1068" s="58">
        <f>Bühler!L1094</f>
        <v>0.31327169367101432</v>
      </c>
      <c r="M1068" s="57">
        <f>Bühler!M1094</f>
        <v>0</v>
      </c>
      <c r="N1068" s="55">
        <f>IF(Input!$K$13=1,J1068*Input!$J$13,0)+IF(Input!$K$14=1,K1068*Input!$J$14,0)+IF(Input!$K$15=1,L1068*Input!$J$15,0)+IF(Input!$K$16=1,M1068*Input!$J$16,0)</f>
        <v>1.7695029951687211</v>
      </c>
      <c r="O1068" s="58">
        <f>IF(Input!$K$13=2,J1068*Input!$J$13,0)+IF(Input!$K$14=2,K1068*Input!$J$14,0)+IF(Input!$K$15=2,L1068*Input!$J$15,0)+IF(Input!$K$16=2,M1068*Input!$J$16,0)</f>
        <v>8.4583357291173861E-2</v>
      </c>
      <c r="P1068" s="58">
        <f>IF(Input!$K$13=3,J1068*Input!$J$13,0)+IF(Input!$K$14=3,K1068*Input!$J$14,0)+IF(Input!$K$15=3,L1068*Input!$J$15,0)+IF(Input!$K$16=3,M1068*Input!$J$16,0)</f>
        <v>0</v>
      </c>
      <c r="Q1068" s="71">
        <f>IF(Input!$K$13=4,J1068*Input!$J$13,0)+IF(Input!$K$14=4,K1068*Input!$J$14,0)+IF(Input!$K$15=4,L1068*Input!$J$15,0)+IF(Input!$K$16=4,M1068*Input!$J$16,0)</f>
        <v>0</v>
      </c>
    </row>
    <row r="1069" spans="8:17" x14ac:dyDescent="0.25">
      <c r="H1069" s="43">
        <v>1062</v>
      </c>
      <c r="I1069" s="55">
        <f>Bühler!I1095</f>
        <v>3.2464779305268121</v>
      </c>
      <c r="J1069" s="58">
        <f>Bühler!J1095</f>
        <v>14.745858293072677</v>
      </c>
      <c r="K1069" s="58">
        <f>Bühler!K1095</f>
        <v>0.62654338734202863</v>
      </c>
      <c r="L1069" s="58">
        <f>Bühler!L1095</f>
        <v>0.31327169367101432</v>
      </c>
      <c r="M1069" s="57">
        <f>Bühler!M1095</f>
        <v>0</v>
      </c>
      <c r="N1069" s="55">
        <f>IF(Input!$K$13=1,J1069*Input!$J$13,0)+IF(Input!$K$14=1,K1069*Input!$J$14,0)+IF(Input!$K$15=1,L1069*Input!$J$15,0)+IF(Input!$K$16=1,M1069*Input!$J$16,0)</f>
        <v>1.7695029951687211</v>
      </c>
      <c r="O1069" s="58">
        <f>IF(Input!$K$13=2,J1069*Input!$J$13,0)+IF(Input!$K$14=2,K1069*Input!$J$14,0)+IF(Input!$K$15=2,L1069*Input!$J$15,0)+IF(Input!$K$16=2,M1069*Input!$J$16,0)</f>
        <v>8.4583357291173861E-2</v>
      </c>
      <c r="P1069" s="58">
        <f>IF(Input!$K$13=3,J1069*Input!$J$13,0)+IF(Input!$K$14=3,K1069*Input!$J$14,0)+IF(Input!$K$15=3,L1069*Input!$J$15,0)+IF(Input!$K$16=3,M1069*Input!$J$16,0)</f>
        <v>0</v>
      </c>
      <c r="Q1069" s="71">
        <f>IF(Input!$K$13=4,J1069*Input!$J$13,0)+IF(Input!$K$14=4,K1069*Input!$J$14,0)+IF(Input!$K$15=4,L1069*Input!$J$15,0)+IF(Input!$K$16=4,M1069*Input!$J$16,0)</f>
        <v>0</v>
      </c>
    </row>
    <row r="1070" spans="8:17" x14ac:dyDescent="0.25">
      <c r="H1070" s="43">
        <v>1063</v>
      </c>
      <c r="I1070" s="55">
        <f>Bühler!I1096</f>
        <v>3.2464779305268121</v>
      </c>
      <c r="J1070" s="58">
        <f>Bühler!J1096</f>
        <v>14.745858293072677</v>
      </c>
      <c r="K1070" s="58">
        <f>Bühler!K1096</f>
        <v>0.62654338734202863</v>
      </c>
      <c r="L1070" s="58">
        <f>Bühler!L1096</f>
        <v>0.31327169367101432</v>
      </c>
      <c r="M1070" s="57">
        <f>Bühler!M1096</f>
        <v>0</v>
      </c>
      <c r="N1070" s="55">
        <f>IF(Input!$K$13=1,J1070*Input!$J$13,0)+IF(Input!$K$14=1,K1070*Input!$J$14,0)+IF(Input!$K$15=1,L1070*Input!$J$15,0)+IF(Input!$K$16=1,M1070*Input!$J$16,0)</f>
        <v>1.7695029951687211</v>
      </c>
      <c r="O1070" s="58">
        <f>IF(Input!$K$13=2,J1070*Input!$J$13,0)+IF(Input!$K$14=2,K1070*Input!$J$14,0)+IF(Input!$K$15=2,L1070*Input!$J$15,0)+IF(Input!$K$16=2,M1070*Input!$J$16,0)</f>
        <v>8.4583357291173861E-2</v>
      </c>
      <c r="P1070" s="58">
        <f>IF(Input!$K$13=3,J1070*Input!$J$13,0)+IF(Input!$K$14=3,K1070*Input!$J$14,0)+IF(Input!$K$15=3,L1070*Input!$J$15,0)+IF(Input!$K$16=3,M1070*Input!$J$16,0)</f>
        <v>0</v>
      </c>
      <c r="Q1070" s="71">
        <f>IF(Input!$K$13=4,J1070*Input!$J$13,0)+IF(Input!$K$14=4,K1070*Input!$J$14,0)+IF(Input!$K$15=4,L1070*Input!$J$15,0)+IF(Input!$K$16=4,M1070*Input!$J$16,0)</f>
        <v>0</v>
      </c>
    </row>
    <row r="1071" spans="8:17" x14ac:dyDescent="0.25">
      <c r="H1071" s="43">
        <v>1064</v>
      </c>
      <c r="I1071" s="55">
        <f>Bühler!I1097</f>
        <v>9.3519509418078819</v>
      </c>
      <c r="J1071" s="58">
        <f>Bühler!J1097</f>
        <v>57.467861067326183</v>
      </c>
      <c r="K1071" s="58">
        <f>Bühler!K1097</f>
        <v>2.641271967263739</v>
      </c>
      <c r="L1071" s="58">
        <f>Bühler!L1097</f>
        <v>1.3206359836318695</v>
      </c>
      <c r="M1071" s="57">
        <f>Bühler!M1097</f>
        <v>0</v>
      </c>
      <c r="N1071" s="55">
        <f>IF(Input!$K$13=1,J1071*Input!$J$13,0)+IF(Input!$K$14=1,K1071*Input!$J$14,0)+IF(Input!$K$15=1,L1071*Input!$J$15,0)+IF(Input!$K$16=1,M1071*Input!$J$16,0)</f>
        <v>6.896143328079142</v>
      </c>
      <c r="O1071" s="58">
        <f>IF(Input!$K$13=2,J1071*Input!$J$13,0)+IF(Input!$K$14=2,K1071*Input!$J$14,0)+IF(Input!$K$15=2,L1071*Input!$J$15,0)+IF(Input!$K$16=2,M1071*Input!$J$16,0)</f>
        <v>0.35657171558060474</v>
      </c>
      <c r="P1071" s="58">
        <f>IF(Input!$K$13=3,J1071*Input!$J$13,0)+IF(Input!$K$14=3,K1071*Input!$J$14,0)+IF(Input!$K$15=3,L1071*Input!$J$15,0)+IF(Input!$K$16=3,M1071*Input!$J$16,0)</f>
        <v>0</v>
      </c>
      <c r="Q1071" s="71">
        <f>IF(Input!$K$13=4,J1071*Input!$J$13,0)+IF(Input!$K$14=4,K1071*Input!$J$14,0)+IF(Input!$K$15=4,L1071*Input!$J$15,0)+IF(Input!$K$16=4,M1071*Input!$J$16,0)</f>
        <v>0</v>
      </c>
    </row>
    <row r="1072" spans="8:17" x14ac:dyDescent="0.25">
      <c r="H1072" s="43">
        <v>1065</v>
      </c>
      <c r="I1072" s="55">
        <f>Bühler!I1098</f>
        <v>10.434808419280374</v>
      </c>
      <c r="J1072" s="58">
        <f>Bühler!J1098</f>
        <v>64.122034454069222</v>
      </c>
      <c r="K1072" s="58">
        <f>Bühler!K1098</f>
        <v>2.947103458210067</v>
      </c>
      <c r="L1072" s="58">
        <f>Bühler!L1098</f>
        <v>1.4735517291050335</v>
      </c>
      <c r="M1072" s="57">
        <f>Bühler!M1098</f>
        <v>0</v>
      </c>
      <c r="N1072" s="55">
        <f>IF(Input!$K$13=1,J1072*Input!$J$13,0)+IF(Input!$K$14=1,K1072*Input!$J$14,0)+IF(Input!$K$15=1,L1072*Input!$J$15,0)+IF(Input!$K$16=1,M1072*Input!$J$16,0)</f>
        <v>7.6946441344883061</v>
      </c>
      <c r="O1072" s="58">
        <f>IF(Input!$K$13=2,J1072*Input!$J$13,0)+IF(Input!$K$14=2,K1072*Input!$J$14,0)+IF(Input!$K$15=2,L1072*Input!$J$15,0)+IF(Input!$K$16=2,M1072*Input!$J$16,0)</f>
        <v>0.39785896685835909</v>
      </c>
      <c r="P1072" s="58">
        <f>IF(Input!$K$13=3,J1072*Input!$J$13,0)+IF(Input!$K$14=3,K1072*Input!$J$14,0)+IF(Input!$K$15=3,L1072*Input!$J$15,0)+IF(Input!$K$16=3,M1072*Input!$J$16,0)</f>
        <v>0</v>
      </c>
      <c r="Q1072" s="71">
        <f>IF(Input!$K$13=4,J1072*Input!$J$13,0)+IF(Input!$K$14=4,K1072*Input!$J$14,0)+IF(Input!$K$15=4,L1072*Input!$J$15,0)+IF(Input!$K$16=4,M1072*Input!$J$16,0)</f>
        <v>0</v>
      </c>
    </row>
    <row r="1073" spans="8:17" x14ac:dyDescent="0.25">
      <c r="H1073" s="43">
        <v>1066</v>
      </c>
      <c r="I1073" s="55">
        <f>Bühler!I1099</f>
        <v>11.517665896752865</v>
      </c>
      <c r="J1073" s="58">
        <f>Bühler!J1099</f>
        <v>70.776207840812248</v>
      </c>
      <c r="K1073" s="58">
        <f>Bühler!K1099</f>
        <v>3.2529349491563946</v>
      </c>
      <c r="L1073" s="58">
        <f>Bühler!L1099</f>
        <v>1.6264674745781973</v>
      </c>
      <c r="M1073" s="57">
        <f>Bühler!M1099</f>
        <v>0</v>
      </c>
      <c r="N1073" s="55">
        <f>IF(Input!$K$13=1,J1073*Input!$J$13,0)+IF(Input!$K$14=1,K1073*Input!$J$14,0)+IF(Input!$K$15=1,L1073*Input!$J$15,0)+IF(Input!$K$16=1,M1073*Input!$J$16,0)</f>
        <v>8.4931449408974693</v>
      </c>
      <c r="O1073" s="58">
        <f>IF(Input!$K$13=2,J1073*Input!$J$13,0)+IF(Input!$K$14=2,K1073*Input!$J$14,0)+IF(Input!$K$15=2,L1073*Input!$J$15,0)+IF(Input!$K$16=2,M1073*Input!$J$16,0)</f>
        <v>0.43914621813611326</v>
      </c>
      <c r="P1073" s="58">
        <f>IF(Input!$K$13=3,J1073*Input!$J$13,0)+IF(Input!$K$14=3,K1073*Input!$J$14,0)+IF(Input!$K$15=3,L1073*Input!$J$15,0)+IF(Input!$K$16=3,M1073*Input!$J$16,0)</f>
        <v>0</v>
      </c>
      <c r="Q1073" s="71">
        <f>IF(Input!$K$13=4,J1073*Input!$J$13,0)+IF(Input!$K$14=4,K1073*Input!$J$14,0)+IF(Input!$K$15=4,L1073*Input!$J$15,0)+IF(Input!$K$16=4,M1073*Input!$J$16,0)</f>
        <v>0</v>
      </c>
    </row>
    <row r="1074" spans="8:17" x14ac:dyDescent="0.25">
      <c r="H1074" s="43">
        <v>1067</v>
      </c>
      <c r="I1074" s="55">
        <f>Bühler!I1100</f>
        <v>11.517665896752865</v>
      </c>
      <c r="J1074" s="58">
        <f>Bühler!J1100</f>
        <v>70.776207840812248</v>
      </c>
      <c r="K1074" s="58">
        <f>Bühler!K1100</f>
        <v>3.2529349491563946</v>
      </c>
      <c r="L1074" s="58">
        <f>Bühler!L1100</f>
        <v>1.6264674745781973</v>
      </c>
      <c r="M1074" s="57">
        <f>Bühler!M1100</f>
        <v>0</v>
      </c>
      <c r="N1074" s="55">
        <f>IF(Input!$K$13=1,J1074*Input!$J$13,0)+IF(Input!$K$14=1,K1074*Input!$J$14,0)+IF(Input!$K$15=1,L1074*Input!$J$15,0)+IF(Input!$K$16=1,M1074*Input!$J$16,0)</f>
        <v>8.4931449408974693</v>
      </c>
      <c r="O1074" s="58">
        <f>IF(Input!$K$13=2,J1074*Input!$J$13,0)+IF(Input!$K$14=2,K1074*Input!$J$14,0)+IF(Input!$K$15=2,L1074*Input!$J$15,0)+IF(Input!$K$16=2,M1074*Input!$J$16,0)</f>
        <v>0.43914621813611326</v>
      </c>
      <c r="P1074" s="58">
        <f>IF(Input!$K$13=3,J1074*Input!$J$13,0)+IF(Input!$K$14=3,K1074*Input!$J$14,0)+IF(Input!$K$15=3,L1074*Input!$J$15,0)+IF(Input!$K$16=3,M1074*Input!$J$16,0)</f>
        <v>0</v>
      </c>
      <c r="Q1074" s="71">
        <f>IF(Input!$K$13=4,J1074*Input!$J$13,0)+IF(Input!$K$14=4,K1074*Input!$J$14,0)+IF(Input!$K$15=4,L1074*Input!$J$15,0)+IF(Input!$K$16=4,M1074*Input!$J$16,0)</f>
        <v>0</v>
      </c>
    </row>
    <row r="1075" spans="8:17" x14ac:dyDescent="0.25">
      <c r="H1075" s="43">
        <v>1068</v>
      </c>
      <c r="I1075" s="55">
        <f>Bühler!I1101</f>
        <v>13.781822440558985</v>
      </c>
      <c r="J1075" s="58">
        <f>Bühler!J1101</f>
        <v>84.689479467638591</v>
      </c>
      <c r="K1075" s="58">
        <f>Bühler!K1101</f>
        <v>3.8924007938623522</v>
      </c>
      <c r="L1075" s="58">
        <f>Bühler!L1101</f>
        <v>1.9462003969311761</v>
      </c>
      <c r="M1075" s="57">
        <f>Bühler!M1101</f>
        <v>0</v>
      </c>
      <c r="N1075" s="55">
        <f>IF(Input!$K$13=1,J1075*Input!$J$13,0)+IF(Input!$K$14=1,K1075*Input!$J$14,0)+IF(Input!$K$15=1,L1075*Input!$J$15,0)+IF(Input!$K$16=1,M1075*Input!$J$16,0)</f>
        <v>10.16273753611663</v>
      </c>
      <c r="O1075" s="58">
        <f>IF(Input!$K$13=2,J1075*Input!$J$13,0)+IF(Input!$K$14=2,K1075*Input!$J$14,0)+IF(Input!$K$15=2,L1075*Input!$J$15,0)+IF(Input!$K$16=2,M1075*Input!$J$16,0)</f>
        <v>0.52547410717141751</v>
      </c>
      <c r="P1075" s="58">
        <f>IF(Input!$K$13=3,J1075*Input!$J$13,0)+IF(Input!$K$14=3,K1075*Input!$J$14,0)+IF(Input!$K$15=3,L1075*Input!$J$15,0)+IF(Input!$K$16=3,M1075*Input!$J$16,0)</f>
        <v>0</v>
      </c>
      <c r="Q1075" s="71">
        <f>IF(Input!$K$13=4,J1075*Input!$J$13,0)+IF(Input!$K$14=4,K1075*Input!$J$14,0)+IF(Input!$K$15=4,L1075*Input!$J$15,0)+IF(Input!$K$16=4,M1075*Input!$J$16,0)</f>
        <v>0</v>
      </c>
    </row>
    <row r="1076" spans="8:17" x14ac:dyDescent="0.25">
      <c r="H1076" s="43">
        <v>1069</v>
      </c>
      <c r="I1076" s="55">
        <f>Bühler!I1102</f>
        <v>13.781822440558985</v>
      </c>
      <c r="J1076" s="58">
        <f>Bühler!J1102</f>
        <v>84.689479467638591</v>
      </c>
      <c r="K1076" s="58">
        <f>Bühler!K1102</f>
        <v>3.8924007938623522</v>
      </c>
      <c r="L1076" s="58">
        <f>Bühler!L1102</f>
        <v>1.9462003969311761</v>
      </c>
      <c r="M1076" s="57">
        <f>Bühler!M1102</f>
        <v>0</v>
      </c>
      <c r="N1076" s="55">
        <f>IF(Input!$K$13=1,J1076*Input!$J$13,0)+IF(Input!$K$14=1,K1076*Input!$J$14,0)+IF(Input!$K$15=1,L1076*Input!$J$15,0)+IF(Input!$K$16=1,M1076*Input!$J$16,0)</f>
        <v>10.16273753611663</v>
      </c>
      <c r="O1076" s="58">
        <f>IF(Input!$K$13=2,J1076*Input!$J$13,0)+IF(Input!$K$14=2,K1076*Input!$J$14,0)+IF(Input!$K$15=2,L1076*Input!$J$15,0)+IF(Input!$K$16=2,M1076*Input!$J$16,0)</f>
        <v>0.52547410717141751</v>
      </c>
      <c r="P1076" s="58">
        <f>IF(Input!$K$13=3,J1076*Input!$J$13,0)+IF(Input!$K$14=3,K1076*Input!$J$14,0)+IF(Input!$K$15=3,L1076*Input!$J$15,0)+IF(Input!$K$16=3,M1076*Input!$J$16,0)</f>
        <v>0</v>
      </c>
      <c r="Q1076" s="71">
        <f>IF(Input!$K$13=4,J1076*Input!$J$13,0)+IF(Input!$K$14=4,K1076*Input!$J$14,0)+IF(Input!$K$15=4,L1076*Input!$J$15,0)+IF(Input!$K$16=4,M1076*Input!$J$16,0)</f>
        <v>0</v>
      </c>
    </row>
    <row r="1077" spans="8:17" x14ac:dyDescent="0.25">
      <c r="H1077" s="43">
        <v>1070</v>
      </c>
      <c r="I1077" s="55">
        <f>Bühler!I1103</f>
        <v>9.155067764085608</v>
      </c>
      <c r="J1077" s="58">
        <f>Bühler!J1103</f>
        <v>56.258011360645632</v>
      </c>
      <c r="K1077" s="58">
        <f>Bühler!K1103</f>
        <v>2.5856662416371341</v>
      </c>
      <c r="L1077" s="58">
        <f>Bühler!L1103</f>
        <v>1.292833120818567</v>
      </c>
      <c r="M1077" s="57">
        <f>Bühler!M1103</f>
        <v>0</v>
      </c>
      <c r="N1077" s="55">
        <f>IF(Input!$K$13=1,J1077*Input!$J$13,0)+IF(Input!$K$14=1,K1077*Input!$J$14,0)+IF(Input!$K$15=1,L1077*Input!$J$15,0)+IF(Input!$K$16=1,M1077*Input!$J$16,0)</f>
        <v>6.7509613632774759</v>
      </c>
      <c r="O1077" s="58">
        <f>IF(Input!$K$13=2,J1077*Input!$J$13,0)+IF(Input!$K$14=2,K1077*Input!$J$14,0)+IF(Input!$K$15=2,L1077*Input!$J$15,0)+IF(Input!$K$16=2,M1077*Input!$J$16,0)</f>
        <v>0.34906494262101306</v>
      </c>
      <c r="P1077" s="58">
        <f>IF(Input!$K$13=3,J1077*Input!$J$13,0)+IF(Input!$K$14=3,K1077*Input!$J$14,0)+IF(Input!$K$15=3,L1077*Input!$J$15,0)+IF(Input!$K$16=3,M1077*Input!$J$16,0)</f>
        <v>0</v>
      </c>
      <c r="Q1077" s="71">
        <f>IF(Input!$K$13=4,J1077*Input!$J$13,0)+IF(Input!$K$14=4,K1077*Input!$J$14,0)+IF(Input!$K$15=4,L1077*Input!$J$15,0)+IF(Input!$K$16=4,M1077*Input!$J$16,0)</f>
        <v>0</v>
      </c>
    </row>
    <row r="1078" spans="8:17" x14ac:dyDescent="0.25">
      <c r="H1078" s="43">
        <v>1071</v>
      </c>
      <c r="I1078" s="55">
        <f>Bühler!I1104</f>
        <v>13.781822440558985</v>
      </c>
      <c r="J1078" s="58">
        <f>Bühler!J1104</f>
        <v>84.689479467638591</v>
      </c>
      <c r="K1078" s="58">
        <f>Bühler!K1104</f>
        <v>3.8924007938623522</v>
      </c>
      <c r="L1078" s="58">
        <f>Bühler!L1104</f>
        <v>1.9462003969311761</v>
      </c>
      <c r="M1078" s="57">
        <f>Bühler!M1104</f>
        <v>0</v>
      </c>
      <c r="N1078" s="55">
        <f>IF(Input!$K$13=1,J1078*Input!$J$13,0)+IF(Input!$K$14=1,K1078*Input!$J$14,0)+IF(Input!$K$15=1,L1078*Input!$J$15,0)+IF(Input!$K$16=1,M1078*Input!$J$16,0)</f>
        <v>10.16273753611663</v>
      </c>
      <c r="O1078" s="58">
        <f>IF(Input!$K$13=2,J1078*Input!$J$13,0)+IF(Input!$K$14=2,K1078*Input!$J$14,0)+IF(Input!$K$15=2,L1078*Input!$J$15,0)+IF(Input!$K$16=2,M1078*Input!$J$16,0)</f>
        <v>0.52547410717141751</v>
      </c>
      <c r="P1078" s="58">
        <f>IF(Input!$K$13=3,J1078*Input!$J$13,0)+IF(Input!$K$14=3,K1078*Input!$J$14,0)+IF(Input!$K$15=3,L1078*Input!$J$15,0)+IF(Input!$K$16=3,M1078*Input!$J$16,0)</f>
        <v>0</v>
      </c>
      <c r="Q1078" s="71">
        <f>IF(Input!$K$13=4,J1078*Input!$J$13,0)+IF(Input!$K$14=4,K1078*Input!$J$14,0)+IF(Input!$K$15=4,L1078*Input!$J$15,0)+IF(Input!$K$16=4,M1078*Input!$J$16,0)</f>
        <v>0</v>
      </c>
    </row>
    <row r="1079" spans="8:17" x14ac:dyDescent="0.25">
      <c r="H1079" s="43">
        <v>1072</v>
      </c>
      <c r="I1079" s="55">
        <f>Bühler!I1105</f>
        <v>13.781822440558985</v>
      </c>
      <c r="J1079" s="58">
        <f>Bühler!J1105</f>
        <v>84.689479467638591</v>
      </c>
      <c r="K1079" s="58">
        <f>Bühler!K1105</f>
        <v>3.8924007938623522</v>
      </c>
      <c r="L1079" s="58">
        <f>Bühler!L1105</f>
        <v>1.9462003969311761</v>
      </c>
      <c r="M1079" s="57">
        <f>Bühler!M1105</f>
        <v>0</v>
      </c>
      <c r="N1079" s="55">
        <f>IF(Input!$K$13=1,J1079*Input!$J$13,0)+IF(Input!$K$14=1,K1079*Input!$J$14,0)+IF(Input!$K$15=1,L1079*Input!$J$15,0)+IF(Input!$K$16=1,M1079*Input!$J$16,0)</f>
        <v>10.16273753611663</v>
      </c>
      <c r="O1079" s="58">
        <f>IF(Input!$K$13=2,J1079*Input!$J$13,0)+IF(Input!$K$14=2,K1079*Input!$J$14,0)+IF(Input!$K$15=2,L1079*Input!$J$15,0)+IF(Input!$K$16=2,M1079*Input!$J$16,0)</f>
        <v>0.52547410717141751</v>
      </c>
      <c r="P1079" s="58">
        <f>IF(Input!$K$13=3,J1079*Input!$J$13,0)+IF(Input!$K$14=3,K1079*Input!$J$14,0)+IF(Input!$K$15=3,L1079*Input!$J$15,0)+IF(Input!$K$16=3,M1079*Input!$J$16,0)</f>
        <v>0</v>
      </c>
      <c r="Q1079" s="71">
        <f>IF(Input!$K$13=4,J1079*Input!$J$13,0)+IF(Input!$K$14=4,K1079*Input!$J$14,0)+IF(Input!$K$15=4,L1079*Input!$J$15,0)+IF(Input!$K$16=4,M1079*Input!$J$16,0)</f>
        <v>0</v>
      </c>
    </row>
    <row r="1080" spans="8:17" x14ac:dyDescent="0.25">
      <c r="H1080" s="43">
        <v>1073</v>
      </c>
      <c r="I1080" s="55">
        <f>Bühler!I1106</f>
        <v>11.519760398643529</v>
      </c>
      <c r="J1080" s="58">
        <f>Bühler!J1106</f>
        <v>53.587823827972571</v>
      </c>
      <c r="K1080" s="58">
        <f>Bühler!K1106</f>
        <v>2.2937361820974576</v>
      </c>
      <c r="L1080" s="58">
        <f>Bühler!L1106</f>
        <v>1.1468680910487288</v>
      </c>
      <c r="M1080" s="57">
        <f>Bühler!M1106</f>
        <v>0</v>
      </c>
      <c r="N1080" s="55">
        <f>IF(Input!$K$13=1,J1080*Input!$J$13,0)+IF(Input!$K$14=1,K1080*Input!$J$14,0)+IF(Input!$K$15=1,L1080*Input!$J$15,0)+IF(Input!$K$16=1,M1080*Input!$J$16,0)</f>
        <v>6.4305388593567079</v>
      </c>
      <c r="O1080" s="58">
        <f>IF(Input!$K$13=2,J1080*Input!$J$13,0)+IF(Input!$K$14=2,K1080*Input!$J$14,0)+IF(Input!$K$15=2,L1080*Input!$J$15,0)+IF(Input!$K$16=2,M1080*Input!$J$16,0)</f>
        <v>0.30965438458315675</v>
      </c>
      <c r="P1080" s="58">
        <f>IF(Input!$K$13=3,J1080*Input!$J$13,0)+IF(Input!$K$14=3,K1080*Input!$J$14,0)+IF(Input!$K$15=3,L1080*Input!$J$15,0)+IF(Input!$K$16=3,M1080*Input!$J$16,0)</f>
        <v>0</v>
      </c>
      <c r="Q1080" s="71">
        <f>IF(Input!$K$13=4,J1080*Input!$J$13,0)+IF(Input!$K$14=4,K1080*Input!$J$14,0)+IF(Input!$K$15=4,L1080*Input!$J$15,0)+IF(Input!$K$16=4,M1080*Input!$J$16,0)</f>
        <v>0</v>
      </c>
    </row>
    <row r="1081" spans="8:17" x14ac:dyDescent="0.25">
      <c r="H1081" s="43">
        <v>1074</v>
      </c>
      <c r="I1081" s="55">
        <f>Bühler!I1107</f>
        <v>9.1529732621949478</v>
      </c>
      <c r="J1081" s="58">
        <f>Bühler!J1107</f>
        <v>27.460784369985099</v>
      </c>
      <c r="K1081" s="58">
        <f>Bühler!K1107</f>
        <v>0.97897404272191968</v>
      </c>
      <c r="L1081" s="58">
        <f>Bühler!L1107</f>
        <v>0.48948702136095984</v>
      </c>
      <c r="M1081" s="57">
        <f>Bühler!M1107</f>
        <v>0</v>
      </c>
      <c r="N1081" s="55">
        <f>IF(Input!$K$13=1,J1081*Input!$J$13,0)+IF(Input!$K$14=1,K1081*Input!$J$14,0)+IF(Input!$K$15=1,L1081*Input!$J$15,0)+IF(Input!$K$16=1,M1081*Input!$J$16,0)</f>
        <v>3.2952941243982119</v>
      </c>
      <c r="O1081" s="58">
        <f>IF(Input!$K$13=2,J1081*Input!$J$13,0)+IF(Input!$K$14=2,K1081*Input!$J$14,0)+IF(Input!$K$15=2,L1081*Input!$J$15,0)+IF(Input!$K$16=2,M1081*Input!$J$16,0)</f>
        <v>0.13216149576745914</v>
      </c>
      <c r="P1081" s="58">
        <f>IF(Input!$K$13=3,J1081*Input!$J$13,0)+IF(Input!$K$14=3,K1081*Input!$J$14,0)+IF(Input!$K$15=3,L1081*Input!$J$15,0)+IF(Input!$K$16=3,M1081*Input!$J$16,0)</f>
        <v>0</v>
      </c>
      <c r="Q1081" s="71">
        <f>IF(Input!$K$13=4,J1081*Input!$J$13,0)+IF(Input!$K$14=4,K1081*Input!$J$14,0)+IF(Input!$K$15=4,L1081*Input!$J$15,0)+IF(Input!$K$16=4,M1081*Input!$J$16,0)</f>
        <v>0</v>
      </c>
    </row>
    <row r="1082" spans="8:17" x14ac:dyDescent="0.25">
      <c r="H1082" s="43">
        <v>1075</v>
      </c>
      <c r="I1082" s="55">
        <f>Bühler!I1108</f>
        <v>3.2464779305268121</v>
      </c>
      <c r="J1082" s="58">
        <f>Bühler!J1108</f>
        <v>15.096759559791488</v>
      </c>
      <c r="K1082" s="58">
        <f>Bühler!K1108</f>
        <v>0.64612286819646692</v>
      </c>
      <c r="L1082" s="58">
        <f>Bühler!L1108</f>
        <v>0.32306143409823346</v>
      </c>
      <c r="M1082" s="57">
        <f>Bühler!M1108</f>
        <v>0</v>
      </c>
      <c r="N1082" s="55">
        <f>IF(Input!$K$13=1,J1082*Input!$J$13,0)+IF(Input!$K$14=1,K1082*Input!$J$14,0)+IF(Input!$K$15=1,L1082*Input!$J$15,0)+IF(Input!$K$16=1,M1082*Input!$J$16,0)</f>
        <v>1.8116111471749785</v>
      </c>
      <c r="O1082" s="58">
        <f>IF(Input!$K$13=2,J1082*Input!$J$13,0)+IF(Input!$K$14=2,K1082*Input!$J$14,0)+IF(Input!$K$15=2,L1082*Input!$J$15,0)+IF(Input!$K$16=2,M1082*Input!$J$16,0)</f>
        <v>8.7226587206523043E-2</v>
      </c>
      <c r="P1082" s="58">
        <f>IF(Input!$K$13=3,J1082*Input!$J$13,0)+IF(Input!$K$14=3,K1082*Input!$J$14,0)+IF(Input!$K$15=3,L1082*Input!$J$15,0)+IF(Input!$K$16=3,M1082*Input!$J$16,0)</f>
        <v>0</v>
      </c>
      <c r="Q1082" s="71">
        <f>IF(Input!$K$13=4,J1082*Input!$J$13,0)+IF(Input!$K$14=4,K1082*Input!$J$14,0)+IF(Input!$K$15=4,L1082*Input!$J$15,0)+IF(Input!$K$16=4,M1082*Input!$J$16,0)</f>
        <v>0</v>
      </c>
    </row>
    <row r="1083" spans="8:17" x14ac:dyDescent="0.25">
      <c r="H1083" s="43">
        <v>1076</v>
      </c>
      <c r="I1083" s="55">
        <f>Bühler!I1109</f>
        <v>3.2464779305268121</v>
      </c>
      <c r="J1083" s="58">
        <f>Bühler!J1109</f>
        <v>15.096759559791488</v>
      </c>
      <c r="K1083" s="58">
        <f>Bühler!K1109</f>
        <v>0.64612286819646692</v>
      </c>
      <c r="L1083" s="58">
        <f>Bühler!L1109</f>
        <v>0.32306143409823346</v>
      </c>
      <c r="M1083" s="57">
        <f>Bühler!M1109</f>
        <v>0</v>
      </c>
      <c r="N1083" s="55">
        <f>IF(Input!$K$13=1,J1083*Input!$J$13,0)+IF(Input!$K$14=1,K1083*Input!$J$14,0)+IF(Input!$K$15=1,L1083*Input!$J$15,0)+IF(Input!$K$16=1,M1083*Input!$J$16,0)</f>
        <v>1.8116111471749785</v>
      </c>
      <c r="O1083" s="58">
        <f>IF(Input!$K$13=2,J1083*Input!$J$13,0)+IF(Input!$K$14=2,K1083*Input!$J$14,0)+IF(Input!$K$15=2,L1083*Input!$J$15,0)+IF(Input!$K$16=2,M1083*Input!$J$16,0)</f>
        <v>8.7226587206523043E-2</v>
      </c>
      <c r="P1083" s="58">
        <f>IF(Input!$K$13=3,J1083*Input!$J$13,0)+IF(Input!$K$14=3,K1083*Input!$J$14,0)+IF(Input!$K$15=3,L1083*Input!$J$15,0)+IF(Input!$K$16=3,M1083*Input!$J$16,0)</f>
        <v>0</v>
      </c>
      <c r="Q1083" s="71">
        <f>IF(Input!$K$13=4,J1083*Input!$J$13,0)+IF(Input!$K$14=4,K1083*Input!$J$14,0)+IF(Input!$K$15=4,L1083*Input!$J$15,0)+IF(Input!$K$16=4,M1083*Input!$J$16,0)</f>
        <v>0</v>
      </c>
    </row>
    <row r="1084" spans="8:17" x14ac:dyDescent="0.25">
      <c r="H1084" s="43">
        <v>1077</v>
      </c>
      <c r="I1084" s="55">
        <f>Bühler!I1110</f>
        <v>3.2464779305268121</v>
      </c>
      <c r="J1084" s="58">
        <f>Bühler!J1110</f>
        <v>15.096759559791488</v>
      </c>
      <c r="K1084" s="58">
        <f>Bühler!K1110</f>
        <v>0.64612286819646692</v>
      </c>
      <c r="L1084" s="58">
        <f>Bühler!L1110</f>
        <v>0.32306143409823346</v>
      </c>
      <c r="M1084" s="57">
        <f>Bühler!M1110</f>
        <v>0</v>
      </c>
      <c r="N1084" s="55">
        <f>IF(Input!$K$13=1,J1084*Input!$J$13,0)+IF(Input!$K$14=1,K1084*Input!$J$14,0)+IF(Input!$K$15=1,L1084*Input!$J$15,0)+IF(Input!$K$16=1,M1084*Input!$J$16,0)</f>
        <v>1.8116111471749785</v>
      </c>
      <c r="O1084" s="58">
        <f>IF(Input!$K$13=2,J1084*Input!$J$13,0)+IF(Input!$K$14=2,K1084*Input!$J$14,0)+IF(Input!$K$15=2,L1084*Input!$J$15,0)+IF(Input!$K$16=2,M1084*Input!$J$16,0)</f>
        <v>8.7226587206523043E-2</v>
      </c>
      <c r="P1084" s="58">
        <f>IF(Input!$K$13=3,J1084*Input!$J$13,0)+IF(Input!$K$14=3,K1084*Input!$J$14,0)+IF(Input!$K$15=3,L1084*Input!$J$15,0)+IF(Input!$K$16=3,M1084*Input!$J$16,0)</f>
        <v>0</v>
      </c>
      <c r="Q1084" s="71">
        <f>IF(Input!$K$13=4,J1084*Input!$J$13,0)+IF(Input!$K$14=4,K1084*Input!$J$14,0)+IF(Input!$K$15=4,L1084*Input!$J$15,0)+IF(Input!$K$16=4,M1084*Input!$J$16,0)</f>
        <v>0</v>
      </c>
    </row>
    <row r="1085" spans="8:17" x14ac:dyDescent="0.25">
      <c r="H1085" s="43">
        <v>1078</v>
      </c>
      <c r="I1085" s="55">
        <f>Bühler!I1111</f>
        <v>3.2464779305268121</v>
      </c>
      <c r="J1085" s="58">
        <f>Bühler!J1111</f>
        <v>15.096759559791488</v>
      </c>
      <c r="K1085" s="58">
        <f>Bühler!K1111</f>
        <v>0.64612286819646692</v>
      </c>
      <c r="L1085" s="58">
        <f>Bühler!L1111</f>
        <v>0.32306143409823346</v>
      </c>
      <c r="M1085" s="57">
        <f>Bühler!M1111</f>
        <v>0</v>
      </c>
      <c r="N1085" s="55">
        <f>IF(Input!$K$13=1,J1085*Input!$J$13,0)+IF(Input!$K$14=1,K1085*Input!$J$14,0)+IF(Input!$K$15=1,L1085*Input!$J$15,0)+IF(Input!$K$16=1,M1085*Input!$J$16,0)</f>
        <v>1.8116111471749785</v>
      </c>
      <c r="O1085" s="58">
        <f>IF(Input!$K$13=2,J1085*Input!$J$13,0)+IF(Input!$K$14=2,K1085*Input!$J$14,0)+IF(Input!$K$15=2,L1085*Input!$J$15,0)+IF(Input!$K$16=2,M1085*Input!$J$16,0)</f>
        <v>8.7226587206523043E-2</v>
      </c>
      <c r="P1085" s="58">
        <f>IF(Input!$K$13=3,J1085*Input!$J$13,0)+IF(Input!$K$14=3,K1085*Input!$J$14,0)+IF(Input!$K$15=3,L1085*Input!$J$15,0)+IF(Input!$K$16=3,M1085*Input!$J$16,0)</f>
        <v>0</v>
      </c>
      <c r="Q1085" s="71">
        <f>IF(Input!$K$13=4,J1085*Input!$J$13,0)+IF(Input!$K$14=4,K1085*Input!$J$14,0)+IF(Input!$K$15=4,L1085*Input!$J$15,0)+IF(Input!$K$16=4,M1085*Input!$J$16,0)</f>
        <v>0</v>
      </c>
    </row>
    <row r="1086" spans="8:17" x14ac:dyDescent="0.25">
      <c r="H1086" s="43">
        <v>1079</v>
      </c>
      <c r="I1086" s="55">
        <f>Bühler!I1112</f>
        <v>3.2464779305268121</v>
      </c>
      <c r="J1086" s="58">
        <f>Bühler!J1112</f>
        <v>15.096759559791488</v>
      </c>
      <c r="K1086" s="58">
        <f>Bühler!K1112</f>
        <v>0.64612286819646692</v>
      </c>
      <c r="L1086" s="58">
        <f>Bühler!L1112</f>
        <v>0.32306143409823346</v>
      </c>
      <c r="M1086" s="57">
        <f>Bühler!M1112</f>
        <v>0</v>
      </c>
      <c r="N1086" s="55">
        <f>IF(Input!$K$13=1,J1086*Input!$J$13,0)+IF(Input!$K$14=1,K1086*Input!$J$14,0)+IF(Input!$K$15=1,L1086*Input!$J$15,0)+IF(Input!$K$16=1,M1086*Input!$J$16,0)</f>
        <v>1.8116111471749785</v>
      </c>
      <c r="O1086" s="58">
        <f>IF(Input!$K$13=2,J1086*Input!$J$13,0)+IF(Input!$K$14=2,K1086*Input!$J$14,0)+IF(Input!$K$15=2,L1086*Input!$J$15,0)+IF(Input!$K$16=2,M1086*Input!$J$16,0)</f>
        <v>8.7226587206523043E-2</v>
      </c>
      <c r="P1086" s="58">
        <f>IF(Input!$K$13=3,J1086*Input!$J$13,0)+IF(Input!$K$14=3,K1086*Input!$J$14,0)+IF(Input!$K$15=3,L1086*Input!$J$15,0)+IF(Input!$K$16=3,M1086*Input!$J$16,0)</f>
        <v>0</v>
      </c>
      <c r="Q1086" s="71">
        <f>IF(Input!$K$13=4,J1086*Input!$J$13,0)+IF(Input!$K$14=4,K1086*Input!$J$14,0)+IF(Input!$K$15=4,L1086*Input!$J$15,0)+IF(Input!$K$16=4,M1086*Input!$J$16,0)</f>
        <v>0</v>
      </c>
    </row>
    <row r="1087" spans="8:17" x14ac:dyDescent="0.25">
      <c r="H1087" s="43">
        <v>1080</v>
      </c>
      <c r="I1087" s="55">
        <f>Bühler!I1113</f>
        <v>3.2464779305268121</v>
      </c>
      <c r="J1087" s="58">
        <f>Bühler!J1113</f>
        <v>15.096759559791488</v>
      </c>
      <c r="K1087" s="58">
        <f>Bühler!K1113</f>
        <v>0.64612286819646692</v>
      </c>
      <c r="L1087" s="58">
        <f>Bühler!L1113</f>
        <v>0.32306143409823346</v>
      </c>
      <c r="M1087" s="57">
        <f>Bühler!M1113</f>
        <v>0</v>
      </c>
      <c r="N1087" s="55">
        <f>IF(Input!$K$13=1,J1087*Input!$J$13,0)+IF(Input!$K$14=1,K1087*Input!$J$14,0)+IF(Input!$K$15=1,L1087*Input!$J$15,0)+IF(Input!$K$16=1,M1087*Input!$J$16,0)</f>
        <v>1.8116111471749785</v>
      </c>
      <c r="O1087" s="58">
        <f>IF(Input!$K$13=2,J1087*Input!$J$13,0)+IF(Input!$K$14=2,K1087*Input!$J$14,0)+IF(Input!$K$15=2,L1087*Input!$J$15,0)+IF(Input!$K$16=2,M1087*Input!$J$16,0)</f>
        <v>8.7226587206523043E-2</v>
      </c>
      <c r="P1087" s="58">
        <f>IF(Input!$K$13=3,J1087*Input!$J$13,0)+IF(Input!$K$14=3,K1087*Input!$J$14,0)+IF(Input!$K$15=3,L1087*Input!$J$15,0)+IF(Input!$K$16=3,M1087*Input!$J$16,0)</f>
        <v>0</v>
      </c>
      <c r="Q1087" s="71">
        <f>IF(Input!$K$13=4,J1087*Input!$J$13,0)+IF(Input!$K$14=4,K1087*Input!$J$14,0)+IF(Input!$K$15=4,L1087*Input!$J$15,0)+IF(Input!$K$16=4,M1087*Input!$J$16,0)</f>
        <v>0</v>
      </c>
    </row>
    <row r="1088" spans="8:17" x14ac:dyDescent="0.25">
      <c r="H1088" s="43">
        <v>1081</v>
      </c>
      <c r="I1088" s="55">
        <f>Bühler!I1114</f>
        <v>4.2204326706672726</v>
      </c>
      <c r="J1088" s="58">
        <f>Bühler!J1114</f>
        <v>16.820609363913089</v>
      </c>
      <c r="K1088" s="58">
        <f>Bühler!K1114</f>
        <v>0.64964965282722009</v>
      </c>
      <c r="L1088" s="58">
        <f>Bühler!L1114</f>
        <v>0.32482482641361005</v>
      </c>
      <c r="M1088" s="57">
        <f>Bühler!M1114</f>
        <v>0</v>
      </c>
      <c r="N1088" s="55">
        <f>IF(Input!$K$13=1,J1088*Input!$J$13,0)+IF(Input!$K$14=1,K1088*Input!$J$14,0)+IF(Input!$K$15=1,L1088*Input!$J$15,0)+IF(Input!$K$16=1,M1088*Input!$J$16,0)</f>
        <v>2.0184731236695708</v>
      </c>
      <c r="O1088" s="58">
        <f>IF(Input!$K$13=2,J1088*Input!$J$13,0)+IF(Input!$K$14=2,K1088*Input!$J$14,0)+IF(Input!$K$15=2,L1088*Input!$J$15,0)+IF(Input!$K$16=2,M1088*Input!$J$16,0)</f>
        <v>8.770270313167472E-2</v>
      </c>
      <c r="P1088" s="58">
        <f>IF(Input!$K$13=3,J1088*Input!$J$13,0)+IF(Input!$K$14=3,K1088*Input!$J$14,0)+IF(Input!$K$15=3,L1088*Input!$J$15,0)+IF(Input!$K$16=3,M1088*Input!$J$16,0)</f>
        <v>0</v>
      </c>
      <c r="Q1088" s="71">
        <f>IF(Input!$K$13=4,J1088*Input!$J$13,0)+IF(Input!$K$14=4,K1088*Input!$J$14,0)+IF(Input!$K$15=4,L1088*Input!$J$15,0)+IF(Input!$K$16=4,M1088*Input!$J$16,0)</f>
        <v>0</v>
      </c>
    </row>
    <row r="1089" spans="8:17" x14ac:dyDescent="0.25">
      <c r="H1089" s="43">
        <v>1082</v>
      </c>
      <c r="I1089" s="55">
        <f>Bühler!I1115</f>
        <v>4.2204326706672726</v>
      </c>
      <c r="J1089" s="58">
        <f>Bühler!J1115</f>
        <v>16.820609363913089</v>
      </c>
      <c r="K1089" s="58">
        <f>Bühler!K1115</f>
        <v>0.64964965282722009</v>
      </c>
      <c r="L1089" s="58">
        <f>Bühler!L1115</f>
        <v>0.32482482641361005</v>
      </c>
      <c r="M1089" s="57">
        <f>Bühler!M1115</f>
        <v>0</v>
      </c>
      <c r="N1089" s="55">
        <f>IF(Input!$K$13=1,J1089*Input!$J$13,0)+IF(Input!$K$14=1,K1089*Input!$J$14,0)+IF(Input!$K$15=1,L1089*Input!$J$15,0)+IF(Input!$K$16=1,M1089*Input!$J$16,0)</f>
        <v>2.0184731236695708</v>
      </c>
      <c r="O1089" s="58">
        <f>IF(Input!$K$13=2,J1089*Input!$J$13,0)+IF(Input!$K$14=2,K1089*Input!$J$14,0)+IF(Input!$K$15=2,L1089*Input!$J$15,0)+IF(Input!$K$16=2,M1089*Input!$J$16,0)</f>
        <v>8.770270313167472E-2</v>
      </c>
      <c r="P1089" s="58">
        <f>IF(Input!$K$13=3,J1089*Input!$J$13,0)+IF(Input!$K$14=3,K1089*Input!$J$14,0)+IF(Input!$K$15=3,L1089*Input!$J$15,0)+IF(Input!$K$16=3,M1089*Input!$J$16,0)</f>
        <v>0</v>
      </c>
      <c r="Q1089" s="71">
        <f>IF(Input!$K$13=4,J1089*Input!$J$13,0)+IF(Input!$K$14=4,K1089*Input!$J$14,0)+IF(Input!$K$15=4,L1089*Input!$J$15,0)+IF(Input!$K$16=4,M1089*Input!$J$16,0)</f>
        <v>0</v>
      </c>
    </row>
    <row r="1090" spans="8:17" x14ac:dyDescent="0.25">
      <c r="H1090" s="43">
        <v>1083</v>
      </c>
      <c r="I1090" s="55">
        <f>Bühler!I1116</f>
        <v>4.2204326706672726</v>
      </c>
      <c r="J1090" s="58">
        <f>Bühler!J1116</f>
        <v>16.820609363913089</v>
      </c>
      <c r="K1090" s="58">
        <f>Bühler!K1116</f>
        <v>0.64964965282722009</v>
      </c>
      <c r="L1090" s="58">
        <f>Bühler!L1116</f>
        <v>0.32482482641361005</v>
      </c>
      <c r="M1090" s="57">
        <f>Bühler!M1116</f>
        <v>0</v>
      </c>
      <c r="N1090" s="55">
        <f>IF(Input!$K$13=1,J1090*Input!$J$13,0)+IF(Input!$K$14=1,K1090*Input!$J$14,0)+IF(Input!$K$15=1,L1090*Input!$J$15,0)+IF(Input!$K$16=1,M1090*Input!$J$16,0)</f>
        <v>2.0184731236695708</v>
      </c>
      <c r="O1090" s="58">
        <f>IF(Input!$K$13=2,J1090*Input!$J$13,0)+IF(Input!$K$14=2,K1090*Input!$J$14,0)+IF(Input!$K$15=2,L1090*Input!$J$15,0)+IF(Input!$K$16=2,M1090*Input!$J$16,0)</f>
        <v>8.770270313167472E-2</v>
      </c>
      <c r="P1090" s="58">
        <f>IF(Input!$K$13=3,J1090*Input!$J$13,0)+IF(Input!$K$14=3,K1090*Input!$J$14,0)+IF(Input!$K$15=3,L1090*Input!$J$15,0)+IF(Input!$K$16=3,M1090*Input!$J$16,0)</f>
        <v>0</v>
      </c>
      <c r="Q1090" s="71">
        <f>IF(Input!$K$13=4,J1090*Input!$J$13,0)+IF(Input!$K$14=4,K1090*Input!$J$14,0)+IF(Input!$K$15=4,L1090*Input!$J$15,0)+IF(Input!$K$16=4,M1090*Input!$J$16,0)</f>
        <v>0</v>
      </c>
    </row>
    <row r="1091" spans="8:17" x14ac:dyDescent="0.25">
      <c r="H1091" s="43">
        <v>1084</v>
      </c>
      <c r="I1091" s="55">
        <f>Bühler!I1117</f>
        <v>4.2204326706672726</v>
      </c>
      <c r="J1091" s="58">
        <f>Bühler!J1117</f>
        <v>16.820609363913089</v>
      </c>
      <c r="K1091" s="58">
        <f>Bühler!K1117</f>
        <v>0.64964965282722009</v>
      </c>
      <c r="L1091" s="58">
        <f>Bühler!L1117</f>
        <v>0.32482482641361005</v>
      </c>
      <c r="M1091" s="57">
        <f>Bühler!M1117</f>
        <v>0</v>
      </c>
      <c r="N1091" s="55">
        <f>IF(Input!$K$13=1,J1091*Input!$J$13,0)+IF(Input!$K$14=1,K1091*Input!$J$14,0)+IF(Input!$K$15=1,L1091*Input!$J$15,0)+IF(Input!$K$16=1,M1091*Input!$J$16,0)</f>
        <v>2.0184731236695708</v>
      </c>
      <c r="O1091" s="58">
        <f>IF(Input!$K$13=2,J1091*Input!$J$13,0)+IF(Input!$K$14=2,K1091*Input!$J$14,0)+IF(Input!$K$15=2,L1091*Input!$J$15,0)+IF(Input!$K$16=2,M1091*Input!$J$16,0)</f>
        <v>8.770270313167472E-2</v>
      </c>
      <c r="P1091" s="58">
        <f>IF(Input!$K$13=3,J1091*Input!$J$13,0)+IF(Input!$K$14=3,K1091*Input!$J$14,0)+IF(Input!$K$15=3,L1091*Input!$J$15,0)+IF(Input!$K$16=3,M1091*Input!$J$16,0)</f>
        <v>0</v>
      </c>
      <c r="Q1091" s="71">
        <f>IF(Input!$K$13=4,J1091*Input!$J$13,0)+IF(Input!$K$14=4,K1091*Input!$J$14,0)+IF(Input!$K$15=4,L1091*Input!$J$15,0)+IF(Input!$K$16=4,M1091*Input!$J$16,0)</f>
        <v>0</v>
      </c>
    </row>
    <row r="1092" spans="8:17" x14ac:dyDescent="0.25">
      <c r="H1092" s="43">
        <v>1085</v>
      </c>
      <c r="I1092" s="55">
        <f>Bühler!I1118</f>
        <v>4.2204326706672726</v>
      </c>
      <c r="J1092" s="58">
        <f>Bühler!J1118</f>
        <v>16.820609363913089</v>
      </c>
      <c r="K1092" s="58">
        <f>Bühler!K1118</f>
        <v>0.64964965282722009</v>
      </c>
      <c r="L1092" s="58">
        <f>Bühler!L1118</f>
        <v>0.32482482641361005</v>
      </c>
      <c r="M1092" s="57">
        <f>Bühler!M1118</f>
        <v>0</v>
      </c>
      <c r="N1092" s="55">
        <f>IF(Input!$K$13=1,J1092*Input!$J$13,0)+IF(Input!$K$14=1,K1092*Input!$J$14,0)+IF(Input!$K$15=1,L1092*Input!$J$15,0)+IF(Input!$K$16=1,M1092*Input!$J$16,0)</f>
        <v>2.0184731236695708</v>
      </c>
      <c r="O1092" s="58">
        <f>IF(Input!$K$13=2,J1092*Input!$J$13,0)+IF(Input!$K$14=2,K1092*Input!$J$14,0)+IF(Input!$K$15=2,L1092*Input!$J$15,0)+IF(Input!$K$16=2,M1092*Input!$J$16,0)</f>
        <v>8.770270313167472E-2</v>
      </c>
      <c r="P1092" s="58">
        <f>IF(Input!$K$13=3,J1092*Input!$J$13,0)+IF(Input!$K$14=3,K1092*Input!$J$14,0)+IF(Input!$K$15=3,L1092*Input!$J$15,0)+IF(Input!$K$16=3,M1092*Input!$J$16,0)</f>
        <v>0</v>
      </c>
      <c r="Q1092" s="71">
        <f>IF(Input!$K$13=4,J1092*Input!$J$13,0)+IF(Input!$K$14=4,K1092*Input!$J$14,0)+IF(Input!$K$15=4,L1092*Input!$J$15,0)+IF(Input!$K$16=4,M1092*Input!$J$16,0)</f>
        <v>0</v>
      </c>
    </row>
    <row r="1093" spans="8:17" x14ac:dyDescent="0.25">
      <c r="H1093" s="43">
        <v>1086</v>
      </c>
      <c r="I1093" s="55">
        <f>Bühler!I1119</f>
        <v>4.2204326706672726</v>
      </c>
      <c r="J1093" s="58">
        <f>Bühler!J1119</f>
        <v>16.820609363913089</v>
      </c>
      <c r="K1093" s="58">
        <f>Bühler!K1119</f>
        <v>0.64964965282722009</v>
      </c>
      <c r="L1093" s="58">
        <f>Bühler!L1119</f>
        <v>0.32482482641361005</v>
      </c>
      <c r="M1093" s="57">
        <f>Bühler!M1119</f>
        <v>0</v>
      </c>
      <c r="N1093" s="55">
        <f>IF(Input!$K$13=1,J1093*Input!$J$13,0)+IF(Input!$K$14=1,K1093*Input!$J$14,0)+IF(Input!$K$15=1,L1093*Input!$J$15,0)+IF(Input!$K$16=1,M1093*Input!$J$16,0)</f>
        <v>2.0184731236695708</v>
      </c>
      <c r="O1093" s="58">
        <f>IF(Input!$K$13=2,J1093*Input!$J$13,0)+IF(Input!$K$14=2,K1093*Input!$J$14,0)+IF(Input!$K$15=2,L1093*Input!$J$15,0)+IF(Input!$K$16=2,M1093*Input!$J$16,0)</f>
        <v>8.770270313167472E-2</v>
      </c>
      <c r="P1093" s="58">
        <f>IF(Input!$K$13=3,J1093*Input!$J$13,0)+IF(Input!$K$14=3,K1093*Input!$J$14,0)+IF(Input!$K$15=3,L1093*Input!$J$15,0)+IF(Input!$K$16=3,M1093*Input!$J$16,0)</f>
        <v>0</v>
      </c>
      <c r="Q1093" s="71">
        <f>IF(Input!$K$13=4,J1093*Input!$J$13,0)+IF(Input!$K$14=4,K1093*Input!$J$14,0)+IF(Input!$K$15=4,L1093*Input!$J$15,0)+IF(Input!$K$16=4,M1093*Input!$J$16,0)</f>
        <v>0</v>
      </c>
    </row>
    <row r="1094" spans="8:17" x14ac:dyDescent="0.25">
      <c r="H1094" s="43">
        <v>1087</v>
      </c>
      <c r="I1094" s="55">
        <f>Bühler!I1120</f>
        <v>4.2204326706672726</v>
      </c>
      <c r="J1094" s="58">
        <f>Bühler!J1120</f>
        <v>16.820609363913089</v>
      </c>
      <c r="K1094" s="58">
        <f>Bühler!K1120</f>
        <v>0.64964965282722009</v>
      </c>
      <c r="L1094" s="58">
        <f>Bühler!L1120</f>
        <v>0.32482482641361005</v>
      </c>
      <c r="M1094" s="57">
        <f>Bühler!M1120</f>
        <v>0</v>
      </c>
      <c r="N1094" s="55">
        <f>IF(Input!$K$13=1,J1094*Input!$J$13,0)+IF(Input!$K$14=1,K1094*Input!$J$14,0)+IF(Input!$K$15=1,L1094*Input!$J$15,0)+IF(Input!$K$16=1,M1094*Input!$J$16,0)</f>
        <v>2.0184731236695708</v>
      </c>
      <c r="O1094" s="58">
        <f>IF(Input!$K$13=2,J1094*Input!$J$13,0)+IF(Input!$K$14=2,K1094*Input!$J$14,0)+IF(Input!$K$15=2,L1094*Input!$J$15,0)+IF(Input!$K$16=2,M1094*Input!$J$16,0)</f>
        <v>8.770270313167472E-2</v>
      </c>
      <c r="P1094" s="58">
        <f>IF(Input!$K$13=3,J1094*Input!$J$13,0)+IF(Input!$K$14=3,K1094*Input!$J$14,0)+IF(Input!$K$15=3,L1094*Input!$J$15,0)+IF(Input!$K$16=3,M1094*Input!$J$16,0)</f>
        <v>0</v>
      </c>
      <c r="Q1094" s="71">
        <f>IF(Input!$K$13=4,J1094*Input!$J$13,0)+IF(Input!$K$14=4,K1094*Input!$J$14,0)+IF(Input!$K$15=4,L1094*Input!$J$15,0)+IF(Input!$K$16=4,M1094*Input!$J$16,0)</f>
        <v>0</v>
      </c>
    </row>
    <row r="1095" spans="8:17" x14ac:dyDescent="0.25">
      <c r="H1095" s="43">
        <v>1088</v>
      </c>
      <c r="I1095" s="55">
        <f>Bühler!I1121</f>
        <v>11.627292007688336</v>
      </c>
      <c r="J1095" s="58">
        <f>Bühler!J1121</f>
        <v>62.666509936998999</v>
      </c>
      <c r="K1095" s="58">
        <f>Bühler!K1121</f>
        <v>2.6556890353452118</v>
      </c>
      <c r="L1095" s="58">
        <f>Bühler!L1121</f>
        <v>1.3278445176726059</v>
      </c>
      <c r="M1095" s="57">
        <f>Bühler!M1121</f>
        <v>0</v>
      </c>
      <c r="N1095" s="55">
        <f>IF(Input!$K$13=1,J1095*Input!$J$13,0)+IF(Input!$K$14=1,K1095*Input!$J$14,0)+IF(Input!$K$15=1,L1095*Input!$J$15,0)+IF(Input!$K$16=1,M1095*Input!$J$16,0)</f>
        <v>7.5199811924398796</v>
      </c>
      <c r="O1095" s="58">
        <f>IF(Input!$K$13=2,J1095*Input!$J$13,0)+IF(Input!$K$14=2,K1095*Input!$J$14,0)+IF(Input!$K$15=2,L1095*Input!$J$15,0)+IF(Input!$K$16=2,M1095*Input!$J$16,0)</f>
        <v>0.35851801977160358</v>
      </c>
      <c r="P1095" s="58">
        <f>IF(Input!$K$13=3,J1095*Input!$J$13,0)+IF(Input!$K$14=3,K1095*Input!$J$14,0)+IF(Input!$K$15=3,L1095*Input!$J$15,0)+IF(Input!$K$16=3,M1095*Input!$J$16,0)</f>
        <v>0</v>
      </c>
      <c r="Q1095" s="71">
        <f>IF(Input!$K$13=4,J1095*Input!$J$13,0)+IF(Input!$K$14=4,K1095*Input!$J$14,0)+IF(Input!$K$15=4,L1095*Input!$J$15,0)+IF(Input!$K$16=4,M1095*Input!$J$16,0)</f>
        <v>0</v>
      </c>
    </row>
    <row r="1096" spans="8:17" x14ac:dyDescent="0.25">
      <c r="H1096" s="43">
        <v>1089</v>
      </c>
      <c r="I1096" s="55">
        <f>Bühler!I1122</f>
        <v>12.973610029631196</v>
      </c>
      <c r="J1096" s="58">
        <f>Bühler!J1122</f>
        <v>69.922632140230462</v>
      </c>
      <c r="K1096" s="58">
        <f>Bühler!K1122</f>
        <v>2.9631898710167626</v>
      </c>
      <c r="L1096" s="58">
        <f>Bühler!L1122</f>
        <v>1.4815949355083813</v>
      </c>
      <c r="M1096" s="57">
        <f>Bühler!M1122</f>
        <v>0</v>
      </c>
      <c r="N1096" s="55">
        <f>IF(Input!$K$13=1,J1096*Input!$J$13,0)+IF(Input!$K$14=1,K1096*Input!$J$14,0)+IF(Input!$K$15=1,L1096*Input!$J$15,0)+IF(Input!$K$16=1,M1096*Input!$J$16,0)</f>
        <v>8.3907158568276543</v>
      </c>
      <c r="O1096" s="58">
        <f>IF(Input!$K$13=2,J1096*Input!$J$13,0)+IF(Input!$K$14=2,K1096*Input!$J$14,0)+IF(Input!$K$15=2,L1096*Input!$J$15,0)+IF(Input!$K$16=2,M1096*Input!$J$16,0)</f>
        <v>0.4000306325872629</v>
      </c>
      <c r="P1096" s="58">
        <f>IF(Input!$K$13=3,J1096*Input!$J$13,0)+IF(Input!$K$14=3,K1096*Input!$J$14,0)+IF(Input!$K$15=3,L1096*Input!$J$15,0)+IF(Input!$K$16=3,M1096*Input!$J$16,0)</f>
        <v>0</v>
      </c>
      <c r="Q1096" s="71">
        <f>IF(Input!$K$13=4,J1096*Input!$J$13,0)+IF(Input!$K$14=4,K1096*Input!$J$14,0)+IF(Input!$K$15=4,L1096*Input!$J$15,0)+IF(Input!$K$16=4,M1096*Input!$J$16,0)</f>
        <v>0</v>
      </c>
    </row>
    <row r="1097" spans="8:17" x14ac:dyDescent="0.25">
      <c r="H1097" s="43">
        <v>1090</v>
      </c>
      <c r="I1097" s="55">
        <f>Bühler!I1123</f>
        <v>14.319928051574058</v>
      </c>
      <c r="J1097" s="58">
        <f>Bühler!J1123</f>
        <v>77.178754343461932</v>
      </c>
      <c r="K1097" s="58">
        <f>Bühler!K1123</f>
        <v>3.2706907066883137</v>
      </c>
      <c r="L1097" s="58">
        <f>Bühler!L1123</f>
        <v>1.6353453533441569</v>
      </c>
      <c r="M1097" s="57">
        <f>Bühler!M1123</f>
        <v>0</v>
      </c>
      <c r="N1097" s="55">
        <f>IF(Input!$K$13=1,J1097*Input!$J$13,0)+IF(Input!$K$14=1,K1097*Input!$J$14,0)+IF(Input!$K$15=1,L1097*Input!$J$15,0)+IF(Input!$K$16=1,M1097*Input!$J$16,0)</f>
        <v>9.2614505212154317</v>
      </c>
      <c r="O1097" s="58">
        <f>IF(Input!$K$13=2,J1097*Input!$J$13,0)+IF(Input!$K$14=2,K1097*Input!$J$14,0)+IF(Input!$K$15=2,L1097*Input!$J$15,0)+IF(Input!$K$16=2,M1097*Input!$J$16,0)</f>
        <v>0.44154324540292234</v>
      </c>
      <c r="P1097" s="58">
        <f>IF(Input!$K$13=3,J1097*Input!$J$13,0)+IF(Input!$K$14=3,K1097*Input!$J$14,0)+IF(Input!$K$15=3,L1097*Input!$J$15,0)+IF(Input!$K$16=3,M1097*Input!$J$16,0)</f>
        <v>0</v>
      </c>
      <c r="Q1097" s="71">
        <f>IF(Input!$K$13=4,J1097*Input!$J$13,0)+IF(Input!$K$14=4,K1097*Input!$J$14,0)+IF(Input!$K$15=4,L1097*Input!$J$15,0)+IF(Input!$K$16=4,M1097*Input!$J$16,0)</f>
        <v>0</v>
      </c>
    </row>
    <row r="1098" spans="8:17" x14ac:dyDescent="0.25">
      <c r="H1098" s="43">
        <v>1091</v>
      </c>
      <c r="I1098" s="55">
        <f>Bühler!I1124</f>
        <v>14.319928051574058</v>
      </c>
      <c r="J1098" s="58">
        <f>Bühler!J1124</f>
        <v>77.178754343461932</v>
      </c>
      <c r="K1098" s="58">
        <f>Bühler!K1124</f>
        <v>3.2706907066883137</v>
      </c>
      <c r="L1098" s="58">
        <f>Bühler!L1124</f>
        <v>1.6353453533441569</v>
      </c>
      <c r="M1098" s="57">
        <f>Bühler!M1124</f>
        <v>0</v>
      </c>
      <c r="N1098" s="55">
        <f>IF(Input!$K$13=1,J1098*Input!$J$13,0)+IF(Input!$K$14=1,K1098*Input!$J$14,0)+IF(Input!$K$15=1,L1098*Input!$J$15,0)+IF(Input!$K$16=1,M1098*Input!$J$16,0)</f>
        <v>9.2614505212154317</v>
      </c>
      <c r="O1098" s="58">
        <f>IF(Input!$K$13=2,J1098*Input!$J$13,0)+IF(Input!$K$14=2,K1098*Input!$J$14,0)+IF(Input!$K$15=2,L1098*Input!$J$15,0)+IF(Input!$K$16=2,M1098*Input!$J$16,0)</f>
        <v>0.44154324540292234</v>
      </c>
      <c r="P1098" s="58">
        <f>IF(Input!$K$13=3,J1098*Input!$J$13,0)+IF(Input!$K$14=3,K1098*Input!$J$14,0)+IF(Input!$K$15=3,L1098*Input!$J$15,0)+IF(Input!$K$16=3,M1098*Input!$J$16,0)</f>
        <v>0</v>
      </c>
      <c r="Q1098" s="71">
        <f>IF(Input!$K$13=4,J1098*Input!$J$13,0)+IF(Input!$K$14=4,K1098*Input!$J$14,0)+IF(Input!$K$15=4,L1098*Input!$J$15,0)+IF(Input!$K$16=4,M1098*Input!$J$16,0)</f>
        <v>0</v>
      </c>
    </row>
    <row r="1099" spans="8:17" x14ac:dyDescent="0.25">
      <c r="H1099" s="43">
        <v>1092</v>
      </c>
      <c r="I1099" s="55">
        <f>Bühler!I1125</f>
        <v>17.134956642909128</v>
      </c>
      <c r="J1099" s="58">
        <f>Bühler!J1125</f>
        <v>92.350646222945898</v>
      </c>
      <c r="K1099" s="58">
        <f>Bühler!K1125</f>
        <v>3.9136469994561014</v>
      </c>
      <c r="L1099" s="58">
        <f>Bühler!L1125</f>
        <v>1.9568234997280507</v>
      </c>
      <c r="M1099" s="57">
        <f>Bühler!M1125</f>
        <v>0</v>
      </c>
      <c r="N1099" s="55">
        <f>IF(Input!$K$13=1,J1099*Input!$J$13,0)+IF(Input!$K$14=1,K1099*Input!$J$14,0)+IF(Input!$K$15=1,L1099*Input!$J$15,0)+IF(Input!$K$16=1,M1099*Input!$J$16,0)</f>
        <v>11.082077546753506</v>
      </c>
      <c r="O1099" s="58">
        <f>IF(Input!$K$13=2,J1099*Input!$J$13,0)+IF(Input!$K$14=2,K1099*Input!$J$14,0)+IF(Input!$K$15=2,L1099*Input!$J$15,0)+IF(Input!$K$16=2,M1099*Input!$J$16,0)</f>
        <v>0.52834234492657361</v>
      </c>
      <c r="P1099" s="58">
        <f>IF(Input!$K$13=3,J1099*Input!$J$13,0)+IF(Input!$K$14=3,K1099*Input!$J$14,0)+IF(Input!$K$15=3,L1099*Input!$J$15,0)+IF(Input!$K$16=3,M1099*Input!$J$16,0)</f>
        <v>0</v>
      </c>
      <c r="Q1099" s="71">
        <f>IF(Input!$K$13=4,J1099*Input!$J$13,0)+IF(Input!$K$14=4,K1099*Input!$J$14,0)+IF(Input!$K$15=4,L1099*Input!$J$15,0)+IF(Input!$K$16=4,M1099*Input!$J$16,0)</f>
        <v>0</v>
      </c>
    </row>
    <row r="1100" spans="8:17" x14ac:dyDescent="0.25">
      <c r="H1100" s="43">
        <v>1093</v>
      </c>
      <c r="I1100" s="55">
        <f>Bühler!I1126</f>
        <v>17.134956642909128</v>
      </c>
      <c r="J1100" s="58">
        <f>Bühler!J1126</f>
        <v>92.350646222945898</v>
      </c>
      <c r="K1100" s="58">
        <f>Bühler!K1126</f>
        <v>3.9136469994561014</v>
      </c>
      <c r="L1100" s="58">
        <f>Bühler!L1126</f>
        <v>1.9568234997280507</v>
      </c>
      <c r="M1100" s="57">
        <f>Bühler!M1126</f>
        <v>0</v>
      </c>
      <c r="N1100" s="55">
        <f>IF(Input!$K$13=1,J1100*Input!$J$13,0)+IF(Input!$K$14=1,K1100*Input!$J$14,0)+IF(Input!$K$15=1,L1100*Input!$J$15,0)+IF(Input!$K$16=1,M1100*Input!$J$16,0)</f>
        <v>11.082077546753506</v>
      </c>
      <c r="O1100" s="58">
        <f>IF(Input!$K$13=2,J1100*Input!$J$13,0)+IF(Input!$K$14=2,K1100*Input!$J$14,0)+IF(Input!$K$15=2,L1100*Input!$J$15,0)+IF(Input!$K$16=2,M1100*Input!$J$16,0)</f>
        <v>0.52834234492657361</v>
      </c>
      <c r="P1100" s="58">
        <f>IF(Input!$K$13=3,J1100*Input!$J$13,0)+IF(Input!$K$14=3,K1100*Input!$J$14,0)+IF(Input!$K$15=3,L1100*Input!$J$15,0)+IF(Input!$K$16=3,M1100*Input!$J$16,0)</f>
        <v>0</v>
      </c>
      <c r="Q1100" s="71">
        <f>IF(Input!$K$13=4,J1100*Input!$J$13,0)+IF(Input!$K$14=4,K1100*Input!$J$14,0)+IF(Input!$K$15=4,L1100*Input!$J$15,0)+IF(Input!$K$16=4,M1100*Input!$J$16,0)</f>
        <v>0</v>
      </c>
    </row>
    <row r="1101" spans="8:17" x14ac:dyDescent="0.25">
      <c r="H1101" s="43">
        <v>1094</v>
      </c>
      <c r="I1101" s="55">
        <f>Bühler!I1127</f>
        <v>11.382506912789635</v>
      </c>
      <c r="J1101" s="58">
        <f>Bühler!J1127</f>
        <v>61.347214990956907</v>
      </c>
      <c r="K1101" s="58">
        <f>Bühler!K1127</f>
        <v>2.5997797924958386</v>
      </c>
      <c r="L1101" s="58">
        <f>Bühler!L1127</f>
        <v>1.2998898962479193</v>
      </c>
      <c r="M1101" s="57">
        <f>Bühler!M1127</f>
        <v>0</v>
      </c>
      <c r="N1101" s="55">
        <f>IF(Input!$K$13=1,J1101*Input!$J$13,0)+IF(Input!$K$14=1,K1101*Input!$J$14,0)+IF(Input!$K$15=1,L1101*Input!$J$15,0)+IF(Input!$K$16=1,M1101*Input!$J$16,0)</f>
        <v>7.3616657989148289</v>
      </c>
      <c r="O1101" s="58">
        <f>IF(Input!$K$13=2,J1101*Input!$J$13,0)+IF(Input!$K$14=2,K1101*Input!$J$14,0)+IF(Input!$K$15=2,L1101*Input!$J$15,0)+IF(Input!$K$16=2,M1101*Input!$J$16,0)</f>
        <v>0.3509702719869382</v>
      </c>
      <c r="P1101" s="58">
        <f>IF(Input!$K$13=3,J1101*Input!$J$13,0)+IF(Input!$K$14=3,K1101*Input!$J$14,0)+IF(Input!$K$15=3,L1101*Input!$J$15,0)+IF(Input!$K$16=3,M1101*Input!$J$16,0)</f>
        <v>0</v>
      </c>
      <c r="Q1101" s="71">
        <f>IF(Input!$K$13=4,J1101*Input!$J$13,0)+IF(Input!$K$14=4,K1101*Input!$J$14,0)+IF(Input!$K$15=4,L1101*Input!$J$15,0)+IF(Input!$K$16=4,M1101*Input!$J$16,0)</f>
        <v>0</v>
      </c>
    </row>
    <row r="1102" spans="8:17" x14ac:dyDescent="0.25">
      <c r="H1102" s="43">
        <v>1095</v>
      </c>
      <c r="I1102" s="55">
        <f>Bühler!I1128</f>
        <v>17.134956642909128</v>
      </c>
      <c r="J1102" s="58">
        <f>Bühler!J1128</f>
        <v>92.350646222945898</v>
      </c>
      <c r="K1102" s="58">
        <f>Bühler!K1128</f>
        <v>3.9136469994561014</v>
      </c>
      <c r="L1102" s="58">
        <f>Bühler!L1128</f>
        <v>1.9568234997280507</v>
      </c>
      <c r="M1102" s="57">
        <f>Bühler!M1128</f>
        <v>0</v>
      </c>
      <c r="N1102" s="55">
        <f>IF(Input!$K$13=1,J1102*Input!$J$13,0)+IF(Input!$K$14=1,K1102*Input!$J$14,0)+IF(Input!$K$15=1,L1102*Input!$J$15,0)+IF(Input!$K$16=1,M1102*Input!$J$16,0)</f>
        <v>11.082077546753506</v>
      </c>
      <c r="O1102" s="58">
        <f>IF(Input!$K$13=2,J1102*Input!$J$13,0)+IF(Input!$K$14=2,K1102*Input!$J$14,0)+IF(Input!$K$15=2,L1102*Input!$J$15,0)+IF(Input!$K$16=2,M1102*Input!$J$16,0)</f>
        <v>0.52834234492657361</v>
      </c>
      <c r="P1102" s="58">
        <f>IF(Input!$K$13=3,J1102*Input!$J$13,0)+IF(Input!$K$14=3,K1102*Input!$J$14,0)+IF(Input!$K$15=3,L1102*Input!$J$15,0)+IF(Input!$K$16=3,M1102*Input!$J$16,0)</f>
        <v>0</v>
      </c>
      <c r="Q1102" s="71">
        <f>IF(Input!$K$13=4,J1102*Input!$J$13,0)+IF(Input!$K$14=4,K1102*Input!$J$14,0)+IF(Input!$K$15=4,L1102*Input!$J$15,0)+IF(Input!$K$16=4,M1102*Input!$J$16,0)</f>
        <v>0</v>
      </c>
    </row>
    <row r="1103" spans="8:17" x14ac:dyDescent="0.25">
      <c r="H1103" s="43">
        <v>1096</v>
      </c>
      <c r="I1103" s="55">
        <f>Bühler!I1129</f>
        <v>17.134956642909128</v>
      </c>
      <c r="J1103" s="58">
        <f>Bühler!J1129</f>
        <v>92.350646222945898</v>
      </c>
      <c r="K1103" s="58">
        <f>Bühler!K1129</f>
        <v>3.9136469994561014</v>
      </c>
      <c r="L1103" s="58">
        <f>Bühler!L1129</f>
        <v>1.9568234997280507</v>
      </c>
      <c r="M1103" s="57">
        <f>Bühler!M1129</f>
        <v>0</v>
      </c>
      <c r="N1103" s="55">
        <f>IF(Input!$K$13=1,J1103*Input!$J$13,0)+IF(Input!$K$14=1,K1103*Input!$J$14,0)+IF(Input!$K$15=1,L1103*Input!$J$15,0)+IF(Input!$K$16=1,M1103*Input!$J$16,0)</f>
        <v>11.082077546753506</v>
      </c>
      <c r="O1103" s="58">
        <f>IF(Input!$K$13=2,J1103*Input!$J$13,0)+IF(Input!$K$14=2,K1103*Input!$J$14,0)+IF(Input!$K$15=2,L1103*Input!$J$15,0)+IF(Input!$K$16=2,M1103*Input!$J$16,0)</f>
        <v>0.52834234492657361</v>
      </c>
      <c r="P1103" s="58">
        <f>IF(Input!$K$13=3,J1103*Input!$J$13,0)+IF(Input!$K$14=3,K1103*Input!$J$14,0)+IF(Input!$K$15=3,L1103*Input!$J$15,0)+IF(Input!$K$16=3,M1103*Input!$J$16,0)</f>
        <v>0</v>
      </c>
      <c r="Q1103" s="71">
        <f>IF(Input!$K$13=4,J1103*Input!$J$13,0)+IF(Input!$K$14=4,K1103*Input!$J$14,0)+IF(Input!$K$15=4,L1103*Input!$J$15,0)+IF(Input!$K$16=4,M1103*Input!$J$16,0)</f>
        <v>0</v>
      </c>
    </row>
    <row r="1104" spans="8:17" x14ac:dyDescent="0.25">
      <c r="H1104" s="43">
        <v>1097</v>
      </c>
      <c r="I1104" s="55">
        <f>Bühler!I1130</f>
        <v>14.317817835238724</v>
      </c>
      <c r="J1104" s="58">
        <f>Bühler!J1130</f>
        <v>58.99305191745885</v>
      </c>
      <c r="K1104" s="58">
        <f>Bühler!K1130</f>
        <v>2.3062562675366314</v>
      </c>
      <c r="L1104" s="58">
        <f>Bühler!L1130</f>
        <v>1.1531281337683157</v>
      </c>
      <c r="M1104" s="57">
        <f>Bühler!M1130</f>
        <v>0</v>
      </c>
      <c r="N1104" s="55">
        <f>IF(Input!$K$13=1,J1104*Input!$J$13,0)+IF(Input!$K$14=1,K1104*Input!$J$14,0)+IF(Input!$K$15=1,L1104*Input!$J$15,0)+IF(Input!$K$16=1,M1104*Input!$J$16,0)</f>
        <v>7.079166230095062</v>
      </c>
      <c r="O1104" s="58">
        <f>IF(Input!$K$13=2,J1104*Input!$J$13,0)+IF(Input!$K$14=2,K1104*Input!$J$14,0)+IF(Input!$K$15=2,L1104*Input!$J$15,0)+IF(Input!$K$16=2,M1104*Input!$J$16,0)</f>
        <v>0.31134459611744525</v>
      </c>
      <c r="P1104" s="58">
        <f>IF(Input!$K$13=3,J1104*Input!$J$13,0)+IF(Input!$K$14=3,K1104*Input!$J$14,0)+IF(Input!$K$15=3,L1104*Input!$J$15,0)+IF(Input!$K$16=3,M1104*Input!$J$16,0)</f>
        <v>0</v>
      </c>
      <c r="Q1104" s="71">
        <f>IF(Input!$K$13=4,J1104*Input!$J$13,0)+IF(Input!$K$14=4,K1104*Input!$J$14,0)+IF(Input!$K$15=4,L1104*Input!$J$15,0)+IF(Input!$K$16=4,M1104*Input!$J$16,0)</f>
        <v>0</v>
      </c>
    </row>
    <row r="1105" spans="8:17" x14ac:dyDescent="0.25">
      <c r="H1105" s="43">
        <v>1098</v>
      </c>
      <c r="I1105" s="55">
        <f>Bühler!I1131</f>
        <v>11.384617129124967</v>
      </c>
      <c r="J1105" s="58">
        <f>Bühler!J1131</f>
        <v>30.891629118203888</v>
      </c>
      <c r="K1105" s="58">
        <f>Bühler!K1131</f>
        <v>0.98431765579881836</v>
      </c>
      <c r="L1105" s="58">
        <f>Bühler!L1131</f>
        <v>0.49215882789940918</v>
      </c>
      <c r="M1105" s="57">
        <f>Bühler!M1131</f>
        <v>0</v>
      </c>
      <c r="N1105" s="55">
        <f>IF(Input!$K$13=1,J1105*Input!$J$13,0)+IF(Input!$K$14=1,K1105*Input!$J$14,0)+IF(Input!$K$15=1,L1105*Input!$J$15,0)+IF(Input!$K$16=1,M1105*Input!$J$16,0)</f>
        <v>3.7069954941844663</v>
      </c>
      <c r="O1105" s="58">
        <f>IF(Input!$K$13=2,J1105*Input!$J$13,0)+IF(Input!$K$14=2,K1105*Input!$J$14,0)+IF(Input!$K$15=2,L1105*Input!$J$15,0)+IF(Input!$K$16=2,M1105*Input!$J$16,0)</f>
        <v>0.13288288353284047</v>
      </c>
      <c r="P1105" s="58">
        <f>IF(Input!$K$13=3,J1105*Input!$J$13,0)+IF(Input!$K$14=3,K1105*Input!$J$14,0)+IF(Input!$K$15=3,L1105*Input!$J$15,0)+IF(Input!$K$16=3,M1105*Input!$J$16,0)</f>
        <v>0</v>
      </c>
      <c r="Q1105" s="71">
        <f>IF(Input!$K$13=4,J1105*Input!$J$13,0)+IF(Input!$K$14=4,K1105*Input!$J$14,0)+IF(Input!$K$15=4,L1105*Input!$J$15,0)+IF(Input!$K$16=4,M1105*Input!$J$16,0)</f>
        <v>0</v>
      </c>
    </row>
    <row r="1106" spans="8:17" x14ac:dyDescent="0.25">
      <c r="H1106" s="43">
        <v>1099</v>
      </c>
      <c r="I1106" s="55">
        <f>Bühler!I1132</f>
        <v>4.2204326706672726</v>
      </c>
      <c r="J1106" s="58">
        <f>Bühler!J1132</f>
        <v>16.820609363913089</v>
      </c>
      <c r="K1106" s="58">
        <f>Bühler!K1132</f>
        <v>0.64964965282722009</v>
      </c>
      <c r="L1106" s="58">
        <f>Bühler!L1132</f>
        <v>0.32482482641361005</v>
      </c>
      <c r="M1106" s="57">
        <f>Bühler!M1132</f>
        <v>0</v>
      </c>
      <c r="N1106" s="55">
        <f>IF(Input!$K$13=1,J1106*Input!$J$13,0)+IF(Input!$K$14=1,K1106*Input!$J$14,0)+IF(Input!$K$15=1,L1106*Input!$J$15,0)+IF(Input!$K$16=1,M1106*Input!$J$16,0)</f>
        <v>2.0184731236695708</v>
      </c>
      <c r="O1106" s="58">
        <f>IF(Input!$K$13=2,J1106*Input!$J$13,0)+IF(Input!$K$14=2,K1106*Input!$J$14,0)+IF(Input!$K$15=2,L1106*Input!$J$15,0)+IF(Input!$K$16=2,M1106*Input!$J$16,0)</f>
        <v>8.770270313167472E-2</v>
      </c>
      <c r="P1106" s="58">
        <f>IF(Input!$K$13=3,J1106*Input!$J$13,0)+IF(Input!$K$14=3,K1106*Input!$J$14,0)+IF(Input!$K$15=3,L1106*Input!$J$15,0)+IF(Input!$K$16=3,M1106*Input!$J$16,0)</f>
        <v>0</v>
      </c>
      <c r="Q1106" s="71">
        <f>IF(Input!$K$13=4,J1106*Input!$J$13,0)+IF(Input!$K$14=4,K1106*Input!$J$14,0)+IF(Input!$K$15=4,L1106*Input!$J$15,0)+IF(Input!$K$16=4,M1106*Input!$J$16,0)</f>
        <v>0</v>
      </c>
    </row>
    <row r="1107" spans="8:17" x14ac:dyDescent="0.25">
      <c r="H1107" s="43">
        <v>1100</v>
      </c>
      <c r="I1107" s="55">
        <f>Bühler!I1133</f>
        <v>4.2204326706672726</v>
      </c>
      <c r="J1107" s="58">
        <f>Bühler!J1133</f>
        <v>16.820609363913089</v>
      </c>
      <c r="K1107" s="58">
        <f>Bühler!K1133</f>
        <v>0.64964965282722009</v>
      </c>
      <c r="L1107" s="58">
        <f>Bühler!L1133</f>
        <v>0.32482482641361005</v>
      </c>
      <c r="M1107" s="57">
        <f>Bühler!M1133</f>
        <v>0</v>
      </c>
      <c r="N1107" s="55">
        <f>IF(Input!$K$13=1,J1107*Input!$J$13,0)+IF(Input!$K$14=1,K1107*Input!$J$14,0)+IF(Input!$K$15=1,L1107*Input!$J$15,0)+IF(Input!$K$16=1,M1107*Input!$J$16,0)</f>
        <v>2.0184731236695708</v>
      </c>
      <c r="O1107" s="58">
        <f>IF(Input!$K$13=2,J1107*Input!$J$13,0)+IF(Input!$K$14=2,K1107*Input!$J$14,0)+IF(Input!$K$15=2,L1107*Input!$J$15,0)+IF(Input!$K$16=2,M1107*Input!$J$16,0)</f>
        <v>8.770270313167472E-2</v>
      </c>
      <c r="P1107" s="58">
        <f>IF(Input!$K$13=3,J1107*Input!$J$13,0)+IF(Input!$K$14=3,K1107*Input!$J$14,0)+IF(Input!$K$15=3,L1107*Input!$J$15,0)+IF(Input!$K$16=3,M1107*Input!$J$16,0)</f>
        <v>0</v>
      </c>
      <c r="Q1107" s="71">
        <f>IF(Input!$K$13=4,J1107*Input!$J$13,0)+IF(Input!$K$14=4,K1107*Input!$J$14,0)+IF(Input!$K$15=4,L1107*Input!$J$15,0)+IF(Input!$K$16=4,M1107*Input!$J$16,0)</f>
        <v>0</v>
      </c>
    </row>
    <row r="1108" spans="8:17" x14ac:dyDescent="0.25">
      <c r="H1108" s="43">
        <v>1101</v>
      </c>
      <c r="I1108" s="55">
        <f>Bühler!I1134</f>
        <v>4.2204326706672726</v>
      </c>
      <c r="J1108" s="58">
        <f>Bühler!J1134</f>
        <v>16.820609363913089</v>
      </c>
      <c r="K1108" s="58">
        <f>Bühler!K1134</f>
        <v>0.64964965282722009</v>
      </c>
      <c r="L1108" s="58">
        <f>Bühler!L1134</f>
        <v>0.32482482641361005</v>
      </c>
      <c r="M1108" s="57">
        <f>Bühler!M1134</f>
        <v>0</v>
      </c>
      <c r="N1108" s="55">
        <f>IF(Input!$K$13=1,J1108*Input!$J$13,0)+IF(Input!$K$14=1,K1108*Input!$J$14,0)+IF(Input!$K$15=1,L1108*Input!$J$15,0)+IF(Input!$K$16=1,M1108*Input!$J$16,0)</f>
        <v>2.0184731236695708</v>
      </c>
      <c r="O1108" s="58">
        <f>IF(Input!$K$13=2,J1108*Input!$J$13,0)+IF(Input!$K$14=2,K1108*Input!$J$14,0)+IF(Input!$K$15=2,L1108*Input!$J$15,0)+IF(Input!$K$16=2,M1108*Input!$J$16,0)</f>
        <v>8.770270313167472E-2</v>
      </c>
      <c r="P1108" s="58">
        <f>IF(Input!$K$13=3,J1108*Input!$J$13,0)+IF(Input!$K$14=3,K1108*Input!$J$14,0)+IF(Input!$K$15=3,L1108*Input!$J$15,0)+IF(Input!$K$16=3,M1108*Input!$J$16,0)</f>
        <v>0</v>
      </c>
      <c r="Q1108" s="71">
        <f>IF(Input!$K$13=4,J1108*Input!$J$13,0)+IF(Input!$K$14=4,K1108*Input!$J$14,0)+IF(Input!$K$15=4,L1108*Input!$J$15,0)+IF(Input!$K$16=4,M1108*Input!$J$16,0)</f>
        <v>0</v>
      </c>
    </row>
    <row r="1109" spans="8:17" x14ac:dyDescent="0.25">
      <c r="H1109" s="43">
        <v>1102</v>
      </c>
      <c r="I1109" s="55">
        <f>Bühler!I1135</f>
        <v>4.2204326706672726</v>
      </c>
      <c r="J1109" s="58">
        <f>Bühler!J1135</f>
        <v>16.820609363913089</v>
      </c>
      <c r="K1109" s="58">
        <f>Bühler!K1135</f>
        <v>0.64964965282722009</v>
      </c>
      <c r="L1109" s="58">
        <f>Bühler!L1135</f>
        <v>0.32482482641361005</v>
      </c>
      <c r="M1109" s="57">
        <f>Bühler!M1135</f>
        <v>0</v>
      </c>
      <c r="N1109" s="55">
        <f>IF(Input!$K$13=1,J1109*Input!$J$13,0)+IF(Input!$K$14=1,K1109*Input!$J$14,0)+IF(Input!$K$15=1,L1109*Input!$J$15,0)+IF(Input!$K$16=1,M1109*Input!$J$16,0)</f>
        <v>2.0184731236695708</v>
      </c>
      <c r="O1109" s="58">
        <f>IF(Input!$K$13=2,J1109*Input!$J$13,0)+IF(Input!$K$14=2,K1109*Input!$J$14,0)+IF(Input!$K$15=2,L1109*Input!$J$15,0)+IF(Input!$K$16=2,M1109*Input!$J$16,0)</f>
        <v>8.770270313167472E-2</v>
      </c>
      <c r="P1109" s="58">
        <f>IF(Input!$K$13=3,J1109*Input!$J$13,0)+IF(Input!$K$14=3,K1109*Input!$J$14,0)+IF(Input!$K$15=3,L1109*Input!$J$15,0)+IF(Input!$K$16=3,M1109*Input!$J$16,0)</f>
        <v>0</v>
      </c>
      <c r="Q1109" s="71">
        <f>IF(Input!$K$13=4,J1109*Input!$J$13,0)+IF(Input!$K$14=4,K1109*Input!$J$14,0)+IF(Input!$K$15=4,L1109*Input!$J$15,0)+IF(Input!$K$16=4,M1109*Input!$J$16,0)</f>
        <v>0</v>
      </c>
    </row>
    <row r="1110" spans="8:17" x14ac:dyDescent="0.25">
      <c r="H1110" s="43">
        <v>1103</v>
      </c>
      <c r="I1110" s="55">
        <f>Bühler!I1136</f>
        <v>4.2204326706672726</v>
      </c>
      <c r="J1110" s="58">
        <f>Bühler!J1136</f>
        <v>16.820609363913089</v>
      </c>
      <c r="K1110" s="58">
        <f>Bühler!K1136</f>
        <v>0.64964965282722009</v>
      </c>
      <c r="L1110" s="58">
        <f>Bühler!L1136</f>
        <v>0.32482482641361005</v>
      </c>
      <c r="M1110" s="57">
        <f>Bühler!M1136</f>
        <v>0</v>
      </c>
      <c r="N1110" s="55">
        <f>IF(Input!$K$13=1,J1110*Input!$J$13,0)+IF(Input!$K$14=1,K1110*Input!$J$14,0)+IF(Input!$K$15=1,L1110*Input!$J$15,0)+IF(Input!$K$16=1,M1110*Input!$J$16,0)</f>
        <v>2.0184731236695708</v>
      </c>
      <c r="O1110" s="58">
        <f>IF(Input!$K$13=2,J1110*Input!$J$13,0)+IF(Input!$K$14=2,K1110*Input!$J$14,0)+IF(Input!$K$15=2,L1110*Input!$J$15,0)+IF(Input!$K$16=2,M1110*Input!$J$16,0)</f>
        <v>8.770270313167472E-2</v>
      </c>
      <c r="P1110" s="58">
        <f>IF(Input!$K$13=3,J1110*Input!$J$13,0)+IF(Input!$K$14=3,K1110*Input!$J$14,0)+IF(Input!$K$15=3,L1110*Input!$J$15,0)+IF(Input!$K$16=3,M1110*Input!$J$16,0)</f>
        <v>0</v>
      </c>
      <c r="Q1110" s="71">
        <f>IF(Input!$K$13=4,J1110*Input!$J$13,0)+IF(Input!$K$14=4,K1110*Input!$J$14,0)+IF(Input!$K$15=4,L1110*Input!$J$15,0)+IF(Input!$K$16=4,M1110*Input!$J$16,0)</f>
        <v>0</v>
      </c>
    </row>
    <row r="1111" spans="8:17" x14ac:dyDescent="0.25">
      <c r="H1111" s="43">
        <v>1104</v>
      </c>
      <c r="I1111" s="55">
        <f>Bühler!I1137</f>
        <v>4.2204326706672726</v>
      </c>
      <c r="J1111" s="58">
        <f>Bühler!J1137</f>
        <v>16.820609363913089</v>
      </c>
      <c r="K1111" s="58">
        <f>Bühler!K1137</f>
        <v>0.64964965282722009</v>
      </c>
      <c r="L1111" s="58">
        <f>Bühler!L1137</f>
        <v>0.32482482641361005</v>
      </c>
      <c r="M1111" s="57">
        <f>Bühler!M1137</f>
        <v>0</v>
      </c>
      <c r="N1111" s="55">
        <f>IF(Input!$K$13=1,J1111*Input!$J$13,0)+IF(Input!$K$14=1,K1111*Input!$J$14,0)+IF(Input!$K$15=1,L1111*Input!$J$15,0)+IF(Input!$K$16=1,M1111*Input!$J$16,0)</f>
        <v>2.0184731236695708</v>
      </c>
      <c r="O1111" s="58">
        <f>IF(Input!$K$13=2,J1111*Input!$J$13,0)+IF(Input!$K$14=2,K1111*Input!$J$14,0)+IF(Input!$K$15=2,L1111*Input!$J$15,0)+IF(Input!$K$16=2,M1111*Input!$J$16,0)</f>
        <v>8.770270313167472E-2</v>
      </c>
      <c r="P1111" s="58">
        <f>IF(Input!$K$13=3,J1111*Input!$J$13,0)+IF(Input!$K$14=3,K1111*Input!$J$14,0)+IF(Input!$K$15=3,L1111*Input!$J$15,0)+IF(Input!$K$16=3,M1111*Input!$J$16,0)</f>
        <v>0</v>
      </c>
      <c r="Q1111" s="71">
        <f>IF(Input!$K$13=4,J1111*Input!$J$13,0)+IF(Input!$K$14=4,K1111*Input!$J$14,0)+IF(Input!$K$15=4,L1111*Input!$J$15,0)+IF(Input!$K$16=4,M1111*Input!$J$16,0)</f>
        <v>0</v>
      </c>
    </row>
    <row r="1112" spans="8:17" x14ac:dyDescent="0.25">
      <c r="H1112" s="43">
        <v>1105</v>
      </c>
      <c r="I1112" s="55">
        <f>Bühler!I1138</f>
        <v>4.4796034530376154</v>
      </c>
      <c r="J1112" s="58">
        <f>Bühler!J1138</f>
        <v>17.331202123127227</v>
      </c>
      <c r="K1112" s="58">
        <f>Bühler!K1138</f>
        <v>0.65233724647746993</v>
      </c>
      <c r="L1112" s="58">
        <f>Bühler!L1138</f>
        <v>0.32616862323873497</v>
      </c>
      <c r="M1112" s="57">
        <f>Bühler!M1138</f>
        <v>0</v>
      </c>
      <c r="N1112" s="55">
        <f>IF(Input!$K$13=1,J1112*Input!$J$13,0)+IF(Input!$K$14=1,K1112*Input!$J$14,0)+IF(Input!$K$15=1,L1112*Input!$J$15,0)+IF(Input!$K$16=1,M1112*Input!$J$16,0)</f>
        <v>2.0797442547752674</v>
      </c>
      <c r="O1112" s="58">
        <f>IF(Input!$K$13=2,J1112*Input!$J$13,0)+IF(Input!$K$14=2,K1112*Input!$J$14,0)+IF(Input!$K$15=2,L1112*Input!$J$15,0)+IF(Input!$K$16=2,M1112*Input!$J$16,0)</f>
        <v>8.8065528274458432E-2</v>
      </c>
      <c r="P1112" s="58">
        <f>IF(Input!$K$13=3,J1112*Input!$J$13,0)+IF(Input!$K$14=3,K1112*Input!$J$14,0)+IF(Input!$K$15=3,L1112*Input!$J$15,0)+IF(Input!$K$16=3,M1112*Input!$J$16,0)</f>
        <v>0</v>
      </c>
      <c r="Q1112" s="71">
        <f>IF(Input!$K$13=4,J1112*Input!$J$13,0)+IF(Input!$K$14=4,K1112*Input!$J$14,0)+IF(Input!$K$15=4,L1112*Input!$J$15,0)+IF(Input!$K$16=4,M1112*Input!$J$16,0)</f>
        <v>0</v>
      </c>
    </row>
    <row r="1113" spans="8:17" x14ac:dyDescent="0.25">
      <c r="H1113" s="43">
        <v>1106</v>
      </c>
      <c r="I1113" s="55">
        <f>Bühler!I1139</f>
        <v>4.4796034530376154</v>
      </c>
      <c r="J1113" s="58">
        <f>Bühler!J1139</f>
        <v>17.331202123127227</v>
      </c>
      <c r="K1113" s="58">
        <f>Bühler!K1139</f>
        <v>0.65233724647746993</v>
      </c>
      <c r="L1113" s="58">
        <f>Bühler!L1139</f>
        <v>0.32616862323873497</v>
      </c>
      <c r="M1113" s="57">
        <f>Bühler!M1139</f>
        <v>0</v>
      </c>
      <c r="N1113" s="55">
        <f>IF(Input!$K$13=1,J1113*Input!$J$13,0)+IF(Input!$K$14=1,K1113*Input!$J$14,0)+IF(Input!$K$15=1,L1113*Input!$J$15,0)+IF(Input!$K$16=1,M1113*Input!$J$16,0)</f>
        <v>2.0797442547752674</v>
      </c>
      <c r="O1113" s="58">
        <f>IF(Input!$K$13=2,J1113*Input!$J$13,0)+IF(Input!$K$14=2,K1113*Input!$J$14,0)+IF(Input!$K$15=2,L1113*Input!$J$15,0)+IF(Input!$K$16=2,M1113*Input!$J$16,0)</f>
        <v>8.8065528274458432E-2</v>
      </c>
      <c r="P1113" s="58">
        <f>IF(Input!$K$13=3,J1113*Input!$J$13,0)+IF(Input!$K$14=3,K1113*Input!$J$14,0)+IF(Input!$K$15=3,L1113*Input!$J$15,0)+IF(Input!$K$16=3,M1113*Input!$J$16,0)</f>
        <v>0</v>
      </c>
      <c r="Q1113" s="71">
        <f>IF(Input!$K$13=4,J1113*Input!$J$13,0)+IF(Input!$K$14=4,K1113*Input!$J$14,0)+IF(Input!$K$15=4,L1113*Input!$J$15,0)+IF(Input!$K$16=4,M1113*Input!$J$16,0)</f>
        <v>0</v>
      </c>
    </row>
    <row r="1114" spans="8:17" x14ac:dyDescent="0.25">
      <c r="H1114" s="43">
        <v>1107</v>
      </c>
      <c r="I1114" s="55">
        <f>Bühler!I1140</f>
        <v>4.4796034530376154</v>
      </c>
      <c r="J1114" s="58">
        <f>Bühler!J1140</f>
        <v>17.331202123127227</v>
      </c>
      <c r="K1114" s="58">
        <f>Bühler!K1140</f>
        <v>0.65233724647746993</v>
      </c>
      <c r="L1114" s="58">
        <f>Bühler!L1140</f>
        <v>0.32616862323873497</v>
      </c>
      <c r="M1114" s="57">
        <f>Bühler!M1140</f>
        <v>0</v>
      </c>
      <c r="N1114" s="55">
        <f>IF(Input!$K$13=1,J1114*Input!$J$13,0)+IF(Input!$K$14=1,K1114*Input!$J$14,0)+IF(Input!$K$15=1,L1114*Input!$J$15,0)+IF(Input!$K$16=1,M1114*Input!$J$16,0)</f>
        <v>2.0797442547752674</v>
      </c>
      <c r="O1114" s="58">
        <f>IF(Input!$K$13=2,J1114*Input!$J$13,0)+IF(Input!$K$14=2,K1114*Input!$J$14,0)+IF(Input!$K$15=2,L1114*Input!$J$15,0)+IF(Input!$K$16=2,M1114*Input!$J$16,0)</f>
        <v>8.8065528274458432E-2</v>
      </c>
      <c r="P1114" s="58">
        <f>IF(Input!$K$13=3,J1114*Input!$J$13,0)+IF(Input!$K$14=3,K1114*Input!$J$14,0)+IF(Input!$K$15=3,L1114*Input!$J$15,0)+IF(Input!$K$16=3,M1114*Input!$J$16,0)</f>
        <v>0</v>
      </c>
      <c r="Q1114" s="71">
        <f>IF(Input!$K$13=4,J1114*Input!$J$13,0)+IF(Input!$K$14=4,K1114*Input!$J$14,0)+IF(Input!$K$15=4,L1114*Input!$J$15,0)+IF(Input!$K$16=4,M1114*Input!$J$16,0)</f>
        <v>0</v>
      </c>
    </row>
    <row r="1115" spans="8:17" x14ac:dyDescent="0.25">
      <c r="H1115" s="43">
        <v>1108</v>
      </c>
      <c r="I1115" s="55">
        <f>Bühler!I1141</f>
        <v>4.4796034530376154</v>
      </c>
      <c r="J1115" s="58">
        <f>Bühler!J1141</f>
        <v>17.331202123127227</v>
      </c>
      <c r="K1115" s="58">
        <f>Bühler!K1141</f>
        <v>0.65233724647746993</v>
      </c>
      <c r="L1115" s="58">
        <f>Bühler!L1141</f>
        <v>0.32616862323873497</v>
      </c>
      <c r="M1115" s="57">
        <f>Bühler!M1141</f>
        <v>0</v>
      </c>
      <c r="N1115" s="55">
        <f>IF(Input!$K$13=1,J1115*Input!$J$13,0)+IF(Input!$K$14=1,K1115*Input!$J$14,0)+IF(Input!$K$15=1,L1115*Input!$J$15,0)+IF(Input!$K$16=1,M1115*Input!$J$16,0)</f>
        <v>2.0797442547752674</v>
      </c>
      <c r="O1115" s="58">
        <f>IF(Input!$K$13=2,J1115*Input!$J$13,0)+IF(Input!$K$14=2,K1115*Input!$J$14,0)+IF(Input!$K$15=2,L1115*Input!$J$15,0)+IF(Input!$K$16=2,M1115*Input!$J$16,0)</f>
        <v>8.8065528274458432E-2</v>
      </c>
      <c r="P1115" s="58">
        <f>IF(Input!$K$13=3,J1115*Input!$J$13,0)+IF(Input!$K$14=3,K1115*Input!$J$14,0)+IF(Input!$K$15=3,L1115*Input!$J$15,0)+IF(Input!$K$16=3,M1115*Input!$J$16,0)</f>
        <v>0</v>
      </c>
      <c r="Q1115" s="71">
        <f>IF(Input!$K$13=4,J1115*Input!$J$13,0)+IF(Input!$K$14=4,K1115*Input!$J$14,0)+IF(Input!$K$15=4,L1115*Input!$J$15,0)+IF(Input!$K$16=4,M1115*Input!$J$16,0)</f>
        <v>0</v>
      </c>
    </row>
    <row r="1116" spans="8:17" x14ac:dyDescent="0.25">
      <c r="H1116" s="43">
        <v>1109</v>
      </c>
      <c r="I1116" s="55">
        <f>Bühler!I1142</f>
        <v>4.4796034530376154</v>
      </c>
      <c r="J1116" s="58">
        <f>Bühler!J1142</f>
        <v>17.331202123127227</v>
      </c>
      <c r="K1116" s="58">
        <f>Bühler!K1142</f>
        <v>0.65233724647746993</v>
      </c>
      <c r="L1116" s="58">
        <f>Bühler!L1142</f>
        <v>0.32616862323873497</v>
      </c>
      <c r="M1116" s="57">
        <f>Bühler!M1142</f>
        <v>0</v>
      </c>
      <c r="N1116" s="55">
        <f>IF(Input!$K$13=1,J1116*Input!$J$13,0)+IF(Input!$K$14=1,K1116*Input!$J$14,0)+IF(Input!$K$15=1,L1116*Input!$J$15,0)+IF(Input!$K$16=1,M1116*Input!$J$16,0)</f>
        <v>2.0797442547752674</v>
      </c>
      <c r="O1116" s="58">
        <f>IF(Input!$K$13=2,J1116*Input!$J$13,0)+IF(Input!$K$14=2,K1116*Input!$J$14,0)+IF(Input!$K$15=2,L1116*Input!$J$15,0)+IF(Input!$K$16=2,M1116*Input!$J$16,0)</f>
        <v>8.8065528274458432E-2</v>
      </c>
      <c r="P1116" s="58">
        <f>IF(Input!$K$13=3,J1116*Input!$J$13,0)+IF(Input!$K$14=3,K1116*Input!$J$14,0)+IF(Input!$K$15=3,L1116*Input!$J$15,0)+IF(Input!$K$16=3,M1116*Input!$J$16,0)</f>
        <v>0</v>
      </c>
      <c r="Q1116" s="71">
        <f>IF(Input!$K$13=4,J1116*Input!$J$13,0)+IF(Input!$K$14=4,K1116*Input!$J$14,0)+IF(Input!$K$15=4,L1116*Input!$J$15,0)+IF(Input!$K$16=4,M1116*Input!$J$16,0)</f>
        <v>0</v>
      </c>
    </row>
    <row r="1117" spans="8:17" x14ac:dyDescent="0.25">
      <c r="H1117" s="43">
        <v>1110</v>
      </c>
      <c r="I1117" s="55">
        <f>Bühler!I1143</f>
        <v>4.4796034530376154</v>
      </c>
      <c r="J1117" s="58">
        <f>Bühler!J1143</f>
        <v>17.331202123127227</v>
      </c>
      <c r="K1117" s="58">
        <f>Bühler!K1143</f>
        <v>0.65233724647746993</v>
      </c>
      <c r="L1117" s="58">
        <f>Bühler!L1143</f>
        <v>0.32616862323873497</v>
      </c>
      <c r="M1117" s="57">
        <f>Bühler!M1143</f>
        <v>0</v>
      </c>
      <c r="N1117" s="55">
        <f>IF(Input!$K$13=1,J1117*Input!$J$13,0)+IF(Input!$K$14=1,K1117*Input!$J$14,0)+IF(Input!$K$15=1,L1117*Input!$J$15,0)+IF(Input!$K$16=1,M1117*Input!$J$16,0)</f>
        <v>2.0797442547752674</v>
      </c>
      <c r="O1117" s="58">
        <f>IF(Input!$K$13=2,J1117*Input!$J$13,0)+IF(Input!$K$14=2,K1117*Input!$J$14,0)+IF(Input!$K$15=2,L1117*Input!$J$15,0)+IF(Input!$K$16=2,M1117*Input!$J$16,0)</f>
        <v>8.8065528274458432E-2</v>
      </c>
      <c r="P1117" s="58">
        <f>IF(Input!$K$13=3,J1117*Input!$J$13,0)+IF(Input!$K$14=3,K1117*Input!$J$14,0)+IF(Input!$K$15=3,L1117*Input!$J$15,0)+IF(Input!$K$16=3,M1117*Input!$J$16,0)</f>
        <v>0</v>
      </c>
      <c r="Q1117" s="71">
        <f>IF(Input!$K$13=4,J1117*Input!$J$13,0)+IF(Input!$K$14=4,K1117*Input!$J$14,0)+IF(Input!$K$15=4,L1117*Input!$J$15,0)+IF(Input!$K$16=4,M1117*Input!$J$16,0)</f>
        <v>0</v>
      </c>
    </row>
    <row r="1118" spans="8:17" x14ac:dyDescent="0.25">
      <c r="H1118" s="43">
        <v>1111</v>
      </c>
      <c r="I1118" s="55">
        <f>Bühler!I1144</f>
        <v>4.4796034530376154</v>
      </c>
      <c r="J1118" s="58">
        <f>Bühler!J1144</f>
        <v>17.331202123127227</v>
      </c>
      <c r="K1118" s="58">
        <f>Bühler!K1144</f>
        <v>0.65233724647746993</v>
      </c>
      <c r="L1118" s="58">
        <f>Bühler!L1144</f>
        <v>0.32616862323873497</v>
      </c>
      <c r="M1118" s="57">
        <f>Bühler!M1144</f>
        <v>0</v>
      </c>
      <c r="N1118" s="55">
        <f>IF(Input!$K$13=1,J1118*Input!$J$13,0)+IF(Input!$K$14=1,K1118*Input!$J$14,0)+IF(Input!$K$15=1,L1118*Input!$J$15,0)+IF(Input!$K$16=1,M1118*Input!$J$16,0)</f>
        <v>2.0797442547752674</v>
      </c>
      <c r="O1118" s="58">
        <f>IF(Input!$K$13=2,J1118*Input!$J$13,0)+IF(Input!$K$14=2,K1118*Input!$J$14,0)+IF(Input!$K$15=2,L1118*Input!$J$15,0)+IF(Input!$K$16=2,M1118*Input!$J$16,0)</f>
        <v>8.8065528274458432E-2</v>
      </c>
      <c r="P1118" s="58">
        <f>IF(Input!$K$13=3,J1118*Input!$J$13,0)+IF(Input!$K$14=3,K1118*Input!$J$14,0)+IF(Input!$K$15=3,L1118*Input!$J$15,0)+IF(Input!$K$16=3,M1118*Input!$J$16,0)</f>
        <v>0</v>
      </c>
      <c r="Q1118" s="71">
        <f>IF(Input!$K$13=4,J1118*Input!$J$13,0)+IF(Input!$K$14=4,K1118*Input!$J$14,0)+IF(Input!$K$15=4,L1118*Input!$J$15,0)+IF(Input!$K$16=4,M1118*Input!$J$16,0)</f>
        <v>0</v>
      </c>
    </row>
    <row r="1119" spans="8:17" x14ac:dyDescent="0.25">
      <c r="H1119" s="43">
        <v>1112</v>
      </c>
      <c r="I1119" s="55">
        <f>Bühler!I1145</f>
        <v>12.341307513118627</v>
      </c>
      <c r="J1119" s="58">
        <f>Bühler!J1145</f>
        <v>64.379521071853972</v>
      </c>
      <c r="K1119" s="58">
        <f>Bühler!K1145</f>
        <v>2.6666755924185055</v>
      </c>
      <c r="L1119" s="58">
        <f>Bühler!L1145</f>
        <v>1.3333377962092527</v>
      </c>
      <c r="M1119" s="57">
        <f>Bühler!M1145</f>
        <v>0</v>
      </c>
      <c r="N1119" s="55">
        <f>IF(Input!$K$13=1,J1119*Input!$J$13,0)+IF(Input!$K$14=1,K1119*Input!$J$14,0)+IF(Input!$K$15=1,L1119*Input!$J$15,0)+IF(Input!$K$16=1,M1119*Input!$J$16,0)</f>
        <v>7.7255425286224764</v>
      </c>
      <c r="O1119" s="58">
        <f>IF(Input!$K$13=2,J1119*Input!$J$13,0)+IF(Input!$K$14=2,K1119*Input!$J$14,0)+IF(Input!$K$15=2,L1119*Input!$J$15,0)+IF(Input!$K$16=2,M1119*Input!$J$16,0)</f>
        <v>0.36000120497649823</v>
      </c>
      <c r="P1119" s="58">
        <f>IF(Input!$K$13=3,J1119*Input!$J$13,0)+IF(Input!$K$14=3,K1119*Input!$J$14,0)+IF(Input!$K$15=3,L1119*Input!$J$15,0)+IF(Input!$K$16=3,M1119*Input!$J$16,0)</f>
        <v>0</v>
      </c>
      <c r="Q1119" s="71">
        <f>IF(Input!$K$13=4,J1119*Input!$J$13,0)+IF(Input!$K$14=4,K1119*Input!$J$14,0)+IF(Input!$K$15=4,L1119*Input!$J$15,0)+IF(Input!$K$16=4,M1119*Input!$J$16,0)</f>
        <v>0</v>
      </c>
    </row>
    <row r="1120" spans="8:17" x14ac:dyDescent="0.25">
      <c r="H1120" s="43">
        <v>1113</v>
      </c>
      <c r="I1120" s="55">
        <f>Bühler!I1146</f>
        <v>13.77030101463763</v>
      </c>
      <c r="J1120" s="58">
        <f>Bühler!J1146</f>
        <v>71.833991932805489</v>
      </c>
      <c r="K1120" s="58">
        <f>Bühler!K1146</f>
        <v>2.975448555751175</v>
      </c>
      <c r="L1120" s="58">
        <f>Bühler!L1146</f>
        <v>1.4877242778755875</v>
      </c>
      <c r="M1120" s="57">
        <f>Bühler!M1146</f>
        <v>0</v>
      </c>
      <c r="N1120" s="55">
        <f>IF(Input!$K$13=1,J1120*Input!$J$13,0)+IF(Input!$K$14=1,K1120*Input!$J$14,0)+IF(Input!$K$15=1,L1120*Input!$J$15,0)+IF(Input!$K$16=1,M1120*Input!$J$16,0)</f>
        <v>8.6200790319366583</v>
      </c>
      <c r="O1120" s="58">
        <f>IF(Input!$K$13=2,J1120*Input!$J$13,0)+IF(Input!$K$14=2,K1120*Input!$J$14,0)+IF(Input!$K$15=2,L1120*Input!$J$15,0)+IF(Input!$K$16=2,M1120*Input!$J$16,0)</f>
        <v>0.40168555502640857</v>
      </c>
      <c r="P1120" s="58">
        <f>IF(Input!$K$13=3,J1120*Input!$J$13,0)+IF(Input!$K$14=3,K1120*Input!$J$14,0)+IF(Input!$K$15=3,L1120*Input!$J$15,0)+IF(Input!$K$16=3,M1120*Input!$J$16,0)</f>
        <v>0</v>
      </c>
      <c r="Q1120" s="71">
        <f>IF(Input!$K$13=4,J1120*Input!$J$13,0)+IF(Input!$K$14=4,K1120*Input!$J$14,0)+IF(Input!$K$15=4,L1120*Input!$J$15,0)+IF(Input!$K$16=4,M1120*Input!$J$16,0)</f>
        <v>0</v>
      </c>
    </row>
    <row r="1121" spans="8:17" x14ac:dyDescent="0.25">
      <c r="H1121" s="43">
        <v>1114</v>
      </c>
      <c r="I1121" s="55">
        <f>Bühler!I1147</f>
        <v>15.199294516156627</v>
      </c>
      <c r="J1121" s="58">
        <f>Bühler!J1147</f>
        <v>79.288462793757006</v>
      </c>
      <c r="K1121" s="58">
        <f>Bühler!K1147</f>
        <v>3.284221519083844</v>
      </c>
      <c r="L1121" s="58">
        <f>Bühler!L1147</f>
        <v>1.642110759541922</v>
      </c>
      <c r="M1121" s="57">
        <f>Bühler!M1147</f>
        <v>0</v>
      </c>
      <c r="N1121" s="55">
        <f>IF(Input!$K$13=1,J1121*Input!$J$13,0)+IF(Input!$K$14=1,K1121*Input!$J$14,0)+IF(Input!$K$15=1,L1121*Input!$J$15,0)+IF(Input!$K$16=1,M1121*Input!$J$16,0)</f>
        <v>9.5146155352508401</v>
      </c>
      <c r="O1121" s="58">
        <f>IF(Input!$K$13=2,J1121*Input!$J$13,0)+IF(Input!$K$14=2,K1121*Input!$J$14,0)+IF(Input!$K$15=2,L1121*Input!$J$15,0)+IF(Input!$K$16=2,M1121*Input!$J$16,0)</f>
        <v>0.4433699050763189</v>
      </c>
      <c r="P1121" s="58">
        <f>IF(Input!$K$13=3,J1121*Input!$J$13,0)+IF(Input!$K$14=3,K1121*Input!$J$14,0)+IF(Input!$K$15=3,L1121*Input!$J$15,0)+IF(Input!$K$16=3,M1121*Input!$J$16,0)</f>
        <v>0</v>
      </c>
      <c r="Q1121" s="71">
        <f>IF(Input!$K$13=4,J1121*Input!$J$13,0)+IF(Input!$K$14=4,K1121*Input!$J$14,0)+IF(Input!$K$15=4,L1121*Input!$J$15,0)+IF(Input!$K$16=4,M1121*Input!$J$16,0)</f>
        <v>0</v>
      </c>
    </row>
    <row r="1122" spans="8:17" x14ac:dyDescent="0.25">
      <c r="H1122" s="43">
        <v>1115</v>
      </c>
      <c r="I1122" s="55">
        <f>Bühler!I1148</f>
        <v>15.199294516156627</v>
      </c>
      <c r="J1122" s="58">
        <f>Bühler!J1148</f>
        <v>79.288462793757006</v>
      </c>
      <c r="K1122" s="58">
        <f>Bühler!K1148</f>
        <v>3.284221519083844</v>
      </c>
      <c r="L1122" s="58">
        <f>Bühler!L1148</f>
        <v>1.642110759541922</v>
      </c>
      <c r="M1122" s="57">
        <f>Bühler!M1148</f>
        <v>0</v>
      </c>
      <c r="N1122" s="55">
        <f>IF(Input!$K$13=1,J1122*Input!$J$13,0)+IF(Input!$K$14=1,K1122*Input!$J$14,0)+IF(Input!$K$15=1,L1122*Input!$J$15,0)+IF(Input!$K$16=1,M1122*Input!$J$16,0)</f>
        <v>9.5146155352508401</v>
      </c>
      <c r="O1122" s="58">
        <f>IF(Input!$K$13=2,J1122*Input!$J$13,0)+IF(Input!$K$14=2,K1122*Input!$J$14,0)+IF(Input!$K$15=2,L1122*Input!$J$15,0)+IF(Input!$K$16=2,M1122*Input!$J$16,0)</f>
        <v>0.4433699050763189</v>
      </c>
      <c r="P1122" s="58">
        <f>IF(Input!$K$13=3,J1122*Input!$J$13,0)+IF(Input!$K$14=3,K1122*Input!$J$14,0)+IF(Input!$K$15=3,L1122*Input!$J$15,0)+IF(Input!$K$16=3,M1122*Input!$J$16,0)</f>
        <v>0</v>
      </c>
      <c r="Q1122" s="71">
        <f>IF(Input!$K$13=4,J1122*Input!$J$13,0)+IF(Input!$K$14=4,K1122*Input!$J$14,0)+IF(Input!$K$15=4,L1122*Input!$J$15,0)+IF(Input!$K$16=4,M1122*Input!$J$16,0)</f>
        <v>0</v>
      </c>
    </row>
    <row r="1123" spans="8:17" x14ac:dyDescent="0.25">
      <c r="H1123" s="43">
        <v>1116</v>
      </c>
      <c r="I1123" s="55">
        <f>Bühler!I1149</f>
        <v>18.187190019332714</v>
      </c>
      <c r="J1123" s="58">
        <f>Bühler!J1149</f>
        <v>94.875083684837435</v>
      </c>
      <c r="K1123" s="58">
        <f>Bühler!K1149</f>
        <v>3.9298377151430608</v>
      </c>
      <c r="L1123" s="58">
        <f>Bühler!L1149</f>
        <v>1.9649188575715304</v>
      </c>
      <c r="M1123" s="57">
        <f>Bühler!M1149</f>
        <v>0</v>
      </c>
      <c r="N1123" s="55">
        <f>IF(Input!$K$13=1,J1123*Input!$J$13,0)+IF(Input!$K$14=1,K1123*Input!$J$14,0)+IF(Input!$K$15=1,L1123*Input!$J$15,0)+IF(Input!$K$16=1,M1123*Input!$J$16,0)</f>
        <v>11.385010042180491</v>
      </c>
      <c r="O1123" s="58">
        <f>IF(Input!$K$13=2,J1123*Input!$J$13,0)+IF(Input!$K$14=2,K1123*Input!$J$14,0)+IF(Input!$K$15=2,L1123*Input!$J$15,0)+IF(Input!$K$16=2,M1123*Input!$J$16,0)</f>
        <v>0.53052809154431313</v>
      </c>
      <c r="P1123" s="58">
        <f>IF(Input!$K$13=3,J1123*Input!$J$13,0)+IF(Input!$K$14=3,K1123*Input!$J$14,0)+IF(Input!$K$15=3,L1123*Input!$J$15,0)+IF(Input!$K$16=3,M1123*Input!$J$16,0)</f>
        <v>0</v>
      </c>
      <c r="Q1123" s="71">
        <f>IF(Input!$K$13=4,J1123*Input!$J$13,0)+IF(Input!$K$14=4,K1123*Input!$J$14,0)+IF(Input!$K$15=4,L1123*Input!$J$15,0)+IF(Input!$K$16=4,M1123*Input!$J$16,0)</f>
        <v>0</v>
      </c>
    </row>
    <row r="1124" spans="8:17" x14ac:dyDescent="0.25">
      <c r="H1124" s="43">
        <v>1117</v>
      </c>
      <c r="I1124" s="55">
        <f>Bühler!I1150</f>
        <v>18.187190019332714</v>
      </c>
      <c r="J1124" s="58">
        <f>Bühler!J1150</f>
        <v>94.875083684837435</v>
      </c>
      <c r="K1124" s="58">
        <f>Bühler!K1150</f>
        <v>3.9298377151430608</v>
      </c>
      <c r="L1124" s="58">
        <f>Bühler!L1150</f>
        <v>1.9649188575715304</v>
      </c>
      <c r="M1124" s="57">
        <f>Bühler!M1150</f>
        <v>0</v>
      </c>
      <c r="N1124" s="55">
        <f>IF(Input!$K$13=1,J1124*Input!$J$13,0)+IF(Input!$K$14=1,K1124*Input!$J$14,0)+IF(Input!$K$15=1,L1124*Input!$J$15,0)+IF(Input!$K$16=1,M1124*Input!$J$16,0)</f>
        <v>11.385010042180491</v>
      </c>
      <c r="O1124" s="58">
        <f>IF(Input!$K$13=2,J1124*Input!$J$13,0)+IF(Input!$K$14=2,K1124*Input!$J$14,0)+IF(Input!$K$15=2,L1124*Input!$J$15,0)+IF(Input!$K$16=2,M1124*Input!$J$16,0)</f>
        <v>0.53052809154431313</v>
      </c>
      <c r="P1124" s="58">
        <f>IF(Input!$K$13=3,J1124*Input!$J$13,0)+IF(Input!$K$14=3,K1124*Input!$J$14,0)+IF(Input!$K$15=3,L1124*Input!$J$15,0)+IF(Input!$K$16=3,M1124*Input!$J$16,0)</f>
        <v>0</v>
      </c>
      <c r="Q1124" s="71">
        <f>IF(Input!$K$13=4,J1124*Input!$J$13,0)+IF(Input!$K$14=4,K1124*Input!$J$14,0)+IF(Input!$K$15=4,L1124*Input!$J$15,0)+IF(Input!$K$16=4,M1124*Input!$J$16,0)</f>
        <v>0</v>
      </c>
    </row>
    <row r="1125" spans="8:17" x14ac:dyDescent="0.25">
      <c r="H1125" s="43">
        <v>1118</v>
      </c>
      <c r="I1125" s="55">
        <f>Bühler!I1151</f>
        <v>12.081490512842448</v>
      </c>
      <c r="J1125" s="58">
        <f>Bühler!J1151</f>
        <v>63.024162733499146</v>
      </c>
      <c r="K1125" s="58">
        <f>Bühler!K1151</f>
        <v>2.6105350536307474</v>
      </c>
      <c r="L1125" s="58">
        <f>Bühler!L1151</f>
        <v>1.3052675268153737</v>
      </c>
      <c r="M1125" s="57">
        <f>Bühler!M1151</f>
        <v>0</v>
      </c>
      <c r="N1125" s="55">
        <f>IF(Input!$K$13=1,J1125*Input!$J$13,0)+IF(Input!$K$14=1,K1125*Input!$J$14,0)+IF(Input!$K$15=1,L1125*Input!$J$15,0)+IF(Input!$K$16=1,M1125*Input!$J$16,0)</f>
        <v>7.562899528019897</v>
      </c>
      <c r="O1125" s="58">
        <f>IF(Input!$K$13=2,J1125*Input!$J$13,0)+IF(Input!$K$14=2,K1125*Input!$J$14,0)+IF(Input!$K$15=2,L1125*Input!$J$15,0)+IF(Input!$K$16=2,M1125*Input!$J$16,0)</f>
        <v>0.3524222322401509</v>
      </c>
      <c r="P1125" s="58">
        <f>IF(Input!$K$13=3,J1125*Input!$J$13,0)+IF(Input!$K$14=3,K1125*Input!$J$14,0)+IF(Input!$K$15=3,L1125*Input!$J$15,0)+IF(Input!$K$16=3,M1125*Input!$J$16,0)</f>
        <v>0</v>
      </c>
      <c r="Q1125" s="71">
        <f>IF(Input!$K$13=4,J1125*Input!$J$13,0)+IF(Input!$K$14=4,K1125*Input!$J$14,0)+IF(Input!$K$15=4,L1125*Input!$J$15,0)+IF(Input!$K$16=4,M1125*Input!$J$16,0)</f>
        <v>0</v>
      </c>
    </row>
    <row r="1126" spans="8:17" x14ac:dyDescent="0.25">
      <c r="H1126" s="43">
        <v>1119</v>
      </c>
      <c r="I1126" s="55">
        <f>Bühler!I1152</f>
        <v>18.187190019332714</v>
      </c>
      <c r="J1126" s="58">
        <f>Bühler!J1152</f>
        <v>94.875083684837435</v>
      </c>
      <c r="K1126" s="58">
        <f>Bühler!K1152</f>
        <v>3.9298377151430608</v>
      </c>
      <c r="L1126" s="58">
        <f>Bühler!L1152</f>
        <v>1.9649188575715304</v>
      </c>
      <c r="M1126" s="57">
        <f>Bühler!M1152</f>
        <v>0</v>
      </c>
      <c r="N1126" s="55">
        <f>IF(Input!$K$13=1,J1126*Input!$J$13,0)+IF(Input!$K$14=1,K1126*Input!$J$14,0)+IF(Input!$K$15=1,L1126*Input!$J$15,0)+IF(Input!$K$16=1,M1126*Input!$J$16,0)</f>
        <v>11.385010042180491</v>
      </c>
      <c r="O1126" s="58">
        <f>IF(Input!$K$13=2,J1126*Input!$J$13,0)+IF(Input!$K$14=2,K1126*Input!$J$14,0)+IF(Input!$K$15=2,L1126*Input!$J$15,0)+IF(Input!$K$16=2,M1126*Input!$J$16,0)</f>
        <v>0.53052809154431313</v>
      </c>
      <c r="P1126" s="58">
        <f>IF(Input!$K$13=3,J1126*Input!$J$13,0)+IF(Input!$K$14=3,K1126*Input!$J$14,0)+IF(Input!$K$15=3,L1126*Input!$J$15,0)+IF(Input!$K$16=3,M1126*Input!$J$16,0)</f>
        <v>0</v>
      </c>
      <c r="Q1126" s="71">
        <f>IF(Input!$K$13=4,J1126*Input!$J$13,0)+IF(Input!$K$14=4,K1126*Input!$J$14,0)+IF(Input!$K$15=4,L1126*Input!$J$15,0)+IF(Input!$K$16=4,M1126*Input!$J$16,0)</f>
        <v>0</v>
      </c>
    </row>
    <row r="1127" spans="8:17" x14ac:dyDescent="0.25">
      <c r="H1127" s="43">
        <v>1120</v>
      </c>
      <c r="I1127" s="55">
        <f>Bühler!I1153</f>
        <v>18.187190019332714</v>
      </c>
      <c r="J1127" s="58">
        <f>Bühler!J1153</f>
        <v>94.875083684837435</v>
      </c>
      <c r="K1127" s="58">
        <f>Bühler!K1153</f>
        <v>3.9298377151430608</v>
      </c>
      <c r="L1127" s="58">
        <f>Bühler!L1153</f>
        <v>1.9649188575715304</v>
      </c>
      <c r="M1127" s="57">
        <f>Bühler!M1153</f>
        <v>0</v>
      </c>
      <c r="N1127" s="55">
        <f>IF(Input!$K$13=1,J1127*Input!$J$13,0)+IF(Input!$K$14=1,K1127*Input!$J$14,0)+IF(Input!$K$15=1,L1127*Input!$J$15,0)+IF(Input!$K$16=1,M1127*Input!$J$16,0)</f>
        <v>11.385010042180491</v>
      </c>
      <c r="O1127" s="58">
        <f>IF(Input!$K$13=2,J1127*Input!$J$13,0)+IF(Input!$K$14=2,K1127*Input!$J$14,0)+IF(Input!$K$15=2,L1127*Input!$J$15,0)+IF(Input!$K$16=2,M1127*Input!$J$16,0)</f>
        <v>0.53052809154431313</v>
      </c>
      <c r="P1127" s="58">
        <f>IF(Input!$K$13=3,J1127*Input!$J$13,0)+IF(Input!$K$14=3,K1127*Input!$J$14,0)+IF(Input!$K$15=3,L1127*Input!$J$15,0)+IF(Input!$K$16=3,M1127*Input!$J$16,0)</f>
        <v>0</v>
      </c>
      <c r="Q1127" s="71">
        <f>IF(Input!$K$13=4,J1127*Input!$J$13,0)+IF(Input!$K$14=4,K1127*Input!$J$14,0)+IF(Input!$K$15=4,L1127*Input!$J$15,0)+IF(Input!$K$16=4,M1127*Input!$J$16,0)</f>
        <v>0</v>
      </c>
    </row>
    <row r="1128" spans="8:17" x14ac:dyDescent="0.25">
      <c r="H1128" s="43">
        <v>1121</v>
      </c>
      <c r="I1128" s="55">
        <f>Bühler!I1154</f>
        <v>15.197054714430111</v>
      </c>
      <c r="J1128" s="58">
        <f>Bühler!J1154</f>
        <v>60.761435197927099</v>
      </c>
      <c r="K1128" s="58">
        <f>Bühler!K1154</f>
        <v>2.3157972249950185</v>
      </c>
      <c r="L1128" s="58">
        <f>Bühler!L1154</f>
        <v>1.1578986124975092</v>
      </c>
      <c r="M1128" s="57">
        <f>Bühler!M1154</f>
        <v>0</v>
      </c>
      <c r="N1128" s="55">
        <f>IF(Input!$K$13=1,J1128*Input!$J$13,0)+IF(Input!$K$14=1,K1128*Input!$J$14,0)+IF(Input!$K$15=1,L1128*Input!$J$15,0)+IF(Input!$K$16=1,M1128*Input!$J$16,0)</f>
        <v>7.2913722237512513</v>
      </c>
      <c r="O1128" s="58">
        <f>IF(Input!$K$13=2,J1128*Input!$J$13,0)+IF(Input!$K$14=2,K1128*Input!$J$14,0)+IF(Input!$K$15=2,L1128*Input!$J$15,0)+IF(Input!$K$16=2,M1128*Input!$J$16,0)</f>
        <v>0.31263262537432746</v>
      </c>
      <c r="P1128" s="58">
        <f>IF(Input!$K$13=3,J1128*Input!$J$13,0)+IF(Input!$K$14=3,K1128*Input!$J$14,0)+IF(Input!$K$15=3,L1128*Input!$J$15,0)+IF(Input!$K$16=3,M1128*Input!$J$16,0)</f>
        <v>0</v>
      </c>
      <c r="Q1128" s="71">
        <f>IF(Input!$K$13=4,J1128*Input!$J$13,0)+IF(Input!$K$14=4,K1128*Input!$J$14,0)+IF(Input!$K$15=4,L1128*Input!$J$15,0)+IF(Input!$K$16=4,M1128*Input!$J$16,0)</f>
        <v>0</v>
      </c>
    </row>
    <row r="1129" spans="8:17" x14ac:dyDescent="0.25">
      <c r="H1129" s="43">
        <v>1122</v>
      </c>
      <c r="I1129" s="55">
        <f>Bühler!I1155</f>
        <v>12.083730314568966</v>
      </c>
      <c r="J1129" s="58">
        <f>Bühler!J1155</f>
        <v>31.997220541292862</v>
      </c>
      <c r="K1129" s="58">
        <f>Bühler!K1155</f>
        <v>0.98838976739010587</v>
      </c>
      <c r="L1129" s="58">
        <f>Bühler!L1155</f>
        <v>0.49419488369505293</v>
      </c>
      <c r="M1129" s="57">
        <f>Bühler!M1155</f>
        <v>0</v>
      </c>
      <c r="N1129" s="55">
        <f>IF(Input!$K$13=1,J1129*Input!$J$13,0)+IF(Input!$K$14=1,K1129*Input!$J$14,0)+IF(Input!$K$15=1,L1129*Input!$J$15,0)+IF(Input!$K$16=1,M1129*Input!$J$16,0)</f>
        <v>3.8396664649551431</v>
      </c>
      <c r="O1129" s="58">
        <f>IF(Input!$K$13=2,J1129*Input!$J$13,0)+IF(Input!$K$14=2,K1129*Input!$J$14,0)+IF(Input!$K$15=2,L1129*Input!$J$15,0)+IF(Input!$K$16=2,M1129*Input!$J$16,0)</f>
        <v>0.13343261859766428</v>
      </c>
      <c r="P1129" s="58">
        <f>IF(Input!$K$13=3,J1129*Input!$J$13,0)+IF(Input!$K$14=3,K1129*Input!$J$14,0)+IF(Input!$K$15=3,L1129*Input!$J$15,0)+IF(Input!$K$16=3,M1129*Input!$J$16,0)</f>
        <v>0</v>
      </c>
      <c r="Q1129" s="71">
        <f>IF(Input!$K$13=4,J1129*Input!$J$13,0)+IF(Input!$K$14=4,K1129*Input!$J$14,0)+IF(Input!$K$15=4,L1129*Input!$J$15,0)+IF(Input!$K$16=4,M1129*Input!$J$16,0)</f>
        <v>0</v>
      </c>
    </row>
    <row r="1130" spans="8:17" x14ac:dyDescent="0.25">
      <c r="H1130" s="43">
        <v>1123</v>
      </c>
      <c r="I1130" s="55">
        <f>Bühler!I1156</f>
        <v>4.4796034530376154</v>
      </c>
      <c r="J1130" s="58">
        <f>Bühler!J1156</f>
        <v>17.331202123127227</v>
      </c>
      <c r="K1130" s="58">
        <f>Bühler!K1156</f>
        <v>0.65233724647746993</v>
      </c>
      <c r="L1130" s="58">
        <f>Bühler!L1156</f>
        <v>0.32616862323873497</v>
      </c>
      <c r="M1130" s="57">
        <f>Bühler!M1156</f>
        <v>0</v>
      </c>
      <c r="N1130" s="55">
        <f>IF(Input!$K$13=1,J1130*Input!$J$13,0)+IF(Input!$K$14=1,K1130*Input!$J$14,0)+IF(Input!$K$15=1,L1130*Input!$J$15,0)+IF(Input!$K$16=1,M1130*Input!$J$16,0)</f>
        <v>2.0797442547752674</v>
      </c>
      <c r="O1130" s="58">
        <f>IF(Input!$K$13=2,J1130*Input!$J$13,0)+IF(Input!$K$14=2,K1130*Input!$J$14,0)+IF(Input!$K$15=2,L1130*Input!$J$15,0)+IF(Input!$K$16=2,M1130*Input!$J$16,0)</f>
        <v>8.8065528274458432E-2</v>
      </c>
      <c r="P1130" s="58">
        <f>IF(Input!$K$13=3,J1130*Input!$J$13,0)+IF(Input!$K$14=3,K1130*Input!$J$14,0)+IF(Input!$K$15=3,L1130*Input!$J$15,0)+IF(Input!$K$16=3,M1130*Input!$J$16,0)</f>
        <v>0</v>
      </c>
      <c r="Q1130" s="71">
        <f>IF(Input!$K$13=4,J1130*Input!$J$13,0)+IF(Input!$K$14=4,K1130*Input!$J$14,0)+IF(Input!$K$15=4,L1130*Input!$J$15,0)+IF(Input!$K$16=4,M1130*Input!$J$16,0)</f>
        <v>0</v>
      </c>
    </row>
    <row r="1131" spans="8:17" x14ac:dyDescent="0.25">
      <c r="H1131" s="43">
        <v>1124</v>
      </c>
      <c r="I1131" s="55">
        <f>Bühler!I1157</f>
        <v>4.4796034530376154</v>
      </c>
      <c r="J1131" s="58">
        <f>Bühler!J1157</f>
        <v>17.331202123127227</v>
      </c>
      <c r="K1131" s="58">
        <f>Bühler!K1157</f>
        <v>0.65233724647746993</v>
      </c>
      <c r="L1131" s="58">
        <f>Bühler!L1157</f>
        <v>0.32616862323873497</v>
      </c>
      <c r="M1131" s="57">
        <f>Bühler!M1157</f>
        <v>0</v>
      </c>
      <c r="N1131" s="55">
        <f>IF(Input!$K$13=1,J1131*Input!$J$13,0)+IF(Input!$K$14=1,K1131*Input!$J$14,0)+IF(Input!$K$15=1,L1131*Input!$J$15,0)+IF(Input!$K$16=1,M1131*Input!$J$16,0)</f>
        <v>2.0797442547752674</v>
      </c>
      <c r="O1131" s="58">
        <f>IF(Input!$K$13=2,J1131*Input!$J$13,0)+IF(Input!$K$14=2,K1131*Input!$J$14,0)+IF(Input!$K$15=2,L1131*Input!$J$15,0)+IF(Input!$K$16=2,M1131*Input!$J$16,0)</f>
        <v>8.8065528274458432E-2</v>
      </c>
      <c r="P1131" s="58">
        <f>IF(Input!$K$13=3,J1131*Input!$J$13,0)+IF(Input!$K$14=3,K1131*Input!$J$14,0)+IF(Input!$K$15=3,L1131*Input!$J$15,0)+IF(Input!$K$16=3,M1131*Input!$J$16,0)</f>
        <v>0</v>
      </c>
      <c r="Q1131" s="71">
        <f>IF(Input!$K$13=4,J1131*Input!$J$13,0)+IF(Input!$K$14=4,K1131*Input!$J$14,0)+IF(Input!$K$15=4,L1131*Input!$J$15,0)+IF(Input!$K$16=4,M1131*Input!$J$16,0)</f>
        <v>0</v>
      </c>
    </row>
    <row r="1132" spans="8:17" x14ac:dyDescent="0.25">
      <c r="H1132" s="43">
        <v>1125</v>
      </c>
      <c r="I1132" s="55">
        <f>Bühler!I1158</f>
        <v>4.4796034530376154</v>
      </c>
      <c r="J1132" s="58">
        <f>Bühler!J1158</f>
        <v>17.331202123127227</v>
      </c>
      <c r="K1132" s="58">
        <f>Bühler!K1158</f>
        <v>0.65233724647746993</v>
      </c>
      <c r="L1132" s="58">
        <f>Bühler!L1158</f>
        <v>0.32616862323873497</v>
      </c>
      <c r="M1132" s="57">
        <f>Bühler!M1158</f>
        <v>0</v>
      </c>
      <c r="N1132" s="55">
        <f>IF(Input!$K$13=1,J1132*Input!$J$13,0)+IF(Input!$K$14=1,K1132*Input!$J$14,0)+IF(Input!$K$15=1,L1132*Input!$J$15,0)+IF(Input!$K$16=1,M1132*Input!$J$16,0)</f>
        <v>2.0797442547752674</v>
      </c>
      <c r="O1132" s="58">
        <f>IF(Input!$K$13=2,J1132*Input!$J$13,0)+IF(Input!$K$14=2,K1132*Input!$J$14,0)+IF(Input!$K$15=2,L1132*Input!$J$15,0)+IF(Input!$K$16=2,M1132*Input!$J$16,0)</f>
        <v>8.8065528274458432E-2</v>
      </c>
      <c r="P1132" s="58">
        <f>IF(Input!$K$13=3,J1132*Input!$J$13,0)+IF(Input!$K$14=3,K1132*Input!$J$14,0)+IF(Input!$K$15=3,L1132*Input!$J$15,0)+IF(Input!$K$16=3,M1132*Input!$J$16,0)</f>
        <v>0</v>
      </c>
      <c r="Q1132" s="71">
        <f>IF(Input!$K$13=4,J1132*Input!$J$13,0)+IF(Input!$K$14=4,K1132*Input!$J$14,0)+IF(Input!$K$15=4,L1132*Input!$J$15,0)+IF(Input!$K$16=4,M1132*Input!$J$16,0)</f>
        <v>0</v>
      </c>
    </row>
    <row r="1133" spans="8:17" x14ac:dyDescent="0.25">
      <c r="H1133" s="43">
        <v>1126</v>
      </c>
      <c r="I1133" s="55">
        <f>Bühler!I1159</f>
        <v>4.4796034530376154</v>
      </c>
      <c r="J1133" s="58">
        <f>Bühler!J1159</f>
        <v>17.331202123127227</v>
      </c>
      <c r="K1133" s="58">
        <f>Bühler!K1159</f>
        <v>0.65233724647746993</v>
      </c>
      <c r="L1133" s="58">
        <f>Bühler!L1159</f>
        <v>0.32616862323873497</v>
      </c>
      <c r="M1133" s="57">
        <f>Bühler!M1159</f>
        <v>0</v>
      </c>
      <c r="N1133" s="55">
        <f>IF(Input!$K$13=1,J1133*Input!$J$13,0)+IF(Input!$K$14=1,K1133*Input!$J$14,0)+IF(Input!$K$15=1,L1133*Input!$J$15,0)+IF(Input!$K$16=1,M1133*Input!$J$16,0)</f>
        <v>2.0797442547752674</v>
      </c>
      <c r="O1133" s="58">
        <f>IF(Input!$K$13=2,J1133*Input!$J$13,0)+IF(Input!$K$14=2,K1133*Input!$J$14,0)+IF(Input!$K$15=2,L1133*Input!$J$15,0)+IF(Input!$K$16=2,M1133*Input!$J$16,0)</f>
        <v>8.8065528274458432E-2</v>
      </c>
      <c r="P1133" s="58">
        <f>IF(Input!$K$13=3,J1133*Input!$J$13,0)+IF(Input!$K$14=3,K1133*Input!$J$14,0)+IF(Input!$K$15=3,L1133*Input!$J$15,0)+IF(Input!$K$16=3,M1133*Input!$J$16,0)</f>
        <v>0</v>
      </c>
      <c r="Q1133" s="71">
        <f>IF(Input!$K$13=4,J1133*Input!$J$13,0)+IF(Input!$K$14=4,K1133*Input!$J$14,0)+IF(Input!$K$15=4,L1133*Input!$J$15,0)+IF(Input!$K$16=4,M1133*Input!$J$16,0)</f>
        <v>0</v>
      </c>
    </row>
    <row r="1134" spans="8:17" x14ac:dyDescent="0.25">
      <c r="H1134" s="43">
        <v>1127</v>
      </c>
      <c r="I1134" s="55">
        <f>Bühler!I1160</f>
        <v>4.4796034530376154</v>
      </c>
      <c r="J1134" s="58">
        <f>Bühler!J1160</f>
        <v>17.331202123127227</v>
      </c>
      <c r="K1134" s="58">
        <f>Bühler!K1160</f>
        <v>0.65233724647746993</v>
      </c>
      <c r="L1134" s="58">
        <f>Bühler!L1160</f>
        <v>0.32616862323873497</v>
      </c>
      <c r="M1134" s="57">
        <f>Bühler!M1160</f>
        <v>0</v>
      </c>
      <c r="N1134" s="55">
        <f>IF(Input!$K$13=1,J1134*Input!$J$13,0)+IF(Input!$K$14=1,K1134*Input!$J$14,0)+IF(Input!$K$15=1,L1134*Input!$J$15,0)+IF(Input!$K$16=1,M1134*Input!$J$16,0)</f>
        <v>2.0797442547752674</v>
      </c>
      <c r="O1134" s="58">
        <f>IF(Input!$K$13=2,J1134*Input!$J$13,0)+IF(Input!$K$14=2,K1134*Input!$J$14,0)+IF(Input!$K$15=2,L1134*Input!$J$15,0)+IF(Input!$K$16=2,M1134*Input!$J$16,0)</f>
        <v>8.8065528274458432E-2</v>
      </c>
      <c r="P1134" s="58">
        <f>IF(Input!$K$13=3,J1134*Input!$J$13,0)+IF(Input!$K$14=3,K1134*Input!$J$14,0)+IF(Input!$K$15=3,L1134*Input!$J$15,0)+IF(Input!$K$16=3,M1134*Input!$J$16,0)</f>
        <v>0</v>
      </c>
      <c r="Q1134" s="71">
        <f>IF(Input!$K$13=4,J1134*Input!$J$13,0)+IF(Input!$K$14=4,K1134*Input!$J$14,0)+IF(Input!$K$15=4,L1134*Input!$J$15,0)+IF(Input!$K$16=4,M1134*Input!$J$16,0)</f>
        <v>0</v>
      </c>
    </row>
    <row r="1135" spans="8:17" x14ac:dyDescent="0.25">
      <c r="H1135" s="43">
        <v>1128</v>
      </c>
      <c r="I1135" s="55">
        <f>Bühler!I1161</f>
        <v>4.4796034530376154</v>
      </c>
      <c r="J1135" s="58">
        <f>Bühler!J1161</f>
        <v>17.331202123127227</v>
      </c>
      <c r="K1135" s="58">
        <f>Bühler!K1161</f>
        <v>0.65233724647746993</v>
      </c>
      <c r="L1135" s="58">
        <f>Bühler!L1161</f>
        <v>0.32616862323873497</v>
      </c>
      <c r="M1135" s="57">
        <f>Bühler!M1161</f>
        <v>0</v>
      </c>
      <c r="N1135" s="55">
        <f>IF(Input!$K$13=1,J1135*Input!$J$13,0)+IF(Input!$K$14=1,K1135*Input!$J$14,0)+IF(Input!$K$15=1,L1135*Input!$J$15,0)+IF(Input!$K$16=1,M1135*Input!$J$16,0)</f>
        <v>2.0797442547752674</v>
      </c>
      <c r="O1135" s="58">
        <f>IF(Input!$K$13=2,J1135*Input!$J$13,0)+IF(Input!$K$14=2,K1135*Input!$J$14,0)+IF(Input!$K$15=2,L1135*Input!$J$15,0)+IF(Input!$K$16=2,M1135*Input!$J$16,0)</f>
        <v>8.8065528274458432E-2</v>
      </c>
      <c r="P1135" s="58">
        <f>IF(Input!$K$13=3,J1135*Input!$J$13,0)+IF(Input!$K$14=3,K1135*Input!$J$14,0)+IF(Input!$K$15=3,L1135*Input!$J$15,0)+IF(Input!$K$16=3,M1135*Input!$J$16,0)</f>
        <v>0</v>
      </c>
      <c r="Q1135" s="71">
        <f>IF(Input!$K$13=4,J1135*Input!$J$13,0)+IF(Input!$K$14=4,K1135*Input!$J$14,0)+IF(Input!$K$15=4,L1135*Input!$J$15,0)+IF(Input!$K$16=4,M1135*Input!$J$16,0)</f>
        <v>0</v>
      </c>
    </row>
    <row r="1136" spans="8:17" x14ac:dyDescent="0.25">
      <c r="H1136" s="43">
        <v>1129</v>
      </c>
      <c r="I1136" s="55">
        <f>Bühler!I1162</f>
        <v>2.2808143017860942</v>
      </c>
      <c r="J1136" s="58">
        <f>Bühler!J1162</f>
        <v>18.676180551721338</v>
      </c>
      <c r="K1136" s="58">
        <f>Bühler!K1162</f>
        <v>0.96361195145860623</v>
      </c>
      <c r="L1136" s="58">
        <f>Bühler!L1162</f>
        <v>0.48180597572930312</v>
      </c>
      <c r="M1136" s="57">
        <f>Bühler!M1162</f>
        <v>0</v>
      </c>
      <c r="N1136" s="55">
        <f>IF(Input!$K$13=1,J1136*Input!$J$13,0)+IF(Input!$K$14=1,K1136*Input!$J$14,0)+IF(Input!$K$15=1,L1136*Input!$J$15,0)+IF(Input!$K$16=1,M1136*Input!$J$16,0)</f>
        <v>2.2411416662065604</v>
      </c>
      <c r="O1136" s="58">
        <f>IF(Input!$K$13=2,J1136*Input!$J$13,0)+IF(Input!$K$14=2,K1136*Input!$J$14,0)+IF(Input!$K$15=2,L1136*Input!$J$15,0)+IF(Input!$K$16=2,M1136*Input!$J$16,0)</f>
        <v>0.13008761344691183</v>
      </c>
      <c r="P1136" s="58">
        <f>IF(Input!$K$13=3,J1136*Input!$J$13,0)+IF(Input!$K$14=3,K1136*Input!$J$14,0)+IF(Input!$K$15=3,L1136*Input!$J$15,0)+IF(Input!$K$16=3,M1136*Input!$J$16,0)</f>
        <v>0</v>
      </c>
      <c r="Q1136" s="71">
        <f>IF(Input!$K$13=4,J1136*Input!$J$13,0)+IF(Input!$K$14=4,K1136*Input!$J$14,0)+IF(Input!$K$15=4,L1136*Input!$J$15,0)+IF(Input!$K$16=4,M1136*Input!$J$16,0)</f>
        <v>0</v>
      </c>
    </row>
    <row r="1137" spans="8:17" x14ac:dyDescent="0.25">
      <c r="H1137" s="43">
        <v>1130</v>
      </c>
      <c r="I1137" s="55">
        <f>Bühler!I1163</f>
        <v>2.2808143017860942</v>
      </c>
      <c r="J1137" s="58">
        <f>Bühler!J1163</f>
        <v>12.292275124785281</v>
      </c>
      <c r="K1137" s="58">
        <f>Bühler!K1163</f>
        <v>0.58400724330824627</v>
      </c>
      <c r="L1137" s="58">
        <f>Bühler!L1163</f>
        <v>0.29200362165412314</v>
      </c>
      <c r="M1137" s="57">
        <f>Bühler!M1163</f>
        <v>0</v>
      </c>
      <c r="N1137" s="55">
        <f>IF(Input!$K$13=1,J1137*Input!$J$13,0)+IF(Input!$K$14=1,K1137*Input!$J$14,0)+IF(Input!$K$15=1,L1137*Input!$J$15,0)+IF(Input!$K$16=1,M1137*Input!$J$16,0)</f>
        <v>1.4750730149742337</v>
      </c>
      <c r="O1137" s="58">
        <f>IF(Input!$K$13=2,J1137*Input!$J$13,0)+IF(Input!$K$14=2,K1137*Input!$J$14,0)+IF(Input!$K$15=2,L1137*Input!$J$15,0)+IF(Input!$K$16=2,M1137*Input!$J$16,0)</f>
        <v>7.8840977846613244E-2</v>
      </c>
      <c r="P1137" s="58">
        <f>IF(Input!$K$13=3,J1137*Input!$J$13,0)+IF(Input!$K$14=3,K1137*Input!$J$14,0)+IF(Input!$K$15=3,L1137*Input!$J$15,0)+IF(Input!$K$16=3,M1137*Input!$J$16,0)</f>
        <v>0</v>
      </c>
      <c r="Q1137" s="71">
        <f>IF(Input!$K$13=4,J1137*Input!$J$13,0)+IF(Input!$K$14=4,K1137*Input!$J$14,0)+IF(Input!$K$15=4,L1137*Input!$J$15,0)+IF(Input!$K$16=4,M1137*Input!$J$16,0)</f>
        <v>0</v>
      </c>
    </row>
    <row r="1138" spans="8:17" x14ac:dyDescent="0.25">
      <c r="H1138" s="43">
        <v>1131</v>
      </c>
      <c r="I1138" s="55">
        <f>Bühler!I1164</f>
        <v>2.2808143017860942</v>
      </c>
      <c r="J1138" s="58">
        <f>Bühler!J1164</f>
        <v>12.292275124785281</v>
      </c>
      <c r="K1138" s="58">
        <f>Bühler!K1164</f>
        <v>0.58400724330824627</v>
      </c>
      <c r="L1138" s="58">
        <f>Bühler!L1164</f>
        <v>0.29200362165412314</v>
      </c>
      <c r="M1138" s="57">
        <f>Bühler!M1164</f>
        <v>0</v>
      </c>
      <c r="N1138" s="55">
        <f>IF(Input!$K$13=1,J1138*Input!$J$13,0)+IF(Input!$K$14=1,K1138*Input!$J$14,0)+IF(Input!$K$15=1,L1138*Input!$J$15,0)+IF(Input!$K$16=1,M1138*Input!$J$16,0)</f>
        <v>1.4750730149742337</v>
      </c>
      <c r="O1138" s="58">
        <f>IF(Input!$K$13=2,J1138*Input!$J$13,0)+IF(Input!$K$14=2,K1138*Input!$J$14,0)+IF(Input!$K$15=2,L1138*Input!$J$15,0)+IF(Input!$K$16=2,M1138*Input!$J$16,0)</f>
        <v>7.8840977846613244E-2</v>
      </c>
      <c r="P1138" s="58">
        <f>IF(Input!$K$13=3,J1138*Input!$J$13,0)+IF(Input!$K$14=3,K1138*Input!$J$14,0)+IF(Input!$K$15=3,L1138*Input!$J$15,0)+IF(Input!$K$16=3,M1138*Input!$J$16,0)</f>
        <v>0</v>
      </c>
      <c r="Q1138" s="71">
        <f>IF(Input!$K$13=4,J1138*Input!$J$13,0)+IF(Input!$K$14=4,K1138*Input!$J$14,0)+IF(Input!$K$15=4,L1138*Input!$J$15,0)+IF(Input!$K$16=4,M1138*Input!$J$16,0)</f>
        <v>0</v>
      </c>
    </row>
    <row r="1139" spans="8:17" x14ac:dyDescent="0.25">
      <c r="H1139" s="43">
        <v>1132</v>
      </c>
      <c r="I1139" s="55">
        <f>Bühler!I1165</f>
        <v>2.2808143017860942</v>
      </c>
      <c r="J1139" s="58">
        <f>Bühler!J1165</f>
        <v>12.292275124785281</v>
      </c>
      <c r="K1139" s="58">
        <f>Bühler!K1165</f>
        <v>0.58400724330824627</v>
      </c>
      <c r="L1139" s="58">
        <f>Bühler!L1165</f>
        <v>0.29200362165412314</v>
      </c>
      <c r="M1139" s="57">
        <f>Bühler!M1165</f>
        <v>0</v>
      </c>
      <c r="N1139" s="55">
        <f>IF(Input!$K$13=1,J1139*Input!$J$13,0)+IF(Input!$K$14=1,K1139*Input!$J$14,0)+IF(Input!$K$15=1,L1139*Input!$J$15,0)+IF(Input!$K$16=1,M1139*Input!$J$16,0)</f>
        <v>1.4750730149742337</v>
      </c>
      <c r="O1139" s="58">
        <f>IF(Input!$K$13=2,J1139*Input!$J$13,0)+IF(Input!$K$14=2,K1139*Input!$J$14,0)+IF(Input!$K$15=2,L1139*Input!$J$15,0)+IF(Input!$K$16=2,M1139*Input!$J$16,0)</f>
        <v>7.8840977846613244E-2</v>
      </c>
      <c r="P1139" s="58">
        <f>IF(Input!$K$13=3,J1139*Input!$J$13,0)+IF(Input!$K$14=3,K1139*Input!$J$14,0)+IF(Input!$K$15=3,L1139*Input!$J$15,0)+IF(Input!$K$16=3,M1139*Input!$J$16,0)</f>
        <v>0</v>
      </c>
      <c r="Q1139" s="71">
        <f>IF(Input!$K$13=4,J1139*Input!$J$13,0)+IF(Input!$K$14=4,K1139*Input!$J$14,0)+IF(Input!$K$15=4,L1139*Input!$J$15,0)+IF(Input!$K$16=4,M1139*Input!$J$16,0)</f>
        <v>0</v>
      </c>
    </row>
    <row r="1140" spans="8:17" x14ac:dyDescent="0.25">
      <c r="H1140" s="43">
        <v>1133</v>
      </c>
      <c r="I1140" s="55">
        <f>Bühler!I1166</f>
        <v>2.2808143017860942</v>
      </c>
      <c r="J1140" s="58">
        <f>Bühler!J1166</f>
        <v>12.292275124785281</v>
      </c>
      <c r="K1140" s="58">
        <f>Bühler!K1166</f>
        <v>0.58400724330824627</v>
      </c>
      <c r="L1140" s="58">
        <f>Bühler!L1166</f>
        <v>0.29200362165412314</v>
      </c>
      <c r="M1140" s="57">
        <f>Bühler!M1166</f>
        <v>0</v>
      </c>
      <c r="N1140" s="55">
        <f>IF(Input!$K$13=1,J1140*Input!$J$13,0)+IF(Input!$K$14=1,K1140*Input!$J$14,0)+IF(Input!$K$15=1,L1140*Input!$J$15,0)+IF(Input!$K$16=1,M1140*Input!$J$16,0)</f>
        <v>1.4750730149742337</v>
      </c>
      <c r="O1140" s="58">
        <f>IF(Input!$K$13=2,J1140*Input!$J$13,0)+IF(Input!$K$14=2,K1140*Input!$J$14,0)+IF(Input!$K$15=2,L1140*Input!$J$15,0)+IF(Input!$K$16=2,M1140*Input!$J$16,0)</f>
        <v>7.8840977846613244E-2</v>
      </c>
      <c r="P1140" s="58">
        <f>IF(Input!$K$13=3,J1140*Input!$J$13,0)+IF(Input!$K$14=3,K1140*Input!$J$14,0)+IF(Input!$K$15=3,L1140*Input!$J$15,0)+IF(Input!$K$16=3,M1140*Input!$J$16,0)</f>
        <v>0</v>
      </c>
      <c r="Q1140" s="71">
        <f>IF(Input!$K$13=4,J1140*Input!$J$13,0)+IF(Input!$K$14=4,K1140*Input!$J$14,0)+IF(Input!$K$15=4,L1140*Input!$J$15,0)+IF(Input!$K$16=4,M1140*Input!$J$16,0)</f>
        <v>0</v>
      </c>
    </row>
    <row r="1141" spans="8:17" x14ac:dyDescent="0.25">
      <c r="H1141" s="43">
        <v>1134</v>
      </c>
      <c r="I1141" s="55">
        <f>Bühler!I1167</f>
        <v>2.2808143017860942</v>
      </c>
      <c r="J1141" s="58">
        <f>Bühler!J1167</f>
        <v>12.292275124785281</v>
      </c>
      <c r="K1141" s="58">
        <f>Bühler!K1167</f>
        <v>0.58400724330824627</v>
      </c>
      <c r="L1141" s="58">
        <f>Bühler!L1167</f>
        <v>0.29200362165412314</v>
      </c>
      <c r="M1141" s="57">
        <f>Bühler!M1167</f>
        <v>0</v>
      </c>
      <c r="N1141" s="55">
        <f>IF(Input!$K$13=1,J1141*Input!$J$13,0)+IF(Input!$K$14=1,K1141*Input!$J$14,0)+IF(Input!$K$15=1,L1141*Input!$J$15,0)+IF(Input!$K$16=1,M1141*Input!$J$16,0)</f>
        <v>1.4750730149742337</v>
      </c>
      <c r="O1141" s="58">
        <f>IF(Input!$K$13=2,J1141*Input!$J$13,0)+IF(Input!$K$14=2,K1141*Input!$J$14,0)+IF(Input!$K$15=2,L1141*Input!$J$15,0)+IF(Input!$K$16=2,M1141*Input!$J$16,0)</f>
        <v>7.8840977846613244E-2</v>
      </c>
      <c r="P1141" s="58">
        <f>IF(Input!$K$13=3,J1141*Input!$J$13,0)+IF(Input!$K$14=3,K1141*Input!$J$14,0)+IF(Input!$K$15=3,L1141*Input!$J$15,0)+IF(Input!$K$16=3,M1141*Input!$J$16,0)</f>
        <v>0</v>
      </c>
      <c r="Q1141" s="71">
        <f>IF(Input!$K$13=4,J1141*Input!$J$13,0)+IF(Input!$K$14=4,K1141*Input!$J$14,0)+IF(Input!$K$15=4,L1141*Input!$J$15,0)+IF(Input!$K$16=4,M1141*Input!$J$16,0)</f>
        <v>0</v>
      </c>
    </row>
    <row r="1142" spans="8:17" x14ac:dyDescent="0.25">
      <c r="H1142" s="43">
        <v>1135</v>
      </c>
      <c r="I1142" s="55">
        <f>Bühler!I1168</f>
        <v>2.2808143017860942</v>
      </c>
      <c r="J1142" s="58">
        <f>Bühler!J1168</f>
        <v>12.292275124785281</v>
      </c>
      <c r="K1142" s="58">
        <f>Bühler!K1168</f>
        <v>0.58400724330824627</v>
      </c>
      <c r="L1142" s="58">
        <f>Bühler!L1168</f>
        <v>0.29200362165412314</v>
      </c>
      <c r="M1142" s="57">
        <f>Bühler!M1168</f>
        <v>0</v>
      </c>
      <c r="N1142" s="55">
        <f>IF(Input!$K$13=1,J1142*Input!$J$13,0)+IF(Input!$K$14=1,K1142*Input!$J$14,0)+IF(Input!$K$15=1,L1142*Input!$J$15,0)+IF(Input!$K$16=1,M1142*Input!$J$16,0)</f>
        <v>1.4750730149742337</v>
      </c>
      <c r="O1142" s="58">
        <f>IF(Input!$K$13=2,J1142*Input!$J$13,0)+IF(Input!$K$14=2,K1142*Input!$J$14,0)+IF(Input!$K$15=2,L1142*Input!$J$15,0)+IF(Input!$K$16=2,M1142*Input!$J$16,0)</f>
        <v>7.8840977846613244E-2</v>
      </c>
      <c r="P1142" s="58">
        <f>IF(Input!$K$13=3,J1142*Input!$J$13,0)+IF(Input!$K$14=3,K1142*Input!$J$14,0)+IF(Input!$K$15=3,L1142*Input!$J$15,0)+IF(Input!$K$16=3,M1142*Input!$J$16,0)</f>
        <v>0</v>
      </c>
      <c r="Q1142" s="71">
        <f>IF(Input!$K$13=4,J1142*Input!$J$13,0)+IF(Input!$K$14=4,K1142*Input!$J$14,0)+IF(Input!$K$15=4,L1142*Input!$J$15,0)+IF(Input!$K$16=4,M1142*Input!$J$16,0)</f>
        <v>0</v>
      </c>
    </row>
    <row r="1143" spans="8:17" x14ac:dyDescent="0.25">
      <c r="H1143" s="43">
        <v>1136</v>
      </c>
      <c r="I1143" s="55">
        <f>Bühler!I1169</f>
        <v>6.1802710112913513</v>
      </c>
      <c r="J1143" s="58">
        <f>Bühler!J1169</f>
        <v>48.534427624408096</v>
      </c>
      <c r="K1143" s="58">
        <f>Bühler!K1169</f>
        <v>2.4878708564931289</v>
      </c>
      <c r="L1143" s="58">
        <f>Bühler!L1169</f>
        <v>1.2439354282465644</v>
      </c>
      <c r="M1143" s="57">
        <f>Bühler!M1169</f>
        <v>0</v>
      </c>
      <c r="N1143" s="55">
        <f>IF(Input!$K$13=1,J1143*Input!$J$13,0)+IF(Input!$K$14=1,K1143*Input!$J$14,0)+IF(Input!$K$15=1,L1143*Input!$J$15,0)+IF(Input!$K$16=1,M1143*Input!$J$16,0)</f>
        <v>5.8241313149289713</v>
      </c>
      <c r="O1143" s="58">
        <f>IF(Input!$K$13=2,J1143*Input!$J$13,0)+IF(Input!$K$14=2,K1143*Input!$J$14,0)+IF(Input!$K$15=2,L1143*Input!$J$15,0)+IF(Input!$K$16=2,M1143*Input!$J$16,0)</f>
        <v>0.33586256562657235</v>
      </c>
      <c r="P1143" s="58">
        <f>IF(Input!$K$13=3,J1143*Input!$J$13,0)+IF(Input!$K$14=3,K1143*Input!$J$14,0)+IF(Input!$K$15=3,L1143*Input!$J$15,0)+IF(Input!$K$16=3,M1143*Input!$J$16,0)</f>
        <v>0</v>
      </c>
      <c r="Q1143" s="71">
        <f>IF(Input!$K$13=4,J1143*Input!$J$13,0)+IF(Input!$K$14=4,K1143*Input!$J$14,0)+IF(Input!$K$15=4,L1143*Input!$J$15,0)+IF(Input!$K$16=4,M1143*Input!$J$16,0)</f>
        <v>0</v>
      </c>
    </row>
    <row r="1144" spans="8:17" x14ac:dyDescent="0.25">
      <c r="H1144" s="43">
        <v>1137</v>
      </c>
      <c r="I1144" s="55">
        <f>Bühler!I1170</f>
        <v>7.7253387641141895</v>
      </c>
      <c r="J1144" s="58">
        <f>Bühler!J1170</f>
        <v>60.668034530510127</v>
      </c>
      <c r="K1144" s="58">
        <f>Bühler!K1170</f>
        <v>3.1098385706164113</v>
      </c>
      <c r="L1144" s="58">
        <f>Bühler!L1170</f>
        <v>1.5549192853082057</v>
      </c>
      <c r="M1144" s="57">
        <f>Bühler!M1170</f>
        <v>0</v>
      </c>
      <c r="N1144" s="55">
        <f>IF(Input!$K$13=1,J1144*Input!$J$13,0)+IF(Input!$K$14=1,K1144*Input!$J$14,0)+IF(Input!$K$15=1,L1144*Input!$J$15,0)+IF(Input!$K$16=1,M1144*Input!$J$16,0)</f>
        <v>7.2801641436612146</v>
      </c>
      <c r="O1144" s="58">
        <f>IF(Input!$K$13=2,J1144*Input!$J$13,0)+IF(Input!$K$14=2,K1144*Input!$J$14,0)+IF(Input!$K$15=2,L1144*Input!$J$15,0)+IF(Input!$K$16=2,M1144*Input!$J$16,0)</f>
        <v>0.41982820703321549</v>
      </c>
      <c r="P1144" s="58">
        <f>IF(Input!$K$13=3,J1144*Input!$J$13,0)+IF(Input!$K$14=3,K1144*Input!$J$14,0)+IF(Input!$K$15=3,L1144*Input!$J$15,0)+IF(Input!$K$16=3,M1144*Input!$J$16,0)</f>
        <v>0</v>
      </c>
      <c r="Q1144" s="71">
        <f>IF(Input!$K$13=4,J1144*Input!$J$13,0)+IF(Input!$K$14=4,K1144*Input!$J$14,0)+IF(Input!$K$15=4,L1144*Input!$J$15,0)+IF(Input!$K$16=4,M1144*Input!$J$16,0)</f>
        <v>0</v>
      </c>
    </row>
    <row r="1145" spans="8:17" x14ac:dyDescent="0.25">
      <c r="H1145" s="43">
        <v>1138</v>
      </c>
      <c r="I1145" s="55">
        <f>Bühler!I1171</f>
        <v>8.4978726405256104</v>
      </c>
      <c r="J1145" s="58">
        <f>Bühler!J1171</f>
        <v>66.734837983561135</v>
      </c>
      <c r="K1145" s="58">
        <f>Bühler!K1171</f>
        <v>3.4208224276780523</v>
      </c>
      <c r="L1145" s="58">
        <f>Bühler!L1171</f>
        <v>1.7104112138390262</v>
      </c>
      <c r="M1145" s="57">
        <f>Bühler!M1171</f>
        <v>0</v>
      </c>
      <c r="N1145" s="55">
        <f>IF(Input!$K$13=1,J1145*Input!$J$13,0)+IF(Input!$K$14=1,K1145*Input!$J$14,0)+IF(Input!$K$15=1,L1145*Input!$J$15,0)+IF(Input!$K$16=1,M1145*Input!$J$16,0)</f>
        <v>8.0081805580273357</v>
      </c>
      <c r="O1145" s="58">
        <f>IF(Input!$K$13=2,J1145*Input!$J$13,0)+IF(Input!$K$14=2,K1145*Input!$J$14,0)+IF(Input!$K$15=2,L1145*Input!$J$15,0)+IF(Input!$K$16=2,M1145*Input!$J$16,0)</f>
        <v>0.46181102773653704</v>
      </c>
      <c r="P1145" s="58">
        <f>IF(Input!$K$13=3,J1145*Input!$J$13,0)+IF(Input!$K$14=3,K1145*Input!$J$14,0)+IF(Input!$K$15=3,L1145*Input!$J$15,0)+IF(Input!$K$16=3,M1145*Input!$J$16,0)</f>
        <v>0</v>
      </c>
      <c r="Q1145" s="71">
        <f>IF(Input!$K$13=4,J1145*Input!$J$13,0)+IF(Input!$K$14=4,K1145*Input!$J$14,0)+IF(Input!$K$15=4,L1145*Input!$J$15,0)+IF(Input!$K$16=4,M1145*Input!$J$16,0)</f>
        <v>0</v>
      </c>
    </row>
    <row r="1146" spans="8:17" x14ac:dyDescent="0.25">
      <c r="H1146" s="43">
        <v>1139</v>
      </c>
      <c r="I1146" s="55">
        <f>Bühler!I1172</f>
        <v>8.4978726405256104</v>
      </c>
      <c r="J1146" s="58">
        <f>Bühler!J1172</f>
        <v>66.734837983561135</v>
      </c>
      <c r="K1146" s="58">
        <f>Bühler!K1172</f>
        <v>3.4208224276780523</v>
      </c>
      <c r="L1146" s="58">
        <f>Bühler!L1172</f>
        <v>1.7104112138390262</v>
      </c>
      <c r="M1146" s="57">
        <f>Bühler!M1172</f>
        <v>0</v>
      </c>
      <c r="N1146" s="55">
        <f>IF(Input!$K$13=1,J1146*Input!$J$13,0)+IF(Input!$K$14=1,K1146*Input!$J$14,0)+IF(Input!$K$15=1,L1146*Input!$J$15,0)+IF(Input!$K$16=1,M1146*Input!$J$16,0)</f>
        <v>8.0081805580273357</v>
      </c>
      <c r="O1146" s="58">
        <f>IF(Input!$K$13=2,J1146*Input!$J$13,0)+IF(Input!$K$14=2,K1146*Input!$J$14,0)+IF(Input!$K$15=2,L1146*Input!$J$15,0)+IF(Input!$K$16=2,M1146*Input!$J$16,0)</f>
        <v>0.46181102773653704</v>
      </c>
      <c r="P1146" s="58">
        <f>IF(Input!$K$13=3,J1146*Input!$J$13,0)+IF(Input!$K$14=3,K1146*Input!$J$14,0)+IF(Input!$K$15=3,L1146*Input!$J$15,0)+IF(Input!$K$16=3,M1146*Input!$J$16,0)</f>
        <v>0</v>
      </c>
      <c r="Q1146" s="71">
        <f>IF(Input!$K$13=4,J1146*Input!$J$13,0)+IF(Input!$K$14=4,K1146*Input!$J$14,0)+IF(Input!$K$15=4,L1146*Input!$J$15,0)+IF(Input!$K$16=4,M1146*Input!$J$16,0)</f>
        <v>0</v>
      </c>
    </row>
    <row r="1147" spans="8:17" x14ac:dyDescent="0.25">
      <c r="H1147" s="43">
        <v>1140</v>
      </c>
      <c r="I1147" s="55">
        <f>Bühler!I1173</f>
        <v>10.042940393348449</v>
      </c>
      <c r="J1147" s="58">
        <f>Bühler!J1173</f>
        <v>78.868444889663166</v>
      </c>
      <c r="K1147" s="58">
        <f>Bühler!K1173</f>
        <v>4.0427901418013352</v>
      </c>
      <c r="L1147" s="58">
        <f>Bühler!L1173</f>
        <v>2.0213950709006676</v>
      </c>
      <c r="M1147" s="57">
        <f>Bühler!M1173</f>
        <v>0</v>
      </c>
      <c r="N1147" s="55">
        <f>IF(Input!$K$13=1,J1147*Input!$J$13,0)+IF(Input!$K$14=1,K1147*Input!$J$14,0)+IF(Input!$K$15=1,L1147*Input!$J$15,0)+IF(Input!$K$16=1,M1147*Input!$J$16,0)</f>
        <v>9.4642133867595799</v>
      </c>
      <c r="O1147" s="58">
        <f>IF(Input!$K$13=2,J1147*Input!$J$13,0)+IF(Input!$K$14=2,K1147*Input!$J$14,0)+IF(Input!$K$15=2,L1147*Input!$J$15,0)+IF(Input!$K$16=2,M1147*Input!$J$16,0)</f>
        <v>0.54577666914318024</v>
      </c>
      <c r="P1147" s="58">
        <f>IF(Input!$K$13=3,J1147*Input!$J$13,0)+IF(Input!$K$14=3,K1147*Input!$J$14,0)+IF(Input!$K$15=3,L1147*Input!$J$15,0)+IF(Input!$K$16=3,M1147*Input!$J$16,0)</f>
        <v>0</v>
      </c>
      <c r="Q1147" s="71">
        <f>IF(Input!$K$13=4,J1147*Input!$J$13,0)+IF(Input!$K$14=4,K1147*Input!$J$14,0)+IF(Input!$K$15=4,L1147*Input!$J$15,0)+IF(Input!$K$16=4,M1147*Input!$J$16,0)</f>
        <v>0</v>
      </c>
    </row>
    <row r="1148" spans="8:17" x14ac:dyDescent="0.25">
      <c r="H1148" s="43">
        <v>1141</v>
      </c>
      <c r="I1148" s="55">
        <f>Bühler!I1174</f>
        <v>10.042940393348449</v>
      </c>
      <c r="J1148" s="58">
        <f>Bühler!J1174</f>
        <v>78.868444889663166</v>
      </c>
      <c r="K1148" s="58">
        <f>Bühler!K1174</f>
        <v>4.0427901418013352</v>
      </c>
      <c r="L1148" s="58">
        <f>Bühler!L1174</f>
        <v>2.0213950709006676</v>
      </c>
      <c r="M1148" s="57">
        <f>Bühler!M1174</f>
        <v>0</v>
      </c>
      <c r="N1148" s="55">
        <f>IF(Input!$K$13=1,J1148*Input!$J$13,0)+IF(Input!$K$14=1,K1148*Input!$J$14,0)+IF(Input!$K$15=1,L1148*Input!$J$15,0)+IF(Input!$K$16=1,M1148*Input!$J$16,0)</f>
        <v>9.4642133867595799</v>
      </c>
      <c r="O1148" s="58">
        <f>IF(Input!$K$13=2,J1148*Input!$J$13,0)+IF(Input!$K$14=2,K1148*Input!$J$14,0)+IF(Input!$K$15=2,L1148*Input!$J$15,0)+IF(Input!$K$16=2,M1148*Input!$J$16,0)</f>
        <v>0.54577666914318024</v>
      </c>
      <c r="P1148" s="58">
        <f>IF(Input!$K$13=3,J1148*Input!$J$13,0)+IF(Input!$K$14=3,K1148*Input!$J$14,0)+IF(Input!$K$15=3,L1148*Input!$J$15,0)+IF(Input!$K$16=3,M1148*Input!$J$16,0)</f>
        <v>0</v>
      </c>
      <c r="Q1148" s="71">
        <f>IF(Input!$K$13=4,J1148*Input!$J$13,0)+IF(Input!$K$14=4,K1148*Input!$J$14,0)+IF(Input!$K$15=4,L1148*Input!$J$15,0)+IF(Input!$K$16=4,M1148*Input!$J$16,0)</f>
        <v>0</v>
      </c>
    </row>
    <row r="1149" spans="8:17" x14ac:dyDescent="0.25">
      <c r="H1149" s="43">
        <v>1142</v>
      </c>
      <c r="I1149" s="55">
        <f>Bühler!I1175</f>
        <v>6.9528048877027713</v>
      </c>
      <c r="J1149" s="58">
        <f>Bühler!J1175</f>
        <v>54.601231077459119</v>
      </c>
      <c r="K1149" s="58">
        <f>Bühler!K1175</f>
        <v>2.7988547135547703</v>
      </c>
      <c r="L1149" s="58">
        <f>Bühler!L1175</f>
        <v>1.3994273567773852</v>
      </c>
      <c r="M1149" s="57">
        <f>Bühler!M1175</f>
        <v>0</v>
      </c>
      <c r="N1149" s="55">
        <f>IF(Input!$K$13=1,J1149*Input!$J$13,0)+IF(Input!$K$14=1,K1149*Input!$J$14,0)+IF(Input!$K$15=1,L1149*Input!$J$15,0)+IF(Input!$K$16=1,M1149*Input!$J$16,0)</f>
        <v>6.5521477292950943</v>
      </c>
      <c r="O1149" s="58">
        <f>IF(Input!$K$13=2,J1149*Input!$J$13,0)+IF(Input!$K$14=2,K1149*Input!$J$14,0)+IF(Input!$K$15=2,L1149*Input!$J$15,0)+IF(Input!$K$16=2,M1149*Input!$J$16,0)</f>
        <v>0.37784538632989395</v>
      </c>
      <c r="P1149" s="58">
        <f>IF(Input!$K$13=3,J1149*Input!$J$13,0)+IF(Input!$K$14=3,K1149*Input!$J$14,0)+IF(Input!$K$15=3,L1149*Input!$J$15,0)+IF(Input!$K$16=3,M1149*Input!$J$16,0)</f>
        <v>0</v>
      </c>
      <c r="Q1149" s="71">
        <f>IF(Input!$K$13=4,J1149*Input!$J$13,0)+IF(Input!$K$14=4,K1149*Input!$J$14,0)+IF(Input!$K$15=4,L1149*Input!$J$15,0)+IF(Input!$K$16=4,M1149*Input!$J$16,0)</f>
        <v>0</v>
      </c>
    </row>
    <row r="1150" spans="8:17" x14ac:dyDescent="0.25">
      <c r="H1150" s="43">
        <v>1143</v>
      </c>
      <c r="I1150" s="55">
        <f>Bühler!I1176</f>
        <v>10.042940393348449</v>
      </c>
      <c r="J1150" s="58">
        <f>Bühler!J1176</f>
        <v>78.868444889663166</v>
      </c>
      <c r="K1150" s="58">
        <f>Bühler!K1176</f>
        <v>4.0427901418013352</v>
      </c>
      <c r="L1150" s="58">
        <f>Bühler!L1176</f>
        <v>2.0213950709006676</v>
      </c>
      <c r="M1150" s="57">
        <f>Bühler!M1176</f>
        <v>0</v>
      </c>
      <c r="N1150" s="55">
        <f>IF(Input!$K$13=1,J1150*Input!$J$13,0)+IF(Input!$K$14=1,K1150*Input!$J$14,0)+IF(Input!$K$15=1,L1150*Input!$J$15,0)+IF(Input!$K$16=1,M1150*Input!$J$16,0)</f>
        <v>9.4642133867595799</v>
      </c>
      <c r="O1150" s="58">
        <f>IF(Input!$K$13=2,J1150*Input!$J$13,0)+IF(Input!$K$14=2,K1150*Input!$J$14,0)+IF(Input!$K$15=2,L1150*Input!$J$15,0)+IF(Input!$K$16=2,M1150*Input!$J$16,0)</f>
        <v>0.54577666914318024</v>
      </c>
      <c r="P1150" s="58">
        <f>IF(Input!$K$13=3,J1150*Input!$J$13,0)+IF(Input!$K$14=3,K1150*Input!$J$14,0)+IF(Input!$K$15=3,L1150*Input!$J$15,0)+IF(Input!$K$16=3,M1150*Input!$J$16,0)</f>
        <v>0</v>
      </c>
      <c r="Q1150" s="71">
        <f>IF(Input!$K$13=4,J1150*Input!$J$13,0)+IF(Input!$K$14=4,K1150*Input!$J$14,0)+IF(Input!$K$15=4,L1150*Input!$J$15,0)+IF(Input!$K$16=4,M1150*Input!$J$16,0)</f>
        <v>0</v>
      </c>
    </row>
    <row r="1151" spans="8:17" x14ac:dyDescent="0.25">
      <c r="H1151" s="43">
        <v>1144</v>
      </c>
      <c r="I1151" s="55">
        <f>Bühler!I1177</f>
        <v>8.4978726405256104</v>
      </c>
      <c r="J1151" s="58">
        <f>Bühler!J1177</f>
        <v>61.504946229955834</v>
      </c>
      <c r="K1151" s="58">
        <f>Bühler!K1177</f>
        <v>3.1098385706164113</v>
      </c>
      <c r="L1151" s="58">
        <f>Bühler!L1177</f>
        <v>1.5549192853082057</v>
      </c>
      <c r="M1151" s="57">
        <f>Bühler!M1177</f>
        <v>0</v>
      </c>
      <c r="N1151" s="55">
        <f>IF(Input!$K$13=1,J1151*Input!$J$13,0)+IF(Input!$K$14=1,K1151*Input!$J$14,0)+IF(Input!$K$15=1,L1151*Input!$J$15,0)+IF(Input!$K$16=1,M1151*Input!$J$16,0)</f>
        <v>7.3805935475946995</v>
      </c>
      <c r="O1151" s="58">
        <f>IF(Input!$K$13=2,J1151*Input!$J$13,0)+IF(Input!$K$14=2,K1151*Input!$J$14,0)+IF(Input!$K$15=2,L1151*Input!$J$15,0)+IF(Input!$K$16=2,M1151*Input!$J$16,0)</f>
        <v>0.41982820703321549</v>
      </c>
      <c r="P1151" s="58">
        <f>IF(Input!$K$13=3,J1151*Input!$J$13,0)+IF(Input!$K$14=3,K1151*Input!$J$14,0)+IF(Input!$K$15=3,L1151*Input!$J$15,0)+IF(Input!$K$16=3,M1151*Input!$J$16,0)</f>
        <v>0</v>
      </c>
      <c r="Q1151" s="71">
        <f>IF(Input!$K$13=4,J1151*Input!$J$13,0)+IF(Input!$K$14=4,K1151*Input!$J$14,0)+IF(Input!$K$15=4,L1151*Input!$J$15,0)+IF(Input!$K$16=4,M1151*Input!$J$16,0)</f>
        <v>0</v>
      </c>
    </row>
    <row r="1152" spans="8:17" x14ac:dyDescent="0.25">
      <c r="H1152" s="43">
        <v>1145</v>
      </c>
      <c r="I1152" s="55">
        <f>Bühler!I1178</f>
        <v>7.3574654896325633</v>
      </c>
      <c r="J1152" s="58">
        <f>Bühler!J1178</f>
        <v>32.52407002506115</v>
      </c>
      <c r="K1152" s="58">
        <f>Bühler!K1178</f>
        <v>1.4600181082706158</v>
      </c>
      <c r="L1152" s="58">
        <f>Bühler!L1178</f>
        <v>0.73000905413530792</v>
      </c>
      <c r="M1152" s="57">
        <f>Bühler!M1178</f>
        <v>0</v>
      </c>
      <c r="N1152" s="55">
        <f>IF(Input!$K$13=1,J1152*Input!$J$13,0)+IF(Input!$K$14=1,K1152*Input!$J$14,0)+IF(Input!$K$15=1,L1152*Input!$J$15,0)+IF(Input!$K$16=1,M1152*Input!$J$16,0)</f>
        <v>3.9028884030073376</v>
      </c>
      <c r="O1152" s="58">
        <f>IF(Input!$K$13=2,J1152*Input!$J$13,0)+IF(Input!$K$14=2,K1152*Input!$J$14,0)+IF(Input!$K$15=2,L1152*Input!$J$15,0)+IF(Input!$K$16=2,M1152*Input!$J$16,0)</f>
        <v>0.19710244461653315</v>
      </c>
      <c r="P1152" s="58">
        <f>IF(Input!$K$13=3,J1152*Input!$J$13,0)+IF(Input!$K$14=3,K1152*Input!$J$14,0)+IF(Input!$K$15=3,L1152*Input!$J$15,0)+IF(Input!$K$16=3,M1152*Input!$J$16,0)</f>
        <v>0</v>
      </c>
      <c r="Q1152" s="71">
        <f>IF(Input!$K$13=4,J1152*Input!$J$13,0)+IF(Input!$K$14=4,K1152*Input!$J$14,0)+IF(Input!$K$15=4,L1152*Input!$J$15,0)+IF(Input!$K$16=4,M1152*Input!$J$16,0)</f>
        <v>0</v>
      </c>
    </row>
    <row r="1153" spans="8:17" x14ac:dyDescent="0.25">
      <c r="H1153" s="43">
        <v>1146</v>
      </c>
      <c r="I1153" s="55">
        <f>Bühler!I1179</f>
        <v>6.1802710112913513</v>
      </c>
      <c r="J1153" s="58">
        <f>Bühler!J1179</f>
        <v>22.900591987018704</v>
      </c>
      <c r="K1153" s="58">
        <f>Bühler!K1179</f>
        <v>0.96361195145860623</v>
      </c>
      <c r="L1153" s="58">
        <f>Bühler!L1179</f>
        <v>0.48180597572930312</v>
      </c>
      <c r="M1153" s="57">
        <f>Bühler!M1179</f>
        <v>0</v>
      </c>
      <c r="N1153" s="55">
        <f>IF(Input!$K$13=1,J1153*Input!$J$13,0)+IF(Input!$K$14=1,K1153*Input!$J$14,0)+IF(Input!$K$15=1,L1153*Input!$J$15,0)+IF(Input!$K$16=1,M1153*Input!$J$16,0)</f>
        <v>2.7480710384422444</v>
      </c>
      <c r="O1153" s="58">
        <f>IF(Input!$K$13=2,J1153*Input!$J$13,0)+IF(Input!$K$14=2,K1153*Input!$J$14,0)+IF(Input!$K$15=2,L1153*Input!$J$15,0)+IF(Input!$K$16=2,M1153*Input!$J$16,0)</f>
        <v>0.13008761344691183</v>
      </c>
      <c r="P1153" s="58">
        <f>IF(Input!$K$13=3,J1153*Input!$J$13,0)+IF(Input!$K$14=3,K1153*Input!$J$14,0)+IF(Input!$K$15=3,L1153*Input!$J$15,0)+IF(Input!$K$16=3,M1153*Input!$J$16,0)</f>
        <v>0</v>
      </c>
      <c r="Q1153" s="71">
        <f>IF(Input!$K$13=4,J1153*Input!$J$13,0)+IF(Input!$K$14=4,K1153*Input!$J$14,0)+IF(Input!$K$15=4,L1153*Input!$J$15,0)+IF(Input!$K$16=4,M1153*Input!$J$16,0)</f>
        <v>0</v>
      </c>
    </row>
    <row r="1154" spans="8:17" x14ac:dyDescent="0.25">
      <c r="H1154" s="43">
        <v>1147</v>
      </c>
      <c r="I1154" s="55">
        <f>Bühler!I1180</f>
        <v>2.2808143017860942</v>
      </c>
      <c r="J1154" s="58">
        <f>Bühler!J1180</f>
        <v>12.78334477301113</v>
      </c>
      <c r="K1154" s="58">
        <f>Bühler!K1180</f>
        <v>0.61320760547365849</v>
      </c>
      <c r="L1154" s="58">
        <f>Bühler!L1180</f>
        <v>0.30660380273682925</v>
      </c>
      <c r="M1154" s="57">
        <f>Bühler!M1180</f>
        <v>0</v>
      </c>
      <c r="N1154" s="55">
        <f>IF(Input!$K$13=1,J1154*Input!$J$13,0)+IF(Input!$K$14=1,K1154*Input!$J$14,0)+IF(Input!$K$15=1,L1154*Input!$J$15,0)+IF(Input!$K$16=1,M1154*Input!$J$16,0)</f>
        <v>1.5340013727613355</v>
      </c>
      <c r="O1154" s="58">
        <f>IF(Input!$K$13=2,J1154*Input!$J$13,0)+IF(Input!$K$14=2,K1154*Input!$J$14,0)+IF(Input!$K$15=2,L1154*Input!$J$15,0)+IF(Input!$K$16=2,M1154*Input!$J$16,0)</f>
        <v>8.2783026738943888E-2</v>
      </c>
      <c r="P1154" s="58">
        <f>IF(Input!$K$13=3,J1154*Input!$J$13,0)+IF(Input!$K$14=3,K1154*Input!$J$14,0)+IF(Input!$K$15=3,L1154*Input!$J$15,0)+IF(Input!$K$16=3,M1154*Input!$J$16,0)</f>
        <v>0</v>
      </c>
      <c r="Q1154" s="71">
        <f>IF(Input!$K$13=4,J1154*Input!$J$13,0)+IF(Input!$K$14=4,K1154*Input!$J$14,0)+IF(Input!$K$15=4,L1154*Input!$J$15,0)+IF(Input!$K$16=4,M1154*Input!$J$16,0)</f>
        <v>0</v>
      </c>
    </row>
    <row r="1155" spans="8:17" x14ac:dyDescent="0.25">
      <c r="H1155" s="43">
        <v>1148</v>
      </c>
      <c r="I1155" s="55">
        <f>Bühler!I1181</f>
        <v>2.2808143017860942</v>
      </c>
      <c r="J1155" s="58">
        <f>Bühler!J1181</f>
        <v>12.292275124785281</v>
      </c>
      <c r="K1155" s="58">
        <f>Bühler!K1181</f>
        <v>0.58400724330824627</v>
      </c>
      <c r="L1155" s="58">
        <f>Bühler!L1181</f>
        <v>0.29200362165412314</v>
      </c>
      <c r="M1155" s="57">
        <f>Bühler!M1181</f>
        <v>0</v>
      </c>
      <c r="N1155" s="55">
        <f>IF(Input!$K$13=1,J1155*Input!$J$13,0)+IF(Input!$K$14=1,K1155*Input!$J$14,0)+IF(Input!$K$15=1,L1155*Input!$J$15,0)+IF(Input!$K$16=1,M1155*Input!$J$16,0)</f>
        <v>1.4750730149742337</v>
      </c>
      <c r="O1155" s="58">
        <f>IF(Input!$K$13=2,J1155*Input!$J$13,0)+IF(Input!$K$14=2,K1155*Input!$J$14,0)+IF(Input!$K$15=2,L1155*Input!$J$15,0)+IF(Input!$K$16=2,M1155*Input!$J$16,0)</f>
        <v>7.8840977846613244E-2</v>
      </c>
      <c r="P1155" s="58">
        <f>IF(Input!$K$13=3,J1155*Input!$J$13,0)+IF(Input!$K$14=3,K1155*Input!$J$14,0)+IF(Input!$K$15=3,L1155*Input!$J$15,0)+IF(Input!$K$16=3,M1155*Input!$J$16,0)</f>
        <v>0</v>
      </c>
      <c r="Q1155" s="71">
        <f>IF(Input!$K$13=4,J1155*Input!$J$13,0)+IF(Input!$K$14=4,K1155*Input!$J$14,0)+IF(Input!$K$15=4,L1155*Input!$J$15,0)+IF(Input!$K$16=4,M1155*Input!$J$16,0)</f>
        <v>0</v>
      </c>
    </row>
    <row r="1156" spans="8:17" x14ac:dyDescent="0.25">
      <c r="H1156" s="43">
        <v>1149</v>
      </c>
      <c r="I1156" s="55">
        <f>Bühler!I1182</f>
        <v>2.2808143017860942</v>
      </c>
      <c r="J1156" s="58">
        <f>Bühler!J1182</f>
        <v>12.292275124785281</v>
      </c>
      <c r="K1156" s="58">
        <f>Bühler!K1182</f>
        <v>0.58400724330824627</v>
      </c>
      <c r="L1156" s="58">
        <f>Bühler!L1182</f>
        <v>0.29200362165412314</v>
      </c>
      <c r="M1156" s="57">
        <f>Bühler!M1182</f>
        <v>0</v>
      </c>
      <c r="N1156" s="55">
        <f>IF(Input!$K$13=1,J1156*Input!$J$13,0)+IF(Input!$K$14=1,K1156*Input!$J$14,0)+IF(Input!$K$15=1,L1156*Input!$J$15,0)+IF(Input!$K$16=1,M1156*Input!$J$16,0)</f>
        <v>1.4750730149742337</v>
      </c>
      <c r="O1156" s="58">
        <f>IF(Input!$K$13=2,J1156*Input!$J$13,0)+IF(Input!$K$14=2,K1156*Input!$J$14,0)+IF(Input!$K$15=2,L1156*Input!$J$15,0)+IF(Input!$K$16=2,M1156*Input!$J$16,0)</f>
        <v>7.8840977846613244E-2</v>
      </c>
      <c r="P1156" s="58">
        <f>IF(Input!$K$13=3,J1156*Input!$J$13,0)+IF(Input!$K$14=3,K1156*Input!$J$14,0)+IF(Input!$K$15=3,L1156*Input!$J$15,0)+IF(Input!$K$16=3,M1156*Input!$J$16,0)</f>
        <v>0</v>
      </c>
      <c r="Q1156" s="71">
        <f>IF(Input!$K$13=4,J1156*Input!$J$13,0)+IF(Input!$K$14=4,K1156*Input!$J$14,0)+IF(Input!$K$15=4,L1156*Input!$J$15,0)+IF(Input!$K$16=4,M1156*Input!$J$16,0)</f>
        <v>0</v>
      </c>
    </row>
    <row r="1157" spans="8:17" x14ac:dyDescent="0.25">
      <c r="H1157" s="43">
        <v>1150</v>
      </c>
      <c r="I1157" s="55">
        <f>Bühler!I1183</f>
        <v>2.2808143017860942</v>
      </c>
      <c r="J1157" s="58">
        <f>Bühler!J1183</f>
        <v>12.292275124785281</v>
      </c>
      <c r="K1157" s="58">
        <f>Bühler!K1183</f>
        <v>0.58400724330824627</v>
      </c>
      <c r="L1157" s="58">
        <f>Bühler!L1183</f>
        <v>0.29200362165412314</v>
      </c>
      <c r="M1157" s="57">
        <f>Bühler!M1183</f>
        <v>0</v>
      </c>
      <c r="N1157" s="55">
        <f>IF(Input!$K$13=1,J1157*Input!$J$13,0)+IF(Input!$K$14=1,K1157*Input!$J$14,0)+IF(Input!$K$15=1,L1157*Input!$J$15,0)+IF(Input!$K$16=1,M1157*Input!$J$16,0)</f>
        <v>1.4750730149742337</v>
      </c>
      <c r="O1157" s="58">
        <f>IF(Input!$K$13=2,J1157*Input!$J$13,0)+IF(Input!$K$14=2,K1157*Input!$J$14,0)+IF(Input!$K$15=2,L1157*Input!$J$15,0)+IF(Input!$K$16=2,M1157*Input!$J$16,0)</f>
        <v>7.8840977846613244E-2</v>
      </c>
      <c r="P1157" s="58">
        <f>IF(Input!$K$13=3,J1157*Input!$J$13,0)+IF(Input!$K$14=3,K1157*Input!$J$14,0)+IF(Input!$K$15=3,L1157*Input!$J$15,0)+IF(Input!$K$16=3,M1157*Input!$J$16,0)</f>
        <v>0</v>
      </c>
      <c r="Q1157" s="71">
        <f>IF(Input!$K$13=4,J1157*Input!$J$13,0)+IF(Input!$K$14=4,K1157*Input!$J$14,0)+IF(Input!$K$15=4,L1157*Input!$J$15,0)+IF(Input!$K$16=4,M1157*Input!$J$16,0)</f>
        <v>0</v>
      </c>
    </row>
    <row r="1158" spans="8:17" x14ac:dyDescent="0.25">
      <c r="H1158" s="43">
        <v>1151</v>
      </c>
      <c r="I1158" s="55">
        <f>Bühler!I1184</f>
        <v>2.2808143017860942</v>
      </c>
      <c r="J1158" s="58">
        <f>Bühler!J1184</f>
        <v>12.292275124785281</v>
      </c>
      <c r="K1158" s="58">
        <f>Bühler!K1184</f>
        <v>0.58400724330824627</v>
      </c>
      <c r="L1158" s="58">
        <f>Bühler!L1184</f>
        <v>0.29200362165412314</v>
      </c>
      <c r="M1158" s="57">
        <f>Bühler!M1184</f>
        <v>0</v>
      </c>
      <c r="N1158" s="55">
        <f>IF(Input!$K$13=1,J1158*Input!$J$13,0)+IF(Input!$K$14=1,K1158*Input!$J$14,0)+IF(Input!$K$15=1,L1158*Input!$J$15,0)+IF(Input!$K$16=1,M1158*Input!$J$16,0)</f>
        <v>1.4750730149742337</v>
      </c>
      <c r="O1158" s="58">
        <f>IF(Input!$K$13=2,J1158*Input!$J$13,0)+IF(Input!$K$14=2,K1158*Input!$J$14,0)+IF(Input!$K$15=2,L1158*Input!$J$15,0)+IF(Input!$K$16=2,M1158*Input!$J$16,0)</f>
        <v>7.8840977846613244E-2</v>
      </c>
      <c r="P1158" s="58">
        <f>IF(Input!$K$13=3,J1158*Input!$J$13,0)+IF(Input!$K$14=3,K1158*Input!$J$14,0)+IF(Input!$K$15=3,L1158*Input!$J$15,0)+IF(Input!$K$16=3,M1158*Input!$J$16,0)</f>
        <v>0</v>
      </c>
      <c r="Q1158" s="71">
        <f>IF(Input!$K$13=4,J1158*Input!$J$13,0)+IF(Input!$K$14=4,K1158*Input!$J$14,0)+IF(Input!$K$15=4,L1158*Input!$J$15,0)+IF(Input!$K$16=4,M1158*Input!$J$16,0)</f>
        <v>0</v>
      </c>
    </row>
    <row r="1159" spans="8:17" x14ac:dyDescent="0.25">
      <c r="H1159" s="43">
        <v>1152</v>
      </c>
      <c r="I1159" s="55">
        <f>Bühler!I1185</f>
        <v>2.2808143017860942</v>
      </c>
      <c r="J1159" s="58">
        <f>Bühler!J1185</f>
        <v>12.292275124785281</v>
      </c>
      <c r="K1159" s="58">
        <f>Bühler!K1185</f>
        <v>0.58400724330824627</v>
      </c>
      <c r="L1159" s="58">
        <f>Bühler!L1185</f>
        <v>0.29200362165412314</v>
      </c>
      <c r="M1159" s="57">
        <f>Bühler!M1185</f>
        <v>0</v>
      </c>
      <c r="N1159" s="55">
        <f>IF(Input!$K$13=1,J1159*Input!$J$13,0)+IF(Input!$K$14=1,K1159*Input!$J$14,0)+IF(Input!$K$15=1,L1159*Input!$J$15,0)+IF(Input!$K$16=1,M1159*Input!$J$16,0)</f>
        <v>1.4750730149742337</v>
      </c>
      <c r="O1159" s="58">
        <f>IF(Input!$K$13=2,J1159*Input!$J$13,0)+IF(Input!$K$14=2,K1159*Input!$J$14,0)+IF(Input!$K$15=2,L1159*Input!$J$15,0)+IF(Input!$K$16=2,M1159*Input!$J$16,0)</f>
        <v>7.8840977846613244E-2</v>
      </c>
      <c r="P1159" s="58">
        <f>IF(Input!$K$13=3,J1159*Input!$J$13,0)+IF(Input!$K$14=3,K1159*Input!$J$14,0)+IF(Input!$K$15=3,L1159*Input!$J$15,0)+IF(Input!$K$16=3,M1159*Input!$J$16,0)</f>
        <v>0</v>
      </c>
      <c r="Q1159" s="71">
        <f>IF(Input!$K$13=4,J1159*Input!$J$13,0)+IF(Input!$K$14=4,K1159*Input!$J$14,0)+IF(Input!$K$15=4,L1159*Input!$J$15,0)+IF(Input!$K$16=4,M1159*Input!$J$16,0)</f>
        <v>0</v>
      </c>
    </row>
    <row r="1160" spans="8:17" x14ac:dyDescent="0.25">
      <c r="H1160" s="43">
        <v>1153</v>
      </c>
      <c r="I1160" s="55">
        <f>Bühler!I1186</f>
        <v>0.25733141168679596</v>
      </c>
      <c r="J1160" s="58">
        <f>Bühler!J1186</f>
        <v>6.3860228474560268</v>
      </c>
      <c r="K1160" s="58">
        <f>Bühler!K1186</f>
        <v>0.273373059741151</v>
      </c>
      <c r="L1160" s="58">
        <f>Bühler!L1186</f>
        <v>0.1366865298705755</v>
      </c>
      <c r="M1160" s="57">
        <f>Bühler!M1186</f>
        <v>0</v>
      </c>
      <c r="N1160" s="55">
        <f>IF(Input!$K$13=1,J1160*Input!$J$13,0)+IF(Input!$K$14=1,K1160*Input!$J$14,0)+IF(Input!$K$15=1,L1160*Input!$J$15,0)+IF(Input!$K$16=1,M1160*Input!$J$16,0)</f>
        <v>0.76632274169472314</v>
      </c>
      <c r="O1160" s="58">
        <f>IF(Input!$K$13=2,J1160*Input!$J$13,0)+IF(Input!$K$14=2,K1160*Input!$J$14,0)+IF(Input!$K$15=2,L1160*Input!$J$15,0)+IF(Input!$K$16=2,M1160*Input!$J$16,0)</f>
        <v>3.6905363065055388E-2</v>
      </c>
      <c r="P1160" s="58">
        <f>IF(Input!$K$13=3,J1160*Input!$J$13,0)+IF(Input!$K$14=3,K1160*Input!$J$14,0)+IF(Input!$K$15=3,L1160*Input!$J$15,0)+IF(Input!$K$16=3,M1160*Input!$J$16,0)</f>
        <v>0</v>
      </c>
      <c r="Q1160" s="71">
        <f>IF(Input!$K$13=4,J1160*Input!$J$13,0)+IF(Input!$K$14=4,K1160*Input!$J$14,0)+IF(Input!$K$15=4,L1160*Input!$J$15,0)+IF(Input!$K$16=4,M1160*Input!$J$16,0)</f>
        <v>0</v>
      </c>
    </row>
    <row r="1161" spans="8:17" x14ac:dyDescent="0.25">
      <c r="H1161" s="43">
        <v>1154</v>
      </c>
      <c r="I1161" s="55">
        <f>Bühler!I1187</f>
        <v>0.50240894662660174</v>
      </c>
      <c r="J1161" s="58">
        <f>Bühler!J1187</f>
        <v>5.8942900731997305</v>
      </c>
      <c r="K1161" s="58">
        <f>Bühler!K1187</f>
        <v>0.24603575376703593</v>
      </c>
      <c r="L1161" s="58">
        <f>Bühler!L1187</f>
        <v>0.12301787688351797</v>
      </c>
      <c r="M1161" s="57">
        <f>Bühler!M1187</f>
        <v>0</v>
      </c>
      <c r="N1161" s="55">
        <f>IF(Input!$K$13=1,J1161*Input!$J$13,0)+IF(Input!$K$14=1,K1161*Input!$J$14,0)+IF(Input!$K$15=1,L1161*Input!$J$15,0)+IF(Input!$K$16=1,M1161*Input!$J$16,0)</f>
        <v>0.70731480878396769</v>
      </c>
      <c r="O1161" s="58">
        <f>IF(Input!$K$13=2,J1161*Input!$J$13,0)+IF(Input!$K$14=2,K1161*Input!$J$14,0)+IF(Input!$K$15=2,L1161*Input!$J$15,0)+IF(Input!$K$16=2,M1161*Input!$J$16,0)</f>
        <v>3.3214826758549851E-2</v>
      </c>
      <c r="P1161" s="58">
        <f>IF(Input!$K$13=3,J1161*Input!$J$13,0)+IF(Input!$K$14=3,K1161*Input!$J$14,0)+IF(Input!$K$15=3,L1161*Input!$J$15,0)+IF(Input!$K$16=3,M1161*Input!$J$16,0)</f>
        <v>0</v>
      </c>
      <c r="Q1161" s="71">
        <f>IF(Input!$K$13=4,J1161*Input!$J$13,0)+IF(Input!$K$14=4,K1161*Input!$J$14,0)+IF(Input!$K$15=4,L1161*Input!$J$15,0)+IF(Input!$K$16=4,M1161*Input!$J$16,0)</f>
        <v>0</v>
      </c>
    </row>
    <row r="1162" spans="8:17" x14ac:dyDescent="0.25">
      <c r="H1162" s="43">
        <v>1155</v>
      </c>
      <c r="I1162" s="55">
        <f>Bühler!I1188</f>
        <v>0.50240894662660174</v>
      </c>
      <c r="J1162" s="58">
        <f>Bühler!J1188</f>
        <v>5.8942900731997305</v>
      </c>
      <c r="K1162" s="58">
        <f>Bühler!K1188</f>
        <v>0.24603575376703593</v>
      </c>
      <c r="L1162" s="58">
        <f>Bühler!L1188</f>
        <v>0.12301787688351797</v>
      </c>
      <c r="M1162" s="57">
        <f>Bühler!M1188</f>
        <v>0</v>
      </c>
      <c r="N1162" s="55">
        <f>IF(Input!$K$13=1,J1162*Input!$J$13,0)+IF(Input!$K$14=1,K1162*Input!$J$14,0)+IF(Input!$K$15=1,L1162*Input!$J$15,0)+IF(Input!$K$16=1,M1162*Input!$J$16,0)</f>
        <v>0.70731480878396769</v>
      </c>
      <c r="O1162" s="58">
        <f>IF(Input!$K$13=2,J1162*Input!$J$13,0)+IF(Input!$K$14=2,K1162*Input!$J$14,0)+IF(Input!$K$15=2,L1162*Input!$J$15,0)+IF(Input!$K$16=2,M1162*Input!$J$16,0)</f>
        <v>3.3214826758549851E-2</v>
      </c>
      <c r="P1162" s="58">
        <f>IF(Input!$K$13=3,J1162*Input!$J$13,0)+IF(Input!$K$14=3,K1162*Input!$J$14,0)+IF(Input!$K$15=3,L1162*Input!$J$15,0)+IF(Input!$K$16=3,M1162*Input!$J$16,0)</f>
        <v>0</v>
      </c>
      <c r="Q1162" s="71">
        <f>IF(Input!$K$13=4,J1162*Input!$J$13,0)+IF(Input!$K$14=4,K1162*Input!$J$14,0)+IF(Input!$K$15=4,L1162*Input!$J$15,0)+IF(Input!$K$16=4,M1162*Input!$J$16,0)</f>
        <v>0</v>
      </c>
    </row>
    <row r="1163" spans="8:17" x14ac:dyDescent="0.25">
      <c r="H1163" s="43">
        <v>1156</v>
      </c>
      <c r="I1163" s="55">
        <f>Bühler!I1189</f>
        <v>0.50240894662660174</v>
      </c>
      <c r="J1163" s="58">
        <f>Bühler!J1189</f>
        <v>5.8942900731997305</v>
      </c>
      <c r="K1163" s="58">
        <f>Bühler!K1189</f>
        <v>0.24603575376703593</v>
      </c>
      <c r="L1163" s="58">
        <f>Bühler!L1189</f>
        <v>0.12301787688351797</v>
      </c>
      <c r="M1163" s="57">
        <f>Bühler!M1189</f>
        <v>0</v>
      </c>
      <c r="N1163" s="55">
        <f>IF(Input!$K$13=1,J1163*Input!$J$13,0)+IF(Input!$K$14=1,K1163*Input!$J$14,0)+IF(Input!$K$15=1,L1163*Input!$J$15,0)+IF(Input!$K$16=1,M1163*Input!$J$16,0)</f>
        <v>0.70731480878396769</v>
      </c>
      <c r="O1163" s="58">
        <f>IF(Input!$K$13=2,J1163*Input!$J$13,0)+IF(Input!$K$14=2,K1163*Input!$J$14,0)+IF(Input!$K$15=2,L1163*Input!$J$15,0)+IF(Input!$K$16=2,M1163*Input!$J$16,0)</f>
        <v>3.3214826758549851E-2</v>
      </c>
      <c r="P1163" s="58">
        <f>IF(Input!$K$13=3,J1163*Input!$J$13,0)+IF(Input!$K$14=3,K1163*Input!$J$14,0)+IF(Input!$K$15=3,L1163*Input!$J$15,0)+IF(Input!$K$16=3,M1163*Input!$J$16,0)</f>
        <v>0</v>
      </c>
      <c r="Q1163" s="71">
        <f>IF(Input!$K$13=4,J1163*Input!$J$13,0)+IF(Input!$K$14=4,K1163*Input!$J$14,0)+IF(Input!$K$15=4,L1163*Input!$J$15,0)+IF(Input!$K$16=4,M1163*Input!$J$16,0)</f>
        <v>0</v>
      </c>
    </row>
    <row r="1164" spans="8:17" x14ac:dyDescent="0.25">
      <c r="H1164" s="43">
        <v>1157</v>
      </c>
      <c r="I1164" s="55">
        <f>Bühler!I1190</f>
        <v>0.50240894662660174</v>
      </c>
      <c r="J1164" s="58">
        <f>Bühler!J1190</f>
        <v>5.8942900731997305</v>
      </c>
      <c r="K1164" s="58">
        <f>Bühler!K1190</f>
        <v>0.24603575376703593</v>
      </c>
      <c r="L1164" s="58">
        <f>Bühler!L1190</f>
        <v>0.12301787688351797</v>
      </c>
      <c r="M1164" s="57">
        <f>Bühler!M1190</f>
        <v>0</v>
      </c>
      <c r="N1164" s="55">
        <f>IF(Input!$K$13=1,J1164*Input!$J$13,0)+IF(Input!$K$14=1,K1164*Input!$J$14,0)+IF(Input!$K$15=1,L1164*Input!$J$15,0)+IF(Input!$K$16=1,M1164*Input!$J$16,0)</f>
        <v>0.70731480878396769</v>
      </c>
      <c r="O1164" s="58">
        <f>IF(Input!$K$13=2,J1164*Input!$J$13,0)+IF(Input!$K$14=2,K1164*Input!$J$14,0)+IF(Input!$K$15=2,L1164*Input!$J$15,0)+IF(Input!$K$16=2,M1164*Input!$J$16,0)</f>
        <v>3.3214826758549851E-2</v>
      </c>
      <c r="P1164" s="58">
        <f>IF(Input!$K$13=3,J1164*Input!$J$13,0)+IF(Input!$K$14=3,K1164*Input!$J$14,0)+IF(Input!$K$15=3,L1164*Input!$J$15,0)+IF(Input!$K$16=3,M1164*Input!$J$16,0)</f>
        <v>0</v>
      </c>
      <c r="Q1164" s="71">
        <f>IF(Input!$K$13=4,J1164*Input!$J$13,0)+IF(Input!$K$14=4,K1164*Input!$J$14,0)+IF(Input!$K$15=4,L1164*Input!$J$15,0)+IF(Input!$K$16=4,M1164*Input!$J$16,0)</f>
        <v>0</v>
      </c>
    </row>
    <row r="1165" spans="8:17" x14ac:dyDescent="0.25">
      <c r="H1165" s="43">
        <v>1158</v>
      </c>
      <c r="I1165" s="55">
        <f>Bühler!I1191</f>
        <v>0.62494771409650451</v>
      </c>
      <c r="J1165" s="58">
        <f>Bühler!J1191</f>
        <v>5.8993958551776426</v>
      </c>
      <c r="K1165" s="58">
        <f>Bühler!K1191</f>
        <v>0.24603575376703593</v>
      </c>
      <c r="L1165" s="58">
        <f>Bühler!L1191</f>
        <v>0.12301787688351797</v>
      </c>
      <c r="M1165" s="57">
        <f>Bühler!M1191</f>
        <v>0</v>
      </c>
      <c r="N1165" s="55">
        <f>IF(Input!$K$13=1,J1165*Input!$J$13,0)+IF(Input!$K$14=1,K1165*Input!$J$14,0)+IF(Input!$K$15=1,L1165*Input!$J$15,0)+IF(Input!$K$16=1,M1165*Input!$J$16,0)</f>
        <v>0.7079275026213171</v>
      </c>
      <c r="O1165" s="58">
        <f>IF(Input!$K$13=2,J1165*Input!$J$13,0)+IF(Input!$K$14=2,K1165*Input!$J$14,0)+IF(Input!$K$15=2,L1165*Input!$J$15,0)+IF(Input!$K$16=2,M1165*Input!$J$16,0)</f>
        <v>3.3214826758549851E-2</v>
      </c>
      <c r="P1165" s="58">
        <f>IF(Input!$K$13=3,J1165*Input!$J$13,0)+IF(Input!$K$14=3,K1165*Input!$J$14,0)+IF(Input!$K$15=3,L1165*Input!$J$15,0)+IF(Input!$K$16=3,M1165*Input!$J$16,0)</f>
        <v>0</v>
      </c>
      <c r="Q1165" s="71">
        <f>IF(Input!$K$13=4,J1165*Input!$J$13,0)+IF(Input!$K$14=4,K1165*Input!$J$14,0)+IF(Input!$K$15=4,L1165*Input!$J$15,0)+IF(Input!$K$16=4,M1165*Input!$J$16,0)</f>
        <v>0</v>
      </c>
    </row>
    <row r="1166" spans="8:17" x14ac:dyDescent="0.25">
      <c r="H1166" s="43">
        <v>1159</v>
      </c>
      <c r="I1166" s="55">
        <f>Bühler!I1192</f>
        <v>0.7842481118073783</v>
      </c>
      <c r="J1166" s="58">
        <f>Bühler!J1192</f>
        <v>5.9060333717489293</v>
      </c>
      <c r="K1166" s="58">
        <f>Bühler!K1192</f>
        <v>0.24603575376703593</v>
      </c>
      <c r="L1166" s="58">
        <f>Bühler!L1192</f>
        <v>0.12301787688351797</v>
      </c>
      <c r="M1166" s="57">
        <f>Bühler!M1192</f>
        <v>0</v>
      </c>
      <c r="N1166" s="55">
        <f>IF(Input!$K$13=1,J1166*Input!$J$13,0)+IF(Input!$K$14=1,K1166*Input!$J$14,0)+IF(Input!$K$15=1,L1166*Input!$J$15,0)+IF(Input!$K$16=1,M1166*Input!$J$16,0)</f>
        <v>0.70872400460987151</v>
      </c>
      <c r="O1166" s="58">
        <f>IF(Input!$K$13=2,J1166*Input!$J$13,0)+IF(Input!$K$14=2,K1166*Input!$J$14,0)+IF(Input!$K$15=2,L1166*Input!$J$15,0)+IF(Input!$K$16=2,M1166*Input!$J$16,0)</f>
        <v>3.3214826758549851E-2</v>
      </c>
      <c r="P1166" s="58">
        <f>IF(Input!$K$13=3,J1166*Input!$J$13,0)+IF(Input!$K$14=3,K1166*Input!$J$14,0)+IF(Input!$K$15=3,L1166*Input!$J$15,0)+IF(Input!$K$16=3,M1166*Input!$J$16,0)</f>
        <v>0</v>
      </c>
      <c r="Q1166" s="71">
        <f>IF(Input!$K$13=4,J1166*Input!$J$13,0)+IF(Input!$K$14=4,K1166*Input!$J$14,0)+IF(Input!$K$15=4,L1166*Input!$J$15,0)+IF(Input!$K$16=4,M1166*Input!$J$16,0)</f>
        <v>0</v>
      </c>
    </row>
    <row r="1167" spans="8:17" x14ac:dyDescent="0.25">
      <c r="H1167" s="43">
        <v>1160</v>
      </c>
      <c r="I1167" s="55">
        <f>Bühler!I1193</f>
        <v>0.89453300253029078</v>
      </c>
      <c r="J1167" s="58">
        <f>Bühler!J1193</f>
        <v>5.9106285755290511</v>
      </c>
      <c r="K1167" s="58">
        <f>Bühler!K1193</f>
        <v>0.24603575376703593</v>
      </c>
      <c r="L1167" s="58">
        <f>Bühler!L1193</f>
        <v>0.12301787688351797</v>
      </c>
      <c r="M1167" s="57">
        <f>Bühler!M1193</f>
        <v>0</v>
      </c>
      <c r="N1167" s="55">
        <f>IF(Input!$K$13=1,J1167*Input!$J$13,0)+IF(Input!$K$14=1,K1167*Input!$J$14,0)+IF(Input!$K$15=1,L1167*Input!$J$15,0)+IF(Input!$K$16=1,M1167*Input!$J$16,0)</f>
        <v>0.70927542906348606</v>
      </c>
      <c r="O1167" s="58">
        <f>IF(Input!$K$13=2,J1167*Input!$J$13,0)+IF(Input!$K$14=2,K1167*Input!$J$14,0)+IF(Input!$K$15=2,L1167*Input!$J$15,0)+IF(Input!$K$16=2,M1167*Input!$J$16,0)</f>
        <v>3.3214826758549851E-2</v>
      </c>
      <c r="P1167" s="58">
        <f>IF(Input!$K$13=3,J1167*Input!$J$13,0)+IF(Input!$K$14=3,K1167*Input!$J$14,0)+IF(Input!$K$15=3,L1167*Input!$J$15,0)+IF(Input!$K$16=3,M1167*Input!$J$16,0)</f>
        <v>0</v>
      </c>
      <c r="Q1167" s="71">
        <f>IF(Input!$K$13=4,J1167*Input!$J$13,0)+IF(Input!$K$14=4,K1167*Input!$J$14,0)+IF(Input!$K$15=4,L1167*Input!$J$15,0)+IF(Input!$K$16=4,M1167*Input!$J$16,0)</f>
        <v>0</v>
      </c>
    </row>
    <row r="1168" spans="8:17" x14ac:dyDescent="0.25">
      <c r="H1168" s="43">
        <v>1161</v>
      </c>
      <c r="I1168" s="55">
        <f>Bühler!I1194</f>
        <v>0.89453300253029078</v>
      </c>
      <c r="J1168" s="58">
        <f>Bühler!J1194</f>
        <v>5.9106285755290511</v>
      </c>
      <c r="K1168" s="58">
        <f>Bühler!K1194</f>
        <v>0.24603575376703593</v>
      </c>
      <c r="L1168" s="58">
        <f>Bühler!L1194</f>
        <v>0.12301787688351797</v>
      </c>
      <c r="M1168" s="57">
        <f>Bühler!M1194</f>
        <v>0</v>
      </c>
      <c r="N1168" s="55">
        <f>IF(Input!$K$13=1,J1168*Input!$J$13,0)+IF(Input!$K$14=1,K1168*Input!$J$14,0)+IF(Input!$K$15=1,L1168*Input!$J$15,0)+IF(Input!$K$16=1,M1168*Input!$J$16,0)</f>
        <v>0.70927542906348606</v>
      </c>
      <c r="O1168" s="58">
        <f>IF(Input!$K$13=2,J1168*Input!$J$13,0)+IF(Input!$K$14=2,K1168*Input!$J$14,0)+IF(Input!$K$15=2,L1168*Input!$J$15,0)+IF(Input!$K$16=2,M1168*Input!$J$16,0)</f>
        <v>3.3214826758549851E-2</v>
      </c>
      <c r="P1168" s="58">
        <f>IF(Input!$K$13=3,J1168*Input!$J$13,0)+IF(Input!$K$14=3,K1168*Input!$J$14,0)+IF(Input!$K$15=3,L1168*Input!$J$15,0)+IF(Input!$K$16=3,M1168*Input!$J$16,0)</f>
        <v>0</v>
      </c>
      <c r="Q1168" s="71">
        <f>IF(Input!$K$13=4,J1168*Input!$J$13,0)+IF(Input!$K$14=4,K1168*Input!$J$14,0)+IF(Input!$K$15=4,L1168*Input!$J$15,0)+IF(Input!$K$16=4,M1168*Input!$J$16,0)</f>
        <v>0</v>
      </c>
    </row>
    <row r="1169" spans="8:17" x14ac:dyDescent="0.25">
      <c r="H1169" s="43">
        <v>1162</v>
      </c>
      <c r="I1169" s="55">
        <f>Bühler!I1195</f>
        <v>0.89453300253029078</v>
      </c>
      <c r="J1169" s="58">
        <f>Bühler!J1195</f>
        <v>5.9106285755290511</v>
      </c>
      <c r="K1169" s="58">
        <f>Bühler!K1195</f>
        <v>0.24603575376703593</v>
      </c>
      <c r="L1169" s="58">
        <f>Bühler!L1195</f>
        <v>0.12301787688351797</v>
      </c>
      <c r="M1169" s="57">
        <f>Bühler!M1195</f>
        <v>0</v>
      </c>
      <c r="N1169" s="55">
        <f>IF(Input!$K$13=1,J1169*Input!$J$13,0)+IF(Input!$K$14=1,K1169*Input!$J$14,0)+IF(Input!$K$15=1,L1169*Input!$J$15,0)+IF(Input!$K$16=1,M1169*Input!$J$16,0)</f>
        <v>0.70927542906348606</v>
      </c>
      <c r="O1169" s="58">
        <f>IF(Input!$K$13=2,J1169*Input!$J$13,0)+IF(Input!$K$14=2,K1169*Input!$J$14,0)+IF(Input!$K$15=2,L1169*Input!$J$15,0)+IF(Input!$K$16=2,M1169*Input!$J$16,0)</f>
        <v>3.3214826758549851E-2</v>
      </c>
      <c r="P1169" s="58">
        <f>IF(Input!$K$13=3,J1169*Input!$J$13,0)+IF(Input!$K$14=3,K1169*Input!$J$14,0)+IF(Input!$K$15=3,L1169*Input!$J$15,0)+IF(Input!$K$16=3,M1169*Input!$J$16,0)</f>
        <v>0</v>
      </c>
      <c r="Q1169" s="71">
        <f>IF(Input!$K$13=4,J1169*Input!$J$13,0)+IF(Input!$K$14=4,K1169*Input!$J$14,0)+IF(Input!$K$15=4,L1169*Input!$J$15,0)+IF(Input!$K$16=4,M1169*Input!$J$16,0)</f>
        <v>0</v>
      </c>
    </row>
    <row r="1170" spans="8:17" x14ac:dyDescent="0.25">
      <c r="H1170" s="43">
        <v>1163</v>
      </c>
      <c r="I1170" s="55">
        <f>Bühler!I1196</f>
        <v>0.89453300253029078</v>
      </c>
      <c r="J1170" s="58">
        <f>Bühler!J1196</f>
        <v>5.9106285755290511</v>
      </c>
      <c r="K1170" s="58">
        <f>Bühler!K1196</f>
        <v>0.24603575376703593</v>
      </c>
      <c r="L1170" s="58">
        <f>Bühler!L1196</f>
        <v>0.12301787688351797</v>
      </c>
      <c r="M1170" s="57">
        <f>Bühler!M1196</f>
        <v>0</v>
      </c>
      <c r="N1170" s="55">
        <f>IF(Input!$K$13=1,J1170*Input!$J$13,0)+IF(Input!$K$14=1,K1170*Input!$J$14,0)+IF(Input!$K$15=1,L1170*Input!$J$15,0)+IF(Input!$K$16=1,M1170*Input!$J$16,0)</f>
        <v>0.70927542906348606</v>
      </c>
      <c r="O1170" s="58">
        <f>IF(Input!$K$13=2,J1170*Input!$J$13,0)+IF(Input!$K$14=2,K1170*Input!$J$14,0)+IF(Input!$K$15=2,L1170*Input!$J$15,0)+IF(Input!$K$16=2,M1170*Input!$J$16,0)</f>
        <v>3.3214826758549851E-2</v>
      </c>
      <c r="P1170" s="58">
        <f>IF(Input!$K$13=3,J1170*Input!$J$13,0)+IF(Input!$K$14=3,K1170*Input!$J$14,0)+IF(Input!$K$15=3,L1170*Input!$J$15,0)+IF(Input!$K$16=3,M1170*Input!$J$16,0)</f>
        <v>0</v>
      </c>
      <c r="Q1170" s="71">
        <f>IF(Input!$K$13=4,J1170*Input!$J$13,0)+IF(Input!$K$14=4,K1170*Input!$J$14,0)+IF(Input!$K$15=4,L1170*Input!$J$15,0)+IF(Input!$K$16=4,M1170*Input!$J$16,0)</f>
        <v>0</v>
      </c>
    </row>
    <row r="1171" spans="8:17" x14ac:dyDescent="0.25">
      <c r="H1171" s="43">
        <v>1164</v>
      </c>
      <c r="I1171" s="55">
        <f>Bühler!I1197</f>
        <v>0.89453300253029078</v>
      </c>
      <c r="J1171" s="58">
        <f>Bühler!J1197</f>
        <v>5.9106285755290511</v>
      </c>
      <c r="K1171" s="58">
        <f>Bühler!K1197</f>
        <v>0.24603575376703593</v>
      </c>
      <c r="L1171" s="58">
        <f>Bühler!L1197</f>
        <v>0.12301787688351797</v>
      </c>
      <c r="M1171" s="57">
        <f>Bühler!M1197</f>
        <v>0</v>
      </c>
      <c r="N1171" s="55">
        <f>IF(Input!$K$13=1,J1171*Input!$J$13,0)+IF(Input!$K$14=1,K1171*Input!$J$14,0)+IF(Input!$K$15=1,L1171*Input!$J$15,0)+IF(Input!$K$16=1,M1171*Input!$J$16,0)</f>
        <v>0.70927542906348606</v>
      </c>
      <c r="O1171" s="58">
        <f>IF(Input!$K$13=2,J1171*Input!$J$13,0)+IF(Input!$K$14=2,K1171*Input!$J$14,0)+IF(Input!$K$15=2,L1171*Input!$J$15,0)+IF(Input!$K$16=2,M1171*Input!$J$16,0)</f>
        <v>3.3214826758549851E-2</v>
      </c>
      <c r="P1171" s="58">
        <f>IF(Input!$K$13=3,J1171*Input!$J$13,0)+IF(Input!$K$14=3,K1171*Input!$J$14,0)+IF(Input!$K$15=3,L1171*Input!$J$15,0)+IF(Input!$K$16=3,M1171*Input!$J$16,0)</f>
        <v>0</v>
      </c>
      <c r="Q1171" s="71">
        <f>IF(Input!$K$13=4,J1171*Input!$J$13,0)+IF(Input!$K$14=4,K1171*Input!$J$14,0)+IF(Input!$K$15=4,L1171*Input!$J$15,0)+IF(Input!$K$16=4,M1171*Input!$J$16,0)</f>
        <v>0</v>
      </c>
    </row>
    <row r="1172" spans="8:17" x14ac:dyDescent="0.25">
      <c r="H1172" s="43">
        <v>1165</v>
      </c>
      <c r="I1172" s="55">
        <f>Bühler!I1198</f>
        <v>0.89453300253029078</v>
      </c>
      <c r="J1172" s="58">
        <f>Bühler!J1198</f>
        <v>5.9106285755290511</v>
      </c>
      <c r="K1172" s="58">
        <f>Bühler!K1198</f>
        <v>0.24603575376703593</v>
      </c>
      <c r="L1172" s="58">
        <f>Bühler!L1198</f>
        <v>0.12301787688351797</v>
      </c>
      <c r="M1172" s="57">
        <f>Bühler!M1198</f>
        <v>0</v>
      </c>
      <c r="N1172" s="55">
        <f>IF(Input!$K$13=1,J1172*Input!$J$13,0)+IF(Input!$K$14=1,K1172*Input!$J$14,0)+IF(Input!$K$15=1,L1172*Input!$J$15,0)+IF(Input!$K$16=1,M1172*Input!$J$16,0)</f>
        <v>0.70927542906348606</v>
      </c>
      <c r="O1172" s="58">
        <f>IF(Input!$K$13=2,J1172*Input!$J$13,0)+IF(Input!$K$14=2,K1172*Input!$J$14,0)+IF(Input!$K$15=2,L1172*Input!$J$15,0)+IF(Input!$K$16=2,M1172*Input!$J$16,0)</f>
        <v>3.3214826758549851E-2</v>
      </c>
      <c r="P1172" s="58">
        <f>IF(Input!$K$13=3,J1172*Input!$J$13,0)+IF(Input!$K$14=3,K1172*Input!$J$14,0)+IF(Input!$K$15=3,L1172*Input!$J$15,0)+IF(Input!$K$16=3,M1172*Input!$J$16,0)</f>
        <v>0</v>
      </c>
      <c r="Q1172" s="71">
        <f>IF(Input!$K$13=4,J1172*Input!$J$13,0)+IF(Input!$K$14=4,K1172*Input!$J$14,0)+IF(Input!$K$15=4,L1172*Input!$J$15,0)+IF(Input!$K$16=4,M1172*Input!$J$16,0)</f>
        <v>0</v>
      </c>
    </row>
    <row r="1173" spans="8:17" x14ac:dyDescent="0.25">
      <c r="H1173" s="43">
        <v>1166</v>
      </c>
      <c r="I1173" s="55">
        <f>Bühler!I1199</f>
        <v>0.89453300253029078</v>
      </c>
      <c r="J1173" s="58">
        <f>Bühler!J1199</f>
        <v>5.9106285755290511</v>
      </c>
      <c r="K1173" s="58">
        <f>Bühler!K1199</f>
        <v>0.24603575376703593</v>
      </c>
      <c r="L1173" s="58">
        <f>Bühler!L1199</f>
        <v>0.12301787688351797</v>
      </c>
      <c r="M1173" s="57">
        <f>Bühler!M1199</f>
        <v>0</v>
      </c>
      <c r="N1173" s="55">
        <f>IF(Input!$K$13=1,J1173*Input!$J$13,0)+IF(Input!$K$14=1,K1173*Input!$J$14,0)+IF(Input!$K$15=1,L1173*Input!$J$15,0)+IF(Input!$K$16=1,M1173*Input!$J$16,0)</f>
        <v>0.70927542906348606</v>
      </c>
      <c r="O1173" s="58">
        <f>IF(Input!$K$13=2,J1173*Input!$J$13,0)+IF(Input!$K$14=2,K1173*Input!$J$14,0)+IF(Input!$K$15=2,L1173*Input!$J$15,0)+IF(Input!$K$16=2,M1173*Input!$J$16,0)</f>
        <v>3.3214826758549851E-2</v>
      </c>
      <c r="P1173" s="58">
        <f>IF(Input!$K$13=3,J1173*Input!$J$13,0)+IF(Input!$K$14=3,K1173*Input!$J$14,0)+IF(Input!$K$15=3,L1173*Input!$J$15,0)+IF(Input!$K$16=3,M1173*Input!$J$16,0)</f>
        <v>0</v>
      </c>
      <c r="Q1173" s="71">
        <f>IF(Input!$K$13=4,J1173*Input!$J$13,0)+IF(Input!$K$14=4,K1173*Input!$J$14,0)+IF(Input!$K$15=4,L1173*Input!$J$15,0)+IF(Input!$K$16=4,M1173*Input!$J$16,0)</f>
        <v>0</v>
      </c>
    </row>
    <row r="1174" spans="8:17" x14ac:dyDescent="0.25">
      <c r="H1174" s="43">
        <v>1167</v>
      </c>
      <c r="I1174" s="55">
        <f>Bühler!I1200</f>
        <v>0.89453300253029078</v>
      </c>
      <c r="J1174" s="58">
        <f>Bühler!J1200</f>
        <v>5.9106285755290511</v>
      </c>
      <c r="K1174" s="58">
        <f>Bühler!K1200</f>
        <v>0.24603575376703593</v>
      </c>
      <c r="L1174" s="58">
        <f>Bühler!L1200</f>
        <v>0.12301787688351797</v>
      </c>
      <c r="M1174" s="57">
        <f>Bühler!M1200</f>
        <v>0</v>
      </c>
      <c r="N1174" s="55">
        <f>IF(Input!$K$13=1,J1174*Input!$J$13,0)+IF(Input!$K$14=1,K1174*Input!$J$14,0)+IF(Input!$K$15=1,L1174*Input!$J$15,0)+IF(Input!$K$16=1,M1174*Input!$J$16,0)</f>
        <v>0.70927542906348606</v>
      </c>
      <c r="O1174" s="58">
        <f>IF(Input!$K$13=2,J1174*Input!$J$13,0)+IF(Input!$K$14=2,K1174*Input!$J$14,0)+IF(Input!$K$15=2,L1174*Input!$J$15,0)+IF(Input!$K$16=2,M1174*Input!$J$16,0)</f>
        <v>3.3214826758549851E-2</v>
      </c>
      <c r="P1174" s="58">
        <f>IF(Input!$K$13=3,J1174*Input!$J$13,0)+IF(Input!$K$14=3,K1174*Input!$J$14,0)+IF(Input!$K$15=3,L1174*Input!$J$15,0)+IF(Input!$K$16=3,M1174*Input!$J$16,0)</f>
        <v>0</v>
      </c>
      <c r="Q1174" s="71">
        <f>IF(Input!$K$13=4,J1174*Input!$J$13,0)+IF(Input!$K$14=4,K1174*Input!$J$14,0)+IF(Input!$K$15=4,L1174*Input!$J$15,0)+IF(Input!$K$16=4,M1174*Input!$J$16,0)</f>
        <v>0</v>
      </c>
    </row>
    <row r="1175" spans="8:17" x14ac:dyDescent="0.25">
      <c r="H1175" s="43">
        <v>1168</v>
      </c>
      <c r="I1175" s="55">
        <f>Bühler!I1201</f>
        <v>0.80875586530135879</v>
      </c>
      <c r="J1175" s="58">
        <f>Bühler!J1201</f>
        <v>5.9070545281445117</v>
      </c>
      <c r="K1175" s="58">
        <f>Bühler!K1201</f>
        <v>0.24603575376703593</v>
      </c>
      <c r="L1175" s="58">
        <f>Bühler!L1201</f>
        <v>0.12301787688351797</v>
      </c>
      <c r="M1175" s="57">
        <f>Bühler!M1201</f>
        <v>0</v>
      </c>
      <c r="N1175" s="55">
        <f>IF(Input!$K$13=1,J1175*Input!$J$13,0)+IF(Input!$K$14=1,K1175*Input!$J$14,0)+IF(Input!$K$15=1,L1175*Input!$J$15,0)+IF(Input!$K$16=1,M1175*Input!$J$16,0)</f>
        <v>0.70884654337734143</v>
      </c>
      <c r="O1175" s="58">
        <f>IF(Input!$K$13=2,J1175*Input!$J$13,0)+IF(Input!$K$14=2,K1175*Input!$J$14,0)+IF(Input!$K$15=2,L1175*Input!$J$15,0)+IF(Input!$K$16=2,M1175*Input!$J$16,0)</f>
        <v>3.3214826758549851E-2</v>
      </c>
      <c r="P1175" s="58">
        <f>IF(Input!$K$13=3,J1175*Input!$J$13,0)+IF(Input!$K$14=3,K1175*Input!$J$14,0)+IF(Input!$K$15=3,L1175*Input!$J$15,0)+IF(Input!$K$16=3,M1175*Input!$J$16,0)</f>
        <v>0</v>
      </c>
      <c r="Q1175" s="71">
        <f>IF(Input!$K$13=4,J1175*Input!$J$13,0)+IF(Input!$K$14=4,K1175*Input!$J$14,0)+IF(Input!$K$15=4,L1175*Input!$J$15,0)+IF(Input!$K$16=4,M1175*Input!$J$16,0)</f>
        <v>0</v>
      </c>
    </row>
    <row r="1176" spans="8:17" x14ac:dyDescent="0.25">
      <c r="H1176" s="43">
        <v>1169</v>
      </c>
      <c r="I1176" s="55">
        <f>Bühler!I1202</f>
        <v>0.7352326048194171</v>
      </c>
      <c r="J1176" s="58">
        <f>Bühler!J1202</f>
        <v>5.9039910589577644</v>
      </c>
      <c r="K1176" s="58">
        <f>Bühler!K1202</f>
        <v>0.24603575376703593</v>
      </c>
      <c r="L1176" s="58">
        <f>Bühler!L1202</f>
        <v>0.12301787688351797</v>
      </c>
      <c r="M1176" s="57">
        <f>Bühler!M1202</f>
        <v>0</v>
      </c>
      <c r="N1176" s="55">
        <f>IF(Input!$K$13=1,J1176*Input!$J$13,0)+IF(Input!$K$14=1,K1176*Input!$J$14,0)+IF(Input!$K$15=1,L1176*Input!$J$15,0)+IF(Input!$K$16=1,M1176*Input!$J$16,0)</f>
        <v>0.70847892707493165</v>
      </c>
      <c r="O1176" s="58">
        <f>IF(Input!$K$13=2,J1176*Input!$J$13,0)+IF(Input!$K$14=2,K1176*Input!$J$14,0)+IF(Input!$K$15=2,L1176*Input!$J$15,0)+IF(Input!$K$16=2,M1176*Input!$J$16,0)</f>
        <v>3.3214826758549851E-2</v>
      </c>
      <c r="P1176" s="58">
        <f>IF(Input!$K$13=3,J1176*Input!$J$13,0)+IF(Input!$K$14=3,K1176*Input!$J$14,0)+IF(Input!$K$15=3,L1176*Input!$J$15,0)+IF(Input!$K$16=3,M1176*Input!$J$16,0)</f>
        <v>0</v>
      </c>
      <c r="Q1176" s="71">
        <f>IF(Input!$K$13=4,J1176*Input!$J$13,0)+IF(Input!$K$14=4,K1176*Input!$J$14,0)+IF(Input!$K$15=4,L1176*Input!$J$15,0)+IF(Input!$K$16=4,M1176*Input!$J$16,0)</f>
        <v>0</v>
      </c>
    </row>
    <row r="1177" spans="8:17" x14ac:dyDescent="0.25">
      <c r="H1177" s="43">
        <v>1170</v>
      </c>
      <c r="I1177" s="55">
        <f>Bühler!I1203</f>
        <v>0.66170934433747541</v>
      </c>
      <c r="J1177" s="58">
        <f>Bühler!J1203</f>
        <v>5.9009275897710172</v>
      </c>
      <c r="K1177" s="58">
        <f>Bühler!K1203</f>
        <v>0.24603575376703593</v>
      </c>
      <c r="L1177" s="58">
        <f>Bühler!L1203</f>
        <v>0.12301787688351797</v>
      </c>
      <c r="M1177" s="57">
        <f>Bühler!M1203</f>
        <v>0</v>
      </c>
      <c r="N1177" s="55">
        <f>IF(Input!$K$13=1,J1177*Input!$J$13,0)+IF(Input!$K$14=1,K1177*Input!$J$14,0)+IF(Input!$K$15=1,L1177*Input!$J$15,0)+IF(Input!$K$16=1,M1177*Input!$J$16,0)</f>
        <v>0.70811131077252198</v>
      </c>
      <c r="O1177" s="58">
        <f>IF(Input!$K$13=2,J1177*Input!$J$13,0)+IF(Input!$K$14=2,K1177*Input!$J$14,0)+IF(Input!$K$15=2,L1177*Input!$J$15,0)+IF(Input!$K$16=2,M1177*Input!$J$16,0)</f>
        <v>3.3214826758549851E-2</v>
      </c>
      <c r="P1177" s="58">
        <f>IF(Input!$K$13=3,J1177*Input!$J$13,0)+IF(Input!$K$14=3,K1177*Input!$J$14,0)+IF(Input!$K$15=3,L1177*Input!$J$15,0)+IF(Input!$K$16=3,M1177*Input!$J$16,0)</f>
        <v>0</v>
      </c>
      <c r="Q1177" s="71">
        <f>IF(Input!$K$13=4,J1177*Input!$J$13,0)+IF(Input!$K$14=4,K1177*Input!$J$14,0)+IF(Input!$K$15=4,L1177*Input!$J$15,0)+IF(Input!$K$16=4,M1177*Input!$J$16,0)</f>
        <v>0</v>
      </c>
    </row>
    <row r="1178" spans="8:17" x14ac:dyDescent="0.25">
      <c r="H1178" s="43">
        <v>1171</v>
      </c>
      <c r="I1178" s="55">
        <f>Bühler!I1204</f>
        <v>0.63720159084349492</v>
      </c>
      <c r="J1178" s="58">
        <f>Bühler!J1204</f>
        <v>5.8999064333754347</v>
      </c>
      <c r="K1178" s="58">
        <f>Bühler!K1204</f>
        <v>0.24603575376703593</v>
      </c>
      <c r="L1178" s="58">
        <f>Bühler!L1204</f>
        <v>0.12301787688351797</v>
      </c>
      <c r="M1178" s="57">
        <f>Bühler!M1204</f>
        <v>0</v>
      </c>
      <c r="N1178" s="55">
        <f>IF(Input!$K$13=1,J1178*Input!$J$13,0)+IF(Input!$K$14=1,K1178*Input!$J$14,0)+IF(Input!$K$15=1,L1178*Input!$J$15,0)+IF(Input!$K$16=1,M1178*Input!$J$16,0)</f>
        <v>0.70798877200505217</v>
      </c>
      <c r="O1178" s="58">
        <f>IF(Input!$K$13=2,J1178*Input!$J$13,0)+IF(Input!$K$14=2,K1178*Input!$J$14,0)+IF(Input!$K$15=2,L1178*Input!$J$15,0)+IF(Input!$K$16=2,M1178*Input!$J$16,0)</f>
        <v>3.3214826758549851E-2</v>
      </c>
      <c r="P1178" s="58">
        <f>IF(Input!$K$13=3,J1178*Input!$J$13,0)+IF(Input!$K$14=3,K1178*Input!$J$14,0)+IF(Input!$K$15=3,L1178*Input!$J$15,0)+IF(Input!$K$16=3,M1178*Input!$J$16,0)</f>
        <v>0</v>
      </c>
      <c r="Q1178" s="71">
        <f>IF(Input!$K$13=4,J1178*Input!$J$13,0)+IF(Input!$K$14=4,K1178*Input!$J$14,0)+IF(Input!$K$15=4,L1178*Input!$J$15,0)+IF(Input!$K$16=4,M1178*Input!$J$16,0)</f>
        <v>0</v>
      </c>
    </row>
    <row r="1179" spans="8:17" x14ac:dyDescent="0.25">
      <c r="H1179" s="43">
        <v>1172</v>
      </c>
      <c r="I1179" s="55">
        <f>Bühler!I1205</f>
        <v>0.51466282337359193</v>
      </c>
      <c r="J1179" s="58">
        <f>Bühler!J1205</f>
        <v>5.8948006513975217</v>
      </c>
      <c r="K1179" s="58">
        <f>Bühler!K1205</f>
        <v>0.24603575376703593</v>
      </c>
      <c r="L1179" s="58">
        <f>Bühler!L1205</f>
        <v>0.12301787688351797</v>
      </c>
      <c r="M1179" s="57">
        <f>Bühler!M1205</f>
        <v>0</v>
      </c>
      <c r="N1179" s="55">
        <f>IF(Input!$K$13=1,J1179*Input!$J$13,0)+IF(Input!$K$14=1,K1179*Input!$J$14,0)+IF(Input!$K$15=1,L1179*Input!$J$15,0)+IF(Input!$K$16=1,M1179*Input!$J$16,0)</f>
        <v>0.70737607816770254</v>
      </c>
      <c r="O1179" s="58">
        <f>IF(Input!$K$13=2,J1179*Input!$J$13,0)+IF(Input!$K$14=2,K1179*Input!$J$14,0)+IF(Input!$K$15=2,L1179*Input!$J$15,0)+IF(Input!$K$16=2,M1179*Input!$J$16,0)</f>
        <v>3.3214826758549851E-2</v>
      </c>
      <c r="P1179" s="58">
        <f>IF(Input!$K$13=3,J1179*Input!$J$13,0)+IF(Input!$K$14=3,K1179*Input!$J$14,0)+IF(Input!$K$15=3,L1179*Input!$J$15,0)+IF(Input!$K$16=3,M1179*Input!$J$16,0)</f>
        <v>0</v>
      </c>
      <c r="Q1179" s="71">
        <f>IF(Input!$K$13=4,J1179*Input!$J$13,0)+IF(Input!$K$14=4,K1179*Input!$J$14,0)+IF(Input!$K$15=4,L1179*Input!$J$15,0)+IF(Input!$K$16=4,M1179*Input!$J$16,0)</f>
        <v>0</v>
      </c>
    </row>
    <row r="1180" spans="8:17" x14ac:dyDescent="0.25">
      <c r="H1180" s="43">
        <v>1173</v>
      </c>
      <c r="I1180" s="55">
        <f>Bühler!I1206</f>
        <v>0.37987017915669885</v>
      </c>
      <c r="J1180" s="58">
        <f>Bühler!J1206</f>
        <v>5.8891842912218175</v>
      </c>
      <c r="K1180" s="58">
        <f>Bühler!K1206</f>
        <v>0.24603575376703593</v>
      </c>
      <c r="L1180" s="58">
        <f>Bühler!L1206</f>
        <v>0.12301787688351797</v>
      </c>
      <c r="M1180" s="57">
        <f>Bühler!M1206</f>
        <v>0</v>
      </c>
      <c r="N1180" s="55">
        <f>IF(Input!$K$13=1,J1180*Input!$J$13,0)+IF(Input!$K$14=1,K1180*Input!$J$14,0)+IF(Input!$K$15=1,L1180*Input!$J$15,0)+IF(Input!$K$16=1,M1180*Input!$J$16,0)</f>
        <v>0.70670211494661805</v>
      </c>
      <c r="O1180" s="58">
        <f>IF(Input!$K$13=2,J1180*Input!$J$13,0)+IF(Input!$K$14=2,K1180*Input!$J$14,0)+IF(Input!$K$15=2,L1180*Input!$J$15,0)+IF(Input!$K$16=2,M1180*Input!$J$16,0)</f>
        <v>3.3214826758549851E-2</v>
      </c>
      <c r="P1180" s="58">
        <f>IF(Input!$K$13=3,J1180*Input!$J$13,0)+IF(Input!$K$14=3,K1180*Input!$J$14,0)+IF(Input!$K$15=3,L1180*Input!$J$15,0)+IF(Input!$K$16=3,M1180*Input!$J$16,0)</f>
        <v>0</v>
      </c>
      <c r="Q1180" s="71">
        <f>IF(Input!$K$13=4,J1180*Input!$J$13,0)+IF(Input!$K$14=4,K1180*Input!$J$14,0)+IF(Input!$K$15=4,L1180*Input!$J$15,0)+IF(Input!$K$16=4,M1180*Input!$J$16,0)</f>
        <v>0</v>
      </c>
    </row>
    <row r="1181" spans="8:17" x14ac:dyDescent="0.25">
      <c r="H1181" s="43">
        <v>1174</v>
      </c>
      <c r="I1181" s="55">
        <f>Bühler!I1207</f>
        <v>0.37987017915669885</v>
      </c>
      <c r="J1181" s="58">
        <f>Bühler!J1207</f>
        <v>5.8891842912218175</v>
      </c>
      <c r="K1181" s="58">
        <f>Bühler!K1207</f>
        <v>0.24603575376703593</v>
      </c>
      <c r="L1181" s="58">
        <f>Bühler!L1207</f>
        <v>0.12301787688351797</v>
      </c>
      <c r="M1181" s="57">
        <f>Bühler!M1207</f>
        <v>0</v>
      </c>
      <c r="N1181" s="55">
        <f>IF(Input!$K$13=1,J1181*Input!$J$13,0)+IF(Input!$K$14=1,K1181*Input!$J$14,0)+IF(Input!$K$15=1,L1181*Input!$J$15,0)+IF(Input!$K$16=1,M1181*Input!$J$16,0)</f>
        <v>0.70670211494661805</v>
      </c>
      <c r="O1181" s="58">
        <f>IF(Input!$K$13=2,J1181*Input!$J$13,0)+IF(Input!$K$14=2,K1181*Input!$J$14,0)+IF(Input!$K$15=2,L1181*Input!$J$15,0)+IF(Input!$K$16=2,M1181*Input!$J$16,0)</f>
        <v>3.3214826758549851E-2</v>
      </c>
      <c r="P1181" s="58">
        <f>IF(Input!$K$13=3,J1181*Input!$J$13,0)+IF(Input!$K$14=3,K1181*Input!$J$14,0)+IF(Input!$K$15=3,L1181*Input!$J$15,0)+IF(Input!$K$16=3,M1181*Input!$J$16,0)</f>
        <v>0</v>
      </c>
      <c r="Q1181" s="71">
        <f>IF(Input!$K$13=4,J1181*Input!$J$13,0)+IF(Input!$K$14=4,K1181*Input!$J$14,0)+IF(Input!$K$15=4,L1181*Input!$J$15,0)+IF(Input!$K$16=4,M1181*Input!$J$16,0)</f>
        <v>0</v>
      </c>
    </row>
    <row r="1182" spans="8:17" x14ac:dyDescent="0.25">
      <c r="H1182" s="43">
        <v>1175</v>
      </c>
      <c r="I1182" s="55">
        <f>Bühler!I1208</f>
        <v>0.37987017915669885</v>
      </c>
      <c r="J1182" s="58">
        <f>Bühler!J1208</f>
        <v>5.8891842912218175</v>
      </c>
      <c r="K1182" s="58">
        <f>Bühler!K1208</f>
        <v>0.24603575376703593</v>
      </c>
      <c r="L1182" s="58">
        <f>Bühler!L1208</f>
        <v>0.12301787688351797</v>
      </c>
      <c r="M1182" s="57">
        <f>Bühler!M1208</f>
        <v>0</v>
      </c>
      <c r="N1182" s="55">
        <f>IF(Input!$K$13=1,J1182*Input!$J$13,0)+IF(Input!$K$14=1,K1182*Input!$J$14,0)+IF(Input!$K$15=1,L1182*Input!$J$15,0)+IF(Input!$K$16=1,M1182*Input!$J$16,0)</f>
        <v>0.70670211494661805</v>
      </c>
      <c r="O1182" s="58">
        <f>IF(Input!$K$13=2,J1182*Input!$J$13,0)+IF(Input!$K$14=2,K1182*Input!$J$14,0)+IF(Input!$K$15=2,L1182*Input!$J$15,0)+IF(Input!$K$16=2,M1182*Input!$J$16,0)</f>
        <v>3.3214826758549851E-2</v>
      </c>
      <c r="P1182" s="58">
        <f>IF(Input!$K$13=3,J1182*Input!$J$13,0)+IF(Input!$K$14=3,K1182*Input!$J$14,0)+IF(Input!$K$15=3,L1182*Input!$J$15,0)+IF(Input!$K$16=3,M1182*Input!$J$16,0)</f>
        <v>0</v>
      </c>
      <c r="Q1182" s="71">
        <f>IF(Input!$K$13=4,J1182*Input!$J$13,0)+IF(Input!$K$14=4,K1182*Input!$J$14,0)+IF(Input!$K$15=4,L1182*Input!$J$15,0)+IF(Input!$K$16=4,M1182*Input!$J$16,0)</f>
        <v>0</v>
      </c>
    </row>
    <row r="1183" spans="8:17" x14ac:dyDescent="0.25">
      <c r="H1183" s="43">
        <v>1176</v>
      </c>
      <c r="I1183" s="55">
        <f>Bühler!I1209</f>
        <v>0.37987017915669885</v>
      </c>
      <c r="J1183" s="58">
        <f>Bühler!J1209</f>
        <v>5.8891842912218175</v>
      </c>
      <c r="K1183" s="58">
        <f>Bühler!K1209</f>
        <v>0.24603575376703593</v>
      </c>
      <c r="L1183" s="58">
        <f>Bühler!L1209</f>
        <v>0.12301787688351797</v>
      </c>
      <c r="M1183" s="57">
        <f>Bühler!M1209</f>
        <v>0</v>
      </c>
      <c r="N1183" s="55">
        <f>IF(Input!$K$13=1,J1183*Input!$J$13,0)+IF(Input!$K$14=1,K1183*Input!$J$14,0)+IF(Input!$K$15=1,L1183*Input!$J$15,0)+IF(Input!$K$16=1,M1183*Input!$J$16,0)</f>
        <v>0.70670211494661805</v>
      </c>
      <c r="O1183" s="58">
        <f>IF(Input!$K$13=2,J1183*Input!$J$13,0)+IF(Input!$K$14=2,K1183*Input!$J$14,0)+IF(Input!$K$15=2,L1183*Input!$J$15,0)+IF(Input!$K$16=2,M1183*Input!$J$16,0)</f>
        <v>3.3214826758549851E-2</v>
      </c>
      <c r="P1183" s="58">
        <f>IF(Input!$K$13=3,J1183*Input!$J$13,0)+IF(Input!$K$14=3,K1183*Input!$J$14,0)+IF(Input!$K$15=3,L1183*Input!$J$15,0)+IF(Input!$K$16=3,M1183*Input!$J$16,0)</f>
        <v>0</v>
      </c>
      <c r="Q1183" s="71">
        <f>IF(Input!$K$13=4,J1183*Input!$J$13,0)+IF(Input!$K$14=4,K1183*Input!$J$14,0)+IF(Input!$K$15=4,L1183*Input!$J$15,0)+IF(Input!$K$16=4,M1183*Input!$J$16,0)</f>
        <v>0</v>
      </c>
    </row>
    <row r="1184" spans="8:17" x14ac:dyDescent="0.25">
      <c r="H1184" s="43">
        <v>1177</v>
      </c>
      <c r="I1184" s="55">
        <f>Bühler!I1210</f>
        <v>1.1861792791896297</v>
      </c>
      <c r="J1184" s="58">
        <f>Bühler!J1210</f>
        <v>8.8926661800679305</v>
      </c>
      <c r="K1184" s="58">
        <f>Bühler!K1210</f>
        <v>0.29457847247888974</v>
      </c>
      <c r="L1184" s="58">
        <f>Bühler!L1210</f>
        <v>0.14728923623944487</v>
      </c>
      <c r="M1184" s="57">
        <f>Bühler!M1210</f>
        <v>0</v>
      </c>
      <c r="N1184" s="55">
        <f>IF(Input!$K$13=1,J1184*Input!$J$13,0)+IF(Input!$K$14=1,K1184*Input!$J$14,0)+IF(Input!$K$15=1,L1184*Input!$J$15,0)+IF(Input!$K$16=1,M1184*Input!$J$16,0)</f>
        <v>1.0671199416081516</v>
      </c>
      <c r="O1184" s="58">
        <f>IF(Input!$K$13=2,J1184*Input!$J$13,0)+IF(Input!$K$14=2,K1184*Input!$J$14,0)+IF(Input!$K$15=2,L1184*Input!$J$15,0)+IF(Input!$K$16=2,M1184*Input!$J$16,0)</f>
        <v>3.9768093784650113E-2</v>
      </c>
      <c r="P1184" s="58">
        <f>IF(Input!$K$13=3,J1184*Input!$J$13,0)+IF(Input!$K$14=3,K1184*Input!$J$14,0)+IF(Input!$K$15=3,L1184*Input!$J$15,0)+IF(Input!$K$16=3,M1184*Input!$J$16,0)</f>
        <v>0</v>
      </c>
      <c r="Q1184" s="71">
        <f>IF(Input!$K$13=4,J1184*Input!$J$13,0)+IF(Input!$K$14=4,K1184*Input!$J$14,0)+IF(Input!$K$15=4,L1184*Input!$J$15,0)+IF(Input!$K$16=4,M1184*Input!$J$16,0)</f>
        <v>0</v>
      </c>
    </row>
    <row r="1185" spans="8:17" x14ac:dyDescent="0.25">
      <c r="H1185" s="43">
        <v>1178</v>
      </c>
      <c r="I1185" s="55">
        <f>Bühler!I1211</f>
        <v>1.3774985177686021</v>
      </c>
      <c r="J1185" s="58">
        <f>Bühler!J1211</f>
        <v>8.9006378150087215</v>
      </c>
      <c r="K1185" s="58">
        <f>Bühler!K1211</f>
        <v>0.29457847247888974</v>
      </c>
      <c r="L1185" s="58">
        <f>Bühler!L1211</f>
        <v>0.14728923623944487</v>
      </c>
      <c r="M1185" s="57">
        <f>Bühler!M1211</f>
        <v>0</v>
      </c>
      <c r="N1185" s="55">
        <f>IF(Input!$K$13=1,J1185*Input!$J$13,0)+IF(Input!$K$14=1,K1185*Input!$J$14,0)+IF(Input!$K$15=1,L1185*Input!$J$15,0)+IF(Input!$K$16=1,M1185*Input!$J$16,0)</f>
        <v>1.0680765378010466</v>
      </c>
      <c r="O1185" s="58">
        <f>IF(Input!$K$13=2,J1185*Input!$J$13,0)+IF(Input!$K$14=2,K1185*Input!$J$14,0)+IF(Input!$K$15=2,L1185*Input!$J$15,0)+IF(Input!$K$16=2,M1185*Input!$J$16,0)</f>
        <v>3.9768093784650113E-2</v>
      </c>
      <c r="P1185" s="58">
        <f>IF(Input!$K$13=3,J1185*Input!$J$13,0)+IF(Input!$K$14=3,K1185*Input!$J$14,0)+IF(Input!$K$15=3,L1185*Input!$J$15,0)+IF(Input!$K$16=3,M1185*Input!$J$16,0)</f>
        <v>0</v>
      </c>
      <c r="Q1185" s="71">
        <f>IF(Input!$K$13=4,J1185*Input!$J$13,0)+IF(Input!$K$14=4,K1185*Input!$J$14,0)+IF(Input!$K$15=4,L1185*Input!$J$15,0)+IF(Input!$K$16=4,M1185*Input!$J$16,0)</f>
        <v>0</v>
      </c>
    </row>
    <row r="1186" spans="8:17" x14ac:dyDescent="0.25">
      <c r="H1186" s="43">
        <v>1179</v>
      </c>
      <c r="I1186" s="55">
        <f>Bühler!I1212</f>
        <v>1.3774985177686021</v>
      </c>
      <c r="J1186" s="58">
        <f>Bühler!J1212</f>
        <v>8.9006378150087215</v>
      </c>
      <c r="K1186" s="58">
        <f>Bühler!K1212</f>
        <v>0.29457847247888974</v>
      </c>
      <c r="L1186" s="58">
        <f>Bühler!L1212</f>
        <v>0.14728923623944487</v>
      </c>
      <c r="M1186" s="57">
        <f>Bühler!M1212</f>
        <v>0</v>
      </c>
      <c r="N1186" s="55">
        <f>IF(Input!$K$13=1,J1186*Input!$J$13,0)+IF(Input!$K$14=1,K1186*Input!$J$14,0)+IF(Input!$K$15=1,L1186*Input!$J$15,0)+IF(Input!$K$16=1,M1186*Input!$J$16,0)</f>
        <v>1.0680765378010466</v>
      </c>
      <c r="O1186" s="58">
        <f>IF(Input!$K$13=2,J1186*Input!$J$13,0)+IF(Input!$K$14=2,K1186*Input!$J$14,0)+IF(Input!$K$15=2,L1186*Input!$J$15,0)+IF(Input!$K$16=2,M1186*Input!$J$16,0)</f>
        <v>3.9768093784650113E-2</v>
      </c>
      <c r="P1186" s="58">
        <f>IF(Input!$K$13=3,J1186*Input!$J$13,0)+IF(Input!$K$14=3,K1186*Input!$J$14,0)+IF(Input!$K$15=3,L1186*Input!$J$15,0)+IF(Input!$K$16=3,M1186*Input!$J$16,0)</f>
        <v>0</v>
      </c>
      <c r="Q1186" s="71">
        <f>IF(Input!$K$13=4,J1186*Input!$J$13,0)+IF(Input!$K$14=4,K1186*Input!$J$14,0)+IF(Input!$K$15=4,L1186*Input!$J$15,0)+IF(Input!$K$16=4,M1186*Input!$J$16,0)</f>
        <v>0</v>
      </c>
    </row>
    <row r="1187" spans="8:17" x14ac:dyDescent="0.25">
      <c r="H1187" s="43">
        <v>1180</v>
      </c>
      <c r="I1187" s="55">
        <f>Bühler!I1213</f>
        <v>1.3774985177686021</v>
      </c>
      <c r="J1187" s="58">
        <f>Bühler!J1213</f>
        <v>8.9006378150087215</v>
      </c>
      <c r="K1187" s="58">
        <f>Bühler!K1213</f>
        <v>0.29457847247888974</v>
      </c>
      <c r="L1187" s="58">
        <f>Bühler!L1213</f>
        <v>0.14728923623944487</v>
      </c>
      <c r="M1187" s="57">
        <f>Bühler!M1213</f>
        <v>0</v>
      </c>
      <c r="N1187" s="55">
        <f>IF(Input!$K$13=1,J1187*Input!$J$13,0)+IF(Input!$K$14=1,K1187*Input!$J$14,0)+IF(Input!$K$15=1,L1187*Input!$J$15,0)+IF(Input!$K$16=1,M1187*Input!$J$16,0)</f>
        <v>1.0680765378010466</v>
      </c>
      <c r="O1187" s="58">
        <f>IF(Input!$K$13=2,J1187*Input!$J$13,0)+IF(Input!$K$14=2,K1187*Input!$J$14,0)+IF(Input!$K$15=2,L1187*Input!$J$15,0)+IF(Input!$K$16=2,M1187*Input!$J$16,0)</f>
        <v>3.9768093784650113E-2</v>
      </c>
      <c r="P1187" s="58">
        <f>IF(Input!$K$13=3,J1187*Input!$J$13,0)+IF(Input!$K$14=3,K1187*Input!$J$14,0)+IF(Input!$K$15=3,L1187*Input!$J$15,0)+IF(Input!$K$16=3,M1187*Input!$J$16,0)</f>
        <v>0</v>
      </c>
      <c r="Q1187" s="71">
        <f>IF(Input!$K$13=4,J1187*Input!$J$13,0)+IF(Input!$K$14=4,K1187*Input!$J$14,0)+IF(Input!$K$15=4,L1187*Input!$J$15,0)+IF(Input!$K$16=4,M1187*Input!$J$16,0)</f>
        <v>0</v>
      </c>
    </row>
    <row r="1188" spans="8:17" x14ac:dyDescent="0.25">
      <c r="H1188" s="43">
        <v>1181</v>
      </c>
      <c r="I1188" s="55">
        <f>Bühler!I1214</f>
        <v>1.3774985177686021</v>
      </c>
      <c r="J1188" s="58">
        <f>Bühler!J1214</f>
        <v>8.9006378150087215</v>
      </c>
      <c r="K1188" s="58">
        <f>Bühler!K1214</f>
        <v>0.29457847247888974</v>
      </c>
      <c r="L1188" s="58">
        <f>Bühler!L1214</f>
        <v>0.14728923623944487</v>
      </c>
      <c r="M1188" s="57">
        <f>Bühler!M1214</f>
        <v>0</v>
      </c>
      <c r="N1188" s="55">
        <f>IF(Input!$K$13=1,J1188*Input!$J$13,0)+IF(Input!$K$14=1,K1188*Input!$J$14,0)+IF(Input!$K$15=1,L1188*Input!$J$15,0)+IF(Input!$K$16=1,M1188*Input!$J$16,0)</f>
        <v>1.0680765378010466</v>
      </c>
      <c r="O1188" s="58">
        <f>IF(Input!$K$13=2,J1188*Input!$J$13,0)+IF(Input!$K$14=2,K1188*Input!$J$14,0)+IF(Input!$K$15=2,L1188*Input!$J$15,0)+IF(Input!$K$16=2,M1188*Input!$J$16,0)</f>
        <v>3.9768093784650113E-2</v>
      </c>
      <c r="P1188" s="58">
        <f>IF(Input!$K$13=3,J1188*Input!$J$13,0)+IF(Input!$K$14=3,K1188*Input!$J$14,0)+IF(Input!$K$15=3,L1188*Input!$J$15,0)+IF(Input!$K$16=3,M1188*Input!$J$16,0)</f>
        <v>0</v>
      </c>
      <c r="Q1188" s="71">
        <f>IF(Input!$K$13=4,J1188*Input!$J$13,0)+IF(Input!$K$14=4,K1188*Input!$J$14,0)+IF(Input!$K$15=4,L1188*Input!$J$15,0)+IF(Input!$K$16=4,M1188*Input!$J$16,0)</f>
        <v>0</v>
      </c>
    </row>
    <row r="1189" spans="8:17" x14ac:dyDescent="0.25">
      <c r="H1189" s="43">
        <v>1182</v>
      </c>
      <c r="I1189" s="55">
        <f>Bühler!I1215</f>
        <v>1.7218731472107522</v>
      </c>
      <c r="J1189" s="58">
        <f>Bühler!J1215</f>
        <v>8.9149867579021436</v>
      </c>
      <c r="K1189" s="58">
        <f>Bühler!K1215</f>
        <v>0.29457847247888974</v>
      </c>
      <c r="L1189" s="58">
        <f>Bühler!L1215</f>
        <v>0.14728923623944487</v>
      </c>
      <c r="M1189" s="57">
        <f>Bühler!M1215</f>
        <v>0</v>
      </c>
      <c r="N1189" s="55">
        <f>IF(Input!$K$13=1,J1189*Input!$J$13,0)+IF(Input!$K$14=1,K1189*Input!$J$14,0)+IF(Input!$K$15=1,L1189*Input!$J$15,0)+IF(Input!$K$16=1,M1189*Input!$J$16,0)</f>
        <v>1.0697984109482572</v>
      </c>
      <c r="O1189" s="58">
        <f>IF(Input!$K$13=2,J1189*Input!$J$13,0)+IF(Input!$K$14=2,K1189*Input!$J$14,0)+IF(Input!$K$15=2,L1189*Input!$J$15,0)+IF(Input!$K$16=2,M1189*Input!$J$16,0)</f>
        <v>3.9768093784650113E-2</v>
      </c>
      <c r="P1189" s="58">
        <f>IF(Input!$K$13=3,J1189*Input!$J$13,0)+IF(Input!$K$14=3,K1189*Input!$J$14,0)+IF(Input!$K$15=3,L1189*Input!$J$15,0)+IF(Input!$K$16=3,M1189*Input!$J$16,0)</f>
        <v>0</v>
      </c>
      <c r="Q1189" s="71">
        <f>IF(Input!$K$13=4,J1189*Input!$J$13,0)+IF(Input!$K$14=4,K1189*Input!$J$14,0)+IF(Input!$K$15=4,L1189*Input!$J$15,0)+IF(Input!$K$16=4,M1189*Input!$J$16,0)</f>
        <v>0</v>
      </c>
    </row>
    <row r="1190" spans="8:17" x14ac:dyDescent="0.25">
      <c r="H1190" s="43">
        <v>1183</v>
      </c>
      <c r="I1190" s="55">
        <f>Bühler!I1216</f>
        <v>2.0279839289371084</v>
      </c>
      <c r="J1190" s="58">
        <f>Bühler!J1216</f>
        <v>8.9277413738074074</v>
      </c>
      <c r="K1190" s="58">
        <f>Bühler!K1216</f>
        <v>0.29457847247888974</v>
      </c>
      <c r="L1190" s="58">
        <f>Bühler!L1216</f>
        <v>0.14728923623944487</v>
      </c>
      <c r="M1190" s="57">
        <f>Bühler!M1216</f>
        <v>0</v>
      </c>
      <c r="N1190" s="55">
        <f>IF(Input!$K$13=1,J1190*Input!$J$13,0)+IF(Input!$K$14=1,K1190*Input!$J$14,0)+IF(Input!$K$15=1,L1190*Input!$J$15,0)+IF(Input!$K$16=1,M1190*Input!$J$16,0)</f>
        <v>1.0713289648568889</v>
      </c>
      <c r="O1190" s="58">
        <f>IF(Input!$K$13=2,J1190*Input!$J$13,0)+IF(Input!$K$14=2,K1190*Input!$J$14,0)+IF(Input!$K$15=2,L1190*Input!$J$15,0)+IF(Input!$K$16=2,M1190*Input!$J$16,0)</f>
        <v>3.9768093784650113E-2</v>
      </c>
      <c r="P1190" s="58">
        <f>IF(Input!$K$13=3,J1190*Input!$J$13,0)+IF(Input!$K$14=3,K1190*Input!$J$14,0)+IF(Input!$K$15=3,L1190*Input!$J$15,0)+IF(Input!$K$16=3,M1190*Input!$J$16,0)</f>
        <v>0</v>
      </c>
      <c r="Q1190" s="71">
        <f>IF(Input!$K$13=4,J1190*Input!$J$13,0)+IF(Input!$K$14=4,K1190*Input!$J$14,0)+IF(Input!$K$15=4,L1190*Input!$J$15,0)+IF(Input!$K$16=4,M1190*Input!$J$16,0)</f>
        <v>0</v>
      </c>
    </row>
    <row r="1191" spans="8:17" x14ac:dyDescent="0.25">
      <c r="H1191" s="43">
        <v>1184</v>
      </c>
      <c r="I1191" s="55">
        <f>Bühler!I1217</f>
        <v>2.4106224060950536</v>
      </c>
      <c r="J1191" s="58">
        <f>Bühler!J1217</f>
        <v>8.9436846436889894</v>
      </c>
      <c r="K1191" s="58">
        <f>Bühler!K1217</f>
        <v>0.29457847247888974</v>
      </c>
      <c r="L1191" s="58">
        <f>Bühler!L1217</f>
        <v>0.14728923623944487</v>
      </c>
      <c r="M1191" s="57">
        <f>Bühler!M1217</f>
        <v>0</v>
      </c>
      <c r="N1191" s="55">
        <f>IF(Input!$K$13=1,J1191*Input!$J$13,0)+IF(Input!$K$14=1,K1191*Input!$J$14,0)+IF(Input!$K$15=1,L1191*Input!$J$15,0)+IF(Input!$K$16=1,M1191*Input!$J$16,0)</f>
        <v>1.0732421572426787</v>
      </c>
      <c r="O1191" s="58">
        <f>IF(Input!$K$13=2,J1191*Input!$J$13,0)+IF(Input!$K$14=2,K1191*Input!$J$14,0)+IF(Input!$K$15=2,L1191*Input!$J$15,0)+IF(Input!$K$16=2,M1191*Input!$J$16,0)</f>
        <v>3.9768093784650113E-2</v>
      </c>
      <c r="P1191" s="58">
        <f>IF(Input!$K$13=3,J1191*Input!$J$13,0)+IF(Input!$K$14=3,K1191*Input!$J$14,0)+IF(Input!$K$15=3,L1191*Input!$J$15,0)+IF(Input!$K$16=3,M1191*Input!$J$16,0)</f>
        <v>0</v>
      </c>
      <c r="Q1191" s="71">
        <f>IF(Input!$K$13=4,J1191*Input!$J$13,0)+IF(Input!$K$14=4,K1191*Input!$J$14,0)+IF(Input!$K$15=4,L1191*Input!$J$15,0)+IF(Input!$K$16=4,M1191*Input!$J$16,0)</f>
        <v>0</v>
      </c>
    </row>
    <row r="1192" spans="8:17" x14ac:dyDescent="0.25">
      <c r="H1192" s="43">
        <v>1185</v>
      </c>
      <c r="I1192" s="55">
        <f>Bühler!I1218</f>
        <v>2.4106224060950536</v>
      </c>
      <c r="J1192" s="58">
        <f>Bühler!J1218</f>
        <v>8.9436846436889894</v>
      </c>
      <c r="K1192" s="58">
        <f>Bühler!K1218</f>
        <v>0.29457847247888974</v>
      </c>
      <c r="L1192" s="58">
        <f>Bühler!L1218</f>
        <v>0.14728923623944487</v>
      </c>
      <c r="M1192" s="57">
        <f>Bühler!M1218</f>
        <v>0</v>
      </c>
      <c r="N1192" s="55">
        <f>IF(Input!$K$13=1,J1192*Input!$J$13,0)+IF(Input!$K$14=1,K1192*Input!$J$14,0)+IF(Input!$K$15=1,L1192*Input!$J$15,0)+IF(Input!$K$16=1,M1192*Input!$J$16,0)</f>
        <v>1.0732421572426787</v>
      </c>
      <c r="O1192" s="58">
        <f>IF(Input!$K$13=2,J1192*Input!$J$13,0)+IF(Input!$K$14=2,K1192*Input!$J$14,0)+IF(Input!$K$15=2,L1192*Input!$J$15,0)+IF(Input!$K$16=2,M1192*Input!$J$16,0)</f>
        <v>3.9768093784650113E-2</v>
      </c>
      <c r="P1192" s="58">
        <f>IF(Input!$K$13=3,J1192*Input!$J$13,0)+IF(Input!$K$14=3,K1192*Input!$J$14,0)+IF(Input!$K$15=3,L1192*Input!$J$15,0)+IF(Input!$K$16=3,M1192*Input!$J$16,0)</f>
        <v>0</v>
      </c>
      <c r="Q1192" s="71">
        <f>IF(Input!$K$13=4,J1192*Input!$J$13,0)+IF(Input!$K$14=4,K1192*Input!$J$14,0)+IF(Input!$K$15=4,L1192*Input!$J$15,0)+IF(Input!$K$16=4,M1192*Input!$J$16,0)</f>
        <v>0</v>
      </c>
    </row>
    <row r="1193" spans="8:17" x14ac:dyDescent="0.25">
      <c r="H1193" s="43">
        <v>1186</v>
      </c>
      <c r="I1193" s="55">
        <f>Bühler!I1219</f>
        <v>2.4106224060950536</v>
      </c>
      <c r="J1193" s="58">
        <f>Bühler!J1219</f>
        <v>8.9436846436889894</v>
      </c>
      <c r="K1193" s="58">
        <f>Bühler!K1219</f>
        <v>0.29457847247888974</v>
      </c>
      <c r="L1193" s="58">
        <f>Bühler!L1219</f>
        <v>0.14728923623944487</v>
      </c>
      <c r="M1193" s="57">
        <f>Bühler!M1219</f>
        <v>0</v>
      </c>
      <c r="N1193" s="55">
        <f>IF(Input!$K$13=1,J1193*Input!$J$13,0)+IF(Input!$K$14=1,K1193*Input!$J$14,0)+IF(Input!$K$15=1,L1193*Input!$J$15,0)+IF(Input!$K$16=1,M1193*Input!$J$16,0)</f>
        <v>1.0732421572426787</v>
      </c>
      <c r="O1193" s="58">
        <f>IF(Input!$K$13=2,J1193*Input!$J$13,0)+IF(Input!$K$14=2,K1193*Input!$J$14,0)+IF(Input!$K$15=2,L1193*Input!$J$15,0)+IF(Input!$K$16=2,M1193*Input!$J$16,0)</f>
        <v>3.9768093784650113E-2</v>
      </c>
      <c r="P1193" s="58">
        <f>IF(Input!$K$13=3,J1193*Input!$J$13,0)+IF(Input!$K$14=3,K1193*Input!$J$14,0)+IF(Input!$K$15=3,L1193*Input!$J$15,0)+IF(Input!$K$16=3,M1193*Input!$J$16,0)</f>
        <v>0</v>
      </c>
      <c r="Q1193" s="71">
        <f>IF(Input!$K$13=4,J1193*Input!$J$13,0)+IF(Input!$K$14=4,K1193*Input!$J$14,0)+IF(Input!$K$15=4,L1193*Input!$J$15,0)+IF(Input!$K$16=4,M1193*Input!$J$16,0)</f>
        <v>0</v>
      </c>
    </row>
    <row r="1194" spans="8:17" x14ac:dyDescent="0.25">
      <c r="H1194" s="43">
        <v>1187</v>
      </c>
      <c r="I1194" s="55">
        <f>Bühler!I1220</f>
        <v>2.4106224060950536</v>
      </c>
      <c r="J1194" s="58">
        <f>Bühler!J1220</f>
        <v>8.9436846436889894</v>
      </c>
      <c r="K1194" s="58">
        <f>Bühler!K1220</f>
        <v>0.29457847247888974</v>
      </c>
      <c r="L1194" s="58">
        <f>Bühler!L1220</f>
        <v>0.14728923623944487</v>
      </c>
      <c r="M1194" s="57">
        <f>Bühler!M1220</f>
        <v>0</v>
      </c>
      <c r="N1194" s="55">
        <f>IF(Input!$K$13=1,J1194*Input!$J$13,0)+IF(Input!$K$14=1,K1194*Input!$J$14,0)+IF(Input!$K$15=1,L1194*Input!$J$15,0)+IF(Input!$K$16=1,M1194*Input!$J$16,0)</f>
        <v>1.0732421572426787</v>
      </c>
      <c r="O1194" s="58">
        <f>IF(Input!$K$13=2,J1194*Input!$J$13,0)+IF(Input!$K$14=2,K1194*Input!$J$14,0)+IF(Input!$K$15=2,L1194*Input!$J$15,0)+IF(Input!$K$16=2,M1194*Input!$J$16,0)</f>
        <v>3.9768093784650113E-2</v>
      </c>
      <c r="P1194" s="58">
        <f>IF(Input!$K$13=3,J1194*Input!$J$13,0)+IF(Input!$K$14=3,K1194*Input!$J$14,0)+IF(Input!$K$15=3,L1194*Input!$J$15,0)+IF(Input!$K$16=3,M1194*Input!$J$16,0)</f>
        <v>0</v>
      </c>
      <c r="Q1194" s="71">
        <f>IF(Input!$K$13=4,J1194*Input!$J$13,0)+IF(Input!$K$14=4,K1194*Input!$J$14,0)+IF(Input!$K$15=4,L1194*Input!$J$15,0)+IF(Input!$K$16=4,M1194*Input!$J$16,0)</f>
        <v>0</v>
      </c>
    </row>
    <row r="1195" spans="8:17" x14ac:dyDescent="0.25">
      <c r="H1195" s="43">
        <v>1188</v>
      </c>
      <c r="I1195" s="55">
        <f>Bühler!I1221</f>
        <v>2.4106224060950536</v>
      </c>
      <c r="J1195" s="58">
        <f>Bühler!J1221</f>
        <v>8.9436846436889894</v>
      </c>
      <c r="K1195" s="58">
        <f>Bühler!K1221</f>
        <v>0.29457847247888974</v>
      </c>
      <c r="L1195" s="58">
        <f>Bühler!L1221</f>
        <v>0.14728923623944487</v>
      </c>
      <c r="M1195" s="57">
        <f>Bühler!M1221</f>
        <v>0</v>
      </c>
      <c r="N1195" s="55">
        <f>IF(Input!$K$13=1,J1195*Input!$J$13,0)+IF(Input!$K$14=1,K1195*Input!$J$14,0)+IF(Input!$K$15=1,L1195*Input!$J$15,0)+IF(Input!$K$16=1,M1195*Input!$J$16,0)</f>
        <v>1.0732421572426787</v>
      </c>
      <c r="O1195" s="58">
        <f>IF(Input!$K$13=2,J1195*Input!$J$13,0)+IF(Input!$K$14=2,K1195*Input!$J$14,0)+IF(Input!$K$15=2,L1195*Input!$J$15,0)+IF(Input!$K$16=2,M1195*Input!$J$16,0)</f>
        <v>3.9768093784650113E-2</v>
      </c>
      <c r="P1195" s="58">
        <f>IF(Input!$K$13=3,J1195*Input!$J$13,0)+IF(Input!$K$14=3,K1195*Input!$J$14,0)+IF(Input!$K$15=3,L1195*Input!$J$15,0)+IF(Input!$K$16=3,M1195*Input!$J$16,0)</f>
        <v>0</v>
      </c>
      <c r="Q1195" s="71">
        <f>IF(Input!$K$13=4,J1195*Input!$J$13,0)+IF(Input!$K$14=4,K1195*Input!$J$14,0)+IF(Input!$K$15=4,L1195*Input!$J$15,0)+IF(Input!$K$16=4,M1195*Input!$J$16,0)</f>
        <v>0</v>
      </c>
    </row>
    <row r="1196" spans="8:17" x14ac:dyDescent="0.25">
      <c r="H1196" s="43">
        <v>1189</v>
      </c>
      <c r="I1196" s="55">
        <f>Bühler!I1222</f>
        <v>2.4106224060950536</v>
      </c>
      <c r="J1196" s="58">
        <f>Bühler!J1222</f>
        <v>8.9436846436889894</v>
      </c>
      <c r="K1196" s="58">
        <f>Bühler!K1222</f>
        <v>0.29457847247888974</v>
      </c>
      <c r="L1196" s="58">
        <f>Bühler!L1222</f>
        <v>0.14728923623944487</v>
      </c>
      <c r="M1196" s="57">
        <f>Bühler!M1222</f>
        <v>0</v>
      </c>
      <c r="N1196" s="55">
        <f>IF(Input!$K$13=1,J1196*Input!$J$13,0)+IF(Input!$K$14=1,K1196*Input!$J$14,0)+IF(Input!$K$15=1,L1196*Input!$J$15,0)+IF(Input!$K$16=1,M1196*Input!$J$16,0)</f>
        <v>1.0732421572426787</v>
      </c>
      <c r="O1196" s="58">
        <f>IF(Input!$K$13=2,J1196*Input!$J$13,0)+IF(Input!$K$14=2,K1196*Input!$J$14,0)+IF(Input!$K$15=2,L1196*Input!$J$15,0)+IF(Input!$K$16=2,M1196*Input!$J$16,0)</f>
        <v>3.9768093784650113E-2</v>
      </c>
      <c r="P1196" s="58">
        <f>IF(Input!$K$13=3,J1196*Input!$J$13,0)+IF(Input!$K$14=3,K1196*Input!$J$14,0)+IF(Input!$K$15=3,L1196*Input!$J$15,0)+IF(Input!$K$16=3,M1196*Input!$J$16,0)</f>
        <v>0</v>
      </c>
      <c r="Q1196" s="71">
        <f>IF(Input!$K$13=4,J1196*Input!$J$13,0)+IF(Input!$K$14=4,K1196*Input!$J$14,0)+IF(Input!$K$15=4,L1196*Input!$J$15,0)+IF(Input!$K$16=4,M1196*Input!$J$16,0)</f>
        <v>0</v>
      </c>
    </row>
    <row r="1197" spans="8:17" x14ac:dyDescent="0.25">
      <c r="H1197" s="43">
        <v>1190</v>
      </c>
      <c r="I1197" s="55">
        <f>Bühler!I1223</f>
        <v>2.4106224060950536</v>
      </c>
      <c r="J1197" s="58">
        <f>Bühler!J1223</f>
        <v>8.9436846436889894</v>
      </c>
      <c r="K1197" s="58">
        <f>Bühler!K1223</f>
        <v>0.29457847247888974</v>
      </c>
      <c r="L1197" s="58">
        <f>Bühler!L1223</f>
        <v>0.14728923623944487</v>
      </c>
      <c r="M1197" s="57">
        <f>Bühler!M1223</f>
        <v>0</v>
      </c>
      <c r="N1197" s="55">
        <f>IF(Input!$K$13=1,J1197*Input!$J$13,0)+IF(Input!$K$14=1,K1197*Input!$J$14,0)+IF(Input!$K$15=1,L1197*Input!$J$15,0)+IF(Input!$K$16=1,M1197*Input!$J$16,0)</f>
        <v>1.0732421572426787</v>
      </c>
      <c r="O1197" s="58">
        <f>IF(Input!$K$13=2,J1197*Input!$J$13,0)+IF(Input!$K$14=2,K1197*Input!$J$14,0)+IF(Input!$K$15=2,L1197*Input!$J$15,0)+IF(Input!$K$16=2,M1197*Input!$J$16,0)</f>
        <v>3.9768093784650113E-2</v>
      </c>
      <c r="P1197" s="58">
        <f>IF(Input!$K$13=3,J1197*Input!$J$13,0)+IF(Input!$K$14=3,K1197*Input!$J$14,0)+IF(Input!$K$15=3,L1197*Input!$J$15,0)+IF(Input!$K$16=3,M1197*Input!$J$16,0)</f>
        <v>0</v>
      </c>
      <c r="Q1197" s="71">
        <f>IF(Input!$K$13=4,J1197*Input!$J$13,0)+IF(Input!$K$14=4,K1197*Input!$J$14,0)+IF(Input!$K$15=4,L1197*Input!$J$15,0)+IF(Input!$K$16=4,M1197*Input!$J$16,0)</f>
        <v>0</v>
      </c>
    </row>
    <row r="1198" spans="8:17" x14ac:dyDescent="0.25">
      <c r="H1198" s="43">
        <v>1191</v>
      </c>
      <c r="I1198" s="55">
        <f>Bühler!I1224</f>
        <v>2.4106224060950536</v>
      </c>
      <c r="J1198" s="58">
        <f>Bühler!J1224</f>
        <v>8.9436846436889894</v>
      </c>
      <c r="K1198" s="58">
        <f>Bühler!K1224</f>
        <v>0.29457847247888974</v>
      </c>
      <c r="L1198" s="58">
        <f>Bühler!L1224</f>
        <v>0.14728923623944487</v>
      </c>
      <c r="M1198" s="57">
        <f>Bühler!M1224</f>
        <v>0</v>
      </c>
      <c r="N1198" s="55">
        <f>IF(Input!$K$13=1,J1198*Input!$J$13,0)+IF(Input!$K$14=1,K1198*Input!$J$14,0)+IF(Input!$K$15=1,L1198*Input!$J$15,0)+IF(Input!$K$16=1,M1198*Input!$J$16,0)</f>
        <v>1.0732421572426787</v>
      </c>
      <c r="O1198" s="58">
        <f>IF(Input!$K$13=2,J1198*Input!$J$13,0)+IF(Input!$K$14=2,K1198*Input!$J$14,0)+IF(Input!$K$15=2,L1198*Input!$J$15,0)+IF(Input!$K$16=2,M1198*Input!$J$16,0)</f>
        <v>3.9768093784650113E-2</v>
      </c>
      <c r="P1198" s="58">
        <f>IF(Input!$K$13=3,J1198*Input!$J$13,0)+IF(Input!$K$14=3,K1198*Input!$J$14,0)+IF(Input!$K$15=3,L1198*Input!$J$15,0)+IF(Input!$K$16=3,M1198*Input!$J$16,0)</f>
        <v>0</v>
      </c>
      <c r="Q1198" s="71">
        <f>IF(Input!$K$13=4,J1198*Input!$J$13,0)+IF(Input!$K$14=4,K1198*Input!$J$14,0)+IF(Input!$K$15=4,L1198*Input!$J$15,0)+IF(Input!$K$16=4,M1198*Input!$J$16,0)</f>
        <v>0</v>
      </c>
    </row>
    <row r="1199" spans="8:17" x14ac:dyDescent="0.25">
      <c r="H1199" s="43">
        <v>1192</v>
      </c>
      <c r="I1199" s="55">
        <f>Bühler!I1225</f>
        <v>2.1427754720844918</v>
      </c>
      <c r="J1199" s="58">
        <f>Bühler!J1225</f>
        <v>8.932524354771882</v>
      </c>
      <c r="K1199" s="58">
        <f>Bühler!K1225</f>
        <v>0.29457847247888974</v>
      </c>
      <c r="L1199" s="58">
        <f>Bühler!L1225</f>
        <v>0.14728923623944487</v>
      </c>
      <c r="M1199" s="57">
        <f>Bühler!M1225</f>
        <v>0</v>
      </c>
      <c r="N1199" s="55">
        <f>IF(Input!$K$13=1,J1199*Input!$J$13,0)+IF(Input!$K$14=1,K1199*Input!$J$14,0)+IF(Input!$K$15=1,L1199*Input!$J$15,0)+IF(Input!$K$16=1,M1199*Input!$J$16,0)</f>
        <v>1.0719029225726258</v>
      </c>
      <c r="O1199" s="58">
        <f>IF(Input!$K$13=2,J1199*Input!$J$13,0)+IF(Input!$K$14=2,K1199*Input!$J$14,0)+IF(Input!$K$15=2,L1199*Input!$J$15,0)+IF(Input!$K$16=2,M1199*Input!$J$16,0)</f>
        <v>3.9768093784650113E-2</v>
      </c>
      <c r="P1199" s="58">
        <f>IF(Input!$K$13=3,J1199*Input!$J$13,0)+IF(Input!$K$14=3,K1199*Input!$J$14,0)+IF(Input!$K$15=3,L1199*Input!$J$15,0)+IF(Input!$K$16=3,M1199*Input!$J$16,0)</f>
        <v>0</v>
      </c>
      <c r="Q1199" s="71">
        <f>IF(Input!$K$13=4,J1199*Input!$J$13,0)+IF(Input!$K$14=4,K1199*Input!$J$14,0)+IF(Input!$K$15=4,L1199*Input!$J$15,0)+IF(Input!$K$16=4,M1199*Input!$J$16,0)</f>
        <v>0</v>
      </c>
    </row>
    <row r="1200" spans="8:17" x14ac:dyDescent="0.25">
      <c r="H1200" s="43">
        <v>1193</v>
      </c>
      <c r="I1200" s="55">
        <f>Bühler!I1226</f>
        <v>2.1045116243686977</v>
      </c>
      <c r="J1200" s="58">
        <f>Bühler!J1226</f>
        <v>8.9309300277837238</v>
      </c>
      <c r="K1200" s="58">
        <f>Bühler!K1226</f>
        <v>0.29457847247888974</v>
      </c>
      <c r="L1200" s="58">
        <f>Bühler!L1226</f>
        <v>0.14728923623944487</v>
      </c>
      <c r="M1200" s="57">
        <f>Bühler!M1226</f>
        <v>0</v>
      </c>
      <c r="N1200" s="55">
        <f>IF(Input!$K$13=1,J1200*Input!$J$13,0)+IF(Input!$K$14=1,K1200*Input!$J$14,0)+IF(Input!$K$15=1,L1200*Input!$J$15,0)+IF(Input!$K$16=1,M1200*Input!$J$16,0)</f>
        <v>1.0717116033340468</v>
      </c>
      <c r="O1200" s="58">
        <f>IF(Input!$K$13=2,J1200*Input!$J$13,0)+IF(Input!$K$14=2,K1200*Input!$J$14,0)+IF(Input!$K$15=2,L1200*Input!$J$15,0)+IF(Input!$K$16=2,M1200*Input!$J$16,0)</f>
        <v>3.9768093784650113E-2</v>
      </c>
      <c r="P1200" s="58">
        <f>IF(Input!$K$13=3,J1200*Input!$J$13,0)+IF(Input!$K$14=3,K1200*Input!$J$14,0)+IF(Input!$K$15=3,L1200*Input!$J$15,0)+IF(Input!$K$16=3,M1200*Input!$J$16,0)</f>
        <v>0</v>
      </c>
      <c r="Q1200" s="71">
        <f>IF(Input!$K$13=4,J1200*Input!$J$13,0)+IF(Input!$K$14=4,K1200*Input!$J$14,0)+IF(Input!$K$15=4,L1200*Input!$J$15,0)+IF(Input!$K$16=4,M1200*Input!$J$16,0)</f>
        <v>0</v>
      </c>
    </row>
    <row r="1201" spans="8:17" x14ac:dyDescent="0.25">
      <c r="H1201" s="43">
        <v>1194</v>
      </c>
      <c r="I1201" s="55">
        <f>Bühler!I1227</f>
        <v>1.7984008426423415</v>
      </c>
      <c r="J1201" s="58">
        <f>Bühler!J1227</f>
        <v>8.91817541187846</v>
      </c>
      <c r="K1201" s="58">
        <f>Bühler!K1227</f>
        <v>0.29457847247888974</v>
      </c>
      <c r="L1201" s="58">
        <f>Bühler!L1227</f>
        <v>0.14728923623944487</v>
      </c>
      <c r="M1201" s="57">
        <f>Bühler!M1227</f>
        <v>0</v>
      </c>
      <c r="N1201" s="55">
        <f>IF(Input!$K$13=1,J1201*Input!$J$13,0)+IF(Input!$K$14=1,K1201*Input!$J$14,0)+IF(Input!$K$15=1,L1201*Input!$J$15,0)+IF(Input!$K$16=1,M1201*Input!$J$16,0)</f>
        <v>1.0701810494254151</v>
      </c>
      <c r="O1201" s="58">
        <f>IF(Input!$K$13=2,J1201*Input!$J$13,0)+IF(Input!$K$14=2,K1201*Input!$J$14,0)+IF(Input!$K$15=2,L1201*Input!$J$15,0)+IF(Input!$K$16=2,M1201*Input!$J$16,0)</f>
        <v>3.9768093784650113E-2</v>
      </c>
      <c r="P1201" s="58">
        <f>IF(Input!$K$13=3,J1201*Input!$J$13,0)+IF(Input!$K$14=3,K1201*Input!$J$14,0)+IF(Input!$K$15=3,L1201*Input!$J$15,0)+IF(Input!$K$16=3,M1201*Input!$J$16,0)</f>
        <v>0</v>
      </c>
      <c r="Q1201" s="71">
        <f>IF(Input!$K$13=4,J1201*Input!$J$13,0)+IF(Input!$K$14=4,K1201*Input!$J$14,0)+IF(Input!$K$15=4,L1201*Input!$J$15,0)+IF(Input!$K$16=4,M1201*Input!$J$16,0)</f>
        <v>0</v>
      </c>
    </row>
    <row r="1202" spans="8:17" x14ac:dyDescent="0.25">
      <c r="H1202" s="43">
        <v>1195</v>
      </c>
      <c r="I1202" s="55">
        <f>Bühler!I1228</f>
        <v>1.6836092994949581</v>
      </c>
      <c r="J1202" s="58">
        <f>Bühler!J1228</f>
        <v>8.9133924309139854</v>
      </c>
      <c r="K1202" s="58">
        <f>Bühler!K1228</f>
        <v>0.29457847247888974</v>
      </c>
      <c r="L1202" s="58">
        <f>Bühler!L1228</f>
        <v>0.14728923623944487</v>
      </c>
      <c r="M1202" s="57">
        <f>Bühler!M1228</f>
        <v>0</v>
      </c>
      <c r="N1202" s="55">
        <f>IF(Input!$K$13=1,J1202*Input!$J$13,0)+IF(Input!$K$14=1,K1202*Input!$J$14,0)+IF(Input!$K$15=1,L1202*Input!$J$15,0)+IF(Input!$K$16=1,M1202*Input!$J$16,0)</f>
        <v>1.0696070917096783</v>
      </c>
      <c r="O1202" s="58">
        <f>IF(Input!$K$13=2,J1202*Input!$J$13,0)+IF(Input!$K$14=2,K1202*Input!$J$14,0)+IF(Input!$K$15=2,L1202*Input!$J$15,0)+IF(Input!$K$16=2,M1202*Input!$J$16,0)</f>
        <v>3.9768093784650113E-2</v>
      </c>
      <c r="P1202" s="58">
        <f>IF(Input!$K$13=3,J1202*Input!$J$13,0)+IF(Input!$K$14=3,K1202*Input!$J$14,0)+IF(Input!$K$15=3,L1202*Input!$J$15,0)+IF(Input!$K$16=3,M1202*Input!$J$16,0)</f>
        <v>0</v>
      </c>
      <c r="Q1202" s="71">
        <f>IF(Input!$K$13=4,J1202*Input!$J$13,0)+IF(Input!$K$14=4,K1202*Input!$J$14,0)+IF(Input!$K$15=4,L1202*Input!$J$15,0)+IF(Input!$K$16=4,M1202*Input!$J$16,0)</f>
        <v>0</v>
      </c>
    </row>
    <row r="1203" spans="8:17" x14ac:dyDescent="0.25">
      <c r="H1203" s="43">
        <v>1196</v>
      </c>
      <c r="I1203" s="55">
        <f>Bühler!I1229</f>
        <v>1.4157623654843967</v>
      </c>
      <c r="J1203" s="58">
        <f>Bühler!J1229</f>
        <v>8.902232141996878</v>
      </c>
      <c r="K1203" s="58">
        <f>Bühler!K1229</f>
        <v>0.29457847247888974</v>
      </c>
      <c r="L1203" s="58">
        <f>Bühler!L1229</f>
        <v>0.14728923623944487</v>
      </c>
      <c r="M1203" s="57">
        <f>Bühler!M1229</f>
        <v>0</v>
      </c>
      <c r="N1203" s="55">
        <f>IF(Input!$K$13=1,J1203*Input!$J$13,0)+IF(Input!$K$14=1,K1203*Input!$J$14,0)+IF(Input!$K$15=1,L1203*Input!$J$15,0)+IF(Input!$K$16=1,M1203*Input!$J$16,0)</f>
        <v>1.0682678570396253</v>
      </c>
      <c r="O1203" s="58">
        <f>IF(Input!$K$13=2,J1203*Input!$J$13,0)+IF(Input!$K$14=2,K1203*Input!$J$14,0)+IF(Input!$K$15=2,L1203*Input!$J$15,0)+IF(Input!$K$16=2,M1203*Input!$J$16,0)</f>
        <v>3.9768093784650113E-2</v>
      </c>
      <c r="P1203" s="58">
        <f>IF(Input!$K$13=3,J1203*Input!$J$13,0)+IF(Input!$K$14=3,K1203*Input!$J$14,0)+IF(Input!$K$15=3,L1203*Input!$J$15,0)+IF(Input!$K$16=3,M1203*Input!$J$16,0)</f>
        <v>0</v>
      </c>
      <c r="Q1203" s="71">
        <f>IF(Input!$K$13=4,J1203*Input!$J$13,0)+IF(Input!$K$14=4,K1203*Input!$J$14,0)+IF(Input!$K$15=4,L1203*Input!$J$15,0)+IF(Input!$K$16=4,M1203*Input!$J$16,0)</f>
        <v>0</v>
      </c>
    </row>
    <row r="1204" spans="8:17" x14ac:dyDescent="0.25">
      <c r="H1204" s="43">
        <v>1197</v>
      </c>
      <c r="I1204" s="55">
        <f>Bühler!I1230</f>
        <v>1.1861792791896297</v>
      </c>
      <c r="J1204" s="58">
        <f>Bühler!J1230</f>
        <v>8.8926661800679305</v>
      </c>
      <c r="K1204" s="58">
        <f>Bühler!K1230</f>
        <v>0.29457847247888974</v>
      </c>
      <c r="L1204" s="58">
        <f>Bühler!L1230</f>
        <v>0.14728923623944487</v>
      </c>
      <c r="M1204" s="57">
        <f>Bühler!M1230</f>
        <v>0</v>
      </c>
      <c r="N1204" s="55">
        <f>IF(Input!$K$13=1,J1204*Input!$J$13,0)+IF(Input!$K$14=1,K1204*Input!$J$14,0)+IF(Input!$K$15=1,L1204*Input!$J$15,0)+IF(Input!$K$16=1,M1204*Input!$J$16,0)</f>
        <v>1.0671199416081516</v>
      </c>
      <c r="O1204" s="58">
        <f>IF(Input!$K$13=2,J1204*Input!$J$13,0)+IF(Input!$K$14=2,K1204*Input!$J$14,0)+IF(Input!$K$15=2,L1204*Input!$J$15,0)+IF(Input!$K$16=2,M1204*Input!$J$16,0)</f>
        <v>3.9768093784650113E-2</v>
      </c>
      <c r="P1204" s="58">
        <f>IF(Input!$K$13=3,J1204*Input!$J$13,0)+IF(Input!$K$14=3,K1204*Input!$J$14,0)+IF(Input!$K$15=3,L1204*Input!$J$15,0)+IF(Input!$K$16=3,M1204*Input!$J$16,0)</f>
        <v>0</v>
      </c>
      <c r="Q1204" s="71">
        <f>IF(Input!$K$13=4,J1204*Input!$J$13,0)+IF(Input!$K$14=4,K1204*Input!$J$14,0)+IF(Input!$K$15=4,L1204*Input!$J$15,0)+IF(Input!$K$16=4,M1204*Input!$J$16,0)</f>
        <v>0</v>
      </c>
    </row>
    <row r="1205" spans="8:17" x14ac:dyDescent="0.25">
      <c r="H1205" s="43">
        <v>1198</v>
      </c>
      <c r="I1205" s="55">
        <f>Bühler!I1231</f>
        <v>1.0331238883264515</v>
      </c>
      <c r="J1205" s="58">
        <f>Bühler!J1231</f>
        <v>8.8862888721152977</v>
      </c>
      <c r="K1205" s="58">
        <f>Bühler!K1231</f>
        <v>0.29457847247888974</v>
      </c>
      <c r="L1205" s="58">
        <f>Bühler!L1231</f>
        <v>0.14728923623944487</v>
      </c>
      <c r="M1205" s="57">
        <f>Bühler!M1231</f>
        <v>0</v>
      </c>
      <c r="N1205" s="55">
        <f>IF(Input!$K$13=1,J1205*Input!$J$13,0)+IF(Input!$K$14=1,K1205*Input!$J$14,0)+IF(Input!$K$15=1,L1205*Input!$J$15,0)+IF(Input!$K$16=1,M1205*Input!$J$16,0)</f>
        <v>1.0663546646538358</v>
      </c>
      <c r="O1205" s="58">
        <f>IF(Input!$K$13=2,J1205*Input!$J$13,0)+IF(Input!$K$14=2,K1205*Input!$J$14,0)+IF(Input!$K$15=2,L1205*Input!$J$15,0)+IF(Input!$K$16=2,M1205*Input!$J$16,0)</f>
        <v>3.9768093784650113E-2</v>
      </c>
      <c r="P1205" s="58">
        <f>IF(Input!$K$13=3,J1205*Input!$J$13,0)+IF(Input!$K$14=3,K1205*Input!$J$14,0)+IF(Input!$K$15=3,L1205*Input!$J$15,0)+IF(Input!$K$16=3,M1205*Input!$J$16,0)</f>
        <v>0</v>
      </c>
      <c r="Q1205" s="71">
        <f>IF(Input!$K$13=4,J1205*Input!$J$13,0)+IF(Input!$K$14=4,K1205*Input!$J$14,0)+IF(Input!$K$15=4,L1205*Input!$J$15,0)+IF(Input!$K$16=4,M1205*Input!$J$16,0)</f>
        <v>0</v>
      </c>
    </row>
    <row r="1206" spans="8:17" x14ac:dyDescent="0.25">
      <c r="H1206" s="43">
        <v>1199</v>
      </c>
      <c r="I1206" s="55">
        <f>Bühler!I1232</f>
        <v>1.0331238883264515</v>
      </c>
      <c r="J1206" s="58">
        <f>Bühler!J1232</f>
        <v>8.8862888721152977</v>
      </c>
      <c r="K1206" s="58">
        <f>Bühler!K1232</f>
        <v>0.29457847247888974</v>
      </c>
      <c r="L1206" s="58">
        <f>Bühler!L1232</f>
        <v>0.14728923623944487</v>
      </c>
      <c r="M1206" s="57">
        <f>Bühler!M1232</f>
        <v>0</v>
      </c>
      <c r="N1206" s="55">
        <f>IF(Input!$K$13=1,J1206*Input!$J$13,0)+IF(Input!$K$14=1,K1206*Input!$J$14,0)+IF(Input!$K$15=1,L1206*Input!$J$15,0)+IF(Input!$K$16=1,M1206*Input!$J$16,0)</f>
        <v>1.0663546646538358</v>
      </c>
      <c r="O1206" s="58">
        <f>IF(Input!$K$13=2,J1206*Input!$J$13,0)+IF(Input!$K$14=2,K1206*Input!$J$14,0)+IF(Input!$K$15=2,L1206*Input!$J$15,0)+IF(Input!$K$16=2,M1206*Input!$J$16,0)</f>
        <v>3.9768093784650113E-2</v>
      </c>
      <c r="P1206" s="58">
        <f>IF(Input!$K$13=3,J1206*Input!$J$13,0)+IF(Input!$K$14=3,K1206*Input!$J$14,0)+IF(Input!$K$15=3,L1206*Input!$J$15,0)+IF(Input!$K$16=3,M1206*Input!$J$16,0)</f>
        <v>0</v>
      </c>
      <c r="Q1206" s="71">
        <f>IF(Input!$K$13=4,J1206*Input!$J$13,0)+IF(Input!$K$14=4,K1206*Input!$J$14,0)+IF(Input!$K$15=4,L1206*Input!$J$15,0)+IF(Input!$K$16=4,M1206*Input!$J$16,0)</f>
        <v>0</v>
      </c>
    </row>
    <row r="1207" spans="8:17" x14ac:dyDescent="0.25">
      <c r="H1207" s="43">
        <v>1200</v>
      </c>
      <c r="I1207" s="55">
        <f>Bühler!I1233</f>
        <v>1.0331238883264515</v>
      </c>
      <c r="J1207" s="58">
        <f>Bühler!J1233</f>
        <v>8.8862888721152977</v>
      </c>
      <c r="K1207" s="58">
        <f>Bühler!K1233</f>
        <v>0.29457847247888974</v>
      </c>
      <c r="L1207" s="58">
        <f>Bühler!L1233</f>
        <v>0.14728923623944487</v>
      </c>
      <c r="M1207" s="57">
        <f>Bühler!M1233</f>
        <v>0</v>
      </c>
      <c r="N1207" s="55">
        <f>IF(Input!$K$13=1,J1207*Input!$J$13,0)+IF(Input!$K$14=1,K1207*Input!$J$14,0)+IF(Input!$K$15=1,L1207*Input!$J$15,0)+IF(Input!$K$16=1,M1207*Input!$J$16,0)</f>
        <v>1.0663546646538358</v>
      </c>
      <c r="O1207" s="58">
        <f>IF(Input!$K$13=2,J1207*Input!$J$13,0)+IF(Input!$K$14=2,K1207*Input!$J$14,0)+IF(Input!$K$15=2,L1207*Input!$J$15,0)+IF(Input!$K$16=2,M1207*Input!$J$16,0)</f>
        <v>3.9768093784650113E-2</v>
      </c>
      <c r="P1207" s="58">
        <f>IF(Input!$K$13=3,J1207*Input!$J$13,0)+IF(Input!$K$14=3,K1207*Input!$J$14,0)+IF(Input!$K$15=3,L1207*Input!$J$15,0)+IF(Input!$K$16=3,M1207*Input!$J$16,0)</f>
        <v>0</v>
      </c>
      <c r="Q1207" s="71">
        <f>IF(Input!$K$13=4,J1207*Input!$J$13,0)+IF(Input!$K$14=4,K1207*Input!$J$14,0)+IF(Input!$K$15=4,L1207*Input!$J$15,0)+IF(Input!$K$16=4,M1207*Input!$J$16,0)</f>
        <v>0</v>
      </c>
    </row>
    <row r="1208" spans="8:17" x14ac:dyDescent="0.25">
      <c r="H1208" s="43">
        <v>1201</v>
      </c>
      <c r="I1208" s="55">
        <f>Bühler!I1234</f>
        <v>1.4735830998579813</v>
      </c>
      <c r="J1208" s="58">
        <f>Bühler!J1234</f>
        <v>11.659023244466752</v>
      </c>
      <c r="K1208" s="58">
        <f>Bühler!K1234</f>
        <v>0.60361989050655673</v>
      </c>
      <c r="L1208" s="58">
        <f>Bühler!L1234</f>
        <v>0.30180994525327837</v>
      </c>
      <c r="M1208" s="57">
        <f>Bühler!M1234</f>
        <v>0</v>
      </c>
      <c r="N1208" s="55">
        <f>IF(Input!$K$13=1,J1208*Input!$J$13,0)+IF(Input!$K$14=1,K1208*Input!$J$14,0)+IF(Input!$K$15=1,L1208*Input!$J$15,0)+IF(Input!$K$16=1,M1208*Input!$J$16,0)</f>
        <v>1.3990827893360103</v>
      </c>
      <c r="O1208" s="58">
        <f>IF(Input!$K$13=2,J1208*Input!$J$13,0)+IF(Input!$K$14=2,K1208*Input!$J$14,0)+IF(Input!$K$15=2,L1208*Input!$J$15,0)+IF(Input!$K$16=2,M1208*Input!$J$16,0)</f>
        <v>8.1488685218385148E-2</v>
      </c>
      <c r="P1208" s="58">
        <f>IF(Input!$K$13=3,J1208*Input!$J$13,0)+IF(Input!$K$14=3,K1208*Input!$J$14,0)+IF(Input!$K$15=3,L1208*Input!$J$15,0)+IF(Input!$K$16=3,M1208*Input!$J$16,0)</f>
        <v>0</v>
      </c>
      <c r="Q1208" s="71">
        <f>IF(Input!$K$13=4,J1208*Input!$J$13,0)+IF(Input!$K$14=4,K1208*Input!$J$14,0)+IF(Input!$K$15=4,L1208*Input!$J$15,0)+IF(Input!$K$16=4,M1208*Input!$J$16,0)</f>
        <v>0</v>
      </c>
    </row>
    <row r="1209" spans="8:17" x14ac:dyDescent="0.25">
      <c r="H1209" s="43">
        <v>1202</v>
      </c>
      <c r="I1209" s="55">
        <f>Bühler!I1235</f>
        <v>1.4735830998579813</v>
      </c>
      <c r="J1209" s="58">
        <f>Bühler!J1235</f>
        <v>11.659023244466752</v>
      </c>
      <c r="K1209" s="58">
        <f>Bühler!K1235</f>
        <v>0.60361989050655673</v>
      </c>
      <c r="L1209" s="58">
        <f>Bühler!L1235</f>
        <v>0.30180994525327837</v>
      </c>
      <c r="M1209" s="57">
        <f>Bühler!M1235</f>
        <v>0</v>
      </c>
      <c r="N1209" s="55">
        <f>IF(Input!$K$13=1,J1209*Input!$J$13,0)+IF(Input!$K$14=1,K1209*Input!$J$14,0)+IF(Input!$K$15=1,L1209*Input!$J$15,0)+IF(Input!$K$16=1,M1209*Input!$J$16,0)</f>
        <v>1.3990827893360103</v>
      </c>
      <c r="O1209" s="58">
        <f>IF(Input!$K$13=2,J1209*Input!$J$13,0)+IF(Input!$K$14=2,K1209*Input!$J$14,0)+IF(Input!$K$15=2,L1209*Input!$J$15,0)+IF(Input!$K$16=2,M1209*Input!$J$16,0)</f>
        <v>8.1488685218385148E-2</v>
      </c>
      <c r="P1209" s="58">
        <f>IF(Input!$K$13=3,J1209*Input!$J$13,0)+IF(Input!$K$14=3,K1209*Input!$J$14,0)+IF(Input!$K$15=3,L1209*Input!$J$15,0)+IF(Input!$K$16=3,M1209*Input!$J$16,0)</f>
        <v>0</v>
      </c>
      <c r="Q1209" s="71">
        <f>IF(Input!$K$13=4,J1209*Input!$J$13,0)+IF(Input!$K$14=4,K1209*Input!$J$14,0)+IF(Input!$K$15=4,L1209*Input!$J$15,0)+IF(Input!$K$16=4,M1209*Input!$J$16,0)</f>
        <v>0</v>
      </c>
    </row>
    <row r="1210" spans="8:17" x14ac:dyDescent="0.25">
      <c r="H1210" s="43">
        <v>1203</v>
      </c>
      <c r="I1210" s="55">
        <f>Bühler!I1236</f>
        <v>1.4735830998579813</v>
      </c>
      <c r="J1210" s="58">
        <f>Bühler!J1236</f>
        <v>11.659023244466752</v>
      </c>
      <c r="K1210" s="58">
        <f>Bühler!K1236</f>
        <v>0.60361989050655673</v>
      </c>
      <c r="L1210" s="58">
        <f>Bühler!L1236</f>
        <v>0.30180994525327837</v>
      </c>
      <c r="M1210" s="57">
        <f>Bühler!M1236</f>
        <v>0</v>
      </c>
      <c r="N1210" s="55">
        <f>IF(Input!$K$13=1,J1210*Input!$J$13,0)+IF(Input!$K$14=1,K1210*Input!$J$14,0)+IF(Input!$K$15=1,L1210*Input!$J$15,0)+IF(Input!$K$16=1,M1210*Input!$J$16,0)</f>
        <v>1.3990827893360103</v>
      </c>
      <c r="O1210" s="58">
        <f>IF(Input!$K$13=2,J1210*Input!$J$13,0)+IF(Input!$K$14=2,K1210*Input!$J$14,0)+IF(Input!$K$15=2,L1210*Input!$J$15,0)+IF(Input!$K$16=2,M1210*Input!$J$16,0)</f>
        <v>8.1488685218385148E-2</v>
      </c>
      <c r="P1210" s="58">
        <f>IF(Input!$K$13=3,J1210*Input!$J$13,0)+IF(Input!$K$14=3,K1210*Input!$J$14,0)+IF(Input!$K$15=3,L1210*Input!$J$15,0)+IF(Input!$K$16=3,M1210*Input!$J$16,0)</f>
        <v>0</v>
      </c>
      <c r="Q1210" s="71">
        <f>IF(Input!$K$13=4,J1210*Input!$J$13,0)+IF(Input!$K$14=4,K1210*Input!$J$14,0)+IF(Input!$K$15=4,L1210*Input!$J$15,0)+IF(Input!$K$16=4,M1210*Input!$J$16,0)</f>
        <v>0</v>
      </c>
    </row>
    <row r="1211" spans="8:17" x14ac:dyDescent="0.25">
      <c r="H1211" s="43">
        <v>1204</v>
      </c>
      <c r="I1211" s="55">
        <f>Bühler!I1237</f>
        <v>1.4735830998579813</v>
      </c>
      <c r="J1211" s="58">
        <f>Bühler!J1237</f>
        <v>11.659023244466752</v>
      </c>
      <c r="K1211" s="58">
        <f>Bühler!K1237</f>
        <v>0.60361989050655673</v>
      </c>
      <c r="L1211" s="58">
        <f>Bühler!L1237</f>
        <v>0.30180994525327837</v>
      </c>
      <c r="M1211" s="57">
        <f>Bühler!M1237</f>
        <v>0</v>
      </c>
      <c r="N1211" s="55">
        <f>IF(Input!$K$13=1,J1211*Input!$J$13,0)+IF(Input!$K$14=1,K1211*Input!$J$14,0)+IF(Input!$K$15=1,L1211*Input!$J$15,0)+IF(Input!$K$16=1,M1211*Input!$J$16,0)</f>
        <v>1.3990827893360103</v>
      </c>
      <c r="O1211" s="58">
        <f>IF(Input!$K$13=2,J1211*Input!$J$13,0)+IF(Input!$K$14=2,K1211*Input!$J$14,0)+IF(Input!$K$15=2,L1211*Input!$J$15,0)+IF(Input!$K$16=2,M1211*Input!$J$16,0)</f>
        <v>8.1488685218385148E-2</v>
      </c>
      <c r="P1211" s="58">
        <f>IF(Input!$K$13=3,J1211*Input!$J$13,0)+IF(Input!$K$14=3,K1211*Input!$J$14,0)+IF(Input!$K$15=3,L1211*Input!$J$15,0)+IF(Input!$K$16=3,M1211*Input!$J$16,0)</f>
        <v>0</v>
      </c>
      <c r="Q1211" s="71">
        <f>IF(Input!$K$13=4,J1211*Input!$J$13,0)+IF(Input!$K$14=4,K1211*Input!$J$14,0)+IF(Input!$K$15=4,L1211*Input!$J$15,0)+IF(Input!$K$16=4,M1211*Input!$J$16,0)</f>
        <v>0</v>
      </c>
    </row>
    <row r="1212" spans="8:17" x14ac:dyDescent="0.25">
      <c r="H1212" s="43">
        <v>1205</v>
      </c>
      <c r="I1212" s="55">
        <f>Bühler!I1238</f>
        <v>1.4735830998579813</v>
      </c>
      <c r="J1212" s="58">
        <f>Bühler!J1238</f>
        <v>11.659023244466752</v>
      </c>
      <c r="K1212" s="58">
        <f>Bühler!K1238</f>
        <v>0.60361989050655673</v>
      </c>
      <c r="L1212" s="58">
        <f>Bühler!L1238</f>
        <v>0.30180994525327837</v>
      </c>
      <c r="M1212" s="57">
        <f>Bühler!M1238</f>
        <v>0</v>
      </c>
      <c r="N1212" s="55">
        <f>IF(Input!$K$13=1,J1212*Input!$J$13,0)+IF(Input!$K$14=1,K1212*Input!$J$14,0)+IF(Input!$K$15=1,L1212*Input!$J$15,0)+IF(Input!$K$16=1,M1212*Input!$J$16,0)</f>
        <v>1.3990827893360103</v>
      </c>
      <c r="O1212" s="58">
        <f>IF(Input!$K$13=2,J1212*Input!$J$13,0)+IF(Input!$K$14=2,K1212*Input!$J$14,0)+IF(Input!$K$15=2,L1212*Input!$J$15,0)+IF(Input!$K$16=2,M1212*Input!$J$16,0)</f>
        <v>8.1488685218385148E-2</v>
      </c>
      <c r="P1212" s="58">
        <f>IF(Input!$K$13=3,J1212*Input!$J$13,0)+IF(Input!$K$14=3,K1212*Input!$J$14,0)+IF(Input!$K$15=3,L1212*Input!$J$15,0)+IF(Input!$K$16=3,M1212*Input!$J$16,0)</f>
        <v>0</v>
      </c>
      <c r="Q1212" s="71">
        <f>IF(Input!$K$13=4,J1212*Input!$J$13,0)+IF(Input!$K$14=4,K1212*Input!$J$14,0)+IF(Input!$K$15=4,L1212*Input!$J$15,0)+IF(Input!$K$16=4,M1212*Input!$J$16,0)</f>
        <v>0</v>
      </c>
    </row>
    <row r="1213" spans="8:17" x14ac:dyDescent="0.25">
      <c r="H1213" s="43">
        <v>1206</v>
      </c>
      <c r="I1213" s="55">
        <f>Bühler!I1239</f>
        <v>1.4735830998579813</v>
      </c>
      <c r="J1213" s="58">
        <f>Bühler!J1239</f>
        <v>11.659023244466752</v>
      </c>
      <c r="K1213" s="58">
        <f>Bühler!K1239</f>
        <v>0.60361989050655673</v>
      </c>
      <c r="L1213" s="58">
        <f>Bühler!L1239</f>
        <v>0.30180994525327837</v>
      </c>
      <c r="M1213" s="57">
        <f>Bühler!M1239</f>
        <v>0</v>
      </c>
      <c r="N1213" s="55">
        <f>IF(Input!$K$13=1,J1213*Input!$J$13,0)+IF(Input!$K$14=1,K1213*Input!$J$14,0)+IF(Input!$K$15=1,L1213*Input!$J$15,0)+IF(Input!$K$16=1,M1213*Input!$J$16,0)</f>
        <v>1.3990827893360103</v>
      </c>
      <c r="O1213" s="58">
        <f>IF(Input!$K$13=2,J1213*Input!$J$13,0)+IF(Input!$K$14=2,K1213*Input!$J$14,0)+IF(Input!$K$15=2,L1213*Input!$J$15,0)+IF(Input!$K$16=2,M1213*Input!$J$16,0)</f>
        <v>8.1488685218385148E-2</v>
      </c>
      <c r="P1213" s="58">
        <f>IF(Input!$K$13=3,J1213*Input!$J$13,0)+IF(Input!$K$14=3,K1213*Input!$J$14,0)+IF(Input!$K$15=3,L1213*Input!$J$15,0)+IF(Input!$K$16=3,M1213*Input!$J$16,0)</f>
        <v>0</v>
      </c>
      <c r="Q1213" s="71">
        <f>IF(Input!$K$13=4,J1213*Input!$J$13,0)+IF(Input!$K$14=4,K1213*Input!$J$14,0)+IF(Input!$K$15=4,L1213*Input!$J$15,0)+IF(Input!$K$16=4,M1213*Input!$J$16,0)</f>
        <v>0</v>
      </c>
    </row>
    <row r="1214" spans="8:17" x14ac:dyDescent="0.25">
      <c r="H1214" s="43">
        <v>1207</v>
      </c>
      <c r="I1214" s="55">
        <f>Bühler!I1240</f>
        <v>1.4735830998579813</v>
      </c>
      <c r="J1214" s="58">
        <f>Bühler!J1240</f>
        <v>11.659023244466752</v>
      </c>
      <c r="K1214" s="58">
        <f>Bühler!K1240</f>
        <v>0.60361989050655673</v>
      </c>
      <c r="L1214" s="58">
        <f>Bühler!L1240</f>
        <v>0.30180994525327837</v>
      </c>
      <c r="M1214" s="57">
        <f>Bühler!M1240</f>
        <v>0</v>
      </c>
      <c r="N1214" s="55">
        <f>IF(Input!$K$13=1,J1214*Input!$J$13,0)+IF(Input!$K$14=1,K1214*Input!$J$14,0)+IF(Input!$K$15=1,L1214*Input!$J$15,0)+IF(Input!$K$16=1,M1214*Input!$J$16,0)</f>
        <v>1.3990827893360103</v>
      </c>
      <c r="O1214" s="58">
        <f>IF(Input!$K$13=2,J1214*Input!$J$13,0)+IF(Input!$K$14=2,K1214*Input!$J$14,0)+IF(Input!$K$15=2,L1214*Input!$J$15,0)+IF(Input!$K$16=2,M1214*Input!$J$16,0)</f>
        <v>8.1488685218385148E-2</v>
      </c>
      <c r="P1214" s="58">
        <f>IF(Input!$K$13=3,J1214*Input!$J$13,0)+IF(Input!$K$14=3,K1214*Input!$J$14,0)+IF(Input!$K$15=3,L1214*Input!$J$15,0)+IF(Input!$K$16=3,M1214*Input!$J$16,0)</f>
        <v>0</v>
      </c>
      <c r="Q1214" s="71">
        <f>IF(Input!$K$13=4,J1214*Input!$J$13,0)+IF(Input!$K$14=4,K1214*Input!$J$14,0)+IF(Input!$K$15=4,L1214*Input!$J$15,0)+IF(Input!$K$16=4,M1214*Input!$J$16,0)</f>
        <v>0</v>
      </c>
    </row>
    <row r="1215" spans="8:17" x14ac:dyDescent="0.25">
      <c r="H1215" s="43">
        <v>1208</v>
      </c>
      <c r="I1215" s="55">
        <f>Bühler!I1241</f>
        <v>6.4100864843822194</v>
      </c>
      <c r="J1215" s="58">
        <f>Bühler!J1241</f>
        <v>49.811113373664512</v>
      </c>
      <c r="K1215" s="58">
        <f>Bühler!K1241</f>
        <v>2.5714207335579311</v>
      </c>
      <c r="L1215" s="58">
        <f>Bühler!L1241</f>
        <v>1.2857103667789656</v>
      </c>
      <c r="M1215" s="57">
        <f>Bühler!M1241</f>
        <v>0</v>
      </c>
      <c r="N1215" s="55">
        <f>IF(Input!$K$13=1,J1215*Input!$J$13,0)+IF(Input!$K$14=1,K1215*Input!$J$14,0)+IF(Input!$K$15=1,L1215*Input!$J$15,0)+IF(Input!$K$16=1,M1215*Input!$J$16,0)</f>
        <v>5.9773336048397407</v>
      </c>
      <c r="O1215" s="58">
        <f>IF(Input!$K$13=2,J1215*Input!$J$13,0)+IF(Input!$K$14=2,K1215*Input!$J$14,0)+IF(Input!$K$15=2,L1215*Input!$J$15,0)+IF(Input!$K$16=2,M1215*Input!$J$16,0)</f>
        <v>0.34714179903032066</v>
      </c>
      <c r="P1215" s="58">
        <f>IF(Input!$K$13=3,J1215*Input!$J$13,0)+IF(Input!$K$14=3,K1215*Input!$J$14,0)+IF(Input!$K$15=3,L1215*Input!$J$15,0)+IF(Input!$K$16=3,M1215*Input!$J$16,0)</f>
        <v>0</v>
      </c>
      <c r="Q1215" s="71">
        <f>IF(Input!$K$13=4,J1215*Input!$J$13,0)+IF(Input!$K$14=4,K1215*Input!$J$14,0)+IF(Input!$K$15=4,L1215*Input!$J$15,0)+IF(Input!$K$16=4,M1215*Input!$J$16,0)</f>
        <v>0</v>
      </c>
    </row>
    <row r="1216" spans="8:17" x14ac:dyDescent="0.25">
      <c r="H1216" s="43">
        <v>1209</v>
      </c>
      <c r="I1216" s="55">
        <f>Bühler!I1242</f>
        <v>7.2113472949299959</v>
      </c>
      <c r="J1216" s="58">
        <f>Bühler!J1242</f>
        <v>56.037502545372575</v>
      </c>
      <c r="K1216" s="58">
        <f>Bühler!K1242</f>
        <v>2.8928483252526727</v>
      </c>
      <c r="L1216" s="58">
        <f>Bühler!L1242</f>
        <v>1.4464241626263363</v>
      </c>
      <c r="M1216" s="57">
        <f>Bühler!M1242</f>
        <v>0</v>
      </c>
      <c r="N1216" s="55">
        <f>IF(Input!$K$13=1,J1216*Input!$J$13,0)+IF(Input!$K$14=1,K1216*Input!$J$14,0)+IF(Input!$K$15=1,L1216*Input!$J$15,0)+IF(Input!$K$16=1,M1216*Input!$J$16,0)</f>
        <v>6.7245003054447086</v>
      </c>
      <c r="O1216" s="58">
        <f>IF(Input!$K$13=2,J1216*Input!$J$13,0)+IF(Input!$K$14=2,K1216*Input!$J$14,0)+IF(Input!$K$15=2,L1216*Input!$J$15,0)+IF(Input!$K$16=2,M1216*Input!$J$16,0)</f>
        <v>0.39053452390911081</v>
      </c>
      <c r="P1216" s="58">
        <f>IF(Input!$K$13=3,J1216*Input!$J$13,0)+IF(Input!$K$14=3,K1216*Input!$J$14,0)+IF(Input!$K$15=3,L1216*Input!$J$15,0)+IF(Input!$K$16=3,M1216*Input!$J$16,0)</f>
        <v>0</v>
      </c>
      <c r="Q1216" s="71">
        <f>IF(Input!$K$13=4,J1216*Input!$J$13,0)+IF(Input!$K$14=4,K1216*Input!$J$14,0)+IF(Input!$K$15=4,L1216*Input!$J$15,0)+IF(Input!$K$16=4,M1216*Input!$J$16,0)</f>
        <v>0</v>
      </c>
    </row>
    <row r="1217" spans="8:17" x14ac:dyDescent="0.25">
      <c r="H1217" s="43">
        <v>1210</v>
      </c>
      <c r="I1217" s="55">
        <f>Bühler!I1243</f>
        <v>8.0126081054777742</v>
      </c>
      <c r="J1217" s="58">
        <f>Bühler!J1243</f>
        <v>62.263891717080639</v>
      </c>
      <c r="K1217" s="58">
        <f>Bühler!K1243</f>
        <v>3.2142759169474142</v>
      </c>
      <c r="L1217" s="58">
        <f>Bühler!L1243</f>
        <v>1.6071379584737071</v>
      </c>
      <c r="M1217" s="57">
        <f>Bühler!M1243</f>
        <v>0</v>
      </c>
      <c r="N1217" s="55">
        <f>IF(Input!$K$13=1,J1217*Input!$J$13,0)+IF(Input!$K$14=1,K1217*Input!$J$14,0)+IF(Input!$K$15=1,L1217*Input!$J$15,0)+IF(Input!$K$16=1,M1217*Input!$J$16,0)</f>
        <v>7.4716670060496764</v>
      </c>
      <c r="O1217" s="58">
        <f>IF(Input!$K$13=2,J1217*Input!$J$13,0)+IF(Input!$K$14=2,K1217*Input!$J$14,0)+IF(Input!$K$15=2,L1217*Input!$J$15,0)+IF(Input!$K$16=2,M1217*Input!$J$16,0)</f>
        <v>0.4339272487879009</v>
      </c>
      <c r="P1217" s="58">
        <f>IF(Input!$K$13=3,J1217*Input!$J$13,0)+IF(Input!$K$14=3,K1217*Input!$J$14,0)+IF(Input!$K$15=3,L1217*Input!$J$15,0)+IF(Input!$K$16=3,M1217*Input!$J$16,0)</f>
        <v>0</v>
      </c>
      <c r="Q1217" s="71">
        <f>IF(Input!$K$13=4,J1217*Input!$J$13,0)+IF(Input!$K$14=4,K1217*Input!$J$14,0)+IF(Input!$K$15=4,L1217*Input!$J$15,0)+IF(Input!$K$16=4,M1217*Input!$J$16,0)</f>
        <v>0</v>
      </c>
    </row>
    <row r="1218" spans="8:17" x14ac:dyDescent="0.25">
      <c r="H1218" s="43">
        <v>1211</v>
      </c>
      <c r="I1218" s="55">
        <f>Bühler!I1244</f>
        <v>8.0126081054777742</v>
      </c>
      <c r="J1218" s="58">
        <f>Bühler!J1244</f>
        <v>62.263891717080639</v>
      </c>
      <c r="K1218" s="58">
        <f>Bühler!K1244</f>
        <v>3.2142759169474142</v>
      </c>
      <c r="L1218" s="58">
        <f>Bühler!L1244</f>
        <v>1.6071379584737071</v>
      </c>
      <c r="M1218" s="57">
        <f>Bühler!M1244</f>
        <v>0</v>
      </c>
      <c r="N1218" s="55">
        <f>IF(Input!$K$13=1,J1218*Input!$J$13,0)+IF(Input!$K$14=1,K1218*Input!$J$14,0)+IF(Input!$K$15=1,L1218*Input!$J$15,0)+IF(Input!$K$16=1,M1218*Input!$J$16,0)</f>
        <v>7.4716670060496764</v>
      </c>
      <c r="O1218" s="58">
        <f>IF(Input!$K$13=2,J1218*Input!$J$13,0)+IF(Input!$K$14=2,K1218*Input!$J$14,0)+IF(Input!$K$15=2,L1218*Input!$J$15,0)+IF(Input!$K$16=2,M1218*Input!$J$16,0)</f>
        <v>0.4339272487879009</v>
      </c>
      <c r="P1218" s="58">
        <f>IF(Input!$K$13=3,J1218*Input!$J$13,0)+IF(Input!$K$14=3,K1218*Input!$J$14,0)+IF(Input!$K$15=3,L1218*Input!$J$15,0)+IF(Input!$K$16=3,M1218*Input!$J$16,0)</f>
        <v>0</v>
      </c>
      <c r="Q1218" s="71">
        <f>IF(Input!$K$13=4,J1218*Input!$J$13,0)+IF(Input!$K$14=4,K1218*Input!$J$14,0)+IF(Input!$K$15=4,L1218*Input!$J$15,0)+IF(Input!$K$16=4,M1218*Input!$J$16,0)</f>
        <v>0</v>
      </c>
    </row>
    <row r="1219" spans="8:17" x14ac:dyDescent="0.25">
      <c r="H1219" s="43">
        <v>1212</v>
      </c>
      <c r="I1219" s="55">
        <f>Bühler!I1245</f>
        <v>9.6151297265733255</v>
      </c>
      <c r="J1219" s="58">
        <f>Bühler!J1245</f>
        <v>74.716670060496767</v>
      </c>
      <c r="K1219" s="58">
        <f>Bühler!K1245</f>
        <v>3.857131100336896</v>
      </c>
      <c r="L1219" s="58">
        <f>Bühler!L1245</f>
        <v>1.928565550168448</v>
      </c>
      <c r="M1219" s="57">
        <f>Bühler!M1245</f>
        <v>0</v>
      </c>
      <c r="N1219" s="55">
        <f>IF(Input!$K$13=1,J1219*Input!$J$13,0)+IF(Input!$K$14=1,K1219*Input!$J$14,0)+IF(Input!$K$15=1,L1219*Input!$J$15,0)+IF(Input!$K$16=1,M1219*Input!$J$16,0)</f>
        <v>8.966000407259612</v>
      </c>
      <c r="O1219" s="58">
        <f>IF(Input!$K$13=2,J1219*Input!$J$13,0)+IF(Input!$K$14=2,K1219*Input!$J$14,0)+IF(Input!$K$15=2,L1219*Input!$J$15,0)+IF(Input!$K$16=2,M1219*Input!$J$16,0)</f>
        <v>0.52071269854548097</v>
      </c>
      <c r="P1219" s="58">
        <f>IF(Input!$K$13=3,J1219*Input!$J$13,0)+IF(Input!$K$14=3,K1219*Input!$J$14,0)+IF(Input!$K$15=3,L1219*Input!$J$15,0)+IF(Input!$K$16=3,M1219*Input!$J$16,0)</f>
        <v>0</v>
      </c>
      <c r="Q1219" s="71">
        <f>IF(Input!$K$13=4,J1219*Input!$J$13,0)+IF(Input!$K$14=4,K1219*Input!$J$14,0)+IF(Input!$K$15=4,L1219*Input!$J$15,0)+IF(Input!$K$16=4,M1219*Input!$J$16,0)</f>
        <v>0</v>
      </c>
    </row>
    <row r="1220" spans="8:17" x14ac:dyDescent="0.25">
      <c r="H1220" s="43">
        <v>1213</v>
      </c>
      <c r="I1220" s="55">
        <f>Bühler!I1246</f>
        <v>9.6151297265733255</v>
      </c>
      <c r="J1220" s="58">
        <f>Bühler!J1246</f>
        <v>74.716670060496767</v>
      </c>
      <c r="K1220" s="58">
        <f>Bühler!K1246</f>
        <v>3.857131100336896</v>
      </c>
      <c r="L1220" s="58">
        <f>Bühler!L1246</f>
        <v>1.928565550168448</v>
      </c>
      <c r="M1220" s="57">
        <f>Bühler!M1246</f>
        <v>0</v>
      </c>
      <c r="N1220" s="55">
        <f>IF(Input!$K$13=1,J1220*Input!$J$13,0)+IF(Input!$K$14=1,K1220*Input!$J$14,0)+IF(Input!$K$15=1,L1220*Input!$J$15,0)+IF(Input!$K$16=1,M1220*Input!$J$16,0)</f>
        <v>8.966000407259612</v>
      </c>
      <c r="O1220" s="58">
        <f>IF(Input!$K$13=2,J1220*Input!$J$13,0)+IF(Input!$K$14=2,K1220*Input!$J$14,0)+IF(Input!$K$15=2,L1220*Input!$J$15,0)+IF(Input!$K$16=2,M1220*Input!$J$16,0)</f>
        <v>0.52071269854548097</v>
      </c>
      <c r="P1220" s="58">
        <f>IF(Input!$K$13=3,J1220*Input!$J$13,0)+IF(Input!$K$14=3,K1220*Input!$J$14,0)+IF(Input!$K$15=3,L1220*Input!$J$15,0)+IF(Input!$K$16=3,M1220*Input!$J$16,0)</f>
        <v>0</v>
      </c>
      <c r="Q1220" s="71">
        <f>IF(Input!$K$13=4,J1220*Input!$J$13,0)+IF(Input!$K$14=4,K1220*Input!$J$14,0)+IF(Input!$K$15=4,L1220*Input!$J$15,0)+IF(Input!$K$16=4,M1220*Input!$J$16,0)</f>
        <v>0</v>
      </c>
    </row>
    <row r="1221" spans="8:17" x14ac:dyDescent="0.25">
      <c r="H1221" s="43">
        <v>1214</v>
      </c>
      <c r="I1221" s="55">
        <f>Bühler!I1247</f>
        <v>6.4100864843822194</v>
      </c>
      <c r="J1221" s="58">
        <f>Bühler!J1247</f>
        <v>49.811113373664512</v>
      </c>
      <c r="K1221" s="58">
        <f>Bühler!K1247</f>
        <v>2.5714207335579311</v>
      </c>
      <c r="L1221" s="58">
        <f>Bühler!L1247</f>
        <v>1.2857103667789656</v>
      </c>
      <c r="M1221" s="57">
        <f>Bühler!M1247</f>
        <v>0</v>
      </c>
      <c r="N1221" s="55">
        <f>IF(Input!$K$13=1,J1221*Input!$J$13,0)+IF(Input!$K$14=1,K1221*Input!$J$14,0)+IF(Input!$K$15=1,L1221*Input!$J$15,0)+IF(Input!$K$16=1,M1221*Input!$J$16,0)</f>
        <v>5.9773336048397407</v>
      </c>
      <c r="O1221" s="58">
        <f>IF(Input!$K$13=2,J1221*Input!$J$13,0)+IF(Input!$K$14=2,K1221*Input!$J$14,0)+IF(Input!$K$15=2,L1221*Input!$J$15,0)+IF(Input!$K$16=2,M1221*Input!$J$16,0)</f>
        <v>0.34714179903032066</v>
      </c>
      <c r="P1221" s="58">
        <f>IF(Input!$K$13=3,J1221*Input!$J$13,0)+IF(Input!$K$14=3,K1221*Input!$J$14,0)+IF(Input!$K$15=3,L1221*Input!$J$15,0)+IF(Input!$K$16=3,M1221*Input!$J$16,0)</f>
        <v>0</v>
      </c>
      <c r="Q1221" s="71">
        <f>IF(Input!$K$13=4,J1221*Input!$J$13,0)+IF(Input!$K$14=4,K1221*Input!$J$14,0)+IF(Input!$K$15=4,L1221*Input!$J$15,0)+IF(Input!$K$16=4,M1221*Input!$J$16,0)</f>
        <v>0</v>
      </c>
    </row>
    <row r="1222" spans="8:17" x14ac:dyDescent="0.25">
      <c r="H1222" s="43">
        <v>1215</v>
      </c>
      <c r="I1222" s="55">
        <f>Bühler!I1248</f>
        <v>9.6151297265733255</v>
      </c>
      <c r="J1222" s="58">
        <f>Bühler!J1248</f>
        <v>74.716670060496767</v>
      </c>
      <c r="K1222" s="58">
        <f>Bühler!K1248</f>
        <v>3.857131100336896</v>
      </c>
      <c r="L1222" s="58">
        <f>Bühler!L1248</f>
        <v>1.928565550168448</v>
      </c>
      <c r="M1222" s="57">
        <f>Bühler!M1248</f>
        <v>0</v>
      </c>
      <c r="N1222" s="55">
        <f>IF(Input!$K$13=1,J1222*Input!$J$13,0)+IF(Input!$K$14=1,K1222*Input!$J$14,0)+IF(Input!$K$15=1,L1222*Input!$J$15,0)+IF(Input!$K$16=1,M1222*Input!$J$16,0)</f>
        <v>8.966000407259612</v>
      </c>
      <c r="O1222" s="58">
        <f>IF(Input!$K$13=2,J1222*Input!$J$13,0)+IF(Input!$K$14=2,K1222*Input!$J$14,0)+IF(Input!$K$15=2,L1222*Input!$J$15,0)+IF(Input!$K$16=2,M1222*Input!$J$16,0)</f>
        <v>0.52071269854548097</v>
      </c>
      <c r="P1222" s="58">
        <f>IF(Input!$K$13=3,J1222*Input!$J$13,0)+IF(Input!$K$14=3,K1222*Input!$J$14,0)+IF(Input!$K$15=3,L1222*Input!$J$15,0)+IF(Input!$K$16=3,M1222*Input!$J$16,0)</f>
        <v>0</v>
      </c>
      <c r="Q1222" s="71">
        <f>IF(Input!$K$13=4,J1222*Input!$J$13,0)+IF(Input!$K$14=4,K1222*Input!$J$14,0)+IF(Input!$K$15=4,L1222*Input!$J$15,0)+IF(Input!$K$16=4,M1222*Input!$J$16,0)</f>
        <v>0</v>
      </c>
    </row>
    <row r="1223" spans="8:17" x14ac:dyDescent="0.25">
      <c r="H1223" s="43">
        <v>1216</v>
      </c>
      <c r="I1223" s="55">
        <f>Bühler!I1249</f>
        <v>9.6151297265733255</v>
      </c>
      <c r="J1223" s="58">
        <f>Bühler!J1249</f>
        <v>74.716670060496767</v>
      </c>
      <c r="K1223" s="58">
        <f>Bühler!K1249</f>
        <v>3.857131100336896</v>
      </c>
      <c r="L1223" s="58">
        <f>Bühler!L1249</f>
        <v>1.928565550168448</v>
      </c>
      <c r="M1223" s="57">
        <f>Bühler!M1249</f>
        <v>0</v>
      </c>
      <c r="N1223" s="55">
        <f>IF(Input!$K$13=1,J1223*Input!$J$13,0)+IF(Input!$K$14=1,K1223*Input!$J$14,0)+IF(Input!$K$15=1,L1223*Input!$J$15,0)+IF(Input!$K$16=1,M1223*Input!$J$16,0)</f>
        <v>8.966000407259612</v>
      </c>
      <c r="O1223" s="58">
        <f>IF(Input!$K$13=2,J1223*Input!$J$13,0)+IF(Input!$K$14=2,K1223*Input!$J$14,0)+IF(Input!$K$15=2,L1223*Input!$J$15,0)+IF(Input!$K$16=2,M1223*Input!$J$16,0)</f>
        <v>0.52071269854548097</v>
      </c>
      <c r="P1223" s="58">
        <f>IF(Input!$K$13=3,J1223*Input!$J$13,0)+IF(Input!$K$14=3,K1223*Input!$J$14,0)+IF(Input!$K$15=3,L1223*Input!$J$15,0)+IF(Input!$K$16=3,M1223*Input!$J$16,0)</f>
        <v>0</v>
      </c>
      <c r="Q1223" s="71">
        <f>IF(Input!$K$13=4,J1223*Input!$J$13,0)+IF(Input!$K$14=4,K1223*Input!$J$14,0)+IF(Input!$K$15=4,L1223*Input!$J$15,0)+IF(Input!$K$16=4,M1223*Input!$J$16,0)</f>
        <v>0</v>
      </c>
    </row>
    <row r="1224" spans="8:17" x14ac:dyDescent="0.25">
      <c r="H1224" s="43">
        <v>1217</v>
      </c>
      <c r="I1224" s="55">
        <f>Bühler!I1250</f>
        <v>8.0126081054777742</v>
      </c>
      <c r="J1224" s="58">
        <f>Bühler!J1250</f>
        <v>46.18882183623672</v>
      </c>
      <c r="K1224" s="58">
        <f>Bühler!K1250</f>
        <v>2.2499931418631895</v>
      </c>
      <c r="L1224" s="58">
        <f>Bühler!L1250</f>
        <v>1.1249965709315948</v>
      </c>
      <c r="M1224" s="57">
        <f>Bühler!M1250</f>
        <v>0</v>
      </c>
      <c r="N1224" s="55">
        <f>IF(Input!$K$13=1,J1224*Input!$J$13,0)+IF(Input!$K$14=1,K1224*Input!$J$14,0)+IF(Input!$K$15=1,L1224*Input!$J$15,0)+IF(Input!$K$16=1,M1224*Input!$J$16,0)</f>
        <v>5.5426586203484058</v>
      </c>
      <c r="O1224" s="58">
        <f>IF(Input!$K$13=2,J1224*Input!$J$13,0)+IF(Input!$K$14=2,K1224*Input!$J$14,0)+IF(Input!$K$15=2,L1224*Input!$J$15,0)+IF(Input!$K$16=2,M1224*Input!$J$16,0)</f>
        <v>0.30374907415153057</v>
      </c>
      <c r="P1224" s="58">
        <f>IF(Input!$K$13=3,J1224*Input!$J$13,0)+IF(Input!$K$14=3,K1224*Input!$J$14,0)+IF(Input!$K$15=3,L1224*Input!$J$15,0)+IF(Input!$K$16=3,M1224*Input!$J$16,0)</f>
        <v>0</v>
      </c>
      <c r="Q1224" s="71">
        <f>IF(Input!$K$13=4,J1224*Input!$J$13,0)+IF(Input!$K$14=4,K1224*Input!$J$14,0)+IF(Input!$K$15=4,L1224*Input!$J$15,0)+IF(Input!$K$16=4,M1224*Input!$J$16,0)</f>
        <v>0</v>
      </c>
    </row>
    <row r="1225" spans="8:17" x14ac:dyDescent="0.25">
      <c r="H1225" s="43">
        <v>1218</v>
      </c>
      <c r="I1225" s="55">
        <f>Bühler!I1251</f>
        <v>6.4469260618786679</v>
      </c>
      <c r="J1225" s="58">
        <f>Bühler!J1251</f>
        <v>17.700883154264506</v>
      </c>
      <c r="K1225" s="58">
        <f>Bühler!K1251</f>
        <v>0.64285518338948278</v>
      </c>
      <c r="L1225" s="58">
        <f>Bühler!L1251</f>
        <v>0.32142759169474139</v>
      </c>
      <c r="M1225" s="57">
        <f>Bühler!M1251</f>
        <v>0</v>
      </c>
      <c r="N1225" s="55">
        <f>IF(Input!$K$13=1,J1225*Input!$J$13,0)+IF(Input!$K$14=1,K1225*Input!$J$14,0)+IF(Input!$K$15=1,L1225*Input!$J$15,0)+IF(Input!$K$16=1,M1225*Input!$J$16,0)</f>
        <v>2.1241059785117407</v>
      </c>
      <c r="O1225" s="58">
        <f>IF(Input!$K$13=2,J1225*Input!$J$13,0)+IF(Input!$K$14=2,K1225*Input!$J$14,0)+IF(Input!$K$15=2,L1225*Input!$J$15,0)+IF(Input!$K$16=2,M1225*Input!$J$16,0)</f>
        <v>8.6785449757580166E-2</v>
      </c>
      <c r="P1225" s="58">
        <f>IF(Input!$K$13=3,J1225*Input!$J$13,0)+IF(Input!$K$14=3,K1225*Input!$J$14,0)+IF(Input!$K$15=3,L1225*Input!$J$15,0)+IF(Input!$K$16=3,M1225*Input!$J$16,0)</f>
        <v>0</v>
      </c>
      <c r="Q1225" s="71">
        <f>IF(Input!$K$13=4,J1225*Input!$J$13,0)+IF(Input!$K$14=4,K1225*Input!$J$14,0)+IF(Input!$K$15=4,L1225*Input!$J$15,0)+IF(Input!$K$16=4,M1225*Input!$J$16,0)</f>
        <v>0</v>
      </c>
    </row>
    <row r="1226" spans="8:17" x14ac:dyDescent="0.25">
      <c r="H1226" s="43">
        <v>1219</v>
      </c>
      <c r="I1226" s="55">
        <f>Bühler!I1252</f>
        <v>2.302473593528096</v>
      </c>
      <c r="J1226" s="58">
        <f>Bühler!J1252</f>
        <v>13.060120023590407</v>
      </c>
      <c r="K1226" s="58">
        <f>Bühler!K1252</f>
        <v>0.63380088503188436</v>
      </c>
      <c r="L1226" s="58">
        <f>Bühler!L1252</f>
        <v>0.31690044251594218</v>
      </c>
      <c r="M1226" s="57">
        <f>Bühler!M1252</f>
        <v>0</v>
      </c>
      <c r="N1226" s="55">
        <f>IF(Input!$K$13=1,J1226*Input!$J$13,0)+IF(Input!$K$14=1,K1226*Input!$J$14,0)+IF(Input!$K$15=1,L1226*Input!$J$15,0)+IF(Input!$K$16=1,M1226*Input!$J$16,0)</f>
        <v>1.5672144028308488</v>
      </c>
      <c r="O1226" s="58">
        <f>IF(Input!$K$13=2,J1226*Input!$J$13,0)+IF(Input!$K$14=2,K1226*Input!$J$14,0)+IF(Input!$K$15=2,L1226*Input!$J$15,0)+IF(Input!$K$16=2,M1226*Input!$J$16,0)</f>
        <v>8.5563119479304395E-2</v>
      </c>
      <c r="P1226" s="58">
        <f>IF(Input!$K$13=3,J1226*Input!$J$13,0)+IF(Input!$K$14=3,K1226*Input!$J$14,0)+IF(Input!$K$15=3,L1226*Input!$J$15,0)+IF(Input!$K$16=3,M1226*Input!$J$16,0)</f>
        <v>0</v>
      </c>
      <c r="Q1226" s="71">
        <f>IF(Input!$K$13=4,J1226*Input!$J$13,0)+IF(Input!$K$14=4,K1226*Input!$J$14,0)+IF(Input!$K$15=4,L1226*Input!$J$15,0)+IF(Input!$K$16=4,M1226*Input!$J$16,0)</f>
        <v>0</v>
      </c>
    </row>
    <row r="1227" spans="8:17" x14ac:dyDescent="0.25">
      <c r="H1227" s="43">
        <v>1220</v>
      </c>
      <c r="I1227" s="55">
        <f>Bühler!I1253</f>
        <v>2.302473593528096</v>
      </c>
      <c r="J1227" s="58">
        <f>Bühler!J1253</f>
        <v>13.060120023590407</v>
      </c>
      <c r="K1227" s="58">
        <f>Bühler!K1253</f>
        <v>0.63380088503188436</v>
      </c>
      <c r="L1227" s="58">
        <f>Bühler!L1253</f>
        <v>0.31690044251594218</v>
      </c>
      <c r="M1227" s="57">
        <f>Bühler!M1253</f>
        <v>0</v>
      </c>
      <c r="N1227" s="55">
        <f>IF(Input!$K$13=1,J1227*Input!$J$13,0)+IF(Input!$K$14=1,K1227*Input!$J$14,0)+IF(Input!$K$15=1,L1227*Input!$J$15,0)+IF(Input!$K$16=1,M1227*Input!$J$16,0)</f>
        <v>1.5672144028308488</v>
      </c>
      <c r="O1227" s="58">
        <f>IF(Input!$K$13=2,J1227*Input!$J$13,0)+IF(Input!$K$14=2,K1227*Input!$J$14,0)+IF(Input!$K$15=2,L1227*Input!$J$15,0)+IF(Input!$K$16=2,M1227*Input!$J$16,0)</f>
        <v>8.5563119479304395E-2</v>
      </c>
      <c r="P1227" s="58">
        <f>IF(Input!$K$13=3,J1227*Input!$J$13,0)+IF(Input!$K$14=3,K1227*Input!$J$14,0)+IF(Input!$K$15=3,L1227*Input!$J$15,0)+IF(Input!$K$16=3,M1227*Input!$J$16,0)</f>
        <v>0</v>
      </c>
      <c r="Q1227" s="71">
        <f>IF(Input!$K$13=4,J1227*Input!$J$13,0)+IF(Input!$K$14=4,K1227*Input!$J$14,0)+IF(Input!$K$15=4,L1227*Input!$J$15,0)+IF(Input!$K$16=4,M1227*Input!$J$16,0)</f>
        <v>0</v>
      </c>
    </row>
    <row r="1228" spans="8:17" x14ac:dyDescent="0.25">
      <c r="H1228" s="43">
        <v>1221</v>
      </c>
      <c r="I1228" s="55">
        <f>Bühler!I1254</f>
        <v>2.302473593528096</v>
      </c>
      <c r="J1228" s="58">
        <f>Bühler!J1254</f>
        <v>13.060120023590407</v>
      </c>
      <c r="K1228" s="58">
        <f>Bühler!K1254</f>
        <v>0.63380088503188436</v>
      </c>
      <c r="L1228" s="58">
        <f>Bühler!L1254</f>
        <v>0.31690044251594218</v>
      </c>
      <c r="M1228" s="57">
        <f>Bühler!M1254</f>
        <v>0</v>
      </c>
      <c r="N1228" s="55">
        <f>IF(Input!$K$13=1,J1228*Input!$J$13,0)+IF(Input!$K$14=1,K1228*Input!$J$14,0)+IF(Input!$K$15=1,L1228*Input!$J$15,0)+IF(Input!$K$16=1,M1228*Input!$J$16,0)</f>
        <v>1.5672144028308488</v>
      </c>
      <c r="O1228" s="58">
        <f>IF(Input!$K$13=2,J1228*Input!$J$13,0)+IF(Input!$K$14=2,K1228*Input!$J$14,0)+IF(Input!$K$15=2,L1228*Input!$J$15,0)+IF(Input!$K$16=2,M1228*Input!$J$16,0)</f>
        <v>8.5563119479304395E-2</v>
      </c>
      <c r="P1228" s="58">
        <f>IF(Input!$K$13=3,J1228*Input!$J$13,0)+IF(Input!$K$14=3,K1228*Input!$J$14,0)+IF(Input!$K$15=3,L1228*Input!$J$15,0)+IF(Input!$K$16=3,M1228*Input!$J$16,0)</f>
        <v>0</v>
      </c>
      <c r="Q1228" s="71">
        <f>IF(Input!$K$13=4,J1228*Input!$J$13,0)+IF(Input!$K$14=4,K1228*Input!$J$14,0)+IF(Input!$K$15=4,L1228*Input!$J$15,0)+IF(Input!$K$16=4,M1228*Input!$J$16,0)</f>
        <v>0</v>
      </c>
    </row>
    <row r="1229" spans="8:17" x14ac:dyDescent="0.25">
      <c r="H1229" s="43">
        <v>1222</v>
      </c>
      <c r="I1229" s="55">
        <f>Bühler!I1255</f>
        <v>2.302473593528096</v>
      </c>
      <c r="J1229" s="58">
        <f>Bühler!J1255</f>
        <v>13.060120023590407</v>
      </c>
      <c r="K1229" s="58">
        <f>Bühler!K1255</f>
        <v>0.63380088503188436</v>
      </c>
      <c r="L1229" s="58">
        <f>Bühler!L1255</f>
        <v>0.31690044251594218</v>
      </c>
      <c r="M1229" s="57">
        <f>Bühler!M1255</f>
        <v>0</v>
      </c>
      <c r="N1229" s="55">
        <f>IF(Input!$K$13=1,J1229*Input!$J$13,0)+IF(Input!$K$14=1,K1229*Input!$J$14,0)+IF(Input!$K$15=1,L1229*Input!$J$15,0)+IF(Input!$K$16=1,M1229*Input!$J$16,0)</f>
        <v>1.5672144028308488</v>
      </c>
      <c r="O1229" s="58">
        <f>IF(Input!$K$13=2,J1229*Input!$J$13,0)+IF(Input!$K$14=2,K1229*Input!$J$14,0)+IF(Input!$K$15=2,L1229*Input!$J$15,0)+IF(Input!$K$16=2,M1229*Input!$J$16,0)</f>
        <v>8.5563119479304395E-2</v>
      </c>
      <c r="P1229" s="58">
        <f>IF(Input!$K$13=3,J1229*Input!$J$13,0)+IF(Input!$K$14=3,K1229*Input!$J$14,0)+IF(Input!$K$15=3,L1229*Input!$J$15,0)+IF(Input!$K$16=3,M1229*Input!$J$16,0)</f>
        <v>0</v>
      </c>
      <c r="Q1229" s="71">
        <f>IF(Input!$K$13=4,J1229*Input!$J$13,0)+IF(Input!$K$14=4,K1229*Input!$J$14,0)+IF(Input!$K$15=4,L1229*Input!$J$15,0)+IF(Input!$K$16=4,M1229*Input!$J$16,0)</f>
        <v>0</v>
      </c>
    </row>
    <row r="1230" spans="8:17" x14ac:dyDescent="0.25">
      <c r="H1230" s="43">
        <v>1223</v>
      </c>
      <c r="I1230" s="55">
        <f>Bühler!I1256</f>
        <v>2.302473593528096</v>
      </c>
      <c r="J1230" s="58">
        <f>Bühler!J1256</f>
        <v>13.060120023590407</v>
      </c>
      <c r="K1230" s="58">
        <f>Bühler!K1256</f>
        <v>0.63380088503188436</v>
      </c>
      <c r="L1230" s="58">
        <f>Bühler!L1256</f>
        <v>0.31690044251594218</v>
      </c>
      <c r="M1230" s="57">
        <f>Bühler!M1256</f>
        <v>0</v>
      </c>
      <c r="N1230" s="55">
        <f>IF(Input!$K$13=1,J1230*Input!$J$13,0)+IF(Input!$K$14=1,K1230*Input!$J$14,0)+IF(Input!$K$15=1,L1230*Input!$J$15,0)+IF(Input!$K$16=1,M1230*Input!$J$16,0)</f>
        <v>1.5672144028308488</v>
      </c>
      <c r="O1230" s="58">
        <f>IF(Input!$K$13=2,J1230*Input!$J$13,0)+IF(Input!$K$14=2,K1230*Input!$J$14,0)+IF(Input!$K$15=2,L1230*Input!$J$15,0)+IF(Input!$K$16=2,M1230*Input!$J$16,0)</f>
        <v>8.5563119479304395E-2</v>
      </c>
      <c r="P1230" s="58">
        <f>IF(Input!$K$13=3,J1230*Input!$J$13,0)+IF(Input!$K$14=3,K1230*Input!$J$14,0)+IF(Input!$K$15=3,L1230*Input!$J$15,0)+IF(Input!$K$16=3,M1230*Input!$J$16,0)</f>
        <v>0</v>
      </c>
      <c r="Q1230" s="71">
        <f>IF(Input!$K$13=4,J1230*Input!$J$13,0)+IF(Input!$K$14=4,K1230*Input!$J$14,0)+IF(Input!$K$15=4,L1230*Input!$J$15,0)+IF(Input!$K$16=4,M1230*Input!$J$16,0)</f>
        <v>0</v>
      </c>
    </row>
    <row r="1231" spans="8:17" x14ac:dyDescent="0.25">
      <c r="H1231" s="43">
        <v>1224</v>
      </c>
      <c r="I1231" s="55">
        <f>Bühler!I1257</f>
        <v>2.302473593528096</v>
      </c>
      <c r="J1231" s="58">
        <f>Bühler!J1257</f>
        <v>13.060120023590407</v>
      </c>
      <c r="K1231" s="58">
        <f>Bühler!K1257</f>
        <v>0.63380088503188436</v>
      </c>
      <c r="L1231" s="58">
        <f>Bühler!L1257</f>
        <v>0.31690044251594218</v>
      </c>
      <c r="M1231" s="57">
        <f>Bühler!M1257</f>
        <v>0</v>
      </c>
      <c r="N1231" s="55">
        <f>IF(Input!$K$13=1,J1231*Input!$J$13,0)+IF(Input!$K$14=1,K1231*Input!$J$14,0)+IF(Input!$K$15=1,L1231*Input!$J$15,0)+IF(Input!$K$16=1,M1231*Input!$J$16,0)</f>
        <v>1.5672144028308488</v>
      </c>
      <c r="O1231" s="58">
        <f>IF(Input!$K$13=2,J1231*Input!$J$13,0)+IF(Input!$K$14=2,K1231*Input!$J$14,0)+IF(Input!$K$15=2,L1231*Input!$J$15,0)+IF(Input!$K$16=2,M1231*Input!$J$16,0)</f>
        <v>8.5563119479304395E-2</v>
      </c>
      <c r="P1231" s="58">
        <f>IF(Input!$K$13=3,J1231*Input!$J$13,0)+IF(Input!$K$14=3,K1231*Input!$J$14,0)+IF(Input!$K$15=3,L1231*Input!$J$15,0)+IF(Input!$K$16=3,M1231*Input!$J$16,0)</f>
        <v>0</v>
      </c>
      <c r="Q1231" s="71">
        <f>IF(Input!$K$13=4,J1231*Input!$J$13,0)+IF(Input!$K$14=4,K1231*Input!$J$14,0)+IF(Input!$K$15=4,L1231*Input!$J$15,0)+IF(Input!$K$16=4,M1231*Input!$J$16,0)</f>
        <v>0</v>
      </c>
    </row>
    <row r="1232" spans="8:17" x14ac:dyDescent="0.25">
      <c r="H1232" s="43">
        <v>1225</v>
      </c>
      <c r="I1232" s="55">
        <f>Bühler!I1258</f>
        <v>0.61440903812204417</v>
      </c>
      <c r="J1232" s="58">
        <f>Bühler!J1258</f>
        <v>6.485872064529044</v>
      </c>
      <c r="K1232" s="58">
        <f>Bühler!K1258</f>
        <v>0.39305883548621234</v>
      </c>
      <c r="L1232" s="58">
        <f>Bühler!L1258</f>
        <v>0.19652941774310617</v>
      </c>
      <c r="M1232" s="57">
        <f>Bühler!M1258</f>
        <v>0</v>
      </c>
      <c r="N1232" s="55">
        <f>IF(Input!$K$13=1,J1232*Input!$J$13,0)+IF(Input!$K$14=1,K1232*Input!$J$14,0)+IF(Input!$K$15=1,L1232*Input!$J$15,0)+IF(Input!$K$16=1,M1232*Input!$J$16,0)</f>
        <v>0.77830464774348529</v>
      </c>
      <c r="O1232" s="58">
        <f>IF(Input!$K$13=2,J1232*Input!$J$13,0)+IF(Input!$K$14=2,K1232*Input!$J$14,0)+IF(Input!$K$15=2,L1232*Input!$J$15,0)+IF(Input!$K$16=2,M1232*Input!$J$16,0)</f>
        <v>5.3062942790638667E-2</v>
      </c>
      <c r="P1232" s="58">
        <f>IF(Input!$K$13=3,J1232*Input!$J$13,0)+IF(Input!$K$14=3,K1232*Input!$J$14,0)+IF(Input!$K$15=3,L1232*Input!$J$15,0)+IF(Input!$K$16=3,M1232*Input!$J$16,0)</f>
        <v>0</v>
      </c>
      <c r="Q1232" s="71">
        <f>IF(Input!$K$13=4,J1232*Input!$J$13,0)+IF(Input!$K$14=4,K1232*Input!$J$14,0)+IF(Input!$K$15=4,L1232*Input!$J$15,0)+IF(Input!$K$16=4,M1232*Input!$J$16,0)</f>
        <v>0</v>
      </c>
    </row>
    <row r="1233" spans="8:17" x14ac:dyDescent="0.25">
      <c r="H1233" s="43">
        <v>1226</v>
      </c>
      <c r="I1233" s="55">
        <f>Bühler!I1259</f>
        <v>0.61440903812204417</v>
      </c>
      <c r="J1233" s="58">
        <f>Bühler!J1259</f>
        <v>9.5345808743162728</v>
      </c>
      <c r="K1233" s="58">
        <f>Bühler!K1259</f>
        <v>0.59894679693137132</v>
      </c>
      <c r="L1233" s="58">
        <f>Bühler!L1259</f>
        <v>0.29947339846568566</v>
      </c>
      <c r="M1233" s="57">
        <f>Bühler!M1259</f>
        <v>0</v>
      </c>
      <c r="N1233" s="55">
        <f>IF(Input!$K$13=1,J1233*Input!$J$13,0)+IF(Input!$K$14=1,K1233*Input!$J$14,0)+IF(Input!$K$15=1,L1233*Input!$J$15,0)+IF(Input!$K$16=1,M1233*Input!$J$16,0)</f>
        <v>1.1441497049179528</v>
      </c>
      <c r="O1233" s="58">
        <f>IF(Input!$K$13=2,J1233*Input!$J$13,0)+IF(Input!$K$14=2,K1233*Input!$J$14,0)+IF(Input!$K$15=2,L1233*Input!$J$15,0)+IF(Input!$K$16=2,M1233*Input!$J$16,0)</f>
        <v>8.0857817585735126E-2</v>
      </c>
      <c r="P1233" s="58">
        <f>IF(Input!$K$13=3,J1233*Input!$J$13,0)+IF(Input!$K$14=3,K1233*Input!$J$14,0)+IF(Input!$K$15=3,L1233*Input!$J$15,0)+IF(Input!$K$16=3,M1233*Input!$J$16,0)</f>
        <v>0</v>
      </c>
      <c r="Q1233" s="71">
        <f>IF(Input!$K$13=4,J1233*Input!$J$13,0)+IF(Input!$K$14=4,K1233*Input!$J$14,0)+IF(Input!$K$15=4,L1233*Input!$J$15,0)+IF(Input!$K$16=4,M1233*Input!$J$16,0)</f>
        <v>0</v>
      </c>
    </row>
    <row r="1234" spans="8:17" x14ac:dyDescent="0.25">
      <c r="H1234" s="43">
        <v>1227</v>
      </c>
      <c r="I1234" s="55">
        <f>Bühler!I1260</f>
        <v>0.61440903812204417</v>
      </c>
      <c r="J1234" s="58">
        <f>Bühler!J1260</f>
        <v>9.5345808743162728</v>
      </c>
      <c r="K1234" s="58">
        <f>Bühler!K1260</f>
        <v>0.59894679693137132</v>
      </c>
      <c r="L1234" s="58">
        <f>Bühler!L1260</f>
        <v>0.29947339846568566</v>
      </c>
      <c r="M1234" s="57">
        <f>Bühler!M1260</f>
        <v>0</v>
      </c>
      <c r="N1234" s="55">
        <f>IF(Input!$K$13=1,J1234*Input!$J$13,0)+IF(Input!$K$14=1,K1234*Input!$J$14,0)+IF(Input!$K$15=1,L1234*Input!$J$15,0)+IF(Input!$K$16=1,M1234*Input!$J$16,0)</f>
        <v>1.1441497049179528</v>
      </c>
      <c r="O1234" s="58">
        <f>IF(Input!$K$13=2,J1234*Input!$J$13,0)+IF(Input!$K$14=2,K1234*Input!$J$14,0)+IF(Input!$K$15=2,L1234*Input!$J$15,0)+IF(Input!$K$16=2,M1234*Input!$J$16,0)</f>
        <v>8.0857817585735126E-2</v>
      </c>
      <c r="P1234" s="58">
        <f>IF(Input!$K$13=3,J1234*Input!$J$13,0)+IF(Input!$K$14=3,K1234*Input!$J$14,0)+IF(Input!$K$15=3,L1234*Input!$J$15,0)+IF(Input!$K$16=3,M1234*Input!$J$16,0)</f>
        <v>0</v>
      </c>
      <c r="Q1234" s="71">
        <f>IF(Input!$K$13=4,J1234*Input!$J$13,0)+IF(Input!$K$14=4,K1234*Input!$J$14,0)+IF(Input!$K$15=4,L1234*Input!$J$15,0)+IF(Input!$K$16=4,M1234*Input!$J$16,0)</f>
        <v>0</v>
      </c>
    </row>
    <row r="1235" spans="8:17" x14ac:dyDescent="0.25">
      <c r="H1235" s="43">
        <v>1228</v>
      </c>
      <c r="I1235" s="55">
        <f>Bühler!I1261</f>
        <v>0.61440903812204417</v>
      </c>
      <c r="J1235" s="58">
        <f>Bühler!J1261</f>
        <v>9.5345808743162728</v>
      </c>
      <c r="K1235" s="58">
        <f>Bühler!K1261</f>
        <v>0.59894679693137132</v>
      </c>
      <c r="L1235" s="58">
        <f>Bühler!L1261</f>
        <v>0.29947339846568566</v>
      </c>
      <c r="M1235" s="57">
        <f>Bühler!M1261</f>
        <v>0</v>
      </c>
      <c r="N1235" s="55">
        <f>IF(Input!$K$13=1,J1235*Input!$J$13,0)+IF(Input!$K$14=1,K1235*Input!$J$14,0)+IF(Input!$K$15=1,L1235*Input!$J$15,0)+IF(Input!$K$16=1,M1235*Input!$J$16,0)</f>
        <v>1.1441497049179528</v>
      </c>
      <c r="O1235" s="58">
        <f>IF(Input!$K$13=2,J1235*Input!$J$13,0)+IF(Input!$K$14=2,K1235*Input!$J$14,0)+IF(Input!$K$15=2,L1235*Input!$J$15,0)+IF(Input!$K$16=2,M1235*Input!$J$16,0)</f>
        <v>8.0857817585735126E-2</v>
      </c>
      <c r="P1235" s="58">
        <f>IF(Input!$K$13=3,J1235*Input!$J$13,0)+IF(Input!$K$14=3,K1235*Input!$J$14,0)+IF(Input!$K$15=3,L1235*Input!$J$15,0)+IF(Input!$K$16=3,M1235*Input!$J$16,0)</f>
        <v>0</v>
      </c>
      <c r="Q1235" s="71">
        <f>IF(Input!$K$13=4,J1235*Input!$J$13,0)+IF(Input!$K$14=4,K1235*Input!$J$14,0)+IF(Input!$K$15=4,L1235*Input!$J$15,0)+IF(Input!$K$16=4,M1235*Input!$J$16,0)</f>
        <v>0</v>
      </c>
    </row>
    <row r="1236" spans="8:17" x14ac:dyDescent="0.25">
      <c r="H1236" s="43">
        <v>1229</v>
      </c>
      <c r="I1236" s="55">
        <f>Bühler!I1262</f>
        <v>0.61440903812204417</v>
      </c>
      <c r="J1236" s="58">
        <f>Bühler!J1262</f>
        <v>9.5345808743162728</v>
      </c>
      <c r="K1236" s="58">
        <f>Bühler!K1262</f>
        <v>0.59894679693137132</v>
      </c>
      <c r="L1236" s="58">
        <f>Bühler!L1262</f>
        <v>0.29947339846568566</v>
      </c>
      <c r="M1236" s="57">
        <f>Bühler!M1262</f>
        <v>0</v>
      </c>
      <c r="N1236" s="55">
        <f>IF(Input!$K$13=1,J1236*Input!$J$13,0)+IF(Input!$K$14=1,K1236*Input!$J$14,0)+IF(Input!$K$15=1,L1236*Input!$J$15,0)+IF(Input!$K$16=1,M1236*Input!$J$16,0)</f>
        <v>1.1441497049179528</v>
      </c>
      <c r="O1236" s="58">
        <f>IF(Input!$K$13=2,J1236*Input!$J$13,0)+IF(Input!$K$14=2,K1236*Input!$J$14,0)+IF(Input!$K$15=2,L1236*Input!$J$15,0)+IF(Input!$K$16=2,M1236*Input!$J$16,0)</f>
        <v>8.0857817585735126E-2</v>
      </c>
      <c r="P1236" s="58">
        <f>IF(Input!$K$13=3,J1236*Input!$J$13,0)+IF(Input!$K$14=3,K1236*Input!$J$14,0)+IF(Input!$K$15=3,L1236*Input!$J$15,0)+IF(Input!$K$16=3,M1236*Input!$J$16,0)</f>
        <v>0</v>
      </c>
      <c r="Q1236" s="71">
        <f>IF(Input!$K$13=4,J1236*Input!$J$13,0)+IF(Input!$K$14=4,K1236*Input!$J$14,0)+IF(Input!$K$15=4,L1236*Input!$J$15,0)+IF(Input!$K$16=4,M1236*Input!$J$16,0)</f>
        <v>0</v>
      </c>
    </row>
    <row r="1237" spans="8:17" x14ac:dyDescent="0.25">
      <c r="H1237" s="43">
        <v>1230</v>
      </c>
      <c r="I1237" s="55">
        <f>Bühler!I1263</f>
        <v>0.61440903812204417</v>
      </c>
      <c r="J1237" s="58">
        <f>Bühler!J1263</f>
        <v>9.5345808743162728</v>
      </c>
      <c r="K1237" s="58">
        <f>Bühler!K1263</f>
        <v>0.59894679693137132</v>
      </c>
      <c r="L1237" s="58">
        <f>Bühler!L1263</f>
        <v>0.29947339846568566</v>
      </c>
      <c r="M1237" s="57">
        <f>Bühler!M1263</f>
        <v>0</v>
      </c>
      <c r="N1237" s="55">
        <f>IF(Input!$K$13=1,J1237*Input!$J$13,0)+IF(Input!$K$14=1,K1237*Input!$J$14,0)+IF(Input!$K$15=1,L1237*Input!$J$15,0)+IF(Input!$K$16=1,M1237*Input!$J$16,0)</f>
        <v>1.1441497049179528</v>
      </c>
      <c r="O1237" s="58">
        <f>IF(Input!$K$13=2,J1237*Input!$J$13,0)+IF(Input!$K$14=2,K1237*Input!$J$14,0)+IF(Input!$K$15=2,L1237*Input!$J$15,0)+IF(Input!$K$16=2,M1237*Input!$J$16,0)</f>
        <v>8.0857817585735126E-2</v>
      </c>
      <c r="P1237" s="58">
        <f>IF(Input!$K$13=3,J1237*Input!$J$13,0)+IF(Input!$K$14=3,K1237*Input!$J$14,0)+IF(Input!$K$15=3,L1237*Input!$J$15,0)+IF(Input!$K$16=3,M1237*Input!$J$16,0)</f>
        <v>0</v>
      </c>
      <c r="Q1237" s="71">
        <f>IF(Input!$K$13=4,J1237*Input!$J$13,0)+IF(Input!$K$14=4,K1237*Input!$J$14,0)+IF(Input!$K$15=4,L1237*Input!$J$15,0)+IF(Input!$K$16=4,M1237*Input!$J$16,0)</f>
        <v>0</v>
      </c>
    </row>
    <row r="1238" spans="8:17" x14ac:dyDescent="0.25">
      <c r="H1238" s="43">
        <v>1231</v>
      </c>
      <c r="I1238" s="55">
        <f>Bühler!I1264</f>
        <v>0.61440903812204417</v>
      </c>
      <c r="J1238" s="58">
        <f>Bühler!J1264</f>
        <v>9.5345808743162728</v>
      </c>
      <c r="K1238" s="58">
        <f>Bühler!K1264</f>
        <v>0.59894679693137132</v>
      </c>
      <c r="L1238" s="58">
        <f>Bühler!L1264</f>
        <v>0.29947339846568566</v>
      </c>
      <c r="M1238" s="57">
        <f>Bühler!M1264</f>
        <v>0</v>
      </c>
      <c r="N1238" s="55">
        <f>IF(Input!$K$13=1,J1238*Input!$J$13,0)+IF(Input!$K$14=1,K1238*Input!$J$14,0)+IF(Input!$K$15=1,L1238*Input!$J$15,0)+IF(Input!$K$16=1,M1238*Input!$J$16,0)</f>
        <v>1.1441497049179528</v>
      </c>
      <c r="O1238" s="58">
        <f>IF(Input!$K$13=2,J1238*Input!$J$13,0)+IF(Input!$K$14=2,K1238*Input!$J$14,0)+IF(Input!$K$15=2,L1238*Input!$J$15,0)+IF(Input!$K$16=2,M1238*Input!$J$16,0)</f>
        <v>8.0857817585735126E-2</v>
      </c>
      <c r="P1238" s="58">
        <f>IF(Input!$K$13=3,J1238*Input!$J$13,0)+IF(Input!$K$14=3,K1238*Input!$J$14,0)+IF(Input!$K$15=3,L1238*Input!$J$15,0)+IF(Input!$K$16=3,M1238*Input!$J$16,0)</f>
        <v>0</v>
      </c>
      <c r="Q1238" s="71">
        <f>IF(Input!$K$13=4,J1238*Input!$J$13,0)+IF(Input!$K$14=4,K1238*Input!$J$14,0)+IF(Input!$K$15=4,L1238*Input!$J$15,0)+IF(Input!$K$16=4,M1238*Input!$J$16,0)</f>
        <v>0</v>
      </c>
    </row>
    <row r="1239" spans="8:17" x14ac:dyDescent="0.25">
      <c r="H1239" s="43">
        <v>1232</v>
      </c>
      <c r="I1239" s="55">
        <f>Bühler!I1265</f>
        <v>1.7698944227193074</v>
      </c>
      <c r="J1239" s="58">
        <f>Bühler!J1265</f>
        <v>39.305641846457767</v>
      </c>
      <c r="K1239" s="58">
        <f>Bühler!K1265</f>
        <v>2.5249350908138117</v>
      </c>
      <c r="L1239" s="58">
        <f>Bühler!L1265</f>
        <v>1.2624675454069059</v>
      </c>
      <c r="M1239" s="57">
        <f>Bühler!M1265</f>
        <v>0</v>
      </c>
      <c r="N1239" s="55">
        <f>IF(Input!$K$13=1,J1239*Input!$J$13,0)+IF(Input!$K$14=1,K1239*Input!$J$14,0)+IF(Input!$K$15=1,L1239*Input!$J$15,0)+IF(Input!$K$16=1,M1239*Input!$J$16,0)</f>
        <v>4.7166770215749318</v>
      </c>
      <c r="O1239" s="58">
        <f>IF(Input!$K$13=2,J1239*Input!$J$13,0)+IF(Input!$K$14=2,K1239*Input!$J$14,0)+IF(Input!$K$15=2,L1239*Input!$J$15,0)+IF(Input!$K$16=2,M1239*Input!$J$16,0)</f>
        <v>0.34086623725986454</v>
      </c>
      <c r="P1239" s="58">
        <f>IF(Input!$K$13=3,J1239*Input!$J$13,0)+IF(Input!$K$14=3,K1239*Input!$J$14,0)+IF(Input!$K$15=3,L1239*Input!$J$15,0)+IF(Input!$K$16=3,M1239*Input!$J$16,0)</f>
        <v>0</v>
      </c>
      <c r="Q1239" s="71">
        <f>IF(Input!$K$13=4,J1239*Input!$J$13,0)+IF(Input!$K$14=4,K1239*Input!$J$14,0)+IF(Input!$K$15=4,L1239*Input!$J$15,0)+IF(Input!$K$16=4,M1239*Input!$J$16,0)</f>
        <v>0</v>
      </c>
    </row>
    <row r="1240" spans="8:17" x14ac:dyDescent="0.25">
      <c r="H1240" s="43">
        <v>1233</v>
      </c>
      <c r="I1240" s="55">
        <f>Bühler!I1266</f>
        <v>1.9748295664025959</v>
      </c>
      <c r="J1240" s="58">
        <f>Bühler!J1266</f>
        <v>43.856821428679197</v>
      </c>
      <c r="K1240" s="58">
        <f>Bühler!K1266</f>
        <v>2.8172959960659378</v>
      </c>
      <c r="L1240" s="58">
        <f>Bühler!L1266</f>
        <v>1.4086479980329689</v>
      </c>
      <c r="M1240" s="57">
        <f>Bühler!M1266</f>
        <v>0</v>
      </c>
      <c r="N1240" s="55">
        <f>IF(Input!$K$13=1,J1240*Input!$J$13,0)+IF(Input!$K$14=1,K1240*Input!$J$14,0)+IF(Input!$K$15=1,L1240*Input!$J$15,0)+IF(Input!$K$16=1,M1240*Input!$J$16,0)</f>
        <v>5.2628185714415032</v>
      </c>
      <c r="O1240" s="58">
        <f>IF(Input!$K$13=2,J1240*Input!$J$13,0)+IF(Input!$K$14=2,K1240*Input!$J$14,0)+IF(Input!$K$15=2,L1240*Input!$J$15,0)+IF(Input!$K$16=2,M1240*Input!$J$16,0)</f>
        <v>0.38033495946890161</v>
      </c>
      <c r="P1240" s="58">
        <f>IF(Input!$K$13=3,J1240*Input!$J$13,0)+IF(Input!$K$14=3,K1240*Input!$J$14,0)+IF(Input!$K$15=3,L1240*Input!$J$15,0)+IF(Input!$K$16=3,M1240*Input!$J$16,0)</f>
        <v>0</v>
      </c>
      <c r="Q1240" s="71">
        <f>IF(Input!$K$13=4,J1240*Input!$J$13,0)+IF(Input!$K$14=4,K1240*Input!$J$14,0)+IF(Input!$K$15=4,L1240*Input!$J$15,0)+IF(Input!$K$16=4,M1240*Input!$J$16,0)</f>
        <v>0</v>
      </c>
    </row>
    <row r="1241" spans="8:17" x14ac:dyDescent="0.25">
      <c r="H1241" s="43">
        <v>1234</v>
      </c>
      <c r="I1241" s="55">
        <f>Bühler!I1267</f>
        <v>2.1797647100858843</v>
      </c>
      <c r="J1241" s="58">
        <f>Bühler!J1267</f>
        <v>48.408001010900627</v>
      </c>
      <c r="K1241" s="58">
        <f>Bühler!K1267</f>
        <v>3.1096569013180635</v>
      </c>
      <c r="L1241" s="58">
        <f>Bühler!L1267</f>
        <v>1.5548284506590317</v>
      </c>
      <c r="M1241" s="57">
        <f>Bühler!M1267</f>
        <v>0</v>
      </c>
      <c r="N1241" s="55">
        <f>IF(Input!$K$13=1,J1241*Input!$J$13,0)+IF(Input!$K$14=1,K1241*Input!$J$14,0)+IF(Input!$K$15=1,L1241*Input!$J$15,0)+IF(Input!$K$16=1,M1241*Input!$J$16,0)</f>
        <v>5.8089601213080746</v>
      </c>
      <c r="O1241" s="58">
        <f>IF(Input!$K$13=2,J1241*Input!$J$13,0)+IF(Input!$K$14=2,K1241*Input!$J$14,0)+IF(Input!$K$15=2,L1241*Input!$J$15,0)+IF(Input!$K$16=2,M1241*Input!$J$16,0)</f>
        <v>0.41980368167793858</v>
      </c>
      <c r="P1241" s="58">
        <f>IF(Input!$K$13=3,J1241*Input!$J$13,0)+IF(Input!$K$14=3,K1241*Input!$J$14,0)+IF(Input!$K$15=3,L1241*Input!$J$15,0)+IF(Input!$K$16=3,M1241*Input!$J$16,0)</f>
        <v>0</v>
      </c>
      <c r="Q1241" s="71">
        <f>IF(Input!$K$13=4,J1241*Input!$J$13,0)+IF(Input!$K$14=4,K1241*Input!$J$14,0)+IF(Input!$K$15=4,L1241*Input!$J$15,0)+IF(Input!$K$16=4,M1241*Input!$J$16,0)</f>
        <v>0</v>
      </c>
    </row>
    <row r="1242" spans="8:17" x14ac:dyDescent="0.25">
      <c r="H1242" s="43">
        <v>1235</v>
      </c>
      <c r="I1242" s="55">
        <f>Bühler!I1268</f>
        <v>2.1797647100858843</v>
      </c>
      <c r="J1242" s="58">
        <f>Bühler!J1268</f>
        <v>48.408001010900627</v>
      </c>
      <c r="K1242" s="58">
        <f>Bühler!K1268</f>
        <v>3.1096569013180635</v>
      </c>
      <c r="L1242" s="58">
        <f>Bühler!L1268</f>
        <v>1.5548284506590317</v>
      </c>
      <c r="M1242" s="57">
        <f>Bühler!M1268</f>
        <v>0</v>
      </c>
      <c r="N1242" s="55">
        <f>IF(Input!$K$13=1,J1242*Input!$J$13,0)+IF(Input!$K$14=1,K1242*Input!$J$14,0)+IF(Input!$K$15=1,L1242*Input!$J$15,0)+IF(Input!$K$16=1,M1242*Input!$J$16,0)</f>
        <v>5.8089601213080746</v>
      </c>
      <c r="O1242" s="58">
        <f>IF(Input!$K$13=2,J1242*Input!$J$13,0)+IF(Input!$K$14=2,K1242*Input!$J$14,0)+IF(Input!$K$15=2,L1242*Input!$J$15,0)+IF(Input!$K$16=2,M1242*Input!$J$16,0)</f>
        <v>0.41980368167793858</v>
      </c>
      <c r="P1242" s="58">
        <f>IF(Input!$K$13=3,J1242*Input!$J$13,0)+IF(Input!$K$14=3,K1242*Input!$J$14,0)+IF(Input!$K$15=3,L1242*Input!$J$15,0)+IF(Input!$K$16=3,M1242*Input!$J$16,0)</f>
        <v>0</v>
      </c>
      <c r="Q1242" s="71">
        <f>IF(Input!$K$13=4,J1242*Input!$J$13,0)+IF(Input!$K$14=4,K1242*Input!$J$14,0)+IF(Input!$K$15=4,L1242*Input!$J$15,0)+IF(Input!$K$16=4,M1242*Input!$J$16,0)</f>
        <v>0</v>
      </c>
    </row>
    <row r="1243" spans="8:17" x14ac:dyDescent="0.25">
      <c r="H1243" s="43">
        <v>1236</v>
      </c>
      <c r="I1243" s="55">
        <f>Bühler!I1269</f>
        <v>2.6082654650600325</v>
      </c>
      <c r="J1243" s="58">
        <f>Bühler!J1269</f>
        <v>57.924103773727239</v>
      </c>
      <c r="K1243" s="58">
        <f>Bühler!K1269</f>
        <v>3.7209569759361436</v>
      </c>
      <c r="L1243" s="58">
        <f>Bühler!L1269</f>
        <v>1.8604784879680718</v>
      </c>
      <c r="M1243" s="57">
        <f>Bühler!M1269</f>
        <v>0</v>
      </c>
      <c r="N1243" s="55">
        <f>IF(Input!$K$13=1,J1243*Input!$J$13,0)+IF(Input!$K$14=1,K1243*Input!$J$14,0)+IF(Input!$K$15=1,L1243*Input!$J$15,0)+IF(Input!$K$16=1,M1243*Input!$J$16,0)</f>
        <v>6.9508924528472686</v>
      </c>
      <c r="O1243" s="58">
        <f>IF(Input!$K$13=2,J1243*Input!$J$13,0)+IF(Input!$K$14=2,K1243*Input!$J$14,0)+IF(Input!$K$15=2,L1243*Input!$J$15,0)+IF(Input!$K$16=2,M1243*Input!$J$16,0)</f>
        <v>0.50232919175137936</v>
      </c>
      <c r="P1243" s="58">
        <f>IF(Input!$K$13=3,J1243*Input!$J$13,0)+IF(Input!$K$14=3,K1243*Input!$J$14,0)+IF(Input!$K$15=3,L1243*Input!$J$15,0)+IF(Input!$K$16=3,M1243*Input!$J$16,0)</f>
        <v>0</v>
      </c>
      <c r="Q1243" s="71">
        <f>IF(Input!$K$13=4,J1243*Input!$J$13,0)+IF(Input!$K$14=4,K1243*Input!$J$14,0)+IF(Input!$K$15=4,L1243*Input!$J$15,0)+IF(Input!$K$16=4,M1243*Input!$J$16,0)</f>
        <v>0</v>
      </c>
    </row>
    <row r="1244" spans="8:17" x14ac:dyDescent="0.25">
      <c r="H1244" s="43">
        <v>1237</v>
      </c>
      <c r="I1244" s="55">
        <f>Bühler!I1270</f>
        <v>2.6082654650600325</v>
      </c>
      <c r="J1244" s="58">
        <f>Bühler!J1270</f>
        <v>57.924103773727239</v>
      </c>
      <c r="K1244" s="58">
        <f>Bühler!K1270</f>
        <v>3.7209569759361436</v>
      </c>
      <c r="L1244" s="58">
        <f>Bühler!L1270</f>
        <v>1.8604784879680718</v>
      </c>
      <c r="M1244" s="57">
        <f>Bühler!M1270</f>
        <v>0</v>
      </c>
      <c r="N1244" s="55">
        <f>IF(Input!$K$13=1,J1244*Input!$J$13,0)+IF(Input!$K$14=1,K1244*Input!$J$14,0)+IF(Input!$K$15=1,L1244*Input!$J$15,0)+IF(Input!$K$16=1,M1244*Input!$J$16,0)</f>
        <v>6.9508924528472686</v>
      </c>
      <c r="O1244" s="58">
        <f>IF(Input!$K$13=2,J1244*Input!$J$13,0)+IF(Input!$K$14=2,K1244*Input!$J$14,0)+IF(Input!$K$15=2,L1244*Input!$J$15,0)+IF(Input!$K$16=2,M1244*Input!$J$16,0)</f>
        <v>0.50232919175137936</v>
      </c>
      <c r="P1244" s="58">
        <f>IF(Input!$K$13=3,J1244*Input!$J$13,0)+IF(Input!$K$14=3,K1244*Input!$J$14,0)+IF(Input!$K$15=3,L1244*Input!$J$15,0)+IF(Input!$K$16=3,M1244*Input!$J$16,0)</f>
        <v>0</v>
      </c>
      <c r="Q1244" s="71">
        <f>IF(Input!$K$13=4,J1244*Input!$J$13,0)+IF(Input!$K$14=4,K1244*Input!$J$14,0)+IF(Input!$K$15=4,L1244*Input!$J$15,0)+IF(Input!$K$16=4,M1244*Input!$J$16,0)</f>
        <v>0</v>
      </c>
    </row>
    <row r="1245" spans="8:17" x14ac:dyDescent="0.25">
      <c r="H1245" s="43">
        <v>1238</v>
      </c>
      <c r="I1245" s="55">
        <f>Bühler!I1271</f>
        <v>1.732633487504164</v>
      </c>
      <c r="J1245" s="58">
        <f>Bühler!J1271</f>
        <v>38.478154649690246</v>
      </c>
      <c r="K1245" s="58">
        <f>Bühler!K1271</f>
        <v>2.4717785625861528</v>
      </c>
      <c r="L1245" s="58">
        <f>Bühler!L1271</f>
        <v>1.2358892812930764</v>
      </c>
      <c r="M1245" s="57">
        <f>Bühler!M1271</f>
        <v>0</v>
      </c>
      <c r="N1245" s="55">
        <f>IF(Input!$K$13=1,J1245*Input!$J$13,0)+IF(Input!$K$14=1,K1245*Input!$J$14,0)+IF(Input!$K$15=1,L1245*Input!$J$15,0)+IF(Input!$K$16=1,M1245*Input!$J$16,0)</f>
        <v>4.6173785579628293</v>
      </c>
      <c r="O1245" s="58">
        <f>IF(Input!$K$13=2,J1245*Input!$J$13,0)+IF(Input!$K$14=2,K1245*Input!$J$14,0)+IF(Input!$K$15=2,L1245*Input!$J$15,0)+IF(Input!$K$16=2,M1245*Input!$J$16,0)</f>
        <v>0.33369010594913062</v>
      </c>
      <c r="P1245" s="58">
        <f>IF(Input!$K$13=3,J1245*Input!$J$13,0)+IF(Input!$K$14=3,K1245*Input!$J$14,0)+IF(Input!$K$15=3,L1245*Input!$J$15,0)+IF(Input!$K$16=3,M1245*Input!$J$16,0)</f>
        <v>0</v>
      </c>
      <c r="Q1245" s="71">
        <f>IF(Input!$K$13=4,J1245*Input!$J$13,0)+IF(Input!$K$14=4,K1245*Input!$J$14,0)+IF(Input!$K$15=4,L1245*Input!$J$15,0)+IF(Input!$K$16=4,M1245*Input!$J$16,0)</f>
        <v>0</v>
      </c>
    </row>
    <row r="1246" spans="8:17" x14ac:dyDescent="0.25">
      <c r="H1246" s="43">
        <v>1239</v>
      </c>
      <c r="I1246" s="55">
        <f>Bühler!I1272</f>
        <v>2.6082654650600325</v>
      </c>
      <c r="J1246" s="58">
        <f>Bühler!J1272</f>
        <v>57.924103773727239</v>
      </c>
      <c r="K1246" s="58">
        <f>Bühler!K1272</f>
        <v>3.7209569759361436</v>
      </c>
      <c r="L1246" s="58">
        <f>Bühler!L1272</f>
        <v>1.8604784879680718</v>
      </c>
      <c r="M1246" s="57">
        <f>Bühler!M1272</f>
        <v>0</v>
      </c>
      <c r="N1246" s="55">
        <f>IF(Input!$K$13=1,J1246*Input!$J$13,0)+IF(Input!$K$14=1,K1246*Input!$J$14,0)+IF(Input!$K$15=1,L1246*Input!$J$15,0)+IF(Input!$K$16=1,M1246*Input!$J$16,0)</f>
        <v>6.9508924528472686</v>
      </c>
      <c r="O1246" s="58">
        <f>IF(Input!$K$13=2,J1246*Input!$J$13,0)+IF(Input!$K$14=2,K1246*Input!$J$14,0)+IF(Input!$K$15=2,L1246*Input!$J$15,0)+IF(Input!$K$16=2,M1246*Input!$J$16,0)</f>
        <v>0.50232919175137936</v>
      </c>
      <c r="P1246" s="58">
        <f>IF(Input!$K$13=3,J1246*Input!$J$13,0)+IF(Input!$K$14=3,K1246*Input!$J$14,0)+IF(Input!$K$15=3,L1246*Input!$J$15,0)+IF(Input!$K$16=3,M1246*Input!$J$16,0)</f>
        <v>0</v>
      </c>
      <c r="Q1246" s="71">
        <f>IF(Input!$K$13=4,J1246*Input!$J$13,0)+IF(Input!$K$14=4,K1246*Input!$J$14,0)+IF(Input!$K$15=4,L1246*Input!$J$15,0)+IF(Input!$K$16=4,M1246*Input!$J$16,0)</f>
        <v>0</v>
      </c>
    </row>
    <row r="1247" spans="8:17" x14ac:dyDescent="0.25">
      <c r="H1247" s="43">
        <v>1240</v>
      </c>
      <c r="I1247" s="55">
        <f>Bühler!I1273</f>
        <v>2.6082654650600325</v>
      </c>
      <c r="J1247" s="58">
        <f>Bühler!J1273</f>
        <v>57.924103773727239</v>
      </c>
      <c r="K1247" s="58">
        <f>Bühler!K1273</f>
        <v>3.7209569759361436</v>
      </c>
      <c r="L1247" s="58">
        <f>Bühler!L1273</f>
        <v>1.8604784879680718</v>
      </c>
      <c r="M1247" s="57">
        <f>Bühler!M1273</f>
        <v>0</v>
      </c>
      <c r="N1247" s="55">
        <f>IF(Input!$K$13=1,J1247*Input!$J$13,0)+IF(Input!$K$14=1,K1247*Input!$J$14,0)+IF(Input!$K$15=1,L1247*Input!$J$15,0)+IF(Input!$K$16=1,M1247*Input!$J$16,0)</f>
        <v>6.9508924528472686</v>
      </c>
      <c r="O1247" s="58">
        <f>IF(Input!$K$13=2,J1247*Input!$J$13,0)+IF(Input!$K$14=2,K1247*Input!$J$14,0)+IF(Input!$K$15=2,L1247*Input!$J$15,0)+IF(Input!$K$16=2,M1247*Input!$J$16,0)</f>
        <v>0.50232919175137936</v>
      </c>
      <c r="P1247" s="58">
        <f>IF(Input!$K$13=3,J1247*Input!$J$13,0)+IF(Input!$K$14=3,K1247*Input!$J$14,0)+IF(Input!$K$15=3,L1247*Input!$J$15,0)+IF(Input!$K$16=3,M1247*Input!$J$16,0)</f>
        <v>0</v>
      </c>
      <c r="Q1247" s="71">
        <f>IF(Input!$K$13=4,J1247*Input!$J$13,0)+IF(Input!$K$14=4,K1247*Input!$J$14,0)+IF(Input!$K$15=4,L1247*Input!$J$15,0)+IF(Input!$K$16=4,M1247*Input!$J$16,0)</f>
        <v>0</v>
      </c>
    </row>
    <row r="1248" spans="8:17" x14ac:dyDescent="0.25">
      <c r="H1248" s="43">
        <v>1241</v>
      </c>
      <c r="I1248" s="55">
        <f>Bühler!I1274</f>
        <v>2.1801611030137047</v>
      </c>
      <c r="J1248" s="58">
        <f>Bühler!J1274</f>
        <v>34.830590019165491</v>
      </c>
      <c r="K1248" s="58">
        <f>Bühler!K1274</f>
        <v>2.1927067893909418</v>
      </c>
      <c r="L1248" s="58">
        <f>Bühler!L1274</f>
        <v>1.0963533946954709</v>
      </c>
      <c r="M1248" s="57">
        <f>Bühler!M1274</f>
        <v>0</v>
      </c>
      <c r="N1248" s="55">
        <f>IF(Input!$K$13=1,J1248*Input!$J$13,0)+IF(Input!$K$14=1,K1248*Input!$J$14,0)+IF(Input!$K$15=1,L1248*Input!$J$15,0)+IF(Input!$K$16=1,M1248*Input!$J$16,0)</f>
        <v>4.1796708022998592</v>
      </c>
      <c r="O1248" s="58">
        <f>IF(Input!$K$13=2,J1248*Input!$J$13,0)+IF(Input!$K$14=2,K1248*Input!$J$14,0)+IF(Input!$K$15=2,L1248*Input!$J$15,0)+IF(Input!$K$16=2,M1248*Input!$J$16,0)</f>
        <v>0.29601541656777713</v>
      </c>
      <c r="P1248" s="58">
        <f>IF(Input!$K$13=3,J1248*Input!$J$13,0)+IF(Input!$K$14=3,K1248*Input!$J$14,0)+IF(Input!$K$15=3,L1248*Input!$J$15,0)+IF(Input!$K$16=3,M1248*Input!$J$16,0)</f>
        <v>0</v>
      </c>
      <c r="Q1248" s="71">
        <f>IF(Input!$K$13=4,J1248*Input!$J$13,0)+IF(Input!$K$14=4,K1248*Input!$J$14,0)+IF(Input!$K$15=4,L1248*Input!$J$15,0)+IF(Input!$K$16=4,M1248*Input!$J$16,0)</f>
        <v>0</v>
      </c>
    </row>
    <row r="1249" spans="8:17" x14ac:dyDescent="0.25">
      <c r="H1249" s="43">
        <v>1242</v>
      </c>
      <c r="I1249" s="55">
        <f>Bühler!I1275</f>
        <v>1.7322370945763435</v>
      </c>
      <c r="J1249" s="58">
        <f>Bühler!J1275</f>
        <v>15.734357503005715</v>
      </c>
      <c r="K1249" s="58">
        <f>Bühler!K1275</f>
        <v>0.93585437020526763</v>
      </c>
      <c r="L1249" s="58">
        <f>Bühler!L1275</f>
        <v>0.46792718510263381</v>
      </c>
      <c r="M1249" s="57">
        <f>Bühler!M1275</f>
        <v>0</v>
      </c>
      <c r="N1249" s="55">
        <f>IF(Input!$K$13=1,J1249*Input!$J$13,0)+IF(Input!$K$14=1,K1249*Input!$J$14,0)+IF(Input!$K$15=1,L1249*Input!$J$15,0)+IF(Input!$K$16=1,M1249*Input!$J$16,0)</f>
        <v>1.8881229003606856</v>
      </c>
      <c r="O1249" s="58">
        <f>IF(Input!$K$13=2,J1249*Input!$J$13,0)+IF(Input!$K$14=2,K1249*Input!$J$14,0)+IF(Input!$K$15=2,L1249*Input!$J$15,0)+IF(Input!$K$16=2,M1249*Input!$J$16,0)</f>
        <v>0.12634033997771113</v>
      </c>
      <c r="P1249" s="58">
        <f>IF(Input!$K$13=3,J1249*Input!$J$13,0)+IF(Input!$K$14=3,K1249*Input!$J$14,0)+IF(Input!$K$15=3,L1249*Input!$J$15,0)+IF(Input!$K$16=3,M1249*Input!$J$16,0)</f>
        <v>0</v>
      </c>
      <c r="Q1249" s="71">
        <f>IF(Input!$K$13=4,J1249*Input!$J$13,0)+IF(Input!$K$14=4,K1249*Input!$J$14,0)+IF(Input!$K$15=4,L1249*Input!$J$15,0)+IF(Input!$K$16=4,M1249*Input!$J$16,0)</f>
        <v>0</v>
      </c>
    </row>
    <row r="1250" spans="8:17" x14ac:dyDescent="0.25">
      <c r="H1250" s="43">
        <v>1243</v>
      </c>
      <c r="I1250" s="55">
        <f>Bühler!I1276</f>
        <v>0.61440903812204417</v>
      </c>
      <c r="J1250" s="58">
        <f>Bühler!J1276</f>
        <v>9.8117362206605652</v>
      </c>
      <c r="K1250" s="58">
        <f>Bühler!K1276</f>
        <v>0.61766388433547659</v>
      </c>
      <c r="L1250" s="58">
        <f>Bühler!L1276</f>
        <v>0.30883194216773829</v>
      </c>
      <c r="M1250" s="57">
        <f>Bühler!M1276</f>
        <v>0</v>
      </c>
      <c r="N1250" s="55">
        <f>IF(Input!$K$13=1,J1250*Input!$J$13,0)+IF(Input!$K$14=1,K1250*Input!$J$14,0)+IF(Input!$K$15=1,L1250*Input!$J$15,0)+IF(Input!$K$16=1,M1250*Input!$J$16,0)</f>
        <v>1.1774083464792677</v>
      </c>
      <c r="O1250" s="58">
        <f>IF(Input!$K$13=2,J1250*Input!$J$13,0)+IF(Input!$K$14=2,K1250*Input!$J$14,0)+IF(Input!$K$15=2,L1250*Input!$J$15,0)+IF(Input!$K$16=2,M1250*Input!$J$16,0)</f>
        <v>8.3384624385289347E-2</v>
      </c>
      <c r="P1250" s="58">
        <f>IF(Input!$K$13=3,J1250*Input!$J$13,0)+IF(Input!$K$14=3,K1250*Input!$J$14,0)+IF(Input!$K$15=3,L1250*Input!$J$15,0)+IF(Input!$K$16=3,M1250*Input!$J$16,0)</f>
        <v>0</v>
      </c>
      <c r="Q1250" s="71">
        <f>IF(Input!$K$13=4,J1250*Input!$J$13,0)+IF(Input!$K$14=4,K1250*Input!$J$14,0)+IF(Input!$K$15=4,L1250*Input!$J$15,0)+IF(Input!$K$16=4,M1250*Input!$J$16,0)</f>
        <v>0</v>
      </c>
    </row>
    <row r="1251" spans="8:17" x14ac:dyDescent="0.25">
      <c r="H1251" s="43">
        <v>1244</v>
      </c>
      <c r="I1251" s="55">
        <f>Bühler!I1277</f>
        <v>0.61440903812204417</v>
      </c>
      <c r="J1251" s="58">
        <f>Bühler!J1277</f>
        <v>9.8117362206605652</v>
      </c>
      <c r="K1251" s="58">
        <f>Bühler!K1277</f>
        <v>0.61766388433547659</v>
      </c>
      <c r="L1251" s="58">
        <f>Bühler!L1277</f>
        <v>0.30883194216773829</v>
      </c>
      <c r="M1251" s="57">
        <f>Bühler!M1277</f>
        <v>0</v>
      </c>
      <c r="N1251" s="55">
        <f>IF(Input!$K$13=1,J1251*Input!$J$13,0)+IF(Input!$K$14=1,K1251*Input!$J$14,0)+IF(Input!$K$15=1,L1251*Input!$J$15,0)+IF(Input!$K$16=1,M1251*Input!$J$16,0)</f>
        <v>1.1774083464792677</v>
      </c>
      <c r="O1251" s="58">
        <f>IF(Input!$K$13=2,J1251*Input!$J$13,0)+IF(Input!$K$14=2,K1251*Input!$J$14,0)+IF(Input!$K$15=2,L1251*Input!$J$15,0)+IF(Input!$K$16=2,M1251*Input!$J$16,0)</f>
        <v>8.3384624385289347E-2</v>
      </c>
      <c r="P1251" s="58">
        <f>IF(Input!$K$13=3,J1251*Input!$J$13,0)+IF(Input!$K$14=3,K1251*Input!$J$14,0)+IF(Input!$K$15=3,L1251*Input!$J$15,0)+IF(Input!$K$16=3,M1251*Input!$J$16,0)</f>
        <v>0</v>
      </c>
      <c r="Q1251" s="71">
        <f>IF(Input!$K$13=4,J1251*Input!$J$13,0)+IF(Input!$K$14=4,K1251*Input!$J$14,0)+IF(Input!$K$15=4,L1251*Input!$J$15,0)+IF(Input!$K$16=4,M1251*Input!$J$16,0)</f>
        <v>0</v>
      </c>
    </row>
    <row r="1252" spans="8:17" x14ac:dyDescent="0.25">
      <c r="H1252" s="43">
        <v>1245</v>
      </c>
      <c r="I1252" s="55">
        <f>Bühler!I1278</f>
        <v>0.61440903812204417</v>
      </c>
      <c r="J1252" s="58">
        <f>Bühler!J1278</f>
        <v>9.8117362206605652</v>
      </c>
      <c r="K1252" s="58">
        <f>Bühler!K1278</f>
        <v>0.61766388433547659</v>
      </c>
      <c r="L1252" s="58">
        <f>Bühler!L1278</f>
        <v>0.30883194216773829</v>
      </c>
      <c r="M1252" s="57">
        <f>Bühler!M1278</f>
        <v>0</v>
      </c>
      <c r="N1252" s="55">
        <f>IF(Input!$K$13=1,J1252*Input!$J$13,0)+IF(Input!$K$14=1,K1252*Input!$J$14,0)+IF(Input!$K$15=1,L1252*Input!$J$15,0)+IF(Input!$K$16=1,M1252*Input!$J$16,0)</f>
        <v>1.1774083464792677</v>
      </c>
      <c r="O1252" s="58">
        <f>IF(Input!$K$13=2,J1252*Input!$J$13,0)+IF(Input!$K$14=2,K1252*Input!$J$14,0)+IF(Input!$K$15=2,L1252*Input!$J$15,0)+IF(Input!$K$16=2,M1252*Input!$J$16,0)</f>
        <v>8.3384624385289347E-2</v>
      </c>
      <c r="P1252" s="58">
        <f>IF(Input!$K$13=3,J1252*Input!$J$13,0)+IF(Input!$K$14=3,K1252*Input!$J$14,0)+IF(Input!$K$15=3,L1252*Input!$J$15,0)+IF(Input!$K$16=3,M1252*Input!$J$16,0)</f>
        <v>0</v>
      </c>
      <c r="Q1252" s="71">
        <f>IF(Input!$K$13=4,J1252*Input!$J$13,0)+IF(Input!$K$14=4,K1252*Input!$J$14,0)+IF(Input!$K$15=4,L1252*Input!$J$15,0)+IF(Input!$K$16=4,M1252*Input!$J$16,0)</f>
        <v>0</v>
      </c>
    </row>
    <row r="1253" spans="8:17" x14ac:dyDescent="0.25">
      <c r="H1253" s="43">
        <v>1246</v>
      </c>
      <c r="I1253" s="55">
        <f>Bühler!I1279</f>
        <v>0.61440903812204417</v>
      </c>
      <c r="J1253" s="58">
        <f>Bühler!J1279</f>
        <v>9.8117362206605652</v>
      </c>
      <c r="K1253" s="58">
        <f>Bühler!K1279</f>
        <v>0.61766388433547659</v>
      </c>
      <c r="L1253" s="58">
        <f>Bühler!L1279</f>
        <v>0.30883194216773829</v>
      </c>
      <c r="M1253" s="57">
        <f>Bühler!M1279</f>
        <v>0</v>
      </c>
      <c r="N1253" s="55">
        <f>IF(Input!$K$13=1,J1253*Input!$J$13,0)+IF(Input!$K$14=1,K1253*Input!$J$14,0)+IF(Input!$K$15=1,L1253*Input!$J$15,0)+IF(Input!$K$16=1,M1253*Input!$J$16,0)</f>
        <v>1.1774083464792677</v>
      </c>
      <c r="O1253" s="58">
        <f>IF(Input!$K$13=2,J1253*Input!$J$13,0)+IF(Input!$K$14=2,K1253*Input!$J$14,0)+IF(Input!$K$15=2,L1253*Input!$J$15,0)+IF(Input!$K$16=2,M1253*Input!$J$16,0)</f>
        <v>8.3384624385289347E-2</v>
      </c>
      <c r="P1253" s="58">
        <f>IF(Input!$K$13=3,J1253*Input!$J$13,0)+IF(Input!$K$14=3,K1253*Input!$J$14,0)+IF(Input!$K$15=3,L1253*Input!$J$15,0)+IF(Input!$K$16=3,M1253*Input!$J$16,0)</f>
        <v>0</v>
      </c>
      <c r="Q1253" s="71">
        <f>IF(Input!$K$13=4,J1253*Input!$J$13,0)+IF(Input!$K$14=4,K1253*Input!$J$14,0)+IF(Input!$K$15=4,L1253*Input!$J$15,0)+IF(Input!$K$16=4,M1253*Input!$J$16,0)</f>
        <v>0</v>
      </c>
    </row>
    <row r="1254" spans="8:17" x14ac:dyDescent="0.25">
      <c r="H1254" s="43">
        <v>1247</v>
      </c>
      <c r="I1254" s="55">
        <f>Bühler!I1280</f>
        <v>0.61440903812204417</v>
      </c>
      <c r="J1254" s="58">
        <f>Bühler!J1280</f>
        <v>9.8117362206605652</v>
      </c>
      <c r="K1254" s="58">
        <f>Bühler!K1280</f>
        <v>0.61766388433547659</v>
      </c>
      <c r="L1254" s="58">
        <f>Bühler!L1280</f>
        <v>0.30883194216773829</v>
      </c>
      <c r="M1254" s="57">
        <f>Bühler!M1280</f>
        <v>0</v>
      </c>
      <c r="N1254" s="55">
        <f>IF(Input!$K$13=1,J1254*Input!$J$13,0)+IF(Input!$K$14=1,K1254*Input!$J$14,0)+IF(Input!$K$15=1,L1254*Input!$J$15,0)+IF(Input!$K$16=1,M1254*Input!$J$16,0)</f>
        <v>1.1774083464792677</v>
      </c>
      <c r="O1254" s="58">
        <f>IF(Input!$K$13=2,J1254*Input!$J$13,0)+IF(Input!$K$14=2,K1254*Input!$J$14,0)+IF(Input!$K$15=2,L1254*Input!$J$15,0)+IF(Input!$K$16=2,M1254*Input!$J$16,0)</f>
        <v>8.3384624385289347E-2</v>
      </c>
      <c r="P1254" s="58">
        <f>IF(Input!$K$13=3,J1254*Input!$J$13,0)+IF(Input!$K$14=3,K1254*Input!$J$14,0)+IF(Input!$K$15=3,L1254*Input!$J$15,0)+IF(Input!$K$16=3,M1254*Input!$J$16,0)</f>
        <v>0</v>
      </c>
      <c r="Q1254" s="71">
        <f>IF(Input!$K$13=4,J1254*Input!$J$13,0)+IF(Input!$K$14=4,K1254*Input!$J$14,0)+IF(Input!$K$15=4,L1254*Input!$J$15,0)+IF(Input!$K$16=4,M1254*Input!$J$16,0)</f>
        <v>0</v>
      </c>
    </row>
    <row r="1255" spans="8:17" x14ac:dyDescent="0.25">
      <c r="H1255" s="43">
        <v>1248</v>
      </c>
      <c r="I1255" s="55">
        <f>Bühler!I1281</f>
        <v>0.61440903812204417</v>
      </c>
      <c r="J1255" s="58">
        <f>Bühler!J1281</f>
        <v>9.8117362206605652</v>
      </c>
      <c r="K1255" s="58">
        <f>Bühler!K1281</f>
        <v>0.61766388433547659</v>
      </c>
      <c r="L1255" s="58">
        <f>Bühler!L1281</f>
        <v>0.30883194216773829</v>
      </c>
      <c r="M1255" s="57">
        <f>Bühler!M1281</f>
        <v>0</v>
      </c>
      <c r="N1255" s="55">
        <f>IF(Input!$K$13=1,J1255*Input!$J$13,0)+IF(Input!$K$14=1,K1255*Input!$J$14,0)+IF(Input!$K$15=1,L1255*Input!$J$15,0)+IF(Input!$K$16=1,M1255*Input!$J$16,0)</f>
        <v>1.1774083464792677</v>
      </c>
      <c r="O1255" s="58">
        <f>IF(Input!$K$13=2,J1255*Input!$J$13,0)+IF(Input!$K$14=2,K1255*Input!$J$14,0)+IF(Input!$K$15=2,L1255*Input!$J$15,0)+IF(Input!$K$16=2,M1255*Input!$J$16,0)</f>
        <v>8.3384624385289347E-2</v>
      </c>
      <c r="P1255" s="58">
        <f>IF(Input!$K$13=3,J1255*Input!$J$13,0)+IF(Input!$K$14=3,K1255*Input!$J$14,0)+IF(Input!$K$15=3,L1255*Input!$J$15,0)+IF(Input!$K$16=3,M1255*Input!$J$16,0)</f>
        <v>0</v>
      </c>
      <c r="Q1255" s="71">
        <f>IF(Input!$K$13=4,J1255*Input!$J$13,0)+IF(Input!$K$14=4,K1255*Input!$J$14,0)+IF(Input!$K$15=4,L1255*Input!$J$15,0)+IF(Input!$K$16=4,M1255*Input!$J$16,0)</f>
        <v>0</v>
      </c>
    </row>
    <row r="1256" spans="8:17" x14ac:dyDescent="0.25">
      <c r="H1256" s="43">
        <v>1249</v>
      </c>
      <c r="I1256" s="55">
        <f>Bühler!I1282</f>
        <v>0.5816192471580679</v>
      </c>
      <c r="J1256" s="58">
        <f>Bühler!J1282</f>
        <v>9.5844115881816521</v>
      </c>
      <c r="K1256" s="58">
        <f>Bühler!K1282</f>
        <v>0.61112747717363924</v>
      </c>
      <c r="L1256" s="58">
        <f>Bühler!L1282</f>
        <v>0.30556373858681962</v>
      </c>
      <c r="M1256" s="57">
        <f>Bühler!M1282</f>
        <v>0</v>
      </c>
      <c r="N1256" s="55">
        <f>IF(Input!$K$13=1,J1256*Input!$J$13,0)+IF(Input!$K$14=1,K1256*Input!$J$14,0)+IF(Input!$K$15=1,L1256*Input!$J$15,0)+IF(Input!$K$16=1,M1256*Input!$J$16,0)</f>
        <v>1.1501293905817982</v>
      </c>
      <c r="O1256" s="58">
        <f>IF(Input!$K$13=2,J1256*Input!$J$13,0)+IF(Input!$K$14=2,K1256*Input!$J$14,0)+IF(Input!$K$15=2,L1256*Input!$J$15,0)+IF(Input!$K$16=2,M1256*Input!$J$16,0)</f>
        <v>8.2502209418441302E-2</v>
      </c>
      <c r="P1256" s="58">
        <f>IF(Input!$K$13=3,J1256*Input!$J$13,0)+IF(Input!$K$14=3,K1256*Input!$J$14,0)+IF(Input!$K$15=3,L1256*Input!$J$15,0)+IF(Input!$K$16=3,M1256*Input!$J$16,0)</f>
        <v>0</v>
      </c>
      <c r="Q1256" s="71">
        <f>IF(Input!$K$13=4,J1256*Input!$J$13,0)+IF(Input!$K$14=4,K1256*Input!$J$14,0)+IF(Input!$K$15=4,L1256*Input!$J$15,0)+IF(Input!$K$16=4,M1256*Input!$J$16,0)</f>
        <v>0</v>
      </c>
    </row>
    <row r="1257" spans="8:17" x14ac:dyDescent="0.25">
      <c r="H1257" s="43">
        <v>1250</v>
      </c>
      <c r="I1257" s="55">
        <f>Bühler!I1283</f>
        <v>0.5816192471580679</v>
      </c>
      <c r="J1257" s="58">
        <f>Bühler!J1283</f>
        <v>9.5844115881816521</v>
      </c>
      <c r="K1257" s="58">
        <f>Bühler!K1283</f>
        <v>0.61112747717363924</v>
      </c>
      <c r="L1257" s="58">
        <f>Bühler!L1283</f>
        <v>0.30556373858681962</v>
      </c>
      <c r="M1257" s="57">
        <f>Bühler!M1283</f>
        <v>0</v>
      </c>
      <c r="N1257" s="55">
        <f>IF(Input!$K$13=1,J1257*Input!$J$13,0)+IF(Input!$K$14=1,K1257*Input!$J$14,0)+IF(Input!$K$15=1,L1257*Input!$J$15,0)+IF(Input!$K$16=1,M1257*Input!$J$16,0)</f>
        <v>1.1501293905817982</v>
      </c>
      <c r="O1257" s="58">
        <f>IF(Input!$K$13=2,J1257*Input!$J$13,0)+IF(Input!$K$14=2,K1257*Input!$J$14,0)+IF(Input!$K$15=2,L1257*Input!$J$15,0)+IF(Input!$K$16=2,M1257*Input!$J$16,0)</f>
        <v>8.2502209418441302E-2</v>
      </c>
      <c r="P1257" s="58">
        <f>IF(Input!$K$13=3,J1257*Input!$J$13,0)+IF(Input!$K$14=3,K1257*Input!$J$14,0)+IF(Input!$K$15=3,L1257*Input!$J$15,0)+IF(Input!$K$16=3,M1257*Input!$J$16,0)</f>
        <v>0</v>
      </c>
      <c r="Q1257" s="71">
        <f>IF(Input!$K$13=4,J1257*Input!$J$13,0)+IF(Input!$K$14=4,K1257*Input!$J$14,0)+IF(Input!$K$15=4,L1257*Input!$J$15,0)+IF(Input!$K$16=4,M1257*Input!$J$16,0)</f>
        <v>0</v>
      </c>
    </row>
    <row r="1258" spans="8:17" x14ac:dyDescent="0.25">
      <c r="H1258" s="43">
        <v>1251</v>
      </c>
      <c r="I1258" s="55">
        <f>Bühler!I1284</f>
        <v>0.5816192471580679</v>
      </c>
      <c r="J1258" s="58">
        <f>Bühler!J1284</f>
        <v>9.5844115881816521</v>
      </c>
      <c r="K1258" s="58">
        <f>Bühler!K1284</f>
        <v>0.61112747717363924</v>
      </c>
      <c r="L1258" s="58">
        <f>Bühler!L1284</f>
        <v>0.30556373858681962</v>
      </c>
      <c r="M1258" s="57">
        <f>Bühler!M1284</f>
        <v>0</v>
      </c>
      <c r="N1258" s="55">
        <f>IF(Input!$K$13=1,J1258*Input!$J$13,0)+IF(Input!$K$14=1,K1258*Input!$J$14,0)+IF(Input!$K$15=1,L1258*Input!$J$15,0)+IF(Input!$K$16=1,M1258*Input!$J$16,0)</f>
        <v>1.1501293905817982</v>
      </c>
      <c r="O1258" s="58">
        <f>IF(Input!$K$13=2,J1258*Input!$J$13,0)+IF(Input!$K$14=2,K1258*Input!$J$14,0)+IF(Input!$K$15=2,L1258*Input!$J$15,0)+IF(Input!$K$16=2,M1258*Input!$J$16,0)</f>
        <v>8.2502209418441302E-2</v>
      </c>
      <c r="P1258" s="58">
        <f>IF(Input!$K$13=3,J1258*Input!$J$13,0)+IF(Input!$K$14=3,K1258*Input!$J$14,0)+IF(Input!$K$15=3,L1258*Input!$J$15,0)+IF(Input!$K$16=3,M1258*Input!$J$16,0)</f>
        <v>0</v>
      </c>
      <c r="Q1258" s="71">
        <f>IF(Input!$K$13=4,J1258*Input!$J$13,0)+IF(Input!$K$14=4,K1258*Input!$J$14,0)+IF(Input!$K$15=4,L1258*Input!$J$15,0)+IF(Input!$K$16=4,M1258*Input!$J$16,0)</f>
        <v>0</v>
      </c>
    </row>
    <row r="1259" spans="8:17" x14ac:dyDescent="0.25">
      <c r="H1259" s="43">
        <v>1252</v>
      </c>
      <c r="I1259" s="55">
        <f>Bühler!I1285</f>
        <v>0.5816192471580679</v>
      </c>
      <c r="J1259" s="58">
        <f>Bühler!J1285</f>
        <v>9.5844115881816521</v>
      </c>
      <c r="K1259" s="58">
        <f>Bühler!K1285</f>
        <v>0.61112747717363924</v>
      </c>
      <c r="L1259" s="58">
        <f>Bühler!L1285</f>
        <v>0.30556373858681962</v>
      </c>
      <c r="M1259" s="57">
        <f>Bühler!M1285</f>
        <v>0</v>
      </c>
      <c r="N1259" s="55">
        <f>IF(Input!$K$13=1,J1259*Input!$J$13,0)+IF(Input!$K$14=1,K1259*Input!$J$14,0)+IF(Input!$K$15=1,L1259*Input!$J$15,0)+IF(Input!$K$16=1,M1259*Input!$J$16,0)</f>
        <v>1.1501293905817982</v>
      </c>
      <c r="O1259" s="58">
        <f>IF(Input!$K$13=2,J1259*Input!$J$13,0)+IF(Input!$K$14=2,K1259*Input!$J$14,0)+IF(Input!$K$15=2,L1259*Input!$J$15,0)+IF(Input!$K$16=2,M1259*Input!$J$16,0)</f>
        <v>8.2502209418441302E-2</v>
      </c>
      <c r="P1259" s="58">
        <f>IF(Input!$K$13=3,J1259*Input!$J$13,0)+IF(Input!$K$14=3,K1259*Input!$J$14,0)+IF(Input!$K$15=3,L1259*Input!$J$15,0)+IF(Input!$K$16=3,M1259*Input!$J$16,0)</f>
        <v>0</v>
      </c>
      <c r="Q1259" s="71">
        <f>IF(Input!$K$13=4,J1259*Input!$J$13,0)+IF(Input!$K$14=4,K1259*Input!$J$14,0)+IF(Input!$K$15=4,L1259*Input!$J$15,0)+IF(Input!$K$16=4,M1259*Input!$J$16,0)</f>
        <v>0</v>
      </c>
    </row>
    <row r="1260" spans="8:17" x14ac:dyDescent="0.25">
      <c r="H1260" s="43">
        <v>1253</v>
      </c>
      <c r="I1260" s="55">
        <f>Bühler!I1286</f>
        <v>0.5816192471580679</v>
      </c>
      <c r="J1260" s="58">
        <f>Bühler!J1286</f>
        <v>9.5844115881816521</v>
      </c>
      <c r="K1260" s="58">
        <f>Bühler!K1286</f>
        <v>0.61112747717363924</v>
      </c>
      <c r="L1260" s="58">
        <f>Bühler!L1286</f>
        <v>0.30556373858681962</v>
      </c>
      <c r="M1260" s="57">
        <f>Bühler!M1286</f>
        <v>0</v>
      </c>
      <c r="N1260" s="55">
        <f>IF(Input!$K$13=1,J1260*Input!$J$13,0)+IF(Input!$K$14=1,K1260*Input!$J$14,0)+IF(Input!$K$15=1,L1260*Input!$J$15,0)+IF(Input!$K$16=1,M1260*Input!$J$16,0)</f>
        <v>1.1501293905817982</v>
      </c>
      <c r="O1260" s="58">
        <f>IF(Input!$K$13=2,J1260*Input!$J$13,0)+IF(Input!$K$14=2,K1260*Input!$J$14,0)+IF(Input!$K$15=2,L1260*Input!$J$15,0)+IF(Input!$K$16=2,M1260*Input!$J$16,0)</f>
        <v>8.2502209418441302E-2</v>
      </c>
      <c r="P1260" s="58">
        <f>IF(Input!$K$13=3,J1260*Input!$J$13,0)+IF(Input!$K$14=3,K1260*Input!$J$14,0)+IF(Input!$K$15=3,L1260*Input!$J$15,0)+IF(Input!$K$16=3,M1260*Input!$J$16,0)</f>
        <v>0</v>
      </c>
      <c r="Q1260" s="71">
        <f>IF(Input!$K$13=4,J1260*Input!$J$13,0)+IF(Input!$K$14=4,K1260*Input!$J$14,0)+IF(Input!$K$15=4,L1260*Input!$J$15,0)+IF(Input!$K$16=4,M1260*Input!$J$16,0)</f>
        <v>0</v>
      </c>
    </row>
    <row r="1261" spans="8:17" x14ac:dyDescent="0.25">
      <c r="H1261" s="43">
        <v>1254</v>
      </c>
      <c r="I1261" s="55">
        <f>Bühler!I1287</f>
        <v>0.5816192471580679</v>
      </c>
      <c r="J1261" s="58">
        <f>Bühler!J1287</f>
        <v>9.5844115881816521</v>
      </c>
      <c r="K1261" s="58">
        <f>Bühler!K1287</f>
        <v>0.61112747717363924</v>
      </c>
      <c r="L1261" s="58">
        <f>Bühler!L1287</f>
        <v>0.30556373858681962</v>
      </c>
      <c r="M1261" s="57">
        <f>Bühler!M1287</f>
        <v>0</v>
      </c>
      <c r="N1261" s="55">
        <f>IF(Input!$K$13=1,J1261*Input!$J$13,0)+IF(Input!$K$14=1,K1261*Input!$J$14,0)+IF(Input!$K$15=1,L1261*Input!$J$15,0)+IF(Input!$K$16=1,M1261*Input!$J$16,0)</f>
        <v>1.1501293905817982</v>
      </c>
      <c r="O1261" s="58">
        <f>IF(Input!$K$13=2,J1261*Input!$J$13,0)+IF(Input!$K$14=2,K1261*Input!$J$14,0)+IF(Input!$K$15=2,L1261*Input!$J$15,0)+IF(Input!$K$16=2,M1261*Input!$J$16,0)</f>
        <v>8.2502209418441302E-2</v>
      </c>
      <c r="P1261" s="58">
        <f>IF(Input!$K$13=3,J1261*Input!$J$13,0)+IF(Input!$K$14=3,K1261*Input!$J$14,0)+IF(Input!$K$15=3,L1261*Input!$J$15,0)+IF(Input!$K$16=3,M1261*Input!$J$16,0)</f>
        <v>0</v>
      </c>
      <c r="Q1261" s="71">
        <f>IF(Input!$K$13=4,J1261*Input!$J$13,0)+IF(Input!$K$14=4,K1261*Input!$J$14,0)+IF(Input!$K$15=4,L1261*Input!$J$15,0)+IF(Input!$K$16=4,M1261*Input!$J$16,0)</f>
        <v>0</v>
      </c>
    </row>
    <row r="1262" spans="8:17" x14ac:dyDescent="0.25">
      <c r="H1262" s="43">
        <v>1255</v>
      </c>
      <c r="I1262" s="55">
        <f>Bühler!I1288</f>
        <v>0.5816192471580679</v>
      </c>
      <c r="J1262" s="58">
        <f>Bühler!J1288</f>
        <v>9.5844115881816521</v>
      </c>
      <c r="K1262" s="58">
        <f>Bühler!K1288</f>
        <v>0.61112747717363924</v>
      </c>
      <c r="L1262" s="58">
        <f>Bühler!L1288</f>
        <v>0.30556373858681962</v>
      </c>
      <c r="M1262" s="57">
        <f>Bühler!M1288</f>
        <v>0</v>
      </c>
      <c r="N1262" s="55">
        <f>IF(Input!$K$13=1,J1262*Input!$J$13,0)+IF(Input!$K$14=1,K1262*Input!$J$14,0)+IF(Input!$K$15=1,L1262*Input!$J$15,0)+IF(Input!$K$16=1,M1262*Input!$J$16,0)</f>
        <v>1.1501293905817982</v>
      </c>
      <c r="O1262" s="58">
        <f>IF(Input!$K$13=2,J1262*Input!$J$13,0)+IF(Input!$K$14=2,K1262*Input!$J$14,0)+IF(Input!$K$15=2,L1262*Input!$J$15,0)+IF(Input!$K$16=2,M1262*Input!$J$16,0)</f>
        <v>8.2502209418441302E-2</v>
      </c>
      <c r="P1262" s="58">
        <f>IF(Input!$K$13=3,J1262*Input!$J$13,0)+IF(Input!$K$14=3,K1262*Input!$J$14,0)+IF(Input!$K$15=3,L1262*Input!$J$15,0)+IF(Input!$K$16=3,M1262*Input!$J$16,0)</f>
        <v>0</v>
      </c>
      <c r="Q1262" s="71">
        <f>IF(Input!$K$13=4,J1262*Input!$J$13,0)+IF(Input!$K$14=4,K1262*Input!$J$14,0)+IF(Input!$K$15=4,L1262*Input!$J$15,0)+IF(Input!$K$16=4,M1262*Input!$J$16,0)</f>
        <v>0</v>
      </c>
    </row>
    <row r="1263" spans="8:17" x14ac:dyDescent="0.25">
      <c r="H1263" s="43">
        <v>1256</v>
      </c>
      <c r="I1263" s="55">
        <f>Bühler!I1289</f>
        <v>1.602361025920477</v>
      </c>
      <c r="J1263" s="58">
        <f>Bühler!J1289</f>
        <v>38.340082538705147</v>
      </c>
      <c r="K1263" s="58">
        <f>Bühler!K1289</f>
        <v>2.4982150506279974</v>
      </c>
      <c r="L1263" s="58">
        <f>Bühler!L1289</f>
        <v>1.2491075253139987</v>
      </c>
      <c r="M1263" s="57">
        <f>Bühler!M1289</f>
        <v>0</v>
      </c>
      <c r="N1263" s="55">
        <f>IF(Input!$K$13=1,J1263*Input!$J$13,0)+IF(Input!$K$14=1,K1263*Input!$J$14,0)+IF(Input!$K$15=1,L1263*Input!$J$15,0)+IF(Input!$K$16=1,M1263*Input!$J$16,0)</f>
        <v>4.6008099046446178</v>
      </c>
      <c r="O1263" s="58">
        <f>IF(Input!$K$13=2,J1263*Input!$J$13,0)+IF(Input!$K$14=2,K1263*Input!$J$14,0)+IF(Input!$K$15=2,L1263*Input!$J$15,0)+IF(Input!$K$16=2,M1263*Input!$J$16,0)</f>
        <v>0.33725903183477968</v>
      </c>
      <c r="P1263" s="58">
        <f>IF(Input!$K$13=3,J1263*Input!$J$13,0)+IF(Input!$K$14=3,K1263*Input!$J$14,0)+IF(Input!$K$15=3,L1263*Input!$J$15,0)+IF(Input!$K$16=3,M1263*Input!$J$16,0)</f>
        <v>0</v>
      </c>
      <c r="Q1263" s="71">
        <f>IF(Input!$K$13=4,J1263*Input!$J$13,0)+IF(Input!$K$14=4,K1263*Input!$J$14,0)+IF(Input!$K$15=4,L1263*Input!$J$15,0)+IF(Input!$K$16=4,M1263*Input!$J$16,0)</f>
        <v>0</v>
      </c>
    </row>
    <row r="1264" spans="8:17" x14ac:dyDescent="0.25">
      <c r="H1264" s="43">
        <v>1257</v>
      </c>
      <c r="I1264" s="55">
        <f>Bühler!I1290</f>
        <v>1.7878975657639007</v>
      </c>
      <c r="J1264" s="58">
        <f>Bühler!J1290</f>
        <v>42.779460516871005</v>
      </c>
      <c r="K1264" s="58">
        <f>Bühler!K1290</f>
        <v>2.787482056490187</v>
      </c>
      <c r="L1264" s="58">
        <f>Bühler!L1290</f>
        <v>1.3937410282450935</v>
      </c>
      <c r="M1264" s="57">
        <f>Bühler!M1290</f>
        <v>0</v>
      </c>
      <c r="N1264" s="55">
        <f>IF(Input!$K$13=1,J1264*Input!$J$13,0)+IF(Input!$K$14=1,K1264*Input!$J$14,0)+IF(Input!$K$15=1,L1264*Input!$J$15,0)+IF(Input!$K$16=1,M1264*Input!$J$16,0)</f>
        <v>5.1335352620245205</v>
      </c>
      <c r="O1264" s="58">
        <f>IF(Input!$K$13=2,J1264*Input!$J$13,0)+IF(Input!$K$14=2,K1264*Input!$J$14,0)+IF(Input!$K$15=2,L1264*Input!$J$15,0)+IF(Input!$K$16=2,M1264*Input!$J$16,0)</f>
        <v>0.37631007762617524</v>
      </c>
      <c r="P1264" s="58">
        <f>IF(Input!$K$13=3,J1264*Input!$J$13,0)+IF(Input!$K$14=3,K1264*Input!$J$14,0)+IF(Input!$K$15=3,L1264*Input!$J$15,0)+IF(Input!$K$16=3,M1264*Input!$J$16,0)</f>
        <v>0</v>
      </c>
      <c r="Q1264" s="71">
        <f>IF(Input!$K$13=4,J1264*Input!$J$13,0)+IF(Input!$K$14=4,K1264*Input!$J$14,0)+IF(Input!$K$15=4,L1264*Input!$J$15,0)+IF(Input!$K$16=4,M1264*Input!$J$16,0)</f>
        <v>0</v>
      </c>
    </row>
    <row r="1265" spans="8:17" x14ac:dyDescent="0.25">
      <c r="H1265" s="43">
        <v>1258</v>
      </c>
      <c r="I1265" s="55">
        <f>Bühler!I1291</f>
        <v>1.9734341056073241</v>
      </c>
      <c r="J1265" s="58">
        <f>Bühler!J1291</f>
        <v>47.21883849503687</v>
      </c>
      <c r="K1265" s="58">
        <f>Bühler!K1291</f>
        <v>3.0767490623523766</v>
      </c>
      <c r="L1265" s="58">
        <f>Bühler!L1291</f>
        <v>1.5383745311761883</v>
      </c>
      <c r="M1265" s="57">
        <f>Bühler!M1291</f>
        <v>0</v>
      </c>
      <c r="N1265" s="55">
        <f>IF(Input!$K$13=1,J1265*Input!$J$13,0)+IF(Input!$K$14=1,K1265*Input!$J$14,0)+IF(Input!$K$15=1,L1265*Input!$J$15,0)+IF(Input!$K$16=1,M1265*Input!$J$16,0)</f>
        <v>5.666260619404424</v>
      </c>
      <c r="O1265" s="58">
        <f>IF(Input!$K$13=2,J1265*Input!$J$13,0)+IF(Input!$K$14=2,K1265*Input!$J$14,0)+IF(Input!$K$15=2,L1265*Input!$J$15,0)+IF(Input!$K$16=2,M1265*Input!$J$16,0)</f>
        <v>0.41536112341757081</v>
      </c>
      <c r="P1265" s="58">
        <f>IF(Input!$K$13=3,J1265*Input!$J$13,0)+IF(Input!$K$14=3,K1265*Input!$J$14,0)+IF(Input!$K$15=3,L1265*Input!$J$15,0)+IF(Input!$K$16=3,M1265*Input!$J$16,0)</f>
        <v>0</v>
      </c>
      <c r="Q1265" s="71">
        <f>IF(Input!$K$13=4,J1265*Input!$J$13,0)+IF(Input!$K$14=4,K1265*Input!$J$14,0)+IF(Input!$K$15=4,L1265*Input!$J$15,0)+IF(Input!$K$16=4,M1265*Input!$J$16,0)</f>
        <v>0</v>
      </c>
    </row>
    <row r="1266" spans="8:17" x14ac:dyDescent="0.25">
      <c r="H1266" s="43">
        <v>1259</v>
      </c>
      <c r="I1266" s="55">
        <f>Bühler!I1292</f>
        <v>1.9734341056073241</v>
      </c>
      <c r="J1266" s="58">
        <f>Bühler!J1292</f>
        <v>47.21883849503687</v>
      </c>
      <c r="K1266" s="58">
        <f>Bühler!K1292</f>
        <v>3.0767490623523766</v>
      </c>
      <c r="L1266" s="58">
        <f>Bühler!L1292</f>
        <v>1.5383745311761883</v>
      </c>
      <c r="M1266" s="57">
        <f>Bühler!M1292</f>
        <v>0</v>
      </c>
      <c r="N1266" s="55">
        <f>IF(Input!$K$13=1,J1266*Input!$J$13,0)+IF(Input!$K$14=1,K1266*Input!$J$14,0)+IF(Input!$K$15=1,L1266*Input!$J$15,0)+IF(Input!$K$16=1,M1266*Input!$J$16,0)</f>
        <v>5.666260619404424</v>
      </c>
      <c r="O1266" s="58">
        <f>IF(Input!$K$13=2,J1266*Input!$J$13,0)+IF(Input!$K$14=2,K1266*Input!$J$14,0)+IF(Input!$K$15=2,L1266*Input!$J$15,0)+IF(Input!$K$16=2,M1266*Input!$J$16,0)</f>
        <v>0.41536112341757081</v>
      </c>
      <c r="P1266" s="58">
        <f>IF(Input!$K$13=3,J1266*Input!$J$13,0)+IF(Input!$K$14=3,K1266*Input!$J$14,0)+IF(Input!$K$15=3,L1266*Input!$J$15,0)+IF(Input!$K$16=3,M1266*Input!$J$16,0)</f>
        <v>0</v>
      </c>
      <c r="Q1266" s="71">
        <f>IF(Input!$K$13=4,J1266*Input!$J$13,0)+IF(Input!$K$14=4,K1266*Input!$J$14,0)+IF(Input!$K$15=4,L1266*Input!$J$15,0)+IF(Input!$K$16=4,M1266*Input!$J$16,0)</f>
        <v>0</v>
      </c>
    </row>
    <row r="1267" spans="8:17" x14ac:dyDescent="0.25">
      <c r="H1267" s="43">
        <v>1260</v>
      </c>
      <c r="I1267" s="55">
        <f>Bühler!I1293</f>
        <v>2.361374143461755</v>
      </c>
      <c r="J1267" s="58">
        <f>Bühler!J1293</f>
        <v>56.501174267565482</v>
      </c>
      <c r="K1267" s="58">
        <f>Bühler!K1293</f>
        <v>3.681580074609681</v>
      </c>
      <c r="L1267" s="58">
        <f>Bühler!L1293</f>
        <v>1.8407900373048405</v>
      </c>
      <c r="M1267" s="57">
        <f>Bühler!M1293</f>
        <v>0</v>
      </c>
      <c r="N1267" s="55">
        <f>IF(Input!$K$13=1,J1267*Input!$J$13,0)+IF(Input!$K$14=1,K1267*Input!$J$14,0)+IF(Input!$K$15=1,L1267*Input!$J$15,0)+IF(Input!$K$16=1,M1267*Input!$J$16,0)</f>
        <v>6.780140912107858</v>
      </c>
      <c r="O1267" s="58">
        <f>IF(Input!$K$13=2,J1267*Input!$J$13,0)+IF(Input!$K$14=2,K1267*Input!$J$14,0)+IF(Input!$K$15=2,L1267*Input!$J$15,0)+IF(Input!$K$16=2,M1267*Input!$J$16,0)</f>
        <v>0.49701331007230687</v>
      </c>
      <c r="P1267" s="58">
        <f>IF(Input!$K$13=3,J1267*Input!$J$13,0)+IF(Input!$K$14=3,K1267*Input!$J$14,0)+IF(Input!$K$15=3,L1267*Input!$J$15,0)+IF(Input!$K$16=3,M1267*Input!$J$16,0)</f>
        <v>0</v>
      </c>
      <c r="Q1267" s="71">
        <f>IF(Input!$K$13=4,J1267*Input!$J$13,0)+IF(Input!$K$14=4,K1267*Input!$J$14,0)+IF(Input!$K$15=4,L1267*Input!$J$15,0)+IF(Input!$K$16=4,M1267*Input!$J$16,0)</f>
        <v>0</v>
      </c>
    </row>
    <row r="1268" spans="8:17" x14ac:dyDescent="0.25">
      <c r="H1268" s="43">
        <v>1261</v>
      </c>
      <c r="I1268" s="55">
        <f>Bühler!I1294</f>
        <v>2.361374143461755</v>
      </c>
      <c r="J1268" s="58">
        <f>Bühler!J1294</f>
        <v>56.501174267565482</v>
      </c>
      <c r="K1268" s="58">
        <f>Bühler!K1294</f>
        <v>3.681580074609681</v>
      </c>
      <c r="L1268" s="58">
        <f>Bühler!L1294</f>
        <v>1.8407900373048405</v>
      </c>
      <c r="M1268" s="57">
        <f>Bühler!M1294</f>
        <v>0</v>
      </c>
      <c r="N1268" s="55">
        <f>IF(Input!$K$13=1,J1268*Input!$J$13,0)+IF(Input!$K$14=1,K1268*Input!$J$14,0)+IF(Input!$K$15=1,L1268*Input!$J$15,0)+IF(Input!$K$16=1,M1268*Input!$J$16,0)</f>
        <v>6.780140912107858</v>
      </c>
      <c r="O1268" s="58">
        <f>IF(Input!$K$13=2,J1268*Input!$J$13,0)+IF(Input!$K$14=2,K1268*Input!$J$14,0)+IF(Input!$K$15=2,L1268*Input!$J$15,0)+IF(Input!$K$16=2,M1268*Input!$J$16,0)</f>
        <v>0.49701331007230687</v>
      </c>
      <c r="P1268" s="58">
        <f>IF(Input!$K$13=3,J1268*Input!$J$13,0)+IF(Input!$K$14=3,K1268*Input!$J$14,0)+IF(Input!$K$15=3,L1268*Input!$J$15,0)+IF(Input!$K$16=3,M1268*Input!$J$16,0)</f>
        <v>0</v>
      </c>
      <c r="Q1268" s="71">
        <f>IF(Input!$K$13=4,J1268*Input!$J$13,0)+IF(Input!$K$14=4,K1268*Input!$J$14,0)+IF(Input!$K$15=4,L1268*Input!$J$15,0)+IF(Input!$K$16=4,M1268*Input!$J$16,0)</f>
        <v>0</v>
      </c>
    </row>
    <row r="1269" spans="8:17" x14ac:dyDescent="0.25">
      <c r="H1269" s="43">
        <v>1262</v>
      </c>
      <c r="I1269" s="55">
        <f>Bühler!I1295</f>
        <v>1.5686271095853088</v>
      </c>
      <c r="J1269" s="58">
        <f>Bühler!J1295</f>
        <v>37.532922906311356</v>
      </c>
      <c r="K1269" s="58">
        <f>Bühler!K1295</f>
        <v>2.4456210495621451</v>
      </c>
      <c r="L1269" s="58">
        <f>Bühler!L1295</f>
        <v>1.2228105247810725</v>
      </c>
      <c r="M1269" s="57">
        <f>Bühler!M1295</f>
        <v>0</v>
      </c>
      <c r="N1269" s="55">
        <f>IF(Input!$K$13=1,J1269*Input!$J$13,0)+IF(Input!$K$14=1,K1269*Input!$J$14,0)+IF(Input!$K$15=1,L1269*Input!$J$15,0)+IF(Input!$K$16=1,M1269*Input!$J$16,0)</f>
        <v>4.5039507487573625</v>
      </c>
      <c r="O1269" s="58">
        <f>IF(Input!$K$13=2,J1269*Input!$J$13,0)+IF(Input!$K$14=2,K1269*Input!$J$14,0)+IF(Input!$K$15=2,L1269*Input!$J$15,0)+IF(Input!$K$16=2,M1269*Input!$J$16,0)</f>
        <v>0.3301588416908896</v>
      </c>
      <c r="P1269" s="58">
        <f>IF(Input!$K$13=3,J1269*Input!$J$13,0)+IF(Input!$K$14=3,K1269*Input!$J$14,0)+IF(Input!$K$15=3,L1269*Input!$J$15,0)+IF(Input!$K$16=3,M1269*Input!$J$16,0)</f>
        <v>0</v>
      </c>
      <c r="Q1269" s="71">
        <f>IF(Input!$K$13=4,J1269*Input!$J$13,0)+IF(Input!$K$14=4,K1269*Input!$J$14,0)+IF(Input!$K$15=4,L1269*Input!$J$15,0)+IF(Input!$K$16=4,M1269*Input!$J$16,0)</f>
        <v>0</v>
      </c>
    </row>
    <row r="1270" spans="8:17" x14ac:dyDescent="0.25">
      <c r="H1270" s="43">
        <v>1263</v>
      </c>
      <c r="I1270" s="55">
        <f>Bühler!I1296</f>
        <v>2.361374143461755</v>
      </c>
      <c r="J1270" s="58">
        <f>Bühler!J1296</f>
        <v>56.501174267565482</v>
      </c>
      <c r="K1270" s="58">
        <f>Bühler!K1296</f>
        <v>3.681580074609681</v>
      </c>
      <c r="L1270" s="58">
        <f>Bühler!L1296</f>
        <v>1.8407900373048405</v>
      </c>
      <c r="M1270" s="57">
        <f>Bühler!M1296</f>
        <v>0</v>
      </c>
      <c r="N1270" s="55">
        <f>IF(Input!$K$13=1,J1270*Input!$J$13,0)+IF(Input!$K$14=1,K1270*Input!$J$14,0)+IF(Input!$K$15=1,L1270*Input!$J$15,0)+IF(Input!$K$16=1,M1270*Input!$J$16,0)</f>
        <v>6.780140912107858</v>
      </c>
      <c r="O1270" s="58">
        <f>IF(Input!$K$13=2,J1270*Input!$J$13,0)+IF(Input!$K$14=2,K1270*Input!$J$14,0)+IF(Input!$K$15=2,L1270*Input!$J$15,0)+IF(Input!$K$16=2,M1270*Input!$J$16,0)</f>
        <v>0.49701331007230687</v>
      </c>
      <c r="P1270" s="58">
        <f>IF(Input!$K$13=3,J1270*Input!$J$13,0)+IF(Input!$K$14=3,K1270*Input!$J$14,0)+IF(Input!$K$15=3,L1270*Input!$J$15,0)+IF(Input!$K$16=3,M1270*Input!$J$16,0)</f>
        <v>0</v>
      </c>
      <c r="Q1270" s="71">
        <f>IF(Input!$K$13=4,J1270*Input!$J$13,0)+IF(Input!$K$14=4,K1270*Input!$J$14,0)+IF(Input!$K$15=4,L1270*Input!$J$15,0)+IF(Input!$K$16=4,M1270*Input!$J$16,0)</f>
        <v>0</v>
      </c>
    </row>
    <row r="1271" spans="8:17" x14ac:dyDescent="0.25">
      <c r="H1271" s="43">
        <v>1264</v>
      </c>
      <c r="I1271" s="55">
        <f>Bühler!I1297</f>
        <v>2.361374143461755</v>
      </c>
      <c r="J1271" s="58">
        <f>Bühler!J1297</f>
        <v>56.501174267565482</v>
      </c>
      <c r="K1271" s="58">
        <f>Bühler!K1297</f>
        <v>3.681580074609681</v>
      </c>
      <c r="L1271" s="58">
        <f>Bühler!L1297</f>
        <v>1.8407900373048405</v>
      </c>
      <c r="M1271" s="57">
        <f>Bühler!M1297</f>
        <v>0</v>
      </c>
      <c r="N1271" s="55">
        <f>IF(Input!$K$13=1,J1271*Input!$J$13,0)+IF(Input!$K$14=1,K1271*Input!$J$14,0)+IF(Input!$K$15=1,L1271*Input!$J$15,0)+IF(Input!$K$16=1,M1271*Input!$J$16,0)</f>
        <v>6.780140912107858</v>
      </c>
      <c r="O1271" s="58">
        <f>IF(Input!$K$13=2,J1271*Input!$J$13,0)+IF(Input!$K$14=2,K1271*Input!$J$14,0)+IF(Input!$K$15=2,L1271*Input!$J$15,0)+IF(Input!$K$16=2,M1271*Input!$J$16,0)</f>
        <v>0.49701331007230687</v>
      </c>
      <c r="P1271" s="58">
        <f>IF(Input!$K$13=3,J1271*Input!$J$13,0)+IF(Input!$K$14=3,K1271*Input!$J$14,0)+IF(Input!$K$15=3,L1271*Input!$J$15,0)+IF(Input!$K$16=3,M1271*Input!$J$16,0)</f>
        <v>0</v>
      </c>
      <c r="Q1271" s="71">
        <f>IF(Input!$K$13=4,J1271*Input!$J$13,0)+IF(Input!$K$14=4,K1271*Input!$J$14,0)+IF(Input!$K$15=4,L1271*Input!$J$15,0)+IF(Input!$K$16=4,M1271*Input!$J$16,0)</f>
        <v>0</v>
      </c>
    </row>
    <row r="1272" spans="8:17" x14ac:dyDescent="0.25">
      <c r="H1272" s="43">
        <v>1265</v>
      </c>
      <c r="I1272" s="55">
        <f>Bühler!I1298</f>
        <v>1.9731432959837452</v>
      </c>
      <c r="J1272" s="58">
        <f>Bühler!J1298</f>
        <v>33.92542235399852</v>
      </c>
      <c r="K1272" s="58">
        <f>Bühler!K1298</f>
        <v>2.1695025439664191</v>
      </c>
      <c r="L1272" s="58">
        <f>Bühler!L1298</f>
        <v>1.0847512719832095</v>
      </c>
      <c r="M1272" s="57">
        <f>Bühler!M1298</f>
        <v>0</v>
      </c>
      <c r="N1272" s="55">
        <f>IF(Input!$K$13=1,J1272*Input!$J$13,0)+IF(Input!$K$14=1,K1272*Input!$J$14,0)+IF(Input!$K$15=1,L1272*Input!$J$15,0)+IF(Input!$K$16=1,M1272*Input!$J$16,0)</f>
        <v>4.0710506824798225</v>
      </c>
      <c r="O1272" s="58">
        <f>IF(Input!$K$13=2,J1272*Input!$J$13,0)+IF(Input!$K$14=2,K1272*Input!$J$14,0)+IF(Input!$K$15=2,L1272*Input!$J$15,0)+IF(Input!$K$16=2,M1272*Input!$J$16,0)</f>
        <v>0.29288284343546656</v>
      </c>
      <c r="P1272" s="58">
        <f>IF(Input!$K$13=3,J1272*Input!$J$13,0)+IF(Input!$K$14=3,K1272*Input!$J$14,0)+IF(Input!$K$15=3,L1272*Input!$J$15,0)+IF(Input!$K$16=3,M1272*Input!$J$16,0)</f>
        <v>0</v>
      </c>
      <c r="Q1272" s="71">
        <f>IF(Input!$K$13=4,J1272*Input!$J$13,0)+IF(Input!$K$14=4,K1272*Input!$J$14,0)+IF(Input!$K$15=4,L1272*Input!$J$15,0)+IF(Input!$K$16=4,M1272*Input!$J$16,0)</f>
        <v>0</v>
      </c>
    </row>
    <row r="1273" spans="8:17" x14ac:dyDescent="0.25">
      <c r="H1273" s="43">
        <v>1266</v>
      </c>
      <c r="I1273" s="55">
        <f>Bühler!I1299</f>
        <v>1.5689179192088882</v>
      </c>
      <c r="J1273" s="58">
        <f>Bühler!J1299</f>
        <v>15.266818761608233</v>
      </c>
      <c r="K1273" s="58">
        <f>Bühler!K1299</f>
        <v>0.92595072299036252</v>
      </c>
      <c r="L1273" s="58">
        <f>Bühler!L1299</f>
        <v>0.46297536149518126</v>
      </c>
      <c r="M1273" s="57">
        <f>Bühler!M1299</f>
        <v>0</v>
      </c>
      <c r="N1273" s="55">
        <f>IF(Input!$K$13=1,J1273*Input!$J$13,0)+IF(Input!$K$14=1,K1273*Input!$J$14,0)+IF(Input!$K$15=1,L1273*Input!$J$15,0)+IF(Input!$K$16=1,M1273*Input!$J$16,0)</f>
        <v>1.8320182513929879</v>
      </c>
      <c r="O1273" s="58">
        <f>IF(Input!$K$13=2,J1273*Input!$J$13,0)+IF(Input!$K$14=2,K1273*Input!$J$14,0)+IF(Input!$K$15=2,L1273*Input!$J$15,0)+IF(Input!$K$16=2,M1273*Input!$J$16,0)</f>
        <v>0.12500334760369894</v>
      </c>
      <c r="P1273" s="58">
        <f>IF(Input!$K$13=3,J1273*Input!$J$13,0)+IF(Input!$K$14=3,K1273*Input!$J$14,0)+IF(Input!$K$15=3,L1273*Input!$J$15,0)+IF(Input!$K$16=3,M1273*Input!$J$16,0)</f>
        <v>0</v>
      </c>
      <c r="Q1273" s="71">
        <f>IF(Input!$K$13=4,J1273*Input!$J$13,0)+IF(Input!$K$14=4,K1273*Input!$J$14,0)+IF(Input!$K$15=4,L1273*Input!$J$15,0)+IF(Input!$K$16=4,M1273*Input!$J$16,0)</f>
        <v>0</v>
      </c>
    </row>
    <row r="1274" spans="8:17" x14ac:dyDescent="0.25">
      <c r="H1274" s="43">
        <v>1267</v>
      </c>
      <c r="I1274" s="55">
        <f>Bühler!I1300</f>
        <v>0.5816192471580679</v>
      </c>
      <c r="J1274" s="58">
        <f>Bühler!J1300</f>
        <v>9.5844115881816521</v>
      </c>
      <c r="K1274" s="58">
        <f>Bühler!K1300</f>
        <v>0.61112747717363924</v>
      </c>
      <c r="L1274" s="58">
        <f>Bühler!L1300</f>
        <v>0.30556373858681962</v>
      </c>
      <c r="M1274" s="57">
        <f>Bühler!M1300</f>
        <v>0</v>
      </c>
      <c r="N1274" s="55">
        <f>IF(Input!$K$13=1,J1274*Input!$J$13,0)+IF(Input!$K$14=1,K1274*Input!$J$14,0)+IF(Input!$K$15=1,L1274*Input!$J$15,0)+IF(Input!$K$16=1,M1274*Input!$J$16,0)</f>
        <v>1.1501293905817982</v>
      </c>
      <c r="O1274" s="58">
        <f>IF(Input!$K$13=2,J1274*Input!$J$13,0)+IF(Input!$K$14=2,K1274*Input!$J$14,0)+IF(Input!$K$15=2,L1274*Input!$J$15,0)+IF(Input!$K$16=2,M1274*Input!$J$16,0)</f>
        <v>8.2502209418441302E-2</v>
      </c>
      <c r="P1274" s="58">
        <f>IF(Input!$K$13=3,J1274*Input!$J$13,0)+IF(Input!$K$14=3,K1274*Input!$J$14,0)+IF(Input!$K$15=3,L1274*Input!$J$15,0)+IF(Input!$K$16=3,M1274*Input!$J$16,0)</f>
        <v>0</v>
      </c>
      <c r="Q1274" s="71">
        <f>IF(Input!$K$13=4,J1274*Input!$J$13,0)+IF(Input!$K$14=4,K1274*Input!$J$14,0)+IF(Input!$K$15=4,L1274*Input!$J$15,0)+IF(Input!$K$16=4,M1274*Input!$J$16,0)</f>
        <v>0</v>
      </c>
    </row>
    <row r="1275" spans="8:17" x14ac:dyDescent="0.25">
      <c r="H1275" s="43">
        <v>1268</v>
      </c>
      <c r="I1275" s="55">
        <f>Bühler!I1301</f>
        <v>0.5816192471580679</v>
      </c>
      <c r="J1275" s="58">
        <f>Bühler!J1301</f>
        <v>9.5844115881816521</v>
      </c>
      <c r="K1275" s="58">
        <f>Bühler!K1301</f>
        <v>0.61112747717363924</v>
      </c>
      <c r="L1275" s="58">
        <f>Bühler!L1301</f>
        <v>0.30556373858681962</v>
      </c>
      <c r="M1275" s="57">
        <f>Bühler!M1301</f>
        <v>0</v>
      </c>
      <c r="N1275" s="55">
        <f>IF(Input!$K$13=1,J1275*Input!$J$13,0)+IF(Input!$K$14=1,K1275*Input!$J$14,0)+IF(Input!$K$15=1,L1275*Input!$J$15,0)+IF(Input!$K$16=1,M1275*Input!$J$16,0)</f>
        <v>1.1501293905817982</v>
      </c>
      <c r="O1275" s="58">
        <f>IF(Input!$K$13=2,J1275*Input!$J$13,0)+IF(Input!$K$14=2,K1275*Input!$J$14,0)+IF(Input!$K$15=2,L1275*Input!$J$15,0)+IF(Input!$K$16=2,M1275*Input!$J$16,0)</f>
        <v>8.2502209418441302E-2</v>
      </c>
      <c r="P1275" s="58">
        <f>IF(Input!$K$13=3,J1275*Input!$J$13,0)+IF(Input!$K$14=3,K1275*Input!$J$14,0)+IF(Input!$K$15=3,L1275*Input!$J$15,0)+IF(Input!$K$16=3,M1275*Input!$J$16,0)</f>
        <v>0</v>
      </c>
      <c r="Q1275" s="71">
        <f>IF(Input!$K$13=4,J1275*Input!$J$13,0)+IF(Input!$K$14=4,K1275*Input!$J$14,0)+IF(Input!$K$15=4,L1275*Input!$J$15,0)+IF(Input!$K$16=4,M1275*Input!$J$16,0)</f>
        <v>0</v>
      </c>
    </row>
    <row r="1276" spans="8:17" x14ac:dyDescent="0.25">
      <c r="H1276" s="43">
        <v>1269</v>
      </c>
      <c r="I1276" s="55">
        <f>Bühler!I1302</f>
        <v>0.5816192471580679</v>
      </c>
      <c r="J1276" s="58">
        <f>Bühler!J1302</f>
        <v>9.5844115881816521</v>
      </c>
      <c r="K1276" s="58">
        <f>Bühler!K1302</f>
        <v>0.61112747717363924</v>
      </c>
      <c r="L1276" s="58">
        <f>Bühler!L1302</f>
        <v>0.30556373858681962</v>
      </c>
      <c r="M1276" s="57">
        <f>Bühler!M1302</f>
        <v>0</v>
      </c>
      <c r="N1276" s="55">
        <f>IF(Input!$K$13=1,J1276*Input!$J$13,0)+IF(Input!$K$14=1,K1276*Input!$J$14,0)+IF(Input!$K$15=1,L1276*Input!$J$15,0)+IF(Input!$K$16=1,M1276*Input!$J$16,0)</f>
        <v>1.1501293905817982</v>
      </c>
      <c r="O1276" s="58">
        <f>IF(Input!$K$13=2,J1276*Input!$J$13,0)+IF(Input!$K$14=2,K1276*Input!$J$14,0)+IF(Input!$K$15=2,L1276*Input!$J$15,0)+IF(Input!$K$16=2,M1276*Input!$J$16,0)</f>
        <v>8.2502209418441302E-2</v>
      </c>
      <c r="P1276" s="58">
        <f>IF(Input!$K$13=3,J1276*Input!$J$13,0)+IF(Input!$K$14=3,K1276*Input!$J$14,0)+IF(Input!$K$15=3,L1276*Input!$J$15,0)+IF(Input!$K$16=3,M1276*Input!$J$16,0)</f>
        <v>0</v>
      </c>
      <c r="Q1276" s="71">
        <f>IF(Input!$K$13=4,J1276*Input!$J$13,0)+IF(Input!$K$14=4,K1276*Input!$J$14,0)+IF(Input!$K$15=4,L1276*Input!$J$15,0)+IF(Input!$K$16=4,M1276*Input!$J$16,0)</f>
        <v>0</v>
      </c>
    </row>
    <row r="1277" spans="8:17" x14ac:dyDescent="0.25">
      <c r="H1277" s="43">
        <v>1270</v>
      </c>
      <c r="I1277" s="55">
        <f>Bühler!I1303</f>
        <v>0.5816192471580679</v>
      </c>
      <c r="J1277" s="58">
        <f>Bühler!J1303</f>
        <v>9.5844115881816521</v>
      </c>
      <c r="K1277" s="58">
        <f>Bühler!K1303</f>
        <v>0.61112747717363924</v>
      </c>
      <c r="L1277" s="58">
        <f>Bühler!L1303</f>
        <v>0.30556373858681962</v>
      </c>
      <c r="M1277" s="57">
        <f>Bühler!M1303</f>
        <v>0</v>
      </c>
      <c r="N1277" s="55">
        <f>IF(Input!$K$13=1,J1277*Input!$J$13,0)+IF(Input!$K$14=1,K1277*Input!$J$14,0)+IF(Input!$K$15=1,L1277*Input!$J$15,0)+IF(Input!$K$16=1,M1277*Input!$J$16,0)</f>
        <v>1.1501293905817982</v>
      </c>
      <c r="O1277" s="58">
        <f>IF(Input!$K$13=2,J1277*Input!$J$13,0)+IF(Input!$K$14=2,K1277*Input!$J$14,0)+IF(Input!$K$15=2,L1277*Input!$J$15,0)+IF(Input!$K$16=2,M1277*Input!$J$16,0)</f>
        <v>8.2502209418441302E-2</v>
      </c>
      <c r="P1277" s="58">
        <f>IF(Input!$K$13=3,J1277*Input!$J$13,0)+IF(Input!$K$14=3,K1277*Input!$J$14,0)+IF(Input!$K$15=3,L1277*Input!$J$15,0)+IF(Input!$K$16=3,M1277*Input!$J$16,0)</f>
        <v>0</v>
      </c>
      <c r="Q1277" s="71">
        <f>IF(Input!$K$13=4,J1277*Input!$J$13,0)+IF(Input!$K$14=4,K1277*Input!$J$14,0)+IF(Input!$K$15=4,L1277*Input!$J$15,0)+IF(Input!$K$16=4,M1277*Input!$J$16,0)</f>
        <v>0</v>
      </c>
    </row>
    <row r="1278" spans="8:17" x14ac:dyDescent="0.25">
      <c r="H1278" s="43">
        <v>1271</v>
      </c>
      <c r="I1278" s="55">
        <f>Bühler!I1304</f>
        <v>0.5816192471580679</v>
      </c>
      <c r="J1278" s="58">
        <f>Bühler!J1304</f>
        <v>9.5844115881816521</v>
      </c>
      <c r="K1278" s="58">
        <f>Bühler!K1304</f>
        <v>0.61112747717363924</v>
      </c>
      <c r="L1278" s="58">
        <f>Bühler!L1304</f>
        <v>0.30556373858681962</v>
      </c>
      <c r="M1278" s="57">
        <f>Bühler!M1304</f>
        <v>0</v>
      </c>
      <c r="N1278" s="55">
        <f>IF(Input!$K$13=1,J1278*Input!$J$13,0)+IF(Input!$K$14=1,K1278*Input!$J$14,0)+IF(Input!$K$15=1,L1278*Input!$J$15,0)+IF(Input!$K$16=1,M1278*Input!$J$16,0)</f>
        <v>1.1501293905817982</v>
      </c>
      <c r="O1278" s="58">
        <f>IF(Input!$K$13=2,J1278*Input!$J$13,0)+IF(Input!$K$14=2,K1278*Input!$J$14,0)+IF(Input!$K$15=2,L1278*Input!$J$15,0)+IF(Input!$K$16=2,M1278*Input!$J$16,0)</f>
        <v>8.2502209418441302E-2</v>
      </c>
      <c r="P1278" s="58">
        <f>IF(Input!$K$13=3,J1278*Input!$J$13,0)+IF(Input!$K$14=3,K1278*Input!$J$14,0)+IF(Input!$K$15=3,L1278*Input!$J$15,0)+IF(Input!$K$16=3,M1278*Input!$J$16,0)</f>
        <v>0</v>
      </c>
      <c r="Q1278" s="71">
        <f>IF(Input!$K$13=4,J1278*Input!$J$13,0)+IF(Input!$K$14=4,K1278*Input!$J$14,0)+IF(Input!$K$15=4,L1278*Input!$J$15,0)+IF(Input!$K$16=4,M1278*Input!$J$16,0)</f>
        <v>0</v>
      </c>
    </row>
    <row r="1279" spans="8:17" x14ac:dyDescent="0.25">
      <c r="H1279" s="43">
        <v>1272</v>
      </c>
      <c r="I1279" s="55">
        <f>Bühler!I1305</f>
        <v>0.5816192471580679</v>
      </c>
      <c r="J1279" s="58">
        <f>Bühler!J1305</f>
        <v>9.5844115881816521</v>
      </c>
      <c r="K1279" s="58">
        <f>Bühler!K1305</f>
        <v>0.61112747717363924</v>
      </c>
      <c r="L1279" s="58">
        <f>Bühler!L1305</f>
        <v>0.30556373858681962</v>
      </c>
      <c r="M1279" s="57">
        <f>Bühler!M1305</f>
        <v>0</v>
      </c>
      <c r="N1279" s="55">
        <f>IF(Input!$K$13=1,J1279*Input!$J$13,0)+IF(Input!$K$14=1,K1279*Input!$J$14,0)+IF(Input!$K$15=1,L1279*Input!$J$15,0)+IF(Input!$K$16=1,M1279*Input!$J$16,0)</f>
        <v>1.1501293905817982</v>
      </c>
      <c r="O1279" s="58">
        <f>IF(Input!$K$13=2,J1279*Input!$J$13,0)+IF(Input!$K$14=2,K1279*Input!$J$14,0)+IF(Input!$K$15=2,L1279*Input!$J$15,0)+IF(Input!$K$16=2,M1279*Input!$J$16,0)</f>
        <v>8.2502209418441302E-2</v>
      </c>
      <c r="P1279" s="58">
        <f>IF(Input!$K$13=3,J1279*Input!$J$13,0)+IF(Input!$K$14=3,K1279*Input!$J$14,0)+IF(Input!$K$15=3,L1279*Input!$J$15,0)+IF(Input!$K$16=3,M1279*Input!$J$16,0)</f>
        <v>0</v>
      </c>
      <c r="Q1279" s="71">
        <f>IF(Input!$K$13=4,J1279*Input!$J$13,0)+IF(Input!$K$14=4,K1279*Input!$J$14,0)+IF(Input!$K$15=4,L1279*Input!$J$15,0)+IF(Input!$K$16=4,M1279*Input!$J$16,0)</f>
        <v>0</v>
      </c>
    </row>
    <row r="1280" spans="8:17" x14ac:dyDescent="0.25">
      <c r="H1280" s="43">
        <v>1273</v>
      </c>
      <c r="I1280" s="55">
        <f>Bühler!I1306</f>
        <v>1.7583102381490257</v>
      </c>
      <c r="J1280" s="58">
        <f>Bühler!J1306</f>
        <v>11.969978151378802</v>
      </c>
      <c r="K1280" s="58">
        <f>Bühler!K1306</f>
        <v>0.62411751314984665</v>
      </c>
      <c r="L1280" s="58">
        <f>Bühler!L1306</f>
        <v>0.31205875657492332</v>
      </c>
      <c r="M1280" s="57">
        <f>Bühler!M1306</f>
        <v>0</v>
      </c>
      <c r="N1280" s="55">
        <f>IF(Input!$K$13=1,J1280*Input!$J$13,0)+IF(Input!$K$14=1,K1280*Input!$J$14,0)+IF(Input!$K$15=1,L1280*Input!$J$15,0)+IF(Input!$K$16=1,M1280*Input!$J$16,0)</f>
        <v>1.4363973781654562</v>
      </c>
      <c r="O1280" s="58">
        <f>IF(Input!$K$13=2,J1280*Input!$J$13,0)+IF(Input!$K$14=2,K1280*Input!$J$14,0)+IF(Input!$K$15=2,L1280*Input!$J$15,0)+IF(Input!$K$16=2,M1280*Input!$J$16,0)</f>
        <v>8.4255864275229297E-2</v>
      </c>
      <c r="P1280" s="58">
        <f>IF(Input!$K$13=3,J1280*Input!$J$13,0)+IF(Input!$K$14=3,K1280*Input!$J$14,0)+IF(Input!$K$15=3,L1280*Input!$J$15,0)+IF(Input!$K$16=3,M1280*Input!$J$16,0)</f>
        <v>0</v>
      </c>
      <c r="Q1280" s="71">
        <f>IF(Input!$K$13=4,J1280*Input!$J$13,0)+IF(Input!$K$14=4,K1280*Input!$J$14,0)+IF(Input!$K$15=4,L1280*Input!$J$15,0)+IF(Input!$K$16=4,M1280*Input!$J$16,0)</f>
        <v>0</v>
      </c>
    </row>
    <row r="1281" spans="8:17" x14ac:dyDescent="0.25">
      <c r="H1281" s="43">
        <v>1274</v>
      </c>
      <c r="I1281" s="55">
        <f>Bühler!I1307</f>
        <v>1.7583102381490257</v>
      </c>
      <c r="J1281" s="58">
        <f>Bühler!J1307</f>
        <v>11.969978151378802</v>
      </c>
      <c r="K1281" s="58">
        <f>Bühler!K1307</f>
        <v>0.62411751314984665</v>
      </c>
      <c r="L1281" s="58">
        <f>Bühler!L1307</f>
        <v>0.31205875657492332</v>
      </c>
      <c r="M1281" s="57">
        <f>Bühler!M1307</f>
        <v>0</v>
      </c>
      <c r="N1281" s="55">
        <f>IF(Input!$K$13=1,J1281*Input!$J$13,0)+IF(Input!$K$14=1,K1281*Input!$J$14,0)+IF(Input!$K$15=1,L1281*Input!$J$15,0)+IF(Input!$K$16=1,M1281*Input!$J$16,0)</f>
        <v>1.4363973781654562</v>
      </c>
      <c r="O1281" s="58">
        <f>IF(Input!$K$13=2,J1281*Input!$J$13,0)+IF(Input!$K$14=2,K1281*Input!$J$14,0)+IF(Input!$K$15=2,L1281*Input!$J$15,0)+IF(Input!$K$16=2,M1281*Input!$J$16,0)</f>
        <v>8.4255864275229297E-2</v>
      </c>
      <c r="P1281" s="58">
        <f>IF(Input!$K$13=3,J1281*Input!$J$13,0)+IF(Input!$K$14=3,K1281*Input!$J$14,0)+IF(Input!$K$15=3,L1281*Input!$J$15,0)+IF(Input!$K$16=3,M1281*Input!$J$16,0)</f>
        <v>0</v>
      </c>
      <c r="Q1281" s="71">
        <f>IF(Input!$K$13=4,J1281*Input!$J$13,0)+IF(Input!$K$14=4,K1281*Input!$J$14,0)+IF(Input!$K$15=4,L1281*Input!$J$15,0)+IF(Input!$K$16=4,M1281*Input!$J$16,0)</f>
        <v>0</v>
      </c>
    </row>
    <row r="1282" spans="8:17" x14ac:dyDescent="0.25">
      <c r="H1282" s="43">
        <v>1275</v>
      </c>
      <c r="I1282" s="55">
        <f>Bühler!I1308</f>
        <v>1.7583102381490257</v>
      </c>
      <c r="J1282" s="58">
        <f>Bühler!J1308</f>
        <v>11.969978151378802</v>
      </c>
      <c r="K1282" s="58">
        <f>Bühler!K1308</f>
        <v>0.62411751314984665</v>
      </c>
      <c r="L1282" s="58">
        <f>Bühler!L1308</f>
        <v>0.31205875657492332</v>
      </c>
      <c r="M1282" s="57">
        <f>Bühler!M1308</f>
        <v>0</v>
      </c>
      <c r="N1282" s="55">
        <f>IF(Input!$K$13=1,J1282*Input!$J$13,0)+IF(Input!$K$14=1,K1282*Input!$J$14,0)+IF(Input!$K$15=1,L1282*Input!$J$15,0)+IF(Input!$K$16=1,M1282*Input!$J$16,0)</f>
        <v>1.4363973781654562</v>
      </c>
      <c r="O1282" s="58">
        <f>IF(Input!$K$13=2,J1282*Input!$J$13,0)+IF(Input!$K$14=2,K1282*Input!$J$14,0)+IF(Input!$K$15=2,L1282*Input!$J$15,0)+IF(Input!$K$16=2,M1282*Input!$J$16,0)</f>
        <v>8.4255864275229297E-2</v>
      </c>
      <c r="P1282" s="58">
        <f>IF(Input!$K$13=3,J1282*Input!$J$13,0)+IF(Input!$K$14=3,K1282*Input!$J$14,0)+IF(Input!$K$15=3,L1282*Input!$J$15,0)+IF(Input!$K$16=3,M1282*Input!$J$16,0)</f>
        <v>0</v>
      </c>
      <c r="Q1282" s="71">
        <f>IF(Input!$K$13=4,J1282*Input!$J$13,0)+IF(Input!$K$14=4,K1282*Input!$J$14,0)+IF(Input!$K$15=4,L1282*Input!$J$15,0)+IF(Input!$K$16=4,M1282*Input!$J$16,0)</f>
        <v>0</v>
      </c>
    </row>
    <row r="1283" spans="8:17" x14ac:dyDescent="0.25">
      <c r="H1283" s="43">
        <v>1276</v>
      </c>
      <c r="I1283" s="55">
        <f>Bühler!I1309</f>
        <v>1.7583102381490257</v>
      </c>
      <c r="J1283" s="58">
        <f>Bühler!J1309</f>
        <v>11.969978151378802</v>
      </c>
      <c r="K1283" s="58">
        <f>Bühler!K1309</f>
        <v>0.62411751314984665</v>
      </c>
      <c r="L1283" s="58">
        <f>Bühler!L1309</f>
        <v>0.31205875657492332</v>
      </c>
      <c r="M1283" s="57">
        <f>Bühler!M1309</f>
        <v>0</v>
      </c>
      <c r="N1283" s="55">
        <f>IF(Input!$K$13=1,J1283*Input!$J$13,0)+IF(Input!$K$14=1,K1283*Input!$J$14,0)+IF(Input!$K$15=1,L1283*Input!$J$15,0)+IF(Input!$K$16=1,M1283*Input!$J$16,0)</f>
        <v>1.4363973781654562</v>
      </c>
      <c r="O1283" s="58">
        <f>IF(Input!$K$13=2,J1283*Input!$J$13,0)+IF(Input!$K$14=2,K1283*Input!$J$14,0)+IF(Input!$K$15=2,L1283*Input!$J$15,0)+IF(Input!$K$16=2,M1283*Input!$J$16,0)</f>
        <v>8.4255864275229297E-2</v>
      </c>
      <c r="P1283" s="58">
        <f>IF(Input!$K$13=3,J1283*Input!$J$13,0)+IF(Input!$K$14=3,K1283*Input!$J$14,0)+IF(Input!$K$15=3,L1283*Input!$J$15,0)+IF(Input!$K$16=3,M1283*Input!$J$16,0)</f>
        <v>0</v>
      </c>
      <c r="Q1283" s="71">
        <f>IF(Input!$K$13=4,J1283*Input!$J$13,0)+IF(Input!$K$14=4,K1283*Input!$J$14,0)+IF(Input!$K$15=4,L1283*Input!$J$15,0)+IF(Input!$K$16=4,M1283*Input!$J$16,0)</f>
        <v>0</v>
      </c>
    </row>
    <row r="1284" spans="8:17" x14ac:dyDescent="0.25">
      <c r="H1284" s="43">
        <v>1277</v>
      </c>
      <c r="I1284" s="55">
        <f>Bühler!I1310</f>
        <v>1.7583102381490257</v>
      </c>
      <c r="J1284" s="58">
        <f>Bühler!J1310</f>
        <v>11.969978151378802</v>
      </c>
      <c r="K1284" s="58">
        <f>Bühler!K1310</f>
        <v>0.62411751314984665</v>
      </c>
      <c r="L1284" s="58">
        <f>Bühler!L1310</f>
        <v>0.31205875657492332</v>
      </c>
      <c r="M1284" s="57">
        <f>Bühler!M1310</f>
        <v>0</v>
      </c>
      <c r="N1284" s="55">
        <f>IF(Input!$K$13=1,J1284*Input!$J$13,0)+IF(Input!$K$14=1,K1284*Input!$J$14,0)+IF(Input!$K$15=1,L1284*Input!$J$15,0)+IF(Input!$K$16=1,M1284*Input!$J$16,0)</f>
        <v>1.4363973781654562</v>
      </c>
      <c r="O1284" s="58">
        <f>IF(Input!$K$13=2,J1284*Input!$J$13,0)+IF(Input!$K$14=2,K1284*Input!$J$14,0)+IF(Input!$K$15=2,L1284*Input!$J$15,0)+IF(Input!$K$16=2,M1284*Input!$J$16,0)</f>
        <v>8.4255864275229297E-2</v>
      </c>
      <c r="P1284" s="58">
        <f>IF(Input!$K$13=3,J1284*Input!$J$13,0)+IF(Input!$K$14=3,K1284*Input!$J$14,0)+IF(Input!$K$15=3,L1284*Input!$J$15,0)+IF(Input!$K$16=3,M1284*Input!$J$16,0)</f>
        <v>0</v>
      </c>
      <c r="Q1284" s="71">
        <f>IF(Input!$K$13=4,J1284*Input!$J$13,0)+IF(Input!$K$14=4,K1284*Input!$J$14,0)+IF(Input!$K$15=4,L1284*Input!$J$15,0)+IF(Input!$K$16=4,M1284*Input!$J$16,0)</f>
        <v>0</v>
      </c>
    </row>
    <row r="1285" spans="8:17" x14ac:dyDescent="0.25">
      <c r="H1285" s="43">
        <v>1278</v>
      </c>
      <c r="I1285" s="55">
        <f>Bühler!I1311</f>
        <v>1.7583102381490257</v>
      </c>
      <c r="J1285" s="58">
        <f>Bühler!J1311</f>
        <v>11.969978151378802</v>
      </c>
      <c r="K1285" s="58">
        <f>Bühler!K1311</f>
        <v>0.62411751314984665</v>
      </c>
      <c r="L1285" s="58">
        <f>Bühler!L1311</f>
        <v>0.31205875657492332</v>
      </c>
      <c r="M1285" s="57">
        <f>Bühler!M1311</f>
        <v>0</v>
      </c>
      <c r="N1285" s="55">
        <f>IF(Input!$K$13=1,J1285*Input!$J$13,0)+IF(Input!$K$14=1,K1285*Input!$J$14,0)+IF(Input!$K$15=1,L1285*Input!$J$15,0)+IF(Input!$K$16=1,M1285*Input!$J$16,0)</f>
        <v>1.4363973781654562</v>
      </c>
      <c r="O1285" s="58">
        <f>IF(Input!$K$13=2,J1285*Input!$J$13,0)+IF(Input!$K$14=2,K1285*Input!$J$14,0)+IF(Input!$K$15=2,L1285*Input!$J$15,0)+IF(Input!$K$16=2,M1285*Input!$J$16,0)</f>
        <v>8.4255864275229297E-2</v>
      </c>
      <c r="P1285" s="58">
        <f>IF(Input!$K$13=3,J1285*Input!$J$13,0)+IF(Input!$K$14=3,K1285*Input!$J$14,0)+IF(Input!$K$15=3,L1285*Input!$J$15,0)+IF(Input!$K$16=3,M1285*Input!$J$16,0)</f>
        <v>0</v>
      </c>
      <c r="Q1285" s="71">
        <f>IF(Input!$K$13=4,J1285*Input!$J$13,0)+IF(Input!$K$14=4,K1285*Input!$J$14,0)+IF(Input!$K$15=4,L1285*Input!$J$15,0)+IF(Input!$K$16=4,M1285*Input!$J$16,0)</f>
        <v>0</v>
      </c>
    </row>
    <row r="1286" spans="8:17" x14ac:dyDescent="0.25">
      <c r="H1286" s="43">
        <v>1279</v>
      </c>
      <c r="I1286" s="55">
        <f>Bühler!I1312</f>
        <v>1.7583102381490257</v>
      </c>
      <c r="J1286" s="58">
        <f>Bühler!J1312</f>
        <v>11.969978151378802</v>
      </c>
      <c r="K1286" s="58">
        <f>Bühler!K1312</f>
        <v>0.62411751314984665</v>
      </c>
      <c r="L1286" s="58">
        <f>Bühler!L1312</f>
        <v>0.31205875657492332</v>
      </c>
      <c r="M1286" s="57">
        <f>Bühler!M1312</f>
        <v>0</v>
      </c>
      <c r="N1286" s="55">
        <f>IF(Input!$K$13=1,J1286*Input!$J$13,0)+IF(Input!$K$14=1,K1286*Input!$J$14,0)+IF(Input!$K$15=1,L1286*Input!$J$15,0)+IF(Input!$K$16=1,M1286*Input!$J$16,0)</f>
        <v>1.4363973781654562</v>
      </c>
      <c r="O1286" s="58">
        <f>IF(Input!$K$13=2,J1286*Input!$J$13,0)+IF(Input!$K$14=2,K1286*Input!$J$14,0)+IF(Input!$K$15=2,L1286*Input!$J$15,0)+IF(Input!$K$16=2,M1286*Input!$J$16,0)</f>
        <v>8.4255864275229297E-2</v>
      </c>
      <c r="P1286" s="58">
        <f>IF(Input!$K$13=3,J1286*Input!$J$13,0)+IF(Input!$K$14=3,K1286*Input!$J$14,0)+IF(Input!$K$15=3,L1286*Input!$J$15,0)+IF(Input!$K$16=3,M1286*Input!$J$16,0)</f>
        <v>0</v>
      </c>
      <c r="Q1286" s="71">
        <f>IF(Input!$K$13=4,J1286*Input!$J$13,0)+IF(Input!$K$14=4,K1286*Input!$J$14,0)+IF(Input!$K$15=4,L1286*Input!$J$15,0)+IF(Input!$K$16=4,M1286*Input!$J$16,0)</f>
        <v>0</v>
      </c>
    </row>
    <row r="1287" spans="8:17" x14ac:dyDescent="0.25">
      <c r="H1287" s="43">
        <v>1280</v>
      </c>
      <c r="I1287" s="55">
        <f>Bühler!I1313</f>
        <v>4.8441447061005647</v>
      </c>
      <c r="J1287" s="58">
        <f>Bühler!J1313</f>
        <v>46.392904155876778</v>
      </c>
      <c r="K1287" s="58">
        <f>Bühler!K1313</f>
        <v>2.5513167431489188</v>
      </c>
      <c r="L1287" s="58">
        <f>Bühler!L1313</f>
        <v>1.2756583715744594</v>
      </c>
      <c r="M1287" s="57">
        <f>Bühler!M1313</f>
        <v>0</v>
      </c>
      <c r="N1287" s="55">
        <f>IF(Input!$K$13=1,J1287*Input!$J$13,0)+IF(Input!$K$14=1,K1287*Input!$J$14,0)+IF(Input!$K$15=1,L1287*Input!$J$15,0)+IF(Input!$K$16=1,M1287*Input!$J$16,0)</f>
        <v>5.5671484987052136</v>
      </c>
      <c r="O1287" s="58">
        <f>IF(Input!$K$13=2,J1287*Input!$J$13,0)+IF(Input!$K$14=2,K1287*Input!$J$14,0)+IF(Input!$K$15=2,L1287*Input!$J$15,0)+IF(Input!$K$16=2,M1287*Input!$J$16,0)</f>
        <v>0.34442776032510403</v>
      </c>
      <c r="P1287" s="58">
        <f>IF(Input!$K$13=3,J1287*Input!$J$13,0)+IF(Input!$K$14=3,K1287*Input!$J$14,0)+IF(Input!$K$15=3,L1287*Input!$J$15,0)+IF(Input!$K$16=3,M1287*Input!$J$16,0)</f>
        <v>0</v>
      </c>
      <c r="Q1287" s="71">
        <f>IF(Input!$K$13=4,J1287*Input!$J$13,0)+IF(Input!$K$14=4,K1287*Input!$J$14,0)+IF(Input!$K$15=4,L1287*Input!$J$15,0)+IF(Input!$K$16=4,M1287*Input!$J$16,0)</f>
        <v>0</v>
      </c>
    </row>
    <row r="1288" spans="8:17" x14ac:dyDescent="0.25">
      <c r="H1288" s="43">
        <v>1281</v>
      </c>
      <c r="I1288" s="55">
        <f>Bühler!I1314</f>
        <v>5.4050456720701039</v>
      </c>
      <c r="J1288" s="58">
        <f>Bühler!J1314</f>
        <v>51.76471411076777</v>
      </c>
      <c r="K1288" s="58">
        <f>Bühler!K1314</f>
        <v>2.8467323660398467</v>
      </c>
      <c r="L1288" s="58">
        <f>Bühler!L1314</f>
        <v>1.4233661830199233</v>
      </c>
      <c r="M1288" s="57">
        <f>Bühler!M1314</f>
        <v>0</v>
      </c>
      <c r="N1288" s="55">
        <f>IF(Input!$K$13=1,J1288*Input!$J$13,0)+IF(Input!$K$14=1,K1288*Input!$J$14,0)+IF(Input!$K$15=1,L1288*Input!$J$15,0)+IF(Input!$K$16=1,M1288*Input!$J$16,0)</f>
        <v>6.2117656932921319</v>
      </c>
      <c r="O1288" s="58">
        <f>IF(Input!$K$13=2,J1288*Input!$J$13,0)+IF(Input!$K$14=2,K1288*Input!$J$14,0)+IF(Input!$K$15=2,L1288*Input!$J$15,0)+IF(Input!$K$16=2,M1288*Input!$J$16,0)</f>
        <v>0.38430886941537928</v>
      </c>
      <c r="P1288" s="58">
        <f>IF(Input!$K$13=3,J1288*Input!$J$13,0)+IF(Input!$K$14=3,K1288*Input!$J$14,0)+IF(Input!$K$15=3,L1288*Input!$J$15,0)+IF(Input!$K$16=3,M1288*Input!$J$16,0)</f>
        <v>0</v>
      </c>
      <c r="Q1288" s="71">
        <f>IF(Input!$K$13=4,J1288*Input!$J$13,0)+IF(Input!$K$14=4,K1288*Input!$J$14,0)+IF(Input!$K$15=4,L1288*Input!$J$15,0)+IF(Input!$K$16=4,M1288*Input!$J$16,0)</f>
        <v>0</v>
      </c>
    </row>
    <row r="1289" spans="8:17" x14ac:dyDescent="0.25">
      <c r="H1289" s="43">
        <v>1282</v>
      </c>
      <c r="I1289" s="55">
        <f>Bühler!I1315</f>
        <v>5.9659466380396431</v>
      </c>
      <c r="J1289" s="58">
        <f>Bühler!J1315</f>
        <v>57.136524065658769</v>
      </c>
      <c r="K1289" s="58">
        <f>Bühler!K1315</f>
        <v>3.1421479889307742</v>
      </c>
      <c r="L1289" s="58">
        <f>Bühler!L1315</f>
        <v>1.5710739944653871</v>
      </c>
      <c r="M1289" s="57">
        <f>Bühler!M1315</f>
        <v>0</v>
      </c>
      <c r="N1289" s="55">
        <f>IF(Input!$K$13=1,J1289*Input!$J$13,0)+IF(Input!$K$14=1,K1289*Input!$J$14,0)+IF(Input!$K$15=1,L1289*Input!$J$15,0)+IF(Input!$K$16=1,M1289*Input!$J$16,0)</f>
        <v>6.856382887879052</v>
      </c>
      <c r="O1289" s="58">
        <f>IF(Input!$K$13=2,J1289*Input!$J$13,0)+IF(Input!$K$14=2,K1289*Input!$J$14,0)+IF(Input!$K$15=2,L1289*Input!$J$15,0)+IF(Input!$K$16=2,M1289*Input!$J$16,0)</f>
        <v>0.42418997850565449</v>
      </c>
      <c r="P1289" s="58">
        <f>IF(Input!$K$13=3,J1289*Input!$J$13,0)+IF(Input!$K$14=3,K1289*Input!$J$14,0)+IF(Input!$K$15=3,L1289*Input!$J$15,0)+IF(Input!$K$16=3,M1289*Input!$J$16,0)</f>
        <v>0</v>
      </c>
      <c r="Q1289" s="71">
        <f>IF(Input!$K$13=4,J1289*Input!$J$13,0)+IF(Input!$K$14=4,K1289*Input!$J$14,0)+IF(Input!$K$15=4,L1289*Input!$J$15,0)+IF(Input!$K$16=4,M1289*Input!$J$16,0)</f>
        <v>0</v>
      </c>
    </row>
    <row r="1290" spans="8:17" x14ac:dyDescent="0.25">
      <c r="H1290" s="43">
        <v>1283</v>
      </c>
      <c r="I1290" s="55">
        <f>Bühler!I1316</f>
        <v>5.9659466380396431</v>
      </c>
      <c r="J1290" s="58">
        <f>Bühler!J1316</f>
        <v>57.136524065658769</v>
      </c>
      <c r="K1290" s="58">
        <f>Bühler!K1316</f>
        <v>3.1421479889307742</v>
      </c>
      <c r="L1290" s="58">
        <f>Bühler!L1316</f>
        <v>1.5710739944653871</v>
      </c>
      <c r="M1290" s="57">
        <f>Bühler!M1316</f>
        <v>0</v>
      </c>
      <c r="N1290" s="55">
        <f>IF(Input!$K$13=1,J1290*Input!$J$13,0)+IF(Input!$K$14=1,K1290*Input!$J$14,0)+IF(Input!$K$15=1,L1290*Input!$J$15,0)+IF(Input!$K$16=1,M1290*Input!$J$16,0)</f>
        <v>6.856382887879052</v>
      </c>
      <c r="O1290" s="58">
        <f>IF(Input!$K$13=2,J1290*Input!$J$13,0)+IF(Input!$K$14=2,K1290*Input!$J$14,0)+IF(Input!$K$15=2,L1290*Input!$J$15,0)+IF(Input!$K$16=2,M1290*Input!$J$16,0)</f>
        <v>0.42418997850565449</v>
      </c>
      <c r="P1290" s="58">
        <f>IF(Input!$K$13=3,J1290*Input!$J$13,0)+IF(Input!$K$14=3,K1290*Input!$J$14,0)+IF(Input!$K$15=3,L1290*Input!$J$15,0)+IF(Input!$K$16=3,M1290*Input!$J$16,0)</f>
        <v>0</v>
      </c>
      <c r="Q1290" s="71">
        <f>IF(Input!$K$13=4,J1290*Input!$J$13,0)+IF(Input!$K$14=4,K1290*Input!$J$14,0)+IF(Input!$K$15=4,L1290*Input!$J$15,0)+IF(Input!$K$16=4,M1290*Input!$J$16,0)</f>
        <v>0</v>
      </c>
    </row>
    <row r="1291" spans="8:17" x14ac:dyDescent="0.25">
      <c r="H1291" s="43">
        <v>1284</v>
      </c>
      <c r="I1291" s="55">
        <f>Bühler!I1317</f>
        <v>7.1387395668850422</v>
      </c>
      <c r="J1291" s="58">
        <f>Bühler!J1317</f>
        <v>68.368490334976286</v>
      </c>
      <c r="K1291" s="58">
        <f>Bühler!K1317</f>
        <v>3.7598352004299858</v>
      </c>
      <c r="L1291" s="58">
        <f>Bühler!L1317</f>
        <v>1.8799176002149929</v>
      </c>
      <c r="M1291" s="57">
        <f>Bühler!M1317</f>
        <v>0</v>
      </c>
      <c r="N1291" s="55">
        <f>IF(Input!$K$13=1,J1291*Input!$J$13,0)+IF(Input!$K$14=1,K1291*Input!$J$14,0)+IF(Input!$K$15=1,L1291*Input!$J$15,0)+IF(Input!$K$16=1,M1291*Input!$J$16,0)</f>
        <v>8.2042188401971536</v>
      </c>
      <c r="O1291" s="58">
        <f>IF(Input!$K$13=2,J1291*Input!$J$13,0)+IF(Input!$K$14=2,K1291*Input!$J$14,0)+IF(Input!$K$15=2,L1291*Input!$J$15,0)+IF(Input!$K$16=2,M1291*Input!$J$16,0)</f>
        <v>0.507577752058048</v>
      </c>
      <c r="P1291" s="58">
        <f>IF(Input!$K$13=3,J1291*Input!$J$13,0)+IF(Input!$K$14=3,K1291*Input!$J$14,0)+IF(Input!$K$15=3,L1291*Input!$J$15,0)+IF(Input!$K$16=3,M1291*Input!$J$16,0)</f>
        <v>0</v>
      </c>
      <c r="Q1291" s="71">
        <f>IF(Input!$K$13=4,J1291*Input!$J$13,0)+IF(Input!$K$14=4,K1291*Input!$J$14,0)+IF(Input!$K$15=4,L1291*Input!$J$15,0)+IF(Input!$K$16=4,M1291*Input!$J$16,0)</f>
        <v>0</v>
      </c>
    </row>
    <row r="1292" spans="8:17" x14ac:dyDescent="0.25">
      <c r="H1292" s="43">
        <v>1285</v>
      </c>
      <c r="I1292" s="55">
        <f>Bühler!I1318</f>
        <v>7.1387395668850422</v>
      </c>
      <c r="J1292" s="58">
        <f>Bühler!J1318</f>
        <v>68.368490334976286</v>
      </c>
      <c r="K1292" s="58">
        <f>Bühler!K1318</f>
        <v>3.7598352004299858</v>
      </c>
      <c r="L1292" s="58">
        <f>Bühler!L1318</f>
        <v>1.8799176002149929</v>
      </c>
      <c r="M1292" s="57">
        <f>Bühler!M1318</f>
        <v>0</v>
      </c>
      <c r="N1292" s="55">
        <f>IF(Input!$K$13=1,J1292*Input!$J$13,0)+IF(Input!$K$14=1,K1292*Input!$J$14,0)+IF(Input!$K$15=1,L1292*Input!$J$15,0)+IF(Input!$K$16=1,M1292*Input!$J$16,0)</f>
        <v>8.2042188401971536</v>
      </c>
      <c r="O1292" s="58">
        <f>IF(Input!$K$13=2,J1292*Input!$J$13,0)+IF(Input!$K$14=2,K1292*Input!$J$14,0)+IF(Input!$K$15=2,L1292*Input!$J$15,0)+IF(Input!$K$16=2,M1292*Input!$J$16,0)</f>
        <v>0.507577752058048</v>
      </c>
      <c r="P1292" s="58">
        <f>IF(Input!$K$13=3,J1292*Input!$J$13,0)+IF(Input!$K$14=3,K1292*Input!$J$14,0)+IF(Input!$K$15=3,L1292*Input!$J$15,0)+IF(Input!$K$16=3,M1292*Input!$J$16,0)</f>
        <v>0</v>
      </c>
      <c r="Q1292" s="71">
        <f>IF(Input!$K$13=4,J1292*Input!$J$13,0)+IF(Input!$K$14=4,K1292*Input!$J$14,0)+IF(Input!$K$15=4,L1292*Input!$J$15,0)+IF(Input!$K$16=4,M1292*Input!$J$16,0)</f>
        <v>0</v>
      </c>
    </row>
    <row r="1293" spans="8:17" x14ac:dyDescent="0.25">
      <c r="H1293" s="43">
        <v>1286</v>
      </c>
      <c r="I1293" s="55">
        <f>Bühler!I1319</f>
        <v>4.7421627122879224</v>
      </c>
      <c r="J1293" s="58">
        <f>Bühler!J1319</f>
        <v>45.416211436805682</v>
      </c>
      <c r="K1293" s="58">
        <f>Bühler!K1319</f>
        <v>2.4976048117142051</v>
      </c>
      <c r="L1293" s="58">
        <f>Bühler!L1319</f>
        <v>1.2488024058571026</v>
      </c>
      <c r="M1293" s="57">
        <f>Bühler!M1319</f>
        <v>0</v>
      </c>
      <c r="N1293" s="55">
        <f>IF(Input!$K$13=1,J1293*Input!$J$13,0)+IF(Input!$K$14=1,K1293*Input!$J$14,0)+IF(Input!$K$15=1,L1293*Input!$J$15,0)+IF(Input!$K$16=1,M1293*Input!$J$16,0)</f>
        <v>5.449945372416682</v>
      </c>
      <c r="O1293" s="58">
        <f>IF(Input!$K$13=2,J1293*Input!$J$13,0)+IF(Input!$K$14=2,K1293*Input!$J$14,0)+IF(Input!$K$15=2,L1293*Input!$J$15,0)+IF(Input!$K$16=2,M1293*Input!$J$16,0)</f>
        <v>0.33717664958141769</v>
      </c>
      <c r="P1293" s="58">
        <f>IF(Input!$K$13=3,J1293*Input!$J$13,0)+IF(Input!$K$14=3,K1293*Input!$J$14,0)+IF(Input!$K$15=3,L1293*Input!$J$15,0)+IF(Input!$K$16=3,M1293*Input!$J$16,0)</f>
        <v>0</v>
      </c>
      <c r="Q1293" s="71">
        <f>IF(Input!$K$13=4,J1293*Input!$J$13,0)+IF(Input!$K$14=4,K1293*Input!$J$14,0)+IF(Input!$K$15=4,L1293*Input!$J$15,0)+IF(Input!$K$16=4,M1293*Input!$J$16,0)</f>
        <v>0</v>
      </c>
    </row>
    <row r="1294" spans="8:17" x14ac:dyDescent="0.25">
      <c r="H1294" s="43">
        <v>1287</v>
      </c>
      <c r="I1294" s="55">
        <f>Bühler!I1320</f>
        <v>7.1387395668850422</v>
      </c>
      <c r="J1294" s="58">
        <f>Bühler!J1320</f>
        <v>68.368490334976286</v>
      </c>
      <c r="K1294" s="58">
        <f>Bühler!K1320</f>
        <v>3.7598352004299858</v>
      </c>
      <c r="L1294" s="58">
        <f>Bühler!L1320</f>
        <v>1.8799176002149929</v>
      </c>
      <c r="M1294" s="57">
        <f>Bühler!M1320</f>
        <v>0</v>
      </c>
      <c r="N1294" s="55">
        <f>IF(Input!$K$13=1,J1294*Input!$J$13,0)+IF(Input!$K$14=1,K1294*Input!$J$14,0)+IF(Input!$K$15=1,L1294*Input!$J$15,0)+IF(Input!$K$16=1,M1294*Input!$J$16,0)</f>
        <v>8.2042188401971536</v>
      </c>
      <c r="O1294" s="58">
        <f>IF(Input!$K$13=2,J1294*Input!$J$13,0)+IF(Input!$K$14=2,K1294*Input!$J$14,0)+IF(Input!$K$15=2,L1294*Input!$J$15,0)+IF(Input!$K$16=2,M1294*Input!$J$16,0)</f>
        <v>0.507577752058048</v>
      </c>
      <c r="P1294" s="58">
        <f>IF(Input!$K$13=3,J1294*Input!$J$13,0)+IF(Input!$K$14=3,K1294*Input!$J$14,0)+IF(Input!$K$15=3,L1294*Input!$J$15,0)+IF(Input!$K$16=3,M1294*Input!$J$16,0)</f>
        <v>0</v>
      </c>
      <c r="Q1294" s="71">
        <f>IF(Input!$K$13=4,J1294*Input!$J$13,0)+IF(Input!$K$14=4,K1294*Input!$J$14,0)+IF(Input!$K$15=4,L1294*Input!$J$15,0)+IF(Input!$K$16=4,M1294*Input!$J$16,0)</f>
        <v>0</v>
      </c>
    </row>
    <row r="1295" spans="8:17" x14ac:dyDescent="0.25">
      <c r="H1295" s="43">
        <v>1288</v>
      </c>
      <c r="I1295" s="55">
        <f>Bühler!I1321</f>
        <v>7.1387395668850422</v>
      </c>
      <c r="J1295" s="58">
        <f>Bühler!J1321</f>
        <v>68.368490334976286</v>
      </c>
      <c r="K1295" s="58">
        <f>Bühler!K1321</f>
        <v>3.7598352004299858</v>
      </c>
      <c r="L1295" s="58">
        <f>Bühler!L1321</f>
        <v>1.8799176002149929</v>
      </c>
      <c r="M1295" s="57">
        <f>Bühler!M1321</f>
        <v>0</v>
      </c>
      <c r="N1295" s="55">
        <f>IF(Input!$K$13=1,J1295*Input!$J$13,0)+IF(Input!$K$14=1,K1295*Input!$J$14,0)+IF(Input!$K$15=1,L1295*Input!$J$15,0)+IF(Input!$K$16=1,M1295*Input!$J$16,0)</f>
        <v>8.2042188401971536</v>
      </c>
      <c r="O1295" s="58">
        <f>IF(Input!$K$13=2,J1295*Input!$J$13,0)+IF(Input!$K$14=2,K1295*Input!$J$14,0)+IF(Input!$K$15=2,L1295*Input!$J$15,0)+IF(Input!$K$16=2,M1295*Input!$J$16,0)</f>
        <v>0.507577752058048</v>
      </c>
      <c r="P1295" s="58">
        <f>IF(Input!$K$13=3,J1295*Input!$J$13,0)+IF(Input!$K$14=3,K1295*Input!$J$14,0)+IF(Input!$K$15=3,L1295*Input!$J$15,0)+IF(Input!$K$16=3,M1295*Input!$J$16,0)</f>
        <v>0</v>
      </c>
      <c r="Q1295" s="71">
        <f>IF(Input!$K$13=4,J1295*Input!$J$13,0)+IF(Input!$K$14=4,K1295*Input!$J$14,0)+IF(Input!$K$15=4,L1295*Input!$J$15,0)+IF(Input!$K$16=4,M1295*Input!$J$16,0)</f>
        <v>0</v>
      </c>
    </row>
    <row r="1296" spans="8:17" x14ac:dyDescent="0.25">
      <c r="H1296" s="43">
        <v>1289</v>
      </c>
      <c r="I1296" s="55">
        <f>Bühler!I1322</f>
        <v>5.9650674829205688</v>
      </c>
      <c r="J1296" s="58">
        <f>Bühler!J1322</f>
        <v>42.193410753010575</v>
      </c>
      <c r="K1296" s="58">
        <f>Bühler!K1322</f>
        <v>2.2156171716819562</v>
      </c>
      <c r="L1296" s="58">
        <f>Bühler!L1322</f>
        <v>1.1078085858409781</v>
      </c>
      <c r="M1296" s="57">
        <f>Bühler!M1322</f>
        <v>0</v>
      </c>
      <c r="N1296" s="55">
        <f>IF(Input!$K$13=1,J1296*Input!$J$13,0)+IF(Input!$K$14=1,K1296*Input!$J$14,0)+IF(Input!$K$15=1,L1296*Input!$J$15,0)+IF(Input!$K$16=1,M1296*Input!$J$16,0)</f>
        <v>5.0632092903612689</v>
      </c>
      <c r="O1296" s="58">
        <f>IF(Input!$K$13=2,J1296*Input!$J$13,0)+IF(Input!$K$14=2,K1296*Input!$J$14,0)+IF(Input!$K$15=2,L1296*Input!$J$15,0)+IF(Input!$K$16=2,M1296*Input!$J$16,0)</f>
        <v>0.29910831817706407</v>
      </c>
      <c r="P1296" s="58">
        <f>IF(Input!$K$13=3,J1296*Input!$J$13,0)+IF(Input!$K$14=3,K1296*Input!$J$14,0)+IF(Input!$K$15=3,L1296*Input!$J$15,0)+IF(Input!$K$16=3,M1296*Input!$J$16,0)</f>
        <v>0</v>
      </c>
      <c r="Q1296" s="71">
        <f>IF(Input!$K$13=4,J1296*Input!$J$13,0)+IF(Input!$K$14=4,K1296*Input!$J$14,0)+IF(Input!$K$15=4,L1296*Input!$J$15,0)+IF(Input!$K$16=4,M1296*Input!$J$16,0)</f>
        <v>0</v>
      </c>
    </row>
    <row r="1297" spans="8:17" x14ac:dyDescent="0.25">
      <c r="H1297" s="43">
        <v>1290</v>
      </c>
      <c r="I1297" s="55">
        <f>Bühler!I1323</f>
        <v>4.7430418674069958</v>
      </c>
      <c r="J1297" s="58">
        <f>Bühler!J1323</f>
        <v>20.38851059885863</v>
      </c>
      <c r="K1297" s="58">
        <f>Bühler!K1323</f>
        <v>0.94563259568158597</v>
      </c>
      <c r="L1297" s="58">
        <f>Bühler!L1323</f>
        <v>0.47281629784079299</v>
      </c>
      <c r="M1297" s="57">
        <f>Bühler!M1323</f>
        <v>0</v>
      </c>
      <c r="N1297" s="55">
        <f>IF(Input!$K$13=1,J1297*Input!$J$13,0)+IF(Input!$K$14=1,K1297*Input!$J$14,0)+IF(Input!$K$15=1,L1297*Input!$J$15,0)+IF(Input!$K$16=1,M1297*Input!$J$16,0)</f>
        <v>2.4466212718630356</v>
      </c>
      <c r="O1297" s="58">
        <f>IF(Input!$K$13=2,J1297*Input!$J$13,0)+IF(Input!$K$14=2,K1297*Input!$J$14,0)+IF(Input!$K$15=2,L1297*Input!$J$15,0)+IF(Input!$K$16=2,M1297*Input!$J$16,0)</f>
        <v>0.1276604004170141</v>
      </c>
      <c r="P1297" s="58">
        <f>IF(Input!$K$13=3,J1297*Input!$J$13,0)+IF(Input!$K$14=3,K1297*Input!$J$14,0)+IF(Input!$K$15=3,L1297*Input!$J$15,0)+IF(Input!$K$16=3,M1297*Input!$J$16,0)</f>
        <v>0</v>
      </c>
      <c r="Q1297" s="71">
        <f>IF(Input!$K$13=4,J1297*Input!$J$13,0)+IF(Input!$K$14=4,K1297*Input!$J$14,0)+IF(Input!$K$15=4,L1297*Input!$J$15,0)+IF(Input!$K$16=4,M1297*Input!$J$16,0)</f>
        <v>0</v>
      </c>
    </row>
    <row r="1298" spans="8:17" x14ac:dyDescent="0.25">
      <c r="H1298" s="43">
        <v>1291</v>
      </c>
      <c r="I1298" s="55">
        <f>Bühler!I1324</f>
        <v>1.7583102381490257</v>
      </c>
      <c r="J1298" s="58">
        <f>Bühler!J1324</f>
        <v>11.969978151378802</v>
      </c>
      <c r="K1298" s="58">
        <f>Bühler!K1324</f>
        <v>0.62411751314984665</v>
      </c>
      <c r="L1298" s="58">
        <f>Bühler!L1324</f>
        <v>0.31205875657492332</v>
      </c>
      <c r="M1298" s="57">
        <f>Bühler!M1324</f>
        <v>0</v>
      </c>
      <c r="N1298" s="55">
        <f>IF(Input!$K$13=1,J1298*Input!$J$13,0)+IF(Input!$K$14=1,K1298*Input!$J$14,0)+IF(Input!$K$15=1,L1298*Input!$J$15,0)+IF(Input!$K$16=1,M1298*Input!$J$16,0)</f>
        <v>1.4363973781654562</v>
      </c>
      <c r="O1298" s="58">
        <f>IF(Input!$K$13=2,J1298*Input!$J$13,0)+IF(Input!$K$14=2,K1298*Input!$J$14,0)+IF(Input!$K$15=2,L1298*Input!$J$15,0)+IF(Input!$K$16=2,M1298*Input!$J$16,0)</f>
        <v>8.4255864275229297E-2</v>
      </c>
      <c r="P1298" s="58">
        <f>IF(Input!$K$13=3,J1298*Input!$J$13,0)+IF(Input!$K$14=3,K1298*Input!$J$14,0)+IF(Input!$K$15=3,L1298*Input!$J$15,0)+IF(Input!$K$16=3,M1298*Input!$J$16,0)</f>
        <v>0</v>
      </c>
      <c r="Q1298" s="71">
        <f>IF(Input!$K$13=4,J1298*Input!$J$13,0)+IF(Input!$K$14=4,K1298*Input!$J$14,0)+IF(Input!$K$15=4,L1298*Input!$J$15,0)+IF(Input!$K$16=4,M1298*Input!$J$16,0)</f>
        <v>0</v>
      </c>
    </row>
    <row r="1299" spans="8:17" x14ac:dyDescent="0.25">
      <c r="H1299" s="43">
        <v>1292</v>
      </c>
      <c r="I1299" s="55">
        <f>Bühler!I1325</f>
        <v>1.7583102381490257</v>
      </c>
      <c r="J1299" s="58">
        <f>Bühler!J1325</f>
        <v>11.969978151378802</v>
      </c>
      <c r="K1299" s="58">
        <f>Bühler!K1325</f>
        <v>0.62411751314984665</v>
      </c>
      <c r="L1299" s="58">
        <f>Bühler!L1325</f>
        <v>0.31205875657492332</v>
      </c>
      <c r="M1299" s="57">
        <f>Bühler!M1325</f>
        <v>0</v>
      </c>
      <c r="N1299" s="55">
        <f>IF(Input!$K$13=1,J1299*Input!$J$13,0)+IF(Input!$K$14=1,K1299*Input!$J$14,0)+IF(Input!$K$15=1,L1299*Input!$J$15,0)+IF(Input!$K$16=1,M1299*Input!$J$16,0)</f>
        <v>1.4363973781654562</v>
      </c>
      <c r="O1299" s="58">
        <f>IF(Input!$K$13=2,J1299*Input!$J$13,0)+IF(Input!$K$14=2,K1299*Input!$J$14,0)+IF(Input!$K$15=2,L1299*Input!$J$15,0)+IF(Input!$K$16=2,M1299*Input!$J$16,0)</f>
        <v>8.4255864275229297E-2</v>
      </c>
      <c r="P1299" s="58">
        <f>IF(Input!$K$13=3,J1299*Input!$J$13,0)+IF(Input!$K$14=3,K1299*Input!$J$14,0)+IF(Input!$K$15=3,L1299*Input!$J$15,0)+IF(Input!$K$16=3,M1299*Input!$J$16,0)</f>
        <v>0</v>
      </c>
      <c r="Q1299" s="71">
        <f>IF(Input!$K$13=4,J1299*Input!$J$13,0)+IF(Input!$K$14=4,K1299*Input!$J$14,0)+IF(Input!$K$15=4,L1299*Input!$J$15,0)+IF(Input!$K$16=4,M1299*Input!$J$16,0)</f>
        <v>0</v>
      </c>
    </row>
    <row r="1300" spans="8:17" x14ac:dyDescent="0.25">
      <c r="H1300" s="43">
        <v>1293</v>
      </c>
      <c r="I1300" s="55">
        <f>Bühler!I1326</f>
        <v>1.7583102381490257</v>
      </c>
      <c r="J1300" s="58">
        <f>Bühler!J1326</f>
        <v>11.969978151378802</v>
      </c>
      <c r="K1300" s="58">
        <f>Bühler!K1326</f>
        <v>0.62411751314984665</v>
      </c>
      <c r="L1300" s="58">
        <f>Bühler!L1326</f>
        <v>0.31205875657492332</v>
      </c>
      <c r="M1300" s="57">
        <f>Bühler!M1326</f>
        <v>0</v>
      </c>
      <c r="N1300" s="55">
        <f>IF(Input!$K$13=1,J1300*Input!$J$13,0)+IF(Input!$K$14=1,K1300*Input!$J$14,0)+IF(Input!$K$15=1,L1300*Input!$J$15,0)+IF(Input!$K$16=1,M1300*Input!$J$16,0)</f>
        <v>1.4363973781654562</v>
      </c>
      <c r="O1300" s="58">
        <f>IF(Input!$K$13=2,J1300*Input!$J$13,0)+IF(Input!$K$14=2,K1300*Input!$J$14,0)+IF(Input!$K$15=2,L1300*Input!$J$15,0)+IF(Input!$K$16=2,M1300*Input!$J$16,0)</f>
        <v>8.4255864275229297E-2</v>
      </c>
      <c r="P1300" s="58">
        <f>IF(Input!$K$13=3,J1300*Input!$J$13,0)+IF(Input!$K$14=3,K1300*Input!$J$14,0)+IF(Input!$K$15=3,L1300*Input!$J$15,0)+IF(Input!$K$16=3,M1300*Input!$J$16,0)</f>
        <v>0</v>
      </c>
      <c r="Q1300" s="71">
        <f>IF(Input!$K$13=4,J1300*Input!$J$13,0)+IF(Input!$K$14=4,K1300*Input!$J$14,0)+IF(Input!$K$15=4,L1300*Input!$J$15,0)+IF(Input!$K$16=4,M1300*Input!$J$16,0)</f>
        <v>0</v>
      </c>
    </row>
    <row r="1301" spans="8:17" x14ac:dyDescent="0.25">
      <c r="H1301" s="43">
        <v>1294</v>
      </c>
      <c r="I1301" s="55">
        <f>Bühler!I1327</f>
        <v>1.7583102381490257</v>
      </c>
      <c r="J1301" s="58">
        <f>Bühler!J1327</f>
        <v>11.969978151378802</v>
      </c>
      <c r="K1301" s="58">
        <f>Bühler!K1327</f>
        <v>0.62411751314984665</v>
      </c>
      <c r="L1301" s="58">
        <f>Bühler!L1327</f>
        <v>0.31205875657492332</v>
      </c>
      <c r="M1301" s="57">
        <f>Bühler!M1327</f>
        <v>0</v>
      </c>
      <c r="N1301" s="55">
        <f>IF(Input!$K$13=1,J1301*Input!$J$13,0)+IF(Input!$K$14=1,K1301*Input!$J$14,0)+IF(Input!$K$15=1,L1301*Input!$J$15,0)+IF(Input!$K$16=1,M1301*Input!$J$16,0)</f>
        <v>1.4363973781654562</v>
      </c>
      <c r="O1301" s="58">
        <f>IF(Input!$K$13=2,J1301*Input!$J$13,0)+IF(Input!$K$14=2,K1301*Input!$J$14,0)+IF(Input!$K$15=2,L1301*Input!$J$15,0)+IF(Input!$K$16=2,M1301*Input!$J$16,0)</f>
        <v>8.4255864275229297E-2</v>
      </c>
      <c r="P1301" s="58">
        <f>IF(Input!$K$13=3,J1301*Input!$J$13,0)+IF(Input!$K$14=3,K1301*Input!$J$14,0)+IF(Input!$K$15=3,L1301*Input!$J$15,0)+IF(Input!$K$16=3,M1301*Input!$J$16,0)</f>
        <v>0</v>
      </c>
      <c r="Q1301" s="71">
        <f>IF(Input!$K$13=4,J1301*Input!$J$13,0)+IF(Input!$K$14=4,K1301*Input!$J$14,0)+IF(Input!$K$15=4,L1301*Input!$J$15,0)+IF(Input!$K$16=4,M1301*Input!$J$16,0)</f>
        <v>0</v>
      </c>
    </row>
    <row r="1302" spans="8:17" x14ac:dyDescent="0.25">
      <c r="H1302" s="43">
        <v>1295</v>
      </c>
      <c r="I1302" s="55">
        <f>Bühler!I1328</f>
        <v>1.7583102381490257</v>
      </c>
      <c r="J1302" s="58">
        <f>Bühler!J1328</f>
        <v>11.969978151378802</v>
      </c>
      <c r="K1302" s="58">
        <f>Bühler!K1328</f>
        <v>0.62411751314984665</v>
      </c>
      <c r="L1302" s="58">
        <f>Bühler!L1328</f>
        <v>0.31205875657492332</v>
      </c>
      <c r="M1302" s="57">
        <f>Bühler!M1328</f>
        <v>0</v>
      </c>
      <c r="N1302" s="55">
        <f>IF(Input!$K$13=1,J1302*Input!$J$13,0)+IF(Input!$K$14=1,K1302*Input!$J$14,0)+IF(Input!$K$15=1,L1302*Input!$J$15,0)+IF(Input!$K$16=1,M1302*Input!$J$16,0)</f>
        <v>1.4363973781654562</v>
      </c>
      <c r="O1302" s="58">
        <f>IF(Input!$K$13=2,J1302*Input!$J$13,0)+IF(Input!$K$14=2,K1302*Input!$J$14,0)+IF(Input!$K$15=2,L1302*Input!$J$15,0)+IF(Input!$K$16=2,M1302*Input!$J$16,0)</f>
        <v>8.4255864275229297E-2</v>
      </c>
      <c r="P1302" s="58">
        <f>IF(Input!$K$13=3,J1302*Input!$J$13,0)+IF(Input!$K$14=3,K1302*Input!$J$14,0)+IF(Input!$K$15=3,L1302*Input!$J$15,0)+IF(Input!$K$16=3,M1302*Input!$J$16,0)</f>
        <v>0</v>
      </c>
      <c r="Q1302" s="71">
        <f>IF(Input!$K$13=4,J1302*Input!$J$13,0)+IF(Input!$K$14=4,K1302*Input!$J$14,0)+IF(Input!$K$15=4,L1302*Input!$J$15,0)+IF(Input!$K$16=4,M1302*Input!$J$16,0)</f>
        <v>0</v>
      </c>
    </row>
    <row r="1303" spans="8:17" x14ac:dyDescent="0.25">
      <c r="H1303" s="43">
        <v>1296</v>
      </c>
      <c r="I1303" s="55">
        <f>Bühler!I1329</f>
        <v>1.7583102381490257</v>
      </c>
      <c r="J1303" s="58">
        <f>Bühler!J1329</f>
        <v>11.969978151378802</v>
      </c>
      <c r="K1303" s="58">
        <f>Bühler!K1329</f>
        <v>0.62411751314984665</v>
      </c>
      <c r="L1303" s="58">
        <f>Bühler!L1329</f>
        <v>0.31205875657492332</v>
      </c>
      <c r="M1303" s="57">
        <f>Bühler!M1329</f>
        <v>0</v>
      </c>
      <c r="N1303" s="55">
        <f>IF(Input!$K$13=1,J1303*Input!$J$13,0)+IF(Input!$K$14=1,K1303*Input!$J$14,0)+IF(Input!$K$15=1,L1303*Input!$J$15,0)+IF(Input!$K$16=1,M1303*Input!$J$16,0)</f>
        <v>1.4363973781654562</v>
      </c>
      <c r="O1303" s="58">
        <f>IF(Input!$K$13=2,J1303*Input!$J$13,0)+IF(Input!$K$14=2,K1303*Input!$J$14,0)+IF(Input!$K$15=2,L1303*Input!$J$15,0)+IF(Input!$K$16=2,M1303*Input!$J$16,0)</f>
        <v>8.4255864275229297E-2</v>
      </c>
      <c r="P1303" s="58">
        <f>IF(Input!$K$13=3,J1303*Input!$J$13,0)+IF(Input!$K$14=3,K1303*Input!$J$14,0)+IF(Input!$K$15=3,L1303*Input!$J$15,0)+IF(Input!$K$16=3,M1303*Input!$J$16,0)</f>
        <v>0</v>
      </c>
      <c r="Q1303" s="71">
        <f>IF(Input!$K$13=4,J1303*Input!$J$13,0)+IF(Input!$K$14=4,K1303*Input!$J$14,0)+IF(Input!$K$15=4,L1303*Input!$J$15,0)+IF(Input!$K$16=4,M1303*Input!$J$16,0)</f>
        <v>0</v>
      </c>
    </row>
    <row r="1304" spans="8:17" x14ac:dyDescent="0.25">
      <c r="H1304" s="43">
        <v>1297</v>
      </c>
      <c r="I1304" s="55">
        <f>Bühler!I1330</f>
        <v>0.61313224590018589</v>
      </c>
      <c r="J1304" s="58">
        <f>Bühler!J1330</f>
        <v>14.527461042105502</v>
      </c>
      <c r="K1304" s="58">
        <f>Bühler!K1330</f>
        <v>0.93622358068929379</v>
      </c>
      <c r="L1304" s="58">
        <f>Bühler!L1330</f>
        <v>0.46811179034464689</v>
      </c>
      <c r="M1304" s="57">
        <f>Bühler!M1330</f>
        <v>0</v>
      </c>
      <c r="N1304" s="55">
        <f>IF(Input!$K$13=1,J1304*Input!$J$13,0)+IF(Input!$K$14=1,K1304*Input!$J$14,0)+IF(Input!$K$15=1,L1304*Input!$J$15,0)+IF(Input!$K$16=1,M1304*Input!$J$16,0)</f>
        <v>1.7432953250526602</v>
      </c>
      <c r="O1304" s="58">
        <f>IF(Input!$K$13=2,J1304*Input!$J$13,0)+IF(Input!$K$14=2,K1304*Input!$J$14,0)+IF(Input!$K$15=2,L1304*Input!$J$15,0)+IF(Input!$K$16=2,M1304*Input!$J$16,0)</f>
        <v>0.12639018339305466</v>
      </c>
      <c r="P1304" s="58">
        <f>IF(Input!$K$13=3,J1304*Input!$J$13,0)+IF(Input!$K$14=3,K1304*Input!$J$14,0)+IF(Input!$K$15=3,L1304*Input!$J$15,0)+IF(Input!$K$16=3,M1304*Input!$J$16,0)</f>
        <v>0</v>
      </c>
      <c r="Q1304" s="71">
        <f>IF(Input!$K$13=4,J1304*Input!$J$13,0)+IF(Input!$K$14=4,K1304*Input!$J$14,0)+IF(Input!$K$15=4,L1304*Input!$J$15,0)+IF(Input!$K$16=4,M1304*Input!$J$16,0)</f>
        <v>0</v>
      </c>
    </row>
    <row r="1305" spans="8:17" x14ac:dyDescent="0.25">
      <c r="H1305" s="43">
        <v>1298</v>
      </c>
      <c r="I1305" s="55">
        <f>Bühler!I1331</f>
        <v>0.61313224590018589</v>
      </c>
      <c r="J1305" s="58">
        <f>Bühler!J1331</f>
        <v>9.0661868678344728</v>
      </c>
      <c r="K1305" s="58">
        <f>Bühler!K1331</f>
        <v>0.56740823072078417</v>
      </c>
      <c r="L1305" s="58">
        <f>Bühler!L1331</f>
        <v>0.28370411536039208</v>
      </c>
      <c r="M1305" s="57">
        <f>Bühler!M1331</f>
        <v>0</v>
      </c>
      <c r="N1305" s="55">
        <f>IF(Input!$K$13=1,J1305*Input!$J$13,0)+IF(Input!$K$14=1,K1305*Input!$J$14,0)+IF(Input!$K$15=1,L1305*Input!$J$15,0)+IF(Input!$K$16=1,M1305*Input!$J$16,0)</f>
        <v>1.0879424241401368</v>
      </c>
      <c r="O1305" s="58">
        <f>IF(Input!$K$13=2,J1305*Input!$J$13,0)+IF(Input!$K$14=2,K1305*Input!$J$14,0)+IF(Input!$K$15=2,L1305*Input!$J$15,0)+IF(Input!$K$16=2,M1305*Input!$J$16,0)</f>
        <v>7.660011114730586E-2</v>
      </c>
      <c r="P1305" s="58">
        <f>IF(Input!$K$13=3,J1305*Input!$J$13,0)+IF(Input!$K$14=3,K1305*Input!$J$14,0)+IF(Input!$K$15=3,L1305*Input!$J$15,0)+IF(Input!$K$16=3,M1305*Input!$J$16,0)</f>
        <v>0</v>
      </c>
      <c r="Q1305" s="71">
        <f>IF(Input!$K$13=4,J1305*Input!$J$13,0)+IF(Input!$K$14=4,K1305*Input!$J$14,0)+IF(Input!$K$15=4,L1305*Input!$J$15,0)+IF(Input!$K$16=4,M1305*Input!$J$16,0)</f>
        <v>0</v>
      </c>
    </row>
    <row r="1306" spans="8:17" x14ac:dyDescent="0.25">
      <c r="H1306" s="43">
        <v>1299</v>
      </c>
      <c r="I1306" s="55">
        <f>Bühler!I1332</f>
        <v>0.61313224590018589</v>
      </c>
      <c r="J1306" s="58">
        <f>Bühler!J1332</f>
        <v>9.0661868678344728</v>
      </c>
      <c r="K1306" s="58">
        <f>Bühler!K1332</f>
        <v>0.56740823072078417</v>
      </c>
      <c r="L1306" s="58">
        <f>Bühler!L1332</f>
        <v>0.28370411536039208</v>
      </c>
      <c r="M1306" s="57">
        <f>Bühler!M1332</f>
        <v>0</v>
      </c>
      <c r="N1306" s="55">
        <f>IF(Input!$K$13=1,J1306*Input!$J$13,0)+IF(Input!$K$14=1,K1306*Input!$J$14,0)+IF(Input!$K$15=1,L1306*Input!$J$15,0)+IF(Input!$K$16=1,M1306*Input!$J$16,0)</f>
        <v>1.0879424241401368</v>
      </c>
      <c r="O1306" s="58">
        <f>IF(Input!$K$13=2,J1306*Input!$J$13,0)+IF(Input!$K$14=2,K1306*Input!$J$14,0)+IF(Input!$K$15=2,L1306*Input!$J$15,0)+IF(Input!$K$16=2,M1306*Input!$J$16,0)</f>
        <v>7.660011114730586E-2</v>
      </c>
      <c r="P1306" s="58">
        <f>IF(Input!$K$13=3,J1306*Input!$J$13,0)+IF(Input!$K$14=3,K1306*Input!$J$14,0)+IF(Input!$K$15=3,L1306*Input!$J$15,0)+IF(Input!$K$16=3,M1306*Input!$J$16,0)</f>
        <v>0</v>
      </c>
      <c r="Q1306" s="71">
        <f>IF(Input!$K$13=4,J1306*Input!$J$13,0)+IF(Input!$K$14=4,K1306*Input!$J$14,0)+IF(Input!$K$15=4,L1306*Input!$J$15,0)+IF(Input!$K$16=4,M1306*Input!$J$16,0)</f>
        <v>0</v>
      </c>
    </row>
    <row r="1307" spans="8:17" x14ac:dyDescent="0.25">
      <c r="H1307" s="43">
        <v>1300</v>
      </c>
      <c r="I1307" s="55">
        <f>Bühler!I1333</f>
        <v>0.61313224590018589</v>
      </c>
      <c r="J1307" s="58">
        <f>Bühler!J1333</f>
        <v>9.0661868678344728</v>
      </c>
      <c r="K1307" s="58">
        <f>Bühler!K1333</f>
        <v>0.56740823072078417</v>
      </c>
      <c r="L1307" s="58">
        <f>Bühler!L1333</f>
        <v>0.28370411536039208</v>
      </c>
      <c r="M1307" s="57">
        <f>Bühler!M1333</f>
        <v>0</v>
      </c>
      <c r="N1307" s="55">
        <f>IF(Input!$K$13=1,J1307*Input!$J$13,0)+IF(Input!$K$14=1,K1307*Input!$J$14,0)+IF(Input!$K$15=1,L1307*Input!$J$15,0)+IF(Input!$K$16=1,M1307*Input!$J$16,0)</f>
        <v>1.0879424241401368</v>
      </c>
      <c r="O1307" s="58">
        <f>IF(Input!$K$13=2,J1307*Input!$J$13,0)+IF(Input!$K$14=2,K1307*Input!$J$14,0)+IF(Input!$K$15=2,L1307*Input!$J$15,0)+IF(Input!$K$16=2,M1307*Input!$J$16,0)</f>
        <v>7.660011114730586E-2</v>
      </c>
      <c r="P1307" s="58">
        <f>IF(Input!$K$13=3,J1307*Input!$J$13,0)+IF(Input!$K$14=3,K1307*Input!$J$14,0)+IF(Input!$K$15=3,L1307*Input!$J$15,0)+IF(Input!$K$16=3,M1307*Input!$J$16,0)</f>
        <v>0</v>
      </c>
      <c r="Q1307" s="71">
        <f>IF(Input!$K$13=4,J1307*Input!$J$13,0)+IF(Input!$K$14=4,K1307*Input!$J$14,0)+IF(Input!$K$15=4,L1307*Input!$J$15,0)+IF(Input!$K$16=4,M1307*Input!$J$16,0)</f>
        <v>0</v>
      </c>
    </row>
    <row r="1308" spans="8:17" x14ac:dyDescent="0.25">
      <c r="H1308" s="43">
        <v>1301</v>
      </c>
      <c r="I1308" s="55">
        <f>Bühler!I1334</f>
        <v>0.61313224590018589</v>
      </c>
      <c r="J1308" s="58">
        <f>Bühler!J1334</f>
        <v>9.0661868678344728</v>
      </c>
      <c r="K1308" s="58">
        <f>Bühler!K1334</f>
        <v>0.56740823072078417</v>
      </c>
      <c r="L1308" s="58">
        <f>Bühler!L1334</f>
        <v>0.28370411536039208</v>
      </c>
      <c r="M1308" s="57">
        <f>Bühler!M1334</f>
        <v>0</v>
      </c>
      <c r="N1308" s="55">
        <f>IF(Input!$K$13=1,J1308*Input!$J$13,0)+IF(Input!$K$14=1,K1308*Input!$J$14,0)+IF(Input!$K$15=1,L1308*Input!$J$15,0)+IF(Input!$K$16=1,M1308*Input!$J$16,0)</f>
        <v>1.0879424241401368</v>
      </c>
      <c r="O1308" s="58">
        <f>IF(Input!$K$13=2,J1308*Input!$J$13,0)+IF(Input!$K$14=2,K1308*Input!$J$14,0)+IF(Input!$K$15=2,L1308*Input!$J$15,0)+IF(Input!$K$16=2,M1308*Input!$J$16,0)</f>
        <v>7.660011114730586E-2</v>
      </c>
      <c r="P1308" s="58">
        <f>IF(Input!$K$13=3,J1308*Input!$J$13,0)+IF(Input!$K$14=3,K1308*Input!$J$14,0)+IF(Input!$K$15=3,L1308*Input!$J$15,0)+IF(Input!$K$16=3,M1308*Input!$J$16,0)</f>
        <v>0</v>
      </c>
      <c r="Q1308" s="71">
        <f>IF(Input!$K$13=4,J1308*Input!$J$13,0)+IF(Input!$K$14=4,K1308*Input!$J$14,0)+IF(Input!$K$15=4,L1308*Input!$J$15,0)+IF(Input!$K$16=4,M1308*Input!$J$16,0)</f>
        <v>0</v>
      </c>
    </row>
    <row r="1309" spans="8:17" x14ac:dyDescent="0.25">
      <c r="H1309" s="43">
        <v>1302</v>
      </c>
      <c r="I1309" s="55">
        <f>Bühler!I1335</f>
        <v>0.61313224590018589</v>
      </c>
      <c r="J1309" s="58">
        <f>Bühler!J1335</f>
        <v>9.0661868678344728</v>
      </c>
      <c r="K1309" s="58">
        <f>Bühler!K1335</f>
        <v>0.56740823072078417</v>
      </c>
      <c r="L1309" s="58">
        <f>Bühler!L1335</f>
        <v>0.28370411536039208</v>
      </c>
      <c r="M1309" s="57">
        <f>Bühler!M1335</f>
        <v>0</v>
      </c>
      <c r="N1309" s="55">
        <f>IF(Input!$K$13=1,J1309*Input!$J$13,0)+IF(Input!$K$14=1,K1309*Input!$J$14,0)+IF(Input!$K$15=1,L1309*Input!$J$15,0)+IF(Input!$K$16=1,M1309*Input!$J$16,0)</f>
        <v>1.0879424241401368</v>
      </c>
      <c r="O1309" s="58">
        <f>IF(Input!$K$13=2,J1309*Input!$J$13,0)+IF(Input!$K$14=2,K1309*Input!$J$14,0)+IF(Input!$K$15=2,L1309*Input!$J$15,0)+IF(Input!$K$16=2,M1309*Input!$J$16,0)</f>
        <v>7.660011114730586E-2</v>
      </c>
      <c r="P1309" s="58">
        <f>IF(Input!$K$13=3,J1309*Input!$J$13,0)+IF(Input!$K$14=3,K1309*Input!$J$14,0)+IF(Input!$K$15=3,L1309*Input!$J$15,0)+IF(Input!$K$16=3,M1309*Input!$J$16,0)</f>
        <v>0</v>
      </c>
      <c r="Q1309" s="71">
        <f>IF(Input!$K$13=4,J1309*Input!$J$13,0)+IF(Input!$K$14=4,K1309*Input!$J$14,0)+IF(Input!$K$15=4,L1309*Input!$J$15,0)+IF(Input!$K$16=4,M1309*Input!$J$16,0)</f>
        <v>0</v>
      </c>
    </row>
    <row r="1310" spans="8:17" x14ac:dyDescent="0.25">
      <c r="H1310" s="43">
        <v>1303</v>
      </c>
      <c r="I1310" s="55">
        <f>Bühler!I1336</f>
        <v>0.61313224590018589</v>
      </c>
      <c r="J1310" s="58">
        <f>Bühler!J1336</f>
        <v>9.0661868678344728</v>
      </c>
      <c r="K1310" s="58">
        <f>Bühler!K1336</f>
        <v>0.56740823072078417</v>
      </c>
      <c r="L1310" s="58">
        <f>Bühler!L1336</f>
        <v>0.28370411536039208</v>
      </c>
      <c r="M1310" s="57">
        <f>Bühler!M1336</f>
        <v>0</v>
      </c>
      <c r="N1310" s="55">
        <f>IF(Input!$K$13=1,J1310*Input!$J$13,0)+IF(Input!$K$14=1,K1310*Input!$J$14,0)+IF(Input!$K$15=1,L1310*Input!$J$15,0)+IF(Input!$K$16=1,M1310*Input!$J$16,0)</f>
        <v>1.0879424241401368</v>
      </c>
      <c r="O1310" s="58">
        <f>IF(Input!$K$13=2,J1310*Input!$J$13,0)+IF(Input!$K$14=2,K1310*Input!$J$14,0)+IF(Input!$K$15=2,L1310*Input!$J$15,0)+IF(Input!$K$16=2,M1310*Input!$J$16,0)</f>
        <v>7.660011114730586E-2</v>
      </c>
      <c r="P1310" s="58">
        <f>IF(Input!$K$13=3,J1310*Input!$J$13,0)+IF(Input!$K$14=3,K1310*Input!$J$14,0)+IF(Input!$K$15=3,L1310*Input!$J$15,0)+IF(Input!$K$16=3,M1310*Input!$J$16,0)</f>
        <v>0</v>
      </c>
      <c r="Q1310" s="71">
        <f>IF(Input!$K$13=4,J1310*Input!$J$13,0)+IF(Input!$K$14=4,K1310*Input!$J$14,0)+IF(Input!$K$15=4,L1310*Input!$J$15,0)+IF(Input!$K$16=4,M1310*Input!$J$16,0)</f>
        <v>0</v>
      </c>
    </row>
    <row r="1311" spans="8:17" x14ac:dyDescent="0.25">
      <c r="H1311" s="43">
        <v>1304</v>
      </c>
      <c r="I1311" s="55">
        <f>Bühler!I1337</f>
        <v>1.6613906017940521</v>
      </c>
      <c r="J1311" s="58">
        <f>Bühler!J1337</f>
        <v>37.592190560755718</v>
      </c>
      <c r="K1311" s="58">
        <f>Bühler!K1337</f>
        <v>2.4171590628705397</v>
      </c>
      <c r="L1311" s="58">
        <f>Bühler!L1337</f>
        <v>1.2085795314352699</v>
      </c>
      <c r="M1311" s="57">
        <f>Bühler!M1337</f>
        <v>0</v>
      </c>
      <c r="N1311" s="55">
        <f>IF(Input!$K$13=1,J1311*Input!$J$13,0)+IF(Input!$K$14=1,K1311*Input!$J$14,0)+IF(Input!$K$15=1,L1311*Input!$J$15,0)+IF(Input!$K$16=1,M1311*Input!$J$16,0)</f>
        <v>4.5110628672906863</v>
      </c>
      <c r="O1311" s="58">
        <f>IF(Input!$K$13=2,J1311*Input!$J$13,0)+IF(Input!$K$14=2,K1311*Input!$J$14,0)+IF(Input!$K$15=2,L1311*Input!$J$15,0)+IF(Input!$K$16=2,M1311*Input!$J$16,0)</f>
        <v>0.32631647348752285</v>
      </c>
      <c r="P1311" s="58">
        <f>IF(Input!$K$13=3,J1311*Input!$J$13,0)+IF(Input!$K$14=3,K1311*Input!$J$14,0)+IF(Input!$K$15=3,L1311*Input!$J$15,0)+IF(Input!$K$16=3,M1311*Input!$J$16,0)</f>
        <v>0</v>
      </c>
      <c r="Q1311" s="71">
        <f>IF(Input!$K$13=4,J1311*Input!$J$13,0)+IF(Input!$K$14=4,K1311*Input!$J$14,0)+IF(Input!$K$15=4,L1311*Input!$J$15,0)+IF(Input!$K$16=4,M1311*Input!$J$16,0)</f>
        <v>0</v>
      </c>
    </row>
    <row r="1312" spans="8:17" x14ac:dyDescent="0.25">
      <c r="H1312" s="43">
        <v>1305</v>
      </c>
      <c r="I1312" s="55">
        <f>Bühler!I1338</f>
        <v>2.0767382522425653</v>
      </c>
      <c r="J1312" s="58">
        <f>Bühler!J1338</f>
        <v>46.990238200944653</v>
      </c>
      <c r="K1312" s="58">
        <f>Bühler!K1338</f>
        <v>3.0214488285881749</v>
      </c>
      <c r="L1312" s="58">
        <f>Bühler!L1338</f>
        <v>1.5107244142940874</v>
      </c>
      <c r="M1312" s="57">
        <f>Bühler!M1338</f>
        <v>0</v>
      </c>
      <c r="N1312" s="55">
        <f>IF(Input!$K$13=1,J1312*Input!$J$13,0)+IF(Input!$K$14=1,K1312*Input!$J$14,0)+IF(Input!$K$15=1,L1312*Input!$J$15,0)+IF(Input!$K$16=1,M1312*Input!$J$16,0)</f>
        <v>5.6388285841133579</v>
      </c>
      <c r="O1312" s="58">
        <f>IF(Input!$K$13=2,J1312*Input!$J$13,0)+IF(Input!$K$14=2,K1312*Input!$J$14,0)+IF(Input!$K$15=2,L1312*Input!$J$15,0)+IF(Input!$K$16=2,M1312*Input!$J$16,0)</f>
        <v>0.40789559185940361</v>
      </c>
      <c r="P1312" s="58">
        <f>IF(Input!$K$13=3,J1312*Input!$J$13,0)+IF(Input!$K$14=3,K1312*Input!$J$14,0)+IF(Input!$K$15=3,L1312*Input!$J$15,0)+IF(Input!$K$16=3,M1312*Input!$J$16,0)</f>
        <v>0</v>
      </c>
      <c r="Q1312" s="71">
        <f>IF(Input!$K$13=4,J1312*Input!$J$13,0)+IF(Input!$K$14=4,K1312*Input!$J$14,0)+IF(Input!$K$15=4,L1312*Input!$J$15,0)+IF(Input!$K$16=4,M1312*Input!$J$16,0)</f>
        <v>0</v>
      </c>
    </row>
    <row r="1313" spans="8:17" x14ac:dyDescent="0.25">
      <c r="H1313" s="43">
        <v>1306</v>
      </c>
      <c r="I1313" s="55">
        <f>Bühler!I1339</f>
        <v>2.284412077466822</v>
      </c>
      <c r="J1313" s="58">
        <f>Bühler!J1339</f>
        <v>51.68926202103912</v>
      </c>
      <c r="K1313" s="58">
        <f>Bühler!K1339</f>
        <v>3.3235937114469927</v>
      </c>
      <c r="L1313" s="58">
        <f>Bühler!L1339</f>
        <v>1.6617968557234963</v>
      </c>
      <c r="M1313" s="57">
        <f>Bühler!M1339</f>
        <v>0</v>
      </c>
      <c r="N1313" s="55">
        <f>IF(Input!$K$13=1,J1313*Input!$J$13,0)+IF(Input!$K$14=1,K1313*Input!$J$14,0)+IF(Input!$K$15=1,L1313*Input!$J$15,0)+IF(Input!$K$16=1,M1313*Input!$J$16,0)</f>
        <v>6.2027114425246941</v>
      </c>
      <c r="O1313" s="58">
        <f>IF(Input!$K$13=2,J1313*Input!$J$13,0)+IF(Input!$K$14=2,K1313*Input!$J$14,0)+IF(Input!$K$15=2,L1313*Input!$J$15,0)+IF(Input!$K$16=2,M1313*Input!$J$16,0)</f>
        <v>0.44868515104534401</v>
      </c>
      <c r="P1313" s="58">
        <f>IF(Input!$K$13=3,J1313*Input!$J$13,0)+IF(Input!$K$14=3,K1313*Input!$J$14,0)+IF(Input!$K$15=3,L1313*Input!$J$15,0)+IF(Input!$K$16=3,M1313*Input!$J$16,0)</f>
        <v>0</v>
      </c>
      <c r="Q1313" s="71">
        <f>IF(Input!$K$13=4,J1313*Input!$J$13,0)+IF(Input!$K$14=4,K1313*Input!$J$14,0)+IF(Input!$K$15=4,L1313*Input!$J$15,0)+IF(Input!$K$16=4,M1313*Input!$J$16,0)</f>
        <v>0</v>
      </c>
    </row>
    <row r="1314" spans="8:17" x14ac:dyDescent="0.25">
      <c r="H1314" s="43">
        <v>1307</v>
      </c>
      <c r="I1314" s="55">
        <f>Bühler!I1340</f>
        <v>2.284412077466822</v>
      </c>
      <c r="J1314" s="58">
        <f>Bühler!J1340</f>
        <v>51.68926202103912</v>
      </c>
      <c r="K1314" s="58">
        <f>Bühler!K1340</f>
        <v>3.3235937114469927</v>
      </c>
      <c r="L1314" s="58">
        <f>Bühler!L1340</f>
        <v>1.6617968557234963</v>
      </c>
      <c r="M1314" s="57">
        <f>Bühler!M1340</f>
        <v>0</v>
      </c>
      <c r="N1314" s="55">
        <f>IF(Input!$K$13=1,J1314*Input!$J$13,0)+IF(Input!$K$14=1,K1314*Input!$J$14,0)+IF(Input!$K$15=1,L1314*Input!$J$15,0)+IF(Input!$K$16=1,M1314*Input!$J$16,0)</f>
        <v>6.2027114425246941</v>
      </c>
      <c r="O1314" s="58">
        <f>IF(Input!$K$13=2,J1314*Input!$J$13,0)+IF(Input!$K$14=2,K1314*Input!$J$14,0)+IF(Input!$K$15=2,L1314*Input!$J$15,0)+IF(Input!$K$16=2,M1314*Input!$J$16,0)</f>
        <v>0.44868515104534401</v>
      </c>
      <c r="P1314" s="58">
        <f>IF(Input!$K$13=3,J1314*Input!$J$13,0)+IF(Input!$K$14=3,K1314*Input!$J$14,0)+IF(Input!$K$15=3,L1314*Input!$J$15,0)+IF(Input!$K$16=3,M1314*Input!$J$16,0)</f>
        <v>0</v>
      </c>
      <c r="Q1314" s="71">
        <f>IF(Input!$K$13=4,J1314*Input!$J$13,0)+IF(Input!$K$14=4,K1314*Input!$J$14,0)+IF(Input!$K$15=4,L1314*Input!$J$15,0)+IF(Input!$K$16=4,M1314*Input!$J$16,0)</f>
        <v>0</v>
      </c>
    </row>
    <row r="1315" spans="8:17" x14ac:dyDescent="0.25">
      <c r="H1315" s="43">
        <v>1308</v>
      </c>
      <c r="I1315" s="55">
        <f>Bühler!I1341</f>
        <v>2.6997597279153349</v>
      </c>
      <c r="J1315" s="58">
        <f>Bühler!J1341</f>
        <v>61.087309661228041</v>
      </c>
      <c r="K1315" s="58">
        <f>Bühler!K1341</f>
        <v>3.9278834771646274</v>
      </c>
      <c r="L1315" s="58">
        <f>Bühler!L1341</f>
        <v>1.9639417385823137</v>
      </c>
      <c r="M1315" s="57">
        <f>Bühler!M1341</f>
        <v>0</v>
      </c>
      <c r="N1315" s="55">
        <f>IF(Input!$K$13=1,J1315*Input!$J$13,0)+IF(Input!$K$14=1,K1315*Input!$J$14,0)+IF(Input!$K$15=1,L1315*Input!$J$15,0)+IF(Input!$K$16=1,M1315*Input!$J$16,0)</f>
        <v>7.3304771593473648</v>
      </c>
      <c r="O1315" s="58">
        <f>IF(Input!$K$13=2,J1315*Input!$J$13,0)+IF(Input!$K$14=2,K1315*Input!$J$14,0)+IF(Input!$K$15=2,L1315*Input!$J$15,0)+IF(Input!$K$16=2,M1315*Input!$J$16,0)</f>
        <v>0.53026426941722471</v>
      </c>
      <c r="P1315" s="58">
        <f>IF(Input!$K$13=3,J1315*Input!$J$13,0)+IF(Input!$K$14=3,K1315*Input!$J$14,0)+IF(Input!$K$15=3,L1315*Input!$J$15,0)+IF(Input!$K$16=3,M1315*Input!$J$16,0)</f>
        <v>0</v>
      </c>
      <c r="Q1315" s="71">
        <f>IF(Input!$K$13=4,J1315*Input!$J$13,0)+IF(Input!$K$14=4,K1315*Input!$J$14,0)+IF(Input!$K$15=4,L1315*Input!$J$15,0)+IF(Input!$K$16=4,M1315*Input!$J$16,0)</f>
        <v>0</v>
      </c>
    </row>
    <row r="1316" spans="8:17" x14ac:dyDescent="0.25">
      <c r="H1316" s="43">
        <v>1309</v>
      </c>
      <c r="I1316" s="55">
        <f>Bühler!I1342</f>
        <v>2.6997597279153349</v>
      </c>
      <c r="J1316" s="58">
        <f>Bühler!J1342</f>
        <v>61.087309661228041</v>
      </c>
      <c r="K1316" s="58">
        <f>Bühler!K1342</f>
        <v>3.9278834771646274</v>
      </c>
      <c r="L1316" s="58">
        <f>Bühler!L1342</f>
        <v>1.9639417385823137</v>
      </c>
      <c r="M1316" s="57">
        <f>Bühler!M1342</f>
        <v>0</v>
      </c>
      <c r="N1316" s="55">
        <f>IF(Input!$K$13=1,J1316*Input!$J$13,0)+IF(Input!$K$14=1,K1316*Input!$J$14,0)+IF(Input!$K$15=1,L1316*Input!$J$15,0)+IF(Input!$K$16=1,M1316*Input!$J$16,0)</f>
        <v>7.3304771593473648</v>
      </c>
      <c r="O1316" s="58">
        <f>IF(Input!$K$13=2,J1316*Input!$J$13,0)+IF(Input!$K$14=2,K1316*Input!$J$14,0)+IF(Input!$K$15=2,L1316*Input!$J$15,0)+IF(Input!$K$16=2,M1316*Input!$J$16,0)</f>
        <v>0.53026426941722471</v>
      </c>
      <c r="P1316" s="58">
        <f>IF(Input!$K$13=3,J1316*Input!$J$13,0)+IF(Input!$K$14=3,K1316*Input!$J$14,0)+IF(Input!$K$15=3,L1316*Input!$J$15,0)+IF(Input!$K$16=3,M1316*Input!$J$16,0)</f>
        <v>0</v>
      </c>
      <c r="Q1316" s="71">
        <f>IF(Input!$K$13=4,J1316*Input!$J$13,0)+IF(Input!$K$14=4,K1316*Input!$J$14,0)+IF(Input!$K$15=4,L1316*Input!$J$15,0)+IF(Input!$K$16=4,M1316*Input!$J$16,0)</f>
        <v>0</v>
      </c>
    </row>
    <row r="1317" spans="8:17" x14ac:dyDescent="0.25">
      <c r="H1317" s="43">
        <v>1310</v>
      </c>
      <c r="I1317" s="55">
        <f>Bühler!I1343</f>
        <v>1.869064427018309</v>
      </c>
      <c r="J1317" s="58">
        <f>Bühler!J1343</f>
        <v>42.291214380850185</v>
      </c>
      <c r="K1317" s="58">
        <f>Bühler!K1343</f>
        <v>2.7193039457293575</v>
      </c>
      <c r="L1317" s="58">
        <f>Bühler!L1343</f>
        <v>1.3596519728646788</v>
      </c>
      <c r="M1317" s="57">
        <f>Bühler!M1343</f>
        <v>0</v>
      </c>
      <c r="N1317" s="55">
        <f>IF(Input!$K$13=1,J1317*Input!$J$13,0)+IF(Input!$K$14=1,K1317*Input!$J$14,0)+IF(Input!$K$15=1,L1317*Input!$J$15,0)+IF(Input!$K$16=1,M1317*Input!$J$16,0)</f>
        <v>5.0749457257020216</v>
      </c>
      <c r="O1317" s="58">
        <f>IF(Input!$K$13=2,J1317*Input!$J$13,0)+IF(Input!$K$14=2,K1317*Input!$J$14,0)+IF(Input!$K$15=2,L1317*Input!$J$15,0)+IF(Input!$K$16=2,M1317*Input!$J$16,0)</f>
        <v>0.36710603267346326</v>
      </c>
      <c r="P1317" s="58">
        <f>IF(Input!$K$13=3,J1317*Input!$J$13,0)+IF(Input!$K$14=3,K1317*Input!$J$14,0)+IF(Input!$K$15=3,L1317*Input!$J$15,0)+IF(Input!$K$16=3,M1317*Input!$J$16,0)</f>
        <v>0</v>
      </c>
      <c r="Q1317" s="71">
        <f>IF(Input!$K$13=4,J1317*Input!$J$13,0)+IF(Input!$K$14=4,K1317*Input!$J$14,0)+IF(Input!$K$15=4,L1317*Input!$J$15,0)+IF(Input!$K$16=4,M1317*Input!$J$16,0)</f>
        <v>0</v>
      </c>
    </row>
    <row r="1318" spans="8:17" x14ac:dyDescent="0.25">
      <c r="H1318" s="43">
        <v>1311</v>
      </c>
      <c r="I1318" s="55">
        <f>Bühler!I1344</f>
        <v>2.6997597279153349</v>
      </c>
      <c r="J1318" s="58">
        <f>Bühler!J1344</f>
        <v>61.087309661228041</v>
      </c>
      <c r="K1318" s="58">
        <f>Bühler!K1344</f>
        <v>3.9278834771646274</v>
      </c>
      <c r="L1318" s="58">
        <f>Bühler!L1344</f>
        <v>1.9639417385823137</v>
      </c>
      <c r="M1318" s="57">
        <f>Bühler!M1344</f>
        <v>0</v>
      </c>
      <c r="N1318" s="55">
        <f>IF(Input!$K$13=1,J1318*Input!$J$13,0)+IF(Input!$K$14=1,K1318*Input!$J$14,0)+IF(Input!$K$15=1,L1318*Input!$J$15,0)+IF(Input!$K$16=1,M1318*Input!$J$16,0)</f>
        <v>7.3304771593473648</v>
      </c>
      <c r="O1318" s="58">
        <f>IF(Input!$K$13=2,J1318*Input!$J$13,0)+IF(Input!$K$14=2,K1318*Input!$J$14,0)+IF(Input!$K$15=2,L1318*Input!$J$15,0)+IF(Input!$K$16=2,M1318*Input!$J$16,0)</f>
        <v>0.53026426941722471</v>
      </c>
      <c r="P1318" s="58">
        <f>IF(Input!$K$13=3,J1318*Input!$J$13,0)+IF(Input!$K$14=3,K1318*Input!$J$14,0)+IF(Input!$K$15=3,L1318*Input!$J$15,0)+IF(Input!$K$16=3,M1318*Input!$J$16,0)</f>
        <v>0</v>
      </c>
      <c r="Q1318" s="71">
        <f>IF(Input!$K$13=4,J1318*Input!$J$13,0)+IF(Input!$K$14=4,K1318*Input!$J$14,0)+IF(Input!$K$15=4,L1318*Input!$J$15,0)+IF(Input!$K$16=4,M1318*Input!$J$16,0)</f>
        <v>0</v>
      </c>
    </row>
    <row r="1319" spans="8:17" x14ac:dyDescent="0.25">
      <c r="H1319" s="43">
        <v>1312</v>
      </c>
      <c r="I1319" s="55">
        <f>Bühler!I1345</f>
        <v>2.284412077466822</v>
      </c>
      <c r="J1319" s="58">
        <f>Bühler!J1345</f>
        <v>47.215218178270931</v>
      </c>
      <c r="K1319" s="58">
        <f>Bühler!K1345</f>
        <v>3.0214488285881749</v>
      </c>
      <c r="L1319" s="58">
        <f>Bühler!L1345</f>
        <v>1.5107244142940874</v>
      </c>
      <c r="M1319" s="57">
        <f>Bühler!M1345</f>
        <v>0</v>
      </c>
      <c r="N1319" s="55">
        <f>IF(Input!$K$13=1,J1319*Input!$J$13,0)+IF(Input!$K$14=1,K1319*Input!$J$14,0)+IF(Input!$K$15=1,L1319*Input!$J$15,0)+IF(Input!$K$16=1,M1319*Input!$J$16,0)</f>
        <v>5.6658261813925117</v>
      </c>
      <c r="O1319" s="58">
        <f>IF(Input!$K$13=2,J1319*Input!$J$13,0)+IF(Input!$K$14=2,K1319*Input!$J$14,0)+IF(Input!$K$15=2,L1319*Input!$J$15,0)+IF(Input!$K$16=2,M1319*Input!$J$16,0)</f>
        <v>0.40789559185940361</v>
      </c>
      <c r="P1319" s="58">
        <f>IF(Input!$K$13=3,J1319*Input!$J$13,0)+IF(Input!$K$14=3,K1319*Input!$J$14,0)+IF(Input!$K$15=3,L1319*Input!$J$15,0)+IF(Input!$K$16=3,M1319*Input!$J$16,0)</f>
        <v>0</v>
      </c>
      <c r="Q1319" s="71">
        <f>IF(Input!$K$13=4,J1319*Input!$J$13,0)+IF(Input!$K$14=4,K1319*Input!$J$14,0)+IF(Input!$K$15=4,L1319*Input!$J$15,0)+IF(Input!$K$16=4,M1319*Input!$J$16,0)</f>
        <v>0</v>
      </c>
    </row>
    <row r="1320" spans="8:17" x14ac:dyDescent="0.25">
      <c r="H1320" s="43">
        <v>1313</v>
      </c>
      <c r="I1320" s="55">
        <f>Bühler!I1346</f>
        <v>1.9778459545167288</v>
      </c>
      <c r="J1320" s="58">
        <f>Bühler!J1346</f>
        <v>23.147567120999639</v>
      </c>
      <c r="K1320" s="58">
        <f>Bühler!K1346</f>
        <v>1.4185205768019604</v>
      </c>
      <c r="L1320" s="58">
        <f>Bühler!L1346</f>
        <v>0.70926028840098021</v>
      </c>
      <c r="M1320" s="57">
        <f>Bühler!M1346</f>
        <v>0</v>
      </c>
      <c r="N1320" s="55">
        <f>IF(Input!$K$13=1,J1320*Input!$J$13,0)+IF(Input!$K$14=1,K1320*Input!$J$14,0)+IF(Input!$K$15=1,L1320*Input!$J$15,0)+IF(Input!$K$16=1,M1320*Input!$J$16,0)</f>
        <v>2.7777080545199566</v>
      </c>
      <c r="O1320" s="58">
        <f>IF(Input!$K$13=2,J1320*Input!$J$13,0)+IF(Input!$K$14=2,K1320*Input!$J$14,0)+IF(Input!$K$15=2,L1320*Input!$J$15,0)+IF(Input!$K$16=2,M1320*Input!$J$16,0)</f>
        <v>0.19150027786826465</v>
      </c>
      <c r="P1320" s="58">
        <f>IF(Input!$K$13=3,J1320*Input!$J$13,0)+IF(Input!$K$14=3,K1320*Input!$J$14,0)+IF(Input!$K$15=3,L1320*Input!$J$15,0)+IF(Input!$K$16=3,M1320*Input!$J$16,0)</f>
        <v>0</v>
      </c>
      <c r="Q1320" s="71">
        <f>IF(Input!$K$13=4,J1320*Input!$J$13,0)+IF(Input!$K$14=4,K1320*Input!$J$14,0)+IF(Input!$K$15=4,L1320*Input!$J$15,0)+IF(Input!$K$16=4,M1320*Input!$J$16,0)</f>
        <v>0</v>
      </c>
    </row>
    <row r="1321" spans="8:17" x14ac:dyDescent="0.25">
      <c r="H1321" s="43">
        <v>1314</v>
      </c>
      <c r="I1321" s="55">
        <f>Bühler!I1347</f>
        <v>1.6613906017940521</v>
      </c>
      <c r="J1321" s="58">
        <f>Bühler!J1347</f>
        <v>15.663074260990525</v>
      </c>
      <c r="K1321" s="58">
        <f>Bühler!K1347</f>
        <v>0.93622358068929379</v>
      </c>
      <c r="L1321" s="58">
        <f>Bühler!L1347</f>
        <v>0.46811179034464689</v>
      </c>
      <c r="M1321" s="57">
        <f>Bühler!M1347</f>
        <v>0</v>
      </c>
      <c r="N1321" s="55">
        <f>IF(Input!$K$13=1,J1321*Input!$J$13,0)+IF(Input!$K$14=1,K1321*Input!$J$14,0)+IF(Input!$K$15=1,L1321*Input!$J$15,0)+IF(Input!$K$16=1,M1321*Input!$J$16,0)</f>
        <v>1.8795689113188629</v>
      </c>
      <c r="O1321" s="58">
        <f>IF(Input!$K$13=2,J1321*Input!$J$13,0)+IF(Input!$K$14=2,K1321*Input!$J$14,0)+IF(Input!$K$15=2,L1321*Input!$J$15,0)+IF(Input!$K$16=2,M1321*Input!$J$16,0)</f>
        <v>0.12639018339305466</v>
      </c>
      <c r="P1321" s="58">
        <f>IF(Input!$K$13=3,J1321*Input!$J$13,0)+IF(Input!$K$14=3,K1321*Input!$J$14,0)+IF(Input!$K$15=3,L1321*Input!$J$15,0)+IF(Input!$K$16=3,M1321*Input!$J$16,0)</f>
        <v>0</v>
      </c>
      <c r="Q1321" s="71">
        <f>IF(Input!$K$13=4,J1321*Input!$J$13,0)+IF(Input!$K$14=4,K1321*Input!$J$14,0)+IF(Input!$K$15=4,L1321*Input!$J$15,0)+IF(Input!$K$16=4,M1321*Input!$J$16,0)</f>
        <v>0</v>
      </c>
    </row>
    <row r="1322" spans="8:17" x14ac:dyDescent="0.25">
      <c r="H1322" s="43">
        <v>1315</v>
      </c>
      <c r="I1322" s="55">
        <f>Bühler!I1348</f>
        <v>0.61313224590018589</v>
      </c>
      <c r="J1322" s="58">
        <f>Bühler!J1348</f>
        <v>9.4862848812399374</v>
      </c>
      <c r="K1322" s="58">
        <f>Bühler!K1348</f>
        <v>0.59577864225682331</v>
      </c>
      <c r="L1322" s="58">
        <f>Bühler!L1348</f>
        <v>0.29788932112841165</v>
      </c>
      <c r="M1322" s="57">
        <f>Bühler!M1348</f>
        <v>0</v>
      </c>
      <c r="N1322" s="55">
        <f>IF(Input!$K$13=1,J1322*Input!$J$13,0)+IF(Input!$K$14=1,K1322*Input!$J$14,0)+IF(Input!$K$15=1,L1322*Input!$J$15,0)+IF(Input!$K$16=1,M1322*Input!$J$16,0)</f>
        <v>1.1383541857487924</v>
      </c>
      <c r="O1322" s="58">
        <f>IF(Input!$K$13=2,J1322*Input!$J$13,0)+IF(Input!$K$14=2,K1322*Input!$J$14,0)+IF(Input!$K$15=2,L1322*Input!$J$15,0)+IF(Input!$K$16=2,M1322*Input!$J$16,0)</f>
        <v>8.0430116704671151E-2</v>
      </c>
      <c r="P1322" s="58">
        <f>IF(Input!$K$13=3,J1322*Input!$J$13,0)+IF(Input!$K$14=3,K1322*Input!$J$14,0)+IF(Input!$K$15=3,L1322*Input!$J$15,0)+IF(Input!$K$16=3,M1322*Input!$J$16,0)</f>
        <v>0</v>
      </c>
      <c r="Q1322" s="71">
        <f>IF(Input!$K$13=4,J1322*Input!$J$13,0)+IF(Input!$K$14=4,K1322*Input!$J$14,0)+IF(Input!$K$15=4,L1322*Input!$J$15,0)+IF(Input!$K$16=4,M1322*Input!$J$16,0)</f>
        <v>0</v>
      </c>
    </row>
    <row r="1323" spans="8:17" x14ac:dyDescent="0.25">
      <c r="H1323" s="43">
        <v>1316</v>
      </c>
      <c r="I1323" s="55">
        <f>Bühler!I1349</f>
        <v>0.61313224590018589</v>
      </c>
      <c r="J1323" s="58">
        <f>Bühler!J1349</f>
        <v>9.0661868678344728</v>
      </c>
      <c r="K1323" s="58">
        <f>Bühler!K1349</f>
        <v>0.56740823072078417</v>
      </c>
      <c r="L1323" s="58">
        <f>Bühler!L1349</f>
        <v>0.28370411536039208</v>
      </c>
      <c r="M1323" s="57">
        <f>Bühler!M1349</f>
        <v>0</v>
      </c>
      <c r="N1323" s="55">
        <f>IF(Input!$K$13=1,J1323*Input!$J$13,0)+IF(Input!$K$14=1,K1323*Input!$J$14,0)+IF(Input!$K$15=1,L1323*Input!$J$15,0)+IF(Input!$K$16=1,M1323*Input!$J$16,0)</f>
        <v>1.0879424241401368</v>
      </c>
      <c r="O1323" s="58">
        <f>IF(Input!$K$13=2,J1323*Input!$J$13,0)+IF(Input!$K$14=2,K1323*Input!$J$14,0)+IF(Input!$K$15=2,L1323*Input!$J$15,0)+IF(Input!$K$16=2,M1323*Input!$J$16,0)</f>
        <v>7.660011114730586E-2</v>
      </c>
      <c r="P1323" s="58">
        <f>IF(Input!$K$13=3,J1323*Input!$J$13,0)+IF(Input!$K$14=3,K1323*Input!$J$14,0)+IF(Input!$K$15=3,L1323*Input!$J$15,0)+IF(Input!$K$16=3,M1323*Input!$J$16,0)</f>
        <v>0</v>
      </c>
      <c r="Q1323" s="71">
        <f>IF(Input!$K$13=4,J1323*Input!$J$13,0)+IF(Input!$K$14=4,K1323*Input!$J$14,0)+IF(Input!$K$15=4,L1323*Input!$J$15,0)+IF(Input!$K$16=4,M1323*Input!$J$16,0)</f>
        <v>0</v>
      </c>
    </row>
    <row r="1324" spans="8:17" x14ac:dyDescent="0.25">
      <c r="H1324" s="43">
        <v>1317</v>
      </c>
      <c r="I1324" s="55">
        <f>Bühler!I1350</f>
        <v>0.61313224590018589</v>
      </c>
      <c r="J1324" s="58">
        <f>Bühler!J1350</f>
        <v>9.0661868678344728</v>
      </c>
      <c r="K1324" s="58">
        <f>Bühler!K1350</f>
        <v>0.56740823072078417</v>
      </c>
      <c r="L1324" s="58">
        <f>Bühler!L1350</f>
        <v>0.28370411536039208</v>
      </c>
      <c r="M1324" s="57">
        <f>Bühler!M1350</f>
        <v>0</v>
      </c>
      <c r="N1324" s="55">
        <f>IF(Input!$K$13=1,J1324*Input!$J$13,0)+IF(Input!$K$14=1,K1324*Input!$J$14,0)+IF(Input!$K$15=1,L1324*Input!$J$15,0)+IF(Input!$K$16=1,M1324*Input!$J$16,0)</f>
        <v>1.0879424241401368</v>
      </c>
      <c r="O1324" s="58">
        <f>IF(Input!$K$13=2,J1324*Input!$J$13,0)+IF(Input!$K$14=2,K1324*Input!$J$14,0)+IF(Input!$K$15=2,L1324*Input!$J$15,0)+IF(Input!$K$16=2,M1324*Input!$J$16,0)</f>
        <v>7.660011114730586E-2</v>
      </c>
      <c r="P1324" s="58">
        <f>IF(Input!$K$13=3,J1324*Input!$J$13,0)+IF(Input!$K$14=3,K1324*Input!$J$14,0)+IF(Input!$K$15=3,L1324*Input!$J$15,0)+IF(Input!$K$16=3,M1324*Input!$J$16,0)</f>
        <v>0</v>
      </c>
      <c r="Q1324" s="71">
        <f>IF(Input!$K$13=4,J1324*Input!$J$13,0)+IF(Input!$K$14=4,K1324*Input!$J$14,0)+IF(Input!$K$15=4,L1324*Input!$J$15,0)+IF(Input!$K$16=4,M1324*Input!$J$16,0)</f>
        <v>0</v>
      </c>
    </row>
    <row r="1325" spans="8:17" x14ac:dyDescent="0.25">
      <c r="H1325" s="43">
        <v>1318</v>
      </c>
      <c r="I1325" s="55">
        <f>Bühler!I1351</f>
        <v>0.61313224590018589</v>
      </c>
      <c r="J1325" s="58">
        <f>Bühler!J1351</f>
        <v>9.0661868678344728</v>
      </c>
      <c r="K1325" s="58">
        <f>Bühler!K1351</f>
        <v>0.56740823072078417</v>
      </c>
      <c r="L1325" s="58">
        <f>Bühler!L1351</f>
        <v>0.28370411536039208</v>
      </c>
      <c r="M1325" s="57">
        <f>Bühler!M1351</f>
        <v>0</v>
      </c>
      <c r="N1325" s="55">
        <f>IF(Input!$K$13=1,J1325*Input!$J$13,0)+IF(Input!$K$14=1,K1325*Input!$J$14,0)+IF(Input!$K$15=1,L1325*Input!$J$15,0)+IF(Input!$K$16=1,M1325*Input!$J$16,0)</f>
        <v>1.0879424241401368</v>
      </c>
      <c r="O1325" s="58">
        <f>IF(Input!$K$13=2,J1325*Input!$J$13,0)+IF(Input!$K$14=2,K1325*Input!$J$14,0)+IF(Input!$K$15=2,L1325*Input!$J$15,0)+IF(Input!$K$16=2,M1325*Input!$J$16,0)</f>
        <v>7.660011114730586E-2</v>
      </c>
      <c r="P1325" s="58">
        <f>IF(Input!$K$13=3,J1325*Input!$J$13,0)+IF(Input!$K$14=3,K1325*Input!$J$14,0)+IF(Input!$K$15=3,L1325*Input!$J$15,0)+IF(Input!$K$16=3,M1325*Input!$J$16,0)</f>
        <v>0</v>
      </c>
      <c r="Q1325" s="71">
        <f>IF(Input!$K$13=4,J1325*Input!$J$13,0)+IF(Input!$K$14=4,K1325*Input!$J$14,0)+IF(Input!$K$15=4,L1325*Input!$J$15,0)+IF(Input!$K$16=4,M1325*Input!$J$16,0)</f>
        <v>0</v>
      </c>
    </row>
    <row r="1326" spans="8:17" x14ac:dyDescent="0.25">
      <c r="H1326" s="43">
        <v>1319</v>
      </c>
      <c r="I1326" s="55">
        <f>Bühler!I1352</f>
        <v>0.61313224590018589</v>
      </c>
      <c r="J1326" s="58">
        <f>Bühler!J1352</f>
        <v>9.0661868678344728</v>
      </c>
      <c r="K1326" s="58">
        <f>Bühler!K1352</f>
        <v>0.56740823072078417</v>
      </c>
      <c r="L1326" s="58">
        <f>Bühler!L1352</f>
        <v>0.28370411536039208</v>
      </c>
      <c r="M1326" s="57">
        <f>Bühler!M1352</f>
        <v>0</v>
      </c>
      <c r="N1326" s="55">
        <f>IF(Input!$K$13=1,J1326*Input!$J$13,0)+IF(Input!$K$14=1,K1326*Input!$J$14,0)+IF(Input!$K$15=1,L1326*Input!$J$15,0)+IF(Input!$K$16=1,M1326*Input!$J$16,0)</f>
        <v>1.0879424241401368</v>
      </c>
      <c r="O1326" s="58">
        <f>IF(Input!$K$13=2,J1326*Input!$J$13,0)+IF(Input!$K$14=2,K1326*Input!$J$14,0)+IF(Input!$K$15=2,L1326*Input!$J$15,0)+IF(Input!$K$16=2,M1326*Input!$J$16,0)</f>
        <v>7.660011114730586E-2</v>
      </c>
      <c r="P1326" s="58">
        <f>IF(Input!$K$13=3,J1326*Input!$J$13,0)+IF(Input!$K$14=3,K1326*Input!$J$14,0)+IF(Input!$K$15=3,L1326*Input!$J$15,0)+IF(Input!$K$16=3,M1326*Input!$J$16,0)</f>
        <v>0</v>
      </c>
      <c r="Q1326" s="71">
        <f>IF(Input!$K$13=4,J1326*Input!$J$13,0)+IF(Input!$K$14=4,K1326*Input!$J$14,0)+IF(Input!$K$15=4,L1326*Input!$J$15,0)+IF(Input!$K$16=4,M1326*Input!$J$16,0)</f>
        <v>0</v>
      </c>
    </row>
    <row r="1327" spans="8:17" x14ac:dyDescent="0.25">
      <c r="H1327" s="43">
        <v>1320</v>
      </c>
      <c r="I1327" s="55">
        <f>Bühler!I1353</f>
        <v>0.61313224590018589</v>
      </c>
      <c r="J1327" s="58">
        <f>Bühler!J1353</f>
        <v>9.0661868678344728</v>
      </c>
      <c r="K1327" s="58">
        <f>Bühler!K1353</f>
        <v>0.56740823072078417</v>
      </c>
      <c r="L1327" s="58">
        <f>Bühler!L1353</f>
        <v>0.28370411536039208</v>
      </c>
      <c r="M1327" s="57">
        <f>Bühler!M1353</f>
        <v>0</v>
      </c>
      <c r="N1327" s="55">
        <f>IF(Input!$K$13=1,J1327*Input!$J$13,0)+IF(Input!$K$14=1,K1327*Input!$J$14,0)+IF(Input!$K$15=1,L1327*Input!$J$15,0)+IF(Input!$K$16=1,M1327*Input!$J$16,0)</f>
        <v>1.0879424241401368</v>
      </c>
      <c r="O1327" s="58">
        <f>IF(Input!$K$13=2,J1327*Input!$J$13,0)+IF(Input!$K$14=2,K1327*Input!$J$14,0)+IF(Input!$K$15=2,L1327*Input!$J$15,0)+IF(Input!$K$16=2,M1327*Input!$J$16,0)</f>
        <v>7.660011114730586E-2</v>
      </c>
      <c r="P1327" s="58">
        <f>IF(Input!$K$13=3,J1327*Input!$J$13,0)+IF(Input!$K$14=3,K1327*Input!$J$14,0)+IF(Input!$K$15=3,L1327*Input!$J$15,0)+IF(Input!$K$16=3,M1327*Input!$J$16,0)</f>
        <v>0</v>
      </c>
      <c r="Q1327" s="71">
        <f>IF(Input!$K$13=4,J1327*Input!$J$13,0)+IF(Input!$K$14=4,K1327*Input!$J$14,0)+IF(Input!$K$15=4,L1327*Input!$J$15,0)+IF(Input!$K$16=4,M1327*Input!$J$16,0)</f>
        <v>0</v>
      </c>
    </row>
    <row r="1328" spans="8:17" x14ac:dyDescent="0.25">
      <c r="H1328" s="43">
        <v>1321</v>
      </c>
      <c r="I1328" s="55">
        <f>Bühler!I1354</f>
        <v>1.2821788565179681</v>
      </c>
      <c r="J1328" s="58">
        <f>Bühler!J1354</f>
        <v>13.005217209838499</v>
      </c>
      <c r="K1328" s="58">
        <f>Bühler!K1354</f>
        <v>0.38521949347243217</v>
      </c>
      <c r="L1328" s="58">
        <f>Bühler!L1354</f>
        <v>0.19260974673621609</v>
      </c>
      <c r="M1328" s="57">
        <f>Bühler!M1354</f>
        <v>0</v>
      </c>
      <c r="N1328" s="55">
        <f>IF(Input!$K$13=1,J1328*Input!$J$13,0)+IF(Input!$K$14=1,K1328*Input!$J$14,0)+IF(Input!$K$15=1,L1328*Input!$J$15,0)+IF(Input!$K$16=1,M1328*Input!$J$16,0)</f>
        <v>1.5606260651806199</v>
      </c>
      <c r="O1328" s="58">
        <f>IF(Input!$K$13=2,J1328*Input!$J$13,0)+IF(Input!$K$14=2,K1328*Input!$J$14,0)+IF(Input!$K$15=2,L1328*Input!$J$15,0)+IF(Input!$K$16=2,M1328*Input!$J$16,0)</f>
        <v>5.2004631618778344E-2</v>
      </c>
      <c r="P1328" s="58">
        <f>IF(Input!$K$13=3,J1328*Input!$J$13,0)+IF(Input!$K$14=3,K1328*Input!$J$14,0)+IF(Input!$K$15=3,L1328*Input!$J$15,0)+IF(Input!$K$16=3,M1328*Input!$J$16,0)</f>
        <v>0</v>
      </c>
      <c r="Q1328" s="71">
        <f>IF(Input!$K$13=4,J1328*Input!$J$13,0)+IF(Input!$K$14=4,K1328*Input!$J$14,0)+IF(Input!$K$15=4,L1328*Input!$J$15,0)+IF(Input!$K$16=4,M1328*Input!$J$16,0)</f>
        <v>0</v>
      </c>
    </row>
    <row r="1329" spans="8:17" x14ac:dyDescent="0.25">
      <c r="H1329" s="43">
        <v>1322</v>
      </c>
      <c r="I1329" s="55">
        <f>Bühler!I1355</f>
        <v>2.5033015770112712</v>
      </c>
      <c r="J1329" s="58">
        <f>Bühler!J1355</f>
        <v>12.256392758385337</v>
      </c>
      <c r="K1329" s="58">
        <f>Bühler!K1355</f>
        <v>0.34669754412518894</v>
      </c>
      <c r="L1329" s="58">
        <f>Bühler!L1355</f>
        <v>0.17334877206259447</v>
      </c>
      <c r="M1329" s="57">
        <f>Bühler!M1355</f>
        <v>0</v>
      </c>
      <c r="N1329" s="55">
        <f>IF(Input!$K$13=1,J1329*Input!$J$13,0)+IF(Input!$K$14=1,K1329*Input!$J$14,0)+IF(Input!$K$15=1,L1329*Input!$J$15,0)+IF(Input!$K$16=1,M1329*Input!$J$16,0)</f>
        <v>1.4707671310062405</v>
      </c>
      <c r="O1329" s="58">
        <f>IF(Input!$K$13=2,J1329*Input!$J$13,0)+IF(Input!$K$14=2,K1329*Input!$J$14,0)+IF(Input!$K$15=2,L1329*Input!$J$15,0)+IF(Input!$K$16=2,M1329*Input!$J$16,0)</f>
        <v>4.6804168456900504E-2</v>
      </c>
      <c r="P1329" s="58">
        <f>IF(Input!$K$13=3,J1329*Input!$J$13,0)+IF(Input!$K$14=3,K1329*Input!$J$14,0)+IF(Input!$K$15=3,L1329*Input!$J$15,0)+IF(Input!$K$16=3,M1329*Input!$J$16,0)</f>
        <v>0</v>
      </c>
      <c r="Q1329" s="71">
        <f>IF(Input!$K$13=4,J1329*Input!$J$13,0)+IF(Input!$K$14=4,K1329*Input!$J$14,0)+IF(Input!$K$15=4,L1329*Input!$J$15,0)+IF(Input!$K$16=4,M1329*Input!$J$16,0)</f>
        <v>0</v>
      </c>
    </row>
    <row r="1330" spans="8:17" x14ac:dyDescent="0.25">
      <c r="H1330" s="43">
        <v>1323</v>
      </c>
      <c r="I1330" s="55">
        <f>Bühler!I1356</f>
        <v>2.5033015770112712</v>
      </c>
      <c r="J1330" s="58">
        <f>Bühler!J1356</f>
        <v>12.256392758385337</v>
      </c>
      <c r="K1330" s="58">
        <f>Bühler!K1356</f>
        <v>0.34669754412518894</v>
      </c>
      <c r="L1330" s="58">
        <f>Bühler!L1356</f>
        <v>0.17334877206259447</v>
      </c>
      <c r="M1330" s="57">
        <f>Bühler!M1356</f>
        <v>0</v>
      </c>
      <c r="N1330" s="55">
        <f>IF(Input!$K$13=1,J1330*Input!$J$13,0)+IF(Input!$K$14=1,K1330*Input!$J$14,0)+IF(Input!$K$15=1,L1330*Input!$J$15,0)+IF(Input!$K$16=1,M1330*Input!$J$16,0)</f>
        <v>1.4707671310062405</v>
      </c>
      <c r="O1330" s="58">
        <f>IF(Input!$K$13=2,J1330*Input!$J$13,0)+IF(Input!$K$14=2,K1330*Input!$J$14,0)+IF(Input!$K$15=2,L1330*Input!$J$15,0)+IF(Input!$K$16=2,M1330*Input!$J$16,0)</f>
        <v>4.6804168456900504E-2</v>
      </c>
      <c r="P1330" s="58">
        <f>IF(Input!$K$13=3,J1330*Input!$J$13,0)+IF(Input!$K$14=3,K1330*Input!$J$14,0)+IF(Input!$K$15=3,L1330*Input!$J$15,0)+IF(Input!$K$16=3,M1330*Input!$J$16,0)</f>
        <v>0</v>
      </c>
      <c r="Q1330" s="71">
        <f>IF(Input!$K$13=4,J1330*Input!$J$13,0)+IF(Input!$K$14=4,K1330*Input!$J$14,0)+IF(Input!$K$15=4,L1330*Input!$J$15,0)+IF(Input!$K$16=4,M1330*Input!$J$16,0)</f>
        <v>0</v>
      </c>
    </row>
    <row r="1331" spans="8:17" x14ac:dyDescent="0.25">
      <c r="H1331" s="43">
        <v>1324</v>
      </c>
      <c r="I1331" s="55">
        <f>Bühler!I1357</f>
        <v>2.5033015770112712</v>
      </c>
      <c r="J1331" s="58">
        <f>Bühler!J1357</f>
        <v>12.256392758385337</v>
      </c>
      <c r="K1331" s="58">
        <f>Bühler!K1357</f>
        <v>0.34669754412518894</v>
      </c>
      <c r="L1331" s="58">
        <f>Bühler!L1357</f>
        <v>0.17334877206259447</v>
      </c>
      <c r="M1331" s="57">
        <f>Bühler!M1357</f>
        <v>0</v>
      </c>
      <c r="N1331" s="55">
        <f>IF(Input!$K$13=1,J1331*Input!$J$13,0)+IF(Input!$K$14=1,K1331*Input!$J$14,0)+IF(Input!$K$15=1,L1331*Input!$J$15,0)+IF(Input!$K$16=1,M1331*Input!$J$16,0)</f>
        <v>1.4707671310062405</v>
      </c>
      <c r="O1331" s="58">
        <f>IF(Input!$K$13=2,J1331*Input!$J$13,0)+IF(Input!$K$14=2,K1331*Input!$J$14,0)+IF(Input!$K$15=2,L1331*Input!$J$15,0)+IF(Input!$K$16=2,M1331*Input!$J$16,0)</f>
        <v>4.6804168456900504E-2</v>
      </c>
      <c r="P1331" s="58">
        <f>IF(Input!$K$13=3,J1331*Input!$J$13,0)+IF(Input!$K$14=3,K1331*Input!$J$14,0)+IF(Input!$K$15=3,L1331*Input!$J$15,0)+IF(Input!$K$16=3,M1331*Input!$J$16,0)</f>
        <v>0</v>
      </c>
      <c r="Q1331" s="71">
        <f>IF(Input!$K$13=4,J1331*Input!$J$13,0)+IF(Input!$K$14=4,K1331*Input!$J$14,0)+IF(Input!$K$15=4,L1331*Input!$J$15,0)+IF(Input!$K$16=4,M1331*Input!$J$16,0)</f>
        <v>0</v>
      </c>
    </row>
    <row r="1332" spans="8:17" x14ac:dyDescent="0.25">
      <c r="H1332" s="43">
        <v>1325</v>
      </c>
      <c r="I1332" s="55">
        <f>Bühler!I1358</f>
        <v>2.5033015770112712</v>
      </c>
      <c r="J1332" s="58">
        <f>Bühler!J1358</f>
        <v>12.256392758385337</v>
      </c>
      <c r="K1332" s="58">
        <f>Bühler!K1358</f>
        <v>0.34669754412518894</v>
      </c>
      <c r="L1332" s="58">
        <f>Bühler!L1358</f>
        <v>0.17334877206259447</v>
      </c>
      <c r="M1332" s="57">
        <f>Bühler!M1358</f>
        <v>0</v>
      </c>
      <c r="N1332" s="55">
        <f>IF(Input!$K$13=1,J1332*Input!$J$13,0)+IF(Input!$K$14=1,K1332*Input!$J$14,0)+IF(Input!$K$15=1,L1332*Input!$J$15,0)+IF(Input!$K$16=1,M1332*Input!$J$16,0)</f>
        <v>1.4707671310062405</v>
      </c>
      <c r="O1332" s="58">
        <f>IF(Input!$K$13=2,J1332*Input!$J$13,0)+IF(Input!$K$14=2,K1332*Input!$J$14,0)+IF(Input!$K$15=2,L1332*Input!$J$15,0)+IF(Input!$K$16=2,M1332*Input!$J$16,0)</f>
        <v>4.6804168456900504E-2</v>
      </c>
      <c r="P1332" s="58">
        <f>IF(Input!$K$13=3,J1332*Input!$J$13,0)+IF(Input!$K$14=3,K1332*Input!$J$14,0)+IF(Input!$K$15=3,L1332*Input!$J$15,0)+IF(Input!$K$16=3,M1332*Input!$J$16,0)</f>
        <v>0</v>
      </c>
      <c r="Q1332" s="71">
        <f>IF(Input!$K$13=4,J1332*Input!$J$13,0)+IF(Input!$K$14=4,K1332*Input!$J$14,0)+IF(Input!$K$15=4,L1332*Input!$J$15,0)+IF(Input!$K$16=4,M1332*Input!$J$16,0)</f>
        <v>0</v>
      </c>
    </row>
    <row r="1333" spans="8:17" x14ac:dyDescent="0.25">
      <c r="H1333" s="43">
        <v>1326</v>
      </c>
      <c r="I1333" s="55">
        <f>Bühler!I1359</f>
        <v>3.1138629372579225</v>
      </c>
      <c r="J1333" s="58">
        <f>Bühler!J1359</f>
        <v>12.28183281506228</v>
      </c>
      <c r="K1333" s="58">
        <f>Bühler!K1359</f>
        <v>0.34669754412518894</v>
      </c>
      <c r="L1333" s="58">
        <f>Bühler!L1359</f>
        <v>0.17334877206259447</v>
      </c>
      <c r="M1333" s="57">
        <f>Bühler!M1359</f>
        <v>0</v>
      </c>
      <c r="N1333" s="55">
        <f>IF(Input!$K$13=1,J1333*Input!$J$13,0)+IF(Input!$K$14=1,K1333*Input!$J$14,0)+IF(Input!$K$15=1,L1333*Input!$J$15,0)+IF(Input!$K$16=1,M1333*Input!$J$16,0)</f>
        <v>1.4738199378074737</v>
      </c>
      <c r="O1333" s="58">
        <f>IF(Input!$K$13=2,J1333*Input!$J$13,0)+IF(Input!$K$14=2,K1333*Input!$J$14,0)+IF(Input!$K$15=2,L1333*Input!$J$15,0)+IF(Input!$K$16=2,M1333*Input!$J$16,0)</f>
        <v>4.6804168456900504E-2</v>
      </c>
      <c r="P1333" s="58">
        <f>IF(Input!$K$13=3,J1333*Input!$J$13,0)+IF(Input!$K$14=3,K1333*Input!$J$14,0)+IF(Input!$K$15=3,L1333*Input!$J$15,0)+IF(Input!$K$16=3,M1333*Input!$J$16,0)</f>
        <v>0</v>
      </c>
      <c r="Q1333" s="71">
        <f>IF(Input!$K$13=4,J1333*Input!$J$13,0)+IF(Input!$K$14=4,K1333*Input!$J$14,0)+IF(Input!$K$15=4,L1333*Input!$J$15,0)+IF(Input!$K$16=4,M1333*Input!$J$16,0)</f>
        <v>0</v>
      </c>
    </row>
    <row r="1334" spans="8:17" x14ac:dyDescent="0.25">
      <c r="H1334" s="43">
        <v>1327</v>
      </c>
      <c r="I1334" s="55">
        <f>Bühler!I1360</f>
        <v>3.90759270557857</v>
      </c>
      <c r="J1334" s="58">
        <f>Bühler!J1360</f>
        <v>12.314904888742307</v>
      </c>
      <c r="K1334" s="58">
        <f>Bühler!K1360</f>
        <v>0.34669754412518894</v>
      </c>
      <c r="L1334" s="58">
        <f>Bühler!L1360</f>
        <v>0.17334877206259447</v>
      </c>
      <c r="M1334" s="57">
        <f>Bühler!M1360</f>
        <v>0</v>
      </c>
      <c r="N1334" s="55">
        <f>IF(Input!$K$13=1,J1334*Input!$J$13,0)+IF(Input!$K$14=1,K1334*Input!$J$14,0)+IF(Input!$K$15=1,L1334*Input!$J$15,0)+IF(Input!$K$16=1,M1334*Input!$J$16,0)</f>
        <v>1.4777885866490768</v>
      </c>
      <c r="O1334" s="58">
        <f>IF(Input!$K$13=2,J1334*Input!$J$13,0)+IF(Input!$K$14=2,K1334*Input!$J$14,0)+IF(Input!$K$15=2,L1334*Input!$J$15,0)+IF(Input!$K$16=2,M1334*Input!$J$16,0)</f>
        <v>4.6804168456900504E-2</v>
      </c>
      <c r="P1334" s="58">
        <f>IF(Input!$K$13=3,J1334*Input!$J$13,0)+IF(Input!$K$14=3,K1334*Input!$J$14,0)+IF(Input!$K$15=3,L1334*Input!$J$15,0)+IF(Input!$K$16=3,M1334*Input!$J$16,0)</f>
        <v>0</v>
      </c>
      <c r="Q1334" s="71">
        <f>IF(Input!$K$13=4,J1334*Input!$J$13,0)+IF(Input!$K$14=4,K1334*Input!$J$14,0)+IF(Input!$K$15=4,L1334*Input!$J$15,0)+IF(Input!$K$16=4,M1334*Input!$J$16,0)</f>
        <v>0</v>
      </c>
    </row>
    <row r="1335" spans="8:17" x14ac:dyDescent="0.25">
      <c r="H1335" s="43">
        <v>1328</v>
      </c>
      <c r="I1335" s="55">
        <f>Bühler!I1361</f>
        <v>4.4570979298005557</v>
      </c>
      <c r="J1335" s="58">
        <f>Bühler!J1361</f>
        <v>12.337800939751556</v>
      </c>
      <c r="K1335" s="58">
        <f>Bühler!K1361</f>
        <v>0.34669754412518894</v>
      </c>
      <c r="L1335" s="58">
        <f>Bühler!L1361</f>
        <v>0.17334877206259447</v>
      </c>
      <c r="M1335" s="57">
        <f>Bühler!M1361</f>
        <v>0</v>
      </c>
      <c r="N1335" s="55">
        <f>IF(Input!$K$13=1,J1335*Input!$J$13,0)+IF(Input!$K$14=1,K1335*Input!$J$14,0)+IF(Input!$K$15=1,L1335*Input!$J$15,0)+IF(Input!$K$16=1,M1335*Input!$J$16,0)</f>
        <v>1.4805361127701866</v>
      </c>
      <c r="O1335" s="58">
        <f>IF(Input!$K$13=2,J1335*Input!$J$13,0)+IF(Input!$K$14=2,K1335*Input!$J$14,0)+IF(Input!$K$15=2,L1335*Input!$J$15,0)+IF(Input!$K$16=2,M1335*Input!$J$16,0)</f>
        <v>4.6804168456900504E-2</v>
      </c>
      <c r="P1335" s="58">
        <f>IF(Input!$K$13=3,J1335*Input!$J$13,0)+IF(Input!$K$14=3,K1335*Input!$J$14,0)+IF(Input!$K$15=3,L1335*Input!$J$15,0)+IF(Input!$K$16=3,M1335*Input!$J$16,0)</f>
        <v>0</v>
      </c>
      <c r="Q1335" s="71">
        <f>IF(Input!$K$13=4,J1335*Input!$J$13,0)+IF(Input!$K$14=4,K1335*Input!$J$14,0)+IF(Input!$K$15=4,L1335*Input!$J$15,0)+IF(Input!$K$16=4,M1335*Input!$J$16,0)</f>
        <v>0</v>
      </c>
    </row>
    <row r="1336" spans="8:17" x14ac:dyDescent="0.25">
      <c r="H1336" s="43">
        <v>1329</v>
      </c>
      <c r="I1336" s="55">
        <f>Bühler!I1362</f>
        <v>4.4570979298005557</v>
      </c>
      <c r="J1336" s="58">
        <f>Bühler!J1362</f>
        <v>12.337800939751556</v>
      </c>
      <c r="K1336" s="58">
        <f>Bühler!K1362</f>
        <v>0.34669754412518894</v>
      </c>
      <c r="L1336" s="58">
        <f>Bühler!L1362</f>
        <v>0.17334877206259447</v>
      </c>
      <c r="M1336" s="57">
        <f>Bühler!M1362</f>
        <v>0</v>
      </c>
      <c r="N1336" s="55">
        <f>IF(Input!$K$13=1,J1336*Input!$J$13,0)+IF(Input!$K$14=1,K1336*Input!$J$14,0)+IF(Input!$K$15=1,L1336*Input!$J$15,0)+IF(Input!$K$16=1,M1336*Input!$J$16,0)</f>
        <v>1.4805361127701866</v>
      </c>
      <c r="O1336" s="58">
        <f>IF(Input!$K$13=2,J1336*Input!$J$13,0)+IF(Input!$K$14=2,K1336*Input!$J$14,0)+IF(Input!$K$15=2,L1336*Input!$J$15,0)+IF(Input!$K$16=2,M1336*Input!$J$16,0)</f>
        <v>4.6804168456900504E-2</v>
      </c>
      <c r="P1336" s="58">
        <f>IF(Input!$K$13=3,J1336*Input!$J$13,0)+IF(Input!$K$14=3,K1336*Input!$J$14,0)+IF(Input!$K$15=3,L1336*Input!$J$15,0)+IF(Input!$K$16=3,M1336*Input!$J$16,0)</f>
        <v>0</v>
      </c>
      <c r="Q1336" s="71">
        <f>IF(Input!$K$13=4,J1336*Input!$J$13,0)+IF(Input!$K$14=4,K1336*Input!$J$14,0)+IF(Input!$K$15=4,L1336*Input!$J$15,0)+IF(Input!$K$16=4,M1336*Input!$J$16,0)</f>
        <v>0</v>
      </c>
    </row>
    <row r="1337" spans="8:17" x14ac:dyDescent="0.25">
      <c r="H1337" s="43">
        <v>1330</v>
      </c>
      <c r="I1337" s="55">
        <f>Bühler!I1363</f>
        <v>4.4570979298005557</v>
      </c>
      <c r="J1337" s="58">
        <f>Bühler!J1363</f>
        <v>12.337800939751556</v>
      </c>
      <c r="K1337" s="58">
        <f>Bühler!K1363</f>
        <v>0.34669754412518894</v>
      </c>
      <c r="L1337" s="58">
        <f>Bühler!L1363</f>
        <v>0.17334877206259447</v>
      </c>
      <c r="M1337" s="57">
        <f>Bühler!M1363</f>
        <v>0</v>
      </c>
      <c r="N1337" s="55">
        <f>IF(Input!$K$13=1,J1337*Input!$J$13,0)+IF(Input!$K$14=1,K1337*Input!$J$14,0)+IF(Input!$K$15=1,L1337*Input!$J$15,0)+IF(Input!$K$16=1,M1337*Input!$J$16,0)</f>
        <v>1.4805361127701866</v>
      </c>
      <c r="O1337" s="58">
        <f>IF(Input!$K$13=2,J1337*Input!$J$13,0)+IF(Input!$K$14=2,K1337*Input!$J$14,0)+IF(Input!$K$15=2,L1337*Input!$J$15,0)+IF(Input!$K$16=2,M1337*Input!$J$16,0)</f>
        <v>4.6804168456900504E-2</v>
      </c>
      <c r="P1337" s="58">
        <f>IF(Input!$K$13=3,J1337*Input!$J$13,0)+IF(Input!$K$14=3,K1337*Input!$J$14,0)+IF(Input!$K$15=3,L1337*Input!$J$15,0)+IF(Input!$K$16=3,M1337*Input!$J$16,0)</f>
        <v>0</v>
      </c>
      <c r="Q1337" s="71">
        <f>IF(Input!$K$13=4,J1337*Input!$J$13,0)+IF(Input!$K$14=4,K1337*Input!$J$14,0)+IF(Input!$K$15=4,L1337*Input!$J$15,0)+IF(Input!$K$16=4,M1337*Input!$J$16,0)</f>
        <v>0</v>
      </c>
    </row>
    <row r="1338" spans="8:17" x14ac:dyDescent="0.25">
      <c r="H1338" s="43">
        <v>1331</v>
      </c>
      <c r="I1338" s="55">
        <f>Bühler!I1364</f>
        <v>4.4570979298005557</v>
      </c>
      <c r="J1338" s="58">
        <f>Bühler!J1364</f>
        <v>12.337800939751556</v>
      </c>
      <c r="K1338" s="58">
        <f>Bühler!K1364</f>
        <v>0.34669754412518894</v>
      </c>
      <c r="L1338" s="58">
        <f>Bühler!L1364</f>
        <v>0.17334877206259447</v>
      </c>
      <c r="M1338" s="57">
        <f>Bühler!M1364</f>
        <v>0</v>
      </c>
      <c r="N1338" s="55">
        <f>IF(Input!$K$13=1,J1338*Input!$J$13,0)+IF(Input!$K$14=1,K1338*Input!$J$14,0)+IF(Input!$K$15=1,L1338*Input!$J$15,0)+IF(Input!$K$16=1,M1338*Input!$J$16,0)</f>
        <v>1.4805361127701866</v>
      </c>
      <c r="O1338" s="58">
        <f>IF(Input!$K$13=2,J1338*Input!$J$13,0)+IF(Input!$K$14=2,K1338*Input!$J$14,0)+IF(Input!$K$15=2,L1338*Input!$J$15,0)+IF(Input!$K$16=2,M1338*Input!$J$16,0)</f>
        <v>4.6804168456900504E-2</v>
      </c>
      <c r="P1338" s="58">
        <f>IF(Input!$K$13=3,J1338*Input!$J$13,0)+IF(Input!$K$14=3,K1338*Input!$J$14,0)+IF(Input!$K$15=3,L1338*Input!$J$15,0)+IF(Input!$K$16=3,M1338*Input!$J$16,0)</f>
        <v>0</v>
      </c>
      <c r="Q1338" s="71">
        <f>IF(Input!$K$13=4,J1338*Input!$J$13,0)+IF(Input!$K$14=4,K1338*Input!$J$14,0)+IF(Input!$K$15=4,L1338*Input!$J$15,0)+IF(Input!$K$16=4,M1338*Input!$J$16,0)</f>
        <v>0</v>
      </c>
    </row>
    <row r="1339" spans="8:17" x14ac:dyDescent="0.25">
      <c r="H1339" s="43">
        <v>1332</v>
      </c>
      <c r="I1339" s="55">
        <f>Bühler!I1365</f>
        <v>4.4570979298005557</v>
      </c>
      <c r="J1339" s="58">
        <f>Bühler!J1365</f>
        <v>12.337800939751556</v>
      </c>
      <c r="K1339" s="58">
        <f>Bühler!K1365</f>
        <v>0.34669754412518894</v>
      </c>
      <c r="L1339" s="58">
        <f>Bühler!L1365</f>
        <v>0.17334877206259447</v>
      </c>
      <c r="M1339" s="57">
        <f>Bühler!M1365</f>
        <v>0</v>
      </c>
      <c r="N1339" s="55">
        <f>IF(Input!$K$13=1,J1339*Input!$J$13,0)+IF(Input!$K$14=1,K1339*Input!$J$14,0)+IF(Input!$K$15=1,L1339*Input!$J$15,0)+IF(Input!$K$16=1,M1339*Input!$J$16,0)</f>
        <v>1.4805361127701866</v>
      </c>
      <c r="O1339" s="58">
        <f>IF(Input!$K$13=2,J1339*Input!$J$13,0)+IF(Input!$K$14=2,K1339*Input!$J$14,0)+IF(Input!$K$15=2,L1339*Input!$J$15,0)+IF(Input!$K$16=2,M1339*Input!$J$16,0)</f>
        <v>4.6804168456900504E-2</v>
      </c>
      <c r="P1339" s="58">
        <f>IF(Input!$K$13=3,J1339*Input!$J$13,0)+IF(Input!$K$14=3,K1339*Input!$J$14,0)+IF(Input!$K$15=3,L1339*Input!$J$15,0)+IF(Input!$K$16=3,M1339*Input!$J$16,0)</f>
        <v>0</v>
      </c>
      <c r="Q1339" s="71">
        <f>IF(Input!$K$13=4,J1339*Input!$J$13,0)+IF(Input!$K$14=4,K1339*Input!$J$14,0)+IF(Input!$K$15=4,L1339*Input!$J$15,0)+IF(Input!$K$16=4,M1339*Input!$J$16,0)</f>
        <v>0</v>
      </c>
    </row>
    <row r="1340" spans="8:17" x14ac:dyDescent="0.25">
      <c r="H1340" s="43">
        <v>1333</v>
      </c>
      <c r="I1340" s="55">
        <f>Bühler!I1366</f>
        <v>4.4570979298005557</v>
      </c>
      <c r="J1340" s="58">
        <f>Bühler!J1366</f>
        <v>12.337800939751556</v>
      </c>
      <c r="K1340" s="58">
        <f>Bühler!K1366</f>
        <v>0.34669754412518894</v>
      </c>
      <c r="L1340" s="58">
        <f>Bühler!L1366</f>
        <v>0.17334877206259447</v>
      </c>
      <c r="M1340" s="57">
        <f>Bühler!M1366</f>
        <v>0</v>
      </c>
      <c r="N1340" s="55">
        <f>IF(Input!$K$13=1,J1340*Input!$J$13,0)+IF(Input!$K$14=1,K1340*Input!$J$14,0)+IF(Input!$K$15=1,L1340*Input!$J$15,0)+IF(Input!$K$16=1,M1340*Input!$J$16,0)</f>
        <v>1.4805361127701866</v>
      </c>
      <c r="O1340" s="58">
        <f>IF(Input!$K$13=2,J1340*Input!$J$13,0)+IF(Input!$K$14=2,K1340*Input!$J$14,0)+IF(Input!$K$15=2,L1340*Input!$J$15,0)+IF(Input!$K$16=2,M1340*Input!$J$16,0)</f>
        <v>4.6804168456900504E-2</v>
      </c>
      <c r="P1340" s="58">
        <f>IF(Input!$K$13=3,J1340*Input!$J$13,0)+IF(Input!$K$14=3,K1340*Input!$J$14,0)+IF(Input!$K$15=3,L1340*Input!$J$15,0)+IF(Input!$K$16=3,M1340*Input!$J$16,0)</f>
        <v>0</v>
      </c>
      <c r="Q1340" s="71">
        <f>IF(Input!$K$13=4,J1340*Input!$J$13,0)+IF(Input!$K$14=4,K1340*Input!$J$14,0)+IF(Input!$K$15=4,L1340*Input!$J$15,0)+IF(Input!$K$16=4,M1340*Input!$J$16,0)</f>
        <v>0</v>
      </c>
    </row>
    <row r="1341" spans="8:17" x14ac:dyDescent="0.25">
      <c r="H1341" s="43">
        <v>1334</v>
      </c>
      <c r="I1341" s="55">
        <f>Bühler!I1367</f>
        <v>4.4570979298005557</v>
      </c>
      <c r="J1341" s="58">
        <f>Bühler!J1367</f>
        <v>12.337800939751556</v>
      </c>
      <c r="K1341" s="58">
        <f>Bühler!K1367</f>
        <v>0.34669754412518894</v>
      </c>
      <c r="L1341" s="58">
        <f>Bühler!L1367</f>
        <v>0.17334877206259447</v>
      </c>
      <c r="M1341" s="57">
        <f>Bühler!M1367</f>
        <v>0</v>
      </c>
      <c r="N1341" s="55">
        <f>IF(Input!$K$13=1,J1341*Input!$J$13,0)+IF(Input!$K$14=1,K1341*Input!$J$14,0)+IF(Input!$K$15=1,L1341*Input!$J$15,0)+IF(Input!$K$16=1,M1341*Input!$J$16,0)</f>
        <v>1.4805361127701866</v>
      </c>
      <c r="O1341" s="58">
        <f>IF(Input!$K$13=2,J1341*Input!$J$13,0)+IF(Input!$K$14=2,K1341*Input!$J$14,0)+IF(Input!$K$15=2,L1341*Input!$J$15,0)+IF(Input!$K$16=2,M1341*Input!$J$16,0)</f>
        <v>4.6804168456900504E-2</v>
      </c>
      <c r="P1341" s="58">
        <f>IF(Input!$K$13=3,J1341*Input!$J$13,0)+IF(Input!$K$14=3,K1341*Input!$J$14,0)+IF(Input!$K$15=3,L1341*Input!$J$15,0)+IF(Input!$K$16=3,M1341*Input!$J$16,0)</f>
        <v>0</v>
      </c>
      <c r="Q1341" s="71">
        <f>IF(Input!$K$13=4,J1341*Input!$J$13,0)+IF(Input!$K$14=4,K1341*Input!$J$14,0)+IF(Input!$K$15=4,L1341*Input!$J$15,0)+IF(Input!$K$16=4,M1341*Input!$J$16,0)</f>
        <v>0</v>
      </c>
    </row>
    <row r="1342" spans="8:17" x14ac:dyDescent="0.25">
      <c r="H1342" s="43">
        <v>1335</v>
      </c>
      <c r="I1342" s="55">
        <f>Bühler!I1368</f>
        <v>4.4570979298005557</v>
      </c>
      <c r="J1342" s="58">
        <f>Bühler!J1368</f>
        <v>12.337800939751556</v>
      </c>
      <c r="K1342" s="58">
        <f>Bühler!K1368</f>
        <v>0.34669754412518894</v>
      </c>
      <c r="L1342" s="58">
        <f>Bühler!L1368</f>
        <v>0.17334877206259447</v>
      </c>
      <c r="M1342" s="57">
        <f>Bühler!M1368</f>
        <v>0</v>
      </c>
      <c r="N1342" s="55">
        <f>IF(Input!$K$13=1,J1342*Input!$J$13,0)+IF(Input!$K$14=1,K1342*Input!$J$14,0)+IF(Input!$K$15=1,L1342*Input!$J$15,0)+IF(Input!$K$16=1,M1342*Input!$J$16,0)</f>
        <v>1.4805361127701866</v>
      </c>
      <c r="O1342" s="58">
        <f>IF(Input!$K$13=2,J1342*Input!$J$13,0)+IF(Input!$K$14=2,K1342*Input!$J$14,0)+IF(Input!$K$15=2,L1342*Input!$J$15,0)+IF(Input!$K$16=2,M1342*Input!$J$16,0)</f>
        <v>4.6804168456900504E-2</v>
      </c>
      <c r="P1342" s="58">
        <f>IF(Input!$K$13=3,J1342*Input!$J$13,0)+IF(Input!$K$14=3,K1342*Input!$J$14,0)+IF(Input!$K$15=3,L1342*Input!$J$15,0)+IF(Input!$K$16=3,M1342*Input!$J$16,0)</f>
        <v>0</v>
      </c>
      <c r="Q1342" s="71">
        <f>IF(Input!$K$13=4,J1342*Input!$J$13,0)+IF(Input!$K$14=4,K1342*Input!$J$14,0)+IF(Input!$K$15=4,L1342*Input!$J$15,0)+IF(Input!$K$16=4,M1342*Input!$J$16,0)</f>
        <v>0</v>
      </c>
    </row>
    <row r="1343" spans="8:17" x14ac:dyDescent="0.25">
      <c r="H1343" s="43">
        <v>1336</v>
      </c>
      <c r="I1343" s="55">
        <f>Bühler!I1369</f>
        <v>4.0297049776278993</v>
      </c>
      <c r="J1343" s="58">
        <f>Bühler!J1369</f>
        <v>12.319992900077697</v>
      </c>
      <c r="K1343" s="58">
        <f>Bühler!K1369</f>
        <v>0.34669754412518894</v>
      </c>
      <c r="L1343" s="58">
        <f>Bühler!L1369</f>
        <v>0.17334877206259447</v>
      </c>
      <c r="M1343" s="57">
        <f>Bühler!M1369</f>
        <v>0</v>
      </c>
      <c r="N1343" s="55">
        <f>IF(Input!$K$13=1,J1343*Input!$J$13,0)+IF(Input!$K$14=1,K1343*Input!$J$14,0)+IF(Input!$K$15=1,L1343*Input!$J$15,0)+IF(Input!$K$16=1,M1343*Input!$J$16,0)</f>
        <v>1.4783991480093235</v>
      </c>
      <c r="O1343" s="58">
        <f>IF(Input!$K$13=2,J1343*Input!$J$13,0)+IF(Input!$K$14=2,K1343*Input!$J$14,0)+IF(Input!$K$15=2,L1343*Input!$J$15,0)+IF(Input!$K$16=2,M1343*Input!$J$16,0)</f>
        <v>4.6804168456900504E-2</v>
      </c>
      <c r="P1343" s="58">
        <f>IF(Input!$K$13=3,J1343*Input!$J$13,0)+IF(Input!$K$14=3,K1343*Input!$J$14,0)+IF(Input!$K$15=3,L1343*Input!$J$15,0)+IF(Input!$K$16=3,M1343*Input!$J$16,0)</f>
        <v>0</v>
      </c>
      <c r="Q1343" s="71">
        <f>IF(Input!$K$13=4,J1343*Input!$J$13,0)+IF(Input!$K$14=4,K1343*Input!$J$14,0)+IF(Input!$K$15=4,L1343*Input!$J$15,0)+IF(Input!$K$16=4,M1343*Input!$J$16,0)</f>
        <v>0</v>
      </c>
    </row>
    <row r="1344" spans="8:17" x14ac:dyDescent="0.25">
      <c r="H1344" s="43">
        <v>1337</v>
      </c>
      <c r="I1344" s="55">
        <f>Bühler!I1370</f>
        <v>3.6633681614799087</v>
      </c>
      <c r="J1344" s="58">
        <f>Bühler!J1370</f>
        <v>12.30472886607153</v>
      </c>
      <c r="K1344" s="58">
        <f>Bühler!K1370</f>
        <v>0.34669754412518894</v>
      </c>
      <c r="L1344" s="58">
        <f>Bühler!L1370</f>
        <v>0.17334877206259447</v>
      </c>
      <c r="M1344" s="57">
        <f>Bühler!M1370</f>
        <v>0</v>
      </c>
      <c r="N1344" s="55">
        <f>IF(Input!$K$13=1,J1344*Input!$J$13,0)+IF(Input!$K$14=1,K1344*Input!$J$14,0)+IF(Input!$K$15=1,L1344*Input!$J$15,0)+IF(Input!$K$16=1,M1344*Input!$J$16,0)</f>
        <v>1.4765674639285835</v>
      </c>
      <c r="O1344" s="58">
        <f>IF(Input!$K$13=2,J1344*Input!$J$13,0)+IF(Input!$K$14=2,K1344*Input!$J$14,0)+IF(Input!$K$15=2,L1344*Input!$J$15,0)+IF(Input!$K$16=2,M1344*Input!$J$16,0)</f>
        <v>4.6804168456900504E-2</v>
      </c>
      <c r="P1344" s="58">
        <f>IF(Input!$K$13=3,J1344*Input!$J$13,0)+IF(Input!$K$14=3,K1344*Input!$J$14,0)+IF(Input!$K$15=3,L1344*Input!$J$15,0)+IF(Input!$K$16=3,M1344*Input!$J$16,0)</f>
        <v>0</v>
      </c>
      <c r="Q1344" s="71">
        <f>IF(Input!$K$13=4,J1344*Input!$J$13,0)+IF(Input!$K$14=4,K1344*Input!$J$14,0)+IF(Input!$K$15=4,L1344*Input!$J$15,0)+IF(Input!$K$16=4,M1344*Input!$J$16,0)</f>
        <v>0</v>
      </c>
    </row>
    <row r="1345" spans="8:17" x14ac:dyDescent="0.25">
      <c r="H1345" s="43">
        <v>1338</v>
      </c>
      <c r="I1345" s="55">
        <f>Bühler!I1371</f>
        <v>3.2970313453319178</v>
      </c>
      <c r="J1345" s="58">
        <f>Bühler!J1371</f>
        <v>12.289464832065365</v>
      </c>
      <c r="K1345" s="58">
        <f>Bühler!K1371</f>
        <v>0.34669754412518894</v>
      </c>
      <c r="L1345" s="58">
        <f>Bühler!L1371</f>
        <v>0.17334877206259447</v>
      </c>
      <c r="M1345" s="57">
        <f>Bühler!M1371</f>
        <v>0</v>
      </c>
      <c r="N1345" s="55">
        <f>IF(Input!$K$13=1,J1345*Input!$J$13,0)+IF(Input!$K$14=1,K1345*Input!$J$14,0)+IF(Input!$K$15=1,L1345*Input!$J$15,0)+IF(Input!$K$16=1,M1345*Input!$J$16,0)</f>
        <v>1.4747357798478438</v>
      </c>
      <c r="O1345" s="58">
        <f>IF(Input!$K$13=2,J1345*Input!$J$13,0)+IF(Input!$K$14=2,K1345*Input!$J$14,0)+IF(Input!$K$15=2,L1345*Input!$J$15,0)+IF(Input!$K$16=2,M1345*Input!$J$16,0)</f>
        <v>4.6804168456900504E-2</v>
      </c>
      <c r="P1345" s="58">
        <f>IF(Input!$K$13=3,J1345*Input!$J$13,0)+IF(Input!$K$14=3,K1345*Input!$J$14,0)+IF(Input!$K$15=3,L1345*Input!$J$15,0)+IF(Input!$K$16=3,M1345*Input!$J$16,0)</f>
        <v>0</v>
      </c>
      <c r="Q1345" s="71">
        <f>IF(Input!$K$13=4,J1345*Input!$J$13,0)+IF(Input!$K$14=4,K1345*Input!$J$14,0)+IF(Input!$K$15=4,L1345*Input!$J$15,0)+IF(Input!$K$16=4,M1345*Input!$J$16,0)</f>
        <v>0</v>
      </c>
    </row>
    <row r="1346" spans="8:17" x14ac:dyDescent="0.25">
      <c r="H1346" s="43">
        <v>1339</v>
      </c>
      <c r="I1346" s="55">
        <f>Bühler!I1372</f>
        <v>3.1749190732825876</v>
      </c>
      <c r="J1346" s="58">
        <f>Bühler!J1372</f>
        <v>12.284376820729975</v>
      </c>
      <c r="K1346" s="58">
        <f>Bühler!K1372</f>
        <v>0.34669754412518894</v>
      </c>
      <c r="L1346" s="58">
        <f>Bühler!L1372</f>
        <v>0.17334877206259447</v>
      </c>
      <c r="M1346" s="57">
        <f>Bühler!M1372</f>
        <v>0</v>
      </c>
      <c r="N1346" s="55">
        <f>IF(Input!$K$13=1,J1346*Input!$J$13,0)+IF(Input!$K$14=1,K1346*Input!$J$14,0)+IF(Input!$K$15=1,L1346*Input!$J$15,0)+IF(Input!$K$16=1,M1346*Input!$J$16,0)</f>
        <v>1.4741252184875968</v>
      </c>
      <c r="O1346" s="58">
        <f>IF(Input!$K$13=2,J1346*Input!$J$13,0)+IF(Input!$K$14=2,K1346*Input!$J$14,0)+IF(Input!$K$15=2,L1346*Input!$J$15,0)+IF(Input!$K$16=2,M1346*Input!$J$16,0)</f>
        <v>4.6804168456900504E-2</v>
      </c>
      <c r="P1346" s="58">
        <f>IF(Input!$K$13=3,J1346*Input!$J$13,0)+IF(Input!$K$14=3,K1346*Input!$J$14,0)+IF(Input!$K$15=3,L1346*Input!$J$15,0)+IF(Input!$K$16=3,M1346*Input!$J$16,0)</f>
        <v>0</v>
      </c>
      <c r="Q1346" s="71">
        <f>IF(Input!$K$13=4,J1346*Input!$J$13,0)+IF(Input!$K$14=4,K1346*Input!$J$14,0)+IF(Input!$K$15=4,L1346*Input!$J$15,0)+IF(Input!$K$16=4,M1346*Input!$J$16,0)</f>
        <v>0</v>
      </c>
    </row>
    <row r="1347" spans="8:17" x14ac:dyDescent="0.25">
      <c r="H1347" s="43">
        <v>1340</v>
      </c>
      <c r="I1347" s="55">
        <f>Bühler!I1373</f>
        <v>2.5643577130359363</v>
      </c>
      <c r="J1347" s="58">
        <f>Bühler!J1373</f>
        <v>12.258936764053033</v>
      </c>
      <c r="K1347" s="58">
        <f>Bühler!K1373</f>
        <v>0.34669754412518894</v>
      </c>
      <c r="L1347" s="58">
        <f>Bühler!L1373</f>
        <v>0.17334877206259447</v>
      </c>
      <c r="M1347" s="57">
        <f>Bühler!M1373</f>
        <v>0</v>
      </c>
      <c r="N1347" s="55">
        <f>IF(Input!$K$13=1,J1347*Input!$J$13,0)+IF(Input!$K$14=1,K1347*Input!$J$14,0)+IF(Input!$K$15=1,L1347*Input!$J$15,0)+IF(Input!$K$16=1,M1347*Input!$J$16,0)</f>
        <v>1.4710724116863638</v>
      </c>
      <c r="O1347" s="58">
        <f>IF(Input!$K$13=2,J1347*Input!$J$13,0)+IF(Input!$K$14=2,K1347*Input!$J$14,0)+IF(Input!$K$15=2,L1347*Input!$J$15,0)+IF(Input!$K$16=2,M1347*Input!$J$16,0)</f>
        <v>4.6804168456900504E-2</v>
      </c>
      <c r="P1347" s="58">
        <f>IF(Input!$K$13=3,J1347*Input!$J$13,0)+IF(Input!$K$14=3,K1347*Input!$J$14,0)+IF(Input!$K$15=3,L1347*Input!$J$15,0)+IF(Input!$K$16=3,M1347*Input!$J$16,0)</f>
        <v>0</v>
      </c>
      <c r="Q1347" s="71">
        <f>IF(Input!$K$13=4,J1347*Input!$J$13,0)+IF(Input!$K$14=4,K1347*Input!$J$14,0)+IF(Input!$K$15=4,L1347*Input!$J$15,0)+IF(Input!$K$16=4,M1347*Input!$J$16,0)</f>
        <v>0</v>
      </c>
    </row>
    <row r="1348" spans="8:17" x14ac:dyDescent="0.25">
      <c r="H1348" s="43">
        <v>1341</v>
      </c>
      <c r="I1348" s="55">
        <f>Bühler!I1374</f>
        <v>1.8927402167646197</v>
      </c>
      <c r="J1348" s="58">
        <f>Bühler!J1374</f>
        <v>12.230952701708395</v>
      </c>
      <c r="K1348" s="58">
        <f>Bühler!K1374</f>
        <v>0.34669754412518894</v>
      </c>
      <c r="L1348" s="58">
        <f>Bühler!L1374</f>
        <v>0.17334877206259447</v>
      </c>
      <c r="M1348" s="57">
        <f>Bühler!M1374</f>
        <v>0</v>
      </c>
      <c r="N1348" s="55">
        <f>IF(Input!$K$13=1,J1348*Input!$J$13,0)+IF(Input!$K$14=1,K1348*Input!$J$14,0)+IF(Input!$K$15=1,L1348*Input!$J$15,0)+IF(Input!$K$16=1,M1348*Input!$J$16,0)</f>
        <v>1.4677143242050072</v>
      </c>
      <c r="O1348" s="58">
        <f>IF(Input!$K$13=2,J1348*Input!$J$13,0)+IF(Input!$K$14=2,K1348*Input!$J$14,0)+IF(Input!$K$15=2,L1348*Input!$J$15,0)+IF(Input!$K$16=2,M1348*Input!$J$16,0)</f>
        <v>4.6804168456900504E-2</v>
      </c>
      <c r="P1348" s="58">
        <f>IF(Input!$K$13=3,J1348*Input!$J$13,0)+IF(Input!$K$14=3,K1348*Input!$J$14,0)+IF(Input!$K$15=3,L1348*Input!$J$15,0)+IF(Input!$K$16=3,M1348*Input!$J$16,0)</f>
        <v>0</v>
      </c>
      <c r="Q1348" s="71">
        <f>IF(Input!$K$13=4,J1348*Input!$J$13,0)+IF(Input!$K$14=4,K1348*Input!$J$14,0)+IF(Input!$K$15=4,L1348*Input!$J$15,0)+IF(Input!$K$16=4,M1348*Input!$J$16,0)</f>
        <v>0</v>
      </c>
    </row>
    <row r="1349" spans="8:17" x14ac:dyDescent="0.25">
      <c r="H1349" s="43">
        <v>1342</v>
      </c>
      <c r="I1349" s="55">
        <f>Bühler!I1375</f>
        <v>1.8927402167646197</v>
      </c>
      <c r="J1349" s="58">
        <f>Bühler!J1375</f>
        <v>12.230952701708395</v>
      </c>
      <c r="K1349" s="58">
        <f>Bühler!K1375</f>
        <v>0.34669754412518894</v>
      </c>
      <c r="L1349" s="58">
        <f>Bühler!L1375</f>
        <v>0.17334877206259447</v>
      </c>
      <c r="M1349" s="57">
        <f>Bühler!M1375</f>
        <v>0</v>
      </c>
      <c r="N1349" s="55">
        <f>IF(Input!$K$13=1,J1349*Input!$J$13,0)+IF(Input!$K$14=1,K1349*Input!$J$14,0)+IF(Input!$K$15=1,L1349*Input!$J$15,0)+IF(Input!$K$16=1,M1349*Input!$J$16,0)</f>
        <v>1.4677143242050072</v>
      </c>
      <c r="O1349" s="58">
        <f>IF(Input!$K$13=2,J1349*Input!$J$13,0)+IF(Input!$K$14=2,K1349*Input!$J$14,0)+IF(Input!$K$15=2,L1349*Input!$J$15,0)+IF(Input!$K$16=2,M1349*Input!$J$16,0)</f>
        <v>4.6804168456900504E-2</v>
      </c>
      <c r="P1349" s="58">
        <f>IF(Input!$K$13=3,J1349*Input!$J$13,0)+IF(Input!$K$14=3,K1349*Input!$J$14,0)+IF(Input!$K$15=3,L1349*Input!$J$15,0)+IF(Input!$K$16=3,M1349*Input!$J$16,0)</f>
        <v>0</v>
      </c>
      <c r="Q1349" s="71">
        <f>IF(Input!$K$13=4,J1349*Input!$J$13,0)+IF(Input!$K$14=4,K1349*Input!$J$14,0)+IF(Input!$K$15=4,L1349*Input!$J$15,0)+IF(Input!$K$16=4,M1349*Input!$J$16,0)</f>
        <v>0</v>
      </c>
    </row>
    <row r="1350" spans="8:17" x14ac:dyDescent="0.25">
      <c r="H1350" s="43">
        <v>1343</v>
      </c>
      <c r="I1350" s="55">
        <f>Bühler!I1376</f>
        <v>1.8927402167646197</v>
      </c>
      <c r="J1350" s="58">
        <f>Bühler!J1376</f>
        <v>12.230952701708395</v>
      </c>
      <c r="K1350" s="58">
        <f>Bühler!K1376</f>
        <v>0.34669754412518894</v>
      </c>
      <c r="L1350" s="58">
        <f>Bühler!L1376</f>
        <v>0.17334877206259447</v>
      </c>
      <c r="M1350" s="57">
        <f>Bühler!M1376</f>
        <v>0</v>
      </c>
      <c r="N1350" s="55">
        <f>IF(Input!$K$13=1,J1350*Input!$J$13,0)+IF(Input!$K$14=1,K1350*Input!$J$14,0)+IF(Input!$K$15=1,L1350*Input!$J$15,0)+IF(Input!$K$16=1,M1350*Input!$J$16,0)</f>
        <v>1.4677143242050072</v>
      </c>
      <c r="O1350" s="58">
        <f>IF(Input!$K$13=2,J1350*Input!$J$13,0)+IF(Input!$K$14=2,K1350*Input!$J$14,0)+IF(Input!$K$15=2,L1350*Input!$J$15,0)+IF(Input!$K$16=2,M1350*Input!$J$16,0)</f>
        <v>4.6804168456900504E-2</v>
      </c>
      <c r="P1350" s="58">
        <f>IF(Input!$K$13=3,J1350*Input!$J$13,0)+IF(Input!$K$14=3,K1350*Input!$J$14,0)+IF(Input!$K$15=3,L1350*Input!$J$15,0)+IF(Input!$K$16=3,M1350*Input!$J$16,0)</f>
        <v>0</v>
      </c>
      <c r="Q1350" s="71">
        <f>IF(Input!$K$13=4,J1350*Input!$J$13,0)+IF(Input!$K$14=4,K1350*Input!$J$14,0)+IF(Input!$K$15=4,L1350*Input!$J$15,0)+IF(Input!$K$16=4,M1350*Input!$J$16,0)</f>
        <v>0</v>
      </c>
    </row>
    <row r="1351" spans="8:17" x14ac:dyDescent="0.25">
      <c r="H1351" s="43">
        <v>1344</v>
      </c>
      <c r="I1351" s="55">
        <f>Bühler!I1377</f>
        <v>1.8927402167646197</v>
      </c>
      <c r="J1351" s="58">
        <f>Bühler!J1377</f>
        <v>12.230952701708395</v>
      </c>
      <c r="K1351" s="58">
        <f>Bühler!K1377</f>
        <v>0.34669754412518894</v>
      </c>
      <c r="L1351" s="58">
        <f>Bühler!L1377</f>
        <v>0.17334877206259447</v>
      </c>
      <c r="M1351" s="57">
        <f>Bühler!M1377</f>
        <v>0</v>
      </c>
      <c r="N1351" s="55">
        <f>IF(Input!$K$13=1,J1351*Input!$J$13,0)+IF(Input!$K$14=1,K1351*Input!$J$14,0)+IF(Input!$K$15=1,L1351*Input!$J$15,0)+IF(Input!$K$16=1,M1351*Input!$J$16,0)</f>
        <v>1.4677143242050072</v>
      </c>
      <c r="O1351" s="58">
        <f>IF(Input!$K$13=2,J1351*Input!$J$13,0)+IF(Input!$K$14=2,K1351*Input!$J$14,0)+IF(Input!$K$15=2,L1351*Input!$J$15,0)+IF(Input!$K$16=2,M1351*Input!$J$16,0)</f>
        <v>4.6804168456900504E-2</v>
      </c>
      <c r="P1351" s="58">
        <f>IF(Input!$K$13=3,J1351*Input!$J$13,0)+IF(Input!$K$14=3,K1351*Input!$J$14,0)+IF(Input!$K$15=3,L1351*Input!$J$15,0)+IF(Input!$K$16=3,M1351*Input!$J$16,0)</f>
        <v>0</v>
      </c>
      <c r="Q1351" s="71">
        <f>IF(Input!$K$13=4,J1351*Input!$J$13,0)+IF(Input!$K$14=4,K1351*Input!$J$14,0)+IF(Input!$K$15=4,L1351*Input!$J$15,0)+IF(Input!$K$16=4,M1351*Input!$J$16,0)</f>
        <v>0</v>
      </c>
    </row>
    <row r="1352" spans="8:17" x14ac:dyDescent="0.25">
      <c r="H1352" s="43">
        <v>1345</v>
      </c>
      <c r="I1352" s="55">
        <f>Bühler!I1378</f>
        <v>3.8256477288107611</v>
      </c>
      <c r="J1352" s="58">
        <f>Bühler!J1378</f>
        <v>18.144455151785102</v>
      </c>
      <c r="K1352" s="58">
        <f>Bühler!K1378</f>
        <v>0.44152983179731303</v>
      </c>
      <c r="L1352" s="58">
        <f>Bühler!L1378</f>
        <v>0.22076491589865652</v>
      </c>
      <c r="M1352" s="57">
        <f>Bühler!M1378</f>
        <v>0</v>
      </c>
      <c r="N1352" s="55">
        <f>IF(Input!$K$13=1,J1352*Input!$J$13,0)+IF(Input!$K$14=1,K1352*Input!$J$14,0)+IF(Input!$K$15=1,L1352*Input!$J$15,0)+IF(Input!$K$16=1,M1352*Input!$J$16,0)</f>
        <v>2.1773346182142124</v>
      </c>
      <c r="O1352" s="58">
        <f>IF(Input!$K$13=2,J1352*Input!$J$13,0)+IF(Input!$K$14=2,K1352*Input!$J$14,0)+IF(Input!$K$15=2,L1352*Input!$J$15,0)+IF(Input!$K$16=2,M1352*Input!$J$16,0)</f>
        <v>5.9606527292637254E-2</v>
      </c>
      <c r="P1352" s="58">
        <f>IF(Input!$K$13=3,J1352*Input!$J$13,0)+IF(Input!$K$14=3,K1352*Input!$J$14,0)+IF(Input!$K$15=3,L1352*Input!$J$15,0)+IF(Input!$K$16=3,M1352*Input!$J$16,0)</f>
        <v>0</v>
      </c>
      <c r="Q1352" s="71">
        <f>IF(Input!$K$13=4,J1352*Input!$J$13,0)+IF(Input!$K$14=4,K1352*Input!$J$14,0)+IF(Input!$K$15=4,L1352*Input!$J$15,0)+IF(Input!$K$16=4,M1352*Input!$J$16,0)</f>
        <v>0</v>
      </c>
    </row>
    <row r="1353" spans="8:17" x14ac:dyDescent="0.25">
      <c r="H1353" s="43">
        <v>1346</v>
      </c>
      <c r="I1353" s="55">
        <f>Bühler!I1379</f>
        <v>4.4426876850705614</v>
      </c>
      <c r="J1353" s="58">
        <f>Bühler!J1379</f>
        <v>18.170165149962596</v>
      </c>
      <c r="K1353" s="58">
        <f>Bühler!K1379</f>
        <v>0.44152983179731303</v>
      </c>
      <c r="L1353" s="58">
        <f>Bühler!L1379</f>
        <v>0.22076491589865652</v>
      </c>
      <c r="M1353" s="57">
        <f>Bühler!M1379</f>
        <v>0</v>
      </c>
      <c r="N1353" s="55">
        <f>IF(Input!$K$13=1,J1353*Input!$J$13,0)+IF(Input!$K$14=1,K1353*Input!$J$14,0)+IF(Input!$K$15=1,L1353*Input!$J$15,0)+IF(Input!$K$16=1,M1353*Input!$J$16,0)</f>
        <v>2.1804198179955114</v>
      </c>
      <c r="O1353" s="58">
        <f>IF(Input!$K$13=2,J1353*Input!$J$13,0)+IF(Input!$K$14=2,K1353*Input!$J$14,0)+IF(Input!$K$15=2,L1353*Input!$J$15,0)+IF(Input!$K$16=2,M1353*Input!$J$16,0)</f>
        <v>5.9606527292637254E-2</v>
      </c>
      <c r="P1353" s="58">
        <f>IF(Input!$K$13=3,J1353*Input!$J$13,0)+IF(Input!$K$14=3,K1353*Input!$J$14,0)+IF(Input!$K$15=3,L1353*Input!$J$15,0)+IF(Input!$K$16=3,M1353*Input!$J$16,0)</f>
        <v>0</v>
      </c>
      <c r="Q1353" s="71">
        <f>IF(Input!$K$13=4,J1353*Input!$J$13,0)+IF(Input!$K$14=4,K1353*Input!$J$14,0)+IF(Input!$K$15=4,L1353*Input!$J$15,0)+IF(Input!$K$16=4,M1353*Input!$J$16,0)</f>
        <v>0</v>
      </c>
    </row>
    <row r="1354" spans="8:17" x14ac:dyDescent="0.25">
      <c r="H1354" s="43">
        <v>1347</v>
      </c>
      <c r="I1354" s="55">
        <f>Bühler!I1380</f>
        <v>4.4426876850705614</v>
      </c>
      <c r="J1354" s="58">
        <f>Bühler!J1380</f>
        <v>18.170165149962596</v>
      </c>
      <c r="K1354" s="58">
        <f>Bühler!K1380</f>
        <v>0.44152983179731303</v>
      </c>
      <c r="L1354" s="58">
        <f>Bühler!L1380</f>
        <v>0.22076491589865652</v>
      </c>
      <c r="M1354" s="57">
        <f>Bühler!M1380</f>
        <v>0</v>
      </c>
      <c r="N1354" s="55">
        <f>IF(Input!$K$13=1,J1354*Input!$J$13,0)+IF(Input!$K$14=1,K1354*Input!$J$14,0)+IF(Input!$K$15=1,L1354*Input!$J$15,0)+IF(Input!$K$16=1,M1354*Input!$J$16,0)</f>
        <v>2.1804198179955114</v>
      </c>
      <c r="O1354" s="58">
        <f>IF(Input!$K$13=2,J1354*Input!$J$13,0)+IF(Input!$K$14=2,K1354*Input!$J$14,0)+IF(Input!$K$15=2,L1354*Input!$J$15,0)+IF(Input!$K$16=2,M1354*Input!$J$16,0)</f>
        <v>5.9606527292637254E-2</v>
      </c>
      <c r="P1354" s="58">
        <f>IF(Input!$K$13=3,J1354*Input!$J$13,0)+IF(Input!$K$14=3,K1354*Input!$J$14,0)+IF(Input!$K$15=3,L1354*Input!$J$15,0)+IF(Input!$K$16=3,M1354*Input!$J$16,0)</f>
        <v>0</v>
      </c>
      <c r="Q1354" s="71">
        <f>IF(Input!$K$13=4,J1354*Input!$J$13,0)+IF(Input!$K$14=4,K1354*Input!$J$14,0)+IF(Input!$K$15=4,L1354*Input!$J$15,0)+IF(Input!$K$16=4,M1354*Input!$J$16,0)</f>
        <v>0</v>
      </c>
    </row>
    <row r="1355" spans="8:17" x14ac:dyDescent="0.25">
      <c r="H1355" s="43">
        <v>1348</v>
      </c>
      <c r="I1355" s="55">
        <f>Bühler!I1381</f>
        <v>4.4426876850705614</v>
      </c>
      <c r="J1355" s="58">
        <f>Bühler!J1381</f>
        <v>18.170165149962596</v>
      </c>
      <c r="K1355" s="58">
        <f>Bühler!K1381</f>
        <v>0.44152983179731303</v>
      </c>
      <c r="L1355" s="58">
        <f>Bühler!L1381</f>
        <v>0.22076491589865652</v>
      </c>
      <c r="M1355" s="57">
        <f>Bühler!M1381</f>
        <v>0</v>
      </c>
      <c r="N1355" s="55">
        <f>IF(Input!$K$13=1,J1355*Input!$J$13,0)+IF(Input!$K$14=1,K1355*Input!$J$14,0)+IF(Input!$K$15=1,L1355*Input!$J$15,0)+IF(Input!$K$16=1,M1355*Input!$J$16,0)</f>
        <v>2.1804198179955114</v>
      </c>
      <c r="O1355" s="58">
        <f>IF(Input!$K$13=2,J1355*Input!$J$13,0)+IF(Input!$K$14=2,K1355*Input!$J$14,0)+IF(Input!$K$15=2,L1355*Input!$J$15,0)+IF(Input!$K$16=2,M1355*Input!$J$16,0)</f>
        <v>5.9606527292637254E-2</v>
      </c>
      <c r="P1355" s="58">
        <f>IF(Input!$K$13=3,J1355*Input!$J$13,0)+IF(Input!$K$14=3,K1355*Input!$J$14,0)+IF(Input!$K$15=3,L1355*Input!$J$15,0)+IF(Input!$K$16=3,M1355*Input!$J$16,0)</f>
        <v>0</v>
      </c>
      <c r="Q1355" s="71">
        <f>IF(Input!$K$13=4,J1355*Input!$J$13,0)+IF(Input!$K$14=4,K1355*Input!$J$14,0)+IF(Input!$K$15=4,L1355*Input!$J$15,0)+IF(Input!$K$16=4,M1355*Input!$J$16,0)</f>
        <v>0</v>
      </c>
    </row>
    <row r="1356" spans="8:17" x14ac:dyDescent="0.25">
      <c r="H1356" s="43">
        <v>1349</v>
      </c>
      <c r="I1356" s="55">
        <f>Bühler!I1382</f>
        <v>4.4426876850705614</v>
      </c>
      <c r="J1356" s="58">
        <f>Bühler!J1382</f>
        <v>18.170165149962596</v>
      </c>
      <c r="K1356" s="58">
        <f>Bühler!K1382</f>
        <v>0.44152983179731303</v>
      </c>
      <c r="L1356" s="58">
        <f>Bühler!L1382</f>
        <v>0.22076491589865652</v>
      </c>
      <c r="M1356" s="57">
        <f>Bühler!M1382</f>
        <v>0</v>
      </c>
      <c r="N1356" s="55">
        <f>IF(Input!$K$13=1,J1356*Input!$J$13,0)+IF(Input!$K$14=1,K1356*Input!$J$14,0)+IF(Input!$K$15=1,L1356*Input!$J$15,0)+IF(Input!$K$16=1,M1356*Input!$J$16,0)</f>
        <v>2.1804198179955114</v>
      </c>
      <c r="O1356" s="58">
        <f>IF(Input!$K$13=2,J1356*Input!$J$13,0)+IF(Input!$K$14=2,K1356*Input!$J$14,0)+IF(Input!$K$15=2,L1356*Input!$J$15,0)+IF(Input!$K$16=2,M1356*Input!$J$16,0)</f>
        <v>5.9606527292637254E-2</v>
      </c>
      <c r="P1356" s="58">
        <f>IF(Input!$K$13=3,J1356*Input!$J$13,0)+IF(Input!$K$14=3,K1356*Input!$J$14,0)+IF(Input!$K$15=3,L1356*Input!$J$15,0)+IF(Input!$K$16=3,M1356*Input!$J$16,0)</f>
        <v>0</v>
      </c>
      <c r="Q1356" s="71">
        <f>IF(Input!$K$13=4,J1356*Input!$J$13,0)+IF(Input!$K$14=4,K1356*Input!$J$14,0)+IF(Input!$K$15=4,L1356*Input!$J$15,0)+IF(Input!$K$16=4,M1356*Input!$J$16,0)</f>
        <v>0</v>
      </c>
    </row>
    <row r="1357" spans="8:17" x14ac:dyDescent="0.25">
      <c r="H1357" s="43">
        <v>1350</v>
      </c>
      <c r="I1357" s="55">
        <f>Bühler!I1383</f>
        <v>5.5533596063382022</v>
      </c>
      <c r="J1357" s="58">
        <f>Bühler!J1383</f>
        <v>18.216443146682078</v>
      </c>
      <c r="K1357" s="58">
        <f>Bühler!K1383</f>
        <v>0.44152983179731303</v>
      </c>
      <c r="L1357" s="58">
        <f>Bühler!L1383</f>
        <v>0.22076491589865652</v>
      </c>
      <c r="M1357" s="57">
        <f>Bühler!M1383</f>
        <v>0</v>
      </c>
      <c r="N1357" s="55">
        <f>IF(Input!$K$13=1,J1357*Input!$J$13,0)+IF(Input!$K$14=1,K1357*Input!$J$14,0)+IF(Input!$K$15=1,L1357*Input!$J$15,0)+IF(Input!$K$16=1,M1357*Input!$J$16,0)</f>
        <v>2.1859731776018494</v>
      </c>
      <c r="O1357" s="58">
        <f>IF(Input!$K$13=2,J1357*Input!$J$13,0)+IF(Input!$K$14=2,K1357*Input!$J$14,0)+IF(Input!$K$15=2,L1357*Input!$J$15,0)+IF(Input!$K$16=2,M1357*Input!$J$16,0)</f>
        <v>5.9606527292637254E-2</v>
      </c>
      <c r="P1357" s="58">
        <f>IF(Input!$K$13=3,J1357*Input!$J$13,0)+IF(Input!$K$14=3,K1357*Input!$J$14,0)+IF(Input!$K$15=3,L1357*Input!$J$15,0)+IF(Input!$K$16=3,M1357*Input!$J$16,0)</f>
        <v>0</v>
      </c>
      <c r="Q1357" s="71">
        <f>IF(Input!$K$13=4,J1357*Input!$J$13,0)+IF(Input!$K$14=4,K1357*Input!$J$14,0)+IF(Input!$K$15=4,L1357*Input!$J$15,0)+IF(Input!$K$16=4,M1357*Input!$J$16,0)</f>
        <v>0</v>
      </c>
    </row>
    <row r="1358" spans="8:17" x14ac:dyDescent="0.25">
      <c r="H1358" s="43">
        <v>1351</v>
      </c>
      <c r="I1358" s="55">
        <f>Bühler!I1384</f>
        <v>6.5406235363538823</v>
      </c>
      <c r="J1358" s="58">
        <f>Bühler!J1384</f>
        <v>18.257579143766065</v>
      </c>
      <c r="K1358" s="58">
        <f>Bühler!K1384</f>
        <v>0.44152983179731303</v>
      </c>
      <c r="L1358" s="58">
        <f>Bühler!L1384</f>
        <v>0.22076491589865652</v>
      </c>
      <c r="M1358" s="57">
        <f>Bühler!M1384</f>
        <v>0</v>
      </c>
      <c r="N1358" s="55">
        <f>IF(Input!$K$13=1,J1358*Input!$J$13,0)+IF(Input!$K$14=1,K1358*Input!$J$14,0)+IF(Input!$K$15=1,L1358*Input!$J$15,0)+IF(Input!$K$16=1,M1358*Input!$J$16,0)</f>
        <v>2.1909094972519276</v>
      </c>
      <c r="O1358" s="58">
        <f>IF(Input!$K$13=2,J1358*Input!$J$13,0)+IF(Input!$K$14=2,K1358*Input!$J$14,0)+IF(Input!$K$15=2,L1358*Input!$J$15,0)+IF(Input!$K$16=2,M1358*Input!$J$16,0)</f>
        <v>5.9606527292637254E-2</v>
      </c>
      <c r="P1358" s="58">
        <f>IF(Input!$K$13=3,J1358*Input!$J$13,0)+IF(Input!$K$14=3,K1358*Input!$J$14,0)+IF(Input!$K$15=3,L1358*Input!$J$15,0)+IF(Input!$K$16=3,M1358*Input!$J$16,0)</f>
        <v>0</v>
      </c>
      <c r="Q1358" s="71">
        <f>IF(Input!$K$13=4,J1358*Input!$J$13,0)+IF(Input!$K$14=4,K1358*Input!$J$14,0)+IF(Input!$K$15=4,L1358*Input!$J$15,0)+IF(Input!$K$16=4,M1358*Input!$J$16,0)</f>
        <v>0</v>
      </c>
    </row>
    <row r="1359" spans="8:17" x14ac:dyDescent="0.25">
      <c r="H1359" s="43">
        <v>1352</v>
      </c>
      <c r="I1359" s="55">
        <f>Bühler!I1385</f>
        <v>7.7747034488734839</v>
      </c>
      <c r="J1359" s="58">
        <f>Bühler!J1385</f>
        <v>18.308999140121049</v>
      </c>
      <c r="K1359" s="58">
        <f>Bühler!K1385</f>
        <v>0.44152983179731303</v>
      </c>
      <c r="L1359" s="58">
        <f>Bühler!L1385</f>
        <v>0.22076491589865652</v>
      </c>
      <c r="M1359" s="57">
        <f>Bühler!M1385</f>
        <v>0</v>
      </c>
      <c r="N1359" s="55">
        <f>IF(Input!$K$13=1,J1359*Input!$J$13,0)+IF(Input!$K$14=1,K1359*Input!$J$14,0)+IF(Input!$K$15=1,L1359*Input!$J$15,0)+IF(Input!$K$16=1,M1359*Input!$J$16,0)</f>
        <v>2.1970798968145258</v>
      </c>
      <c r="O1359" s="58">
        <f>IF(Input!$K$13=2,J1359*Input!$J$13,0)+IF(Input!$K$14=2,K1359*Input!$J$14,0)+IF(Input!$K$15=2,L1359*Input!$J$15,0)+IF(Input!$K$16=2,M1359*Input!$J$16,0)</f>
        <v>5.9606527292637254E-2</v>
      </c>
      <c r="P1359" s="58">
        <f>IF(Input!$K$13=3,J1359*Input!$J$13,0)+IF(Input!$K$14=3,K1359*Input!$J$14,0)+IF(Input!$K$15=3,L1359*Input!$J$15,0)+IF(Input!$K$16=3,M1359*Input!$J$16,0)</f>
        <v>0</v>
      </c>
      <c r="Q1359" s="71">
        <f>IF(Input!$K$13=4,J1359*Input!$J$13,0)+IF(Input!$K$14=4,K1359*Input!$J$14,0)+IF(Input!$K$15=4,L1359*Input!$J$15,0)+IF(Input!$K$16=4,M1359*Input!$J$16,0)</f>
        <v>0</v>
      </c>
    </row>
    <row r="1360" spans="8:17" x14ac:dyDescent="0.25">
      <c r="H1360" s="43">
        <v>1353</v>
      </c>
      <c r="I1360" s="55">
        <f>Bühler!I1386</f>
        <v>7.7747034488734839</v>
      </c>
      <c r="J1360" s="58">
        <f>Bühler!J1386</f>
        <v>18.308999140121049</v>
      </c>
      <c r="K1360" s="58">
        <f>Bühler!K1386</f>
        <v>0.44152983179731303</v>
      </c>
      <c r="L1360" s="58">
        <f>Bühler!L1386</f>
        <v>0.22076491589865652</v>
      </c>
      <c r="M1360" s="57">
        <f>Bühler!M1386</f>
        <v>0</v>
      </c>
      <c r="N1360" s="55">
        <f>IF(Input!$K$13=1,J1360*Input!$J$13,0)+IF(Input!$K$14=1,K1360*Input!$J$14,0)+IF(Input!$K$15=1,L1360*Input!$J$15,0)+IF(Input!$K$16=1,M1360*Input!$J$16,0)</f>
        <v>2.1970798968145258</v>
      </c>
      <c r="O1360" s="58">
        <f>IF(Input!$K$13=2,J1360*Input!$J$13,0)+IF(Input!$K$14=2,K1360*Input!$J$14,0)+IF(Input!$K$15=2,L1360*Input!$J$15,0)+IF(Input!$K$16=2,M1360*Input!$J$16,0)</f>
        <v>5.9606527292637254E-2</v>
      </c>
      <c r="P1360" s="58">
        <f>IF(Input!$K$13=3,J1360*Input!$J$13,0)+IF(Input!$K$14=3,K1360*Input!$J$14,0)+IF(Input!$K$15=3,L1360*Input!$J$15,0)+IF(Input!$K$16=3,M1360*Input!$J$16,0)</f>
        <v>0</v>
      </c>
      <c r="Q1360" s="71">
        <f>IF(Input!$K$13=4,J1360*Input!$J$13,0)+IF(Input!$K$14=4,K1360*Input!$J$14,0)+IF(Input!$K$15=4,L1360*Input!$J$15,0)+IF(Input!$K$16=4,M1360*Input!$J$16,0)</f>
        <v>0</v>
      </c>
    </row>
    <row r="1361" spans="8:17" x14ac:dyDescent="0.25">
      <c r="H1361" s="43">
        <v>1354</v>
      </c>
      <c r="I1361" s="55">
        <f>Bühler!I1387</f>
        <v>7.7747034488734839</v>
      </c>
      <c r="J1361" s="58">
        <f>Bühler!J1387</f>
        <v>18.308999140121049</v>
      </c>
      <c r="K1361" s="58">
        <f>Bühler!K1387</f>
        <v>0.44152983179731303</v>
      </c>
      <c r="L1361" s="58">
        <f>Bühler!L1387</f>
        <v>0.22076491589865652</v>
      </c>
      <c r="M1361" s="57">
        <f>Bühler!M1387</f>
        <v>0</v>
      </c>
      <c r="N1361" s="55">
        <f>IF(Input!$K$13=1,J1361*Input!$J$13,0)+IF(Input!$K$14=1,K1361*Input!$J$14,0)+IF(Input!$K$15=1,L1361*Input!$J$15,0)+IF(Input!$K$16=1,M1361*Input!$J$16,0)</f>
        <v>2.1970798968145258</v>
      </c>
      <c r="O1361" s="58">
        <f>IF(Input!$K$13=2,J1361*Input!$J$13,0)+IF(Input!$K$14=2,K1361*Input!$J$14,0)+IF(Input!$K$15=2,L1361*Input!$J$15,0)+IF(Input!$K$16=2,M1361*Input!$J$16,0)</f>
        <v>5.9606527292637254E-2</v>
      </c>
      <c r="P1361" s="58">
        <f>IF(Input!$K$13=3,J1361*Input!$J$13,0)+IF(Input!$K$14=3,K1361*Input!$J$14,0)+IF(Input!$K$15=3,L1361*Input!$J$15,0)+IF(Input!$K$16=3,M1361*Input!$J$16,0)</f>
        <v>0</v>
      </c>
      <c r="Q1361" s="71">
        <f>IF(Input!$K$13=4,J1361*Input!$J$13,0)+IF(Input!$K$14=4,K1361*Input!$J$14,0)+IF(Input!$K$15=4,L1361*Input!$J$15,0)+IF(Input!$K$16=4,M1361*Input!$J$16,0)</f>
        <v>0</v>
      </c>
    </row>
    <row r="1362" spans="8:17" x14ac:dyDescent="0.25">
      <c r="H1362" s="43">
        <v>1355</v>
      </c>
      <c r="I1362" s="55">
        <f>Bühler!I1388</f>
        <v>7.7747034488734839</v>
      </c>
      <c r="J1362" s="58">
        <f>Bühler!J1388</f>
        <v>18.308999140121049</v>
      </c>
      <c r="K1362" s="58">
        <f>Bühler!K1388</f>
        <v>0.44152983179731303</v>
      </c>
      <c r="L1362" s="58">
        <f>Bühler!L1388</f>
        <v>0.22076491589865652</v>
      </c>
      <c r="M1362" s="57">
        <f>Bühler!M1388</f>
        <v>0</v>
      </c>
      <c r="N1362" s="55">
        <f>IF(Input!$K$13=1,J1362*Input!$J$13,0)+IF(Input!$K$14=1,K1362*Input!$J$14,0)+IF(Input!$K$15=1,L1362*Input!$J$15,0)+IF(Input!$K$16=1,M1362*Input!$J$16,0)</f>
        <v>2.1970798968145258</v>
      </c>
      <c r="O1362" s="58">
        <f>IF(Input!$K$13=2,J1362*Input!$J$13,0)+IF(Input!$K$14=2,K1362*Input!$J$14,0)+IF(Input!$K$15=2,L1362*Input!$J$15,0)+IF(Input!$K$16=2,M1362*Input!$J$16,0)</f>
        <v>5.9606527292637254E-2</v>
      </c>
      <c r="P1362" s="58">
        <f>IF(Input!$K$13=3,J1362*Input!$J$13,0)+IF(Input!$K$14=3,K1362*Input!$J$14,0)+IF(Input!$K$15=3,L1362*Input!$J$15,0)+IF(Input!$K$16=3,M1362*Input!$J$16,0)</f>
        <v>0</v>
      </c>
      <c r="Q1362" s="71">
        <f>IF(Input!$K$13=4,J1362*Input!$J$13,0)+IF(Input!$K$14=4,K1362*Input!$J$14,0)+IF(Input!$K$15=4,L1362*Input!$J$15,0)+IF(Input!$K$16=4,M1362*Input!$J$16,0)</f>
        <v>0</v>
      </c>
    </row>
    <row r="1363" spans="8:17" x14ac:dyDescent="0.25">
      <c r="H1363" s="43">
        <v>1356</v>
      </c>
      <c r="I1363" s="55">
        <f>Bühler!I1389</f>
        <v>7.7747034488734839</v>
      </c>
      <c r="J1363" s="58">
        <f>Bühler!J1389</f>
        <v>18.308999140121049</v>
      </c>
      <c r="K1363" s="58">
        <f>Bühler!K1389</f>
        <v>0.44152983179731303</v>
      </c>
      <c r="L1363" s="58">
        <f>Bühler!L1389</f>
        <v>0.22076491589865652</v>
      </c>
      <c r="M1363" s="57">
        <f>Bühler!M1389</f>
        <v>0</v>
      </c>
      <c r="N1363" s="55">
        <f>IF(Input!$K$13=1,J1363*Input!$J$13,0)+IF(Input!$K$14=1,K1363*Input!$J$14,0)+IF(Input!$K$15=1,L1363*Input!$J$15,0)+IF(Input!$K$16=1,M1363*Input!$J$16,0)</f>
        <v>2.1970798968145258</v>
      </c>
      <c r="O1363" s="58">
        <f>IF(Input!$K$13=2,J1363*Input!$J$13,0)+IF(Input!$K$14=2,K1363*Input!$J$14,0)+IF(Input!$K$15=2,L1363*Input!$J$15,0)+IF(Input!$K$16=2,M1363*Input!$J$16,0)</f>
        <v>5.9606527292637254E-2</v>
      </c>
      <c r="P1363" s="58">
        <f>IF(Input!$K$13=3,J1363*Input!$J$13,0)+IF(Input!$K$14=3,K1363*Input!$J$14,0)+IF(Input!$K$15=3,L1363*Input!$J$15,0)+IF(Input!$K$16=3,M1363*Input!$J$16,0)</f>
        <v>0</v>
      </c>
      <c r="Q1363" s="71">
        <f>IF(Input!$K$13=4,J1363*Input!$J$13,0)+IF(Input!$K$14=4,K1363*Input!$J$14,0)+IF(Input!$K$15=4,L1363*Input!$J$15,0)+IF(Input!$K$16=4,M1363*Input!$J$16,0)</f>
        <v>0</v>
      </c>
    </row>
    <row r="1364" spans="8:17" x14ac:dyDescent="0.25">
      <c r="H1364" s="43">
        <v>1357</v>
      </c>
      <c r="I1364" s="55">
        <f>Bühler!I1390</f>
        <v>7.7747034488734839</v>
      </c>
      <c r="J1364" s="58">
        <f>Bühler!J1390</f>
        <v>18.308999140121049</v>
      </c>
      <c r="K1364" s="58">
        <f>Bühler!K1390</f>
        <v>0.44152983179731303</v>
      </c>
      <c r="L1364" s="58">
        <f>Bühler!L1390</f>
        <v>0.22076491589865652</v>
      </c>
      <c r="M1364" s="57">
        <f>Bühler!M1390</f>
        <v>0</v>
      </c>
      <c r="N1364" s="55">
        <f>IF(Input!$K$13=1,J1364*Input!$J$13,0)+IF(Input!$K$14=1,K1364*Input!$J$14,0)+IF(Input!$K$15=1,L1364*Input!$J$15,0)+IF(Input!$K$16=1,M1364*Input!$J$16,0)</f>
        <v>2.1970798968145258</v>
      </c>
      <c r="O1364" s="58">
        <f>IF(Input!$K$13=2,J1364*Input!$J$13,0)+IF(Input!$K$14=2,K1364*Input!$J$14,0)+IF(Input!$K$15=2,L1364*Input!$J$15,0)+IF(Input!$K$16=2,M1364*Input!$J$16,0)</f>
        <v>5.9606527292637254E-2</v>
      </c>
      <c r="P1364" s="58">
        <f>IF(Input!$K$13=3,J1364*Input!$J$13,0)+IF(Input!$K$14=3,K1364*Input!$J$14,0)+IF(Input!$K$15=3,L1364*Input!$J$15,0)+IF(Input!$K$16=3,M1364*Input!$J$16,0)</f>
        <v>0</v>
      </c>
      <c r="Q1364" s="71">
        <f>IF(Input!$K$13=4,J1364*Input!$J$13,0)+IF(Input!$K$14=4,K1364*Input!$J$14,0)+IF(Input!$K$15=4,L1364*Input!$J$15,0)+IF(Input!$K$16=4,M1364*Input!$J$16,0)</f>
        <v>0</v>
      </c>
    </row>
    <row r="1365" spans="8:17" x14ac:dyDescent="0.25">
      <c r="H1365" s="43">
        <v>1358</v>
      </c>
      <c r="I1365" s="55">
        <f>Bühler!I1391</f>
        <v>7.7747034488734839</v>
      </c>
      <c r="J1365" s="58">
        <f>Bühler!J1391</f>
        <v>18.308999140121049</v>
      </c>
      <c r="K1365" s="58">
        <f>Bühler!K1391</f>
        <v>0.44152983179731303</v>
      </c>
      <c r="L1365" s="58">
        <f>Bühler!L1391</f>
        <v>0.22076491589865652</v>
      </c>
      <c r="M1365" s="57">
        <f>Bühler!M1391</f>
        <v>0</v>
      </c>
      <c r="N1365" s="55">
        <f>IF(Input!$K$13=1,J1365*Input!$J$13,0)+IF(Input!$K$14=1,K1365*Input!$J$14,0)+IF(Input!$K$15=1,L1365*Input!$J$15,0)+IF(Input!$K$16=1,M1365*Input!$J$16,0)</f>
        <v>2.1970798968145258</v>
      </c>
      <c r="O1365" s="58">
        <f>IF(Input!$K$13=2,J1365*Input!$J$13,0)+IF(Input!$K$14=2,K1365*Input!$J$14,0)+IF(Input!$K$15=2,L1365*Input!$J$15,0)+IF(Input!$K$16=2,M1365*Input!$J$16,0)</f>
        <v>5.9606527292637254E-2</v>
      </c>
      <c r="P1365" s="58">
        <f>IF(Input!$K$13=3,J1365*Input!$J$13,0)+IF(Input!$K$14=3,K1365*Input!$J$14,0)+IF(Input!$K$15=3,L1365*Input!$J$15,0)+IF(Input!$K$16=3,M1365*Input!$J$16,0)</f>
        <v>0</v>
      </c>
      <c r="Q1365" s="71">
        <f>IF(Input!$K$13=4,J1365*Input!$J$13,0)+IF(Input!$K$14=4,K1365*Input!$J$14,0)+IF(Input!$K$15=4,L1365*Input!$J$15,0)+IF(Input!$K$16=4,M1365*Input!$J$16,0)</f>
        <v>0</v>
      </c>
    </row>
    <row r="1366" spans="8:17" x14ac:dyDescent="0.25">
      <c r="H1366" s="43">
        <v>1359</v>
      </c>
      <c r="I1366" s="55">
        <f>Bühler!I1392</f>
        <v>7.7747034488734839</v>
      </c>
      <c r="J1366" s="58">
        <f>Bühler!J1392</f>
        <v>18.308999140121049</v>
      </c>
      <c r="K1366" s="58">
        <f>Bühler!K1392</f>
        <v>0.44152983179731303</v>
      </c>
      <c r="L1366" s="58">
        <f>Bühler!L1392</f>
        <v>0.22076491589865652</v>
      </c>
      <c r="M1366" s="57">
        <f>Bühler!M1392</f>
        <v>0</v>
      </c>
      <c r="N1366" s="55">
        <f>IF(Input!$K$13=1,J1366*Input!$J$13,0)+IF(Input!$K$14=1,K1366*Input!$J$14,0)+IF(Input!$K$15=1,L1366*Input!$J$15,0)+IF(Input!$K$16=1,M1366*Input!$J$16,0)</f>
        <v>2.1970798968145258</v>
      </c>
      <c r="O1366" s="58">
        <f>IF(Input!$K$13=2,J1366*Input!$J$13,0)+IF(Input!$K$14=2,K1366*Input!$J$14,0)+IF(Input!$K$15=2,L1366*Input!$J$15,0)+IF(Input!$K$16=2,M1366*Input!$J$16,0)</f>
        <v>5.9606527292637254E-2</v>
      </c>
      <c r="P1366" s="58">
        <f>IF(Input!$K$13=3,J1366*Input!$J$13,0)+IF(Input!$K$14=3,K1366*Input!$J$14,0)+IF(Input!$K$15=3,L1366*Input!$J$15,0)+IF(Input!$K$16=3,M1366*Input!$J$16,0)</f>
        <v>0</v>
      </c>
      <c r="Q1366" s="71">
        <f>IF(Input!$K$13=4,J1366*Input!$J$13,0)+IF(Input!$K$14=4,K1366*Input!$J$14,0)+IF(Input!$K$15=4,L1366*Input!$J$15,0)+IF(Input!$K$16=4,M1366*Input!$J$16,0)</f>
        <v>0</v>
      </c>
    </row>
    <row r="1367" spans="8:17" x14ac:dyDescent="0.25">
      <c r="H1367" s="43">
        <v>1360</v>
      </c>
      <c r="I1367" s="55">
        <f>Bühler!I1393</f>
        <v>6.9108475101097628</v>
      </c>
      <c r="J1367" s="58">
        <f>Bühler!J1393</f>
        <v>18.273005142672559</v>
      </c>
      <c r="K1367" s="58">
        <f>Bühler!K1393</f>
        <v>0.44152983179731303</v>
      </c>
      <c r="L1367" s="58">
        <f>Bühler!L1393</f>
        <v>0.22076491589865652</v>
      </c>
      <c r="M1367" s="57">
        <f>Bühler!M1393</f>
        <v>0</v>
      </c>
      <c r="N1367" s="55">
        <f>IF(Input!$K$13=1,J1367*Input!$J$13,0)+IF(Input!$K$14=1,K1367*Input!$J$14,0)+IF(Input!$K$15=1,L1367*Input!$J$15,0)+IF(Input!$K$16=1,M1367*Input!$J$16,0)</f>
        <v>2.1927606171207072</v>
      </c>
      <c r="O1367" s="58">
        <f>IF(Input!$K$13=2,J1367*Input!$J$13,0)+IF(Input!$K$14=2,K1367*Input!$J$14,0)+IF(Input!$K$15=2,L1367*Input!$J$15,0)+IF(Input!$K$16=2,M1367*Input!$J$16,0)</f>
        <v>5.9606527292637254E-2</v>
      </c>
      <c r="P1367" s="58">
        <f>IF(Input!$K$13=3,J1367*Input!$J$13,0)+IF(Input!$K$14=3,K1367*Input!$J$14,0)+IF(Input!$K$15=3,L1367*Input!$J$15,0)+IF(Input!$K$16=3,M1367*Input!$J$16,0)</f>
        <v>0</v>
      </c>
      <c r="Q1367" s="71">
        <f>IF(Input!$K$13=4,J1367*Input!$J$13,0)+IF(Input!$K$14=4,K1367*Input!$J$14,0)+IF(Input!$K$15=4,L1367*Input!$J$15,0)+IF(Input!$K$16=4,M1367*Input!$J$16,0)</f>
        <v>0</v>
      </c>
    </row>
    <row r="1368" spans="8:17" x14ac:dyDescent="0.25">
      <c r="H1368" s="43">
        <v>1361</v>
      </c>
      <c r="I1368" s="55">
        <f>Bühler!I1394</f>
        <v>6.7874395188578021</v>
      </c>
      <c r="J1368" s="58">
        <f>Bühler!J1394</f>
        <v>18.267863143037061</v>
      </c>
      <c r="K1368" s="58">
        <f>Bühler!K1394</f>
        <v>0.44152983179731303</v>
      </c>
      <c r="L1368" s="58">
        <f>Bühler!L1394</f>
        <v>0.22076491589865652</v>
      </c>
      <c r="M1368" s="57">
        <f>Bühler!M1394</f>
        <v>0</v>
      </c>
      <c r="N1368" s="55">
        <f>IF(Input!$K$13=1,J1368*Input!$J$13,0)+IF(Input!$K$14=1,K1368*Input!$J$14,0)+IF(Input!$K$15=1,L1368*Input!$J$15,0)+IF(Input!$K$16=1,M1368*Input!$J$16,0)</f>
        <v>2.1921435771644471</v>
      </c>
      <c r="O1368" s="58">
        <f>IF(Input!$K$13=2,J1368*Input!$J$13,0)+IF(Input!$K$14=2,K1368*Input!$J$14,0)+IF(Input!$K$15=2,L1368*Input!$J$15,0)+IF(Input!$K$16=2,M1368*Input!$J$16,0)</f>
        <v>5.9606527292637254E-2</v>
      </c>
      <c r="P1368" s="58">
        <f>IF(Input!$K$13=3,J1368*Input!$J$13,0)+IF(Input!$K$14=3,K1368*Input!$J$14,0)+IF(Input!$K$15=3,L1368*Input!$J$15,0)+IF(Input!$K$16=3,M1368*Input!$J$16,0)</f>
        <v>0</v>
      </c>
      <c r="Q1368" s="71">
        <f>IF(Input!$K$13=4,J1368*Input!$J$13,0)+IF(Input!$K$14=4,K1368*Input!$J$14,0)+IF(Input!$K$15=4,L1368*Input!$J$15,0)+IF(Input!$K$16=4,M1368*Input!$J$16,0)</f>
        <v>0</v>
      </c>
    </row>
    <row r="1369" spans="8:17" x14ac:dyDescent="0.25">
      <c r="H1369" s="43">
        <v>1362</v>
      </c>
      <c r="I1369" s="55">
        <f>Bühler!I1395</f>
        <v>5.8001755888421229</v>
      </c>
      <c r="J1369" s="58">
        <f>Bühler!J1395</f>
        <v>18.226727145953074</v>
      </c>
      <c r="K1369" s="58">
        <f>Bühler!K1395</f>
        <v>0.44152983179731303</v>
      </c>
      <c r="L1369" s="58">
        <f>Bühler!L1395</f>
        <v>0.22076491589865652</v>
      </c>
      <c r="M1369" s="57">
        <f>Bühler!M1395</f>
        <v>0</v>
      </c>
      <c r="N1369" s="55">
        <f>IF(Input!$K$13=1,J1369*Input!$J$13,0)+IF(Input!$K$14=1,K1369*Input!$J$14,0)+IF(Input!$K$15=1,L1369*Input!$J$15,0)+IF(Input!$K$16=1,M1369*Input!$J$16,0)</f>
        <v>2.1872072575143688</v>
      </c>
      <c r="O1369" s="58">
        <f>IF(Input!$K$13=2,J1369*Input!$J$13,0)+IF(Input!$K$14=2,K1369*Input!$J$14,0)+IF(Input!$K$15=2,L1369*Input!$J$15,0)+IF(Input!$K$16=2,M1369*Input!$J$16,0)</f>
        <v>5.9606527292637254E-2</v>
      </c>
      <c r="P1369" s="58">
        <f>IF(Input!$K$13=3,J1369*Input!$J$13,0)+IF(Input!$K$14=3,K1369*Input!$J$14,0)+IF(Input!$K$15=3,L1369*Input!$J$15,0)+IF(Input!$K$16=3,M1369*Input!$J$16,0)</f>
        <v>0</v>
      </c>
      <c r="Q1369" s="71">
        <f>IF(Input!$K$13=4,J1369*Input!$J$13,0)+IF(Input!$K$14=4,K1369*Input!$J$14,0)+IF(Input!$K$15=4,L1369*Input!$J$15,0)+IF(Input!$K$16=4,M1369*Input!$J$16,0)</f>
        <v>0</v>
      </c>
    </row>
    <row r="1370" spans="8:17" x14ac:dyDescent="0.25">
      <c r="H1370" s="43">
        <v>1363</v>
      </c>
      <c r="I1370" s="55">
        <f>Bühler!I1396</f>
        <v>5.4299516150862424</v>
      </c>
      <c r="J1370" s="58">
        <f>Bühler!J1396</f>
        <v>18.21130114704658</v>
      </c>
      <c r="K1370" s="58">
        <f>Bühler!K1396</f>
        <v>0.44152983179731303</v>
      </c>
      <c r="L1370" s="58">
        <f>Bühler!L1396</f>
        <v>0.22076491589865652</v>
      </c>
      <c r="M1370" s="57">
        <f>Bühler!M1396</f>
        <v>0</v>
      </c>
      <c r="N1370" s="55">
        <f>IF(Input!$K$13=1,J1370*Input!$J$13,0)+IF(Input!$K$14=1,K1370*Input!$J$14,0)+IF(Input!$K$15=1,L1370*Input!$J$15,0)+IF(Input!$K$16=1,M1370*Input!$J$16,0)</f>
        <v>2.1853561376455897</v>
      </c>
      <c r="O1370" s="58">
        <f>IF(Input!$K$13=2,J1370*Input!$J$13,0)+IF(Input!$K$14=2,K1370*Input!$J$14,0)+IF(Input!$K$15=2,L1370*Input!$J$15,0)+IF(Input!$K$16=2,M1370*Input!$J$16,0)</f>
        <v>5.9606527292637254E-2</v>
      </c>
      <c r="P1370" s="58">
        <f>IF(Input!$K$13=3,J1370*Input!$J$13,0)+IF(Input!$K$14=3,K1370*Input!$J$14,0)+IF(Input!$K$15=3,L1370*Input!$J$15,0)+IF(Input!$K$16=3,M1370*Input!$J$16,0)</f>
        <v>0</v>
      </c>
      <c r="Q1370" s="71">
        <f>IF(Input!$K$13=4,J1370*Input!$J$13,0)+IF(Input!$K$14=4,K1370*Input!$J$14,0)+IF(Input!$K$15=4,L1370*Input!$J$15,0)+IF(Input!$K$16=4,M1370*Input!$J$16,0)</f>
        <v>0</v>
      </c>
    </row>
    <row r="1371" spans="8:17" x14ac:dyDescent="0.25">
      <c r="H1371" s="43">
        <v>1364</v>
      </c>
      <c r="I1371" s="55">
        <f>Bühler!I1397</f>
        <v>4.5660956763225222</v>
      </c>
      <c r="J1371" s="58">
        <f>Bühler!J1397</f>
        <v>18.175307149598094</v>
      </c>
      <c r="K1371" s="58">
        <f>Bühler!K1397</f>
        <v>0.44152983179731303</v>
      </c>
      <c r="L1371" s="58">
        <f>Bühler!L1397</f>
        <v>0.22076491589865652</v>
      </c>
      <c r="M1371" s="57">
        <f>Bühler!M1397</f>
        <v>0</v>
      </c>
      <c r="N1371" s="55">
        <f>IF(Input!$K$13=1,J1371*Input!$J$13,0)+IF(Input!$K$14=1,K1371*Input!$J$14,0)+IF(Input!$K$15=1,L1371*Input!$J$15,0)+IF(Input!$K$16=1,M1371*Input!$J$16,0)</f>
        <v>2.1810368579517712</v>
      </c>
      <c r="O1371" s="58">
        <f>IF(Input!$K$13=2,J1371*Input!$J$13,0)+IF(Input!$K$14=2,K1371*Input!$J$14,0)+IF(Input!$K$15=2,L1371*Input!$J$15,0)+IF(Input!$K$16=2,M1371*Input!$J$16,0)</f>
        <v>5.9606527292637254E-2</v>
      </c>
      <c r="P1371" s="58">
        <f>IF(Input!$K$13=3,J1371*Input!$J$13,0)+IF(Input!$K$14=3,K1371*Input!$J$14,0)+IF(Input!$K$15=3,L1371*Input!$J$15,0)+IF(Input!$K$16=3,M1371*Input!$J$16,0)</f>
        <v>0</v>
      </c>
      <c r="Q1371" s="71">
        <f>IF(Input!$K$13=4,J1371*Input!$J$13,0)+IF(Input!$K$14=4,K1371*Input!$J$14,0)+IF(Input!$K$15=4,L1371*Input!$J$15,0)+IF(Input!$K$16=4,M1371*Input!$J$16,0)</f>
        <v>0</v>
      </c>
    </row>
    <row r="1372" spans="8:17" x14ac:dyDescent="0.25">
      <c r="H1372" s="43">
        <v>1365</v>
      </c>
      <c r="I1372" s="55">
        <f>Bühler!I1398</f>
        <v>3.8256477288107611</v>
      </c>
      <c r="J1372" s="58">
        <f>Bühler!J1398</f>
        <v>18.144455151785102</v>
      </c>
      <c r="K1372" s="58">
        <f>Bühler!K1398</f>
        <v>0.44152983179731303</v>
      </c>
      <c r="L1372" s="58">
        <f>Bühler!L1398</f>
        <v>0.22076491589865652</v>
      </c>
      <c r="M1372" s="57">
        <f>Bühler!M1398</f>
        <v>0</v>
      </c>
      <c r="N1372" s="55">
        <f>IF(Input!$K$13=1,J1372*Input!$J$13,0)+IF(Input!$K$14=1,K1372*Input!$J$14,0)+IF(Input!$K$15=1,L1372*Input!$J$15,0)+IF(Input!$K$16=1,M1372*Input!$J$16,0)</f>
        <v>2.1773346182142124</v>
      </c>
      <c r="O1372" s="58">
        <f>IF(Input!$K$13=2,J1372*Input!$J$13,0)+IF(Input!$K$14=2,K1372*Input!$J$14,0)+IF(Input!$K$15=2,L1372*Input!$J$15,0)+IF(Input!$K$16=2,M1372*Input!$J$16,0)</f>
        <v>5.9606527292637254E-2</v>
      </c>
      <c r="P1372" s="58">
        <f>IF(Input!$K$13=3,J1372*Input!$J$13,0)+IF(Input!$K$14=3,K1372*Input!$J$14,0)+IF(Input!$K$15=3,L1372*Input!$J$15,0)+IF(Input!$K$16=3,M1372*Input!$J$16,0)</f>
        <v>0</v>
      </c>
      <c r="Q1372" s="71">
        <f>IF(Input!$K$13=4,J1372*Input!$J$13,0)+IF(Input!$K$14=4,K1372*Input!$J$14,0)+IF(Input!$K$15=4,L1372*Input!$J$15,0)+IF(Input!$K$16=4,M1372*Input!$J$16,0)</f>
        <v>0</v>
      </c>
    </row>
    <row r="1373" spans="8:17" x14ac:dyDescent="0.25">
      <c r="H1373" s="43">
        <v>1366</v>
      </c>
      <c r="I1373" s="55">
        <f>Bühler!I1399</f>
        <v>3.332015763802922</v>
      </c>
      <c r="J1373" s="58">
        <f>Bühler!J1399</f>
        <v>18.123887153243111</v>
      </c>
      <c r="K1373" s="58">
        <f>Bühler!K1399</f>
        <v>0.44152983179731303</v>
      </c>
      <c r="L1373" s="58">
        <f>Bühler!L1399</f>
        <v>0.22076491589865652</v>
      </c>
      <c r="M1373" s="57">
        <f>Bühler!M1399</f>
        <v>0</v>
      </c>
      <c r="N1373" s="55">
        <f>IF(Input!$K$13=1,J1373*Input!$J$13,0)+IF(Input!$K$14=1,K1373*Input!$J$14,0)+IF(Input!$K$15=1,L1373*Input!$J$15,0)+IF(Input!$K$16=1,M1373*Input!$J$16,0)</f>
        <v>2.174866458389173</v>
      </c>
      <c r="O1373" s="58">
        <f>IF(Input!$K$13=2,J1373*Input!$J$13,0)+IF(Input!$K$14=2,K1373*Input!$J$14,0)+IF(Input!$K$15=2,L1373*Input!$J$15,0)+IF(Input!$K$16=2,M1373*Input!$J$16,0)</f>
        <v>5.9606527292637254E-2</v>
      </c>
      <c r="P1373" s="58">
        <f>IF(Input!$K$13=3,J1373*Input!$J$13,0)+IF(Input!$K$14=3,K1373*Input!$J$14,0)+IF(Input!$K$15=3,L1373*Input!$J$15,0)+IF(Input!$K$16=3,M1373*Input!$J$16,0)</f>
        <v>0</v>
      </c>
      <c r="Q1373" s="71">
        <f>IF(Input!$K$13=4,J1373*Input!$J$13,0)+IF(Input!$K$14=4,K1373*Input!$J$14,0)+IF(Input!$K$15=4,L1373*Input!$J$15,0)+IF(Input!$K$16=4,M1373*Input!$J$16,0)</f>
        <v>0</v>
      </c>
    </row>
    <row r="1374" spans="8:17" x14ac:dyDescent="0.25">
      <c r="H1374" s="43">
        <v>1367</v>
      </c>
      <c r="I1374" s="55">
        <f>Bühler!I1400</f>
        <v>3.332015763802922</v>
      </c>
      <c r="J1374" s="58">
        <f>Bühler!J1400</f>
        <v>18.123887153243111</v>
      </c>
      <c r="K1374" s="58">
        <f>Bühler!K1400</f>
        <v>0.44152983179731303</v>
      </c>
      <c r="L1374" s="58">
        <f>Bühler!L1400</f>
        <v>0.22076491589865652</v>
      </c>
      <c r="M1374" s="57">
        <f>Bühler!M1400</f>
        <v>0</v>
      </c>
      <c r="N1374" s="55">
        <f>IF(Input!$K$13=1,J1374*Input!$J$13,0)+IF(Input!$K$14=1,K1374*Input!$J$14,0)+IF(Input!$K$15=1,L1374*Input!$J$15,0)+IF(Input!$K$16=1,M1374*Input!$J$16,0)</f>
        <v>2.174866458389173</v>
      </c>
      <c r="O1374" s="58">
        <f>IF(Input!$K$13=2,J1374*Input!$J$13,0)+IF(Input!$K$14=2,K1374*Input!$J$14,0)+IF(Input!$K$15=2,L1374*Input!$J$15,0)+IF(Input!$K$16=2,M1374*Input!$J$16,0)</f>
        <v>5.9606527292637254E-2</v>
      </c>
      <c r="P1374" s="58">
        <f>IF(Input!$K$13=3,J1374*Input!$J$13,0)+IF(Input!$K$14=3,K1374*Input!$J$14,0)+IF(Input!$K$15=3,L1374*Input!$J$15,0)+IF(Input!$K$16=3,M1374*Input!$J$16,0)</f>
        <v>0</v>
      </c>
      <c r="Q1374" s="71">
        <f>IF(Input!$K$13=4,J1374*Input!$J$13,0)+IF(Input!$K$14=4,K1374*Input!$J$14,0)+IF(Input!$K$15=4,L1374*Input!$J$15,0)+IF(Input!$K$16=4,M1374*Input!$J$16,0)</f>
        <v>0</v>
      </c>
    </row>
    <row r="1375" spans="8:17" x14ac:dyDescent="0.25">
      <c r="H1375" s="43">
        <v>1368</v>
      </c>
      <c r="I1375" s="55">
        <f>Bühler!I1401</f>
        <v>3.332015763802922</v>
      </c>
      <c r="J1375" s="58">
        <f>Bühler!J1401</f>
        <v>18.123887153243111</v>
      </c>
      <c r="K1375" s="58">
        <f>Bühler!K1401</f>
        <v>0.44152983179731303</v>
      </c>
      <c r="L1375" s="58">
        <f>Bühler!L1401</f>
        <v>0.22076491589865652</v>
      </c>
      <c r="M1375" s="57">
        <f>Bühler!M1401</f>
        <v>0</v>
      </c>
      <c r="N1375" s="55">
        <f>IF(Input!$K$13=1,J1375*Input!$J$13,0)+IF(Input!$K$14=1,K1375*Input!$J$14,0)+IF(Input!$K$15=1,L1375*Input!$J$15,0)+IF(Input!$K$16=1,M1375*Input!$J$16,0)</f>
        <v>2.174866458389173</v>
      </c>
      <c r="O1375" s="58">
        <f>IF(Input!$K$13=2,J1375*Input!$J$13,0)+IF(Input!$K$14=2,K1375*Input!$J$14,0)+IF(Input!$K$15=2,L1375*Input!$J$15,0)+IF(Input!$K$16=2,M1375*Input!$J$16,0)</f>
        <v>5.9606527292637254E-2</v>
      </c>
      <c r="P1375" s="58">
        <f>IF(Input!$K$13=3,J1375*Input!$J$13,0)+IF(Input!$K$14=3,K1375*Input!$J$14,0)+IF(Input!$K$15=3,L1375*Input!$J$15,0)+IF(Input!$K$16=3,M1375*Input!$J$16,0)</f>
        <v>0</v>
      </c>
      <c r="Q1375" s="71">
        <f>IF(Input!$K$13=4,J1375*Input!$J$13,0)+IF(Input!$K$14=4,K1375*Input!$J$14,0)+IF(Input!$K$15=4,L1375*Input!$J$15,0)+IF(Input!$K$16=4,M1375*Input!$J$16,0)</f>
        <v>0</v>
      </c>
    </row>
    <row r="1376" spans="8:17" x14ac:dyDescent="0.25">
      <c r="H1376" s="43">
        <v>1369</v>
      </c>
      <c r="I1376" s="55">
        <f>Bühler!I1402</f>
        <v>3.4970226677904916</v>
      </c>
      <c r="J1376" s="58">
        <f>Bühler!J1402</f>
        <v>16.496588175788922</v>
      </c>
      <c r="K1376" s="58">
        <f>Bühler!K1402</f>
        <v>0.63868844733411034</v>
      </c>
      <c r="L1376" s="58">
        <f>Bühler!L1402</f>
        <v>0.31934422366705517</v>
      </c>
      <c r="M1376" s="57">
        <f>Bühler!M1402</f>
        <v>0</v>
      </c>
      <c r="N1376" s="55">
        <f>IF(Input!$K$13=1,J1376*Input!$J$13,0)+IF(Input!$K$14=1,K1376*Input!$J$14,0)+IF(Input!$K$15=1,L1376*Input!$J$15,0)+IF(Input!$K$16=1,M1376*Input!$J$16,0)</f>
        <v>1.9795905810946706</v>
      </c>
      <c r="O1376" s="58">
        <f>IF(Input!$K$13=2,J1376*Input!$J$13,0)+IF(Input!$K$14=2,K1376*Input!$J$14,0)+IF(Input!$K$15=2,L1376*Input!$J$15,0)+IF(Input!$K$16=2,M1376*Input!$J$16,0)</f>
        <v>8.6222940390104891E-2</v>
      </c>
      <c r="P1376" s="58">
        <f>IF(Input!$K$13=3,J1376*Input!$J$13,0)+IF(Input!$K$14=3,K1376*Input!$J$14,0)+IF(Input!$K$15=3,L1376*Input!$J$15,0)+IF(Input!$K$16=3,M1376*Input!$J$16,0)</f>
        <v>0</v>
      </c>
      <c r="Q1376" s="71">
        <f>IF(Input!$K$13=4,J1376*Input!$J$13,0)+IF(Input!$K$14=4,K1376*Input!$J$14,0)+IF(Input!$K$15=4,L1376*Input!$J$15,0)+IF(Input!$K$16=4,M1376*Input!$J$16,0)</f>
        <v>0</v>
      </c>
    </row>
    <row r="1377" spans="8:17" x14ac:dyDescent="0.25">
      <c r="H1377" s="43">
        <v>1370</v>
      </c>
      <c r="I1377" s="55">
        <f>Bühler!I1403</f>
        <v>3.4970226677904916</v>
      </c>
      <c r="J1377" s="58">
        <f>Bühler!J1403</f>
        <v>16.496588175788922</v>
      </c>
      <c r="K1377" s="58">
        <f>Bühler!K1403</f>
        <v>0.63868844733411034</v>
      </c>
      <c r="L1377" s="58">
        <f>Bühler!L1403</f>
        <v>0.31934422366705517</v>
      </c>
      <c r="M1377" s="57">
        <f>Bühler!M1403</f>
        <v>0</v>
      </c>
      <c r="N1377" s="55">
        <f>IF(Input!$K$13=1,J1377*Input!$J$13,0)+IF(Input!$K$14=1,K1377*Input!$J$14,0)+IF(Input!$K$15=1,L1377*Input!$J$15,0)+IF(Input!$K$16=1,M1377*Input!$J$16,0)</f>
        <v>1.9795905810946706</v>
      </c>
      <c r="O1377" s="58">
        <f>IF(Input!$K$13=2,J1377*Input!$J$13,0)+IF(Input!$K$14=2,K1377*Input!$J$14,0)+IF(Input!$K$15=2,L1377*Input!$J$15,0)+IF(Input!$K$16=2,M1377*Input!$J$16,0)</f>
        <v>8.6222940390104891E-2</v>
      </c>
      <c r="P1377" s="58">
        <f>IF(Input!$K$13=3,J1377*Input!$J$13,0)+IF(Input!$K$14=3,K1377*Input!$J$14,0)+IF(Input!$K$15=3,L1377*Input!$J$15,0)+IF(Input!$K$16=3,M1377*Input!$J$16,0)</f>
        <v>0</v>
      </c>
      <c r="Q1377" s="71">
        <f>IF(Input!$K$13=4,J1377*Input!$J$13,0)+IF(Input!$K$14=4,K1377*Input!$J$14,0)+IF(Input!$K$15=4,L1377*Input!$J$15,0)+IF(Input!$K$16=4,M1377*Input!$J$16,0)</f>
        <v>0</v>
      </c>
    </row>
    <row r="1378" spans="8:17" x14ac:dyDescent="0.25">
      <c r="H1378" s="43">
        <v>1371</v>
      </c>
      <c r="I1378" s="55">
        <f>Bühler!I1404</f>
        <v>3.4970226677904916</v>
      </c>
      <c r="J1378" s="58">
        <f>Bühler!J1404</f>
        <v>16.496588175788922</v>
      </c>
      <c r="K1378" s="58">
        <f>Bühler!K1404</f>
        <v>0.63868844733411034</v>
      </c>
      <c r="L1378" s="58">
        <f>Bühler!L1404</f>
        <v>0.31934422366705517</v>
      </c>
      <c r="M1378" s="57">
        <f>Bühler!M1404</f>
        <v>0</v>
      </c>
      <c r="N1378" s="55">
        <f>IF(Input!$K$13=1,J1378*Input!$J$13,0)+IF(Input!$K$14=1,K1378*Input!$J$14,0)+IF(Input!$K$15=1,L1378*Input!$J$15,0)+IF(Input!$K$16=1,M1378*Input!$J$16,0)</f>
        <v>1.9795905810946706</v>
      </c>
      <c r="O1378" s="58">
        <f>IF(Input!$K$13=2,J1378*Input!$J$13,0)+IF(Input!$K$14=2,K1378*Input!$J$14,0)+IF(Input!$K$15=2,L1378*Input!$J$15,0)+IF(Input!$K$16=2,M1378*Input!$J$16,0)</f>
        <v>8.6222940390104891E-2</v>
      </c>
      <c r="P1378" s="58">
        <f>IF(Input!$K$13=3,J1378*Input!$J$13,0)+IF(Input!$K$14=3,K1378*Input!$J$14,0)+IF(Input!$K$15=3,L1378*Input!$J$15,0)+IF(Input!$K$16=3,M1378*Input!$J$16,0)</f>
        <v>0</v>
      </c>
      <c r="Q1378" s="71">
        <f>IF(Input!$K$13=4,J1378*Input!$J$13,0)+IF(Input!$K$14=4,K1378*Input!$J$14,0)+IF(Input!$K$15=4,L1378*Input!$J$15,0)+IF(Input!$K$16=4,M1378*Input!$J$16,0)</f>
        <v>0</v>
      </c>
    </row>
    <row r="1379" spans="8:17" x14ac:dyDescent="0.25">
      <c r="H1379" s="43">
        <v>1372</v>
      </c>
      <c r="I1379" s="55">
        <f>Bühler!I1405</f>
        <v>3.4970226677904916</v>
      </c>
      <c r="J1379" s="58">
        <f>Bühler!J1405</f>
        <v>16.496588175788922</v>
      </c>
      <c r="K1379" s="58">
        <f>Bühler!K1405</f>
        <v>0.63868844733411034</v>
      </c>
      <c r="L1379" s="58">
        <f>Bühler!L1405</f>
        <v>0.31934422366705517</v>
      </c>
      <c r="M1379" s="57">
        <f>Bühler!M1405</f>
        <v>0</v>
      </c>
      <c r="N1379" s="55">
        <f>IF(Input!$K$13=1,J1379*Input!$J$13,0)+IF(Input!$K$14=1,K1379*Input!$J$14,0)+IF(Input!$K$15=1,L1379*Input!$J$15,0)+IF(Input!$K$16=1,M1379*Input!$J$16,0)</f>
        <v>1.9795905810946706</v>
      </c>
      <c r="O1379" s="58">
        <f>IF(Input!$K$13=2,J1379*Input!$J$13,0)+IF(Input!$K$14=2,K1379*Input!$J$14,0)+IF(Input!$K$15=2,L1379*Input!$J$15,0)+IF(Input!$K$16=2,M1379*Input!$J$16,0)</f>
        <v>8.6222940390104891E-2</v>
      </c>
      <c r="P1379" s="58">
        <f>IF(Input!$K$13=3,J1379*Input!$J$13,0)+IF(Input!$K$14=3,K1379*Input!$J$14,0)+IF(Input!$K$15=3,L1379*Input!$J$15,0)+IF(Input!$K$16=3,M1379*Input!$J$16,0)</f>
        <v>0</v>
      </c>
      <c r="Q1379" s="71">
        <f>IF(Input!$K$13=4,J1379*Input!$J$13,0)+IF(Input!$K$14=4,K1379*Input!$J$14,0)+IF(Input!$K$15=4,L1379*Input!$J$15,0)+IF(Input!$K$16=4,M1379*Input!$J$16,0)</f>
        <v>0</v>
      </c>
    </row>
    <row r="1380" spans="8:17" x14ac:dyDescent="0.25">
      <c r="H1380" s="43">
        <v>1373</v>
      </c>
      <c r="I1380" s="55">
        <f>Bühler!I1406</f>
        <v>3.4970226677904916</v>
      </c>
      <c r="J1380" s="58">
        <f>Bühler!J1406</f>
        <v>16.496588175788922</v>
      </c>
      <c r="K1380" s="58">
        <f>Bühler!K1406</f>
        <v>0.63868844733411034</v>
      </c>
      <c r="L1380" s="58">
        <f>Bühler!L1406</f>
        <v>0.31934422366705517</v>
      </c>
      <c r="M1380" s="57">
        <f>Bühler!M1406</f>
        <v>0</v>
      </c>
      <c r="N1380" s="55">
        <f>IF(Input!$K$13=1,J1380*Input!$J$13,0)+IF(Input!$K$14=1,K1380*Input!$J$14,0)+IF(Input!$K$15=1,L1380*Input!$J$15,0)+IF(Input!$K$16=1,M1380*Input!$J$16,0)</f>
        <v>1.9795905810946706</v>
      </c>
      <c r="O1380" s="58">
        <f>IF(Input!$K$13=2,J1380*Input!$J$13,0)+IF(Input!$K$14=2,K1380*Input!$J$14,0)+IF(Input!$K$15=2,L1380*Input!$J$15,0)+IF(Input!$K$16=2,M1380*Input!$J$16,0)</f>
        <v>8.6222940390104891E-2</v>
      </c>
      <c r="P1380" s="58">
        <f>IF(Input!$K$13=3,J1380*Input!$J$13,0)+IF(Input!$K$14=3,K1380*Input!$J$14,0)+IF(Input!$K$15=3,L1380*Input!$J$15,0)+IF(Input!$K$16=3,M1380*Input!$J$16,0)</f>
        <v>0</v>
      </c>
      <c r="Q1380" s="71">
        <f>IF(Input!$K$13=4,J1380*Input!$J$13,0)+IF(Input!$K$14=4,K1380*Input!$J$14,0)+IF(Input!$K$15=4,L1380*Input!$J$15,0)+IF(Input!$K$16=4,M1380*Input!$J$16,0)</f>
        <v>0</v>
      </c>
    </row>
    <row r="1381" spans="8:17" x14ac:dyDescent="0.25">
      <c r="H1381" s="43">
        <v>1374</v>
      </c>
      <c r="I1381" s="55">
        <f>Bühler!I1407</f>
        <v>3.4970226677904916</v>
      </c>
      <c r="J1381" s="58">
        <f>Bühler!J1407</f>
        <v>16.496588175788922</v>
      </c>
      <c r="K1381" s="58">
        <f>Bühler!K1407</f>
        <v>0.63868844733411034</v>
      </c>
      <c r="L1381" s="58">
        <f>Bühler!L1407</f>
        <v>0.31934422366705517</v>
      </c>
      <c r="M1381" s="57">
        <f>Bühler!M1407</f>
        <v>0</v>
      </c>
      <c r="N1381" s="55">
        <f>IF(Input!$K$13=1,J1381*Input!$J$13,0)+IF(Input!$K$14=1,K1381*Input!$J$14,0)+IF(Input!$K$15=1,L1381*Input!$J$15,0)+IF(Input!$K$16=1,M1381*Input!$J$16,0)</f>
        <v>1.9795905810946706</v>
      </c>
      <c r="O1381" s="58">
        <f>IF(Input!$K$13=2,J1381*Input!$J$13,0)+IF(Input!$K$14=2,K1381*Input!$J$14,0)+IF(Input!$K$15=2,L1381*Input!$J$15,0)+IF(Input!$K$16=2,M1381*Input!$J$16,0)</f>
        <v>8.6222940390104891E-2</v>
      </c>
      <c r="P1381" s="58">
        <f>IF(Input!$K$13=3,J1381*Input!$J$13,0)+IF(Input!$K$14=3,K1381*Input!$J$14,0)+IF(Input!$K$15=3,L1381*Input!$J$15,0)+IF(Input!$K$16=3,M1381*Input!$J$16,0)</f>
        <v>0</v>
      </c>
      <c r="Q1381" s="71">
        <f>IF(Input!$K$13=4,J1381*Input!$J$13,0)+IF(Input!$K$14=4,K1381*Input!$J$14,0)+IF(Input!$K$15=4,L1381*Input!$J$15,0)+IF(Input!$K$16=4,M1381*Input!$J$16,0)</f>
        <v>0</v>
      </c>
    </row>
    <row r="1382" spans="8:17" x14ac:dyDescent="0.25">
      <c r="H1382" s="43">
        <v>1375</v>
      </c>
      <c r="I1382" s="55">
        <f>Bühler!I1408</f>
        <v>3.4970226677904916</v>
      </c>
      <c r="J1382" s="58">
        <f>Bühler!J1408</f>
        <v>16.496588175788922</v>
      </c>
      <c r="K1382" s="58">
        <f>Bühler!K1408</f>
        <v>0.63868844733411034</v>
      </c>
      <c r="L1382" s="58">
        <f>Bühler!L1408</f>
        <v>0.31934422366705517</v>
      </c>
      <c r="M1382" s="57">
        <f>Bühler!M1408</f>
        <v>0</v>
      </c>
      <c r="N1382" s="55">
        <f>IF(Input!$K$13=1,J1382*Input!$J$13,0)+IF(Input!$K$14=1,K1382*Input!$J$14,0)+IF(Input!$K$15=1,L1382*Input!$J$15,0)+IF(Input!$K$16=1,M1382*Input!$J$16,0)</f>
        <v>1.9795905810946706</v>
      </c>
      <c r="O1382" s="58">
        <f>IF(Input!$K$13=2,J1382*Input!$J$13,0)+IF(Input!$K$14=2,K1382*Input!$J$14,0)+IF(Input!$K$15=2,L1382*Input!$J$15,0)+IF(Input!$K$16=2,M1382*Input!$J$16,0)</f>
        <v>8.6222940390104891E-2</v>
      </c>
      <c r="P1382" s="58">
        <f>IF(Input!$K$13=3,J1382*Input!$J$13,0)+IF(Input!$K$14=3,K1382*Input!$J$14,0)+IF(Input!$K$15=3,L1382*Input!$J$15,0)+IF(Input!$K$16=3,M1382*Input!$J$16,0)</f>
        <v>0</v>
      </c>
      <c r="Q1382" s="71">
        <f>IF(Input!$K$13=4,J1382*Input!$J$13,0)+IF(Input!$K$14=4,K1382*Input!$J$14,0)+IF(Input!$K$15=4,L1382*Input!$J$15,0)+IF(Input!$K$16=4,M1382*Input!$J$16,0)</f>
        <v>0</v>
      </c>
    </row>
    <row r="1383" spans="8:17" x14ac:dyDescent="0.25">
      <c r="H1383" s="43">
        <v>1376</v>
      </c>
      <c r="I1383" s="55">
        <f>Bühler!I1409</f>
        <v>15.212048604888636</v>
      </c>
      <c r="J1383" s="58">
        <f>Bühler!J1409</f>
        <v>70.616425338970373</v>
      </c>
      <c r="K1383" s="58">
        <f>Bühler!K1409</f>
        <v>2.72081278564331</v>
      </c>
      <c r="L1383" s="58">
        <f>Bühler!L1409</f>
        <v>1.360406392821655</v>
      </c>
      <c r="M1383" s="57">
        <f>Bühler!M1409</f>
        <v>0</v>
      </c>
      <c r="N1383" s="55">
        <f>IF(Input!$K$13=1,J1383*Input!$J$13,0)+IF(Input!$K$14=1,K1383*Input!$J$14,0)+IF(Input!$K$15=1,L1383*Input!$J$15,0)+IF(Input!$K$16=1,M1383*Input!$J$16,0)</f>
        <v>8.4739710406764441</v>
      </c>
      <c r="O1383" s="58">
        <f>IF(Input!$K$13=2,J1383*Input!$J$13,0)+IF(Input!$K$14=2,K1383*Input!$J$14,0)+IF(Input!$K$15=2,L1383*Input!$J$15,0)+IF(Input!$K$16=2,M1383*Input!$J$16,0)</f>
        <v>0.36730972606184686</v>
      </c>
      <c r="P1383" s="58">
        <f>IF(Input!$K$13=3,J1383*Input!$J$13,0)+IF(Input!$K$14=3,K1383*Input!$J$14,0)+IF(Input!$K$15=3,L1383*Input!$J$15,0)+IF(Input!$K$16=3,M1383*Input!$J$16,0)</f>
        <v>0</v>
      </c>
      <c r="Q1383" s="71">
        <f>IF(Input!$K$13=4,J1383*Input!$J$13,0)+IF(Input!$K$14=4,K1383*Input!$J$14,0)+IF(Input!$K$15=4,L1383*Input!$J$15,0)+IF(Input!$K$16=4,M1383*Input!$J$16,0)</f>
        <v>0</v>
      </c>
    </row>
    <row r="1384" spans="8:17" x14ac:dyDescent="0.25">
      <c r="H1384" s="43">
        <v>1377</v>
      </c>
      <c r="I1384" s="55">
        <f>Bühler!I1410</f>
        <v>17.113554680499718</v>
      </c>
      <c r="J1384" s="58">
        <f>Bühler!J1410</f>
        <v>79.443478506341677</v>
      </c>
      <c r="K1384" s="58">
        <f>Bühler!K1410</f>
        <v>3.0609143838487238</v>
      </c>
      <c r="L1384" s="58">
        <f>Bühler!L1410</f>
        <v>1.5304571919243619</v>
      </c>
      <c r="M1384" s="57">
        <f>Bühler!M1410</f>
        <v>0</v>
      </c>
      <c r="N1384" s="55">
        <f>IF(Input!$K$13=1,J1384*Input!$J$13,0)+IF(Input!$K$14=1,K1384*Input!$J$14,0)+IF(Input!$K$15=1,L1384*Input!$J$15,0)+IF(Input!$K$16=1,M1384*Input!$J$16,0)</f>
        <v>9.5332174207610016</v>
      </c>
      <c r="O1384" s="58">
        <f>IF(Input!$K$13=2,J1384*Input!$J$13,0)+IF(Input!$K$14=2,K1384*Input!$J$14,0)+IF(Input!$K$15=2,L1384*Input!$J$15,0)+IF(Input!$K$16=2,M1384*Input!$J$16,0)</f>
        <v>0.41322344181957771</v>
      </c>
      <c r="P1384" s="58">
        <f>IF(Input!$K$13=3,J1384*Input!$J$13,0)+IF(Input!$K$14=3,K1384*Input!$J$14,0)+IF(Input!$K$15=3,L1384*Input!$J$15,0)+IF(Input!$K$16=3,M1384*Input!$J$16,0)</f>
        <v>0</v>
      </c>
      <c r="Q1384" s="71">
        <f>IF(Input!$K$13=4,J1384*Input!$J$13,0)+IF(Input!$K$14=4,K1384*Input!$J$14,0)+IF(Input!$K$15=4,L1384*Input!$J$15,0)+IF(Input!$K$16=4,M1384*Input!$J$16,0)</f>
        <v>0</v>
      </c>
    </row>
    <row r="1385" spans="8:17" x14ac:dyDescent="0.25">
      <c r="H1385" s="43">
        <v>1378</v>
      </c>
      <c r="I1385" s="55">
        <f>Bühler!I1411</f>
        <v>19.015060756110795</v>
      </c>
      <c r="J1385" s="58">
        <f>Bühler!J1411</f>
        <v>88.270531673712966</v>
      </c>
      <c r="K1385" s="58">
        <f>Bühler!K1411</f>
        <v>3.4010159820541372</v>
      </c>
      <c r="L1385" s="58">
        <f>Bühler!L1411</f>
        <v>1.7005079910270686</v>
      </c>
      <c r="M1385" s="57">
        <f>Bühler!M1411</f>
        <v>0</v>
      </c>
      <c r="N1385" s="55">
        <f>IF(Input!$K$13=1,J1385*Input!$J$13,0)+IF(Input!$K$14=1,K1385*Input!$J$14,0)+IF(Input!$K$15=1,L1385*Input!$J$15,0)+IF(Input!$K$16=1,M1385*Input!$J$16,0)</f>
        <v>10.592463800845556</v>
      </c>
      <c r="O1385" s="58">
        <f>IF(Input!$K$13=2,J1385*Input!$J$13,0)+IF(Input!$K$14=2,K1385*Input!$J$14,0)+IF(Input!$K$15=2,L1385*Input!$J$15,0)+IF(Input!$K$16=2,M1385*Input!$J$16,0)</f>
        <v>0.4591371575773085</v>
      </c>
      <c r="P1385" s="58">
        <f>IF(Input!$K$13=3,J1385*Input!$J$13,0)+IF(Input!$K$14=3,K1385*Input!$J$14,0)+IF(Input!$K$15=3,L1385*Input!$J$15,0)+IF(Input!$K$16=3,M1385*Input!$J$16,0)</f>
        <v>0</v>
      </c>
      <c r="Q1385" s="71">
        <f>IF(Input!$K$13=4,J1385*Input!$J$13,0)+IF(Input!$K$14=4,K1385*Input!$J$14,0)+IF(Input!$K$15=4,L1385*Input!$J$15,0)+IF(Input!$K$16=4,M1385*Input!$J$16,0)</f>
        <v>0</v>
      </c>
    </row>
    <row r="1386" spans="8:17" x14ac:dyDescent="0.25">
      <c r="H1386" s="43">
        <v>1379</v>
      </c>
      <c r="I1386" s="55">
        <f>Bühler!I1412</f>
        <v>19.015060756110795</v>
      </c>
      <c r="J1386" s="58">
        <f>Bühler!J1412</f>
        <v>88.270531673712966</v>
      </c>
      <c r="K1386" s="58">
        <f>Bühler!K1412</f>
        <v>3.4010159820541372</v>
      </c>
      <c r="L1386" s="58">
        <f>Bühler!L1412</f>
        <v>1.7005079910270686</v>
      </c>
      <c r="M1386" s="57">
        <f>Bühler!M1412</f>
        <v>0</v>
      </c>
      <c r="N1386" s="55">
        <f>IF(Input!$K$13=1,J1386*Input!$J$13,0)+IF(Input!$K$14=1,K1386*Input!$J$14,0)+IF(Input!$K$15=1,L1386*Input!$J$15,0)+IF(Input!$K$16=1,M1386*Input!$J$16,0)</f>
        <v>10.592463800845556</v>
      </c>
      <c r="O1386" s="58">
        <f>IF(Input!$K$13=2,J1386*Input!$J$13,0)+IF(Input!$K$14=2,K1386*Input!$J$14,0)+IF(Input!$K$15=2,L1386*Input!$J$15,0)+IF(Input!$K$16=2,M1386*Input!$J$16,0)</f>
        <v>0.4591371575773085</v>
      </c>
      <c r="P1386" s="58">
        <f>IF(Input!$K$13=3,J1386*Input!$J$13,0)+IF(Input!$K$14=3,K1386*Input!$J$14,0)+IF(Input!$K$15=3,L1386*Input!$J$15,0)+IF(Input!$K$16=3,M1386*Input!$J$16,0)</f>
        <v>0</v>
      </c>
      <c r="Q1386" s="71">
        <f>IF(Input!$K$13=4,J1386*Input!$J$13,0)+IF(Input!$K$14=4,K1386*Input!$J$14,0)+IF(Input!$K$15=4,L1386*Input!$J$15,0)+IF(Input!$K$16=4,M1386*Input!$J$16,0)</f>
        <v>0</v>
      </c>
    </row>
    <row r="1387" spans="8:17" x14ac:dyDescent="0.25">
      <c r="H1387" s="43">
        <v>1380</v>
      </c>
      <c r="I1387" s="55">
        <f>Bühler!I1413</f>
        <v>22.818072907332951</v>
      </c>
      <c r="J1387" s="58">
        <f>Bühler!J1413</f>
        <v>105.92463800845556</v>
      </c>
      <c r="K1387" s="58">
        <f>Bühler!K1413</f>
        <v>4.0812191784649645</v>
      </c>
      <c r="L1387" s="58">
        <f>Bühler!L1413</f>
        <v>2.0406095892324823</v>
      </c>
      <c r="M1387" s="57">
        <f>Bühler!M1413</f>
        <v>0</v>
      </c>
      <c r="N1387" s="55">
        <f>IF(Input!$K$13=1,J1387*Input!$J$13,0)+IF(Input!$K$14=1,K1387*Input!$J$14,0)+IF(Input!$K$15=1,L1387*Input!$J$15,0)+IF(Input!$K$16=1,M1387*Input!$J$16,0)</f>
        <v>12.710956561014667</v>
      </c>
      <c r="O1387" s="58">
        <f>IF(Input!$K$13=2,J1387*Input!$J$13,0)+IF(Input!$K$14=2,K1387*Input!$J$14,0)+IF(Input!$K$15=2,L1387*Input!$J$15,0)+IF(Input!$K$16=2,M1387*Input!$J$16,0)</f>
        <v>0.55096458909277024</v>
      </c>
      <c r="P1387" s="58">
        <f>IF(Input!$K$13=3,J1387*Input!$J$13,0)+IF(Input!$K$14=3,K1387*Input!$J$14,0)+IF(Input!$K$15=3,L1387*Input!$J$15,0)+IF(Input!$K$16=3,M1387*Input!$J$16,0)</f>
        <v>0</v>
      </c>
      <c r="Q1387" s="71">
        <f>IF(Input!$K$13=4,J1387*Input!$J$13,0)+IF(Input!$K$14=4,K1387*Input!$J$14,0)+IF(Input!$K$15=4,L1387*Input!$J$15,0)+IF(Input!$K$16=4,M1387*Input!$J$16,0)</f>
        <v>0</v>
      </c>
    </row>
    <row r="1388" spans="8:17" x14ac:dyDescent="0.25">
      <c r="H1388" s="43">
        <v>1381</v>
      </c>
      <c r="I1388" s="55">
        <f>Bühler!I1414</f>
        <v>22.818072907332951</v>
      </c>
      <c r="J1388" s="58">
        <f>Bühler!J1414</f>
        <v>105.92463800845556</v>
      </c>
      <c r="K1388" s="58">
        <f>Bühler!K1414</f>
        <v>4.0812191784649645</v>
      </c>
      <c r="L1388" s="58">
        <f>Bühler!L1414</f>
        <v>2.0406095892324823</v>
      </c>
      <c r="M1388" s="57">
        <f>Bühler!M1414</f>
        <v>0</v>
      </c>
      <c r="N1388" s="55">
        <f>IF(Input!$K$13=1,J1388*Input!$J$13,0)+IF(Input!$K$14=1,K1388*Input!$J$14,0)+IF(Input!$K$15=1,L1388*Input!$J$15,0)+IF(Input!$K$16=1,M1388*Input!$J$16,0)</f>
        <v>12.710956561014667</v>
      </c>
      <c r="O1388" s="58">
        <f>IF(Input!$K$13=2,J1388*Input!$J$13,0)+IF(Input!$K$14=2,K1388*Input!$J$14,0)+IF(Input!$K$15=2,L1388*Input!$J$15,0)+IF(Input!$K$16=2,M1388*Input!$J$16,0)</f>
        <v>0.55096458909277024</v>
      </c>
      <c r="P1388" s="58">
        <f>IF(Input!$K$13=3,J1388*Input!$J$13,0)+IF(Input!$K$14=3,K1388*Input!$J$14,0)+IF(Input!$K$15=3,L1388*Input!$J$15,0)+IF(Input!$K$16=3,M1388*Input!$J$16,0)</f>
        <v>0</v>
      </c>
      <c r="Q1388" s="71">
        <f>IF(Input!$K$13=4,J1388*Input!$J$13,0)+IF(Input!$K$14=4,K1388*Input!$J$14,0)+IF(Input!$K$15=4,L1388*Input!$J$15,0)+IF(Input!$K$16=4,M1388*Input!$J$16,0)</f>
        <v>0</v>
      </c>
    </row>
    <row r="1389" spans="8:17" x14ac:dyDescent="0.25">
      <c r="H1389" s="43">
        <v>1382</v>
      </c>
      <c r="I1389" s="55">
        <f>Bühler!I1415</f>
        <v>15.212048604888636</v>
      </c>
      <c r="J1389" s="58">
        <f>Bühler!J1415</f>
        <v>70.616425338970373</v>
      </c>
      <c r="K1389" s="58">
        <f>Bühler!K1415</f>
        <v>2.72081278564331</v>
      </c>
      <c r="L1389" s="58">
        <f>Bühler!L1415</f>
        <v>1.360406392821655</v>
      </c>
      <c r="M1389" s="57">
        <f>Bühler!M1415</f>
        <v>0</v>
      </c>
      <c r="N1389" s="55">
        <f>IF(Input!$K$13=1,J1389*Input!$J$13,0)+IF(Input!$K$14=1,K1389*Input!$J$14,0)+IF(Input!$K$15=1,L1389*Input!$J$15,0)+IF(Input!$K$16=1,M1389*Input!$J$16,0)</f>
        <v>8.4739710406764441</v>
      </c>
      <c r="O1389" s="58">
        <f>IF(Input!$K$13=2,J1389*Input!$J$13,0)+IF(Input!$K$14=2,K1389*Input!$J$14,0)+IF(Input!$K$15=2,L1389*Input!$J$15,0)+IF(Input!$K$16=2,M1389*Input!$J$16,0)</f>
        <v>0.36730972606184686</v>
      </c>
      <c r="P1389" s="58">
        <f>IF(Input!$K$13=3,J1389*Input!$J$13,0)+IF(Input!$K$14=3,K1389*Input!$J$14,0)+IF(Input!$K$15=3,L1389*Input!$J$15,0)+IF(Input!$K$16=3,M1389*Input!$J$16,0)</f>
        <v>0</v>
      </c>
      <c r="Q1389" s="71">
        <f>IF(Input!$K$13=4,J1389*Input!$J$13,0)+IF(Input!$K$14=4,K1389*Input!$J$14,0)+IF(Input!$K$15=4,L1389*Input!$J$15,0)+IF(Input!$K$16=4,M1389*Input!$J$16,0)</f>
        <v>0</v>
      </c>
    </row>
    <row r="1390" spans="8:17" x14ac:dyDescent="0.25">
      <c r="H1390" s="43">
        <v>1383</v>
      </c>
      <c r="I1390" s="55">
        <f>Bühler!I1416</f>
        <v>22.818072907332951</v>
      </c>
      <c r="J1390" s="58">
        <f>Bühler!J1416</f>
        <v>105.92463800845556</v>
      </c>
      <c r="K1390" s="58">
        <f>Bühler!K1416</f>
        <v>4.0812191784649645</v>
      </c>
      <c r="L1390" s="58">
        <f>Bühler!L1416</f>
        <v>2.0406095892324823</v>
      </c>
      <c r="M1390" s="57">
        <f>Bühler!M1416</f>
        <v>0</v>
      </c>
      <c r="N1390" s="55">
        <f>IF(Input!$K$13=1,J1390*Input!$J$13,0)+IF(Input!$K$14=1,K1390*Input!$J$14,0)+IF(Input!$K$15=1,L1390*Input!$J$15,0)+IF(Input!$K$16=1,M1390*Input!$J$16,0)</f>
        <v>12.710956561014667</v>
      </c>
      <c r="O1390" s="58">
        <f>IF(Input!$K$13=2,J1390*Input!$J$13,0)+IF(Input!$K$14=2,K1390*Input!$J$14,0)+IF(Input!$K$15=2,L1390*Input!$J$15,0)+IF(Input!$K$16=2,M1390*Input!$J$16,0)</f>
        <v>0.55096458909277024</v>
      </c>
      <c r="P1390" s="58">
        <f>IF(Input!$K$13=3,J1390*Input!$J$13,0)+IF(Input!$K$14=3,K1390*Input!$J$14,0)+IF(Input!$K$15=3,L1390*Input!$J$15,0)+IF(Input!$K$16=3,M1390*Input!$J$16,0)</f>
        <v>0</v>
      </c>
      <c r="Q1390" s="71">
        <f>IF(Input!$K$13=4,J1390*Input!$J$13,0)+IF(Input!$K$14=4,K1390*Input!$J$14,0)+IF(Input!$K$15=4,L1390*Input!$J$15,0)+IF(Input!$K$16=4,M1390*Input!$J$16,0)</f>
        <v>0</v>
      </c>
    </row>
    <row r="1391" spans="8:17" x14ac:dyDescent="0.25">
      <c r="H1391" s="43">
        <v>1384</v>
      </c>
      <c r="I1391" s="55">
        <f>Bühler!I1417</f>
        <v>22.818072907332951</v>
      </c>
      <c r="J1391" s="58">
        <f>Bühler!J1417</f>
        <v>105.92463800845556</v>
      </c>
      <c r="K1391" s="58">
        <f>Bühler!K1417</f>
        <v>4.0812191784649645</v>
      </c>
      <c r="L1391" s="58">
        <f>Bühler!L1417</f>
        <v>2.0406095892324823</v>
      </c>
      <c r="M1391" s="57">
        <f>Bühler!M1417</f>
        <v>0</v>
      </c>
      <c r="N1391" s="55">
        <f>IF(Input!$K$13=1,J1391*Input!$J$13,0)+IF(Input!$K$14=1,K1391*Input!$J$14,0)+IF(Input!$K$15=1,L1391*Input!$J$15,0)+IF(Input!$K$16=1,M1391*Input!$J$16,0)</f>
        <v>12.710956561014667</v>
      </c>
      <c r="O1391" s="58">
        <f>IF(Input!$K$13=2,J1391*Input!$J$13,0)+IF(Input!$K$14=2,K1391*Input!$J$14,0)+IF(Input!$K$15=2,L1391*Input!$J$15,0)+IF(Input!$K$16=2,M1391*Input!$J$16,0)</f>
        <v>0.55096458909277024</v>
      </c>
      <c r="P1391" s="58">
        <f>IF(Input!$K$13=3,J1391*Input!$J$13,0)+IF(Input!$K$14=3,K1391*Input!$J$14,0)+IF(Input!$K$15=3,L1391*Input!$J$15,0)+IF(Input!$K$16=3,M1391*Input!$J$16,0)</f>
        <v>0</v>
      </c>
      <c r="Q1391" s="71">
        <f>IF(Input!$K$13=4,J1391*Input!$J$13,0)+IF(Input!$K$14=4,K1391*Input!$J$14,0)+IF(Input!$K$15=4,L1391*Input!$J$15,0)+IF(Input!$K$16=4,M1391*Input!$J$16,0)</f>
        <v>0</v>
      </c>
    </row>
    <row r="1392" spans="8:17" x14ac:dyDescent="0.25">
      <c r="H1392" s="43">
        <v>1385</v>
      </c>
      <c r="I1392" s="55">
        <f>Bühler!I1418</f>
        <v>19.015060756110795</v>
      </c>
      <c r="J1392" s="58">
        <f>Bühler!J1418</f>
        <v>67.969266917335091</v>
      </c>
      <c r="K1392" s="58">
        <f>Bühler!K1418</f>
        <v>2.3807111874378957</v>
      </c>
      <c r="L1392" s="58">
        <f>Bühler!L1418</f>
        <v>1.1903555937189478</v>
      </c>
      <c r="M1392" s="57">
        <f>Bühler!M1418</f>
        <v>0</v>
      </c>
      <c r="N1392" s="55">
        <f>IF(Input!$K$13=1,J1392*Input!$J$13,0)+IF(Input!$K$14=1,K1392*Input!$J$14,0)+IF(Input!$K$15=1,L1392*Input!$J$15,0)+IF(Input!$K$16=1,M1392*Input!$J$16,0)</f>
        <v>8.1563120300802101</v>
      </c>
      <c r="O1392" s="58">
        <f>IF(Input!$K$13=2,J1392*Input!$J$13,0)+IF(Input!$K$14=2,K1392*Input!$J$14,0)+IF(Input!$K$15=2,L1392*Input!$J$15,0)+IF(Input!$K$16=2,M1392*Input!$J$16,0)</f>
        <v>0.32139601030411591</v>
      </c>
      <c r="P1392" s="58">
        <f>IF(Input!$K$13=3,J1392*Input!$J$13,0)+IF(Input!$K$14=3,K1392*Input!$J$14,0)+IF(Input!$K$15=3,L1392*Input!$J$15,0)+IF(Input!$K$16=3,M1392*Input!$J$16,0)</f>
        <v>0</v>
      </c>
      <c r="Q1392" s="71">
        <f>IF(Input!$K$13=4,J1392*Input!$J$13,0)+IF(Input!$K$14=4,K1392*Input!$J$14,0)+IF(Input!$K$15=4,L1392*Input!$J$15,0)+IF(Input!$K$16=4,M1392*Input!$J$16,0)</f>
        <v>0</v>
      </c>
    </row>
    <row r="1393" spans="8:17" x14ac:dyDescent="0.25">
      <c r="H1393" s="43">
        <v>1386</v>
      </c>
      <c r="I1393" s="55">
        <f>Bühler!I1419</f>
        <v>15.2994741715834</v>
      </c>
      <c r="J1393" s="58">
        <f>Bühler!J1419</f>
        <v>30.10860685680062</v>
      </c>
      <c r="K1393" s="58">
        <f>Bühler!K1419</f>
        <v>0.68020319641082749</v>
      </c>
      <c r="L1393" s="58">
        <f>Bühler!L1419</f>
        <v>0.34010159820541375</v>
      </c>
      <c r="M1393" s="57">
        <f>Bühler!M1419</f>
        <v>0</v>
      </c>
      <c r="N1393" s="55">
        <f>IF(Input!$K$13=1,J1393*Input!$J$13,0)+IF(Input!$K$14=1,K1393*Input!$J$14,0)+IF(Input!$K$15=1,L1393*Input!$J$15,0)+IF(Input!$K$16=1,M1393*Input!$J$16,0)</f>
        <v>3.6130328228160744</v>
      </c>
      <c r="O1393" s="58">
        <f>IF(Input!$K$13=2,J1393*Input!$J$13,0)+IF(Input!$K$14=2,K1393*Input!$J$14,0)+IF(Input!$K$15=2,L1393*Input!$J$15,0)+IF(Input!$K$16=2,M1393*Input!$J$16,0)</f>
        <v>9.1827431515461716E-2</v>
      </c>
      <c r="P1393" s="58">
        <f>IF(Input!$K$13=3,J1393*Input!$J$13,0)+IF(Input!$K$14=3,K1393*Input!$J$14,0)+IF(Input!$K$15=3,L1393*Input!$J$15,0)+IF(Input!$K$16=3,M1393*Input!$J$16,0)</f>
        <v>0</v>
      </c>
      <c r="Q1393" s="71">
        <f>IF(Input!$K$13=4,J1393*Input!$J$13,0)+IF(Input!$K$14=4,K1393*Input!$J$14,0)+IF(Input!$K$15=4,L1393*Input!$J$15,0)+IF(Input!$K$16=4,M1393*Input!$J$16,0)</f>
        <v>0</v>
      </c>
    </row>
    <row r="1394" spans="8:17" x14ac:dyDescent="0.25">
      <c r="H1394" s="43">
        <v>1387</v>
      </c>
      <c r="I1394" s="55">
        <f>Bühler!I1420</f>
        <v>5.4640979184226435</v>
      </c>
      <c r="J1394" s="58">
        <f>Bühler!J1420</f>
        <v>19.262993711591214</v>
      </c>
      <c r="K1394" s="58">
        <f>Bühler!K1420</f>
        <v>0.67062286970081586</v>
      </c>
      <c r="L1394" s="58">
        <f>Bühler!L1420</f>
        <v>0.33531143485040793</v>
      </c>
      <c r="M1394" s="57">
        <f>Bühler!M1420</f>
        <v>0</v>
      </c>
      <c r="N1394" s="55">
        <f>IF(Input!$K$13=1,J1394*Input!$J$13,0)+IF(Input!$K$14=1,K1394*Input!$J$14,0)+IF(Input!$K$15=1,L1394*Input!$J$15,0)+IF(Input!$K$16=1,M1394*Input!$J$16,0)</f>
        <v>2.3115592453909457</v>
      </c>
      <c r="O1394" s="58">
        <f>IF(Input!$K$13=2,J1394*Input!$J$13,0)+IF(Input!$K$14=2,K1394*Input!$J$14,0)+IF(Input!$K$15=2,L1394*Input!$J$15,0)+IF(Input!$K$16=2,M1394*Input!$J$16,0)</f>
        <v>9.0534087409610137E-2</v>
      </c>
      <c r="P1394" s="58">
        <f>IF(Input!$K$13=3,J1394*Input!$J$13,0)+IF(Input!$K$14=3,K1394*Input!$J$14,0)+IF(Input!$K$15=3,L1394*Input!$J$15,0)+IF(Input!$K$16=3,M1394*Input!$J$16,0)</f>
        <v>0</v>
      </c>
      <c r="Q1394" s="71">
        <f>IF(Input!$K$13=4,J1394*Input!$J$13,0)+IF(Input!$K$14=4,K1394*Input!$J$14,0)+IF(Input!$K$15=4,L1394*Input!$J$15,0)+IF(Input!$K$16=4,M1394*Input!$J$16,0)</f>
        <v>0</v>
      </c>
    </row>
    <row r="1395" spans="8:17" x14ac:dyDescent="0.25">
      <c r="H1395" s="43">
        <v>1388</v>
      </c>
      <c r="I1395" s="55">
        <f>Bühler!I1421</f>
        <v>5.4640979184226435</v>
      </c>
      <c r="J1395" s="58">
        <f>Bühler!J1421</f>
        <v>19.262993711591214</v>
      </c>
      <c r="K1395" s="58">
        <f>Bühler!K1421</f>
        <v>0.67062286970081586</v>
      </c>
      <c r="L1395" s="58">
        <f>Bühler!L1421</f>
        <v>0.33531143485040793</v>
      </c>
      <c r="M1395" s="57">
        <f>Bühler!M1421</f>
        <v>0</v>
      </c>
      <c r="N1395" s="55">
        <f>IF(Input!$K$13=1,J1395*Input!$J$13,0)+IF(Input!$K$14=1,K1395*Input!$J$14,0)+IF(Input!$K$15=1,L1395*Input!$J$15,0)+IF(Input!$K$16=1,M1395*Input!$J$16,0)</f>
        <v>2.3115592453909457</v>
      </c>
      <c r="O1395" s="58">
        <f>IF(Input!$K$13=2,J1395*Input!$J$13,0)+IF(Input!$K$14=2,K1395*Input!$J$14,0)+IF(Input!$K$15=2,L1395*Input!$J$15,0)+IF(Input!$K$16=2,M1395*Input!$J$16,0)</f>
        <v>9.0534087409610137E-2</v>
      </c>
      <c r="P1395" s="58">
        <f>IF(Input!$K$13=3,J1395*Input!$J$13,0)+IF(Input!$K$14=3,K1395*Input!$J$14,0)+IF(Input!$K$15=3,L1395*Input!$J$15,0)+IF(Input!$K$16=3,M1395*Input!$J$16,0)</f>
        <v>0</v>
      </c>
      <c r="Q1395" s="71">
        <f>IF(Input!$K$13=4,J1395*Input!$J$13,0)+IF(Input!$K$14=4,K1395*Input!$J$14,0)+IF(Input!$K$15=4,L1395*Input!$J$15,0)+IF(Input!$K$16=4,M1395*Input!$J$16,0)</f>
        <v>0</v>
      </c>
    </row>
    <row r="1396" spans="8:17" x14ac:dyDescent="0.25">
      <c r="H1396" s="43">
        <v>1389</v>
      </c>
      <c r="I1396" s="55">
        <f>Bühler!I1422</f>
        <v>5.4640979184226435</v>
      </c>
      <c r="J1396" s="58">
        <f>Bühler!J1422</f>
        <v>19.262993711591214</v>
      </c>
      <c r="K1396" s="58">
        <f>Bühler!K1422</f>
        <v>0.67062286970081586</v>
      </c>
      <c r="L1396" s="58">
        <f>Bühler!L1422</f>
        <v>0.33531143485040793</v>
      </c>
      <c r="M1396" s="57">
        <f>Bühler!M1422</f>
        <v>0</v>
      </c>
      <c r="N1396" s="55">
        <f>IF(Input!$K$13=1,J1396*Input!$J$13,0)+IF(Input!$K$14=1,K1396*Input!$J$14,0)+IF(Input!$K$15=1,L1396*Input!$J$15,0)+IF(Input!$K$16=1,M1396*Input!$J$16,0)</f>
        <v>2.3115592453909457</v>
      </c>
      <c r="O1396" s="58">
        <f>IF(Input!$K$13=2,J1396*Input!$J$13,0)+IF(Input!$K$14=2,K1396*Input!$J$14,0)+IF(Input!$K$15=2,L1396*Input!$J$15,0)+IF(Input!$K$16=2,M1396*Input!$J$16,0)</f>
        <v>9.0534087409610137E-2</v>
      </c>
      <c r="P1396" s="58">
        <f>IF(Input!$K$13=3,J1396*Input!$J$13,0)+IF(Input!$K$14=3,K1396*Input!$J$14,0)+IF(Input!$K$15=3,L1396*Input!$J$15,0)+IF(Input!$K$16=3,M1396*Input!$J$16,0)</f>
        <v>0</v>
      </c>
      <c r="Q1396" s="71">
        <f>IF(Input!$K$13=4,J1396*Input!$J$13,0)+IF(Input!$K$14=4,K1396*Input!$J$14,0)+IF(Input!$K$15=4,L1396*Input!$J$15,0)+IF(Input!$K$16=4,M1396*Input!$J$16,0)</f>
        <v>0</v>
      </c>
    </row>
    <row r="1397" spans="8:17" x14ac:dyDescent="0.25">
      <c r="H1397" s="43">
        <v>1390</v>
      </c>
      <c r="I1397" s="55">
        <f>Bühler!I1423</f>
        <v>5.4640979184226435</v>
      </c>
      <c r="J1397" s="58">
        <f>Bühler!J1423</f>
        <v>19.262993711591214</v>
      </c>
      <c r="K1397" s="58">
        <f>Bühler!K1423</f>
        <v>0.67062286970081586</v>
      </c>
      <c r="L1397" s="58">
        <f>Bühler!L1423</f>
        <v>0.33531143485040793</v>
      </c>
      <c r="M1397" s="57">
        <f>Bühler!M1423</f>
        <v>0</v>
      </c>
      <c r="N1397" s="55">
        <f>IF(Input!$K$13=1,J1397*Input!$J$13,0)+IF(Input!$K$14=1,K1397*Input!$J$14,0)+IF(Input!$K$15=1,L1397*Input!$J$15,0)+IF(Input!$K$16=1,M1397*Input!$J$16,0)</f>
        <v>2.3115592453909457</v>
      </c>
      <c r="O1397" s="58">
        <f>IF(Input!$K$13=2,J1397*Input!$J$13,0)+IF(Input!$K$14=2,K1397*Input!$J$14,0)+IF(Input!$K$15=2,L1397*Input!$J$15,0)+IF(Input!$K$16=2,M1397*Input!$J$16,0)</f>
        <v>9.0534087409610137E-2</v>
      </c>
      <c r="P1397" s="58">
        <f>IF(Input!$K$13=3,J1397*Input!$J$13,0)+IF(Input!$K$14=3,K1397*Input!$J$14,0)+IF(Input!$K$15=3,L1397*Input!$J$15,0)+IF(Input!$K$16=3,M1397*Input!$J$16,0)</f>
        <v>0</v>
      </c>
      <c r="Q1397" s="71">
        <f>IF(Input!$K$13=4,J1397*Input!$J$13,0)+IF(Input!$K$14=4,K1397*Input!$J$14,0)+IF(Input!$K$15=4,L1397*Input!$J$15,0)+IF(Input!$K$16=4,M1397*Input!$J$16,0)</f>
        <v>0</v>
      </c>
    </row>
    <row r="1398" spans="8:17" x14ac:dyDescent="0.25">
      <c r="H1398" s="43">
        <v>1391</v>
      </c>
      <c r="I1398" s="55">
        <f>Bühler!I1424</f>
        <v>5.4640979184226435</v>
      </c>
      <c r="J1398" s="58">
        <f>Bühler!J1424</f>
        <v>19.262993711591214</v>
      </c>
      <c r="K1398" s="58">
        <f>Bühler!K1424</f>
        <v>0.67062286970081586</v>
      </c>
      <c r="L1398" s="58">
        <f>Bühler!L1424</f>
        <v>0.33531143485040793</v>
      </c>
      <c r="M1398" s="57">
        <f>Bühler!M1424</f>
        <v>0</v>
      </c>
      <c r="N1398" s="55">
        <f>IF(Input!$K$13=1,J1398*Input!$J$13,0)+IF(Input!$K$14=1,K1398*Input!$J$14,0)+IF(Input!$K$15=1,L1398*Input!$J$15,0)+IF(Input!$K$16=1,M1398*Input!$J$16,0)</f>
        <v>2.3115592453909457</v>
      </c>
      <c r="O1398" s="58">
        <f>IF(Input!$K$13=2,J1398*Input!$J$13,0)+IF(Input!$K$14=2,K1398*Input!$J$14,0)+IF(Input!$K$15=2,L1398*Input!$J$15,0)+IF(Input!$K$16=2,M1398*Input!$J$16,0)</f>
        <v>9.0534087409610137E-2</v>
      </c>
      <c r="P1398" s="58">
        <f>IF(Input!$K$13=3,J1398*Input!$J$13,0)+IF(Input!$K$14=3,K1398*Input!$J$14,0)+IF(Input!$K$15=3,L1398*Input!$J$15,0)+IF(Input!$K$16=3,M1398*Input!$J$16,0)</f>
        <v>0</v>
      </c>
      <c r="Q1398" s="71">
        <f>IF(Input!$K$13=4,J1398*Input!$J$13,0)+IF(Input!$K$14=4,K1398*Input!$J$14,0)+IF(Input!$K$15=4,L1398*Input!$J$15,0)+IF(Input!$K$16=4,M1398*Input!$J$16,0)</f>
        <v>0</v>
      </c>
    </row>
    <row r="1399" spans="8:17" x14ac:dyDescent="0.25">
      <c r="H1399" s="43">
        <v>1392</v>
      </c>
      <c r="I1399" s="55">
        <f>Bühler!I1425</f>
        <v>5.4640979184226435</v>
      </c>
      <c r="J1399" s="58">
        <f>Bühler!J1425</f>
        <v>19.262993711591214</v>
      </c>
      <c r="K1399" s="58">
        <f>Bühler!K1425</f>
        <v>0.67062286970081586</v>
      </c>
      <c r="L1399" s="58">
        <f>Bühler!L1425</f>
        <v>0.33531143485040793</v>
      </c>
      <c r="M1399" s="57">
        <f>Bühler!M1425</f>
        <v>0</v>
      </c>
      <c r="N1399" s="55">
        <f>IF(Input!$K$13=1,J1399*Input!$J$13,0)+IF(Input!$K$14=1,K1399*Input!$J$14,0)+IF(Input!$K$15=1,L1399*Input!$J$15,0)+IF(Input!$K$16=1,M1399*Input!$J$16,0)</f>
        <v>2.3115592453909457</v>
      </c>
      <c r="O1399" s="58">
        <f>IF(Input!$K$13=2,J1399*Input!$J$13,0)+IF(Input!$K$14=2,K1399*Input!$J$14,0)+IF(Input!$K$15=2,L1399*Input!$J$15,0)+IF(Input!$K$16=2,M1399*Input!$J$16,0)</f>
        <v>9.0534087409610137E-2</v>
      </c>
      <c r="P1399" s="58">
        <f>IF(Input!$K$13=3,J1399*Input!$J$13,0)+IF(Input!$K$14=3,K1399*Input!$J$14,0)+IF(Input!$K$15=3,L1399*Input!$J$15,0)+IF(Input!$K$16=3,M1399*Input!$J$16,0)</f>
        <v>0</v>
      </c>
      <c r="Q1399" s="71">
        <f>IF(Input!$K$13=4,J1399*Input!$J$13,0)+IF(Input!$K$14=4,K1399*Input!$J$14,0)+IF(Input!$K$15=4,L1399*Input!$J$15,0)+IF(Input!$K$16=4,M1399*Input!$J$16,0)</f>
        <v>0</v>
      </c>
    </row>
    <row r="1400" spans="8:17" x14ac:dyDescent="0.25">
      <c r="H1400" s="43">
        <v>1393</v>
      </c>
      <c r="I1400" s="55">
        <f>Bühler!I1426</f>
        <v>4.7087384263072387</v>
      </c>
      <c r="J1400" s="58">
        <f>Bühler!J1426</f>
        <v>13.330428967297259</v>
      </c>
      <c r="K1400" s="58">
        <f>Bühler!K1426</f>
        <v>0.42123035486375848</v>
      </c>
      <c r="L1400" s="58">
        <f>Bühler!L1426</f>
        <v>0.21061517743187924</v>
      </c>
      <c r="M1400" s="57">
        <f>Bühler!M1426</f>
        <v>0</v>
      </c>
      <c r="N1400" s="55">
        <f>IF(Input!$K$13=1,J1400*Input!$J$13,0)+IF(Input!$K$14=1,K1400*Input!$J$14,0)+IF(Input!$K$15=1,L1400*Input!$J$15,0)+IF(Input!$K$16=1,M1400*Input!$J$16,0)</f>
        <v>1.599651476075671</v>
      </c>
      <c r="O1400" s="58">
        <f>IF(Input!$K$13=2,J1400*Input!$J$13,0)+IF(Input!$K$14=2,K1400*Input!$J$14,0)+IF(Input!$K$15=2,L1400*Input!$J$15,0)+IF(Input!$K$16=2,M1400*Input!$J$16,0)</f>
        <v>5.6866097906607391E-2</v>
      </c>
      <c r="P1400" s="58">
        <f>IF(Input!$K$13=3,J1400*Input!$J$13,0)+IF(Input!$K$14=3,K1400*Input!$J$14,0)+IF(Input!$K$15=3,L1400*Input!$J$15,0)+IF(Input!$K$16=3,M1400*Input!$J$16,0)</f>
        <v>0</v>
      </c>
      <c r="Q1400" s="71">
        <f>IF(Input!$K$13=4,J1400*Input!$J$13,0)+IF(Input!$K$14=4,K1400*Input!$J$14,0)+IF(Input!$K$15=4,L1400*Input!$J$15,0)+IF(Input!$K$16=4,M1400*Input!$J$16,0)</f>
        <v>0</v>
      </c>
    </row>
    <row r="1401" spans="8:17" x14ac:dyDescent="0.25">
      <c r="H1401" s="43">
        <v>1394</v>
      </c>
      <c r="I1401" s="55">
        <f>Bühler!I1427</f>
        <v>4.7087384263072387</v>
      </c>
      <c r="J1401" s="58">
        <f>Bühler!J1427</f>
        <v>17.641012414604017</v>
      </c>
      <c r="K1401" s="58">
        <f>Bühler!K1427</f>
        <v>0.64187482645906069</v>
      </c>
      <c r="L1401" s="58">
        <f>Bühler!L1427</f>
        <v>0.32093741322953034</v>
      </c>
      <c r="M1401" s="57">
        <f>Bühler!M1427</f>
        <v>0</v>
      </c>
      <c r="N1401" s="55">
        <f>IF(Input!$K$13=1,J1401*Input!$J$13,0)+IF(Input!$K$14=1,K1401*Input!$J$14,0)+IF(Input!$K$15=1,L1401*Input!$J$15,0)+IF(Input!$K$16=1,M1401*Input!$J$16,0)</f>
        <v>2.1169214897524817</v>
      </c>
      <c r="O1401" s="58">
        <f>IF(Input!$K$13=2,J1401*Input!$J$13,0)+IF(Input!$K$14=2,K1401*Input!$J$14,0)+IF(Input!$K$15=2,L1401*Input!$J$15,0)+IF(Input!$K$16=2,M1401*Input!$J$16,0)</f>
        <v>8.6653101571973201E-2</v>
      </c>
      <c r="P1401" s="58">
        <f>IF(Input!$K$13=3,J1401*Input!$J$13,0)+IF(Input!$K$14=3,K1401*Input!$J$14,0)+IF(Input!$K$15=3,L1401*Input!$J$15,0)+IF(Input!$K$16=3,M1401*Input!$J$16,0)</f>
        <v>0</v>
      </c>
      <c r="Q1401" s="71">
        <f>IF(Input!$K$13=4,J1401*Input!$J$13,0)+IF(Input!$K$14=4,K1401*Input!$J$14,0)+IF(Input!$K$15=4,L1401*Input!$J$15,0)+IF(Input!$K$16=4,M1401*Input!$J$16,0)</f>
        <v>0</v>
      </c>
    </row>
    <row r="1402" spans="8:17" x14ac:dyDescent="0.25">
      <c r="H1402" s="43">
        <v>1395</v>
      </c>
      <c r="I1402" s="55">
        <f>Bühler!I1428</f>
        <v>4.7087384263072387</v>
      </c>
      <c r="J1402" s="58">
        <f>Bühler!J1428</f>
        <v>17.641012414604017</v>
      </c>
      <c r="K1402" s="58">
        <f>Bühler!K1428</f>
        <v>0.64187482645906069</v>
      </c>
      <c r="L1402" s="58">
        <f>Bühler!L1428</f>
        <v>0.32093741322953034</v>
      </c>
      <c r="M1402" s="57">
        <f>Bühler!M1428</f>
        <v>0</v>
      </c>
      <c r="N1402" s="55">
        <f>IF(Input!$K$13=1,J1402*Input!$J$13,0)+IF(Input!$K$14=1,K1402*Input!$J$14,0)+IF(Input!$K$15=1,L1402*Input!$J$15,0)+IF(Input!$K$16=1,M1402*Input!$J$16,0)</f>
        <v>2.1169214897524817</v>
      </c>
      <c r="O1402" s="58">
        <f>IF(Input!$K$13=2,J1402*Input!$J$13,0)+IF(Input!$K$14=2,K1402*Input!$J$14,0)+IF(Input!$K$15=2,L1402*Input!$J$15,0)+IF(Input!$K$16=2,M1402*Input!$J$16,0)</f>
        <v>8.6653101571973201E-2</v>
      </c>
      <c r="P1402" s="58">
        <f>IF(Input!$K$13=3,J1402*Input!$J$13,0)+IF(Input!$K$14=3,K1402*Input!$J$14,0)+IF(Input!$K$15=3,L1402*Input!$J$15,0)+IF(Input!$K$16=3,M1402*Input!$J$16,0)</f>
        <v>0</v>
      </c>
      <c r="Q1402" s="71">
        <f>IF(Input!$K$13=4,J1402*Input!$J$13,0)+IF(Input!$K$14=4,K1402*Input!$J$14,0)+IF(Input!$K$15=4,L1402*Input!$J$15,0)+IF(Input!$K$16=4,M1402*Input!$J$16,0)</f>
        <v>0</v>
      </c>
    </row>
    <row r="1403" spans="8:17" x14ac:dyDescent="0.25">
      <c r="H1403" s="43">
        <v>1396</v>
      </c>
      <c r="I1403" s="55">
        <f>Bühler!I1429</f>
        <v>4.7087384263072387</v>
      </c>
      <c r="J1403" s="58">
        <f>Bühler!J1429</f>
        <v>17.641012414604017</v>
      </c>
      <c r="K1403" s="58">
        <f>Bühler!K1429</f>
        <v>0.64187482645906069</v>
      </c>
      <c r="L1403" s="58">
        <f>Bühler!L1429</f>
        <v>0.32093741322953034</v>
      </c>
      <c r="M1403" s="57">
        <f>Bühler!M1429</f>
        <v>0</v>
      </c>
      <c r="N1403" s="55">
        <f>IF(Input!$K$13=1,J1403*Input!$J$13,0)+IF(Input!$K$14=1,K1403*Input!$J$14,0)+IF(Input!$K$15=1,L1403*Input!$J$15,0)+IF(Input!$K$16=1,M1403*Input!$J$16,0)</f>
        <v>2.1169214897524817</v>
      </c>
      <c r="O1403" s="58">
        <f>IF(Input!$K$13=2,J1403*Input!$J$13,0)+IF(Input!$K$14=2,K1403*Input!$J$14,0)+IF(Input!$K$15=2,L1403*Input!$J$15,0)+IF(Input!$K$16=2,M1403*Input!$J$16,0)</f>
        <v>8.6653101571973201E-2</v>
      </c>
      <c r="P1403" s="58">
        <f>IF(Input!$K$13=3,J1403*Input!$J$13,0)+IF(Input!$K$14=3,K1403*Input!$J$14,0)+IF(Input!$K$15=3,L1403*Input!$J$15,0)+IF(Input!$K$16=3,M1403*Input!$J$16,0)</f>
        <v>0</v>
      </c>
      <c r="Q1403" s="71">
        <f>IF(Input!$K$13=4,J1403*Input!$J$13,0)+IF(Input!$K$14=4,K1403*Input!$J$14,0)+IF(Input!$K$15=4,L1403*Input!$J$15,0)+IF(Input!$K$16=4,M1403*Input!$J$16,0)</f>
        <v>0</v>
      </c>
    </row>
    <row r="1404" spans="8:17" x14ac:dyDescent="0.25">
      <c r="H1404" s="43">
        <v>1397</v>
      </c>
      <c r="I1404" s="55">
        <f>Bühler!I1430</f>
        <v>4.7087384263072387</v>
      </c>
      <c r="J1404" s="58">
        <f>Bühler!J1430</f>
        <v>17.641012414604017</v>
      </c>
      <c r="K1404" s="58">
        <f>Bühler!K1430</f>
        <v>0.64187482645906069</v>
      </c>
      <c r="L1404" s="58">
        <f>Bühler!L1430</f>
        <v>0.32093741322953034</v>
      </c>
      <c r="M1404" s="57">
        <f>Bühler!M1430</f>
        <v>0</v>
      </c>
      <c r="N1404" s="55">
        <f>IF(Input!$K$13=1,J1404*Input!$J$13,0)+IF(Input!$K$14=1,K1404*Input!$J$14,0)+IF(Input!$K$15=1,L1404*Input!$J$15,0)+IF(Input!$K$16=1,M1404*Input!$J$16,0)</f>
        <v>2.1169214897524817</v>
      </c>
      <c r="O1404" s="58">
        <f>IF(Input!$K$13=2,J1404*Input!$J$13,0)+IF(Input!$K$14=2,K1404*Input!$J$14,0)+IF(Input!$K$15=2,L1404*Input!$J$15,0)+IF(Input!$K$16=2,M1404*Input!$J$16,0)</f>
        <v>8.6653101571973201E-2</v>
      </c>
      <c r="P1404" s="58">
        <f>IF(Input!$K$13=3,J1404*Input!$J$13,0)+IF(Input!$K$14=3,K1404*Input!$J$14,0)+IF(Input!$K$15=3,L1404*Input!$J$15,0)+IF(Input!$K$16=3,M1404*Input!$J$16,0)</f>
        <v>0</v>
      </c>
      <c r="Q1404" s="71">
        <f>IF(Input!$K$13=4,J1404*Input!$J$13,0)+IF(Input!$K$14=4,K1404*Input!$J$14,0)+IF(Input!$K$15=4,L1404*Input!$J$15,0)+IF(Input!$K$16=4,M1404*Input!$J$16,0)</f>
        <v>0</v>
      </c>
    </row>
    <row r="1405" spans="8:17" x14ac:dyDescent="0.25">
      <c r="H1405" s="43">
        <v>1398</v>
      </c>
      <c r="I1405" s="55">
        <f>Bühler!I1431</f>
        <v>4.7087384263072387</v>
      </c>
      <c r="J1405" s="58">
        <f>Bühler!J1431</f>
        <v>17.641012414604017</v>
      </c>
      <c r="K1405" s="58">
        <f>Bühler!K1431</f>
        <v>0.64187482645906069</v>
      </c>
      <c r="L1405" s="58">
        <f>Bühler!L1431</f>
        <v>0.32093741322953034</v>
      </c>
      <c r="M1405" s="57">
        <f>Bühler!M1431</f>
        <v>0</v>
      </c>
      <c r="N1405" s="55">
        <f>IF(Input!$K$13=1,J1405*Input!$J$13,0)+IF(Input!$K$14=1,K1405*Input!$J$14,0)+IF(Input!$K$15=1,L1405*Input!$J$15,0)+IF(Input!$K$16=1,M1405*Input!$J$16,0)</f>
        <v>2.1169214897524817</v>
      </c>
      <c r="O1405" s="58">
        <f>IF(Input!$K$13=2,J1405*Input!$J$13,0)+IF(Input!$K$14=2,K1405*Input!$J$14,0)+IF(Input!$K$15=2,L1405*Input!$J$15,0)+IF(Input!$K$16=2,M1405*Input!$J$16,0)</f>
        <v>8.6653101571973201E-2</v>
      </c>
      <c r="P1405" s="58">
        <f>IF(Input!$K$13=3,J1405*Input!$J$13,0)+IF(Input!$K$14=3,K1405*Input!$J$14,0)+IF(Input!$K$15=3,L1405*Input!$J$15,0)+IF(Input!$K$16=3,M1405*Input!$J$16,0)</f>
        <v>0</v>
      </c>
      <c r="Q1405" s="71">
        <f>IF(Input!$K$13=4,J1405*Input!$J$13,0)+IF(Input!$K$14=4,K1405*Input!$J$14,0)+IF(Input!$K$15=4,L1405*Input!$J$15,0)+IF(Input!$K$16=4,M1405*Input!$J$16,0)</f>
        <v>0</v>
      </c>
    </row>
    <row r="1406" spans="8:17" x14ac:dyDescent="0.25">
      <c r="H1406" s="43">
        <v>1399</v>
      </c>
      <c r="I1406" s="55">
        <f>Bühler!I1432</f>
        <v>4.7087384263072387</v>
      </c>
      <c r="J1406" s="58">
        <f>Bühler!J1432</f>
        <v>17.641012414604017</v>
      </c>
      <c r="K1406" s="58">
        <f>Bühler!K1432</f>
        <v>0.64187482645906069</v>
      </c>
      <c r="L1406" s="58">
        <f>Bühler!L1432</f>
        <v>0.32093741322953034</v>
      </c>
      <c r="M1406" s="57">
        <f>Bühler!M1432</f>
        <v>0</v>
      </c>
      <c r="N1406" s="55">
        <f>IF(Input!$K$13=1,J1406*Input!$J$13,0)+IF(Input!$K$14=1,K1406*Input!$J$14,0)+IF(Input!$K$15=1,L1406*Input!$J$15,0)+IF(Input!$K$16=1,M1406*Input!$J$16,0)</f>
        <v>2.1169214897524817</v>
      </c>
      <c r="O1406" s="58">
        <f>IF(Input!$K$13=2,J1406*Input!$J$13,0)+IF(Input!$K$14=2,K1406*Input!$J$14,0)+IF(Input!$K$15=2,L1406*Input!$J$15,0)+IF(Input!$K$16=2,M1406*Input!$J$16,0)</f>
        <v>8.6653101571973201E-2</v>
      </c>
      <c r="P1406" s="58">
        <f>IF(Input!$K$13=3,J1406*Input!$J$13,0)+IF(Input!$K$14=3,K1406*Input!$J$14,0)+IF(Input!$K$15=3,L1406*Input!$J$15,0)+IF(Input!$K$16=3,M1406*Input!$J$16,0)</f>
        <v>0</v>
      </c>
      <c r="Q1406" s="71">
        <f>IF(Input!$K$13=4,J1406*Input!$J$13,0)+IF(Input!$K$14=4,K1406*Input!$J$14,0)+IF(Input!$K$15=4,L1406*Input!$J$15,0)+IF(Input!$K$16=4,M1406*Input!$J$16,0)</f>
        <v>0</v>
      </c>
    </row>
    <row r="1407" spans="8:17" x14ac:dyDescent="0.25">
      <c r="H1407" s="43">
        <v>1400</v>
      </c>
      <c r="I1407" s="55">
        <f>Bühler!I1433</f>
        <v>13.564204563523754</v>
      </c>
      <c r="J1407" s="58">
        <f>Bühler!J1433</f>
        <v>67.557982856697521</v>
      </c>
      <c r="K1407" s="58">
        <f>Bühler!K1433</f>
        <v>2.7059035652914769</v>
      </c>
      <c r="L1407" s="58">
        <f>Bühler!L1433</f>
        <v>1.3529517826457385</v>
      </c>
      <c r="M1407" s="57">
        <f>Bühler!M1433</f>
        <v>0</v>
      </c>
      <c r="N1407" s="55">
        <f>IF(Input!$K$13=1,J1407*Input!$J$13,0)+IF(Input!$K$14=1,K1407*Input!$J$14,0)+IF(Input!$K$15=1,L1407*Input!$J$15,0)+IF(Input!$K$16=1,M1407*Input!$J$16,0)</f>
        <v>8.1069579428037031</v>
      </c>
      <c r="O1407" s="58">
        <f>IF(Input!$K$13=2,J1407*Input!$J$13,0)+IF(Input!$K$14=2,K1407*Input!$J$14,0)+IF(Input!$K$15=2,L1407*Input!$J$15,0)+IF(Input!$K$16=2,M1407*Input!$J$16,0)</f>
        <v>0.3652969813143494</v>
      </c>
      <c r="P1407" s="58">
        <f>IF(Input!$K$13=3,J1407*Input!$J$13,0)+IF(Input!$K$14=3,K1407*Input!$J$14,0)+IF(Input!$K$15=3,L1407*Input!$J$15,0)+IF(Input!$K$16=3,M1407*Input!$J$16,0)</f>
        <v>0</v>
      </c>
      <c r="Q1407" s="71">
        <f>IF(Input!$K$13=4,J1407*Input!$J$13,0)+IF(Input!$K$14=4,K1407*Input!$J$14,0)+IF(Input!$K$15=4,L1407*Input!$J$15,0)+IF(Input!$K$16=4,M1407*Input!$J$16,0)</f>
        <v>0</v>
      </c>
    </row>
    <row r="1408" spans="8:17" x14ac:dyDescent="0.25">
      <c r="H1408" s="43">
        <v>1401</v>
      </c>
      <c r="I1408" s="55">
        <f>Bühler!I1434</f>
        <v>15.134796670879135</v>
      </c>
      <c r="J1408" s="58">
        <f>Bühler!J1434</f>
        <v>75.380486134841462</v>
      </c>
      <c r="K1408" s="58">
        <f>Bühler!K1434</f>
        <v>3.0192187149568062</v>
      </c>
      <c r="L1408" s="58">
        <f>Bühler!L1434</f>
        <v>1.5096093574784031</v>
      </c>
      <c r="M1408" s="57">
        <f>Bühler!M1434</f>
        <v>0</v>
      </c>
      <c r="N1408" s="55">
        <f>IF(Input!$K$13=1,J1408*Input!$J$13,0)+IF(Input!$K$14=1,K1408*Input!$J$14,0)+IF(Input!$K$15=1,L1408*Input!$J$15,0)+IF(Input!$K$16=1,M1408*Input!$J$16,0)</f>
        <v>9.0456583361809759</v>
      </c>
      <c r="O1408" s="58">
        <f>IF(Input!$K$13=2,J1408*Input!$J$13,0)+IF(Input!$K$14=2,K1408*Input!$J$14,0)+IF(Input!$K$15=2,L1408*Input!$J$15,0)+IF(Input!$K$16=2,M1408*Input!$J$16,0)</f>
        <v>0.40759452651916883</v>
      </c>
      <c r="P1408" s="58">
        <f>IF(Input!$K$13=3,J1408*Input!$J$13,0)+IF(Input!$K$14=3,K1408*Input!$J$14,0)+IF(Input!$K$15=3,L1408*Input!$J$15,0)+IF(Input!$K$16=3,M1408*Input!$J$16,0)</f>
        <v>0</v>
      </c>
      <c r="Q1408" s="71">
        <f>IF(Input!$K$13=4,J1408*Input!$J$13,0)+IF(Input!$K$14=4,K1408*Input!$J$14,0)+IF(Input!$K$15=4,L1408*Input!$J$15,0)+IF(Input!$K$16=4,M1408*Input!$J$16,0)</f>
        <v>0</v>
      </c>
    </row>
    <row r="1409" spans="8:17" x14ac:dyDescent="0.25">
      <c r="H1409" s="43">
        <v>1402</v>
      </c>
      <c r="I1409" s="55">
        <f>Bühler!I1435</f>
        <v>16.705388778234521</v>
      </c>
      <c r="J1409" s="58">
        <f>Bühler!J1435</f>
        <v>83.202989412985403</v>
      </c>
      <c r="K1409" s="58">
        <f>Bühler!K1435</f>
        <v>3.3325338646221354</v>
      </c>
      <c r="L1409" s="58">
        <f>Bühler!L1435</f>
        <v>1.6662669323110677</v>
      </c>
      <c r="M1409" s="57">
        <f>Bühler!M1435</f>
        <v>0</v>
      </c>
      <c r="N1409" s="55">
        <f>IF(Input!$K$13=1,J1409*Input!$J$13,0)+IF(Input!$K$14=1,K1409*Input!$J$14,0)+IF(Input!$K$15=1,L1409*Input!$J$15,0)+IF(Input!$K$16=1,M1409*Input!$J$16,0)</f>
        <v>9.9843587295582488</v>
      </c>
      <c r="O1409" s="58">
        <f>IF(Input!$K$13=2,J1409*Input!$J$13,0)+IF(Input!$K$14=2,K1409*Input!$J$14,0)+IF(Input!$K$15=2,L1409*Input!$J$15,0)+IF(Input!$K$16=2,M1409*Input!$J$16,0)</f>
        <v>0.44989207172398826</v>
      </c>
      <c r="P1409" s="58">
        <f>IF(Input!$K$13=3,J1409*Input!$J$13,0)+IF(Input!$K$14=3,K1409*Input!$J$14,0)+IF(Input!$K$15=3,L1409*Input!$J$15,0)+IF(Input!$K$16=3,M1409*Input!$J$16,0)</f>
        <v>0</v>
      </c>
      <c r="Q1409" s="71">
        <f>IF(Input!$K$13=4,J1409*Input!$J$13,0)+IF(Input!$K$14=4,K1409*Input!$J$14,0)+IF(Input!$K$15=4,L1409*Input!$J$15,0)+IF(Input!$K$16=4,M1409*Input!$J$16,0)</f>
        <v>0</v>
      </c>
    </row>
    <row r="1410" spans="8:17" x14ac:dyDescent="0.25">
      <c r="H1410" s="43">
        <v>1403</v>
      </c>
      <c r="I1410" s="55">
        <f>Bühler!I1436</f>
        <v>16.705388778234521</v>
      </c>
      <c r="J1410" s="58">
        <f>Bühler!J1436</f>
        <v>83.202989412985403</v>
      </c>
      <c r="K1410" s="58">
        <f>Bühler!K1436</f>
        <v>3.3325338646221354</v>
      </c>
      <c r="L1410" s="58">
        <f>Bühler!L1436</f>
        <v>1.6662669323110677</v>
      </c>
      <c r="M1410" s="57">
        <f>Bühler!M1436</f>
        <v>0</v>
      </c>
      <c r="N1410" s="55">
        <f>IF(Input!$K$13=1,J1410*Input!$J$13,0)+IF(Input!$K$14=1,K1410*Input!$J$14,0)+IF(Input!$K$15=1,L1410*Input!$J$15,0)+IF(Input!$K$16=1,M1410*Input!$J$16,0)</f>
        <v>9.9843587295582488</v>
      </c>
      <c r="O1410" s="58">
        <f>IF(Input!$K$13=2,J1410*Input!$J$13,0)+IF(Input!$K$14=2,K1410*Input!$J$14,0)+IF(Input!$K$15=2,L1410*Input!$J$15,0)+IF(Input!$K$16=2,M1410*Input!$J$16,0)</f>
        <v>0.44989207172398826</v>
      </c>
      <c r="P1410" s="58">
        <f>IF(Input!$K$13=3,J1410*Input!$J$13,0)+IF(Input!$K$14=3,K1410*Input!$J$14,0)+IF(Input!$K$15=3,L1410*Input!$J$15,0)+IF(Input!$K$16=3,M1410*Input!$J$16,0)</f>
        <v>0</v>
      </c>
      <c r="Q1410" s="71">
        <f>IF(Input!$K$13=4,J1410*Input!$J$13,0)+IF(Input!$K$14=4,K1410*Input!$J$14,0)+IF(Input!$K$15=4,L1410*Input!$J$15,0)+IF(Input!$K$16=4,M1410*Input!$J$16,0)</f>
        <v>0</v>
      </c>
    </row>
    <row r="1411" spans="8:17" x14ac:dyDescent="0.25">
      <c r="H1411" s="43">
        <v>1404</v>
      </c>
      <c r="I1411" s="55">
        <f>Bühler!I1437</f>
        <v>19.989354093613954</v>
      </c>
      <c r="J1411" s="58">
        <f>Bühler!J1437</f>
        <v>99.559132630922676</v>
      </c>
      <c r="K1411" s="58">
        <f>Bühler!K1437</f>
        <v>3.9876473593769139</v>
      </c>
      <c r="L1411" s="58">
        <f>Bühler!L1437</f>
        <v>1.993823679688457</v>
      </c>
      <c r="M1411" s="57">
        <f>Bühler!M1437</f>
        <v>0</v>
      </c>
      <c r="N1411" s="55">
        <f>IF(Input!$K$13=1,J1411*Input!$J$13,0)+IF(Input!$K$14=1,K1411*Input!$J$14,0)+IF(Input!$K$15=1,L1411*Input!$J$15,0)+IF(Input!$K$16=1,M1411*Input!$J$16,0)</f>
        <v>11.947095915710721</v>
      </c>
      <c r="O1411" s="58">
        <f>IF(Input!$K$13=2,J1411*Input!$J$13,0)+IF(Input!$K$14=2,K1411*Input!$J$14,0)+IF(Input!$K$15=2,L1411*Input!$J$15,0)+IF(Input!$K$16=2,M1411*Input!$J$16,0)</f>
        <v>0.53833239351588336</v>
      </c>
      <c r="P1411" s="58">
        <f>IF(Input!$K$13=3,J1411*Input!$J$13,0)+IF(Input!$K$14=3,K1411*Input!$J$14,0)+IF(Input!$K$15=3,L1411*Input!$J$15,0)+IF(Input!$K$16=3,M1411*Input!$J$16,0)</f>
        <v>0</v>
      </c>
      <c r="Q1411" s="71">
        <f>IF(Input!$K$13=4,J1411*Input!$J$13,0)+IF(Input!$K$14=4,K1411*Input!$J$14,0)+IF(Input!$K$15=4,L1411*Input!$J$15,0)+IF(Input!$K$16=4,M1411*Input!$J$16,0)</f>
        <v>0</v>
      </c>
    </row>
    <row r="1412" spans="8:17" x14ac:dyDescent="0.25">
      <c r="H1412" s="43">
        <v>1405</v>
      </c>
      <c r="I1412" s="55">
        <f>Bühler!I1438</f>
        <v>19.989354093613954</v>
      </c>
      <c r="J1412" s="58">
        <f>Bühler!J1438</f>
        <v>99.559132630922676</v>
      </c>
      <c r="K1412" s="58">
        <f>Bühler!K1438</f>
        <v>3.9876473593769139</v>
      </c>
      <c r="L1412" s="58">
        <f>Bühler!L1438</f>
        <v>1.993823679688457</v>
      </c>
      <c r="M1412" s="57">
        <f>Bühler!M1438</f>
        <v>0</v>
      </c>
      <c r="N1412" s="55">
        <f>IF(Input!$K$13=1,J1412*Input!$J$13,0)+IF(Input!$K$14=1,K1412*Input!$J$14,0)+IF(Input!$K$15=1,L1412*Input!$J$15,0)+IF(Input!$K$16=1,M1412*Input!$J$16,0)</f>
        <v>11.947095915710721</v>
      </c>
      <c r="O1412" s="58">
        <f>IF(Input!$K$13=2,J1412*Input!$J$13,0)+IF(Input!$K$14=2,K1412*Input!$J$14,0)+IF(Input!$K$15=2,L1412*Input!$J$15,0)+IF(Input!$K$16=2,M1412*Input!$J$16,0)</f>
        <v>0.53833239351588336</v>
      </c>
      <c r="P1412" s="58">
        <f>IF(Input!$K$13=3,J1412*Input!$J$13,0)+IF(Input!$K$14=3,K1412*Input!$J$14,0)+IF(Input!$K$15=3,L1412*Input!$J$15,0)+IF(Input!$K$16=3,M1412*Input!$J$16,0)</f>
        <v>0</v>
      </c>
      <c r="Q1412" s="71">
        <f>IF(Input!$K$13=4,J1412*Input!$J$13,0)+IF(Input!$K$14=4,K1412*Input!$J$14,0)+IF(Input!$K$15=4,L1412*Input!$J$15,0)+IF(Input!$K$16=4,M1412*Input!$J$16,0)</f>
        <v>0</v>
      </c>
    </row>
    <row r="1413" spans="8:17" x14ac:dyDescent="0.25">
      <c r="H1413" s="43">
        <v>1406</v>
      </c>
      <c r="I1413" s="55">
        <f>Bühler!I1439</f>
        <v>13.27864236218641</v>
      </c>
      <c r="J1413" s="58">
        <f>Bühler!J1439</f>
        <v>66.135709533398639</v>
      </c>
      <c r="K1413" s="58">
        <f>Bühler!K1439</f>
        <v>2.6489371744432355</v>
      </c>
      <c r="L1413" s="58">
        <f>Bühler!L1439</f>
        <v>1.3244685872216178</v>
      </c>
      <c r="M1413" s="57">
        <f>Bühler!M1439</f>
        <v>0</v>
      </c>
      <c r="N1413" s="55">
        <f>IF(Input!$K$13=1,J1413*Input!$J$13,0)+IF(Input!$K$14=1,K1413*Input!$J$14,0)+IF(Input!$K$15=1,L1413*Input!$J$15,0)+IF(Input!$K$16=1,M1413*Input!$J$16,0)</f>
        <v>7.9362851440078366</v>
      </c>
      <c r="O1413" s="58">
        <f>IF(Input!$K$13=2,J1413*Input!$J$13,0)+IF(Input!$K$14=2,K1413*Input!$J$14,0)+IF(Input!$K$15=2,L1413*Input!$J$15,0)+IF(Input!$K$16=2,M1413*Input!$J$16,0)</f>
        <v>0.35760651854983683</v>
      </c>
      <c r="P1413" s="58">
        <f>IF(Input!$K$13=3,J1413*Input!$J$13,0)+IF(Input!$K$14=3,K1413*Input!$J$14,0)+IF(Input!$K$15=3,L1413*Input!$J$15,0)+IF(Input!$K$16=3,M1413*Input!$J$16,0)</f>
        <v>0</v>
      </c>
      <c r="Q1413" s="71">
        <f>IF(Input!$K$13=4,J1413*Input!$J$13,0)+IF(Input!$K$14=4,K1413*Input!$J$14,0)+IF(Input!$K$15=4,L1413*Input!$J$15,0)+IF(Input!$K$16=4,M1413*Input!$J$16,0)</f>
        <v>0</v>
      </c>
    </row>
    <row r="1414" spans="8:17" x14ac:dyDescent="0.25">
      <c r="H1414" s="43">
        <v>1407</v>
      </c>
      <c r="I1414" s="55">
        <f>Bühler!I1440</f>
        <v>19.989354093613954</v>
      </c>
      <c r="J1414" s="58">
        <f>Bühler!J1440</f>
        <v>99.559132630922676</v>
      </c>
      <c r="K1414" s="58">
        <f>Bühler!K1440</f>
        <v>3.9876473593769139</v>
      </c>
      <c r="L1414" s="58">
        <f>Bühler!L1440</f>
        <v>1.993823679688457</v>
      </c>
      <c r="M1414" s="57">
        <f>Bühler!M1440</f>
        <v>0</v>
      </c>
      <c r="N1414" s="55">
        <f>IF(Input!$K$13=1,J1414*Input!$J$13,0)+IF(Input!$K$14=1,K1414*Input!$J$14,0)+IF(Input!$K$15=1,L1414*Input!$J$15,0)+IF(Input!$K$16=1,M1414*Input!$J$16,0)</f>
        <v>11.947095915710721</v>
      </c>
      <c r="O1414" s="58">
        <f>IF(Input!$K$13=2,J1414*Input!$J$13,0)+IF(Input!$K$14=2,K1414*Input!$J$14,0)+IF(Input!$K$15=2,L1414*Input!$J$15,0)+IF(Input!$K$16=2,M1414*Input!$J$16,0)</f>
        <v>0.53833239351588336</v>
      </c>
      <c r="P1414" s="58">
        <f>IF(Input!$K$13=3,J1414*Input!$J$13,0)+IF(Input!$K$14=3,K1414*Input!$J$14,0)+IF(Input!$K$15=3,L1414*Input!$J$15,0)+IF(Input!$K$16=3,M1414*Input!$J$16,0)</f>
        <v>0</v>
      </c>
      <c r="Q1414" s="71">
        <f>IF(Input!$K$13=4,J1414*Input!$J$13,0)+IF(Input!$K$14=4,K1414*Input!$J$14,0)+IF(Input!$K$15=4,L1414*Input!$J$15,0)+IF(Input!$K$16=4,M1414*Input!$J$16,0)</f>
        <v>0</v>
      </c>
    </row>
    <row r="1415" spans="8:17" x14ac:dyDescent="0.25">
      <c r="H1415" s="43">
        <v>1408</v>
      </c>
      <c r="I1415" s="55">
        <f>Bühler!I1441</f>
        <v>19.989354093613954</v>
      </c>
      <c r="J1415" s="58">
        <f>Bühler!J1441</f>
        <v>99.559132630922676</v>
      </c>
      <c r="K1415" s="58">
        <f>Bühler!K1441</f>
        <v>3.9876473593769139</v>
      </c>
      <c r="L1415" s="58">
        <f>Bühler!L1441</f>
        <v>1.993823679688457</v>
      </c>
      <c r="M1415" s="57">
        <f>Bühler!M1441</f>
        <v>0</v>
      </c>
      <c r="N1415" s="55">
        <f>IF(Input!$K$13=1,J1415*Input!$J$13,0)+IF(Input!$K$14=1,K1415*Input!$J$14,0)+IF(Input!$K$15=1,L1415*Input!$J$15,0)+IF(Input!$K$16=1,M1415*Input!$J$16,0)</f>
        <v>11.947095915710721</v>
      </c>
      <c r="O1415" s="58">
        <f>IF(Input!$K$13=2,J1415*Input!$J$13,0)+IF(Input!$K$14=2,K1415*Input!$J$14,0)+IF(Input!$K$15=2,L1415*Input!$J$15,0)+IF(Input!$K$16=2,M1415*Input!$J$16,0)</f>
        <v>0.53833239351588336</v>
      </c>
      <c r="P1415" s="58">
        <f>IF(Input!$K$13=3,J1415*Input!$J$13,0)+IF(Input!$K$14=3,K1415*Input!$J$14,0)+IF(Input!$K$15=3,L1415*Input!$J$15,0)+IF(Input!$K$16=3,M1415*Input!$J$16,0)</f>
        <v>0</v>
      </c>
      <c r="Q1415" s="71">
        <f>IF(Input!$K$13=4,J1415*Input!$J$13,0)+IF(Input!$K$14=4,K1415*Input!$J$14,0)+IF(Input!$K$15=4,L1415*Input!$J$15,0)+IF(Input!$K$16=4,M1415*Input!$J$16,0)</f>
        <v>0</v>
      </c>
    </row>
    <row r="1416" spans="8:17" x14ac:dyDescent="0.25">
      <c r="H1416" s="43">
        <v>1409</v>
      </c>
      <c r="I1416" s="55">
        <f>Bühler!I1442</f>
        <v>16.708426673993426</v>
      </c>
      <c r="J1416" s="58">
        <f>Bühler!J1442</f>
        <v>64.008509277309841</v>
      </c>
      <c r="K1416" s="58">
        <f>Bühler!K1442</f>
        <v>2.3498636224899672</v>
      </c>
      <c r="L1416" s="58">
        <f>Bühler!L1442</f>
        <v>1.1749318112449836</v>
      </c>
      <c r="M1416" s="57">
        <f>Bühler!M1442</f>
        <v>0</v>
      </c>
      <c r="N1416" s="55">
        <f>IF(Input!$K$13=1,J1416*Input!$J$13,0)+IF(Input!$K$14=1,K1416*Input!$J$14,0)+IF(Input!$K$15=1,L1416*Input!$J$15,0)+IF(Input!$K$16=1,M1416*Input!$J$16,0)</f>
        <v>7.6810211132771808</v>
      </c>
      <c r="O1416" s="58">
        <f>IF(Input!$K$13=2,J1416*Input!$J$13,0)+IF(Input!$K$14=2,K1416*Input!$J$14,0)+IF(Input!$K$15=2,L1416*Input!$J$15,0)+IF(Input!$K$16=2,M1416*Input!$J$16,0)</f>
        <v>0.31723158903614557</v>
      </c>
      <c r="P1416" s="58">
        <f>IF(Input!$K$13=3,J1416*Input!$J$13,0)+IF(Input!$K$14=3,K1416*Input!$J$14,0)+IF(Input!$K$15=3,L1416*Input!$J$15,0)+IF(Input!$K$16=3,M1416*Input!$J$16,0)</f>
        <v>0</v>
      </c>
      <c r="Q1416" s="71">
        <f>IF(Input!$K$13=4,J1416*Input!$J$13,0)+IF(Input!$K$14=4,K1416*Input!$J$14,0)+IF(Input!$K$15=4,L1416*Input!$J$15,0)+IF(Input!$K$16=4,M1416*Input!$J$16,0)</f>
        <v>0</v>
      </c>
    </row>
    <row r="1417" spans="8:17" x14ac:dyDescent="0.25">
      <c r="H1417" s="43">
        <v>1410</v>
      </c>
      <c r="I1417" s="55">
        <f>Bühler!I1443</f>
        <v>13.275604466427506</v>
      </c>
      <c r="J1417" s="58">
        <f>Bühler!J1443</f>
        <v>33.975465962751429</v>
      </c>
      <c r="K1417" s="58">
        <f>Bühler!K1443</f>
        <v>1.0029294163422822</v>
      </c>
      <c r="L1417" s="58">
        <f>Bühler!L1443</f>
        <v>0.50146470817114108</v>
      </c>
      <c r="M1417" s="57">
        <f>Bühler!M1443</f>
        <v>0</v>
      </c>
      <c r="N1417" s="55">
        <f>IF(Input!$K$13=1,J1417*Input!$J$13,0)+IF(Input!$K$14=1,K1417*Input!$J$14,0)+IF(Input!$K$15=1,L1417*Input!$J$15,0)+IF(Input!$K$16=1,M1417*Input!$J$16,0)</f>
        <v>4.0770559155301713</v>
      </c>
      <c r="O1417" s="58">
        <f>IF(Input!$K$13=2,J1417*Input!$J$13,0)+IF(Input!$K$14=2,K1417*Input!$J$14,0)+IF(Input!$K$15=2,L1417*Input!$J$15,0)+IF(Input!$K$16=2,M1417*Input!$J$16,0)</f>
        <v>0.1353954712062081</v>
      </c>
      <c r="P1417" s="58">
        <f>IF(Input!$K$13=3,J1417*Input!$J$13,0)+IF(Input!$K$14=3,K1417*Input!$J$14,0)+IF(Input!$K$15=3,L1417*Input!$J$15,0)+IF(Input!$K$16=3,M1417*Input!$J$16,0)</f>
        <v>0</v>
      </c>
      <c r="Q1417" s="71">
        <f>IF(Input!$K$13=4,J1417*Input!$J$13,0)+IF(Input!$K$14=4,K1417*Input!$J$14,0)+IF(Input!$K$15=4,L1417*Input!$J$15,0)+IF(Input!$K$16=4,M1417*Input!$J$16,0)</f>
        <v>0</v>
      </c>
    </row>
    <row r="1418" spans="8:17" x14ac:dyDescent="0.25">
      <c r="H1418" s="43">
        <v>1411</v>
      </c>
      <c r="I1418" s="55">
        <f>Bühler!I1444</f>
        <v>4.7087384263072387</v>
      </c>
      <c r="J1418" s="58">
        <f>Bühler!J1444</f>
        <v>18.032883637086449</v>
      </c>
      <c r="K1418" s="58">
        <f>Bühler!K1444</f>
        <v>0.66193341478590628</v>
      </c>
      <c r="L1418" s="58">
        <f>Bühler!L1444</f>
        <v>0.33096670739295314</v>
      </c>
      <c r="M1418" s="57">
        <f>Bühler!M1444</f>
        <v>0</v>
      </c>
      <c r="N1418" s="55">
        <f>IF(Input!$K$13=1,J1418*Input!$J$13,0)+IF(Input!$K$14=1,K1418*Input!$J$14,0)+IF(Input!$K$15=1,L1418*Input!$J$15,0)+IF(Input!$K$16=1,M1418*Input!$J$16,0)</f>
        <v>2.163946036450374</v>
      </c>
      <c r="O1418" s="58">
        <f>IF(Input!$K$13=2,J1418*Input!$J$13,0)+IF(Input!$K$14=2,K1418*Input!$J$14,0)+IF(Input!$K$15=2,L1418*Input!$J$15,0)+IF(Input!$K$16=2,M1418*Input!$J$16,0)</f>
        <v>8.9361010996097348E-2</v>
      </c>
      <c r="P1418" s="58">
        <f>IF(Input!$K$13=3,J1418*Input!$J$13,0)+IF(Input!$K$14=3,K1418*Input!$J$14,0)+IF(Input!$K$15=3,L1418*Input!$J$15,0)+IF(Input!$K$16=3,M1418*Input!$J$16,0)</f>
        <v>0</v>
      </c>
      <c r="Q1418" s="71">
        <f>IF(Input!$K$13=4,J1418*Input!$J$13,0)+IF(Input!$K$14=4,K1418*Input!$J$14,0)+IF(Input!$K$15=4,L1418*Input!$J$15,0)+IF(Input!$K$16=4,M1418*Input!$J$16,0)</f>
        <v>0</v>
      </c>
    </row>
    <row r="1419" spans="8:17" x14ac:dyDescent="0.25">
      <c r="H1419" s="43">
        <v>1412</v>
      </c>
      <c r="I1419" s="55">
        <f>Bühler!I1445</f>
        <v>4.7087384263072387</v>
      </c>
      <c r="J1419" s="58">
        <f>Bühler!J1445</f>
        <v>18.032883637086449</v>
      </c>
      <c r="K1419" s="58">
        <f>Bühler!K1445</f>
        <v>0.66193341478590628</v>
      </c>
      <c r="L1419" s="58">
        <f>Bühler!L1445</f>
        <v>0.33096670739295314</v>
      </c>
      <c r="M1419" s="57">
        <f>Bühler!M1445</f>
        <v>0</v>
      </c>
      <c r="N1419" s="55">
        <f>IF(Input!$K$13=1,J1419*Input!$J$13,0)+IF(Input!$K$14=1,K1419*Input!$J$14,0)+IF(Input!$K$15=1,L1419*Input!$J$15,0)+IF(Input!$K$16=1,M1419*Input!$J$16,0)</f>
        <v>2.163946036450374</v>
      </c>
      <c r="O1419" s="58">
        <f>IF(Input!$K$13=2,J1419*Input!$J$13,0)+IF(Input!$K$14=2,K1419*Input!$J$14,0)+IF(Input!$K$15=2,L1419*Input!$J$15,0)+IF(Input!$K$16=2,M1419*Input!$J$16,0)</f>
        <v>8.9361010996097348E-2</v>
      </c>
      <c r="P1419" s="58">
        <f>IF(Input!$K$13=3,J1419*Input!$J$13,0)+IF(Input!$K$14=3,K1419*Input!$J$14,0)+IF(Input!$K$15=3,L1419*Input!$J$15,0)+IF(Input!$K$16=3,M1419*Input!$J$16,0)</f>
        <v>0</v>
      </c>
      <c r="Q1419" s="71">
        <f>IF(Input!$K$13=4,J1419*Input!$J$13,0)+IF(Input!$K$14=4,K1419*Input!$J$14,0)+IF(Input!$K$15=4,L1419*Input!$J$15,0)+IF(Input!$K$16=4,M1419*Input!$J$16,0)</f>
        <v>0</v>
      </c>
    </row>
    <row r="1420" spans="8:17" x14ac:dyDescent="0.25">
      <c r="H1420" s="43">
        <v>1413</v>
      </c>
      <c r="I1420" s="55">
        <f>Bühler!I1446</f>
        <v>4.7087384263072387</v>
      </c>
      <c r="J1420" s="58">
        <f>Bühler!J1446</f>
        <v>18.032883637086449</v>
      </c>
      <c r="K1420" s="58">
        <f>Bühler!K1446</f>
        <v>0.66193341478590628</v>
      </c>
      <c r="L1420" s="58">
        <f>Bühler!L1446</f>
        <v>0.33096670739295314</v>
      </c>
      <c r="M1420" s="57">
        <f>Bühler!M1446</f>
        <v>0</v>
      </c>
      <c r="N1420" s="55">
        <f>IF(Input!$K$13=1,J1420*Input!$J$13,0)+IF(Input!$K$14=1,K1420*Input!$J$14,0)+IF(Input!$K$15=1,L1420*Input!$J$15,0)+IF(Input!$K$16=1,M1420*Input!$J$16,0)</f>
        <v>2.163946036450374</v>
      </c>
      <c r="O1420" s="58">
        <f>IF(Input!$K$13=2,J1420*Input!$J$13,0)+IF(Input!$K$14=2,K1420*Input!$J$14,0)+IF(Input!$K$15=2,L1420*Input!$J$15,0)+IF(Input!$K$16=2,M1420*Input!$J$16,0)</f>
        <v>8.9361010996097348E-2</v>
      </c>
      <c r="P1420" s="58">
        <f>IF(Input!$K$13=3,J1420*Input!$J$13,0)+IF(Input!$K$14=3,K1420*Input!$J$14,0)+IF(Input!$K$15=3,L1420*Input!$J$15,0)+IF(Input!$K$16=3,M1420*Input!$J$16,0)</f>
        <v>0</v>
      </c>
      <c r="Q1420" s="71">
        <f>IF(Input!$K$13=4,J1420*Input!$J$13,0)+IF(Input!$K$14=4,K1420*Input!$J$14,0)+IF(Input!$K$15=4,L1420*Input!$J$15,0)+IF(Input!$K$16=4,M1420*Input!$J$16,0)</f>
        <v>0</v>
      </c>
    </row>
    <row r="1421" spans="8:17" x14ac:dyDescent="0.25">
      <c r="H1421" s="43">
        <v>1414</v>
      </c>
      <c r="I1421" s="55">
        <f>Bühler!I1447</f>
        <v>4.7087384263072387</v>
      </c>
      <c r="J1421" s="58">
        <f>Bühler!J1447</f>
        <v>18.032883637086449</v>
      </c>
      <c r="K1421" s="58">
        <f>Bühler!K1447</f>
        <v>0.66193341478590628</v>
      </c>
      <c r="L1421" s="58">
        <f>Bühler!L1447</f>
        <v>0.33096670739295314</v>
      </c>
      <c r="M1421" s="57">
        <f>Bühler!M1447</f>
        <v>0</v>
      </c>
      <c r="N1421" s="55">
        <f>IF(Input!$K$13=1,J1421*Input!$J$13,0)+IF(Input!$K$14=1,K1421*Input!$J$14,0)+IF(Input!$K$15=1,L1421*Input!$J$15,0)+IF(Input!$K$16=1,M1421*Input!$J$16,0)</f>
        <v>2.163946036450374</v>
      </c>
      <c r="O1421" s="58">
        <f>IF(Input!$K$13=2,J1421*Input!$J$13,0)+IF(Input!$K$14=2,K1421*Input!$J$14,0)+IF(Input!$K$15=2,L1421*Input!$J$15,0)+IF(Input!$K$16=2,M1421*Input!$J$16,0)</f>
        <v>8.9361010996097348E-2</v>
      </c>
      <c r="P1421" s="58">
        <f>IF(Input!$K$13=3,J1421*Input!$J$13,0)+IF(Input!$K$14=3,K1421*Input!$J$14,0)+IF(Input!$K$15=3,L1421*Input!$J$15,0)+IF(Input!$K$16=3,M1421*Input!$J$16,0)</f>
        <v>0</v>
      </c>
      <c r="Q1421" s="71">
        <f>IF(Input!$K$13=4,J1421*Input!$J$13,0)+IF(Input!$K$14=4,K1421*Input!$J$14,0)+IF(Input!$K$15=4,L1421*Input!$J$15,0)+IF(Input!$K$16=4,M1421*Input!$J$16,0)</f>
        <v>0</v>
      </c>
    </row>
    <row r="1422" spans="8:17" x14ac:dyDescent="0.25">
      <c r="H1422" s="43">
        <v>1415</v>
      </c>
      <c r="I1422" s="55">
        <f>Bühler!I1448</f>
        <v>4.7087384263072387</v>
      </c>
      <c r="J1422" s="58">
        <f>Bühler!J1448</f>
        <v>18.032883637086449</v>
      </c>
      <c r="K1422" s="58">
        <f>Bühler!K1448</f>
        <v>0.66193341478590628</v>
      </c>
      <c r="L1422" s="58">
        <f>Bühler!L1448</f>
        <v>0.33096670739295314</v>
      </c>
      <c r="M1422" s="57">
        <f>Bühler!M1448</f>
        <v>0</v>
      </c>
      <c r="N1422" s="55">
        <f>IF(Input!$K$13=1,J1422*Input!$J$13,0)+IF(Input!$K$14=1,K1422*Input!$J$14,0)+IF(Input!$K$15=1,L1422*Input!$J$15,0)+IF(Input!$K$16=1,M1422*Input!$J$16,0)</f>
        <v>2.163946036450374</v>
      </c>
      <c r="O1422" s="58">
        <f>IF(Input!$K$13=2,J1422*Input!$J$13,0)+IF(Input!$K$14=2,K1422*Input!$J$14,0)+IF(Input!$K$15=2,L1422*Input!$J$15,0)+IF(Input!$K$16=2,M1422*Input!$J$16,0)</f>
        <v>8.9361010996097348E-2</v>
      </c>
      <c r="P1422" s="58">
        <f>IF(Input!$K$13=3,J1422*Input!$J$13,0)+IF(Input!$K$14=3,K1422*Input!$J$14,0)+IF(Input!$K$15=3,L1422*Input!$J$15,0)+IF(Input!$K$16=3,M1422*Input!$J$16,0)</f>
        <v>0</v>
      </c>
      <c r="Q1422" s="71">
        <f>IF(Input!$K$13=4,J1422*Input!$J$13,0)+IF(Input!$K$14=4,K1422*Input!$J$14,0)+IF(Input!$K$15=4,L1422*Input!$J$15,0)+IF(Input!$K$16=4,M1422*Input!$J$16,0)</f>
        <v>0</v>
      </c>
    </row>
    <row r="1423" spans="8:17" x14ac:dyDescent="0.25">
      <c r="H1423" s="43">
        <v>1416</v>
      </c>
      <c r="I1423" s="55">
        <f>Bühler!I1449</f>
        <v>4.7087384263072387</v>
      </c>
      <c r="J1423" s="58">
        <f>Bühler!J1449</f>
        <v>18.032883637086449</v>
      </c>
      <c r="K1423" s="58">
        <f>Bühler!K1449</f>
        <v>0.66193341478590628</v>
      </c>
      <c r="L1423" s="58">
        <f>Bühler!L1449</f>
        <v>0.33096670739295314</v>
      </c>
      <c r="M1423" s="57">
        <f>Bühler!M1449</f>
        <v>0</v>
      </c>
      <c r="N1423" s="55">
        <f>IF(Input!$K$13=1,J1423*Input!$J$13,0)+IF(Input!$K$14=1,K1423*Input!$J$14,0)+IF(Input!$K$15=1,L1423*Input!$J$15,0)+IF(Input!$K$16=1,M1423*Input!$J$16,0)</f>
        <v>2.163946036450374</v>
      </c>
      <c r="O1423" s="58">
        <f>IF(Input!$K$13=2,J1423*Input!$J$13,0)+IF(Input!$K$14=2,K1423*Input!$J$14,0)+IF(Input!$K$15=2,L1423*Input!$J$15,0)+IF(Input!$K$16=2,M1423*Input!$J$16,0)</f>
        <v>8.9361010996097348E-2</v>
      </c>
      <c r="P1423" s="58">
        <f>IF(Input!$K$13=3,J1423*Input!$J$13,0)+IF(Input!$K$14=3,K1423*Input!$J$14,0)+IF(Input!$K$15=3,L1423*Input!$J$15,0)+IF(Input!$K$16=3,M1423*Input!$J$16,0)</f>
        <v>0</v>
      </c>
      <c r="Q1423" s="71">
        <f>IF(Input!$K$13=4,J1423*Input!$J$13,0)+IF(Input!$K$14=4,K1423*Input!$J$14,0)+IF(Input!$K$15=4,L1423*Input!$J$15,0)+IF(Input!$K$16=4,M1423*Input!$J$16,0)</f>
        <v>0</v>
      </c>
    </row>
    <row r="1424" spans="8:17" x14ac:dyDescent="0.25">
      <c r="H1424" s="43">
        <v>1417</v>
      </c>
      <c r="I1424" s="55">
        <f>Bühler!I1450</f>
        <v>4.263627801062329</v>
      </c>
      <c r="J1424" s="58">
        <f>Bühler!J1450</f>
        <v>16.905708157115441</v>
      </c>
      <c r="K1424" s="58">
        <f>Bühler!K1450</f>
        <v>0.65009758510226179</v>
      </c>
      <c r="L1424" s="58">
        <f>Bühler!L1450</f>
        <v>0.32504879255113089</v>
      </c>
      <c r="M1424" s="57">
        <f>Bühler!M1450</f>
        <v>0</v>
      </c>
      <c r="N1424" s="55">
        <f>IF(Input!$K$13=1,J1424*Input!$J$13,0)+IF(Input!$K$14=1,K1424*Input!$J$14,0)+IF(Input!$K$15=1,L1424*Input!$J$15,0)+IF(Input!$K$16=1,M1424*Input!$J$16,0)</f>
        <v>2.0286849788538528</v>
      </c>
      <c r="O1424" s="58">
        <f>IF(Input!$K$13=2,J1424*Input!$J$13,0)+IF(Input!$K$14=2,K1424*Input!$J$14,0)+IF(Input!$K$15=2,L1424*Input!$J$15,0)+IF(Input!$K$16=2,M1424*Input!$J$16,0)</f>
        <v>8.7763173988805343E-2</v>
      </c>
      <c r="P1424" s="58">
        <f>IF(Input!$K$13=3,J1424*Input!$J$13,0)+IF(Input!$K$14=3,K1424*Input!$J$14,0)+IF(Input!$K$15=3,L1424*Input!$J$15,0)+IF(Input!$K$16=3,M1424*Input!$J$16,0)</f>
        <v>0</v>
      </c>
      <c r="Q1424" s="71">
        <f>IF(Input!$K$13=4,J1424*Input!$J$13,0)+IF(Input!$K$14=4,K1424*Input!$J$14,0)+IF(Input!$K$15=4,L1424*Input!$J$15,0)+IF(Input!$K$16=4,M1424*Input!$J$16,0)</f>
        <v>0</v>
      </c>
    </row>
    <row r="1425" spans="8:17" x14ac:dyDescent="0.25">
      <c r="H1425" s="43">
        <v>1418</v>
      </c>
      <c r="I1425" s="55">
        <f>Bühler!I1451</f>
        <v>4.263627801062329</v>
      </c>
      <c r="J1425" s="58">
        <f>Bühler!J1451</f>
        <v>16.905708157115441</v>
      </c>
      <c r="K1425" s="58">
        <f>Bühler!K1451</f>
        <v>0.65009758510226179</v>
      </c>
      <c r="L1425" s="58">
        <f>Bühler!L1451</f>
        <v>0.32504879255113089</v>
      </c>
      <c r="M1425" s="57">
        <f>Bühler!M1451</f>
        <v>0</v>
      </c>
      <c r="N1425" s="55">
        <f>IF(Input!$K$13=1,J1425*Input!$J$13,0)+IF(Input!$K$14=1,K1425*Input!$J$14,0)+IF(Input!$K$15=1,L1425*Input!$J$15,0)+IF(Input!$K$16=1,M1425*Input!$J$16,0)</f>
        <v>2.0286849788538528</v>
      </c>
      <c r="O1425" s="58">
        <f>IF(Input!$K$13=2,J1425*Input!$J$13,0)+IF(Input!$K$14=2,K1425*Input!$J$14,0)+IF(Input!$K$15=2,L1425*Input!$J$15,0)+IF(Input!$K$16=2,M1425*Input!$J$16,0)</f>
        <v>8.7763173988805343E-2</v>
      </c>
      <c r="P1425" s="58">
        <f>IF(Input!$K$13=3,J1425*Input!$J$13,0)+IF(Input!$K$14=3,K1425*Input!$J$14,0)+IF(Input!$K$15=3,L1425*Input!$J$15,0)+IF(Input!$K$16=3,M1425*Input!$J$16,0)</f>
        <v>0</v>
      </c>
      <c r="Q1425" s="71">
        <f>IF(Input!$K$13=4,J1425*Input!$J$13,0)+IF(Input!$K$14=4,K1425*Input!$J$14,0)+IF(Input!$K$15=4,L1425*Input!$J$15,0)+IF(Input!$K$16=4,M1425*Input!$J$16,0)</f>
        <v>0</v>
      </c>
    </row>
    <row r="1426" spans="8:17" x14ac:dyDescent="0.25">
      <c r="H1426" s="43">
        <v>1419</v>
      </c>
      <c r="I1426" s="55">
        <f>Bühler!I1452</f>
        <v>4.263627801062329</v>
      </c>
      <c r="J1426" s="58">
        <f>Bühler!J1452</f>
        <v>16.905708157115441</v>
      </c>
      <c r="K1426" s="58">
        <f>Bühler!K1452</f>
        <v>0.65009758510226179</v>
      </c>
      <c r="L1426" s="58">
        <f>Bühler!L1452</f>
        <v>0.32504879255113089</v>
      </c>
      <c r="M1426" s="57">
        <f>Bühler!M1452</f>
        <v>0</v>
      </c>
      <c r="N1426" s="55">
        <f>IF(Input!$K$13=1,J1426*Input!$J$13,0)+IF(Input!$K$14=1,K1426*Input!$J$14,0)+IF(Input!$K$15=1,L1426*Input!$J$15,0)+IF(Input!$K$16=1,M1426*Input!$J$16,0)</f>
        <v>2.0286849788538528</v>
      </c>
      <c r="O1426" s="58">
        <f>IF(Input!$K$13=2,J1426*Input!$J$13,0)+IF(Input!$K$14=2,K1426*Input!$J$14,0)+IF(Input!$K$15=2,L1426*Input!$J$15,0)+IF(Input!$K$16=2,M1426*Input!$J$16,0)</f>
        <v>8.7763173988805343E-2</v>
      </c>
      <c r="P1426" s="58">
        <f>IF(Input!$K$13=3,J1426*Input!$J$13,0)+IF(Input!$K$14=3,K1426*Input!$J$14,0)+IF(Input!$K$15=3,L1426*Input!$J$15,0)+IF(Input!$K$16=3,M1426*Input!$J$16,0)</f>
        <v>0</v>
      </c>
      <c r="Q1426" s="71">
        <f>IF(Input!$K$13=4,J1426*Input!$J$13,0)+IF(Input!$K$14=4,K1426*Input!$J$14,0)+IF(Input!$K$15=4,L1426*Input!$J$15,0)+IF(Input!$K$16=4,M1426*Input!$J$16,0)</f>
        <v>0</v>
      </c>
    </row>
    <row r="1427" spans="8:17" x14ac:dyDescent="0.25">
      <c r="H1427" s="43">
        <v>1420</v>
      </c>
      <c r="I1427" s="55">
        <f>Bühler!I1453</f>
        <v>4.263627801062329</v>
      </c>
      <c r="J1427" s="58">
        <f>Bühler!J1453</f>
        <v>16.905708157115441</v>
      </c>
      <c r="K1427" s="58">
        <f>Bühler!K1453</f>
        <v>0.65009758510226179</v>
      </c>
      <c r="L1427" s="58">
        <f>Bühler!L1453</f>
        <v>0.32504879255113089</v>
      </c>
      <c r="M1427" s="57">
        <f>Bühler!M1453</f>
        <v>0</v>
      </c>
      <c r="N1427" s="55">
        <f>IF(Input!$K$13=1,J1427*Input!$J$13,0)+IF(Input!$K$14=1,K1427*Input!$J$14,0)+IF(Input!$K$15=1,L1427*Input!$J$15,0)+IF(Input!$K$16=1,M1427*Input!$J$16,0)</f>
        <v>2.0286849788538528</v>
      </c>
      <c r="O1427" s="58">
        <f>IF(Input!$K$13=2,J1427*Input!$J$13,0)+IF(Input!$K$14=2,K1427*Input!$J$14,0)+IF(Input!$K$15=2,L1427*Input!$J$15,0)+IF(Input!$K$16=2,M1427*Input!$J$16,0)</f>
        <v>8.7763173988805343E-2</v>
      </c>
      <c r="P1427" s="58">
        <f>IF(Input!$K$13=3,J1427*Input!$J$13,0)+IF(Input!$K$14=3,K1427*Input!$J$14,0)+IF(Input!$K$15=3,L1427*Input!$J$15,0)+IF(Input!$K$16=3,M1427*Input!$J$16,0)</f>
        <v>0</v>
      </c>
      <c r="Q1427" s="71">
        <f>IF(Input!$K$13=4,J1427*Input!$J$13,0)+IF(Input!$K$14=4,K1427*Input!$J$14,0)+IF(Input!$K$15=4,L1427*Input!$J$15,0)+IF(Input!$K$16=4,M1427*Input!$J$16,0)</f>
        <v>0</v>
      </c>
    </row>
    <row r="1428" spans="8:17" x14ac:dyDescent="0.25">
      <c r="H1428" s="43">
        <v>1421</v>
      </c>
      <c r="I1428" s="55">
        <f>Bühler!I1454</f>
        <v>4.263627801062329</v>
      </c>
      <c r="J1428" s="58">
        <f>Bühler!J1454</f>
        <v>16.905708157115441</v>
      </c>
      <c r="K1428" s="58">
        <f>Bühler!K1454</f>
        <v>0.65009758510226179</v>
      </c>
      <c r="L1428" s="58">
        <f>Bühler!L1454</f>
        <v>0.32504879255113089</v>
      </c>
      <c r="M1428" s="57">
        <f>Bühler!M1454</f>
        <v>0</v>
      </c>
      <c r="N1428" s="55">
        <f>IF(Input!$K$13=1,J1428*Input!$J$13,0)+IF(Input!$K$14=1,K1428*Input!$J$14,0)+IF(Input!$K$15=1,L1428*Input!$J$15,0)+IF(Input!$K$16=1,M1428*Input!$J$16,0)</f>
        <v>2.0286849788538528</v>
      </c>
      <c r="O1428" s="58">
        <f>IF(Input!$K$13=2,J1428*Input!$J$13,0)+IF(Input!$K$14=2,K1428*Input!$J$14,0)+IF(Input!$K$15=2,L1428*Input!$J$15,0)+IF(Input!$K$16=2,M1428*Input!$J$16,0)</f>
        <v>8.7763173988805343E-2</v>
      </c>
      <c r="P1428" s="58">
        <f>IF(Input!$K$13=3,J1428*Input!$J$13,0)+IF(Input!$K$14=3,K1428*Input!$J$14,0)+IF(Input!$K$15=3,L1428*Input!$J$15,0)+IF(Input!$K$16=3,M1428*Input!$J$16,0)</f>
        <v>0</v>
      </c>
      <c r="Q1428" s="71">
        <f>IF(Input!$K$13=4,J1428*Input!$J$13,0)+IF(Input!$K$14=4,K1428*Input!$J$14,0)+IF(Input!$K$15=4,L1428*Input!$J$15,0)+IF(Input!$K$16=4,M1428*Input!$J$16,0)</f>
        <v>0</v>
      </c>
    </row>
    <row r="1429" spans="8:17" x14ac:dyDescent="0.25">
      <c r="H1429" s="43">
        <v>1422</v>
      </c>
      <c r="I1429" s="55">
        <f>Bühler!I1455</f>
        <v>4.263627801062329</v>
      </c>
      <c r="J1429" s="58">
        <f>Bühler!J1455</f>
        <v>16.905708157115441</v>
      </c>
      <c r="K1429" s="58">
        <f>Bühler!K1455</f>
        <v>0.65009758510226179</v>
      </c>
      <c r="L1429" s="58">
        <f>Bühler!L1455</f>
        <v>0.32504879255113089</v>
      </c>
      <c r="M1429" s="57">
        <f>Bühler!M1455</f>
        <v>0</v>
      </c>
      <c r="N1429" s="55">
        <f>IF(Input!$K$13=1,J1429*Input!$J$13,0)+IF(Input!$K$14=1,K1429*Input!$J$14,0)+IF(Input!$K$15=1,L1429*Input!$J$15,0)+IF(Input!$K$16=1,M1429*Input!$J$16,0)</f>
        <v>2.0286849788538528</v>
      </c>
      <c r="O1429" s="58">
        <f>IF(Input!$K$13=2,J1429*Input!$J$13,0)+IF(Input!$K$14=2,K1429*Input!$J$14,0)+IF(Input!$K$15=2,L1429*Input!$J$15,0)+IF(Input!$K$16=2,M1429*Input!$J$16,0)</f>
        <v>8.7763173988805343E-2</v>
      </c>
      <c r="P1429" s="58">
        <f>IF(Input!$K$13=3,J1429*Input!$J$13,0)+IF(Input!$K$14=3,K1429*Input!$J$14,0)+IF(Input!$K$15=3,L1429*Input!$J$15,0)+IF(Input!$K$16=3,M1429*Input!$J$16,0)</f>
        <v>0</v>
      </c>
      <c r="Q1429" s="71">
        <f>IF(Input!$K$13=4,J1429*Input!$J$13,0)+IF(Input!$K$14=4,K1429*Input!$J$14,0)+IF(Input!$K$15=4,L1429*Input!$J$15,0)+IF(Input!$K$16=4,M1429*Input!$J$16,0)</f>
        <v>0</v>
      </c>
    </row>
    <row r="1430" spans="8:17" x14ac:dyDescent="0.25">
      <c r="H1430" s="43">
        <v>1423</v>
      </c>
      <c r="I1430" s="55">
        <f>Bühler!I1456</f>
        <v>4.263627801062329</v>
      </c>
      <c r="J1430" s="58">
        <f>Bühler!J1456</f>
        <v>16.905708157115441</v>
      </c>
      <c r="K1430" s="58">
        <f>Bühler!K1456</f>
        <v>0.65009758510226179</v>
      </c>
      <c r="L1430" s="58">
        <f>Bühler!L1456</f>
        <v>0.32504879255113089</v>
      </c>
      <c r="M1430" s="57">
        <f>Bühler!M1456</f>
        <v>0</v>
      </c>
      <c r="N1430" s="55">
        <f>IF(Input!$K$13=1,J1430*Input!$J$13,0)+IF(Input!$K$14=1,K1430*Input!$J$14,0)+IF(Input!$K$15=1,L1430*Input!$J$15,0)+IF(Input!$K$16=1,M1430*Input!$J$16,0)</f>
        <v>2.0286849788538528</v>
      </c>
      <c r="O1430" s="58">
        <f>IF(Input!$K$13=2,J1430*Input!$J$13,0)+IF(Input!$K$14=2,K1430*Input!$J$14,0)+IF(Input!$K$15=2,L1430*Input!$J$15,0)+IF(Input!$K$16=2,M1430*Input!$J$16,0)</f>
        <v>8.7763173988805343E-2</v>
      </c>
      <c r="P1430" s="58">
        <f>IF(Input!$K$13=3,J1430*Input!$J$13,0)+IF(Input!$K$14=3,K1430*Input!$J$14,0)+IF(Input!$K$15=3,L1430*Input!$J$15,0)+IF(Input!$K$16=3,M1430*Input!$J$16,0)</f>
        <v>0</v>
      </c>
      <c r="Q1430" s="71">
        <f>IF(Input!$K$13=4,J1430*Input!$J$13,0)+IF(Input!$K$14=4,K1430*Input!$J$14,0)+IF(Input!$K$15=4,L1430*Input!$J$15,0)+IF(Input!$K$16=4,M1430*Input!$J$16,0)</f>
        <v>0</v>
      </c>
    </row>
    <row r="1431" spans="8:17" x14ac:dyDescent="0.25">
      <c r="H1431" s="43">
        <v>1424</v>
      </c>
      <c r="I1431" s="55">
        <f>Bühler!I1457</f>
        <v>11.746294591926715</v>
      </c>
      <c r="J1431" s="58">
        <f>Bühler!J1457</f>
        <v>62.952011792808158</v>
      </c>
      <c r="K1431" s="58">
        <f>Bühler!K1457</f>
        <v>2.6575201281907606</v>
      </c>
      <c r="L1431" s="58">
        <f>Bühler!L1457</f>
        <v>1.3287600640953803</v>
      </c>
      <c r="M1431" s="57">
        <f>Bühler!M1457</f>
        <v>0</v>
      </c>
      <c r="N1431" s="55">
        <f>IF(Input!$K$13=1,J1431*Input!$J$13,0)+IF(Input!$K$14=1,K1431*Input!$J$14,0)+IF(Input!$K$15=1,L1431*Input!$J$15,0)+IF(Input!$K$16=1,M1431*Input!$J$16,0)</f>
        <v>7.5542414151369783</v>
      </c>
      <c r="O1431" s="58">
        <f>IF(Input!$K$13=2,J1431*Input!$J$13,0)+IF(Input!$K$14=2,K1431*Input!$J$14,0)+IF(Input!$K$15=2,L1431*Input!$J$15,0)+IF(Input!$K$16=2,M1431*Input!$J$16,0)</f>
        <v>0.35876521730575267</v>
      </c>
      <c r="P1431" s="58">
        <f>IF(Input!$K$13=3,J1431*Input!$J$13,0)+IF(Input!$K$14=3,K1431*Input!$J$14,0)+IF(Input!$K$15=3,L1431*Input!$J$15,0)+IF(Input!$K$16=3,M1431*Input!$J$16,0)</f>
        <v>0</v>
      </c>
      <c r="Q1431" s="71">
        <f>IF(Input!$K$13=4,J1431*Input!$J$13,0)+IF(Input!$K$14=4,K1431*Input!$J$14,0)+IF(Input!$K$15=4,L1431*Input!$J$15,0)+IF(Input!$K$16=4,M1431*Input!$J$16,0)</f>
        <v>0</v>
      </c>
    </row>
    <row r="1432" spans="8:17" x14ac:dyDescent="0.25">
      <c r="H1432" s="43">
        <v>1425</v>
      </c>
      <c r="I1432" s="55">
        <f>Bühler!I1458</f>
        <v>13.1063918604656</v>
      </c>
      <c r="J1432" s="58">
        <f>Bühler!J1458</f>
        <v>70.241192105659636</v>
      </c>
      <c r="K1432" s="58">
        <f>Bühler!K1458</f>
        <v>2.9652329851391648</v>
      </c>
      <c r="L1432" s="58">
        <f>Bühler!L1458</f>
        <v>1.4826164925695824</v>
      </c>
      <c r="M1432" s="57">
        <f>Bühler!M1458</f>
        <v>0</v>
      </c>
      <c r="N1432" s="55">
        <f>IF(Input!$K$13=1,J1432*Input!$J$13,0)+IF(Input!$K$14=1,K1432*Input!$J$14,0)+IF(Input!$K$15=1,L1432*Input!$J$15,0)+IF(Input!$K$16=1,M1432*Input!$J$16,0)</f>
        <v>8.4289430526791556</v>
      </c>
      <c r="O1432" s="58">
        <f>IF(Input!$K$13=2,J1432*Input!$J$13,0)+IF(Input!$K$14=2,K1432*Input!$J$14,0)+IF(Input!$K$15=2,L1432*Input!$J$15,0)+IF(Input!$K$16=2,M1432*Input!$J$16,0)</f>
        <v>0.4003064529937872</v>
      </c>
      <c r="P1432" s="58">
        <f>IF(Input!$K$13=3,J1432*Input!$J$13,0)+IF(Input!$K$14=3,K1432*Input!$J$14,0)+IF(Input!$K$15=3,L1432*Input!$J$15,0)+IF(Input!$K$16=3,M1432*Input!$J$16,0)</f>
        <v>0</v>
      </c>
      <c r="Q1432" s="71">
        <f>IF(Input!$K$13=4,J1432*Input!$J$13,0)+IF(Input!$K$14=4,K1432*Input!$J$14,0)+IF(Input!$K$15=4,L1432*Input!$J$15,0)+IF(Input!$K$16=4,M1432*Input!$J$16,0)</f>
        <v>0</v>
      </c>
    </row>
    <row r="1433" spans="8:17" x14ac:dyDescent="0.25">
      <c r="H1433" s="43">
        <v>1426</v>
      </c>
      <c r="I1433" s="55">
        <f>Bühler!I1459</f>
        <v>14.466489129004481</v>
      </c>
      <c r="J1433" s="58">
        <f>Bühler!J1459</f>
        <v>77.530372418511107</v>
      </c>
      <c r="K1433" s="58">
        <f>Bühler!K1459</f>
        <v>3.2729458420875686</v>
      </c>
      <c r="L1433" s="58">
        <f>Bühler!L1459</f>
        <v>1.6364729210437843</v>
      </c>
      <c r="M1433" s="57">
        <f>Bühler!M1459</f>
        <v>0</v>
      </c>
      <c r="N1433" s="55">
        <f>IF(Input!$K$13=1,J1433*Input!$J$13,0)+IF(Input!$K$14=1,K1433*Input!$J$14,0)+IF(Input!$K$15=1,L1433*Input!$J$15,0)+IF(Input!$K$16=1,M1433*Input!$J$16,0)</f>
        <v>9.3036446902213328</v>
      </c>
      <c r="O1433" s="58">
        <f>IF(Input!$K$13=2,J1433*Input!$J$13,0)+IF(Input!$K$14=2,K1433*Input!$J$14,0)+IF(Input!$K$15=2,L1433*Input!$J$15,0)+IF(Input!$K$16=2,M1433*Input!$J$16,0)</f>
        <v>0.44184768868182173</v>
      </c>
      <c r="P1433" s="58">
        <f>IF(Input!$K$13=3,J1433*Input!$J$13,0)+IF(Input!$K$14=3,K1433*Input!$J$14,0)+IF(Input!$K$15=3,L1433*Input!$J$15,0)+IF(Input!$K$16=3,M1433*Input!$J$16,0)</f>
        <v>0</v>
      </c>
      <c r="Q1433" s="71">
        <f>IF(Input!$K$13=4,J1433*Input!$J$13,0)+IF(Input!$K$14=4,K1433*Input!$J$14,0)+IF(Input!$K$15=4,L1433*Input!$J$15,0)+IF(Input!$K$16=4,M1433*Input!$J$16,0)</f>
        <v>0</v>
      </c>
    </row>
    <row r="1434" spans="8:17" x14ac:dyDescent="0.25">
      <c r="H1434" s="43">
        <v>1427</v>
      </c>
      <c r="I1434" s="55">
        <f>Bühler!I1460</f>
        <v>14.466489129004481</v>
      </c>
      <c r="J1434" s="58">
        <f>Bühler!J1460</f>
        <v>77.530372418511107</v>
      </c>
      <c r="K1434" s="58">
        <f>Bühler!K1460</f>
        <v>3.2729458420875686</v>
      </c>
      <c r="L1434" s="58">
        <f>Bühler!L1460</f>
        <v>1.6364729210437843</v>
      </c>
      <c r="M1434" s="57">
        <f>Bühler!M1460</f>
        <v>0</v>
      </c>
      <c r="N1434" s="55">
        <f>IF(Input!$K$13=1,J1434*Input!$J$13,0)+IF(Input!$K$14=1,K1434*Input!$J$14,0)+IF(Input!$K$15=1,L1434*Input!$J$15,0)+IF(Input!$K$16=1,M1434*Input!$J$16,0)</f>
        <v>9.3036446902213328</v>
      </c>
      <c r="O1434" s="58">
        <f>IF(Input!$K$13=2,J1434*Input!$J$13,0)+IF(Input!$K$14=2,K1434*Input!$J$14,0)+IF(Input!$K$15=2,L1434*Input!$J$15,0)+IF(Input!$K$16=2,M1434*Input!$J$16,0)</f>
        <v>0.44184768868182173</v>
      </c>
      <c r="P1434" s="58">
        <f>IF(Input!$K$13=3,J1434*Input!$J$13,0)+IF(Input!$K$14=3,K1434*Input!$J$14,0)+IF(Input!$K$15=3,L1434*Input!$J$15,0)+IF(Input!$K$16=3,M1434*Input!$J$16,0)</f>
        <v>0</v>
      </c>
      <c r="Q1434" s="71">
        <f>IF(Input!$K$13=4,J1434*Input!$J$13,0)+IF(Input!$K$14=4,K1434*Input!$J$14,0)+IF(Input!$K$15=4,L1434*Input!$J$15,0)+IF(Input!$K$16=4,M1434*Input!$J$16,0)</f>
        <v>0</v>
      </c>
    </row>
    <row r="1435" spans="8:17" x14ac:dyDescent="0.25">
      <c r="H1435" s="43">
        <v>1428</v>
      </c>
      <c r="I1435" s="55">
        <f>Bühler!I1461</f>
        <v>17.31032887231305</v>
      </c>
      <c r="J1435" s="58">
        <f>Bühler!J1461</f>
        <v>92.771385799927799</v>
      </c>
      <c r="K1435" s="58">
        <f>Bühler!K1461</f>
        <v>3.9163454520705949</v>
      </c>
      <c r="L1435" s="58">
        <f>Bühler!L1461</f>
        <v>1.9581727260352975</v>
      </c>
      <c r="M1435" s="57">
        <f>Bühler!M1461</f>
        <v>0</v>
      </c>
      <c r="N1435" s="55">
        <f>IF(Input!$K$13=1,J1435*Input!$J$13,0)+IF(Input!$K$14=1,K1435*Input!$J$14,0)+IF(Input!$K$15=1,L1435*Input!$J$15,0)+IF(Input!$K$16=1,M1435*Input!$J$16,0)</f>
        <v>11.132566295991335</v>
      </c>
      <c r="O1435" s="58">
        <f>IF(Input!$K$13=2,J1435*Input!$J$13,0)+IF(Input!$K$14=2,K1435*Input!$J$14,0)+IF(Input!$K$15=2,L1435*Input!$J$15,0)+IF(Input!$K$16=2,M1435*Input!$J$16,0)</f>
        <v>0.52870663602953027</v>
      </c>
      <c r="P1435" s="58">
        <f>IF(Input!$K$13=3,J1435*Input!$J$13,0)+IF(Input!$K$14=3,K1435*Input!$J$14,0)+IF(Input!$K$15=3,L1435*Input!$J$15,0)+IF(Input!$K$16=3,M1435*Input!$J$16,0)</f>
        <v>0</v>
      </c>
      <c r="Q1435" s="71">
        <f>IF(Input!$K$13=4,J1435*Input!$J$13,0)+IF(Input!$K$14=4,K1435*Input!$J$14,0)+IF(Input!$K$15=4,L1435*Input!$J$15,0)+IF(Input!$K$16=4,M1435*Input!$J$16,0)</f>
        <v>0</v>
      </c>
    </row>
    <row r="1436" spans="8:17" x14ac:dyDescent="0.25">
      <c r="H1436" s="43">
        <v>1429</v>
      </c>
      <c r="I1436" s="55">
        <f>Bühler!I1462</f>
        <v>17.31032887231305</v>
      </c>
      <c r="J1436" s="58">
        <f>Bühler!J1462</f>
        <v>92.771385799927799</v>
      </c>
      <c r="K1436" s="58">
        <f>Bühler!K1462</f>
        <v>3.9163454520705949</v>
      </c>
      <c r="L1436" s="58">
        <f>Bühler!L1462</f>
        <v>1.9581727260352975</v>
      </c>
      <c r="M1436" s="57">
        <f>Bühler!M1462</f>
        <v>0</v>
      </c>
      <c r="N1436" s="55">
        <f>IF(Input!$K$13=1,J1436*Input!$J$13,0)+IF(Input!$K$14=1,K1436*Input!$J$14,0)+IF(Input!$K$15=1,L1436*Input!$J$15,0)+IF(Input!$K$16=1,M1436*Input!$J$16,0)</f>
        <v>11.132566295991335</v>
      </c>
      <c r="O1436" s="58">
        <f>IF(Input!$K$13=2,J1436*Input!$J$13,0)+IF(Input!$K$14=2,K1436*Input!$J$14,0)+IF(Input!$K$15=2,L1436*Input!$J$15,0)+IF(Input!$K$16=2,M1436*Input!$J$16,0)</f>
        <v>0.52870663602953027</v>
      </c>
      <c r="P1436" s="58">
        <f>IF(Input!$K$13=3,J1436*Input!$J$13,0)+IF(Input!$K$14=3,K1436*Input!$J$14,0)+IF(Input!$K$15=3,L1436*Input!$J$15,0)+IF(Input!$K$16=3,M1436*Input!$J$16,0)</f>
        <v>0</v>
      </c>
      <c r="Q1436" s="71">
        <f>IF(Input!$K$13=4,J1436*Input!$J$13,0)+IF(Input!$K$14=4,K1436*Input!$J$14,0)+IF(Input!$K$15=4,L1436*Input!$J$15,0)+IF(Input!$K$16=4,M1436*Input!$J$16,0)</f>
        <v>0</v>
      </c>
    </row>
    <row r="1437" spans="8:17" x14ac:dyDescent="0.25">
      <c r="H1437" s="43">
        <v>1430</v>
      </c>
      <c r="I1437" s="55">
        <f>Bühler!I1463</f>
        <v>11.4990041794651</v>
      </c>
      <c r="J1437" s="58">
        <f>Bühler!J1463</f>
        <v>61.626706281380621</v>
      </c>
      <c r="K1437" s="58">
        <f>Bühler!K1463</f>
        <v>2.6015723360183234</v>
      </c>
      <c r="L1437" s="58">
        <f>Bühler!L1463</f>
        <v>1.3007861680091617</v>
      </c>
      <c r="M1437" s="57">
        <f>Bühler!M1463</f>
        <v>0</v>
      </c>
      <c r="N1437" s="55">
        <f>IF(Input!$K$13=1,J1437*Input!$J$13,0)+IF(Input!$K$14=1,K1437*Input!$J$14,0)+IF(Input!$K$15=1,L1437*Input!$J$15,0)+IF(Input!$K$16=1,M1437*Input!$J$16,0)</f>
        <v>7.3952047537656744</v>
      </c>
      <c r="O1437" s="58">
        <f>IF(Input!$K$13=2,J1437*Input!$J$13,0)+IF(Input!$K$14=2,K1437*Input!$J$14,0)+IF(Input!$K$15=2,L1437*Input!$J$15,0)+IF(Input!$K$16=2,M1437*Input!$J$16,0)</f>
        <v>0.35121226536247363</v>
      </c>
      <c r="P1437" s="58">
        <f>IF(Input!$K$13=3,J1437*Input!$J$13,0)+IF(Input!$K$14=3,K1437*Input!$J$14,0)+IF(Input!$K$15=3,L1437*Input!$J$15,0)+IF(Input!$K$16=3,M1437*Input!$J$16,0)</f>
        <v>0</v>
      </c>
      <c r="Q1437" s="71">
        <f>IF(Input!$K$13=4,J1437*Input!$J$13,0)+IF(Input!$K$14=4,K1437*Input!$J$14,0)+IF(Input!$K$15=4,L1437*Input!$J$15,0)+IF(Input!$K$16=4,M1437*Input!$J$16,0)</f>
        <v>0</v>
      </c>
    </row>
    <row r="1438" spans="8:17" x14ac:dyDescent="0.25">
      <c r="H1438" s="43">
        <v>1431</v>
      </c>
      <c r="I1438" s="55">
        <f>Bühler!I1464</f>
        <v>17.31032887231305</v>
      </c>
      <c r="J1438" s="58">
        <f>Bühler!J1464</f>
        <v>92.771385799927799</v>
      </c>
      <c r="K1438" s="58">
        <f>Bühler!K1464</f>
        <v>3.9163454520705949</v>
      </c>
      <c r="L1438" s="58">
        <f>Bühler!L1464</f>
        <v>1.9581727260352975</v>
      </c>
      <c r="M1438" s="57">
        <f>Bühler!M1464</f>
        <v>0</v>
      </c>
      <c r="N1438" s="55">
        <f>IF(Input!$K$13=1,J1438*Input!$J$13,0)+IF(Input!$K$14=1,K1438*Input!$J$14,0)+IF(Input!$K$15=1,L1438*Input!$J$15,0)+IF(Input!$K$16=1,M1438*Input!$J$16,0)</f>
        <v>11.132566295991335</v>
      </c>
      <c r="O1438" s="58">
        <f>IF(Input!$K$13=2,J1438*Input!$J$13,0)+IF(Input!$K$14=2,K1438*Input!$J$14,0)+IF(Input!$K$15=2,L1438*Input!$J$15,0)+IF(Input!$K$16=2,M1438*Input!$J$16,0)</f>
        <v>0.52870663602953027</v>
      </c>
      <c r="P1438" s="58">
        <f>IF(Input!$K$13=3,J1438*Input!$J$13,0)+IF(Input!$K$14=3,K1438*Input!$J$14,0)+IF(Input!$K$15=3,L1438*Input!$J$15,0)+IF(Input!$K$16=3,M1438*Input!$J$16,0)</f>
        <v>0</v>
      </c>
      <c r="Q1438" s="71">
        <f>IF(Input!$K$13=4,J1438*Input!$J$13,0)+IF(Input!$K$14=4,K1438*Input!$J$14,0)+IF(Input!$K$15=4,L1438*Input!$J$15,0)+IF(Input!$K$16=4,M1438*Input!$J$16,0)</f>
        <v>0</v>
      </c>
    </row>
    <row r="1439" spans="8:17" x14ac:dyDescent="0.25">
      <c r="H1439" s="43">
        <v>1432</v>
      </c>
      <c r="I1439" s="55">
        <f>Bühler!I1465</f>
        <v>17.31032887231305</v>
      </c>
      <c r="J1439" s="58">
        <f>Bühler!J1465</f>
        <v>92.771385799927799</v>
      </c>
      <c r="K1439" s="58">
        <f>Bühler!K1465</f>
        <v>3.9163454520705949</v>
      </c>
      <c r="L1439" s="58">
        <f>Bühler!L1465</f>
        <v>1.9581727260352975</v>
      </c>
      <c r="M1439" s="57">
        <f>Bühler!M1465</f>
        <v>0</v>
      </c>
      <c r="N1439" s="55">
        <f>IF(Input!$K$13=1,J1439*Input!$J$13,0)+IF(Input!$K$14=1,K1439*Input!$J$14,0)+IF(Input!$K$15=1,L1439*Input!$J$15,0)+IF(Input!$K$16=1,M1439*Input!$J$16,0)</f>
        <v>11.132566295991335</v>
      </c>
      <c r="O1439" s="58">
        <f>IF(Input!$K$13=2,J1439*Input!$J$13,0)+IF(Input!$K$14=2,K1439*Input!$J$14,0)+IF(Input!$K$15=2,L1439*Input!$J$15,0)+IF(Input!$K$16=2,M1439*Input!$J$16,0)</f>
        <v>0.52870663602953027</v>
      </c>
      <c r="P1439" s="58">
        <f>IF(Input!$K$13=3,J1439*Input!$J$13,0)+IF(Input!$K$14=3,K1439*Input!$J$14,0)+IF(Input!$K$15=3,L1439*Input!$J$15,0)+IF(Input!$K$16=3,M1439*Input!$J$16,0)</f>
        <v>0</v>
      </c>
      <c r="Q1439" s="71">
        <f>IF(Input!$K$13=4,J1439*Input!$J$13,0)+IF(Input!$K$14=4,K1439*Input!$J$14,0)+IF(Input!$K$15=4,L1439*Input!$J$15,0)+IF(Input!$K$16=4,M1439*Input!$J$16,0)</f>
        <v>0</v>
      </c>
    </row>
    <row r="1440" spans="8:17" x14ac:dyDescent="0.25">
      <c r="H1440" s="43">
        <v>1433</v>
      </c>
      <c r="I1440" s="55">
        <f>Bühler!I1466</f>
        <v>14.464357315103952</v>
      </c>
      <c r="J1440" s="58">
        <f>Bühler!J1466</f>
        <v>59.287782464203559</v>
      </c>
      <c r="K1440" s="58">
        <f>Bühler!K1466</f>
        <v>2.3078464271130295</v>
      </c>
      <c r="L1440" s="58">
        <f>Bühler!L1466</f>
        <v>1.1539232135565147</v>
      </c>
      <c r="M1440" s="57">
        <f>Bühler!M1466</f>
        <v>0</v>
      </c>
      <c r="N1440" s="55">
        <f>IF(Input!$K$13=1,J1440*Input!$J$13,0)+IF(Input!$K$14=1,K1440*Input!$J$14,0)+IF(Input!$K$15=1,L1440*Input!$J$15,0)+IF(Input!$K$16=1,M1440*Input!$J$16,0)</f>
        <v>7.1145338957044268</v>
      </c>
      <c r="O1440" s="58">
        <f>IF(Input!$K$13=2,J1440*Input!$J$13,0)+IF(Input!$K$14=2,K1440*Input!$J$14,0)+IF(Input!$K$15=2,L1440*Input!$J$15,0)+IF(Input!$K$16=2,M1440*Input!$J$16,0)</f>
        <v>0.31155926766025899</v>
      </c>
      <c r="P1440" s="58">
        <f>IF(Input!$K$13=3,J1440*Input!$J$13,0)+IF(Input!$K$14=3,K1440*Input!$J$14,0)+IF(Input!$K$15=3,L1440*Input!$J$15,0)+IF(Input!$K$16=3,M1440*Input!$J$16,0)</f>
        <v>0</v>
      </c>
      <c r="Q1440" s="71">
        <f>IF(Input!$K$13=4,J1440*Input!$J$13,0)+IF(Input!$K$14=4,K1440*Input!$J$14,0)+IF(Input!$K$15=4,L1440*Input!$J$15,0)+IF(Input!$K$16=4,M1440*Input!$J$16,0)</f>
        <v>0</v>
      </c>
    </row>
    <row r="1441" spans="8:17" x14ac:dyDescent="0.25">
      <c r="H1441" s="43">
        <v>1434</v>
      </c>
      <c r="I1441" s="55">
        <f>Bühler!I1467</f>
        <v>11.501135993365631</v>
      </c>
      <c r="J1441" s="58">
        <f>Bühler!J1467</f>
        <v>31.07589435538538</v>
      </c>
      <c r="K1441" s="58">
        <f>Bühler!K1467</f>
        <v>0.984996341064033</v>
      </c>
      <c r="L1441" s="58">
        <f>Bühler!L1467</f>
        <v>0.4924981705320165</v>
      </c>
      <c r="M1441" s="57">
        <f>Bühler!M1467</f>
        <v>0</v>
      </c>
      <c r="N1441" s="55">
        <f>IF(Input!$K$13=1,J1441*Input!$J$13,0)+IF(Input!$K$14=1,K1441*Input!$J$14,0)+IF(Input!$K$15=1,L1441*Input!$J$15,0)+IF(Input!$K$16=1,M1441*Input!$J$16,0)</f>
        <v>3.7291073226462452</v>
      </c>
      <c r="O1441" s="58">
        <f>IF(Input!$K$13=2,J1441*Input!$J$13,0)+IF(Input!$K$14=2,K1441*Input!$J$14,0)+IF(Input!$K$15=2,L1441*Input!$J$15,0)+IF(Input!$K$16=2,M1441*Input!$J$16,0)</f>
        <v>0.13297450604364444</v>
      </c>
      <c r="P1441" s="58">
        <f>IF(Input!$K$13=3,J1441*Input!$J$13,0)+IF(Input!$K$14=3,K1441*Input!$J$14,0)+IF(Input!$K$15=3,L1441*Input!$J$15,0)+IF(Input!$K$16=3,M1441*Input!$J$16,0)</f>
        <v>0</v>
      </c>
      <c r="Q1441" s="71">
        <f>IF(Input!$K$13=4,J1441*Input!$J$13,0)+IF(Input!$K$14=4,K1441*Input!$J$14,0)+IF(Input!$K$15=4,L1441*Input!$J$15,0)+IF(Input!$K$16=4,M1441*Input!$J$16,0)</f>
        <v>0</v>
      </c>
    </row>
    <row r="1442" spans="8:17" x14ac:dyDescent="0.25">
      <c r="H1442" s="43">
        <v>1435</v>
      </c>
      <c r="I1442" s="55">
        <f>Bühler!I1468</f>
        <v>4.263627801062329</v>
      </c>
      <c r="J1442" s="58">
        <f>Bühler!J1468</f>
        <v>16.905708157115441</v>
      </c>
      <c r="K1442" s="58">
        <f>Bühler!K1468</f>
        <v>0.65009758510226179</v>
      </c>
      <c r="L1442" s="58">
        <f>Bühler!L1468</f>
        <v>0.32504879255113089</v>
      </c>
      <c r="M1442" s="57">
        <f>Bühler!M1468</f>
        <v>0</v>
      </c>
      <c r="N1442" s="55">
        <f>IF(Input!$K$13=1,J1442*Input!$J$13,0)+IF(Input!$K$14=1,K1442*Input!$J$14,0)+IF(Input!$K$15=1,L1442*Input!$J$15,0)+IF(Input!$K$16=1,M1442*Input!$J$16,0)</f>
        <v>2.0286849788538528</v>
      </c>
      <c r="O1442" s="58">
        <f>IF(Input!$K$13=2,J1442*Input!$J$13,0)+IF(Input!$K$14=2,K1442*Input!$J$14,0)+IF(Input!$K$15=2,L1442*Input!$J$15,0)+IF(Input!$K$16=2,M1442*Input!$J$16,0)</f>
        <v>8.7763173988805343E-2</v>
      </c>
      <c r="P1442" s="58">
        <f>IF(Input!$K$13=3,J1442*Input!$J$13,0)+IF(Input!$K$14=3,K1442*Input!$J$14,0)+IF(Input!$K$15=3,L1442*Input!$J$15,0)+IF(Input!$K$16=3,M1442*Input!$J$16,0)</f>
        <v>0</v>
      </c>
      <c r="Q1442" s="71">
        <f>IF(Input!$K$13=4,J1442*Input!$J$13,0)+IF(Input!$K$14=4,K1442*Input!$J$14,0)+IF(Input!$K$15=4,L1442*Input!$J$15,0)+IF(Input!$K$16=4,M1442*Input!$J$16,0)</f>
        <v>0</v>
      </c>
    </row>
    <row r="1443" spans="8:17" x14ac:dyDescent="0.25">
      <c r="H1443" s="43">
        <v>1436</v>
      </c>
      <c r="I1443" s="55">
        <f>Bühler!I1469</f>
        <v>4.263627801062329</v>
      </c>
      <c r="J1443" s="58">
        <f>Bühler!J1469</f>
        <v>16.905708157115441</v>
      </c>
      <c r="K1443" s="58">
        <f>Bühler!K1469</f>
        <v>0.65009758510226179</v>
      </c>
      <c r="L1443" s="58">
        <f>Bühler!L1469</f>
        <v>0.32504879255113089</v>
      </c>
      <c r="M1443" s="57">
        <f>Bühler!M1469</f>
        <v>0</v>
      </c>
      <c r="N1443" s="55">
        <f>IF(Input!$K$13=1,J1443*Input!$J$13,0)+IF(Input!$K$14=1,K1443*Input!$J$14,0)+IF(Input!$K$15=1,L1443*Input!$J$15,0)+IF(Input!$K$16=1,M1443*Input!$J$16,0)</f>
        <v>2.0286849788538528</v>
      </c>
      <c r="O1443" s="58">
        <f>IF(Input!$K$13=2,J1443*Input!$J$13,0)+IF(Input!$K$14=2,K1443*Input!$J$14,0)+IF(Input!$K$15=2,L1443*Input!$J$15,0)+IF(Input!$K$16=2,M1443*Input!$J$16,0)</f>
        <v>8.7763173988805343E-2</v>
      </c>
      <c r="P1443" s="58">
        <f>IF(Input!$K$13=3,J1443*Input!$J$13,0)+IF(Input!$K$14=3,K1443*Input!$J$14,0)+IF(Input!$K$15=3,L1443*Input!$J$15,0)+IF(Input!$K$16=3,M1443*Input!$J$16,0)</f>
        <v>0</v>
      </c>
      <c r="Q1443" s="71">
        <f>IF(Input!$K$13=4,J1443*Input!$J$13,0)+IF(Input!$K$14=4,K1443*Input!$J$14,0)+IF(Input!$K$15=4,L1443*Input!$J$15,0)+IF(Input!$K$16=4,M1443*Input!$J$16,0)</f>
        <v>0</v>
      </c>
    </row>
    <row r="1444" spans="8:17" x14ac:dyDescent="0.25">
      <c r="H1444" s="43">
        <v>1437</v>
      </c>
      <c r="I1444" s="55">
        <f>Bühler!I1470</f>
        <v>4.263627801062329</v>
      </c>
      <c r="J1444" s="58">
        <f>Bühler!J1470</f>
        <v>16.905708157115441</v>
      </c>
      <c r="K1444" s="58">
        <f>Bühler!K1470</f>
        <v>0.65009758510226179</v>
      </c>
      <c r="L1444" s="58">
        <f>Bühler!L1470</f>
        <v>0.32504879255113089</v>
      </c>
      <c r="M1444" s="57">
        <f>Bühler!M1470</f>
        <v>0</v>
      </c>
      <c r="N1444" s="55">
        <f>IF(Input!$K$13=1,J1444*Input!$J$13,0)+IF(Input!$K$14=1,K1444*Input!$J$14,0)+IF(Input!$K$15=1,L1444*Input!$J$15,0)+IF(Input!$K$16=1,M1444*Input!$J$16,0)</f>
        <v>2.0286849788538528</v>
      </c>
      <c r="O1444" s="58">
        <f>IF(Input!$K$13=2,J1444*Input!$J$13,0)+IF(Input!$K$14=2,K1444*Input!$J$14,0)+IF(Input!$K$15=2,L1444*Input!$J$15,0)+IF(Input!$K$16=2,M1444*Input!$J$16,0)</f>
        <v>8.7763173988805343E-2</v>
      </c>
      <c r="P1444" s="58">
        <f>IF(Input!$K$13=3,J1444*Input!$J$13,0)+IF(Input!$K$14=3,K1444*Input!$J$14,0)+IF(Input!$K$15=3,L1444*Input!$J$15,0)+IF(Input!$K$16=3,M1444*Input!$J$16,0)</f>
        <v>0</v>
      </c>
      <c r="Q1444" s="71">
        <f>IF(Input!$K$13=4,J1444*Input!$J$13,0)+IF(Input!$K$14=4,K1444*Input!$J$14,0)+IF(Input!$K$15=4,L1444*Input!$J$15,0)+IF(Input!$K$16=4,M1444*Input!$J$16,0)</f>
        <v>0</v>
      </c>
    </row>
    <row r="1445" spans="8:17" x14ac:dyDescent="0.25">
      <c r="H1445" s="43">
        <v>1438</v>
      </c>
      <c r="I1445" s="55">
        <f>Bühler!I1471</f>
        <v>4.263627801062329</v>
      </c>
      <c r="J1445" s="58">
        <f>Bühler!J1471</f>
        <v>16.905708157115441</v>
      </c>
      <c r="K1445" s="58">
        <f>Bühler!K1471</f>
        <v>0.65009758510226179</v>
      </c>
      <c r="L1445" s="58">
        <f>Bühler!L1471</f>
        <v>0.32504879255113089</v>
      </c>
      <c r="M1445" s="57">
        <f>Bühler!M1471</f>
        <v>0</v>
      </c>
      <c r="N1445" s="55">
        <f>IF(Input!$K$13=1,J1445*Input!$J$13,0)+IF(Input!$K$14=1,K1445*Input!$J$14,0)+IF(Input!$K$15=1,L1445*Input!$J$15,0)+IF(Input!$K$16=1,M1445*Input!$J$16,0)</f>
        <v>2.0286849788538528</v>
      </c>
      <c r="O1445" s="58">
        <f>IF(Input!$K$13=2,J1445*Input!$J$13,0)+IF(Input!$K$14=2,K1445*Input!$J$14,0)+IF(Input!$K$15=2,L1445*Input!$J$15,0)+IF(Input!$K$16=2,M1445*Input!$J$16,0)</f>
        <v>8.7763173988805343E-2</v>
      </c>
      <c r="P1445" s="58">
        <f>IF(Input!$K$13=3,J1445*Input!$J$13,0)+IF(Input!$K$14=3,K1445*Input!$J$14,0)+IF(Input!$K$15=3,L1445*Input!$J$15,0)+IF(Input!$K$16=3,M1445*Input!$J$16,0)</f>
        <v>0</v>
      </c>
      <c r="Q1445" s="71">
        <f>IF(Input!$K$13=4,J1445*Input!$J$13,0)+IF(Input!$K$14=4,K1445*Input!$J$14,0)+IF(Input!$K$15=4,L1445*Input!$J$15,0)+IF(Input!$K$16=4,M1445*Input!$J$16,0)</f>
        <v>0</v>
      </c>
    </row>
    <row r="1446" spans="8:17" x14ac:dyDescent="0.25">
      <c r="H1446" s="43">
        <v>1439</v>
      </c>
      <c r="I1446" s="55">
        <f>Bühler!I1472</f>
        <v>4.263627801062329</v>
      </c>
      <c r="J1446" s="58">
        <f>Bühler!J1472</f>
        <v>16.905708157115441</v>
      </c>
      <c r="K1446" s="58">
        <f>Bühler!K1472</f>
        <v>0.65009758510226179</v>
      </c>
      <c r="L1446" s="58">
        <f>Bühler!L1472</f>
        <v>0.32504879255113089</v>
      </c>
      <c r="M1446" s="57">
        <f>Bühler!M1472</f>
        <v>0</v>
      </c>
      <c r="N1446" s="55">
        <f>IF(Input!$K$13=1,J1446*Input!$J$13,0)+IF(Input!$K$14=1,K1446*Input!$J$14,0)+IF(Input!$K$15=1,L1446*Input!$J$15,0)+IF(Input!$K$16=1,M1446*Input!$J$16,0)</f>
        <v>2.0286849788538528</v>
      </c>
      <c r="O1446" s="58">
        <f>IF(Input!$K$13=2,J1446*Input!$J$13,0)+IF(Input!$K$14=2,K1446*Input!$J$14,0)+IF(Input!$K$15=2,L1446*Input!$J$15,0)+IF(Input!$K$16=2,M1446*Input!$J$16,0)</f>
        <v>8.7763173988805343E-2</v>
      </c>
      <c r="P1446" s="58">
        <f>IF(Input!$K$13=3,J1446*Input!$J$13,0)+IF(Input!$K$14=3,K1446*Input!$J$14,0)+IF(Input!$K$15=3,L1446*Input!$J$15,0)+IF(Input!$K$16=3,M1446*Input!$J$16,0)</f>
        <v>0</v>
      </c>
      <c r="Q1446" s="71">
        <f>IF(Input!$K$13=4,J1446*Input!$J$13,0)+IF(Input!$K$14=4,K1446*Input!$J$14,0)+IF(Input!$K$15=4,L1446*Input!$J$15,0)+IF(Input!$K$16=4,M1446*Input!$J$16,0)</f>
        <v>0</v>
      </c>
    </row>
    <row r="1447" spans="8:17" x14ac:dyDescent="0.25">
      <c r="H1447" s="43">
        <v>1440</v>
      </c>
      <c r="I1447" s="55">
        <f>Bühler!I1473</f>
        <v>4.263627801062329</v>
      </c>
      <c r="J1447" s="58">
        <f>Bühler!J1473</f>
        <v>16.905708157115441</v>
      </c>
      <c r="K1447" s="58">
        <f>Bühler!K1473</f>
        <v>0.65009758510226179</v>
      </c>
      <c r="L1447" s="58">
        <f>Bühler!L1473</f>
        <v>0.32504879255113089</v>
      </c>
      <c r="M1447" s="57">
        <f>Bühler!M1473</f>
        <v>0</v>
      </c>
      <c r="N1447" s="55">
        <f>IF(Input!$K$13=1,J1447*Input!$J$13,0)+IF(Input!$K$14=1,K1447*Input!$J$14,0)+IF(Input!$K$15=1,L1447*Input!$J$15,0)+IF(Input!$K$16=1,M1447*Input!$J$16,0)</f>
        <v>2.0286849788538528</v>
      </c>
      <c r="O1447" s="58">
        <f>IF(Input!$K$13=2,J1447*Input!$J$13,0)+IF(Input!$K$14=2,K1447*Input!$J$14,0)+IF(Input!$K$15=2,L1447*Input!$J$15,0)+IF(Input!$K$16=2,M1447*Input!$J$16,0)</f>
        <v>8.7763173988805343E-2</v>
      </c>
      <c r="P1447" s="58">
        <f>IF(Input!$K$13=3,J1447*Input!$J$13,0)+IF(Input!$K$14=3,K1447*Input!$J$14,0)+IF(Input!$K$15=3,L1447*Input!$J$15,0)+IF(Input!$K$16=3,M1447*Input!$J$16,0)</f>
        <v>0</v>
      </c>
      <c r="Q1447" s="71">
        <f>IF(Input!$K$13=4,J1447*Input!$J$13,0)+IF(Input!$K$14=4,K1447*Input!$J$14,0)+IF(Input!$K$15=4,L1447*Input!$J$15,0)+IF(Input!$K$16=4,M1447*Input!$J$16,0)</f>
        <v>0</v>
      </c>
    </row>
    <row r="1448" spans="8:17" x14ac:dyDescent="0.25">
      <c r="H1448" s="43">
        <v>1441</v>
      </c>
      <c r="I1448" s="55">
        <f>Bühler!I1474</f>
        <v>3.1405544107908479</v>
      </c>
      <c r="J1448" s="58">
        <f>Bühler!J1474</f>
        <v>14.693139533854191</v>
      </c>
      <c r="K1448" s="58">
        <f>Bühler!K1474</f>
        <v>0.63845134595117914</v>
      </c>
      <c r="L1448" s="58">
        <f>Bühler!L1474</f>
        <v>0.31922567297558957</v>
      </c>
      <c r="M1448" s="57">
        <f>Bühler!M1474</f>
        <v>0</v>
      </c>
      <c r="N1448" s="55">
        <f>IF(Input!$K$13=1,J1448*Input!$J$13,0)+IF(Input!$K$14=1,K1448*Input!$J$14,0)+IF(Input!$K$15=1,L1448*Input!$J$15,0)+IF(Input!$K$16=1,M1448*Input!$J$16,0)</f>
        <v>1.763176744062503</v>
      </c>
      <c r="O1448" s="58">
        <f>IF(Input!$K$13=2,J1448*Input!$J$13,0)+IF(Input!$K$14=2,K1448*Input!$J$14,0)+IF(Input!$K$15=2,L1448*Input!$J$15,0)+IF(Input!$K$16=2,M1448*Input!$J$16,0)</f>
        <v>8.619093170340919E-2</v>
      </c>
      <c r="P1448" s="58">
        <f>IF(Input!$K$13=3,J1448*Input!$J$13,0)+IF(Input!$K$14=3,K1448*Input!$J$14,0)+IF(Input!$K$15=3,L1448*Input!$J$15,0)+IF(Input!$K$16=3,M1448*Input!$J$16,0)</f>
        <v>0</v>
      </c>
      <c r="Q1448" s="71">
        <f>IF(Input!$K$13=4,J1448*Input!$J$13,0)+IF(Input!$K$14=4,K1448*Input!$J$14,0)+IF(Input!$K$15=4,L1448*Input!$J$15,0)+IF(Input!$K$16=4,M1448*Input!$J$16,0)</f>
        <v>0</v>
      </c>
    </row>
    <row r="1449" spans="8:17" x14ac:dyDescent="0.25">
      <c r="H1449" s="43">
        <v>1442</v>
      </c>
      <c r="I1449" s="55">
        <f>Bühler!I1475</f>
        <v>3.1405544107908479</v>
      </c>
      <c r="J1449" s="58">
        <f>Bühler!J1475</f>
        <v>14.693139533854191</v>
      </c>
      <c r="K1449" s="58">
        <f>Bühler!K1475</f>
        <v>0.63845134595117914</v>
      </c>
      <c r="L1449" s="58">
        <f>Bühler!L1475</f>
        <v>0.31922567297558957</v>
      </c>
      <c r="M1449" s="57">
        <f>Bühler!M1475</f>
        <v>0</v>
      </c>
      <c r="N1449" s="55">
        <f>IF(Input!$K$13=1,J1449*Input!$J$13,0)+IF(Input!$K$14=1,K1449*Input!$J$14,0)+IF(Input!$K$15=1,L1449*Input!$J$15,0)+IF(Input!$K$16=1,M1449*Input!$J$16,0)</f>
        <v>1.763176744062503</v>
      </c>
      <c r="O1449" s="58">
        <f>IF(Input!$K$13=2,J1449*Input!$J$13,0)+IF(Input!$K$14=2,K1449*Input!$J$14,0)+IF(Input!$K$15=2,L1449*Input!$J$15,0)+IF(Input!$K$16=2,M1449*Input!$J$16,0)</f>
        <v>8.619093170340919E-2</v>
      </c>
      <c r="P1449" s="58">
        <f>IF(Input!$K$13=3,J1449*Input!$J$13,0)+IF(Input!$K$14=3,K1449*Input!$J$14,0)+IF(Input!$K$15=3,L1449*Input!$J$15,0)+IF(Input!$K$16=3,M1449*Input!$J$16,0)</f>
        <v>0</v>
      </c>
      <c r="Q1449" s="71">
        <f>IF(Input!$K$13=4,J1449*Input!$J$13,0)+IF(Input!$K$14=4,K1449*Input!$J$14,0)+IF(Input!$K$15=4,L1449*Input!$J$15,0)+IF(Input!$K$16=4,M1449*Input!$J$16,0)</f>
        <v>0</v>
      </c>
    </row>
    <row r="1450" spans="8:17" x14ac:dyDescent="0.25">
      <c r="H1450" s="43">
        <v>1443</v>
      </c>
      <c r="I1450" s="55">
        <f>Bühler!I1476</f>
        <v>3.1405544107908479</v>
      </c>
      <c r="J1450" s="58">
        <f>Bühler!J1476</f>
        <v>14.693139533854191</v>
      </c>
      <c r="K1450" s="58">
        <f>Bühler!K1476</f>
        <v>0.63845134595117914</v>
      </c>
      <c r="L1450" s="58">
        <f>Bühler!L1476</f>
        <v>0.31922567297558957</v>
      </c>
      <c r="M1450" s="57">
        <f>Bühler!M1476</f>
        <v>0</v>
      </c>
      <c r="N1450" s="55">
        <f>IF(Input!$K$13=1,J1450*Input!$J$13,0)+IF(Input!$K$14=1,K1450*Input!$J$14,0)+IF(Input!$K$15=1,L1450*Input!$J$15,0)+IF(Input!$K$16=1,M1450*Input!$J$16,0)</f>
        <v>1.763176744062503</v>
      </c>
      <c r="O1450" s="58">
        <f>IF(Input!$K$13=2,J1450*Input!$J$13,0)+IF(Input!$K$14=2,K1450*Input!$J$14,0)+IF(Input!$K$15=2,L1450*Input!$J$15,0)+IF(Input!$K$16=2,M1450*Input!$J$16,0)</f>
        <v>8.619093170340919E-2</v>
      </c>
      <c r="P1450" s="58">
        <f>IF(Input!$K$13=3,J1450*Input!$J$13,0)+IF(Input!$K$14=3,K1450*Input!$J$14,0)+IF(Input!$K$15=3,L1450*Input!$J$15,0)+IF(Input!$K$16=3,M1450*Input!$J$16,0)</f>
        <v>0</v>
      </c>
      <c r="Q1450" s="71">
        <f>IF(Input!$K$13=4,J1450*Input!$J$13,0)+IF(Input!$K$14=4,K1450*Input!$J$14,0)+IF(Input!$K$15=4,L1450*Input!$J$15,0)+IF(Input!$K$16=4,M1450*Input!$J$16,0)</f>
        <v>0</v>
      </c>
    </row>
    <row r="1451" spans="8:17" x14ac:dyDescent="0.25">
      <c r="H1451" s="43">
        <v>1444</v>
      </c>
      <c r="I1451" s="55">
        <f>Bühler!I1477</f>
        <v>3.1405544107908479</v>
      </c>
      <c r="J1451" s="58">
        <f>Bühler!J1477</f>
        <v>14.693139533854191</v>
      </c>
      <c r="K1451" s="58">
        <f>Bühler!K1477</f>
        <v>0.63845134595117914</v>
      </c>
      <c r="L1451" s="58">
        <f>Bühler!L1477</f>
        <v>0.31922567297558957</v>
      </c>
      <c r="M1451" s="57">
        <f>Bühler!M1477</f>
        <v>0</v>
      </c>
      <c r="N1451" s="55">
        <f>IF(Input!$K$13=1,J1451*Input!$J$13,0)+IF(Input!$K$14=1,K1451*Input!$J$14,0)+IF(Input!$K$15=1,L1451*Input!$J$15,0)+IF(Input!$K$16=1,M1451*Input!$J$16,0)</f>
        <v>1.763176744062503</v>
      </c>
      <c r="O1451" s="58">
        <f>IF(Input!$K$13=2,J1451*Input!$J$13,0)+IF(Input!$K$14=2,K1451*Input!$J$14,0)+IF(Input!$K$15=2,L1451*Input!$J$15,0)+IF(Input!$K$16=2,M1451*Input!$J$16,0)</f>
        <v>8.619093170340919E-2</v>
      </c>
      <c r="P1451" s="58">
        <f>IF(Input!$K$13=3,J1451*Input!$J$13,0)+IF(Input!$K$14=3,K1451*Input!$J$14,0)+IF(Input!$K$15=3,L1451*Input!$J$15,0)+IF(Input!$K$16=3,M1451*Input!$J$16,0)</f>
        <v>0</v>
      </c>
      <c r="Q1451" s="71">
        <f>IF(Input!$K$13=4,J1451*Input!$J$13,0)+IF(Input!$K$14=4,K1451*Input!$J$14,0)+IF(Input!$K$15=4,L1451*Input!$J$15,0)+IF(Input!$K$16=4,M1451*Input!$J$16,0)</f>
        <v>0</v>
      </c>
    </row>
    <row r="1452" spans="8:17" x14ac:dyDescent="0.25">
      <c r="H1452" s="43">
        <v>1445</v>
      </c>
      <c r="I1452" s="55">
        <f>Bühler!I1478</f>
        <v>3.1405544107908479</v>
      </c>
      <c r="J1452" s="58">
        <f>Bühler!J1478</f>
        <v>14.693139533854191</v>
      </c>
      <c r="K1452" s="58">
        <f>Bühler!K1478</f>
        <v>0.63845134595117914</v>
      </c>
      <c r="L1452" s="58">
        <f>Bühler!L1478</f>
        <v>0.31922567297558957</v>
      </c>
      <c r="M1452" s="57">
        <f>Bühler!M1478</f>
        <v>0</v>
      </c>
      <c r="N1452" s="55">
        <f>IF(Input!$K$13=1,J1452*Input!$J$13,0)+IF(Input!$K$14=1,K1452*Input!$J$14,0)+IF(Input!$K$15=1,L1452*Input!$J$15,0)+IF(Input!$K$16=1,M1452*Input!$J$16,0)</f>
        <v>1.763176744062503</v>
      </c>
      <c r="O1452" s="58">
        <f>IF(Input!$K$13=2,J1452*Input!$J$13,0)+IF(Input!$K$14=2,K1452*Input!$J$14,0)+IF(Input!$K$15=2,L1452*Input!$J$15,0)+IF(Input!$K$16=2,M1452*Input!$J$16,0)</f>
        <v>8.619093170340919E-2</v>
      </c>
      <c r="P1452" s="58">
        <f>IF(Input!$K$13=3,J1452*Input!$J$13,0)+IF(Input!$K$14=3,K1452*Input!$J$14,0)+IF(Input!$K$15=3,L1452*Input!$J$15,0)+IF(Input!$K$16=3,M1452*Input!$J$16,0)</f>
        <v>0</v>
      </c>
      <c r="Q1452" s="71">
        <f>IF(Input!$K$13=4,J1452*Input!$J$13,0)+IF(Input!$K$14=4,K1452*Input!$J$14,0)+IF(Input!$K$15=4,L1452*Input!$J$15,0)+IF(Input!$K$16=4,M1452*Input!$J$16,0)</f>
        <v>0</v>
      </c>
    </row>
    <row r="1453" spans="8:17" x14ac:dyDescent="0.25">
      <c r="H1453" s="43">
        <v>1446</v>
      </c>
      <c r="I1453" s="55">
        <f>Bühler!I1479</f>
        <v>3.1405544107908479</v>
      </c>
      <c r="J1453" s="58">
        <f>Bühler!J1479</f>
        <v>14.693139533854191</v>
      </c>
      <c r="K1453" s="58">
        <f>Bühler!K1479</f>
        <v>0.63845134595117914</v>
      </c>
      <c r="L1453" s="58">
        <f>Bühler!L1479</f>
        <v>0.31922567297558957</v>
      </c>
      <c r="M1453" s="57">
        <f>Bühler!M1479</f>
        <v>0</v>
      </c>
      <c r="N1453" s="55">
        <f>IF(Input!$K$13=1,J1453*Input!$J$13,0)+IF(Input!$K$14=1,K1453*Input!$J$14,0)+IF(Input!$K$15=1,L1453*Input!$J$15,0)+IF(Input!$K$16=1,M1453*Input!$J$16,0)</f>
        <v>1.763176744062503</v>
      </c>
      <c r="O1453" s="58">
        <f>IF(Input!$K$13=2,J1453*Input!$J$13,0)+IF(Input!$K$14=2,K1453*Input!$J$14,0)+IF(Input!$K$15=2,L1453*Input!$J$15,0)+IF(Input!$K$16=2,M1453*Input!$J$16,0)</f>
        <v>8.619093170340919E-2</v>
      </c>
      <c r="P1453" s="58">
        <f>IF(Input!$K$13=3,J1453*Input!$J$13,0)+IF(Input!$K$14=3,K1453*Input!$J$14,0)+IF(Input!$K$15=3,L1453*Input!$J$15,0)+IF(Input!$K$16=3,M1453*Input!$J$16,0)</f>
        <v>0</v>
      </c>
      <c r="Q1453" s="71">
        <f>IF(Input!$K$13=4,J1453*Input!$J$13,0)+IF(Input!$K$14=4,K1453*Input!$J$14,0)+IF(Input!$K$15=4,L1453*Input!$J$15,0)+IF(Input!$K$16=4,M1453*Input!$J$16,0)</f>
        <v>0</v>
      </c>
    </row>
    <row r="1454" spans="8:17" x14ac:dyDescent="0.25">
      <c r="H1454" s="43">
        <v>1447</v>
      </c>
      <c r="I1454" s="55">
        <f>Bühler!I1480</f>
        <v>3.1405544107908479</v>
      </c>
      <c r="J1454" s="58">
        <f>Bühler!J1480</f>
        <v>14.693139533854191</v>
      </c>
      <c r="K1454" s="58">
        <f>Bühler!K1480</f>
        <v>0.63845134595117914</v>
      </c>
      <c r="L1454" s="58">
        <f>Bühler!L1480</f>
        <v>0.31922567297558957</v>
      </c>
      <c r="M1454" s="57">
        <f>Bühler!M1480</f>
        <v>0</v>
      </c>
      <c r="N1454" s="55">
        <f>IF(Input!$K$13=1,J1454*Input!$J$13,0)+IF(Input!$K$14=1,K1454*Input!$J$14,0)+IF(Input!$K$15=1,L1454*Input!$J$15,0)+IF(Input!$K$16=1,M1454*Input!$J$16,0)</f>
        <v>1.763176744062503</v>
      </c>
      <c r="O1454" s="58">
        <f>IF(Input!$K$13=2,J1454*Input!$J$13,0)+IF(Input!$K$14=2,K1454*Input!$J$14,0)+IF(Input!$K$15=2,L1454*Input!$J$15,0)+IF(Input!$K$16=2,M1454*Input!$J$16,0)</f>
        <v>8.619093170340919E-2</v>
      </c>
      <c r="P1454" s="58">
        <f>IF(Input!$K$13=3,J1454*Input!$J$13,0)+IF(Input!$K$14=3,K1454*Input!$J$14,0)+IF(Input!$K$15=3,L1454*Input!$J$15,0)+IF(Input!$K$16=3,M1454*Input!$J$16,0)</f>
        <v>0</v>
      </c>
      <c r="Q1454" s="71">
        <f>IF(Input!$K$13=4,J1454*Input!$J$13,0)+IF(Input!$K$14=4,K1454*Input!$J$14,0)+IF(Input!$K$15=4,L1454*Input!$J$15,0)+IF(Input!$K$16=4,M1454*Input!$J$16,0)</f>
        <v>0</v>
      </c>
    </row>
    <row r="1455" spans="8:17" x14ac:dyDescent="0.25">
      <c r="H1455" s="43">
        <v>1448</v>
      </c>
      <c r="I1455" s="55">
        <f>Bühler!I1481</f>
        <v>8.6522274017287852</v>
      </c>
      <c r="J1455" s="58">
        <f>Bühler!J1481</f>
        <v>55.528963541769947</v>
      </c>
      <c r="K1455" s="58">
        <f>Bühler!K1481</f>
        <v>2.6099117142064867</v>
      </c>
      <c r="L1455" s="58">
        <f>Bühler!L1481</f>
        <v>1.3049558571032434</v>
      </c>
      <c r="M1455" s="57">
        <f>Bühler!M1481</f>
        <v>0</v>
      </c>
      <c r="N1455" s="55">
        <f>IF(Input!$K$13=1,J1455*Input!$J$13,0)+IF(Input!$K$14=1,K1455*Input!$J$14,0)+IF(Input!$K$15=1,L1455*Input!$J$15,0)+IF(Input!$K$16=1,M1455*Input!$J$16,0)</f>
        <v>6.663475625012393</v>
      </c>
      <c r="O1455" s="58">
        <f>IF(Input!$K$13=2,J1455*Input!$J$13,0)+IF(Input!$K$14=2,K1455*Input!$J$14,0)+IF(Input!$K$15=2,L1455*Input!$J$15,0)+IF(Input!$K$16=2,M1455*Input!$J$16,0)</f>
        <v>0.3523380814178757</v>
      </c>
      <c r="P1455" s="58">
        <f>IF(Input!$K$13=3,J1455*Input!$J$13,0)+IF(Input!$K$14=3,K1455*Input!$J$14,0)+IF(Input!$K$15=3,L1455*Input!$J$15,0)+IF(Input!$K$16=3,M1455*Input!$J$16,0)</f>
        <v>0</v>
      </c>
      <c r="Q1455" s="71">
        <f>IF(Input!$K$13=4,J1455*Input!$J$13,0)+IF(Input!$K$14=4,K1455*Input!$J$14,0)+IF(Input!$K$15=4,L1455*Input!$J$15,0)+IF(Input!$K$16=4,M1455*Input!$J$16,0)</f>
        <v>0</v>
      </c>
    </row>
    <row r="1456" spans="8:17" x14ac:dyDescent="0.25">
      <c r="H1456" s="43">
        <v>1449</v>
      </c>
      <c r="I1456" s="55">
        <f>Bühler!I1482</f>
        <v>9.6540642587710668</v>
      </c>
      <c r="J1456" s="58">
        <f>Bühler!J1482</f>
        <v>61.958633004501216</v>
      </c>
      <c r="K1456" s="58">
        <f>Bühler!K1482</f>
        <v>2.9121120179567117</v>
      </c>
      <c r="L1456" s="58">
        <f>Bühler!L1482</f>
        <v>1.4560560089783559</v>
      </c>
      <c r="M1456" s="57">
        <f>Bühler!M1482</f>
        <v>0</v>
      </c>
      <c r="N1456" s="55">
        <f>IF(Input!$K$13=1,J1456*Input!$J$13,0)+IF(Input!$K$14=1,K1456*Input!$J$14,0)+IF(Input!$K$15=1,L1456*Input!$J$15,0)+IF(Input!$K$16=1,M1456*Input!$J$16,0)</f>
        <v>7.4350359605401453</v>
      </c>
      <c r="O1456" s="58">
        <f>IF(Input!$K$13=2,J1456*Input!$J$13,0)+IF(Input!$K$14=2,K1456*Input!$J$14,0)+IF(Input!$K$15=2,L1456*Input!$J$15,0)+IF(Input!$K$16=2,M1456*Input!$J$16,0)</f>
        <v>0.39313512242415605</v>
      </c>
      <c r="P1456" s="58">
        <f>IF(Input!$K$13=3,J1456*Input!$J$13,0)+IF(Input!$K$14=3,K1456*Input!$J$14,0)+IF(Input!$K$15=3,L1456*Input!$J$15,0)+IF(Input!$K$16=3,M1456*Input!$J$16,0)</f>
        <v>0</v>
      </c>
      <c r="Q1456" s="71">
        <f>IF(Input!$K$13=4,J1456*Input!$J$13,0)+IF(Input!$K$14=4,K1456*Input!$J$14,0)+IF(Input!$K$15=4,L1456*Input!$J$15,0)+IF(Input!$K$16=4,M1456*Input!$J$16,0)</f>
        <v>0</v>
      </c>
    </row>
    <row r="1457" spans="8:17" x14ac:dyDescent="0.25">
      <c r="H1457" s="43">
        <v>1450</v>
      </c>
      <c r="I1457" s="55">
        <f>Bühler!I1483</f>
        <v>10.655901115813347</v>
      </c>
      <c r="J1457" s="58">
        <f>Bühler!J1483</f>
        <v>68.388302467232478</v>
      </c>
      <c r="K1457" s="58">
        <f>Bühler!K1483</f>
        <v>3.2143123217069367</v>
      </c>
      <c r="L1457" s="58">
        <f>Bühler!L1483</f>
        <v>1.6071561608534684</v>
      </c>
      <c r="M1457" s="57">
        <f>Bühler!M1483</f>
        <v>0</v>
      </c>
      <c r="N1457" s="55">
        <f>IF(Input!$K$13=1,J1457*Input!$J$13,0)+IF(Input!$K$14=1,K1457*Input!$J$14,0)+IF(Input!$K$15=1,L1457*Input!$J$15,0)+IF(Input!$K$16=1,M1457*Input!$J$16,0)</f>
        <v>8.2065962960678966</v>
      </c>
      <c r="O1457" s="58">
        <f>IF(Input!$K$13=2,J1457*Input!$J$13,0)+IF(Input!$K$14=2,K1457*Input!$J$14,0)+IF(Input!$K$15=2,L1457*Input!$J$15,0)+IF(Input!$K$16=2,M1457*Input!$J$16,0)</f>
        <v>0.43393216343043645</v>
      </c>
      <c r="P1457" s="58">
        <f>IF(Input!$K$13=3,J1457*Input!$J$13,0)+IF(Input!$K$14=3,K1457*Input!$J$14,0)+IF(Input!$K$15=3,L1457*Input!$J$15,0)+IF(Input!$K$16=3,M1457*Input!$J$16,0)</f>
        <v>0</v>
      </c>
      <c r="Q1457" s="71">
        <f>IF(Input!$K$13=4,J1457*Input!$J$13,0)+IF(Input!$K$14=4,K1457*Input!$J$14,0)+IF(Input!$K$15=4,L1457*Input!$J$15,0)+IF(Input!$K$16=4,M1457*Input!$J$16,0)</f>
        <v>0</v>
      </c>
    </row>
    <row r="1458" spans="8:17" x14ac:dyDescent="0.25">
      <c r="H1458" s="43">
        <v>1451</v>
      </c>
      <c r="I1458" s="55">
        <f>Bühler!I1484</f>
        <v>10.655901115813347</v>
      </c>
      <c r="J1458" s="58">
        <f>Bühler!J1484</f>
        <v>68.388302467232478</v>
      </c>
      <c r="K1458" s="58">
        <f>Bühler!K1484</f>
        <v>3.2143123217069367</v>
      </c>
      <c r="L1458" s="58">
        <f>Bühler!L1484</f>
        <v>1.6071561608534684</v>
      </c>
      <c r="M1458" s="57">
        <f>Bühler!M1484</f>
        <v>0</v>
      </c>
      <c r="N1458" s="55">
        <f>IF(Input!$K$13=1,J1458*Input!$J$13,0)+IF(Input!$K$14=1,K1458*Input!$J$14,0)+IF(Input!$K$15=1,L1458*Input!$J$15,0)+IF(Input!$K$16=1,M1458*Input!$J$16,0)</f>
        <v>8.2065962960678966</v>
      </c>
      <c r="O1458" s="58">
        <f>IF(Input!$K$13=2,J1458*Input!$J$13,0)+IF(Input!$K$14=2,K1458*Input!$J$14,0)+IF(Input!$K$15=2,L1458*Input!$J$15,0)+IF(Input!$K$16=2,M1458*Input!$J$16,0)</f>
        <v>0.43393216343043645</v>
      </c>
      <c r="P1458" s="58">
        <f>IF(Input!$K$13=3,J1458*Input!$J$13,0)+IF(Input!$K$14=3,K1458*Input!$J$14,0)+IF(Input!$K$15=3,L1458*Input!$J$15,0)+IF(Input!$K$16=3,M1458*Input!$J$16,0)</f>
        <v>0</v>
      </c>
      <c r="Q1458" s="71">
        <f>IF(Input!$K$13=4,J1458*Input!$J$13,0)+IF(Input!$K$14=4,K1458*Input!$J$14,0)+IF(Input!$K$15=4,L1458*Input!$J$15,0)+IF(Input!$K$16=4,M1458*Input!$J$16,0)</f>
        <v>0</v>
      </c>
    </row>
    <row r="1459" spans="8:17" x14ac:dyDescent="0.25">
      <c r="H1459" s="43">
        <v>1452</v>
      </c>
      <c r="I1459" s="55">
        <f>Bühler!I1485</f>
        <v>12.75065090781084</v>
      </c>
      <c r="J1459" s="58">
        <f>Bühler!J1485</f>
        <v>81.832156798397818</v>
      </c>
      <c r="K1459" s="58">
        <f>Bühler!K1485</f>
        <v>3.8461856840937694</v>
      </c>
      <c r="L1459" s="58">
        <f>Bühler!L1485</f>
        <v>1.9230928420468847</v>
      </c>
      <c r="M1459" s="57">
        <f>Bühler!M1485</f>
        <v>0</v>
      </c>
      <c r="N1459" s="55">
        <f>IF(Input!$K$13=1,J1459*Input!$J$13,0)+IF(Input!$K$14=1,K1459*Input!$J$14,0)+IF(Input!$K$15=1,L1459*Input!$J$15,0)+IF(Input!$K$16=1,M1459*Input!$J$16,0)</f>
        <v>9.8198588158077378</v>
      </c>
      <c r="O1459" s="58">
        <f>IF(Input!$K$13=2,J1459*Input!$J$13,0)+IF(Input!$K$14=2,K1459*Input!$J$14,0)+IF(Input!$K$15=2,L1459*Input!$J$15,0)+IF(Input!$K$16=2,M1459*Input!$J$16,0)</f>
        <v>0.5192350673526589</v>
      </c>
      <c r="P1459" s="58">
        <f>IF(Input!$K$13=3,J1459*Input!$J$13,0)+IF(Input!$K$14=3,K1459*Input!$J$14,0)+IF(Input!$K$15=3,L1459*Input!$J$15,0)+IF(Input!$K$16=3,M1459*Input!$J$16,0)</f>
        <v>0</v>
      </c>
      <c r="Q1459" s="71">
        <f>IF(Input!$K$13=4,J1459*Input!$J$13,0)+IF(Input!$K$14=4,K1459*Input!$J$14,0)+IF(Input!$K$15=4,L1459*Input!$J$15,0)+IF(Input!$K$16=4,M1459*Input!$J$16,0)</f>
        <v>0</v>
      </c>
    </row>
    <row r="1460" spans="8:17" x14ac:dyDescent="0.25">
      <c r="H1460" s="43">
        <v>1453</v>
      </c>
      <c r="I1460" s="55">
        <f>Bühler!I1486</f>
        <v>12.75065090781084</v>
      </c>
      <c r="J1460" s="58">
        <f>Bühler!J1486</f>
        <v>81.832156798397818</v>
      </c>
      <c r="K1460" s="58">
        <f>Bühler!K1486</f>
        <v>3.8461856840937694</v>
      </c>
      <c r="L1460" s="58">
        <f>Bühler!L1486</f>
        <v>1.9230928420468847</v>
      </c>
      <c r="M1460" s="57">
        <f>Bühler!M1486</f>
        <v>0</v>
      </c>
      <c r="N1460" s="55">
        <f>IF(Input!$K$13=1,J1460*Input!$J$13,0)+IF(Input!$K$14=1,K1460*Input!$J$14,0)+IF(Input!$K$15=1,L1460*Input!$J$15,0)+IF(Input!$K$16=1,M1460*Input!$J$16,0)</f>
        <v>9.8198588158077378</v>
      </c>
      <c r="O1460" s="58">
        <f>IF(Input!$K$13=2,J1460*Input!$J$13,0)+IF(Input!$K$14=2,K1460*Input!$J$14,0)+IF(Input!$K$15=2,L1460*Input!$J$15,0)+IF(Input!$K$16=2,M1460*Input!$J$16,0)</f>
        <v>0.5192350673526589</v>
      </c>
      <c r="P1460" s="58">
        <f>IF(Input!$K$13=3,J1460*Input!$J$13,0)+IF(Input!$K$14=3,K1460*Input!$J$14,0)+IF(Input!$K$15=3,L1460*Input!$J$15,0)+IF(Input!$K$16=3,M1460*Input!$J$16,0)</f>
        <v>0</v>
      </c>
      <c r="Q1460" s="71">
        <f>IF(Input!$K$13=4,J1460*Input!$J$13,0)+IF(Input!$K$14=4,K1460*Input!$J$14,0)+IF(Input!$K$15=4,L1460*Input!$J$15,0)+IF(Input!$K$16=4,M1460*Input!$J$16,0)</f>
        <v>0</v>
      </c>
    </row>
    <row r="1461" spans="8:17" x14ac:dyDescent="0.25">
      <c r="H1461" s="43">
        <v>1454</v>
      </c>
      <c r="I1461" s="55">
        <f>Bühler!I1487</f>
        <v>8.4700752459029172</v>
      </c>
      <c r="J1461" s="58">
        <f>Bühler!J1487</f>
        <v>54.359932730364271</v>
      </c>
      <c r="K1461" s="58">
        <f>Bühler!K1487</f>
        <v>2.5549662044337187</v>
      </c>
      <c r="L1461" s="58">
        <f>Bühler!L1487</f>
        <v>1.2774831022168593</v>
      </c>
      <c r="M1461" s="57">
        <f>Bühler!M1487</f>
        <v>0</v>
      </c>
      <c r="N1461" s="55">
        <f>IF(Input!$K$13=1,J1461*Input!$J$13,0)+IF(Input!$K$14=1,K1461*Input!$J$14,0)+IF(Input!$K$15=1,L1461*Input!$J$15,0)+IF(Input!$K$16=1,M1461*Input!$J$16,0)</f>
        <v>6.5231919276437127</v>
      </c>
      <c r="O1461" s="58">
        <f>IF(Input!$K$13=2,J1461*Input!$J$13,0)+IF(Input!$K$14=2,K1461*Input!$J$14,0)+IF(Input!$K$15=2,L1461*Input!$J$15,0)+IF(Input!$K$16=2,M1461*Input!$J$16,0)</f>
        <v>0.34492043759855201</v>
      </c>
      <c r="P1461" s="58">
        <f>IF(Input!$K$13=3,J1461*Input!$J$13,0)+IF(Input!$K$14=3,K1461*Input!$J$14,0)+IF(Input!$K$15=3,L1461*Input!$J$15,0)+IF(Input!$K$16=3,M1461*Input!$J$16,0)</f>
        <v>0</v>
      </c>
      <c r="Q1461" s="71">
        <f>IF(Input!$K$13=4,J1461*Input!$J$13,0)+IF(Input!$K$14=4,K1461*Input!$J$14,0)+IF(Input!$K$15=4,L1461*Input!$J$15,0)+IF(Input!$K$16=4,M1461*Input!$J$16,0)</f>
        <v>0</v>
      </c>
    </row>
    <row r="1462" spans="8:17" x14ac:dyDescent="0.25">
      <c r="H1462" s="43">
        <v>1455</v>
      </c>
      <c r="I1462" s="55">
        <f>Bühler!I1488</f>
        <v>12.75065090781084</v>
      </c>
      <c r="J1462" s="58">
        <f>Bühler!J1488</f>
        <v>81.832156798397818</v>
      </c>
      <c r="K1462" s="58">
        <f>Bühler!K1488</f>
        <v>3.8461856840937694</v>
      </c>
      <c r="L1462" s="58">
        <f>Bühler!L1488</f>
        <v>1.9230928420468847</v>
      </c>
      <c r="M1462" s="57">
        <f>Bühler!M1488</f>
        <v>0</v>
      </c>
      <c r="N1462" s="55">
        <f>IF(Input!$K$13=1,J1462*Input!$J$13,0)+IF(Input!$K$14=1,K1462*Input!$J$14,0)+IF(Input!$K$15=1,L1462*Input!$J$15,0)+IF(Input!$K$16=1,M1462*Input!$J$16,0)</f>
        <v>9.8198588158077378</v>
      </c>
      <c r="O1462" s="58">
        <f>IF(Input!$K$13=2,J1462*Input!$J$13,0)+IF(Input!$K$14=2,K1462*Input!$J$14,0)+IF(Input!$K$15=2,L1462*Input!$J$15,0)+IF(Input!$K$16=2,M1462*Input!$J$16,0)</f>
        <v>0.5192350673526589</v>
      </c>
      <c r="P1462" s="58">
        <f>IF(Input!$K$13=3,J1462*Input!$J$13,0)+IF(Input!$K$14=3,K1462*Input!$J$14,0)+IF(Input!$K$15=3,L1462*Input!$J$15,0)+IF(Input!$K$16=3,M1462*Input!$J$16,0)</f>
        <v>0</v>
      </c>
      <c r="Q1462" s="71">
        <f>IF(Input!$K$13=4,J1462*Input!$J$13,0)+IF(Input!$K$14=4,K1462*Input!$J$14,0)+IF(Input!$K$15=4,L1462*Input!$J$15,0)+IF(Input!$K$16=4,M1462*Input!$J$16,0)</f>
        <v>0</v>
      </c>
    </row>
    <row r="1463" spans="8:17" x14ac:dyDescent="0.25">
      <c r="H1463" s="43">
        <v>1456</v>
      </c>
      <c r="I1463" s="55">
        <f>Bühler!I1489</f>
        <v>12.75065090781084</v>
      </c>
      <c r="J1463" s="58">
        <f>Bühler!J1489</f>
        <v>81.832156798397818</v>
      </c>
      <c r="K1463" s="58">
        <f>Bühler!K1489</f>
        <v>3.8461856840937694</v>
      </c>
      <c r="L1463" s="58">
        <f>Bühler!L1489</f>
        <v>1.9230928420468847</v>
      </c>
      <c r="M1463" s="57">
        <f>Bühler!M1489</f>
        <v>0</v>
      </c>
      <c r="N1463" s="55">
        <f>IF(Input!$K$13=1,J1463*Input!$J$13,0)+IF(Input!$K$14=1,K1463*Input!$J$14,0)+IF(Input!$K$15=1,L1463*Input!$J$15,0)+IF(Input!$K$16=1,M1463*Input!$J$16,0)</f>
        <v>9.8198588158077378</v>
      </c>
      <c r="O1463" s="58">
        <f>IF(Input!$K$13=2,J1463*Input!$J$13,0)+IF(Input!$K$14=2,K1463*Input!$J$14,0)+IF(Input!$K$15=2,L1463*Input!$J$15,0)+IF(Input!$K$16=2,M1463*Input!$J$16,0)</f>
        <v>0.5192350673526589</v>
      </c>
      <c r="P1463" s="58">
        <f>IF(Input!$K$13=3,J1463*Input!$J$13,0)+IF(Input!$K$14=3,K1463*Input!$J$14,0)+IF(Input!$K$15=3,L1463*Input!$J$15,0)+IF(Input!$K$16=3,M1463*Input!$J$16,0)</f>
        <v>0</v>
      </c>
      <c r="Q1463" s="71">
        <f>IF(Input!$K$13=4,J1463*Input!$J$13,0)+IF(Input!$K$14=4,K1463*Input!$J$14,0)+IF(Input!$K$15=4,L1463*Input!$J$15,0)+IF(Input!$K$16=4,M1463*Input!$J$16,0)</f>
        <v>0</v>
      </c>
    </row>
    <row r="1464" spans="8:17" x14ac:dyDescent="0.25">
      <c r="H1464" s="43">
        <v>1457</v>
      </c>
      <c r="I1464" s="55">
        <f>Bühler!I1490</f>
        <v>10.654330838607953</v>
      </c>
      <c r="J1464" s="58">
        <f>Bühler!J1490</f>
        <v>51.624788248841192</v>
      </c>
      <c r="K1464" s="58">
        <f>Bühler!K1490</f>
        <v>2.2665022781266861</v>
      </c>
      <c r="L1464" s="58">
        <f>Bühler!L1490</f>
        <v>1.1332511390633431</v>
      </c>
      <c r="M1464" s="57">
        <f>Bühler!M1490</f>
        <v>0</v>
      </c>
      <c r="N1464" s="55">
        <f>IF(Input!$K$13=1,J1464*Input!$J$13,0)+IF(Input!$K$14=1,K1464*Input!$J$14,0)+IF(Input!$K$15=1,L1464*Input!$J$15,0)+IF(Input!$K$16=1,M1464*Input!$J$16,0)</f>
        <v>6.1949745898609425</v>
      </c>
      <c r="O1464" s="58">
        <f>IF(Input!$K$13=2,J1464*Input!$J$13,0)+IF(Input!$K$14=2,K1464*Input!$J$14,0)+IF(Input!$K$15=2,L1464*Input!$J$15,0)+IF(Input!$K$16=2,M1464*Input!$J$16,0)</f>
        <v>0.30597780754710258</v>
      </c>
      <c r="P1464" s="58">
        <f>IF(Input!$K$13=3,J1464*Input!$J$13,0)+IF(Input!$K$14=3,K1464*Input!$J$14,0)+IF(Input!$K$15=3,L1464*Input!$J$15,0)+IF(Input!$K$16=3,M1464*Input!$J$16,0)</f>
        <v>0</v>
      </c>
      <c r="Q1464" s="71">
        <f>IF(Input!$K$13=4,J1464*Input!$J$13,0)+IF(Input!$K$14=4,K1464*Input!$J$14,0)+IF(Input!$K$15=4,L1464*Input!$J$15,0)+IF(Input!$K$16=4,M1464*Input!$J$16,0)</f>
        <v>0</v>
      </c>
    </row>
    <row r="1465" spans="8:17" x14ac:dyDescent="0.25">
      <c r="H1465" s="43">
        <v>1458</v>
      </c>
      <c r="I1465" s="55">
        <f>Bühler!I1491</f>
        <v>8.4716455231083128</v>
      </c>
      <c r="J1465" s="58">
        <f>Bühler!J1491</f>
        <v>26.284998188666492</v>
      </c>
      <c r="K1465" s="58">
        <f>Bühler!K1491</f>
        <v>0.96735052416845335</v>
      </c>
      <c r="L1465" s="58">
        <f>Bühler!L1491</f>
        <v>0.48367526208422668</v>
      </c>
      <c r="M1465" s="57">
        <f>Bühler!M1491</f>
        <v>0</v>
      </c>
      <c r="N1465" s="55">
        <f>IF(Input!$K$13=1,J1465*Input!$J$13,0)+IF(Input!$K$14=1,K1465*Input!$J$14,0)+IF(Input!$K$15=1,L1465*Input!$J$15,0)+IF(Input!$K$16=1,M1465*Input!$J$16,0)</f>
        <v>3.1541997826399788</v>
      </c>
      <c r="O1465" s="58">
        <f>IF(Input!$K$13=2,J1465*Input!$J$13,0)+IF(Input!$K$14=2,K1465*Input!$J$14,0)+IF(Input!$K$15=2,L1465*Input!$J$15,0)+IF(Input!$K$16=2,M1465*Input!$J$16,0)</f>
        <v>0.13059232076274119</v>
      </c>
      <c r="P1465" s="58">
        <f>IF(Input!$K$13=3,J1465*Input!$J$13,0)+IF(Input!$K$14=3,K1465*Input!$J$14,0)+IF(Input!$K$15=3,L1465*Input!$J$15,0)+IF(Input!$K$16=3,M1465*Input!$J$16,0)</f>
        <v>0</v>
      </c>
      <c r="Q1465" s="71">
        <f>IF(Input!$K$13=4,J1465*Input!$J$13,0)+IF(Input!$K$14=4,K1465*Input!$J$14,0)+IF(Input!$K$15=4,L1465*Input!$J$15,0)+IF(Input!$K$16=4,M1465*Input!$J$16,0)</f>
        <v>0</v>
      </c>
    </row>
    <row r="1466" spans="8:17" x14ac:dyDescent="0.25">
      <c r="H1466" s="43">
        <v>1459</v>
      </c>
      <c r="I1466" s="55">
        <f>Bühler!I1492</f>
        <v>3.1405544107908479</v>
      </c>
      <c r="J1466" s="58">
        <f>Bühler!J1492</f>
        <v>14.693139533854191</v>
      </c>
      <c r="K1466" s="58">
        <f>Bühler!K1492</f>
        <v>0.63845134595117914</v>
      </c>
      <c r="L1466" s="58">
        <f>Bühler!L1492</f>
        <v>0.31922567297558957</v>
      </c>
      <c r="M1466" s="57">
        <f>Bühler!M1492</f>
        <v>0</v>
      </c>
      <c r="N1466" s="55">
        <f>IF(Input!$K$13=1,J1466*Input!$J$13,0)+IF(Input!$K$14=1,K1466*Input!$J$14,0)+IF(Input!$K$15=1,L1466*Input!$J$15,0)+IF(Input!$K$16=1,M1466*Input!$J$16,0)</f>
        <v>1.763176744062503</v>
      </c>
      <c r="O1466" s="58">
        <f>IF(Input!$K$13=2,J1466*Input!$J$13,0)+IF(Input!$K$14=2,K1466*Input!$J$14,0)+IF(Input!$K$15=2,L1466*Input!$J$15,0)+IF(Input!$K$16=2,M1466*Input!$J$16,0)</f>
        <v>8.619093170340919E-2</v>
      </c>
      <c r="P1466" s="58">
        <f>IF(Input!$K$13=3,J1466*Input!$J$13,0)+IF(Input!$K$14=3,K1466*Input!$J$14,0)+IF(Input!$K$15=3,L1466*Input!$J$15,0)+IF(Input!$K$16=3,M1466*Input!$J$16,0)</f>
        <v>0</v>
      </c>
      <c r="Q1466" s="71">
        <f>IF(Input!$K$13=4,J1466*Input!$J$13,0)+IF(Input!$K$14=4,K1466*Input!$J$14,0)+IF(Input!$K$15=4,L1466*Input!$J$15,0)+IF(Input!$K$16=4,M1466*Input!$J$16,0)</f>
        <v>0</v>
      </c>
    </row>
    <row r="1467" spans="8:17" x14ac:dyDescent="0.25">
      <c r="H1467" s="43">
        <v>1460</v>
      </c>
      <c r="I1467" s="55">
        <f>Bühler!I1493</f>
        <v>3.1405544107908479</v>
      </c>
      <c r="J1467" s="58">
        <f>Bühler!J1493</f>
        <v>14.693139533854191</v>
      </c>
      <c r="K1467" s="58">
        <f>Bühler!K1493</f>
        <v>0.63845134595117914</v>
      </c>
      <c r="L1467" s="58">
        <f>Bühler!L1493</f>
        <v>0.31922567297558957</v>
      </c>
      <c r="M1467" s="57">
        <f>Bühler!M1493</f>
        <v>0</v>
      </c>
      <c r="N1467" s="55">
        <f>IF(Input!$K$13=1,J1467*Input!$J$13,0)+IF(Input!$K$14=1,K1467*Input!$J$14,0)+IF(Input!$K$15=1,L1467*Input!$J$15,0)+IF(Input!$K$16=1,M1467*Input!$J$16,0)</f>
        <v>1.763176744062503</v>
      </c>
      <c r="O1467" s="58">
        <f>IF(Input!$K$13=2,J1467*Input!$J$13,0)+IF(Input!$K$14=2,K1467*Input!$J$14,0)+IF(Input!$K$15=2,L1467*Input!$J$15,0)+IF(Input!$K$16=2,M1467*Input!$J$16,0)</f>
        <v>8.619093170340919E-2</v>
      </c>
      <c r="P1467" s="58">
        <f>IF(Input!$K$13=3,J1467*Input!$J$13,0)+IF(Input!$K$14=3,K1467*Input!$J$14,0)+IF(Input!$K$15=3,L1467*Input!$J$15,0)+IF(Input!$K$16=3,M1467*Input!$J$16,0)</f>
        <v>0</v>
      </c>
      <c r="Q1467" s="71">
        <f>IF(Input!$K$13=4,J1467*Input!$J$13,0)+IF(Input!$K$14=4,K1467*Input!$J$14,0)+IF(Input!$K$15=4,L1467*Input!$J$15,0)+IF(Input!$K$16=4,M1467*Input!$J$16,0)</f>
        <v>0</v>
      </c>
    </row>
    <row r="1468" spans="8:17" x14ac:dyDescent="0.25">
      <c r="H1468" s="43">
        <v>1461</v>
      </c>
      <c r="I1468" s="55">
        <f>Bühler!I1494</f>
        <v>3.1405544107908479</v>
      </c>
      <c r="J1468" s="58">
        <f>Bühler!J1494</f>
        <v>14.693139533854191</v>
      </c>
      <c r="K1468" s="58">
        <f>Bühler!K1494</f>
        <v>0.63845134595117914</v>
      </c>
      <c r="L1468" s="58">
        <f>Bühler!L1494</f>
        <v>0.31922567297558957</v>
      </c>
      <c r="M1468" s="57">
        <f>Bühler!M1494</f>
        <v>0</v>
      </c>
      <c r="N1468" s="55">
        <f>IF(Input!$K$13=1,J1468*Input!$J$13,0)+IF(Input!$K$14=1,K1468*Input!$J$14,0)+IF(Input!$K$15=1,L1468*Input!$J$15,0)+IF(Input!$K$16=1,M1468*Input!$J$16,0)</f>
        <v>1.763176744062503</v>
      </c>
      <c r="O1468" s="58">
        <f>IF(Input!$K$13=2,J1468*Input!$J$13,0)+IF(Input!$K$14=2,K1468*Input!$J$14,0)+IF(Input!$K$15=2,L1468*Input!$J$15,0)+IF(Input!$K$16=2,M1468*Input!$J$16,0)</f>
        <v>8.619093170340919E-2</v>
      </c>
      <c r="P1468" s="58">
        <f>IF(Input!$K$13=3,J1468*Input!$J$13,0)+IF(Input!$K$14=3,K1468*Input!$J$14,0)+IF(Input!$K$15=3,L1468*Input!$J$15,0)+IF(Input!$K$16=3,M1468*Input!$J$16,0)</f>
        <v>0</v>
      </c>
      <c r="Q1468" s="71">
        <f>IF(Input!$K$13=4,J1468*Input!$J$13,0)+IF(Input!$K$14=4,K1468*Input!$J$14,0)+IF(Input!$K$15=4,L1468*Input!$J$15,0)+IF(Input!$K$16=4,M1468*Input!$J$16,0)</f>
        <v>0</v>
      </c>
    </row>
    <row r="1469" spans="8:17" x14ac:dyDescent="0.25">
      <c r="H1469" s="43">
        <v>1462</v>
      </c>
      <c r="I1469" s="55">
        <f>Bühler!I1495</f>
        <v>3.1405544107908479</v>
      </c>
      <c r="J1469" s="58">
        <f>Bühler!J1495</f>
        <v>14.693139533854191</v>
      </c>
      <c r="K1469" s="58">
        <f>Bühler!K1495</f>
        <v>0.63845134595117914</v>
      </c>
      <c r="L1469" s="58">
        <f>Bühler!L1495</f>
        <v>0.31922567297558957</v>
      </c>
      <c r="M1469" s="57">
        <f>Bühler!M1495</f>
        <v>0</v>
      </c>
      <c r="N1469" s="55">
        <f>IF(Input!$K$13=1,J1469*Input!$J$13,0)+IF(Input!$K$14=1,K1469*Input!$J$14,0)+IF(Input!$K$15=1,L1469*Input!$J$15,0)+IF(Input!$K$16=1,M1469*Input!$J$16,0)</f>
        <v>1.763176744062503</v>
      </c>
      <c r="O1469" s="58">
        <f>IF(Input!$K$13=2,J1469*Input!$J$13,0)+IF(Input!$K$14=2,K1469*Input!$J$14,0)+IF(Input!$K$15=2,L1469*Input!$J$15,0)+IF(Input!$K$16=2,M1469*Input!$J$16,0)</f>
        <v>8.619093170340919E-2</v>
      </c>
      <c r="P1469" s="58">
        <f>IF(Input!$K$13=3,J1469*Input!$J$13,0)+IF(Input!$K$14=3,K1469*Input!$J$14,0)+IF(Input!$K$15=3,L1469*Input!$J$15,0)+IF(Input!$K$16=3,M1469*Input!$J$16,0)</f>
        <v>0</v>
      </c>
      <c r="Q1469" s="71">
        <f>IF(Input!$K$13=4,J1469*Input!$J$13,0)+IF(Input!$K$14=4,K1469*Input!$J$14,0)+IF(Input!$K$15=4,L1469*Input!$J$15,0)+IF(Input!$K$16=4,M1469*Input!$J$16,0)</f>
        <v>0</v>
      </c>
    </row>
    <row r="1470" spans="8:17" x14ac:dyDescent="0.25">
      <c r="H1470" s="43">
        <v>1463</v>
      </c>
      <c r="I1470" s="55">
        <f>Bühler!I1496</f>
        <v>3.1405544107908479</v>
      </c>
      <c r="J1470" s="58">
        <f>Bühler!J1496</f>
        <v>14.693139533854191</v>
      </c>
      <c r="K1470" s="58">
        <f>Bühler!K1496</f>
        <v>0.63845134595117914</v>
      </c>
      <c r="L1470" s="58">
        <f>Bühler!L1496</f>
        <v>0.31922567297558957</v>
      </c>
      <c r="M1470" s="57">
        <f>Bühler!M1496</f>
        <v>0</v>
      </c>
      <c r="N1470" s="55">
        <f>IF(Input!$K$13=1,J1470*Input!$J$13,0)+IF(Input!$K$14=1,K1470*Input!$J$14,0)+IF(Input!$K$15=1,L1470*Input!$J$15,0)+IF(Input!$K$16=1,M1470*Input!$J$16,0)</f>
        <v>1.763176744062503</v>
      </c>
      <c r="O1470" s="58">
        <f>IF(Input!$K$13=2,J1470*Input!$J$13,0)+IF(Input!$K$14=2,K1470*Input!$J$14,0)+IF(Input!$K$15=2,L1470*Input!$J$15,0)+IF(Input!$K$16=2,M1470*Input!$J$16,0)</f>
        <v>8.619093170340919E-2</v>
      </c>
      <c r="P1470" s="58">
        <f>IF(Input!$K$13=3,J1470*Input!$J$13,0)+IF(Input!$K$14=3,K1470*Input!$J$14,0)+IF(Input!$K$15=3,L1470*Input!$J$15,0)+IF(Input!$K$16=3,M1470*Input!$J$16,0)</f>
        <v>0</v>
      </c>
      <c r="Q1470" s="71">
        <f>IF(Input!$K$13=4,J1470*Input!$J$13,0)+IF(Input!$K$14=4,K1470*Input!$J$14,0)+IF(Input!$K$15=4,L1470*Input!$J$15,0)+IF(Input!$K$16=4,M1470*Input!$J$16,0)</f>
        <v>0</v>
      </c>
    </row>
    <row r="1471" spans="8:17" x14ac:dyDescent="0.25">
      <c r="H1471" s="43">
        <v>1464</v>
      </c>
      <c r="I1471" s="55">
        <f>Bühler!I1497</f>
        <v>3.1405544107908479</v>
      </c>
      <c r="J1471" s="58">
        <f>Bühler!J1497</f>
        <v>14.693139533854191</v>
      </c>
      <c r="K1471" s="58">
        <f>Bühler!K1497</f>
        <v>0.63845134595117914</v>
      </c>
      <c r="L1471" s="58">
        <f>Bühler!L1497</f>
        <v>0.31922567297558957</v>
      </c>
      <c r="M1471" s="57">
        <f>Bühler!M1497</f>
        <v>0</v>
      </c>
      <c r="N1471" s="55">
        <f>IF(Input!$K$13=1,J1471*Input!$J$13,0)+IF(Input!$K$14=1,K1471*Input!$J$14,0)+IF(Input!$K$15=1,L1471*Input!$J$15,0)+IF(Input!$K$16=1,M1471*Input!$J$16,0)</f>
        <v>1.763176744062503</v>
      </c>
      <c r="O1471" s="58">
        <f>IF(Input!$K$13=2,J1471*Input!$J$13,0)+IF(Input!$K$14=2,K1471*Input!$J$14,0)+IF(Input!$K$15=2,L1471*Input!$J$15,0)+IF(Input!$K$16=2,M1471*Input!$J$16,0)</f>
        <v>8.619093170340919E-2</v>
      </c>
      <c r="P1471" s="58">
        <f>IF(Input!$K$13=3,J1471*Input!$J$13,0)+IF(Input!$K$14=3,K1471*Input!$J$14,0)+IF(Input!$K$15=3,L1471*Input!$J$15,0)+IF(Input!$K$16=3,M1471*Input!$J$16,0)</f>
        <v>0</v>
      </c>
      <c r="Q1471" s="71">
        <f>IF(Input!$K$13=4,J1471*Input!$J$13,0)+IF(Input!$K$14=4,K1471*Input!$J$14,0)+IF(Input!$K$15=4,L1471*Input!$J$15,0)+IF(Input!$K$16=4,M1471*Input!$J$16,0)</f>
        <v>0</v>
      </c>
    </row>
    <row r="1472" spans="8:17" x14ac:dyDescent="0.25">
      <c r="H1472" s="43">
        <v>1465</v>
      </c>
      <c r="I1472" s="55">
        <f>Bühler!I1498</f>
        <v>3.0312712269347535</v>
      </c>
      <c r="J1472" s="58">
        <f>Bühler!J1498</f>
        <v>20.543104331048465</v>
      </c>
      <c r="K1472" s="58">
        <f>Bühler!K1498</f>
        <v>0.97593671830479689</v>
      </c>
      <c r="L1472" s="58">
        <f>Bühler!L1498</f>
        <v>0.48796835915239845</v>
      </c>
      <c r="M1472" s="57">
        <f>Bühler!M1498</f>
        <v>0</v>
      </c>
      <c r="N1472" s="55">
        <f>IF(Input!$K$13=1,J1472*Input!$J$13,0)+IF(Input!$K$14=1,K1472*Input!$J$14,0)+IF(Input!$K$15=1,L1472*Input!$J$15,0)+IF(Input!$K$16=1,M1472*Input!$J$16,0)</f>
        <v>2.4651725197258156</v>
      </c>
      <c r="O1472" s="58">
        <f>IF(Input!$K$13=2,J1472*Input!$J$13,0)+IF(Input!$K$14=2,K1472*Input!$J$14,0)+IF(Input!$K$15=2,L1472*Input!$J$15,0)+IF(Input!$K$16=2,M1472*Input!$J$16,0)</f>
        <v>0.13175145697114757</v>
      </c>
      <c r="P1472" s="58">
        <f>IF(Input!$K$13=3,J1472*Input!$J$13,0)+IF(Input!$K$14=3,K1472*Input!$J$14,0)+IF(Input!$K$15=3,L1472*Input!$J$15,0)+IF(Input!$K$16=3,M1472*Input!$J$16,0)</f>
        <v>0</v>
      </c>
      <c r="Q1472" s="71">
        <f>IF(Input!$K$13=4,J1472*Input!$J$13,0)+IF(Input!$K$14=4,K1472*Input!$J$14,0)+IF(Input!$K$15=4,L1472*Input!$J$15,0)+IF(Input!$K$16=4,M1472*Input!$J$16,0)</f>
        <v>0</v>
      </c>
    </row>
    <row r="1473" spans="8:17" x14ac:dyDescent="0.25">
      <c r="H1473" s="43">
        <v>1466</v>
      </c>
      <c r="I1473" s="55">
        <f>Bühler!I1499</f>
        <v>3.0312712269347535</v>
      </c>
      <c r="J1473" s="58">
        <f>Bühler!J1499</f>
        <v>13.744014840413147</v>
      </c>
      <c r="K1473" s="58">
        <f>Bühler!K1499</f>
        <v>0.5914767989726043</v>
      </c>
      <c r="L1473" s="58">
        <f>Bühler!L1499</f>
        <v>0.29573839948630215</v>
      </c>
      <c r="M1473" s="57">
        <f>Bühler!M1499</f>
        <v>0</v>
      </c>
      <c r="N1473" s="55">
        <f>IF(Input!$K$13=1,J1473*Input!$J$13,0)+IF(Input!$K$14=1,K1473*Input!$J$14,0)+IF(Input!$K$15=1,L1473*Input!$J$15,0)+IF(Input!$K$16=1,M1473*Input!$J$16,0)</f>
        <v>1.6492817808495777</v>
      </c>
      <c r="O1473" s="58">
        <f>IF(Input!$K$13=2,J1473*Input!$J$13,0)+IF(Input!$K$14=2,K1473*Input!$J$14,0)+IF(Input!$K$15=2,L1473*Input!$J$15,0)+IF(Input!$K$16=2,M1473*Input!$J$16,0)</f>
        <v>7.984936786130159E-2</v>
      </c>
      <c r="P1473" s="58">
        <f>IF(Input!$K$13=3,J1473*Input!$J$13,0)+IF(Input!$K$14=3,K1473*Input!$J$14,0)+IF(Input!$K$15=3,L1473*Input!$J$15,0)+IF(Input!$K$16=3,M1473*Input!$J$16,0)</f>
        <v>0</v>
      </c>
      <c r="Q1473" s="71">
        <f>IF(Input!$K$13=4,J1473*Input!$J$13,0)+IF(Input!$K$14=4,K1473*Input!$J$14,0)+IF(Input!$K$15=4,L1473*Input!$J$15,0)+IF(Input!$K$16=4,M1473*Input!$J$16,0)</f>
        <v>0</v>
      </c>
    </row>
    <row r="1474" spans="8:17" x14ac:dyDescent="0.25">
      <c r="H1474" s="43">
        <v>1467</v>
      </c>
      <c r="I1474" s="55">
        <f>Bühler!I1500</f>
        <v>3.0312712269347535</v>
      </c>
      <c r="J1474" s="58">
        <f>Bühler!J1500</f>
        <v>13.744014840413147</v>
      </c>
      <c r="K1474" s="58">
        <f>Bühler!K1500</f>
        <v>0.5914767989726043</v>
      </c>
      <c r="L1474" s="58">
        <f>Bühler!L1500</f>
        <v>0.29573839948630215</v>
      </c>
      <c r="M1474" s="57">
        <f>Bühler!M1500</f>
        <v>0</v>
      </c>
      <c r="N1474" s="55">
        <f>IF(Input!$K$13=1,J1474*Input!$J$13,0)+IF(Input!$K$14=1,K1474*Input!$J$14,0)+IF(Input!$K$15=1,L1474*Input!$J$15,0)+IF(Input!$K$16=1,M1474*Input!$J$16,0)</f>
        <v>1.6492817808495777</v>
      </c>
      <c r="O1474" s="58">
        <f>IF(Input!$K$13=2,J1474*Input!$J$13,0)+IF(Input!$K$14=2,K1474*Input!$J$14,0)+IF(Input!$K$15=2,L1474*Input!$J$15,0)+IF(Input!$K$16=2,M1474*Input!$J$16,0)</f>
        <v>7.984936786130159E-2</v>
      </c>
      <c r="P1474" s="58">
        <f>IF(Input!$K$13=3,J1474*Input!$J$13,0)+IF(Input!$K$14=3,K1474*Input!$J$14,0)+IF(Input!$K$15=3,L1474*Input!$J$15,0)+IF(Input!$K$16=3,M1474*Input!$J$16,0)</f>
        <v>0</v>
      </c>
      <c r="Q1474" s="71">
        <f>IF(Input!$K$13=4,J1474*Input!$J$13,0)+IF(Input!$K$14=4,K1474*Input!$J$14,0)+IF(Input!$K$15=4,L1474*Input!$J$15,0)+IF(Input!$K$16=4,M1474*Input!$J$16,0)</f>
        <v>0</v>
      </c>
    </row>
    <row r="1475" spans="8:17" x14ac:dyDescent="0.25">
      <c r="H1475" s="43">
        <v>1468</v>
      </c>
      <c r="I1475" s="55">
        <f>Bühler!I1501</f>
        <v>3.0312712269347535</v>
      </c>
      <c r="J1475" s="58">
        <f>Bühler!J1501</f>
        <v>13.744014840413147</v>
      </c>
      <c r="K1475" s="58">
        <f>Bühler!K1501</f>
        <v>0.5914767989726043</v>
      </c>
      <c r="L1475" s="58">
        <f>Bühler!L1501</f>
        <v>0.29573839948630215</v>
      </c>
      <c r="M1475" s="57">
        <f>Bühler!M1501</f>
        <v>0</v>
      </c>
      <c r="N1475" s="55">
        <f>IF(Input!$K$13=1,J1475*Input!$J$13,0)+IF(Input!$K$14=1,K1475*Input!$J$14,0)+IF(Input!$K$15=1,L1475*Input!$J$15,0)+IF(Input!$K$16=1,M1475*Input!$J$16,0)</f>
        <v>1.6492817808495777</v>
      </c>
      <c r="O1475" s="58">
        <f>IF(Input!$K$13=2,J1475*Input!$J$13,0)+IF(Input!$K$14=2,K1475*Input!$J$14,0)+IF(Input!$K$15=2,L1475*Input!$J$15,0)+IF(Input!$K$16=2,M1475*Input!$J$16,0)</f>
        <v>7.984936786130159E-2</v>
      </c>
      <c r="P1475" s="58">
        <f>IF(Input!$K$13=3,J1475*Input!$J$13,0)+IF(Input!$K$14=3,K1475*Input!$J$14,0)+IF(Input!$K$15=3,L1475*Input!$J$15,0)+IF(Input!$K$16=3,M1475*Input!$J$16,0)</f>
        <v>0</v>
      </c>
      <c r="Q1475" s="71">
        <f>IF(Input!$K$13=4,J1475*Input!$J$13,0)+IF(Input!$K$14=4,K1475*Input!$J$14,0)+IF(Input!$K$15=4,L1475*Input!$J$15,0)+IF(Input!$K$16=4,M1475*Input!$J$16,0)</f>
        <v>0</v>
      </c>
    </row>
    <row r="1476" spans="8:17" x14ac:dyDescent="0.25">
      <c r="H1476" s="43">
        <v>1469</v>
      </c>
      <c r="I1476" s="55">
        <f>Bühler!I1502</f>
        <v>3.0312712269347535</v>
      </c>
      <c r="J1476" s="58">
        <f>Bühler!J1502</f>
        <v>13.744014840413147</v>
      </c>
      <c r="K1476" s="58">
        <f>Bühler!K1502</f>
        <v>0.5914767989726043</v>
      </c>
      <c r="L1476" s="58">
        <f>Bühler!L1502</f>
        <v>0.29573839948630215</v>
      </c>
      <c r="M1476" s="57">
        <f>Bühler!M1502</f>
        <v>0</v>
      </c>
      <c r="N1476" s="55">
        <f>IF(Input!$K$13=1,J1476*Input!$J$13,0)+IF(Input!$K$14=1,K1476*Input!$J$14,0)+IF(Input!$K$15=1,L1476*Input!$J$15,0)+IF(Input!$K$16=1,M1476*Input!$J$16,0)</f>
        <v>1.6492817808495777</v>
      </c>
      <c r="O1476" s="58">
        <f>IF(Input!$K$13=2,J1476*Input!$J$13,0)+IF(Input!$K$14=2,K1476*Input!$J$14,0)+IF(Input!$K$15=2,L1476*Input!$J$15,0)+IF(Input!$K$16=2,M1476*Input!$J$16,0)</f>
        <v>7.984936786130159E-2</v>
      </c>
      <c r="P1476" s="58">
        <f>IF(Input!$K$13=3,J1476*Input!$J$13,0)+IF(Input!$K$14=3,K1476*Input!$J$14,0)+IF(Input!$K$15=3,L1476*Input!$J$15,0)+IF(Input!$K$16=3,M1476*Input!$J$16,0)</f>
        <v>0</v>
      </c>
      <c r="Q1476" s="71">
        <f>IF(Input!$K$13=4,J1476*Input!$J$13,0)+IF(Input!$K$14=4,K1476*Input!$J$14,0)+IF(Input!$K$15=4,L1476*Input!$J$15,0)+IF(Input!$K$16=4,M1476*Input!$J$16,0)</f>
        <v>0</v>
      </c>
    </row>
    <row r="1477" spans="8:17" x14ac:dyDescent="0.25">
      <c r="H1477" s="43">
        <v>1470</v>
      </c>
      <c r="I1477" s="55">
        <f>Bühler!I1503</f>
        <v>3.0312712269347535</v>
      </c>
      <c r="J1477" s="58">
        <f>Bühler!J1503</f>
        <v>13.744014840413147</v>
      </c>
      <c r="K1477" s="58">
        <f>Bühler!K1503</f>
        <v>0.5914767989726043</v>
      </c>
      <c r="L1477" s="58">
        <f>Bühler!L1503</f>
        <v>0.29573839948630215</v>
      </c>
      <c r="M1477" s="57">
        <f>Bühler!M1503</f>
        <v>0</v>
      </c>
      <c r="N1477" s="55">
        <f>IF(Input!$K$13=1,J1477*Input!$J$13,0)+IF(Input!$K$14=1,K1477*Input!$J$14,0)+IF(Input!$K$15=1,L1477*Input!$J$15,0)+IF(Input!$K$16=1,M1477*Input!$J$16,0)</f>
        <v>1.6492817808495777</v>
      </c>
      <c r="O1477" s="58">
        <f>IF(Input!$K$13=2,J1477*Input!$J$13,0)+IF(Input!$K$14=2,K1477*Input!$J$14,0)+IF(Input!$K$15=2,L1477*Input!$J$15,0)+IF(Input!$K$16=2,M1477*Input!$J$16,0)</f>
        <v>7.984936786130159E-2</v>
      </c>
      <c r="P1477" s="58">
        <f>IF(Input!$K$13=3,J1477*Input!$J$13,0)+IF(Input!$K$14=3,K1477*Input!$J$14,0)+IF(Input!$K$15=3,L1477*Input!$J$15,0)+IF(Input!$K$16=3,M1477*Input!$J$16,0)</f>
        <v>0</v>
      </c>
      <c r="Q1477" s="71">
        <f>IF(Input!$K$13=4,J1477*Input!$J$13,0)+IF(Input!$K$14=4,K1477*Input!$J$14,0)+IF(Input!$K$15=4,L1477*Input!$J$15,0)+IF(Input!$K$16=4,M1477*Input!$J$16,0)</f>
        <v>0</v>
      </c>
    </row>
    <row r="1478" spans="8:17" x14ac:dyDescent="0.25">
      <c r="H1478" s="43">
        <v>1471</v>
      </c>
      <c r="I1478" s="55">
        <f>Bühler!I1504</f>
        <v>3.0312712269347535</v>
      </c>
      <c r="J1478" s="58">
        <f>Bühler!J1504</f>
        <v>13.744014840413147</v>
      </c>
      <c r="K1478" s="58">
        <f>Bühler!K1504</f>
        <v>0.5914767989726043</v>
      </c>
      <c r="L1478" s="58">
        <f>Bühler!L1504</f>
        <v>0.29573839948630215</v>
      </c>
      <c r="M1478" s="57">
        <f>Bühler!M1504</f>
        <v>0</v>
      </c>
      <c r="N1478" s="55">
        <f>IF(Input!$K$13=1,J1478*Input!$J$13,0)+IF(Input!$K$14=1,K1478*Input!$J$14,0)+IF(Input!$K$15=1,L1478*Input!$J$15,0)+IF(Input!$K$16=1,M1478*Input!$J$16,0)</f>
        <v>1.6492817808495777</v>
      </c>
      <c r="O1478" s="58">
        <f>IF(Input!$K$13=2,J1478*Input!$J$13,0)+IF(Input!$K$14=2,K1478*Input!$J$14,0)+IF(Input!$K$15=2,L1478*Input!$J$15,0)+IF(Input!$K$16=2,M1478*Input!$J$16,0)</f>
        <v>7.984936786130159E-2</v>
      </c>
      <c r="P1478" s="58">
        <f>IF(Input!$K$13=3,J1478*Input!$J$13,0)+IF(Input!$K$14=3,K1478*Input!$J$14,0)+IF(Input!$K$15=3,L1478*Input!$J$15,0)+IF(Input!$K$16=3,M1478*Input!$J$16,0)</f>
        <v>0</v>
      </c>
      <c r="Q1478" s="71">
        <f>IF(Input!$K$13=4,J1478*Input!$J$13,0)+IF(Input!$K$14=4,K1478*Input!$J$14,0)+IF(Input!$K$15=4,L1478*Input!$J$15,0)+IF(Input!$K$16=4,M1478*Input!$J$16,0)</f>
        <v>0</v>
      </c>
    </row>
    <row r="1479" spans="8:17" x14ac:dyDescent="0.25">
      <c r="H1479" s="43">
        <v>1472</v>
      </c>
      <c r="I1479" s="55">
        <f>Bühler!I1505</f>
        <v>8.2137671955651381</v>
      </c>
      <c r="J1479" s="58">
        <f>Bühler!J1505</f>
        <v>53.458434303051675</v>
      </c>
      <c r="K1479" s="58">
        <f>Bühler!K1505</f>
        <v>2.5196911636232939</v>
      </c>
      <c r="L1479" s="58">
        <f>Bühler!L1505</f>
        <v>1.259845581811647</v>
      </c>
      <c r="M1479" s="57">
        <f>Bühler!M1505</f>
        <v>0</v>
      </c>
      <c r="N1479" s="55">
        <f>IF(Input!$K$13=1,J1479*Input!$J$13,0)+IF(Input!$K$14=1,K1479*Input!$J$14,0)+IF(Input!$K$15=1,L1479*Input!$J$15,0)+IF(Input!$K$16=1,M1479*Input!$J$16,0)</f>
        <v>6.4150121163662011</v>
      </c>
      <c r="O1479" s="58">
        <f>IF(Input!$K$13=2,J1479*Input!$J$13,0)+IF(Input!$K$14=2,K1479*Input!$J$14,0)+IF(Input!$K$15=2,L1479*Input!$J$15,0)+IF(Input!$K$16=2,M1479*Input!$J$16,0)</f>
        <v>0.34015830708914468</v>
      </c>
      <c r="P1479" s="58">
        <f>IF(Input!$K$13=3,J1479*Input!$J$13,0)+IF(Input!$K$14=3,K1479*Input!$J$14,0)+IF(Input!$K$15=3,L1479*Input!$J$15,0)+IF(Input!$K$16=3,M1479*Input!$J$16,0)</f>
        <v>0</v>
      </c>
      <c r="Q1479" s="71">
        <f>IF(Input!$K$13=4,J1479*Input!$J$13,0)+IF(Input!$K$14=4,K1479*Input!$J$14,0)+IF(Input!$K$15=4,L1479*Input!$J$15,0)+IF(Input!$K$16=4,M1479*Input!$J$16,0)</f>
        <v>0</v>
      </c>
    </row>
    <row r="1480" spans="8:17" x14ac:dyDescent="0.25">
      <c r="H1480" s="43">
        <v>1473</v>
      </c>
      <c r="I1480" s="55">
        <f>Bühler!I1506</f>
        <v>10.267208994456423</v>
      </c>
      <c r="J1480" s="58">
        <f>Bühler!J1506</f>
        <v>66.82304287881459</v>
      </c>
      <c r="K1480" s="58">
        <f>Bühler!K1506</f>
        <v>3.1496139545291175</v>
      </c>
      <c r="L1480" s="58">
        <f>Bühler!L1506</f>
        <v>1.5748069772645588</v>
      </c>
      <c r="M1480" s="57">
        <f>Bühler!M1506</f>
        <v>0</v>
      </c>
      <c r="N1480" s="55">
        <f>IF(Input!$K$13=1,J1480*Input!$J$13,0)+IF(Input!$K$14=1,K1480*Input!$J$14,0)+IF(Input!$K$15=1,L1480*Input!$J$15,0)+IF(Input!$K$16=1,M1480*Input!$J$16,0)</f>
        <v>8.0187651454577509</v>
      </c>
      <c r="O1480" s="58">
        <f>IF(Input!$K$13=2,J1480*Input!$J$13,0)+IF(Input!$K$14=2,K1480*Input!$J$14,0)+IF(Input!$K$15=2,L1480*Input!$J$15,0)+IF(Input!$K$16=2,M1480*Input!$J$16,0)</f>
        <v>0.42519788386143087</v>
      </c>
      <c r="P1480" s="58">
        <f>IF(Input!$K$13=3,J1480*Input!$J$13,0)+IF(Input!$K$14=3,K1480*Input!$J$14,0)+IF(Input!$K$15=3,L1480*Input!$J$15,0)+IF(Input!$K$16=3,M1480*Input!$J$16,0)</f>
        <v>0</v>
      </c>
      <c r="Q1480" s="71">
        <f>IF(Input!$K$13=4,J1480*Input!$J$13,0)+IF(Input!$K$14=4,K1480*Input!$J$14,0)+IF(Input!$K$15=4,L1480*Input!$J$15,0)+IF(Input!$K$16=4,M1480*Input!$J$16,0)</f>
        <v>0</v>
      </c>
    </row>
    <row r="1481" spans="8:17" x14ac:dyDescent="0.25">
      <c r="H1481" s="43">
        <v>1474</v>
      </c>
      <c r="I1481" s="55">
        <f>Bühler!I1507</f>
        <v>11.293929893902066</v>
      </c>
      <c r="J1481" s="58">
        <f>Bühler!J1507</f>
        <v>73.505347166696055</v>
      </c>
      <c r="K1481" s="58">
        <f>Bühler!K1507</f>
        <v>3.4645753499820295</v>
      </c>
      <c r="L1481" s="58">
        <f>Bühler!L1507</f>
        <v>1.7322876749910148</v>
      </c>
      <c r="M1481" s="57">
        <f>Bühler!M1507</f>
        <v>0</v>
      </c>
      <c r="N1481" s="55">
        <f>IF(Input!$K$13=1,J1481*Input!$J$13,0)+IF(Input!$K$14=1,K1481*Input!$J$14,0)+IF(Input!$K$15=1,L1481*Input!$J$15,0)+IF(Input!$K$16=1,M1481*Input!$J$16,0)</f>
        <v>8.8206416600035258</v>
      </c>
      <c r="O1481" s="58">
        <f>IF(Input!$K$13=2,J1481*Input!$J$13,0)+IF(Input!$K$14=2,K1481*Input!$J$14,0)+IF(Input!$K$15=2,L1481*Input!$J$15,0)+IF(Input!$K$16=2,M1481*Input!$J$16,0)</f>
        <v>0.46771767224757399</v>
      </c>
      <c r="P1481" s="58">
        <f>IF(Input!$K$13=3,J1481*Input!$J$13,0)+IF(Input!$K$14=3,K1481*Input!$J$14,0)+IF(Input!$K$15=3,L1481*Input!$J$15,0)+IF(Input!$K$16=3,M1481*Input!$J$16,0)</f>
        <v>0</v>
      </c>
      <c r="Q1481" s="71">
        <f>IF(Input!$K$13=4,J1481*Input!$J$13,0)+IF(Input!$K$14=4,K1481*Input!$J$14,0)+IF(Input!$K$15=4,L1481*Input!$J$15,0)+IF(Input!$K$16=4,M1481*Input!$J$16,0)</f>
        <v>0</v>
      </c>
    </row>
    <row r="1482" spans="8:17" x14ac:dyDescent="0.25">
      <c r="H1482" s="43">
        <v>1475</v>
      </c>
      <c r="I1482" s="55">
        <f>Bühler!I1508</f>
        <v>11.293929893902066</v>
      </c>
      <c r="J1482" s="58">
        <f>Bühler!J1508</f>
        <v>73.505347166696055</v>
      </c>
      <c r="K1482" s="58">
        <f>Bühler!K1508</f>
        <v>3.4645753499820295</v>
      </c>
      <c r="L1482" s="58">
        <f>Bühler!L1508</f>
        <v>1.7322876749910148</v>
      </c>
      <c r="M1482" s="57">
        <f>Bühler!M1508</f>
        <v>0</v>
      </c>
      <c r="N1482" s="55">
        <f>IF(Input!$K$13=1,J1482*Input!$J$13,0)+IF(Input!$K$14=1,K1482*Input!$J$14,0)+IF(Input!$K$15=1,L1482*Input!$J$15,0)+IF(Input!$K$16=1,M1482*Input!$J$16,0)</f>
        <v>8.8206416600035258</v>
      </c>
      <c r="O1482" s="58">
        <f>IF(Input!$K$13=2,J1482*Input!$J$13,0)+IF(Input!$K$14=2,K1482*Input!$J$14,0)+IF(Input!$K$15=2,L1482*Input!$J$15,0)+IF(Input!$K$16=2,M1482*Input!$J$16,0)</f>
        <v>0.46771767224757399</v>
      </c>
      <c r="P1482" s="58">
        <f>IF(Input!$K$13=3,J1482*Input!$J$13,0)+IF(Input!$K$14=3,K1482*Input!$J$14,0)+IF(Input!$K$15=3,L1482*Input!$J$15,0)+IF(Input!$K$16=3,M1482*Input!$J$16,0)</f>
        <v>0</v>
      </c>
      <c r="Q1482" s="71">
        <f>IF(Input!$K$13=4,J1482*Input!$J$13,0)+IF(Input!$K$14=4,K1482*Input!$J$14,0)+IF(Input!$K$15=4,L1482*Input!$J$15,0)+IF(Input!$K$16=4,M1482*Input!$J$16,0)</f>
        <v>0</v>
      </c>
    </row>
    <row r="1483" spans="8:17" x14ac:dyDescent="0.25">
      <c r="H1483" s="43">
        <v>1476</v>
      </c>
      <c r="I1483" s="55">
        <f>Bühler!I1509</f>
        <v>13.347371692793349</v>
      </c>
      <c r="J1483" s="58">
        <f>Bühler!J1509</f>
        <v>86.869955742458984</v>
      </c>
      <c r="K1483" s="58">
        <f>Bühler!K1509</f>
        <v>4.0944981408878531</v>
      </c>
      <c r="L1483" s="58">
        <f>Bühler!L1509</f>
        <v>2.0472490704439266</v>
      </c>
      <c r="M1483" s="57">
        <f>Bühler!M1509</f>
        <v>0</v>
      </c>
      <c r="N1483" s="55">
        <f>IF(Input!$K$13=1,J1483*Input!$J$13,0)+IF(Input!$K$14=1,K1483*Input!$J$14,0)+IF(Input!$K$15=1,L1483*Input!$J$15,0)+IF(Input!$K$16=1,M1483*Input!$J$16,0)</f>
        <v>10.424394689095077</v>
      </c>
      <c r="O1483" s="58">
        <f>IF(Input!$K$13=2,J1483*Input!$J$13,0)+IF(Input!$K$14=2,K1483*Input!$J$14,0)+IF(Input!$K$15=2,L1483*Input!$J$15,0)+IF(Input!$K$16=2,M1483*Input!$J$16,0)</f>
        <v>0.55275724901986012</v>
      </c>
      <c r="P1483" s="58">
        <f>IF(Input!$K$13=3,J1483*Input!$J$13,0)+IF(Input!$K$14=3,K1483*Input!$J$14,0)+IF(Input!$K$15=3,L1483*Input!$J$15,0)+IF(Input!$K$16=3,M1483*Input!$J$16,0)</f>
        <v>0</v>
      </c>
      <c r="Q1483" s="71">
        <f>IF(Input!$K$13=4,J1483*Input!$J$13,0)+IF(Input!$K$14=4,K1483*Input!$J$14,0)+IF(Input!$K$15=4,L1483*Input!$J$15,0)+IF(Input!$K$16=4,M1483*Input!$J$16,0)</f>
        <v>0</v>
      </c>
    </row>
    <row r="1484" spans="8:17" x14ac:dyDescent="0.25">
      <c r="H1484" s="43">
        <v>1477</v>
      </c>
      <c r="I1484" s="55">
        <f>Bühler!I1510</f>
        <v>13.347371692793349</v>
      </c>
      <c r="J1484" s="58">
        <f>Bühler!J1510</f>
        <v>86.869955742458984</v>
      </c>
      <c r="K1484" s="58">
        <f>Bühler!K1510</f>
        <v>4.0944981408878531</v>
      </c>
      <c r="L1484" s="58">
        <f>Bühler!L1510</f>
        <v>2.0472490704439266</v>
      </c>
      <c r="M1484" s="57">
        <f>Bühler!M1510</f>
        <v>0</v>
      </c>
      <c r="N1484" s="55">
        <f>IF(Input!$K$13=1,J1484*Input!$J$13,0)+IF(Input!$K$14=1,K1484*Input!$J$14,0)+IF(Input!$K$15=1,L1484*Input!$J$15,0)+IF(Input!$K$16=1,M1484*Input!$J$16,0)</f>
        <v>10.424394689095077</v>
      </c>
      <c r="O1484" s="58">
        <f>IF(Input!$K$13=2,J1484*Input!$J$13,0)+IF(Input!$K$14=2,K1484*Input!$J$14,0)+IF(Input!$K$15=2,L1484*Input!$J$15,0)+IF(Input!$K$16=2,M1484*Input!$J$16,0)</f>
        <v>0.55275724901986012</v>
      </c>
      <c r="P1484" s="58">
        <f>IF(Input!$K$13=3,J1484*Input!$J$13,0)+IF(Input!$K$14=3,K1484*Input!$J$14,0)+IF(Input!$K$15=3,L1484*Input!$J$15,0)+IF(Input!$K$16=3,M1484*Input!$J$16,0)</f>
        <v>0</v>
      </c>
      <c r="Q1484" s="71">
        <f>IF(Input!$K$13=4,J1484*Input!$J$13,0)+IF(Input!$K$14=4,K1484*Input!$J$14,0)+IF(Input!$K$15=4,L1484*Input!$J$15,0)+IF(Input!$K$16=4,M1484*Input!$J$16,0)</f>
        <v>0</v>
      </c>
    </row>
    <row r="1485" spans="8:17" x14ac:dyDescent="0.25">
      <c r="H1485" s="43">
        <v>1478</v>
      </c>
      <c r="I1485" s="55">
        <f>Bühler!I1511</f>
        <v>9.2404880950107824</v>
      </c>
      <c r="J1485" s="58">
        <f>Bühler!J1511</f>
        <v>60.14073859093314</v>
      </c>
      <c r="K1485" s="58">
        <f>Bühler!K1511</f>
        <v>2.8346525590762059</v>
      </c>
      <c r="L1485" s="58">
        <f>Bühler!L1511</f>
        <v>1.417326279538103</v>
      </c>
      <c r="M1485" s="57">
        <f>Bühler!M1511</f>
        <v>0</v>
      </c>
      <c r="N1485" s="55">
        <f>IF(Input!$K$13=1,J1485*Input!$J$13,0)+IF(Input!$K$14=1,K1485*Input!$J$14,0)+IF(Input!$K$15=1,L1485*Input!$J$15,0)+IF(Input!$K$16=1,M1485*Input!$J$16,0)</f>
        <v>7.2168886309119769</v>
      </c>
      <c r="O1485" s="58">
        <f>IF(Input!$K$13=2,J1485*Input!$J$13,0)+IF(Input!$K$14=2,K1485*Input!$J$14,0)+IF(Input!$K$15=2,L1485*Input!$J$15,0)+IF(Input!$K$16=2,M1485*Input!$J$16,0)</f>
        <v>0.38267809547528775</v>
      </c>
      <c r="P1485" s="58">
        <f>IF(Input!$K$13=3,J1485*Input!$J$13,0)+IF(Input!$K$14=3,K1485*Input!$J$14,0)+IF(Input!$K$15=3,L1485*Input!$J$15,0)+IF(Input!$K$16=3,M1485*Input!$J$16,0)</f>
        <v>0</v>
      </c>
      <c r="Q1485" s="71">
        <f>IF(Input!$K$13=4,J1485*Input!$J$13,0)+IF(Input!$K$14=4,K1485*Input!$J$14,0)+IF(Input!$K$15=4,L1485*Input!$J$15,0)+IF(Input!$K$16=4,M1485*Input!$J$16,0)</f>
        <v>0</v>
      </c>
    </row>
    <row r="1486" spans="8:17" x14ac:dyDescent="0.25">
      <c r="H1486" s="43">
        <v>1479</v>
      </c>
      <c r="I1486" s="55">
        <f>Bühler!I1512</f>
        <v>13.347371692793349</v>
      </c>
      <c r="J1486" s="58">
        <f>Bühler!J1512</f>
        <v>86.869955742458984</v>
      </c>
      <c r="K1486" s="58">
        <f>Bühler!K1512</f>
        <v>4.0944981408878531</v>
      </c>
      <c r="L1486" s="58">
        <f>Bühler!L1512</f>
        <v>2.0472490704439266</v>
      </c>
      <c r="M1486" s="57">
        <f>Bühler!M1512</f>
        <v>0</v>
      </c>
      <c r="N1486" s="55">
        <f>IF(Input!$K$13=1,J1486*Input!$J$13,0)+IF(Input!$K$14=1,K1486*Input!$J$14,0)+IF(Input!$K$15=1,L1486*Input!$J$15,0)+IF(Input!$K$16=1,M1486*Input!$J$16,0)</f>
        <v>10.424394689095077</v>
      </c>
      <c r="O1486" s="58">
        <f>IF(Input!$K$13=2,J1486*Input!$J$13,0)+IF(Input!$K$14=2,K1486*Input!$J$14,0)+IF(Input!$K$15=2,L1486*Input!$J$15,0)+IF(Input!$K$16=2,M1486*Input!$J$16,0)</f>
        <v>0.55275724901986012</v>
      </c>
      <c r="P1486" s="58">
        <f>IF(Input!$K$13=3,J1486*Input!$J$13,0)+IF(Input!$K$14=3,K1486*Input!$J$14,0)+IF(Input!$K$15=3,L1486*Input!$J$15,0)+IF(Input!$K$16=3,M1486*Input!$J$16,0)</f>
        <v>0</v>
      </c>
      <c r="Q1486" s="71">
        <f>IF(Input!$K$13=4,J1486*Input!$J$13,0)+IF(Input!$K$14=4,K1486*Input!$J$14,0)+IF(Input!$K$15=4,L1486*Input!$J$15,0)+IF(Input!$K$16=4,M1486*Input!$J$16,0)</f>
        <v>0</v>
      </c>
    </row>
    <row r="1487" spans="8:17" x14ac:dyDescent="0.25">
      <c r="H1487" s="43">
        <v>1480</v>
      </c>
      <c r="I1487" s="55">
        <f>Bühler!I1513</f>
        <v>11.293929893902066</v>
      </c>
      <c r="J1487" s="58">
        <f>Bühler!J1513</f>
        <v>67.935323853214044</v>
      </c>
      <c r="K1487" s="58">
        <f>Bühler!K1513</f>
        <v>3.1496139545291175</v>
      </c>
      <c r="L1487" s="58">
        <f>Bühler!L1513</f>
        <v>1.5748069772645588</v>
      </c>
      <c r="M1487" s="57">
        <f>Bühler!M1513</f>
        <v>0</v>
      </c>
      <c r="N1487" s="55">
        <f>IF(Input!$K$13=1,J1487*Input!$J$13,0)+IF(Input!$K$14=1,K1487*Input!$J$14,0)+IF(Input!$K$15=1,L1487*Input!$J$15,0)+IF(Input!$K$16=1,M1487*Input!$J$16,0)</f>
        <v>8.1522388623856852</v>
      </c>
      <c r="O1487" s="58">
        <f>IF(Input!$K$13=2,J1487*Input!$J$13,0)+IF(Input!$K$14=2,K1487*Input!$J$14,0)+IF(Input!$K$15=2,L1487*Input!$J$15,0)+IF(Input!$K$16=2,M1487*Input!$J$16,0)</f>
        <v>0.42519788386143087</v>
      </c>
      <c r="P1487" s="58">
        <f>IF(Input!$K$13=3,J1487*Input!$J$13,0)+IF(Input!$K$14=3,K1487*Input!$J$14,0)+IF(Input!$K$15=3,L1487*Input!$J$15,0)+IF(Input!$K$16=3,M1487*Input!$J$16,0)</f>
        <v>0</v>
      </c>
      <c r="Q1487" s="71">
        <f>IF(Input!$K$13=4,J1487*Input!$J$13,0)+IF(Input!$K$14=4,K1487*Input!$J$14,0)+IF(Input!$K$15=4,L1487*Input!$J$15,0)+IF(Input!$K$16=4,M1487*Input!$J$16,0)</f>
        <v>0</v>
      </c>
    </row>
    <row r="1488" spans="8:17" x14ac:dyDescent="0.25">
      <c r="H1488" s="43">
        <v>1481</v>
      </c>
      <c r="I1488" s="55">
        <f>Bühler!I1514</f>
        <v>9.7782942804346895</v>
      </c>
      <c r="J1488" s="58">
        <f>Bühler!J1514</f>
        <v>36.743496331888821</v>
      </c>
      <c r="K1488" s="58">
        <f>Bühler!K1514</f>
        <v>1.4786919974315107</v>
      </c>
      <c r="L1488" s="58">
        <f>Bühler!L1514</f>
        <v>0.73934599871575535</v>
      </c>
      <c r="M1488" s="57">
        <f>Bühler!M1514</f>
        <v>0</v>
      </c>
      <c r="N1488" s="55">
        <f>IF(Input!$K$13=1,J1488*Input!$J$13,0)+IF(Input!$K$14=1,K1488*Input!$J$14,0)+IF(Input!$K$15=1,L1488*Input!$J$15,0)+IF(Input!$K$16=1,M1488*Input!$J$16,0)</f>
        <v>4.4092195598266581</v>
      </c>
      <c r="O1488" s="58">
        <f>IF(Input!$K$13=2,J1488*Input!$J$13,0)+IF(Input!$K$14=2,K1488*Input!$J$14,0)+IF(Input!$K$15=2,L1488*Input!$J$15,0)+IF(Input!$K$16=2,M1488*Input!$J$16,0)</f>
        <v>0.19962341965325392</v>
      </c>
      <c r="P1488" s="58">
        <f>IF(Input!$K$13=3,J1488*Input!$J$13,0)+IF(Input!$K$14=3,K1488*Input!$J$14,0)+IF(Input!$K$15=3,L1488*Input!$J$15,0)+IF(Input!$K$16=3,M1488*Input!$J$16,0)</f>
        <v>0</v>
      </c>
      <c r="Q1488" s="71">
        <f>IF(Input!$K$13=4,J1488*Input!$J$13,0)+IF(Input!$K$14=4,K1488*Input!$J$14,0)+IF(Input!$K$15=4,L1488*Input!$J$15,0)+IF(Input!$K$16=4,M1488*Input!$J$16,0)</f>
        <v>0</v>
      </c>
    </row>
    <row r="1489" spans="8:17" x14ac:dyDescent="0.25">
      <c r="H1489" s="43">
        <v>1482</v>
      </c>
      <c r="I1489" s="55">
        <f>Bühler!I1515</f>
        <v>8.2137671955651381</v>
      </c>
      <c r="J1489" s="58">
        <f>Bühler!J1515</f>
        <v>26.157474963731389</v>
      </c>
      <c r="K1489" s="58">
        <f>Bühler!K1515</f>
        <v>0.97593671830479689</v>
      </c>
      <c r="L1489" s="58">
        <f>Bühler!L1515</f>
        <v>0.48796835915239845</v>
      </c>
      <c r="M1489" s="57">
        <f>Bühler!M1515</f>
        <v>0</v>
      </c>
      <c r="N1489" s="55">
        <f>IF(Input!$K$13=1,J1489*Input!$J$13,0)+IF(Input!$K$14=1,K1489*Input!$J$14,0)+IF(Input!$K$15=1,L1489*Input!$J$15,0)+IF(Input!$K$16=1,M1489*Input!$J$16,0)</f>
        <v>3.1388969956477664</v>
      </c>
      <c r="O1489" s="58">
        <f>IF(Input!$K$13=2,J1489*Input!$J$13,0)+IF(Input!$K$14=2,K1489*Input!$J$14,0)+IF(Input!$K$15=2,L1489*Input!$J$15,0)+IF(Input!$K$16=2,M1489*Input!$J$16,0)</f>
        <v>0.13175145697114757</v>
      </c>
      <c r="P1489" s="58">
        <f>IF(Input!$K$13=3,J1489*Input!$J$13,0)+IF(Input!$K$14=3,K1489*Input!$J$14,0)+IF(Input!$K$15=3,L1489*Input!$J$15,0)+IF(Input!$K$16=3,M1489*Input!$J$16,0)</f>
        <v>0</v>
      </c>
      <c r="Q1489" s="71">
        <f>IF(Input!$K$13=4,J1489*Input!$J$13,0)+IF(Input!$K$14=4,K1489*Input!$J$14,0)+IF(Input!$K$15=4,L1489*Input!$J$15,0)+IF(Input!$K$16=4,M1489*Input!$J$16,0)</f>
        <v>0</v>
      </c>
    </row>
    <row r="1490" spans="8:17" x14ac:dyDescent="0.25">
      <c r="H1490" s="43">
        <v>1483</v>
      </c>
      <c r="I1490" s="55">
        <f>Bühler!I1516</f>
        <v>3.0312712269347535</v>
      </c>
      <c r="J1490" s="58">
        <f>Bühler!J1516</f>
        <v>14.267021724308171</v>
      </c>
      <c r="K1490" s="58">
        <f>Bühler!K1516</f>
        <v>0.62105063892123447</v>
      </c>
      <c r="L1490" s="58">
        <f>Bühler!L1516</f>
        <v>0.31052531946061723</v>
      </c>
      <c r="M1490" s="57">
        <f>Bühler!M1516</f>
        <v>0</v>
      </c>
      <c r="N1490" s="55">
        <f>IF(Input!$K$13=1,J1490*Input!$J$13,0)+IF(Input!$K$14=1,K1490*Input!$J$14,0)+IF(Input!$K$15=1,L1490*Input!$J$15,0)+IF(Input!$K$16=1,M1490*Input!$J$16,0)</f>
        <v>1.7120426069169803</v>
      </c>
      <c r="O1490" s="58">
        <f>IF(Input!$K$13=2,J1490*Input!$J$13,0)+IF(Input!$K$14=2,K1490*Input!$J$14,0)+IF(Input!$K$15=2,L1490*Input!$J$15,0)+IF(Input!$K$16=2,M1490*Input!$J$16,0)</f>
        <v>8.3841836254366642E-2</v>
      </c>
      <c r="P1490" s="58">
        <f>IF(Input!$K$13=3,J1490*Input!$J$13,0)+IF(Input!$K$14=3,K1490*Input!$J$14,0)+IF(Input!$K$15=3,L1490*Input!$J$15,0)+IF(Input!$K$16=3,M1490*Input!$J$16,0)</f>
        <v>0</v>
      </c>
      <c r="Q1490" s="71">
        <f>IF(Input!$K$13=4,J1490*Input!$J$13,0)+IF(Input!$K$14=4,K1490*Input!$J$14,0)+IF(Input!$K$15=4,L1490*Input!$J$15,0)+IF(Input!$K$16=4,M1490*Input!$J$16,0)</f>
        <v>0</v>
      </c>
    </row>
    <row r="1491" spans="8:17" x14ac:dyDescent="0.25">
      <c r="H1491" s="43">
        <v>1484</v>
      </c>
      <c r="I1491" s="55">
        <f>Bühler!I1517</f>
        <v>3.0312712269347535</v>
      </c>
      <c r="J1491" s="58">
        <f>Bühler!J1517</f>
        <v>13.744014840413147</v>
      </c>
      <c r="K1491" s="58">
        <f>Bühler!K1517</f>
        <v>0.5914767989726043</v>
      </c>
      <c r="L1491" s="58">
        <f>Bühler!L1517</f>
        <v>0.29573839948630215</v>
      </c>
      <c r="M1491" s="57">
        <f>Bühler!M1517</f>
        <v>0</v>
      </c>
      <c r="N1491" s="55">
        <f>IF(Input!$K$13=1,J1491*Input!$J$13,0)+IF(Input!$K$14=1,K1491*Input!$J$14,0)+IF(Input!$K$15=1,L1491*Input!$J$15,0)+IF(Input!$K$16=1,M1491*Input!$J$16,0)</f>
        <v>1.6492817808495777</v>
      </c>
      <c r="O1491" s="58">
        <f>IF(Input!$K$13=2,J1491*Input!$J$13,0)+IF(Input!$K$14=2,K1491*Input!$J$14,0)+IF(Input!$K$15=2,L1491*Input!$J$15,0)+IF(Input!$K$16=2,M1491*Input!$J$16,0)</f>
        <v>7.984936786130159E-2</v>
      </c>
      <c r="P1491" s="58">
        <f>IF(Input!$K$13=3,J1491*Input!$J$13,0)+IF(Input!$K$14=3,K1491*Input!$J$14,0)+IF(Input!$K$15=3,L1491*Input!$J$15,0)+IF(Input!$K$16=3,M1491*Input!$J$16,0)</f>
        <v>0</v>
      </c>
      <c r="Q1491" s="71">
        <f>IF(Input!$K$13=4,J1491*Input!$J$13,0)+IF(Input!$K$14=4,K1491*Input!$J$14,0)+IF(Input!$K$15=4,L1491*Input!$J$15,0)+IF(Input!$K$16=4,M1491*Input!$J$16,0)</f>
        <v>0</v>
      </c>
    </row>
    <row r="1492" spans="8:17" x14ac:dyDescent="0.25">
      <c r="H1492" s="43">
        <v>1485</v>
      </c>
      <c r="I1492" s="55">
        <f>Bühler!I1518</f>
        <v>3.0312712269347535</v>
      </c>
      <c r="J1492" s="58">
        <f>Bühler!J1518</f>
        <v>13.744014840413147</v>
      </c>
      <c r="K1492" s="58">
        <f>Bühler!K1518</f>
        <v>0.5914767989726043</v>
      </c>
      <c r="L1492" s="58">
        <f>Bühler!L1518</f>
        <v>0.29573839948630215</v>
      </c>
      <c r="M1492" s="57">
        <f>Bühler!M1518</f>
        <v>0</v>
      </c>
      <c r="N1492" s="55">
        <f>IF(Input!$K$13=1,J1492*Input!$J$13,0)+IF(Input!$K$14=1,K1492*Input!$J$14,0)+IF(Input!$K$15=1,L1492*Input!$J$15,0)+IF(Input!$K$16=1,M1492*Input!$J$16,0)</f>
        <v>1.6492817808495777</v>
      </c>
      <c r="O1492" s="58">
        <f>IF(Input!$K$13=2,J1492*Input!$J$13,0)+IF(Input!$K$14=2,K1492*Input!$J$14,0)+IF(Input!$K$15=2,L1492*Input!$J$15,0)+IF(Input!$K$16=2,M1492*Input!$J$16,0)</f>
        <v>7.984936786130159E-2</v>
      </c>
      <c r="P1492" s="58">
        <f>IF(Input!$K$13=3,J1492*Input!$J$13,0)+IF(Input!$K$14=3,K1492*Input!$J$14,0)+IF(Input!$K$15=3,L1492*Input!$J$15,0)+IF(Input!$K$16=3,M1492*Input!$J$16,0)</f>
        <v>0</v>
      </c>
      <c r="Q1492" s="71">
        <f>IF(Input!$K$13=4,J1492*Input!$J$13,0)+IF(Input!$K$14=4,K1492*Input!$J$14,0)+IF(Input!$K$15=4,L1492*Input!$J$15,0)+IF(Input!$K$16=4,M1492*Input!$J$16,0)</f>
        <v>0</v>
      </c>
    </row>
    <row r="1493" spans="8:17" x14ac:dyDescent="0.25">
      <c r="H1493" s="43">
        <v>1486</v>
      </c>
      <c r="I1493" s="55">
        <f>Bühler!I1519</f>
        <v>3.0312712269347535</v>
      </c>
      <c r="J1493" s="58">
        <f>Bühler!J1519</f>
        <v>13.744014840413147</v>
      </c>
      <c r="K1493" s="58">
        <f>Bühler!K1519</f>
        <v>0.5914767989726043</v>
      </c>
      <c r="L1493" s="58">
        <f>Bühler!L1519</f>
        <v>0.29573839948630215</v>
      </c>
      <c r="M1493" s="57">
        <f>Bühler!M1519</f>
        <v>0</v>
      </c>
      <c r="N1493" s="55">
        <f>IF(Input!$K$13=1,J1493*Input!$J$13,0)+IF(Input!$K$14=1,K1493*Input!$J$14,0)+IF(Input!$K$15=1,L1493*Input!$J$15,0)+IF(Input!$K$16=1,M1493*Input!$J$16,0)</f>
        <v>1.6492817808495777</v>
      </c>
      <c r="O1493" s="58">
        <f>IF(Input!$K$13=2,J1493*Input!$J$13,0)+IF(Input!$K$14=2,K1493*Input!$J$14,0)+IF(Input!$K$15=2,L1493*Input!$J$15,0)+IF(Input!$K$16=2,M1493*Input!$J$16,0)</f>
        <v>7.984936786130159E-2</v>
      </c>
      <c r="P1493" s="58">
        <f>IF(Input!$K$13=3,J1493*Input!$J$13,0)+IF(Input!$K$14=3,K1493*Input!$J$14,0)+IF(Input!$K$15=3,L1493*Input!$J$15,0)+IF(Input!$K$16=3,M1493*Input!$J$16,0)</f>
        <v>0</v>
      </c>
      <c r="Q1493" s="71">
        <f>IF(Input!$K$13=4,J1493*Input!$J$13,0)+IF(Input!$K$14=4,K1493*Input!$J$14,0)+IF(Input!$K$15=4,L1493*Input!$J$15,0)+IF(Input!$K$16=4,M1493*Input!$J$16,0)</f>
        <v>0</v>
      </c>
    </row>
    <row r="1494" spans="8:17" x14ac:dyDescent="0.25">
      <c r="H1494" s="43">
        <v>1487</v>
      </c>
      <c r="I1494" s="55">
        <f>Bühler!I1520</f>
        <v>3.0312712269347535</v>
      </c>
      <c r="J1494" s="58">
        <f>Bühler!J1520</f>
        <v>13.744014840413147</v>
      </c>
      <c r="K1494" s="58">
        <f>Bühler!K1520</f>
        <v>0.5914767989726043</v>
      </c>
      <c r="L1494" s="58">
        <f>Bühler!L1520</f>
        <v>0.29573839948630215</v>
      </c>
      <c r="M1494" s="57">
        <f>Bühler!M1520</f>
        <v>0</v>
      </c>
      <c r="N1494" s="55">
        <f>IF(Input!$K$13=1,J1494*Input!$J$13,0)+IF(Input!$K$14=1,K1494*Input!$J$14,0)+IF(Input!$K$15=1,L1494*Input!$J$15,0)+IF(Input!$K$16=1,M1494*Input!$J$16,0)</f>
        <v>1.6492817808495777</v>
      </c>
      <c r="O1494" s="58">
        <f>IF(Input!$K$13=2,J1494*Input!$J$13,0)+IF(Input!$K$14=2,K1494*Input!$J$14,0)+IF(Input!$K$15=2,L1494*Input!$J$15,0)+IF(Input!$K$16=2,M1494*Input!$J$16,0)</f>
        <v>7.984936786130159E-2</v>
      </c>
      <c r="P1494" s="58">
        <f>IF(Input!$K$13=3,J1494*Input!$J$13,0)+IF(Input!$K$14=3,K1494*Input!$J$14,0)+IF(Input!$K$15=3,L1494*Input!$J$15,0)+IF(Input!$K$16=3,M1494*Input!$J$16,0)</f>
        <v>0</v>
      </c>
      <c r="Q1494" s="71">
        <f>IF(Input!$K$13=4,J1494*Input!$J$13,0)+IF(Input!$K$14=4,K1494*Input!$J$14,0)+IF(Input!$K$15=4,L1494*Input!$J$15,0)+IF(Input!$K$16=4,M1494*Input!$J$16,0)</f>
        <v>0</v>
      </c>
    </row>
    <row r="1495" spans="8:17" x14ac:dyDescent="0.25">
      <c r="H1495" s="43">
        <v>1488</v>
      </c>
      <c r="I1495" s="55">
        <f>Bühler!I1521</f>
        <v>3.0312712269347535</v>
      </c>
      <c r="J1495" s="58">
        <f>Bühler!J1521</f>
        <v>13.744014840413147</v>
      </c>
      <c r="K1495" s="58">
        <f>Bühler!K1521</f>
        <v>0.5914767989726043</v>
      </c>
      <c r="L1495" s="58">
        <f>Bühler!L1521</f>
        <v>0.29573839948630215</v>
      </c>
      <c r="M1495" s="57">
        <f>Bühler!M1521</f>
        <v>0</v>
      </c>
      <c r="N1495" s="55">
        <f>IF(Input!$K$13=1,J1495*Input!$J$13,0)+IF(Input!$K$14=1,K1495*Input!$J$14,0)+IF(Input!$K$15=1,L1495*Input!$J$15,0)+IF(Input!$K$16=1,M1495*Input!$J$16,0)</f>
        <v>1.6492817808495777</v>
      </c>
      <c r="O1495" s="58">
        <f>IF(Input!$K$13=2,J1495*Input!$J$13,0)+IF(Input!$K$14=2,K1495*Input!$J$14,0)+IF(Input!$K$15=2,L1495*Input!$J$15,0)+IF(Input!$K$16=2,M1495*Input!$J$16,0)</f>
        <v>7.984936786130159E-2</v>
      </c>
      <c r="P1495" s="58">
        <f>IF(Input!$K$13=3,J1495*Input!$J$13,0)+IF(Input!$K$14=3,K1495*Input!$J$14,0)+IF(Input!$K$15=3,L1495*Input!$J$15,0)+IF(Input!$K$16=3,M1495*Input!$J$16,0)</f>
        <v>0</v>
      </c>
      <c r="Q1495" s="71">
        <f>IF(Input!$K$13=4,J1495*Input!$J$13,0)+IF(Input!$K$14=4,K1495*Input!$J$14,0)+IF(Input!$K$15=4,L1495*Input!$J$15,0)+IF(Input!$K$16=4,M1495*Input!$J$16,0)</f>
        <v>0</v>
      </c>
    </row>
    <row r="1496" spans="8:17" x14ac:dyDescent="0.25">
      <c r="H1496" s="43">
        <v>1489</v>
      </c>
      <c r="I1496" s="55">
        <f>Bühler!I1522</f>
        <v>1.4682610801347258</v>
      </c>
      <c r="J1496" s="58">
        <f>Bühler!J1522</f>
        <v>14.143305264582835</v>
      </c>
      <c r="K1496" s="58">
        <f>Bühler!K1522</f>
        <v>0.404443099269996</v>
      </c>
      <c r="L1496" s="58">
        <f>Bühler!L1522</f>
        <v>0.202221549634998</v>
      </c>
      <c r="M1496" s="57">
        <f>Bühler!M1522</f>
        <v>0</v>
      </c>
      <c r="N1496" s="55">
        <f>IF(Input!$K$13=1,J1496*Input!$J$13,0)+IF(Input!$K$14=1,K1496*Input!$J$14,0)+IF(Input!$K$15=1,L1496*Input!$J$15,0)+IF(Input!$K$16=1,M1496*Input!$J$16,0)</f>
        <v>1.6971966317499403</v>
      </c>
      <c r="O1496" s="58">
        <f>IF(Input!$K$13=2,J1496*Input!$J$13,0)+IF(Input!$K$14=2,K1496*Input!$J$14,0)+IF(Input!$K$15=2,L1496*Input!$J$15,0)+IF(Input!$K$16=2,M1496*Input!$J$16,0)</f>
        <v>5.4599818401449458E-2</v>
      </c>
      <c r="P1496" s="58">
        <f>IF(Input!$K$13=3,J1496*Input!$J$13,0)+IF(Input!$K$14=3,K1496*Input!$J$14,0)+IF(Input!$K$15=3,L1496*Input!$J$15,0)+IF(Input!$K$16=3,M1496*Input!$J$16,0)</f>
        <v>0</v>
      </c>
      <c r="Q1496" s="71">
        <f>IF(Input!$K$13=4,J1496*Input!$J$13,0)+IF(Input!$K$14=4,K1496*Input!$J$14,0)+IF(Input!$K$15=4,L1496*Input!$J$15,0)+IF(Input!$K$16=4,M1496*Input!$J$16,0)</f>
        <v>0</v>
      </c>
    </row>
    <row r="1497" spans="8:17" x14ac:dyDescent="0.25">
      <c r="H1497" s="43">
        <v>1490</v>
      </c>
      <c r="I1497" s="55">
        <f>Bühler!I1523</f>
        <v>2.8666049659773218</v>
      </c>
      <c r="J1497" s="58">
        <f>Bühler!J1523</f>
        <v>13.350687489406555</v>
      </c>
      <c r="K1497" s="58">
        <f>Bühler!K1523</f>
        <v>0.36399878934299645</v>
      </c>
      <c r="L1497" s="58">
        <f>Bühler!L1523</f>
        <v>0.18199939467149823</v>
      </c>
      <c r="M1497" s="57">
        <f>Bühler!M1523</f>
        <v>0</v>
      </c>
      <c r="N1497" s="55">
        <f>IF(Input!$K$13=1,J1497*Input!$J$13,0)+IF(Input!$K$14=1,K1497*Input!$J$14,0)+IF(Input!$K$15=1,L1497*Input!$J$15,0)+IF(Input!$K$16=1,M1497*Input!$J$16,0)</f>
        <v>1.6020824987287865</v>
      </c>
      <c r="O1497" s="58">
        <f>IF(Input!$K$13=2,J1497*Input!$J$13,0)+IF(Input!$K$14=2,K1497*Input!$J$14,0)+IF(Input!$K$15=2,L1497*Input!$J$15,0)+IF(Input!$K$16=2,M1497*Input!$J$16,0)</f>
        <v>4.9139836561304523E-2</v>
      </c>
      <c r="P1497" s="58">
        <f>IF(Input!$K$13=3,J1497*Input!$J$13,0)+IF(Input!$K$14=3,K1497*Input!$J$14,0)+IF(Input!$K$15=3,L1497*Input!$J$15,0)+IF(Input!$K$16=3,M1497*Input!$J$16,0)</f>
        <v>0</v>
      </c>
      <c r="Q1497" s="71">
        <f>IF(Input!$K$13=4,J1497*Input!$J$13,0)+IF(Input!$K$14=4,K1497*Input!$J$14,0)+IF(Input!$K$15=4,L1497*Input!$J$15,0)+IF(Input!$K$16=4,M1497*Input!$J$16,0)</f>
        <v>0</v>
      </c>
    </row>
    <row r="1498" spans="8:17" x14ac:dyDescent="0.25">
      <c r="H1498" s="43">
        <v>1491</v>
      </c>
      <c r="I1498" s="55">
        <f>Bühler!I1524</f>
        <v>2.8666049659773218</v>
      </c>
      <c r="J1498" s="58">
        <f>Bühler!J1524</f>
        <v>13.350687489406555</v>
      </c>
      <c r="K1498" s="58">
        <f>Bühler!K1524</f>
        <v>0.36399878934299645</v>
      </c>
      <c r="L1498" s="58">
        <f>Bühler!L1524</f>
        <v>0.18199939467149823</v>
      </c>
      <c r="M1498" s="57">
        <f>Bühler!M1524</f>
        <v>0</v>
      </c>
      <c r="N1498" s="55">
        <f>IF(Input!$K$13=1,J1498*Input!$J$13,0)+IF(Input!$K$14=1,K1498*Input!$J$14,0)+IF(Input!$K$15=1,L1498*Input!$J$15,0)+IF(Input!$K$16=1,M1498*Input!$J$16,0)</f>
        <v>1.6020824987287865</v>
      </c>
      <c r="O1498" s="58">
        <f>IF(Input!$K$13=2,J1498*Input!$J$13,0)+IF(Input!$K$14=2,K1498*Input!$J$14,0)+IF(Input!$K$15=2,L1498*Input!$J$15,0)+IF(Input!$K$16=2,M1498*Input!$J$16,0)</f>
        <v>4.9139836561304523E-2</v>
      </c>
      <c r="P1498" s="58">
        <f>IF(Input!$K$13=3,J1498*Input!$J$13,0)+IF(Input!$K$14=3,K1498*Input!$J$14,0)+IF(Input!$K$15=3,L1498*Input!$J$15,0)+IF(Input!$K$16=3,M1498*Input!$J$16,0)</f>
        <v>0</v>
      </c>
      <c r="Q1498" s="71">
        <f>IF(Input!$K$13=4,J1498*Input!$J$13,0)+IF(Input!$K$14=4,K1498*Input!$J$14,0)+IF(Input!$K$15=4,L1498*Input!$J$15,0)+IF(Input!$K$16=4,M1498*Input!$J$16,0)</f>
        <v>0</v>
      </c>
    </row>
    <row r="1499" spans="8:17" x14ac:dyDescent="0.25">
      <c r="H1499" s="43">
        <v>1492</v>
      </c>
      <c r="I1499" s="55">
        <f>Bühler!I1525</f>
        <v>2.8666049659773218</v>
      </c>
      <c r="J1499" s="58">
        <f>Bühler!J1525</f>
        <v>13.350687489406555</v>
      </c>
      <c r="K1499" s="58">
        <f>Bühler!K1525</f>
        <v>0.36399878934299645</v>
      </c>
      <c r="L1499" s="58">
        <f>Bühler!L1525</f>
        <v>0.18199939467149823</v>
      </c>
      <c r="M1499" s="57">
        <f>Bühler!M1525</f>
        <v>0</v>
      </c>
      <c r="N1499" s="55">
        <f>IF(Input!$K$13=1,J1499*Input!$J$13,0)+IF(Input!$K$14=1,K1499*Input!$J$14,0)+IF(Input!$K$15=1,L1499*Input!$J$15,0)+IF(Input!$K$16=1,M1499*Input!$J$16,0)</f>
        <v>1.6020824987287865</v>
      </c>
      <c r="O1499" s="58">
        <f>IF(Input!$K$13=2,J1499*Input!$J$13,0)+IF(Input!$K$14=2,K1499*Input!$J$14,0)+IF(Input!$K$15=2,L1499*Input!$J$15,0)+IF(Input!$K$16=2,M1499*Input!$J$16,0)</f>
        <v>4.9139836561304523E-2</v>
      </c>
      <c r="P1499" s="58">
        <f>IF(Input!$K$13=3,J1499*Input!$J$13,0)+IF(Input!$K$14=3,K1499*Input!$J$14,0)+IF(Input!$K$15=3,L1499*Input!$J$15,0)+IF(Input!$K$16=3,M1499*Input!$J$16,0)</f>
        <v>0</v>
      </c>
      <c r="Q1499" s="71">
        <f>IF(Input!$K$13=4,J1499*Input!$J$13,0)+IF(Input!$K$14=4,K1499*Input!$J$14,0)+IF(Input!$K$15=4,L1499*Input!$J$15,0)+IF(Input!$K$16=4,M1499*Input!$J$16,0)</f>
        <v>0</v>
      </c>
    </row>
    <row r="1500" spans="8:17" x14ac:dyDescent="0.25">
      <c r="H1500" s="43">
        <v>1493</v>
      </c>
      <c r="I1500" s="55">
        <f>Bühler!I1526</f>
        <v>2.8666049659773218</v>
      </c>
      <c r="J1500" s="58">
        <f>Bühler!J1526</f>
        <v>13.350687489406555</v>
      </c>
      <c r="K1500" s="58">
        <f>Bühler!K1526</f>
        <v>0.36399878934299645</v>
      </c>
      <c r="L1500" s="58">
        <f>Bühler!L1526</f>
        <v>0.18199939467149823</v>
      </c>
      <c r="M1500" s="57">
        <f>Bühler!M1526</f>
        <v>0</v>
      </c>
      <c r="N1500" s="55">
        <f>IF(Input!$K$13=1,J1500*Input!$J$13,0)+IF(Input!$K$14=1,K1500*Input!$J$14,0)+IF(Input!$K$15=1,L1500*Input!$J$15,0)+IF(Input!$K$16=1,M1500*Input!$J$16,0)</f>
        <v>1.6020824987287865</v>
      </c>
      <c r="O1500" s="58">
        <f>IF(Input!$K$13=2,J1500*Input!$J$13,0)+IF(Input!$K$14=2,K1500*Input!$J$14,0)+IF(Input!$K$15=2,L1500*Input!$J$15,0)+IF(Input!$K$16=2,M1500*Input!$J$16,0)</f>
        <v>4.9139836561304523E-2</v>
      </c>
      <c r="P1500" s="58">
        <f>IF(Input!$K$13=3,J1500*Input!$J$13,0)+IF(Input!$K$14=3,K1500*Input!$J$14,0)+IF(Input!$K$15=3,L1500*Input!$J$15,0)+IF(Input!$K$16=3,M1500*Input!$J$16,0)</f>
        <v>0</v>
      </c>
      <c r="Q1500" s="71">
        <f>IF(Input!$K$13=4,J1500*Input!$J$13,0)+IF(Input!$K$14=4,K1500*Input!$J$14,0)+IF(Input!$K$15=4,L1500*Input!$J$15,0)+IF(Input!$K$16=4,M1500*Input!$J$16,0)</f>
        <v>0</v>
      </c>
    </row>
    <row r="1501" spans="8:17" x14ac:dyDescent="0.25">
      <c r="H1501" s="43">
        <v>1494</v>
      </c>
      <c r="I1501" s="55">
        <f>Bühler!I1527</f>
        <v>3.5657769088986204</v>
      </c>
      <c r="J1501" s="58">
        <f>Bühler!J1527</f>
        <v>13.379819653694941</v>
      </c>
      <c r="K1501" s="58">
        <f>Bühler!K1527</f>
        <v>0.36399878934299645</v>
      </c>
      <c r="L1501" s="58">
        <f>Bühler!L1527</f>
        <v>0.18199939467149823</v>
      </c>
      <c r="M1501" s="57">
        <f>Bühler!M1527</f>
        <v>0</v>
      </c>
      <c r="N1501" s="55">
        <f>IF(Input!$K$13=1,J1501*Input!$J$13,0)+IF(Input!$K$14=1,K1501*Input!$J$14,0)+IF(Input!$K$15=1,L1501*Input!$J$15,0)+IF(Input!$K$16=1,M1501*Input!$J$16,0)</f>
        <v>1.6055783584433929</v>
      </c>
      <c r="O1501" s="58">
        <f>IF(Input!$K$13=2,J1501*Input!$J$13,0)+IF(Input!$K$14=2,K1501*Input!$J$14,0)+IF(Input!$K$15=2,L1501*Input!$J$15,0)+IF(Input!$K$16=2,M1501*Input!$J$16,0)</f>
        <v>4.9139836561304523E-2</v>
      </c>
      <c r="P1501" s="58">
        <f>IF(Input!$K$13=3,J1501*Input!$J$13,0)+IF(Input!$K$14=3,K1501*Input!$J$14,0)+IF(Input!$K$15=3,L1501*Input!$J$15,0)+IF(Input!$K$16=3,M1501*Input!$J$16,0)</f>
        <v>0</v>
      </c>
      <c r="Q1501" s="71">
        <f>IF(Input!$K$13=4,J1501*Input!$J$13,0)+IF(Input!$K$14=4,K1501*Input!$J$14,0)+IF(Input!$K$15=4,L1501*Input!$J$15,0)+IF(Input!$K$16=4,M1501*Input!$J$16,0)</f>
        <v>0</v>
      </c>
    </row>
    <row r="1502" spans="8:17" x14ac:dyDescent="0.25">
      <c r="H1502" s="43">
        <v>1495</v>
      </c>
      <c r="I1502" s="55">
        <f>Bühler!I1528</f>
        <v>4.4747004346963077</v>
      </c>
      <c r="J1502" s="58">
        <f>Bühler!J1528</f>
        <v>13.417691467269846</v>
      </c>
      <c r="K1502" s="58">
        <f>Bühler!K1528</f>
        <v>0.36399878934299645</v>
      </c>
      <c r="L1502" s="58">
        <f>Bühler!L1528</f>
        <v>0.18199939467149823</v>
      </c>
      <c r="M1502" s="57">
        <f>Bühler!M1528</f>
        <v>0</v>
      </c>
      <c r="N1502" s="55">
        <f>IF(Input!$K$13=1,J1502*Input!$J$13,0)+IF(Input!$K$14=1,K1502*Input!$J$14,0)+IF(Input!$K$15=1,L1502*Input!$J$15,0)+IF(Input!$K$16=1,M1502*Input!$J$16,0)</f>
        <v>1.6101229760723814</v>
      </c>
      <c r="O1502" s="58">
        <f>IF(Input!$K$13=2,J1502*Input!$J$13,0)+IF(Input!$K$14=2,K1502*Input!$J$14,0)+IF(Input!$K$15=2,L1502*Input!$J$15,0)+IF(Input!$K$16=2,M1502*Input!$J$16,0)</f>
        <v>4.9139836561304523E-2</v>
      </c>
      <c r="P1502" s="58">
        <f>IF(Input!$K$13=3,J1502*Input!$J$13,0)+IF(Input!$K$14=3,K1502*Input!$J$14,0)+IF(Input!$K$15=3,L1502*Input!$J$15,0)+IF(Input!$K$16=3,M1502*Input!$J$16,0)</f>
        <v>0</v>
      </c>
      <c r="Q1502" s="71">
        <f>IF(Input!$K$13=4,J1502*Input!$J$13,0)+IF(Input!$K$14=4,K1502*Input!$J$14,0)+IF(Input!$K$15=4,L1502*Input!$J$15,0)+IF(Input!$K$16=4,M1502*Input!$J$16,0)</f>
        <v>0</v>
      </c>
    </row>
    <row r="1503" spans="8:17" x14ac:dyDescent="0.25">
      <c r="H1503" s="43">
        <v>1496</v>
      </c>
      <c r="I1503" s="55">
        <f>Bühler!I1529</f>
        <v>5.1039551833254757</v>
      </c>
      <c r="J1503" s="58">
        <f>Bühler!J1529</f>
        <v>13.443910415129393</v>
      </c>
      <c r="K1503" s="58">
        <f>Bühler!K1529</f>
        <v>0.36399878934299645</v>
      </c>
      <c r="L1503" s="58">
        <f>Bühler!L1529</f>
        <v>0.18199939467149823</v>
      </c>
      <c r="M1503" s="57">
        <f>Bühler!M1529</f>
        <v>0</v>
      </c>
      <c r="N1503" s="55">
        <f>IF(Input!$K$13=1,J1503*Input!$J$13,0)+IF(Input!$K$14=1,K1503*Input!$J$14,0)+IF(Input!$K$15=1,L1503*Input!$J$15,0)+IF(Input!$K$16=1,M1503*Input!$J$16,0)</f>
        <v>1.613269249815527</v>
      </c>
      <c r="O1503" s="58">
        <f>IF(Input!$K$13=2,J1503*Input!$J$13,0)+IF(Input!$K$14=2,K1503*Input!$J$14,0)+IF(Input!$K$15=2,L1503*Input!$J$15,0)+IF(Input!$K$16=2,M1503*Input!$J$16,0)</f>
        <v>4.9139836561304523E-2</v>
      </c>
      <c r="P1503" s="58">
        <f>IF(Input!$K$13=3,J1503*Input!$J$13,0)+IF(Input!$K$14=3,K1503*Input!$J$14,0)+IF(Input!$K$15=3,L1503*Input!$J$15,0)+IF(Input!$K$16=3,M1503*Input!$J$16,0)</f>
        <v>0</v>
      </c>
      <c r="Q1503" s="71">
        <f>IF(Input!$K$13=4,J1503*Input!$J$13,0)+IF(Input!$K$14=4,K1503*Input!$J$14,0)+IF(Input!$K$15=4,L1503*Input!$J$15,0)+IF(Input!$K$16=4,M1503*Input!$J$16,0)</f>
        <v>0</v>
      </c>
    </row>
    <row r="1504" spans="8:17" x14ac:dyDescent="0.25">
      <c r="H1504" s="43">
        <v>1497</v>
      </c>
      <c r="I1504" s="55">
        <f>Bühler!I1530</f>
        <v>5.1039551833254757</v>
      </c>
      <c r="J1504" s="58">
        <f>Bühler!J1530</f>
        <v>13.443910415129393</v>
      </c>
      <c r="K1504" s="58">
        <f>Bühler!K1530</f>
        <v>0.36399878934299645</v>
      </c>
      <c r="L1504" s="58">
        <f>Bühler!L1530</f>
        <v>0.18199939467149823</v>
      </c>
      <c r="M1504" s="57">
        <f>Bühler!M1530</f>
        <v>0</v>
      </c>
      <c r="N1504" s="55">
        <f>IF(Input!$K$13=1,J1504*Input!$J$13,0)+IF(Input!$K$14=1,K1504*Input!$J$14,0)+IF(Input!$K$15=1,L1504*Input!$J$15,0)+IF(Input!$K$16=1,M1504*Input!$J$16,0)</f>
        <v>1.613269249815527</v>
      </c>
      <c r="O1504" s="58">
        <f>IF(Input!$K$13=2,J1504*Input!$J$13,0)+IF(Input!$K$14=2,K1504*Input!$J$14,0)+IF(Input!$K$15=2,L1504*Input!$J$15,0)+IF(Input!$K$16=2,M1504*Input!$J$16,0)</f>
        <v>4.9139836561304523E-2</v>
      </c>
      <c r="P1504" s="58">
        <f>IF(Input!$K$13=3,J1504*Input!$J$13,0)+IF(Input!$K$14=3,K1504*Input!$J$14,0)+IF(Input!$K$15=3,L1504*Input!$J$15,0)+IF(Input!$K$16=3,M1504*Input!$J$16,0)</f>
        <v>0</v>
      </c>
      <c r="Q1504" s="71">
        <f>IF(Input!$K$13=4,J1504*Input!$J$13,0)+IF(Input!$K$14=4,K1504*Input!$J$14,0)+IF(Input!$K$15=4,L1504*Input!$J$15,0)+IF(Input!$K$16=4,M1504*Input!$J$16,0)</f>
        <v>0</v>
      </c>
    </row>
    <row r="1505" spans="8:17" x14ac:dyDescent="0.25">
      <c r="H1505" s="43">
        <v>1498</v>
      </c>
      <c r="I1505" s="55">
        <f>Bühler!I1531</f>
        <v>5.1039551833254757</v>
      </c>
      <c r="J1505" s="58">
        <f>Bühler!J1531</f>
        <v>13.443910415129393</v>
      </c>
      <c r="K1505" s="58">
        <f>Bühler!K1531</f>
        <v>0.36399878934299645</v>
      </c>
      <c r="L1505" s="58">
        <f>Bühler!L1531</f>
        <v>0.18199939467149823</v>
      </c>
      <c r="M1505" s="57">
        <f>Bühler!M1531</f>
        <v>0</v>
      </c>
      <c r="N1505" s="55">
        <f>IF(Input!$K$13=1,J1505*Input!$J$13,0)+IF(Input!$K$14=1,K1505*Input!$J$14,0)+IF(Input!$K$15=1,L1505*Input!$J$15,0)+IF(Input!$K$16=1,M1505*Input!$J$16,0)</f>
        <v>1.613269249815527</v>
      </c>
      <c r="O1505" s="58">
        <f>IF(Input!$K$13=2,J1505*Input!$J$13,0)+IF(Input!$K$14=2,K1505*Input!$J$14,0)+IF(Input!$K$15=2,L1505*Input!$J$15,0)+IF(Input!$K$16=2,M1505*Input!$J$16,0)</f>
        <v>4.9139836561304523E-2</v>
      </c>
      <c r="P1505" s="58">
        <f>IF(Input!$K$13=3,J1505*Input!$J$13,0)+IF(Input!$K$14=3,K1505*Input!$J$14,0)+IF(Input!$K$15=3,L1505*Input!$J$15,0)+IF(Input!$K$16=3,M1505*Input!$J$16,0)</f>
        <v>0</v>
      </c>
      <c r="Q1505" s="71">
        <f>IF(Input!$K$13=4,J1505*Input!$J$13,0)+IF(Input!$K$14=4,K1505*Input!$J$14,0)+IF(Input!$K$15=4,L1505*Input!$J$15,0)+IF(Input!$K$16=4,M1505*Input!$J$16,0)</f>
        <v>0</v>
      </c>
    </row>
    <row r="1506" spans="8:17" x14ac:dyDescent="0.25">
      <c r="H1506" s="43">
        <v>1499</v>
      </c>
      <c r="I1506" s="55">
        <f>Bühler!I1532</f>
        <v>5.1039551833254757</v>
      </c>
      <c r="J1506" s="58">
        <f>Bühler!J1532</f>
        <v>13.443910415129393</v>
      </c>
      <c r="K1506" s="58">
        <f>Bühler!K1532</f>
        <v>0.36399878934299645</v>
      </c>
      <c r="L1506" s="58">
        <f>Bühler!L1532</f>
        <v>0.18199939467149823</v>
      </c>
      <c r="M1506" s="57">
        <f>Bühler!M1532</f>
        <v>0</v>
      </c>
      <c r="N1506" s="55">
        <f>IF(Input!$K$13=1,J1506*Input!$J$13,0)+IF(Input!$K$14=1,K1506*Input!$J$14,0)+IF(Input!$K$15=1,L1506*Input!$J$15,0)+IF(Input!$K$16=1,M1506*Input!$J$16,0)</f>
        <v>1.613269249815527</v>
      </c>
      <c r="O1506" s="58">
        <f>IF(Input!$K$13=2,J1506*Input!$J$13,0)+IF(Input!$K$14=2,K1506*Input!$J$14,0)+IF(Input!$K$15=2,L1506*Input!$J$15,0)+IF(Input!$K$16=2,M1506*Input!$J$16,0)</f>
        <v>4.9139836561304523E-2</v>
      </c>
      <c r="P1506" s="58">
        <f>IF(Input!$K$13=3,J1506*Input!$J$13,0)+IF(Input!$K$14=3,K1506*Input!$J$14,0)+IF(Input!$K$15=3,L1506*Input!$J$15,0)+IF(Input!$K$16=3,M1506*Input!$J$16,0)</f>
        <v>0</v>
      </c>
      <c r="Q1506" s="71">
        <f>IF(Input!$K$13=4,J1506*Input!$J$13,0)+IF(Input!$K$14=4,K1506*Input!$J$14,0)+IF(Input!$K$15=4,L1506*Input!$J$15,0)+IF(Input!$K$16=4,M1506*Input!$J$16,0)</f>
        <v>0</v>
      </c>
    </row>
    <row r="1507" spans="8:17" x14ac:dyDescent="0.25">
      <c r="H1507" s="43">
        <v>1500</v>
      </c>
      <c r="I1507" s="55">
        <f>Bühler!I1533</f>
        <v>5.1039551833254757</v>
      </c>
      <c r="J1507" s="58">
        <f>Bühler!J1533</f>
        <v>13.443910415129393</v>
      </c>
      <c r="K1507" s="58">
        <f>Bühler!K1533</f>
        <v>0.36399878934299645</v>
      </c>
      <c r="L1507" s="58">
        <f>Bühler!L1533</f>
        <v>0.18199939467149823</v>
      </c>
      <c r="M1507" s="57">
        <f>Bühler!M1533</f>
        <v>0</v>
      </c>
      <c r="N1507" s="55">
        <f>IF(Input!$K$13=1,J1507*Input!$J$13,0)+IF(Input!$K$14=1,K1507*Input!$J$14,0)+IF(Input!$K$15=1,L1507*Input!$J$15,0)+IF(Input!$K$16=1,M1507*Input!$J$16,0)</f>
        <v>1.613269249815527</v>
      </c>
      <c r="O1507" s="58">
        <f>IF(Input!$K$13=2,J1507*Input!$J$13,0)+IF(Input!$K$14=2,K1507*Input!$J$14,0)+IF(Input!$K$15=2,L1507*Input!$J$15,0)+IF(Input!$K$16=2,M1507*Input!$J$16,0)</f>
        <v>4.9139836561304523E-2</v>
      </c>
      <c r="P1507" s="58">
        <f>IF(Input!$K$13=3,J1507*Input!$J$13,0)+IF(Input!$K$14=3,K1507*Input!$J$14,0)+IF(Input!$K$15=3,L1507*Input!$J$15,0)+IF(Input!$K$16=3,M1507*Input!$J$16,0)</f>
        <v>0</v>
      </c>
      <c r="Q1507" s="71">
        <f>IF(Input!$K$13=4,J1507*Input!$J$13,0)+IF(Input!$K$14=4,K1507*Input!$J$14,0)+IF(Input!$K$15=4,L1507*Input!$J$15,0)+IF(Input!$K$16=4,M1507*Input!$J$16,0)</f>
        <v>0</v>
      </c>
    </row>
    <row r="1508" spans="8:17" x14ac:dyDescent="0.25">
      <c r="H1508" s="43">
        <v>1501</v>
      </c>
      <c r="I1508" s="55">
        <f>Bühler!I1534</f>
        <v>5.1039551833254757</v>
      </c>
      <c r="J1508" s="58">
        <f>Bühler!J1534</f>
        <v>13.443910415129393</v>
      </c>
      <c r="K1508" s="58">
        <f>Bühler!K1534</f>
        <v>0.36399878934299645</v>
      </c>
      <c r="L1508" s="58">
        <f>Bühler!L1534</f>
        <v>0.18199939467149823</v>
      </c>
      <c r="M1508" s="57">
        <f>Bühler!M1534</f>
        <v>0</v>
      </c>
      <c r="N1508" s="55">
        <f>IF(Input!$K$13=1,J1508*Input!$J$13,0)+IF(Input!$K$14=1,K1508*Input!$J$14,0)+IF(Input!$K$15=1,L1508*Input!$J$15,0)+IF(Input!$K$16=1,M1508*Input!$J$16,0)</f>
        <v>1.613269249815527</v>
      </c>
      <c r="O1508" s="58">
        <f>IF(Input!$K$13=2,J1508*Input!$J$13,0)+IF(Input!$K$14=2,K1508*Input!$J$14,0)+IF(Input!$K$15=2,L1508*Input!$J$15,0)+IF(Input!$K$16=2,M1508*Input!$J$16,0)</f>
        <v>4.9139836561304523E-2</v>
      </c>
      <c r="P1508" s="58">
        <f>IF(Input!$K$13=3,J1508*Input!$J$13,0)+IF(Input!$K$14=3,K1508*Input!$J$14,0)+IF(Input!$K$15=3,L1508*Input!$J$15,0)+IF(Input!$K$16=3,M1508*Input!$J$16,0)</f>
        <v>0</v>
      </c>
      <c r="Q1508" s="71">
        <f>IF(Input!$K$13=4,J1508*Input!$J$13,0)+IF(Input!$K$14=4,K1508*Input!$J$14,0)+IF(Input!$K$15=4,L1508*Input!$J$15,0)+IF(Input!$K$16=4,M1508*Input!$J$16,0)</f>
        <v>0</v>
      </c>
    </row>
    <row r="1509" spans="8:17" x14ac:dyDescent="0.25">
      <c r="H1509" s="43">
        <v>1502</v>
      </c>
      <c r="I1509" s="55">
        <f>Bühler!I1535</f>
        <v>5.1039551833254757</v>
      </c>
      <c r="J1509" s="58">
        <f>Bühler!J1535</f>
        <v>13.443910415129393</v>
      </c>
      <c r="K1509" s="58">
        <f>Bühler!K1535</f>
        <v>0.36399878934299645</v>
      </c>
      <c r="L1509" s="58">
        <f>Bühler!L1535</f>
        <v>0.18199939467149823</v>
      </c>
      <c r="M1509" s="57">
        <f>Bühler!M1535</f>
        <v>0</v>
      </c>
      <c r="N1509" s="55">
        <f>IF(Input!$K$13=1,J1509*Input!$J$13,0)+IF(Input!$K$14=1,K1509*Input!$J$14,0)+IF(Input!$K$15=1,L1509*Input!$J$15,0)+IF(Input!$K$16=1,M1509*Input!$J$16,0)</f>
        <v>1.613269249815527</v>
      </c>
      <c r="O1509" s="58">
        <f>IF(Input!$K$13=2,J1509*Input!$J$13,0)+IF(Input!$K$14=2,K1509*Input!$J$14,0)+IF(Input!$K$15=2,L1509*Input!$J$15,0)+IF(Input!$K$16=2,M1509*Input!$J$16,0)</f>
        <v>4.9139836561304523E-2</v>
      </c>
      <c r="P1509" s="58">
        <f>IF(Input!$K$13=3,J1509*Input!$J$13,0)+IF(Input!$K$14=3,K1509*Input!$J$14,0)+IF(Input!$K$15=3,L1509*Input!$J$15,0)+IF(Input!$K$16=3,M1509*Input!$J$16,0)</f>
        <v>0</v>
      </c>
      <c r="Q1509" s="71">
        <f>IF(Input!$K$13=4,J1509*Input!$J$13,0)+IF(Input!$K$14=4,K1509*Input!$J$14,0)+IF(Input!$K$15=4,L1509*Input!$J$15,0)+IF(Input!$K$16=4,M1509*Input!$J$16,0)</f>
        <v>0</v>
      </c>
    </row>
    <row r="1510" spans="8:17" x14ac:dyDescent="0.25">
      <c r="H1510" s="43">
        <v>1503</v>
      </c>
      <c r="I1510" s="55">
        <f>Bühler!I1536</f>
        <v>5.1039551833254757</v>
      </c>
      <c r="J1510" s="58">
        <f>Bühler!J1536</f>
        <v>13.443910415129393</v>
      </c>
      <c r="K1510" s="58">
        <f>Bühler!K1536</f>
        <v>0.36399878934299645</v>
      </c>
      <c r="L1510" s="58">
        <f>Bühler!L1536</f>
        <v>0.18199939467149823</v>
      </c>
      <c r="M1510" s="57">
        <f>Bühler!M1536</f>
        <v>0</v>
      </c>
      <c r="N1510" s="55">
        <f>IF(Input!$K$13=1,J1510*Input!$J$13,0)+IF(Input!$K$14=1,K1510*Input!$J$14,0)+IF(Input!$K$15=1,L1510*Input!$J$15,0)+IF(Input!$K$16=1,M1510*Input!$J$16,0)</f>
        <v>1.613269249815527</v>
      </c>
      <c r="O1510" s="58">
        <f>IF(Input!$K$13=2,J1510*Input!$J$13,0)+IF(Input!$K$14=2,K1510*Input!$J$14,0)+IF(Input!$K$15=2,L1510*Input!$J$15,0)+IF(Input!$K$16=2,M1510*Input!$J$16,0)</f>
        <v>4.9139836561304523E-2</v>
      </c>
      <c r="P1510" s="58">
        <f>IF(Input!$K$13=3,J1510*Input!$J$13,0)+IF(Input!$K$14=3,K1510*Input!$J$14,0)+IF(Input!$K$15=3,L1510*Input!$J$15,0)+IF(Input!$K$16=3,M1510*Input!$J$16,0)</f>
        <v>0</v>
      </c>
      <c r="Q1510" s="71">
        <f>IF(Input!$K$13=4,J1510*Input!$J$13,0)+IF(Input!$K$14=4,K1510*Input!$J$14,0)+IF(Input!$K$15=4,L1510*Input!$J$15,0)+IF(Input!$K$16=4,M1510*Input!$J$16,0)</f>
        <v>0</v>
      </c>
    </row>
    <row r="1511" spans="8:17" x14ac:dyDescent="0.25">
      <c r="H1511" s="43">
        <v>1504</v>
      </c>
      <c r="I1511" s="55">
        <f>Bühler!I1537</f>
        <v>4.6145348232805672</v>
      </c>
      <c r="J1511" s="58">
        <f>Bühler!J1537</f>
        <v>13.423517900127521</v>
      </c>
      <c r="K1511" s="58">
        <f>Bühler!K1537</f>
        <v>0.36399878934299645</v>
      </c>
      <c r="L1511" s="58">
        <f>Bühler!L1537</f>
        <v>0.18199939467149823</v>
      </c>
      <c r="M1511" s="57">
        <f>Bühler!M1537</f>
        <v>0</v>
      </c>
      <c r="N1511" s="55">
        <f>IF(Input!$K$13=1,J1511*Input!$J$13,0)+IF(Input!$K$14=1,K1511*Input!$J$14,0)+IF(Input!$K$15=1,L1511*Input!$J$15,0)+IF(Input!$K$16=1,M1511*Input!$J$16,0)</f>
        <v>1.6108221480153024</v>
      </c>
      <c r="O1511" s="58">
        <f>IF(Input!$K$13=2,J1511*Input!$J$13,0)+IF(Input!$K$14=2,K1511*Input!$J$14,0)+IF(Input!$K$15=2,L1511*Input!$J$15,0)+IF(Input!$K$16=2,M1511*Input!$J$16,0)</f>
        <v>4.9139836561304523E-2</v>
      </c>
      <c r="P1511" s="58">
        <f>IF(Input!$K$13=3,J1511*Input!$J$13,0)+IF(Input!$K$14=3,K1511*Input!$J$14,0)+IF(Input!$K$15=3,L1511*Input!$J$15,0)+IF(Input!$K$16=3,M1511*Input!$J$16,0)</f>
        <v>0</v>
      </c>
      <c r="Q1511" s="71">
        <f>IF(Input!$K$13=4,J1511*Input!$J$13,0)+IF(Input!$K$14=4,K1511*Input!$J$14,0)+IF(Input!$K$15=4,L1511*Input!$J$15,0)+IF(Input!$K$16=4,M1511*Input!$J$16,0)</f>
        <v>0</v>
      </c>
    </row>
    <row r="1512" spans="8:17" x14ac:dyDescent="0.25">
      <c r="H1512" s="43">
        <v>1505</v>
      </c>
      <c r="I1512" s="55">
        <f>Bühler!I1538</f>
        <v>4.1950316575277879</v>
      </c>
      <c r="J1512" s="58">
        <f>Bühler!J1538</f>
        <v>13.40603860155449</v>
      </c>
      <c r="K1512" s="58">
        <f>Bühler!K1538</f>
        <v>0.36399878934299645</v>
      </c>
      <c r="L1512" s="58">
        <f>Bühler!L1538</f>
        <v>0.18199939467149823</v>
      </c>
      <c r="M1512" s="57">
        <f>Bühler!M1538</f>
        <v>0</v>
      </c>
      <c r="N1512" s="55">
        <f>IF(Input!$K$13=1,J1512*Input!$J$13,0)+IF(Input!$K$14=1,K1512*Input!$J$14,0)+IF(Input!$K$15=1,L1512*Input!$J$15,0)+IF(Input!$K$16=1,M1512*Input!$J$16,0)</f>
        <v>1.6087246321865387</v>
      </c>
      <c r="O1512" s="58">
        <f>IF(Input!$K$13=2,J1512*Input!$J$13,0)+IF(Input!$K$14=2,K1512*Input!$J$14,0)+IF(Input!$K$15=2,L1512*Input!$J$15,0)+IF(Input!$K$16=2,M1512*Input!$J$16,0)</f>
        <v>4.9139836561304523E-2</v>
      </c>
      <c r="P1512" s="58">
        <f>IF(Input!$K$13=3,J1512*Input!$J$13,0)+IF(Input!$K$14=3,K1512*Input!$J$14,0)+IF(Input!$K$15=3,L1512*Input!$J$15,0)+IF(Input!$K$16=3,M1512*Input!$J$16,0)</f>
        <v>0</v>
      </c>
      <c r="Q1512" s="71">
        <f>IF(Input!$K$13=4,J1512*Input!$J$13,0)+IF(Input!$K$14=4,K1512*Input!$J$14,0)+IF(Input!$K$15=4,L1512*Input!$J$15,0)+IF(Input!$K$16=4,M1512*Input!$J$16,0)</f>
        <v>0</v>
      </c>
    </row>
    <row r="1513" spans="8:17" x14ac:dyDescent="0.25">
      <c r="H1513" s="43">
        <v>1506</v>
      </c>
      <c r="I1513" s="55">
        <f>Bühler!I1539</f>
        <v>3.7755284917750096</v>
      </c>
      <c r="J1513" s="58">
        <f>Bühler!J1539</f>
        <v>13.388559302981458</v>
      </c>
      <c r="K1513" s="58">
        <f>Bühler!K1539</f>
        <v>0.36399878934299645</v>
      </c>
      <c r="L1513" s="58">
        <f>Bühler!L1539</f>
        <v>0.18199939467149823</v>
      </c>
      <c r="M1513" s="57">
        <f>Bühler!M1539</f>
        <v>0</v>
      </c>
      <c r="N1513" s="55">
        <f>IF(Input!$K$13=1,J1513*Input!$J$13,0)+IF(Input!$K$14=1,K1513*Input!$J$14,0)+IF(Input!$K$15=1,L1513*Input!$J$15,0)+IF(Input!$K$16=1,M1513*Input!$J$16,0)</f>
        <v>1.6066271163577748</v>
      </c>
      <c r="O1513" s="58">
        <f>IF(Input!$K$13=2,J1513*Input!$J$13,0)+IF(Input!$K$14=2,K1513*Input!$J$14,0)+IF(Input!$K$15=2,L1513*Input!$J$15,0)+IF(Input!$K$16=2,M1513*Input!$J$16,0)</f>
        <v>4.9139836561304523E-2</v>
      </c>
      <c r="P1513" s="58">
        <f>IF(Input!$K$13=3,J1513*Input!$J$13,0)+IF(Input!$K$14=3,K1513*Input!$J$14,0)+IF(Input!$K$15=3,L1513*Input!$J$15,0)+IF(Input!$K$16=3,M1513*Input!$J$16,0)</f>
        <v>0</v>
      </c>
      <c r="Q1513" s="71">
        <f>IF(Input!$K$13=4,J1513*Input!$J$13,0)+IF(Input!$K$14=4,K1513*Input!$J$14,0)+IF(Input!$K$15=4,L1513*Input!$J$15,0)+IF(Input!$K$16=4,M1513*Input!$J$16,0)</f>
        <v>0</v>
      </c>
    </row>
    <row r="1514" spans="8:17" x14ac:dyDescent="0.25">
      <c r="H1514" s="43">
        <v>1507</v>
      </c>
      <c r="I1514" s="55">
        <f>Bühler!I1540</f>
        <v>3.6356941031907497</v>
      </c>
      <c r="J1514" s="58">
        <f>Bühler!J1540</f>
        <v>13.38273287012378</v>
      </c>
      <c r="K1514" s="58">
        <f>Bühler!K1540</f>
        <v>0.36399878934299645</v>
      </c>
      <c r="L1514" s="58">
        <f>Bühler!L1540</f>
        <v>0.18199939467149823</v>
      </c>
      <c r="M1514" s="57">
        <f>Bühler!M1540</f>
        <v>0</v>
      </c>
      <c r="N1514" s="55">
        <f>IF(Input!$K$13=1,J1514*Input!$J$13,0)+IF(Input!$K$14=1,K1514*Input!$J$14,0)+IF(Input!$K$15=1,L1514*Input!$J$15,0)+IF(Input!$K$16=1,M1514*Input!$J$16,0)</f>
        <v>1.6059279444148535</v>
      </c>
      <c r="O1514" s="58">
        <f>IF(Input!$K$13=2,J1514*Input!$J$13,0)+IF(Input!$K$14=2,K1514*Input!$J$14,0)+IF(Input!$K$15=2,L1514*Input!$J$15,0)+IF(Input!$K$16=2,M1514*Input!$J$16,0)</f>
        <v>4.9139836561304523E-2</v>
      </c>
      <c r="P1514" s="58">
        <f>IF(Input!$K$13=3,J1514*Input!$J$13,0)+IF(Input!$K$14=3,K1514*Input!$J$14,0)+IF(Input!$K$15=3,L1514*Input!$J$15,0)+IF(Input!$K$16=3,M1514*Input!$J$16,0)</f>
        <v>0</v>
      </c>
      <c r="Q1514" s="71">
        <f>IF(Input!$K$13=4,J1514*Input!$J$13,0)+IF(Input!$K$14=4,K1514*Input!$J$14,0)+IF(Input!$K$15=4,L1514*Input!$J$15,0)+IF(Input!$K$16=4,M1514*Input!$J$16,0)</f>
        <v>0</v>
      </c>
    </row>
    <row r="1515" spans="8:17" x14ac:dyDescent="0.25">
      <c r="H1515" s="43">
        <v>1508</v>
      </c>
      <c r="I1515" s="55">
        <f>Bühler!I1541</f>
        <v>2.9365221602694516</v>
      </c>
      <c r="J1515" s="58">
        <f>Bühler!J1541</f>
        <v>13.353600705835394</v>
      </c>
      <c r="K1515" s="58">
        <f>Bühler!K1541</f>
        <v>0.36399878934299645</v>
      </c>
      <c r="L1515" s="58">
        <f>Bühler!L1541</f>
        <v>0.18199939467149823</v>
      </c>
      <c r="M1515" s="57">
        <f>Bühler!M1541</f>
        <v>0</v>
      </c>
      <c r="N1515" s="55">
        <f>IF(Input!$K$13=1,J1515*Input!$J$13,0)+IF(Input!$K$14=1,K1515*Input!$J$14,0)+IF(Input!$K$15=1,L1515*Input!$J$15,0)+IF(Input!$K$16=1,M1515*Input!$J$16,0)</f>
        <v>1.6024320847002471</v>
      </c>
      <c r="O1515" s="58">
        <f>IF(Input!$K$13=2,J1515*Input!$J$13,0)+IF(Input!$K$14=2,K1515*Input!$J$14,0)+IF(Input!$K$15=2,L1515*Input!$J$15,0)+IF(Input!$K$16=2,M1515*Input!$J$16,0)</f>
        <v>4.9139836561304523E-2</v>
      </c>
      <c r="P1515" s="58">
        <f>IF(Input!$K$13=3,J1515*Input!$J$13,0)+IF(Input!$K$14=3,K1515*Input!$J$14,0)+IF(Input!$K$15=3,L1515*Input!$J$15,0)+IF(Input!$K$16=3,M1515*Input!$J$16,0)</f>
        <v>0</v>
      </c>
      <c r="Q1515" s="71">
        <f>IF(Input!$K$13=4,J1515*Input!$J$13,0)+IF(Input!$K$14=4,K1515*Input!$J$14,0)+IF(Input!$K$15=4,L1515*Input!$J$15,0)+IF(Input!$K$16=4,M1515*Input!$J$16,0)</f>
        <v>0</v>
      </c>
    </row>
    <row r="1516" spans="8:17" x14ac:dyDescent="0.25">
      <c r="H1516" s="43">
        <v>1509</v>
      </c>
      <c r="I1516" s="55">
        <f>Bühler!I1542</f>
        <v>2.1674330230560237</v>
      </c>
      <c r="J1516" s="58">
        <f>Bühler!J1542</f>
        <v>13.321555325118167</v>
      </c>
      <c r="K1516" s="58">
        <f>Bühler!K1542</f>
        <v>0.36399878934299645</v>
      </c>
      <c r="L1516" s="58">
        <f>Bühler!L1542</f>
        <v>0.18199939467149823</v>
      </c>
      <c r="M1516" s="57">
        <f>Bühler!M1542</f>
        <v>0</v>
      </c>
      <c r="N1516" s="55">
        <f>IF(Input!$K$13=1,J1516*Input!$J$13,0)+IF(Input!$K$14=1,K1516*Input!$J$14,0)+IF(Input!$K$15=1,L1516*Input!$J$15,0)+IF(Input!$K$16=1,M1516*Input!$J$16,0)</f>
        <v>1.5985866390141801</v>
      </c>
      <c r="O1516" s="58">
        <f>IF(Input!$K$13=2,J1516*Input!$J$13,0)+IF(Input!$K$14=2,K1516*Input!$J$14,0)+IF(Input!$K$15=2,L1516*Input!$J$15,0)+IF(Input!$K$16=2,M1516*Input!$J$16,0)</f>
        <v>4.9139836561304523E-2</v>
      </c>
      <c r="P1516" s="58">
        <f>IF(Input!$K$13=3,J1516*Input!$J$13,0)+IF(Input!$K$14=3,K1516*Input!$J$14,0)+IF(Input!$K$15=3,L1516*Input!$J$15,0)+IF(Input!$K$16=3,M1516*Input!$J$16,0)</f>
        <v>0</v>
      </c>
      <c r="Q1516" s="71">
        <f>IF(Input!$K$13=4,J1516*Input!$J$13,0)+IF(Input!$K$14=4,K1516*Input!$J$14,0)+IF(Input!$K$15=4,L1516*Input!$J$15,0)+IF(Input!$K$16=4,M1516*Input!$J$16,0)</f>
        <v>0</v>
      </c>
    </row>
    <row r="1517" spans="8:17" x14ac:dyDescent="0.25">
      <c r="H1517" s="43">
        <v>1510</v>
      </c>
      <c r="I1517" s="55">
        <f>Bühler!I1543</f>
        <v>2.1674330230560237</v>
      </c>
      <c r="J1517" s="58">
        <f>Bühler!J1543</f>
        <v>13.321555325118167</v>
      </c>
      <c r="K1517" s="58">
        <f>Bühler!K1543</f>
        <v>0.36399878934299645</v>
      </c>
      <c r="L1517" s="58">
        <f>Bühler!L1543</f>
        <v>0.18199939467149823</v>
      </c>
      <c r="M1517" s="57">
        <f>Bühler!M1543</f>
        <v>0</v>
      </c>
      <c r="N1517" s="55">
        <f>IF(Input!$K$13=1,J1517*Input!$J$13,0)+IF(Input!$K$14=1,K1517*Input!$J$14,0)+IF(Input!$K$15=1,L1517*Input!$J$15,0)+IF(Input!$K$16=1,M1517*Input!$J$16,0)</f>
        <v>1.5985866390141801</v>
      </c>
      <c r="O1517" s="58">
        <f>IF(Input!$K$13=2,J1517*Input!$J$13,0)+IF(Input!$K$14=2,K1517*Input!$J$14,0)+IF(Input!$K$15=2,L1517*Input!$J$15,0)+IF(Input!$K$16=2,M1517*Input!$J$16,0)</f>
        <v>4.9139836561304523E-2</v>
      </c>
      <c r="P1517" s="58">
        <f>IF(Input!$K$13=3,J1517*Input!$J$13,0)+IF(Input!$K$14=3,K1517*Input!$J$14,0)+IF(Input!$K$15=3,L1517*Input!$J$15,0)+IF(Input!$K$16=3,M1517*Input!$J$16,0)</f>
        <v>0</v>
      </c>
      <c r="Q1517" s="71">
        <f>IF(Input!$K$13=4,J1517*Input!$J$13,0)+IF(Input!$K$14=4,K1517*Input!$J$14,0)+IF(Input!$K$15=4,L1517*Input!$J$15,0)+IF(Input!$K$16=4,M1517*Input!$J$16,0)</f>
        <v>0</v>
      </c>
    </row>
    <row r="1518" spans="8:17" x14ac:dyDescent="0.25">
      <c r="H1518" s="43">
        <v>1511</v>
      </c>
      <c r="I1518" s="55">
        <f>Bühler!I1544</f>
        <v>2.1674330230560237</v>
      </c>
      <c r="J1518" s="58">
        <f>Bühler!J1544</f>
        <v>13.321555325118167</v>
      </c>
      <c r="K1518" s="58">
        <f>Bühler!K1544</f>
        <v>0.36399878934299645</v>
      </c>
      <c r="L1518" s="58">
        <f>Bühler!L1544</f>
        <v>0.18199939467149823</v>
      </c>
      <c r="M1518" s="57">
        <f>Bühler!M1544</f>
        <v>0</v>
      </c>
      <c r="N1518" s="55">
        <f>IF(Input!$K$13=1,J1518*Input!$J$13,0)+IF(Input!$K$14=1,K1518*Input!$J$14,0)+IF(Input!$K$15=1,L1518*Input!$J$15,0)+IF(Input!$K$16=1,M1518*Input!$J$16,0)</f>
        <v>1.5985866390141801</v>
      </c>
      <c r="O1518" s="58">
        <f>IF(Input!$K$13=2,J1518*Input!$J$13,0)+IF(Input!$K$14=2,K1518*Input!$J$14,0)+IF(Input!$K$15=2,L1518*Input!$J$15,0)+IF(Input!$K$16=2,M1518*Input!$J$16,0)</f>
        <v>4.9139836561304523E-2</v>
      </c>
      <c r="P1518" s="58">
        <f>IF(Input!$K$13=3,J1518*Input!$J$13,0)+IF(Input!$K$14=3,K1518*Input!$J$14,0)+IF(Input!$K$15=3,L1518*Input!$J$15,0)+IF(Input!$K$16=3,M1518*Input!$J$16,0)</f>
        <v>0</v>
      </c>
      <c r="Q1518" s="71">
        <f>IF(Input!$K$13=4,J1518*Input!$J$13,0)+IF(Input!$K$14=4,K1518*Input!$J$14,0)+IF(Input!$K$15=4,L1518*Input!$J$15,0)+IF(Input!$K$16=4,M1518*Input!$J$16,0)</f>
        <v>0</v>
      </c>
    </row>
    <row r="1519" spans="8:17" x14ac:dyDescent="0.25">
      <c r="H1519" s="43">
        <v>1512</v>
      </c>
      <c r="I1519" s="55">
        <f>Bühler!I1545</f>
        <v>2.1674330230560237</v>
      </c>
      <c r="J1519" s="58">
        <f>Bühler!J1545</f>
        <v>13.321555325118167</v>
      </c>
      <c r="K1519" s="58">
        <f>Bühler!K1545</f>
        <v>0.36399878934299645</v>
      </c>
      <c r="L1519" s="58">
        <f>Bühler!L1545</f>
        <v>0.18199939467149823</v>
      </c>
      <c r="M1519" s="57">
        <f>Bühler!M1545</f>
        <v>0</v>
      </c>
      <c r="N1519" s="55">
        <f>IF(Input!$K$13=1,J1519*Input!$J$13,0)+IF(Input!$K$14=1,K1519*Input!$J$14,0)+IF(Input!$K$15=1,L1519*Input!$J$15,0)+IF(Input!$K$16=1,M1519*Input!$J$16,0)</f>
        <v>1.5985866390141801</v>
      </c>
      <c r="O1519" s="58">
        <f>IF(Input!$K$13=2,J1519*Input!$J$13,0)+IF(Input!$K$14=2,K1519*Input!$J$14,0)+IF(Input!$K$15=2,L1519*Input!$J$15,0)+IF(Input!$K$16=2,M1519*Input!$J$16,0)</f>
        <v>4.9139836561304523E-2</v>
      </c>
      <c r="P1519" s="58">
        <f>IF(Input!$K$13=3,J1519*Input!$J$13,0)+IF(Input!$K$14=3,K1519*Input!$J$14,0)+IF(Input!$K$15=3,L1519*Input!$J$15,0)+IF(Input!$K$16=3,M1519*Input!$J$16,0)</f>
        <v>0</v>
      </c>
      <c r="Q1519" s="71">
        <f>IF(Input!$K$13=4,J1519*Input!$J$13,0)+IF(Input!$K$14=4,K1519*Input!$J$14,0)+IF(Input!$K$15=4,L1519*Input!$J$15,0)+IF(Input!$K$16=4,M1519*Input!$J$16,0)</f>
        <v>0</v>
      </c>
    </row>
    <row r="1520" spans="8:17" x14ac:dyDescent="0.25">
      <c r="H1520" s="43">
        <v>1513</v>
      </c>
      <c r="I1520" s="55">
        <f>Bühler!I1546</f>
        <v>3.1728759617001594</v>
      </c>
      <c r="J1520" s="58">
        <f>Bühler!J1546</f>
        <v>15.856378309317414</v>
      </c>
      <c r="K1520" s="58">
        <f>Bühler!K1546</f>
        <v>0.40518702250350941</v>
      </c>
      <c r="L1520" s="58">
        <f>Bühler!L1546</f>
        <v>0.2025935112517547</v>
      </c>
      <c r="M1520" s="57">
        <f>Bühler!M1546</f>
        <v>0</v>
      </c>
      <c r="N1520" s="55">
        <f>IF(Input!$K$13=1,J1520*Input!$J$13,0)+IF(Input!$K$14=1,K1520*Input!$J$14,0)+IF(Input!$K$15=1,L1520*Input!$J$15,0)+IF(Input!$K$16=1,M1520*Input!$J$16,0)</f>
        <v>1.9027653971180896</v>
      </c>
      <c r="O1520" s="58">
        <f>IF(Input!$K$13=2,J1520*Input!$J$13,0)+IF(Input!$K$14=2,K1520*Input!$J$14,0)+IF(Input!$K$15=2,L1520*Input!$J$15,0)+IF(Input!$K$16=2,M1520*Input!$J$16,0)</f>
        <v>5.470024803797377E-2</v>
      </c>
      <c r="P1520" s="58">
        <f>IF(Input!$K$13=3,J1520*Input!$J$13,0)+IF(Input!$K$14=3,K1520*Input!$J$14,0)+IF(Input!$K$15=3,L1520*Input!$J$15,0)+IF(Input!$K$16=3,M1520*Input!$J$16,0)</f>
        <v>0</v>
      </c>
      <c r="Q1520" s="71">
        <f>IF(Input!$K$13=4,J1520*Input!$J$13,0)+IF(Input!$K$14=4,K1520*Input!$J$14,0)+IF(Input!$K$15=4,L1520*Input!$J$15,0)+IF(Input!$K$16=4,M1520*Input!$J$16,0)</f>
        <v>0</v>
      </c>
    </row>
    <row r="1521" spans="8:17" x14ac:dyDescent="0.25">
      <c r="H1521" s="43">
        <v>1514</v>
      </c>
      <c r="I1521" s="55">
        <f>Bühler!I1547</f>
        <v>3.6846301490711522</v>
      </c>
      <c r="J1521" s="58">
        <f>Bühler!J1547</f>
        <v>15.877701400457871</v>
      </c>
      <c r="K1521" s="58">
        <f>Bühler!K1547</f>
        <v>0.40518702250350941</v>
      </c>
      <c r="L1521" s="58">
        <f>Bühler!L1547</f>
        <v>0.2025935112517547</v>
      </c>
      <c r="M1521" s="57">
        <f>Bühler!M1547</f>
        <v>0</v>
      </c>
      <c r="N1521" s="55">
        <f>IF(Input!$K$13=1,J1521*Input!$J$13,0)+IF(Input!$K$14=1,K1521*Input!$J$14,0)+IF(Input!$K$15=1,L1521*Input!$J$15,0)+IF(Input!$K$16=1,M1521*Input!$J$16,0)</f>
        <v>1.9053241680549444</v>
      </c>
      <c r="O1521" s="58">
        <f>IF(Input!$K$13=2,J1521*Input!$J$13,0)+IF(Input!$K$14=2,K1521*Input!$J$14,0)+IF(Input!$K$15=2,L1521*Input!$J$15,0)+IF(Input!$K$16=2,M1521*Input!$J$16,0)</f>
        <v>5.470024803797377E-2</v>
      </c>
      <c r="P1521" s="58">
        <f>IF(Input!$K$13=3,J1521*Input!$J$13,0)+IF(Input!$K$14=3,K1521*Input!$J$14,0)+IF(Input!$K$15=3,L1521*Input!$J$15,0)+IF(Input!$K$16=3,M1521*Input!$J$16,0)</f>
        <v>0</v>
      </c>
      <c r="Q1521" s="71">
        <f>IF(Input!$K$13=4,J1521*Input!$J$13,0)+IF(Input!$K$14=4,K1521*Input!$J$14,0)+IF(Input!$K$15=4,L1521*Input!$J$15,0)+IF(Input!$K$16=4,M1521*Input!$J$16,0)</f>
        <v>0</v>
      </c>
    </row>
    <row r="1522" spans="8:17" x14ac:dyDescent="0.25">
      <c r="H1522" s="43">
        <v>1515</v>
      </c>
      <c r="I1522" s="55">
        <f>Bühler!I1548</f>
        <v>3.6846301490711522</v>
      </c>
      <c r="J1522" s="58">
        <f>Bühler!J1548</f>
        <v>15.877701400457871</v>
      </c>
      <c r="K1522" s="58">
        <f>Bühler!K1548</f>
        <v>0.40518702250350941</v>
      </c>
      <c r="L1522" s="58">
        <f>Bühler!L1548</f>
        <v>0.2025935112517547</v>
      </c>
      <c r="M1522" s="57">
        <f>Bühler!M1548</f>
        <v>0</v>
      </c>
      <c r="N1522" s="55">
        <f>IF(Input!$K$13=1,J1522*Input!$J$13,0)+IF(Input!$K$14=1,K1522*Input!$J$14,0)+IF(Input!$K$15=1,L1522*Input!$J$15,0)+IF(Input!$K$16=1,M1522*Input!$J$16,0)</f>
        <v>1.9053241680549444</v>
      </c>
      <c r="O1522" s="58">
        <f>IF(Input!$K$13=2,J1522*Input!$J$13,0)+IF(Input!$K$14=2,K1522*Input!$J$14,0)+IF(Input!$K$15=2,L1522*Input!$J$15,0)+IF(Input!$K$16=2,M1522*Input!$J$16,0)</f>
        <v>5.470024803797377E-2</v>
      </c>
      <c r="P1522" s="58">
        <f>IF(Input!$K$13=3,J1522*Input!$J$13,0)+IF(Input!$K$14=3,K1522*Input!$J$14,0)+IF(Input!$K$15=3,L1522*Input!$J$15,0)+IF(Input!$K$16=3,M1522*Input!$J$16,0)</f>
        <v>0</v>
      </c>
      <c r="Q1522" s="71">
        <f>IF(Input!$K$13=4,J1522*Input!$J$13,0)+IF(Input!$K$14=4,K1522*Input!$J$14,0)+IF(Input!$K$15=4,L1522*Input!$J$15,0)+IF(Input!$K$16=4,M1522*Input!$J$16,0)</f>
        <v>0</v>
      </c>
    </row>
    <row r="1523" spans="8:17" x14ac:dyDescent="0.25">
      <c r="H1523" s="43">
        <v>1516</v>
      </c>
      <c r="I1523" s="55">
        <f>Bühler!I1549</f>
        <v>3.6846301490711522</v>
      </c>
      <c r="J1523" s="58">
        <f>Bühler!J1549</f>
        <v>15.877701400457871</v>
      </c>
      <c r="K1523" s="58">
        <f>Bühler!K1549</f>
        <v>0.40518702250350941</v>
      </c>
      <c r="L1523" s="58">
        <f>Bühler!L1549</f>
        <v>0.2025935112517547</v>
      </c>
      <c r="M1523" s="57">
        <f>Bühler!M1549</f>
        <v>0</v>
      </c>
      <c r="N1523" s="55">
        <f>IF(Input!$K$13=1,J1523*Input!$J$13,0)+IF(Input!$K$14=1,K1523*Input!$J$14,0)+IF(Input!$K$15=1,L1523*Input!$J$15,0)+IF(Input!$K$16=1,M1523*Input!$J$16,0)</f>
        <v>1.9053241680549444</v>
      </c>
      <c r="O1523" s="58">
        <f>IF(Input!$K$13=2,J1523*Input!$J$13,0)+IF(Input!$K$14=2,K1523*Input!$J$14,0)+IF(Input!$K$15=2,L1523*Input!$J$15,0)+IF(Input!$K$16=2,M1523*Input!$J$16,0)</f>
        <v>5.470024803797377E-2</v>
      </c>
      <c r="P1523" s="58">
        <f>IF(Input!$K$13=3,J1523*Input!$J$13,0)+IF(Input!$K$14=3,K1523*Input!$J$14,0)+IF(Input!$K$15=3,L1523*Input!$J$15,0)+IF(Input!$K$16=3,M1523*Input!$J$16,0)</f>
        <v>0</v>
      </c>
      <c r="Q1523" s="71">
        <f>IF(Input!$K$13=4,J1523*Input!$J$13,0)+IF(Input!$K$14=4,K1523*Input!$J$14,0)+IF(Input!$K$15=4,L1523*Input!$J$15,0)+IF(Input!$K$16=4,M1523*Input!$J$16,0)</f>
        <v>0</v>
      </c>
    </row>
    <row r="1524" spans="8:17" x14ac:dyDescent="0.25">
      <c r="H1524" s="43">
        <v>1517</v>
      </c>
      <c r="I1524" s="55">
        <f>Bühler!I1550</f>
        <v>3.6846301490711522</v>
      </c>
      <c r="J1524" s="58">
        <f>Bühler!J1550</f>
        <v>15.877701400457871</v>
      </c>
      <c r="K1524" s="58">
        <f>Bühler!K1550</f>
        <v>0.40518702250350941</v>
      </c>
      <c r="L1524" s="58">
        <f>Bühler!L1550</f>
        <v>0.2025935112517547</v>
      </c>
      <c r="M1524" s="57">
        <f>Bühler!M1550</f>
        <v>0</v>
      </c>
      <c r="N1524" s="55">
        <f>IF(Input!$K$13=1,J1524*Input!$J$13,0)+IF(Input!$K$14=1,K1524*Input!$J$14,0)+IF(Input!$K$15=1,L1524*Input!$J$15,0)+IF(Input!$K$16=1,M1524*Input!$J$16,0)</f>
        <v>1.9053241680549444</v>
      </c>
      <c r="O1524" s="58">
        <f>IF(Input!$K$13=2,J1524*Input!$J$13,0)+IF(Input!$K$14=2,K1524*Input!$J$14,0)+IF(Input!$K$15=2,L1524*Input!$J$15,0)+IF(Input!$K$16=2,M1524*Input!$J$16,0)</f>
        <v>5.470024803797377E-2</v>
      </c>
      <c r="P1524" s="58">
        <f>IF(Input!$K$13=3,J1524*Input!$J$13,0)+IF(Input!$K$14=3,K1524*Input!$J$14,0)+IF(Input!$K$15=3,L1524*Input!$J$15,0)+IF(Input!$K$16=3,M1524*Input!$J$16,0)</f>
        <v>0</v>
      </c>
      <c r="Q1524" s="71">
        <f>IF(Input!$K$13=4,J1524*Input!$J$13,0)+IF(Input!$K$14=4,K1524*Input!$J$14,0)+IF(Input!$K$15=4,L1524*Input!$J$15,0)+IF(Input!$K$16=4,M1524*Input!$J$16,0)</f>
        <v>0</v>
      </c>
    </row>
    <row r="1525" spans="8:17" x14ac:dyDescent="0.25">
      <c r="H1525" s="43">
        <v>1518</v>
      </c>
      <c r="I1525" s="55">
        <f>Bühler!I1551</f>
        <v>4.6057876863389406</v>
      </c>
      <c r="J1525" s="58">
        <f>Bühler!J1551</f>
        <v>15.916082964510696</v>
      </c>
      <c r="K1525" s="58">
        <f>Bühler!K1551</f>
        <v>0.40518702250350941</v>
      </c>
      <c r="L1525" s="58">
        <f>Bühler!L1551</f>
        <v>0.2025935112517547</v>
      </c>
      <c r="M1525" s="57">
        <f>Bühler!M1551</f>
        <v>0</v>
      </c>
      <c r="N1525" s="55">
        <f>IF(Input!$K$13=1,J1525*Input!$J$13,0)+IF(Input!$K$14=1,K1525*Input!$J$14,0)+IF(Input!$K$15=1,L1525*Input!$J$15,0)+IF(Input!$K$16=1,M1525*Input!$J$16,0)</f>
        <v>1.9099299557412834</v>
      </c>
      <c r="O1525" s="58">
        <f>IF(Input!$K$13=2,J1525*Input!$J$13,0)+IF(Input!$K$14=2,K1525*Input!$J$14,0)+IF(Input!$K$15=2,L1525*Input!$J$15,0)+IF(Input!$K$16=2,M1525*Input!$J$16,0)</f>
        <v>5.470024803797377E-2</v>
      </c>
      <c r="P1525" s="58">
        <f>IF(Input!$K$13=3,J1525*Input!$J$13,0)+IF(Input!$K$14=3,K1525*Input!$J$14,0)+IF(Input!$K$15=3,L1525*Input!$J$15,0)+IF(Input!$K$16=3,M1525*Input!$J$16,0)</f>
        <v>0</v>
      </c>
      <c r="Q1525" s="71">
        <f>IF(Input!$K$13=4,J1525*Input!$J$13,0)+IF(Input!$K$14=4,K1525*Input!$J$14,0)+IF(Input!$K$15=4,L1525*Input!$J$15,0)+IF(Input!$K$16=4,M1525*Input!$J$16,0)</f>
        <v>0</v>
      </c>
    </row>
    <row r="1526" spans="8:17" x14ac:dyDescent="0.25">
      <c r="H1526" s="43">
        <v>1519</v>
      </c>
      <c r="I1526" s="55">
        <f>Bühler!I1552</f>
        <v>5.4245943861325303</v>
      </c>
      <c r="J1526" s="58">
        <f>Bühler!J1552</f>
        <v>15.950199910335428</v>
      </c>
      <c r="K1526" s="58">
        <f>Bühler!K1552</f>
        <v>0.40518702250350941</v>
      </c>
      <c r="L1526" s="58">
        <f>Bühler!L1552</f>
        <v>0.2025935112517547</v>
      </c>
      <c r="M1526" s="57">
        <f>Bühler!M1552</f>
        <v>0</v>
      </c>
      <c r="N1526" s="55">
        <f>IF(Input!$K$13=1,J1526*Input!$J$13,0)+IF(Input!$K$14=1,K1526*Input!$J$14,0)+IF(Input!$K$15=1,L1526*Input!$J$15,0)+IF(Input!$K$16=1,M1526*Input!$J$16,0)</f>
        <v>1.9140239892402513</v>
      </c>
      <c r="O1526" s="58">
        <f>IF(Input!$K$13=2,J1526*Input!$J$13,0)+IF(Input!$K$14=2,K1526*Input!$J$14,0)+IF(Input!$K$15=2,L1526*Input!$J$15,0)+IF(Input!$K$16=2,M1526*Input!$J$16,0)</f>
        <v>5.470024803797377E-2</v>
      </c>
      <c r="P1526" s="58">
        <f>IF(Input!$K$13=3,J1526*Input!$J$13,0)+IF(Input!$K$14=3,K1526*Input!$J$14,0)+IF(Input!$K$15=3,L1526*Input!$J$15,0)+IF(Input!$K$16=3,M1526*Input!$J$16,0)</f>
        <v>0</v>
      </c>
      <c r="Q1526" s="71">
        <f>IF(Input!$K$13=4,J1526*Input!$J$13,0)+IF(Input!$K$14=4,K1526*Input!$J$14,0)+IF(Input!$K$15=4,L1526*Input!$J$15,0)+IF(Input!$K$16=4,M1526*Input!$J$16,0)</f>
        <v>0</v>
      </c>
    </row>
    <row r="1527" spans="8:17" x14ac:dyDescent="0.25">
      <c r="H1527" s="43">
        <v>1520</v>
      </c>
      <c r="I1527" s="55">
        <f>Bühler!I1553</f>
        <v>6.4481027608745176</v>
      </c>
      <c r="J1527" s="58">
        <f>Bühler!J1553</f>
        <v>15.992846092616343</v>
      </c>
      <c r="K1527" s="58">
        <f>Bühler!K1553</f>
        <v>0.40518702250350941</v>
      </c>
      <c r="L1527" s="58">
        <f>Bühler!L1553</f>
        <v>0.2025935112517547</v>
      </c>
      <c r="M1527" s="57">
        <f>Bühler!M1553</f>
        <v>0</v>
      </c>
      <c r="N1527" s="55">
        <f>IF(Input!$K$13=1,J1527*Input!$J$13,0)+IF(Input!$K$14=1,K1527*Input!$J$14,0)+IF(Input!$K$15=1,L1527*Input!$J$15,0)+IF(Input!$K$16=1,M1527*Input!$J$16,0)</f>
        <v>1.919141531113961</v>
      </c>
      <c r="O1527" s="58">
        <f>IF(Input!$K$13=2,J1527*Input!$J$13,0)+IF(Input!$K$14=2,K1527*Input!$J$14,0)+IF(Input!$K$15=2,L1527*Input!$J$15,0)+IF(Input!$K$16=2,M1527*Input!$J$16,0)</f>
        <v>5.470024803797377E-2</v>
      </c>
      <c r="P1527" s="58">
        <f>IF(Input!$K$13=3,J1527*Input!$J$13,0)+IF(Input!$K$14=3,K1527*Input!$J$14,0)+IF(Input!$K$15=3,L1527*Input!$J$15,0)+IF(Input!$K$16=3,M1527*Input!$J$16,0)</f>
        <v>0</v>
      </c>
      <c r="Q1527" s="71">
        <f>IF(Input!$K$13=4,J1527*Input!$J$13,0)+IF(Input!$K$14=4,K1527*Input!$J$14,0)+IF(Input!$K$15=4,L1527*Input!$J$15,0)+IF(Input!$K$16=4,M1527*Input!$J$16,0)</f>
        <v>0</v>
      </c>
    </row>
    <row r="1528" spans="8:17" x14ac:dyDescent="0.25">
      <c r="H1528" s="43">
        <v>1521</v>
      </c>
      <c r="I1528" s="55">
        <f>Bühler!I1554</f>
        <v>6.4481027608745176</v>
      </c>
      <c r="J1528" s="58">
        <f>Bühler!J1554</f>
        <v>15.992846092616343</v>
      </c>
      <c r="K1528" s="58">
        <f>Bühler!K1554</f>
        <v>0.40518702250350941</v>
      </c>
      <c r="L1528" s="58">
        <f>Bühler!L1554</f>
        <v>0.2025935112517547</v>
      </c>
      <c r="M1528" s="57">
        <f>Bühler!M1554</f>
        <v>0</v>
      </c>
      <c r="N1528" s="55">
        <f>IF(Input!$K$13=1,J1528*Input!$J$13,0)+IF(Input!$K$14=1,K1528*Input!$J$14,0)+IF(Input!$K$15=1,L1528*Input!$J$15,0)+IF(Input!$K$16=1,M1528*Input!$J$16,0)</f>
        <v>1.919141531113961</v>
      </c>
      <c r="O1528" s="58">
        <f>IF(Input!$K$13=2,J1528*Input!$J$13,0)+IF(Input!$K$14=2,K1528*Input!$J$14,0)+IF(Input!$K$15=2,L1528*Input!$J$15,0)+IF(Input!$K$16=2,M1528*Input!$J$16,0)</f>
        <v>5.470024803797377E-2</v>
      </c>
      <c r="P1528" s="58">
        <f>IF(Input!$K$13=3,J1528*Input!$J$13,0)+IF(Input!$K$14=3,K1528*Input!$J$14,0)+IF(Input!$K$15=3,L1528*Input!$J$15,0)+IF(Input!$K$16=3,M1528*Input!$J$16,0)</f>
        <v>0</v>
      </c>
      <c r="Q1528" s="71">
        <f>IF(Input!$K$13=4,J1528*Input!$J$13,0)+IF(Input!$K$14=4,K1528*Input!$J$14,0)+IF(Input!$K$15=4,L1528*Input!$J$15,0)+IF(Input!$K$16=4,M1528*Input!$J$16,0)</f>
        <v>0</v>
      </c>
    </row>
    <row r="1529" spans="8:17" x14ac:dyDescent="0.25">
      <c r="H1529" s="43">
        <v>1522</v>
      </c>
      <c r="I1529" s="55">
        <f>Bühler!I1555</f>
        <v>6.4481027608745176</v>
      </c>
      <c r="J1529" s="58">
        <f>Bühler!J1555</f>
        <v>15.992846092616343</v>
      </c>
      <c r="K1529" s="58">
        <f>Bühler!K1555</f>
        <v>0.40518702250350941</v>
      </c>
      <c r="L1529" s="58">
        <f>Bühler!L1555</f>
        <v>0.2025935112517547</v>
      </c>
      <c r="M1529" s="57">
        <f>Bühler!M1555</f>
        <v>0</v>
      </c>
      <c r="N1529" s="55">
        <f>IF(Input!$K$13=1,J1529*Input!$J$13,0)+IF(Input!$K$14=1,K1529*Input!$J$14,0)+IF(Input!$K$15=1,L1529*Input!$J$15,0)+IF(Input!$K$16=1,M1529*Input!$J$16,0)</f>
        <v>1.919141531113961</v>
      </c>
      <c r="O1529" s="58">
        <f>IF(Input!$K$13=2,J1529*Input!$J$13,0)+IF(Input!$K$14=2,K1529*Input!$J$14,0)+IF(Input!$K$15=2,L1529*Input!$J$15,0)+IF(Input!$K$16=2,M1529*Input!$J$16,0)</f>
        <v>5.470024803797377E-2</v>
      </c>
      <c r="P1529" s="58">
        <f>IF(Input!$K$13=3,J1529*Input!$J$13,0)+IF(Input!$K$14=3,K1529*Input!$J$14,0)+IF(Input!$K$15=3,L1529*Input!$J$15,0)+IF(Input!$K$16=3,M1529*Input!$J$16,0)</f>
        <v>0</v>
      </c>
      <c r="Q1529" s="71">
        <f>IF(Input!$K$13=4,J1529*Input!$J$13,0)+IF(Input!$K$14=4,K1529*Input!$J$14,0)+IF(Input!$K$15=4,L1529*Input!$J$15,0)+IF(Input!$K$16=4,M1529*Input!$J$16,0)</f>
        <v>0</v>
      </c>
    </row>
    <row r="1530" spans="8:17" x14ac:dyDescent="0.25">
      <c r="H1530" s="43">
        <v>1523</v>
      </c>
      <c r="I1530" s="55">
        <f>Bühler!I1556</f>
        <v>6.4481027608745176</v>
      </c>
      <c r="J1530" s="58">
        <f>Bühler!J1556</f>
        <v>15.992846092616343</v>
      </c>
      <c r="K1530" s="58">
        <f>Bühler!K1556</f>
        <v>0.40518702250350941</v>
      </c>
      <c r="L1530" s="58">
        <f>Bühler!L1556</f>
        <v>0.2025935112517547</v>
      </c>
      <c r="M1530" s="57">
        <f>Bühler!M1556</f>
        <v>0</v>
      </c>
      <c r="N1530" s="55">
        <f>IF(Input!$K$13=1,J1530*Input!$J$13,0)+IF(Input!$K$14=1,K1530*Input!$J$14,0)+IF(Input!$K$15=1,L1530*Input!$J$15,0)+IF(Input!$K$16=1,M1530*Input!$J$16,0)</f>
        <v>1.919141531113961</v>
      </c>
      <c r="O1530" s="58">
        <f>IF(Input!$K$13=2,J1530*Input!$J$13,0)+IF(Input!$K$14=2,K1530*Input!$J$14,0)+IF(Input!$K$15=2,L1530*Input!$J$15,0)+IF(Input!$K$16=2,M1530*Input!$J$16,0)</f>
        <v>5.470024803797377E-2</v>
      </c>
      <c r="P1530" s="58">
        <f>IF(Input!$K$13=3,J1530*Input!$J$13,0)+IF(Input!$K$14=3,K1530*Input!$J$14,0)+IF(Input!$K$15=3,L1530*Input!$J$15,0)+IF(Input!$K$16=3,M1530*Input!$J$16,0)</f>
        <v>0</v>
      </c>
      <c r="Q1530" s="71">
        <f>IF(Input!$K$13=4,J1530*Input!$J$13,0)+IF(Input!$K$14=4,K1530*Input!$J$14,0)+IF(Input!$K$15=4,L1530*Input!$J$15,0)+IF(Input!$K$16=4,M1530*Input!$J$16,0)</f>
        <v>0</v>
      </c>
    </row>
    <row r="1531" spans="8:17" x14ac:dyDescent="0.25">
      <c r="H1531" s="43">
        <v>1524</v>
      </c>
      <c r="I1531" s="55">
        <f>Bühler!I1557</f>
        <v>6.4481027608745176</v>
      </c>
      <c r="J1531" s="58">
        <f>Bühler!J1557</f>
        <v>15.992846092616343</v>
      </c>
      <c r="K1531" s="58">
        <f>Bühler!K1557</f>
        <v>0.40518702250350941</v>
      </c>
      <c r="L1531" s="58">
        <f>Bühler!L1557</f>
        <v>0.2025935112517547</v>
      </c>
      <c r="M1531" s="57">
        <f>Bühler!M1557</f>
        <v>0</v>
      </c>
      <c r="N1531" s="55">
        <f>IF(Input!$K$13=1,J1531*Input!$J$13,0)+IF(Input!$K$14=1,K1531*Input!$J$14,0)+IF(Input!$K$15=1,L1531*Input!$J$15,0)+IF(Input!$K$16=1,M1531*Input!$J$16,0)</f>
        <v>1.919141531113961</v>
      </c>
      <c r="O1531" s="58">
        <f>IF(Input!$K$13=2,J1531*Input!$J$13,0)+IF(Input!$K$14=2,K1531*Input!$J$14,0)+IF(Input!$K$15=2,L1531*Input!$J$15,0)+IF(Input!$K$16=2,M1531*Input!$J$16,0)</f>
        <v>5.470024803797377E-2</v>
      </c>
      <c r="P1531" s="58">
        <f>IF(Input!$K$13=3,J1531*Input!$J$13,0)+IF(Input!$K$14=3,K1531*Input!$J$14,0)+IF(Input!$K$15=3,L1531*Input!$J$15,0)+IF(Input!$K$16=3,M1531*Input!$J$16,0)</f>
        <v>0</v>
      </c>
      <c r="Q1531" s="71">
        <f>IF(Input!$K$13=4,J1531*Input!$J$13,0)+IF(Input!$K$14=4,K1531*Input!$J$14,0)+IF(Input!$K$15=4,L1531*Input!$J$15,0)+IF(Input!$K$16=4,M1531*Input!$J$16,0)</f>
        <v>0</v>
      </c>
    </row>
    <row r="1532" spans="8:17" x14ac:dyDescent="0.25">
      <c r="H1532" s="43">
        <v>1525</v>
      </c>
      <c r="I1532" s="55">
        <f>Bühler!I1558</f>
        <v>6.4481027608745176</v>
      </c>
      <c r="J1532" s="58">
        <f>Bühler!J1558</f>
        <v>15.992846092616343</v>
      </c>
      <c r="K1532" s="58">
        <f>Bühler!K1558</f>
        <v>0.40518702250350941</v>
      </c>
      <c r="L1532" s="58">
        <f>Bühler!L1558</f>
        <v>0.2025935112517547</v>
      </c>
      <c r="M1532" s="57">
        <f>Bühler!M1558</f>
        <v>0</v>
      </c>
      <c r="N1532" s="55">
        <f>IF(Input!$K$13=1,J1532*Input!$J$13,0)+IF(Input!$K$14=1,K1532*Input!$J$14,0)+IF(Input!$K$15=1,L1532*Input!$J$15,0)+IF(Input!$K$16=1,M1532*Input!$J$16,0)</f>
        <v>1.919141531113961</v>
      </c>
      <c r="O1532" s="58">
        <f>IF(Input!$K$13=2,J1532*Input!$J$13,0)+IF(Input!$K$14=2,K1532*Input!$J$14,0)+IF(Input!$K$15=2,L1532*Input!$J$15,0)+IF(Input!$K$16=2,M1532*Input!$J$16,0)</f>
        <v>5.470024803797377E-2</v>
      </c>
      <c r="P1532" s="58">
        <f>IF(Input!$K$13=3,J1532*Input!$J$13,0)+IF(Input!$K$14=3,K1532*Input!$J$14,0)+IF(Input!$K$15=3,L1532*Input!$J$15,0)+IF(Input!$K$16=3,M1532*Input!$J$16,0)</f>
        <v>0</v>
      </c>
      <c r="Q1532" s="71">
        <f>IF(Input!$K$13=4,J1532*Input!$J$13,0)+IF(Input!$K$14=4,K1532*Input!$J$14,0)+IF(Input!$K$15=4,L1532*Input!$J$15,0)+IF(Input!$K$16=4,M1532*Input!$J$16,0)</f>
        <v>0</v>
      </c>
    </row>
    <row r="1533" spans="8:17" x14ac:dyDescent="0.25">
      <c r="H1533" s="43">
        <v>1526</v>
      </c>
      <c r="I1533" s="55">
        <f>Bühler!I1559</f>
        <v>6.4481027608745176</v>
      </c>
      <c r="J1533" s="58">
        <f>Bühler!J1559</f>
        <v>15.992846092616343</v>
      </c>
      <c r="K1533" s="58">
        <f>Bühler!K1559</f>
        <v>0.40518702250350941</v>
      </c>
      <c r="L1533" s="58">
        <f>Bühler!L1559</f>
        <v>0.2025935112517547</v>
      </c>
      <c r="M1533" s="57">
        <f>Bühler!M1559</f>
        <v>0</v>
      </c>
      <c r="N1533" s="55">
        <f>IF(Input!$K$13=1,J1533*Input!$J$13,0)+IF(Input!$K$14=1,K1533*Input!$J$14,0)+IF(Input!$K$15=1,L1533*Input!$J$15,0)+IF(Input!$K$16=1,M1533*Input!$J$16,0)</f>
        <v>1.919141531113961</v>
      </c>
      <c r="O1533" s="58">
        <f>IF(Input!$K$13=2,J1533*Input!$J$13,0)+IF(Input!$K$14=2,K1533*Input!$J$14,0)+IF(Input!$K$15=2,L1533*Input!$J$15,0)+IF(Input!$K$16=2,M1533*Input!$J$16,0)</f>
        <v>5.470024803797377E-2</v>
      </c>
      <c r="P1533" s="58">
        <f>IF(Input!$K$13=3,J1533*Input!$J$13,0)+IF(Input!$K$14=3,K1533*Input!$J$14,0)+IF(Input!$K$15=3,L1533*Input!$J$15,0)+IF(Input!$K$16=3,M1533*Input!$J$16,0)</f>
        <v>0</v>
      </c>
      <c r="Q1533" s="71">
        <f>IF(Input!$K$13=4,J1533*Input!$J$13,0)+IF(Input!$K$14=4,K1533*Input!$J$14,0)+IF(Input!$K$15=4,L1533*Input!$J$15,0)+IF(Input!$K$16=4,M1533*Input!$J$16,0)</f>
        <v>0</v>
      </c>
    </row>
    <row r="1534" spans="8:17" x14ac:dyDescent="0.25">
      <c r="H1534" s="43">
        <v>1527</v>
      </c>
      <c r="I1534" s="55">
        <f>Bühler!I1560</f>
        <v>6.4481027608745176</v>
      </c>
      <c r="J1534" s="58">
        <f>Bühler!J1560</f>
        <v>15.992846092616343</v>
      </c>
      <c r="K1534" s="58">
        <f>Bühler!K1560</f>
        <v>0.40518702250350941</v>
      </c>
      <c r="L1534" s="58">
        <f>Bühler!L1560</f>
        <v>0.2025935112517547</v>
      </c>
      <c r="M1534" s="57">
        <f>Bühler!M1560</f>
        <v>0</v>
      </c>
      <c r="N1534" s="55">
        <f>IF(Input!$K$13=1,J1534*Input!$J$13,0)+IF(Input!$K$14=1,K1534*Input!$J$14,0)+IF(Input!$K$15=1,L1534*Input!$J$15,0)+IF(Input!$K$16=1,M1534*Input!$J$16,0)</f>
        <v>1.919141531113961</v>
      </c>
      <c r="O1534" s="58">
        <f>IF(Input!$K$13=2,J1534*Input!$J$13,0)+IF(Input!$K$14=2,K1534*Input!$J$14,0)+IF(Input!$K$15=2,L1534*Input!$J$15,0)+IF(Input!$K$16=2,M1534*Input!$J$16,0)</f>
        <v>5.470024803797377E-2</v>
      </c>
      <c r="P1534" s="58">
        <f>IF(Input!$K$13=3,J1534*Input!$J$13,0)+IF(Input!$K$14=3,K1534*Input!$J$14,0)+IF(Input!$K$15=3,L1534*Input!$J$15,0)+IF(Input!$K$16=3,M1534*Input!$J$16,0)</f>
        <v>0</v>
      </c>
      <c r="Q1534" s="71">
        <f>IF(Input!$K$13=4,J1534*Input!$J$13,0)+IF(Input!$K$14=4,K1534*Input!$J$14,0)+IF(Input!$K$15=4,L1534*Input!$J$15,0)+IF(Input!$K$16=4,M1534*Input!$J$16,0)</f>
        <v>0</v>
      </c>
    </row>
    <row r="1535" spans="8:17" x14ac:dyDescent="0.25">
      <c r="H1535" s="43">
        <v>1528</v>
      </c>
      <c r="I1535" s="55">
        <f>Bühler!I1561</f>
        <v>5.7316468985551268</v>
      </c>
      <c r="J1535" s="58">
        <f>Bühler!J1561</f>
        <v>15.962993765019704</v>
      </c>
      <c r="K1535" s="58">
        <f>Bühler!K1561</f>
        <v>0.40518702250350941</v>
      </c>
      <c r="L1535" s="58">
        <f>Bühler!L1561</f>
        <v>0.2025935112517547</v>
      </c>
      <c r="M1535" s="57">
        <f>Bühler!M1561</f>
        <v>0</v>
      </c>
      <c r="N1535" s="55">
        <f>IF(Input!$K$13=1,J1535*Input!$J$13,0)+IF(Input!$K$14=1,K1535*Input!$J$14,0)+IF(Input!$K$15=1,L1535*Input!$J$15,0)+IF(Input!$K$16=1,M1535*Input!$J$16,0)</f>
        <v>1.9155592518023643</v>
      </c>
      <c r="O1535" s="58">
        <f>IF(Input!$K$13=2,J1535*Input!$J$13,0)+IF(Input!$K$14=2,K1535*Input!$J$14,0)+IF(Input!$K$15=2,L1535*Input!$J$15,0)+IF(Input!$K$16=2,M1535*Input!$J$16,0)</f>
        <v>5.470024803797377E-2</v>
      </c>
      <c r="P1535" s="58">
        <f>IF(Input!$K$13=3,J1535*Input!$J$13,0)+IF(Input!$K$14=3,K1535*Input!$J$14,0)+IF(Input!$K$15=3,L1535*Input!$J$15,0)+IF(Input!$K$16=3,M1535*Input!$J$16,0)</f>
        <v>0</v>
      </c>
      <c r="Q1535" s="71">
        <f>IF(Input!$K$13=4,J1535*Input!$J$13,0)+IF(Input!$K$14=4,K1535*Input!$J$14,0)+IF(Input!$K$15=4,L1535*Input!$J$15,0)+IF(Input!$K$16=4,M1535*Input!$J$16,0)</f>
        <v>0</v>
      </c>
    </row>
    <row r="1536" spans="8:17" x14ac:dyDescent="0.25">
      <c r="H1536" s="43">
        <v>1529</v>
      </c>
      <c r="I1536" s="55">
        <f>Bühler!I1562</f>
        <v>5.6292960610809279</v>
      </c>
      <c r="J1536" s="58">
        <f>Bühler!J1562</f>
        <v>15.958729146791612</v>
      </c>
      <c r="K1536" s="58">
        <f>Bühler!K1562</f>
        <v>0.40518702250350941</v>
      </c>
      <c r="L1536" s="58">
        <f>Bühler!L1562</f>
        <v>0.2025935112517547</v>
      </c>
      <c r="M1536" s="57">
        <f>Bühler!M1562</f>
        <v>0</v>
      </c>
      <c r="N1536" s="55">
        <f>IF(Input!$K$13=1,J1536*Input!$J$13,0)+IF(Input!$K$14=1,K1536*Input!$J$14,0)+IF(Input!$K$15=1,L1536*Input!$J$15,0)+IF(Input!$K$16=1,M1536*Input!$J$16,0)</f>
        <v>1.9150474976149934</v>
      </c>
      <c r="O1536" s="58">
        <f>IF(Input!$K$13=2,J1536*Input!$J$13,0)+IF(Input!$K$14=2,K1536*Input!$J$14,0)+IF(Input!$K$15=2,L1536*Input!$J$15,0)+IF(Input!$K$16=2,M1536*Input!$J$16,0)</f>
        <v>5.470024803797377E-2</v>
      </c>
      <c r="P1536" s="58">
        <f>IF(Input!$K$13=3,J1536*Input!$J$13,0)+IF(Input!$K$14=3,K1536*Input!$J$14,0)+IF(Input!$K$15=3,L1536*Input!$J$15,0)+IF(Input!$K$16=3,M1536*Input!$J$16,0)</f>
        <v>0</v>
      </c>
      <c r="Q1536" s="71">
        <f>IF(Input!$K$13=4,J1536*Input!$J$13,0)+IF(Input!$K$14=4,K1536*Input!$J$14,0)+IF(Input!$K$15=4,L1536*Input!$J$15,0)+IF(Input!$K$16=4,M1536*Input!$J$16,0)</f>
        <v>0</v>
      </c>
    </row>
    <row r="1537" spans="8:17" x14ac:dyDescent="0.25">
      <c r="H1537" s="43">
        <v>1530</v>
      </c>
      <c r="I1537" s="55">
        <f>Bühler!I1563</f>
        <v>4.8104893612873383</v>
      </c>
      <c r="J1537" s="58">
        <f>Bühler!J1563</f>
        <v>15.924612200966878</v>
      </c>
      <c r="K1537" s="58">
        <f>Bühler!K1563</f>
        <v>0.40518702250350941</v>
      </c>
      <c r="L1537" s="58">
        <f>Bühler!L1563</f>
        <v>0.2025935112517547</v>
      </c>
      <c r="M1537" s="57">
        <f>Bühler!M1563</f>
        <v>0</v>
      </c>
      <c r="N1537" s="55">
        <f>IF(Input!$K$13=1,J1537*Input!$J$13,0)+IF(Input!$K$14=1,K1537*Input!$J$14,0)+IF(Input!$K$15=1,L1537*Input!$J$15,0)+IF(Input!$K$16=1,M1537*Input!$J$16,0)</f>
        <v>1.9109534641160253</v>
      </c>
      <c r="O1537" s="58">
        <f>IF(Input!$K$13=2,J1537*Input!$J$13,0)+IF(Input!$K$14=2,K1537*Input!$J$14,0)+IF(Input!$K$15=2,L1537*Input!$J$15,0)+IF(Input!$K$16=2,M1537*Input!$J$16,0)</f>
        <v>5.470024803797377E-2</v>
      </c>
      <c r="P1537" s="58">
        <f>IF(Input!$K$13=3,J1537*Input!$J$13,0)+IF(Input!$K$14=3,K1537*Input!$J$14,0)+IF(Input!$K$15=3,L1537*Input!$J$15,0)+IF(Input!$K$16=3,M1537*Input!$J$16,0)</f>
        <v>0</v>
      </c>
      <c r="Q1537" s="71">
        <f>IF(Input!$K$13=4,J1537*Input!$J$13,0)+IF(Input!$K$14=4,K1537*Input!$J$14,0)+IF(Input!$K$15=4,L1537*Input!$J$15,0)+IF(Input!$K$16=4,M1537*Input!$J$16,0)</f>
        <v>0</v>
      </c>
    </row>
    <row r="1538" spans="8:17" x14ac:dyDescent="0.25">
      <c r="H1538" s="43">
        <v>1531</v>
      </c>
      <c r="I1538" s="55">
        <f>Bühler!I1564</f>
        <v>4.5034368488647427</v>
      </c>
      <c r="J1538" s="58">
        <f>Bühler!J1564</f>
        <v>15.911818346282605</v>
      </c>
      <c r="K1538" s="58">
        <f>Bühler!K1564</f>
        <v>0.40518702250350941</v>
      </c>
      <c r="L1538" s="58">
        <f>Bühler!L1564</f>
        <v>0.2025935112517547</v>
      </c>
      <c r="M1538" s="57">
        <f>Bühler!M1564</f>
        <v>0</v>
      </c>
      <c r="N1538" s="55">
        <f>IF(Input!$K$13=1,J1538*Input!$J$13,0)+IF(Input!$K$14=1,K1538*Input!$J$14,0)+IF(Input!$K$15=1,L1538*Input!$J$15,0)+IF(Input!$K$16=1,M1538*Input!$J$16,0)</f>
        <v>1.9094182015539125</v>
      </c>
      <c r="O1538" s="58">
        <f>IF(Input!$K$13=2,J1538*Input!$J$13,0)+IF(Input!$K$14=2,K1538*Input!$J$14,0)+IF(Input!$K$15=2,L1538*Input!$J$15,0)+IF(Input!$K$16=2,M1538*Input!$J$16,0)</f>
        <v>5.470024803797377E-2</v>
      </c>
      <c r="P1538" s="58">
        <f>IF(Input!$K$13=3,J1538*Input!$J$13,0)+IF(Input!$K$14=3,K1538*Input!$J$14,0)+IF(Input!$K$15=3,L1538*Input!$J$15,0)+IF(Input!$K$16=3,M1538*Input!$J$16,0)</f>
        <v>0</v>
      </c>
      <c r="Q1538" s="71">
        <f>IF(Input!$K$13=4,J1538*Input!$J$13,0)+IF(Input!$K$14=4,K1538*Input!$J$14,0)+IF(Input!$K$15=4,L1538*Input!$J$15,0)+IF(Input!$K$16=4,M1538*Input!$J$16,0)</f>
        <v>0</v>
      </c>
    </row>
    <row r="1539" spans="8:17" x14ac:dyDescent="0.25">
      <c r="H1539" s="43">
        <v>1532</v>
      </c>
      <c r="I1539" s="55">
        <f>Bühler!I1565</f>
        <v>3.7869809865453519</v>
      </c>
      <c r="J1539" s="58">
        <f>Bühler!J1565</f>
        <v>15.881966018685963</v>
      </c>
      <c r="K1539" s="58">
        <f>Bühler!K1565</f>
        <v>0.40518702250350941</v>
      </c>
      <c r="L1539" s="58">
        <f>Bühler!L1565</f>
        <v>0.2025935112517547</v>
      </c>
      <c r="M1539" s="57">
        <f>Bühler!M1565</f>
        <v>0</v>
      </c>
      <c r="N1539" s="55">
        <f>IF(Input!$K$13=1,J1539*Input!$J$13,0)+IF(Input!$K$14=1,K1539*Input!$J$14,0)+IF(Input!$K$15=1,L1539*Input!$J$15,0)+IF(Input!$K$16=1,M1539*Input!$J$16,0)</f>
        <v>1.9058359222423156</v>
      </c>
      <c r="O1539" s="58">
        <f>IF(Input!$K$13=2,J1539*Input!$J$13,0)+IF(Input!$K$14=2,K1539*Input!$J$14,0)+IF(Input!$K$15=2,L1539*Input!$J$15,0)+IF(Input!$K$16=2,M1539*Input!$J$16,0)</f>
        <v>5.470024803797377E-2</v>
      </c>
      <c r="P1539" s="58">
        <f>IF(Input!$K$13=3,J1539*Input!$J$13,0)+IF(Input!$K$14=3,K1539*Input!$J$14,0)+IF(Input!$K$15=3,L1539*Input!$J$15,0)+IF(Input!$K$16=3,M1539*Input!$J$16,0)</f>
        <v>0</v>
      </c>
      <c r="Q1539" s="71">
        <f>IF(Input!$K$13=4,J1539*Input!$J$13,0)+IF(Input!$K$14=4,K1539*Input!$J$14,0)+IF(Input!$K$15=4,L1539*Input!$J$15,0)+IF(Input!$K$16=4,M1539*Input!$J$16,0)</f>
        <v>0</v>
      </c>
    </row>
    <row r="1540" spans="8:17" x14ac:dyDescent="0.25">
      <c r="H1540" s="43">
        <v>1533</v>
      </c>
      <c r="I1540" s="55">
        <f>Bühler!I1566</f>
        <v>3.1728759617001594</v>
      </c>
      <c r="J1540" s="58">
        <f>Bühler!J1566</f>
        <v>15.856378309317414</v>
      </c>
      <c r="K1540" s="58">
        <f>Bühler!K1566</f>
        <v>0.40518702250350941</v>
      </c>
      <c r="L1540" s="58">
        <f>Bühler!L1566</f>
        <v>0.2025935112517547</v>
      </c>
      <c r="M1540" s="57">
        <f>Bühler!M1566</f>
        <v>0</v>
      </c>
      <c r="N1540" s="55">
        <f>IF(Input!$K$13=1,J1540*Input!$J$13,0)+IF(Input!$K$14=1,K1540*Input!$J$14,0)+IF(Input!$K$15=1,L1540*Input!$J$15,0)+IF(Input!$K$16=1,M1540*Input!$J$16,0)</f>
        <v>1.9027653971180896</v>
      </c>
      <c r="O1540" s="58">
        <f>IF(Input!$K$13=2,J1540*Input!$J$13,0)+IF(Input!$K$14=2,K1540*Input!$J$14,0)+IF(Input!$K$15=2,L1540*Input!$J$15,0)+IF(Input!$K$16=2,M1540*Input!$J$16,0)</f>
        <v>5.470024803797377E-2</v>
      </c>
      <c r="P1540" s="58">
        <f>IF(Input!$K$13=3,J1540*Input!$J$13,0)+IF(Input!$K$14=3,K1540*Input!$J$14,0)+IF(Input!$K$15=3,L1540*Input!$J$15,0)+IF(Input!$K$16=3,M1540*Input!$J$16,0)</f>
        <v>0</v>
      </c>
      <c r="Q1540" s="71">
        <f>IF(Input!$K$13=4,J1540*Input!$J$13,0)+IF(Input!$K$14=4,K1540*Input!$J$14,0)+IF(Input!$K$15=4,L1540*Input!$J$15,0)+IF(Input!$K$16=4,M1540*Input!$J$16,0)</f>
        <v>0</v>
      </c>
    </row>
    <row r="1541" spans="8:17" x14ac:dyDescent="0.25">
      <c r="H1541" s="43">
        <v>1534</v>
      </c>
      <c r="I1541" s="55">
        <f>Bühler!I1567</f>
        <v>2.7634726118033646</v>
      </c>
      <c r="J1541" s="58">
        <f>Bühler!J1567</f>
        <v>15.839319836405048</v>
      </c>
      <c r="K1541" s="58">
        <f>Bühler!K1567</f>
        <v>0.40518702250350941</v>
      </c>
      <c r="L1541" s="58">
        <f>Bühler!L1567</f>
        <v>0.2025935112517547</v>
      </c>
      <c r="M1541" s="57">
        <f>Bühler!M1567</f>
        <v>0</v>
      </c>
      <c r="N1541" s="55">
        <f>IF(Input!$K$13=1,J1541*Input!$J$13,0)+IF(Input!$K$14=1,K1541*Input!$J$14,0)+IF(Input!$K$15=1,L1541*Input!$J$15,0)+IF(Input!$K$16=1,M1541*Input!$J$16,0)</f>
        <v>1.9007183803686056</v>
      </c>
      <c r="O1541" s="58">
        <f>IF(Input!$K$13=2,J1541*Input!$J$13,0)+IF(Input!$K$14=2,K1541*Input!$J$14,0)+IF(Input!$K$15=2,L1541*Input!$J$15,0)+IF(Input!$K$16=2,M1541*Input!$J$16,0)</f>
        <v>5.470024803797377E-2</v>
      </c>
      <c r="P1541" s="58">
        <f>IF(Input!$K$13=3,J1541*Input!$J$13,0)+IF(Input!$K$14=3,K1541*Input!$J$14,0)+IF(Input!$K$15=3,L1541*Input!$J$15,0)+IF(Input!$K$16=3,M1541*Input!$J$16,0)</f>
        <v>0</v>
      </c>
      <c r="Q1541" s="71">
        <f>IF(Input!$K$13=4,J1541*Input!$J$13,0)+IF(Input!$K$14=4,K1541*Input!$J$14,0)+IF(Input!$K$15=4,L1541*Input!$J$15,0)+IF(Input!$K$16=4,M1541*Input!$J$16,0)</f>
        <v>0</v>
      </c>
    </row>
    <row r="1542" spans="8:17" x14ac:dyDescent="0.25">
      <c r="H1542" s="43">
        <v>1535</v>
      </c>
      <c r="I1542" s="55">
        <f>Bühler!I1568</f>
        <v>2.7634726118033646</v>
      </c>
      <c r="J1542" s="58">
        <f>Bühler!J1568</f>
        <v>15.839319836405048</v>
      </c>
      <c r="K1542" s="58">
        <f>Bühler!K1568</f>
        <v>0.40518702250350941</v>
      </c>
      <c r="L1542" s="58">
        <f>Bühler!L1568</f>
        <v>0.2025935112517547</v>
      </c>
      <c r="M1542" s="57">
        <f>Bühler!M1568</f>
        <v>0</v>
      </c>
      <c r="N1542" s="55">
        <f>IF(Input!$K$13=1,J1542*Input!$J$13,0)+IF(Input!$K$14=1,K1542*Input!$J$14,0)+IF(Input!$K$15=1,L1542*Input!$J$15,0)+IF(Input!$K$16=1,M1542*Input!$J$16,0)</f>
        <v>1.9007183803686056</v>
      </c>
      <c r="O1542" s="58">
        <f>IF(Input!$K$13=2,J1542*Input!$J$13,0)+IF(Input!$K$14=2,K1542*Input!$J$14,0)+IF(Input!$K$15=2,L1542*Input!$J$15,0)+IF(Input!$K$16=2,M1542*Input!$J$16,0)</f>
        <v>5.470024803797377E-2</v>
      </c>
      <c r="P1542" s="58">
        <f>IF(Input!$K$13=3,J1542*Input!$J$13,0)+IF(Input!$K$14=3,K1542*Input!$J$14,0)+IF(Input!$K$15=3,L1542*Input!$J$15,0)+IF(Input!$K$16=3,M1542*Input!$J$16,0)</f>
        <v>0</v>
      </c>
      <c r="Q1542" s="71">
        <f>IF(Input!$K$13=4,J1542*Input!$J$13,0)+IF(Input!$K$14=4,K1542*Input!$J$14,0)+IF(Input!$K$15=4,L1542*Input!$J$15,0)+IF(Input!$K$16=4,M1542*Input!$J$16,0)</f>
        <v>0</v>
      </c>
    </row>
    <row r="1543" spans="8:17" x14ac:dyDescent="0.25">
      <c r="H1543" s="43">
        <v>1536</v>
      </c>
      <c r="I1543" s="55">
        <f>Bühler!I1569</f>
        <v>2.7634726118033646</v>
      </c>
      <c r="J1543" s="58">
        <f>Bühler!J1569</f>
        <v>15.839319836405048</v>
      </c>
      <c r="K1543" s="58">
        <f>Bühler!K1569</f>
        <v>0.40518702250350941</v>
      </c>
      <c r="L1543" s="58">
        <f>Bühler!L1569</f>
        <v>0.2025935112517547</v>
      </c>
      <c r="M1543" s="57">
        <f>Bühler!M1569</f>
        <v>0</v>
      </c>
      <c r="N1543" s="55">
        <f>IF(Input!$K$13=1,J1543*Input!$J$13,0)+IF(Input!$K$14=1,K1543*Input!$J$14,0)+IF(Input!$K$15=1,L1543*Input!$J$15,0)+IF(Input!$K$16=1,M1543*Input!$J$16,0)</f>
        <v>1.9007183803686056</v>
      </c>
      <c r="O1543" s="58">
        <f>IF(Input!$K$13=2,J1543*Input!$J$13,0)+IF(Input!$K$14=2,K1543*Input!$J$14,0)+IF(Input!$K$15=2,L1543*Input!$J$15,0)+IF(Input!$K$16=2,M1543*Input!$J$16,0)</f>
        <v>5.470024803797377E-2</v>
      </c>
      <c r="P1543" s="58">
        <f>IF(Input!$K$13=3,J1543*Input!$J$13,0)+IF(Input!$K$14=3,K1543*Input!$J$14,0)+IF(Input!$K$15=3,L1543*Input!$J$15,0)+IF(Input!$K$16=3,M1543*Input!$J$16,0)</f>
        <v>0</v>
      </c>
      <c r="Q1543" s="71">
        <f>IF(Input!$K$13=4,J1543*Input!$J$13,0)+IF(Input!$K$14=4,K1543*Input!$J$14,0)+IF(Input!$K$15=4,L1543*Input!$J$15,0)+IF(Input!$K$16=4,M1543*Input!$J$16,0)</f>
        <v>0</v>
      </c>
    </row>
    <row r="1544" spans="8:17" x14ac:dyDescent="0.25">
      <c r="H1544" s="43">
        <v>1537</v>
      </c>
      <c r="I1544" s="55">
        <f>Bühler!I1570</f>
        <v>2.2145609698050976</v>
      </c>
      <c r="J1544" s="58">
        <f>Bühler!J1570</f>
        <v>13.417402302563955</v>
      </c>
      <c r="K1544" s="58">
        <f>Bühler!K1570</f>
        <v>0.61479540925632936</v>
      </c>
      <c r="L1544" s="58">
        <f>Bühler!L1570</f>
        <v>0.30739770462816468</v>
      </c>
      <c r="M1544" s="57">
        <f>Bühler!M1570</f>
        <v>0</v>
      </c>
      <c r="N1544" s="55">
        <f>IF(Input!$K$13=1,J1544*Input!$J$13,0)+IF(Input!$K$14=1,K1544*Input!$J$14,0)+IF(Input!$K$15=1,L1544*Input!$J$15,0)+IF(Input!$K$16=1,M1544*Input!$J$16,0)</f>
        <v>1.6100882763076745</v>
      </c>
      <c r="O1544" s="58">
        <f>IF(Input!$K$13=2,J1544*Input!$J$13,0)+IF(Input!$K$14=2,K1544*Input!$J$14,0)+IF(Input!$K$15=2,L1544*Input!$J$15,0)+IF(Input!$K$16=2,M1544*Input!$J$16,0)</f>
        <v>8.2997380249604458E-2</v>
      </c>
      <c r="P1544" s="58">
        <f>IF(Input!$K$13=3,J1544*Input!$J$13,0)+IF(Input!$K$14=3,K1544*Input!$J$14,0)+IF(Input!$K$15=3,L1544*Input!$J$15,0)+IF(Input!$K$16=3,M1544*Input!$J$16,0)</f>
        <v>0</v>
      </c>
      <c r="Q1544" s="71">
        <f>IF(Input!$K$13=4,J1544*Input!$J$13,0)+IF(Input!$K$14=4,K1544*Input!$J$14,0)+IF(Input!$K$15=4,L1544*Input!$J$15,0)+IF(Input!$K$16=4,M1544*Input!$J$16,0)</f>
        <v>0</v>
      </c>
    </row>
    <row r="1545" spans="8:17" x14ac:dyDescent="0.25">
      <c r="H1545" s="43">
        <v>1538</v>
      </c>
      <c r="I1545" s="55">
        <f>Bühler!I1571</f>
        <v>2.2145609698050976</v>
      </c>
      <c r="J1545" s="58">
        <f>Bühler!J1571</f>
        <v>13.417402302563955</v>
      </c>
      <c r="K1545" s="58">
        <f>Bühler!K1571</f>
        <v>0.61479540925632936</v>
      </c>
      <c r="L1545" s="58">
        <f>Bühler!L1571</f>
        <v>0.30739770462816468</v>
      </c>
      <c r="M1545" s="57">
        <f>Bühler!M1571</f>
        <v>0</v>
      </c>
      <c r="N1545" s="55">
        <f>IF(Input!$K$13=1,J1545*Input!$J$13,0)+IF(Input!$K$14=1,K1545*Input!$J$14,0)+IF(Input!$K$15=1,L1545*Input!$J$15,0)+IF(Input!$K$16=1,M1545*Input!$J$16,0)</f>
        <v>1.6100882763076745</v>
      </c>
      <c r="O1545" s="58">
        <f>IF(Input!$K$13=2,J1545*Input!$J$13,0)+IF(Input!$K$14=2,K1545*Input!$J$14,0)+IF(Input!$K$15=2,L1545*Input!$J$15,0)+IF(Input!$K$16=2,M1545*Input!$J$16,0)</f>
        <v>8.2997380249604458E-2</v>
      </c>
      <c r="P1545" s="58">
        <f>IF(Input!$K$13=3,J1545*Input!$J$13,0)+IF(Input!$K$14=3,K1545*Input!$J$14,0)+IF(Input!$K$15=3,L1545*Input!$J$15,0)+IF(Input!$K$16=3,M1545*Input!$J$16,0)</f>
        <v>0</v>
      </c>
      <c r="Q1545" s="71">
        <f>IF(Input!$K$13=4,J1545*Input!$J$13,0)+IF(Input!$K$14=4,K1545*Input!$J$14,0)+IF(Input!$K$15=4,L1545*Input!$J$15,0)+IF(Input!$K$16=4,M1545*Input!$J$16,0)</f>
        <v>0</v>
      </c>
    </row>
    <row r="1546" spans="8:17" x14ac:dyDescent="0.25">
      <c r="H1546" s="43">
        <v>1539</v>
      </c>
      <c r="I1546" s="55">
        <f>Bühler!I1572</f>
        <v>2.2145609698050976</v>
      </c>
      <c r="J1546" s="58">
        <f>Bühler!J1572</f>
        <v>13.417402302563955</v>
      </c>
      <c r="K1546" s="58">
        <f>Bühler!K1572</f>
        <v>0.61479540925632936</v>
      </c>
      <c r="L1546" s="58">
        <f>Bühler!L1572</f>
        <v>0.30739770462816468</v>
      </c>
      <c r="M1546" s="57">
        <f>Bühler!M1572</f>
        <v>0</v>
      </c>
      <c r="N1546" s="55">
        <f>IF(Input!$K$13=1,J1546*Input!$J$13,0)+IF(Input!$K$14=1,K1546*Input!$J$14,0)+IF(Input!$K$15=1,L1546*Input!$J$15,0)+IF(Input!$K$16=1,M1546*Input!$J$16,0)</f>
        <v>1.6100882763076745</v>
      </c>
      <c r="O1546" s="58">
        <f>IF(Input!$K$13=2,J1546*Input!$J$13,0)+IF(Input!$K$14=2,K1546*Input!$J$14,0)+IF(Input!$K$15=2,L1546*Input!$J$15,0)+IF(Input!$K$16=2,M1546*Input!$J$16,0)</f>
        <v>8.2997380249604458E-2</v>
      </c>
      <c r="P1546" s="58">
        <f>IF(Input!$K$13=3,J1546*Input!$J$13,0)+IF(Input!$K$14=3,K1546*Input!$J$14,0)+IF(Input!$K$15=3,L1546*Input!$J$15,0)+IF(Input!$K$16=3,M1546*Input!$J$16,0)</f>
        <v>0</v>
      </c>
      <c r="Q1546" s="71">
        <f>IF(Input!$K$13=4,J1546*Input!$J$13,0)+IF(Input!$K$14=4,K1546*Input!$J$14,0)+IF(Input!$K$15=4,L1546*Input!$J$15,0)+IF(Input!$K$16=4,M1546*Input!$J$16,0)</f>
        <v>0</v>
      </c>
    </row>
    <row r="1547" spans="8:17" x14ac:dyDescent="0.25">
      <c r="H1547" s="43">
        <v>1540</v>
      </c>
      <c r="I1547" s="55">
        <f>Bühler!I1573</f>
        <v>2.2145609698050976</v>
      </c>
      <c r="J1547" s="58">
        <f>Bühler!J1573</f>
        <v>13.417402302563955</v>
      </c>
      <c r="K1547" s="58">
        <f>Bühler!K1573</f>
        <v>0.61479540925632936</v>
      </c>
      <c r="L1547" s="58">
        <f>Bühler!L1573</f>
        <v>0.30739770462816468</v>
      </c>
      <c r="M1547" s="57">
        <f>Bühler!M1573</f>
        <v>0</v>
      </c>
      <c r="N1547" s="55">
        <f>IF(Input!$K$13=1,J1547*Input!$J$13,0)+IF(Input!$K$14=1,K1547*Input!$J$14,0)+IF(Input!$K$15=1,L1547*Input!$J$15,0)+IF(Input!$K$16=1,M1547*Input!$J$16,0)</f>
        <v>1.6100882763076745</v>
      </c>
      <c r="O1547" s="58">
        <f>IF(Input!$K$13=2,J1547*Input!$J$13,0)+IF(Input!$K$14=2,K1547*Input!$J$14,0)+IF(Input!$K$15=2,L1547*Input!$J$15,0)+IF(Input!$K$16=2,M1547*Input!$J$16,0)</f>
        <v>8.2997380249604458E-2</v>
      </c>
      <c r="P1547" s="58">
        <f>IF(Input!$K$13=3,J1547*Input!$J$13,0)+IF(Input!$K$14=3,K1547*Input!$J$14,0)+IF(Input!$K$15=3,L1547*Input!$J$15,0)+IF(Input!$K$16=3,M1547*Input!$J$16,0)</f>
        <v>0</v>
      </c>
      <c r="Q1547" s="71">
        <f>IF(Input!$K$13=4,J1547*Input!$J$13,0)+IF(Input!$K$14=4,K1547*Input!$J$14,0)+IF(Input!$K$15=4,L1547*Input!$J$15,0)+IF(Input!$K$16=4,M1547*Input!$J$16,0)</f>
        <v>0</v>
      </c>
    </row>
    <row r="1548" spans="8:17" x14ac:dyDescent="0.25">
      <c r="H1548" s="43">
        <v>1541</v>
      </c>
      <c r="I1548" s="55">
        <f>Bühler!I1574</f>
        <v>2.2145609698050976</v>
      </c>
      <c r="J1548" s="58">
        <f>Bühler!J1574</f>
        <v>13.417402302563955</v>
      </c>
      <c r="K1548" s="58">
        <f>Bühler!K1574</f>
        <v>0.61479540925632936</v>
      </c>
      <c r="L1548" s="58">
        <f>Bühler!L1574</f>
        <v>0.30739770462816468</v>
      </c>
      <c r="M1548" s="57">
        <f>Bühler!M1574</f>
        <v>0</v>
      </c>
      <c r="N1548" s="55">
        <f>IF(Input!$K$13=1,J1548*Input!$J$13,0)+IF(Input!$K$14=1,K1548*Input!$J$14,0)+IF(Input!$K$15=1,L1548*Input!$J$15,0)+IF(Input!$K$16=1,M1548*Input!$J$16,0)</f>
        <v>1.6100882763076745</v>
      </c>
      <c r="O1548" s="58">
        <f>IF(Input!$K$13=2,J1548*Input!$J$13,0)+IF(Input!$K$14=2,K1548*Input!$J$14,0)+IF(Input!$K$15=2,L1548*Input!$J$15,0)+IF(Input!$K$16=2,M1548*Input!$J$16,0)</f>
        <v>8.2997380249604458E-2</v>
      </c>
      <c r="P1548" s="58">
        <f>IF(Input!$K$13=3,J1548*Input!$J$13,0)+IF(Input!$K$14=3,K1548*Input!$J$14,0)+IF(Input!$K$15=3,L1548*Input!$J$15,0)+IF(Input!$K$16=3,M1548*Input!$J$16,0)</f>
        <v>0</v>
      </c>
      <c r="Q1548" s="71">
        <f>IF(Input!$K$13=4,J1548*Input!$J$13,0)+IF(Input!$K$14=4,K1548*Input!$J$14,0)+IF(Input!$K$15=4,L1548*Input!$J$15,0)+IF(Input!$K$16=4,M1548*Input!$J$16,0)</f>
        <v>0</v>
      </c>
    </row>
    <row r="1549" spans="8:17" x14ac:dyDescent="0.25">
      <c r="H1549" s="43">
        <v>1542</v>
      </c>
      <c r="I1549" s="55">
        <f>Bühler!I1575</f>
        <v>2.2145609698050976</v>
      </c>
      <c r="J1549" s="58">
        <f>Bühler!J1575</f>
        <v>13.417402302563955</v>
      </c>
      <c r="K1549" s="58">
        <f>Bühler!K1575</f>
        <v>0.61479540925632936</v>
      </c>
      <c r="L1549" s="58">
        <f>Bühler!L1575</f>
        <v>0.30739770462816468</v>
      </c>
      <c r="M1549" s="57">
        <f>Bühler!M1575</f>
        <v>0</v>
      </c>
      <c r="N1549" s="55">
        <f>IF(Input!$K$13=1,J1549*Input!$J$13,0)+IF(Input!$K$14=1,K1549*Input!$J$14,0)+IF(Input!$K$15=1,L1549*Input!$J$15,0)+IF(Input!$K$16=1,M1549*Input!$J$16,0)</f>
        <v>1.6100882763076745</v>
      </c>
      <c r="O1549" s="58">
        <f>IF(Input!$K$13=2,J1549*Input!$J$13,0)+IF(Input!$K$14=2,K1549*Input!$J$14,0)+IF(Input!$K$15=2,L1549*Input!$J$15,0)+IF(Input!$K$16=2,M1549*Input!$J$16,0)</f>
        <v>8.2997380249604458E-2</v>
      </c>
      <c r="P1549" s="58">
        <f>IF(Input!$K$13=3,J1549*Input!$J$13,0)+IF(Input!$K$14=3,K1549*Input!$J$14,0)+IF(Input!$K$15=3,L1549*Input!$J$15,0)+IF(Input!$K$16=3,M1549*Input!$J$16,0)</f>
        <v>0</v>
      </c>
      <c r="Q1549" s="71">
        <f>IF(Input!$K$13=4,J1549*Input!$J$13,0)+IF(Input!$K$14=4,K1549*Input!$J$14,0)+IF(Input!$K$15=4,L1549*Input!$J$15,0)+IF(Input!$K$16=4,M1549*Input!$J$16,0)</f>
        <v>0</v>
      </c>
    </row>
    <row r="1550" spans="8:17" x14ac:dyDescent="0.25">
      <c r="H1550" s="43">
        <v>1543</v>
      </c>
      <c r="I1550" s="55">
        <f>Bühler!I1576</f>
        <v>2.2145609698050976</v>
      </c>
      <c r="J1550" s="58">
        <f>Bühler!J1576</f>
        <v>13.417402302563955</v>
      </c>
      <c r="K1550" s="58">
        <f>Bühler!K1576</f>
        <v>0.61479540925632936</v>
      </c>
      <c r="L1550" s="58">
        <f>Bühler!L1576</f>
        <v>0.30739770462816468</v>
      </c>
      <c r="M1550" s="57">
        <f>Bühler!M1576</f>
        <v>0</v>
      </c>
      <c r="N1550" s="55">
        <f>IF(Input!$K$13=1,J1550*Input!$J$13,0)+IF(Input!$K$14=1,K1550*Input!$J$14,0)+IF(Input!$K$15=1,L1550*Input!$J$15,0)+IF(Input!$K$16=1,M1550*Input!$J$16,0)</f>
        <v>1.6100882763076745</v>
      </c>
      <c r="O1550" s="58">
        <f>IF(Input!$K$13=2,J1550*Input!$J$13,0)+IF(Input!$K$14=2,K1550*Input!$J$14,0)+IF(Input!$K$15=2,L1550*Input!$J$15,0)+IF(Input!$K$16=2,M1550*Input!$J$16,0)</f>
        <v>8.2997380249604458E-2</v>
      </c>
      <c r="P1550" s="58">
        <f>IF(Input!$K$13=3,J1550*Input!$J$13,0)+IF(Input!$K$14=3,K1550*Input!$J$14,0)+IF(Input!$K$15=3,L1550*Input!$J$15,0)+IF(Input!$K$16=3,M1550*Input!$J$16,0)</f>
        <v>0</v>
      </c>
      <c r="Q1550" s="71">
        <f>IF(Input!$K$13=4,J1550*Input!$J$13,0)+IF(Input!$K$14=4,K1550*Input!$J$14,0)+IF(Input!$K$15=4,L1550*Input!$J$15,0)+IF(Input!$K$16=4,M1550*Input!$J$16,0)</f>
        <v>0</v>
      </c>
    </row>
    <row r="1551" spans="8:17" x14ac:dyDescent="0.25">
      <c r="H1551" s="43">
        <v>1544</v>
      </c>
      <c r="I1551" s="55">
        <f>Bühler!I1577</f>
        <v>9.6333402186521742</v>
      </c>
      <c r="J1551" s="58">
        <f>Bühler!J1577</f>
        <v>57.374053503478436</v>
      </c>
      <c r="K1551" s="58">
        <f>Bühler!K1577</f>
        <v>2.6190284434319628</v>
      </c>
      <c r="L1551" s="58">
        <f>Bühler!L1577</f>
        <v>1.3095142217159814</v>
      </c>
      <c r="M1551" s="57">
        <f>Bühler!M1577</f>
        <v>0</v>
      </c>
      <c r="N1551" s="55">
        <f>IF(Input!$K$13=1,J1551*Input!$J$13,0)+IF(Input!$K$14=1,K1551*Input!$J$14,0)+IF(Input!$K$15=1,L1551*Input!$J$15,0)+IF(Input!$K$16=1,M1551*Input!$J$16,0)</f>
        <v>6.8848864204174118</v>
      </c>
      <c r="O1551" s="58">
        <f>IF(Input!$K$13=2,J1551*Input!$J$13,0)+IF(Input!$K$14=2,K1551*Input!$J$14,0)+IF(Input!$K$15=2,L1551*Input!$J$15,0)+IF(Input!$K$16=2,M1551*Input!$J$16,0)</f>
        <v>0.353568839863315</v>
      </c>
      <c r="P1551" s="58">
        <f>IF(Input!$K$13=3,J1551*Input!$J$13,0)+IF(Input!$K$14=3,K1551*Input!$J$14,0)+IF(Input!$K$15=3,L1551*Input!$J$15,0)+IF(Input!$K$16=3,M1551*Input!$J$16,0)</f>
        <v>0</v>
      </c>
      <c r="Q1551" s="71">
        <f>IF(Input!$K$13=4,J1551*Input!$J$13,0)+IF(Input!$K$14=4,K1551*Input!$J$14,0)+IF(Input!$K$15=4,L1551*Input!$J$15,0)+IF(Input!$K$16=4,M1551*Input!$J$16,0)</f>
        <v>0</v>
      </c>
    </row>
    <row r="1552" spans="8:17" x14ac:dyDescent="0.25">
      <c r="H1552" s="43">
        <v>1545</v>
      </c>
      <c r="I1552" s="55">
        <f>Bühler!I1578</f>
        <v>10.837507745983698</v>
      </c>
      <c r="J1552" s="58">
        <f>Bühler!J1578</f>
        <v>64.545810191413238</v>
      </c>
      <c r="K1552" s="58">
        <f>Bühler!K1578</f>
        <v>2.946406998860958</v>
      </c>
      <c r="L1552" s="58">
        <f>Bühler!L1578</f>
        <v>1.473203499430479</v>
      </c>
      <c r="M1552" s="57">
        <f>Bühler!M1578</f>
        <v>0</v>
      </c>
      <c r="N1552" s="55">
        <f>IF(Input!$K$13=1,J1552*Input!$J$13,0)+IF(Input!$K$14=1,K1552*Input!$J$14,0)+IF(Input!$K$15=1,L1552*Input!$J$15,0)+IF(Input!$K$16=1,M1552*Input!$J$16,0)</f>
        <v>7.745497222969588</v>
      </c>
      <c r="O1552" s="58">
        <f>IF(Input!$K$13=2,J1552*Input!$J$13,0)+IF(Input!$K$14=2,K1552*Input!$J$14,0)+IF(Input!$K$15=2,L1552*Input!$J$15,0)+IF(Input!$K$16=2,M1552*Input!$J$16,0)</f>
        <v>0.39776494484622932</v>
      </c>
      <c r="P1552" s="58">
        <f>IF(Input!$K$13=3,J1552*Input!$J$13,0)+IF(Input!$K$14=3,K1552*Input!$J$14,0)+IF(Input!$K$15=3,L1552*Input!$J$15,0)+IF(Input!$K$16=3,M1552*Input!$J$16,0)</f>
        <v>0</v>
      </c>
      <c r="Q1552" s="71">
        <f>IF(Input!$K$13=4,J1552*Input!$J$13,0)+IF(Input!$K$14=4,K1552*Input!$J$14,0)+IF(Input!$K$15=4,L1552*Input!$J$15,0)+IF(Input!$K$16=4,M1552*Input!$J$16,0)</f>
        <v>0</v>
      </c>
    </row>
    <row r="1553" spans="8:17" x14ac:dyDescent="0.25">
      <c r="H1553" s="43">
        <v>1546</v>
      </c>
      <c r="I1553" s="55">
        <f>Bühler!I1579</f>
        <v>12.041675273315219</v>
      </c>
      <c r="J1553" s="58">
        <f>Bühler!J1579</f>
        <v>71.717566879348041</v>
      </c>
      <c r="K1553" s="58">
        <f>Bühler!K1579</f>
        <v>3.2737855542899537</v>
      </c>
      <c r="L1553" s="58">
        <f>Bühler!L1579</f>
        <v>1.6368927771449768</v>
      </c>
      <c r="M1553" s="57">
        <f>Bühler!M1579</f>
        <v>0</v>
      </c>
      <c r="N1553" s="55">
        <f>IF(Input!$K$13=1,J1553*Input!$J$13,0)+IF(Input!$K$14=1,K1553*Input!$J$14,0)+IF(Input!$K$15=1,L1553*Input!$J$15,0)+IF(Input!$K$16=1,M1553*Input!$J$16,0)</f>
        <v>8.606108025521765</v>
      </c>
      <c r="O1553" s="58">
        <f>IF(Input!$K$13=2,J1553*Input!$J$13,0)+IF(Input!$K$14=2,K1553*Input!$J$14,0)+IF(Input!$K$15=2,L1553*Input!$J$15,0)+IF(Input!$K$16=2,M1553*Input!$J$16,0)</f>
        <v>0.44196104982914375</v>
      </c>
      <c r="P1553" s="58">
        <f>IF(Input!$K$13=3,J1553*Input!$J$13,0)+IF(Input!$K$14=3,K1553*Input!$J$14,0)+IF(Input!$K$15=3,L1553*Input!$J$15,0)+IF(Input!$K$16=3,M1553*Input!$J$16,0)</f>
        <v>0</v>
      </c>
      <c r="Q1553" s="71">
        <f>IF(Input!$K$13=4,J1553*Input!$J$13,0)+IF(Input!$K$14=4,K1553*Input!$J$14,0)+IF(Input!$K$15=4,L1553*Input!$J$15,0)+IF(Input!$K$16=4,M1553*Input!$J$16,0)</f>
        <v>0</v>
      </c>
    </row>
    <row r="1554" spans="8:17" x14ac:dyDescent="0.25">
      <c r="H1554" s="43">
        <v>1547</v>
      </c>
      <c r="I1554" s="55">
        <f>Bühler!I1580</f>
        <v>12.041675273315219</v>
      </c>
      <c r="J1554" s="58">
        <f>Bühler!J1580</f>
        <v>71.717566879348041</v>
      </c>
      <c r="K1554" s="58">
        <f>Bühler!K1580</f>
        <v>3.2737855542899537</v>
      </c>
      <c r="L1554" s="58">
        <f>Bühler!L1580</f>
        <v>1.6368927771449768</v>
      </c>
      <c r="M1554" s="57">
        <f>Bühler!M1580</f>
        <v>0</v>
      </c>
      <c r="N1554" s="55">
        <f>IF(Input!$K$13=1,J1554*Input!$J$13,0)+IF(Input!$K$14=1,K1554*Input!$J$14,0)+IF(Input!$K$15=1,L1554*Input!$J$15,0)+IF(Input!$K$16=1,M1554*Input!$J$16,0)</f>
        <v>8.606108025521765</v>
      </c>
      <c r="O1554" s="58">
        <f>IF(Input!$K$13=2,J1554*Input!$J$13,0)+IF(Input!$K$14=2,K1554*Input!$J$14,0)+IF(Input!$K$15=2,L1554*Input!$J$15,0)+IF(Input!$K$16=2,M1554*Input!$J$16,0)</f>
        <v>0.44196104982914375</v>
      </c>
      <c r="P1554" s="58">
        <f>IF(Input!$K$13=3,J1554*Input!$J$13,0)+IF(Input!$K$14=3,K1554*Input!$J$14,0)+IF(Input!$K$15=3,L1554*Input!$J$15,0)+IF(Input!$K$16=3,M1554*Input!$J$16,0)</f>
        <v>0</v>
      </c>
      <c r="Q1554" s="71">
        <f>IF(Input!$K$13=4,J1554*Input!$J$13,0)+IF(Input!$K$14=4,K1554*Input!$J$14,0)+IF(Input!$K$15=4,L1554*Input!$J$15,0)+IF(Input!$K$16=4,M1554*Input!$J$16,0)</f>
        <v>0</v>
      </c>
    </row>
    <row r="1555" spans="8:17" x14ac:dyDescent="0.25">
      <c r="H1555" s="43">
        <v>1548</v>
      </c>
      <c r="I1555" s="55">
        <f>Bühler!I1581</f>
        <v>14.450010327978259</v>
      </c>
      <c r="J1555" s="58">
        <f>Bühler!J1581</f>
        <v>86.061080255217647</v>
      </c>
      <c r="K1555" s="58">
        <f>Bühler!K1581</f>
        <v>3.928542665147944</v>
      </c>
      <c r="L1555" s="58">
        <f>Bühler!L1581</f>
        <v>1.964271332573972</v>
      </c>
      <c r="M1555" s="57">
        <f>Bühler!M1581</f>
        <v>0</v>
      </c>
      <c r="N1555" s="55">
        <f>IF(Input!$K$13=1,J1555*Input!$J$13,0)+IF(Input!$K$14=1,K1555*Input!$J$14,0)+IF(Input!$K$15=1,L1555*Input!$J$15,0)+IF(Input!$K$16=1,M1555*Input!$J$16,0)</f>
        <v>10.327329630626117</v>
      </c>
      <c r="O1555" s="58">
        <f>IF(Input!$K$13=2,J1555*Input!$J$13,0)+IF(Input!$K$14=2,K1555*Input!$J$14,0)+IF(Input!$K$15=2,L1555*Input!$J$15,0)+IF(Input!$K$16=2,M1555*Input!$J$16,0)</f>
        <v>0.5303532597949725</v>
      </c>
      <c r="P1555" s="58">
        <f>IF(Input!$K$13=3,J1555*Input!$J$13,0)+IF(Input!$K$14=3,K1555*Input!$J$14,0)+IF(Input!$K$15=3,L1555*Input!$J$15,0)+IF(Input!$K$16=3,M1555*Input!$J$16,0)</f>
        <v>0</v>
      </c>
      <c r="Q1555" s="71">
        <f>IF(Input!$K$13=4,J1555*Input!$J$13,0)+IF(Input!$K$14=4,K1555*Input!$J$14,0)+IF(Input!$K$15=4,L1555*Input!$J$15,0)+IF(Input!$K$16=4,M1555*Input!$J$16,0)</f>
        <v>0</v>
      </c>
    </row>
    <row r="1556" spans="8:17" x14ac:dyDescent="0.25">
      <c r="H1556" s="43">
        <v>1549</v>
      </c>
      <c r="I1556" s="55">
        <f>Bühler!I1582</f>
        <v>14.450010327978259</v>
      </c>
      <c r="J1556" s="58">
        <f>Bühler!J1582</f>
        <v>86.061080255217647</v>
      </c>
      <c r="K1556" s="58">
        <f>Bühler!K1582</f>
        <v>3.928542665147944</v>
      </c>
      <c r="L1556" s="58">
        <f>Bühler!L1582</f>
        <v>1.964271332573972</v>
      </c>
      <c r="M1556" s="57">
        <f>Bühler!M1582</f>
        <v>0</v>
      </c>
      <c r="N1556" s="55">
        <f>IF(Input!$K$13=1,J1556*Input!$J$13,0)+IF(Input!$K$14=1,K1556*Input!$J$14,0)+IF(Input!$K$15=1,L1556*Input!$J$15,0)+IF(Input!$K$16=1,M1556*Input!$J$16,0)</f>
        <v>10.327329630626117</v>
      </c>
      <c r="O1556" s="58">
        <f>IF(Input!$K$13=2,J1556*Input!$J$13,0)+IF(Input!$K$14=2,K1556*Input!$J$14,0)+IF(Input!$K$15=2,L1556*Input!$J$15,0)+IF(Input!$K$16=2,M1556*Input!$J$16,0)</f>
        <v>0.5303532597949725</v>
      </c>
      <c r="P1556" s="58">
        <f>IF(Input!$K$13=3,J1556*Input!$J$13,0)+IF(Input!$K$14=3,K1556*Input!$J$14,0)+IF(Input!$K$15=3,L1556*Input!$J$15,0)+IF(Input!$K$16=3,M1556*Input!$J$16,0)</f>
        <v>0</v>
      </c>
      <c r="Q1556" s="71">
        <f>IF(Input!$K$13=4,J1556*Input!$J$13,0)+IF(Input!$K$14=4,K1556*Input!$J$14,0)+IF(Input!$K$15=4,L1556*Input!$J$15,0)+IF(Input!$K$16=4,M1556*Input!$J$16,0)</f>
        <v>0</v>
      </c>
    </row>
    <row r="1557" spans="8:17" x14ac:dyDescent="0.25">
      <c r="H1557" s="43">
        <v>1550</v>
      </c>
      <c r="I1557" s="55">
        <f>Bühler!I1583</f>
        <v>9.6333402186521742</v>
      </c>
      <c r="J1557" s="58">
        <f>Bühler!J1583</f>
        <v>57.374053503478436</v>
      </c>
      <c r="K1557" s="58">
        <f>Bühler!K1583</f>
        <v>2.6190284434319628</v>
      </c>
      <c r="L1557" s="58">
        <f>Bühler!L1583</f>
        <v>1.3095142217159814</v>
      </c>
      <c r="M1557" s="57">
        <f>Bühler!M1583</f>
        <v>0</v>
      </c>
      <c r="N1557" s="55">
        <f>IF(Input!$K$13=1,J1557*Input!$J$13,0)+IF(Input!$K$14=1,K1557*Input!$J$14,0)+IF(Input!$K$15=1,L1557*Input!$J$15,0)+IF(Input!$K$16=1,M1557*Input!$J$16,0)</f>
        <v>6.8848864204174118</v>
      </c>
      <c r="O1557" s="58">
        <f>IF(Input!$K$13=2,J1557*Input!$J$13,0)+IF(Input!$K$14=2,K1557*Input!$J$14,0)+IF(Input!$K$15=2,L1557*Input!$J$15,0)+IF(Input!$K$16=2,M1557*Input!$J$16,0)</f>
        <v>0.353568839863315</v>
      </c>
      <c r="P1557" s="58">
        <f>IF(Input!$K$13=3,J1557*Input!$J$13,0)+IF(Input!$K$14=3,K1557*Input!$J$14,0)+IF(Input!$K$15=3,L1557*Input!$J$15,0)+IF(Input!$K$16=3,M1557*Input!$J$16,0)</f>
        <v>0</v>
      </c>
      <c r="Q1557" s="71">
        <f>IF(Input!$K$13=4,J1557*Input!$J$13,0)+IF(Input!$K$14=4,K1557*Input!$J$14,0)+IF(Input!$K$15=4,L1557*Input!$J$15,0)+IF(Input!$K$16=4,M1557*Input!$J$16,0)</f>
        <v>0</v>
      </c>
    </row>
    <row r="1558" spans="8:17" x14ac:dyDescent="0.25">
      <c r="H1558" s="43">
        <v>1551</v>
      </c>
      <c r="I1558" s="55">
        <f>Bühler!I1584</f>
        <v>14.450010327978259</v>
      </c>
      <c r="J1558" s="58">
        <f>Bühler!J1584</f>
        <v>86.061080255217647</v>
      </c>
      <c r="K1558" s="58">
        <f>Bühler!K1584</f>
        <v>3.928542665147944</v>
      </c>
      <c r="L1558" s="58">
        <f>Bühler!L1584</f>
        <v>1.964271332573972</v>
      </c>
      <c r="M1558" s="57">
        <f>Bühler!M1584</f>
        <v>0</v>
      </c>
      <c r="N1558" s="55">
        <f>IF(Input!$K$13=1,J1558*Input!$J$13,0)+IF(Input!$K$14=1,K1558*Input!$J$14,0)+IF(Input!$K$15=1,L1558*Input!$J$15,0)+IF(Input!$K$16=1,M1558*Input!$J$16,0)</f>
        <v>10.327329630626117</v>
      </c>
      <c r="O1558" s="58">
        <f>IF(Input!$K$13=2,J1558*Input!$J$13,0)+IF(Input!$K$14=2,K1558*Input!$J$14,0)+IF(Input!$K$15=2,L1558*Input!$J$15,0)+IF(Input!$K$16=2,M1558*Input!$J$16,0)</f>
        <v>0.5303532597949725</v>
      </c>
      <c r="P1558" s="58">
        <f>IF(Input!$K$13=3,J1558*Input!$J$13,0)+IF(Input!$K$14=3,K1558*Input!$J$14,0)+IF(Input!$K$15=3,L1558*Input!$J$15,0)+IF(Input!$K$16=3,M1558*Input!$J$16,0)</f>
        <v>0</v>
      </c>
      <c r="Q1558" s="71">
        <f>IF(Input!$K$13=4,J1558*Input!$J$13,0)+IF(Input!$K$14=4,K1558*Input!$J$14,0)+IF(Input!$K$15=4,L1558*Input!$J$15,0)+IF(Input!$K$16=4,M1558*Input!$J$16,0)</f>
        <v>0</v>
      </c>
    </row>
    <row r="1559" spans="8:17" x14ac:dyDescent="0.25">
      <c r="H1559" s="43">
        <v>1552</v>
      </c>
      <c r="I1559" s="55">
        <f>Bühler!I1585</f>
        <v>14.450010327978259</v>
      </c>
      <c r="J1559" s="58">
        <f>Bühler!J1585</f>
        <v>86.061080255217647</v>
      </c>
      <c r="K1559" s="58">
        <f>Bühler!K1585</f>
        <v>3.928542665147944</v>
      </c>
      <c r="L1559" s="58">
        <f>Bühler!L1585</f>
        <v>1.964271332573972</v>
      </c>
      <c r="M1559" s="57">
        <f>Bühler!M1585</f>
        <v>0</v>
      </c>
      <c r="N1559" s="55">
        <f>IF(Input!$K$13=1,J1559*Input!$J$13,0)+IF(Input!$K$14=1,K1559*Input!$J$14,0)+IF(Input!$K$15=1,L1559*Input!$J$15,0)+IF(Input!$K$16=1,M1559*Input!$J$16,0)</f>
        <v>10.327329630626117</v>
      </c>
      <c r="O1559" s="58">
        <f>IF(Input!$K$13=2,J1559*Input!$J$13,0)+IF(Input!$K$14=2,K1559*Input!$J$14,0)+IF(Input!$K$15=2,L1559*Input!$J$15,0)+IF(Input!$K$16=2,M1559*Input!$J$16,0)</f>
        <v>0.5303532597949725</v>
      </c>
      <c r="P1559" s="58">
        <f>IF(Input!$K$13=3,J1559*Input!$J$13,0)+IF(Input!$K$14=3,K1559*Input!$J$14,0)+IF(Input!$K$15=3,L1559*Input!$J$15,0)+IF(Input!$K$16=3,M1559*Input!$J$16,0)</f>
        <v>0</v>
      </c>
      <c r="Q1559" s="71">
        <f>IF(Input!$K$13=4,J1559*Input!$J$13,0)+IF(Input!$K$14=4,K1559*Input!$J$14,0)+IF(Input!$K$15=4,L1559*Input!$J$15,0)+IF(Input!$K$16=4,M1559*Input!$J$16,0)</f>
        <v>0</v>
      </c>
    </row>
    <row r="1560" spans="8:17" x14ac:dyDescent="0.25">
      <c r="H1560" s="43">
        <v>1553</v>
      </c>
      <c r="I1560" s="55">
        <f>Bühler!I1586</f>
        <v>12.041675273315219</v>
      </c>
      <c r="J1560" s="58">
        <f>Bühler!J1586</f>
        <v>54.115841279371075</v>
      </c>
      <c r="K1560" s="58">
        <f>Bühler!K1586</f>
        <v>2.2916498880029672</v>
      </c>
      <c r="L1560" s="58">
        <f>Bühler!L1586</f>
        <v>1.1458249440014836</v>
      </c>
      <c r="M1560" s="57">
        <f>Bühler!M1586</f>
        <v>0</v>
      </c>
      <c r="N1560" s="55">
        <f>IF(Input!$K$13=1,J1560*Input!$J$13,0)+IF(Input!$K$14=1,K1560*Input!$J$14,0)+IF(Input!$K$15=1,L1560*Input!$J$15,0)+IF(Input!$K$16=1,M1560*Input!$J$16,0)</f>
        <v>6.4939009535245287</v>
      </c>
      <c r="O1560" s="58">
        <f>IF(Input!$K$13=2,J1560*Input!$J$13,0)+IF(Input!$K$14=2,K1560*Input!$J$14,0)+IF(Input!$K$15=2,L1560*Input!$J$15,0)+IF(Input!$K$16=2,M1560*Input!$J$16,0)</f>
        <v>0.30937273488040057</v>
      </c>
      <c r="P1560" s="58">
        <f>IF(Input!$K$13=3,J1560*Input!$J$13,0)+IF(Input!$K$14=3,K1560*Input!$J$14,0)+IF(Input!$K$15=3,L1560*Input!$J$15,0)+IF(Input!$K$16=3,M1560*Input!$J$16,0)</f>
        <v>0</v>
      </c>
      <c r="Q1560" s="71">
        <f>IF(Input!$K$13=4,J1560*Input!$J$13,0)+IF(Input!$K$14=4,K1560*Input!$J$14,0)+IF(Input!$K$15=4,L1560*Input!$J$15,0)+IF(Input!$K$16=4,M1560*Input!$J$16,0)</f>
        <v>0</v>
      </c>
    </row>
    <row r="1561" spans="8:17" x14ac:dyDescent="0.25">
      <c r="H1561" s="43">
        <v>1554</v>
      </c>
      <c r="I1561" s="55">
        <f>Bühler!I1587</f>
        <v>9.6887042428973036</v>
      </c>
      <c r="J1561" s="58">
        <f>Bühler!J1587</f>
        <v>22.230579996456733</v>
      </c>
      <c r="K1561" s="58">
        <f>Bühler!K1587</f>
        <v>0.65475711085799071</v>
      </c>
      <c r="L1561" s="58">
        <f>Bühler!L1587</f>
        <v>0.32737855542899535</v>
      </c>
      <c r="M1561" s="57">
        <f>Bühler!M1587</f>
        <v>0</v>
      </c>
      <c r="N1561" s="55">
        <f>IF(Input!$K$13=1,J1561*Input!$J$13,0)+IF(Input!$K$14=1,K1561*Input!$J$14,0)+IF(Input!$K$15=1,L1561*Input!$J$15,0)+IF(Input!$K$16=1,M1561*Input!$J$16,0)</f>
        <v>2.6676695995748076</v>
      </c>
      <c r="O1561" s="58">
        <f>IF(Input!$K$13=2,J1561*Input!$J$13,0)+IF(Input!$K$14=2,K1561*Input!$J$14,0)+IF(Input!$K$15=2,L1561*Input!$J$15,0)+IF(Input!$K$16=2,M1561*Input!$J$16,0)</f>
        <v>8.839220996582875E-2</v>
      </c>
      <c r="P1561" s="58">
        <f>IF(Input!$K$13=3,J1561*Input!$J$13,0)+IF(Input!$K$14=3,K1561*Input!$J$14,0)+IF(Input!$K$15=3,L1561*Input!$J$15,0)+IF(Input!$K$16=3,M1561*Input!$J$16,0)</f>
        <v>0</v>
      </c>
      <c r="Q1561" s="71">
        <f>IF(Input!$K$13=4,J1561*Input!$J$13,0)+IF(Input!$K$14=4,K1561*Input!$J$14,0)+IF(Input!$K$15=4,L1561*Input!$J$15,0)+IF(Input!$K$16=4,M1561*Input!$J$16,0)</f>
        <v>0</v>
      </c>
    </row>
    <row r="1562" spans="8:17" x14ac:dyDescent="0.25">
      <c r="H1562" s="43">
        <v>1555</v>
      </c>
      <c r="I1562" s="55">
        <f>Bühler!I1588</f>
        <v>3.4602515153204654</v>
      </c>
      <c r="J1562" s="58">
        <f>Bühler!J1588</f>
        <v>15.31781512280269</v>
      </c>
      <c r="K1562" s="58">
        <f>Bühler!K1588</f>
        <v>0.64553517971914576</v>
      </c>
      <c r="L1562" s="58">
        <f>Bühler!L1588</f>
        <v>0.32276758985957288</v>
      </c>
      <c r="M1562" s="57">
        <f>Bühler!M1588</f>
        <v>0</v>
      </c>
      <c r="N1562" s="55">
        <f>IF(Input!$K$13=1,J1562*Input!$J$13,0)+IF(Input!$K$14=1,K1562*Input!$J$14,0)+IF(Input!$K$15=1,L1562*Input!$J$15,0)+IF(Input!$K$16=1,M1562*Input!$J$16,0)</f>
        <v>1.8381378147363228</v>
      </c>
      <c r="O1562" s="58">
        <f>IF(Input!$K$13=2,J1562*Input!$J$13,0)+IF(Input!$K$14=2,K1562*Input!$J$14,0)+IF(Input!$K$15=2,L1562*Input!$J$15,0)+IF(Input!$K$16=2,M1562*Input!$J$16,0)</f>
        <v>8.7147249262084669E-2</v>
      </c>
      <c r="P1562" s="58">
        <f>IF(Input!$K$13=3,J1562*Input!$J$13,0)+IF(Input!$K$14=3,K1562*Input!$J$14,0)+IF(Input!$K$15=3,L1562*Input!$J$15,0)+IF(Input!$K$16=3,M1562*Input!$J$16,0)</f>
        <v>0</v>
      </c>
      <c r="Q1562" s="71">
        <f>IF(Input!$K$13=4,J1562*Input!$J$13,0)+IF(Input!$K$14=4,K1562*Input!$J$14,0)+IF(Input!$K$15=4,L1562*Input!$J$15,0)+IF(Input!$K$16=4,M1562*Input!$J$16,0)</f>
        <v>0</v>
      </c>
    </row>
    <row r="1563" spans="8:17" x14ac:dyDescent="0.25">
      <c r="H1563" s="43">
        <v>1556</v>
      </c>
      <c r="I1563" s="55">
        <f>Bühler!I1589</f>
        <v>3.4602515153204654</v>
      </c>
      <c r="J1563" s="58">
        <f>Bühler!J1589</f>
        <v>15.31781512280269</v>
      </c>
      <c r="K1563" s="58">
        <f>Bühler!K1589</f>
        <v>0.64553517971914576</v>
      </c>
      <c r="L1563" s="58">
        <f>Bühler!L1589</f>
        <v>0.32276758985957288</v>
      </c>
      <c r="M1563" s="57">
        <f>Bühler!M1589</f>
        <v>0</v>
      </c>
      <c r="N1563" s="55">
        <f>IF(Input!$K$13=1,J1563*Input!$J$13,0)+IF(Input!$K$14=1,K1563*Input!$J$14,0)+IF(Input!$K$15=1,L1563*Input!$J$15,0)+IF(Input!$K$16=1,M1563*Input!$J$16,0)</f>
        <v>1.8381378147363228</v>
      </c>
      <c r="O1563" s="58">
        <f>IF(Input!$K$13=2,J1563*Input!$J$13,0)+IF(Input!$K$14=2,K1563*Input!$J$14,0)+IF(Input!$K$15=2,L1563*Input!$J$15,0)+IF(Input!$K$16=2,M1563*Input!$J$16,0)</f>
        <v>8.7147249262084669E-2</v>
      </c>
      <c r="P1563" s="58">
        <f>IF(Input!$K$13=3,J1563*Input!$J$13,0)+IF(Input!$K$14=3,K1563*Input!$J$14,0)+IF(Input!$K$15=3,L1563*Input!$J$15,0)+IF(Input!$K$16=3,M1563*Input!$J$16,0)</f>
        <v>0</v>
      </c>
      <c r="Q1563" s="71">
        <f>IF(Input!$K$13=4,J1563*Input!$J$13,0)+IF(Input!$K$14=4,K1563*Input!$J$14,0)+IF(Input!$K$15=4,L1563*Input!$J$15,0)+IF(Input!$K$16=4,M1563*Input!$J$16,0)</f>
        <v>0</v>
      </c>
    </row>
    <row r="1564" spans="8:17" x14ac:dyDescent="0.25">
      <c r="H1564" s="43">
        <v>1557</v>
      </c>
      <c r="I1564" s="55">
        <f>Bühler!I1590</f>
        <v>3.4602515153204654</v>
      </c>
      <c r="J1564" s="58">
        <f>Bühler!J1590</f>
        <v>15.31781512280269</v>
      </c>
      <c r="K1564" s="58">
        <f>Bühler!K1590</f>
        <v>0.64553517971914576</v>
      </c>
      <c r="L1564" s="58">
        <f>Bühler!L1590</f>
        <v>0.32276758985957288</v>
      </c>
      <c r="M1564" s="57">
        <f>Bühler!M1590</f>
        <v>0</v>
      </c>
      <c r="N1564" s="55">
        <f>IF(Input!$K$13=1,J1564*Input!$J$13,0)+IF(Input!$K$14=1,K1564*Input!$J$14,0)+IF(Input!$K$15=1,L1564*Input!$J$15,0)+IF(Input!$K$16=1,M1564*Input!$J$16,0)</f>
        <v>1.8381378147363228</v>
      </c>
      <c r="O1564" s="58">
        <f>IF(Input!$K$13=2,J1564*Input!$J$13,0)+IF(Input!$K$14=2,K1564*Input!$J$14,0)+IF(Input!$K$15=2,L1564*Input!$J$15,0)+IF(Input!$K$16=2,M1564*Input!$J$16,0)</f>
        <v>8.7147249262084669E-2</v>
      </c>
      <c r="P1564" s="58">
        <f>IF(Input!$K$13=3,J1564*Input!$J$13,0)+IF(Input!$K$14=3,K1564*Input!$J$14,0)+IF(Input!$K$15=3,L1564*Input!$J$15,0)+IF(Input!$K$16=3,M1564*Input!$J$16,0)</f>
        <v>0</v>
      </c>
      <c r="Q1564" s="71">
        <f>IF(Input!$K$13=4,J1564*Input!$J$13,0)+IF(Input!$K$14=4,K1564*Input!$J$14,0)+IF(Input!$K$15=4,L1564*Input!$J$15,0)+IF(Input!$K$16=4,M1564*Input!$J$16,0)</f>
        <v>0</v>
      </c>
    </row>
    <row r="1565" spans="8:17" x14ac:dyDescent="0.25">
      <c r="H1565" s="43">
        <v>1558</v>
      </c>
      <c r="I1565" s="55">
        <f>Bühler!I1591</f>
        <v>3.4602515153204654</v>
      </c>
      <c r="J1565" s="58">
        <f>Bühler!J1591</f>
        <v>15.31781512280269</v>
      </c>
      <c r="K1565" s="58">
        <f>Bühler!K1591</f>
        <v>0.64553517971914576</v>
      </c>
      <c r="L1565" s="58">
        <f>Bühler!L1591</f>
        <v>0.32276758985957288</v>
      </c>
      <c r="M1565" s="57">
        <f>Bühler!M1591</f>
        <v>0</v>
      </c>
      <c r="N1565" s="55">
        <f>IF(Input!$K$13=1,J1565*Input!$J$13,0)+IF(Input!$K$14=1,K1565*Input!$J$14,0)+IF(Input!$K$15=1,L1565*Input!$J$15,0)+IF(Input!$K$16=1,M1565*Input!$J$16,0)</f>
        <v>1.8381378147363228</v>
      </c>
      <c r="O1565" s="58">
        <f>IF(Input!$K$13=2,J1565*Input!$J$13,0)+IF(Input!$K$14=2,K1565*Input!$J$14,0)+IF(Input!$K$15=2,L1565*Input!$J$15,0)+IF(Input!$K$16=2,M1565*Input!$J$16,0)</f>
        <v>8.7147249262084669E-2</v>
      </c>
      <c r="P1565" s="58">
        <f>IF(Input!$K$13=3,J1565*Input!$J$13,0)+IF(Input!$K$14=3,K1565*Input!$J$14,0)+IF(Input!$K$15=3,L1565*Input!$J$15,0)+IF(Input!$K$16=3,M1565*Input!$J$16,0)</f>
        <v>0</v>
      </c>
      <c r="Q1565" s="71">
        <f>IF(Input!$K$13=4,J1565*Input!$J$13,0)+IF(Input!$K$14=4,K1565*Input!$J$14,0)+IF(Input!$K$15=4,L1565*Input!$J$15,0)+IF(Input!$K$16=4,M1565*Input!$J$16,0)</f>
        <v>0</v>
      </c>
    </row>
    <row r="1566" spans="8:17" x14ac:dyDescent="0.25">
      <c r="H1566" s="43">
        <v>1559</v>
      </c>
      <c r="I1566" s="55">
        <f>Bühler!I1592</f>
        <v>3.4602515153204654</v>
      </c>
      <c r="J1566" s="58">
        <f>Bühler!J1592</f>
        <v>15.31781512280269</v>
      </c>
      <c r="K1566" s="58">
        <f>Bühler!K1592</f>
        <v>0.64553517971914576</v>
      </c>
      <c r="L1566" s="58">
        <f>Bühler!L1592</f>
        <v>0.32276758985957288</v>
      </c>
      <c r="M1566" s="57">
        <f>Bühler!M1592</f>
        <v>0</v>
      </c>
      <c r="N1566" s="55">
        <f>IF(Input!$K$13=1,J1566*Input!$J$13,0)+IF(Input!$K$14=1,K1566*Input!$J$14,0)+IF(Input!$K$15=1,L1566*Input!$J$15,0)+IF(Input!$K$16=1,M1566*Input!$J$16,0)</f>
        <v>1.8381378147363228</v>
      </c>
      <c r="O1566" s="58">
        <f>IF(Input!$K$13=2,J1566*Input!$J$13,0)+IF(Input!$K$14=2,K1566*Input!$J$14,0)+IF(Input!$K$15=2,L1566*Input!$J$15,0)+IF(Input!$K$16=2,M1566*Input!$J$16,0)</f>
        <v>8.7147249262084669E-2</v>
      </c>
      <c r="P1566" s="58">
        <f>IF(Input!$K$13=3,J1566*Input!$J$13,0)+IF(Input!$K$14=3,K1566*Input!$J$14,0)+IF(Input!$K$15=3,L1566*Input!$J$15,0)+IF(Input!$K$16=3,M1566*Input!$J$16,0)</f>
        <v>0</v>
      </c>
      <c r="Q1566" s="71">
        <f>IF(Input!$K$13=4,J1566*Input!$J$13,0)+IF(Input!$K$14=4,K1566*Input!$J$14,0)+IF(Input!$K$15=4,L1566*Input!$J$15,0)+IF(Input!$K$16=4,M1566*Input!$J$16,0)</f>
        <v>0</v>
      </c>
    </row>
    <row r="1567" spans="8:17" x14ac:dyDescent="0.25">
      <c r="H1567" s="43">
        <v>1560</v>
      </c>
      <c r="I1567" s="55">
        <f>Bühler!I1593</f>
        <v>3.4602515153204654</v>
      </c>
      <c r="J1567" s="58">
        <f>Bühler!J1593</f>
        <v>15.31781512280269</v>
      </c>
      <c r="K1567" s="58">
        <f>Bühler!K1593</f>
        <v>0.64553517971914576</v>
      </c>
      <c r="L1567" s="58">
        <f>Bühler!L1593</f>
        <v>0.32276758985957288</v>
      </c>
      <c r="M1567" s="57">
        <f>Bühler!M1593</f>
        <v>0</v>
      </c>
      <c r="N1567" s="55">
        <f>IF(Input!$K$13=1,J1567*Input!$J$13,0)+IF(Input!$K$14=1,K1567*Input!$J$14,0)+IF(Input!$K$15=1,L1567*Input!$J$15,0)+IF(Input!$K$16=1,M1567*Input!$J$16,0)</f>
        <v>1.8381378147363228</v>
      </c>
      <c r="O1567" s="58">
        <f>IF(Input!$K$13=2,J1567*Input!$J$13,0)+IF(Input!$K$14=2,K1567*Input!$J$14,0)+IF(Input!$K$15=2,L1567*Input!$J$15,0)+IF(Input!$K$16=2,M1567*Input!$J$16,0)</f>
        <v>8.7147249262084669E-2</v>
      </c>
      <c r="P1567" s="58">
        <f>IF(Input!$K$13=3,J1567*Input!$J$13,0)+IF(Input!$K$14=3,K1567*Input!$J$14,0)+IF(Input!$K$15=3,L1567*Input!$J$15,0)+IF(Input!$K$16=3,M1567*Input!$J$16,0)</f>
        <v>0</v>
      </c>
      <c r="Q1567" s="71">
        <f>IF(Input!$K$13=4,J1567*Input!$J$13,0)+IF(Input!$K$14=4,K1567*Input!$J$14,0)+IF(Input!$K$15=4,L1567*Input!$J$15,0)+IF(Input!$K$16=4,M1567*Input!$J$16,0)</f>
        <v>0</v>
      </c>
    </row>
    <row r="1568" spans="8:17" x14ac:dyDescent="0.25">
      <c r="H1568" s="43">
        <v>1561</v>
      </c>
      <c r="I1568" s="55">
        <f>Bühler!I1594</f>
        <v>2.6615737322146416</v>
      </c>
      <c r="J1568" s="58">
        <f>Bühler!J1594</f>
        <v>9.9081505159131531</v>
      </c>
      <c r="K1568" s="58">
        <f>Bühler!K1594</f>
        <v>0.40714459517498541</v>
      </c>
      <c r="L1568" s="58">
        <f>Bühler!L1594</f>
        <v>0.20357229758749271</v>
      </c>
      <c r="M1568" s="57">
        <f>Bühler!M1594</f>
        <v>0</v>
      </c>
      <c r="N1568" s="55">
        <f>IF(Input!$K$13=1,J1568*Input!$J$13,0)+IF(Input!$K$14=1,K1568*Input!$J$14,0)+IF(Input!$K$15=1,L1568*Input!$J$15,0)+IF(Input!$K$16=1,M1568*Input!$J$16,0)</f>
        <v>1.1889780619095782</v>
      </c>
      <c r="O1568" s="58">
        <f>IF(Input!$K$13=2,J1568*Input!$J$13,0)+IF(Input!$K$14=2,K1568*Input!$J$14,0)+IF(Input!$K$15=2,L1568*Input!$J$15,0)+IF(Input!$K$16=2,M1568*Input!$J$16,0)</f>
        <v>5.4964520348623029E-2</v>
      </c>
      <c r="P1568" s="58">
        <f>IF(Input!$K$13=3,J1568*Input!$J$13,0)+IF(Input!$K$14=3,K1568*Input!$J$14,0)+IF(Input!$K$15=3,L1568*Input!$J$15,0)+IF(Input!$K$16=3,M1568*Input!$J$16,0)</f>
        <v>0</v>
      </c>
      <c r="Q1568" s="71">
        <f>IF(Input!$K$13=4,J1568*Input!$J$13,0)+IF(Input!$K$14=4,K1568*Input!$J$14,0)+IF(Input!$K$15=4,L1568*Input!$J$15,0)+IF(Input!$K$16=4,M1568*Input!$J$16,0)</f>
        <v>0</v>
      </c>
    </row>
    <row r="1569" spans="8:17" x14ac:dyDescent="0.25">
      <c r="H1569" s="43">
        <v>1562</v>
      </c>
      <c r="I1569" s="55">
        <f>Bühler!I1595</f>
        <v>2.6615737322146416</v>
      </c>
      <c r="J1569" s="58">
        <f>Bühler!J1595</f>
        <v>13.587796644460145</v>
      </c>
      <c r="K1569" s="58">
        <f>Bühler!K1595</f>
        <v>0.62041081169521584</v>
      </c>
      <c r="L1569" s="58">
        <f>Bühler!L1595</f>
        <v>0.31020540584760792</v>
      </c>
      <c r="M1569" s="57">
        <f>Bühler!M1595</f>
        <v>0</v>
      </c>
      <c r="N1569" s="55">
        <f>IF(Input!$K$13=1,J1569*Input!$J$13,0)+IF(Input!$K$14=1,K1569*Input!$J$14,0)+IF(Input!$K$15=1,L1569*Input!$J$15,0)+IF(Input!$K$16=1,M1569*Input!$J$16,0)</f>
        <v>1.6305355973352174</v>
      </c>
      <c r="O1569" s="58">
        <f>IF(Input!$K$13=2,J1569*Input!$J$13,0)+IF(Input!$K$14=2,K1569*Input!$J$14,0)+IF(Input!$K$15=2,L1569*Input!$J$15,0)+IF(Input!$K$16=2,M1569*Input!$J$16,0)</f>
        <v>8.3755459578854136E-2</v>
      </c>
      <c r="P1569" s="58">
        <f>IF(Input!$K$13=3,J1569*Input!$J$13,0)+IF(Input!$K$14=3,K1569*Input!$J$14,0)+IF(Input!$K$15=3,L1569*Input!$J$15,0)+IF(Input!$K$16=3,M1569*Input!$J$16,0)</f>
        <v>0</v>
      </c>
      <c r="Q1569" s="71">
        <f>IF(Input!$K$13=4,J1569*Input!$J$13,0)+IF(Input!$K$14=4,K1569*Input!$J$14,0)+IF(Input!$K$15=4,L1569*Input!$J$15,0)+IF(Input!$K$16=4,M1569*Input!$J$16,0)</f>
        <v>0</v>
      </c>
    </row>
    <row r="1570" spans="8:17" x14ac:dyDescent="0.25">
      <c r="H1570" s="43">
        <v>1563</v>
      </c>
      <c r="I1570" s="55">
        <f>Bühler!I1596</f>
        <v>2.6615737322146416</v>
      </c>
      <c r="J1570" s="58">
        <f>Bühler!J1596</f>
        <v>13.587796644460145</v>
      </c>
      <c r="K1570" s="58">
        <f>Bühler!K1596</f>
        <v>0.62041081169521584</v>
      </c>
      <c r="L1570" s="58">
        <f>Bühler!L1596</f>
        <v>0.31020540584760792</v>
      </c>
      <c r="M1570" s="57">
        <f>Bühler!M1596</f>
        <v>0</v>
      </c>
      <c r="N1570" s="55">
        <f>IF(Input!$K$13=1,J1570*Input!$J$13,0)+IF(Input!$K$14=1,K1570*Input!$J$14,0)+IF(Input!$K$15=1,L1570*Input!$J$15,0)+IF(Input!$K$16=1,M1570*Input!$J$16,0)</f>
        <v>1.6305355973352174</v>
      </c>
      <c r="O1570" s="58">
        <f>IF(Input!$K$13=2,J1570*Input!$J$13,0)+IF(Input!$K$14=2,K1570*Input!$J$14,0)+IF(Input!$K$15=2,L1570*Input!$J$15,0)+IF(Input!$K$16=2,M1570*Input!$J$16,0)</f>
        <v>8.3755459578854136E-2</v>
      </c>
      <c r="P1570" s="58">
        <f>IF(Input!$K$13=3,J1570*Input!$J$13,0)+IF(Input!$K$14=3,K1570*Input!$J$14,0)+IF(Input!$K$15=3,L1570*Input!$J$15,0)+IF(Input!$K$16=3,M1570*Input!$J$16,0)</f>
        <v>0</v>
      </c>
      <c r="Q1570" s="71">
        <f>IF(Input!$K$13=4,J1570*Input!$J$13,0)+IF(Input!$K$14=4,K1570*Input!$J$14,0)+IF(Input!$K$15=4,L1570*Input!$J$15,0)+IF(Input!$K$16=4,M1570*Input!$J$16,0)</f>
        <v>0</v>
      </c>
    </row>
    <row r="1571" spans="8:17" x14ac:dyDescent="0.25">
      <c r="H1571" s="43">
        <v>1564</v>
      </c>
      <c r="I1571" s="55">
        <f>Bühler!I1597</f>
        <v>2.6615737322146416</v>
      </c>
      <c r="J1571" s="58">
        <f>Bühler!J1597</f>
        <v>13.587796644460145</v>
      </c>
      <c r="K1571" s="58">
        <f>Bühler!K1597</f>
        <v>0.62041081169521584</v>
      </c>
      <c r="L1571" s="58">
        <f>Bühler!L1597</f>
        <v>0.31020540584760792</v>
      </c>
      <c r="M1571" s="57">
        <f>Bühler!M1597</f>
        <v>0</v>
      </c>
      <c r="N1571" s="55">
        <f>IF(Input!$K$13=1,J1571*Input!$J$13,0)+IF(Input!$K$14=1,K1571*Input!$J$14,0)+IF(Input!$K$15=1,L1571*Input!$J$15,0)+IF(Input!$K$16=1,M1571*Input!$J$16,0)</f>
        <v>1.6305355973352174</v>
      </c>
      <c r="O1571" s="58">
        <f>IF(Input!$K$13=2,J1571*Input!$J$13,0)+IF(Input!$K$14=2,K1571*Input!$J$14,0)+IF(Input!$K$15=2,L1571*Input!$J$15,0)+IF(Input!$K$16=2,M1571*Input!$J$16,0)</f>
        <v>8.3755459578854136E-2</v>
      </c>
      <c r="P1571" s="58">
        <f>IF(Input!$K$13=3,J1571*Input!$J$13,0)+IF(Input!$K$14=3,K1571*Input!$J$14,0)+IF(Input!$K$15=3,L1571*Input!$J$15,0)+IF(Input!$K$16=3,M1571*Input!$J$16,0)</f>
        <v>0</v>
      </c>
      <c r="Q1571" s="71">
        <f>IF(Input!$K$13=4,J1571*Input!$J$13,0)+IF(Input!$K$14=4,K1571*Input!$J$14,0)+IF(Input!$K$15=4,L1571*Input!$J$15,0)+IF(Input!$K$16=4,M1571*Input!$J$16,0)</f>
        <v>0</v>
      </c>
    </row>
    <row r="1572" spans="8:17" x14ac:dyDescent="0.25">
      <c r="H1572" s="43">
        <v>1565</v>
      </c>
      <c r="I1572" s="55">
        <f>Bühler!I1598</f>
        <v>2.6615737322146416</v>
      </c>
      <c r="J1572" s="58">
        <f>Bühler!J1598</f>
        <v>13.587796644460145</v>
      </c>
      <c r="K1572" s="58">
        <f>Bühler!K1598</f>
        <v>0.62041081169521584</v>
      </c>
      <c r="L1572" s="58">
        <f>Bühler!L1598</f>
        <v>0.31020540584760792</v>
      </c>
      <c r="M1572" s="57">
        <f>Bühler!M1598</f>
        <v>0</v>
      </c>
      <c r="N1572" s="55">
        <f>IF(Input!$K$13=1,J1572*Input!$J$13,0)+IF(Input!$K$14=1,K1572*Input!$J$14,0)+IF(Input!$K$15=1,L1572*Input!$J$15,0)+IF(Input!$K$16=1,M1572*Input!$J$16,0)</f>
        <v>1.6305355973352174</v>
      </c>
      <c r="O1572" s="58">
        <f>IF(Input!$K$13=2,J1572*Input!$J$13,0)+IF(Input!$K$14=2,K1572*Input!$J$14,0)+IF(Input!$K$15=2,L1572*Input!$J$15,0)+IF(Input!$K$16=2,M1572*Input!$J$16,0)</f>
        <v>8.3755459578854136E-2</v>
      </c>
      <c r="P1572" s="58">
        <f>IF(Input!$K$13=3,J1572*Input!$J$13,0)+IF(Input!$K$14=3,K1572*Input!$J$14,0)+IF(Input!$K$15=3,L1572*Input!$J$15,0)+IF(Input!$K$16=3,M1572*Input!$J$16,0)</f>
        <v>0</v>
      </c>
      <c r="Q1572" s="71">
        <f>IF(Input!$K$13=4,J1572*Input!$J$13,0)+IF(Input!$K$14=4,K1572*Input!$J$14,0)+IF(Input!$K$15=4,L1572*Input!$J$15,0)+IF(Input!$K$16=4,M1572*Input!$J$16,0)</f>
        <v>0</v>
      </c>
    </row>
    <row r="1573" spans="8:17" x14ac:dyDescent="0.25">
      <c r="H1573" s="43">
        <v>1566</v>
      </c>
      <c r="I1573" s="55">
        <f>Bühler!I1599</f>
        <v>2.6615737322146416</v>
      </c>
      <c r="J1573" s="58">
        <f>Bühler!J1599</f>
        <v>13.587796644460145</v>
      </c>
      <c r="K1573" s="58">
        <f>Bühler!K1599</f>
        <v>0.62041081169521584</v>
      </c>
      <c r="L1573" s="58">
        <f>Bühler!L1599</f>
        <v>0.31020540584760792</v>
      </c>
      <c r="M1573" s="57">
        <f>Bühler!M1599</f>
        <v>0</v>
      </c>
      <c r="N1573" s="55">
        <f>IF(Input!$K$13=1,J1573*Input!$J$13,0)+IF(Input!$K$14=1,K1573*Input!$J$14,0)+IF(Input!$K$15=1,L1573*Input!$J$15,0)+IF(Input!$K$16=1,M1573*Input!$J$16,0)</f>
        <v>1.6305355973352174</v>
      </c>
      <c r="O1573" s="58">
        <f>IF(Input!$K$13=2,J1573*Input!$J$13,0)+IF(Input!$K$14=2,K1573*Input!$J$14,0)+IF(Input!$K$15=2,L1573*Input!$J$15,0)+IF(Input!$K$16=2,M1573*Input!$J$16,0)</f>
        <v>8.3755459578854136E-2</v>
      </c>
      <c r="P1573" s="58">
        <f>IF(Input!$K$13=3,J1573*Input!$J$13,0)+IF(Input!$K$14=3,K1573*Input!$J$14,0)+IF(Input!$K$15=3,L1573*Input!$J$15,0)+IF(Input!$K$16=3,M1573*Input!$J$16,0)</f>
        <v>0</v>
      </c>
      <c r="Q1573" s="71">
        <f>IF(Input!$K$13=4,J1573*Input!$J$13,0)+IF(Input!$K$14=4,K1573*Input!$J$14,0)+IF(Input!$K$15=4,L1573*Input!$J$15,0)+IF(Input!$K$16=4,M1573*Input!$J$16,0)</f>
        <v>0</v>
      </c>
    </row>
    <row r="1574" spans="8:17" x14ac:dyDescent="0.25">
      <c r="H1574" s="43">
        <v>1567</v>
      </c>
      <c r="I1574" s="55">
        <f>Bühler!I1600</f>
        <v>2.6615737322146416</v>
      </c>
      <c r="J1574" s="58">
        <f>Bühler!J1600</f>
        <v>13.587796644460145</v>
      </c>
      <c r="K1574" s="58">
        <f>Bühler!K1600</f>
        <v>0.62041081169521584</v>
      </c>
      <c r="L1574" s="58">
        <f>Bühler!L1600</f>
        <v>0.31020540584760792</v>
      </c>
      <c r="M1574" s="57">
        <f>Bühler!M1600</f>
        <v>0</v>
      </c>
      <c r="N1574" s="55">
        <f>IF(Input!$K$13=1,J1574*Input!$J$13,0)+IF(Input!$K$14=1,K1574*Input!$J$14,0)+IF(Input!$K$15=1,L1574*Input!$J$15,0)+IF(Input!$K$16=1,M1574*Input!$J$16,0)</f>
        <v>1.6305355973352174</v>
      </c>
      <c r="O1574" s="58">
        <f>IF(Input!$K$13=2,J1574*Input!$J$13,0)+IF(Input!$K$14=2,K1574*Input!$J$14,0)+IF(Input!$K$15=2,L1574*Input!$J$15,0)+IF(Input!$K$16=2,M1574*Input!$J$16,0)</f>
        <v>8.3755459578854136E-2</v>
      </c>
      <c r="P1574" s="58">
        <f>IF(Input!$K$13=3,J1574*Input!$J$13,0)+IF(Input!$K$14=3,K1574*Input!$J$14,0)+IF(Input!$K$15=3,L1574*Input!$J$15,0)+IF(Input!$K$16=3,M1574*Input!$J$16,0)</f>
        <v>0</v>
      </c>
      <c r="Q1574" s="71">
        <f>IF(Input!$K$13=4,J1574*Input!$J$13,0)+IF(Input!$K$14=4,K1574*Input!$J$14,0)+IF(Input!$K$15=4,L1574*Input!$J$15,0)+IF(Input!$K$16=4,M1574*Input!$J$16,0)</f>
        <v>0</v>
      </c>
    </row>
    <row r="1575" spans="8:17" x14ac:dyDescent="0.25">
      <c r="H1575" s="43">
        <v>1568</v>
      </c>
      <c r="I1575" s="55">
        <f>Bühler!I1601</f>
        <v>7.6670494931215307</v>
      </c>
      <c r="J1575" s="58">
        <f>Bühler!J1601</f>
        <v>53.431812351577655</v>
      </c>
      <c r="K1575" s="58">
        <f>Bühler!K1601</f>
        <v>2.6154193280526439</v>
      </c>
      <c r="L1575" s="58">
        <f>Bühler!L1601</f>
        <v>1.3077096640263219</v>
      </c>
      <c r="M1575" s="57">
        <f>Bühler!M1601</f>
        <v>0</v>
      </c>
      <c r="N1575" s="55">
        <f>IF(Input!$K$13=1,J1575*Input!$J$13,0)+IF(Input!$K$14=1,K1575*Input!$J$14,0)+IF(Input!$K$15=1,L1575*Input!$J$15,0)+IF(Input!$K$16=1,M1575*Input!$J$16,0)</f>
        <v>6.4118174821893179</v>
      </c>
      <c r="O1575" s="58">
        <f>IF(Input!$K$13=2,J1575*Input!$J$13,0)+IF(Input!$K$14=2,K1575*Input!$J$14,0)+IF(Input!$K$15=2,L1575*Input!$J$15,0)+IF(Input!$K$16=2,M1575*Input!$J$16,0)</f>
        <v>0.35308160928710691</v>
      </c>
      <c r="P1575" s="58">
        <f>IF(Input!$K$13=3,J1575*Input!$J$13,0)+IF(Input!$K$14=3,K1575*Input!$J$14,0)+IF(Input!$K$15=3,L1575*Input!$J$15,0)+IF(Input!$K$16=3,M1575*Input!$J$16,0)</f>
        <v>0</v>
      </c>
      <c r="Q1575" s="71">
        <f>IF(Input!$K$13=4,J1575*Input!$J$13,0)+IF(Input!$K$14=4,K1575*Input!$J$14,0)+IF(Input!$K$15=4,L1575*Input!$J$15,0)+IF(Input!$K$16=4,M1575*Input!$J$16,0)</f>
        <v>0</v>
      </c>
    </row>
    <row r="1576" spans="8:17" x14ac:dyDescent="0.25">
      <c r="H1576" s="43">
        <v>1569</v>
      </c>
      <c r="I1576" s="55">
        <f>Bühler!I1602</f>
        <v>8.5548131186408654</v>
      </c>
      <c r="J1576" s="58">
        <f>Bühler!J1602</f>
        <v>59.618653781760329</v>
      </c>
      <c r="K1576" s="58">
        <f>Bühler!K1602</f>
        <v>2.9182573555113716</v>
      </c>
      <c r="L1576" s="58">
        <f>Bühler!L1602</f>
        <v>1.4591286777556858</v>
      </c>
      <c r="M1576" s="57">
        <f>Bühler!M1602</f>
        <v>0</v>
      </c>
      <c r="N1576" s="55">
        <f>IF(Input!$K$13=1,J1576*Input!$J$13,0)+IF(Input!$K$14=1,K1576*Input!$J$14,0)+IF(Input!$K$15=1,L1576*Input!$J$15,0)+IF(Input!$K$16=1,M1576*Input!$J$16,0)</f>
        <v>7.1542384538112396</v>
      </c>
      <c r="O1576" s="58">
        <f>IF(Input!$K$13=2,J1576*Input!$J$13,0)+IF(Input!$K$14=2,K1576*Input!$J$14,0)+IF(Input!$K$15=2,L1576*Input!$J$15,0)+IF(Input!$K$16=2,M1576*Input!$J$16,0)</f>
        <v>0.39396474299403517</v>
      </c>
      <c r="P1576" s="58">
        <f>IF(Input!$K$13=3,J1576*Input!$J$13,0)+IF(Input!$K$14=3,K1576*Input!$J$14,0)+IF(Input!$K$15=3,L1576*Input!$J$15,0)+IF(Input!$K$16=3,M1576*Input!$J$16,0)</f>
        <v>0</v>
      </c>
      <c r="Q1576" s="71">
        <f>IF(Input!$K$13=4,J1576*Input!$J$13,0)+IF(Input!$K$14=4,K1576*Input!$J$14,0)+IF(Input!$K$15=4,L1576*Input!$J$15,0)+IF(Input!$K$16=4,M1576*Input!$J$16,0)</f>
        <v>0</v>
      </c>
    </row>
    <row r="1577" spans="8:17" x14ac:dyDescent="0.25">
      <c r="H1577" s="43">
        <v>1570</v>
      </c>
      <c r="I1577" s="55">
        <f>Bühler!I1603</f>
        <v>9.4425767441602009</v>
      </c>
      <c r="J1577" s="58">
        <f>Bühler!J1603</f>
        <v>65.805495211943011</v>
      </c>
      <c r="K1577" s="58">
        <f>Bühler!K1603</f>
        <v>3.2210953829700988</v>
      </c>
      <c r="L1577" s="58">
        <f>Bühler!L1603</f>
        <v>1.6105476914850494</v>
      </c>
      <c r="M1577" s="57">
        <f>Bühler!M1603</f>
        <v>0</v>
      </c>
      <c r="N1577" s="55">
        <f>IF(Input!$K$13=1,J1577*Input!$J$13,0)+IF(Input!$K$14=1,K1577*Input!$J$14,0)+IF(Input!$K$15=1,L1577*Input!$J$15,0)+IF(Input!$K$16=1,M1577*Input!$J$16,0)</f>
        <v>7.8966594254331612</v>
      </c>
      <c r="O1577" s="58">
        <f>IF(Input!$K$13=2,J1577*Input!$J$13,0)+IF(Input!$K$14=2,K1577*Input!$J$14,0)+IF(Input!$K$15=2,L1577*Input!$J$15,0)+IF(Input!$K$16=2,M1577*Input!$J$16,0)</f>
        <v>0.43484787670096336</v>
      </c>
      <c r="P1577" s="58">
        <f>IF(Input!$K$13=3,J1577*Input!$J$13,0)+IF(Input!$K$14=3,K1577*Input!$J$14,0)+IF(Input!$K$15=3,L1577*Input!$J$15,0)+IF(Input!$K$16=3,M1577*Input!$J$16,0)</f>
        <v>0</v>
      </c>
      <c r="Q1577" s="71">
        <f>IF(Input!$K$13=4,J1577*Input!$J$13,0)+IF(Input!$K$14=4,K1577*Input!$J$14,0)+IF(Input!$K$15=4,L1577*Input!$J$15,0)+IF(Input!$K$16=4,M1577*Input!$J$16,0)</f>
        <v>0</v>
      </c>
    </row>
    <row r="1578" spans="8:17" x14ac:dyDescent="0.25">
      <c r="H1578" s="43">
        <v>1571</v>
      </c>
      <c r="I1578" s="55">
        <f>Bühler!I1604</f>
        <v>9.4425767441602009</v>
      </c>
      <c r="J1578" s="58">
        <f>Bühler!J1604</f>
        <v>65.805495211943011</v>
      </c>
      <c r="K1578" s="58">
        <f>Bühler!K1604</f>
        <v>3.2210953829700988</v>
      </c>
      <c r="L1578" s="58">
        <f>Bühler!L1604</f>
        <v>1.6105476914850494</v>
      </c>
      <c r="M1578" s="57">
        <f>Bühler!M1604</f>
        <v>0</v>
      </c>
      <c r="N1578" s="55">
        <f>IF(Input!$K$13=1,J1578*Input!$J$13,0)+IF(Input!$K$14=1,K1578*Input!$J$14,0)+IF(Input!$K$15=1,L1578*Input!$J$15,0)+IF(Input!$K$16=1,M1578*Input!$J$16,0)</f>
        <v>7.8966594254331612</v>
      </c>
      <c r="O1578" s="58">
        <f>IF(Input!$K$13=2,J1578*Input!$J$13,0)+IF(Input!$K$14=2,K1578*Input!$J$14,0)+IF(Input!$K$15=2,L1578*Input!$J$15,0)+IF(Input!$K$16=2,M1578*Input!$J$16,0)</f>
        <v>0.43484787670096336</v>
      </c>
      <c r="P1578" s="58">
        <f>IF(Input!$K$13=3,J1578*Input!$J$13,0)+IF(Input!$K$14=3,K1578*Input!$J$14,0)+IF(Input!$K$15=3,L1578*Input!$J$15,0)+IF(Input!$K$16=3,M1578*Input!$J$16,0)</f>
        <v>0</v>
      </c>
      <c r="Q1578" s="71">
        <f>IF(Input!$K$13=4,J1578*Input!$J$13,0)+IF(Input!$K$14=4,K1578*Input!$J$14,0)+IF(Input!$K$15=4,L1578*Input!$J$15,0)+IF(Input!$K$16=4,M1578*Input!$J$16,0)</f>
        <v>0</v>
      </c>
    </row>
    <row r="1579" spans="8:17" x14ac:dyDescent="0.25">
      <c r="H1579" s="43">
        <v>1572</v>
      </c>
      <c r="I1579" s="55">
        <f>Bühler!I1605</f>
        <v>11.298809779336993</v>
      </c>
      <c r="J1579" s="58">
        <f>Bühler!J1605</f>
        <v>78.741618202324972</v>
      </c>
      <c r="K1579" s="58">
        <f>Bühler!K1605</f>
        <v>3.8543021676565279</v>
      </c>
      <c r="L1579" s="58">
        <f>Bühler!L1605</f>
        <v>1.9271510838282639</v>
      </c>
      <c r="M1579" s="57">
        <f>Bühler!M1605</f>
        <v>0</v>
      </c>
      <c r="N1579" s="55">
        <f>IF(Input!$K$13=1,J1579*Input!$J$13,0)+IF(Input!$K$14=1,K1579*Input!$J$14,0)+IF(Input!$K$15=1,L1579*Input!$J$15,0)+IF(Input!$K$16=1,M1579*Input!$J$16,0)</f>
        <v>9.4489941842789964</v>
      </c>
      <c r="O1579" s="58">
        <f>IF(Input!$K$13=2,J1579*Input!$J$13,0)+IF(Input!$K$14=2,K1579*Input!$J$14,0)+IF(Input!$K$15=2,L1579*Input!$J$15,0)+IF(Input!$K$16=2,M1579*Input!$J$16,0)</f>
        <v>0.52033079263363125</v>
      </c>
      <c r="P1579" s="58">
        <f>IF(Input!$K$13=3,J1579*Input!$J$13,0)+IF(Input!$K$14=3,K1579*Input!$J$14,0)+IF(Input!$K$15=3,L1579*Input!$J$15,0)+IF(Input!$K$16=3,M1579*Input!$J$16,0)</f>
        <v>0</v>
      </c>
      <c r="Q1579" s="71">
        <f>IF(Input!$K$13=4,J1579*Input!$J$13,0)+IF(Input!$K$14=4,K1579*Input!$J$14,0)+IF(Input!$K$15=4,L1579*Input!$J$15,0)+IF(Input!$K$16=4,M1579*Input!$J$16,0)</f>
        <v>0</v>
      </c>
    </row>
    <row r="1580" spans="8:17" x14ac:dyDescent="0.25">
      <c r="H1580" s="43">
        <v>1573</v>
      </c>
      <c r="I1580" s="55">
        <f>Bühler!I1606</f>
        <v>11.298809779336993</v>
      </c>
      <c r="J1580" s="58">
        <f>Bühler!J1606</f>
        <v>78.741618202324972</v>
      </c>
      <c r="K1580" s="58">
        <f>Bühler!K1606</f>
        <v>3.8543021676565279</v>
      </c>
      <c r="L1580" s="58">
        <f>Bühler!L1606</f>
        <v>1.9271510838282639</v>
      </c>
      <c r="M1580" s="57">
        <f>Bühler!M1606</f>
        <v>0</v>
      </c>
      <c r="N1580" s="55">
        <f>IF(Input!$K$13=1,J1580*Input!$J$13,0)+IF(Input!$K$14=1,K1580*Input!$J$14,0)+IF(Input!$K$15=1,L1580*Input!$J$15,0)+IF(Input!$K$16=1,M1580*Input!$J$16,0)</f>
        <v>9.4489941842789964</v>
      </c>
      <c r="O1580" s="58">
        <f>IF(Input!$K$13=2,J1580*Input!$J$13,0)+IF(Input!$K$14=2,K1580*Input!$J$14,0)+IF(Input!$K$15=2,L1580*Input!$J$15,0)+IF(Input!$K$16=2,M1580*Input!$J$16,0)</f>
        <v>0.52033079263363125</v>
      </c>
      <c r="P1580" s="58">
        <f>IF(Input!$K$13=3,J1580*Input!$J$13,0)+IF(Input!$K$14=3,K1580*Input!$J$14,0)+IF(Input!$K$15=3,L1580*Input!$J$15,0)+IF(Input!$K$16=3,M1580*Input!$J$16,0)</f>
        <v>0</v>
      </c>
      <c r="Q1580" s="71">
        <f>IF(Input!$K$13=4,J1580*Input!$J$13,0)+IF(Input!$K$14=4,K1580*Input!$J$14,0)+IF(Input!$K$15=4,L1580*Input!$J$15,0)+IF(Input!$K$16=4,M1580*Input!$J$16,0)</f>
        <v>0</v>
      </c>
    </row>
    <row r="1581" spans="8:17" x14ac:dyDescent="0.25">
      <c r="H1581" s="43">
        <v>1574</v>
      </c>
      <c r="I1581" s="55">
        <f>Bühler!I1607</f>
        <v>7.5056379248452885</v>
      </c>
      <c r="J1581" s="58">
        <f>Bühler!J1607</f>
        <v>52.306932091544439</v>
      </c>
      <c r="K1581" s="58">
        <f>Bühler!K1607</f>
        <v>2.5603578685146937</v>
      </c>
      <c r="L1581" s="58">
        <f>Bühler!L1607</f>
        <v>1.2801789342573469</v>
      </c>
      <c r="M1581" s="57">
        <f>Bühler!M1607</f>
        <v>0</v>
      </c>
      <c r="N1581" s="55">
        <f>IF(Input!$K$13=1,J1581*Input!$J$13,0)+IF(Input!$K$14=1,K1581*Input!$J$14,0)+IF(Input!$K$15=1,L1581*Input!$J$15,0)+IF(Input!$K$16=1,M1581*Input!$J$16,0)</f>
        <v>6.2768318509853325</v>
      </c>
      <c r="O1581" s="58">
        <f>IF(Input!$K$13=2,J1581*Input!$J$13,0)+IF(Input!$K$14=2,K1581*Input!$J$14,0)+IF(Input!$K$15=2,L1581*Input!$J$15,0)+IF(Input!$K$16=2,M1581*Input!$J$16,0)</f>
        <v>0.34564831224948367</v>
      </c>
      <c r="P1581" s="58">
        <f>IF(Input!$K$13=3,J1581*Input!$J$13,0)+IF(Input!$K$14=3,K1581*Input!$J$14,0)+IF(Input!$K$15=3,L1581*Input!$J$15,0)+IF(Input!$K$16=3,M1581*Input!$J$16,0)</f>
        <v>0</v>
      </c>
      <c r="Q1581" s="71">
        <f>IF(Input!$K$13=4,J1581*Input!$J$13,0)+IF(Input!$K$14=4,K1581*Input!$J$14,0)+IF(Input!$K$15=4,L1581*Input!$J$15,0)+IF(Input!$K$16=4,M1581*Input!$J$16,0)</f>
        <v>0</v>
      </c>
    </row>
    <row r="1582" spans="8:17" x14ac:dyDescent="0.25">
      <c r="H1582" s="43">
        <v>1575</v>
      </c>
      <c r="I1582" s="55">
        <f>Bühler!I1608</f>
        <v>11.298809779336993</v>
      </c>
      <c r="J1582" s="58">
        <f>Bühler!J1608</f>
        <v>78.741618202324972</v>
      </c>
      <c r="K1582" s="58">
        <f>Bühler!K1608</f>
        <v>3.8543021676565279</v>
      </c>
      <c r="L1582" s="58">
        <f>Bühler!L1608</f>
        <v>1.9271510838282639</v>
      </c>
      <c r="M1582" s="57">
        <f>Bühler!M1608</f>
        <v>0</v>
      </c>
      <c r="N1582" s="55">
        <f>IF(Input!$K$13=1,J1582*Input!$J$13,0)+IF(Input!$K$14=1,K1582*Input!$J$14,0)+IF(Input!$K$15=1,L1582*Input!$J$15,0)+IF(Input!$K$16=1,M1582*Input!$J$16,0)</f>
        <v>9.4489941842789964</v>
      </c>
      <c r="O1582" s="58">
        <f>IF(Input!$K$13=2,J1582*Input!$J$13,0)+IF(Input!$K$14=2,K1582*Input!$J$14,0)+IF(Input!$K$15=2,L1582*Input!$J$15,0)+IF(Input!$K$16=2,M1582*Input!$J$16,0)</f>
        <v>0.52033079263363125</v>
      </c>
      <c r="P1582" s="58">
        <f>IF(Input!$K$13=3,J1582*Input!$J$13,0)+IF(Input!$K$14=3,K1582*Input!$J$14,0)+IF(Input!$K$15=3,L1582*Input!$J$15,0)+IF(Input!$K$16=3,M1582*Input!$J$16,0)</f>
        <v>0</v>
      </c>
      <c r="Q1582" s="71">
        <f>IF(Input!$K$13=4,J1582*Input!$J$13,0)+IF(Input!$K$14=4,K1582*Input!$J$14,0)+IF(Input!$K$15=4,L1582*Input!$J$15,0)+IF(Input!$K$16=4,M1582*Input!$J$16,0)</f>
        <v>0</v>
      </c>
    </row>
    <row r="1583" spans="8:17" x14ac:dyDescent="0.25">
      <c r="H1583" s="43">
        <v>1576</v>
      </c>
      <c r="I1583" s="55">
        <f>Bühler!I1609</f>
        <v>11.298809779336993</v>
      </c>
      <c r="J1583" s="58">
        <f>Bühler!J1609</f>
        <v>78.741618202324972</v>
      </c>
      <c r="K1583" s="58">
        <f>Bühler!K1609</f>
        <v>3.8543021676565279</v>
      </c>
      <c r="L1583" s="58">
        <f>Bühler!L1609</f>
        <v>1.9271510838282639</v>
      </c>
      <c r="M1583" s="57">
        <f>Bühler!M1609</f>
        <v>0</v>
      </c>
      <c r="N1583" s="55">
        <f>IF(Input!$K$13=1,J1583*Input!$J$13,0)+IF(Input!$K$14=1,K1583*Input!$J$14,0)+IF(Input!$K$15=1,L1583*Input!$J$15,0)+IF(Input!$K$16=1,M1583*Input!$J$16,0)</f>
        <v>9.4489941842789964</v>
      </c>
      <c r="O1583" s="58">
        <f>IF(Input!$K$13=2,J1583*Input!$J$13,0)+IF(Input!$K$14=2,K1583*Input!$J$14,0)+IF(Input!$K$15=2,L1583*Input!$J$15,0)+IF(Input!$K$16=2,M1583*Input!$J$16,0)</f>
        <v>0.52033079263363125</v>
      </c>
      <c r="P1583" s="58">
        <f>IF(Input!$K$13=3,J1583*Input!$J$13,0)+IF(Input!$K$14=3,K1583*Input!$J$14,0)+IF(Input!$K$15=3,L1583*Input!$J$15,0)+IF(Input!$K$16=3,M1583*Input!$J$16,0)</f>
        <v>0</v>
      </c>
      <c r="Q1583" s="71">
        <f>IF(Input!$K$13=4,J1583*Input!$J$13,0)+IF(Input!$K$14=4,K1583*Input!$J$14,0)+IF(Input!$K$15=4,L1583*Input!$J$15,0)+IF(Input!$K$16=4,M1583*Input!$J$16,0)</f>
        <v>0</v>
      </c>
    </row>
    <row r="1584" spans="8:17" x14ac:dyDescent="0.25">
      <c r="H1584" s="43">
        <v>1577</v>
      </c>
      <c r="I1584" s="55">
        <f>Bühler!I1610</f>
        <v>9.4442938885035677</v>
      </c>
      <c r="J1584" s="58">
        <f>Bühler!J1610</f>
        <v>49.41954964823767</v>
      </c>
      <c r="K1584" s="58">
        <f>Bühler!K1610</f>
        <v>2.2712852059404542</v>
      </c>
      <c r="L1584" s="58">
        <f>Bühler!L1610</f>
        <v>1.1356426029702271</v>
      </c>
      <c r="M1584" s="57">
        <f>Bühler!M1610</f>
        <v>0</v>
      </c>
      <c r="N1584" s="55">
        <f>IF(Input!$K$13=1,J1584*Input!$J$13,0)+IF(Input!$K$14=1,K1584*Input!$J$14,0)+IF(Input!$K$15=1,L1584*Input!$J$15,0)+IF(Input!$K$16=1,M1584*Input!$J$16,0)</f>
        <v>5.9303459577885205</v>
      </c>
      <c r="O1584" s="58">
        <f>IF(Input!$K$13=2,J1584*Input!$J$13,0)+IF(Input!$K$14=2,K1584*Input!$J$14,0)+IF(Input!$K$15=2,L1584*Input!$J$15,0)+IF(Input!$K$16=2,M1584*Input!$J$16,0)</f>
        <v>0.30662350280196132</v>
      </c>
      <c r="P1584" s="58">
        <f>IF(Input!$K$13=3,J1584*Input!$J$13,0)+IF(Input!$K$14=3,K1584*Input!$J$14,0)+IF(Input!$K$15=3,L1584*Input!$J$15,0)+IF(Input!$K$16=3,M1584*Input!$J$16,0)</f>
        <v>0</v>
      </c>
      <c r="Q1584" s="71">
        <f>IF(Input!$K$13=4,J1584*Input!$J$13,0)+IF(Input!$K$14=4,K1584*Input!$J$14,0)+IF(Input!$K$15=4,L1584*Input!$J$15,0)+IF(Input!$K$16=4,M1584*Input!$J$16,0)</f>
        <v>0</v>
      </c>
    </row>
    <row r="1585" spans="8:17" x14ac:dyDescent="0.25">
      <c r="H1585" s="43">
        <v>1578</v>
      </c>
      <c r="I1585" s="55">
        <f>Bühler!I1611</f>
        <v>7.5039207805019252</v>
      </c>
      <c r="J1585" s="58">
        <f>Bühler!J1611</f>
        <v>24.854911732878573</v>
      </c>
      <c r="K1585" s="58">
        <f>Bühler!K1611</f>
        <v>0.96939189327377473</v>
      </c>
      <c r="L1585" s="58">
        <f>Bühler!L1611</f>
        <v>0.48469594663688736</v>
      </c>
      <c r="M1585" s="57">
        <f>Bühler!M1611</f>
        <v>0</v>
      </c>
      <c r="N1585" s="55">
        <f>IF(Input!$K$13=1,J1585*Input!$J$13,0)+IF(Input!$K$14=1,K1585*Input!$J$14,0)+IF(Input!$K$15=1,L1585*Input!$J$15,0)+IF(Input!$K$16=1,M1585*Input!$J$16,0)</f>
        <v>2.9825894079454285</v>
      </c>
      <c r="O1585" s="58">
        <f>IF(Input!$K$13=2,J1585*Input!$J$13,0)+IF(Input!$K$14=2,K1585*Input!$J$14,0)+IF(Input!$K$15=2,L1585*Input!$J$15,0)+IF(Input!$K$16=2,M1585*Input!$J$16,0)</f>
        <v>0.1308679055919596</v>
      </c>
      <c r="P1585" s="58">
        <f>IF(Input!$K$13=3,J1585*Input!$J$13,0)+IF(Input!$K$14=3,K1585*Input!$J$14,0)+IF(Input!$K$15=3,L1585*Input!$J$15,0)+IF(Input!$K$16=3,M1585*Input!$J$16,0)</f>
        <v>0</v>
      </c>
      <c r="Q1585" s="71">
        <f>IF(Input!$K$13=4,J1585*Input!$J$13,0)+IF(Input!$K$14=4,K1585*Input!$J$14,0)+IF(Input!$K$15=4,L1585*Input!$J$15,0)+IF(Input!$K$16=4,M1585*Input!$J$16,0)</f>
        <v>0</v>
      </c>
    </row>
    <row r="1586" spans="8:17" x14ac:dyDescent="0.25">
      <c r="H1586" s="43">
        <v>1579</v>
      </c>
      <c r="I1586" s="55">
        <f>Bühler!I1612</f>
        <v>2.6615737322146416</v>
      </c>
      <c r="J1586" s="58">
        <f>Bühler!J1612</f>
        <v>13.922309928873506</v>
      </c>
      <c r="K1586" s="58">
        <f>Bühler!K1612</f>
        <v>0.63979864956069132</v>
      </c>
      <c r="L1586" s="58">
        <f>Bühler!L1612</f>
        <v>0.31989932478034566</v>
      </c>
      <c r="M1586" s="57">
        <f>Bühler!M1612</f>
        <v>0</v>
      </c>
      <c r="N1586" s="55">
        <f>IF(Input!$K$13=1,J1586*Input!$J$13,0)+IF(Input!$K$14=1,K1586*Input!$J$14,0)+IF(Input!$K$15=1,L1586*Input!$J$15,0)+IF(Input!$K$16=1,M1586*Input!$J$16,0)</f>
        <v>1.6706771914648206</v>
      </c>
      <c r="O1586" s="58">
        <f>IF(Input!$K$13=2,J1586*Input!$J$13,0)+IF(Input!$K$14=2,K1586*Input!$J$14,0)+IF(Input!$K$15=2,L1586*Input!$J$15,0)+IF(Input!$K$16=2,M1586*Input!$J$16,0)</f>
        <v>8.6372817690693326E-2</v>
      </c>
      <c r="P1586" s="58">
        <f>IF(Input!$K$13=3,J1586*Input!$J$13,0)+IF(Input!$K$14=3,K1586*Input!$J$14,0)+IF(Input!$K$15=3,L1586*Input!$J$15,0)+IF(Input!$K$16=3,M1586*Input!$J$16,0)</f>
        <v>0</v>
      </c>
      <c r="Q1586" s="71">
        <f>IF(Input!$K$13=4,J1586*Input!$J$13,0)+IF(Input!$K$14=4,K1586*Input!$J$14,0)+IF(Input!$K$15=4,L1586*Input!$J$15,0)+IF(Input!$K$16=4,M1586*Input!$J$16,0)</f>
        <v>0</v>
      </c>
    </row>
    <row r="1587" spans="8:17" x14ac:dyDescent="0.25">
      <c r="H1587" s="43">
        <v>1580</v>
      </c>
      <c r="I1587" s="55">
        <f>Bühler!I1613</f>
        <v>2.6615737322146416</v>
      </c>
      <c r="J1587" s="58">
        <f>Bühler!J1613</f>
        <v>13.922309928873506</v>
      </c>
      <c r="K1587" s="58">
        <f>Bühler!K1613</f>
        <v>0.63979864956069132</v>
      </c>
      <c r="L1587" s="58">
        <f>Bühler!L1613</f>
        <v>0.31989932478034566</v>
      </c>
      <c r="M1587" s="57">
        <f>Bühler!M1613</f>
        <v>0</v>
      </c>
      <c r="N1587" s="55">
        <f>IF(Input!$K$13=1,J1587*Input!$J$13,0)+IF(Input!$K$14=1,K1587*Input!$J$14,0)+IF(Input!$K$15=1,L1587*Input!$J$15,0)+IF(Input!$K$16=1,M1587*Input!$J$16,0)</f>
        <v>1.6706771914648206</v>
      </c>
      <c r="O1587" s="58">
        <f>IF(Input!$K$13=2,J1587*Input!$J$13,0)+IF(Input!$K$14=2,K1587*Input!$J$14,0)+IF(Input!$K$15=2,L1587*Input!$J$15,0)+IF(Input!$K$16=2,M1587*Input!$J$16,0)</f>
        <v>8.6372817690693326E-2</v>
      </c>
      <c r="P1587" s="58">
        <f>IF(Input!$K$13=3,J1587*Input!$J$13,0)+IF(Input!$K$14=3,K1587*Input!$J$14,0)+IF(Input!$K$15=3,L1587*Input!$J$15,0)+IF(Input!$K$16=3,M1587*Input!$J$16,0)</f>
        <v>0</v>
      </c>
      <c r="Q1587" s="71">
        <f>IF(Input!$K$13=4,J1587*Input!$J$13,0)+IF(Input!$K$14=4,K1587*Input!$J$14,0)+IF(Input!$K$15=4,L1587*Input!$J$15,0)+IF(Input!$K$16=4,M1587*Input!$J$16,0)</f>
        <v>0</v>
      </c>
    </row>
    <row r="1588" spans="8:17" x14ac:dyDescent="0.25">
      <c r="H1588" s="43">
        <v>1581</v>
      </c>
      <c r="I1588" s="55">
        <f>Bühler!I1614</f>
        <v>2.6615737322146416</v>
      </c>
      <c r="J1588" s="58">
        <f>Bühler!J1614</f>
        <v>13.922309928873506</v>
      </c>
      <c r="K1588" s="58">
        <f>Bühler!K1614</f>
        <v>0.63979864956069132</v>
      </c>
      <c r="L1588" s="58">
        <f>Bühler!L1614</f>
        <v>0.31989932478034566</v>
      </c>
      <c r="M1588" s="57">
        <f>Bühler!M1614</f>
        <v>0</v>
      </c>
      <c r="N1588" s="55">
        <f>IF(Input!$K$13=1,J1588*Input!$J$13,0)+IF(Input!$K$14=1,K1588*Input!$J$14,0)+IF(Input!$K$15=1,L1588*Input!$J$15,0)+IF(Input!$K$16=1,M1588*Input!$J$16,0)</f>
        <v>1.6706771914648206</v>
      </c>
      <c r="O1588" s="58">
        <f>IF(Input!$K$13=2,J1588*Input!$J$13,0)+IF(Input!$K$14=2,K1588*Input!$J$14,0)+IF(Input!$K$15=2,L1588*Input!$J$15,0)+IF(Input!$K$16=2,M1588*Input!$J$16,0)</f>
        <v>8.6372817690693326E-2</v>
      </c>
      <c r="P1588" s="58">
        <f>IF(Input!$K$13=3,J1588*Input!$J$13,0)+IF(Input!$K$14=3,K1588*Input!$J$14,0)+IF(Input!$K$15=3,L1588*Input!$J$15,0)+IF(Input!$K$16=3,M1588*Input!$J$16,0)</f>
        <v>0</v>
      </c>
      <c r="Q1588" s="71">
        <f>IF(Input!$K$13=4,J1588*Input!$J$13,0)+IF(Input!$K$14=4,K1588*Input!$J$14,0)+IF(Input!$K$15=4,L1588*Input!$J$15,0)+IF(Input!$K$16=4,M1588*Input!$J$16,0)</f>
        <v>0</v>
      </c>
    </row>
    <row r="1589" spans="8:17" x14ac:dyDescent="0.25">
      <c r="H1589" s="43">
        <v>1582</v>
      </c>
      <c r="I1589" s="55">
        <f>Bühler!I1615</f>
        <v>2.6615737322146416</v>
      </c>
      <c r="J1589" s="58">
        <f>Bühler!J1615</f>
        <v>13.922309928873506</v>
      </c>
      <c r="K1589" s="58">
        <f>Bühler!K1615</f>
        <v>0.63979864956069132</v>
      </c>
      <c r="L1589" s="58">
        <f>Bühler!L1615</f>
        <v>0.31989932478034566</v>
      </c>
      <c r="M1589" s="57">
        <f>Bühler!M1615</f>
        <v>0</v>
      </c>
      <c r="N1589" s="55">
        <f>IF(Input!$K$13=1,J1589*Input!$J$13,0)+IF(Input!$K$14=1,K1589*Input!$J$14,0)+IF(Input!$K$15=1,L1589*Input!$J$15,0)+IF(Input!$K$16=1,M1589*Input!$J$16,0)</f>
        <v>1.6706771914648206</v>
      </c>
      <c r="O1589" s="58">
        <f>IF(Input!$K$13=2,J1589*Input!$J$13,0)+IF(Input!$K$14=2,K1589*Input!$J$14,0)+IF(Input!$K$15=2,L1589*Input!$J$15,0)+IF(Input!$K$16=2,M1589*Input!$J$16,0)</f>
        <v>8.6372817690693326E-2</v>
      </c>
      <c r="P1589" s="58">
        <f>IF(Input!$K$13=3,J1589*Input!$J$13,0)+IF(Input!$K$14=3,K1589*Input!$J$14,0)+IF(Input!$K$15=3,L1589*Input!$J$15,0)+IF(Input!$K$16=3,M1589*Input!$J$16,0)</f>
        <v>0</v>
      </c>
      <c r="Q1589" s="71">
        <f>IF(Input!$K$13=4,J1589*Input!$J$13,0)+IF(Input!$K$14=4,K1589*Input!$J$14,0)+IF(Input!$K$15=4,L1589*Input!$J$15,0)+IF(Input!$K$16=4,M1589*Input!$J$16,0)</f>
        <v>0</v>
      </c>
    </row>
    <row r="1590" spans="8:17" x14ac:dyDescent="0.25">
      <c r="H1590" s="43">
        <v>1583</v>
      </c>
      <c r="I1590" s="55">
        <f>Bühler!I1616</f>
        <v>2.6615737322146416</v>
      </c>
      <c r="J1590" s="58">
        <f>Bühler!J1616</f>
        <v>13.922309928873506</v>
      </c>
      <c r="K1590" s="58">
        <f>Bühler!K1616</f>
        <v>0.63979864956069132</v>
      </c>
      <c r="L1590" s="58">
        <f>Bühler!L1616</f>
        <v>0.31989932478034566</v>
      </c>
      <c r="M1590" s="57">
        <f>Bühler!M1616</f>
        <v>0</v>
      </c>
      <c r="N1590" s="55">
        <f>IF(Input!$K$13=1,J1590*Input!$J$13,0)+IF(Input!$K$14=1,K1590*Input!$J$14,0)+IF(Input!$K$15=1,L1590*Input!$J$15,0)+IF(Input!$K$16=1,M1590*Input!$J$16,0)</f>
        <v>1.6706771914648206</v>
      </c>
      <c r="O1590" s="58">
        <f>IF(Input!$K$13=2,J1590*Input!$J$13,0)+IF(Input!$K$14=2,K1590*Input!$J$14,0)+IF(Input!$K$15=2,L1590*Input!$J$15,0)+IF(Input!$K$16=2,M1590*Input!$J$16,0)</f>
        <v>8.6372817690693326E-2</v>
      </c>
      <c r="P1590" s="58">
        <f>IF(Input!$K$13=3,J1590*Input!$J$13,0)+IF(Input!$K$14=3,K1590*Input!$J$14,0)+IF(Input!$K$15=3,L1590*Input!$J$15,0)+IF(Input!$K$16=3,M1590*Input!$J$16,0)</f>
        <v>0</v>
      </c>
      <c r="Q1590" s="71">
        <f>IF(Input!$K$13=4,J1590*Input!$J$13,0)+IF(Input!$K$14=4,K1590*Input!$J$14,0)+IF(Input!$K$15=4,L1590*Input!$J$15,0)+IF(Input!$K$16=4,M1590*Input!$J$16,0)</f>
        <v>0</v>
      </c>
    </row>
    <row r="1591" spans="8:17" x14ac:dyDescent="0.25">
      <c r="H1591" s="43">
        <v>1584</v>
      </c>
      <c r="I1591" s="55">
        <f>Bühler!I1617</f>
        <v>2.6615737322146416</v>
      </c>
      <c r="J1591" s="58">
        <f>Bühler!J1617</f>
        <v>13.922309928873506</v>
      </c>
      <c r="K1591" s="58">
        <f>Bühler!K1617</f>
        <v>0.63979864956069132</v>
      </c>
      <c r="L1591" s="58">
        <f>Bühler!L1617</f>
        <v>0.31989932478034566</v>
      </c>
      <c r="M1591" s="57">
        <f>Bühler!M1617</f>
        <v>0</v>
      </c>
      <c r="N1591" s="55">
        <f>IF(Input!$K$13=1,J1591*Input!$J$13,0)+IF(Input!$K$14=1,K1591*Input!$J$14,0)+IF(Input!$K$15=1,L1591*Input!$J$15,0)+IF(Input!$K$16=1,M1591*Input!$J$16,0)</f>
        <v>1.6706771914648206</v>
      </c>
      <c r="O1591" s="58">
        <f>IF(Input!$K$13=2,J1591*Input!$J$13,0)+IF(Input!$K$14=2,K1591*Input!$J$14,0)+IF(Input!$K$15=2,L1591*Input!$J$15,0)+IF(Input!$K$16=2,M1591*Input!$J$16,0)</f>
        <v>8.6372817690693326E-2</v>
      </c>
      <c r="P1591" s="58">
        <f>IF(Input!$K$13=3,J1591*Input!$J$13,0)+IF(Input!$K$14=3,K1591*Input!$J$14,0)+IF(Input!$K$15=3,L1591*Input!$J$15,0)+IF(Input!$K$16=3,M1591*Input!$J$16,0)</f>
        <v>0</v>
      </c>
      <c r="Q1591" s="71">
        <f>IF(Input!$K$13=4,J1591*Input!$J$13,0)+IF(Input!$K$14=4,K1591*Input!$J$14,0)+IF(Input!$K$15=4,L1591*Input!$J$15,0)+IF(Input!$K$16=4,M1591*Input!$J$16,0)</f>
        <v>0</v>
      </c>
    </row>
    <row r="1592" spans="8:17" x14ac:dyDescent="0.25">
      <c r="H1592" s="43">
        <v>1585</v>
      </c>
      <c r="I1592" s="55">
        <f>Bühler!I1618</f>
        <v>2.3630420636798224</v>
      </c>
      <c r="J1592" s="58">
        <f>Bühler!J1618</f>
        <v>13.161361256211784</v>
      </c>
      <c r="K1592" s="58">
        <f>Bühler!K1618</f>
        <v>0.63038856500042961</v>
      </c>
      <c r="L1592" s="58">
        <f>Bühler!L1618</f>
        <v>0.31519428250021481</v>
      </c>
      <c r="M1592" s="57">
        <f>Bühler!M1618</f>
        <v>0</v>
      </c>
      <c r="N1592" s="55">
        <f>IF(Input!$K$13=1,J1592*Input!$J$13,0)+IF(Input!$K$14=1,K1592*Input!$J$14,0)+IF(Input!$K$15=1,L1592*Input!$J$15,0)+IF(Input!$K$16=1,M1592*Input!$J$16,0)</f>
        <v>1.5793633507454139</v>
      </c>
      <c r="O1592" s="58">
        <f>IF(Input!$K$13=2,J1592*Input!$J$13,0)+IF(Input!$K$14=2,K1592*Input!$J$14,0)+IF(Input!$K$15=2,L1592*Input!$J$15,0)+IF(Input!$K$16=2,M1592*Input!$J$16,0)</f>
        <v>8.5102456275057997E-2</v>
      </c>
      <c r="P1592" s="58">
        <f>IF(Input!$K$13=3,J1592*Input!$J$13,0)+IF(Input!$K$14=3,K1592*Input!$J$14,0)+IF(Input!$K$15=3,L1592*Input!$J$15,0)+IF(Input!$K$16=3,M1592*Input!$J$16,0)</f>
        <v>0</v>
      </c>
      <c r="Q1592" s="71">
        <f>IF(Input!$K$13=4,J1592*Input!$J$13,0)+IF(Input!$K$14=4,K1592*Input!$J$14,0)+IF(Input!$K$15=4,L1592*Input!$J$15,0)+IF(Input!$K$16=4,M1592*Input!$J$16,0)</f>
        <v>0</v>
      </c>
    </row>
    <row r="1593" spans="8:17" x14ac:dyDescent="0.25">
      <c r="H1593" s="43">
        <v>1586</v>
      </c>
      <c r="I1593" s="55">
        <f>Bühler!I1619</f>
        <v>2.3630420636798224</v>
      </c>
      <c r="J1593" s="58">
        <f>Bühler!J1619</f>
        <v>13.161361256211784</v>
      </c>
      <c r="K1593" s="58">
        <f>Bühler!K1619</f>
        <v>0.63038856500042961</v>
      </c>
      <c r="L1593" s="58">
        <f>Bühler!L1619</f>
        <v>0.31519428250021481</v>
      </c>
      <c r="M1593" s="57">
        <f>Bühler!M1619</f>
        <v>0</v>
      </c>
      <c r="N1593" s="55">
        <f>IF(Input!$K$13=1,J1593*Input!$J$13,0)+IF(Input!$K$14=1,K1593*Input!$J$14,0)+IF(Input!$K$15=1,L1593*Input!$J$15,0)+IF(Input!$K$16=1,M1593*Input!$J$16,0)</f>
        <v>1.5793633507454139</v>
      </c>
      <c r="O1593" s="58">
        <f>IF(Input!$K$13=2,J1593*Input!$J$13,0)+IF(Input!$K$14=2,K1593*Input!$J$14,0)+IF(Input!$K$15=2,L1593*Input!$J$15,0)+IF(Input!$K$16=2,M1593*Input!$J$16,0)</f>
        <v>8.5102456275057997E-2</v>
      </c>
      <c r="P1593" s="58">
        <f>IF(Input!$K$13=3,J1593*Input!$J$13,0)+IF(Input!$K$14=3,K1593*Input!$J$14,0)+IF(Input!$K$15=3,L1593*Input!$J$15,0)+IF(Input!$K$16=3,M1593*Input!$J$16,0)</f>
        <v>0</v>
      </c>
      <c r="Q1593" s="71">
        <f>IF(Input!$K$13=4,J1593*Input!$J$13,0)+IF(Input!$K$14=4,K1593*Input!$J$14,0)+IF(Input!$K$15=4,L1593*Input!$J$15,0)+IF(Input!$K$16=4,M1593*Input!$J$16,0)</f>
        <v>0</v>
      </c>
    </row>
    <row r="1594" spans="8:17" x14ac:dyDescent="0.25">
      <c r="H1594" s="43">
        <v>1587</v>
      </c>
      <c r="I1594" s="55">
        <f>Bühler!I1620</f>
        <v>2.3630420636798224</v>
      </c>
      <c r="J1594" s="58">
        <f>Bühler!J1620</f>
        <v>13.161361256211784</v>
      </c>
      <c r="K1594" s="58">
        <f>Bühler!K1620</f>
        <v>0.63038856500042961</v>
      </c>
      <c r="L1594" s="58">
        <f>Bühler!L1620</f>
        <v>0.31519428250021481</v>
      </c>
      <c r="M1594" s="57">
        <f>Bühler!M1620</f>
        <v>0</v>
      </c>
      <c r="N1594" s="55">
        <f>IF(Input!$K$13=1,J1594*Input!$J$13,0)+IF(Input!$K$14=1,K1594*Input!$J$14,0)+IF(Input!$K$15=1,L1594*Input!$J$15,0)+IF(Input!$K$16=1,M1594*Input!$J$16,0)</f>
        <v>1.5793633507454139</v>
      </c>
      <c r="O1594" s="58">
        <f>IF(Input!$K$13=2,J1594*Input!$J$13,0)+IF(Input!$K$14=2,K1594*Input!$J$14,0)+IF(Input!$K$15=2,L1594*Input!$J$15,0)+IF(Input!$K$16=2,M1594*Input!$J$16,0)</f>
        <v>8.5102456275057997E-2</v>
      </c>
      <c r="P1594" s="58">
        <f>IF(Input!$K$13=3,J1594*Input!$J$13,0)+IF(Input!$K$14=3,K1594*Input!$J$14,0)+IF(Input!$K$15=3,L1594*Input!$J$15,0)+IF(Input!$K$16=3,M1594*Input!$J$16,0)</f>
        <v>0</v>
      </c>
      <c r="Q1594" s="71">
        <f>IF(Input!$K$13=4,J1594*Input!$J$13,0)+IF(Input!$K$14=4,K1594*Input!$J$14,0)+IF(Input!$K$15=4,L1594*Input!$J$15,0)+IF(Input!$K$16=4,M1594*Input!$J$16,0)</f>
        <v>0</v>
      </c>
    </row>
    <row r="1595" spans="8:17" x14ac:dyDescent="0.25">
      <c r="H1595" s="43">
        <v>1588</v>
      </c>
      <c r="I1595" s="55">
        <f>Bühler!I1621</f>
        <v>2.3630420636798224</v>
      </c>
      <c r="J1595" s="58">
        <f>Bühler!J1621</f>
        <v>13.161361256211784</v>
      </c>
      <c r="K1595" s="58">
        <f>Bühler!K1621</f>
        <v>0.63038856500042961</v>
      </c>
      <c r="L1595" s="58">
        <f>Bühler!L1621</f>
        <v>0.31519428250021481</v>
      </c>
      <c r="M1595" s="57">
        <f>Bühler!M1621</f>
        <v>0</v>
      </c>
      <c r="N1595" s="55">
        <f>IF(Input!$K$13=1,J1595*Input!$J$13,0)+IF(Input!$K$14=1,K1595*Input!$J$14,0)+IF(Input!$K$15=1,L1595*Input!$J$15,0)+IF(Input!$K$16=1,M1595*Input!$J$16,0)</f>
        <v>1.5793633507454139</v>
      </c>
      <c r="O1595" s="58">
        <f>IF(Input!$K$13=2,J1595*Input!$J$13,0)+IF(Input!$K$14=2,K1595*Input!$J$14,0)+IF(Input!$K$15=2,L1595*Input!$J$15,0)+IF(Input!$K$16=2,M1595*Input!$J$16,0)</f>
        <v>8.5102456275057997E-2</v>
      </c>
      <c r="P1595" s="58">
        <f>IF(Input!$K$13=3,J1595*Input!$J$13,0)+IF(Input!$K$14=3,K1595*Input!$J$14,0)+IF(Input!$K$15=3,L1595*Input!$J$15,0)+IF(Input!$K$16=3,M1595*Input!$J$16,0)</f>
        <v>0</v>
      </c>
      <c r="Q1595" s="71">
        <f>IF(Input!$K$13=4,J1595*Input!$J$13,0)+IF(Input!$K$14=4,K1595*Input!$J$14,0)+IF(Input!$K$15=4,L1595*Input!$J$15,0)+IF(Input!$K$16=4,M1595*Input!$J$16,0)</f>
        <v>0</v>
      </c>
    </row>
    <row r="1596" spans="8:17" x14ac:dyDescent="0.25">
      <c r="H1596" s="43">
        <v>1589</v>
      </c>
      <c r="I1596" s="55">
        <f>Bühler!I1622</f>
        <v>2.3630420636798224</v>
      </c>
      <c r="J1596" s="58">
        <f>Bühler!J1622</f>
        <v>13.161361256211784</v>
      </c>
      <c r="K1596" s="58">
        <f>Bühler!K1622</f>
        <v>0.63038856500042961</v>
      </c>
      <c r="L1596" s="58">
        <f>Bühler!L1622</f>
        <v>0.31519428250021481</v>
      </c>
      <c r="M1596" s="57">
        <f>Bühler!M1622</f>
        <v>0</v>
      </c>
      <c r="N1596" s="55">
        <f>IF(Input!$K$13=1,J1596*Input!$J$13,0)+IF(Input!$K$14=1,K1596*Input!$J$14,0)+IF(Input!$K$15=1,L1596*Input!$J$15,0)+IF(Input!$K$16=1,M1596*Input!$J$16,0)</f>
        <v>1.5793633507454139</v>
      </c>
      <c r="O1596" s="58">
        <f>IF(Input!$K$13=2,J1596*Input!$J$13,0)+IF(Input!$K$14=2,K1596*Input!$J$14,0)+IF(Input!$K$15=2,L1596*Input!$J$15,0)+IF(Input!$K$16=2,M1596*Input!$J$16,0)</f>
        <v>8.5102456275057997E-2</v>
      </c>
      <c r="P1596" s="58">
        <f>IF(Input!$K$13=3,J1596*Input!$J$13,0)+IF(Input!$K$14=3,K1596*Input!$J$14,0)+IF(Input!$K$15=3,L1596*Input!$J$15,0)+IF(Input!$K$16=3,M1596*Input!$J$16,0)</f>
        <v>0</v>
      </c>
      <c r="Q1596" s="71">
        <f>IF(Input!$K$13=4,J1596*Input!$J$13,0)+IF(Input!$K$14=4,K1596*Input!$J$14,0)+IF(Input!$K$15=4,L1596*Input!$J$15,0)+IF(Input!$K$16=4,M1596*Input!$J$16,0)</f>
        <v>0</v>
      </c>
    </row>
    <row r="1597" spans="8:17" x14ac:dyDescent="0.25">
      <c r="H1597" s="43">
        <v>1590</v>
      </c>
      <c r="I1597" s="55">
        <f>Bühler!I1623</f>
        <v>2.3630420636798224</v>
      </c>
      <c r="J1597" s="58">
        <f>Bühler!J1623</f>
        <v>13.161361256211784</v>
      </c>
      <c r="K1597" s="58">
        <f>Bühler!K1623</f>
        <v>0.63038856500042961</v>
      </c>
      <c r="L1597" s="58">
        <f>Bühler!L1623</f>
        <v>0.31519428250021481</v>
      </c>
      <c r="M1597" s="57">
        <f>Bühler!M1623</f>
        <v>0</v>
      </c>
      <c r="N1597" s="55">
        <f>IF(Input!$K$13=1,J1597*Input!$J$13,0)+IF(Input!$K$14=1,K1597*Input!$J$14,0)+IF(Input!$K$15=1,L1597*Input!$J$15,0)+IF(Input!$K$16=1,M1597*Input!$J$16,0)</f>
        <v>1.5793633507454139</v>
      </c>
      <c r="O1597" s="58">
        <f>IF(Input!$K$13=2,J1597*Input!$J$13,0)+IF(Input!$K$14=2,K1597*Input!$J$14,0)+IF(Input!$K$15=2,L1597*Input!$J$15,0)+IF(Input!$K$16=2,M1597*Input!$J$16,0)</f>
        <v>8.5102456275057997E-2</v>
      </c>
      <c r="P1597" s="58">
        <f>IF(Input!$K$13=3,J1597*Input!$J$13,0)+IF(Input!$K$14=3,K1597*Input!$J$14,0)+IF(Input!$K$15=3,L1597*Input!$J$15,0)+IF(Input!$K$16=3,M1597*Input!$J$16,0)</f>
        <v>0</v>
      </c>
      <c r="Q1597" s="71">
        <f>IF(Input!$K$13=4,J1597*Input!$J$13,0)+IF(Input!$K$14=4,K1597*Input!$J$14,0)+IF(Input!$K$15=4,L1597*Input!$J$15,0)+IF(Input!$K$16=4,M1597*Input!$J$16,0)</f>
        <v>0</v>
      </c>
    </row>
    <row r="1598" spans="8:17" x14ac:dyDescent="0.25">
      <c r="H1598" s="43">
        <v>1591</v>
      </c>
      <c r="I1598" s="55">
        <f>Bühler!I1624</f>
        <v>2.3630420636798224</v>
      </c>
      <c r="J1598" s="58">
        <f>Bühler!J1624</f>
        <v>13.161361256211784</v>
      </c>
      <c r="K1598" s="58">
        <f>Bühler!K1624</f>
        <v>0.63038856500042961</v>
      </c>
      <c r="L1598" s="58">
        <f>Bühler!L1624</f>
        <v>0.31519428250021481</v>
      </c>
      <c r="M1598" s="57">
        <f>Bühler!M1624</f>
        <v>0</v>
      </c>
      <c r="N1598" s="55">
        <f>IF(Input!$K$13=1,J1598*Input!$J$13,0)+IF(Input!$K$14=1,K1598*Input!$J$14,0)+IF(Input!$K$15=1,L1598*Input!$J$15,0)+IF(Input!$K$16=1,M1598*Input!$J$16,0)</f>
        <v>1.5793633507454139</v>
      </c>
      <c r="O1598" s="58">
        <f>IF(Input!$K$13=2,J1598*Input!$J$13,0)+IF(Input!$K$14=2,K1598*Input!$J$14,0)+IF(Input!$K$15=2,L1598*Input!$J$15,0)+IF(Input!$K$16=2,M1598*Input!$J$16,0)</f>
        <v>8.5102456275057997E-2</v>
      </c>
      <c r="P1598" s="58">
        <f>IF(Input!$K$13=3,J1598*Input!$J$13,0)+IF(Input!$K$14=3,K1598*Input!$J$14,0)+IF(Input!$K$15=3,L1598*Input!$J$15,0)+IF(Input!$K$16=3,M1598*Input!$J$16,0)</f>
        <v>0</v>
      </c>
      <c r="Q1598" s="71">
        <f>IF(Input!$K$13=4,J1598*Input!$J$13,0)+IF(Input!$K$14=4,K1598*Input!$J$14,0)+IF(Input!$K$15=4,L1598*Input!$J$15,0)+IF(Input!$K$16=4,M1598*Input!$J$16,0)</f>
        <v>0</v>
      </c>
    </row>
    <row r="1599" spans="8:17" x14ac:dyDescent="0.25">
      <c r="H1599" s="43">
        <v>1592</v>
      </c>
      <c r="I1599" s="55">
        <f>Bühler!I1625</f>
        <v>6.5101808854379106</v>
      </c>
      <c r="J1599" s="58">
        <f>Bühler!J1625</f>
        <v>50.389930137205027</v>
      </c>
      <c r="K1599" s="58">
        <f>Bühler!K1625</f>
        <v>2.5769520429866044</v>
      </c>
      <c r="L1599" s="58">
        <f>Bühler!L1625</f>
        <v>1.2884760214933022</v>
      </c>
      <c r="M1599" s="57">
        <f>Bühler!M1625</f>
        <v>0</v>
      </c>
      <c r="N1599" s="55">
        <f>IF(Input!$K$13=1,J1599*Input!$J$13,0)+IF(Input!$K$14=1,K1599*Input!$J$14,0)+IF(Input!$K$15=1,L1599*Input!$J$15,0)+IF(Input!$K$16=1,M1599*Input!$J$16,0)</f>
        <v>6.0467916164646027</v>
      </c>
      <c r="O1599" s="58">
        <f>IF(Input!$K$13=2,J1599*Input!$J$13,0)+IF(Input!$K$14=2,K1599*Input!$J$14,0)+IF(Input!$K$15=2,L1599*Input!$J$15,0)+IF(Input!$K$16=2,M1599*Input!$J$16,0)</f>
        <v>0.34788852580319163</v>
      </c>
      <c r="P1599" s="58">
        <f>IF(Input!$K$13=3,J1599*Input!$J$13,0)+IF(Input!$K$14=3,K1599*Input!$J$14,0)+IF(Input!$K$15=3,L1599*Input!$J$15,0)+IF(Input!$K$16=3,M1599*Input!$J$16,0)</f>
        <v>0</v>
      </c>
      <c r="Q1599" s="71">
        <f>IF(Input!$K$13=4,J1599*Input!$J$13,0)+IF(Input!$K$14=4,K1599*Input!$J$14,0)+IF(Input!$K$15=4,L1599*Input!$J$15,0)+IF(Input!$K$16=4,M1599*Input!$J$16,0)</f>
        <v>0</v>
      </c>
    </row>
    <row r="1600" spans="8:17" x14ac:dyDescent="0.25">
      <c r="H1600" s="43">
        <v>1593</v>
      </c>
      <c r="I1600" s="55">
        <f>Bühler!I1626</f>
        <v>7.2639913037517729</v>
      </c>
      <c r="J1600" s="58">
        <f>Bühler!J1626</f>
        <v>56.224553626776142</v>
      </c>
      <c r="K1600" s="58">
        <f>Bühler!K1626</f>
        <v>2.875335963753475</v>
      </c>
      <c r="L1600" s="58">
        <f>Bühler!L1626</f>
        <v>1.4376679818767375</v>
      </c>
      <c r="M1600" s="57">
        <f>Bühler!M1626</f>
        <v>0</v>
      </c>
      <c r="N1600" s="55">
        <f>IF(Input!$K$13=1,J1600*Input!$J$13,0)+IF(Input!$K$14=1,K1600*Input!$J$14,0)+IF(Input!$K$15=1,L1600*Input!$J$15,0)+IF(Input!$K$16=1,M1600*Input!$J$16,0)</f>
        <v>6.746946435213137</v>
      </c>
      <c r="O1600" s="58">
        <f>IF(Input!$K$13=2,J1600*Input!$J$13,0)+IF(Input!$K$14=2,K1600*Input!$J$14,0)+IF(Input!$K$15=2,L1600*Input!$J$15,0)+IF(Input!$K$16=2,M1600*Input!$J$16,0)</f>
        <v>0.3881703551067191</v>
      </c>
      <c r="P1600" s="58">
        <f>IF(Input!$K$13=3,J1600*Input!$J$13,0)+IF(Input!$K$14=3,K1600*Input!$J$14,0)+IF(Input!$K$15=3,L1600*Input!$J$15,0)+IF(Input!$K$16=3,M1600*Input!$J$16,0)</f>
        <v>0</v>
      </c>
      <c r="Q1600" s="71">
        <f>IF(Input!$K$13=4,J1600*Input!$J$13,0)+IF(Input!$K$14=4,K1600*Input!$J$14,0)+IF(Input!$K$15=4,L1600*Input!$J$15,0)+IF(Input!$K$16=4,M1600*Input!$J$16,0)</f>
        <v>0</v>
      </c>
    </row>
    <row r="1601" spans="8:17" x14ac:dyDescent="0.25">
      <c r="H1601" s="43">
        <v>1594</v>
      </c>
      <c r="I1601" s="55">
        <f>Bühler!I1627</f>
        <v>8.0178017220656361</v>
      </c>
      <c r="J1601" s="58">
        <f>Bühler!J1627</f>
        <v>62.05917711634725</v>
      </c>
      <c r="K1601" s="58">
        <f>Bühler!K1627</f>
        <v>3.1737198845203447</v>
      </c>
      <c r="L1601" s="58">
        <f>Bühler!L1627</f>
        <v>1.5868599422601724</v>
      </c>
      <c r="M1601" s="57">
        <f>Bühler!M1627</f>
        <v>0</v>
      </c>
      <c r="N1601" s="55">
        <f>IF(Input!$K$13=1,J1601*Input!$J$13,0)+IF(Input!$K$14=1,K1601*Input!$J$14,0)+IF(Input!$K$15=1,L1601*Input!$J$15,0)+IF(Input!$K$16=1,M1601*Input!$J$16,0)</f>
        <v>7.4471012539616694</v>
      </c>
      <c r="O1601" s="58">
        <f>IF(Input!$K$13=2,J1601*Input!$J$13,0)+IF(Input!$K$14=2,K1601*Input!$J$14,0)+IF(Input!$K$15=2,L1601*Input!$J$15,0)+IF(Input!$K$16=2,M1601*Input!$J$16,0)</f>
        <v>0.42845218441024652</v>
      </c>
      <c r="P1601" s="58">
        <f>IF(Input!$K$13=3,J1601*Input!$J$13,0)+IF(Input!$K$14=3,K1601*Input!$J$14,0)+IF(Input!$K$15=3,L1601*Input!$J$15,0)+IF(Input!$K$16=3,M1601*Input!$J$16,0)</f>
        <v>0</v>
      </c>
      <c r="Q1601" s="71">
        <f>IF(Input!$K$13=4,J1601*Input!$J$13,0)+IF(Input!$K$14=4,K1601*Input!$J$14,0)+IF(Input!$K$15=4,L1601*Input!$J$15,0)+IF(Input!$K$16=4,M1601*Input!$J$16,0)</f>
        <v>0</v>
      </c>
    </row>
    <row r="1602" spans="8:17" x14ac:dyDescent="0.25">
      <c r="H1602" s="43">
        <v>1595</v>
      </c>
      <c r="I1602" s="55">
        <f>Bühler!I1628</f>
        <v>8.0178017220656361</v>
      </c>
      <c r="J1602" s="58">
        <f>Bühler!J1628</f>
        <v>62.05917711634725</v>
      </c>
      <c r="K1602" s="58">
        <f>Bühler!K1628</f>
        <v>3.1737198845203447</v>
      </c>
      <c r="L1602" s="58">
        <f>Bühler!L1628</f>
        <v>1.5868599422601724</v>
      </c>
      <c r="M1602" s="57">
        <f>Bühler!M1628</f>
        <v>0</v>
      </c>
      <c r="N1602" s="55">
        <f>IF(Input!$K$13=1,J1602*Input!$J$13,0)+IF(Input!$K$14=1,K1602*Input!$J$14,0)+IF(Input!$K$15=1,L1602*Input!$J$15,0)+IF(Input!$K$16=1,M1602*Input!$J$16,0)</f>
        <v>7.4471012539616694</v>
      </c>
      <c r="O1602" s="58">
        <f>IF(Input!$K$13=2,J1602*Input!$J$13,0)+IF(Input!$K$14=2,K1602*Input!$J$14,0)+IF(Input!$K$15=2,L1602*Input!$J$15,0)+IF(Input!$K$16=2,M1602*Input!$J$16,0)</f>
        <v>0.42845218441024652</v>
      </c>
      <c r="P1602" s="58">
        <f>IF(Input!$K$13=3,J1602*Input!$J$13,0)+IF(Input!$K$14=3,K1602*Input!$J$14,0)+IF(Input!$K$15=3,L1602*Input!$J$15,0)+IF(Input!$K$16=3,M1602*Input!$J$16,0)</f>
        <v>0</v>
      </c>
      <c r="Q1602" s="71">
        <f>IF(Input!$K$13=4,J1602*Input!$J$13,0)+IF(Input!$K$14=4,K1602*Input!$J$14,0)+IF(Input!$K$15=4,L1602*Input!$J$15,0)+IF(Input!$K$16=4,M1602*Input!$J$16,0)</f>
        <v>0</v>
      </c>
    </row>
    <row r="1603" spans="8:17" x14ac:dyDescent="0.25">
      <c r="H1603" s="43">
        <v>1596</v>
      </c>
      <c r="I1603" s="55">
        <f>Bühler!I1629</f>
        <v>9.5939507785400782</v>
      </c>
      <c r="J1603" s="58">
        <f>Bühler!J1629</f>
        <v>74.258844412723207</v>
      </c>
      <c r="K1603" s="58">
        <f>Bühler!K1629</f>
        <v>3.7976135370328912</v>
      </c>
      <c r="L1603" s="58">
        <f>Bühler!L1629</f>
        <v>1.8988067685164456</v>
      </c>
      <c r="M1603" s="57">
        <f>Bühler!M1629</f>
        <v>0</v>
      </c>
      <c r="N1603" s="55">
        <f>IF(Input!$K$13=1,J1603*Input!$J$13,0)+IF(Input!$K$14=1,K1603*Input!$J$14,0)+IF(Input!$K$15=1,L1603*Input!$J$15,0)+IF(Input!$K$16=1,M1603*Input!$J$16,0)</f>
        <v>8.9110613295267846</v>
      </c>
      <c r="O1603" s="58">
        <f>IF(Input!$K$13=2,J1603*Input!$J$13,0)+IF(Input!$K$14=2,K1603*Input!$J$14,0)+IF(Input!$K$15=2,L1603*Input!$J$15,0)+IF(Input!$K$16=2,M1603*Input!$J$16,0)</f>
        <v>0.51267782749944035</v>
      </c>
      <c r="P1603" s="58">
        <f>IF(Input!$K$13=3,J1603*Input!$J$13,0)+IF(Input!$K$14=3,K1603*Input!$J$14,0)+IF(Input!$K$15=3,L1603*Input!$J$15,0)+IF(Input!$K$16=3,M1603*Input!$J$16,0)</f>
        <v>0</v>
      </c>
      <c r="Q1603" s="71">
        <f>IF(Input!$K$13=4,J1603*Input!$J$13,0)+IF(Input!$K$14=4,K1603*Input!$J$14,0)+IF(Input!$K$15=4,L1603*Input!$J$15,0)+IF(Input!$K$16=4,M1603*Input!$J$16,0)</f>
        <v>0</v>
      </c>
    </row>
    <row r="1604" spans="8:17" x14ac:dyDescent="0.25">
      <c r="H1604" s="43">
        <v>1597</v>
      </c>
      <c r="I1604" s="55">
        <f>Bühler!I1630</f>
        <v>9.5939507785400782</v>
      </c>
      <c r="J1604" s="58">
        <f>Bühler!J1630</f>
        <v>74.258844412723207</v>
      </c>
      <c r="K1604" s="58">
        <f>Bühler!K1630</f>
        <v>3.7976135370328912</v>
      </c>
      <c r="L1604" s="58">
        <f>Bühler!L1630</f>
        <v>1.8988067685164456</v>
      </c>
      <c r="M1604" s="57">
        <f>Bühler!M1630</f>
        <v>0</v>
      </c>
      <c r="N1604" s="55">
        <f>IF(Input!$K$13=1,J1604*Input!$J$13,0)+IF(Input!$K$14=1,K1604*Input!$J$14,0)+IF(Input!$K$15=1,L1604*Input!$J$15,0)+IF(Input!$K$16=1,M1604*Input!$J$16,0)</f>
        <v>8.9110613295267846</v>
      </c>
      <c r="O1604" s="58">
        <f>IF(Input!$K$13=2,J1604*Input!$J$13,0)+IF(Input!$K$14=2,K1604*Input!$J$14,0)+IF(Input!$K$15=2,L1604*Input!$J$15,0)+IF(Input!$K$16=2,M1604*Input!$J$16,0)</f>
        <v>0.51267782749944035</v>
      </c>
      <c r="P1604" s="58">
        <f>IF(Input!$K$13=3,J1604*Input!$J$13,0)+IF(Input!$K$14=3,K1604*Input!$J$14,0)+IF(Input!$K$15=3,L1604*Input!$J$15,0)+IF(Input!$K$16=3,M1604*Input!$J$16,0)</f>
        <v>0</v>
      </c>
      <c r="Q1604" s="71">
        <f>IF(Input!$K$13=4,J1604*Input!$J$13,0)+IF(Input!$K$14=4,K1604*Input!$J$14,0)+IF(Input!$K$15=4,L1604*Input!$J$15,0)+IF(Input!$K$16=4,M1604*Input!$J$16,0)</f>
        <v>0</v>
      </c>
    </row>
    <row r="1605" spans="8:17" x14ac:dyDescent="0.25">
      <c r="H1605" s="43">
        <v>1598</v>
      </c>
      <c r="I1605" s="55">
        <f>Bühler!I1631</f>
        <v>6.3731244457444802</v>
      </c>
      <c r="J1605" s="58">
        <f>Bühler!J1631</f>
        <v>49.32908950273756</v>
      </c>
      <c r="K1605" s="58">
        <f>Bühler!K1631</f>
        <v>2.5227004210289921</v>
      </c>
      <c r="L1605" s="58">
        <f>Bühler!L1631</f>
        <v>1.261350210514496</v>
      </c>
      <c r="M1605" s="57">
        <f>Bühler!M1631</f>
        <v>0</v>
      </c>
      <c r="N1605" s="55">
        <f>IF(Input!$K$13=1,J1605*Input!$J$13,0)+IF(Input!$K$14=1,K1605*Input!$J$14,0)+IF(Input!$K$15=1,L1605*Input!$J$15,0)+IF(Input!$K$16=1,M1605*Input!$J$16,0)</f>
        <v>5.9194907403285066</v>
      </c>
      <c r="O1605" s="58">
        <f>IF(Input!$K$13=2,J1605*Input!$J$13,0)+IF(Input!$K$14=2,K1605*Input!$J$14,0)+IF(Input!$K$15=2,L1605*Input!$J$15,0)+IF(Input!$K$16=2,M1605*Input!$J$16,0)</f>
        <v>0.34056455683891396</v>
      </c>
      <c r="P1605" s="58">
        <f>IF(Input!$K$13=3,J1605*Input!$J$13,0)+IF(Input!$K$14=3,K1605*Input!$J$14,0)+IF(Input!$K$15=3,L1605*Input!$J$15,0)+IF(Input!$K$16=3,M1605*Input!$J$16,0)</f>
        <v>0</v>
      </c>
      <c r="Q1605" s="71">
        <f>IF(Input!$K$13=4,J1605*Input!$J$13,0)+IF(Input!$K$14=4,K1605*Input!$J$14,0)+IF(Input!$K$15=4,L1605*Input!$J$15,0)+IF(Input!$K$16=4,M1605*Input!$J$16,0)</f>
        <v>0</v>
      </c>
    </row>
    <row r="1606" spans="8:17" x14ac:dyDescent="0.25">
      <c r="H1606" s="43">
        <v>1599</v>
      </c>
      <c r="I1606" s="55">
        <f>Bühler!I1632</f>
        <v>9.5939507785400782</v>
      </c>
      <c r="J1606" s="58">
        <f>Bühler!J1632</f>
        <v>74.258844412723207</v>
      </c>
      <c r="K1606" s="58">
        <f>Bühler!K1632</f>
        <v>3.7976135370328912</v>
      </c>
      <c r="L1606" s="58">
        <f>Bühler!L1632</f>
        <v>1.8988067685164456</v>
      </c>
      <c r="M1606" s="57">
        <f>Bühler!M1632</f>
        <v>0</v>
      </c>
      <c r="N1606" s="55">
        <f>IF(Input!$K$13=1,J1606*Input!$J$13,0)+IF(Input!$K$14=1,K1606*Input!$J$14,0)+IF(Input!$K$15=1,L1606*Input!$J$15,0)+IF(Input!$K$16=1,M1606*Input!$J$16,0)</f>
        <v>8.9110613295267846</v>
      </c>
      <c r="O1606" s="58">
        <f>IF(Input!$K$13=2,J1606*Input!$J$13,0)+IF(Input!$K$14=2,K1606*Input!$J$14,0)+IF(Input!$K$15=2,L1606*Input!$J$15,0)+IF(Input!$K$16=2,M1606*Input!$J$16,0)</f>
        <v>0.51267782749944035</v>
      </c>
      <c r="P1606" s="58">
        <f>IF(Input!$K$13=3,J1606*Input!$J$13,0)+IF(Input!$K$14=3,K1606*Input!$J$14,0)+IF(Input!$K$15=3,L1606*Input!$J$15,0)+IF(Input!$K$16=3,M1606*Input!$J$16,0)</f>
        <v>0</v>
      </c>
      <c r="Q1606" s="71">
        <f>IF(Input!$K$13=4,J1606*Input!$J$13,0)+IF(Input!$K$14=4,K1606*Input!$J$14,0)+IF(Input!$K$15=4,L1606*Input!$J$15,0)+IF(Input!$K$16=4,M1606*Input!$J$16,0)</f>
        <v>0</v>
      </c>
    </row>
    <row r="1607" spans="8:17" x14ac:dyDescent="0.25">
      <c r="H1607" s="43">
        <v>1600</v>
      </c>
      <c r="I1607" s="55">
        <f>Bühler!I1633</f>
        <v>9.5939507785400782</v>
      </c>
      <c r="J1607" s="58">
        <f>Bühler!J1633</f>
        <v>74.258844412723207</v>
      </c>
      <c r="K1607" s="58">
        <f>Bühler!K1633</f>
        <v>3.7976135370328912</v>
      </c>
      <c r="L1607" s="58">
        <f>Bühler!L1633</f>
        <v>1.8988067685164456</v>
      </c>
      <c r="M1607" s="57">
        <f>Bühler!M1633</f>
        <v>0</v>
      </c>
      <c r="N1607" s="55">
        <f>IF(Input!$K$13=1,J1607*Input!$J$13,0)+IF(Input!$K$14=1,K1607*Input!$J$14,0)+IF(Input!$K$15=1,L1607*Input!$J$15,0)+IF(Input!$K$16=1,M1607*Input!$J$16,0)</f>
        <v>8.9110613295267846</v>
      </c>
      <c r="O1607" s="58">
        <f>IF(Input!$K$13=2,J1607*Input!$J$13,0)+IF(Input!$K$14=2,K1607*Input!$J$14,0)+IF(Input!$K$15=2,L1607*Input!$J$15,0)+IF(Input!$K$16=2,M1607*Input!$J$16,0)</f>
        <v>0.51267782749944035</v>
      </c>
      <c r="P1607" s="58">
        <f>IF(Input!$K$13=3,J1607*Input!$J$13,0)+IF(Input!$K$14=3,K1607*Input!$J$14,0)+IF(Input!$K$15=3,L1607*Input!$J$15,0)+IF(Input!$K$16=3,M1607*Input!$J$16,0)</f>
        <v>0</v>
      </c>
      <c r="Q1607" s="71">
        <f>IF(Input!$K$13=4,J1607*Input!$J$13,0)+IF(Input!$K$14=4,K1607*Input!$J$14,0)+IF(Input!$K$15=4,L1607*Input!$J$15,0)+IF(Input!$K$16=4,M1607*Input!$J$16,0)</f>
        <v>0</v>
      </c>
    </row>
    <row r="1608" spans="8:17" x14ac:dyDescent="0.25">
      <c r="H1608" s="43">
        <v>1601</v>
      </c>
      <c r="I1608" s="55">
        <f>Bühler!I1634</f>
        <v>8.0166202010337972</v>
      </c>
      <c r="J1608" s="58">
        <f>Bühler!J1634</f>
        <v>46.319638407436464</v>
      </c>
      <c r="K1608" s="58">
        <f>Bühler!K1634</f>
        <v>2.2378794057515252</v>
      </c>
      <c r="L1608" s="58">
        <f>Bühler!L1634</f>
        <v>1.1189397028757626</v>
      </c>
      <c r="M1608" s="57">
        <f>Bühler!M1634</f>
        <v>0</v>
      </c>
      <c r="N1608" s="55">
        <f>IF(Input!$K$13=1,J1608*Input!$J$13,0)+IF(Input!$K$14=1,K1608*Input!$J$14,0)+IF(Input!$K$15=1,L1608*Input!$J$15,0)+IF(Input!$K$16=1,M1608*Input!$J$16,0)</f>
        <v>5.5583566088923755</v>
      </c>
      <c r="O1608" s="58">
        <f>IF(Input!$K$13=2,J1608*Input!$J$13,0)+IF(Input!$K$14=2,K1608*Input!$J$14,0)+IF(Input!$K$15=2,L1608*Input!$J$15,0)+IF(Input!$K$16=2,M1608*Input!$J$16,0)</f>
        <v>0.30211371977645585</v>
      </c>
      <c r="P1608" s="58">
        <f>IF(Input!$K$13=3,J1608*Input!$J$13,0)+IF(Input!$K$14=3,K1608*Input!$J$14,0)+IF(Input!$K$15=3,L1608*Input!$J$15,0)+IF(Input!$K$16=3,M1608*Input!$J$16,0)</f>
        <v>0</v>
      </c>
      <c r="Q1608" s="71">
        <f>IF(Input!$K$13=4,J1608*Input!$J$13,0)+IF(Input!$K$14=4,K1608*Input!$J$14,0)+IF(Input!$K$15=4,L1608*Input!$J$15,0)+IF(Input!$K$16=4,M1608*Input!$J$16,0)</f>
        <v>0</v>
      </c>
    </row>
    <row r="1609" spans="8:17" x14ac:dyDescent="0.25">
      <c r="H1609" s="43">
        <v>1602</v>
      </c>
      <c r="I1609" s="55">
        <f>Bühler!I1635</f>
        <v>6.3743059667763209</v>
      </c>
      <c r="J1609" s="58">
        <f>Bühler!J1635</f>
        <v>22.96822391939957</v>
      </c>
      <c r="K1609" s="58">
        <f>Bühler!K1635</f>
        <v>0.95513418939459038</v>
      </c>
      <c r="L1609" s="58">
        <f>Bühler!L1635</f>
        <v>0.47756709469729519</v>
      </c>
      <c r="M1609" s="57">
        <f>Bühler!M1635</f>
        <v>0</v>
      </c>
      <c r="N1609" s="55">
        <f>IF(Input!$K$13=1,J1609*Input!$J$13,0)+IF(Input!$K$14=1,K1609*Input!$J$14,0)+IF(Input!$K$15=1,L1609*Input!$J$15,0)+IF(Input!$K$16=1,M1609*Input!$J$16,0)</f>
        <v>2.7561868703279484</v>
      </c>
      <c r="O1609" s="58">
        <f>IF(Input!$K$13=2,J1609*Input!$J$13,0)+IF(Input!$K$14=2,K1609*Input!$J$14,0)+IF(Input!$K$15=2,L1609*Input!$J$15,0)+IF(Input!$K$16=2,M1609*Input!$J$16,0)</f>
        <v>0.12894311556826971</v>
      </c>
      <c r="P1609" s="58">
        <f>IF(Input!$K$13=3,J1609*Input!$J$13,0)+IF(Input!$K$14=3,K1609*Input!$J$14,0)+IF(Input!$K$15=3,L1609*Input!$J$15,0)+IF(Input!$K$16=3,M1609*Input!$J$16,0)</f>
        <v>0</v>
      </c>
      <c r="Q1609" s="71">
        <f>IF(Input!$K$13=4,J1609*Input!$J$13,0)+IF(Input!$K$14=4,K1609*Input!$J$14,0)+IF(Input!$K$15=4,L1609*Input!$J$15,0)+IF(Input!$K$16=4,M1609*Input!$J$16,0)</f>
        <v>0</v>
      </c>
    </row>
    <row r="1610" spans="8:17" x14ac:dyDescent="0.25">
      <c r="H1610" s="43">
        <v>1603</v>
      </c>
      <c r="I1610" s="55">
        <f>Bühler!I1636</f>
        <v>2.3630420636798224</v>
      </c>
      <c r="J1610" s="58">
        <f>Bühler!J1636</f>
        <v>13.161361256211784</v>
      </c>
      <c r="K1610" s="58">
        <f>Bühler!K1636</f>
        <v>0.63038856500042961</v>
      </c>
      <c r="L1610" s="58">
        <f>Bühler!L1636</f>
        <v>0.31519428250021481</v>
      </c>
      <c r="M1610" s="57">
        <f>Bühler!M1636</f>
        <v>0</v>
      </c>
      <c r="N1610" s="55">
        <f>IF(Input!$K$13=1,J1610*Input!$J$13,0)+IF(Input!$K$14=1,K1610*Input!$J$14,0)+IF(Input!$K$15=1,L1610*Input!$J$15,0)+IF(Input!$K$16=1,M1610*Input!$J$16,0)</f>
        <v>1.5793633507454139</v>
      </c>
      <c r="O1610" s="58">
        <f>IF(Input!$K$13=2,J1610*Input!$J$13,0)+IF(Input!$K$14=2,K1610*Input!$J$14,0)+IF(Input!$K$15=2,L1610*Input!$J$15,0)+IF(Input!$K$16=2,M1610*Input!$J$16,0)</f>
        <v>8.5102456275057997E-2</v>
      </c>
      <c r="P1610" s="58">
        <f>IF(Input!$K$13=3,J1610*Input!$J$13,0)+IF(Input!$K$14=3,K1610*Input!$J$14,0)+IF(Input!$K$15=3,L1610*Input!$J$15,0)+IF(Input!$K$16=3,M1610*Input!$J$16,0)</f>
        <v>0</v>
      </c>
      <c r="Q1610" s="71">
        <f>IF(Input!$K$13=4,J1610*Input!$J$13,0)+IF(Input!$K$14=4,K1610*Input!$J$14,0)+IF(Input!$K$15=4,L1610*Input!$J$15,0)+IF(Input!$K$16=4,M1610*Input!$J$16,0)</f>
        <v>0</v>
      </c>
    </row>
    <row r="1611" spans="8:17" x14ac:dyDescent="0.25">
      <c r="H1611" s="43">
        <v>1604</v>
      </c>
      <c r="I1611" s="55">
        <f>Bühler!I1637</f>
        <v>2.3630420636798224</v>
      </c>
      <c r="J1611" s="58">
        <f>Bühler!J1637</f>
        <v>13.161361256211784</v>
      </c>
      <c r="K1611" s="58">
        <f>Bühler!K1637</f>
        <v>0.63038856500042961</v>
      </c>
      <c r="L1611" s="58">
        <f>Bühler!L1637</f>
        <v>0.31519428250021481</v>
      </c>
      <c r="M1611" s="57">
        <f>Bühler!M1637</f>
        <v>0</v>
      </c>
      <c r="N1611" s="55">
        <f>IF(Input!$K$13=1,J1611*Input!$J$13,0)+IF(Input!$K$14=1,K1611*Input!$J$14,0)+IF(Input!$K$15=1,L1611*Input!$J$15,0)+IF(Input!$K$16=1,M1611*Input!$J$16,0)</f>
        <v>1.5793633507454139</v>
      </c>
      <c r="O1611" s="58">
        <f>IF(Input!$K$13=2,J1611*Input!$J$13,0)+IF(Input!$K$14=2,K1611*Input!$J$14,0)+IF(Input!$K$15=2,L1611*Input!$J$15,0)+IF(Input!$K$16=2,M1611*Input!$J$16,0)</f>
        <v>8.5102456275057997E-2</v>
      </c>
      <c r="P1611" s="58">
        <f>IF(Input!$K$13=3,J1611*Input!$J$13,0)+IF(Input!$K$14=3,K1611*Input!$J$14,0)+IF(Input!$K$15=3,L1611*Input!$J$15,0)+IF(Input!$K$16=3,M1611*Input!$J$16,0)</f>
        <v>0</v>
      </c>
      <c r="Q1611" s="71">
        <f>IF(Input!$K$13=4,J1611*Input!$J$13,0)+IF(Input!$K$14=4,K1611*Input!$J$14,0)+IF(Input!$K$15=4,L1611*Input!$J$15,0)+IF(Input!$K$16=4,M1611*Input!$J$16,0)</f>
        <v>0</v>
      </c>
    </row>
    <row r="1612" spans="8:17" x14ac:dyDescent="0.25">
      <c r="H1612" s="43">
        <v>1605</v>
      </c>
      <c r="I1612" s="55">
        <f>Bühler!I1638</f>
        <v>2.3630420636798224</v>
      </c>
      <c r="J1612" s="58">
        <f>Bühler!J1638</f>
        <v>13.161361256211784</v>
      </c>
      <c r="K1612" s="58">
        <f>Bühler!K1638</f>
        <v>0.63038856500042961</v>
      </c>
      <c r="L1612" s="58">
        <f>Bühler!L1638</f>
        <v>0.31519428250021481</v>
      </c>
      <c r="M1612" s="57">
        <f>Bühler!M1638</f>
        <v>0</v>
      </c>
      <c r="N1612" s="55">
        <f>IF(Input!$K$13=1,J1612*Input!$J$13,0)+IF(Input!$K$14=1,K1612*Input!$J$14,0)+IF(Input!$K$15=1,L1612*Input!$J$15,0)+IF(Input!$K$16=1,M1612*Input!$J$16,0)</f>
        <v>1.5793633507454139</v>
      </c>
      <c r="O1612" s="58">
        <f>IF(Input!$K$13=2,J1612*Input!$J$13,0)+IF(Input!$K$14=2,K1612*Input!$J$14,0)+IF(Input!$K$15=2,L1612*Input!$J$15,0)+IF(Input!$K$16=2,M1612*Input!$J$16,0)</f>
        <v>8.5102456275057997E-2</v>
      </c>
      <c r="P1612" s="58">
        <f>IF(Input!$K$13=3,J1612*Input!$J$13,0)+IF(Input!$K$14=3,K1612*Input!$J$14,0)+IF(Input!$K$15=3,L1612*Input!$J$15,0)+IF(Input!$K$16=3,M1612*Input!$J$16,0)</f>
        <v>0</v>
      </c>
      <c r="Q1612" s="71">
        <f>IF(Input!$K$13=4,J1612*Input!$J$13,0)+IF(Input!$K$14=4,K1612*Input!$J$14,0)+IF(Input!$K$15=4,L1612*Input!$J$15,0)+IF(Input!$K$16=4,M1612*Input!$J$16,0)</f>
        <v>0</v>
      </c>
    </row>
    <row r="1613" spans="8:17" x14ac:dyDescent="0.25">
      <c r="H1613" s="43">
        <v>1606</v>
      </c>
      <c r="I1613" s="55">
        <f>Bühler!I1639</f>
        <v>2.3630420636798224</v>
      </c>
      <c r="J1613" s="58">
        <f>Bühler!J1639</f>
        <v>13.161361256211784</v>
      </c>
      <c r="K1613" s="58">
        <f>Bühler!K1639</f>
        <v>0.63038856500042961</v>
      </c>
      <c r="L1613" s="58">
        <f>Bühler!L1639</f>
        <v>0.31519428250021481</v>
      </c>
      <c r="M1613" s="57">
        <f>Bühler!M1639</f>
        <v>0</v>
      </c>
      <c r="N1613" s="55">
        <f>IF(Input!$K$13=1,J1613*Input!$J$13,0)+IF(Input!$K$14=1,K1613*Input!$J$14,0)+IF(Input!$K$15=1,L1613*Input!$J$15,0)+IF(Input!$K$16=1,M1613*Input!$J$16,0)</f>
        <v>1.5793633507454139</v>
      </c>
      <c r="O1613" s="58">
        <f>IF(Input!$K$13=2,J1613*Input!$J$13,0)+IF(Input!$K$14=2,K1613*Input!$J$14,0)+IF(Input!$K$15=2,L1613*Input!$J$15,0)+IF(Input!$K$16=2,M1613*Input!$J$16,0)</f>
        <v>8.5102456275057997E-2</v>
      </c>
      <c r="P1613" s="58">
        <f>IF(Input!$K$13=3,J1613*Input!$J$13,0)+IF(Input!$K$14=3,K1613*Input!$J$14,0)+IF(Input!$K$15=3,L1613*Input!$J$15,0)+IF(Input!$K$16=3,M1613*Input!$J$16,0)</f>
        <v>0</v>
      </c>
      <c r="Q1613" s="71">
        <f>IF(Input!$K$13=4,J1613*Input!$J$13,0)+IF(Input!$K$14=4,K1613*Input!$J$14,0)+IF(Input!$K$15=4,L1613*Input!$J$15,0)+IF(Input!$K$16=4,M1613*Input!$J$16,0)</f>
        <v>0</v>
      </c>
    </row>
    <row r="1614" spans="8:17" x14ac:dyDescent="0.25">
      <c r="H1614" s="43">
        <v>1607</v>
      </c>
      <c r="I1614" s="55">
        <f>Bühler!I1640</f>
        <v>2.3630420636798224</v>
      </c>
      <c r="J1614" s="58">
        <f>Bühler!J1640</f>
        <v>13.161361256211784</v>
      </c>
      <c r="K1614" s="58">
        <f>Bühler!K1640</f>
        <v>0.63038856500042961</v>
      </c>
      <c r="L1614" s="58">
        <f>Bühler!L1640</f>
        <v>0.31519428250021481</v>
      </c>
      <c r="M1614" s="57">
        <f>Bühler!M1640</f>
        <v>0</v>
      </c>
      <c r="N1614" s="55">
        <f>IF(Input!$K$13=1,J1614*Input!$J$13,0)+IF(Input!$K$14=1,K1614*Input!$J$14,0)+IF(Input!$K$15=1,L1614*Input!$J$15,0)+IF(Input!$K$16=1,M1614*Input!$J$16,0)</f>
        <v>1.5793633507454139</v>
      </c>
      <c r="O1614" s="58">
        <f>IF(Input!$K$13=2,J1614*Input!$J$13,0)+IF(Input!$K$14=2,K1614*Input!$J$14,0)+IF(Input!$K$15=2,L1614*Input!$J$15,0)+IF(Input!$K$16=2,M1614*Input!$J$16,0)</f>
        <v>8.5102456275057997E-2</v>
      </c>
      <c r="P1614" s="58">
        <f>IF(Input!$K$13=3,J1614*Input!$J$13,0)+IF(Input!$K$14=3,K1614*Input!$J$14,0)+IF(Input!$K$15=3,L1614*Input!$J$15,0)+IF(Input!$K$16=3,M1614*Input!$J$16,0)</f>
        <v>0</v>
      </c>
      <c r="Q1614" s="71">
        <f>IF(Input!$K$13=4,J1614*Input!$J$13,0)+IF(Input!$K$14=4,K1614*Input!$J$14,0)+IF(Input!$K$15=4,L1614*Input!$J$15,0)+IF(Input!$K$16=4,M1614*Input!$J$16,0)</f>
        <v>0</v>
      </c>
    </row>
    <row r="1615" spans="8:17" x14ac:dyDescent="0.25">
      <c r="H1615" s="43">
        <v>1608</v>
      </c>
      <c r="I1615" s="55">
        <f>Bühler!I1641</f>
        <v>2.3630420636798224</v>
      </c>
      <c r="J1615" s="58">
        <f>Bühler!J1641</f>
        <v>13.161361256211784</v>
      </c>
      <c r="K1615" s="58">
        <f>Bühler!K1641</f>
        <v>0.63038856500042961</v>
      </c>
      <c r="L1615" s="58">
        <f>Bühler!L1641</f>
        <v>0.31519428250021481</v>
      </c>
      <c r="M1615" s="57">
        <f>Bühler!M1641</f>
        <v>0</v>
      </c>
      <c r="N1615" s="55">
        <f>IF(Input!$K$13=1,J1615*Input!$J$13,0)+IF(Input!$K$14=1,K1615*Input!$J$14,0)+IF(Input!$K$15=1,L1615*Input!$J$15,0)+IF(Input!$K$16=1,M1615*Input!$J$16,0)</f>
        <v>1.5793633507454139</v>
      </c>
      <c r="O1615" s="58">
        <f>IF(Input!$K$13=2,J1615*Input!$J$13,0)+IF(Input!$K$14=2,K1615*Input!$J$14,0)+IF(Input!$K$15=2,L1615*Input!$J$15,0)+IF(Input!$K$16=2,M1615*Input!$J$16,0)</f>
        <v>8.5102456275057997E-2</v>
      </c>
      <c r="P1615" s="58">
        <f>IF(Input!$K$13=3,J1615*Input!$J$13,0)+IF(Input!$K$14=3,K1615*Input!$J$14,0)+IF(Input!$K$15=3,L1615*Input!$J$15,0)+IF(Input!$K$16=3,M1615*Input!$J$16,0)</f>
        <v>0</v>
      </c>
      <c r="Q1615" s="71">
        <f>IF(Input!$K$13=4,J1615*Input!$J$13,0)+IF(Input!$K$14=4,K1615*Input!$J$14,0)+IF(Input!$K$15=4,L1615*Input!$J$15,0)+IF(Input!$K$16=4,M1615*Input!$J$16,0)</f>
        <v>0</v>
      </c>
    </row>
    <row r="1616" spans="8:17" x14ac:dyDescent="0.25">
      <c r="H1616" s="43">
        <v>1609</v>
      </c>
      <c r="I1616" s="55">
        <f>Bühler!I1642</f>
        <v>0.85121249985282854</v>
      </c>
      <c r="J1616" s="58">
        <f>Bühler!J1642</f>
        <v>10.182903494129329</v>
      </c>
      <c r="K1616" s="58">
        <f>Bühler!K1642</f>
        <v>0.61471093537397226</v>
      </c>
      <c r="L1616" s="58">
        <f>Bühler!L1642</f>
        <v>0.30735546768698613</v>
      </c>
      <c r="M1616" s="57">
        <f>Bühler!M1642</f>
        <v>0</v>
      </c>
      <c r="N1616" s="55">
        <f>IF(Input!$K$13=1,J1616*Input!$J$13,0)+IF(Input!$K$14=1,K1616*Input!$J$14,0)+IF(Input!$K$15=1,L1616*Input!$J$15,0)+IF(Input!$K$16=1,M1616*Input!$J$16,0)</f>
        <v>1.2219484192955195</v>
      </c>
      <c r="O1616" s="58">
        <f>IF(Input!$K$13=2,J1616*Input!$J$13,0)+IF(Input!$K$14=2,K1616*Input!$J$14,0)+IF(Input!$K$15=2,L1616*Input!$J$15,0)+IF(Input!$K$16=2,M1616*Input!$J$16,0)</f>
        <v>8.2985976275486262E-2</v>
      </c>
      <c r="P1616" s="58">
        <f>IF(Input!$K$13=3,J1616*Input!$J$13,0)+IF(Input!$K$14=3,K1616*Input!$J$14,0)+IF(Input!$K$15=3,L1616*Input!$J$15,0)+IF(Input!$K$16=3,M1616*Input!$J$16,0)</f>
        <v>0</v>
      </c>
      <c r="Q1616" s="71">
        <f>IF(Input!$K$13=4,J1616*Input!$J$13,0)+IF(Input!$K$14=4,K1616*Input!$J$14,0)+IF(Input!$K$15=4,L1616*Input!$J$15,0)+IF(Input!$K$16=4,M1616*Input!$J$16,0)</f>
        <v>0</v>
      </c>
    </row>
    <row r="1617" spans="8:17" x14ac:dyDescent="0.25">
      <c r="H1617" s="43">
        <v>1610</v>
      </c>
      <c r="I1617" s="55">
        <f>Bühler!I1643</f>
        <v>0.85121249985282854</v>
      </c>
      <c r="J1617" s="58">
        <f>Bühler!J1643</f>
        <v>10.182903494129329</v>
      </c>
      <c r="K1617" s="58">
        <f>Bühler!K1643</f>
        <v>0.61471093537397226</v>
      </c>
      <c r="L1617" s="58">
        <f>Bühler!L1643</f>
        <v>0.30735546768698613</v>
      </c>
      <c r="M1617" s="57">
        <f>Bühler!M1643</f>
        <v>0</v>
      </c>
      <c r="N1617" s="55">
        <f>IF(Input!$K$13=1,J1617*Input!$J$13,0)+IF(Input!$K$14=1,K1617*Input!$J$14,0)+IF(Input!$K$15=1,L1617*Input!$J$15,0)+IF(Input!$K$16=1,M1617*Input!$J$16,0)</f>
        <v>1.2219484192955195</v>
      </c>
      <c r="O1617" s="58">
        <f>IF(Input!$K$13=2,J1617*Input!$J$13,0)+IF(Input!$K$14=2,K1617*Input!$J$14,0)+IF(Input!$K$15=2,L1617*Input!$J$15,0)+IF(Input!$K$16=2,M1617*Input!$J$16,0)</f>
        <v>8.2985976275486262E-2</v>
      </c>
      <c r="P1617" s="58">
        <f>IF(Input!$K$13=3,J1617*Input!$J$13,0)+IF(Input!$K$14=3,K1617*Input!$J$14,0)+IF(Input!$K$15=3,L1617*Input!$J$15,0)+IF(Input!$K$16=3,M1617*Input!$J$16,0)</f>
        <v>0</v>
      </c>
      <c r="Q1617" s="71">
        <f>IF(Input!$K$13=4,J1617*Input!$J$13,0)+IF(Input!$K$14=4,K1617*Input!$J$14,0)+IF(Input!$K$15=4,L1617*Input!$J$15,0)+IF(Input!$K$16=4,M1617*Input!$J$16,0)</f>
        <v>0</v>
      </c>
    </row>
    <row r="1618" spans="8:17" x14ac:dyDescent="0.25">
      <c r="H1618" s="43">
        <v>1611</v>
      </c>
      <c r="I1618" s="55">
        <f>Bühler!I1644</f>
        <v>0.85121249985282854</v>
      </c>
      <c r="J1618" s="58">
        <f>Bühler!J1644</f>
        <v>10.182903494129329</v>
      </c>
      <c r="K1618" s="58">
        <f>Bühler!K1644</f>
        <v>0.61471093537397226</v>
      </c>
      <c r="L1618" s="58">
        <f>Bühler!L1644</f>
        <v>0.30735546768698613</v>
      </c>
      <c r="M1618" s="57">
        <f>Bühler!M1644</f>
        <v>0</v>
      </c>
      <c r="N1618" s="55">
        <f>IF(Input!$K$13=1,J1618*Input!$J$13,0)+IF(Input!$K$14=1,K1618*Input!$J$14,0)+IF(Input!$K$15=1,L1618*Input!$J$15,0)+IF(Input!$K$16=1,M1618*Input!$J$16,0)</f>
        <v>1.2219484192955195</v>
      </c>
      <c r="O1618" s="58">
        <f>IF(Input!$K$13=2,J1618*Input!$J$13,0)+IF(Input!$K$14=2,K1618*Input!$J$14,0)+IF(Input!$K$15=2,L1618*Input!$J$15,0)+IF(Input!$K$16=2,M1618*Input!$J$16,0)</f>
        <v>8.2985976275486262E-2</v>
      </c>
      <c r="P1618" s="58">
        <f>IF(Input!$K$13=3,J1618*Input!$J$13,0)+IF(Input!$K$14=3,K1618*Input!$J$14,0)+IF(Input!$K$15=3,L1618*Input!$J$15,0)+IF(Input!$K$16=3,M1618*Input!$J$16,0)</f>
        <v>0</v>
      </c>
      <c r="Q1618" s="71">
        <f>IF(Input!$K$13=4,J1618*Input!$J$13,0)+IF(Input!$K$14=4,K1618*Input!$J$14,0)+IF(Input!$K$15=4,L1618*Input!$J$15,0)+IF(Input!$K$16=4,M1618*Input!$J$16,0)</f>
        <v>0</v>
      </c>
    </row>
    <row r="1619" spans="8:17" x14ac:dyDescent="0.25">
      <c r="H1619" s="43">
        <v>1612</v>
      </c>
      <c r="I1619" s="55">
        <f>Bühler!I1645</f>
        <v>0.85121249985282854</v>
      </c>
      <c r="J1619" s="58">
        <f>Bühler!J1645</f>
        <v>10.182903494129329</v>
      </c>
      <c r="K1619" s="58">
        <f>Bühler!K1645</f>
        <v>0.61471093537397226</v>
      </c>
      <c r="L1619" s="58">
        <f>Bühler!L1645</f>
        <v>0.30735546768698613</v>
      </c>
      <c r="M1619" s="57">
        <f>Bühler!M1645</f>
        <v>0</v>
      </c>
      <c r="N1619" s="55">
        <f>IF(Input!$K$13=1,J1619*Input!$J$13,0)+IF(Input!$K$14=1,K1619*Input!$J$14,0)+IF(Input!$K$15=1,L1619*Input!$J$15,0)+IF(Input!$K$16=1,M1619*Input!$J$16,0)</f>
        <v>1.2219484192955195</v>
      </c>
      <c r="O1619" s="58">
        <f>IF(Input!$K$13=2,J1619*Input!$J$13,0)+IF(Input!$K$14=2,K1619*Input!$J$14,0)+IF(Input!$K$15=2,L1619*Input!$J$15,0)+IF(Input!$K$16=2,M1619*Input!$J$16,0)</f>
        <v>8.2985976275486262E-2</v>
      </c>
      <c r="P1619" s="58">
        <f>IF(Input!$K$13=3,J1619*Input!$J$13,0)+IF(Input!$K$14=3,K1619*Input!$J$14,0)+IF(Input!$K$15=3,L1619*Input!$J$15,0)+IF(Input!$K$16=3,M1619*Input!$J$16,0)</f>
        <v>0</v>
      </c>
      <c r="Q1619" s="71">
        <f>IF(Input!$K$13=4,J1619*Input!$J$13,0)+IF(Input!$K$14=4,K1619*Input!$J$14,0)+IF(Input!$K$15=4,L1619*Input!$J$15,0)+IF(Input!$K$16=4,M1619*Input!$J$16,0)</f>
        <v>0</v>
      </c>
    </row>
    <row r="1620" spans="8:17" x14ac:dyDescent="0.25">
      <c r="H1620" s="43">
        <v>1613</v>
      </c>
      <c r="I1620" s="55">
        <f>Bühler!I1646</f>
        <v>0.85121249985282854</v>
      </c>
      <c r="J1620" s="58">
        <f>Bühler!J1646</f>
        <v>10.182903494129329</v>
      </c>
      <c r="K1620" s="58">
        <f>Bühler!K1646</f>
        <v>0.61471093537397226</v>
      </c>
      <c r="L1620" s="58">
        <f>Bühler!L1646</f>
        <v>0.30735546768698613</v>
      </c>
      <c r="M1620" s="57">
        <f>Bühler!M1646</f>
        <v>0</v>
      </c>
      <c r="N1620" s="55">
        <f>IF(Input!$K$13=1,J1620*Input!$J$13,0)+IF(Input!$K$14=1,K1620*Input!$J$14,0)+IF(Input!$K$15=1,L1620*Input!$J$15,0)+IF(Input!$K$16=1,M1620*Input!$J$16,0)</f>
        <v>1.2219484192955195</v>
      </c>
      <c r="O1620" s="58">
        <f>IF(Input!$K$13=2,J1620*Input!$J$13,0)+IF(Input!$K$14=2,K1620*Input!$J$14,0)+IF(Input!$K$15=2,L1620*Input!$J$15,0)+IF(Input!$K$16=2,M1620*Input!$J$16,0)</f>
        <v>8.2985976275486262E-2</v>
      </c>
      <c r="P1620" s="58">
        <f>IF(Input!$K$13=3,J1620*Input!$J$13,0)+IF(Input!$K$14=3,K1620*Input!$J$14,0)+IF(Input!$K$15=3,L1620*Input!$J$15,0)+IF(Input!$K$16=3,M1620*Input!$J$16,0)</f>
        <v>0</v>
      </c>
      <c r="Q1620" s="71">
        <f>IF(Input!$K$13=4,J1620*Input!$J$13,0)+IF(Input!$K$14=4,K1620*Input!$J$14,0)+IF(Input!$K$15=4,L1620*Input!$J$15,0)+IF(Input!$K$16=4,M1620*Input!$J$16,0)</f>
        <v>0</v>
      </c>
    </row>
    <row r="1621" spans="8:17" x14ac:dyDescent="0.25">
      <c r="H1621" s="43">
        <v>1614</v>
      </c>
      <c r="I1621" s="55">
        <f>Bühler!I1647</f>
        <v>0.85121249985282854</v>
      </c>
      <c r="J1621" s="58">
        <f>Bühler!J1647</f>
        <v>10.182903494129329</v>
      </c>
      <c r="K1621" s="58">
        <f>Bühler!K1647</f>
        <v>0.61471093537397226</v>
      </c>
      <c r="L1621" s="58">
        <f>Bühler!L1647</f>
        <v>0.30735546768698613</v>
      </c>
      <c r="M1621" s="57">
        <f>Bühler!M1647</f>
        <v>0</v>
      </c>
      <c r="N1621" s="55">
        <f>IF(Input!$K$13=1,J1621*Input!$J$13,0)+IF(Input!$K$14=1,K1621*Input!$J$14,0)+IF(Input!$K$15=1,L1621*Input!$J$15,0)+IF(Input!$K$16=1,M1621*Input!$J$16,0)</f>
        <v>1.2219484192955195</v>
      </c>
      <c r="O1621" s="58">
        <f>IF(Input!$K$13=2,J1621*Input!$J$13,0)+IF(Input!$K$14=2,K1621*Input!$J$14,0)+IF(Input!$K$15=2,L1621*Input!$J$15,0)+IF(Input!$K$16=2,M1621*Input!$J$16,0)</f>
        <v>8.2985976275486262E-2</v>
      </c>
      <c r="P1621" s="58">
        <f>IF(Input!$K$13=3,J1621*Input!$J$13,0)+IF(Input!$K$14=3,K1621*Input!$J$14,0)+IF(Input!$K$15=3,L1621*Input!$J$15,0)+IF(Input!$K$16=3,M1621*Input!$J$16,0)</f>
        <v>0</v>
      </c>
      <c r="Q1621" s="71">
        <f>IF(Input!$K$13=4,J1621*Input!$J$13,0)+IF(Input!$K$14=4,K1621*Input!$J$14,0)+IF(Input!$K$15=4,L1621*Input!$J$15,0)+IF(Input!$K$16=4,M1621*Input!$J$16,0)</f>
        <v>0</v>
      </c>
    </row>
    <row r="1622" spans="8:17" x14ac:dyDescent="0.25">
      <c r="H1622" s="43">
        <v>1615</v>
      </c>
      <c r="I1622" s="55">
        <f>Bühler!I1648</f>
        <v>0.85121249985282854</v>
      </c>
      <c r="J1622" s="58">
        <f>Bühler!J1648</f>
        <v>10.182903494129329</v>
      </c>
      <c r="K1622" s="58">
        <f>Bühler!K1648</f>
        <v>0.61471093537397226</v>
      </c>
      <c r="L1622" s="58">
        <f>Bühler!L1648</f>
        <v>0.30735546768698613</v>
      </c>
      <c r="M1622" s="57">
        <f>Bühler!M1648</f>
        <v>0</v>
      </c>
      <c r="N1622" s="55">
        <f>IF(Input!$K$13=1,J1622*Input!$J$13,0)+IF(Input!$K$14=1,K1622*Input!$J$14,0)+IF(Input!$K$15=1,L1622*Input!$J$15,0)+IF(Input!$K$16=1,M1622*Input!$J$16,0)</f>
        <v>1.2219484192955195</v>
      </c>
      <c r="O1622" s="58">
        <f>IF(Input!$K$13=2,J1622*Input!$J$13,0)+IF(Input!$K$14=2,K1622*Input!$J$14,0)+IF(Input!$K$15=2,L1622*Input!$J$15,0)+IF(Input!$K$16=2,M1622*Input!$J$16,0)</f>
        <v>8.2985976275486262E-2</v>
      </c>
      <c r="P1622" s="58">
        <f>IF(Input!$K$13=3,J1622*Input!$J$13,0)+IF(Input!$K$14=3,K1622*Input!$J$14,0)+IF(Input!$K$15=3,L1622*Input!$J$15,0)+IF(Input!$K$16=3,M1622*Input!$J$16,0)</f>
        <v>0</v>
      </c>
      <c r="Q1622" s="71">
        <f>IF(Input!$K$13=4,J1622*Input!$J$13,0)+IF(Input!$K$14=4,K1622*Input!$J$14,0)+IF(Input!$K$15=4,L1622*Input!$J$15,0)+IF(Input!$K$16=4,M1622*Input!$J$16,0)</f>
        <v>0</v>
      </c>
    </row>
    <row r="1623" spans="8:17" x14ac:dyDescent="0.25">
      <c r="H1623" s="43">
        <v>1616</v>
      </c>
      <c r="I1623" s="55">
        <f>Bühler!I1649</f>
        <v>2.3450904370945427</v>
      </c>
      <c r="J1623" s="58">
        <f>Bühler!J1649</f>
        <v>40.397365183884361</v>
      </c>
      <c r="K1623" s="58">
        <f>Bühler!K1649</f>
        <v>2.5128637933923899</v>
      </c>
      <c r="L1623" s="58">
        <f>Bühler!L1649</f>
        <v>1.2564318966961949</v>
      </c>
      <c r="M1623" s="57">
        <f>Bühler!M1649</f>
        <v>0</v>
      </c>
      <c r="N1623" s="55">
        <f>IF(Input!$K$13=1,J1623*Input!$J$13,0)+IF(Input!$K$14=1,K1623*Input!$J$14,0)+IF(Input!$K$15=1,L1623*Input!$J$15,0)+IF(Input!$K$16=1,M1623*Input!$J$16,0)</f>
        <v>4.8476838220661227</v>
      </c>
      <c r="O1623" s="58">
        <f>IF(Input!$K$13=2,J1623*Input!$J$13,0)+IF(Input!$K$14=2,K1623*Input!$J$14,0)+IF(Input!$K$15=2,L1623*Input!$J$15,0)+IF(Input!$K$16=2,M1623*Input!$J$16,0)</f>
        <v>0.33923661210797262</v>
      </c>
      <c r="P1623" s="58">
        <f>IF(Input!$K$13=3,J1623*Input!$J$13,0)+IF(Input!$K$14=3,K1623*Input!$J$14,0)+IF(Input!$K$15=3,L1623*Input!$J$15,0)+IF(Input!$K$16=3,M1623*Input!$J$16,0)</f>
        <v>0</v>
      </c>
      <c r="Q1623" s="71">
        <f>IF(Input!$K$13=4,J1623*Input!$J$13,0)+IF(Input!$K$14=4,K1623*Input!$J$14,0)+IF(Input!$K$15=4,L1623*Input!$J$15,0)+IF(Input!$K$16=4,M1623*Input!$J$16,0)</f>
        <v>0</v>
      </c>
    </row>
    <row r="1624" spans="8:17" x14ac:dyDescent="0.25">
      <c r="H1624" s="43">
        <v>1617</v>
      </c>
      <c r="I1624" s="55">
        <f>Bühler!I1650</f>
        <v>2.616627224547595</v>
      </c>
      <c r="J1624" s="58">
        <f>Bühler!J1650</f>
        <v>45.074954836755197</v>
      </c>
      <c r="K1624" s="58">
        <f>Bühler!K1650</f>
        <v>2.8038269694694034</v>
      </c>
      <c r="L1624" s="58">
        <f>Bühler!L1650</f>
        <v>1.4019134847347017</v>
      </c>
      <c r="M1624" s="57">
        <f>Bühler!M1650</f>
        <v>0</v>
      </c>
      <c r="N1624" s="55">
        <f>IF(Input!$K$13=1,J1624*Input!$J$13,0)+IF(Input!$K$14=1,K1624*Input!$J$14,0)+IF(Input!$K$15=1,L1624*Input!$J$15,0)+IF(Input!$K$16=1,M1624*Input!$J$16,0)</f>
        <v>5.4089945804106234</v>
      </c>
      <c r="O1624" s="58">
        <f>IF(Input!$K$13=2,J1624*Input!$J$13,0)+IF(Input!$K$14=2,K1624*Input!$J$14,0)+IF(Input!$K$15=2,L1624*Input!$J$15,0)+IF(Input!$K$16=2,M1624*Input!$J$16,0)</f>
        <v>0.37851664087836945</v>
      </c>
      <c r="P1624" s="58">
        <f>IF(Input!$K$13=3,J1624*Input!$J$13,0)+IF(Input!$K$14=3,K1624*Input!$J$14,0)+IF(Input!$K$15=3,L1624*Input!$J$15,0)+IF(Input!$K$16=3,M1624*Input!$J$16,0)</f>
        <v>0</v>
      </c>
      <c r="Q1624" s="71">
        <f>IF(Input!$K$13=4,J1624*Input!$J$13,0)+IF(Input!$K$14=4,K1624*Input!$J$14,0)+IF(Input!$K$15=4,L1624*Input!$J$15,0)+IF(Input!$K$16=4,M1624*Input!$J$16,0)</f>
        <v>0</v>
      </c>
    </row>
    <row r="1625" spans="8:17" x14ac:dyDescent="0.25">
      <c r="H1625" s="43">
        <v>1618</v>
      </c>
      <c r="I1625" s="55">
        <f>Bühler!I1651</f>
        <v>2.8881640120006469</v>
      </c>
      <c r="J1625" s="58">
        <f>Bühler!J1651</f>
        <v>49.752544489626018</v>
      </c>
      <c r="K1625" s="58">
        <f>Bühler!K1651</f>
        <v>3.0947901455464173</v>
      </c>
      <c r="L1625" s="58">
        <f>Bühler!L1651</f>
        <v>1.5473950727732086</v>
      </c>
      <c r="M1625" s="57">
        <f>Bühler!M1651</f>
        <v>0</v>
      </c>
      <c r="N1625" s="55">
        <f>IF(Input!$K$13=1,J1625*Input!$J$13,0)+IF(Input!$K$14=1,K1625*Input!$J$14,0)+IF(Input!$K$15=1,L1625*Input!$J$15,0)+IF(Input!$K$16=1,M1625*Input!$J$16,0)</f>
        <v>5.9703053387551224</v>
      </c>
      <c r="O1625" s="58">
        <f>IF(Input!$K$13=2,J1625*Input!$J$13,0)+IF(Input!$K$14=2,K1625*Input!$J$14,0)+IF(Input!$K$15=2,L1625*Input!$J$15,0)+IF(Input!$K$16=2,M1625*Input!$J$16,0)</f>
        <v>0.41779666964876627</v>
      </c>
      <c r="P1625" s="58">
        <f>IF(Input!$K$13=3,J1625*Input!$J$13,0)+IF(Input!$K$14=3,K1625*Input!$J$14,0)+IF(Input!$K$15=3,L1625*Input!$J$15,0)+IF(Input!$K$16=3,M1625*Input!$J$16,0)</f>
        <v>0</v>
      </c>
      <c r="Q1625" s="71">
        <f>IF(Input!$K$13=4,J1625*Input!$J$13,0)+IF(Input!$K$14=4,K1625*Input!$J$14,0)+IF(Input!$K$15=4,L1625*Input!$J$15,0)+IF(Input!$K$16=4,M1625*Input!$J$16,0)</f>
        <v>0</v>
      </c>
    </row>
    <row r="1626" spans="8:17" x14ac:dyDescent="0.25">
      <c r="H1626" s="43">
        <v>1619</v>
      </c>
      <c r="I1626" s="55">
        <f>Bühler!I1652</f>
        <v>2.8881640120006469</v>
      </c>
      <c r="J1626" s="58">
        <f>Bühler!J1652</f>
        <v>49.752544489626018</v>
      </c>
      <c r="K1626" s="58">
        <f>Bühler!K1652</f>
        <v>3.0947901455464173</v>
      </c>
      <c r="L1626" s="58">
        <f>Bühler!L1652</f>
        <v>1.5473950727732086</v>
      </c>
      <c r="M1626" s="57">
        <f>Bühler!M1652</f>
        <v>0</v>
      </c>
      <c r="N1626" s="55">
        <f>IF(Input!$K$13=1,J1626*Input!$J$13,0)+IF(Input!$K$14=1,K1626*Input!$J$14,0)+IF(Input!$K$15=1,L1626*Input!$J$15,0)+IF(Input!$K$16=1,M1626*Input!$J$16,0)</f>
        <v>5.9703053387551224</v>
      </c>
      <c r="O1626" s="58">
        <f>IF(Input!$K$13=2,J1626*Input!$J$13,0)+IF(Input!$K$14=2,K1626*Input!$J$14,0)+IF(Input!$K$15=2,L1626*Input!$J$15,0)+IF(Input!$K$16=2,M1626*Input!$J$16,0)</f>
        <v>0.41779666964876627</v>
      </c>
      <c r="P1626" s="58">
        <f>IF(Input!$K$13=3,J1626*Input!$J$13,0)+IF(Input!$K$14=3,K1626*Input!$J$14,0)+IF(Input!$K$15=3,L1626*Input!$J$15,0)+IF(Input!$K$16=3,M1626*Input!$J$16,0)</f>
        <v>0</v>
      </c>
      <c r="Q1626" s="71">
        <f>IF(Input!$K$13=4,J1626*Input!$J$13,0)+IF(Input!$K$14=4,K1626*Input!$J$14,0)+IF(Input!$K$15=4,L1626*Input!$J$15,0)+IF(Input!$K$16=4,M1626*Input!$J$16,0)</f>
        <v>0</v>
      </c>
    </row>
    <row r="1627" spans="8:17" x14ac:dyDescent="0.25">
      <c r="H1627" s="43">
        <v>1620</v>
      </c>
      <c r="I1627" s="55">
        <f>Bühler!I1653</f>
        <v>3.4559227494024833</v>
      </c>
      <c r="J1627" s="58">
        <f>Bühler!J1653</f>
        <v>59.532959218355906</v>
      </c>
      <c r="K1627" s="58">
        <f>Bühler!K1653</f>
        <v>3.703167695525627</v>
      </c>
      <c r="L1627" s="58">
        <f>Bühler!L1653</f>
        <v>1.8515838477628135</v>
      </c>
      <c r="M1627" s="57">
        <f>Bühler!M1653</f>
        <v>0</v>
      </c>
      <c r="N1627" s="55">
        <f>IF(Input!$K$13=1,J1627*Input!$J$13,0)+IF(Input!$K$14=1,K1627*Input!$J$14,0)+IF(Input!$K$15=1,L1627*Input!$J$15,0)+IF(Input!$K$16=1,M1627*Input!$J$16,0)</f>
        <v>7.143955106202708</v>
      </c>
      <c r="O1627" s="58">
        <f>IF(Input!$K$13=2,J1627*Input!$J$13,0)+IF(Input!$K$14=2,K1627*Input!$J$14,0)+IF(Input!$K$15=2,L1627*Input!$J$15,0)+IF(Input!$K$16=2,M1627*Input!$J$16,0)</f>
        <v>0.49992763889595959</v>
      </c>
      <c r="P1627" s="58">
        <f>IF(Input!$K$13=3,J1627*Input!$J$13,0)+IF(Input!$K$14=3,K1627*Input!$J$14,0)+IF(Input!$K$15=3,L1627*Input!$J$15,0)+IF(Input!$K$16=3,M1627*Input!$J$16,0)</f>
        <v>0</v>
      </c>
      <c r="Q1627" s="71">
        <f>IF(Input!$K$13=4,J1627*Input!$J$13,0)+IF(Input!$K$14=4,K1627*Input!$J$14,0)+IF(Input!$K$15=4,L1627*Input!$J$15,0)+IF(Input!$K$16=4,M1627*Input!$J$16,0)</f>
        <v>0</v>
      </c>
    </row>
    <row r="1628" spans="8:17" x14ac:dyDescent="0.25">
      <c r="H1628" s="43">
        <v>1621</v>
      </c>
      <c r="I1628" s="55">
        <f>Bühler!I1654</f>
        <v>3.4559227494024833</v>
      </c>
      <c r="J1628" s="58">
        <f>Bühler!J1654</f>
        <v>59.532959218355906</v>
      </c>
      <c r="K1628" s="58">
        <f>Bühler!K1654</f>
        <v>3.703167695525627</v>
      </c>
      <c r="L1628" s="58">
        <f>Bühler!L1654</f>
        <v>1.8515838477628135</v>
      </c>
      <c r="M1628" s="57">
        <f>Bühler!M1654</f>
        <v>0</v>
      </c>
      <c r="N1628" s="55">
        <f>IF(Input!$K$13=1,J1628*Input!$J$13,0)+IF(Input!$K$14=1,K1628*Input!$J$14,0)+IF(Input!$K$15=1,L1628*Input!$J$15,0)+IF(Input!$K$16=1,M1628*Input!$J$16,0)</f>
        <v>7.143955106202708</v>
      </c>
      <c r="O1628" s="58">
        <f>IF(Input!$K$13=2,J1628*Input!$J$13,0)+IF(Input!$K$14=2,K1628*Input!$J$14,0)+IF(Input!$K$15=2,L1628*Input!$J$15,0)+IF(Input!$K$16=2,M1628*Input!$J$16,0)</f>
        <v>0.49992763889595959</v>
      </c>
      <c r="P1628" s="58">
        <f>IF(Input!$K$13=3,J1628*Input!$J$13,0)+IF(Input!$K$14=3,K1628*Input!$J$14,0)+IF(Input!$K$15=3,L1628*Input!$J$15,0)+IF(Input!$K$16=3,M1628*Input!$J$16,0)</f>
        <v>0</v>
      </c>
      <c r="Q1628" s="71">
        <f>IF(Input!$K$13=4,J1628*Input!$J$13,0)+IF(Input!$K$14=4,K1628*Input!$J$14,0)+IF(Input!$K$15=4,L1628*Input!$J$15,0)+IF(Input!$K$16=4,M1628*Input!$J$16,0)</f>
        <v>0</v>
      </c>
    </row>
    <row r="1629" spans="8:17" x14ac:dyDescent="0.25">
      <c r="H1629" s="43">
        <v>1622</v>
      </c>
      <c r="I1629" s="55">
        <f>Bühler!I1655</f>
        <v>2.2957201121030781</v>
      </c>
      <c r="J1629" s="58">
        <f>Bühler!J1655</f>
        <v>39.546894337907851</v>
      </c>
      <c r="K1629" s="58">
        <f>Bühler!K1655</f>
        <v>2.459961397742024</v>
      </c>
      <c r="L1629" s="58">
        <f>Bühler!L1655</f>
        <v>1.229980698871012</v>
      </c>
      <c r="M1629" s="57">
        <f>Bühler!M1655</f>
        <v>0</v>
      </c>
      <c r="N1629" s="55">
        <f>IF(Input!$K$13=1,J1629*Input!$J$13,0)+IF(Input!$K$14=1,K1629*Input!$J$14,0)+IF(Input!$K$15=1,L1629*Input!$J$15,0)+IF(Input!$K$16=1,M1629*Input!$J$16,0)</f>
        <v>4.7456273205489419</v>
      </c>
      <c r="O1629" s="58">
        <f>IF(Input!$K$13=2,J1629*Input!$J$13,0)+IF(Input!$K$14=2,K1629*Input!$J$14,0)+IF(Input!$K$15=2,L1629*Input!$J$15,0)+IF(Input!$K$16=2,M1629*Input!$J$16,0)</f>
        <v>0.33209478869517323</v>
      </c>
      <c r="P1629" s="58">
        <f>IF(Input!$K$13=3,J1629*Input!$J$13,0)+IF(Input!$K$14=3,K1629*Input!$J$14,0)+IF(Input!$K$15=3,L1629*Input!$J$15,0)+IF(Input!$K$16=3,M1629*Input!$J$16,0)</f>
        <v>0</v>
      </c>
      <c r="Q1629" s="71">
        <f>IF(Input!$K$13=4,J1629*Input!$J$13,0)+IF(Input!$K$14=4,K1629*Input!$J$14,0)+IF(Input!$K$15=4,L1629*Input!$J$15,0)+IF(Input!$K$16=4,M1629*Input!$J$16,0)</f>
        <v>0</v>
      </c>
    </row>
    <row r="1630" spans="8:17" x14ac:dyDescent="0.25">
      <c r="H1630" s="43">
        <v>1623</v>
      </c>
      <c r="I1630" s="55">
        <f>Bühler!I1656</f>
        <v>3.4559227494024833</v>
      </c>
      <c r="J1630" s="58">
        <f>Bühler!J1656</f>
        <v>59.532959218355906</v>
      </c>
      <c r="K1630" s="58">
        <f>Bühler!K1656</f>
        <v>3.703167695525627</v>
      </c>
      <c r="L1630" s="58">
        <f>Bühler!L1656</f>
        <v>1.8515838477628135</v>
      </c>
      <c r="M1630" s="57">
        <f>Bühler!M1656</f>
        <v>0</v>
      </c>
      <c r="N1630" s="55">
        <f>IF(Input!$K$13=1,J1630*Input!$J$13,0)+IF(Input!$K$14=1,K1630*Input!$J$14,0)+IF(Input!$K$15=1,L1630*Input!$J$15,0)+IF(Input!$K$16=1,M1630*Input!$J$16,0)</f>
        <v>7.143955106202708</v>
      </c>
      <c r="O1630" s="58">
        <f>IF(Input!$K$13=2,J1630*Input!$J$13,0)+IF(Input!$K$14=2,K1630*Input!$J$14,0)+IF(Input!$K$15=2,L1630*Input!$J$15,0)+IF(Input!$K$16=2,M1630*Input!$J$16,0)</f>
        <v>0.49992763889595959</v>
      </c>
      <c r="P1630" s="58">
        <f>IF(Input!$K$13=3,J1630*Input!$J$13,0)+IF(Input!$K$14=3,K1630*Input!$J$14,0)+IF(Input!$K$15=3,L1630*Input!$J$15,0)+IF(Input!$K$16=3,M1630*Input!$J$16,0)</f>
        <v>0</v>
      </c>
      <c r="Q1630" s="71">
        <f>IF(Input!$K$13=4,J1630*Input!$J$13,0)+IF(Input!$K$14=4,K1630*Input!$J$14,0)+IF(Input!$K$15=4,L1630*Input!$J$15,0)+IF(Input!$K$16=4,M1630*Input!$J$16,0)</f>
        <v>0</v>
      </c>
    </row>
    <row r="1631" spans="8:17" x14ac:dyDescent="0.25">
      <c r="H1631" s="43">
        <v>1624</v>
      </c>
      <c r="I1631" s="55">
        <f>Bühler!I1657</f>
        <v>3.4559227494024833</v>
      </c>
      <c r="J1631" s="58">
        <f>Bühler!J1657</f>
        <v>59.532959218355906</v>
      </c>
      <c r="K1631" s="58">
        <f>Bühler!K1657</f>
        <v>3.703167695525627</v>
      </c>
      <c r="L1631" s="58">
        <f>Bühler!L1657</f>
        <v>1.8515838477628135</v>
      </c>
      <c r="M1631" s="57">
        <f>Bühler!M1657</f>
        <v>0</v>
      </c>
      <c r="N1631" s="55">
        <f>IF(Input!$K$13=1,J1631*Input!$J$13,0)+IF(Input!$K$14=1,K1631*Input!$J$14,0)+IF(Input!$K$15=1,L1631*Input!$J$15,0)+IF(Input!$K$16=1,M1631*Input!$J$16,0)</f>
        <v>7.143955106202708</v>
      </c>
      <c r="O1631" s="58">
        <f>IF(Input!$K$13=2,J1631*Input!$J$13,0)+IF(Input!$K$14=2,K1631*Input!$J$14,0)+IF(Input!$K$15=2,L1631*Input!$J$15,0)+IF(Input!$K$16=2,M1631*Input!$J$16,0)</f>
        <v>0.49992763889595959</v>
      </c>
      <c r="P1631" s="58">
        <f>IF(Input!$K$13=3,J1631*Input!$J$13,0)+IF(Input!$K$14=3,K1631*Input!$J$14,0)+IF(Input!$K$15=3,L1631*Input!$J$15,0)+IF(Input!$K$16=3,M1631*Input!$J$16,0)</f>
        <v>0</v>
      </c>
      <c r="Q1631" s="71">
        <f>IF(Input!$K$13=4,J1631*Input!$J$13,0)+IF(Input!$K$14=4,K1631*Input!$J$14,0)+IF(Input!$K$15=4,L1631*Input!$J$15,0)+IF(Input!$K$16=4,M1631*Input!$J$16,0)</f>
        <v>0</v>
      </c>
    </row>
    <row r="1632" spans="8:17" x14ac:dyDescent="0.25">
      <c r="H1632" s="43">
        <v>1625</v>
      </c>
      <c r="I1632" s="55">
        <f>Bühler!I1658</f>
        <v>2.8877384057507212</v>
      </c>
      <c r="J1632" s="58">
        <f>Bühler!J1658</f>
        <v>36.004069271371726</v>
      </c>
      <c r="K1632" s="58">
        <f>Bühler!K1658</f>
        <v>2.1822238205776014</v>
      </c>
      <c r="L1632" s="58">
        <f>Bühler!L1658</f>
        <v>1.0911119102888007</v>
      </c>
      <c r="M1632" s="57">
        <f>Bühler!M1658</f>
        <v>0</v>
      </c>
      <c r="N1632" s="55">
        <f>IF(Input!$K$13=1,J1632*Input!$J$13,0)+IF(Input!$K$14=1,K1632*Input!$J$14,0)+IF(Input!$K$15=1,L1632*Input!$J$15,0)+IF(Input!$K$16=1,M1632*Input!$J$16,0)</f>
        <v>4.3204883125646072</v>
      </c>
      <c r="O1632" s="58">
        <f>IF(Input!$K$13=2,J1632*Input!$J$13,0)+IF(Input!$K$14=2,K1632*Input!$J$14,0)+IF(Input!$K$15=2,L1632*Input!$J$15,0)+IF(Input!$K$16=2,M1632*Input!$J$16,0)</f>
        <v>0.29460021577797618</v>
      </c>
      <c r="P1632" s="58">
        <f>IF(Input!$K$13=3,J1632*Input!$J$13,0)+IF(Input!$K$14=3,K1632*Input!$J$14,0)+IF(Input!$K$15=3,L1632*Input!$J$15,0)+IF(Input!$K$16=3,M1632*Input!$J$16,0)</f>
        <v>0</v>
      </c>
      <c r="Q1632" s="71">
        <f>IF(Input!$K$13=4,J1632*Input!$J$13,0)+IF(Input!$K$14=4,K1632*Input!$J$14,0)+IF(Input!$K$15=4,L1632*Input!$J$15,0)+IF(Input!$K$16=4,M1632*Input!$J$16,0)</f>
        <v>0</v>
      </c>
    </row>
    <row r="1633" spans="8:17" x14ac:dyDescent="0.25">
      <c r="H1633" s="43">
        <v>1626</v>
      </c>
      <c r="I1633" s="55">
        <f>Bühler!I1659</f>
        <v>2.2961457183530047</v>
      </c>
      <c r="J1633" s="58">
        <f>Bühler!J1659</f>
        <v>16.518940618047218</v>
      </c>
      <c r="K1633" s="58">
        <f>Bühler!K1659</f>
        <v>0.93138020511207942</v>
      </c>
      <c r="L1633" s="58">
        <f>Bühler!L1659</f>
        <v>0.46569010255603971</v>
      </c>
      <c r="M1633" s="57">
        <f>Bühler!M1659</f>
        <v>0</v>
      </c>
      <c r="N1633" s="55">
        <f>IF(Input!$K$13=1,J1633*Input!$J$13,0)+IF(Input!$K$14=1,K1633*Input!$J$14,0)+IF(Input!$K$15=1,L1633*Input!$J$15,0)+IF(Input!$K$16=1,M1633*Input!$J$16,0)</f>
        <v>1.9822728741656661</v>
      </c>
      <c r="O1633" s="58">
        <f>IF(Input!$K$13=2,J1633*Input!$J$13,0)+IF(Input!$K$14=2,K1633*Input!$J$14,0)+IF(Input!$K$15=2,L1633*Input!$J$15,0)+IF(Input!$K$16=2,M1633*Input!$J$16,0)</f>
        <v>0.12573632769013071</v>
      </c>
      <c r="P1633" s="58">
        <f>IF(Input!$K$13=3,J1633*Input!$J$13,0)+IF(Input!$K$14=3,K1633*Input!$J$14,0)+IF(Input!$K$15=3,L1633*Input!$J$15,0)+IF(Input!$K$16=3,M1633*Input!$J$16,0)</f>
        <v>0</v>
      </c>
      <c r="Q1633" s="71">
        <f>IF(Input!$K$13=4,J1633*Input!$J$13,0)+IF(Input!$K$14=4,K1633*Input!$J$14,0)+IF(Input!$K$15=4,L1633*Input!$J$15,0)+IF(Input!$K$16=4,M1633*Input!$J$16,0)</f>
        <v>0</v>
      </c>
    </row>
    <row r="1634" spans="8:17" x14ac:dyDescent="0.25">
      <c r="H1634" s="43">
        <v>1627</v>
      </c>
      <c r="I1634" s="55">
        <f>Bühler!I1660</f>
        <v>0.85121249985282854</v>
      </c>
      <c r="J1634" s="58">
        <f>Bühler!J1660</f>
        <v>10.182903494129329</v>
      </c>
      <c r="K1634" s="58">
        <f>Bühler!K1660</f>
        <v>0.61471093537397226</v>
      </c>
      <c r="L1634" s="58">
        <f>Bühler!L1660</f>
        <v>0.30735546768698613</v>
      </c>
      <c r="M1634" s="57">
        <f>Bühler!M1660</f>
        <v>0</v>
      </c>
      <c r="N1634" s="55">
        <f>IF(Input!$K$13=1,J1634*Input!$J$13,0)+IF(Input!$K$14=1,K1634*Input!$J$14,0)+IF(Input!$K$15=1,L1634*Input!$J$15,0)+IF(Input!$K$16=1,M1634*Input!$J$16,0)</f>
        <v>1.2219484192955195</v>
      </c>
      <c r="O1634" s="58">
        <f>IF(Input!$K$13=2,J1634*Input!$J$13,0)+IF(Input!$K$14=2,K1634*Input!$J$14,0)+IF(Input!$K$15=2,L1634*Input!$J$15,0)+IF(Input!$K$16=2,M1634*Input!$J$16,0)</f>
        <v>8.2985976275486262E-2</v>
      </c>
      <c r="P1634" s="58">
        <f>IF(Input!$K$13=3,J1634*Input!$J$13,0)+IF(Input!$K$14=3,K1634*Input!$J$14,0)+IF(Input!$K$15=3,L1634*Input!$J$15,0)+IF(Input!$K$16=3,M1634*Input!$J$16,0)</f>
        <v>0</v>
      </c>
      <c r="Q1634" s="71">
        <f>IF(Input!$K$13=4,J1634*Input!$J$13,0)+IF(Input!$K$14=4,K1634*Input!$J$14,0)+IF(Input!$K$15=4,L1634*Input!$J$15,0)+IF(Input!$K$16=4,M1634*Input!$J$16,0)</f>
        <v>0</v>
      </c>
    </row>
    <row r="1635" spans="8:17" x14ac:dyDescent="0.25">
      <c r="H1635" s="43">
        <v>1628</v>
      </c>
      <c r="I1635" s="55">
        <f>Bühler!I1661</f>
        <v>0.85121249985282854</v>
      </c>
      <c r="J1635" s="58">
        <f>Bühler!J1661</f>
        <v>10.182903494129329</v>
      </c>
      <c r="K1635" s="58">
        <f>Bühler!K1661</f>
        <v>0.61471093537397226</v>
      </c>
      <c r="L1635" s="58">
        <f>Bühler!L1661</f>
        <v>0.30735546768698613</v>
      </c>
      <c r="M1635" s="57">
        <f>Bühler!M1661</f>
        <v>0</v>
      </c>
      <c r="N1635" s="55">
        <f>IF(Input!$K$13=1,J1635*Input!$J$13,0)+IF(Input!$K$14=1,K1635*Input!$J$14,0)+IF(Input!$K$15=1,L1635*Input!$J$15,0)+IF(Input!$K$16=1,M1635*Input!$J$16,0)</f>
        <v>1.2219484192955195</v>
      </c>
      <c r="O1635" s="58">
        <f>IF(Input!$K$13=2,J1635*Input!$J$13,0)+IF(Input!$K$14=2,K1635*Input!$J$14,0)+IF(Input!$K$15=2,L1635*Input!$J$15,0)+IF(Input!$K$16=2,M1635*Input!$J$16,0)</f>
        <v>8.2985976275486262E-2</v>
      </c>
      <c r="P1635" s="58">
        <f>IF(Input!$K$13=3,J1635*Input!$J$13,0)+IF(Input!$K$14=3,K1635*Input!$J$14,0)+IF(Input!$K$15=3,L1635*Input!$J$15,0)+IF(Input!$K$16=3,M1635*Input!$J$16,0)</f>
        <v>0</v>
      </c>
      <c r="Q1635" s="71">
        <f>IF(Input!$K$13=4,J1635*Input!$J$13,0)+IF(Input!$K$14=4,K1635*Input!$J$14,0)+IF(Input!$K$15=4,L1635*Input!$J$15,0)+IF(Input!$K$16=4,M1635*Input!$J$16,0)</f>
        <v>0</v>
      </c>
    </row>
    <row r="1636" spans="8:17" x14ac:dyDescent="0.25">
      <c r="H1636" s="43">
        <v>1629</v>
      </c>
      <c r="I1636" s="55">
        <f>Bühler!I1662</f>
        <v>0.85121249985282854</v>
      </c>
      <c r="J1636" s="58">
        <f>Bühler!J1662</f>
        <v>10.182903494129329</v>
      </c>
      <c r="K1636" s="58">
        <f>Bühler!K1662</f>
        <v>0.61471093537397226</v>
      </c>
      <c r="L1636" s="58">
        <f>Bühler!L1662</f>
        <v>0.30735546768698613</v>
      </c>
      <c r="M1636" s="57">
        <f>Bühler!M1662</f>
        <v>0</v>
      </c>
      <c r="N1636" s="55">
        <f>IF(Input!$K$13=1,J1636*Input!$J$13,0)+IF(Input!$K$14=1,K1636*Input!$J$14,0)+IF(Input!$K$15=1,L1636*Input!$J$15,0)+IF(Input!$K$16=1,M1636*Input!$J$16,0)</f>
        <v>1.2219484192955195</v>
      </c>
      <c r="O1636" s="58">
        <f>IF(Input!$K$13=2,J1636*Input!$J$13,0)+IF(Input!$K$14=2,K1636*Input!$J$14,0)+IF(Input!$K$15=2,L1636*Input!$J$15,0)+IF(Input!$K$16=2,M1636*Input!$J$16,0)</f>
        <v>8.2985976275486262E-2</v>
      </c>
      <c r="P1636" s="58">
        <f>IF(Input!$K$13=3,J1636*Input!$J$13,0)+IF(Input!$K$14=3,K1636*Input!$J$14,0)+IF(Input!$K$15=3,L1636*Input!$J$15,0)+IF(Input!$K$16=3,M1636*Input!$J$16,0)</f>
        <v>0</v>
      </c>
      <c r="Q1636" s="71">
        <f>IF(Input!$K$13=4,J1636*Input!$J$13,0)+IF(Input!$K$14=4,K1636*Input!$J$14,0)+IF(Input!$K$15=4,L1636*Input!$J$15,0)+IF(Input!$K$16=4,M1636*Input!$J$16,0)</f>
        <v>0</v>
      </c>
    </row>
    <row r="1637" spans="8:17" x14ac:dyDescent="0.25">
      <c r="H1637" s="43">
        <v>1630</v>
      </c>
      <c r="I1637" s="55">
        <f>Bühler!I1663</f>
        <v>0.85121249985282854</v>
      </c>
      <c r="J1637" s="58">
        <f>Bühler!J1663</f>
        <v>10.182903494129329</v>
      </c>
      <c r="K1637" s="58">
        <f>Bühler!K1663</f>
        <v>0.61471093537397226</v>
      </c>
      <c r="L1637" s="58">
        <f>Bühler!L1663</f>
        <v>0.30735546768698613</v>
      </c>
      <c r="M1637" s="57">
        <f>Bühler!M1663</f>
        <v>0</v>
      </c>
      <c r="N1637" s="55">
        <f>IF(Input!$K$13=1,J1637*Input!$J$13,0)+IF(Input!$K$14=1,K1637*Input!$J$14,0)+IF(Input!$K$15=1,L1637*Input!$J$15,0)+IF(Input!$K$16=1,M1637*Input!$J$16,0)</f>
        <v>1.2219484192955195</v>
      </c>
      <c r="O1637" s="58">
        <f>IF(Input!$K$13=2,J1637*Input!$J$13,0)+IF(Input!$K$14=2,K1637*Input!$J$14,0)+IF(Input!$K$15=2,L1637*Input!$J$15,0)+IF(Input!$K$16=2,M1637*Input!$J$16,0)</f>
        <v>8.2985976275486262E-2</v>
      </c>
      <c r="P1637" s="58">
        <f>IF(Input!$K$13=3,J1637*Input!$J$13,0)+IF(Input!$K$14=3,K1637*Input!$J$14,0)+IF(Input!$K$15=3,L1637*Input!$J$15,0)+IF(Input!$K$16=3,M1637*Input!$J$16,0)</f>
        <v>0</v>
      </c>
      <c r="Q1637" s="71">
        <f>IF(Input!$K$13=4,J1637*Input!$J$13,0)+IF(Input!$K$14=4,K1637*Input!$J$14,0)+IF(Input!$K$15=4,L1637*Input!$J$15,0)+IF(Input!$K$16=4,M1637*Input!$J$16,0)</f>
        <v>0</v>
      </c>
    </row>
    <row r="1638" spans="8:17" x14ac:dyDescent="0.25">
      <c r="H1638" s="43">
        <v>1631</v>
      </c>
      <c r="I1638" s="55">
        <f>Bühler!I1664</f>
        <v>0.85121249985282854</v>
      </c>
      <c r="J1638" s="58">
        <f>Bühler!J1664</f>
        <v>10.182903494129329</v>
      </c>
      <c r="K1638" s="58">
        <f>Bühler!K1664</f>
        <v>0.61471093537397226</v>
      </c>
      <c r="L1638" s="58">
        <f>Bühler!L1664</f>
        <v>0.30735546768698613</v>
      </c>
      <c r="M1638" s="57">
        <f>Bühler!M1664</f>
        <v>0</v>
      </c>
      <c r="N1638" s="55">
        <f>IF(Input!$K$13=1,J1638*Input!$J$13,0)+IF(Input!$K$14=1,K1638*Input!$J$14,0)+IF(Input!$K$15=1,L1638*Input!$J$15,0)+IF(Input!$K$16=1,M1638*Input!$J$16,0)</f>
        <v>1.2219484192955195</v>
      </c>
      <c r="O1638" s="58">
        <f>IF(Input!$K$13=2,J1638*Input!$J$13,0)+IF(Input!$K$14=2,K1638*Input!$J$14,0)+IF(Input!$K$15=2,L1638*Input!$J$15,0)+IF(Input!$K$16=2,M1638*Input!$J$16,0)</f>
        <v>8.2985976275486262E-2</v>
      </c>
      <c r="P1638" s="58">
        <f>IF(Input!$K$13=3,J1638*Input!$J$13,0)+IF(Input!$K$14=3,K1638*Input!$J$14,0)+IF(Input!$K$15=3,L1638*Input!$J$15,0)+IF(Input!$K$16=3,M1638*Input!$J$16,0)</f>
        <v>0</v>
      </c>
      <c r="Q1638" s="71">
        <f>IF(Input!$K$13=4,J1638*Input!$J$13,0)+IF(Input!$K$14=4,K1638*Input!$J$14,0)+IF(Input!$K$15=4,L1638*Input!$J$15,0)+IF(Input!$K$16=4,M1638*Input!$J$16,0)</f>
        <v>0</v>
      </c>
    </row>
    <row r="1639" spans="8:17" x14ac:dyDescent="0.25">
      <c r="H1639" s="43">
        <v>1632</v>
      </c>
      <c r="I1639" s="55">
        <f>Bühler!I1665</f>
        <v>0.85121249985282854</v>
      </c>
      <c r="J1639" s="58">
        <f>Bühler!J1665</f>
        <v>10.182903494129329</v>
      </c>
      <c r="K1639" s="58">
        <f>Bühler!K1665</f>
        <v>0.61471093537397226</v>
      </c>
      <c r="L1639" s="58">
        <f>Bühler!L1665</f>
        <v>0.30735546768698613</v>
      </c>
      <c r="M1639" s="57">
        <f>Bühler!M1665</f>
        <v>0</v>
      </c>
      <c r="N1639" s="55">
        <f>IF(Input!$K$13=1,J1639*Input!$J$13,0)+IF(Input!$K$14=1,K1639*Input!$J$14,0)+IF(Input!$K$15=1,L1639*Input!$J$15,0)+IF(Input!$K$16=1,M1639*Input!$J$16,0)</f>
        <v>1.2219484192955195</v>
      </c>
      <c r="O1639" s="58">
        <f>IF(Input!$K$13=2,J1639*Input!$J$13,0)+IF(Input!$K$14=2,K1639*Input!$J$14,0)+IF(Input!$K$15=2,L1639*Input!$J$15,0)+IF(Input!$K$16=2,M1639*Input!$J$16,0)</f>
        <v>8.2985976275486262E-2</v>
      </c>
      <c r="P1639" s="58">
        <f>IF(Input!$K$13=3,J1639*Input!$J$13,0)+IF(Input!$K$14=3,K1639*Input!$J$14,0)+IF(Input!$K$15=3,L1639*Input!$J$15,0)+IF(Input!$K$16=3,M1639*Input!$J$16,0)</f>
        <v>0</v>
      </c>
      <c r="Q1639" s="71">
        <f>IF(Input!$K$13=4,J1639*Input!$J$13,0)+IF(Input!$K$14=4,K1639*Input!$J$14,0)+IF(Input!$K$15=4,L1639*Input!$J$15,0)+IF(Input!$K$16=4,M1639*Input!$J$16,0)</f>
        <v>0</v>
      </c>
    </row>
    <row r="1640" spans="8:17" x14ac:dyDescent="0.25">
      <c r="H1640" s="43">
        <v>1633</v>
      </c>
      <c r="I1640" s="55">
        <f>Bühler!I1666</f>
        <v>1.113436862665959</v>
      </c>
      <c r="J1640" s="58">
        <f>Bühler!J1666</f>
        <v>15.772076894990256</v>
      </c>
      <c r="K1640" s="58">
        <f>Bühler!K1666</f>
        <v>0.94444009192008771</v>
      </c>
      <c r="L1640" s="58">
        <f>Bühler!L1666</f>
        <v>0.47222004596004385</v>
      </c>
      <c r="M1640" s="57">
        <f>Bühler!M1666</f>
        <v>0</v>
      </c>
      <c r="N1640" s="55">
        <f>IF(Input!$K$13=1,J1640*Input!$J$13,0)+IF(Input!$K$14=1,K1640*Input!$J$14,0)+IF(Input!$K$15=1,L1640*Input!$J$15,0)+IF(Input!$K$16=1,M1640*Input!$J$16,0)</f>
        <v>1.8926492273988307</v>
      </c>
      <c r="O1640" s="58">
        <f>IF(Input!$K$13=2,J1640*Input!$J$13,0)+IF(Input!$K$14=2,K1640*Input!$J$14,0)+IF(Input!$K$15=2,L1640*Input!$J$15,0)+IF(Input!$K$16=2,M1640*Input!$J$16,0)</f>
        <v>0.12749941240921184</v>
      </c>
      <c r="P1640" s="58">
        <f>IF(Input!$K$13=3,J1640*Input!$J$13,0)+IF(Input!$K$14=3,K1640*Input!$J$14,0)+IF(Input!$K$15=3,L1640*Input!$J$15,0)+IF(Input!$K$16=3,M1640*Input!$J$16,0)</f>
        <v>0</v>
      </c>
      <c r="Q1640" s="71">
        <f>IF(Input!$K$13=4,J1640*Input!$J$13,0)+IF(Input!$K$14=4,K1640*Input!$J$14,0)+IF(Input!$K$15=4,L1640*Input!$J$15,0)+IF(Input!$K$16=4,M1640*Input!$J$16,0)</f>
        <v>0</v>
      </c>
    </row>
    <row r="1641" spans="8:17" x14ac:dyDescent="0.25">
      <c r="H1641" s="43">
        <v>1634</v>
      </c>
      <c r="I1641" s="55">
        <f>Bühler!I1667</f>
        <v>1.113436862665959</v>
      </c>
      <c r="J1641" s="58">
        <f>Bühler!J1667</f>
        <v>10.034013344919718</v>
      </c>
      <c r="K1641" s="58">
        <f>Bühler!K1667</f>
        <v>0.57238793449702274</v>
      </c>
      <c r="L1641" s="58">
        <f>Bühler!L1667</f>
        <v>0.28619396724851137</v>
      </c>
      <c r="M1641" s="57">
        <f>Bühler!M1667</f>
        <v>0</v>
      </c>
      <c r="N1641" s="55">
        <f>IF(Input!$K$13=1,J1641*Input!$J$13,0)+IF(Input!$K$14=1,K1641*Input!$J$14,0)+IF(Input!$K$15=1,L1641*Input!$J$15,0)+IF(Input!$K$16=1,M1641*Input!$J$16,0)</f>
        <v>1.2040816013903661</v>
      </c>
      <c r="O1641" s="58">
        <f>IF(Input!$K$13=2,J1641*Input!$J$13,0)+IF(Input!$K$14=2,K1641*Input!$J$14,0)+IF(Input!$K$15=2,L1641*Input!$J$15,0)+IF(Input!$K$16=2,M1641*Input!$J$16,0)</f>
        <v>7.7272371157098063E-2</v>
      </c>
      <c r="P1641" s="58">
        <f>IF(Input!$K$13=3,J1641*Input!$J$13,0)+IF(Input!$K$14=3,K1641*Input!$J$14,0)+IF(Input!$K$15=3,L1641*Input!$J$15,0)+IF(Input!$K$16=3,M1641*Input!$J$16,0)</f>
        <v>0</v>
      </c>
      <c r="Q1641" s="71">
        <f>IF(Input!$K$13=4,J1641*Input!$J$13,0)+IF(Input!$K$14=4,K1641*Input!$J$14,0)+IF(Input!$K$15=4,L1641*Input!$J$15,0)+IF(Input!$K$16=4,M1641*Input!$J$16,0)</f>
        <v>0</v>
      </c>
    </row>
    <row r="1642" spans="8:17" x14ac:dyDescent="0.25">
      <c r="H1642" s="43">
        <v>1635</v>
      </c>
      <c r="I1642" s="55">
        <f>Bühler!I1668</f>
        <v>1.113436862665959</v>
      </c>
      <c r="J1642" s="58">
        <f>Bühler!J1668</f>
        <v>10.034013344919718</v>
      </c>
      <c r="K1642" s="58">
        <f>Bühler!K1668</f>
        <v>0.57238793449702274</v>
      </c>
      <c r="L1642" s="58">
        <f>Bühler!L1668</f>
        <v>0.28619396724851137</v>
      </c>
      <c r="M1642" s="57">
        <f>Bühler!M1668</f>
        <v>0</v>
      </c>
      <c r="N1642" s="55">
        <f>IF(Input!$K$13=1,J1642*Input!$J$13,0)+IF(Input!$K$14=1,K1642*Input!$J$14,0)+IF(Input!$K$15=1,L1642*Input!$J$15,0)+IF(Input!$K$16=1,M1642*Input!$J$16,0)</f>
        <v>1.2040816013903661</v>
      </c>
      <c r="O1642" s="58">
        <f>IF(Input!$K$13=2,J1642*Input!$J$13,0)+IF(Input!$K$14=2,K1642*Input!$J$14,0)+IF(Input!$K$15=2,L1642*Input!$J$15,0)+IF(Input!$K$16=2,M1642*Input!$J$16,0)</f>
        <v>7.7272371157098063E-2</v>
      </c>
      <c r="P1642" s="58">
        <f>IF(Input!$K$13=3,J1642*Input!$J$13,0)+IF(Input!$K$14=3,K1642*Input!$J$14,0)+IF(Input!$K$15=3,L1642*Input!$J$15,0)+IF(Input!$K$16=3,M1642*Input!$J$16,0)</f>
        <v>0</v>
      </c>
      <c r="Q1642" s="71">
        <f>IF(Input!$K$13=4,J1642*Input!$J$13,0)+IF(Input!$K$14=4,K1642*Input!$J$14,0)+IF(Input!$K$15=4,L1642*Input!$J$15,0)+IF(Input!$K$16=4,M1642*Input!$J$16,0)</f>
        <v>0</v>
      </c>
    </row>
    <row r="1643" spans="8:17" x14ac:dyDescent="0.25">
      <c r="H1643" s="43">
        <v>1636</v>
      </c>
      <c r="I1643" s="55">
        <f>Bühler!I1669</f>
        <v>1.113436862665959</v>
      </c>
      <c r="J1643" s="58">
        <f>Bühler!J1669</f>
        <v>10.034013344919718</v>
      </c>
      <c r="K1643" s="58">
        <f>Bühler!K1669</f>
        <v>0.57238793449702274</v>
      </c>
      <c r="L1643" s="58">
        <f>Bühler!L1669</f>
        <v>0.28619396724851137</v>
      </c>
      <c r="M1643" s="57">
        <f>Bühler!M1669</f>
        <v>0</v>
      </c>
      <c r="N1643" s="55">
        <f>IF(Input!$K$13=1,J1643*Input!$J$13,0)+IF(Input!$K$14=1,K1643*Input!$J$14,0)+IF(Input!$K$15=1,L1643*Input!$J$15,0)+IF(Input!$K$16=1,M1643*Input!$J$16,0)</f>
        <v>1.2040816013903661</v>
      </c>
      <c r="O1643" s="58">
        <f>IF(Input!$K$13=2,J1643*Input!$J$13,0)+IF(Input!$K$14=2,K1643*Input!$J$14,0)+IF(Input!$K$15=2,L1643*Input!$J$15,0)+IF(Input!$K$16=2,M1643*Input!$J$16,0)</f>
        <v>7.7272371157098063E-2</v>
      </c>
      <c r="P1643" s="58">
        <f>IF(Input!$K$13=3,J1643*Input!$J$13,0)+IF(Input!$K$14=3,K1643*Input!$J$14,0)+IF(Input!$K$15=3,L1643*Input!$J$15,0)+IF(Input!$K$16=3,M1643*Input!$J$16,0)</f>
        <v>0</v>
      </c>
      <c r="Q1643" s="71">
        <f>IF(Input!$K$13=4,J1643*Input!$J$13,0)+IF(Input!$K$14=4,K1643*Input!$J$14,0)+IF(Input!$K$15=4,L1643*Input!$J$15,0)+IF(Input!$K$16=4,M1643*Input!$J$16,0)</f>
        <v>0</v>
      </c>
    </row>
    <row r="1644" spans="8:17" x14ac:dyDescent="0.25">
      <c r="H1644" s="43">
        <v>1637</v>
      </c>
      <c r="I1644" s="55">
        <f>Bühler!I1670</f>
        <v>1.113436862665959</v>
      </c>
      <c r="J1644" s="58">
        <f>Bühler!J1670</f>
        <v>10.034013344919718</v>
      </c>
      <c r="K1644" s="58">
        <f>Bühler!K1670</f>
        <v>0.57238793449702274</v>
      </c>
      <c r="L1644" s="58">
        <f>Bühler!L1670</f>
        <v>0.28619396724851137</v>
      </c>
      <c r="M1644" s="57">
        <f>Bühler!M1670</f>
        <v>0</v>
      </c>
      <c r="N1644" s="55">
        <f>IF(Input!$K$13=1,J1644*Input!$J$13,0)+IF(Input!$K$14=1,K1644*Input!$J$14,0)+IF(Input!$K$15=1,L1644*Input!$J$15,0)+IF(Input!$K$16=1,M1644*Input!$J$16,0)</f>
        <v>1.2040816013903661</v>
      </c>
      <c r="O1644" s="58">
        <f>IF(Input!$K$13=2,J1644*Input!$J$13,0)+IF(Input!$K$14=2,K1644*Input!$J$14,0)+IF(Input!$K$15=2,L1644*Input!$J$15,0)+IF(Input!$K$16=2,M1644*Input!$J$16,0)</f>
        <v>7.7272371157098063E-2</v>
      </c>
      <c r="P1644" s="58">
        <f>IF(Input!$K$13=3,J1644*Input!$J$13,0)+IF(Input!$K$14=3,K1644*Input!$J$14,0)+IF(Input!$K$15=3,L1644*Input!$J$15,0)+IF(Input!$K$16=3,M1644*Input!$J$16,0)</f>
        <v>0</v>
      </c>
      <c r="Q1644" s="71">
        <f>IF(Input!$K$13=4,J1644*Input!$J$13,0)+IF(Input!$K$14=4,K1644*Input!$J$14,0)+IF(Input!$K$15=4,L1644*Input!$J$15,0)+IF(Input!$K$16=4,M1644*Input!$J$16,0)</f>
        <v>0</v>
      </c>
    </row>
    <row r="1645" spans="8:17" x14ac:dyDescent="0.25">
      <c r="H1645" s="43">
        <v>1638</v>
      </c>
      <c r="I1645" s="55">
        <f>Bühler!I1671</f>
        <v>1.113436862665959</v>
      </c>
      <c r="J1645" s="58">
        <f>Bühler!J1671</f>
        <v>10.034013344919718</v>
      </c>
      <c r="K1645" s="58">
        <f>Bühler!K1671</f>
        <v>0.57238793449702274</v>
      </c>
      <c r="L1645" s="58">
        <f>Bühler!L1671</f>
        <v>0.28619396724851137</v>
      </c>
      <c r="M1645" s="57">
        <f>Bühler!M1671</f>
        <v>0</v>
      </c>
      <c r="N1645" s="55">
        <f>IF(Input!$K$13=1,J1645*Input!$J$13,0)+IF(Input!$K$14=1,K1645*Input!$J$14,0)+IF(Input!$K$15=1,L1645*Input!$J$15,0)+IF(Input!$K$16=1,M1645*Input!$J$16,0)</f>
        <v>1.2040816013903661</v>
      </c>
      <c r="O1645" s="58">
        <f>IF(Input!$K$13=2,J1645*Input!$J$13,0)+IF(Input!$K$14=2,K1645*Input!$J$14,0)+IF(Input!$K$15=2,L1645*Input!$J$15,0)+IF(Input!$K$16=2,M1645*Input!$J$16,0)</f>
        <v>7.7272371157098063E-2</v>
      </c>
      <c r="P1645" s="58">
        <f>IF(Input!$K$13=3,J1645*Input!$J$13,0)+IF(Input!$K$14=3,K1645*Input!$J$14,0)+IF(Input!$K$15=3,L1645*Input!$J$15,0)+IF(Input!$K$16=3,M1645*Input!$J$16,0)</f>
        <v>0</v>
      </c>
      <c r="Q1645" s="71">
        <f>IF(Input!$K$13=4,J1645*Input!$J$13,0)+IF(Input!$K$14=4,K1645*Input!$J$14,0)+IF(Input!$K$15=4,L1645*Input!$J$15,0)+IF(Input!$K$16=4,M1645*Input!$J$16,0)</f>
        <v>0</v>
      </c>
    </row>
    <row r="1646" spans="8:17" x14ac:dyDescent="0.25">
      <c r="H1646" s="43">
        <v>1639</v>
      </c>
      <c r="I1646" s="55">
        <f>Bühler!I1672</f>
        <v>1.113436862665959</v>
      </c>
      <c r="J1646" s="58">
        <f>Bühler!J1672</f>
        <v>10.034013344919718</v>
      </c>
      <c r="K1646" s="58">
        <f>Bühler!K1672</f>
        <v>0.57238793449702274</v>
      </c>
      <c r="L1646" s="58">
        <f>Bühler!L1672</f>
        <v>0.28619396724851137</v>
      </c>
      <c r="M1646" s="57">
        <f>Bühler!M1672</f>
        <v>0</v>
      </c>
      <c r="N1646" s="55">
        <f>IF(Input!$K$13=1,J1646*Input!$J$13,0)+IF(Input!$K$14=1,K1646*Input!$J$14,0)+IF(Input!$K$15=1,L1646*Input!$J$15,0)+IF(Input!$K$16=1,M1646*Input!$J$16,0)</f>
        <v>1.2040816013903661</v>
      </c>
      <c r="O1646" s="58">
        <f>IF(Input!$K$13=2,J1646*Input!$J$13,0)+IF(Input!$K$14=2,K1646*Input!$J$14,0)+IF(Input!$K$15=2,L1646*Input!$J$15,0)+IF(Input!$K$16=2,M1646*Input!$J$16,0)</f>
        <v>7.7272371157098063E-2</v>
      </c>
      <c r="P1646" s="58">
        <f>IF(Input!$K$13=3,J1646*Input!$J$13,0)+IF(Input!$K$14=3,K1646*Input!$J$14,0)+IF(Input!$K$15=3,L1646*Input!$J$15,0)+IF(Input!$K$16=3,M1646*Input!$J$16,0)</f>
        <v>0</v>
      </c>
      <c r="Q1646" s="71">
        <f>IF(Input!$K$13=4,J1646*Input!$J$13,0)+IF(Input!$K$14=4,K1646*Input!$J$14,0)+IF(Input!$K$15=4,L1646*Input!$J$15,0)+IF(Input!$K$16=4,M1646*Input!$J$16,0)</f>
        <v>0</v>
      </c>
    </row>
    <row r="1647" spans="8:17" x14ac:dyDescent="0.25">
      <c r="H1647" s="43">
        <v>1640</v>
      </c>
      <c r="I1647" s="55">
        <f>Bühler!I1673</f>
        <v>3.0170547246432431</v>
      </c>
      <c r="J1647" s="58">
        <f>Bühler!J1673</f>
        <v>40.874861679851442</v>
      </c>
      <c r="K1647" s="58">
        <f>Bühler!K1673</f>
        <v>2.438372600957317</v>
      </c>
      <c r="L1647" s="58">
        <f>Bühler!L1673</f>
        <v>1.2191863004786585</v>
      </c>
      <c r="M1647" s="57">
        <f>Bühler!M1673</f>
        <v>0</v>
      </c>
      <c r="N1647" s="55">
        <f>IF(Input!$K$13=1,J1647*Input!$J$13,0)+IF(Input!$K$14=1,K1647*Input!$J$14,0)+IF(Input!$K$15=1,L1647*Input!$J$15,0)+IF(Input!$K$16=1,M1647*Input!$J$16,0)</f>
        <v>4.9049834015821725</v>
      </c>
      <c r="O1647" s="58">
        <f>IF(Input!$K$13=2,J1647*Input!$J$13,0)+IF(Input!$K$14=2,K1647*Input!$J$14,0)+IF(Input!$K$15=2,L1647*Input!$J$15,0)+IF(Input!$K$16=2,M1647*Input!$J$16,0)</f>
        <v>0.3291803011292378</v>
      </c>
      <c r="P1647" s="58">
        <f>IF(Input!$K$13=3,J1647*Input!$J$13,0)+IF(Input!$K$14=3,K1647*Input!$J$14,0)+IF(Input!$K$15=3,L1647*Input!$J$15,0)+IF(Input!$K$16=3,M1647*Input!$J$16,0)</f>
        <v>0</v>
      </c>
      <c r="Q1647" s="71">
        <f>IF(Input!$K$13=4,J1647*Input!$J$13,0)+IF(Input!$K$14=4,K1647*Input!$J$14,0)+IF(Input!$K$15=4,L1647*Input!$J$15,0)+IF(Input!$K$16=4,M1647*Input!$J$16,0)</f>
        <v>0</v>
      </c>
    </row>
    <row r="1648" spans="8:17" x14ac:dyDescent="0.25">
      <c r="H1648" s="43">
        <v>1641</v>
      </c>
      <c r="I1648" s="55">
        <f>Bühler!I1674</f>
        <v>3.7713184058040543</v>
      </c>
      <c r="J1648" s="58">
        <f>Bühler!J1674</f>
        <v>51.093577099814297</v>
      </c>
      <c r="K1648" s="58">
        <f>Bühler!K1674</f>
        <v>3.0479657511966463</v>
      </c>
      <c r="L1648" s="58">
        <f>Bühler!L1674</f>
        <v>1.5239828755983231</v>
      </c>
      <c r="M1648" s="57">
        <f>Bühler!M1674</f>
        <v>0</v>
      </c>
      <c r="N1648" s="55">
        <f>IF(Input!$K$13=1,J1648*Input!$J$13,0)+IF(Input!$K$14=1,K1648*Input!$J$14,0)+IF(Input!$K$15=1,L1648*Input!$J$15,0)+IF(Input!$K$16=1,M1648*Input!$J$16,0)</f>
        <v>6.1312292519777154</v>
      </c>
      <c r="O1648" s="58">
        <f>IF(Input!$K$13=2,J1648*Input!$J$13,0)+IF(Input!$K$14=2,K1648*Input!$J$14,0)+IF(Input!$K$15=2,L1648*Input!$J$15,0)+IF(Input!$K$16=2,M1648*Input!$J$16,0)</f>
        <v>0.41147537641154724</v>
      </c>
      <c r="P1648" s="58">
        <f>IF(Input!$K$13=3,J1648*Input!$J$13,0)+IF(Input!$K$14=3,K1648*Input!$J$14,0)+IF(Input!$K$15=3,L1648*Input!$J$15,0)+IF(Input!$K$16=3,M1648*Input!$J$16,0)</f>
        <v>0</v>
      </c>
      <c r="Q1648" s="71">
        <f>IF(Input!$K$13=4,J1648*Input!$J$13,0)+IF(Input!$K$14=4,K1648*Input!$J$14,0)+IF(Input!$K$15=4,L1648*Input!$J$15,0)+IF(Input!$K$16=4,M1648*Input!$J$16,0)</f>
        <v>0</v>
      </c>
    </row>
    <row r="1649" spans="8:17" x14ac:dyDescent="0.25">
      <c r="H1649" s="43">
        <v>1642</v>
      </c>
      <c r="I1649" s="55">
        <f>Bühler!I1675</f>
        <v>4.1484502463844599</v>
      </c>
      <c r="J1649" s="58">
        <f>Bühler!J1675</f>
        <v>56.202934809795728</v>
      </c>
      <c r="K1649" s="58">
        <f>Bühler!K1675</f>
        <v>3.3527623263163107</v>
      </c>
      <c r="L1649" s="58">
        <f>Bühler!L1675</f>
        <v>1.6763811631581553</v>
      </c>
      <c r="M1649" s="57">
        <f>Bühler!M1675</f>
        <v>0</v>
      </c>
      <c r="N1649" s="55">
        <f>IF(Input!$K$13=1,J1649*Input!$J$13,0)+IF(Input!$K$14=1,K1649*Input!$J$14,0)+IF(Input!$K$15=1,L1649*Input!$J$15,0)+IF(Input!$K$16=1,M1649*Input!$J$16,0)</f>
        <v>6.7443521771754869</v>
      </c>
      <c r="O1649" s="58">
        <f>IF(Input!$K$13=2,J1649*Input!$J$13,0)+IF(Input!$K$14=2,K1649*Input!$J$14,0)+IF(Input!$K$15=2,L1649*Input!$J$15,0)+IF(Input!$K$16=2,M1649*Input!$J$16,0)</f>
        <v>0.45262291405270194</v>
      </c>
      <c r="P1649" s="58">
        <f>IF(Input!$K$13=3,J1649*Input!$J$13,0)+IF(Input!$K$14=3,K1649*Input!$J$14,0)+IF(Input!$K$15=3,L1649*Input!$J$15,0)+IF(Input!$K$16=3,M1649*Input!$J$16,0)</f>
        <v>0</v>
      </c>
      <c r="Q1649" s="71">
        <f>IF(Input!$K$13=4,J1649*Input!$J$13,0)+IF(Input!$K$14=4,K1649*Input!$J$14,0)+IF(Input!$K$15=4,L1649*Input!$J$15,0)+IF(Input!$K$16=4,M1649*Input!$J$16,0)</f>
        <v>0</v>
      </c>
    </row>
    <row r="1650" spans="8:17" x14ac:dyDescent="0.25">
      <c r="H1650" s="43">
        <v>1643</v>
      </c>
      <c r="I1650" s="55">
        <f>Bühler!I1676</f>
        <v>4.1484502463844599</v>
      </c>
      <c r="J1650" s="58">
        <f>Bühler!J1676</f>
        <v>56.202934809795728</v>
      </c>
      <c r="K1650" s="58">
        <f>Bühler!K1676</f>
        <v>3.3527623263163107</v>
      </c>
      <c r="L1650" s="58">
        <f>Bühler!L1676</f>
        <v>1.6763811631581553</v>
      </c>
      <c r="M1650" s="57">
        <f>Bühler!M1676</f>
        <v>0</v>
      </c>
      <c r="N1650" s="55">
        <f>IF(Input!$K$13=1,J1650*Input!$J$13,0)+IF(Input!$K$14=1,K1650*Input!$J$14,0)+IF(Input!$K$15=1,L1650*Input!$J$15,0)+IF(Input!$K$16=1,M1650*Input!$J$16,0)</f>
        <v>6.7443521771754869</v>
      </c>
      <c r="O1650" s="58">
        <f>IF(Input!$K$13=2,J1650*Input!$J$13,0)+IF(Input!$K$14=2,K1650*Input!$J$14,0)+IF(Input!$K$15=2,L1650*Input!$J$15,0)+IF(Input!$K$16=2,M1650*Input!$J$16,0)</f>
        <v>0.45262291405270194</v>
      </c>
      <c r="P1650" s="58">
        <f>IF(Input!$K$13=3,J1650*Input!$J$13,0)+IF(Input!$K$14=3,K1650*Input!$J$14,0)+IF(Input!$K$15=3,L1650*Input!$J$15,0)+IF(Input!$K$16=3,M1650*Input!$J$16,0)</f>
        <v>0</v>
      </c>
      <c r="Q1650" s="71">
        <f>IF(Input!$K$13=4,J1650*Input!$J$13,0)+IF(Input!$K$14=4,K1650*Input!$J$14,0)+IF(Input!$K$15=4,L1650*Input!$J$15,0)+IF(Input!$K$16=4,M1650*Input!$J$16,0)</f>
        <v>0</v>
      </c>
    </row>
    <row r="1651" spans="8:17" x14ac:dyDescent="0.25">
      <c r="H1651" s="43">
        <v>1644</v>
      </c>
      <c r="I1651" s="55">
        <f>Bühler!I1677</f>
        <v>4.9027139275452711</v>
      </c>
      <c r="J1651" s="58">
        <f>Bühler!J1677</f>
        <v>66.421650229758598</v>
      </c>
      <c r="K1651" s="58">
        <f>Bühler!K1677</f>
        <v>3.9623554765556404</v>
      </c>
      <c r="L1651" s="58">
        <f>Bühler!L1677</f>
        <v>1.9811777382778202</v>
      </c>
      <c r="M1651" s="57">
        <f>Bühler!M1677</f>
        <v>0</v>
      </c>
      <c r="N1651" s="55">
        <f>IF(Input!$K$13=1,J1651*Input!$J$13,0)+IF(Input!$K$14=1,K1651*Input!$J$14,0)+IF(Input!$K$15=1,L1651*Input!$J$15,0)+IF(Input!$K$16=1,M1651*Input!$J$16,0)</f>
        <v>7.9705980275710315</v>
      </c>
      <c r="O1651" s="58">
        <f>IF(Input!$K$13=2,J1651*Input!$J$13,0)+IF(Input!$K$14=2,K1651*Input!$J$14,0)+IF(Input!$K$15=2,L1651*Input!$J$15,0)+IF(Input!$K$16=2,M1651*Input!$J$16,0)</f>
        <v>0.53491798933501145</v>
      </c>
      <c r="P1651" s="58">
        <f>IF(Input!$K$13=3,J1651*Input!$J$13,0)+IF(Input!$K$14=3,K1651*Input!$J$14,0)+IF(Input!$K$15=3,L1651*Input!$J$15,0)+IF(Input!$K$16=3,M1651*Input!$J$16,0)</f>
        <v>0</v>
      </c>
      <c r="Q1651" s="71">
        <f>IF(Input!$K$13=4,J1651*Input!$J$13,0)+IF(Input!$K$14=4,K1651*Input!$J$14,0)+IF(Input!$K$15=4,L1651*Input!$J$15,0)+IF(Input!$K$16=4,M1651*Input!$J$16,0)</f>
        <v>0</v>
      </c>
    </row>
    <row r="1652" spans="8:17" x14ac:dyDescent="0.25">
      <c r="H1652" s="43">
        <v>1645</v>
      </c>
      <c r="I1652" s="55">
        <f>Bühler!I1678</f>
        <v>4.9027139275452711</v>
      </c>
      <c r="J1652" s="58">
        <f>Bühler!J1678</f>
        <v>66.421650229758598</v>
      </c>
      <c r="K1652" s="58">
        <f>Bühler!K1678</f>
        <v>3.9623554765556404</v>
      </c>
      <c r="L1652" s="58">
        <f>Bühler!L1678</f>
        <v>1.9811777382778202</v>
      </c>
      <c r="M1652" s="57">
        <f>Bühler!M1678</f>
        <v>0</v>
      </c>
      <c r="N1652" s="55">
        <f>IF(Input!$K$13=1,J1652*Input!$J$13,0)+IF(Input!$K$14=1,K1652*Input!$J$14,0)+IF(Input!$K$15=1,L1652*Input!$J$15,0)+IF(Input!$K$16=1,M1652*Input!$J$16,0)</f>
        <v>7.9705980275710315</v>
      </c>
      <c r="O1652" s="58">
        <f>IF(Input!$K$13=2,J1652*Input!$J$13,0)+IF(Input!$K$14=2,K1652*Input!$J$14,0)+IF(Input!$K$15=2,L1652*Input!$J$15,0)+IF(Input!$K$16=2,M1652*Input!$J$16,0)</f>
        <v>0.53491798933501145</v>
      </c>
      <c r="P1652" s="58">
        <f>IF(Input!$K$13=3,J1652*Input!$J$13,0)+IF(Input!$K$14=3,K1652*Input!$J$14,0)+IF(Input!$K$15=3,L1652*Input!$J$15,0)+IF(Input!$K$16=3,M1652*Input!$J$16,0)</f>
        <v>0</v>
      </c>
      <c r="Q1652" s="71">
        <f>IF(Input!$K$13=4,J1652*Input!$J$13,0)+IF(Input!$K$14=4,K1652*Input!$J$14,0)+IF(Input!$K$15=4,L1652*Input!$J$15,0)+IF(Input!$K$16=4,M1652*Input!$J$16,0)</f>
        <v>0</v>
      </c>
    </row>
    <row r="1653" spans="8:17" x14ac:dyDescent="0.25">
      <c r="H1653" s="43">
        <v>1646</v>
      </c>
      <c r="I1653" s="55">
        <f>Bühler!I1679</f>
        <v>3.3941865652236496</v>
      </c>
      <c r="J1653" s="58">
        <f>Bühler!J1679</f>
        <v>45.984219389832873</v>
      </c>
      <c r="K1653" s="58">
        <f>Bühler!K1679</f>
        <v>2.7431691760769814</v>
      </c>
      <c r="L1653" s="58">
        <f>Bühler!L1679</f>
        <v>1.3715845880384907</v>
      </c>
      <c r="M1653" s="57">
        <f>Bühler!M1679</f>
        <v>0</v>
      </c>
      <c r="N1653" s="55">
        <f>IF(Input!$K$13=1,J1653*Input!$J$13,0)+IF(Input!$K$14=1,K1653*Input!$J$14,0)+IF(Input!$K$15=1,L1653*Input!$J$15,0)+IF(Input!$K$16=1,M1653*Input!$J$16,0)</f>
        <v>5.5181063267799448</v>
      </c>
      <c r="O1653" s="58">
        <f>IF(Input!$K$13=2,J1653*Input!$J$13,0)+IF(Input!$K$14=2,K1653*Input!$J$14,0)+IF(Input!$K$15=2,L1653*Input!$J$15,0)+IF(Input!$K$16=2,M1653*Input!$J$16,0)</f>
        <v>0.37032783877039244</v>
      </c>
      <c r="P1653" s="58">
        <f>IF(Input!$K$13=3,J1653*Input!$J$13,0)+IF(Input!$K$14=3,K1653*Input!$J$14,0)+IF(Input!$K$15=3,L1653*Input!$J$15,0)+IF(Input!$K$16=3,M1653*Input!$J$16,0)</f>
        <v>0</v>
      </c>
      <c r="Q1653" s="71">
        <f>IF(Input!$K$13=4,J1653*Input!$J$13,0)+IF(Input!$K$14=4,K1653*Input!$J$14,0)+IF(Input!$K$15=4,L1653*Input!$J$15,0)+IF(Input!$K$16=4,M1653*Input!$J$16,0)</f>
        <v>0</v>
      </c>
    </row>
    <row r="1654" spans="8:17" x14ac:dyDescent="0.25">
      <c r="H1654" s="43">
        <v>1647</v>
      </c>
      <c r="I1654" s="55">
        <f>Bühler!I1680</f>
        <v>4.9027139275452711</v>
      </c>
      <c r="J1654" s="58">
        <f>Bühler!J1680</f>
        <v>66.421650229758598</v>
      </c>
      <c r="K1654" s="58">
        <f>Bühler!K1680</f>
        <v>3.9623554765556404</v>
      </c>
      <c r="L1654" s="58">
        <f>Bühler!L1680</f>
        <v>1.9811777382778202</v>
      </c>
      <c r="M1654" s="57">
        <f>Bühler!M1680</f>
        <v>0</v>
      </c>
      <c r="N1654" s="55">
        <f>IF(Input!$K$13=1,J1654*Input!$J$13,0)+IF(Input!$K$14=1,K1654*Input!$J$14,0)+IF(Input!$K$15=1,L1654*Input!$J$15,0)+IF(Input!$K$16=1,M1654*Input!$J$16,0)</f>
        <v>7.9705980275710315</v>
      </c>
      <c r="O1654" s="58">
        <f>IF(Input!$K$13=2,J1654*Input!$J$13,0)+IF(Input!$K$14=2,K1654*Input!$J$14,0)+IF(Input!$K$15=2,L1654*Input!$J$15,0)+IF(Input!$K$16=2,M1654*Input!$J$16,0)</f>
        <v>0.53491798933501145</v>
      </c>
      <c r="P1654" s="58">
        <f>IF(Input!$K$13=3,J1654*Input!$J$13,0)+IF(Input!$K$14=3,K1654*Input!$J$14,0)+IF(Input!$K$15=3,L1654*Input!$J$15,0)+IF(Input!$K$16=3,M1654*Input!$J$16,0)</f>
        <v>0</v>
      </c>
      <c r="Q1654" s="71">
        <f>IF(Input!$K$13=4,J1654*Input!$J$13,0)+IF(Input!$K$14=4,K1654*Input!$J$14,0)+IF(Input!$K$15=4,L1654*Input!$J$15,0)+IF(Input!$K$16=4,M1654*Input!$J$16,0)</f>
        <v>0</v>
      </c>
    </row>
    <row r="1655" spans="8:17" x14ac:dyDescent="0.25">
      <c r="H1655" s="43">
        <v>1648</v>
      </c>
      <c r="I1655" s="55">
        <f>Bühler!I1681</f>
        <v>4.1484502463844599</v>
      </c>
      <c r="J1655" s="58">
        <f>Bühler!J1681</f>
        <v>51.502136593776406</v>
      </c>
      <c r="K1655" s="58">
        <f>Bühler!K1681</f>
        <v>3.0479657511966463</v>
      </c>
      <c r="L1655" s="58">
        <f>Bühler!L1681</f>
        <v>1.5239828755983231</v>
      </c>
      <c r="M1655" s="57">
        <f>Bühler!M1681</f>
        <v>0</v>
      </c>
      <c r="N1655" s="55">
        <f>IF(Input!$K$13=1,J1655*Input!$J$13,0)+IF(Input!$K$14=1,K1655*Input!$J$14,0)+IF(Input!$K$15=1,L1655*Input!$J$15,0)+IF(Input!$K$16=1,M1655*Input!$J$16,0)</f>
        <v>6.1802563912531685</v>
      </c>
      <c r="O1655" s="58">
        <f>IF(Input!$K$13=2,J1655*Input!$J$13,0)+IF(Input!$K$14=2,K1655*Input!$J$14,0)+IF(Input!$K$15=2,L1655*Input!$J$15,0)+IF(Input!$K$16=2,M1655*Input!$J$16,0)</f>
        <v>0.41147537641154724</v>
      </c>
      <c r="P1655" s="58">
        <f>IF(Input!$K$13=3,J1655*Input!$J$13,0)+IF(Input!$K$14=3,K1655*Input!$J$14,0)+IF(Input!$K$15=3,L1655*Input!$J$15,0)+IF(Input!$K$16=3,M1655*Input!$J$16,0)</f>
        <v>0</v>
      </c>
      <c r="Q1655" s="71">
        <f>IF(Input!$K$13=4,J1655*Input!$J$13,0)+IF(Input!$K$14=4,K1655*Input!$J$14,0)+IF(Input!$K$15=4,L1655*Input!$J$15,0)+IF(Input!$K$16=4,M1655*Input!$J$16,0)</f>
        <v>0</v>
      </c>
    </row>
    <row r="1656" spans="8:17" x14ac:dyDescent="0.25">
      <c r="H1656" s="43">
        <v>1649</v>
      </c>
      <c r="I1656" s="55">
        <f>Bühler!I1682</f>
        <v>3.5917318150514808</v>
      </c>
      <c r="J1656" s="58">
        <f>Bühler!J1682</f>
        <v>25.960517992218094</v>
      </c>
      <c r="K1656" s="58">
        <f>Bühler!K1682</f>
        <v>1.4309698362425571</v>
      </c>
      <c r="L1656" s="58">
        <f>Bühler!L1682</f>
        <v>0.71548491812127857</v>
      </c>
      <c r="M1656" s="57">
        <f>Bühler!M1682</f>
        <v>0</v>
      </c>
      <c r="N1656" s="55">
        <f>IF(Input!$K$13=1,J1656*Input!$J$13,0)+IF(Input!$K$14=1,K1656*Input!$J$14,0)+IF(Input!$K$15=1,L1656*Input!$J$15,0)+IF(Input!$K$16=1,M1656*Input!$J$16,0)</f>
        <v>3.1152621590661713</v>
      </c>
      <c r="O1656" s="58">
        <f>IF(Input!$K$13=2,J1656*Input!$J$13,0)+IF(Input!$K$14=2,K1656*Input!$J$14,0)+IF(Input!$K$15=2,L1656*Input!$J$15,0)+IF(Input!$K$16=2,M1656*Input!$J$16,0)</f>
        <v>0.19318092789274521</v>
      </c>
      <c r="P1656" s="58">
        <f>IF(Input!$K$13=3,J1656*Input!$J$13,0)+IF(Input!$K$14=3,K1656*Input!$J$14,0)+IF(Input!$K$15=3,L1656*Input!$J$15,0)+IF(Input!$K$16=3,M1656*Input!$J$16,0)</f>
        <v>0</v>
      </c>
      <c r="Q1656" s="71">
        <f>IF(Input!$K$13=4,J1656*Input!$J$13,0)+IF(Input!$K$14=4,K1656*Input!$J$14,0)+IF(Input!$K$15=4,L1656*Input!$J$15,0)+IF(Input!$K$16=4,M1656*Input!$J$16,0)</f>
        <v>0</v>
      </c>
    </row>
    <row r="1657" spans="8:17" x14ac:dyDescent="0.25">
      <c r="H1657" s="43">
        <v>1650</v>
      </c>
      <c r="I1657" s="55">
        <f>Bühler!I1683</f>
        <v>3.0170547246432431</v>
      </c>
      <c r="J1657" s="58">
        <f>Bühler!J1683</f>
        <v>17.834329578798982</v>
      </c>
      <c r="K1657" s="58">
        <f>Bühler!K1683</f>
        <v>0.94444009192008771</v>
      </c>
      <c r="L1657" s="58">
        <f>Bühler!L1683</f>
        <v>0.47222004596004385</v>
      </c>
      <c r="M1657" s="57">
        <f>Bühler!M1683</f>
        <v>0</v>
      </c>
      <c r="N1657" s="55">
        <f>IF(Input!$K$13=1,J1657*Input!$J$13,0)+IF(Input!$K$14=1,K1657*Input!$J$14,0)+IF(Input!$K$15=1,L1657*Input!$J$15,0)+IF(Input!$K$16=1,M1657*Input!$J$16,0)</f>
        <v>2.140119549455878</v>
      </c>
      <c r="O1657" s="58">
        <f>IF(Input!$K$13=2,J1657*Input!$J$13,0)+IF(Input!$K$14=2,K1657*Input!$J$14,0)+IF(Input!$K$15=2,L1657*Input!$J$15,0)+IF(Input!$K$16=2,M1657*Input!$J$16,0)</f>
        <v>0.12749941240921184</v>
      </c>
      <c r="P1657" s="58">
        <f>IF(Input!$K$13=3,J1657*Input!$J$13,0)+IF(Input!$K$14=3,K1657*Input!$J$14,0)+IF(Input!$K$15=3,L1657*Input!$J$15,0)+IF(Input!$K$16=3,M1657*Input!$J$16,0)</f>
        <v>0</v>
      </c>
      <c r="Q1657" s="71">
        <f>IF(Input!$K$13=4,J1657*Input!$J$13,0)+IF(Input!$K$14=4,K1657*Input!$J$14,0)+IF(Input!$K$15=4,L1657*Input!$J$15,0)+IF(Input!$K$16=4,M1657*Input!$J$16,0)</f>
        <v>0</v>
      </c>
    </row>
    <row r="1658" spans="8:17" x14ac:dyDescent="0.25">
      <c r="H1658" s="43">
        <v>1651</v>
      </c>
      <c r="I1658" s="55">
        <f>Bühler!I1684</f>
        <v>1.113436862665959</v>
      </c>
      <c r="J1658" s="58">
        <f>Bühler!J1684</f>
        <v>10.475402848771296</v>
      </c>
      <c r="K1658" s="58">
        <f>Bühler!K1684</f>
        <v>0.60100733122187389</v>
      </c>
      <c r="L1658" s="58">
        <f>Bühler!L1684</f>
        <v>0.30050366561093694</v>
      </c>
      <c r="M1658" s="57">
        <f>Bühler!M1684</f>
        <v>0</v>
      </c>
      <c r="N1658" s="55">
        <f>IF(Input!$K$13=1,J1658*Input!$J$13,0)+IF(Input!$K$14=1,K1658*Input!$J$14,0)+IF(Input!$K$15=1,L1658*Input!$J$15,0)+IF(Input!$K$16=1,M1658*Input!$J$16,0)</f>
        <v>1.2570483418525555</v>
      </c>
      <c r="O1658" s="58">
        <f>IF(Input!$K$13=2,J1658*Input!$J$13,0)+IF(Input!$K$14=2,K1658*Input!$J$14,0)+IF(Input!$K$15=2,L1658*Input!$J$15,0)+IF(Input!$K$16=2,M1658*Input!$J$16,0)</f>
        <v>8.1135989714952977E-2</v>
      </c>
      <c r="P1658" s="58">
        <f>IF(Input!$K$13=3,J1658*Input!$J$13,0)+IF(Input!$K$14=3,K1658*Input!$J$14,0)+IF(Input!$K$15=3,L1658*Input!$J$15,0)+IF(Input!$K$16=3,M1658*Input!$J$16,0)</f>
        <v>0</v>
      </c>
      <c r="Q1658" s="71">
        <f>IF(Input!$K$13=4,J1658*Input!$J$13,0)+IF(Input!$K$14=4,K1658*Input!$J$14,0)+IF(Input!$K$15=4,L1658*Input!$J$15,0)+IF(Input!$K$16=4,M1658*Input!$J$16,0)</f>
        <v>0</v>
      </c>
    </row>
    <row r="1659" spans="8:17" x14ac:dyDescent="0.25">
      <c r="H1659" s="43">
        <v>1652</v>
      </c>
      <c r="I1659" s="55">
        <f>Bühler!I1685</f>
        <v>1.113436862665959</v>
      </c>
      <c r="J1659" s="58">
        <f>Bühler!J1685</f>
        <v>10.034013344919718</v>
      </c>
      <c r="K1659" s="58">
        <f>Bühler!K1685</f>
        <v>0.57238793449702274</v>
      </c>
      <c r="L1659" s="58">
        <f>Bühler!L1685</f>
        <v>0.28619396724851137</v>
      </c>
      <c r="M1659" s="57">
        <f>Bühler!M1685</f>
        <v>0</v>
      </c>
      <c r="N1659" s="55">
        <f>IF(Input!$K$13=1,J1659*Input!$J$13,0)+IF(Input!$K$14=1,K1659*Input!$J$14,0)+IF(Input!$K$15=1,L1659*Input!$J$15,0)+IF(Input!$K$16=1,M1659*Input!$J$16,0)</f>
        <v>1.2040816013903661</v>
      </c>
      <c r="O1659" s="58">
        <f>IF(Input!$K$13=2,J1659*Input!$J$13,0)+IF(Input!$K$14=2,K1659*Input!$J$14,0)+IF(Input!$K$15=2,L1659*Input!$J$15,0)+IF(Input!$K$16=2,M1659*Input!$J$16,0)</f>
        <v>7.7272371157098063E-2</v>
      </c>
      <c r="P1659" s="58">
        <f>IF(Input!$K$13=3,J1659*Input!$J$13,0)+IF(Input!$K$14=3,K1659*Input!$J$14,0)+IF(Input!$K$15=3,L1659*Input!$J$15,0)+IF(Input!$K$16=3,M1659*Input!$J$16,0)</f>
        <v>0</v>
      </c>
      <c r="Q1659" s="71">
        <f>IF(Input!$K$13=4,J1659*Input!$J$13,0)+IF(Input!$K$14=4,K1659*Input!$J$14,0)+IF(Input!$K$15=4,L1659*Input!$J$15,0)+IF(Input!$K$16=4,M1659*Input!$J$16,0)</f>
        <v>0</v>
      </c>
    </row>
    <row r="1660" spans="8:17" x14ac:dyDescent="0.25">
      <c r="H1660" s="43">
        <v>1653</v>
      </c>
      <c r="I1660" s="55">
        <f>Bühler!I1686</f>
        <v>1.113436862665959</v>
      </c>
      <c r="J1660" s="58">
        <f>Bühler!J1686</f>
        <v>10.034013344919718</v>
      </c>
      <c r="K1660" s="58">
        <f>Bühler!K1686</f>
        <v>0.57238793449702274</v>
      </c>
      <c r="L1660" s="58">
        <f>Bühler!L1686</f>
        <v>0.28619396724851137</v>
      </c>
      <c r="M1660" s="57">
        <f>Bühler!M1686</f>
        <v>0</v>
      </c>
      <c r="N1660" s="55">
        <f>IF(Input!$K$13=1,J1660*Input!$J$13,0)+IF(Input!$K$14=1,K1660*Input!$J$14,0)+IF(Input!$K$15=1,L1660*Input!$J$15,0)+IF(Input!$K$16=1,M1660*Input!$J$16,0)</f>
        <v>1.2040816013903661</v>
      </c>
      <c r="O1660" s="58">
        <f>IF(Input!$K$13=2,J1660*Input!$J$13,0)+IF(Input!$K$14=2,K1660*Input!$J$14,0)+IF(Input!$K$15=2,L1660*Input!$J$15,0)+IF(Input!$K$16=2,M1660*Input!$J$16,0)</f>
        <v>7.7272371157098063E-2</v>
      </c>
      <c r="P1660" s="58">
        <f>IF(Input!$K$13=3,J1660*Input!$J$13,0)+IF(Input!$K$14=3,K1660*Input!$J$14,0)+IF(Input!$K$15=3,L1660*Input!$J$15,0)+IF(Input!$K$16=3,M1660*Input!$J$16,0)</f>
        <v>0</v>
      </c>
      <c r="Q1660" s="71">
        <f>IF(Input!$K$13=4,J1660*Input!$J$13,0)+IF(Input!$K$14=4,K1660*Input!$J$14,0)+IF(Input!$K$15=4,L1660*Input!$J$15,0)+IF(Input!$K$16=4,M1660*Input!$J$16,0)</f>
        <v>0</v>
      </c>
    </row>
    <row r="1661" spans="8:17" x14ac:dyDescent="0.25">
      <c r="H1661" s="43">
        <v>1654</v>
      </c>
      <c r="I1661" s="55">
        <f>Bühler!I1687</f>
        <v>1.113436862665959</v>
      </c>
      <c r="J1661" s="58">
        <f>Bühler!J1687</f>
        <v>10.034013344919718</v>
      </c>
      <c r="K1661" s="58">
        <f>Bühler!K1687</f>
        <v>0.57238793449702274</v>
      </c>
      <c r="L1661" s="58">
        <f>Bühler!L1687</f>
        <v>0.28619396724851137</v>
      </c>
      <c r="M1661" s="57">
        <f>Bühler!M1687</f>
        <v>0</v>
      </c>
      <c r="N1661" s="55">
        <f>IF(Input!$K$13=1,J1661*Input!$J$13,0)+IF(Input!$K$14=1,K1661*Input!$J$14,0)+IF(Input!$K$15=1,L1661*Input!$J$15,0)+IF(Input!$K$16=1,M1661*Input!$J$16,0)</f>
        <v>1.2040816013903661</v>
      </c>
      <c r="O1661" s="58">
        <f>IF(Input!$K$13=2,J1661*Input!$J$13,0)+IF(Input!$K$14=2,K1661*Input!$J$14,0)+IF(Input!$K$15=2,L1661*Input!$J$15,0)+IF(Input!$K$16=2,M1661*Input!$J$16,0)</f>
        <v>7.7272371157098063E-2</v>
      </c>
      <c r="P1661" s="58">
        <f>IF(Input!$K$13=3,J1661*Input!$J$13,0)+IF(Input!$K$14=3,K1661*Input!$J$14,0)+IF(Input!$K$15=3,L1661*Input!$J$15,0)+IF(Input!$K$16=3,M1661*Input!$J$16,0)</f>
        <v>0</v>
      </c>
      <c r="Q1661" s="71">
        <f>IF(Input!$K$13=4,J1661*Input!$J$13,0)+IF(Input!$K$14=4,K1661*Input!$J$14,0)+IF(Input!$K$15=4,L1661*Input!$J$15,0)+IF(Input!$K$16=4,M1661*Input!$J$16,0)</f>
        <v>0</v>
      </c>
    </row>
    <row r="1662" spans="8:17" x14ac:dyDescent="0.25">
      <c r="H1662" s="43">
        <v>1655</v>
      </c>
      <c r="I1662" s="55">
        <f>Bühler!I1688</f>
        <v>1.113436862665959</v>
      </c>
      <c r="J1662" s="58">
        <f>Bühler!J1688</f>
        <v>10.034013344919718</v>
      </c>
      <c r="K1662" s="58">
        <f>Bühler!K1688</f>
        <v>0.57238793449702274</v>
      </c>
      <c r="L1662" s="58">
        <f>Bühler!L1688</f>
        <v>0.28619396724851137</v>
      </c>
      <c r="M1662" s="57">
        <f>Bühler!M1688</f>
        <v>0</v>
      </c>
      <c r="N1662" s="55">
        <f>IF(Input!$K$13=1,J1662*Input!$J$13,0)+IF(Input!$K$14=1,K1662*Input!$J$14,0)+IF(Input!$K$15=1,L1662*Input!$J$15,0)+IF(Input!$K$16=1,M1662*Input!$J$16,0)</f>
        <v>1.2040816013903661</v>
      </c>
      <c r="O1662" s="58">
        <f>IF(Input!$K$13=2,J1662*Input!$J$13,0)+IF(Input!$K$14=2,K1662*Input!$J$14,0)+IF(Input!$K$15=2,L1662*Input!$J$15,0)+IF(Input!$K$16=2,M1662*Input!$J$16,0)</f>
        <v>7.7272371157098063E-2</v>
      </c>
      <c r="P1662" s="58">
        <f>IF(Input!$K$13=3,J1662*Input!$J$13,0)+IF(Input!$K$14=3,K1662*Input!$J$14,0)+IF(Input!$K$15=3,L1662*Input!$J$15,0)+IF(Input!$K$16=3,M1662*Input!$J$16,0)</f>
        <v>0</v>
      </c>
      <c r="Q1662" s="71">
        <f>IF(Input!$K$13=4,J1662*Input!$J$13,0)+IF(Input!$K$14=4,K1662*Input!$J$14,0)+IF(Input!$K$15=4,L1662*Input!$J$15,0)+IF(Input!$K$16=4,M1662*Input!$J$16,0)</f>
        <v>0</v>
      </c>
    </row>
    <row r="1663" spans="8:17" x14ac:dyDescent="0.25">
      <c r="H1663" s="43">
        <v>1656</v>
      </c>
      <c r="I1663" s="55">
        <f>Bühler!I1689</f>
        <v>1.113436862665959</v>
      </c>
      <c r="J1663" s="58">
        <f>Bühler!J1689</f>
        <v>10.034013344919718</v>
      </c>
      <c r="K1663" s="58">
        <f>Bühler!K1689</f>
        <v>0.57238793449702274</v>
      </c>
      <c r="L1663" s="58">
        <f>Bühler!L1689</f>
        <v>0.28619396724851137</v>
      </c>
      <c r="M1663" s="57">
        <f>Bühler!M1689</f>
        <v>0</v>
      </c>
      <c r="N1663" s="55">
        <f>IF(Input!$K$13=1,J1663*Input!$J$13,0)+IF(Input!$K$14=1,K1663*Input!$J$14,0)+IF(Input!$K$15=1,L1663*Input!$J$15,0)+IF(Input!$K$16=1,M1663*Input!$J$16,0)</f>
        <v>1.2040816013903661</v>
      </c>
      <c r="O1663" s="58">
        <f>IF(Input!$K$13=2,J1663*Input!$J$13,0)+IF(Input!$K$14=2,K1663*Input!$J$14,0)+IF(Input!$K$15=2,L1663*Input!$J$15,0)+IF(Input!$K$16=2,M1663*Input!$J$16,0)</f>
        <v>7.7272371157098063E-2</v>
      </c>
      <c r="P1663" s="58">
        <f>IF(Input!$K$13=3,J1663*Input!$J$13,0)+IF(Input!$K$14=3,K1663*Input!$J$14,0)+IF(Input!$K$15=3,L1663*Input!$J$15,0)+IF(Input!$K$16=3,M1663*Input!$J$16,0)</f>
        <v>0</v>
      </c>
      <c r="Q1663" s="71">
        <f>IF(Input!$K$13=4,J1663*Input!$J$13,0)+IF(Input!$K$14=4,K1663*Input!$J$14,0)+IF(Input!$K$15=4,L1663*Input!$J$15,0)+IF(Input!$K$16=4,M1663*Input!$J$16,0)</f>
        <v>0</v>
      </c>
    </row>
    <row r="1664" spans="8:17" x14ac:dyDescent="0.25">
      <c r="H1664" s="43">
        <v>1657</v>
      </c>
      <c r="I1664" s="55">
        <f>Bühler!I1690</f>
        <v>1.2652622907346265</v>
      </c>
      <c r="J1664" s="58">
        <f>Bühler!J1690</f>
        <v>12.901754659407196</v>
      </c>
      <c r="K1664" s="58">
        <f>Bühler!K1690</f>
        <v>0.38347189294538092</v>
      </c>
      <c r="L1664" s="58">
        <f>Bühler!L1690</f>
        <v>0.19173594647269046</v>
      </c>
      <c r="M1664" s="57">
        <f>Bühler!M1690</f>
        <v>0</v>
      </c>
      <c r="N1664" s="55">
        <f>IF(Input!$K$13=1,J1664*Input!$J$13,0)+IF(Input!$K$14=1,K1664*Input!$J$14,0)+IF(Input!$K$15=1,L1664*Input!$J$15,0)+IF(Input!$K$16=1,M1664*Input!$J$16,0)</f>
        <v>1.5482105591288635</v>
      </c>
      <c r="O1664" s="58">
        <f>IF(Input!$K$13=2,J1664*Input!$J$13,0)+IF(Input!$K$14=2,K1664*Input!$J$14,0)+IF(Input!$K$15=2,L1664*Input!$J$15,0)+IF(Input!$K$16=2,M1664*Input!$J$16,0)</f>
        <v>5.1768705547626429E-2</v>
      </c>
      <c r="P1664" s="58">
        <f>IF(Input!$K$13=3,J1664*Input!$J$13,0)+IF(Input!$K$14=3,K1664*Input!$J$14,0)+IF(Input!$K$15=3,L1664*Input!$J$15,0)+IF(Input!$K$16=3,M1664*Input!$J$16,0)</f>
        <v>0</v>
      </c>
      <c r="Q1664" s="71">
        <f>IF(Input!$K$13=4,J1664*Input!$J$13,0)+IF(Input!$K$14=4,K1664*Input!$J$14,0)+IF(Input!$K$15=4,L1664*Input!$J$15,0)+IF(Input!$K$16=4,M1664*Input!$J$16,0)</f>
        <v>0</v>
      </c>
    </row>
    <row r="1665" spans="8:17" x14ac:dyDescent="0.25">
      <c r="H1665" s="43">
        <v>1658</v>
      </c>
      <c r="I1665" s="55">
        <f>Bühler!I1691</f>
        <v>2.4702739961961755</v>
      </c>
      <c r="J1665" s="58">
        <f>Bühler!J1691</f>
        <v>12.15691141920159</v>
      </c>
      <c r="K1665" s="58">
        <f>Bühler!K1691</f>
        <v>0.34512470365084275</v>
      </c>
      <c r="L1665" s="58">
        <f>Bühler!L1691</f>
        <v>0.17256235182542137</v>
      </c>
      <c r="M1665" s="57">
        <f>Bühler!M1691</f>
        <v>0</v>
      </c>
      <c r="N1665" s="55">
        <f>IF(Input!$K$13=1,J1665*Input!$J$13,0)+IF(Input!$K$14=1,K1665*Input!$J$14,0)+IF(Input!$K$15=1,L1665*Input!$J$15,0)+IF(Input!$K$16=1,M1665*Input!$J$16,0)</f>
        <v>1.4588293703041908</v>
      </c>
      <c r="O1665" s="58">
        <f>IF(Input!$K$13=2,J1665*Input!$J$13,0)+IF(Input!$K$14=2,K1665*Input!$J$14,0)+IF(Input!$K$15=2,L1665*Input!$J$15,0)+IF(Input!$K$16=2,M1665*Input!$J$16,0)</f>
        <v>4.6591834992863769E-2</v>
      </c>
      <c r="P1665" s="58">
        <f>IF(Input!$K$13=3,J1665*Input!$J$13,0)+IF(Input!$K$14=3,K1665*Input!$J$14,0)+IF(Input!$K$15=3,L1665*Input!$J$15,0)+IF(Input!$K$16=3,M1665*Input!$J$16,0)</f>
        <v>0</v>
      </c>
      <c r="Q1665" s="71">
        <f>IF(Input!$K$13=4,J1665*Input!$J$13,0)+IF(Input!$K$14=4,K1665*Input!$J$14,0)+IF(Input!$K$15=4,L1665*Input!$J$15,0)+IF(Input!$K$16=4,M1665*Input!$J$16,0)</f>
        <v>0</v>
      </c>
    </row>
    <row r="1666" spans="8:17" x14ac:dyDescent="0.25">
      <c r="H1666" s="43">
        <v>1659</v>
      </c>
      <c r="I1666" s="55">
        <f>Bühler!I1692</f>
        <v>2.4702739961961755</v>
      </c>
      <c r="J1666" s="58">
        <f>Bühler!J1692</f>
        <v>12.15691141920159</v>
      </c>
      <c r="K1666" s="58">
        <f>Bühler!K1692</f>
        <v>0.34512470365084275</v>
      </c>
      <c r="L1666" s="58">
        <f>Bühler!L1692</f>
        <v>0.17256235182542137</v>
      </c>
      <c r="M1666" s="57">
        <f>Bühler!M1692</f>
        <v>0</v>
      </c>
      <c r="N1666" s="55">
        <f>IF(Input!$K$13=1,J1666*Input!$J$13,0)+IF(Input!$K$14=1,K1666*Input!$J$14,0)+IF(Input!$K$15=1,L1666*Input!$J$15,0)+IF(Input!$K$16=1,M1666*Input!$J$16,0)</f>
        <v>1.4588293703041908</v>
      </c>
      <c r="O1666" s="58">
        <f>IF(Input!$K$13=2,J1666*Input!$J$13,0)+IF(Input!$K$14=2,K1666*Input!$J$14,0)+IF(Input!$K$15=2,L1666*Input!$J$15,0)+IF(Input!$K$16=2,M1666*Input!$J$16,0)</f>
        <v>4.6591834992863769E-2</v>
      </c>
      <c r="P1666" s="58">
        <f>IF(Input!$K$13=3,J1666*Input!$J$13,0)+IF(Input!$K$14=3,K1666*Input!$J$14,0)+IF(Input!$K$15=3,L1666*Input!$J$15,0)+IF(Input!$K$16=3,M1666*Input!$J$16,0)</f>
        <v>0</v>
      </c>
      <c r="Q1666" s="71">
        <f>IF(Input!$K$13=4,J1666*Input!$J$13,0)+IF(Input!$K$14=4,K1666*Input!$J$14,0)+IF(Input!$K$15=4,L1666*Input!$J$15,0)+IF(Input!$K$16=4,M1666*Input!$J$16,0)</f>
        <v>0</v>
      </c>
    </row>
    <row r="1667" spans="8:17" x14ac:dyDescent="0.25">
      <c r="H1667" s="43">
        <v>1660</v>
      </c>
      <c r="I1667" s="55">
        <f>Bühler!I1693</f>
        <v>2.4702739961961755</v>
      </c>
      <c r="J1667" s="58">
        <f>Bühler!J1693</f>
        <v>12.15691141920159</v>
      </c>
      <c r="K1667" s="58">
        <f>Bühler!K1693</f>
        <v>0.34512470365084275</v>
      </c>
      <c r="L1667" s="58">
        <f>Bühler!L1693</f>
        <v>0.17256235182542137</v>
      </c>
      <c r="M1667" s="57">
        <f>Bühler!M1693</f>
        <v>0</v>
      </c>
      <c r="N1667" s="55">
        <f>IF(Input!$K$13=1,J1667*Input!$J$13,0)+IF(Input!$K$14=1,K1667*Input!$J$14,0)+IF(Input!$K$15=1,L1667*Input!$J$15,0)+IF(Input!$K$16=1,M1667*Input!$J$16,0)</f>
        <v>1.4588293703041908</v>
      </c>
      <c r="O1667" s="58">
        <f>IF(Input!$K$13=2,J1667*Input!$J$13,0)+IF(Input!$K$14=2,K1667*Input!$J$14,0)+IF(Input!$K$15=2,L1667*Input!$J$15,0)+IF(Input!$K$16=2,M1667*Input!$J$16,0)</f>
        <v>4.6591834992863769E-2</v>
      </c>
      <c r="P1667" s="58">
        <f>IF(Input!$K$13=3,J1667*Input!$J$13,0)+IF(Input!$K$14=3,K1667*Input!$J$14,0)+IF(Input!$K$15=3,L1667*Input!$J$15,0)+IF(Input!$K$16=3,M1667*Input!$J$16,0)</f>
        <v>0</v>
      </c>
      <c r="Q1667" s="71">
        <f>IF(Input!$K$13=4,J1667*Input!$J$13,0)+IF(Input!$K$14=4,K1667*Input!$J$14,0)+IF(Input!$K$15=4,L1667*Input!$J$15,0)+IF(Input!$K$16=4,M1667*Input!$J$16,0)</f>
        <v>0</v>
      </c>
    </row>
    <row r="1668" spans="8:17" x14ac:dyDescent="0.25">
      <c r="H1668" s="43">
        <v>1661</v>
      </c>
      <c r="I1668" s="55">
        <f>Bühler!I1694</f>
        <v>2.4702739961961755</v>
      </c>
      <c r="J1668" s="58">
        <f>Bühler!J1694</f>
        <v>12.15691141920159</v>
      </c>
      <c r="K1668" s="58">
        <f>Bühler!K1694</f>
        <v>0.34512470365084275</v>
      </c>
      <c r="L1668" s="58">
        <f>Bühler!L1694</f>
        <v>0.17256235182542137</v>
      </c>
      <c r="M1668" s="57">
        <f>Bühler!M1694</f>
        <v>0</v>
      </c>
      <c r="N1668" s="55">
        <f>IF(Input!$K$13=1,J1668*Input!$J$13,0)+IF(Input!$K$14=1,K1668*Input!$J$14,0)+IF(Input!$K$15=1,L1668*Input!$J$15,0)+IF(Input!$K$16=1,M1668*Input!$J$16,0)</f>
        <v>1.4588293703041908</v>
      </c>
      <c r="O1668" s="58">
        <f>IF(Input!$K$13=2,J1668*Input!$J$13,0)+IF(Input!$K$14=2,K1668*Input!$J$14,0)+IF(Input!$K$15=2,L1668*Input!$J$15,0)+IF(Input!$K$16=2,M1668*Input!$J$16,0)</f>
        <v>4.6591834992863769E-2</v>
      </c>
      <c r="P1668" s="58">
        <f>IF(Input!$K$13=3,J1668*Input!$J$13,0)+IF(Input!$K$14=3,K1668*Input!$J$14,0)+IF(Input!$K$15=3,L1668*Input!$J$15,0)+IF(Input!$K$16=3,M1668*Input!$J$16,0)</f>
        <v>0</v>
      </c>
      <c r="Q1668" s="71">
        <f>IF(Input!$K$13=4,J1668*Input!$J$13,0)+IF(Input!$K$14=4,K1668*Input!$J$14,0)+IF(Input!$K$15=4,L1668*Input!$J$15,0)+IF(Input!$K$16=4,M1668*Input!$J$16,0)</f>
        <v>0</v>
      </c>
    </row>
    <row r="1669" spans="8:17" x14ac:dyDescent="0.25">
      <c r="H1669" s="43">
        <v>1662</v>
      </c>
      <c r="I1669" s="55">
        <f>Bühler!I1695</f>
        <v>3.0727798489269502</v>
      </c>
      <c r="J1669" s="58">
        <f>Bühler!J1695</f>
        <v>12.182015829732038</v>
      </c>
      <c r="K1669" s="58">
        <f>Bühler!K1695</f>
        <v>0.34512470365084275</v>
      </c>
      <c r="L1669" s="58">
        <f>Bühler!L1695</f>
        <v>0.17256235182542137</v>
      </c>
      <c r="M1669" s="57">
        <f>Bühler!M1695</f>
        <v>0</v>
      </c>
      <c r="N1669" s="55">
        <f>IF(Input!$K$13=1,J1669*Input!$J$13,0)+IF(Input!$K$14=1,K1669*Input!$J$14,0)+IF(Input!$K$15=1,L1669*Input!$J$15,0)+IF(Input!$K$16=1,M1669*Input!$J$16,0)</f>
        <v>1.4618418995678444</v>
      </c>
      <c r="O1669" s="58">
        <f>IF(Input!$K$13=2,J1669*Input!$J$13,0)+IF(Input!$K$14=2,K1669*Input!$J$14,0)+IF(Input!$K$15=2,L1669*Input!$J$15,0)+IF(Input!$K$16=2,M1669*Input!$J$16,0)</f>
        <v>4.6591834992863769E-2</v>
      </c>
      <c r="P1669" s="58">
        <f>IF(Input!$K$13=3,J1669*Input!$J$13,0)+IF(Input!$K$14=3,K1669*Input!$J$14,0)+IF(Input!$K$15=3,L1669*Input!$J$15,0)+IF(Input!$K$16=3,M1669*Input!$J$16,0)</f>
        <v>0</v>
      </c>
      <c r="Q1669" s="71">
        <f>IF(Input!$K$13=4,J1669*Input!$J$13,0)+IF(Input!$K$14=4,K1669*Input!$J$14,0)+IF(Input!$K$15=4,L1669*Input!$J$15,0)+IF(Input!$K$16=4,M1669*Input!$J$16,0)</f>
        <v>0</v>
      </c>
    </row>
    <row r="1670" spans="8:17" x14ac:dyDescent="0.25">
      <c r="H1670" s="43">
        <v>1663</v>
      </c>
      <c r="I1670" s="55">
        <f>Bühler!I1696</f>
        <v>3.8560374574769565</v>
      </c>
      <c r="J1670" s="58">
        <f>Bühler!J1696</f>
        <v>12.21465156342162</v>
      </c>
      <c r="K1670" s="58">
        <f>Bühler!K1696</f>
        <v>0.34512470365084275</v>
      </c>
      <c r="L1670" s="58">
        <f>Bühler!L1696</f>
        <v>0.17256235182542137</v>
      </c>
      <c r="M1670" s="57">
        <f>Bühler!M1696</f>
        <v>0</v>
      </c>
      <c r="N1670" s="55">
        <f>IF(Input!$K$13=1,J1670*Input!$J$13,0)+IF(Input!$K$14=1,K1670*Input!$J$14,0)+IF(Input!$K$15=1,L1670*Input!$J$15,0)+IF(Input!$K$16=1,M1670*Input!$J$16,0)</f>
        <v>1.4657581876105943</v>
      </c>
      <c r="O1670" s="58">
        <f>IF(Input!$K$13=2,J1670*Input!$J$13,0)+IF(Input!$K$14=2,K1670*Input!$J$14,0)+IF(Input!$K$15=2,L1670*Input!$J$15,0)+IF(Input!$K$16=2,M1670*Input!$J$16,0)</f>
        <v>4.6591834992863769E-2</v>
      </c>
      <c r="P1670" s="58">
        <f>IF(Input!$K$13=3,J1670*Input!$J$13,0)+IF(Input!$K$14=3,K1670*Input!$J$14,0)+IF(Input!$K$15=3,L1670*Input!$J$15,0)+IF(Input!$K$16=3,M1670*Input!$J$16,0)</f>
        <v>0</v>
      </c>
      <c r="Q1670" s="71">
        <f>IF(Input!$K$13=4,J1670*Input!$J$13,0)+IF(Input!$K$14=4,K1670*Input!$J$14,0)+IF(Input!$K$15=4,L1670*Input!$J$15,0)+IF(Input!$K$16=4,M1670*Input!$J$16,0)</f>
        <v>0</v>
      </c>
    </row>
    <row r="1671" spans="8:17" x14ac:dyDescent="0.25">
      <c r="H1671" s="43">
        <v>1664</v>
      </c>
      <c r="I1671" s="55">
        <f>Bühler!I1697</f>
        <v>4.3982927249346542</v>
      </c>
      <c r="J1671" s="58">
        <f>Bühler!J1697</f>
        <v>12.237245532899024</v>
      </c>
      <c r="K1671" s="58">
        <f>Bühler!K1697</f>
        <v>0.34512470365084275</v>
      </c>
      <c r="L1671" s="58">
        <f>Bühler!L1697</f>
        <v>0.17256235182542137</v>
      </c>
      <c r="M1671" s="57">
        <f>Bühler!M1697</f>
        <v>0</v>
      </c>
      <c r="N1671" s="55">
        <f>IF(Input!$K$13=1,J1671*Input!$J$13,0)+IF(Input!$K$14=1,K1671*Input!$J$14,0)+IF(Input!$K$15=1,L1671*Input!$J$15,0)+IF(Input!$K$16=1,M1671*Input!$J$16,0)</f>
        <v>1.4684694639478828</v>
      </c>
      <c r="O1671" s="58">
        <f>IF(Input!$K$13=2,J1671*Input!$J$13,0)+IF(Input!$K$14=2,K1671*Input!$J$14,0)+IF(Input!$K$15=2,L1671*Input!$J$15,0)+IF(Input!$K$16=2,M1671*Input!$J$16,0)</f>
        <v>4.6591834992863769E-2</v>
      </c>
      <c r="P1671" s="58">
        <f>IF(Input!$K$13=3,J1671*Input!$J$13,0)+IF(Input!$K$14=3,K1671*Input!$J$14,0)+IF(Input!$K$15=3,L1671*Input!$J$15,0)+IF(Input!$K$16=3,M1671*Input!$J$16,0)</f>
        <v>0</v>
      </c>
      <c r="Q1671" s="71">
        <f>IF(Input!$K$13=4,J1671*Input!$J$13,0)+IF(Input!$K$14=4,K1671*Input!$J$14,0)+IF(Input!$K$15=4,L1671*Input!$J$15,0)+IF(Input!$K$16=4,M1671*Input!$J$16,0)</f>
        <v>0</v>
      </c>
    </row>
    <row r="1672" spans="8:17" x14ac:dyDescent="0.25">
      <c r="H1672" s="43">
        <v>1665</v>
      </c>
      <c r="I1672" s="55">
        <f>Bühler!I1698</f>
        <v>4.3982927249346542</v>
      </c>
      <c r="J1672" s="58">
        <f>Bühler!J1698</f>
        <v>12.237245532899024</v>
      </c>
      <c r="K1672" s="58">
        <f>Bühler!K1698</f>
        <v>0.34512470365084275</v>
      </c>
      <c r="L1672" s="58">
        <f>Bühler!L1698</f>
        <v>0.17256235182542137</v>
      </c>
      <c r="M1672" s="57">
        <f>Bühler!M1698</f>
        <v>0</v>
      </c>
      <c r="N1672" s="55">
        <f>IF(Input!$K$13=1,J1672*Input!$J$13,0)+IF(Input!$K$14=1,K1672*Input!$J$14,0)+IF(Input!$K$15=1,L1672*Input!$J$15,0)+IF(Input!$K$16=1,M1672*Input!$J$16,0)</f>
        <v>1.4684694639478828</v>
      </c>
      <c r="O1672" s="58">
        <f>IF(Input!$K$13=2,J1672*Input!$J$13,0)+IF(Input!$K$14=2,K1672*Input!$J$14,0)+IF(Input!$K$15=2,L1672*Input!$J$15,0)+IF(Input!$K$16=2,M1672*Input!$J$16,0)</f>
        <v>4.6591834992863769E-2</v>
      </c>
      <c r="P1672" s="58">
        <f>IF(Input!$K$13=3,J1672*Input!$J$13,0)+IF(Input!$K$14=3,K1672*Input!$J$14,0)+IF(Input!$K$15=3,L1672*Input!$J$15,0)+IF(Input!$K$16=3,M1672*Input!$J$16,0)</f>
        <v>0</v>
      </c>
      <c r="Q1672" s="71">
        <f>IF(Input!$K$13=4,J1672*Input!$J$13,0)+IF(Input!$K$14=4,K1672*Input!$J$14,0)+IF(Input!$K$15=4,L1672*Input!$J$15,0)+IF(Input!$K$16=4,M1672*Input!$J$16,0)</f>
        <v>0</v>
      </c>
    </row>
    <row r="1673" spans="8:17" x14ac:dyDescent="0.25">
      <c r="H1673" s="43">
        <v>1666</v>
      </c>
      <c r="I1673" s="55">
        <f>Bühler!I1699</f>
        <v>4.3982927249346542</v>
      </c>
      <c r="J1673" s="58">
        <f>Bühler!J1699</f>
        <v>12.237245532899024</v>
      </c>
      <c r="K1673" s="58">
        <f>Bühler!K1699</f>
        <v>0.34512470365084275</v>
      </c>
      <c r="L1673" s="58">
        <f>Bühler!L1699</f>
        <v>0.17256235182542137</v>
      </c>
      <c r="M1673" s="57">
        <f>Bühler!M1699</f>
        <v>0</v>
      </c>
      <c r="N1673" s="55">
        <f>IF(Input!$K$13=1,J1673*Input!$J$13,0)+IF(Input!$K$14=1,K1673*Input!$J$14,0)+IF(Input!$K$15=1,L1673*Input!$J$15,0)+IF(Input!$K$16=1,M1673*Input!$J$16,0)</f>
        <v>1.4684694639478828</v>
      </c>
      <c r="O1673" s="58">
        <f>IF(Input!$K$13=2,J1673*Input!$J$13,0)+IF(Input!$K$14=2,K1673*Input!$J$14,0)+IF(Input!$K$15=2,L1673*Input!$J$15,0)+IF(Input!$K$16=2,M1673*Input!$J$16,0)</f>
        <v>4.6591834992863769E-2</v>
      </c>
      <c r="P1673" s="58">
        <f>IF(Input!$K$13=3,J1673*Input!$J$13,0)+IF(Input!$K$14=3,K1673*Input!$J$14,0)+IF(Input!$K$15=3,L1673*Input!$J$15,0)+IF(Input!$K$16=3,M1673*Input!$J$16,0)</f>
        <v>0</v>
      </c>
      <c r="Q1673" s="71">
        <f>IF(Input!$K$13=4,J1673*Input!$J$13,0)+IF(Input!$K$14=4,K1673*Input!$J$14,0)+IF(Input!$K$15=4,L1673*Input!$J$15,0)+IF(Input!$K$16=4,M1673*Input!$J$16,0)</f>
        <v>0</v>
      </c>
    </row>
    <row r="1674" spans="8:17" x14ac:dyDescent="0.25">
      <c r="H1674" s="43">
        <v>1667</v>
      </c>
      <c r="I1674" s="55">
        <f>Bühler!I1700</f>
        <v>4.3982927249346542</v>
      </c>
      <c r="J1674" s="58">
        <f>Bühler!J1700</f>
        <v>12.237245532899024</v>
      </c>
      <c r="K1674" s="58">
        <f>Bühler!K1700</f>
        <v>0.34512470365084275</v>
      </c>
      <c r="L1674" s="58">
        <f>Bühler!L1700</f>
        <v>0.17256235182542137</v>
      </c>
      <c r="M1674" s="57">
        <f>Bühler!M1700</f>
        <v>0</v>
      </c>
      <c r="N1674" s="55">
        <f>IF(Input!$K$13=1,J1674*Input!$J$13,0)+IF(Input!$K$14=1,K1674*Input!$J$14,0)+IF(Input!$K$15=1,L1674*Input!$J$15,0)+IF(Input!$K$16=1,M1674*Input!$J$16,0)</f>
        <v>1.4684694639478828</v>
      </c>
      <c r="O1674" s="58">
        <f>IF(Input!$K$13=2,J1674*Input!$J$13,0)+IF(Input!$K$14=2,K1674*Input!$J$14,0)+IF(Input!$K$15=2,L1674*Input!$J$15,0)+IF(Input!$K$16=2,M1674*Input!$J$16,0)</f>
        <v>4.6591834992863769E-2</v>
      </c>
      <c r="P1674" s="58">
        <f>IF(Input!$K$13=3,J1674*Input!$J$13,0)+IF(Input!$K$14=3,K1674*Input!$J$14,0)+IF(Input!$K$15=3,L1674*Input!$J$15,0)+IF(Input!$K$16=3,M1674*Input!$J$16,0)</f>
        <v>0</v>
      </c>
      <c r="Q1674" s="71">
        <f>IF(Input!$K$13=4,J1674*Input!$J$13,0)+IF(Input!$K$14=4,K1674*Input!$J$14,0)+IF(Input!$K$15=4,L1674*Input!$J$15,0)+IF(Input!$K$16=4,M1674*Input!$J$16,0)</f>
        <v>0</v>
      </c>
    </row>
    <row r="1675" spans="8:17" x14ac:dyDescent="0.25">
      <c r="H1675" s="43">
        <v>1668</v>
      </c>
      <c r="I1675" s="55">
        <f>Bühler!I1701</f>
        <v>4.3982927249346542</v>
      </c>
      <c r="J1675" s="58">
        <f>Bühler!J1701</f>
        <v>12.237245532899024</v>
      </c>
      <c r="K1675" s="58">
        <f>Bühler!K1701</f>
        <v>0.34512470365084275</v>
      </c>
      <c r="L1675" s="58">
        <f>Bühler!L1701</f>
        <v>0.17256235182542137</v>
      </c>
      <c r="M1675" s="57">
        <f>Bühler!M1701</f>
        <v>0</v>
      </c>
      <c r="N1675" s="55">
        <f>IF(Input!$K$13=1,J1675*Input!$J$13,0)+IF(Input!$K$14=1,K1675*Input!$J$14,0)+IF(Input!$K$15=1,L1675*Input!$J$15,0)+IF(Input!$K$16=1,M1675*Input!$J$16,0)</f>
        <v>1.4684694639478828</v>
      </c>
      <c r="O1675" s="58">
        <f>IF(Input!$K$13=2,J1675*Input!$J$13,0)+IF(Input!$K$14=2,K1675*Input!$J$14,0)+IF(Input!$K$15=2,L1675*Input!$J$15,0)+IF(Input!$K$16=2,M1675*Input!$J$16,0)</f>
        <v>4.6591834992863769E-2</v>
      </c>
      <c r="P1675" s="58">
        <f>IF(Input!$K$13=3,J1675*Input!$J$13,0)+IF(Input!$K$14=3,K1675*Input!$J$14,0)+IF(Input!$K$15=3,L1675*Input!$J$15,0)+IF(Input!$K$16=3,M1675*Input!$J$16,0)</f>
        <v>0</v>
      </c>
      <c r="Q1675" s="71">
        <f>IF(Input!$K$13=4,J1675*Input!$J$13,0)+IF(Input!$K$14=4,K1675*Input!$J$14,0)+IF(Input!$K$15=4,L1675*Input!$J$15,0)+IF(Input!$K$16=4,M1675*Input!$J$16,0)</f>
        <v>0</v>
      </c>
    </row>
    <row r="1676" spans="8:17" x14ac:dyDescent="0.25">
      <c r="H1676" s="43">
        <v>1669</v>
      </c>
      <c r="I1676" s="55">
        <f>Bühler!I1702</f>
        <v>4.3982927249346542</v>
      </c>
      <c r="J1676" s="58">
        <f>Bühler!J1702</f>
        <v>12.237245532899024</v>
      </c>
      <c r="K1676" s="58">
        <f>Bühler!K1702</f>
        <v>0.34512470365084275</v>
      </c>
      <c r="L1676" s="58">
        <f>Bühler!L1702</f>
        <v>0.17256235182542137</v>
      </c>
      <c r="M1676" s="57">
        <f>Bühler!M1702</f>
        <v>0</v>
      </c>
      <c r="N1676" s="55">
        <f>IF(Input!$K$13=1,J1676*Input!$J$13,0)+IF(Input!$K$14=1,K1676*Input!$J$14,0)+IF(Input!$K$15=1,L1676*Input!$J$15,0)+IF(Input!$K$16=1,M1676*Input!$J$16,0)</f>
        <v>1.4684694639478828</v>
      </c>
      <c r="O1676" s="58">
        <f>IF(Input!$K$13=2,J1676*Input!$J$13,0)+IF(Input!$K$14=2,K1676*Input!$J$14,0)+IF(Input!$K$15=2,L1676*Input!$J$15,0)+IF(Input!$K$16=2,M1676*Input!$J$16,0)</f>
        <v>4.6591834992863769E-2</v>
      </c>
      <c r="P1676" s="58">
        <f>IF(Input!$K$13=3,J1676*Input!$J$13,0)+IF(Input!$K$14=3,K1676*Input!$J$14,0)+IF(Input!$K$15=3,L1676*Input!$J$15,0)+IF(Input!$K$16=3,M1676*Input!$J$16,0)</f>
        <v>0</v>
      </c>
      <c r="Q1676" s="71">
        <f>IF(Input!$K$13=4,J1676*Input!$J$13,0)+IF(Input!$K$14=4,K1676*Input!$J$14,0)+IF(Input!$K$15=4,L1676*Input!$J$15,0)+IF(Input!$K$16=4,M1676*Input!$J$16,0)</f>
        <v>0</v>
      </c>
    </row>
    <row r="1677" spans="8:17" x14ac:dyDescent="0.25">
      <c r="H1677" s="43">
        <v>1670</v>
      </c>
      <c r="I1677" s="55">
        <f>Bühler!I1703</f>
        <v>4.3982927249346542</v>
      </c>
      <c r="J1677" s="58">
        <f>Bühler!J1703</f>
        <v>12.237245532899024</v>
      </c>
      <c r="K1677" s="58">
        <f>Bühler!K1703</f>
        <v>0.34512470365084275</v>
      </c>
      <c r="L1677" s="58">
        <f>Bühler!L1703</f>
        <v>0.17256235182542137</v>
      </c>
      <c r="M1677" s="57">
        <f>Bühler!M1703</f>
        <v>0</v>
      </c>
      <c r="N1677" s="55">
        <f>IF(Input!$K$13=1,J1677*Input!$J$13,0)+IF(Input!$K$14=1,K1677*Input!$J$14,0)+IF(Input!$K$15=1,L1677*Input!$J$15,0)+IF(Input!$K$16=1,M1677*Input!$J$16,0)</f>
        <v>1.4684694639478828</v>
      </c>
      <c r="O1677" s="58">
        <f>IF(Input!$K$13=2,J1677*Input!$J$13,0)+IF(Input!$K$14=2,K1677*Input!$J$14,0)+IF(Input!$K$15=2,L1677*Input!$J$15,0)+IF(Input!$K$16=2,M1677*Input!$J$16,0)</f>
        <v>4.6591834992863769E-2</v>
      </c>
      <c r="P1677" s="58">
        <f>IF(Input!$K$13=3,J1677*Input!$J$13,0)+IF(Input!$K$14=3,K1677*Input!$J$14,0)+IF(Input!$K$15=3,L1677*Input!$J$15,0)+IF(Input!$K$16=3,M1677*Input!$J$16,0)</f>
        <v>0</v>
      </c>
      <c r="Q1677" s="71">
        <f>IF(Input!$K$13=4,J1677*Input!$J$13,0)+IF(Input!$K$14=4,K1677*Input!$J$14,0)+IF(Input!$K$15=4,L1677*Input!$J$15,0)+IF(Input!$K$16=4,M1677*Input!$J$16,0)</f>
        <v>0</v>
      </c>
    </row>
    <row r="1678" spans="8:17" x14ac:dyDescent="0.25">
      <c r="H1678" s="43">
        <v>1671</v>
      </c>
      <c r="I1678" s="55">
        <f>Bühler!I1704</f>
        <v>4.3982927249346542</v>
      </c>
      <c r="J1678" s="58">
        <f>Bühler!J1704</f>
        <v>12.237245532899024</v>
      </c>
      <c r="K1678" s="58">
        <f>Bühler!K1704</f>
        <v>0.34512470365084275</v>
      </c>
      <c r="L1678" s="58">
        <f>Bühler!L1704</f>
        <v>0.17256235182542137</v>
      </c>
      <c r="M1678" s="57">
        <f>Bühler!M1704</f>
        <v>0</v>
      </c>
      <c r="N1678" s="55">
        <f>IF(Input!$K$13=1,J1678*Input!$J$13,0)+IF(Input!$K$14=1,K1678*Input!$J$14,0)+IF(Input!$K$15=1,L1678*Input!$J$15,0)+IF(Input!$K$16=1,M1678*Input!$J$16,0)</f>
        <v>1.4684694639478828</v>
      </c>
      <c r="O1678" s="58">
        <f>IF(Input!$K$13=2,J1678*Input!$J$13,0)+IF(Input!$K$14=2,K1678*Input!$J$14,0)+IF(Input!$K$15=2,L1678*Input!$J$15,0)+IF(Input!$K$16=2,M1678*Input!$J$16,0)</f>
        <v>4.6591834992863769E-2</v>
      </c>
      <c r="P1678" s="58">
        <f>IF(Input!$K$13=3,J1678*Input!$J$13,0)+IF(Input!$K$14=3,K1678*Input!$J$14,0)+IF(Input!$K$15=3,L1678*Input!$J$15,0)+IF(Input!$K$16=3,M1678*Input!$J$16,0)</f>
        <v>0</v>
      </c>
      <c r="Q1678" s="71">
        <f>IF(Input!$K$13=4,J1678*Input!$J$13,0)+IF(Input!$K$14=4,K1678*Input!$J$14,0)+IF(Input!$K$15=4,L1678*Input!$J$15,0)+IF(Input!$K$16=4,M1678*Input!$J$16,0)</f>
        <v>0</v>
      </c>
    </row>
    <row r="1679" spans="8:17" x14ac:dyDescent="0.25">
      <c r="H1679" s="43">
        <v>1672</v>
      </c>
      <c r="I1679" s="55">
        <f>Bühler!I1705</f>
        <v>3.9765386280231114</v>
      </c>
      <c r="J1679" s="58">
        <f>Bühler!J1705</f>
        <v>12.21967244552771</v>
      </c>
      <c r="K1679" s="58">
        <f>Bühler!K1705</f>
        <v>0.34512470365084275</v>
      </c>
      <c r="L1679" s="58">
        <f>Bühler!L1705</f>
        <v>0.17256235182542137</v>
      </c>
      <c r="M1679" s="57">
        <f>Bühler!M1705</f>
        <v>0</v>
      </c>
      <c r="N1679" s="55">
        <f>IF(Input!$K$13=1,J1679*Input!$J$13,0)+IF(Input!$K$14=1,K1679*Input!$J$14,0)+IF(Input!$K$15=1,L1679*Input!$J$15,0)+IF(Input!$K$16=1,M1679*Input!$J$16,0)</f>
        <v>1.4663606934633251</v>
      </c>
      <c r="O1679" s="58">
        <f>IF(Input!$K$13=2,J1679*Input!$J$13,0)+IF(Input!$K$14=2,K1679*Input!$J$14,0)+IF(Input!$K$15=2,L1679*Input!$J$15,0)+IF(Input!$K$16=2,M1679*Input!$J$16,0)</f>
        <v>4.6591834992863769E-2</v>
      </c>
      <c r="P1679" s="58">
        <f>IF(Input!$K$13=3,J1679*Input!$J$13,0)+IF(Input!$K$14=3,K1679*Input!$J$14,0)+IF(Input!$K$15=3,L1679*Input!$J$15,0)+IF(Input!$K$16=3,M1679*Input!$J$16,0)</f>
        <v>0</v>
      </c>
      <c r="Q1679" s="71">
        <f>IF(Input!$K$13=4,J1679*Input!$J$13,0)+IF(Input!$K$14=4,K1679*Input!$J$14,0)+IF(Input!$K$15=4,L1679*Input!$J$15,0)+IF(Input!$K$16=4,M1679*Input!$J$16,0)</f>
        <v>0</v>
      </c>
    </row>
    <row r="1680" spans="8:17" x14ac:dyDescent="0.25">
      <c r="H1680" s="43">
        <v>1673</v>
      </c>
      <c r="I1680" s="55">
        <f>Bühler!I1706</f>
        <v>3.615035116384647</v>
      </c>
      <c r="J1680" s="58">
        <f>Bühler!J1706</f>
        <v>12.204609799209441</v>
      </c>
      <c r="K1680" s="58">
        <f>Bühler!K1706</f>
        <v>0.34512470365084275</v>
      </c>
      <c r="L1680" s="58">
        <f>Bühler!L1706</f>
        <v>0.17256235182542137</v>
      </c>
      <c r="M1680" s="57">
        <f>Bühler!M1706</f>
        <v>0</v>
      </c>
      <c r="N1680" s="55">
        <f>IF(Input!$K$13=1,J1680*Input!$J$13,0)+IF(Input!$K$14=1,K1680*Input!$J$14,0)+IF(Input!$K$15=1,L1680*Input!$J$15,0)+IF(Input!$K$16=1,M1680*Input!$J$16,0)</f>
        <v>1.4645531759051329</v>
      </c>
      <c r="O1680" s="58">
        <f>IF(Input!$K$13=2,J1680*Input!$J$13,0)+IF(Input!$K$14=2,K1680*Input!$J$14,0)+IF(Input!$K$15=2,L1680*Input!$J$15,0)+IF(Input!$K$16=2,M1680*Input!$J$16,0)</f>
        <v>4.6591834992863769E-2</v>
      </c>
      <c r="P1680" s="58">
        <f>IF(Input!$K$13=3,J1680*Input!$J$13,0)+IF(Input!$K$14=3,K1680*Input!$J$14,0)+IF(Input!$K$15=3,L1680*Input!$J$15,0)+IF(Input!$K$16=3,M1680*Input!$J$16,0)</f>
        <v>0</v>
      </c>
      <c r="Q1680" s="71">
        <f>IF(Input!$K$13=4,J1680*Input!$J$13,0)+IF(Input!$K$14=4,K1680*Input!$J$14,0)+IF(Input!$K$15=4,L1680*Input!$J$15,0)+IF(Input!$K$16=4,M1680*Input!$J$16,0)</f>
        <v>0</v>
      </c>
    </row>
    <row r="1681" spans="8:17" x14ac:dyDescent="0.25">
      <c r="H1681" s="43">
        <v>1674</v>
      </c>
      <c r="I1681" s="55">
        <f>Bühler!I1707</f>
        <v>3.2535316047461826</v>
      </c>
      <c r="J1681" s="58">
        <f>Bühler!J1707</f>
        <v>12.189547152891173</v>
      </c>
      <c r="K1681" s="58">
        <f>Bühler!K1707</f>
        <v>0.34512470365084275</v>
      </c>
      <c r="L1681" s="58">
        <f>Bühler!L1707</f>
        <v>0.17256235182542137</v>
      </c>
      <c r="M1681" s="57">
        <f>Bühler!M1707</f>
        <v>0</v>
      </c>
      <c r="N1681" s="55">
        <f>IF(Input!$K$13=1,J1681*Input!$J$13,0)+IF(Input!$K$14=1,K1681*Input!$J$14,0)+IF(Input!$K$15=1,L1681*Input!$J$15,0)+IF(Input!$K$16=1,M1681*Input!$J$16,0)</f>
        <v>1.4627456583469407</v>
      </c>
      <c r="O1681" s="58">
        <f>IF(Input!$K$13=2,J1681*Input!$J$13,0)+IF(Input!$K$14=2,K1681*Input!$J$14,0)+IF(Input!$K$15=2,L1681*Input!$J$15,0)+IF(Input!$K$16=2,M1681*Input!$J$16,0)</f>
        <v>4.6591834992863769E-2</v>
      </c>
      <c r="P1681" s="58">
        <f>IF(Input!$K$13=3,J1681*Input!$J$13,0)+IF(Input!$K$14=3,K1681*Input!$J$14,0)+IF(Input!$K$15=3,L1681*Input!$J$15,0)+IF(Input!$K$16=3,M1681*Input!$J$16,0)</f>
        <v>0</v>
      </c>
      <c r="Q1681" s="71">
        <f>IF(Input!$K$13=4,J1681*Input!$J$13,0)+IF(Input!$K$14=4,K1681*Input!$J$14,0)+IF(Input!$K$15=4,L1681*Input!$J$15,0)+IF(Input!$K$16=4,M1681*Input!$J$16,0)</f>
        <v>0</v>
      </c>
    </row>
    <row r="1682" spans="8:17" x14ac:dyDescent="0.25">
      <c r="H1682" s="43">
        <v>1675</v>
      </c>
      <c r="I1682" s="55">
        <f>Bühler!I1708</f>
        <v>3.1330304342000272</v>
      </c>
      <c r="J1682" s="58">
        <f>Bühler!J1708</f>
        <v>12.184526270785083</v>
      </c>
      <c r="K1682" s="58">
        <f>Bühler!K1708</f>
        <v>0.34512470365084275</v>
      </c>
      <c r="L1682" s="58">
        <f>Bühler!L1708</f>
        <v>0.17256235182542137</v>
      </c>
      <c r="M1682" s="57">
        <f>Bühler!M1708</f>
        <v>0</v>
      </c>
      <c r="N1682" s="55">
        <f>IF(Input!$K$13=1,J1682*Input!$J$13,0)+IF(Input!$K$14=1,K1682*Input!$J$14,0)+IF(Input!$K$15=1,L1682*Input!$J$15,0)+IF(Input!$K$16=1,M1682*Input!$J$16,0)</f>
        <v>1.4621431524942099</v>
      </c>
      <c r="O1682" s="58">
        <f>IF(Input!$K$13=2,J1682*Input!$J$13,0)+IF(Input!$K$14=2,K1682*Input!$J$14,0)+IF(Input!$K$15=2,L1682*Input!$J$15,0)+IF(Input!$K$16=2,M1682*Input!$J$16,0)</f>
        <v>4.6591834992863769E-2</v>
      </c>
      <c r="P1682" s="58">
        <f>IF(Input!$K$13=3,J1682*Input!$J$13,0)+IF(Input!$K$14=3,K1682*Input!$J$14,0)+IF(Input!$K$15=3,L1682*Input!$J$15,0)+IF(Input!$K$16=3,M1682*Input!$J$16,0)</f>
        <v>0</v>
      </c>
      <c r="Q1682" s="71">
        <f>IF(Input!$K$13=4,J1682*Input!$J$13,0)+IF(Input!$K$14=4,K1682*Input!$J$14,0)+IF(Input!$K$15=4,L1682*Input!$J$15,0)+IF(Input!$K$16=4,M1682*Input!$J$16,0)</f>
        <v>0</v>
      </c>
    </row>
    <row r="1683" spans="8:17" x14ac:dyDescent="0.25">
      <c r="H1683" s="43">
        <v>1676</v>
      </c>
      <c r="I1683" s="55">
        <f>Bühler!I1709</f>
        <v>2.530524581469253</v>
      </c>
      <c r="J1683" s="58">
        <f>Bühler!J1709</f>
        <v>12.159421860254634</v>
      </c>
      <c r="K1683" s="58">
        <f>Bühler!K1709</f>
        <v>0.34512470365084275</v>
      </c>
      <c r="L1683" s="58">
        <f>Bühler!L1709</f>
        <v>0.17256235182542137</v>
      </c>
      <c r="M1683" s="57">
        <f>Bühler!M1709</f>
        <v>0</v>
      </c>
      <c r="N1683" s="55">
        <f>IF(Input!$K$13=1,J1683*Input!$J$13,0)+IF(Input!$K$14=1,K1683*Input!$J$14,0)+IF(Input!$K$15=1,L1683*Input!$J$15,0)+IF(Input!$K$16=1,M1683*Input!$J$16,0)</f>
        <v>1.4591306232305561</v>
      </c>
      <c r="O1683" s="58">
        <f>IF(Input!$K$13=2,J1683*Input!$J$13,0)+IF(Input!$K$14=2,K1683*Input!$J$14,0)+IF(Input!$K$15=2,L1683*Input!$J$15,0)+IF(Input!$K$16=2,M1683*Input!$J$16,0)</f>
        <v>4.6591834992863769E-2</v>
      </c>
      <c r="P1683" s="58">
        <f>IF(Input!$K$13=3,J1683*Input!$J$13,0)+IF(Input!$K$14=3,K1683*Input!$J$14,0)+IF(Input!$K$15=3,L1683*Input!$J$15,0)+IF(Input!$K$16=3,M1683*Input!$J$16,0)</f>
        <v>0</v>
      </c>
      <c r="Q1683" s="71">
        <f>IF(Input!$K$13=4,J1683*Input!$J$13,0)+IF(Input!$K$14=4,K1683*Input!$J$14,0)+IF(Input!$K$15=4,L1683*Input!$J$15,0)+IF(Input!$K$16=4,M1683*Input!$J$16,0)</f>
        <v>0</v>
      </c>
    </row>
    <row r="1684" spans="8:17" x14ac:dyDescent="0.25">
      <c r="H1684" s="43">
        <v>1677</v>
      </c>
      <c r="I1684" s="55">
        <f>Bühler!I1710</f>
        <v>1.867768143465401</v>
      </c>
      <c r="J1684" s="58">
        <f>Bühler!J1710</f>
        <v>12.13180700867114</v>
      </c>
      <c r="K1684" s="58">
        <f>Bühler!K1710</f>
        <v>0.34512470365084275</v>
      </c>
      <c r="L1684" s="58">
        <f>Bühler!L1710</f>
        <v>0.17256235182542137</v>
      </c>
      <c r="M1684" s="57">
        <f>Bühler!M1710</f>
        <v>0</v>
      </c>
      <c r="N1684" s="55">
        <f>IF(Input!$K$13=1,J1684*Input!$J$13,0)+IF(Input!$K$14=1,K1684*Input!$J$14,0)+IF(Input!$K$15=1,L1684*Input!$J$15,0)+IF(Input!$K$16=1,M1684*Input!$J$16,0)</f>
        <v>1.4558168410405368</v>
      </c>
      <c r="O1684" s="58">
        <f>IF(Input!$K$13=2,J1684*Input!$J$13,0)+IF(Input!$K$14=2,K1684*Input!$J$14,0)+IF(Input!$K$15=2,L1684*Input!$J$15,0)+IF(Input!$K$16=2,M1684*Input!$J$16,0)</f>
        <v>4.6591834992863769E-2</v>
      </c>
      <c r="P1684" s="58">
        <f>IF(Input!$K$13=3,J1684*Input!$J$13,0)+IF(Input!$K$14=3,K1684*Input!$J$14,0)+IF(Input!$K$15=3,L1684*Input!$J$15,0)+IF(Input!$K$16=3,M1684*Input!$J$16,0)</f>
        <v>0</v>
      </c>
      <c r="Q1684" s="71">
        <f>IF(Input!$K$13=4,J1684*Input!$J$13,0)+IF(Input!$K$14=4,K1684*Input!$J$14,0)+IF(Input!$K$15=4,L1684*Input!$J$15,0)+IF(Input!$K$16=4,M1684*Input!$J$16,0)</f>
        <v>0</v>
      </c>
    </row>
    <row r="1685" spans="8:17" x14ac:dyDescent="0.25">
      <c r="H1685" s="43">
        <v>1678</v>
      </c>
      <c r="I1685" s="55">
        <f>Bühler!I1711</f>
        <v>1.867768143465401</v>
      </c>
      <c r="J1685" s="58">
        <f>Bühler!J1711</f>
        <v>12.13180700867114</v>
      </c>
      <c r="K1685" s="58">
        <f>Bühler!K1711</f>
        <v>0.34512470365084275</v>
      </c>
      <c r="L1685" s="58">
        <f>Bühler!L1711</f>
        <v>0.17256235182542137</v>
      </c>
      <c r="M1685" s="57">
        <f>Bühler!M1711</f>
        <v>0</v>
      </c>
      <c r="N1685" s="55">
        <f>IF(Input!$K$13=1,J1685*Input!$J$13,0)+IF(Input!$K$14=1,K1685*Input!$J$14,0)+IF(Input!$K$15=1,L1685*Input!$J$15,0)+IF(Input!$K$16=1,M1685*Input!$J$16,0)</f>
        <v>1.4558168410405368</v>
      </c>
      <c r="O1685" s="58">
        <f>IF(Input!$K$13=2,J1685*Input!$J$13,0)+IF(Input!$K$14=2,K1685*Input!$J$14,0)+IF(Input!$K$15=2,L1685*Input!$J$15,0)+IF(Input!$K$16=2,M1685*Input!$J$16,0)</f>
        <v>4.6591834992863769E-2</v>
      </c>
      <c r="P1685" s="58">
        <f>IF(Input!$K$13=3,J1685*Input!$J$13,0)+IF(Input!$K$14=3,K1685*Input!$J$14,0)+IF(Input!$K$15=3,L1685*Input!$J$15,0)+IF(Input!$K$16=3,M1685*Input!$J$16,0)</f>
        <v>0</v>
      </c>
      <c r="Q1685" s="71">
        <f>IF(Input!$K$13=4,J1685*Input!$J$13,0)+IF(Input!$K$14=4,K1685*Input!$J$14,0)+IF(Input!$K$15=4,L1685*Input!$J$15,0)+IF(Input!$K$16=4,M1685*Input!$J$16,0)</f>
        <v>0</v>
      </c>
    </row>
    <row r="1686" spans="8:17" x14ac:dyDescent="0.25">
      <c r="H1686" s="43">
        <v>1679</v>
      </c>
      <c r="I1686" s="55">
        <f>Bühler!I1712</f>
        <v>1.867768143465401</v>
      </c>
      <c r="J1686" s="58">
        <f>Bühler!J1712</f>
        <v>12.13180700867114</v>
      </c>
      <c r="K1686" s="58">
        <f>Bühler!K1712</f>
        <v>0.34512470365084275</v>
      </c>
      <c r="L1686" s="58">
        <f>Bühler!L1712</f>
        <v>0.17256235182542137</v>
      </c>
      <c r="M1686" s="57">
        <f>Bühler!M1712</f>
        <v>0</v>
      </c>
      <c r="N1686" s="55">
        <f>IF(Input!$K$13=1,J1686*Input!$J$13,0)+IF(Input!$K$14=1,K1686*Input!$J$14,0)+IF(Input!$K$15=1,L1686*Input!$J$15,0)+IF(Input!$K$16=1,M1686*Input!$J$16,0)</f>
        <v>1.4558168410405368</v>
      </c>
      <c r="O1686" s="58">
        <f>IF(Input!$K$13=2,J1686*Input!$J$13,0)+IF(Input!$K$14=2,K1686*Input!$J$14,0)+IF(Input!$K$15=2,L1686*Input!$J$15,0)+IF(Input!$K$16=2,M1686*Input!$J$16,0)</f>
        <v>4.6591834992863769E-2</v>
      </c>
      <c r="P1686" s="58">
        <f>IF(Input!$K$13=3,J1686*Input!$J$13,0)+IF(Input!$K$14=3,K1686*Input!$J$14,0)+IF(Input!$K$15=3,L1686*Input!$J$15,0)+IF(Input!$K$16=3,M1686*Input!$J$16,0)</f>
        <v>0</v>
      </c>
      <c r="Q1686" s="71">
        <f>IF(Input!$K$13=4,J1686*Input!$J$13,0)+IF(Input!$K$14=4,K1686*Input!$J$14,0)+IF(Input!$K$15=4,L1686*Input!$J$15,0)+IF(Input!$K$16=4,M1686*Input!$J$16,0)</f>
        <v>0</v>
      </c>
    </row>
    <row r="1687" spans="8:17" x14ac:dyDescent="0.25">
      <c r="H1687" s="43">
        <v>1680</v>
      </c>
      <c r="I1687" s="55">
        <f>Bühler!I1713</f>
        <v>1.867768143465401</v>
      </c>
      <c r="J1687" s="58">
        <f>Bühler!J1713</f>
        <v>12.13180700867114</v>
      </c>
      <c r="K1687" s="58">
        <f>Bühler!K1713</f>
        <v>0.34512470365084275</v>
      </c>
      <c r="L1687" s="58">
        <f>Bühler!L1713</f>
        <v>0.17256235182542137</v>
      </c>
      <c r="M1687" s="57">
        <f>Bühler!M1713</f>
        <v>0</v>
      </c>
      <c r="N1687" s="55">
        <f>IF(Input!$K$13=1,J1687*Input!$J$13,0)+IF(Input!$K$14=1,K1687*Input!$J$14,0)+IF(Input!$K$15=1,L1687*Input!$J$15,0)+IF(Input!$K$16=1,M1687*Input!$J$16,0)</f>
        <v>1.4558168410405368</v>
      </c>
      <c r="O1687" s="58">
        <f>IF(Input!$K$13=2,J1687*Input!$J$13,0)+IF(Input!$K$14=2,K1687*Input!$J$14,0)+IF(Input!$K$15=2,L1687*Input!$J$15,0)+IF(Input!$K$16=2,M1687*Input!$J$16,0)</f>
        <v>4.6591834992863769E-2</v>
      </c>
      <c r="P1687" s="58">
        <f>IF(Input!$K$13=3,J1687*Input!$J$13,0)+IF(Input!$K$14=3,K1687*Input!$J$14,0)+IF(Input!$K$15=3,L1687*Input!$J$15,0)+IF(Input!$K$16=3,M1687*Input!$J$16,0)</f>
        <v>0</v>
      </c>
      <c r="Q1687" s="71">
        <f>IF(Input!$K$13=4,J1687*Input!$J$13,0)+IF(Input!$K$14=4,K1687*Input!$J$14,0)+IF(Input!$K$15=4,L1687*Input!$J$15,0)+IF(Input!$K$16=4,M1687*Input!$J$16,0)</f>
        <v>0</v>
      </c>
    </row>
    <row r="1688" spans="8:17" x14ac:dyDescent="0.25">
      <c r="H1688" s="43">
        <v>1681</v>
      </c>
      <c r="I1688" s="55">
        <f>Bühler!I1714</f>
        <v>3.0593504369852718</v>
      </c>
      <c r="J1688" s="58">
        <f>Bühler!J1714</f>
        <v>15.458451901931729</v>
      </c>
      <c r="K1688" s="58">
        <f>Bühler!K1714</f>
        <v>0.39886653393067401</v>
      </c>
      <c r="L1688" s="58">
        <f>Bühler!L1714</f>
        <v>0.199433266965337</v>
      </c>
      <c r="M1688" s="57">
        <f>Bühler!M1714</f>
        <v>0</v>
      </c>
      <c r="N1688" s="55">
        <f>IF(Input!$K$13=1,J1688*Input!$J$13,0)+IF(Input!$K$14=1,K1688*Input!$J$14,0)+IF(Input!$K$15=1,L1688*Input!$J$15,0)+IF(Input!$K$16=1,M1688*Input!$J$16,0)</f>
        <v>1.8550142282318074</v>
      </c>
      <c r="O1688" s="58">
        <f>IF(Input!$K$13=2,J1688*Input!$J$13,0)+IF(Input!$K$14=2,K1688*Input!$J$14,0)+IF(Input!$K$15=2,L1688*Input!$J$15,0)+IF(Input!$K$16=2,M1688*Input!$J$16,0)</f>
        <v>5.3846982080640989E-2</v>
      </c>
      <c r="P1688" s="58">
        <f>IF(Input!$K$13=3,J1688*Input!$J$13,0)+IF(Input!$K$14=3,K1688*Input!$J$14,0)+IF(Input!$K$15=3,L1688*Input!$J$15,0)+IF(Input!$K$16=3,M1688*Input!$J$16,0)</f>
        <v>0</v>
      </c>
      <c r="Q1688" s="71">
        <f>IF(Input!$K$13=4,J1688*Input!$J$13,0)+IF(Input!$K$14=4,K1688*Input!$J$14,0)+IF(Input!$K$15=4,L1688*Input!$J$15,0)+IF(Input!$K$16=4,M1688*Input!$J$16,0)</f>
        <v>0</v>
      </c>
    </row>
    <row r="1689" spans="8:17" x14ac:dyDescent="0.25">
      <c r="H1689" s="43">
        <v>1682</v>
      </c>
      <c r="I1689" s="55">
        <f>Bühler!I1715</f>
        <v>3.5527940558538638</v>
      </c>
      <c r="J1689" s="58">
        <f>Bühler!J1715</f>
        <v>15.47901205271792</v>
      </c>
      <c r="K1689" s="58">
        <f>Bühler!K1715</f>
        <v>0.39886653393067401</v>
      </c>
      <c r="L1689" s="58">
        <f>Bühler!L1715</f>
        <v>0.199433266965337</v>
      </c>
      <c r="M1689" s="57">
        <f>Bühler!M1715</f>
        <v>0</v>
      </c>
      <c r="N1689" s="55">
        <f>IF(Input!$K$13=1,J1689*Input!$J$13,0)+IF(Input!$K$14=1,K1689*Input!$J$14,0)+IF(Input!$K$15=1,L1689*Input!$J$15,0)+IF(Input!$K$16=1,M1689*Input!$J$16,0)</f>
        <v>1.8574814463261502</v>
      </c>
      <c r="O1689" s="58">
        <f>IF(Input!$K$13=2,J1689*Input!$J$13,0)+IF(Input!$K$14=2,K1689*Input!$J$14,0)+IF(Input!$K$15=2,L1689*Input!$J$15,0)+IF(Input!$K$16=2,M1689*Input!$J$16,0)</f>
        <v>5.3846982080640989E-2</v>
      </c>
      <c r="P1689" s="58">
        <f>IF(Input!$K$13=3,J1689*Input!$J$13,0)+IF(Input!$K$14=3,K1689*Input!$J$14,0)+IF(Input!$K$15=3,L1689*Input!$J$15,0)+IF(Input!$K$16=3,M1689*Input!$J$16,0)</f>
        <v>0</v>
      </c>
      <c r="Q1689" s="71">
        <f>IF(Input!$K$13=4,J1689*Input!$J$13,0)+IF(Input!$K$14=4,K1689*Input!$J$14,0)+IF(Input!$K$15=4,L1689*Input!$J$15,0)+IF(Input!$K$16=4,M1689*Input!$J$16,0)</f>
        <v>0</v>
      </c>
    </row>
    <row r="1690" spans="8:17" x14ac:dyDescent="0.25">
      <c r="H1690" s="43">
        <v>1683</v>
      </c>
      <c r="I1690" s="55">
        <f>Bühler!I1716</f>
        <v>3.5527940558538638</v>
      </c>
      <c r="J1690" s="58">
        <f>Bühler!J1716</f>
        <v>15.47901205271792</v>
      </c>
      <c r="K1690" s="58">
        <f>Bühler!K1716</f>
        <v>0.39886653393067401</v>
      </c>
      <c r="L1690" s="58">
        <f>Bühler!L1716</f>
        <v>0.199433266965337</v>
      </c>
      <c r="M1690" s="57">
        <f>Bühler!M1716</f>
        <v>0</v>
      </c>
      <c r="N1690" s="55">
        <f>IF(Input!$K$13=1,J1690*Input!$J$13,0)+IF(Input!$K$14=1,K1690*Input!$J$14,0)+IF(Input!$K$15=1,L1690*Input!$J$15,0)+IF(Input!$K$16=1,M1690*Input!$J$16,0)</f>
        <v>1.8574814463261502</v>
      </c>
      <c r="O1690" s="58">
        <f>IF(Input!$K$13=2,J1690*Input!$J$13,0)+IF(Input!$K$14=2,K1690*Input!$J$14,0)+IF(Input!$K$15=2,L1690*Input!$J$15,0)+IF(Input!$K$16=2,M1690*Input!$J$16,0)</f>
        <v>5.3846982080640989E-2</v>
      </c>
      <c r="P1690" s="58">
        <f>IF(Input!$K$13=3,J1690*Input!$J$13,0)+IF(Input!$K$14=3,K1690*Input!$J$14,0)+IF(Input!$K$15=3,L1690*Input!$J$15,0)+IF(Input!$K$16=3,M1690*Input!$J$16,0)</f>
        <v>0</v>
      </c>
      <c r="Q1690" s="71">
        <f>IF(Input!$K$13=4,J1690*Input!$J$13,0)+IF(Input!$K$14=4,K1690*Input!$J$14,0)+IF(Input!$K$15=4,L1690*Input!$J$15,0)+IF(Input!$K$16=4,M1690*Input!$J$16,0)</f>
        <v>0</v>
      </c>
    </row>
    <row r="1691" spans="8:17" x14ac:dyDescent="0.25">
      <c r="H1691" s="43">
        <v>1684</v>
      </c>
      <c r="I1691" s="55">
        <f>Bühler!I1717</f>
        <v>3.5527940558538638</v>
      </c>
      <c r="J1691" s="58">
        <f>Bühler!J1717</f>
        <v>15.47901205271792</v>
      </c>
      <c r="K1691" s="58">
        <f>Bühler!K1717</f>
        <v>0.39886653393067401</v>
      </c>
      <c r="L1691" s="58">
        <f>Bühler!L1717</f>
        <v>0.199433266965337</v>
      </c>
      <c r="M1691" s="57">
        <f>Bühler!M1717</f>
        <v>0</v>
      </c>
      <c r="N1691" s="55">
        <f>IF(Input!$K$13=1,J1691*Input!$J$13,0)+IF(Input!$K$14=1,K1691*Input!$J$14,0)+IF(Input!$K$15=1,L1691*Input!$J$15,0)+IF(Input!$K$16=1,M1691*Input!$J$16,0)</f>
        <v>1.8574814463261502</v>
      </c>
      <c r="O1691" s="58">
        <f>IF(Input!$K$13=2,J1691*Input!$J$13,0)+IF(Input!$K$14=2,K1691*Input!$J$14,0)+IF(Input!$K$15=2,L1691*Input!$J$15,0)+IF(Input!$K$16=2,M1691*Input!$J$16,0)</f>
        <v>5.3846982080640989E-2</v>
      </c>
      <c r="P1691" s="58">
        <f>IF(Input!$K$13=3,J1691*Input!$J$13,0)+IF(Input!$K$14=3,K1691*Input!$J$14,0)+IF(Input!$K$15=3,L1691*Input!$J$15,0)+IF(Input!$K$16=3,M1691*Input!$J$16,0)</f>
        <v>0</v>
      </c>
      <c r="Q1691" s="71">
        <f>IF(Input!$K$13=4,J1691*Input!$J$13,0)+IF(Input!$K$14=4,K1691*Input!$J$14,0)+IF(Input!$K$15=4,L1691*Input!$J$15,0)+IF(Input!$K$16=4,M1691*Input!$J$16,0)</f>
        <v>0</v>
      </c>
    </row>
    <row r="1692" spans="8:17" x14ac:dyDescent="0.25">
      <c r="H1692" s="43">
        <v>1685</v>
      </c>
      <c r="I1692" s="55">
        <f>Bühler!I1718</f>
        <v>3.5527940558538638</v>
      </c>
      <c r="J1692" s="58">
        <f>Bühler!J1718</f>
        <v>15.47901205271792</v>
      </c>
      <c r="K1692" s="58">
        <f>Bühler!K1718</f>
        <v>0.39886653393067401</v>
      </c>
      <c r="L1692" s="58">
        <f>Bühler!L1718</f>
        <v>0.199433266965337</v>
      </c>
      <c r="M1692" s="57">
        <f>Bühler!M1718</f>
        <v>0</v>
      </c>
      <c r="N1692" s="55">
        <f>IF(Input!$K$13=1,J1692*Input!$J$13,0)+IF(Input!$K$14=1,K1692*Input!$J$14,0)+IF(Input!$K$15=1,L1692*Input!$J$15,0)+IF(Input!$K$16=1,M1692*Input!$J$16,0)</f>
        <v>1.8574814463261502</v>
      </c>
      <c r="O1692" s="58">
        <f>IF(Input!$K$13=2,J1692*Input!$J$13,0)+IF(Input!$K$14=2,K1692*Input!$J$14,0)+IF(Input!$K$15=2,L1692*Input!$J$15,0)+IF(Input!$K$16=2,M1692*Input!$J$16,0)</f>
        <v>5.3846982080640989E-2</v>
      </c>
      <c r="P1692" s="58">
        <f>IF(Input!$K$13=3,J1692*Input!$J$13,0)+IF(Input!$K$14=3,K1692*Input!$J$14,0)+IF(Input!$K$15=3,L1692*Input!$J$15,0)+IF(Input!$K$16=3,M1692*Input!$J$16,0)</f>
        <v>0</v>
      </c>
      <c r="Q1692" s="71">
        <f>IF(Input!$K$13=4,J1692*Input!$J$13,0)+IF(Input!$K$14=4,K1692*Input!$J$14,0)+IF(Input!$K$15=4,L1692*Input!$J$15,0)+IF(Input!$K$16=4,M1692*Input!$J$16,0)</f>
        <v>0</v>
      </c>
    </row>
    <row r="1693" spans="8:17" x14ac:dyDescent="0.25">
      <c r="H1693" s="43">
        <v>1686</v>
      </c>
      <c r="I1693" s="55">
        <f>Bühler!I1719</f>
        <v>4.4409925698173298</v>
      </c>
      <c r="J1693" s="58">
        <f>Bühler!J1719</f>
        <v>15.516020324133065</v>
      </c>
      <c r="K1693" s="58">
        <f>Bühler!K1719</f>
        <v>0.39886653393067401</v>
      </c>
      <c r="L1693" s="58">
        <f>Bühler!L1719</f>
        <v>0.199433266965337</v>
      </c>
      <c r="M1693" s="57">
        <f>Bühler!M1719</f>
        <v>0</v>
      </c>
      <c r="N1693" s="55">
        <f>IF(Input!$K$13=1,J1693*Input!$J$13,0)+IF(Input!$K$14=1,K1693*Input!$J$14,0)+IF(Input!$K$15=1,L1693*Input!$J$15,0)+IF(Input!$K$16=1,M1693*Input!$J$16,0)</f>
        <v>1.8619224388959676</v>
      </c>
      <c r="O1693" s="58">
        <f>IF(Input!$K$13=2,J1693*Input!$J$13,0)+IF(Input!$K$14=2,K1693*Input!$J$14,0)+IF(Input!$K$15=2,L1693*Input!$J$15,0)+IF(Input!$K$16=2,M1693*Input!$J$16,0)</f>
        <v>5.3846982080640989E-2</v>
      </c>
      <c r="P1693" s="58">
        <f>IF(Input!$K$13=3,J1693*Input!$J$13,0)+IF(Input!$K$14=3,K1693*Input!$J$14,0)+IF(Input!$K$15=3,L1693*Input!$J$15,0)+IF(Input!$K$16=3,M1693*Input!$J$16,0)</f>
        <v>0</v>
      </c>
      <c r="Q1693" s="71">
        <f>IF(Input!$K$13=4,J1693*Input!$J$13,0)+IF(Input!$K$14=4,K1693*Input!$J$14,0)+IF(Input!$K$15=4,L1693*Input!$J$15,0)+IF(Input!$K$16=4,M1693*Input!$J$16,0)</f>
        <v>0</v>
      </c>
    </row>
    <row r="1694" spans="8:17" x14ac:dyDescent="0.25">
      <c r="H1694" s="43">
        <v>1687</v>
      </c>
      <c r="I1694" s="55">
        <f>Bühler!I1720</f>
        <v>5.2305023600070779</v>
      </c>
      <c r="J1694" s="58">
        <f>Bühler!J1720</f>
        <v>15.54891656539097</v>
      </c>
      <c r="K1694" s="58">
        <f>Bühler!K1720</f>
        <v>0.39886653393067401</v>
      </c>
      <c r="L1694" s="58">
        <f>Bühler!L1720</f>
        <v>0.199433266965337</v>
      </c>
      <c r="M1694" s="57">
        <f>Bühler!M1720</f>
        <v>0</v>
      </c>
      <c r="N1694" s="55">
        <f>IF(Input!$K$13=1,J1694*Input!$J$13,0)+IF(Input!$K$14=1,K1694*Input!$J$14,0)+IF(Input!$K$15=1,L1694*Input!$J$15,0)+IF(Input!$K$16=1,M1694*Input!$J$16,0)</f>
        <v>1.8658699878469163</v>
      </c>
      <c r="O1694" s="58">
        <f>IF(Input!$K$13=2,J1694*Input!$J$13,0)+IF(Input!$K$14=2,K1694*Input!$J$14,0)+IF(Input!$K$15=2,L1694*Input!$J$15,0)+IF(Input!$K$16=2,M1694*Input!$J$16,0)</f>
        <v>5.3846982080640989E-2</v>
      </c>
      <c r="P1694" s="58">
        <f>IF(Input!$K$13=3,J1694*Input!$J$13,0)+IF(Input!$K$14=3,K1694*Input!$J$14,0)+IF(Input!$K$15=3,L1694*Input!$J$15,0)+IF(Input!$K$16=3,M1694*Input!$J$16,0)</f>
        <v>0</v>
      </c>
      <c r="Q1694" s="71">
        <f>IF(Input!$K$13=4,J1694*Input!$J$13,0)+IF(Input!$K$14=4,K1694*Input!$J$14,0)+IF(Input!$K$15=4,L1694*Input!$J$15,0)+IF(Input!$K$16=4,M1694*Input!$J$16,0)</f>
        <v>0</v>
      </c>
    </row>
    <row r="1695" spans="8:17" x14ac:dyDescent="0.25">
      <c r="H1695" s="43">
        <v>1688</v>
      </c>
      <c r="I1695" s="55">
        <f>Bühler!I1721</f>
        <v>6.2173895977442619</v>
      </c>
      <c r="J1695" s="58">
        <f>Bühler!J1721</f>
        <v>15.590036866963352</v>
      </c>
      <c r="K1695" s="58">
        <f>Bühler!K1721</f>
        <v>0.39886653393067401</v>
      </c>
      <c r="L1695" s="58">
        <f>Bühler!L1721</f>
        <v>0.199433266965337</v>
      </c>
      <c r="M1695" s="57">
        <f>Bühler!M1721</f>
        <v>0</v>
      </c>
      <c r="N1695" s="55">
        <f>IF(Input!$K$13=1,J1695*Input!$J$13,0)+IF(Input!$K$14=1,K1695*Input!$J$14,0)+IF(Input!$K$15=1,L1695*Input!$J$15,0)+IF(Input!$K$16=1,M1695*Input!$J$16,0)</f>
        <v>1.8708044240356021</v>
      </c>
      <c r="O1695" s="58">
        <f>IF(Input!$K$13=2,J1695*Input!$J$13,0)+IF(Input!$K$14=2,K1695*Input!$J$14,0)+IF(Input!$K$15=2,L1695*Input!$J$15,0)+IF(Input!$K$16=2,M1695*Input!$J$16,0)</f>
        <v>5.3846982080640989E-2</v>
      </c>
      <c r="P1695" s="58">
        <f>IF(Input!$K$13=3,J1695*Input!$J$13,0)+IF(Input!$K$14=3,K1695*Input!$J$14,0)+IF(Input!$K$15=3,L1695*Input!$J$15,0)+IF(Input!$K$16=3,M1695*Input!$J$16,0)</f>
        <v>0</v>
      </c>
      <c r="Q1695" s="71">
        <f>IF(Input!$K$13=4,J1695*Input!$J$13,0)+IF(Input!$K$14=4,K1695*Input!$J$14,0)+IF(Input!$K$15=4,L1695*Input!$J$15,0)+IF(Input!$K$16=4,M1695*Input!$J$16,0)</f>
        <v>0</v>
      </c>
    </row>
    <row r="1696" spans="8:17" x14ac:dyDescent="0.25">
      <c r="H1696" s="43">
        <v>1689</v>
      </c>
      <c r="I1696" s="55">
        <f>Bühler!I1722</f>
        <v>6.2173895977442619</v>
      </c>
      <c r="J1696" s="58">
        <f>Bühler!J1722</f>
        <v>15.590036866963352</v>
      </c>
      <c r="K1696" s="58">
        <f>Bühler!K1722</f>
        <v>0.39886653393067401</v>
      </c>
      <c r="L1696" s="58">
        <f>Bühler!L1722</f>
        <v>0.199433266965337</v>
      </c>
      <c r="M1696" s="57">
        <f>Bühler!M1722</f>
        <v>0</v>
      </c>
      <c r="N1696" s="55">
        <f>IF(Input!$K$13=1,J1696*Input!$J$13,0)+IF(Input!$K$14=1,K1696*Input!$J$14,0)+IF(Input!$K$15=1,L1696*Input!$J$15,0)+IF(Input!$K$16=1,M1696*Input!$J$16,0)</f>
        <v>1.8708044240356021</v>
      </c>
      <c r="O1696" s="58">
        <f>IF(Input!$K$13=2,J1696*Input!$J$13,0)+IF(Input!$K$14=2,K1696*Input!$J$14,0)+IF(Input!$K$15=2,L1696*Input!$J$15,0)+IF(Input!$K$16=2,M1696*Input!$J$16,0)</f>
        <v>5.3846982080640989E-2</v>
      </c>
      <c r="P1696" s="58">
        <f>IF(Input!$K$13=3,J1696*Input!$J$13,0)+IF(Input!$K$14=3,K1696*Input!$J$14,0)+IF(Input!$K$15=3,L1696*Input!$J$15,0)+IF(Input!$K$16=3,M1696*Input!$J$16,0)</f>
        <v>0</v>
      </c>
      <c r="Q1696" s="71">
        <f>IF(Input!$K$13=4,J1696*Input!$J$13,0)+IF(Input!$K$14=4,K1696*Input!$J$14,0)+IF(Input!$K$15=4,L1696*Input!$J$15,0)+IF(Input!$K$16=4,M1696*Input!$J$16,0)</f>
        <v>0</v>
      </c>
    </row>
    <row r="1697" spans="8:17" x14ac:dyDescent="0.25">
      <c r="H1697" s="43">
        <v>1690</v>
      </c>
      <c r="I1697" s="55">
        <f>Bühler!I1723</f>
        <v>6.2173895977442619</v>
      </c>
      <c r="J1697" s="58">
        <f>Bühler!J1723</f>
        <v>15.590036866963352</v>
      </c>
      <c r="K1697" s="58">
        <f>Bühler!K1723</f>
        <v>0.39886653393067401</v>
      </c>
      <c r="L1697" s="58">
        <f>Bühler!L1723</f>
        <v>0.199433266965337</v>
      </c>
      <c r="M1697" s="57">
        <f>Bühler!M1723</f>
        <v>0</v>
      </c>
      <c r="N1697" s="55">
        <f>IF(Input!$K$13=1,J1697*Input!$J$13,0)+IF(Input!$K$14=1,K1697*Input!$J$14,0)+IF(Input!$K$15=1,L1697*Input!$J$15,0)+IF(Input!$K$16=1,M1697*Input!$J$16,0)</f>
        <v>1.8708044240356021</v>
      </c>
      <c r="O1697" s="58">
        <f>IF(Input!$K$13=2,J1697*Input!$J$13,0)+IF(Input!$K$14=2,K1697*Input!$J$14,0)+IF(Input!$K$15=2,L1697*Input!$J$15,0)+IF(Input!$K$16=2,M1697*Input!$J$16,0)</f>
        <v>5.3846982080640989E-2</v>
      </c>
      <c r="P1697" s="58">
        <f>IF(Input!$K$13=3,J1697*Input!$J$13,0)+IF(Input!$K$14=3,K1697*Input!$J$14,0)+IF(Input!$K$15=3,L1697*Input!$J$15,0)+IF(Input!$K$16=3,M1697*Input!$J$16,0)</f>
        <v>0</v>
      </c>
      <c r="Q1697" s="71">
        <f>IF(Input!$K$13=4,J1697*Input!$J$13,0)+IF(Input!$K$14=4,K1697*Input!$J$14,0)+IF(Input!$K$15=4,L1697*Input!$J$15,0)+IF(Input!$K$16=4,M1697*Input!$J$16,0)</f>
        <v>0</v>
      </c>
    </row>
    <row r="1698" spans="8:17" x14ac:dyDescent="0.25">
      <c r="H1698" s="43">
        <v>1691</v>
      </c>
      <c r="I1698" s="55">
        <f>Bühler!I1724</f>
        <v>6.2173895977442619</v>
      </c>
      <c r="J1698" s="58">
        <f>Bühler!J1724</f>
        <v>15.590036866963352</v>
      </c>
      <c r="K1698" s="58">
        <f>Bühler!K1724</f>
        <v>0.39886653393067401</v>
      </c>
      <c r="L1698" s="58">
        <f>Bühler!L1724</f>
        <v>0.199433266965337</v>
      </c>
      <c r="M1698" s="57">
        <f>Bühler!M1724</f>
        <v>0</v>
      </c>
      <c r="N1698" s="55">
        <f>IF(Input!$K$13=1,J1698*Input!$J$13,0)+IF(Input!$K$14=1,K1698*Input!$J$14,0)+IF(Input!$K$15=1,L1698*Input!$J$15,0)+IF(Input!$K$16=1,M1698*Input!$J$16,0)</f>
        <v>1.8708044240356021</v>
      </c>
      <c r="O1698" s="58">
        <f>IF(Input!$K$13=2,J1698*Input!$J$13,0)+IF(Input!$K$14=2,K1698*Input!$J$14,0)+IF(Input!$K$15=2,L1698*Input!$J$15,0)+IF(Input!$K$16=2,M1698*Input!$J$16,0)</f>
        <v>5.3846982080640989E-2</v>
      </c>
      <c r="P1698" s="58">
        <f>IF(Input!$K$13=3,J1698*Input!$J$13,0)+IF(Input!$K$14=3,K1698*Input!$J$14,0)+IF(Input!$K$15=3,L1698*Input!$J$15,0)+IF(Input!$K$16=3,M1698*Input!$J$16,0)</f>
        <v>0</v>
      </c>
      <c r="Q1698" s="71">
        <f>IF(Input!$K$13=4,J1698*Input!$J$13,0)+IF(Input!$K$14=4,K1698*Input!$J$14,0)+IF(Input!$K$15=4,L1698*Input!$J$15,0)+IF(Input!$K$16=4,M1698*Input!$J$16,0)</f>
        <v>0</v>
      </c>
    </row>
    <row r="1699" spans="8:17" x14ac:dyDescent="0.25">
      <c r="H1699" s="43">
        <v>1692</v>
      </c>
      <c r="I1699" s="55">
        <f>Bühler!I1725</f>
        <v>6.2173895977442619</v>
      </c>
      <c r="J1699" s="58">
        <f>Bühler!J1725</f>
        <v>15.590036866963352</v>
      </c>
      <c r="K1699" s="58">
        <f>Bühler!K1725</f>
        <v>0.39886653393067401</v>
      </c>
      <c r="L1699" s="58">
        <f>Bühler!L1725</f>
        <v>0.199433266965337</v>
      </c>
      <c r="M1699" s="57">
        <f>Bühler!M1725</f>
        <v>0</v>
      </c>
      <c r="N1699" s="55">
        <f>IF(Input!$K$13=1,J1699*Input!$J$13,0)+IF(Input!$K$14=1,K1699*Input!$J$14,0)+IF(Input!$K$15=1,L1699*Input!$J$15,0)+IF(Input!$K$16=1,M1699*Input!$J$16,0)</f>
        <v>1.8708044240356021</v>
      </c>
      <c r="O1699" s="58">
        <f>IF(Input!$K$13=2,J1699*Input!$J$13,0)+IF(Input!$K$14=2,K1699*Input!$J$14,0)+IF(Input!$K$15=2,L1699*Input!$J$15,0)+IF(Input!$K$16=2,M1699*Input!$J$16,0)</f>
        <v>5.3846982080640989E-2</v>
      </c>
      <c r="P1699" s="58">
        <f>IF(Input!$K$13=3,J1699*Input!$J$13,0)+IF(Input!$K$14=3,K1699*Input!$J$14,0)+IF(Input!$K$15=3,L1699*Input!$J$15,0)+IF(Input!$K$16=3,M1699*Input!$J$16,0)</f>
        <v>0</v>
      </c>
      <c r="Q1699" s="71">
        <f>IF(Input!$K$13=4,J1699*Input!$J$13,0)+IF(Input!$K$14=4,K1699*Input!$J$14,0)+IF(Input!$K$15=4,L1699*Input!$J$15,0)+IF(Input!$K$16=4,M1699*Input!$J$16,0)</f>
        <v>0</v>
      </c>
    </row>
    <row r="1700" spans="8:17" x14ac:dyDescent="0.25">
      <c r="H1700" s="43">
        <v>1693</v>
      </c>
      <c r="I1700" s="55">
        <f>Bühler!I1726</f>
        <v>6.2173895977442619</v>
      </c>
      <c r="J1700" s="58">
        <f>Bühler!J1726</f>
        <v>15.590036866963352</v>
      </c>
      <c r="K1700" s="58">
        <f>Bühler!K1726</f>
        <v>0.39886653393067401</v>
      </c>
      <c r="L1700" s="58">
        <f>Bühler!L1726</f>
        <v>0.199433266965337</v>
      </c>
      <c r="M1700" s="57">
        <f>Bühler!M1726</f>
        <v>0</v>
      </c>
      <c r="N1700" s="55">
        <f>IF(Input!$K$13=1,J1700*Input!$J$13,0)+IF(Input!$K$14=1,K1700*Input!$J$14,0)+IF(Input!$K$15=1,L1700*Input!$J$15,0)+IF(Input!$K$16=1,M1700*Input!$J$16,0)</f>
        <v>1.8708044240356021</v>
      </c>
      <c r="O1700" s="58">
        <f>IF(Input!$K$13=2,J1700*Input!$J$13,0)+IF(Input!$K$14=2,K1700*Input!$J$14,0)+IF(Input!$K$15=2,L1700*Input!$J$15,0)+IF(Input!$K$16=2,M1700*Input!$J$16,0)</f>
        <v>5.3846982080640989E-2</v>
      </c>
      <c r="P1700" s="58">
        <f>IF(Input!$K$13=3,J1700*Input!$J$13,0)+IF(Input!$K$14=3,K1700*Input!$J$14,0)+IF(Input!$K$15=3,L1700*Input!$J$15,0)+IF(Input!$K$16=3,M1700*Input!$J$16,0)</f>
        <v>0</v>
      </c>
      <c r="Q1700" s="71">
        <f>IF(Input!$K$13=4,J1700*Input!$J$13,0)+IF(Input!$K$14=4,K1700*Input!$J$14,0)+IF(Input!$K$15=4,L1700*Input!$J$15,0)+IF(Input!$K$16=4,M1700*Input!$J$16,0)</f>
        <v>0</v>
      </c>
    </row>
    <row r="1701" spans="8:17" x14ac:dyDescent="0.25">
      <c r="H1701" s="43">
        <v>1694</v>
      </c>
      <c r="I1701" s="55">
        <f>Bühler!I1727</f>
        <v>6.2173895977442619</v>
      </c>
      <c r="J1701" s="58">
        <f>Bühler!J1727</f>
        <v>15.590036866963352</v>
      </c>
      <c r="K1701" s="58">
        <f>Bühler!K1727</f>
        <v>0.39886653393067401</v>
      </c>
      <c r="L1701" s="58">
        <f>Bühler!L1727</f>
        <v>0.199433266965337</v>
      </c>
      <c r="M1701" s="57">
        <f>Bühler!M1727</f>
        <v>0</v>
      </c>
      <c r="N1701" s="55">
        <f>IF(Input!$K$13=1,J1701*Input!$J$13,0)+IF(Input!$K$14=1,K1701*Input!$J$14,0)+IF(Input!$K$15=1,L1701*Input!$J$15,0)+IF(Input!$K$16=1,M1701*Input!$J$16,0)</f>
        <v>1.8708044240356021</v>
      </c>
      <c r="O1701" s="58">
        <f>IF(Input!$K$13=2,J1701*Input!$J$13,0)+IF(Input!$K$14=2,K1701*Input!$J$14,0)+IF(Input!$K$15=2,L1701*Input!$J$15,0)+IF(Input!$K$16=2,M1701*Input!$J$16,0)</f>
        <v>5.3846982080640989E-2</v>
      </c>
      <c r="P1701" s="58">
        <f>IF(Input!$K$13=3,J1701*Input!$J$13,0)+IF(Input!$K$14=3,K1701*Input!$J$14,0)+IF(Input!$K$15=3,L1701*Input!$J$15,0)+IF(Input!$K$16=3,M1701*Input!$J$16,0)</f>
        <v>0</v>
      </c>
      <c r="Q1701" s="71">
        <f>IF(Input!$K$13=4,J1701*Input!$J$13,0)+IF(Input!$K$14=4,K1701*Input!$J$14,0)+IF(Input!$K$15=4,L1701*Input!$J$15,0)+IF(Input!$K$16=4,M1701*Input!$J$16,0)</f>
        <v>0</v>
      </c>
    </row>
    <row r="1702" spans="8:17" x14ac:dyDescent="0.25">
      <c r="H1702" s="43">
        <v>1695</v>
      </c>
      <c r="I1702" s="55">
        <f>Bühler!I1728</f>
        <v>6.2173895977442619</v>
      </c>
      <c r="J1702" s="58">
        <f>Bühler!J1728</f>
        <v>15.590036866963352</v>
      </c>
      <c r="K1702" s="58">
        <f>Bühler!K1728</f>
        <v>0.39886653393067401</v>
      </c>
      <c r="L1702" s="58">
        <f>Bühler!L1728</f>
        <v>0.199433266965337</v>
      </c>
      <c r="M1702" s="57">
        <f>Bühler!M1728</f>
        <v>0</v>
      </c>
      <c r="N1702" s="55">
        <f>IF(Input!$K$13=1,J1702*Input!$J$13,0)+IF(Input!$K$14=1,K1702*Input!$J$14,0)+IF(Input!$K$15=1,L1702*Input!$J$15,0)+IF(Input!$K$16=1,M1702*Input!$J$16,0)</f>
        <v>1.8708044240356021</v>
      </c>
      <c r="O1702" s="58">
        <f>IF(Input!$K$13=2,J1702*Input!$J$13,0)+IF(Input!$K$14=2,K1702*Input!$J$14,0)+IF(Input!$K$15=2,L1702*Input!$J$15,0)+IF(Input!$K$16=2,M1702*Input!$J$16,0)</f>
        <v>5.3846982080640989E-2</v>
      </c>
      <c r="P1702" s="58">
        <f>IF(Input!$K$13=3,J1702*Input!$J$13,0)+IF(Input!$K$14=3,K1702*Input!$J$14,0)+IF(Input!$K$15=3,L1702*Input!$J$15,0)+IF(Input!$K$16=3,M1702*Input!$J$16,0)</f>
        <v>0</v>
      </c>
      <c r="Q1702" s="71">
        <f>IF(Input!$K$13=4,J1702*Input!$J$13,0)+IF(Input!$K$14=4,K1702*Input!$J$14,0)+IF(Input!$K$15=4,L1702*Input!$J$15,0)+IF(Input!$K$16=4,M1702*Input!$J$16,0)</f>
        <v>0</v>
      </c>
    </row>
    <row r="1703" spans="8:17" x14ac:dyDescent="0.25">
      <c r="H1703" s="43">
        <v>1696</v>
      </c>
      <c r="I1703" s="55">
        <f>Bühler!I1729</f>
        <v>5.5265685313282322</v>
      </c>
      <c r="J1703" s="58">
        <f>Bühler!J1729</f>
        <v>15.561252655862685</v>
      </c>
      <c r="K1703" s="58">
        <f>Bühler!K1729</f>
        <v>0.39886653393067401</v>
      </c>
      <c r="L1703" s="58">
        <f>Bühler!L1729</f>
        <v>0.199433266965337</v>
      </c>
      <c r="M1703" s="57">
        <f>Bühler!M1729</f>
        <v>0</v>
      </c>
      <c r="N1703" s="55">
        <f>IF(Input!$K$13=1,J1703*Input!$J$13,0)+IF(Input!$K$14=1,K1703*Input!$J$14,0)+IF(Input!$K$15=1,L1703*Input!$J$15,0)+IF(Input!$K$16=1,M1703*Input!$J$16,0)</f>
        <v>1.8673503187035221</v>
      </c>
      <c r="O1703" s="58">
        <f>IF(Input!$K$13=2,J1703*Input!$J$13,0)+IF(Input!$K$14=2,K1703*Input!$J$14,0)+IF(Input!$K$15=2,L1703*Input!$J$15,0)+IF(Input!$K$16=2,M1703*Input!$J$16,0)</f>
        <v>5.3846982080640989E-2</v>
      </c>
      <c r="P1703" s="58">
        <f>IF(Input!$K$13=3,J1703*Input!$J$13,0)+IF(Input!$K$14=3,K1703*Input!$J$14,0)+IF(Input!$K$15=3,L1703*Input!$J$15,0)+IF(Input!$K$16=3,M1703*Input!$J$16,0)</f>
        <v>0</v>
      </c>
      <c r="Q1703" s="71">
        <f>IF(Input!$K$13=4,J1703*Input!$J$13,0)+IF(Input!$K$14=4,K1703*Input!$J$14,0)+IF(Input!$K$15=4,L1703*Input!$J$15,0)+IF(Input!$K$16=4,M1703*Input!$J$16,0)</f>
        <v>0</v>
      </c>
    </row>
    <row r="1704" spans="8:17" x14ac:dyDescent="0.25">
      <c r="H1704" s="43">
        <v>1697</v>
      </c>
      <c r="I1704" s="55">
        <f>Bühler!I1730</f>
        <v>5.4278798075545147</v>
      </c>
      <c r="J1704" s="58">
        <f>Bühler!J1730</f>
        <v>15.557140625705445</v>
      </c>
      <c r="K1704" s="58">
        <f>Bühler!K1730</f>
        <v>0.39886653393067401</v>
      </c>
      <c r="L1704" s="58">
        <f>Bühler!L1730</f>
        <v>0.199433266965337</v>
      </c>
      <c r="M1704" s="57">
        <f>Bühler!M1730</f>
        <v>0</v>
      </c>
      <c r="N1704" s="55">
        <f>IF(Input!$K$13=1,J1704*Input!$J$13,0)+IF(Input!$K$14=1,K1704*Input!$J$14,0)+IF(Input!$K$15=1,L1704*Input!$J$15,0)+IF(Input!$K$16=1,M1704*Input!$J$16,0)</f>
        <v>1.8668568750846533</v>
      </c>
      <c r="O1704" s="58">
        <f>IF(Input!$K$13=2,J1704*Input!$J$13,0)+IF(Input!$K$14=2,K1704*Input!$J$14,0)+IF(Input!$K$15=2,L1704*Input!$J$15,0)+IF(Input!$K$16=2,M1704*Input!$J$16,0)</f>
        <v>5.3846982080640989E-2</v>
      </c>
      <c r="P1704" s="58">
        <f>IF(Input!$K$13=3,J1704*Input!$J$13,0)+IF(Input!$K$14=3,K1704*Input!$J$14,0)+IF(Input!$K$15=3,L1704*Input!$J$15,0)+IF(Input!$K$16=3,M1704*Input!$J$16,0)</f>
        <v>0</v>
      </c>
      <c r="Q1704" s="71">
        <f>IF(Input!$K$13=4,J1704*Input!$J$13,0)+IF(Input!$K$14=4,K1704*Input!$J$14,0)+IF(Input!$K$15=4,L1704*Input!$J$15,0)+IF(Input!$K$16=4,M1704*Input!$J$16,0)</f>
        <v>0</v>
      </c>
    </row>
    <row r="1705" spans="8:17" x14ac:dyDescent="0.25">
      <c r="H1705" s="43">
        <v>1698</v>
      </c>
      <c r="I1705" s="55">
        <f>Bühler!I1731</f>
        <v>4.6383700173647666</v>
      </c>
      <c r="J1705" s="58">
        <f>Bühler!J1731</f>
        <v>15.52424438444754</v>
      </c>
      <c r="K1705" s="58">
        <f>Bühler!K1731</f>
        <v>0.39886653393067401</v>
      </c>
      <c r="L1705" s="58">
        <f>Bühler!L1731</f>
        <v>0.199433266965337</v>
      </c>
      <c r="M1705" s="57">
        <f>Bühler!M1731</f>
        <v>0</v>
      </c>
      <c r="N1705" s="55">
        <f>IF(Input!$K$13=1,J1705*Input!$J$13,0)+IF(Input!$K$14=1,K1705*Input!$J$14,0)+IF(Input!$K$15=1,L1705*Input!$J$15,0)+IF(Input!$K$16=1,M1705*Input!$J$16,0)</f>
        <v>1.8629093261337046</v>
      </c>
      <c r="O1705" s="58">
        <f>IF(Input!$K$13=2,J1705*Input!$J$13,0)+IF(Input!$K$14=2,K1705*Input!$J$14,0)+IF(Input!$K$15=2,L1705*Input!$J$15,0)+IF(Input!$K$16=2,M1705*Input!$J$16,0)</f>
        <v>5.3846982080640989E-2</v>
      </c>
      <c r="P1705" s="58">
        <f>IF(Input!$K$13=3,J1705*Input!$J$13,0)+IF(Input!$K$14=3,K1705*Input!$J$14,0)+IF(Input!$K$15=3,L1705*Input!$J$15,0)+IF(Input!$K$16=3,M1705*Input!$J$16,0)</f>
        <v>0</v>
      </c>
      <c r="Q1705" s="71">
        <f>IF(Input!$K$13=4,J1705*Input!$J$13,0)+IF(Input!$K$14=4,K1705*Input!$J$14,0)+IF(Input!$K$15=4,L1705*Input!$J$15,0)+IF(Input!$K$16=4,M1705*Input!$J$16,0)</f>
        <v>0</v>
      </c>
    </row>
    <row r="1706" spans="8:17" x14ac:dyDescent="0.25">
      <c r="H1706" s="43">
        <v>1699</v>
      </c>
      <c r="I1706" s="55">
        <f>Bühler!I1732</f>
        <v>4.3423038460436123</v>
      </c>
      <c r="J1706" s="58">
        <f>Bühler!J1732</f>
        <v>15.511908293975825</v>
      </c>
      <c r="K1706" s="58">
        <f>Bühler!K1732</f>
        <v>0.39886653393067401</v>
      </c>
      <c r="L1706" s="58">
        <f>Bühler!L1732</f>
        <v>0.199433266965337</v>
      </c>
      <c r="M1706" s="57">
        <f>Bühler!M1732</f>
        <v>0</v>
      </c>
      <c r="N1706" s="55">
        <f>IF(Input!$K$13=1,J1706*Input!$J$13,0)+IF(Input!$K$14=1,K1706*Input!$J$14,0)+IF(Input!$K$15=1,L1706*Input!$J$15,0)+IF(Input!$K$16=1,M1706*Input!$J$16,0)</f>
        <v>1.861428995277099</v>
      </c>
      <c r="O1706" s="58">
        <f>IF(Input!$K$13=2,J1706*Input!$J$13,0)+IF(Input!$K$14=2,K1706*Input!$J$14,0)+IF(Input!$K$15=2,L1706*Input!$J$15,0)+IF(Input!$K$16=2,M1706*Input!$J$16,0)</f>
        <v>5.3846982080640989E-2</v>
      </c>
      <c r="P1706" s="58">
        <f>IF(Input!$K$13=3,J1706*Input!$J$13,0)+IF(Input!$K$14=3,K1706*Input!$J$14,0)+IF(Input!$K$15=3,L1706*Input!$J$15,0)+IF(Input!$K$16=3,M1706*Input!$J$16,0)</f>
        <v>0</v>
      </c>
      <c r="Q1706" s="71">
        <f>IF(Input!$K$13=4,J1706*Input!$J$13,0)+IF(Input!$K$14=4,K1706*Input!$J$14,0)+IF(Input!$K$15=4,L1706*Input!$J$15,0)+IF(Input!$K$16=4,M1706*Input!$J$16,0)</f>
        <v>0</v>
      </c>
    </row>
    <row r="1707" spans="8:17" x14ac:dyDescent="0.25">
      <c r="H1707" s="43">
        <v>1700</v>
      </c>
      <c r="I1707" s="55">
        <f>Bühler!I1733</f>
        <v>3.6514827796275826</v>
      </c>
      <c r="J1707" s="58">
        <f>Bühler!J1733</f>
        <v>15.483124082875158</v>
      </c>
      <c r="K1707" s="58">
        <f>Bühler!K1733</f>
        <v>0.39886653393067401</v>
      </c>
      <c r="L1707" s="58">
        <f>Bühler!L1733</f>
        <v>0.199433266965337</v>
      </c>
      <c r="M1707" s="57">
        <f>Bühler!M1733</f>
        <v>0</v>
      </c>
      <c r="N1707" s="55">
        <f>IF(Input!$K$13=1,J1707*Input!$J$13,0)+IF(Input!$K$14=1,K1707*Input!$J$14,0)+IF(Input!$K$15=1,L1707*Input!$J$15,0)+IF(Input!$K$16=1,M1707*Input!$J$16,0)</f>
        <v>1.8579748899450188</v>
      </c>
      <c r="O1707" s="58">
        <f>IF(Input!$K$13=2,J1707*Input!$J$13,0)+IF(Input!$K$14=2,K1707*Input!$J$14,0)+IF(Input!$K$15=2,L1707*Input!$J$15,0)+IF(Input!$K$16=2,M1707*Input!$J$16,0)</f>
        <v>5.3846982080640989E-2</v>
      </c>
      <c r="P1707" s="58">
        <f>IF(Input!$K$13=3,J1707*Input!$J$13,0)+IF(Input!$K$14=3,K1707*Input!$J$14,0)+IF(Input!$K$15=3,L1707*Input!$J$15,0)+IF(Input!$K$16=3,M1707*Input!$J$16,0)</f>
        <v>0</v>
      </c>
      <c r="Q1707" s="71">
        <f>IF(Input!$K$13=4,J1707*Input!$J$13,0)+IF(Input!$K$14=4,K1707*Input!$J$14,0)+IF(Input!$K$15=4,L1707*Input!$J$15,0)+IF(Input!$K$16=4,M1707*Input!$J$16,0)</f>
        <v>0</v>
      </c>
    </row>
    <row r="1708" spans="8:17" x14ac:dyDescent="0.25">
      <c r="H1708" s="43">
        <v>1701</v>
      </c>
      <c r="I1708" s="55">
        <f>Bühler!I1734</f>
        <v>3.0593504369852718</v>
      </c>
      <c r="J1708" s="58">
        <f>Bühler!J1734</f>
        <v>15.458451901931729</v>
      </c>
      <c r="K1708" s="58">
        <f>Bühler!K1734</f>
        <v>0.39886653393067401</v>
      </c>
      <c r="L1708" s="58">
        <f>Bühler!L1734</f>
        <v>0.199433266965337</v>
      </c>
      <c r="M1708" s="57">
        <f>Bühler!M1734</f>
        <v>0</v>
      </c>
      <c r="N1708" s="55">
        <f>IF(Input!$K$13=1,J1708*Input!$J$13,0)+IF(Input!$K$14=1,K1708*Input!$J$14,0)+IF(Input!$K$15=1,L1708*Input!$J$15,0)+IF(Input!$K$16=1,M1708*Input!$J$16,0)</f>
        <v>1.8550142282318074</v>
      </c>
      <c r="O1708" s="58">
        <f>IF(Input!$K$13=2,J1708*Input!$J$13,0)+IF(Input!$K$14=2,K1708*Input!$J$14,0)+IF(Input!$K$15=2,L1708*Input!$J$15,0)+IF(Input!$K$16=2,M1708*Input!$J$16,0)</f>
        <v>5.3846982080640989E-2</v>
      </c>
      <c r="P1708" s="58">
        <f>IF(Input!$K$13=3,J1708*Input!$J$13,0)+IF(Input!$K$14=3,K1708*Input!$J$14,0)+IF(Input!$K$15=3,L1708*Input!$J$15,0)+IF(Input!$K$16=3,M1708*Input!$J$16,0)</f>
        <v>0</v>
      </c>
      <c r="Q1708" s="71">
        <f>IF(Input!$K$13=4,J1708*Input!$J$13,0)+IF(Input!$K$14=4,K1708*Input!$J$14,0)+IF(Input!$K$15=4,L1708*Input!$J$15,0)+IF(Input!$K$16=4,M1708*Input!$J$16,0)</f>
        <v>0</v>
      </c>
    </row>
    <row r="1709" spans="8:17" x14ac:dyDescent="0.25">
      <c r="H1709" s="43">
        <v>1702</v>
      </c>
      <c r="I1709" s="55">
        <f>Bühler!I1735</f>
        <v>2.6645955418903982</v>
      </c>
      <c r="J1709" s="58">
        <f>Bühler!J1735</f>
        <v>15.442003781302777</v>
      </c>
      <c r="K1709" s="58">
        <f>Bühler!K1735</f>
        <v>0.39886653393067401</v>
      </c>
      <c r="L1709" s="58">
        <f>Bühler!L1735</f>
        <v>0.199433266965337</v>
      </c>
      <c r="M1709" s="57">
        <f>Bühler!M1735</f>
        <v>0</v>
      </c>
      <c r="N1709" s="55">
        <f>IF(Input!$K$13=1,J1709*Input!$J$13,0)+IF(Input!$K$14=1,K1709*Input!$J$14,0)+IF(Input!$K$15=1,L1709*Input!$J$15,0)+IF(Input!$K$16=1,M1709*Input!$J$16,0)</f>
        <v>1.8530404537563332</v>
      </c>
      <c r="O1709" s="58">
        <f>IF(Input!$K$13=2,J1709*Input!$J$13,0)+IF(Input!$K$14=2,K1709*Input!$J$14,0)+IF(Input!$K$15=2,L1709*Input!$J$15,0)+IF(Input!$K$16=2,M1709*Input!$J$16,0)</f>
        <v>5.3846982080640989E-2</v>
      </c>
      <c r="P1709" s="58">
        <f>IF(Input!$K$13=3,J1709*Input!$J$13,0)+IF(Input!$K$14=3,K1709*Input!$J$14,0)+IF(Input!$K$15=3,L1709*Input!$J$15,0)+IF(Input!$K$16=3,M1709*Input!$J$16,0)</f>
        <v>0</v>
      </c>
      <c r="Q1709" s="71">
        <f>IF(Input!$K$13=4,J1709*Input!$J$13,0)+IF(Input!$K$14=4,K1709*Input!$J$14,0)+IF(Input!$K$15=4,L1709*Input!$J$15,0)+IF(Input!$K$16=4,M1709*Input!$J$16,0)</f>
        <v>0</v>
      </c>
    </row>
    <row r="1710" spans="8:17" x14ac:dyDescent="0.25">
      <c r="H1710" s="43">
        <v>1703</v>
      </c>
      <c r="I1710" s="55">
        <f>Bühler!I1736</f>
        <v>2.6645955418903982</v>
      </c>
      <c r="J1710" s="58">
        <f>Bühler!J1736</f>
        <v>15.442003781302777</v>
      </c>
      <c r="K1710" s="58">
        <f>Bühler!K1736</f>
        <v>0.39886653393067401</v>
      </c>
      <c r="L1710" s="58">
        <f>Bühler!L1736</f>
        <v>0.199433266965337</v>
      </c>
      <c r="M1710" s="57">
        <f>Bühler!M1736</f>
        <v>0</v>
      </c>
      <c r="N1710" s="55">
        <f>IF(Input!$K$13=1,J1710*Input!$J$13,0)+IF(Input!$K$14=1,K1710*Input!$J$14,0)+IF(Input!$K$15=1,L1710*Input!$J$15,0)+IF(Input!$K$16=1,M1710*Input!$J$16,0)</f>
        <v>1.8530404537563332</v>
      </c>
      <c r="O1710" s="58">
        <f>IF(Input!$K$13=2,J1710*Input!$J$13,0)+IF(Input!$K$14=2,K1710*Input!$J$14,0)+IF(Input!$K$15=2,L1710*Input!$J$15,0)+IF(Input!$K$16=2,M1710*Input!$J$16,0)</f>
        <v>5.3846982080640989E-2</v>
      </c>
      <c r="P1710" s="58">
        <f>IF(Input!$K$13=3,J1710*Input!$J$13,0)+IF(Input!$K$14=3,K1710*Input!$J$14,0)+IF(Input!$K$15=3,L1710*Input!$J$15,0)+IF(Input!$K$16=3,M1710*Input!$J$16,0)</f>
        <v>0</v>
      </c>
      <c r="Q1710" s="71">
        <f>IF(Input!$K$13=4,J1710*Input!$J$13,0)+IF(Input!$K$14=4,K1710*Input!$J$14,0)+IF(Input!$K$15=4,L1710*Input!$J$15,0)+IF(Input!$K$16=4,M1710*Input!$J$16,0)</f>
        <v>0</v>
      </c>
    </row>
    <row r="1711" spans="8:17" x14ac:dyDescent="0.25">
      <c r="H1711" s="43">
        <v>1704</v>
      </c>
      <c r="I1711" s="55">
        <f>Bühler!I1737</f>
        <v>2.6645955418903982</v>
      </c>
      <c r="J1711" s="58">
        <f>Bühler!J1737</f>
        <v>15.442003781302777</v>
      </c>
      <c r="K1711" s="58">
        <f>Bühler!K1737</f>
        <v>0.39886653393067401</v>
      </c>
      <c r="L1711" s="58">
        <f>Bühler!L1737</f>
        <v>0.199433266965337</v>
      </c>
      <c r="M1711" s="57">
        <f>Bühler!M1737</f>
        <v>0</v>
      </c>
      <c r="N1711" s="55">
        <f>IF(Input!$K$13=1,J1711*Input!$J$13,0)+IF(Input!$K$14=1,K1711*Input!$J$14,0)+IF(Input!$K$15=1,L1711*Input!$J$15,0)+IF(Input!$K$16=1,M1711*Input!$J$16,0)</f>
        <v>1.8530404537563332</v>
      </c>
      <c r="O1711" s="58">
        <f>IF(Input!$K$13=2,J1711*Input!$J$13,0)+IF(Input!$K$14=2,K1711*Input!$J$14,0)+IF(Input!$K$15=2,L1711*Input!$J$15,0)+IF(Input!$K$16=2,M1711*Input!$J$16,0)</f>
        <v>5.3846982080640989E-2</v>
      </c>
      <c r="P1711" s="58">
        <f>IF(Input!$K$13=3,J1711*Input!$J$13,0)+IF(Input!$K$14=3,K1711*Input!$J$14,0)+IF(Input!$K$15=3,L1711*Input!$J$15,0)+IF(Input!$K$16=3,M1711*Input!$J$16,0)</f>
        <v>0</v>
      </c>
      <c r="Q1711" s="71">
        <f>IF(Input!$K$13=4,J1711*Input!$J$13,0)+IF(Input!$K$14=4,K1711*Input!$J$14,0)+IF(Input!$K$15=4,L1711*Input!$J$15,0)+IF(Input!$K$16=4,M1711*Input!$J$16,0)</f>
        <v>0</v>
      </c>
    </row>
    <row r="1712" spans="8:17" x14ac:dyDescent="0.25">
      <c r="H1712" s="43">
        <v>1705</v>
      </c>
      <c r="I1712" s="55">
        <f>Bühler!I1738</f>
        <v>0.76110437875498482</v>
      </c>
      <c r="J1712" s="58">
        <f>Bühler!J1738</f>
        <v>9.9682741501425145</v>
      </c>
      <c r="K1712" s="58">
        <f>Bühler!K1738</f>
        <v>0.59287419940100572</v>
      </c>
      <c r="L1712" s="58">
        <f>Bühler!L1738</f>
        <v>0.29643709970050286</v>
      </c>
      <c r="M1712" s="57">
        <f>Bühler!M1738</f>
        <v>0</v>
      </c>
      <c r="N1712" s="55">
        <f>IF(Input!$K$13=1,J1712*Input!$J$13,0)+IF(Input!$K$14=1,K1712*Input!$J$14,0)+IF(Input!$K$15=1,L1712*Input!$J$15,0)+IF(Input!$K$16=1,M1712*Input!$J$16,0)</f>
        <v>1.1961928980171017</v>
      </c>
      <c r="O1712" s="58">
        <f>IF(Input!$K$13=2,J1712*Input!$J$13,0)+IF(Input!$K$14=2,K1712*Input!$J$14,0)+IF(Input!$K$15=2,L1712*Input!$J$15,0)+IF(Input!$K$16=2,M1712*Input!$J$16,0)</f>
        <v>8.0038016919135771E-2</v>
      </c>
      <c r="P1712" s="58">
        <f>IF(Input!$K$13=3,J1712*Input!$J$13,0)+IF(Input!$K$14=3,K1712*Input!$J$14,0)+IF(Input!$K$15=3,L1712*Input!$J$15,0)+IF(Input!$K$16=3,M1712*Input!$J$16,0)</f>
        <v>0</v>
      </c>
      <c r="Q1712" s="71">
        <f>IF(Input!$K$13=4,J1712*Input!$J$13,0)+IF(Input!$K$14=4,K1712*Input!$J$14,0)+IF(Input!$K$15=4,L1712*Input!$J$15,0)+IF(Input!$K$16=4,M1712*Input!$J$16,0)</f>
        <v>0</v>
      </c>
    </row>
    <row r="1713" spans="8:17" x14ac:dyDescent="0.25">
      <c r="H1713" s="43">
        <v>1706</v>
      </c>
      <c r="I1713" s="55">
        <f>Bühler!I1739</f>
        <v>0.76110437875498482</v>
      </c>
      <c r="J1713" s="58">
        <f>Bühler!J1739</f>
        <v>9.9682741501425145</v>
      </c>
      <c r="K1713" s="58">
        <f>Bühler!K1739</f>
        <v>0.59287419940100572</v>
      </c>
      <c r="L1713" s="58">
        <f>Bühler!L1739</f>
        <v>0.29643709970050286</v>
      </c>
      <c r="M1713" s="57">
        <f>Bühler!M1739</f>
        <v>0</v>
      </c>
      <c r="N1713" s="55">
        <f>IF(Input!$K$13=1,J1713*Input!$J$13,0)+IF(Input!$K$14=1,K1713*Input!$J$14,0)+IF(Input!$K$15=1,L1713*Input!$J$15,0)+IF(Input!$K$16=1,M1713*Input!$J$16,0)</f>
        <v>1.1961928980171017</v>
      </c>
      <c r="O1713" s="58">
        <f>IF(Input!$K$13=2,J1713*Input!$J$13,0)+IF(Input!$K$14=2,K1713*Input!$J$14,0)+IF(Input!$K$15=2,L1713*Input!$J$15,0)+IF(Input!$K$16=2,M1713*Input!$J$16,0)</f>
        <v>8.0038016919135771E-2</v>
      </c>
      <c r="P1713" s="58">
        <f>IF(Input!$K$13=3,J1713*Input!$J$13,0)+IF(Input!$K$14=3,K1713*Input!$J$14,0)+IF(Input!$K$15=3,L1713*Input!$J$15,0)+IF(Input!$K$16=3,M1713*Input!$J$16,0)</f>
        <v>0</v>
      </c>
      <c r="Q1713" s="71">
        <f>IF(Input!$K$13=4,J1713*Input!$J$13,0)+IF(Input!$K$14=4,K1713*Input!$J$14,0)+IF(Input!$K$15=4,L1713*Input!$J$15,0)+IF(Input!$K$16=4,M1713*Input!$J$16,0)</f>
        <v>0</v>
      </c>
    </row>
    <row r="1714" spans="8:17" x14ac:dyDescent="0.25">
      <c r="H1714" s="43">
        <v>1707</v>
      </c>
      <c r="I1714" s="55">
        <f>Bühler!I1740</f>
        <v>0.76110437875498482</v>
      </c>
      <c r="J1714" s="58">
        <f>Bühler!J1740</f>
        <v>9.9682741501425145</v>
      </c>
      <c r="K1714" s="58">
        <f>Bühler!K1740</f>
        <v>0.59287419940100572</v>
      </c>
      <c r="L1714" s="58">
        <f>Bühler!L1740</f>
        <v>0.29643709970050286</v>
      </c>
      <c r="M1714" s="57">
        <f>Bühler!M1740</f>
        <v>0</v>
      </c>
      <c r="N1714" s="55">
        <f>IF(Input!$K$13=1,J1714*Input!$J$13,0)+IF(Input!$K$14=1,K1714*Input!$J$14,0)+IF(Input!$K$15=1,L1714*Input!$J$15,0)+IF(Input!$K$16=1,M1714*Input!$J$16,0)</f>
        <v>1.1961928980171017</v>
      </c>
      <c r="O1714" s="58">
        <f>IF(Input!$K$13=2,J1714*Input!$J$13,0)+IF(Input!$K$14=2,K1714*Input!$J$14,0)+IF(Input!$K$15=2,L1714*Input!$J$15,0)+IF(Input!$K$16=2,M1714*Input!$J$16,0)</f>
        <v>8.0038016919135771E-2</v>
      </c>
      <c r="P1714" s="58">
        <f>IF(Input!$K$13=3,J1714*Input!$J$13,0)+IF(Input!$K$14=3,K1714*Input!$J$14,0)+IF(Input!$K$15=3,L1714*Input!$J$15,0)+IF(Input!$K$16=3,M1714*Input!$J$16,0)</f>
        <v>0</v>
      </c>
      <c r="Q1714" s="71">
        <f>IF(Input!$K$13=4,J1714*Input!$J$13,0)+IF(Input!$K$14=4,K1714*Input!$J$14,0)+IF(Input!$K$15=4,L1714*Input!$J$15,0)+IF(Input!$K$16=4,M1714*Input!$J$16,0)</f>
        <v>0</v>
      </c>
    </row>
    <row r="1715" spans="8:17" x14ac:dyDescent="0.25">
      <c r="H1715" s="43">
        <v>1708</v>
      </c>
      <c r="I1715" s="55">
        <f>Bühler!I1741</f>
        <v>0.76110437875498482</v>
      </c>
      <c r="J1715" s="58">
        <f>Bühler!J1741</f>
        <v>9.9682741501425145</v>
      </c>
      <c r="K1715" s="58">
        <f>Bühler!K1741</f>
        <v>0.59287419940100572</v>
      </c>
      <c r="L1715" s="58">
        <f>Bühler!L1741</f>
        <v>0.29643709970050286</v>
      </c>
      <c r="M1715" s="57">
        <f>Bühler!M1741</f>
        <v>0</v>
      </c>
      <c r="N1715" s="55">
        <f>IF(Input!$K$13=1,J1715*Input!$J$13,0)+IF(Input!$K$14=1,K1715*Input!$J$14,0)+IF(Input!$K$15=1,L1715*Input!$J$15,0)+IF(Input!$K$16=1,M1715*Input!$J$16,0)</f>
        <v>1.1961928980171017</v>
      </c>
      <c r="O1715" s="58">
        <f>IF(Input!$K$13=2,J1715*Input!$J$13,0)+IF(Input!$K$14=2,K1715*Input!$J$14,0)+IF(Input!$K$15=2,L1715*Input!$J$15,0)+IF(Input!$K$16=2,M1715*Input!$J$16,0)</f>
        <v>8.0038016919135771E-2</v>
      </c>
      <c r="P1715" s="58">
        <f>IF(Input!$K$13=3,J1715*Input!$J$13,0)+IF(Input!$K$14=3,K1715*Input!$J$14,0)+IF(Input!$K$15=3,L1715*Input!$J$15,0)+IF(Input!$K$16=3,M1715*Input!$J$16,0)</f>
        <v>0</v>
      </c>
      <c r="Q1715" s="71">
        <f>IF(Input!$K$13=4,J1715*Input!$J$13,0)+IF(Input!$K$14=4,K1715*Input!$J$14,0)+IF(Input!$K$15=4,L1715*Input!$J$15,0)+IF(Input!$K$16=4,M1715*Input!$J$16,0)</f>
        <v>0</v>
      </c>
    </row>
    <row r="1716" spans="8:17" x14ac:dyDescent="0.25">
      <c r="H1716" s="43">
        <v>1709</v>
      </c>
      <c r="I1716" s="55">
        <f>Bühler!I1742</f>
        <v>0.76110437875498482</v>
      </c>
      <c r="J1716" s="58">
        <f>Bühler!J1742</f>
        <v>9.9682741501425145</v>
      </c>
      <c r="K1716" s="58">
        <f>Bühler!K1742</f>
        <v>0.59287419940100572</v>
      </c>
      <c r="L1716" s="58">
        <f>Bühler!L1742</f>
        <v>0.29643709970050286</v>
      </c>
      <c r="M1716" s="57">
        <f>Bühler!M1742</f>
        <v>0</v>
      </c>
      <c r="N1716" s="55">
        <f>IF(Input!$K$13=1,J1716*Input!$J$13,0)+IF(Input!$K$14=1,K1716*Input!$J$14,0)+IF(Input!$K$15=1,L1716*Input!$J$15,0)+IF(Input!$K$16=1,M1716*Input!$J$16,0)</f>
        <v>1.1961928980171017</v>
      </c>
      <c r="O1716" s="58">
        <f>IF(Input!$K$13=2,J1716*Input!$J$13,0)+IF(Input!$K$14=2,K1716*Input!$J$14,0)+IF(Input!$K$15=2,L1716*Input!$J$15,0)+IF(Input!$K$16=2,M1716*Input!$J$16,0)</f>
        <v>8.0038016919135771E-2</v>
      </c>
      <c r="P1716" s="58">
        <f>IF(Input!$K$13=3,J1716*Input!$J$13,0)+IF(Input!$K$14=3,K1716*Input!$J$14,0)+IF(Input!$K$15=3,L1716*Input!$J$15,0)+IF(Input!$K$16=3,M1716*Input!$J$16,0)</f>
        <v>0</v>
      </c>
      <c r="Q1716" s="71">
        <f>IF(Input!$K$13=4,J1716*Input!$J$13,0)+IF(Input!$K$14=4,K1716*Input!$J$14,0)+IF(Input!$K$15=4,L1716*Input!$J$15,0)+IF(Input!$K$16=4,M1716*Input!$J$16,0)</f>
        <v>0</v>
      </c>
    </row>
    <row r="1717" spans="8:17" x14ac:dyDescent="0.25">
      <c r="H1717" s="43">
        <v>1710</v>
      </c>
      <c r="I1717" s="55">
        <f>Bühler!I1743</f>
        <v>0.76110437875498482</v>
      </c>
      <c r="J1717" s="58">
        <f>Bühler!J1743</f>
        <v>9.9682741501425145</v>
      </c>
      <c r="K1717" s="58">
        <f>Bühler!K1743</f>
        <v>0.59287419940100572</v>
      </c>
      <c r="L1717" s="58">
        <f>Bühler!L1743</f>
        <v>0.29643709970050286</v>
      </c>
      <c r="M1717" s="57">
        <f>Bühler!M1743</f>
        <v>0</v>
      </c>
      <c r="N1717" s="55">
        <f>IF(Input!$K$13=1,J1717*Input!$J$13,0)+IF(Input!$K$14=1,K1717*Input!$J$14,0)+IF(Input!$K$15=1,L1717*Input!$J$15,0)+IF(Input!$K$16=1,M1717*Input!$J$16,0)</f>
        <v>1.1961928980171017</v>
      </c>
      <c r="O1717" s="58">
        <f>IF(Input!$K$13=2,J1717*Input!$J$13,0)+IF(Input!$K$14=2,K1717*Input!$J$14,0)+IF(Input!$K$15=2,L1717*Input!$J$15,0)+IF(Input!$K$16=2,M1717*Input!$J$16,0)</f>
        <v>8.0038016919135771E-2</v>
      </c>
      <c r="P1717" s="58">
        <f>IF(Input!$K$13=3,J1717*Input!$J$13,0)+IF(Input!$K$14=3,K1717*Input!$J$14,0)+IF(Input!$K$15=3,L1717*Input!$J$15,0)+IF(Input!$K$16=3,M1717*Input!$J$16,0)</f>
        <v>0</v>
      </c>
      <c r="Q1717" s="71">
        <f>IF(Input!$K$13=4,J1717*Input!$J$13,0)+IF(Input!$K$14=4,K1717*Input!$J$14,0)+IF(Input!$K$15=4,L1717*Input!$J$15,0)+IF(Input!$K$16=4,M1717*Input!$J$16,0)</f>
        <v>0</v>
      </c>
    </row>
    <row r="1718" spans="8:17" x14ac:dyDescent="0.25">
      <c r="H1718" s="43">
        <v>1711</v>
      </c>
      <c r="I1718" s="55">
        <f>Bühler!I1744</f>
        <v>0.76110437875498482</v>
      </c>
      <c r="J1718" s="58">
        <f>Bühler!J1744</f>
        <v>9.9682741501425145</v>
      </c>
      <c r="K1718" s="58">
        <f>Bühler!K1744</f>
        <v>0.59287419940100572</v>
      </c>
      <c r="L1718" s="58">
        <f>Bühler!L1744</f>
        <v>0.29643709970050286</v>
      </c>
      <c r="M1718" s="57">
        <f>Bühler!M1744</f>
        <v>0</v>
      </c>
      <c r="N1718" s="55">
        <f>IF(Input!$K$13=1,J1718*Input!$J$13,0)+IF(Input!$K$14=1,K1718*Input!$J$14,0)+IF(Input!$K$15=1,L1718*Input!$J$15,0)+IF(Input!$K$16=1,M1718*Input!$J$16,0)</f>
        <v>1.1961928980171017</v>
      </c>
      <c r="O1718" s="58">
        <f>IF(Input!$K$13=2,J1718*Input!$J$13,0)+IF(Input!$K$14=2,K1718*Input!$J$14,0)+IF(Input!$K$15=2,L1718*Input!$J$15,0)+IF(Input!$K$16=2,M1718*Input!$J$16,0)</f>
        <v>8.0038016919135771E-2</v>
      </c>
      <c r="P1718" s="58">
        <f>IF(Input!$K$13=3,J1718*Input!$J$13,0)+IF(Input!$K$14=3,K1718*Input!$J$14,0)+IF(Input!$K$15=3,L1718*Input!$J$15,0)+IF(Input!$K$16=3,M1718*Input!$J$16,0)</f>
        <v>0</v>
      </c>
      <c r="Q1718" s="71">
        <f>IF(Input!$K$13=4,J1718*Input!$J$13,0)+IF(Input!$K$14=4,K1718*Input!$J$14,0)+IF(Input!$K$15=4,L1718*Input!$J$15,0)+IF(Input!$K$16=4,M1718*Input!$J$16,0)</f>
        <v>0</v>
      </c>
    </row>
    <row r="1719" spans="8:17" x14ac:dyDescent="0.25">
      <c r="H1719" s="43">
        <v>1712</v>
      </c>
      <c r="I1719" s="55">
        <f>Bühler!I1745</f>
        <v>3.3108040475841838</v>
      </c>
      <c r="J1719" s="58">
        <f>Bühler!J1745</f>
        <v>42.539055556535722</v>
      </c>
      <c r="K1719" s="58">
        <f>Bühler!K1745</f>
        <v>2.5256440894482841</v>
      </c>
      <c r="L1719" s="58">
        <f>Bühler!L1745</f>
        <v>1.2628220447241421</v>
      </c>
      <c r="M1719" s="57">
        <f>Bühler!M1745</f>
        <v>0</v>
      </c>
      <c r="N1719" s="55">
        <f>IF(Input!$K$13=1,J1719*Input!$J$13,0)+IF(Input!$K$14=1,K1719*Input!$J$14,0)+IF(Input!$K$15=1,L1719*Input!$J$15,0)+IF(Input!$K$16=1,M1719*Input!$J$16,0)</f>
        <v>5.1046866667842865</v>
      </c>
      <c r="O1719" s="58">
        <f>IF(Input!$K$13=2,J1719*Input!$J$13,0)+IF(Input!$K$14=2,K1719*Input!$J$14,0)+IF(Input!$K$15=2,L1719*Input!$J$15,0)+IF(Input!$K$16=2,M1719*Input!$J$16,0)</f>
        <v>0.34096195207551838</v>
      </c>
      <c r="P1719" s="58">
        <f>IF(Input!$K$13=3,J1719*Input!$J$13,0)+IF(Input!$K$14=3,K1719*Input!$J$14,0)+IF(Input!$K$15=3,L1719*Input!$J$15,0)+IF(Input!$K$16=3,M1719*Input!$J$16,0)</f>
        <v>0</v>
      </c>
      <c r="Q1719" s="71">
        <f>IF(Input!$K$13=4,J1719*Input!$J$13,0)+IF(Input!$K$14=4,K1719*Input!$J$14,0)+IF(Input!$K$15=4,L1719*Input!$J$15,0)+IF(Input!$K$16=4,M1719*Input!$J$16,0)</f>
        <v>0</v>
      </c>
    </row>
    <row r="1720" spans="8:17" x14ac:dyDescent="0.25">
      <c r="H1720" s="43">
        <v>1713</v>
      </c>
      <c r="I1720" s="55">
        <f>Bühler!I1746</f>
        <v>3.7246545535322073</v>
      </c>
      <c r="J1720" s="58">
        <f>Bühler!J1746</f>
        <v>47.856437501102683</v>
      </c>
      <c r="K1720" s="58">
        <f>Bühler!K1746</f>
        <v>2.8413496006293197</v>
      </c>
      <c r="L1720" s="58">
        <f>Bühler!L1746</f>
        <v>1.4206748003146599</v>
      </c>
      <c r="M1720" s="57">
        <f>Bühler!M1746</f>
        <v>0</v>
      </c>
      <c r="N1720" s="55">
        <f>IF(Input!$K$13=1,J1720*Input!$J$13,0)+IF(Input!$K$14=1,K1720*Input!$J$14,0)+IF(Input!$K$15=1,L1720*Input!$J$15,0)+IF(Input!$K$16=1,M1720*Input!$J$16,0)</f>
        <v>5.7427725001323218</v>
      </c>
      <c r="O1720" s="58">
        <f>IF(Input!$K$13=2,J1720*Input!$J$13,0)+IF(Input!$K$14=2,K1720*Input!$J$14,0)+IF(Input!$K$15=2,L1720*Input!$J$15,0)+IF(Input!$K$16=2,M1720*Input!$J$16,0)</f>
        <v>0.38358219608495814</v>
      </c>
      <c r="P1720" s="58">
        <f>IF(Input!$K$13=3,J1720*Input!$J$13,0)+IF(Input!$K$14=3,K1720*Input!$J$14,0)+IF(Input!$K$15=3,L1720*Input!$J$15,0)+IF(Input!$K$16=3,M1720*Input!$J$16,0)</f>
        <v>0</v>
      </c>
      <c r="Q1720" s="71">
        <f>IF(Input!$K$13=4,J1720*Input!$J$13,0)+IF(Input!$K$14=4,K1720*Input!$J$14,0)+IF(Input!$K$15=4,L1720*Input!$J$15,0)+IF(Input!$K$16=4,M1720*Input!$J$16,0)</f>
        <v>0</v>
      </c>
    </row>
    <row r="1721" spans="8:17" x14ac:dyDescent="0.25">
      <c r="H1721" s="43">
        <v>1714</v>
      </c>
      <c r="I1721" s="55">
        <f>Bühler!I1747</f>
        <v>4.13850505948023</v>
      </c>
      <c r="J1721" s="58">
        <f>Bühler!J1747</f>
        <v>53.17381944566965</v>
      </c>
      <c r="K1721" s="58">
        <f>Bühler!K1747</f>
        <v>3.1570551118103554</v>
      </c>
      <c r="L1721" s="58">
        <f>Bühler!L1747</f>
        <v>1.5785275559051777</v>
      </c>
      <c r="M1721" s="57">
        <f>Bühler!M1747</f>
        <v>0</v>
      </c>
      <c r="N1721" s="55">
        <f>IF(Input!$K$13=1,J1721*Input!$J$13,0)+IF(Input!$K$14=1,K1721*Input!$J$14,0)+IF(Input!$K$15=1,L1721*Input!$J$15,0)+IF(Input!$K$16=1,M1721*Input!$J$16,0)</f>
        <v>6.3808583334803579</v>
      </c>
      <c r="O1721" s="58">
        <f>IF(Input!$K$13=2,J1721*Input!$J$13,0)+IF(Input!$K$14=2,K1721*Input!$J$14,0)+IF(Input!$K$15=2,L1721*Input!$J$15,0)+IF(Input!$K$16=2,M1721*Input!$J$16,0)</f>
        <v>0.42620244009439795</v>
      </c>
      <c r="P1721" s="58">
        <f>IF(Input!$K$13=3,J1721*Input!$J$13,0)+IF(Input!$K$14=3,K1721*Input!$J$14,0)+IF(Input!$K$15=3,L1721*Input!$J$15,0)+IF(Input!$K$16=3,M1721*Input!$J$16,0)</f>
        <v>0</v>
      </c>
      <c r="Q1721" s="71">
        <f>IF(Input!$K$13=4,J1721*Input!$J$13,0)+IF(Input!$K$14=4,K1721*Input!$J$14,0)+IF(Input!$K$15=4,L1721*Input!$J$15,0)+IF(Input!$K$16=4,M1721*Input!$J$16,0)</f>
        <v>0</v>
      </c>
    </row>
    <row r="1722" spans="8:17" x14ac:dyDescent="0.25">
      <c r="H1722" s="43">
        <v>1715</v>
      </c>
      <c r="I1722" s="55">
        <f>Bühler!I1748</f>
        <v>4.13850505948023</v>
      </c>
      <c r="J1722" s="58">
        <f>Bühler!J1748</f>
        <v>53.17381944566965</v>
      </c>
      <c r="K1722" s="58">
        <f>Bühler!K1748</f>
        <v>3.1570551118103554</v>
      </c>
      <c r="L1722" s="58">
        <f>Bühler!L1748</f>
        <v>1.5785275559051777</v>
      </c>
      <c r="M1722" s="57">
        <f>Bühler!M1748</f>
        <v>0</v>
      </c>
      <c r="N1722" s="55">
        <f>IF(Input!$K$13=1,J1722*Input!$J$13,0)+IF(Input!$K$14=1,K1722*Input!$J$14,0)+IF(Input!$K$15=1,L1722*Input!$J$15,0)+IF(Input!$K$16=1,M1722*Input!$J$16,0)</f>
        <v>6.3808583334803579</v>
      </c>
      <c r="O1722" s="58">
        <f>IF(Input!$K$13=2,J1722*Input!$J$13,0)+IF(Input!$K$14=2,K1722*Input!$J$14,0)+IF(Input!$K$15=2,L1722*Input!$J$15,0)+IF(Input!$K$16=2,M1722*Input!$J$16,0)</f>
        <v>0.42620244009439795</v>
      </c>
      <c r="P1722" s="58">
        <f>IF(Input!$K$13=3,J1722*Input!$J$13,0)+IF(Input!$K$14=3,K1722*Input!$J$14,0)+IF(Input!$K$15=3,L1722*Input!$J$15,0)+IF(Input!$K$16=3,M1722*Input!$J$16,0)</f>
        <v>0</v>
      </c>
      <c r="Q1722" s="71">
        <f>IF(Input!$K$13=4,J1722*Input!$J$13,0)+IF(Input!$K$14=4,K1722*Input!$J$14,0)+IF(Input!$K$15=4,L1722*Input!$J$15,0)+IF(Input!$K$16=4,M1722*Input!$J$16,0)</f>
        <v>0</v>
      </c>
    </row>
    <row r="1723" spans="8:17" x14ac:dyDescent="0.25">
      <c r="H1723" s="43">
        <v>1716</v>
      </c>
      <c r="I1723" s="55">
        <f>Bühler!I1749</f>
        <v>4.9662060713762743</v>
      </c>
      <c r="J1723" s="58">
        <f>Bühler!J1749</f>
        <v>63.808583334803572</v>
      </c>
      <c r="K1723" s="58">
        <f>Bühler!K1749</f>
        <v>3.7884661341724262</v>
      </c>
      <c r="L1723" s="58">
        <f>Bühler!L1749</f>
        <v>1.8942330670862131</v>
      </c>
      <c r="M1723" s="57">
        <f>Bühler!M1749</f>
        <v>0</v>
      </c>
      <c r="N1723" s="55">
        <f>IF(Input!$K$13=1,J1723*Input!$J$13,0)+IF(Input!$K$14=1,K1723*Input!$J$14,0)+IF(Input!$K$15=1,L1723*Input!$J$15,0)+IF(Input!$K$16=1,M1723*Input!$J$16,0)</f>
        <v>7.6570300001764284</v>
      </c>
      <c r="O1723" s="58">
        <f>IF(Input!$K$13=2,J1723*Input!$J$13,0)+IF(Input!$K$14=2,K1723*Input!$J$14,0)+IF(Input!$K$15=2,L1723*Input!$J$15,0)+IF(Input!$K$16=2,M1723*Input!$J$16,0)</f>
        <v>0.51144292811327752</v>
      </c>
      <c r="P1723" s="58">
        <f>IF(Input!$K$13=3,J1723*Input!$J$13,0)+IF(Input!$K$14=3,K1723*Input!$J$14,0)+IF(Input!$K$15=3,L1723*Input!$J$15,0)+IF(Input!$K$16=3,M1723*Input!$J$16,0)</f>
        <v>0</v>
      </c>
      <c r="Q1723" s="71">
        <f>IF(Input!$K$13=4,J1723*Input!$J$13,0)+IF(Input!$K$14=4,K1723*Input!$J$14,0)+IF(Input!$K$15=4,L1723*Input!$J$15,0)+IF(Input!$K$16=4,M1723*Input!$J$16,0)</f>
        <v>0</v>
      </c>
    </row>
    <row r="1724" spans="8:17" x14ac:dyDescent="0.25">
      <c r="H1724" s="43">
        <v>1717</v>
      </c>
      <c r="I1724" s="55">
        <f>Bühler!I1750</f>
        <v>4.9662060713762743</v>
      </c>
      <c r="J1724" s="58">
        <f>Bühler!J1750</f>
        <v>63.808583334803572</v>
      </c>
      <c r="K1724" s="58">
        <f>Bühler!K1750</f>
        <v>3.7884661341724262</v>
      </c>
      <c r="L1724" s="58">
        <f>Bühler!L1750</f>
        <v>1.8942330670862131</v>
      </c>
      <c r="M1724" s="57">
        <f>Bühler!M1750</f>
        <v>0</v>
      </c>
      <c r="N1724" s="55">
        <f>IF(Input!$K$13=1,J1724*Input!$J$13,0)+IF(Input!$K$14=1,K1724*Input!$J$14,0)+IF(Input!$K$15=1,L1724*Input!$J$15,0)+IF(Input!$K$16=1,M1724*Input!$J$16,0)</f>
        <v>7.6570300001764284</v>
      </c>
      <c r="O1724" s="58">
        <f>IF(Input!$K$13=2,J1724*Input!$J$13,0)+IF(Input!$K$14=2,K1724*Input!$J$14,0)+IF(Input!$K$15=2,L1724*Input!$J$15,0)+IF(Input!$K$16=2,M1724*Input!$J$16,0)</f>
        <v>0.51144292811327752</v>
      </c>
      <c r="P1724" s="58">
        <f>IF(Input!$K$13=3,J1724*Input!$J$13,0)+IF(Input!$K$14=3,K1724*Input!$J$14,0)+IF(Input!$K$15=3,L1724*Input!$J$15,0)+IF(Input!$K$16=3,M1724*Input!$J$16,0)</f>
        <v>0</v>
      </c>
      <c r="Q1724" s="71">
        <f>IF(Input!$K$13=4,J1724*Input!$J$13,0)+IF(Input!$K$14=4,K1724*Input!$J$14,0)+IF(Input!$K$15=4,L1724*Input!$J$15,0)+IF(Input!$K$16=4,M1724*Input!$J$16,0)</f>
        <v>0</v>
      </c>
    </row>
    <row r="1725" spans="8:17" x14ac:dyDescent="0.25">
      <c r="H1725" s="43">
        <v>1718</v>
      </c>
      <c r="I1725" s="55">
        <f>Bühler!I1751</f>
        <v>3.3108040475841838</v>
      </c>
      <c r="J1725" s="58">
        <f>Bühler!J1751</f>
        <v>42.539055556535722</v>
      </c>
      <c r="K1725" s="58">
        <f>Bühler!K1751</f>
        <v>2.5256440894482841</v>
      </c>
      <c r="L1725" s="58">
        <f>Bühler!L1751</f>
        <v>1.2628220447241421</v>
      </c>
      <c r="M1725" s="57">
        <f>Bühler!M1751</f>
        <v>0</v>
      </c>
      <c r="N1725" s="55">
        <f>IF(Input!$K$13=1,J1725*Input!$J$13,0)+IF(Input!$K$14=1,K1725*Input!$J$14,0)+IF(Input!$K$15=1,L1725*Input!$J$15,0)+IF(Input!$K$16=1,M1725*Input!$J$16,0)</f>
        <v>5.1046866667842865</v>
      </c>
      <c r="O1725" s="58">
        <f>IF(Input!$K$13=2,J1725*Input!$J$13,0)+IF(Input!$K$14=2,K1725*Input!$J$14,0)+IF(Input!$K$15=2,L1725*Input!$J$15,0)+IF(Input!$K$16=2,M1725*Input!$J$16,0)</f>
        <v>0.34096195207551838</v>
      </c>
      <c r="P1725" s="58">
        <f>IF(Input!$K$13=3,J1725*Input!$J$13,0)+IF(Input!$K$14=3,K1725*Input!$J$14,0)+IF(Input!$K$15=3,L1725*Input!$J$15,0)+IF(Input!$K$16=3,M1725*Input!$J$16,0)</f>
        <v>0</v>
      </c>
      <c r="Q1725" s="71">
        <f>IF(Input!$K$13=4,J1725*Input!$J$13,0)+IF(Input!$K$14=4,K1725*Input!$J$14,0)+IF(Input!$K$15=4,L1725*Input!$J$15,0)+IF(Input!$K$16=4,M1725*Input!$J$16,0)</f>
        <v>0</v>
      </c>
    </row>
    <row r="1726" spans="8:17" x14ac:dyDescent="0.25">
      <c r="H1726" s="43">
        <v>1719</v>
      </c>
      <c r="I1726" s="55">
        <f>Bühler!I1752</f>
        <v>4.9662060713762743</v>
      </c>
      <c r="J1726" s="58">
        <f>Bühler!J1752</f>
        <v>63.808583334803572</v>
      </c>
      <c r="K1726" s="58">
        <f>Bühler!K1752</f>
        <v>3.7884661341724262</v>
      </c>
      <c r="L1726" s="58">
        <f>Bühler!L1752</f>
        <v>1.8942330670862131</v>
      </c>
      <c r="M1726" s="57">
        <f>Bühler!M1752</f>
        <v>0</v>
      </c>
      <c r="N1726" s="55">
        <f>IF(Input!$K$13=1,J1726*Input!$J$13,0)+IF(Input!$K$14=1,K1726*Input!$J$14,0)+IF(Input!$K$15=1,L1726*Input!$J$15,0)+IF(Input!$K$16=1,M1726*Input!$J$16,0)</f>
        <v>7.6570300001764284</v>
      </c>
      <c r="O1726" s="58">
        <f>IF(Input!$K$13=2,J1726*Input!$J$13,0)+IF(Input!$K$14=2,K1726*Input!$J$14,0)+IF(Input!$K$15=2,L1726*Input!$J$15,0)+IF(Input!$K$16=2,M1726*Input!$J$16,0)</f>
        <v>0.51144292811327752</v>
      </c>
      <c r="P1726" s="58">
        <f>IF(Input!$K$13=3,J1726*Input!$J$13,0)+IF(Input!$K$14=3,K1726*Input!$J$14,0)+IF(Input!$K$15=3,L1726*Input!$J$15,0)+IF(Input!$K$16=3,M1726*Input!$J$16,0)</f>
        <v>0</v>
      </c>
      <c r="Q1726" s="71">
        <f>IF(Input!$K$13=4,J1726*Input!$J$13,0)+IF(Input!$K$14=4,K1726*Input!$J$14,0)+IF(Input!$K$15=4,L1726*Input!$J$15,0)+IF(Input!$K$16=4,M1726*Input!$J$16,0)</f>
        <v>0</v>
      </c>
    </row>
    <row r="1727" spans="8:17" x14ac:dyDescent="0.25">
      <c r="H1727" s="43">
        <v>1720</v>
      </c>
      <c r="I1727" s="55">
        <f>Bühler!I1753</f>
        <v>4.9662060713762743</v>
      </c>
      <c r="J1727" s="58">
        <f>Bühler!J1753</f>
        <v>63.808583334803572</v>
      </c>
      <c r="K1727" s="58">
        <f>Bühler!K1753</f>
        <v>3.7884661341724262</v>
      </c>
      <c r="L1727" s="58">
        <f>Bühler!L1753</f>
        <v>1.8942330670862131</v>
      </c>
      <c r="M1727" s="57">
        <f>Bühler!M1753</f>
        <v>0</v>
      </c>
      <c r="N1727" s="55">
        <f>IF(Input!$K$13=1,J1727*Input!$J$13,0)+IF(Input!$K$14=1,K1727*Input!$J$14,0)+IF(Input!$K$15=1,L1727*Input!$J$15,0)+IF(Input!$K$16=1,M1727*Input!$J$16,0)</f>
        <v>7.6570300001764284</v>
      </c>
      <c r="O1727" s="58">
        <f>IF(Input!$K$13=2,J1727*Input!$J$13,0)+IF(Input!$K$14=2,K1727*Input!$J$14,0)+IF(Input!$K$15=2,L1727*Input!$J$15,0)+IF(Input!$K$16=2,M1727*Input!$J$16,0)</f>
        <v>0.51144292811327752</v>
      </c>
      <c r="P1727" s="58">
        <f>IF(Input!$K$13=3,J1727*Input!$J$13,0)+IF(Input!$K$14=3,K1727*Input!$J$14,0)+IF(Input!$K$15=3,L1727*Input!$J$15,0)+IF(Input!$K$16=3,M1727*Input!$J$16,0)</f>
        <v>0</v>
      </c>
      <c r="Q1727" s="71">
        <f>IF(Input!$K$13=4,J1727*Input!$J$13,0)+IF(Input!$K$14=4,K1727*Input!$J$14,0)+IF(Input!$K$15=4,L1727*Input!$J$15,0)+IF(Input!$K$16=4,M1727*Input!$J$16,0)</f>
        <v>0</v>
      </c>
    </row>
    <row r="1728" spans="8:17" x14ac:dyDescent="0.25">
      <c r="H1728" s="43">
        <v>1721</v>
      </c>
      <c r="I1728" s="55">
        <f>Bühler!I1754</f>
        <v>4.13850505948023</v>
      </c>
      <c r="J1728" s="58">
        <f>Bühler!J1754</f>
        <v>38.566687756299828</v>
      </c>
      <c r="K1728" s="58">
        <f>Bühler!K1754</f>
        <v>2.2099385782672489</v>
      </c>
      <c r="L1728" s="58">
        <f>Bühler!L1754</f>
        <v>1.1049692891336245</v>
      </c>
      <c r="M1728" s="57">
        <f>Bühler!M1754</f>
        <v>0</v>
      </c>
      <c r="N1728" s="55">
        <f>IF(Input!$K$13=1,J1728*Input!$J$13,0)+IF(Input!$K$14=1,K1728*Input!$J$14,0)+IF(Input!$K$15=1,L1728*Input!$J$15,0)+IF(Input!$K$16=1,M1728*Input!$J$16,0)</f>
        <v>4.6280025307559791</v>
      </c>
      <c r="O1728" s="58">
        <f>IF(Input!$K$13=2,J1728*Input!$J$13,0)+IF(Input!$K$14=2,K1728*Input!$J$14,0)+IF(Input!$K$15=2,L1728*Input!$J$15,0)+IF(Input!$K$16=2,M1728*Input!$J$16,0)</f>
        <v>0.29834170806607863</v>
      </c>
      <c r="P1728" s="58">
        <f>IF(Input!$K$13=3,J1728*Input!$J$13,0)+IF(Input!$K$14=3,K1728*Input!$J$14,0)+IF(Input!$K$15=3,L1728*Input!$J$15,0)+IF(Input!$K$16=3,M1728*Input!$J$16,0)</f>
        <v>0</v>
      </c>
      <c r="Q1728" s="71">
        <f>IF(Input!$K$13=4,J1728*Input!$J$13,0)+IF(Input!$K$14=4,K1728*Input!$J$14,0)+IF(Input!$K$15=4,L1728*Input!$J$15,0)+IF(Input!$K$16=4,M1728*Input!$J$16,0)</f>
        <v>0</v>
      </c>
    </row>
    <row r="1729" spans="8:17" x14ac:dyDescent="0.25">
      <c r="H1729" s="43">
        <v>1722</v>
      </c>
      <c r="I1729" s="55">
        <f>Bühler!I1755</f>
        <v>3.3298316570530586</v>
      </c>
      <c r="J1729" s="58">
        <f>Bühler!J1755</f>
        <v>13.345405421387362</v>
      </c>
      <c r="K1729" s="58">
        <f>Bühler!K1755</f>
        <v>0.63141102236207103</v>
      </c>
      <c r="L1729" s="58">
        <f>Bühler!L1755</f>
        <v>0.31570551118103551</v>
      </c>
      <c r="M1729" s="57">
        <f>Bühler!M1755</f>
        <v>0</v>
      </c>
      <c r="N1729" s="55">
        <f>IF(Input!$K$13=1,J1729*Input!$J$13,0)+IF(Input!$K$14=1,K1729*Input!$J$14,0)+IF(Input!$K$15=1,L1729*Input!$J$15,0)+IF(Input!$K$16=1,M1729*Input!$J$16,0)</f>
        <v>1.6014486505664833</v>
      </c>
      <c r="O1729" s="58">
        <f>IF(Input!$K$13=2,J1729*Input!$J$13,0)+IF(Input!$K$14=2,K1729*Input!$J$14,0)+IF(Input!$K$15=2,L1729*Input!$J$15,0)+IF(Input!$K$16=2,M1729*Input!$J$16,0)</f>
        <v>8.5240488018879595E-2</v>
      </c>
      <c r="P1729" s="58">
        <f>IF(Input!$K$13=3,J1729*Input!$J$13,0)+IF(Input!$K$14=3,K1729*Input!$J$14,0)+IF(Input!$K$15=3,L1729*Input!$J$15,0)+IF(Input!$K$16=3,M1729*Input!$J$16,0)</f>
        <v>0</v>
      </c>
      <c r="Q1729" s="71">
        <f>IF(Input!$K$13=4,J1729*Input!$J$13,0)+IF(Input!$K$14=4,K1729*Input!$J$14,0)+IF(Input!$K$15=4,L1729*Input!$J$15,0)+IF(Input!$K$16=4,M1729*Input!$J$16,0)</f>
        <v>0</v>
      </c>
    </row>
    <row r="1730" spans="8:17" x14ac:dyDescent="0.25">
      <c r="H1730" s="43">
        <v>1723</v>
      </c>
      <c r="I1730" s="55">
        <f>Bühler!I1756</f>
        <v>1.1892255918046637</v>
      </c>
      <c r="J1730" s="58">
        <f>Bühler!J1756</f>
        <v>10.889259351270896</v>
      </c>
      <c r="K1730" s="58">
        <f>Bühler!K1756</f>
        <v>0.622517909371056</v>
      </c>
      <c r="L1730" s="58">
        <f>Bühler!L1756</f>
        <v>0.311258954685528</v>
      </c>
      <c r="M1730" s="57">
        <f>Bühler!M1756</f>
        <v>0</v>
      </c>
      <c r="N1730" s="55">
        <f>IF(Input!$K$13=1,J1730*Input!$J$13,0)+IF(Input!$K$14=1,K1730*Input!$J$14,0)+IF(Input!$K$15=1,L1730*Input!$J$15,0)+IF(Input!$K$16=1,M1730*Input!$J$16,0)</f>
        <v>1.3067111221525074</v>
      </c>
      <c r="O1730" s="58">
        <f>IF(Input!$K$13=2,J1730*Input!$J$13,0)+IF(Input!$K$14=2,K1730*Input!$J$14,0)+IF(Input!$K$15=2,L1730*Input!$J$15,0)+IF(Input!$K$16=2,M1730*Input!$J$16,0)</f>
        <v>8.4039917765092564E-2</v>
      </c>
      <c r="P1730" s="58">
        <f>IF(Input!$K$13=3,J1730*Input!$J$13,0)+IF(Input!$K$14=3,K1730*Input!$J$14,0)+IF(Input!$K$15=3,L1730*Input!$J$15,0)+IF(Input!$K$16=3,M1730*Input!$J$16,0)</f>
        <v>0</v>
      </c>
      <c r="Q1730" s="71">
        <f>IF(Input!$K$13=4,J1730*Input!$J$13,0)+IF(Input!$K$14=4,K1730*Input!$J$14,0)+IF(Input!$K$15=4,L1730*Input!$J$15,0)+IF(Input!$K$16=4,M1730*Input!$J$16,0)</f>
        <v>0</v>
      </c>
    </row>
    <row r="1731" spans="8:17" x14ac:dyDescent="0.25">
      <c r="H1731" s="43">
        <v>1724</v>
      </c>
      <c r="I1731" s="55">
        <f>Bühler!I1757</f>
        <v>1.1892255918046637</v>
      </c>
      <c r="J1731" s="58">
        <f>Bühler!J1757</f>
        <v>10.889259351270896</v>
      </c>
      <c r="K1731" s="58">
        <f>Bühler!K1757</f>
        <v>0.622517909371056</v>
      </c>
      <c r="L1731" s="58">
        <f>Bühler!L1757</f>
        <v>0.311258954685528</v>
      </c>
      <c r="M1731" s="57">
        <f>Bühler!M1757</f>
        <v>0</v>
      </c>
      <c r="N1731" s="55">
        <f>IF(Input!$K$13=1,J1731*Input!$J$13,0)+IF(Input!$K$14=1,K1731*Input!$J$14,0)+IF(Input!$K$15=1,L1731*Input!$J$15,0)+IF(Input!$K$16=1,M1731*Input!$J$16,0)</f>
        <v>1.3067111221525074</v>
      </c>
      <c r="O1731" s="58">
        <f>IF(Input!$K$13=2,J1731*Input!$J$13,0)+IF(Input!$K$14=2,K1731*Input!$J$14,0)+IF(Input!$K$15=2,L1731*Input!$J$15,0)+IF(Input!$K$16=2,M1731*Input!$J$16,0)</f>
        <v>8.4039917765092564E-2</v>
      </c>
      <c r="P1731" s="58">
        <f>IF(Input!$K$13=3,J1731*Input!$J$13,0)+IF(Input!$K$14=3,K1731*Input!$J$14,0)+IF(Input!$K$15=3,L1731*Input!$J$15,0)+IF(Input!$K$16=3,M1731*Input!$J$16,0)</f>
        <v>0</v>
      </c>
      <c r="Q1731" s="71">
        <f>IF(Input!$K$13=4,J1731*Input!$J$13,0)+IF(Input!$K$14=4,K1731*Input!$J$14,0)+IF(Input!$K$15=4,L1731*Input!$J$15,0)+IF(Input!$K$16=4,M1731*Input!$J$16,0)</f>
        <v>0</v>
      </c>
    </row>
    <row r="1732" spans="8:17" x14ac:dyDescent="0.25">
      <c r="H1732" s="43">
        <v>1725</v>
      </c>
      <c r="I1732" s="55">
        <f>Bühler!I1758</f>
        <v>1.1892255918046637</v>
      </c>
      <c r="J1732" s="58">
        <f>Bühler!J1758</f>
        <v>10.889259351270896</v>
      </c>
      <c r="K1732" s="58">
        <f>Bühler!K1758</f>
        <v>0.622517909371056</v>
      </c>
      <c r="L1732" s="58">
        <f>Bühler!L1758</f>
        <v>0.311258954685528</v>
      </c>
      <c r="M1732" s="57">
        <f>Bühler!M1758</f>
        <v>0</v>
      </c>
      <c r="N1732" s="55">
        <f>IF(Input!$K$13=1,J1732*Input!$J$13,0)+IF(Input!$K$14=1,K1732*Input!$J$14,0)+IF(Input!$K$15=1,L1732*Input!$J$15,0)+IF(Input!$K$16=1,M1732*Input!$J$16,0)</f>
        <v>1.3067111221525074</v>
      </c>
      <c r="O1732" s="58">
        <f>IF(Input!$K$13=2,J1732*Input!$J$13,0)+IF(Input!$K$14=2,K1732*Input!$J$14,0)+IF(Input!$K$15=2,L1732*Input!$J$15,0)+IF(Input!$K$16=2,M1732*Input!$J$16,0)</f>
        <v>8.4039917765092564E-2</v>
      </c>
      <c r="P1732" s="58">
        <f>IF(Input!$K$13=3,J1732*Input!$J$13,0)+IF(Input!$K$14=3,K1732*Input!$J$14,0)+IF(Input!$K$15=3,L1732*Input!$J$15,0)+IF(Input!$K$16=3,M1732*Input!$J$16,0)</f>
        <v>0</v>
      </c>
      <c r="Q1732" s="71">
        <f>IF(Input!$K$13=4,J1732*Input!$J$13,0)+IF(Input!$K$14=4,K1732*Input!$J$14,0)+IF(Input!$K$15=4,L1732*Input!$J$15,0)+IF(Input!$K$16=4,M1732*Input!$J$16,0)</f>
        <v>0</v>
      </c>
    </row>
    <row r="1733" spans="8:17" x14ac:dyDescent="0.25">
      <c r="H1733" s="43">
        <v>1726</v>
      </c>
      <c r="I1733" s="55">
        <f>Bühler!I1759</f>
        <v>1.1892255918046637</v>
      </c>
      <c r="J1733" s="58">
        <f>Bühler!J1759</f>
        <v>10.889259351270896</v>
      </c>
      <c r="K1733" s="58">
        <f>Bühler!K1759</f>
        <v>0.622517909371056</v>
      </c>
      <c r="L1733" s="58">
        <f>Bühler!L1759</f>
        <v>0.311258954685528</v>
      </c>
      <c r="M1733" s="57">
        <f>Bühler!M1759</f>
        <v>0</v>
      </c>
      <c r="N1733" s="55">
        <f>IF(Input!$K$13=1,J1733*Input!$J$13,0)+IF(Input!$K$14=1,K1733*Input!$J$14,0)+IF(Input!$K$15=1,L1733*Input!$J$15,0)+IF(Input!$K$16=1,M1733*Input!$J$16,0)</f>
        <v>1.3067111221525074</v>
      </c>
      <c r="O1733" s="58">
        <f>IF(Input!$K$13=2,J1733*Input!$J$13,0)+IF(Input!$K$14=2,K1733*Input!$J$14,0)+IF(Input!$K$15=2,L1733*Input!$J$15,0)+IF(Input!$K$16=2,M1733*Input!$J$16,0)</f>
        <v>8.4039917765092564E-2</v>
      </c>
      <c r="P1733" s="58">
        <f>IF(Input!$K$13=3,J1733*Input!$J$13,0)+IF(Input!$K$14=3,K1733*Input!$J$14,0)+IF(Input!$K$15=3,L1733*Input!$J$15,0)+IF(Input!$K$16=3,M1733*Input!$J$16,0)</f>
        <v>0</v>
      </c>
      <c r="Q1733" s="71">
        <f>IF(Input!$K$13=4,J1733*Input!$J$13,0)+IF(Input!$K$14=4,K1733*Input!$J$14,0)+IF(Input!$K$15=4,L1733*Input!$J$15,0)+IF(Input!$K$16=4,M1733*Input!$J$16,0)</f>
        <v>0</v>
      </c>
    </row>
    <row r="1734" spans="8:17" x14ac:dyDescent="0.25">
      <c r="H1734" s="43">
        <v>1727</v>
      </c>
      <c r="I1734" s="55">
        <f>Bühler!I1760</f>
        <v>1.1892255918046637</v>
      </c>
      <c r="J1734" s="58">
        <f>Bühler!J1760</f>
        <v>10.889259351270896</v>
      </c>
      <c r="K1734" s="58">
        <f>Bühler!K1760</f>
        <v>0.622517909371056</v>
      </c>
      <c r="L1734" s="58">
        <f>Bühler!L1760</f>
        <v>0.311258954685528</v>
      </c>
      <c r="M1734" s="57">
        <f>Bühler!M1760</f>
        <v>0</v>
      </c>
      <c r="N1734" s="55">
        <f>IF(Input!$K$13=1,J1734*Input!$J$13,0)+IF(Input!$K$14=1,K1734*Input!$J$14,0)+IF(Input!$K$15=1,L1734*Input!$J$15,0)+IF(Input!$K$16=1,M1734*Input!$J$16,0)</f>
        <v>1.3067111221525074</v>
      </c>
      <c r="O1734" s="58">
        <f>IF(Input!$K$13=2,J1734*Input!$J$13,0)+IF(Input!$K$14=2,K1734*Input!$J$14,0)+IF(Input!$K$15=2,L1734*Input!$J$15,0)+IF(Input!$K$16=2,M1734*Input!$J$16,0)</f>
        <v>8.4039917765092564E-2</v>
      </c>
      <c r="P1734" s="58">
        <f>IF(Input!$K$13=3,J1734*Input!$J$13,0)+IF(Input!$K$14=3,K1734*Input!$J$14,0)+IF(Input!$K$15=3,L1734*Input!$J$15,0)+IF(Input!$K$16=3,M1734*Input!$J$16,0)</f>
        <v>0</v>
      </c>
      <c r="Q1734" s="71">
        <f>IF(Input!$K$13=4,J1734*Input!$J$13,0)+IF(Input!$K$14=4,K1734*Input!$J$14,0)+IF(Input!$K$15=4,L1734*Input!$J$15,0)+IF(Input!$K$16=4,M1734*Input!$J$16,0)</f>
        <v>0</v>
      </c>
    </row>
    <row r="1735" spans="8:17" x14ac:dyDescent="0.25">
      <c r="H1735" s="43">
        <v>1728</v>
      </c>
      <c r="I1735" s="55">
        <f>Bühler!I1761</f>
        <v>1.1892255918046637</v>
      </c>
      <c r="J1735" s="58">
        <f>Bühler!J1761</f>
        <v>10.889259351270896</v>
      </c>
      <c r="K1735" s="58">
        <f>Bühler!K1761</f>
        <v>0.622517909371056</v>
      </c>
      <c r="L1735" s="58">
        <f>Bühler!L1761</f>
        <v>0.311258954685528</v>
      </c>
      <c r="M1735" s="57">
        <f>Bühler!M1761</f>
        <v>0</v>
      </c>
      <c r="N1735" s="55">
        <f>IF(Input!$K$13=1,J1735*Input!$J$13,0)+IF(Input!$K$14=1,K1735*Input!$J$14,0)+IF(Input!$K$15=1,L1735*Input!$J$15,0)+IF(Input!$K$16=1,M1735*Input!$J$16,0)</f>
        <v>1.3067111221525074</v>
      </c>
      <c r="O1735" s="58">
        <f>IF(Input!$K$13=2,J1735*Input!$J$13,0)+IF(Input!$K$14=2,K1735*Input!$J$14,0)+IF(Input!$K$15=2,L1735*Input!$J$15,0)+IF(Input!$K$16=2,M1735*Input!$J$16,0)</f>
        <v>8.4039917765092564E-2</v>
      </c>
      <c r="P1735" s="58">
        <f>IF(Input!$K$13=3,J1735*Input!$J$13,0)+IF(Input!$K$14=3,K1735*Input!$J$14,0)+IF(Input!$K$15=3,L1735*Input!$J$15,0)+IF(Input!$K$16=3,M1735*Input!$J$16,0)</f>
        <v>0</v>
      </c>
      <c r="Q1735" s="71">
        <f>IF(Input!$K$13=4,J1735*Input!$J$13,0)+IF(Input!$K$14=4,K1735*Input!$J$14,0)+IF(Input!$K$15=4,L1735*Input!$J$15,0)+IF(Input!$K$16=4,M1735*Input!$J$16,0)</f>
        <v>0</v>
      </c>
    </row>
    <row r="1736" spans="8:17" x14ac:dyDescent="0.25">
      <c r="H1736" s="43">
        <v>1729</v>
      </c>
      <c r="I1736" s="55">
        <f>Bühler!I1762</f>
        <v>1.1575343651262022</v>
      </c>
      <c r="J1736" s="58">
        <f>Bühler!J1762</f>
        <v>7.3938234904064597</v>
      </c>
      <c r="K1736" s="58">
        <f>Bühler!K1762</f>
        <v>0.39679587377098885</v>
      </c>
      <c r="L1736" s="58">
        <f>Bühler!L1762</f>
        <v>0.19839793688549442</v>
      </c>
      <c r="M1736" s="57">
        <f>Bühler!M1762</f>
        <v>0</v>
      </c>
      <c r="N1736" s="55">
        <f>IF(Input!$K$13=1,J1736*Input!$J$13,0)+IF(Input!$K$14=1,K1736*Input!$J$14,0)+IF(Input!$K$15=1,L1736*Input!$J$15,0)+IF(Input!$K$16=1,M1736*Input!$J$16,0)</f>
        <v>0.88725881884877511</v>
      </c>
      <c r="O1736" s="58">
        <f>IF(Input!$K$13=2,J1736*Input!$J$13,0)+IF(Input!$K$14=2,K1736*Input!$J$14,0)+IF(Input!$K$15=2,L1736*Input!$J$15,0)+IF(Input!$K$16=2,M1736*Input!$J$16,0)</f>
        <v>5.3567442959083493E-2</v>
      </c>
      <c r="P1736" s="58">
        <f>IF(Input!$K$13=3,J1736*Input!$J$13,0)+IF(Input!$K$14=3,K1736*Input!$J$14,0)+IF(Input!$K$15=3,L1736*Input!$J$15,0)+IF(Input!$K$16=3,M1736*Input!$J$16,0)</f>
        <v>0</v>
      </c>
      <c r="Q1736" s="71">
        <f>IF(Input!$K$13=4,J1736*Input!$J$13,0)+IF(Input!$K$14=4,K1736*Input!$J$14,0)+IF(Input!$K$15=4,L1736*Input!$J$15,0)+IF(Input!$K$16=4,M1736*Input!$J$16,0)</f>
        <v>0</v>
      </c>
    </row>
    <row r="1737" spans="8:17" x14ac:dyDescent="0.25">
      <c r="H1737" s="43">
        <v>1730</v>
      </c>
      <c r="I1737" s="55">
        <f>Bühler!I1763</f>
        <v>1.1575343651262022</v>
      </c>
      <c r="J1737" s="58">
        <f>Bühler!J1763</f>
        <v>10.609923833742195</v>
      </c>
      <c r="K1737" s="58">
        <f>Bühler!K1763</f>
        <v>0.60464133146055454</v>
      </c>
      <c r="L1737" s="58">
        <f>Bühler!L1763</f>
        <v>0.30232066573027727</v>
      </c>
      <c r="M1737" s="57">
        <f>Bühler!M1763</f>
        <v>0</v>
      </c>
      <c r="N1737" s="55">
        <f>IF(Input!$K$13=1,J1737*Input!$J$13,0)+IF(Input!$K$14=1,K1737*Input!$J$14,0)+IF(Input!$K$15=1,L1737*Input!$J$15,0)+IF(Input!$K$16=1,M1737*Input!$J$16,0)</f>
        <v>1.2731908600490633</v>
      </c>
      <c r="O1737" s="58">
        <f>IF(Input!$K$13=2,J1737*Input!$J$13,0)+IF(Input!$K$14=2,K1737*Input!$J$14,0)+IF(Input!$K$15=2,L1737*Input!$J$15,0)+IF(Input!$K$16=2,M1737*Input!$J$16,0)</f>
        <v>8.1626579747174854E-2</v>
      </c>
      <c r="P1737" s="58">
        <f>IF(Input!$K$13=3,J1737*Input!$J$13,0)+IF(Input!$K$14=3,K1737*Input!$J$14,0)+IF(Input!$K$15=3,L1737*Input!$J$15,0)+IF(Input!$K$16=3,M1737*Input!$J$16,0)</f>
        <v>0</v>
      </c>
      <c r="Q1737" s="71">
        <f>IF(Input!$K$13=4,J1737*Input!$J$13,0)+IF(Input!$K$14=4,K1737*Input!$J$14,0)+IF(Input!$K$15=4,L1737*Input!$J$15,0)+IF(Input!$K$16=4,M1737*Input!$J$16,0)</f>
        <v>0</v>
      </c>
    </row>
    <row r="1738" spans="8:17" x14ac:dyDescent="0.25">
      <c r="H1738" s="43">
        <v>1731</v>
      </c>
      <c r="I1738" s="55">
        <f>Bühler!I1764</f>
        <v>1.1575343651262022</v>
      </c>
      <c r="J1738" s="58">
        <f>Bühler!J1764</f>
        <v>10.609923833742195</v>
      </c>
      <c r="K1738" s="58">
        <f>Bühler!K1764</f>
        <v>0.60464133146055454</v>
      </c>
      <c r="L1738" s="58">
        <f>Bühler!L1764</f>
        <v>0.30232066573027727</v>
      </c>
      <c r="M1738" s="57">
        <f>Bühler!M1764</f>
        <v>0</v>
      </c>
      <c r="N1738" s="55">
        <f>IF(Input!$K$13=1,J1738*Input!$J$13,0)+IF(Input!$K$14=1,K1738*Input!$J$14,0)+IF(Input!$K$15=1,L1738*Input!$J$15,0)+IF(Input!$K$16=1,M1738*Input!$J$16,0)</f>
        <v>1.2731908600490633</v>
      </c>
      <c r="O1738" s="58">
        <f>IF(Input!$K$13=2,J1738*Input!$J$13,0)+IF(Input!$K$14=2,K1738*Input!$J$14,0)+IF(Input!$K$15=2,L1738*Input!$J$15,0)+IF(Input!$K$16=2,M1738*Input!$J$16,0)</f>
        <v>8.1626579747174854E-2</v>
      </c>
      <c r="P1738" s="58">
        <f>IF(Input!$K$13=3,J1738*Input!$J$13,0)+IF(Input!$K$14=3,K1738*Input!$J$14,0)+IF(Input!$K$15=3,L1738*Input!$J$15,0)+IF(Input!$K$16=3,M1738*Input!$J$16,0)</f>
        <v>0</v>
      </c>
      <c r="Q1738" s="71">
        <f>IF(Input!$K$13=4,J1738*Input!$J$13,0)+IF(Input!$K$14=4,K1738*Input!$J$14,0)+IF(Input!$K$15=4,L1738*Input!$J$15,0)+IF(Input!$K$16=4,M1738*Input!$J$16,0)</f>
        <v>0</v>
      </c>
    </row>
    <row r="1739" spans="8:17" x14ac:dyDescent="0.25">
      <c r="H1739" s="43">
        <v>1732</v>
      </c>
      <c r="I1739" s="55">
        <f>Bühler!I1765</f>
        <v>1.1575343651262022</v>
      </c>
      <c r="J1739" s="58">
        <f>Bühler!J1765</f>
        <v>10.609923833742195</v>
      </c>
      <c r="K1739" s="58">
        <f>Bühler!K1765</f>
        <v>0.60464133146055454</v>
      </c>
      <c r="L1739" s="58">
        <f>Bühler!L1765</f>
        <v>0.30232066573027727</v>
      </c>
      <c r="M1739" s="57">
        <f>Bühler!M1765</f>
        <v>0</v>
      </c>
      <c r="N1739" s="55">
        <f>IF(Input!$K$13=1,J1739*Input!$J$13,0)+IF(Input!$K$14=1,K1739*Input!$J$14,0)+IF(Input!$K$15=1,L1739*Input!$J$15,0)+IF(Input!$K$16=1,M1739*Input!$J$16,0)</f>
        <v>1.2731908600490633</v>
      </c>
      <c r="O1739" s="58">
        <f>IF(Input!$K$13=2,J1739*Input!$J$13,0)+IF(Input!$K$14=2,K1739*Input!$J$14,0)+IF(Input!$K$15=2,L1739*Input!$J$15,0)+IF(Input!$K$16=2,M1739*Input!$J$16,0)</f>
        <v>8.1626579747174854E-2</v>
      </c>
      <c r="P1739" s="58">
        <f>IF(Input!$K$13=3,J1739*Input!$J$13,0)+IF(Input!$K$14=3,K1739*Input!$J$14,0)+IF(Input!$K$15=3,L1739*Input!$J$15,0)+IF(Input!$K$16=3,M1739*Input!$J$16,0)</f>
        <v>0</v>
      </c>
      <c r="Q1739" s="71">
        <f>IF(Input!$K$13=4,J1739*Input!$J$13,0)+IF(Input!$K$14=4,K1739*Input!$J$14,0)+IF(Input!$K$15=4,L1739*Input!$J$15,0)+IF(Input!$K$16=4,M1739*Input!$J$16,0)</f>
        <v>0</v>
      </c>
    </row>
    <row r="1740" spans="8:17" x14ac:dyDescent="0.25">
      <c r="H1740" s="43">
        <v>1733</v>
      </c>
      <c r="I1740" s="55">
        <f>Bühler!I1766</f>
        <v>1.1575343651262022</v>
      </c>
      <c r="J1740" s="58">
        <f>Bühler!J1766</f>
        <v>10.609923833742195</v>
      </c>
      <c r="K1740" s="58">
        <f>Bühler!K1766</f>
        <v>0.60464133146055454</v>
      </c>
      <c r="L1740" s="58">
        <f>Bühler!L1766</f>
        <v>0.30232066573027727</v>
      </c>
      <c r="M1740" s="57">
        <f>Bühler!M1766</f>
        <v>0</v>
      </c>
      <c r="N1740" s="55">
        <f>IF(Input!$K$13=1,J1740*Input!$J$13,0)+IF(Input!$K$14=1,K1740*Input!$J$14,0)+IF(Input!$K$15=1,L1740*Input!$J$15,0)+IF(Input!$K$16=1,M1740*Input!$J$16,0)</f>
        <v>1.2731908600490633</v>
      </c>
      <c r="O1740" s="58">
        <f>IF(Input!$K$13=2,J1740*Input!$J$13,0)+IF(Input!$K$14=2,K1740*Input!$J$14,0)+IF(Input!$K$15=2,L1740*Input!$J$15,0)+IF(Input!$K$16=2,M1740*Input!$J$16,0)</f>
        <v>8.1626579747174854E-2</v>
      </c>
      <c r="P1740" s="58">
        <f>IF(Input!$K$13=3,J1740*Input!$J$13,0)+IF(Input!$K$14=3,K1740*Input!$J$14,0)+IF(Input!$K$15=3,L1740*Input!$J$15,0)+IF(Input!$K$16=3,M1740*Input!$J$16,0)</f>
        <v>0</v>
      </c>
      <c r="Q1740" s="71">
        <f>IF(Input!$K$13=4,J1740*Input!$J$13,0)+IF(Input!$K$14=4,K1740*Input!$J$14,0)+IF(Input!$K$15=4,L1740*Input!$J$15,0)+IF(Input!$K$16=4,M1740*Input!$J$16,0)</f>
        <v>0</v>
      </c>
    </row>
    <row r="1741" spans="8:17" x14ac:dyDescent="0.25">
      <c r="H1741" s="43">
        <v>1734</v>
      </c>
      <c r="I1741" s="55">
        <f>Bühler!I1767</f>
        <v>1.1575343651262022</v>
      </c>
      <c r="J1741" s="58">
        <f>Bühler!J1767</f>
        <v>10.609923833742195</v>
      </c>
      <c r="K1741" s="58">
        <f>Bühler!K1767</f>
        <v>0.60464133146055454</v>
      </c>
      <c r="L1741" s="58">
        <f>Bühler!L1767</f>
        <v>0.30232066573027727</v>
      </c>
      <c r="M1741" s="57">
        <f>Bühler!M1767</f>
        <v>0</v>
      </c>
      <c r="N1741" s="55">
        <f>IF(Input!$K$13=1,J1741*Input!$J$13,0)+IF(Input!$K$14=1,K1741*Input!$J$14,0)+IF(Input!$K$15=1,L1741*Input!$J$15,0)+IF(Input!$K$16=1,M1741*Input!$J$16,0)</f>
        <v>1.2731908600490633</v>
      </c>
      <c r="O1741" s="58">
        <f>IF(Input!$K$13=2,J1741*Input!$J$13,0)+IF(Input!$K$14=2,K1741*Input!$J$14,0)+IF(Input!$K$15=2,L1741*Input!$J$15,0)+IF(Input!$K$16=2,M1741*Input!$J$16,0)</f>
        <v>8.1626579747174854E-2</v>
      </c>
      <c r="P1741" s="58">
        <f>IF(Input!$K$13=3,J1741*Input!$J$13,0)+IF(Input!$K$14=3,K1741*Input!$J$14,0)+IF(Input!$K$15=3,L1741*Input!$J$15,0)+IF(Input!$K$16=3,M1741*Input!$J$16,0)</f>
        <v>0</v>
      </c>
      <c r="Q1741" s="71">
        <f>IF(Input!$K$13=4,J1741*Input!$J$13,0)+IF(Input!$K$14=4,K1741*Input!$J$14,0)+IF(Input!$K$15=4,L1741*Input!$J$15,0)+IF(Input!$K$16=4,M1741*Input!$J$16,0)</f>
        <v>0</v>
      </c>
    </row>
    <row r="1742" spans="8:17" x14ac:dyDescent="0.25">
      <c r="H1742" s="43">
        <v>1735</v>
      </c>
      <c r="I1742" s="55">
        <f>Bühler!I1768</f>
        <v>1.1575343651262022</v>
      </c>
      <c r="J1742" s="58">
        <f>Bühler!J1768</f>
        <v>10.609923833742195</v>
      </c>
      <c r="K1742" s="58">
        <f>Bühler!K1768</f>
        <v>0.60464133146055454</v>
      </c>
      <c r="L1742" s="58">
        <f>Bühler!L1768</f>
        <v>0.30232066573027727</v>
      </c>
      <c r="M1742" s="57">
        <f>Bühler!M1768</f>
        <v>0</v>
      </c>
      <c r="N1742" s="55">
        <f>IF(Input!$K$13=1,J1742*Input!$J$13,0)+IF(Input!$K$14=1,K1742*Input!$J$14,0)+IF(Input!$K$15=1,L1742*Input!$J$15,0)+IF(Input!$K$16=1,M1742*Input!$J$16,0)</f>
        <v>1.2731908600490633</v>
      </c>
      <c r="O1742" s="58">
        <f>IF(Input!$K$13=2,J1742*Input!$J$13,0)+IF(Input!$K$14=2,K1742*Input!$J$14,0)+IF(Input!$K$15=2,L1742*Input!$J$15,0)+IF(Input!$K$16=2,M1742*Input!$J$16,0)</f>
        <v>8.1626579747174854E-2</v>
      </c>
      <c r="P1742" s="58">
        <f>IF(Input!$K$13=3,J1742*Input!$J$13,0)+IF(Input!$K$14=3,K1742*Input!$J$14,0)+IF(Input!$K$15=3,L1742*Input!$J$15,0)+IF(Input!$K$16=3,M1742*Input!$J$16,0)</f>
        <v>0</v>
      </c>
      <c r="Q1742" s="71">
        <f>IF(Input!$K$13=4,J1742*Input!$J$13,0)+IF(Input!$K$14=4,K1742*Input!$J$14,0)+IF(Input!$K$15=4,L1742*Input!$J$15,0)+IF(Input!$K$16=4,M1742*Input!$J$16,0)</f>
        <v>0</v>
      </c>
    </row>
    <row r="1743" spans="8:17" x14ac:dyDescent="0.25">
      <c r="H1743" s="43">
        <v>1736</v>
      </c>
      <c r="I1743" s="55">
        <f>Bühler!I1769</f>
        <v>3.3344457679280599</v>
      </c>
      <c r="J1743" s="58">
        <f>Bühler!J1769</f>
        <v>43.053401368224264</v>
      </c>
      <c r="K1743" s="58">
        <f>Bühler!K1769</f>
        <v>2.5489411129383996</v>
      </c>
      <c r="L1743" s="58">
        <f>Bühler!L1769</f>
        <v>1.2744705564691998</v>
      </c>
      <c r="M1743" s="57">
        <f>Bühler!M1769</f>
        <v>0</v>
      </c>
      <c r="N1743" s="55">
        <f>IF(Input!$K$13=1,J1743*Input!$J$13,0)+IF(Input!$K$14=1,K1743*Input!$J$14,0)+IF(Input!$K$15=1,L1743*Input!$J$15,0)+IF(Input!$K$16=1,M1743*Input!$J$16,0)</f>
        <v>5.1664081641869117</v>
      </c>
      <c r="O1743" s="58">
        <f>IF(Input!$K$13=2,J1743*Input!$J$13,0)+IF(Input!$K$14=2,K1743*Input!$J$14,0)+IF(Input!$K$15=2,L1743*Input!$J$15,0)+IF(Input!$K$16=2,M1743*Input!$J$16,0)</f>
        <v>0.34410705024668398</v>
      </c>
      <c r="P1743" s="58">
        <f>IF(Input!$K$13=3,J1743*Input!$J$13,0)+IF(Input!$K$14=3,K1743*Input!$J$14,0)+IF(Input!$K$15=3,L1743*Input!$J$15,0)+IF(Input!$K$16=3,M1743*Input!$J$16,0)</f>
        <v>0</v>
      </c>
      <c r="Q1743" s="71">
        <f>IF(Input!$K$13=4,J1743*Input!$J$13,0)+IF(Input!$K$14=4,K1743*Input!$J$14,0)+IF(Input!$K$15=4,L1743*Input!$J$15,0)+IF(Input!$K$16=4,M1743*Input!$J$16,0)</f>
        <v>0</v>
      </c>
    </row>
    <row r="1744" spans="8:17" x14ac:dyDescent="0.25">
      <c r="H1744" s="43">
        <v>1737</v>
      </c>
      <c r="I1744" s="55">
        <f>Bühler!I1770</f>
        <v>3.7205394884249925</v>
      </c>
      <c r="J1744" s="58">
        <f>Bühler!J1770</f>
        <v>48.038532052966019</v>
      </c>
      <c r="K1744" s="58">
        <f>Bühler!K1770</f>
        <v>2.8440816628575831</v>
      </c>
      <c r="L1744" s="58">
        <f>Bühler!L1770</f>
        <v>1.4220408314287916</v>
      </c>
      <c r="M1744" s="57">
        <f>Bühler!M1770</f>
        <v>0</v>
      </c>
      <c r="N1744" s="55">
        <f>IF(Input!$K$13=1,J1744*Input!$J$13,0)+IF(Input!$K$14=1,K1744*Input!$J$14,0)+IF(Input!$K$15=1,L1744*Input!$J$15,0)+IF(Input!$K$16=1,M1744*Input!$J$16,0)</f>
        <v>5.7646238463559225</v>
      </c>
      <c r="O1744" s="58">
        <f>IF(Input!$K$13=2,J1744*Input!$J$13,0)+IF(Input!$K$14=2,K1744*Input!$J$14,0)+IF(Input!$K$15=2,L1744*Input!$J$15,0)+IF(Input!$K$16=2,M1744*Input!$J$16,0)</f>
        <v>0.38395102448577367</v>
      </c>
      <c r="P1744" s="58">
        <f>IF(Input!$K$13=3,J1744*Input!$J$13,0)+IF(Input!$K$14=3,K1744*Input!$J$14,0)+IF(Input!$K$15=3,L1744*Input!$J$15,0)+IF(Input!$K$16=3,M1744*Input!$J$16,0)</f>
        <v>0</v>
      </c>
      <c r="Q1744" s="71">
        <f>IF(Input!$K$13=4,J1744*Input!$J$13,0)+IF(Input!$K$14=4,K1744*Input!$J$14,0)+IF(Input!$K$15=4,L1744*Input!$J$15,0)+IF(Input!$K$16=4,M1744*Input!$J$16,0)</f>
        <v>0</v>
      </c>
    </row>
    <row r="1745" spans="8:17" x14ac:dyDescent="0.25">
      <c r="H1745" s="43">
        <v>1738</v>
      </c>
      <c r="I1745" s="55">
        <f>Bühler!I1771</f>
        <v>4.1066332089219264</v>
      </c>
      <c r="J1745" s="58">
        <f>Bühler!J1771</f>
        <v>53.023662737707781</v>
      </c>
      <c r="K1745" s="58">
        <f>Bühler!K1771</f>
        <v>3.1392222127767662</v>
      </c>
      <c r="L1745" s="58">
        <f>Bühler!L1771</f>
        <v>1.5696111063883831</v>
      </c>
      <c r="M1745" s="57">
        <f>Bühler!M1771</f>
        <v>0</v>
      </c>
      <c r="N1745" s="55">
        <f>IF(Input!$K$13=1,J1745*Input!$J$13,0)+IF(Input!$K$14=1,K1745*Input!$J$14,0)+IF(Input!$K$15=1,L1745*Input!$J$15,0)+IF(Input!$K$16=1,M1745*Input!$J$16,0)</f>
        <v>6.3628395285249333</v>
      </c>
      <c r="O1745" s="58">
        <f>IF(Input!$K$13=2,J1745*Input!$J$13,0)+IF(Input!$K$14=2,K1745*Input!$J$14,0)+IF(Input!$K$15=2,L1745*Input!$J$15,0)+IF(Input!$K$16=2,M1745*Input!$J$16,0)</f>
        <v>0.42379499872486337</v>
      </c>
      <c r="P1745" s="58">
        <f>IF(Input!$K$13=3,J1745*Input!$J$13,0)+IF(Input!$K$14=3,K1745*Input!$J$14,0)+IF(Input!$K$15=3,L1745*Input!$J$15,0)+IF(Input!$K$16=3,M1745*Input!$J$16,0)</f>
        <v>0</v>
      </c>
      <c r="Q1745" s="71">
        <f>IF(Input!$K$13=4,J1745*Input!$J$13,0)+IF(Input!$K$14=4,K1745*Input!$J$14,0)+IF(Input!$K$15=4,L1745*Input!$J$15,0)+IF(Input!$K$16=4,M1745*Input!$J$16,0)</f>
        <v>0</v>
      </c>
    </row>
    <row r="1746" spans="8:17" x14ac:dyDescent="0.25">
      <c r="H1746" s="43">
        <v>1739</v>
      </c>
      <c r="I1746" s="55">
        <f>Bühler!I1772</f>
        <v>4.1066332089219264</v>
      </c>
      <c r="J1746" s="58">
        <f>Bühler!J1772</f>
        <v>53.023662737707781</v>
      </c>
      <c r="K1746" s="58">
        <f>Bühler!K1772</f>
        <v>3.1392222127767662</v>
      </c>
      <c r="L1746" s="58">
        <f>Bühler!L1772</f>
        <v>1.5696111063883831</v>
      </c>
      <c r="M1746" s="57">
        <f>Bühler!M1772</f>
        <v>0</v>
      </c>
      <c r="N1746" s="55">
        <f>IF(Input!$K$13=1,J1746*Input!$J$13,0)+IF(Input!$K$14=1,K1746*Input!$J$14,0)+IF(Input!$K$15=1,L1746*Input!$J$15,0)+IF(Input!$K$16=1,M1746*Input!$J$16,0)</f>
        <v>6.3628395285249333</v>
      </c>
      <c r="O1746" s="58">
        <f>IF(Input!$K$13=2,J1746*Input!$J$13,0)+IF(Input!$K$14=2,K1746*Input!$J$14,0)+IF(Input!$K$15=2,L1746*Input!$J$15,0)+IF(Input!$K$16=2,M1746*Input!$J$16,0)</f>
        <v>0.42379499872486337</v>
      </c>
      <c r="P1746" s="58">
        <f>IF(Input!$K$13=3,J1746*Input!$J$13,0)+IF(Input!$K$14=3,K1746*Input!$J$14,0)+IF(Input!$K$15=3,L1746*Input!$J$15,0)+IF(Input!$K$16=3,M1746*Input!$J$16,0)</f>
        <v>0</v>
      </c>
      <c r="Q1746" s="71">
        <f>IF(Input!$K$13=4,J1746*Input!$J$13,0)+IF(Input!$K$14=4,K1746*Input!$J$14,0)+IF(Input!$K$15=4,L1746*Input!$J$15,0)+IF(Input!$K$16=4,M1746*Input!$J$16,0)</f>
        <v>0</v>
      </c>
    </row>
    <row r="1747" spans="8:17" x14ac:dyDescent="0.25">
      <c r="H1747" s="43">
        <v>1740</v>
      </c>
      <c r="I1747" s="55">
        <f>Bühler!I1773</f>
        <v>4.913920079051878</v>
      </c>
      <c r="J1747" s="58">
        <f>Bühler!J1773</f>
        <v>63.447117805804183</v>
      </c>
      <c r="K1747" s="58">
        <f>Bühler!K1773</f>
        <v>3.7563342716986945</v>
      </c>
      <c r="L1747" s="58">
        <f>Bühler!L1773</f>
        <v>1.8781671358493472</v>
      </c>
      <c r="M1747" s="57">
        <f>Bühler!M1773</f>
        <v>0</v>
      </c>
      <c r="N1747" s="55">
        <f>IF(Input!$K$13=1,J1747*Input!$J$13,0)+IF(Input!$K$14=1,K1747*Input!$J$14,0)+IF(Input!$K$15=1,L1747*Input!$J$15,0)+IF(Input!$K$16=1,M1747*Input!$J$16,0)</f>
        <v>7.6136541366965016</v>
      </c>
      <c r="O1747" s="58">
        <f>IF(Input!$K$13=2,J1747*Input!$J$13,0)+IF(Input!$K$14=2,K1747*Input!$J$14,0)+IF(Input!$K$15=2,L1747*Input!$J$15,0)+IF(Input!$K$16=2,M1747*Input!$J$16,0)</f>
        <v>0.50710512667932373</v>
      </c>
      <c r="P1747" s="58">
        <f>IF(Input!$K$13=3,J1747*Input!$J$13,0)+IF(Input!$K$14=3,K1747*Input!$J$14,0)+IF(Input!$K$15=3,L1747*Input!$J$15,0)+IF(Input!$K$16=3,M1747*Input!$J$16,0)</f>
        <v>0</v>
      </c>
      <c r="Q1747" s="71">
        <f>IF(Input!$K$13=4,J1747*Input!$J$13,0)+IF(Input!$K$14=4,K1747*Input!$J$14,0)+IF(Input!$K$15=4,L1747*Input!$J$15,0)+IF(Input!$K$16=4,M1747*Input!$J$16,0)</f>
        <v>0</v>
      </c>
    </row>
    <row r="1748" spans="8:17" x14ac:dyDescent="0.25">
      <c r="H1748" s="43">
        <v>1741</v>
      </c>
      <c r="I1748" s="55">
        <f>Bühler!I1774</f>
        <v>4.913920079051878</v>
      </c>
      <c r="J1748" s="58">
        <f>Bühler!J1774</f>
        <v>63.447117805804183</v>
      </c>
      <c r="K1748" s="58">
        <f>Bühler!K1774</f>
        <v>3.7563342716986945</v>
      </c>
      <c r="L1748" s="58">
        <f>Bühler!L1774</f>
        <v>1.8781671358493472</v>
      </c>
      <c r="M1748" s="57">
        <f>Bühler!M1774</f>
        <v>0</v>
      </c>
      <c r="N1748" s="55">
        <f>IF(Input!$K$13=1,J1748*Input!$J$13,0)+IF(Input!$K$14=1,K1748*Input!$J$14,0)+IF(Input!$K$15=1,L1748*Input!$J$15,0)+IF(Input!$K$16=1,M1748*Input!$J$16,0)</f>
        <v>7.6136541366965016</v>
      </c>
      <c r="O1748" s="58">
        <f>IF(Input!$K$13=2,J1748*Input!$J$13,0)+IF(Input!$K$14=2,K1748*Input!$J$14,0)+IF(Input!$K$15=2,L1748*Input!$J$15,0)+IF(Input!$K$16=2,M1748*Input!$J$16,0)</f>
        <v>0.50710512667932373</v>
      </c>
      <c r="P1748" s="58">
        <f>IF(Input!$K$13=3,J1748*Input!$J$13,0)+IF(Input!$K$14=3,K1748*Input!$J$14,0)+IF(Input!$K$15=3,L1748*Input!$J$15,0)+IF(Input!$K$16=3,M1748*Input!$J$16,0)</f>
        <v>0</v>
      </c>
      <c r="Q1748" s="71">
        <f>IF(Input!$K$13=4,J1748*Input!$J$13,0)+IF(Input!$K$14=4,K1748*Input!$J$14,0)+IF(Input!$K$15=4,L1748*Input!$J$15,0)+IF(Input!$K$16=4,M1748*Input!$J$16,0)</f>
        <v>0</v>
      </c>
    </row>
    <row r="1749" spans="8:17" x14ac:dyDescent="0.25">
      <c r="H1749" s="43">
        <v>1742</v>
      </c>
      <c r="I1749" s="55">
        <f>Bühler!I1775</f>
        <v>3.2642469096558893</v>
      </c>
      <c r="J1749" s="58">
        <f>Bühler!J1775</f>
        <v>42.147013970998486</v>
      </c>
      <c r="K1749" s="58">
        <f>Bühler!K1775</f>
        <v>2.4952791947712751</v>
      </c>
      <c r="L1749" s="58">
        <f>Bühler!L1775</f>
        <v>1.2476395973856376</v>
      </c>
      <c r="M1749" s="57">
        <f>Bühler!M1775</f>
        <v>0</v>
      </c>
      <c r="N1749" s="55">
        <f>IF(Input!$K$13=1,J1749*Input!$J$13,0)+IF(Input!$K$14=1,K1749*Input!$J$14,0)+IF(Input!$K$15=1,L1749*Input!$J$15,0)+IF(Input!$K$16=1,M1749*Input!$J$16,0)</f>
        <v>5.0576416765198182</v>
      </c>
      <c r="O1749" s="58">
        <f>IF(Input!$K$13=2,J1749*Input!$J$13,0)+IF(Input!$K$14=2,K1749*Input!$J$14,0)+IF(Input!$K$15=2,L1749*Input!$J$15,0)+IF(Input!$K$16=2,M1749*Input!$J$16,0)</f>
        <v>0.33686269129412211</v>
      </c>
      <c r="P1749" s="58">
        <f>IF(Input!$K$13=3,J1749*Input!$J$13,0)+IF(Input!$K$14=3,K1749*Input!$J$14,0)+IF(Input!$K$15=3,L1749*Input!$J$15,0)+IF(Input!$K$16=3,M1749*Input!$J$16,0)</f>
        <v>0</v>
      </c>
      <c r="Q1749" s="71">
        <f>IF(Input!$K$13=4,J1749*Input!$J$13,0)+IF(Input!$K$14=4,K1749*Input!$J$14,0)+IF(Input!$K$15=4,L1749*Input!$J$15,0)+IF(Input!$K$16=4,M1749*Input!$J$16,0)</f>
        <v>0</v>
      </c>
    </row>
    <row r="1750" spans="8:17" x14ac:dyDescent="0.25">
      <c r="H1750" s="43">
        <v>1743</v>
      </c>
      <c r="I1750" s="55">
        <f>Bühler!I1776</f>
        <v>4.913920079051878</v>
      </c>
      <c r="J1750" s="58">
        <f>Bühler!J1776</f>
        <v>63.447117805804183</v>
      </c>
      <c r="K1750" s="58">
        <f>Bühler!K1776</f>
        <v>3.7563342716986945</v>
      </c>
      <c r="L1750" s="58">
        <f>Bühler!L1776</f>
        <v>1.8781671358493472</v>
      </c>
      <c r="M1750" s="57">
        <f>Bühler!M1776</f>
        <v>0</v>
      </c>
      <c r="N1750" s="55">
        <f>IF(Input!$K$13=1,J1750*Input!$J$13,0)+IF(Input!$K$14=1,K1750*Input!$J$14,0)+IF(Input!$K$15=1,L1750*Input!$J$15,0)+IF(Input!$K$16=1,M1750*Input!$J$16,0)</f>
        <v>7.6136541366965016</v>
      </c>
      <c r="O1750" s="58">
        <f>IF(Input!$K$13=2,J1750*Input!$J$13,0)+IF(Input!$K$14=2,K1750*Input!$J$14,0)+IF(Input!$K$15=2,L1750*Input!$J$15,0)+IF(Input!$K$16=2,M1750*Input!$J$16,0)</f>
        <v>0.50710512667932373</v>
      </c>
      <c r="P1750" s="58">
        <f>IF(Input!$K$13=3,J1750*Input!$J$13,0)+IF(Input!$K$14=3,K1750*Input!$J$14,0)+IF(Input!$K$15=3,L1750*Input!$J$15,0)+IF(Input!$K$16=3,M1750*Input!$J$16,0)</f>
        <v>0</v>
      </c>
      <c r="Q1750" s="71">
        <f>IF(Input!$K$13=4,J1750*Input!$J$13,0)+IF(Input!$K$14=4,K1750*Input!$J$14,0)+IF(Input!$K$15=4,L1750*Input!$J$15,0)+IF(Input!$K$16=4,M1750*Input!$J$16,0)</f>
        <v>0</v>
      </c>
    </row>
    <row r="1751" spans="8:17" x14ac:dyDescent="0.25">
      <c r="H1751" s="43">
        <v>1744</v>
      </c>
      <c r="I1751" s="55">
        <f>Bühler!I1777</f>
        <v>4.913920079051878</v>
      </c>
      <c r="J1751" s="58">
        <f>Bühler!J1777</f>
        <v>63.447117805804183</v>
      </c>
      <c r="K1751" s="58">
        <f>Bühler!K1777</f>
        <v>3.7563342716986945</v>
      </c>
      <c r="L1751" s="58">
        <f>Bühler!L1777</f>
        <v>1.8781671358493472</v>
      </c>
      <c r="M1751" s="57">
        <f>Bühler!M1777</f>
        <v>0</v>
      </c>
      <c r="N1751" s="55">
        <f>IF(Input!$K$13=1,J1751*Input!$J$13,0)+IF(Input!$K$14=1,K1751*Input!$J$14,0)+IF(Input!$K$15=1,L1751*Input!$J$15,0)+IF(Input!$K$16=1,M1751*Input!$J$16,0)</f>
        <v>7.6136541366965016</v>
      </c>
      <c r="O1751" s="58">
        <f>IF(Input!$K$13=2,J1751*Input!$J$13,0)+IF(Input!$K$14=2,K1751*Input!$J$14,0)+IF(Input!$K$15=2,L1751*Input!$J$15,0)+IF(Input!$K$16=2,M1751*Input!$J$16,0)</f>
        <v>0.50710512667932373</v>
      </c>
      <c r="P1751" s="58">
        <f>IF(Input!$K$13=3,J1751*Input!$J$13,0)+IF(Input!$K$14=3,K1751*Input!$J$14,0)+IF(Input!$K$15=3,L1751*Input!$J$15,0)+IF(Input!$K$16=3,M1751*Input!$J$16,0)</f>
        <v>0</v>
      </c>
      <c r="Q1751" s="71">
        <f>IF(Input!$K$13=4,J1751*Input!$J$13,0)+IF(Input!$K$14=4,K1751*Input!$J$14,0)+IF(Input!$K$15=4,L1751*Input!$J$15,0)+IF(Input!$K$16=4,M1751*Input!$J$16,0)</f>
        <v>0</v>
      </c>
    </row>
    <row r="1752" spans="8:17" x14ac:dyDescent="0.25">
      <c r="H1752" s="43">
        <v>1745</v>
      </c>
      <c r="I1752" s="55">
        <f>Bühler!I1778</f>
        <v>4.1073800052865241</v>
      </c>
      <c r="J1752" s="58">
        <f>Bühler!J1778</f>
        <v>38.701130328919334</v>
      </c>
      <c r="K1752" s="58">
        <f>Bühler!K1778</f>
        <v>2.2135541243938737</v>
      </c>
      <c r="L1752" s="58">
        <f>Bühler!L1778</f>
        <v>1.1067770621969368</v>
      </c>
      <c r="M1752" s="57">
        <f>Bühler!M1778</f>
        <v>0</v>
      </c>
      <c r="N1752" s="55">
        <f>IF(Input!$K$13=1,J1752*Input!$J$13,0)+IF(Input!$K$14=1,K1752*Input!$J$14,0)+IF(Input!$K$15=1,L1752*Input!$J$15,0)+IF(Input!$K$16=1,M1752*Input!$J$16,0)</f>
        <v>4.6441356394703197</v>
      </c>
      <c r="O1752" s="58">
        <f>IF(Input!$K$13=2,J1752*Input!$J$13,0)+IF(Input!$K$14=2,K1752*Input!$J$14,0)+IF(Input!$K$15=2,L1752*Input!$J$15,0)+IF(Input!$K$16=2,M1752*Input!$J$16,0)</f>
        <v>0.29882980679317295</v>
      </c>
      <c r="P1752" s="58">
        <f>IF(Input!$K$13=3,J1752*Input!$J$13,0)+IF(Input!$K$14=3,K1752*Input!$J$14,0)+IF(Input!$K$15=3,L1752*Input!$J$15,0)+IF(Input!$K$16=3,M1752*Input!$J$16,0)</f>
        <v>0</v>
      </c>
      <c r="Q1752" s="71">
        <f>IF(Input!$K$13=4,J1752*Input!$J$13,0)+IF(Input!$K$14=4,K1752*Input!$J$14,0)+IF(Input!$K$15=4,L1752*Input!$J$15,0)+IF(Input!$K$16=4,M1752*Input!$J$16,0)</f>
        <v>0</v>
      </c>
    </row>
    <row r="1753" spans="8:17" x14ac:dyDescent="0.25">
      <c r="H1753" s="43">
        <v>1746</v>
      </c>
      <c r="I1753" s="55">
        <f>Bühler!I1779</f>
        <v>3.2635001132912929</v>
      </c>
      <c r="J1753" s="58">
        <f>Bühler!J1779</f>
        <v>18.154096380318919</v>
      </c>
      <c r="K1753" s="58">
        <f>Bühler!K1779</f>
        <v>0.94475208040711633</v>
      </c>
      <c r="L1753" s="58">
        <f>Bühler!L1779</f>
        <v>0.47237604020355817</v>
      </c>
      <c r="M1753" s="57">
        <f>Bühler!M1779</f>
        <v>0</v>
      </c>
      <c r="N1753" s="55">
        <f>IF(Input!$K$13=1,J1753*Input!$J$13,0)+IF(Input!$K$14=1,K1753*Input!$J$14,0)+IF(Input!$K$15=1,L1753*Input!$J$15,0)+IF(Input!$K$16=1,M1753*Input!$J$16,0)</f>
        <v>2.1784915656382702</v>
      </c>
      <c r="O1753" s="58">
        <f>IF(Input!$K$13=2,J1753*Input!$J$13,0)+IF(Input!$K$14=2,K1753*Input!$J$14,0)+IF(Input!$K$15=2,L1753*Input!$J$15,0)+IF(Input!$K$16=2,M1753*Input!$J$16,0)</f>
        <v>0.1275415308549607</v>
      </c>
      <c r="P1753" s="58">
        <f>IF(Input!$K$13=3,J1753*Input!$J$13,0)+IF(Input!$K$14=3,K1753*Input!$J$14,0)+IF(Input!$K$15=3,L1753*Input!$J$15,0)+IF(Input!$K$16=3,M1753*Input!$J$16,0)</f>
        <v>0</v>
      </c>
      <c r="Q1753" s="71">
        <f>IF(Input!$K$13=4,J1753*Input!$J$13,0)+IF(Input!$K$14=4,K1753*Input!$J$14,0)+IF(Input!$K$15=4,L1753*Input!$J$15,0)+IF(Input!$K$16=4,M1753*Input!$J$16,0)</f>
        <v>0</v>
      </c>
    </row>
    <row r="1754" spans="8:17" x14ac:dyDescent="0.25">
      <c r="H1754" s="43">
        <v>1747</v>
      </c>
      <c r="I1754" s="55">
        <f>Bühler!I1780</f>
        <v>1.1575343651262022</v>
      </c>
      <c r="J1754" s="58">
        <f>Bühler!J1780</f>
        <v>10.902296592227264</v>
      </c>
      <c r="K1754" s="58">
        <f>Bühler!K1780</f>
        <v>0.6235363730686968</v>
      </c>
      <c r="L1754" s="58">
        <f>Bühler!L1780</f>
        <v>0.3117681865343484</v>
      </c>
      <c r="M1754" s="57">
        <f>Bühler!M1780</f>
        <v>0</v>
      </c>
      <c r="N1754" s="55">
        <f>IF(Input!$K$13=1,J1754*Input!$J$13,0)+IF(Input!$K$14=1,K1754*Input!$J$14,0)+IF(Input!$K$15=1,L1754*Input!$J$15,0)+IF(Input!$K$16=1,M1754*Input!$J$16,0)</f>
        <v>1.3082755910672716</v>
      </c>
      <c r="O1754" s="58">
        <f>IF(Input!$K$13=2,J1754*Input!$J$13,0)+IF(Input!$K$14=2,K1754*Input!$J$14,0)+IF(Input!$K$15=2,L1754*Input!$J$15,0)+IF(Input!$K$16=2,M1754*Input!$J$16,0)</f>
        <v>8.4177410364274063E-2</v>
      </c>
      <c r="P1754" s="58">
        <f>IF(Input!$K$13=3,J1754*Input!$J$13,0)+IF(Input!$K$14=3,K1754*Input!$J$14,0)+IF(Input!$K$15=3,L1754*Input!$J$15,0)+IF(Input!$K$16=3,M1754*Input!$J$16,0)</f>
        <v>0</v>
      </c>
      <c r="Q1754" s="71">
        <f>IF(Input!$K$13=4,J1754*Input!$J$13,0)+IF(Input!$K$14=4,K1754*Input!$J$14,0)+IF(Input!$K$15=4,L1754*Input!$J$15,0)+IF(Input!$K$16=4,M1754*Input!$J$16,0)</f>
        <v>0</v>
      </c>
    </row>
    <row r="1755" spans="8:17" x14ac:dyDescent="0.25">
      <c r="H1755" s="43">
        <v>1748</v>
      </c>
      <c r="I1755" s="55">
        <f>Bühler!I1781</f>
        <v>1.1575343651262022</v>
      </c>
      <c r="J1755" s="58">
        <f>Bühler!J1781</f>
        <v>10.902296592227264</v>
      </c>
      <c r="K1755" s="58">
        <f>Bühler!K1781</f>
        <v>0.6235363730686968</v>
      </c>
      <c r="L1755" s="58">
        <f>Bühler!L1781</f>
        <v>0.3117681865343484</v>
      </c>
      <c r="M1755" s="57">
        <f>Bühler!M1781</f>
        <v>0</v>
      </c>
      <c r="N1755" s="55">
        <f>IF(Input!$K$13=1,J1755*Input!$J$13,0)+IF(Input!$K$14=1,K1755*Input!$J$14,0)+IF(Input!$K$15=1,L1755*Input!$J$15,0)+IF(Input!$K$16=1,M1755*Input!$J$16,0)</f>
        <v>1.3082755910672716</v>
      </c>
      <c r="O1755" s="58">
        <f>IF(Input!$K$13=2,J1755*Input!$J$13,0)+IF(Input!$K$14=2,K1755*Input!$J$14,0)+IF(Input!$K$15=2,L1755*Input!$J$15,0)+IF(Input!$K$16=2,M1755*Input!$J$16,0)</f>
        <v>8.4177410364274063E-2</v>
      </c>
      <c r="P1755" s="58">
        <f>IF(Input!$K$13=3,J1755*Input!$J$13,0)+IF(Input!$K$14=3,K1755*Input!$J$14,0)+IF(Input!$K$15=3,L1755*Input!$J$15,0)+IF(Input!$K$16=3,M1755*Input!$J$16,0)</f>
        <v>0</v>
      </c>
      <c r="Q1755" s="71">
        <f>IF(Input!$K$13=4,J1755*Input!$J$13,0)+IF(Input!$K$14=4,K1755*Input!$J$14,0)+IF(Input!$K$15=4,L1755*Input!$J$15,0)+IF(Input!$K$16=4,M1755*Input!$J$16,0)</f>
        <v>0</v>
      </c>
    </row>
    <row r="1756" spans="8:17" x14ac:dyDescent="0.25">
      <c r="H1756" s="43">
        <v>1749</v>
      </c>
      <c r="I1756" s="55">
        <f>Bühler!I1782</f>
        <v>1.1575343651262022</v>
      </c>
      <c r="J1756" s="58">
        <f>Bühler!J1782</f>
        <v>10.902296592227264</v>
      </c>
      <c r="K1756" s="58">
        <f>Bühler!K1782</f>
        <v>0.6235363730686968</v>
      </c>
      <c r="L1756" s="58">
        <f>Bühler!L1782</f>
        <v>0.3117681865343484</v>
      </c>
      <c r="M1756" s="57">
        <f>Bühler!M1782</f>
        <v>0</v>
      </c>
      <c r="N1756" s="55">
        <f>IF(Input!$K$13=1,J1756*Input!$J$13,0)+IF(Input!$K$14=1,K1756*Input!$J$14,0)+IF(Input!$K$15=1,L1756*Input!$J$15,0)+IF(Input!$K$16=1,M1756*Input!$J$16,0)</f>
        <v>1.3082755910672716</v>
      </c>
      <c r="O1756" s="58">
        <f>IF(Input!$K$13=2,J1756*Input!$J$13,0)+IF(Input!$K$14=2,K1756*Input!$J$14,0)+IF(Input!$K$15=2,L1756*Input!$J$15,0)+IF(Input!$K$16=2,M1756*Input!$J$16,0)</f>
        <v>8.4177410364274063E-2</v>
      </c>
      <c r="P1756" s="58">
        <f>IF(Input!$K$13=3,J1756*Input!$J$13,0)+IF(Input!$K$14=3,K1756*Input!$J$14,0)+IF(Input!$K$15=3,L1756*Input!$J$15,0)+IF(Input!$K$16=3,M1756*Input!$J$16,0)</f>
        <v>0</v>
      </c>
      <c r="Q1756" s="71">
        <f>IF(Input!$K$13=4,J1756*Input!$J$13,0)+IF(Input!$K$14=4,K1756*Input!$J$14,0)+IF(Input!$K$15=4,L1756*Input!$J$15,0)+IF(Input!$K$16=4,M1756*Input!$J$16,0)</f>
        <v>0</v>
      </c>
    </row>
    <row r="1757" spans="8:17" x14ac:dyDescent="0.25">
      <c r="H1757" s="43">
        <v>1750</v>
      </c>
      <c r="I1757" s="55">
        <f>Bühler!I1783</f>
        <v>1.1575343651262022</v>
      </c>
      <c r="J1757" s="58">
        <f>Bühler!J1783</f>
        <v>10.902296592227264</v>
      </c>
      <c r="K1757" s="58">
        <f>Bühler!K1783</f>
        <v>0.6235363730686968</v>
      </c>
      <c r="L1757" s="58">
        <f>Bühler!L1783</f>
        <v>0.3117681865343484</v>
      </c>
      <c r="M1757" s="57">
        <f>Bühler!M1783</f>
        <v>0</v>
      </c>
      <c r="N1757" s="55">
        <f>IF(Input!$K$13=1,J1757*Input!$J$13,0)+IF(Input!$K$14=1,K1757*Input!$J$14,0)+IF(Input!$K$15=1,L1757*Input!$J$15,0)+IF(Input!$K$16=1,M1757*Input!$J$16,0)</f>
        <v>1.3082755910672716</v>
      </c>
      <c r="O1757" s="58">
        <f>IF(Input!$K$13=2,J1757*Input!$J$13,0)+IF(Input!$K$14=2,K1757*Input!$J$14,0)+IF(Input!$K$15=2,L1757*Input!$J$15,0)+IF(Input!$K$16=2,M1757*Input!$J$16,0)</f>
        <v>8.4177410364274063E-2</v>
      </c>
      <c r="P1757" s="58">
        <f>IF(Input!$K$13=3,J1757*Input!$J$13,0)+IF(Input!$K$14=3,K1757*Input!$J$14,0)+IF(Input!$K$15=3,L1757*Input!$J$15,0)+IF(Input!$K$16=3,M1757*Input!$J$16,0)</f>
        <v>0</v>
      </c>
      <c r="Q1757" s="71">
        <f>IF(Input!$K$13=4,J1757*Input!$J$13,0)+IF(Input!$K$14=4,K1757*Input!$J$14,0)+IF(Input!$K$15=4,L1757*Input!$J$15,0)+IF(Input!$K$16=4,M1757*Input!$J$16,0)</f>
        <v>0</v>
      </c>
    </row>
    <row r="1758" spans="8:17" x14ac:dyDescent="0.25">
      <c r="H1758" s="43">
        <v>1751</v>
      </c>
      <c r="I1758" s="55">
        <f>Bühler!I1784</f>
        <v>1.1575343651262022</v>
      </c>
      <c r="J1758" s="58">
        <f>Bühler!J1784</f>
        <v>10.902296592227264</v>
      </c>
      <c r="K1758" s="58">
        <f>Bühler!K1784</f>
        <v>0.6235363730686968</v>
      </c>
      <c r="L1758" s="58">
        <f>Bühler!L1784</f>
        <v>0.3117681865343484</v>
      </c>
      <c r="M1758" s="57">
        <f>Bühler!M1784</f>
        <v>0</v>
      </c>
      <c r="N1758" s="55">
        <f>IF(Input!$K$13=1,J1758*Input!$J$13,0)+IF(Input!$K$14=1,K1758*Input!$J$14,0)+IF(Input!$K$15=1,L1758*Input!$J$15,0)+IF(Input!$K$16=1,M1758*Input!$J$16,0)</f>
        <v>1.3082755910672716</v>
      </c>
      <c r="O1758" s="58">
        <f>IF(Input!$K$13=2,J1758*Input!$J$13,0)+IF(Input!$K$14=2,K1758*Input!$J$14,0)+IF(Input!$K$15=2,L1758*Input!$J$15,0)+IF(Input!$K$16=2,M1758*Input!$J$16,0)</f>
        <v>8.4177410364274063E-2</v>
      </c>
      <c r="P1758" s="58">
        <f>IF(Input!$K$13=3,J1758*Input!$J$13,0)+IF(Input!$K$14=3,K1758*Input!$J$14,0)+IF(Input!$K$15=3,L1758*Input!$J$15,0)+IF(Input!$K$16=3,M1758*Input!$J$16,0)</f>
        <v>0</v>
      </c>
      <c r="Q1758" s="71">
        <f>IF(Input!$K$13=4,J1758*Input!$J$13,0)+IF(Input!$K$14=4,K1758*Input!$J$14,0)+IF(Input!$K$15=4,L1758*Input!$J$15,0)+IF(Input!$K$16=4,M1758*Input!$J$16,0)</f>
        <v>0</v>
      </c>
    </row>
    <row r="1759" spans="8:17" x14ac:dyDescent="0.25">
      <c r="H1759" s="43">
        <v>1752</v>
      </c>
      <c r="I1759" s="55">
        <f>Bühler!I1785</f>
        <v>1.1575343651262022</v>
      </c>
      <c r="J1759" s="58">
        <f>Bühler!J1785</f>
        <v>10.902296592227264</v>
      </c>
      <c r="K1759" s="58">
        <f>Bühler!K1785</f>
        <v>0.6235363730686968</v>
      </c>
      <c r="L1759" s="58">
        <f>Bühler!L1785</f>
        <v>0.3117681865343484</v>
      </c>
      <c r="M1759" s="57">
        <f>Bühler!M1785</f>
        <v>0</v>
      </c>
      <c r="N1759" s="55">
        <f>IF(Input!$K$13=1,J1759*Input!$J$13,0)+IF(Input!$K$14=1,K1759*Input!$J$14,0)+IF(Input!$K$15=1,L1759*Input!$J$15,0)+IF(Input!$K$16=1,M1759*Input!$J$16,0)</f>
        <v>1.3082755910672716</v>
      </c>
      <c r="O1759" s="58">
        <f>IF(Input!$K$13=2,J1759*Input!$J$13,0)+IF(Input!$K$14=2,K1759*Input!$J$14,0)+IF(Input!$K$15=2,L1759*Input!$J$15,0)+IF(Input!$K$16=2,M1759*Input!$J$16,0)</f>
        <v>8.4177410364274063E-2</v>
      </c>
      <c r="P1759" s="58">
        <f>IF(Input!$K$13=3,J1759*Input!$J$13,0)+IF(Input!$K$14=3,K1759*Input!$J$14,0)+IF(Input!$K$15=3,L1759*Input!$J$15,0)+IF(Input!$K$16=3,M1759*Input!$J$16,0)</f>
        <v>0</v>
      </c>
      <c r="Q1759" s="71">
        <f>IF(Input!$K$13=4,J1759*Input!$J$13,0)+IF(Input!$K$14=4,K1759*Input!$J$14,0)+IF(Input!$K$15=4,L1759*Input!$J$15,0)+IF(Input!$K$16=4,M1759*Input!$J$16,0)</f>
        <v>0</v>
      </c>
    </row>
    <row r="1760" spans="8:17" x14ac:dyDescent="0.25">
      <c r="H1760" s="43">
        <v>1753</v>
      </c>
      <c r="I1760" s="55">
        <f>Bühler!I1786</f>
        <v>2.5358225852600502</v>
      </c>
      <c r="J1760" s="58">
        <f>Bühler!J1786</f>
        <v>13.501756429021208</v>
      </c>
      <c r="K1760" s="58">
        <f>Bühler!K1786</f>
        <v>0.63218029410059629</v>
      </c>
      <c r="L1760" s="58">
        <f>Bühler!L1786</f>
        <v>0.31609014705029814</v>
      </c>
      <c r="M1760" s="57">
        <f>Bühler!M1786</f>
        <v>0</v>
      </c>
      <c r="N1760" s="55">
        <f>IF(Input!$K$13=1,J1760*Input!$J$13,0)+IF(Input!$K$14=1,K1760*Input!$J$14,0)+IF(Input!$K$15=1,L1760*Input!$J$15,0)+IF(Input!$K$16=1,M1760*Input!$J$16,0)</f>
        <v>1.6202107714825449</v>
      </c>
      <c r="O1760" s="58">
        <f>IF(Input!$K$13=2,J1760*Input!$J$13,0)+IF(Input!$K$14=2,K1760*Input!$J$14,0)+IF(Input!$K$15=2,L1760*Input!$J$15,0)+IF(Input!$K$16=2,M1760*Input!$J$16,0)</f>
        <v>8.5344339703580491E-2</v>
      </c>
      <c r="P1760" s="58">
        <f>IF(Input!$K$13=3,J1760*Input!$J$13,0)+IF(Input!$K$14=3,K1760*Input!$J$14,0)+IF(Input!$K$15=3,L1760*Input!$J$15,0)+IF(Input!$K$16=3,M1760*Input!$J$16,0)</f>
        <v>0</v>
      </c>
      <c r="Q1760" s="71">
        <f>IF(Input!$K$13=4,J1760*Input!$J$13,0)+IF(Input!$K$14=4,K1760*Input!$J$14,0)+IF(Input!$K$15=4,L1760*Input!$J$15,0)+IF(Input!$K$16=4,M1760*Input!$J$16,0)</f>
        <v>0</v>
      </c>
    </row>
    <row r="1761" spans="8:17" x14ac:dyDescent="0.25">
      <c r="H1761" s="43">
        <v>1754</v>
      </c>
      <c r="I1761" s="55">
        <f>Bühler!I1787</f>
        <v>2.5358225852600502</v>
      </c>
      <c r="J1761" s="58">
        <f>Bühler!J1787</f>
        <v>13.501756429021208</v>
      </c>
      <c r="K1761" s="58">
        <f>Bühler!K1787</f>
        <v>0.63218029410059629</v>
      </c>
      <c r="L1761" s="58">
        <f>Bühler!L1787</f>
        <v>0.31609014705029814</v>
      </c>
      <c r="M1761" s="57">
        <f>Bühler!M1787</f>
        <v>0</v>
      </c>
      <c r="N1761" s="55">
        <f>IF(Input!$K$13=1,J1761*Input!$J$13,0)+IF(Input!$K$14=1,K1761*Input!$J$14,0)+IF(Input!$K$15=1,L1761*Input!$J$15,0)+IF(Input!$K$16=1,M1761*Input!$J$16,0)</f>
        <v>1.6202107714825449</v>
      </c>
      <c r="O1761" s="58">
        <f>IF(Input!$K$13=2,J1761*Input!$J$13,0)+IF(Input!$K$14=2,K1761*Input!$J$14,0)+IF(Input!$K$15=2,L1761*Input!$J$15,0)+IF(Input!$K$16=2,M1761*Input!$J$16,0)</f>
        <v>8.5344339703580491E-2</v>
      </c>
      <c r="P1761" s="58">
        <f>IF(Input!$K$13=3,J1761*Input!$J$13,0)+IF(Input!$K$14=3,K1761*Input!$J$14,0)+IF(Input!$K$15=3,L1761*Input!$J$15,0)+IF(Input!$K$16=3,M1761*Input!$J$16,0)</f>
        <v>0</v>
      </c>
      <c r="Q1761" s="71">
        <f>IF(Input!$K$13=4,J1761*Input!$J$13,0)+IF(Input!$K$14=4,K1761*Input!$J$14,0)+IF(Input!$K$15=4,L1761*Input!$J$15,0)+IF(Input!$K$16=4,M1761*Input!$J$16,0)</f>
        <v>0</v>
      </c>
    </row>
    <row r="1762" spans="8:17" x14ac:dyDescent="0.25">
      <c r="H1762" s="43">
        <v>1755</v>
      </c>
      <c r="I1762" s="55">
        <f>Bühler!I1788</f>
        <v>2.5358225852600502</v>
      </c>
      <c r="J1762" s="58">
        <f>Bühler!J1788</f>
        <v>13.501756429021208</v>
      </c>
      <c r="K1762" s="58">
        <f>Bühler!K1788</f>
        <v>0.63218029410059629</v>
      </c>
      <c r="L1762" s="58">
        <f>Bühler!L1788</f>
        <v>0.31609014705029814</v>
      </c>
      <c r="M1762" s="57">
        <f>Bühler!M1788</f>
        <v>0</v>
      </c>
      <c r="N1762" s="55">
        <f>IF(Input!$K$13=1,J1762*Input!$J$13,0)+IF(Input!$K$14=1,K1762*Input!$J$14,0)+IF(Input!$K$15=1,L1762*Input!$J$15,0)+IF(Input!$K$16=1,M1762*Input!$J$16,0)</f>
        <v>1.6202107714825449</v>
      </c>
      <c r="O1762" s="58">
        <f>IF(Input!$K$13=2,J1762*Input!$J$13,0)+IF(Input!$K$14=2,K1762*Input!$J$14,0)+IF(Input!$K$15=2,L1762*Input!$J$15,0)+IF(Input!$K$16=2,M1762*Input!$J$16,0)</f>
        <v>8.5344339703580491E-2</v>
      </c>
      <c r="P1762" s="58">
        <f>IF(Input!$K$13=3,J1762*Input!$J$13,0)+IF(Input!$K$14=3,K1762*Input!$J$14,0)+IF(Input!$K$15=3,L1762*Input!$J$15,0)+IF(Input!$K$16=3,M1762*Input!$J$16,0)</f>
        <v>0</v>
      </c>
      <c r="Q1762" s="71">
        <f>IF(Input!$K$13=4,J1762*Input!$J$13,0)+IF(Input!$K$14=4,K1762*Input!$J$14,0)+IF(Input!$K$15=4,L1762*Input!$J$15,0)+IF(Input!$K$16=4,M1762*Input!$J$16,0)</f>
        <v>0</v>
      </c>
    </row>
    <row r="1763" spans="8:17" x14ac:dyDescent="0.25">
      <c r="H1763" s="43">
        <v>1756</v>
      </c>
      <c r="I1763" s="55">
        <f>Bühler!I1789</f>
        <v>2.5358225852600502</v>
      </c>
      <c r="J1763" s="58">
        <f>Bühler!J1789</f>
        <v>13.501756429021208</v>
      </c>
      <c r="K1763" s="58">
        <f>Bühler!K1789</f>
        <v>0.63218029410059629</v>
      </c>
      <c r="L1763" s="58">
        <f>Bühler!L1789</f>
        <v>0.31609014705029814</v>
      </c>
      <c r="M1763" s="57">
        <f>Bühler!M1789</f>
        <v>0</v>
      </c>
      <c r="N1763" s="55">
        <f>IF(Input!$K$13=1,J1763*Input!$J$13,0)+IF(Input!$K$14=1,K1763*Input!$J$14,0)+IF(Input!$K$15=1,L1763*Input!$J$15,0)+IF(Input!$K$16=1,M1763*Input!$J$16,0)</f>
        <v>1.6202107714825449</v>
      </c>
      <c r="O1763" s="58">
        <f>IF(Input!$K$13=2,J1763*Input!$J$13,0)+IF(Input!$K$14=2,K1763*Input!$J$14,0)+IF(Input!$K$15=2,L1763*Input!$J$15,0)+IF(Input!$K$16=2,M1763*Input!$J$16,0)</f>
        <v>8.5344339703580491E-2</v>
      </c>
      <c r="P1763" s="58">
        <f>IF(Input!$K$13=3,J1763*Input!$J$13,0)+IF(Input!$K$14=3,K1763*Input!$J$14,0)+IF(Input!$K$15=3,L1763*Input!$J$15,0)+IF(Input!$K$16=3,M1763*Input!$J$16,0)</f>
        <v>0</v>
      </c>
      <c r="Q1763" s="71">
        <f>IF(Input!$K$13=4,J1763*Input!$J$13,0)+IF(Input!$K$14=4,K1763*Input!$J$14,0)+IF(Input!$K$15=4,L1763*Input!$J$15,0)+IF(Input!$K$16=4,M1763*Input!$J$16,0)</f>
        <v>0</v>
      </c>
    </row>
    <row r="1764" spans="8:17" x14ac:dyDescent="0.25">
      <c r="H1764" s="43">
        <v>1757</v>
      </c>
      <c r="I1764" s="55">
        <f>Bühler!I1790</f>
        <v>2.5358225852600502</v>
      </c>
      <c r="J1764" s="58">
        <f>Bühler!J1790</f>
        <v>13.501756429021208</v>
      </c>
      <c r="K1764" s="58">
        <f>Bühler!K1790</f>
        <v>0.63218029410059629</v>
      </c>
      <c r="L1764" s="58">
        <f>Bühler!L1790</f>
        <v>0.31609014705029814</v>
      </c>
      <c r="M1764" s="57">
        <f>Bühler!M1790</f>
        <v>0</v>
      </c>
      <c r="N1764" s="55">
        <f>IF(Input!$K$13=1,J1764*Input!$J$13,0)+IF(Input!$K$14=1,K1764*Input!$J$14,0)+IF(Input!$K$15=1,L1764*Input!$J$15,0)+IF(Input!$K$16=1,M1764*Input!$J$16,0)</f>
        <v>1.6202107714825449</v>
      </c>
      <c r="O1764" s="58">
        <f>IF(Input!$K$13=2,J1764*Input!$J$13,0)+IF(Input!$K$14=2,K1764*Input!$J$14,0)+IF(Input!$K$15=2,L1764*Input!$J$15,0)+IF(Input!$K$16=2,M1764*Input!$J$16,0)</f>
        <v>8.5344339703580491E-2</v>
      </c>
      <c r="P1764" s="58">
        <f>IF(Input!$K$13=3,J1764*Input!$J$13,0)+IF(Input!$K$14=3,K1764*Input!$J$14,0)+IF(Input!$K$15=3,L1764*Input!$J$15,0)+IF(Input!$K$16=3,M1764*Input!$J$16,0)</f>
        <v>0</v>
      </c>
      <c r="Q1764" s="71">
        <f>IF(Input!$K$13=4,J1764*Input!$J$13,0)+IF(Input!$K$14=4,K1764*Input!$J$14,0)+IF(Input!$K$15=4,L1764*Input!$J$15,0)+IF(Input!$K$16=4,M1764*Input!$J$16,0)</f>
        <v>0</v>
      </c>
    </row>
    <row r="1765" spans="8:17" x14ac:dyDescent="0.25">
      <c r="H1765" s="43">
        <v>1758</v>
      </c>
      <c r="I1765" s="55">
        <f>Bühler!I1791</f>
        <v>2.5358225852600502</v>
      </c>
      <c r="J1765" s="58">
        <f>Bühler!J1791</f>
        <v>13.501756429021208</v>
      </c>
      <c r="K1765" s="58">
        <f>Bühler!K1791</f>
        <v>0.63218029410059629</v>
      </c>
      <c r="L1765" s="58">
        <f>Bühler!L1791</f>
        <v>0.31609014705029814</v>
      </c>
      <c r="M1765" s="57">
        <f>Bühler!M1791</f>
        <v>0</v>
      </c>
      <c r="N1765" s="55">
        <f>IF(Input!$K$13=1,J1765*Input!$J$13,0)+IF(Input!$K$14=1,K1765*Input!$J$14,0)+IF(Input!$K$15=1,L1765*Input!$J$15,0)+IF(Input!$K$16=1,M1765*Input!$J$16,0)</f>
        <v>1.6202107714825449</v>
      </c>
      <c r="O1765" s="58">
        <f>IF(Input!$K$13=2,J1765*Input!$J$13,0)+IF(Input!$K$14=2,K1765*Input!$J$14,0)+IF(Input!$K$15=2,L1765*Input!$J$15,0)+IF(Input!$K$16=2,M1765*Input!$J$16,0)</f>
        <v>8.5344339703580491E-2</v>
      </c>
      <c r="P1765" s="58">
        <f>IF(Input!$K$13=3,J1765*Input!$J$13,0)+IF(Input!$K$14=3,K1765*Input!$J$14,0)+IF(Input!$K$15=3,L1765*Input!$J$15,0)+IF(Input!$K$16=3,M1765*Input!$J$16,0)</f>
        <v>0</v>
      </c>
      <c r="Q1765" s="71">
        <f>IF(Input!$K$13=4,J1765*Input!$J$13,0)+IF(Input!$K$14=4,K1765*Input!$J$14,0)+IF(Input!$K$15=4,L1765*Input!$J$15,0)+IF(Input!$K$16=4,M1765*Input!$J$16,0)</f>
        <v>0</v>
      </c>
    </row>
    <row r="1766" spans="8:17" x14ac:dyDescent="0.25">
      <c r="H1766" s="43">
        <v>1759</v>
      </c>
      <c r="I1766" s="55">
        <f>Bühler!I1792</f>
        <v>2.5358225852600502</v>
      </c>
      <c r="J1766" s="58">
        <f>Bühler!J1792</f>
        <v>13.501756429021208</v>
      </c>
      <c r="K1766" s="58">
        <f>Bühler!K1792</f>
        <v>0.63218029410059629</v>
      </c>
      <c r="L1766" s="58">
        <f>Bühler!L1792</f>
        <v>0.31609014705029814</v>
      </c>
      <c r="M1766" s="57">
        <f>Bühler!M1792</f>
        <v>0</v>
      </c>
      <c r="N1766" s="55">
        <f>IF(Input!$K$13=1,J1766*Input!$J$13,0)+IF(Input!$K$14=1,K1766*Input!$J$14,0)+IF(Input!$K$15=1,L1766*Input!$J$15,0)+IF(Input!$K$16=1,M1766*Input!$J$16,0)</f>
        <v>1.6202107714825449</v>
      </c>
      <c r="O1766" s="58">
        <f>IF(Input!$K$13=2,J1766*Input!$J$13,0)+IF(Input!$K$14=2,K1766*Input!$J$14,0)+IF(Input!$K$15=2,L1766*Input!$J$15,0)+IF(Input!$K$16=2,M1766*Input!$J$16,0)</f>
        <v>8.5344339703580491E-2</v>
      </c>
      <c r="P1766" s="58">
        <f>IF(Input!$K$13=3,J1766*Input!$J$13,0)+IF(Input!$K$14=3,K1766*Input!$J$14,0)+IF(Input!$K$15=3,L1766*Input!$J$15,0)+IF(Input!$K$16=3,M1766*Input!$J$16,0)</f>
        <v>0</v>
      </c>
      <c r="Q1766" s="71">
        <f>IF(Input!$K$13=4,J1766*Input!$J$13,0)+IF(Input!$K$14=4,K1766*Input!$J$14,0)+IF(Input!$K$15=4,L1766*Input!$J$15,0)+IF(Input!$K$16=4,M1766*Input!$J$16,0)</f>
        <v>0</v>
      </c>
    </row>
    <row r="1767" spans="8:17" x14ac:dyDescent="0.25">
      <c r="H1767" s="43">
        <v>1760</v>
      </c>
      <c r="I1767" s="55">
        <f>Bühler!I1793</f>
        <v>6.9861912223914375</v>
      </c>
      <c r="J1767" s="58">
        <f>Bühler!J1793</f>
        <v>51.531937560441669</v>
      </c>
      <c r="K1767" s="58">
        <f>Bühler!K1793</f>
        <v>2.5842764143688002</v>
      </c>
      <c r="L1767" s="58">
        <f>Bühler!L1793</f>
        <v>1.2921382071844001</v>
      </c>
      <c r="M1767" s="57">
        <f>Bühler!M1793</f>
        <v>0</v>
      </c>
      <c r="N1767" s="55">
        <f>IF(Input!$K$13=1,J1767*Input!$J$13,0)+IF(Input!$K$14=1,K1767*Input!$J$14,0)+IF(Input!$K$15=1,L1767*Input!$J$15,0)+IF(Input!$K$16=1,M1767*Input!$J$16,0)</f>
        <v>6.1838325072530003</v>
      </c>
      <c r="O1767" s="58">
        <f>IF(Input!$K$13=2,J1767*Input!$J$13,0)+IF(Input!$K$14=2,K1767*Input!$J$14,0)+IF(Input!$K$15=2,L1767*Input!$J$15,0)+IF(Input!$K$16=2,M1767*Input!$J$16,0)</f>
        <v>0.34887731593978799</v>
      </c>
      <c r="P1767" s="58">
        <f>IF(Input!$K$13=3,J1767*Input!$J$13,0)+IF(Input!$K$14=3,K1767*Input!$J$14,0)+IF(Input!$K$15=3,L1767*Input!$J$15,0)+IF(Input!$K$16=3,M1767*Input!$J$16,0)</f>
        <v>0</v>
      </c>
      <c r="Q1767" s="71">
        <f>IF(Input!$K$13=4,J1767*Input!$J$13,0)+IF(Input!$K$14=4,K1767*Input!$J$14,0)+IF(Input!$K$15=4,L1767*Input!$J$15,0)+IF(Input!$K$16=4,M1767*Input!$J$16,0)</f>
        <v>0</v>
      </c>
    </row>
    <row r="1768" spans="8:17" x14ac:dyDescent="0.25">
      <c r="H1768" s="43">
        <v>1761</v>
      </c>
      <c r="I1768" s="55">
        <f>Bühler!I1794</f>
        <v>7.795118627089396</v>
      </c>
      <c r="J1768" s="58">
        <f>Bühler!J1794</f>
        <v>57.498793488492822</v>
      </c>
      <c r="K1768" s="58">
        <f>Bühler!K1794</f>
        <v>2.883508420243083</v>
      </c>
      <c r="L1768" s="58">
        <f>Bühler!L1794</f>
        <v>1.4417542101215415</v>
      </c>
      <c r="M1768" s="57">
        <f>Bühler!M1794</f>
        <v>0</v>
      </c>
      <c r="N1768" s="55">
        <f>IF(Input!$K$13=1,J1768*Input!$J$13,0)+IF(Input!$K$14=1,K1768*Input!$J$14,0)+IF(Input!$K$15=1,L1768*Input!$J$15,0)+IF(Input!$K$16=1,M1768*Input!$J$16,0)</f>
        <v>6.8998552186191384</v>
      </c>
      <c r="O1768" s="58">
        <f>IF(Input!$K$13=2,J1768*Input!$J$13,0)+IF(Input!$K$14=2,K1768*Input!$J$14,0)+IF(Input!$K$15=2,L1768*Input!$J$15,0)+IF(Input!$K$16=2,M1768*Input!$J$16,0)</f>
        <v>0.38927363673281618</v>
      </c>
      <c r="P1768" s="58">
        <f>IF(Input!$K$13=3,J1768*Input!$J$13,0)+IF(Input!$K$14=3,K1768*Input!$J$14,0)+IF(Input!$K$15=3,L1768*Input!$J$15,0)+IF(Input!$K$16=3,M1768*Input!$J$16,0)</f>
        <v>0</v>
      </c>
      <c r="Q1768" s="71">
        <f>IF(Input!$K$13=4,J1768*Input!$J$13,0)+IF(Input!$K$14=4,K1768*Input!$J$14,0)+IF(Input!$K$15=4,L1768*Input!$J$15,0)+IF(Input!$K$16=4,M1768*Input!$J$16,0)</f>
        <v>0</v>
      </c>
    </row>
    <row r="1769" spans="8:17" x14ac:dyDescent="0.25">
      <c r="H1769" s="43">
        <v>1762</v>
      </c>
      <c r="I1769" s="55">
        <f>Bühler!I1795</f>
        <v>8.6040460317873499</v>
      </c>
      <c r="J1769" s="58">
        <f>Bühler!J1795</f>
        <v>63.465649416543968</v>
      </c>
      <c r="K1769" s="58">
        <f>Bühler!K1795</f>
        <v>3.1827404261173653</v>
      </c>
      <c r="L1769" s="58">
        <f>Bühler!L1795</f>
        <v>1.5913702130586826</v>
      </c>
      <c r="M1769" s="57">
        <f>Bühler!M1795</f>
        <v>0</v>
      </c>
      <c r="N1769" s="55">
        <f>IF(Input!$K$13=1,J1769*Input!$J$13,0)+IF(Input!$K$14=1,K1769*Input!$J$14,0)+IF(Input!$K$15=1,L1769*Input!$J$15,0)+IF(Input!$K$16=1,M1769*Input!$J$16,0)</f>
        <v>7.6158779299852757</v>
      </c>
      <c r="O1769" s="58">
        <f>IF(Input!$K$13=2,J1769*Input!$J$13,0)+IF(Input!$K$14=2,K1769*Input!$J$14,0)+IF(Input!$K$15=2,L1769*Input!$J$15,0)+IF(Input!$K$16=2,M1769*Input!$J$16,0)</f>
        <v>0.4296699575258443</v>
      </c>
      <c r="P1769" s="58">
        <f>IF(Input!$K$13=3,J1769*Input!$J$13,0)+IF(Input!$K$14=3,K1769*Input!$J$14,0)+IF(Input!$K$15=3,L1769*Input!$J$15,0)+IF(Input!$K$16=3,M1769*Input!$J$16,0)</f>
        <v>0</v>
      </c>
      <c r="Q1769" s="71">
        <f>IF(Input!$K$13=4,J1769*Input!$J$13,0)+IF(Input!$K$14=4,K1769*Input!$J$14,0)+IF(Input!$K$15=4,L1769*Input!$J$15,0)+IF(Input!$K$16=4,M1769*Input!$J$16,0)</f>
        <v>0</v>
      </c>
    </row>
    <row r="1770" spans="8:17" x14ac:dyDescent="0.25">
      <c r="H1770" s="43">
        <v>1763</v>
      </c>
      <c r="I1770" s="55">
        <f>Bühler!I1796</f>
        <v>8.6040460317873499</v>
      </c>
      <c r="J1770" s="58">
        <f>Bühler!J1796</f>
        <v>63.465649416543968</v>
      </c>
      <c r="K1770" s="58">
        <f>Bühler!K1796</f>
        <v>3.1827404261173653</v>
      </c>
      <c r="L1770" s="58">
        <f>Bühler!L1796</f>
        <v>1.5913702130586826</v>
      </c>
      <c r="M1770" s="57">
        <f>Bühler!M1796</f>
        <v>0</v>
      </c>
      <c r="N1770" s="55">
        <f>IF(Input!$K$13=1,J1770*Input!$J$13,0)+IF(Input!$K$14=1,K1770*Input!$J$14,0)+IF(Input!$K$15=1,L1770*Input!$J$15,0)+IF(Input!$K$16=1,M1770*Input!$J$16,0)</f>
        <v>7.6158779299852757</v>
      </c>
      <c r="O1770" s="58">
        <f>IF(Input!$K$13=2,J1770*Input!$J$13,0)+IF(Input!$K$14=2,K1770*Input!$J$14,0)+IF(Input!$K$15=2,L1770*Input!$J$15,0)+IF(Input!$K$16=2,M1770*Input!$J$16,0)</f>
        <v>0.4296699575258443</v>
      </c>
      <c r="P1770" s="58">
        <f>IF(Input!$K$13=3,J1770*Input!$J$13,0)+IF(Input!$K$14=3,K1770*Input!$J$14,0)+IF(Input!$K$15=3,L1770*Input!$J$15,0)+IF(Input!$K$16=3,M1770*Input!$J$16,0)</f>
        <v>0</v>
      </c>
      <c r="Q1770" s="71">
        <f>IF(Input!$K$13=4,J1770*Input!$J$13,0)+IF(Input!$K$14=4,K1770*Input!$J$14,0)+IF(Input!$K$15=4,L1770*Input!$J$15,0)+IF(Input!$K$16=4,M1770*Input!$J$16,0)</f>
        <v>0</v>
      </c>
    </row>
    <row r="1771" spans="8:17" x14ac:dyDescent="0.25">
      <c r="H1771" s="43">
        <v>1764</v>
      </c>
      <c r="I1771" s="55">
        <f>Bühler!I1797</f>
        <v>10.295439696155803</v>
      </c>
      <c r="J1771" s="58">
        <f>Bühler!J1797</f>
        <v>75.941802720650884</v>
      </c>
      <c r="K1771" s="58">
        <f>Bühler!K1797</f>
        <v>3.8084073474908644</v>
      </c>
      <c r="L1771" s="58">
        <f>Bühler!L1797</f>
        <v>1.9042036737454322</v>
      </c>
      <c r="M1771" s="57">
        <f>Bühler!M1797</f>
        <v>0</v>
      </c>
      <c r="N1771" s="55">
        <f>IF(Input!$K$13=1,J1771*Input!$J$13,0)+IF(Input!$K$14=1,K1771*Input!$J$14,0)+IF(Input!$K$15=1,L1771*Input!$J$15,0)+IF(Input!$K$16=1,M1771*Input!$J$16,0)</f>
        <v>9.113016326478105</v>
      </c>
      <c r="O1771" s="58">
        <f>IF(Input!$K$13=2,J1771*Input!$J$13,0)+IF(Input!$K$14=2,K1771*Input!$J$14,0)+IF(Input!$K$15=2,L1771*Input!$J$15,0)+IF(Input!$K$16=2,M1771*Input!$J$16,0)</f>
        <v>0.51413499191126666</v>
      </c>
      <c r="P1771" s="58">
        <f>IF(Input!$K$13=3,J1771*Input!$J$13,0)+IF(Input!$K$14=3,K1771*Input!$J$14,0)+IF(Input!$K$15=3,L1771*Input!$J$15,0)+IF(Input!$K$16=3,M1771*Input!$J$16,0)</f>
        <v>0</v>
      </c>
      <c r="Q1771" s="71">
        <f>IF(Input!$K$13=4,J1771*Input!$J$13,0)+IF(Input!$K$14=4,K1771*Input!$J$14,0)+IF(Input!$K$15=4,L1771*Input!$J$15,0)+IF(Input!$K$16=4,M1771*Input!$J$16,0)</f>
        <v>0</v>
      </c>
    </row>
    <row r="1772" spans="8:17" x14ac:dyDescent="0.25">
      <c r="H1772" s="43">
        <v>1765</v>
      </c>
      <c r="I1772" s="55">
        <f>Bühler!I1798</f>
        <v>10.295439696155803</v>
      </c>
      <c r="J1772" s="58">
        <f>Bühler!J1798</f>
        <v>75.941802720650884</v>
      </c>
      <c r="K1772" s="58">
        <f>Bühler!K1798</f>
        <v>3.8084073474908644</v>
      </c>
      <c r="L1772" s="58">
        <f>Bühler!L1798</f>
        <v>1.9042036737454322</v>
      </c>
      <c r="M1772" s="57">
        <f>Bühler!M1798</f>
        <v>0</v>
      </c>
      <c r="N1772" s="55">
        <f>IF(Input!$K$13=1,J1772*Input!$J$13,0)+IF(Input!$K$14=1,K1772*Input!$J$14,0)+IF(Input!$K$15=1,L1772*Input!$J$15,0)+IF(Input!$K$16=1,M1772*Input!$J$16,0)</f>
        <v>9.113016326478105</v>
      </c>
      <c r="O1772" s="58">
        <f>IF(Input!$K$13=2,J1772*Input!$J$13,0)+IF(Input!$K$14=2,K1772*Input!$J$14,0)+IF(Input!$K$15=2,L1772*Input!$J$15,0)+IF(Input!$K$16=2,M1772*Input!$J$16,0)</f>
        <v>0.51413499191126666</v>
      </c>
      <c r="P1772" s="58">
        <f>IF(Input!$K$13=3,J1772*Input!$J$13,0)+IF(Input!$K$14=3,K1772*Input!$J$14,0)+IF(Input!$K$15=3,L1772*Input!$J$15,0)+IF(Input!$K$16=3,M1772*Input!$J$16,0)</f>
        <v>0</v>
      </c>
      <c r="Q1772" s="71">
        <f>IF(Input!$K$13=4,J1772*Input!$J$13,0)+IF(Input!$K$14=4,K1772*Input!$J$14,0)+IF(Input!$K$15=4,L1772*Input!$J$15,0)+IF(Input!$K$16=4,M1772*Input!$J$16,0)</f>
        <v>0</v>
      </c>
    </row>
    <row r="1773" spans="8:17" x14ac:dyDescent="0.25">
      <c r="H1773" s="43">
        <v>1766</v>
      </c>
      <c r="I1773" s="55">
        <f>Bühler!I1799</f>
        <v>6.8391135124463567</v>
      </c>
      <c r="J1773" s="58">
        <f>Bühler!J1799</f>
        <v>50.447054664432386</v>
      </c>
      <c r="K1773" s="58">
        <f>Bühler!K1799</f>
        <v>2.5298705951189313</v>
      </c>
      <c r="L1773" s="58">
        <f>Bühler!L1799</f>
        <v>1.2649352975594657</v>
      </c>
      <c r="M1773" s="57">
        <f>Bühler!M1799</f>
        <v>0</v>
      </c>
      <c r="N1773" s="55">
        <f>IF(Input!$K$13=1,J1773*Input!$J$13,0)+IF(Input!$K$14=1,K1773*Input!$J$14,0)+IF(Input!$K$15=1,L1773*Input!$J$15,0)+IF(Input!$K$16=1,M1773*Input!$J$16,0)</f>
        <v>6.0536465597318863</v>
      </c>
      <c r="O1773" s="58">
        <f>IF(Input!$K$13=2,J1773*Input!$J$13,0)+IF(Input!$K$14=2,K1773*Input!$J$14,0)+IF(Input!$K$15=2,L1773*Input!$J$15,0)+IF(Input!$K$16=2,M1773*Input!$J$16,0)</f>
        <v>0.34153253034105568</v>
      </c>
      <c r="P1773" s="58">
        <f>IF(Input!$K$13=3,J1773*Input!$J$13,0)+IF(Input!$K$14=3,K1773*Input!$J$14,0)+IF(Input!$K$15=3,L1773*Input!$J$15,0)+IF(Input!$K$16=3,M1773*Input!$J$16,0)</f>
        <v>0</v>
      </c>
      <c r="Q1773" s="71">
        <f>IF(Input!$K$13=4,J1773*Input!$J$13,0)+IF(Input!$K$14=4,K1773*Input!$J$14,0)+IF(Input!$K$15=4,L1773*Input!$J$15,0)+IF(Input!$K$16=4,M1773*Input!$J$16,0)</f>
        <v>0</v>
      </c>
    </row>
    <row r="1774" spans="8:17" x14ac:dyDescent="0.25">
      <c r="H1774" s="43">
        <v>1767</v>
      </c>
      <c r="I1774" s="55">
        <f>Bühler!I1800</f>
        <v>10.295439696155803</v>
      </c>
      <c r="J1774" s="58">
        <f>Bühler!J1800</f>
        <v>75.941802720650884</v>
      </c>
      <c r="K1774" s="58">
        <f>Bühler!K1800</f>
        <v>3.8084073474908644</v>
      </c>
      <c r="L1774" s="58">
        <f>Bühler!L1800</f>
        <v>1.9042036737454322</v>
      </c>
      <c r="M1774" s="57">
        <f>Bühler!M1800</f>
        <v>0</v>
      </c>
      <c r="N1774" s="55">
        <f>IF(Input!$K$13=1,J1774*Input!$J$13,0)+IF(Input!$K$14=1,K1774*Input!$J$14,0)+IF(Input!$K$15=1,L1774*Input!$J$15,0)+IF(Input!$K$16=1,M1774*Input!$J$16,0)</f>
        <v>9.113016326478105</v>
      </c>
      <c r="O1774" s="58">
        <f>IF(Input!$K$13=2,J1774*Input!$J$13,0)+IF(Input!$K$14=2,K1774*Input!$J$14,0)+IF(Input!$K$15=2,L1774*Input!$J$15,0)+IF(Input!$K$16=2,M1774*Input!$J$16,0)</f>
        <v>0.51413499191126666</v>
      </c>
      <c r="P1774" s="58">
        <f>IF(Input!$K$13=3,J1774*Input!$J$13,0)+IF(Input!$K$14=3,K1774*Input!$J$14,0)+IF(Input!$K$15=3,L1774*Input!$J$15,0)+IF(Input!$K$16=3,M1774*Input!$J$16,0)</f>
        <v>0</v>
      </c>
      <c r="Q1774" s="71">
        <f>IF(Input!$K$13=4,J1774*Input!$J$13,0)+IF(Input!$K$14=4,K1774*Input!$J$14,0)+IF(Input!$K$15=4,L1774*Input!$J$15,0)+IF(Input!$K$16=4,M1774*Input!$J$16,0)</f>
        <v>0</v>
      </c>
    </row>
    <row r="1775" spans="8:17" x14ac:dyDescent="0.25">
      <c r="H1775" s="43">
        <v>1768</v>
      </c>
      <c r="I1775" s="55">
        <f>Bühler!I1801</f>
        <v>10.295439696155803</v>
      </c>
      <c r="J1775" s="58">
        <f>Bühler!J1801</f>
        <v>75.941802720650884</v>
      </c>
      <c r="K1775" s="58">
        <f>Bühler!K1801</f>
        <v>3.8084073474908644</v>
      </c>
      <c r="L1775" s="58">
        <f>Bühler!L1801</f>
        <v>1.9042036737454322</v>
      </c>
      <c r="M1775" s="57">
        <f>Bühler!M1801</f>
        <v>0</v>
      </c>
      <c r="N1775" s="55">
        <f>IF(Input!$K$13=1,J1775*Input!$J$13,0)+IF(Input!$K$14=1,K1775*Input!$J$14,0)+IF(Input!$K$15=1,L1775*Input!$J$15,0)+IF(Input!$K$16=1,M1775*Input!$J$16,0)</f>
        <v>9.113016326478105</v>
      </c>
      <c r="O1775" s="58">
        <f>IF(Input!$K$13=2,J1775*Input!$J$13,0)+IF(Input!$K$14=2,K1775*Input!$J$14,0)+IF(Input!$K$15=2,L1775*Input!$J$15,0)+IF(Input!$K$16=2,M1775*Input!$J$16,0)</f>
        <v>0.51413499191126666</v>
      </c>
      <c r="P1775" s="58">
        <f>IF(Input!$K$13=3,J1775*Input!$J$13,0)+IF(Input!$K$14=3,K1775*Input!$J$14,0)+IF(Input!$K$15=3,L1775*Input!$J$15,0)+IF(Input!$K$16=3,M1775*Input!$J$16,0)</f>
        <v>0</v>
      </c>
      <c r="Q1775" s="71">
        <f>IF(Input!$K$13=4,J1775*Input!$J$13,0)+IF(Input!$K$14=4,K1775*Input!$J$14,0)+IF(Input!$K$15=4,L1775*Input!$J$15,0)+IF(Input!$K$16=4,M1775*Input!$J$16,0)</f>
        <v>0</v>
      </c>
    </row>
    <row r="1776" spans="8:17" x14ac:dyDescent="0.25">
      <c r="H1776" s="43">
        <v>1769</v>
      </c>
      <c r="I1776" s="55">
        <f>Bühler!I1802</f>
        <v>8.6027781204947225</v>
      </c>
      <c r="J1776" s="58">
        <f>Bühler!J1802</f>
        <v>47.498560594415288</v>
      </c>
      <c r="K1776" s="58">
        <f>Bühler!K1802</f>
        <v>2.2442400440571166</v>
      </c>
      <c r="L1776" s="58">
        <f>Bühler!L1802</f>
        <v>1.1221200220285583</v>
      </c>
      <c r="M1776" s="57">
        <f>Bühler!M1802</f>
        <v>0</v>
      </c>
      <c r="N1776" s="55">
        <f>IF(Input!$K$13=1,J1776*Input!$J$13,0)+IF(Input!$K$14=1,K1776*Input!$J$14,0)+IF(Input!$K$15=1,L1776*Input!$J$15,0)+IF(Input!$K$16=1,M1776*Input!$J$16,0)</f>
        <v>5.6998272713298341</v>
      </c>
      <c r="O1776" s="58">
        <f>IF(Input!$K$13=2,J1776*Input!$J$13,0)+IF(Input!$K$14=2,K1776*Input!$J$14,0)+IF(Input!$K$15=2,L1776*Input!$J$15,0)+IF(Input!$K$16=2,M1776*Input!$J$16,0)</f>
        <v>0.30297240594771069</v>
      </c>
      <c r="P1776" s="58">
        <f>IF(Input!$K$13=3,J1776*Input!$J$13,0)+IF(Input!$K$14=3,K1776*Input!$J$14,0)+IF(Input!$K$15=3,L1776*Input!$J$15,0)+IF(Input!$K$16=3,M1776*Input!$J$16,0)</f>
        <v>0</v>
      </c>
      <c r="Q1776" s="71">
        <f>IF(Input!$K$13=4,J1776*Input!$J$13,0)+IF(Input!$K$14=4,K1776*Input!$J$14,0)+IF(Input!$K$15=4,L1776*Input!$J$15,0)+IF(Input!$K$16=4,M1776*Input!$J$16,0)</f>
        <v>0</v>
      </c>
    </row>
    <row r="1777" spans="8:17" x14ac:dyDescent="0.25">
      <c r="H1777" s="43">
        <v>1770</v>
      </c>
      <c r="I1777" s="55">
        <f>Bühler!I1803</f>
        <v>6.8403814237389859</v>
      </c>
      <c r="J1777" s="58">
        <f>Bühler!J1803</f>
        <v>23.705284868125553</v>
      </c>
      <c r="K1777" s="58">
        <f>Bühler!K1803</f>
        <v>0.95784893045544883</v>
      </c>
      <c r="L1777" s="58">
        <f>Bühler!L1803</f>
        <v>0.47892446522772442</v>
      </c>
      <c r="M1777" s="57">
        <f>Bühler!M1803</f>
        <v>0</v>
      </c>
      <c r="N1777" s="55">
        <f>IF(Input!$K$13=1,J1777*Input!$J$13,0)+IF(Input!$K$14=1,K1777*Input!$J$14,0)+IF(Input!$K$15=1,L1777*Input!$J$15,0)+IF(Input!$K$16=1,M1777*Input!$J$16,0)</f>
        <v>2.8446341841750664</v>
      </c>
      <c r="O1777" s="58">
        <f>IF(Input!$K$13=2,J1777*Input!$J$13,0)+IF(Input!$K$14=2,K1777*Input!$J$14,0)+IF(Input!$K$15=2,L1777*Input!$J$15,0)+IF(Input!$K$16=2,M1777*Input!$J$16,0)</f>
        <v>0.12930960561148558</v>
      </c>
      <c r="P1777" s="58">
        <f>IF(Input!$K$13=3,J1777*Input!$J$13,0)+IF(Input!$K$14=3,K1777*Input!$J$14,0)+IF(Input!$K$15=3,L1777*Input!$J$15,0)+IF(Input!$K$16=3,M1777*Input!$J$16,0)</f>
        <v>0</v>
      </c>
      <c r="Q1777" s="71">
        <f>IF(Input!$K$13=4,J1777*Input!$J$13,0)+IF(Input!$K$14=4,K1777*Input!$J$14,0)+IF(Input!$K$15=4,L1777*Input!$J$15,0)+IF(Input!$K$16=4,M1777*Input!$J$16,0)</f>
        <v>0</v>
      </c>
    </row>
    <row r="1778" spans="8:17" x14ac:dyDescent="0.25">
      <c r="H1778" s="43">
        <v>1771</v>
      </c>
      <c r="I1778" s="55">
        <f>Bühler!I1804</f>
        <v>2.5358225852600502</v>
      </c>
      <c r="J1778" s="58">
        <f>Bühler!J1804</f>
        <v>13.501756429021208</v>
      </c>
      <c r="K1778" s="58">
        <f>Bühler!K1804</f>
        <v>0.63218029410059629</v>
      </c>
      <c r="L1778" s="58">
        <f>Bühler!L1804</f>
        <v>0.31609014705029814</v>
      </c>
      <c r="M1778" s="57">
        <f>Bühler!M1804</f>
        <v>0</v>
      </c>
      <c r="N1778" s="55">
        <f>IF(Input!$K$13=1,J1778*Input!$J$13,0)+IF(Input!$K$14=1,K1778*Input!$J$14,0)+IF(Input!$K$15=1,L1778*Input!$J$15,0)+IF(Input!$K$16=1,M1778*Input!$J$16,0)</f>
        <v>1.6202107714825449</v>
      </c>
      <c r="O1778" s="58">
        <f>IF(Input!$K$13=2,J1778*Input!$J$13,0)+IF(Input!$K$14=2,K1778*Input!$J$14,0)+IF(Input!$K$15=2,L1778*Input!$J$15,0)+IF(Input!$K$16=2,M1778*Input!$J$16,0)</f>
        <v>8.5344339703580491E-2</v>
      </c>
      <c r="P1778" s="58">
        <f>IF(Input!$K$13=3,J1778*Input!$J$13,0)+IF(Input!$K$14=3,K1778*Input!$J$14,0)+IF(Input!$K$15=3,L1778*Input!$J$15,0)+IF(Input!$K$16=3,M1778*Input!$J$16,0)</f>
        <v>0</v>
      </c>
      <c r="Q1778" s="71">
        <f>IF(Input!$K$13=4,J1778*Input!$J$13,0)+IF(Input!$K$14=4,K1778*Input!$J$14,0)+IF(Input!$K$15=4,L1778*Input!$J$15,0)+IF(Input!$K$16=4,M1778*Input!$J$16,0)</f>
        <v>0</v>
      </c>
    </row>
    <row r="1779" spans="8:17" x14ac:dyDescent="0.25">
      <c r="H1779" s="43">
        <v>1772</v>
      </c>
      <c r="I1779" s="55">
        <f>Bühler!I1805</f>
        <v>2.5358225852600502</v>
      </c>
      <c r="J1779" s="58">
        <f>Bühler!J1805</f>
        <v>13.501756429021208</v>
      </c>
      <c r="K1779" s="58">
        <f>Bühler!K1805</f>
        <v>0.63218029410059629</v>
      </c>
      <c r="L1779" s="58">
        <f>Bühler!L1805</f>
        <v>0.31609014705029814</v>
      </c>
      <c r="M1779" s="57">
        <f>Bühler!M1805</f>
        <v>0</v>
      </c>
      <c r="N1779" s="55">
        <f>IF(Input!$K$13=1,J1779*Input!$J$13,0)+IF(Input!$K$14=1,K1779*Input!$J$14,0)+IF(Input!$K$15=1,L1779*Input!$J$15,0)+IF(Input!$K$16=1,M1779*Input!$J$16,0)</f>
        <v>1.6202107714825449</v>
      </c>
      <c r="O1779" s="58">
        <f>IF(Input!$K$13=2,J1779*Input!$J$13,0)+IF(Input!$K$14=2,K1779*Input!$J$14,0)+IF(Input!$K$15=2,L1779*Input!$J$15,0)+IF(Input!$K$16=2,M1779*Input!$J$16,0)</f>
        <v>8.5344339703580491E-2</v>
      </c>
      <c r="P1779" s="58">
        <f>IF(Input!$K$13=3,J1779*Input!$J$13,0)+IF(Input!$K$14=3,K1779*Input!$J$14,0)+IF(Input!$K$15=3,L1779*Input!$J$15,0)+IF(Input!$K$16=3,M1779*Input!$J$16,0)</f>
        <v>0</v>
      </c>
      <c r="Q1779" s="71">
        <f>IF(Input!$K$13=4,J1779*Input!$J$13,0)+IF(Input!$K$14=4,K1779*Input!$J$14,0)+IF(Input!$K$15=4,L1779*Input!$J$15,0)+IF(Input!$K$16=4,M1779*Input!$J$16,0)</f>
        <v>0</v>
      </c>
    </row>
    <row r="1780" spans="8:17" x14ac:dyDescent="0.25">
      <c r="H1780" s="43">
        <v>1773</v>
      </c>
      <c r="I1780" s="55">
        <f>Bühler!I1806</f>
        <v>2.5358225852600502</v>
      </c>
      <c r="J1780" s="58">
        <f>Bühler!J1806</f>
        <v>13.501756429021208</v>
      </c>
      <c r="K1780" s="58">
        <f>Bühler!K1806</f>
        <v>0.63218029410059629</v>
      </c>
      <c r="L1780" s="58">
        <f>Bühler!L1806</f>
        <v>0.31609014705029814</v>
      </c>
      <c r="M1780" s="57">
        <f>Bühler!M1806</f>
        <v>0</v>
      </c>
      <c r="N1780" s="55">
        <f>IF(Input!$K$13=1,J1780*Input!$J$13,0)+IF(Input!$K$14=1,K1780*Input!$J$14,0)+IF(Input!$K$15=1,L1780*Input!$J$15,0)+IF(Input!$K$16=1,M1780*Input!$J$16,0)</f>
        <v>1.6202107714825449</v>
      </c>
      <c r="O1780" s="58">
        <f>IF(Input!$K$13=2,J1780*Input!$J$13,0)+IF(Input!$K$14=2,K1780*Input!$J$14,0)+IF(Input!$K$15=2,L1780*Input!$J$15,0)+IF(Input!$K$16=2,M1780*Input!$J$16,0)</f>
        <v>8.5344339703580491E-2</v>
      </c>
      <c r="P1780" s="58">
        <f>IF(Input!$K$13=3,J1780*Input!$J$13,0)+IF(Input!$K$14=3,K1780*Input!$J$14,0)+IF(Input!$K$15=3,L1780*Input!$J$15,0)+IF(Input!$K$16=3,M1780*Input!$J$16,0)</f>
        <v>0</v>
      </c>
      <c r="Q1780" s="71">
        <f>IF(Input!$K$13=4,J1780*Input!$J$13,0)+IF(Input!$K$14=4,K1780*Input!$J$14,0)+IF(Input!$K$15=4,L1780*Input!$J$15,0)+IF(Input!$K$16=4,M1780*Input!$J$16,0)</f>
        <v>0</v>
      </c>
    </row>
    <row r="1781" spans="8:17" x14ac:dyDescent="0.25">
      <c r="H1781" s="43">
        <v>1774</v>
      </c>
      <c r="I1781" s="55">
        <f>Bühler!I1807</f>
        <v>2.5358225852600502</v>
      </c>
      <c r="J1781" s="58">
        <f>Bühler!J1807</f>
        <v>13.501756429021208</v>
      </c>
      <c r="K1781" s="58">
        <f>Bühler!K1807</f>
        <v>0.63218029410059629</v>
      </c>
      <c r="L1781" s="58">
        <f>Bühler!L1807</f>
        <v>0.31609014705029814</v>
      </c>
      <c r="M1781" s="57">
        <f>Bühler!M1807</f>
        <v>0</v>
      </c>
      <c r="N1781" s="55">
        <f>IF(Input!$K$13=1,J1781*Input!$J$13,0)+IF(Input!$K$14=1,K1781*Input!$J$14,0)+IF(Input!$K$15=1,L1781*Input!$J$15,0)+IF(Input!$K$16=1,M1781*Input!$J$16,0)</f>
        <v>1.6202107714825449</v>
      </c>
      <c r="O1781" s="58">
        <f>IF(Input!$K$13=2,J1781*Input!$J$13,0)+IF(Input!$K$14=2,K1781*Input!$J$14,0)+IF(Input!$K$15=2,L1781*Input!$J$15,0)+IF(Input!$K$16=2,M1781*Input!$J$16,0)</f>
        <v>8.5344339703580491E-2</v>
      </c>
      <c r="P1781" s="58">
        <f>IF(Input!$K$13=3,J1781*Input!$J$13,0)+IF(Input!$K$14=3,K1781*Input!$J$14,0)+IF(Input!$K$15=3,L1781*Input!$J$15,0)+IF(Input!$K$16=3,M1781*Input!$J$16,0)</f>
        <v>0</v>
      </c>
      <c r="Q1781" s="71">
        <f>IF(Input!$K$13=4,J1781*Input!$J$13,0)+IF(Input!$K$14=4,K1781*Input!$J$14,0)+IF(Input!$K$15=4,L1781*Input!$J$15,0)+IF(Input!$K$16=4,M1781*Input!$J$16,0)</f>
        <v>0</v>
      </c>
    </row>
    <row r="1782" spans="8:17" x14ac:dyDescent="0.25">
      <c r="H1782" s="43">
        <v>1775</v>
      </c>
      <c r="I1782" s="55">
        <f>Bühler!I1808</f>
        <v>2.5358225852600502</v>
      </c>
      <c r="J1782" s="58">
        <f>Bühler!J1808</f>
        <v>13.501756429021208</v>
      </c>
      <c r="K1782" s="58">
        <f>Bühler!K1808</f>
        <v>0.63218029410059629</v>
      </c>
      <c r="L1782" s="58">
        <f>Bühler!L1808</f>
        <v>0.31609014705029814</v>
      </c>
      <c r="M1782" s="57">
        <f>Bühler!M1808</f>
        <v>0</v>
      </c>
      <c r="N1782" s="55">
        <f>IF(Input!$K$13=1,J1782*Input!$J$13,0)+IF(Input!$K$14=1,K1782*Input!$J$14,0)+IF(Input!$K$15=1,L1782*Input!$J$15,0)+IF(Input!$K$16=1,M1782*Input!$J$16,0)</f>
        <v>1.6202107714825449</v>
      </c>
      <c r="O1782" s="58">
        <f>IF(Input!$K$13=2,J1782*Input!$J$13,0)+IF(Input!$K$14=2,K1782*Input!$J$14,0)+IF(Input!$K$15=2,L1782*Input!$J$15,0)+IF(Input!$K$16=2,M1782*Input!$J$16,0)</f>
        <v>8.5344339703580491E-2</v>
      </c>
      <c r="P1782" s="58">
        <f>IF(Input!$K$13=3,J1782*Input!$J$13,0)+IF(Input!$K$14=3,K1782*Input!$J$14,0)+IF(Input!$K$15=3,L1782*Input!$J$15,0)+IF(Input!$K$16=3,M1782*Input!$J$16,0)</f>
        <v>0</v>
      </c>
      <c r="Q1782" s="71">
        <f>IF(Input!$K$13=4,J1782*Input!$J$13,0)+IF(Input!$K$14=4,K1782*Input!$J$14,0)+IF(Input!$K$15=4,L1782*Input!$J$15,0)+IF(Input!$K$16=4,M1782*Input!$J$16,0)</f>
        <v>0</v>
      </c>
    </row>
    <row r="1783" spans="8:17" x14ac:dyDescent="0.25">
      <c r="H1783" s="43">
        <v>1776</v>
      </c>
      <c r="I1783" s="55">
        <f>Bühler!I1809</f>
        <v>2.5358225852600502</v>
      </c>
      <c r="J1783" s="58">
        <f>Bühler!J1809</f>
        <v>13.501756429021208</v>
      </c>
      <c r="K1783" s="58">
        <f>Bühler!K1809</f>
        <v>0.63218029410059629</v>
      </c>
      <c r="L1783" s="58">
        <f>Bühler!L1809</f>
        <v>0.31609014705029814</v>
      </c>
      <c r="M1783" s="57">
        <f>Bühler!M1809</f>
        <v>0</v>
      </c>
      <c r="N1783" s="55">
        <f>IF(Input!$K$13=1,J1783*Input!$J$13,0)+IF(Input!$K$14=1,K1783*Input!$J$14,0)+IF(Input!$K$15=1,L1783*Input!$J$15,0)+IF(Input!$K$16=1,M1783*Input!$J$16,0)</f>
        <v>1.6202107714825449</v>
      </c>
      <c r="O1783" s="58">
        <f>IF(Input!$K$13=2,J1783*Input!$J$13,0)+IF(Input!$K$14=2,K1783*Input!$J$14,0)+IF(Input!$K$15=2,L1783*Input!$J$15,0)+IF(Input!$K$16=2,M1783*Input!$J$16,0)</f>
        <v>8.5344339703580491E-2</v>
      </c>
      <c r="P1783" s="58">
        <f>IF(Input!$K$13=3,J1783*Input!$J$13,0)+IF(Input!$K$14=3,K1783*Input!$J$14,0)+IF(Input!$K$15=3,L1783*Input!$J$15,0)+IF(Input!$K$16=3,M1783*Input!$J$16,0)</f>
        <v>0</v>
      </c>
      <c r="Q1783" s="71">
        <f>IF(Input!$K$13=4,J1783*Input!$J$13,0)+IF(Input!$K$14=4,K1783*Input!$J$14,0)+IF(Input!$K$15=4,L1783*Input!$J$15,0)+IF(Input!$K$16=4,M1783*Input!$J$16,0)</f>
        <v>0</v>
      </c>
    </row>
    <row r="1784" spans="8:17" x14ac:dyDescent="0.25">
      <c r="H1784" s="43">
        <v>1777</v>
      </c>
      <c r="I1784" s="55">
        <f>Bühler!I1810</f>
        <v>3.7020911059265886</v>
      </c>
      <c r="J1784" s="58">
        <f>Bühler!J1810</f>
        <v>15.799423845484819</v>
      </c>
      <c r="K1784" s="58">
        <f>Bühler!K1810</f>
        <v>0.64427446552672052</v>
      </c>
      <c r="L1784" s="58">
        <f>Bühler!L1810</f>
        <v>0.32213723276336026</v>
      </c>
      <c r="M1784" s="57">
        <f>Bühler!M1810</f>
        <v>0</v>
      </c>
      <c r="N1784" s="55">
        <f>IF(Input!$K$13=1,J1784*Input!$J$13,0)+IF(Input!$K$14=1,K1784*Input!$J$14,0)+IF(Input!$K$15=1,L1784*Input!$J$15,0)+IF(Input!$K$16=1,M1784*Input!$J$16,0)</f>
        <v>1.8959308614581782</v>
      </c>
      <c r="O1784" s="58">
        <f>IF(Input!$K$13=2,J1784*Input!$J$13,0)+IF(Input!$K$14=2,K1784*Input!$J$14,0)+IF(Input!$K$15=2,L1784*Input!$J$15,0)+IF(Input!$K$16=2,M1784*Input!$J$16,0)</f>
        <v>8.6977052846107267E-2</v>
      </c>
      <c r="P1784" s="58">
        <f>IF(Input!$K$13=3,J1784*Input!$J$13,0)+IF(Input!$K$14=3,K1784*Input!$J$14,0)+IF(Input!$K$15=3,L1784*Input!$J$15,0)+IF(Input!$K$16=3,M1784*Input!$J$16,0)</f>
        <v>0</v>
      </c>
      <c r="Q1784" s="71">
        <f>IF(Input!$K$13=4,J1784*Input!$J$13,0)+IF(Input!$K$14=4,K1784*Input!$J$14,0)+IF(Input!$K$15=4,L1784*Input!$J$15,0)+IF(Input!$K$16=4,M1784*Input!$J$16,0)</f>
        <v>0</v>
      </c>
    </row>
    <row r="1785" spans="8:17" x14ac:dyDescent="0.25">
      <c r="H1785" s="43">
        <v>1778</v>
      </c>
      <c r="I1785" s="55">
        <f>Bühler!I1811</f>
        <v>3.7020911059265886</v>
      </c>
      <c r="J1785" s="58">
        <f>Bühler!J1811</f>
        <v>15.799423845484819</v>
      </c>
      <c r="K1785" s="58">
        <f>Bühler!K1811</f>
        <v>0.64427446552672052</v>
      </c>
      <c r="L1785" s="58">
        <f>Bühler!L1811</f>
        <v>0.32213723276336026</v>
      </c>
      <c r="M1785" s="57">
        <f>Bühler!M1811</f>
        <v>0</v>
      </c>
      <c r="N1785" s="55">
        <f>IF(Input!$K$13=1,J1785*Input!$J$13,0)+IF(Input!$K$14=1,K1785*Input!$J$14,0)+IF(Input!$K$15=1,L1785*Input!$J$15,0)+IF(Input!$K$16=1,M1785*Input!$J$16,0)</f>
        <v>1.8959308614581782</v>
      </c>
      <c r="O1785" s="58">
        <f>IF(Input!$K$13=2,J1785*Input!$J$13,0)+IF(Input!$K$14=2,K1785*Input!$J$14,0)+IF(Input!$K$15=2,L1785*Input!$J$15,0)+IF(Input!$K$16=2,M1785*Input!$J$16,0)</f>
        <v>8.6977052846107267E-2</v>
      </c>
      <c r="P1785" s="58">
        <f>IF(Input!$K$13=3,J1785*Input!$J$13,0)+IF(Input!$K$14=3,K1785*Input!$J$14,0)+IF(Input!$K$15=3,L1785*Input!$J$15,0)+IF(Input!$K$16=3,M1785*Input!$J$16,0)</f>
        <v>0</v>
      </c>
      <c r="Q1785" s="71">
        <f>IF(Input!$K$13=4,J1785*Input!$J$13,0)+IF(Input!$K$14=4,K1785*Input!$J$14,0)+IF(Input!$K$15=4,L1785*Input!$J$15,0)+IF(Input!$K$16=4,M1785*Input!$J$16,0)</f>
        <v>0</v>
      </c>
    </row>
    <row r="1786" spans="8:17" x14ac:dyDescent="0.25">
      <c r="H1786" s="43">
        <v>1779</v>
      </c>
      <c r="I1786" s="55">
        <f>Bühler!I1812</f>
        <v>3.7020911059265886</v>
      </c>
      <c r="J1786" s="58">
        <f>Bühler!J1812</f>
        <v>15.799423845484819</v>
      </c>
      <c r="K1786" s="58">
        <f>Bühler!K1812</f>
        <v>0.64427446552672052</v>
      </c>
      <c r="L1786" s="58">
        <f>Bühler!L1812</f>
        <v>0.32213723276336026</v>
      </c>
      <c r="M1786" s="57">
        <f>Bühler!M1812</f>
        <v>0</v>
      </c>
      <c r="N1786" s="55">
        <f>IF(Input!$K$13=1,J1786*Input!$J$13,0)+IF(Input!$K$14=1,K1786*Input!$J$14,0)+IF(Input!$K$15=1,L1786*Input!$J$15,0)+IF(Input!$K$16=1,M1786*Input!$J$16,0)</f>
        <v>1.8959308614581782</v>
      </c>
      <c r="O1786" s="58">
        <f>IF(Input!$K$13=2,J1786*Input!$J$13,0)+IF(Input!$K$14=2,K1786*Input!$J$14,0)+IF(Input!$K$15=2,L1786*Input!$J$15,0)+IF(Input!$K$16=2,M1786*Input!$J$16,0)</f>
        <v>8.6977052846107267E-2</v>
      </c>
      <c r="P1786" s="58">
        <f>IF(Input!$K$13=3,J1786*Input!$J$13,0)+IF(Input!$K$14=3,K1786*Input!$J$14,0)+IF(Input!$K$15=3,L1786*Input!$J$15,0)+IF(Input!$K$16=3,M1786*Input!$J$16,0)</f>
        <v>0</v>
      </c>
      <c r="Q1786" s="71">
        <f>IF(Input!$K$13=4,J1786*Input!$J$13,0)+IF(Input!$K$14=4,K1786*Input!$J$14,0)+IF(Input!$K$15=4,L1786*Input!$J$15,0)+IF(Input!$K$16=4,M1786*Input!$J$16,0)</f>
        <v>0</v>
      </c>
    </row>
    <row r="1787" spans="8:17" x14ac:dyDescent="0.25">
      <c r="H1787" s="43">
        <v>1780</v>
      </c>
      <c r="I1787" s="55">
        <f>Bühler!I1813</f>
        <v>3.7020911059265886</v>
      </c>
      <c r="J1787" s="58">
        <f>Bühler!J1813</f>
        <v>15.799423845484819</v>
      </c>
      <c r="K1787" s="58">
        <f>Bühler!K1813</f>
        <v>0.64427446552672052</v>
      </c>
      <c r="L1787" s="58">
        <f>Bühler!L1813</f>
        <v>0.32213723276336026</v>
      </c>
      <c r="M1787" s="57">
        <f>Bühler!M1813</f>
        <v>0</v>
      </c>
      <c r="N1787" s="55">
        <f>IF(Input!$K$13=1,J1787*Input!$J$13,0)+IF(Input!$K$14=1,K1787*Input!$J$14,0)+IF(Input!$K$15=1,L1787*Input!$J$15,0)+IF(Input!$K$16=1,M1787*Input!$J$16,0)</f>
        <v>1.8959308614581782</v>
      </c>
      <c r="O1787" s="58">
        <f>IF(Input!$K$13=2,J1787*Input!$J$13,0)+IF(Input!$K$14=2,K1787*Input!$J$14,0)+IF(Input!$K$15=2,L1787*Input!$J$15,0)+IF(Input!$K$16=2,M1787*Input!$J$16,0)</f>
        <v>8.6977052846107267E-2</v>
      </c>
      <c r="P1787" s="58">
        <f>IF(Input!$K$13=3,J1787*Input!$J$13,0)+IF(Input!$K$14=3,K1787*Input!$J$14,0)+IF(Input!$K$15=3,L1787*Input!$J$15,0)+IF(Input!$K$16=3,M1787*Input!$J$16,0)</f>
        <v>0</v>
      </c>
      <c r="Q1787" s="71">
        <f>IF(Input!$K$13=4,J1787*Input!$J$13,0)+IF(Input!$K$14=4,K1787*Input!$J$14,0)+IF(Input!$K$15=4,L1787*Input!$J$15,0)+IF(Input!$K$16=4,M1787*Input!$J$16,0)</f>
        <v>0</v>
      </c>
    </row>
    <row r="1788" spans="8:17" x14ac:dyDescent="0.25">
      <c r="H1788" s="43">
        <v>1781</v>
      </c>
      <c r="I1788" s="55">
        <f>Bühler!I1814</f>
        <v>3.7020911059265886</v>
      </c>
      <c r="J1788" s="58">
        <f>Bühler!J1814</f>
        <v>15.799423845484819</v>
      </c>
      <c r="K1788" s="58">
        <f>Bühler!K1814</f>
        <v>0.64427446552672052</v>
      </c>
      <c r="L1788" s="58">
        <f>Bühler!L1814</f>
        <v>0.32213723276336026</v>
      </c>
      <c r="M1788" s="57">
        <f>Bühler!M1814</f>
        <v>0</v>
      </c>
      <c r="N1788" s="55">
        <f>IF(Input!$K$13=1,J1788*Input!$J$13,0)+IF(Input!$K$14=1,K1788*Input!$J$14,0)+IF(Input!$K$15=1,L1788*Input!$J$15,0)+IF(Input!$K$16=1,M1788*Input!$J$16,0)</f>
        <v>1.8959308614581782</v>
      </c>
      <c r="O1788" s="58">
        <f>IF(Input!$K$13=2,J1788*Input!$J$13,0)+IF(Input!$K$14=2,K1788*Input!$J$14,0)+IF(Input!$K$15=2,L1788*Input!$J$15,0)+IF(Input!$K$16=2,M1788*Input!$J$16,0)</f>
        <v>8.6977052846107267E-2</v>
      </c>
      <c r="P1788" s="58">
        <f>IF(Input!$K$13=3,J1788*Input!$J$13,0)+IF(Input!$K$14=3,K1788*Input!$J$14,0)+IF(Input!$K$15=3,L1788*Input!$J$15,0)+IF(Input!$K$16=3,M1788*Input!$J$16,0)</f>
        <v>0</v>
      </c>
      <c r="Q1788" s="71">
        <f>IF(Input!$K$13=4,J1788*Input!$J$13,0)+IF(Input!$K$14=4,K1788*Input!$J$14,0)+IF(Input!$K$15=4,L1788*Input!$J$15,0)+IF(Input!$K$16=4,M1788*Input!$J$16,0)</f>
        <v>0</v>
      </c>
    </row>
    <row r="1789" spans="8:17" x14ac:dyDescent="0.25">
      <c r="H1789" s="43">
        <v>1782</v>
      </c>
      <c r="I1789" s="55">
        <f>Bühler!I1815</f>
        <v>3.7020911059265886</v>
      </c>
      <c r="J1789" s="58">
        <f>Bühler!J1815</f>
        <v>15.799423845484819</v>
      </c>
      <c r="K1789" s="58">
        <f>Bühler!K1815</f>
        <v>0.64427446552672052</v>
      </c>
      <c r="L1789" s="58">
        <f>Bühler!L1815</f>
        <v>0.32213723276336026</v>
      </c>
      <c r="M1789" s="57">
        <f>Bühler!M1815</f>
        <v>0</v>
      </c>
      <c r="N1789" s="55">
        <f>IF(Input!$K$13=1,J1789*Input!$J$13,0)+IF(Input!$K$14=1,K1789*Input!$J$14,0)+IF(Input!$K$15=1,L1789*Input!$J$15,0)+IF(Input!$K$16=1,M1789*Input!$J$16,0)</f>
        <v>1.8959308614581782</v>
      </c>
      <c r="O1789" s="58">
        <f>IF(Input!$K$13=2,J1789*Input!$J$13,0)+IF(Input!$K$14=2,K1789*Input!$J$14,0)+IF(Input!$K$15=2,L1789*Input!$J$15,0)+IF(Input!$K$16=2,M1789*Input!$J$16,0)</f>
        <v>8.6977052846107267E-2</v>
      </c>
      <c r="P1789" s="58">
        <f>IF(Input!$K$13=3,J1789*Input!$J$13,0)+IF(Input!$K$14=3,K1789*Input!$J$14,0)+IF(Input!$K$15=3,L1789*Input!$J$15,0)+IF(Input!$K$16=3,M1789*Input!$J$16,0)</f>
        <v>0</v>
      </c>
      <c r="Q1789" s="71">
        <f>IF(Input!$K$13=4,J1789*Input!$J$13,0)+IF(Input!$K$14=4,K1789*Input!$J$14,0)+IF(Input!$K$15=4,L1789*Input!$J$15,0)+IF(Input!$K$16=4,M1789*Input!$J$16,0)</f>
        <v>0</v>
      </c>
    </row>
    <row r="1790" spans="8:17" x14ac:dyDescent="0.25">
      <c r="H1790" s="43">
        <v>1783</v>
      </c>
      <c r="I1790" s="55">
        <f>Bühler!I1816</f>
        <v>3.7020911059265886</v>
      </c>
      <c r="J1790" s="58">
        <f>Bühler!J1816</f>
        <v>15.799423845484819</v>
      </c>
      <c r="K1790" s="58">
        <f>Bühler!K1816</f>
        <v>0.64427446552672052</v>
      </c>
      <c r="L1790" s="58">
        <f>Bühler!L1816</f>
        <v>0.32213723276336026</v>
      </c>
      <c r="M1790" s="57">
        <f>Bühler!M1816</f>
        <v>0</v>
      </c>
      <c r="N1790" s="55">
        <f>IF(Input!$K$13=1,J1790*Input!$J$13,0)+IF(Input!$K$14=1,K1790*Input!$J$14,0)+IF(Input!$K$15=1,L1790*Input!$J$15,0)+IF(Input!$K$16=1,M1790*Input!$J$16,0)</f>
        <v>1.8959308614581782</v>
      </c>
      <c r="O1790" s="58">
        <f>IF(Input!$K$13=2,J1790*Input!$J$13,0)+IF(Input!$K$14=2,K1790*Input!$J$14,0)+IF(Input!$K$15=2,L1790*Input!$J$15,0)+IF(Input!$K$16=2,M1790*Input!$J$16,0)</f>
        <v>8.6977052846107267E-2</v>
      </c>
      <c r="P1790" s="58">
        <f>IF(Input!$K$13=3,J1790*Input!$J$13,0)+IF(Input!$K$14=3,K1790*Input!$J$14,0)+IF(Input!$K$15=3,L1790*Input!$J$15,0)+IF(Input!$K$16=3,M1790*Input!$J$16,0)</f>
        <v>0</v>
      </c>
      <c r="Q1790" s="71">
        <f>IF(Input!$K$13=4,J1790*Input!$J$13,0)+IF(Input!$K$14=4,K1790*Input!$J$14,0)+IF(Input!$K$15=4,L1790*Input!$J$15,0)+IF(Input!$K$16=4,M1790*Input!$J$16,0)</f>
        <v>0</v>
      </c>
    </row>
    <row r="1791" spans="8:17" x14ac:dyDescent="0.25">
      <c r="H1791" s="43">
        <v>1784</v>
      </c>
      <c r="I1791" s="55">
        <f>Bühler!I1817</f>
        <v>10.19926099682775</v>
      </c>
      <c r="J1791" s="58">
        <f>Bühler!J1817</f>
        <v>59.240487667289045</v>
      </c>
      <c r="K1791" s="58">
        <f>Bühler!K1817</f>
        <v>2.6337159211986236</v>
      </c>
      <c r="L1791" s="58">
        <f>Bühler!L1817</f>
        <v>1.3168579605993118</v>
      </c>
      <c r="M1791" s="57">
        <f>Bühler!M1817</f>
        <v>0</v>
      </c>
      <c r="N1791" s="55">
        <f>IF(Input!$K$13=1,J1791*Input!$J$13,0)+IF(Input!$K$14=1,K1791*Input!$J$14,0)+IF(Input!$K$15=1,L1791*Input!$J$15,0)+IF(Input!$K$16=1,M1791*Input!$J$16,0)</f>
        <v>7.1088585200746852</v>
      </c>
      <c r="O1791" s="58">
        <f>IF(Input!$K$13=2,J1791*Input!$J$13,0)+IF(Input!$K$14=2,K1791*Input!$J$14,0)+IF(Input!$K$15=2,L1791*Input!$J$15,0)+IF(Input!$K$16=2,M1791*Input!$J$16,0)</f>
        <v>0.35555164936181416</v>
      </c>
      <c r="P1791" s="58">
        <f>IF(Input!$K$13=3,J1791*Input!$J$13,0)+IF(Input!$K$14=3,K1791*Input!$J$14,0)+IF(Input!$K$15=3,L1791*Input!$J$15,0)+IF(Input!$K$16=3,M1791*Input!$J$16,0)</f>
        <v>0</v>
      </c>
      <c r="Q1791" s="71">
        <f>IF(Input!$K$13=4,J1791*Input!$J$13,0)+IF(Input!$K$14=4,K1791*Input!$J$14,0)+IF(Input!$K$15=4,L1791*Input!$J$15,0)+IF(Input!$K$16=4,M1791*Input!$J$16,0)</f>
        <v>0</v>
      </c>
    </row>
    <row r="1792" spans="8:17" x14ac:dyDescent="0.25">
      <c r="H1792" s="43">
        <v>1785</v>
      </c>
      <c r="I1792" s="55">
        <f>Bühler!I1818</f>
        <v>11.380228059618334</v>
      </c>
      <c r="J1792" s="58">
        <f>Bühler!J1818</f>
        <v>66.099912555080422</v>
      </c>
      <c r="K1792" s="58">
        <f>Bühler!K1818</f>
        <v>2.9386725015479382</v>
      </c>
      <c r="L1792" s="58">
        <f>Bühler!L1818</f>
        <v>1.4693362507739691</v>
      </c>
      <c r="M1792" s="57">
        <f>Bühler!M1818</f>
        <v>0</v>
      </c>
      <c r="N1792" s="55">
        <f>IF(Input!$K$13=1,J1792*Input!$J$13,0)+IF(Input!$K$14=1,K1792*Input!$J$14,0)+IF(Input!$K$15=1,L1792*Input!$J$15,0)+IF(Input!$K$16=1,M1792*Input!$J$16,0)</f>
        <v>7.93198950660965</v>
      </c>
      <c r="O1792" s="58">
        <f>IF(Input!$K$13=2,J1792*Input!$J$13,0)+IF(Input!$K$14=2,K1792*Input!$J$14,0)+IF(Input!$K$15=2,L1792*Input!$J$15,0)+IF(Input!$K$16=2,M1792*Input!$J$16,0)</f>
        <v>0.39672078770897168</v>
      </c>
      <c r="P1792" s="58">
        <f>IF(Input!$K$13=3,J1792*Input!$J$13,0)+IF(Input!$K$14=3,K1792*Input!$J$14,0)+IF(Input!$K$15=3,L1792*Input!$J$15,0)+IF(Input!$K$16=3,M1792*Input!$J$16,0)</f>
        <v>0</v>
      </c>
      <c r="Q1792" s="71">
        <f>IF(Input!$K$13=4,J1792*Input!$J$13,0)+IF(Input!$K$14=4,K1792*Input!$J$14,0)+IF(Input!$K$15=4,L1792*Input!$J$15,0)+IF(Input!$K$16=4,M1792*Input!$J$16,0)</f>
        <v>0</v>
      </c>
    </row>
    <row r="1793" spans="8:17" x14ac:dyDescent="0.25">
      <c r="H1793" s="43">
        <v>1786</v>
      </c>
      <c r="I1793" s="55">
        <f>Bühler!I1819</f>
        <v>12.561195122408916</v>
      </c>
      <c r="J1793" s="58">
        <f>Bühler!J1819</f>
        <v>72.959337442871785</v>
      </c>
      <c r="K1793" s="58">
        <f>Bühler!K1819</f>
        <v>3.2436290818972529</v>
      </c>
      <c r="L1793" s="58">
        <f>Bühler!L1819</f>
        <v>1.6218145409486264</v>
      </c>
      <c r="M1793" s="57">
        <f>Bühler!M1819</f>
        <v>0</v>
      </c>
      <c r="N1793" s="55">
        <f>IF(Input!$K$13=1,J1793*Input!$J$13,0)+IF(Input!$K$14=1,K1793*Input!$J$14,0)+IF(Input!$K$15=1,L1793*Input!$J$15,0)+IF(Input!$K$16=1,M1793*Input!$J$16,0)</f>
        <v>8.7551204931446147</v>
      </c>
      <c r="O1793" s="58">
        <f>IF(Input!$K$13=2,J1793*Input!$J$13,0)+IF(Input!$K$14=2,K1793*Input!$J$14,0)+IF(Input!$K$15=2,L1793*Input!$J$15,0)+IF(Input!$K$16=2,M1793*Input!$J$16,0)</f>
        <v>0.43788992605612909</v>
      </c>
      <c r="P1793" s="58">
        <f>IF(Input!$K$13=3,J1793*Input!$J$13,0)+IF(Input!$K$14=3,K1793*Input!$J$14,0)+IF(Input!$K$15=3,L1793*Input!$J$15,0)+IF(Input!$K$16=3,M1793*Input!$J$16,0)</f>
        <v>0</v>
      </c>
      <c r="Q1793" s="71">
        <f>IF(Input!$K$13=4,J1793*Input!$J$13,0)+IF(Input!$K$14=4,K1793*Input!$J$14,0)+IF(Input!$K$15=4,L1793*Input!$J$15,0)+IF(Input!$K$16=4,M1793*Input!$J$16,0)</f>
        <v>0</v>
      </c>
    </row>
    <row r="1794" spans="8:17" x14ac:dyDescent="0.25">
      <c r="H1794" s="43">
        <v>1787</v>
      </c>
      <c r="I1794" s="55">
        <f>Bühler!I1820</f>
        <v>12.561195122408916</v>
      </c>
      <c r="J1794" s="58">
        <f>Bühler!J1820</f>
        <v>72.959337442871785</v>
      </c>
      <c r="K1794" s="58">
        <f>Bühler!K1820</f>
        <v>3.2436290818972529</v>
      </c>
      <c r="L1794" s="58">
        <f>Bühler!L1820</f>
        <v>1.6218145409486264</v>
      </c>
      <c r="M1794" s="57">
        <f>Bühler!M1820</f>
        <v>0</v>
      </c>
      <c r="N1794" s="55">
        <f>IF(Input!$K$13=1,J1794*Input!$J$13,0)+IF(Input!$K$14=1,K1794*Input!$J$14,0)+IF(Input!$K$15=1,L1794*Input!$J$15,0)+IF(Input!$K$16=1,M1794*Input!$J$16,0)</f>
        <v>8.7551204931446147</v>
      </c>
      <c r="O1794" s="58">
        <f>IF(Input!$K$13=2,J1794*Input!$J$13,0)+IF(Input!$K$14=2,K1794*Input!$J$14,0)+IF(Input!$K$15=2,L1794*Input!$J$15,0)+IF(Input!$K$16=2,M1794*Input!$J$16,0)</f>
        <v>0.43788992605612909</v>
      </c>
      <c r="P1794" s="58">
        <f>IF(Input!$K$13=3,J1794*Input!$J$13,0)+IF(Input!$K$14=3,K1794*Input!$J$14,0)+IF(Input!$K$15=3,L1794*Input!$J$15,0)+IF(Input!$K$16=3,M1794*Input!$J$16,0)</f>
        <v>0</v>
      </c>
      <c r="Q1794" s="71">
        <f>IF(Input!$K$13=4,J1794*Input!$J$13,0)+IF(Input!$K$14=4,K1794*Input!$J$14,0)+IF(Input!$K$15=4,L1794*Input!$J$15,0)+IF(Input!$K$16=4,M1794*Input!$J$16,0)</f>
        <v>0</v>
      </c>
    </row>
    <row r="1795" spans="8:17" x14ac:dyDescent="0.25">
      <c r="H1795" s="43">
        <v>1788</v>
      </c>
      <c r="I1795" s="55">
        <f>Bühler!I1821</f>
        <v>15.030489890061947</v>
      </c>
      <c r="J1795" s="58">
        <f>Bühler!J1821</f>
        <v>87.301771299162809</v>
      </c>
      <c r="K1795" s="58">
        <f>Bühler!K1821</f>
        <v>3.8812655680821826</v>
      </c>
      <c r="L1795" s="58">
        <f>Bühler!L1821</f>
        <v>1.9406327840410913</v>
      </c>
      <c r="M1795" s="57">
        <f>Bühler!M1821</f>
        <v>0</v>
      </c>
      <c r="N1795" s="55">
        <f>IF(Input!$K$13=1,J1795*Input!$J$13,0)+IF(Input!$K$14=1,K1795*Input!$J$14,0)+IF(Input!$K$15=1,L1795*Input!$J$15,0)+IF(Input!$K$16=1,M1795*Input!$J$16,0)</f>
        <v>10.476212555899536</v>
      </c>
      <c r="O1795" s="58">
        <f>IF(Input!$K$13=2,J1795*Input!$J$13,0)+IF(Input!$K$14=2,K1795*Input!$J$14,0)+IF(Input!$K$15=2,L1795*Input!$J$15,0)+IF(Input!$K$16=2,M1795*Input!$J$16,0)</f>
        <v>0.52397085169109459</v>
      </c>
      <c r="P1795" s="58">
        <f>IF(Input!$K$13=3,J1795*Input!$J$13,0)+IF(Input!$K$14=3,K1795*Input!$J$14,0)+IF(Input!$K$15=3,L1795*Input!$J$15,0)+IF(Input!$K$16=3,M1795*Input!$J$16,0)</f>
        <v>0</v>
      </c>
      <c r="Q1795" s="71">
        <f>IF(Input!$K$13=4,J1795*Input!$J$13,0)+IF(Input!$K$14=4,K1795*Input!$J$14,0)+IF(Input!$K$15=4,L1795*Input!$J$15,0)+IF(Input!$K$16=4,M1795*Input!$J$16,0)</f>
        <v>0</v>
      </c>
    </row>
    <row r="1796" spans="8:17" x14ac:dyDescent="0.25">
      <c r="H1796" s="43">
        <v>1789</v>
      </c>
      <c r="I1796" s="55">
        <f>Bühler!I1822</f>
        <v>15.030489890061947</v>
      </c>
      <c r="J1796" s="58">
        <f>Bühler!J1822</f>
        <v>87.301771299162809</v>
      </c>
      <c r="K1796" s="58">
        <f>Bühler!K1822</f>
        <v>3.8812655680821826</v>
      </c>
      <c r="L1796" s="58">
        <f>Bühler!L1822</f>
        <v>1.9406327840410913</v>
      </c>
      <c r="M1796" s="57">
        <f>Bühler!M1822</f>
        <v>0</v>
      </c>
      <c r="N1796" s="55">
        <f>IF(Input!$K$13=1,J1796*Input!$J$13,0)+IF(Input!$K$14=1,K1796*Input!$J$14,0)+IF(Input!$K$15=1,L1796*Input!$J$15,0)+IF(Input!$K$16=1,M1796*Input!$J$16,0)</f>
        <v>10.476212555899536</v>
      </c>
      <c r="O1796" s="58">
        <f>IF(Input!$K$13=2,J1796*Input!$J$13,0)+IF(Input!$K$14=2,K1796*Input!$J$14,0)+IF(Input!$K$15=2,L1796*Input!$J$15,0)+IF(Input!$K$16=2,M1796*Input!$J$16,0)</f>
        <v>0.52397085169109459</v>
      </c>
      <c r="P1796" s="58">
        <f>IF(Input!$K$13=3,J1796*Input!$J$13,0)+IF(Input!$K$14=3,K1796*Input!$J$14,0)+IF(Input!$K$15=3,L1796*Input!$J$15,0)+IF(Input!$K$16=3,M1796*Input!$J$16,0)</f>
        <v>0</v>
      </c>
      <c r="Q1796" s="71">
        <f>IF(Input!$K$13=4,J1796*Input!$J$13,0)+IF(Input!$K$14=4,K1796*Input!$J$14,0)+IF(Input!$K$15=4,L1796*Input!$J$15,0)+IF(Input!$K$16=4,M1796*Input!$J$16,0)</f>
        <v>0</v>
      </c>
    </row>
    <row r="1797" spans="8:17" x14ac:dyDescent="0.25">
      <c r="H1797" s="43">
        <v>1790</v>
      </c>
      <c r="I1797" s="55">
        <f>Bühler!I1823</f>
        <v>9.9845397126840076</v>
      </c>
      <c r="J1797" s="58">
        <f>Bühler!J1823</f>
        <v>57.993319505872449</v>
      </c>
      <c r="K1797" s="58">
        <f>Bühler!K1823</f>
        <v>2.5782692702260217</v>
      </c>
      <c r="L1797" s="58">
        <f>Bühler!L1823</f>
        <v>1.2891346351130109</v>
      </c>
      <c r="M1797" s="57">
        <f>Bühler!M1823</f>
        <v>0</v>
      </c>
      <c r="N1797" s="55">
        <f>IF(Input!$K$13=1,J1797*Input!$J$13,0)+IF(Input!$K$14=1,K1797*Input!$J$14,0)+IF(Input!$K$15=1,L1797*Input!$J$15,0)+IF(Input!$K$16=1,M1797*Input!$J$16,0)</f>
        <v>6.9591983407046936</v>
      </c>
      <c r="O1797" s="58">
        <f>IF(Input!$K$13=2,J1797*Input!$J$13,0)+IF(Input!$K$14=2,K1797*Input!$J$14,0)+IF(Input!$K$15=2,L1797*Input!$J$15,0)+IF(Input!$K$16=2,M1797*Input!$J$16,0)</f>
        <v>0.3480663514805129</v>
      </c>
      <c r="P1797" s="58">
        <f>IF(Input!$K$13=3,J1797*Input!$J$13,0)+IF(Input!$K$14=3,K1797*Input!$J$14,0)+IF(Input!$K$15=3,L1797*Input!$J$15,0)+IF(Input!$K$16=3,M1797*Input!$J$16,0)</f>
        <v>0</v>
      </c>
      <c r="Q1797" s="71">
        <f>IF(Input!$K$13=4,J1797*Input!$J$13,0)+IF(Input!$K$14=4,K1797*Input!$J$14,0)+IF(Input!$K$15=4,L1797*Input!$J$15,0)+IF(Input!$K$16=4,M1797*Input!$J$16,0)</f>
        <v>0</v>
      </c>
    </row>
    <row r="1798" spans="8:17" x14ac:dyDescent="0.25">
      <c r="H1798" s="43">
        <v>1791</v>
      </c>
      <c r="I1798" s="55">
        <f>Bühler!I1824</f>
        <v>15.030489890061947</v>
      </c>
      <c r="J1798" s="58">
        <f>Bühler!J1824</f>
        <v>87.301771299162809</v>
      </c>
      <c r="K1798" s="58">
        <f>Bühler!K1824</f>
        <v>3.8812655680821826</v>
      </c>
      <c r="L1798" s="58">
        <f>Bühler!L1824</f>
        <v>1.9406327840410913</v>
      </c>
      <c r="M1798" s="57">
        <f>Bühler!M1824</f>
        <v>0</v>
      </c>
      <c r="N1798" s="55">
        <f>IF(Input!$K$13=1,J1798*Input!$J$13,0)+IF(Input!$K$14=1,K1798*Input!$J$14,0)+IF(Input!$K$15=1,L1798*Input!$J$15,0)+IF(Input!$K$16=1,M1798*Input!$J$16,0)</f>
        <v>10.476212555899536</v>
      </c>
      <c r="O1798" s="58">
        <f>IF(Input!$K$13=2,J1798*Input!$J$13,0)+IF(Input!$K$14=2,K1798*Input!$J$14,0)+IF(Input!$K$15=2,L1798*Input!$J$15,0)+IF(Input!$K$16=2,M1798*Input!$J$16,0)</f>
        <v>0.52397085169109459</v>
      </c>
      <c r="P1798" s="58">
        <f>IF(Input!$K$13=3,J1798*Input!$J$13,0)+IF(Input!$K$14=3,K1798*Input!$J$14,0)+IF(Input!$K$15=3,L1798*Input!$J$15,0)+IF(Input!$K$16=3,M1798*Input!$J$16,0)</f>
        <v>0</v>
      </c>
      <c r="Q1798" s="71">
        <f>IF(Input!$K$13=4,J1798*Input!$J$13,0)+IF(Input!$K$14=4,K1798*Input!$J$14,0)+IF(Input!$K$15=4,L1798*Input!$J$15,0)+IF(Input!$K$16=4,M1798*Input!$J$16,0)</f>
        <v>0</v>
      </c>
    </row>
    <row r="1799" spans="8:17" x14ac:dyDescent="0.25">
      <c r="H1799" s="43">
        <v>1792</v>
      </c>
      <c r="I1799" s="55">
        <f>Bühler!I1825</f>
        <v>15.030489890061947</v>
      </c>
      <c r="J1799" s="58">
        <f>Bühler!J1825</f>
        <v>87.301771299162809</v>
      </c>
      <c r="K1799" s="58">
        <f>Bühler!K1825</f>
        <v>3.8812655680821826</v>
      </c>
      <c r="L1799" s="58">
        <f>Bühler!L1825</f>
        <v>1.9406327840410913</v>
      </c>
      <c r="M1799" s="57">
        <f>Bühler!M1825</f>
        <v>0</v>
      </c>
      <c r="N1799" s="55">
        <f>IF(Input!$K$13=1,J1799*Input!$J$13,0)+IF(Input!$K$14=1,K1799*Input!$J$14,0)+IF(Input!$K$15=1,L1799*Input!$J$15,0)+IF(Input!$K$16=1,M1799*Input!$J$16,0)</f>
        <v>10.476212555899536</v>
      </c>
      <c r="O1799" s="58">
        <f>IF(Input!$K$13=2,J1799*Input!$J$13,0)+IF(Input!$K$14=2,K1799*Input!$J$14,0)+IF(Input!$K$15=2,L1799*Input!$J$15,0)+IF(Input!$K$16=2,M1799*Input!$J$16,0)</f>
        <v>0.52397085169109459</v>
      </c>
      <c r="P1799" s="58">
        <f>IF(Input!$K$13=3,J1799*Input!$J$13,0)+IF(Input!$K$14=3,K1799*Input!$J$14,0)+IF(Input!$K$15=3,L1799*Input!$J$15,0)+IF(Input!$K$16=3,M1799*Input!$J$16,0)</f>
        <v>0</v>
      </c>
      <c r="Q1799" s="71">
        <f>IF(Input!$K$13=4,J1799*Input!$J$13,0)+IF(Input!$K$14=4,K1799*Input!$J$14,0)+IF(Input!$K$15=4,L1799*Input!$J$15,0)+IF(Input!$K$16=4,M1799*Input!$J$16,0)</f>
        <v>0</v>
      </c>
    </row>
    <row r="1800" spans="8:17" x14ac:dyDescent="0.25">
      <c r="H1800" s="43">
        <v>1793</v>
      </c>
      <c r="I1800" s="55">
        <f>Bühler!I1826</f>
        <v>12.559344076855952</v>
      </c>
      <c r="J1800" s="58">
        <f>Bühler!J1826</f>
        <v>55.456285356522379</v>
      </c>
      <c r="K1800" s="58">
        <f>Bühler!K1826</f>
        <v>2.287174352619858</v>
      </c>
      <c r="L1800" s="58">
        <f>Bühler!L1826</f>
        <v>1.143587176309929</v>
      </c>
      <c r="M1800" s="57">
        <f>Bühler!M1826</f>
        <v>0</v>
      </c>
      <c r="N1800" s="55">
        <f>IF(Input!$K$13=1,J1800*Input!$J$13,0)+IF(Input!$K$14=1,K1800*Input!$J$14,0)+IF(Input!$K$15=1,L1800*Input!$J$15,0)+IF(Input!$K$16=1,M1800*Input!$J$16,0)</f>
        <v>6.6547542427826851</v>
      </c>
      <c r="O1800" s="58">
        <f>IF(Input!$K$13=2,J1800*Input!$J$13,0)+IF(Input!$K$14=2,K1800*Input!$J$14,0)+IF(Input!$K$15=2,L1800*Input!$J$15,0)+IF(Input!$K$16=2,M1800*Input!$J$16,0)</f>
        <v>0.30876853760368084</v>
      </c>
      <c r="P1800" s="58">
        <f>IF(Input!$K$13=3,J1800*Input!$J$13,0)+IF(Input!$K$14=3,K1800*Input!$J$14,0)+IF(Input!$K$15=3,L1800*Input!$J$15,0)+IF(Input!$K$16=3,M1800*Input!$J$16,0)</f>
        <v>0</v>
      </c>
      <c r="Q1800" s="71">
        <f>IF(Input!$K$13=4,J1800*Input!$J$13,0)+IF(Input!$K$14=4,K1800*Input!$J$14,0)+IF(Input!$K$15=4,L1800*Input!$J$15,0)+IF(Input!$K$16=4,M1800*Input!$J$16,0)</f>
        <v>0</v>
      </c>
    </row>
    <row r="1801" spans="8:17" x14ac:dyDescent="0.25">
      <c r="H1801" s="43">
        <v>1794</v>
      </c>
      <c r="I1801" s="55">
        <f>Bühler!I1827</f>
        <v>9.9863907582369702</v>
      </c>
      <c r="J1801" s="58">
        <f>Bühler!J1827</f>
        <v>28.680446272025939</v>
      </c>
      <c r="K1801" s="58">
        <f>Bühler!K1827</f>
        <v>0.97617343261624334</v>
      </c>
      <c r="L1801" s="58">
        <f>Bühler!L1827</f>
        <v>0.48808671630812167</v>
      </c>
      <c r="M1801" s="57">
        <f>Bühler!M1827</f>
        <v>0</v>
      </c>
      <c r="N1801" s="55">
        <f>IF(Input!$K$13=1,J1801*Input!$J$13,0)+IF(Input!$K$14=1,K1801*Input!$J$14,0)+IF(Input!$K$15=1,L1801*Input!$J$15,0)+IF(Input!$K$16=1,M1801*Input!$J$16,0)</f>
        <v>3.4416535526431127</v>
      </c>
      <c r="O1801" s="58">
        <f>IF(Input!$K$13=2,J1801*Input!$J$13,0)+IF(Input!$K$14=2,K1801*Input!$J$14,0)+IF(Input!$K$15=2,L1801*Input!$J$15,0)+IF(Input!$K$16=2,M1801*Input!$J$16,0)</f>
        <v>0.13178341340319286</v>
      </c>
      <c r="P1801" s="58">
        <f>IF(Input!$K$13=3,J1801*Input!$J$13,0)+IF(Input!$K$14=3,K1801*Input!$J$14,0)+IF(Input!$K$15=3,L1801*Input!$J$15,0)+IF(Input!$K$16=3,M1801*Input!$J$16,0)</f>
        <v>0</v>
      </c>
      <c r="Q1801" s="71">
        <f>IF(Input!$K$13=4,J1801*Input!$J$13,0)+IF(Input!$K$14=4,K1801*Input!$J$14,0)+IF(Input!$K$15=4,L1801*Input!$J$15,0)+IF(Input!$K$16=4,M1801*Input!$J$16,0)</f>
        <v>0</v>
      </c>
    </row>
    <row r="1802" spans="8:17" x14ac:dyDescent="0.25">
      <c r="H1802" s="43">
        <v>1795</v>
      </c>
      <c r="I1802" s="55">
        <f>Bühler!I1828</f>
        <v>3.7020911059265886</v>
      </c>
      <c r="J1802" s="58">
        <f>Bühler!J1828</f>
        <v>15.799423845484819</v>
      </c>
      <c r="K1802" s="58">
        <f>Bühler!K1828</f>
        <v>0.64427446552672052</v>
      </c>
      <c r="L1802" s="58">
        <f>Bühler!L1828</f>
        <v>0.32213723276336026</v>
      </c>
      <c r="M1802" s="57">
        <f>Bühler!M1828</f>
        <v>0</v>
      </c>
      <c r="N1802" s="55">
        <f>IF(Input!$K$13=1,J1802*Input!$J$13,0)+IF(Input!$K$14=1,K1802*Input!$J$14,0)+IF(Input!$K$15=1,L1802*Input!$J$15,0)+IF(Input!$K$16=1,M1802*Input!$J$16,0)</f>
        <v>1.8959308614581782</v>
      </c>
      <c r="O1802" s="58">
        <f>IF(Input!$K$13=2,J1802*Input!$J$13,0)+IF(Input!$K$14=2,K1802*Input!$J$14,0)+IF(Input!$K$15=2,L1802*Input!$J$15,0)+IF(Input!$K$16=2,M1802*Input!$J$16,0)</f>
        <v>8.6977052846107267E-2</v>
      </c>
      <c r="P1802" s="58">
        <f>IF(Input!$K$13=3,J1802*Input!$J$13,0)+IF(Input!$K$14=3,K1802*Input!$J$14,0)+IF(Input!$K$15=3,L1802*Input!$J$15,0)+IF(Input!$K$16=3,M1802*Input!$J$16,0)</f>
        <v>0</v>
      </c>
      <c r="Q1802" s="71">
        <f>IF(Input!$K$13=4,J1802*Input!$J$13,0)+IF(Input!$K$14=4,K1802*Input!$J$14,0)+IF(Input!$K$15=4,L1802*Input!$J$15,0)+IF(Input!$K$16=4,M1802*Input!$J$16,0)</f>
        <v>0</v>
      </c>
    </row>
    <row r="1803" spans="8:17" x14ac:dyDescent="0.25">
      <c r="H1803" s="43">
        <v>1796</v>
      </c>
      <c r="I1803" s="55">
        <f>Bühler!I1829</f>
        <v>3.7020911059265886</v>
      </c>
      <c r="J1803" s="58">
        <f>Bühler!J1829</f>
        <v>15.799423845484819</v>
      </c>
      <c r="K1803" s="58">
        <f>Bühler!K1829</f>
        <v>0.64427446552672052</v>
      </c>
      <c r="L1803" s="58">
        <f>Bühler!L1829</f>
        <v>0.32213723276336026</v>
      </c>
      <c r="M1803" s="57">
        <f>Bühler!M1829</f>
        <v>0</v>
      </c>
      <c r="N1803" s="55">
        <f>IF(Input!$K$13=1,J1803*Input!$J$13,0)+IF(Input!$K$14=1,K1803*Input!$J$14,0)+IF(Input!$K$15=1,L1803*Input!$J$15,0)+IF(Input!$K$16=1,M1803*Input!$J$16,0)</f>
        <v>1.8959308614581782</v>
      </c>
      <c r="O1803" s="58">
        <f>IF(Input!$K$13=2,J1803*Input!$J$13,0)+IF(Input!$K$14=2,K1803*Input!$J$14,0)+IF(Input!$K$15=2,L1803*Input!$J$15,0)+IF(Input!$K$16=2,M1803*Input!$J$16,0)</f>
        <v>8.6977052846107267E-2</v>
      </c>
      <c r="P1803" s="58">
        <f>IF(Input!$K$13=3,J1803*Input!$J$13,0)+IF(Input!$K$14=3,K1803*Input!$J$14,0)+IF(Input!$K$15=3,L1803*Input!$J$15,0)+IF(Input!$K$16=3,M1803*Input!$J$16,0)</f>
        <v>0</v>
      </c>
      <c r="Q1803" s="71">
        <f>IF(Input!$K$13=4,J1803*Input!$J$13,0)+IF(Input!$K$14=4,K1803*Input!$J$14,0)+IF(Input!$K$15=4,L1803*Input!$J$15,0)+IF(Input!$K$16=4,M1803*Input!$J$16,0)</f>
        <v>0</v>
      </c>
    </row>
    <row r="1804" spans="8:17" x14ac:dyDescent="0.25">
      <c r="H1804" s="43">
        <v>1797</v>
      </c>
      <c r="I1804" s="55">
        <f>Bühler!I1830</f>
        <v>3.7020911059265886</v>
      </c>
      <c r="J1804" s="58">
        <f>Bühler!J1830</f>
        <v>15.799423845484819</v>
      </c>
      <c r="K1804" s="58">
        <f>Bühler!K1830</f>
        <v>0.64427446552672052</v>
      </c>
      <c r="L1804" s="58">
        <f>Bühler!L1830</f>
        <v>0.32213723276336026</v>
      </c>
      <c r="M1804" s="57">
        <f>Bühler!M1830</f>
        <v>0</v>
      </c>
      <c r="N1804" s="55">
        <f>IF(Input!$K$13=1,J1804*Input!$J$13,0)+IF(Input!$K$14=1,K1804*Input!$J$14,0)+IF(Input!$K$15=1,L1804*Input!$J$15,0)+IF(Input!$K$16=1,M1804*Input!$J$16,0)</f>
        <v>1.8959308614581782</v>
      </c>
      <c r="O1804" s="58">
        <f>IF(Input!$K$13=2,J1804*Input!$J$13,0)+IF(Input!$K$14=2,K1804*Input!$J$14,0)+IF(Input!$K$15=2,L1804*Input!$J$15,0)+IF(Input!$K$16=2,M1804*Input!$J$16,0)</f>
        <v>8.6977052846107267E-2</v>
      </c>
      <c r="P1804" s="58">
        <f>IF(Input!$K$13=3,J1804*Input!$J$13,0)+IF(Input!$K$14=3,K1804*Input!$J$14,0)+IF(Input!$K$15=3,L1804*Input!$J$15,0)+IF(Input!$K$16=3,M1804*Input!$J$16,0)</f>
        <v>0</v>
      </c>
      <c r="Q1804" s="71">
        <f>IF(Input!$K$13=4,J1804*Input!$J$13,0)+IF(Input!$K$14=4,K1804*Input!$J$14,0)+IF(Input!$K$15=4,L1804*Input!$J$15,0)+IF(Input!$K$16=4,M1804*Input!$J$16,0)</f>
        <v>0</v>
      </c>
    </row>
    <row r="1805" spans="8:17" x14ac:dyDescent="0.25">
      <c r="H1805" s="43">
        <v>1798</v>
      </c>
      <c r="I1805" s="55">
        <f>Bühler!I1831</f>
        <v>3.7020911059265886</v>
      </c>
      <c r="J1805" s="58">
        <f>Bühler!J1831</f>
        <v>15.799423845484819</v>
      </c>
      <c r="K1805" s="58">
        <f>Bühler!K1831</f>
        <v>0.64427446552672052</v>
      </c>
      <c r="L1805" s="58">
        <f>Bühler!L1831</f>
        <v>0.32213723276336026</v>
      </c>
      <c r="M1805" s="57">
        <f>Bühler!M1831</f>
        <v>0</v>
      </c>
      <c r="N1805" s="55">
        <f>IF(Input!$K$13=1,J1805*Input!$J$13,0)+IF(Input!$K$14=1,K1805*Input!$J$14,0)+IF(Input!$K$15=1,L1805*Input!$J$15,0)+IF(Input!$K$16=1,M1805*Input!$J$16,0)</f>
        <v>1.8959308614581782</v>
      </c>
      <c r="O1805" s="58">
        <f>IF(Input!$K$13=2,J1805*Input!$J$13,0)+IF(Input!$K$14=2,K1805*Input!$J$14,0)+IF(Input!$K$15=2,L1805*Input!$J$15,0)+IF(Input!$K$16=2,M1805*Input!$J$16,0)</f>
        <v>8.6977052846107267E-2</v>
      </c>
      <c r="P1805" s="58">
        <f>IF(Input!$K$13=3,J1805*Input!$J$13,0)+IF(Input!$K$14=3,K1805*Input!$J$14,0)+IF(Input!$K$15=3,L1805*Input!$J$15,0)+IF(Input!$K$16=3,M1805*Input!$J$16,0)</f>
        <v>0</v>
      </c>
      <c r="Q1805" s="71">
        <f>IF(Input!$K$13=4,J1805*Input!$J$13,0)+IF(Input!$K$14=4,K1805*Input!$J$14,0)+IF(Input!$K$15=4,L1805*Input!$J$15,0)+IF(Input!$K$16=4,M1805*Input!$J$16,0)</f>
        <v>0</v>
      </c>
    </row>
    <row r="1806" spans="8:17" x14ac:dyDescent="0.25">
      <c r="H1806" s="43">
        <v>1799</v>
      </c>
      <c r="I1806" s="55">
        <f>Bühler!I1832</f>
        <v>3.7020911059265886</v>
      </c>
      <c r="J1806" s="58">
        <f>Bühler!J1832</f>
        <v>15.799423845484819</v>
      </c>
      <c r="K1806" s="58">
        <f>Bühler!K1832</f>
        <v>0.64427446552672052</v>
      </c>
      <c r="L1806" s="58">
        <f>Bühler!L1832</f>
        <v>0.32213723276336026</v>
      </c>
      <c r="M1806" s="57">
        <f>Bühler!M1832</f>
        <v>0</v>
      </c>
      <c r="N1806" s="55">
        <f>IF(Input!$K$13=1,J1806*Input!$J$13,0)+IF(Input!$K$14=1,K1806*Input!$J$14,0)+IF(Input!$K$15=1,L1806*Input!$J$15,0)+IF(Input!$K$16=1,M1806*Input!$J$16,0)</f>
        <v>1.8959308614581782</v>
      </c>
      <c r="O1806" s="58">
        <f>IF(Input!$K$13=2,J1806*Input!$J$13,0)+IF(Input!$K$14=2,K1806*Input!$J$14,0)+IF(Input!$K$15=2,L1806*Input!$J$15,0)+IF(Input!$K$16=2,M1806*Input!$J$16,0)</f>
        <v>8.6977052846107267E-2</v>
      </c>
      <c r="P1806" s="58">
        <f>IF(Input!$K$13=3,J1806*Input!$J$13,0)+IF(Input!$K$14=3,K1806*Input!$J$14,0)+IF(Input!$K$15=3,L1806*Input!$J$15,0)+IF(Input!$K$16=3,M1806*Input!$J$16,0)</f>
        <v>0</v>
      </c>
      <c r="Q1806" s="71">
        <f>IF(Input!$K$13=4,J1806*Input!$J$13,0)+IF(Input!$K$14=4,K1806*Input!$J$14,0)+IF(Input!$K$15=4,L1806*Input!$J$15,0)+IF(Input!$K$16=4,M1806*Input!$J$16,0)</f>
        <v>0</v>
      </c>
    </row>
    <row r="1807" spans="8:17" x14ac:dyDescent="0.25">
      <c r="H1807" s="43">
        <v>1800</v>
      </c>
      <c r="I1807" s="55">
        <f>Bühler!I1833</f>
        <v>3.7020911059265886</v>
      </c>
      <c r="J1807" s="58">
        <f>Bühler!J1833</f>
        <v>15.799423845484819</v>
      </c>
      <c r="K1807" s="58">
        <f>Bühler!K1833</f>
        <v>0.64427446552672052</v>
      </c>
      <c r="L1807" s="58">
        <f>Bühler!L1833</f>
        <v>0.32213723276336026</v>
      </c>
      <c r="M1807" s="57">
        <f>Bühler!M1833</f>
        <v>0</v>
      </c>
      <c r="N1807" s="55">
        <f>IF(Input!$K$13=1,J1807*Input!$J$13,0)+IF(Input!$K$14=1,K1807*Input!$J$14,0)+IF(Input!$K$15=1,L1807*Input!$J$15,0)+IF(Input!$K$16=1,M1807*Input!$J$16,0)</f>
        <v>1.8959308614581782</v>
      </c>
      <c r="O1807" s="58">
        <f>IF(Input!$K$13=2,J1807*Input!$J$13,0)+IF(Input!$K$14=2,K1807*Input!$J$14,0)+IF(Input!$K$15=2,L1807*Input!$J$15,0)+IF(Input!$K$16=2,M1807*Input!$J$16,0)</f>
        <v>8.6977052846107267E-2</v>
      </c>
      <c r="P1807" s="58">
        <f>IF(Input!$K$13=3,J1807*Input!$J$13,0)+IF(Input!$K$14=3,K1807*Input!$J$14,0)+IF(Input!$K$15=3,L1807*Input!$J$15,0)+IF(Input!$K$16=3,M1807*Input!$J$16,0)</f>
        <v>0</v>
      </c>
      <c r="Q1807" s="71">
        <f>IF(Input!$K$13=4,J1807*Input!$J$13,0)+IF(Input!$K$14=4,K1807*Input!$J$14,0)+IF(Input!$K$15=4,L1807*Input!$J$15,0)+IF(Input!$K$16=4,M1807*Input!$J$16,0)</f>
        <v>0</v>
      </c>
    </row>
    <row r="1808" spans="8:17" x14ac:dyDescent="0.25">
      <c r="H1808" s="43">
        <v>1801</v>
      </c>
      <c r="I1808" s="55">
        <f>Bühler!I1834</f>
        <v>2.4475825073746855</v>
      </c>
      <c r="J1808" s="58">
        <f>Bühler!J1834</f>
        <v>19.091052502682924</v>
      </c>
      <c r="K1808" s="58">
        <f>Bühler!K1834</f>
        <v>0.9663507885355378</v>
      </c>
      <c r="L1808" s="58">
        <f>Bühler!L1834</f>
        <v>0.4831753942677689</v>
      </c>
      <c r="M1808" s="57">
        <f>Bühler!M1834</f>
        <v>0</v>
      </c>
      <c r="N1808" s="55">
        <f>IF(Input!$K$13=1,J1808*Input!$J$13,0)+IF(Input!$K$14=1,K1808*Input!$J$14,0)+IF(Input!$K$15=1,L1808*Input!$J$15,0)+IF(Input!$K$16=1,M1808*Input!$J$16,0)</f>
        <v>2.2909263003219507</v>
      </c>
      <c r="O1808" s="58">
        <f>IF(Input!$K$13=2,J1808*Input!$J$13,0)+IF(Input!$K$14=2,K1808*Input!$J$14,0)+IF(Input!$K$15=2,L1808*Input!$J$15,0)+IF(Input!$K$16=2,M1808*Input!$J$16,0)</f>
        <v>0.13045735645229758</v>
      </c>
      <c r="P1808" s="58">
        <f>IF(Input!$K$13=3,J1808*Input!$J$13,0)+IF(Input!$K$14=3,K1808*Input!$J$14,0)+IF(Input!$K$15=3,L1808*Input!$J$15,0)+IF(Input!$K$16=3,M1808*Input!$J$16,0)</f>
        <v>0</v>
      </c>
      <c r="Q1808" s="71">
        <f>IF(Input!$K$13=4,J1808*Input!$J$13,0)+IF(Input!$K$14=4,K1808*Input!$J$14,0)+IF(Input!$K$15=4,L1808*Input!$J$15,0)+IF(Input!$K$16=4,M1808*Input!$J$16,0)</f>
        <v>0</v>
      </c>
    </row>
    <row r="1809" spans="8:17" x14ac:dyDescent="0.25">
      <c r="H1809" s="43">
        <v>1802</v>
      </c>
      <c r="I1809" s="55">
        <f>Bühler!I1835</f>
        <v>2.4475825073746855</v>
      </c>
      <c r="J1809" s="58">
        <f>Bühler!J1835</f>
        <v>12.614883950480362</v>
      </c>
      <c r="K1809" s="58">
        <f>Bühler!K1835</f>
        <v>0.58566714456699243</v>
      </c>
      <c r="L1809" s="58">
        <f>Bühler!L1835</f>
        <v>0.29283357228349621</v>
      </c>
      <c r="M1809" s="57">
        <f>Bühler!M1835</f>
        <v>0</v>
      </c>
      <c r="N1809" s="55">
        <f>IF(Input!$K$13=1,J1809*Input!$J$13,0)+IF(Input!$K$14=1,K1809*Input!$J$14,0)+IF(Input!$K$15=1,L1809*Input!$J$15,0)+IF(Input!$K$16=1,M1809*Input!$J$16,0)</f>
        <v>1.5137860740576434</v>
      </c>
      <c r="O1809" s="58">
        <f>IF(Input!$K$13=2,J1809*Input!$J$13,0)+IF(Input!$K$14=2,K1809*Input!$J$14,0)+IF(Input!$K$15=2,L1809*Input!$J$15,0)+IF(Input!$K$16=2,M1809*Input!$J$16,0)</f>
        <v>7.9065064516543979E-2</v>
      </c>
      <c r="P1809" s="58">
        <f>IF(Input!$K$13=3,J1809*Input!$J$13,0)+IF(Input!$K$14=3,K1809*Input!$J$14,0)+IF(Input!$K$15=3,L1809*Input!$J$15,0)+IF(Input!$K$16=3,M1809*Input!$J$16,0)</f>
        <v>0</v>
      </c>
      <c r="Q1809" s="71">
        <f>IF(Input!$K$13=4,J1809*Input!$J$13,0)+IF(Input!$K$14=4,K1809*Input!$J$14,0)+IF(Input!$K$15=4,L1809*Input!$J$15,0)+IF(Input!$K$16=4,M1809*Input!$J$16,0)</f>
        <v>0</v>
      </c>
    </row>
    <row r="1810" spans="8:17" x14ac:dyDescent="0.25">
      <c r="H1810" s="43">
        <v>1803</v>
      </c>
      <c r="I1810" s="55">
        <f>Bühler!I1836</f>
        <v>2.4475825073746855</v>
      </c>
      <c r="J1810" s="58">
        <f>Bühler!J1836</f>
        <v>12.614883950480362</v>
      </c>
      <c r="K1810" s="58">
        <f>Bühler!K1836</f>
        <v>0.58566714456699243</v>
      </c>
      <c r="L1810" s="58">
        <f>Bühler!L1836</f>
        <v>0.29283357228349621</v>
      </c>
      <c r="M1810" s="57">
        <f>Bühler!M1836</f>
        <v>0</v>
      </c>
      <c r="N1810" s="55">
        <f>IF(Input!$K$13=1,J1810*Input!$J$13,0)+IF(Input!$K$14=1,K1810*Input!$J$14,0)+IF(Input!$K$15=1,L1810*Input!$J$15,0)+IF(Input!$K$16=1,M1810*Input!$J$16,0)</f>
        <v>1.5137860740576434</v>
      </c>
      <c r="O1810" s="58">
        <f>IF(Input!$K$13=2,J1810*Input!$J$13,0)+IF(Input!$K$14=2,K1810*Input!$J$14,0)+IF(Input!$K$15=2,L1810*Input!$J$15,0)+IF(Input!$K$16=2,M1810*Input!$J$16,0)</f>
        <v>7.9065064516543979E-2</v>
      </c>
      <c r="P1810" s="58">
        <f>IF(Input!$K$13=3,J1810*Input!$J$13,0)+IF(Input!$K$14=3,K1810*Input!$J$14,0)+IF(Input!$K$15=3,L1810*Input!$J$15,0)+IF(Input!$K$16=3,M1810*Input!$J$16,0)</f>
        <v>0</v>
      </c>
      <c r="Q1810" s="71">
        <f>IF(Input!$K$13=4,J1810*Input!$J$13,0)+IF(Input!$K$14=4,K1810*Input!$J$14,0)+IF(Input!$K$15=4,L1810*Input!$J$15,0)+IF(Input!$K$16=4,M1810*Input!$J$16,0)</f>
        <v>0</v>
      </c>
    </row>
    <row r="1811" spans="8:17" x14ac:dyDescent="0.25">
      <c r="H1811" s="43">
        <v>1804</v>
      </c>
      <c r="I1811" s="55">
        <f>Bühler!I1837</f>
        <v>2.4475825073746855</v>
      </c>
      <c r="J1811" s="58">
        <f>Bühler!J1837</f>
        <v>12.614883950480362</v>
      </c>
      <c r="K1811" s="58">
        <f>Bühler!K1837</f>
        <v>0.58566714456699243</v>
      </c>
      <c r="L1811" s="58">
        <f>Bühler!L1837</f>
        <v>0.29283357228349621</v>
      </c>
      <c r="M1811" s="57">
        <f>Bühler!M1837</f>
        <v>0</v>
      </c>
      <c r="N1811" s="55">
        <f>IF(Input!$K$13=1,J1811*Input!$J$13,0)+IF(Input!$K$14=1,K1811*Input!$J$14,0)+IF(Input!$K$15=1,L1811*Input!$J$15,0)+IF(Input!$K$16=1,M1811*Input!$J$16,0)</f>
        <v>1.5137860740576434</v>
      </c>
      <c r="O1811" s="58">
        <f>IF(Input!$K$13=2,J1811*Input!$J$13,0)+IF(Input!$K$14=2,K1811*Input!$J$14,0)+IF(Input!$K$15=2,L1811*Input!$J$15,0)+IF(Input!$K$16=2,M1811*Input!$J$16,0)</f>
        <v>7.9065064516543979E-2</v>
      </c>
      <c r="P1811" s="58">
        <f>IF(Input!$K$13=3,J1811*Input!$J$13,0)+IF(Input!$K$14=3,K1811*Input!$J$14,0)+IF(Input!$K$15=3,L1811*Input!$J$15,0)+IF(Input!$K$16=3,M1811*Input!$J$16,0)</f>
        <v>0</v>
      </c>
      <c r="Q1811" s="71">
        <f>IF(Input!$K$13=4,J1811*Input!$J$13,0)+IF(Input!$K$14=4,K1811*Input!$J$14,0)+IF(Input!$K$15=4,L1811*Input!$J$15,0)+IF(Input!$K$16=4,M1811*Input!$J$16,0)</f>
        <v>0</v>
      </c>
    </row>
    <row r="1812" spans="8:17" x14ac:dyDescent="0.25">
      <c r="H1812" s="43">
        <v>1805</v>
      </c>
      <c r="I1812" s="55">
        <f>Bühler!I1838</f>
        <v>2.4475825073746855</v>
      </c>
      <c r="J1812" s="58">
        <f>Bühler!J1838</f>
        <v>12.614883950480362</v>
      </c>
      <c r="K1812" s="58">
        <f>Bühler!K1838</f>
        <v>0.58566714456699243</v>
      </c>
      <c r="L1812" s="58">
        <f>Bühler!L1838</f>
        <v>0.29283357228349621</v>
      </c>
      <c r="M1812" s="57">
        <f>Bühler!M1838</f>
        <v>0</v>
      </c>
      <c r="N1812" s="55">
        <f>IF(Input!$K$13=1,J1812*Input!$J$13,0)+IF(Input!$K$14=1,K1812*Input!$J$14,0)+IF(Input!$K$15=1,L1812*Input!$J$15,0)+IF(Input!$K$16=1,M1812*Input!$J$16,0)</f>
        <v>1.5137860740576434</v>
      </c>
      <c r="O1812" s="58">
        <f>IF(Input!$K$13=2,J1812*Input!$J$13,0)+IF(Input!$K$14=2,K1812*Input!$J$14,0)+IF(Input!$K$15=2,L1812*Input!$J$15,0)+IF(Input!$K$16=2,M1812*Input!$J$16,0)</f>
        <v>7.9065064516543979E-2</v>
      </c>
      <c r="P1812" s="58">
        <f>IF(Input!$K$13=3,J1812*Input!$J$13,0)+IF(Input!$K$14=3,K1812*Input!$J$14,0)+IF(Input!$K$15=3,L1812*Input!$J$15,0)+IF(Input!$K$16=3,M1812*Input!$J$16,0)</f>
        <v>0</v>
      </c>
      <c r="Q1812" s="71">
        <f>IF(Input!$K$13=4,J1812*Input!$J$13,0)+IF(Input!$K$14=4,K1812*Input!$J$14,0)+IF(Input!$K$15=4,L1812*Input!$J$15,0)+IF(Input!$K$16=4,M1812*Input!$J$16,0)</f>
        <v>0</v>
      </c>
    </row>
    <row r="1813" spans="8:17" x14ac:dyDescent="0.25">
      <c r="H1813" s="43">
        <v>1806</v>
      </c>
      <c r="I1813" s="55">
        <f>Bühler!I1839</f>
        <v>2.4475825073746855</v>
      </c>
      <c r="J1813" s="58">
        <f>Bühler!J1839</f>
        <v>12.614883950480362</v>
      </c>
      <c r="K1813" s="58">
        <f>Bühler!K1839</f>
        <v>0.58566714456699243</v>
      </c>
      <c r="L1813" s="58">
        <f>Bühler!L1839</f>
        <v>0.29283357228349621</v>
      </c>
      <c r="M1813" s="57">
        <f>Bühler!M1839</f>
        <v>0</v>
      </c>
      <c r="N1813" s="55">
        <f>IF(Input!$K$13=1,J1813*Input!$J$13,0)+IF(Input!$K$14=1,K1813*Input!$J$14,0)+IF(Input!$K$15=1,L1813*Input!$J$15,0)+IF(Input!$K$16=1,M1813*Input!$J$16,0)</f>
        <v>1.5137860740576434</v>
      </c>
      <c r="O1813" s="58">
        <f>IF(Input!$K$13=2,J1813*Input!$J$13,0)+IF(Input!$K$14=2,K1813*Input!$J$14,0)+IF(Input!$K$15=2,L1813*Input!$J$15,0)+IF(Input!$K$16=2,M1813*Input!$J$16,0)</f>
        <v>7.9065064516543979E-2</v>
      </c>
      <c r="P1813" s="58">
        <f>IF(Input!$K$13=3,J1813*Input!$J$13,0)+IF(Input!$K$14=3,K1813*Input!$J$14,0)+IF(Input!$K$15=3,L1813*Input!$J$15,0)+IF(Input!$K$16=3,M1813*Input!$J$16,0)</f>
        <v>0</v>
      </c>
      <c r="Q1813" s="71">
        <f>IF(Input!$K$13=4,J1813*Input!$J$13,0)+IF(Input!$K$14=4,K1813*Input!$J$14,0)+IF(Input!$K$15=4,L1813*Input!$J$15,0)+IF(Input!$K$16=4,M1813*Input!$J$16,0)</f>
        <v>0</v>
      </c>
    </row>
    <row r="1814" spans="8:17" x14ac:dyDescent="0.25">
      <c r="H1814" s="43">
        <v>1807</v>
      </c>
      <c r="I1814" s="55">
        <f>Bühler!I1840</f>
        <v>2.4475825073746855</v>
      </c>
      <c r="J1814" s="58">
        <f>Bühler!J1840</f>
        <v>12.614883950480362</v>
      </c>
      <c r="K1814" s="58">
        <f>Bühler!K1840</f>
        <v>0.58566714456699243</v>
      </c>
      <c r="L1814" s="58">
        <f>Bühler!L1840</f>
        <v>0.29283357228349621</v>
      </c>
      <c r="M1814" s="57">
        <f>Bühler!M1840</f>
        <v>0</v>
      </c>
      <c r="N1814" s="55">
        <f>IF(Input!$K$13=1,J1814*Input!$J$13,0)+IF(Input!$K$14=1,K1814*Input!$J$14,0)+IF(Input!$K$15=1,L1814*Input!$J$15,0)+IF(Input!$K$16=1,M1814*Input!$J$16,0)</f>
        <v>1.5137860740576434</v>
      </c>
      <c r="O1814" s="58">
        <f>IF(Input!$K$13=2,J1814*Input!$J$13,0)+IF(Input!$K$14=2,K1814*Input!$J$14,0)+IF(Input!$K$15=2,L1814*Input!$J$15,0)+IF(Input!$K$16=2,M1814*Input!$J$16,0)</f>
        <v>7.9065064516543979E-2</v>
      </c>
      <c r="P1814" s="58">
        <f>IF(Input!$K$13=3,J1814*Input!$J$13,0)+IF(Input!$K$14=3,K1814*Input!$J$14,0)+IF(Input!$K$15=3,L1814*Input!$J$15,0)+IF(Input!$K$16=3,M1814*Input!$J$16,0)</f>
        <v>0</v>
      </c>
      <c r="Q1814" s="71">
        <f>IF(Input!$K$13=4,J1814*Input!$J$13,0)+IF(Input!$K$14=4,K1814*Input!$J$14,0)+IF(Input!$K$15=4,L1814*Input!$J$15,0)+IF(Input!$K$16=4,M1814*Input!$J$16,0)</f>
        <v>0</v>
      </c>
    </row>
    <row r="1815" spans="8:17" x14ac:dyDescent="0.25">
      <c r="H1815" s="43">
        <v>1808</v>
      </c>
      <c r="I1815" s="55">
        <f>Bühler!I1841</f>
        <v>6.632159052241084</v>
      </c>
      <c r="J1815" s="58">
        <f>Bühler!J1841</f>
        <v>49.628651330773337</v>
      </c>
      <c r="K1815" s="58">
        <f>Bühler!K1841</f>
        <v>2.494942035855388</v>
      </c>
      <c r="L1815" s="58">
        <f>Bühler!L1841</f>
        <v>1.247471017927694</v>
      </c>
      <c r="M1815" s="57">
        <f>Bühler!M1841</f>
        <v>0</v>
      </c>
      <c r="N1815" s="55">
        <f>IF(Input!$K$13=1,J1815*Input!$J$13,0)+IF(Input!$K$14=1,K1815*Input!$J$14,0)+IF(Input!$K$15=1,L1815*Input!$J$15,0)+IF(Input!$K$16=1,M1815*Input!$J$16,0)</f>
        <v>5.9554381596928003</v>
      </c>
      <c r="O1815" s="58">
        <f>IF(Input!$K$13=2,J1815*Input!$J$13,0)+IF(Input!$K$14=2,K1815*Input!$J$14,0)+IF(Input!$K$15=2,L1815*Input!$J$15,0)+IF(Input!$K$16=2,M1815*Input!$J$16,0)</f>
        <v>0.33681717484047735</v>
      </c>
      <c r="P1815" s="58">
        <f>IF(Input!$K$13=3,J1815*Input!$J$13,0)+IF(Input!$K$14=3,K1815*Input!$J$14,0)+IF(Input!$K$15=3,L1815*Input!$J$15,0)+IF(Input!$K$16=3,M1815*Input!$J$16,0)</f>
        <v>0</v>
      </c>
      <c r="Q1815" s="71">
        <f>IF(Input!$K$13=4,J1815*Input!$J$13,0)+IF(Input!$K$14=4,K1815*Input!$J$14,0)+IF(Input!$K$15=4,L1815*Input!$J$15,0)+IF(Input!$K$16=4,M1815*Input!$J$16,0)</f>
        <v>0</v>
      </c>
    </row>
    <row r="1816" spans="8:17" x14ac:dyDescent="0.25">
      <c r="H1816" s="43">
        <v>1809</v>
      </c>
      <c r="I1816" s="55">
        <f>Bühler!I1842</f>
        <v>8.2901988153013519</v>
      </c>
      <c r="J1816" s="58">
        <f>Bühler!J1842</f>
        <v>62.035814163466675</v>
      </c>
      <c r="K1816" s="58">
        <f>Bühler!K1842</f>
        <v>3.118677544819235</v>
      </c>
      <c r="L1816" s="58">
        <f>Bühler!L1842</f>
        <v>1.5593387724096175</v>
      </c>
      <c r="M1816" s="57">
        <f>Bühler!M1842</f>
        <v>0</v>
      </c>
      <c r="N1816" s="55">
        <f>IF(Input!$K$13=1,J1816*Input!$J$13,0)+IF(Input!$K$14=1,K1816*Input!$J$14,0)+IF(Input!$K$15=1,L1816*Input!$J$15,0)+IF(Input!$K$16=1,M1816*Input!$J$16,0)</f>
        <v>7.4442976996160004</v>
      </c>
      <c r="O1816" s="58">
        <f>IF(Input!$K$13=2,J1816*Input!$J$13,0)+IF(Input!$K$14=2,K1816*Input!$J$14,0)+IF(Input!$K$15=2,L1816*Input!$J$15,0)+IF(Input!$K$16=2,M1816*Input!$J$16,0)</f>
        <v>0.42102146855059674</v>
      </c>
      <c r="P1816" s="58">
        <f>IF(Input!$K$13=3,J1816*Input!$J$13,0)+IF(Input!$K$14=3,K1816*Input!$J$14,0)+IF(Input!$K$15=3,L1816*Input!$J$15,0)+IF(Input!$K$16=3,M1816*Input!$J$16,0)</f>
        <v>0</v>
      </c>
      <c r="Q1816" s="71">
        <f>IF(Input!$K$13=4,J1816*Input!$J$13,0)+IF(Input!$K$14=4,K1816*Input!$J$14,0)+IF(Input!$K$15=4,L1816*Input!$J$15,0)+IF(Input!$K$16=4,M1816*Input!$J$16,0)</f>
        <v>0</v>
      </c>
    </row>
    <row r="1817" spans="8:17" x14ac:dyDescent="0.25">
      <c r="H1817" s="43">
        <v>1810</v>
      </c>
      <c r="I1817" s="55">
        <f>Bühler!I1843</f>
        <v>9.1192186968314903</v>
      </c>
      <c r="J1817" s="58">
        <f>Bühler!J1843</f>
        <v>68.239395579813333</v>
      </c>
      <c r="K1817" s="58">
        <f>Bühler!K1843</f>
        <v>3.4305452993011585</v>
      </c>
      <c r="L1817" s="58">
        <f>Bühler!L1843</f>
        <v>1.7152726496505792</v>
      </c>
      <c r="M1817" s="57">
        <f>Bühler!M1843</f>
        <v>0</v>
      </c>
      <c r="N1817" s="55">
        <f>IF(Input!$K$13=1,J1817*Input!$J$13,0)+IF(Input!$K$14=1,K1817*Input!$J$14,0)+IF(Input!$K$15=1,L1817*Input!$J$15,0)+IF(Input!$K$16=1,M1817*Input!$J$16,0)</f>
        <v>8.1887274695776</v>
      </c>
      <c r="O1817" s="58">
        <f>IF(Input!$K$13=2,J1817*Input!$J$13,0)+IF(Input!$K$14=2,K1817*Input!$J$14,0)+IF(Input!$K$15=2,L1817*Input!$J$15,0)+IF(Input!$K$16=2,M1817*Input!$J$16,0)</f>
        <v>0.46312361540565639</v>
      </c>
      <c r="P1817" s="58">
        <f>IF(Input!$K$13=3,J1817*Input!$J$13,0)+IF(Input!$K$14=3,K1817*Input!$J$14,0)+IF(Input!$K$15=3,L1817*Input!$J$15,0)+IF(Input!$K$16=3,M1817*Input!$J$16,0)</f>
        <v>0</v>
      </c>
      <c r="Q1817" s="71">
        <f>IF(Input!$K$13=4,J1817*Input!$J$13,0)+IF(Input!$K$14=4,K1817*Input!$J$14,0)+IF(Input!$K$15=4,L1817*Input!$J$15,0)+IF(Input!$K$16=4,M1817*Input!$J$16,0)</f>
        <v>0</v>
      </c>
    </row>
    <row r="1818" spans="8:17" x14ac:dyDescent="0.25">
      <c r="H1818" s="43">
        <v>1811</v>
      </c>
      <c r="I1818" s="55">
        <f>Bühler!I1844</f>
        <v>9.1192186968314903</v>
      </c>
      <c r="J1818" s="58">
        <f>Bühler!J1844</f>
        <v>68.239395579813333</v>
      </c>
      <c r="K1818" s="58">
        <f>Bühler!K1844</f>
        <v>3.4305452993011585</v>
      </c>
      <c r="L1818" s="58">
        <f>Bühler!L1844</f>
        <v>1.7152726496505792</v>
      </c>
      <c r="M1818" s="57">
        <f>Bühler!M1844</f>
        <v>0</v>
      </c>
      <c r="N1818" s="55">
        <f>IF(Input!$K$13=1,J1818*Input!$J$13,0)+IF(Input!$K$14=1,K1818*Input!$J$14,0)+IF(Input!$K$15=1,L1818*Input!$J$15,0)+IF(Input!$K$16=1,M1818*Input!$J$16,0)</f>
        <v>8.1887274695776</v>
      </c>
      <c r="O1818" s="58">
        <f>IF(Input!$K$13=2,J1818*Input!$J$13,0)+IF(Input!$K$14=2,K1818*Input!$J$14,0)+IF(Input!$K$15=2,L1818*Input!$J$15,0)+IF(Input!$K$16=2,M1818*Input!$J$16,0)</f>
        <v>0.46312361540565639</v>
      </c>
      <c r="P1818" s="58">
        <f>IF(Input!$K$13=3,J1818*Input!$J$13,0)+IF(Input!$K$14=3,K1818*Input!$J$14,0)+IF(Input!$K$15=3,L1818*Input!$J$15,0)+IF(Input!$K$16=3,M1818*Input!$J$16,0)</f>
        <v>0</v>
      </c>
      <c r="Q1818" s="71">
        <f>IF(Input!$K$13=4,J1818*Input!$J$13,0)+IF(Input!$K$14=4,K1818*Input!$J$14,0)+IF(Input!$K$15=4,L1818*Input!$J$15,0)+IF(Input!$K$16=4,M1818*Input!$J$16,0)</f>
        <v>0</v>
      </c>
    </row>
    <row r="1819" spans="8:17" x14ac:dyDescent="0.25">
      <c r="H1819" s="43">
        <v>1812</v>
      </c>
      <c r="I1819" s="55">
        <f>Bühler!I1845</f>
        <v>10.77725845989176</v>
      </c>
      <c r="J1819" s="58">
        <f>Bühler!J1845</f>
        <v>80.646558412506664</v>
      </c>
      <c r="K1819" s="58">
        <f>Bühler!K1845</f>
        <v>4.0542808082650055</v>
      </c>
      <c r="L1819" s="58">
        <f>Bühler!L1845</f>
        <v>2.0271404041325027</v>
      </c>
      <c r="M1819" s="57">
        <f>Bühler!M1845</f>
        <v>0</v>
      </c>
      <c r="N1819" s="55">
        <f>IF(Input!$K$13=1,J1819*Input!$J$13,0)+IF(Input!$K$14=1,K1819*Input!$J$14,0)+IF(Input!$K$15=1,L1819*Input!$J$15,0)+IF(Input!$K$16=1,M1819*Input!$J$16,0)</f>
        <v>9.6775870095007992</v>
      </c>
      <c r="O1819" s="58">
        <f>IF(Input!$K$13=2,J1819*Input!$J$13,0)+IF(Input!$K$14=2,K1819*Input!$J$14,0)+IF(Input!$K$15=2,L1819*Input!$J$15,0)+IF(Input!$K$16=2,M1819*Input!$J$16,0)</f>
        <v>0.54732790911577567</v>
      </c>
      <c r="P1819" s="58">
        <f>IF(Input!$K$13=3,J1819*Input!$J$13,0)+IF(Input!$K$14=3,K1819*Input!$J$14,0)+IF(Input!$K$15=3,L1819*Input!$J$15,0)+IF(Input!$K$16=3,M1819*Input!$J$16,0)</f>
        <v>0</v>
      </c>
      <c r="Q1819" s="71">
        <f>IF(Input!$K$13=4,J1819*Input!$J$13,0)+IF(Input!$K$14=4,K1819*Input!$J$14,0)+IF(Input!$K$15=4,L1819*Input!$J$15,0)+IF(Input!$K$16=4,M1819*Input!$J$16,0)</f>
        <v>0</v>
      </c>
    </row>
    <row r="1820" spans="8:17" x14ac:dyDescent="0.25">
      <c r="H1820" s="43">
        <v>1813</v>
      </c>
      <c r="I1820" s="55">
        <f>Bühler!I1846</f>
        <v>10.77725845989176</v>
      </c>
      <c r="J1820" s="58">
        <f>Bühler!J1846</f>
        <v>80.646558412506664</v>
      </c>
      <c r="K1820" s="58">
        <f>Bühler!K1846</f>
        <v>4.0542808082650055</v>
      </c>
      <c r="L1820" s="58">
        <f>Bühler!L1846</f>
        <v>2.0271404041325027</v>
      </c>
      <c r="M1820" s="57">
        <f>Bühler!M1846</f>
        <v>0</v>
      </c>
      <c r="N1820" s="55">
        <f>IF(Input!$K$13=1,J1820*Input!$J$13,0)+IF(Input!$K$14=1,K1820*Input!$J$14,0)+IF(Input!$K$15=1,L1820*Input!$J$15,0)+IF(Input!$K$16=1,M1820*Input!$J$16,0)</f>
        <v>9.6775870095007992</v>
      </c>
      <c r="O1820" s="58">
        <f>IF(Input!$K$13=2,J1820*Input!$J$13,0)+IF(Input!$K$14=2,K1820*Input!$J$14,0)+IF(Input!$K$15=2,L1820*Input!$J$15,0)+IF(Input!$K$16=2,M1820*Input!$J$16,0)</f>
        <v>0.54732790911577567</v>
      </c>
      <c r="P1820" s="58">
        <f>IF(Input!$K$13=3,J1820*Input!$J$13,0)+IF(Input!$K$14=3,K1820*Input!$J$14,0)+IF(Input!$K$15=3,L1820*Input!$J$15,0)+IF(Input!$K$16=3,M1820*Input!$J$16,0)</f>
        <v>0</v>
      </c>
      <c r="Q1820" s="71">
        <f>IF(Input!$K$13=4,J1820*Input!$J$13,0)+IF(Input!$K$14=4,K1820*Input!$J$14,0)+IF(Input!$K$15=4,L1820*Input!$J$15,0)+IF(Input!$K$16=4,M1820*Input!$J$16,0)</f>
        <v>0</v>
      </c>
    </row>
    <row r="1821" spans="8:17" x14ac:dyDescent="0.25">
      <c r="H1821" s="43">
        <v>1814</v>
      </c>
      <c r="I1821" s="55">
        <f>Bühler!I1847</f>
        <v>7.4611789337712189</v>
      </c>
      <c r="J1821" s="58">
        <f>Bühler!J1847</f>
        <v>55.83223274712001</v>
      </c>
      <c r="K1821" s="58">
        <f>Bühler!K1847</f>
        <v>2.8068097903373115</v>
      </c>
      <c r="L1821" s="58">
        <f>Bühler!L1847</f>
        <v>1.4034048951686557</v>
      </c>
      <c r="M1821" s="57">
        <f>Bühler!M1847</f>
        <v>0</v>
      </c>
      <c r="N1821" s="55">
        <f>IF(Input!$K$13=1,J1821*Input!$J$13,0)+IF(Input!$K$14=1,K1821*Input!$J$14,0)+IF(Input!$K$15=1,L1821*Input!$J$15,0)+IF(Input!$K$16=1,M1821*Input!$J$16,0)</f>
        <v>6.6998679296544008</v>
      </c>
      <c r="O1821" s="58">
        <f>IF(Input!$K$13=2,J1821*Input!$J$13,0)+IF(Input!$K$14=2,K1821*Input!$J$14,0)+IF(Input!$K$15=2,L1821*Input!$J$15,0)+IF(Input!$K$16=2,M1821*Input!$J$16,0)</f>
        <v>0.37891932169553699</v>
      </c>
      <c r="P1821" s="58">
        <f>IF(Input!$K$13=3,J1821*Input!$J$13,0)+IF(Input!$K$14=3,K1821*Input!$J$14,0)+IF(Input!$K$15=3,L1821*Input!$J$15,0)+IF(Input!$K$16=3,M1821*Input!$J$16,0)</f>
        <v>0</v>
      </c>
      <c r="Q1821" s="71">
        <f>IF(Input!$K$13=4,J1821*Input!$J$13,0)+IF(Input!$K$14=4,K1821*Input!$J$14,0)+IF(Input!$K$15=4,L1821*Input!$J$15,0)+IF(Input!$K$16=4,M1821*Input!$J$16,0)</f>
        <v>0</v>
      </c>
    </row>
    <row r="1822" spans="8:17" x14ac:dyDescent="0.25">
      <c r="H1822" s="43">
        <v>1815</v>
      </c>
      <c r="I1822" s="55">
        <f>Bühler!I1848</f>
        <v>10.77725845989176</v>
      </c>
      <c r="J1822" s="58">
        <f>Bühler!J1848</f>
        <v>80.646558412506664</v>
      </c>
      <c r="K1822" s="58">
        <f>Bühler!K1848</f>
        <v>4.0542808082650055</v>
      </c>
      <c r="L1822" s="58">
        <f>Bühler!L1848</f>
        <v>2.0271404041325027</v>
      </c>
      <c r="M1822" s="57">
        <f>Bühler!M1848</f>
        <v>0</v>
      </c>
      <c r="N1822" s="55">
        <f>IF(Input!$K$13=1,J1822*Input!$J$13,0)+IF(Input!$K$14=1,K1822*Input!$J$14,0)+IF(Input!$K$15=1,L1822*Input!$J$15,0)+IF(Input!$K$16=1,M1822*Input!$J$16,0)</f>
        <v>9.6775870095007992</v>
      </c>
      <c r="O1822" s="58">
        <f>IF(Input!$K$13=2,J1822*Input!$J$13,0)+IF(Input!$K$14=2,K1822*Input!$J$14,0)+IF(Input!$K$15=2,L1822*Input!$J$15,0)+IF(Input!$K$16=2,M1822*Input!$J$16,0)</f>
        <v>0.54732790911577567</v>
      </c>
      <c r="P1822" s="58">
        <f>IF(Input!$K$13=3,J1822*Input!$J$13,0)+IF(Input!$K$14=3,K1822*Input!$J$14,0)+IF(Input!$K$15=3,L1822*Input!$J$15,0)+IF(Input!$K$16=3,M1822*Input!$J$16,0)</f>
        <v>0</v>
      </c>
      <c r="Q1822" s="71">
        <f>IF(Input!$K$13=4,J1822*Input!$J$13,0)+IF(Input!$K$14=4,K1822*Input!$J$14,0)+IF(Input!$K$15=4,L1822*Input!$J$15,0)+IF(Input!$K$16=4,M1822*Input!$J$16,0)</f>
        <v>0</v>
      </c>
    </row>
    <row r="1823" spans="8:17" x14ac:dyDescent="0.25">
      <c r="H1823" s="43">
        <v>1816</v>
      </c>
      <c r="I1823" s="55">
        <f>Bühler!I1849</f>
        <v>9.1192186968314903</v>
      </c>
      <c r="J1823" s="58">
        <f>Bühler!J1849</f>
        <v>62.933919035124326</v>
      </c>
      <c r="K1823" s="58">
        <f>Bühler!K1849</f>
        <v>3.118677544819235</v>
      </c>
      <c r="L1823" s="58">
        <f>Bühler!L1849</f>
        <v>1.5593387724096175</v>
      </c>
      <c r="M1823" s="57">
        <f>Bühler!M1849</f>
        <v>0</v>
      </c>
      <c r="N1823" s="55">
        <f>IF(Input!$K$13=1,J1823*Input!$J$13,0)+IF(Input!$K$14=1,K1823*Input!$J$14,0)+IF(Input!$K$15=1,L1823*Input!$J$15,0)+IF(Input!$K$16=1,M1823*Input!$J$16,0)</f>
        <v>7.5520702842149188</v>
      </c>
      <c r="O1823" s="58">
        <f>IF(Input!$K$13=2,J1823*Input!$J$13,0)+IF(Input!$K$14=2,K1823*Input!$J$14,0)+IF(Input!$K$15=2,L1823*Input!$J$15,0)+IF(Input!$K$16=2,M1823*Input!$J$16,0)</f>
        <v>0.42102146855059674</v>
      </c>
      <c r="P1823" s="58">
        <f>IF(Input!$K$13=3,J1823*Input!$J$13,0)+IF(Input!$K$14=3,K1823*Input!$J$14,0)+IF(Input!$K$15=3,L1823*Input!$J$15,0)+IF(Input!$K$16=3,M1823*Input!$J$16,0)</f>
        <v>0</v>
      </c>
      <c r="Q1823" s="71">
        <f>IF(Input!$K$13=4,J1823*Input!$J$13,0)+IF(Input!$K$14=4,K1823*Input!$J$14,0)+IF(Input!$K$15=4,L1823*Input!$J$15,0)+IF(Input!$K$16=4,M1823*Input!$J$16,0)</f>
        <v>0</v>
      </c>
    </row>
    <row r="1824" spans="8:17" x14ac:dyDescent="0.25">
      <c r="H1824" s="43">
        <v>1817</v>
      </c>
      <c r="I1824" s="55">
        <f>Bühler!I1850</f>
        <v>7.8954274431441469</v>
      </c>
      <c r="J1824" s="58">
        <f>Bühler!J1850</f>
        <v>33.461720315467289</v>
      </c>
      <c r="K1824" s="58">
        <f>Bühler!K1850</f>
        <v>1.4641678614174813</v>
      </c>
      <c r="L1824" s="58">
        <f>Bühler!L1850</f>
        <v>0.73208393070874067</v>
      </c>
      <c r="M1824" s="57">
        <f>Bühler!M1850</f>
        <v>0</v>
      </c>
      <c r="N1824" s="55">
        <f>IF(Input!$K$13=1,J1824*Input!$J$13,0)+IF(Input!$K$14=1,K1824*Input!$J$14,0)+IF(Input!$K$15=1,L1824*Input!$J$15,0)+IF(Input!$K$16=1,M1824*Input!$J$16,0)</f>
        <v>4.0154064378560745</v>
      </c>
      <c r="O1824" s="58">
        <f>IF(Input!$K$13=2,J1824*Input!$J$13,0)+IF(Input!$K$14=2,K1824*Input!$J$14,0)+IF(Input!$K$15=2,L1824*Input!$J$15,0)+IF(Input!$K$16=2,M1824*Input!$J$16,0)</f>
        <v>0.19766266129135998</v>
      </c>
      <c r="P1824" s="58">
        <f>IF(Input!$K$13=3,J1824*Input!$J$13,0)+IF(Input!$K$14=3,K1824*Input!$J$14,0)+IF(Input!$K$15=3,L1824*Input!$J$15,0)+IF(Input!$K$16=3,M1824*Input!$J$16,0)</f>
        <v>0</v>
      </c>
      <c r="Q1824" s="71">
        <f>IF(Input!$K$13=4,J1824*Input!$J$13,0)+IF(Input!$K$14=4,K1824*Input!$J$14,0)+IF(Input!$K$15=4,L1824*Input!$J$15,0)+IF(Input!$K$16=4,M1824*Input!$J$16,0)</f>
        <v>0</v>
      </c>
    </row>
    <row r="1825" spans="8:17" x14ac:dyDescent="0.25">
      <c r="H1825" s="43">
        <v>1818</v>
      </c>
      <c r="I1825" s="55">
        <f>Bühler!I1851</f>
        <v>6.632159052241084</v>
      </c>
      <c r="J1825" s="58">
        <f>Bühler!J1851</f>
        <v>23.624343759621524</v>
      </c>
      <c r="K1825" s="58">
        <f>Bühler!K1851</f>
        <v>0.9663507885355378</v>
      </c>
      <c r="L1825" s="58">
        <f>Bühler!L1851</f>
        <v>0.4831753942677689</v>
      </c>
      <c r="M1825" s="57">
        <f>Bühler!M1851</f>
        <v>0</v>
      </c>
      <c r="N1825" s="55">
        <f>IF(Input!$K$13=1,J1825*Input!$J$13,0)+IF(Input!$K$14=1,K1825*Input!$J$14,0)+IF(Input!$K$15=1,L1825*Input!$J$15,0)+IF(Input!$K$16=1,M1825*Input!$J$16,0)</f>
        <v>2.8349212511545829</v>
      </c>
      <c r="O1825" s="58">
        <f>IF(Input!$K$13=2,J1825*Input!$J$13,0)+IF(Input!$K$14=2,K1825*Input!$J$14,0)+IF(Input!$K$15=2,L1825*Input!$J$15,0)+IF(Input!$K$16=2,M1825*Input!$J$16,0)</f>
        <v>0.13045735645229758</v>
      </c>
      <c r="P1825" s="58">
        <f>IF(Input!$K$13=3,J1825*Input!$J$13,0)+IF(Input!$K$14=3,K1825*Input!$J$14,0)+IF(Input!$K$15=3,L1825*Input!$J$15,0)+IF(Input!$K$16=3,M1825*Input!$J$16,0)</f>
        <v>0</v>
      </c>
      <c r="Q1825" s="71">
        <f>IF(Input!$K$13=4,J1825*Input!$J$13,0)+IF(Input!$K$14=4,K1825*Input!$J$14,0)+IF(Input!$K$15=4,L1825*Input!$J$15,0)+IF(Input!$K$16=4,M1825*Input!$J$16,0)</f>
        <v>0</v>
      </c>
    </row>
    <row r="1826" spans="8:17" x14ac:dyDescent="0.25">
      <c r="H1826" s="43">
        <v>1819</v>
      </c>
      <c r="I1826" s="55">
        <f>Bühler!I1852</f>
        <v>2.4475825073746855</v>
      </c>
      <c r="J1826" s="58">
        <f>Bühler!J1852</f>
        <v>13.113050762188251</v>
      </c>
      <c r="K1826" s="58">
        <f>Bühler!K1852</f>
        <v>0.61495050179534205</v>
      </c>
      <c r="L1826" s="58">
        <f>Bühler!L1852</f>
        <v>0.30747525089767103</v>
      </c>
      <c r="M1826" s="57">
        <f>Bühler!M1852</f>
        <v>0</v>
      </c>
      <c r="N1826" s="55">
        <f>IF(Input!$K$13=1,J1826*Input!$J$13,0)+IF(Input!$K$14=1,K1826*Input!$J$14,0)+IF(Input!$K$15=1,L1826*Input!$J$15,0)+IF(Input!$K$16=1,M1826*Input!$J$16,0)</f>
        <v>1.5735660914625902</v>
      </c>
      <c r="O1826" s="58">
        <f>IF(Input!$K$13=2,J1826*Input!$J$13,0)+IF(Input!$K$14=2,K1826*Input!$J$14,0)+IF(Input!$K$15=2,L1826*Input!$J$15,0)+IF(Input!$K$16=2,M1826*Input!$J$16,0)</f>
        <v>8.3018317742371173E-2</v>
      </c>
      <c r="P1826" s="58">
        <f>IF(Input!$K$13=3,J1826*Input!$J$13,0)+IF(Input!$K$14=3,K1826*Input!$J$14,0)+IF(Input!$K$15=3,L1826*Input!$J$15,0)+IF(Input!$K$16=3,M1826*Input!$J$16,0)</f>
        <v>0</v>
      </c>
      <c r="Q1826" s="71">
        <f>IF(Input!$K$13=4,J1826*Input!$J$13,0)+IF(Input!$K$14=4,K1826*Input!$J$14,0)+IF(Input!$K$15=4,L1826*Input!$J$15,0)+IF(Input!$K$16=4,M1826*Input!$J$16,0)</f>
        <v>0</v>
      </c>
    </row>
    <row r="1827" spans="8:17" x14ac:dyDescent="0.25">
      <c r="H1827" s="43">
        <v>1820</v>
      </c>
      <c r="I1827" s="55">
        <f>Bühler!I1853</f>
        <v>2.4475825073746855</v>
      </c>
      <c r="J1827" s="58">
        <f>Bühler!J1853</f>
        <v>12.614883950480362</v>
      </c>
      <c r="K1827" s="58">
        <f>Bühler!K1853</f>
        <v>0.58566714456699243</v>
      </c>
      <c r="L1827" s="58">
        <f>Bühler!L1853</f>
        <v>0.29283357228349621</v>
      </c>
      <c r="M1827" s="57">
        <f>Bühler!M1853</f>
        <v>0</v>
      </c>
      <c r="N1827" s="55">
        <f>IF(Input!$K$13=1,J1827*Input!$J$13,0)+IF(Input!$K$14=1,K1827*Input!$J$14,0)+IF(Input!$K$15=1,L1827*Input!$J$15,0)+IF(Input!$K$16=1,M1827*Input!$J$16,0)</f>
        <v>1.5137860740576434</v>
      </c>
      <c r="O1827" s="58">
        <f>IF(Input!$K$13=2,J1827*Input!$J$13,0)+IF(Input!$K$14=2,K1827*Input!$J$14,0)+IF(Input!$K$15=2,L1827*Input!$J$15,0)+IF(Input!$K$16=2,M1827*Input!$J$16,0)</f>
        <v>7.9065064516543979E-2</v>
      </c>
      <c r="P1827" s="58">
        <f>IF(Input!$K$13=3,J1827*Input!$J$13,0)+IF(Input!$K$14=3,K1827*Input!$J$14,0)+IF(Input!$K$15=3,L1827*Input!$J$15,0)+IF(Input!$K$16=3,M1827*Input!$J$16,0)</f>
        <v>0</v>
      </c>
      <c r="Q1827" s="71">
        <f>IF(Input!$K$13=4,J1827*Input!$J$13,0)+IF(Input!$K$14=4,K1827*Input!$J$14,0)+IF(Input!$K$15=4,L1827*Input!$J$15,0)+IF(Input!$K$16=4,M1827*Input!$J$16,0)</f>
        <v>0</v>
      </c>
    </row>
    <row r="1828" spans="8:17" x14ac:dyDescent="0.25">
      <c r="H1828" s="43">
        <v>1821</v>
      </c>
      <c r="I1828" s="55">
        <f>Bühler!I1854</f>
        <v>2.4475825073746855</v>
      </c>
      <c r="J1828" s="58">
        <f>Bühler!J1854</f>
        <v>12.614883950480362</v>
      </c>
      <c r="K1828" s="58">
        <f>Bühler!K1854</f>
        <v>0.58566714456699243</v>
      </c>
      <c r="L1828" s="58">
        <f>Bühler!L1854</f>
        <v>0.29283357228349621</v>
      </c>
      <c r="M1828" s="57">
        <f>Bühler!M1854</f>
        <v>0</v>
      </c>
      <c r="N1828" s="55">
        <f>IF(Input!$K$13=1,J1828*Input!$J$13,0)+IF(Input!$K$14=1,K1828*Input!$J$14,0)+IF(Input!$K$15=1,L1828*Input!$J$15,0)+IF(Input!$K$16=1,M1828*Input!$J$16,0)</f>
        <v>1.5137860740576434</v>
      </c>
      <c r="O1828" s="58">
        <f>IF(Input!$K$13=2,J1828*Input!$J$13,0)+IF(Input!$K$14=2,K1828*Input!$J$14,0)+IF(Input!$K$15=2,L1828*Input!$J$15,0)+IF(Input!$K$16=2,M1828*Input!$J$16,0)</f>
        <v>7.9065064516543979E-2</v>
      </c>
      <c r="P1828" s="58">
        <f>IF(Input!$K$13=3,J1828*Input!$J$13,0)+IF(Input!$K$14=3,K1828*Input!$J$14,0)+IF(Input!$K$15=3,L1828*Input!$J$15,0)+IF(Input!$K$16=3,M1828*Input!$J$16,0)</f>
        <v>0</v>
      </c>
      <c r="Q1828" s="71">
        <f>IF(Input!$K$13=4,J1828*Input!$J$13,0)+IF(Input!$K$14=4,K1828*Input!$J$14,0)+IF(Input!$K$15=4,L1828*Input!$J$15,0)+IF(Input!$K$16=4,M1828*Input!$J$16,0)</f>
        <v>0</v>
      </c>
    </row>
    <row r="1829" spans="8:17" x14ac:dyDescent="0.25">
      <c r="H1829" s="43">
        <v>1822</v>
      </c>
      <c r="I1829" s="55">
        <f>Bühler!I1855</f>
        <v>2.4475825073746855</v>
      </c>
      <c r="J1829" s="58">
        <f>Bühler!J1855</f>
        <v>12.614883950480362</v>
      </c>
      <c r="K1829" s="58">
        <f>Bühler!K1855</f>
        <v>0.58566714456699243</v>
      </c>
      <c r="L1829" s="58">
        <f>Bühler!L1855</f>
        <v>0.29283357228349621</v>
      </c>
      <c r="M1829" s="57">
        <f>Bühler!M1855</f>
        <v>0</v>
      </c>
      <c r="N1829" s="55">
        <f>IF(Input!$K$13=1,J1829*Input!$J$13,0)+IF(Input!$K$14=1,K1829*Input!$J$14,0)+IF(Input!$K$15=1,L1829*Input!$J$15,0)+IF(Input!$K$16=1,M1829*Input!$J$16,0)</f>
        <v>1.5137860740576434</v>
      </c>
      <c r="O1829" s="58">
        <f>IF(Input!$K$13=2,J1829*Input!$J$13,0)+IF(Input!$K$14=2,K1829*Input!$J$14,0)+IF(Input!$K$15=2,L1829*Input!$J$15,0)+IF(Input!$K$16=2,M1829*Input!$J$16,0)</f>
        <v>7.9065064516543979E-2</v>
      </c>
      <c r="P1829" s="58">
        <f>IF(Input!$K$13=3,J1829*Input!$J$13,0)+IF(Input!$K$14=3,K1829*Input!$J$14,0)+IF(Input!$K$15=3,L1829*Input!$J$15,0)+IF(Input!$K$16=3,M1829*Input!$J$16,0)</f>
        <v>0</v>
      </c>
      <c r="Q1829" s="71">
        <f>IF(Input!$K$13=4,J1829*Input!$J$13,0)+IF(Input!$K$14=4,K1829*Input!$J$14,0)+IF(Input!$K$15=4,L1829*Input!$J$15,0)+IF(Input!$K$16=4,M1829*Input!$J$16,0)</f>
        <v>0</v>
      </c>
    </row>
    <row r="1830" spans="8:17" x14ac:dyDescent="0.25">
      <c r="H1830" s="43">
        <v>1823</v>
      </c>
      <c r="I1830" s="55">
        <f>Bühler!I1856</f>
        <v>2.4475825073746855</v>
      </c>
      <c r="J1830" s="58">
        <f>Bühler!J1856</f>
        <v>12.614883950480362</v>
      </c>
      <c r="K1830" s="58">
        <f>Bühler!K1856</f>
        <v>0.58566714456699243</v>
      </c>
      <c r="L1830" s="58">
        <f>Bühler!L1856</f>
        <v>0.29283357228349621</v>
      </c>
      <c r="M1830" s="57">
        <f>Bühler!M1856</f>
        <v>0</v>
      </c>
      <c r="N1830" s="55">
        <f>IF(Input!$K$13=1,J1830*Input!$J$13,0)+IF(Input!$K$14=1,K1830*Input!$J$14,0)+IF(Input!$K$15=1,L1830*Input!$J$15,0)+IF(Input!$K$16=1,M1830*Input!$J$16,0)</f>
        <v>1.5137860740576434</v>
      </c>
      <c r="O1830" s="58">
        <f>IF(Input!$K$13=2,J1830*Input!$J$13,0)+IF(Input!$K$14=2,K1830*Input!$J$14,0)+IF(Input!$K$15=2,L1830*Input!$J$15,0)+IF(Input!$K$16=2,M1830*Input!$J$16,0)</f>
        <v>7.9065064516543979E-2</v>
      </c>
      <c r="P1830" s="58">
        <f>IF(Input!$K$13=3,J1830*Input!$J$13,0)+IF(Input!$K$14=3,K1830*Input!$J$14,0)+IF(Input!$K$15=3,L1830*Input!$J$15,0)+IF(Input!$K$16=3,M1830*Input!$J$16,0)</f>
        <v>0</v>
      </c>
      <c r="Q1830" s="71">
        <f>IF(Input!$K$13=4,J1830*Input!$J$13,0)+IF(Input!$K$14=4,K1830*Input!$J$14,0)+IF(Input!$K$15=4,L1830*Input!$J$15,0)+IF(Input!$K$16=4,M1830*Input!$J$16,0)</f>
        <v>0</v>
      </c>
    </row>
    <row r="1831" spans="8:17" x14ac:dyDescent="0.25">
      <c r="H1831" s="43">
        <v>1824</v>
      </c>
      <c r="I1831" s="55">
        <f>Bühler!I1857</f>
        <v>2.4475825073746855</v>
      </c>
      <c r="J1831" s="58">
        <f>Bühler!J1857</f>
        <v>12.614883950480362</v>
      </c>
      <c r="K1831" s="58">
        <f>Bühler!K1857</f>
        <v>0.58566714456699243</v>
      </c>
      <c r="L1831" s="58">
        <f>Bühler!L1857</f>
        <v>0.29283357228349621</v>
      </c>
      <c r="M1831" s="57">
        <f>Bühler!M1857</f>
        <v>0</v>
      </c>
      <c r="N1831" s="55">
        <f>IF(Input!$K$13=1,J1831*Input!$J$13,0)+IF(Input!$K$14=1,K1831*Input!$J$14,0)+IF(Input!$K$15=1,L1831*Input!$J$15,0)+IF(Input!$K$16=1,M1831*Input!$J$16,0)</f>
        <v>1.5137860740576434</v>
      </c>
      <c r="O1831" s="58">
        <f>IF(Input!$K$13=2,J1831*Input!$J$13,0)+IF(Input!$K$14=2,K1831*Input!$J$14,0)+IF(Input!$K$15=2,L1831*Input!$J$15,0)+IF(Input!$K$16=2,M1831*Input!$J$16,0)</f>
        <v>7.9065064516543979E-2</v>
      </c>
      <c r="P1831" s="58">
        <f>IF(Input!$K$13=3,J1831*Input!$J$13,0)+IF(Input!$K$14=3,K1831*Input!$J$14,0)+IF(Input!$K$15=3,L1831*Input!$J$15,0)+IF(Input!$K$16=3,M1831*Input!$J$16,0)</f>
        <v>0</v>
      </c>
      <c r="Q1831" s="71">
        <f>IF(Input!$K$13=4,J1831*Input!$J$13,0)+IF(Input!$K$14=4,K1831*Input!$J$14,0)+IF(Input!$K$15=4,L1831*Input!$J$15,0)+IF(Input!$K$16=4,M1831*Input!$J$16,0)</f>
        <v>0</v>
      </c>
    </row>
    <row r="1832" spans="8:17" x14ac:dyDescent="0.25">
      <c r="H1832" s="43">
        <v>1825</v>
      </c>
      <c r="I1832" s="55">
        <f>Bühler!I1858</f>
        <v>1.0453469355511851</v>
      </c>
      <c r="J1832" s="58">
        <f>Bühler!J1858</f>
        <v>11.556741503800252</v>
      </c>
      <c r="K1832" s="58">
        <f>Bühler!K1858</f>
        <v>0.36075308609371443</v>
      </c>
      <c r="L1832" s="58">
        <f>Bühler!L1858</f>
        <v>0.18037654304685721</v>
      </c>
      <c r="M1832" s="57">
        <f>Bühler!M1858</f>
        <v>0</v>
      </c>
      <c r="N1832" s="55">
        <f>IF(Input!$K$13=1,J1832*Input!$J$13,0)+IF(Input!$K$14=1,K1832*Input!$J$14,0)+IF(Input!$K$15=1,L1832*Input!$J$15,0)+IF(Input!$K$16=1,M1832*Input!$J$16,0)</f>
        <v>1.3868089804560302</v>
      </c>
      <c r="O1832" s="58">
        <f>IF(Input!$K$13=2,J1832*Input!$J$13,0)+IF(Input!$K$14=2,K1832*Input!$J$14,0)+IF(Input!$K$15=2,L1832*Input!$J$15,0)+IF(Input!$K$16=2,M1832*Input!$J$16,0)</f>
        <v>4.8701666622651449E-2</v>
      </c>
      <c r="P1832" s="58">
        <f>IF(Input!$K$13=3,J1832*Input!$J$13,0)+IF(Input!$K$14=3,K1832*Input!$J$14,0)+IF(Input!$K$15=3,L1832*Input!$J$15,0)+IF(Input!$K$16=3,M1832*Input!$J$16,0)</f>
        <v>0</v>
      </c>
      <c r="Q1832" s="71">
        <f>IF(Input!$K$13=4,J1832*Input!$J$13,0)+IF(Input!$K$14=4,K1832*Input!$J$14,0)+IF(Input!$K$15=4,L1832*Input!$J$15,0)+IF(Input!$K$16=4,M1832*Input!$J$16,0)</f>
        <v>0</v>
      </c>
    </row>
    <row r="1833" spans="8:17" x14ac:dyDescent="0.25">
      <c r="H1833" s="43">
        <v>1826</v>
      </c>
      <c r="I1833" s="55">
        <f>Bühler!I1859</f>
        <v>2.040915445599933</v>
      </c>
      <c r="J1833" s="58">
        <f>Bühler!J1859</f>
        <v>10.863654009812873</v>
      </c>
      <c r="K1833" s="58">
        <f>Bühler!K1859</f>
        <v>0.32467777748434296</v>
      </c>
      <c r="L1833" s="58">
        <f>Bühler!L1859</f>
        <v>0.16233888874217148</v>
      </c>
      <c r="M1833" s="57">
        <f>Bühler!M1859</f>
        <v>0</v>
      </c>
      <c r="N1833" s="55">
        <f>IF(Input!$K$13=1,J1833*Input!$J$13,0)+IF(Input!$K$14=1,K1833*Input!$J$14,0)+IF(Input!$K$15=1,L1833*Input!$J$15,0)+IF(Input!$K$16=1,M1833*Input!$J$16,0)</f>
        <v>1.3036384811775448</v>
      </c>
      <c r="O1833" s="58">
        <f>IF(Input!$K$13=2,J1833*Input!$J$13,0)+IF(Input!$K$14=2,K1833*Input!$J$14,0)+IF(Input!$K$15=2,L1833*Input!$J$15,0)+IF(Input!$K$16=2,M1833*Input!$J$16,0)</f>
        <v>4.3831499960386294E-2</v>
      </c>
      <c r="P1833" s="58">
        <f>IF(Input!$K$13=3,J1833*Input!$J$13,0)+IF(Input!$K$14=3,K1833*Input!$J$14,0)+IF(Input!$K$15=3,L1833*Input!$J$15,0)+IF(Input!$K$16=3,M1833*Input!$J$16,0)</f>
        <v>0</v>
      </c>
      <c r="Q1833" s="71">
        <f>IF(Input!$K$13=4,J1833*Input!$J$13,0)+IF(Input!$K$14=4,K1833*Input!$J$14,0)+IF(Input!$K$15=4,L1833*Input!$J$15,0)+IF(Input!$K$16=4,M1833*Input!$J$16,0)</f>
        <v>0</v>
      </c>
    </row>
    <row r="1834" spans="8:17" x14ac:dyDescent="0.25">
      <c r="H1834" s="43">
        <v>1827</v>
      </c>
      <c r="I1834" s="55">
        <f>Bühler!I1860</f>
        <v>2.040915445599933</v>
      </c>
      <c r="J1834" s="58">
        <f>Bühler!J1860</f>
        <v>10.863654009812873</v>
      </c>
      <c r="K1834" s="58">
        <f>Bühler!K1860</f>
        <v>0.32467777748434296</v>
      </c>
      <c r="L1834" s="58">
        <f>Bühler!L1860</f>
        <v>0.16233888874217148</v>
      </c>
      <c r="M1834" s="57">
        <f>Bühler!M1860</f>
        <v>0</v>
      </c>
      <c r="N1834" s="55">
        <f>IF(Input!$K$13=1,J1834*Input!$J$13,0)+IF(Input!$K$14=1,K1834*Input!$J$14,0)+IF(Input!$K$15=1,L1834*Input!$J$15,0)+IF(Input!$K$16=1,M1834*Input!$J$16,0)</f>
        <v>1.3036384811775448</v>
      </c>
      <c r="O1834" s="58">
        <f>IF(Input!$K$13=2,J1834*Input!$J$13,0)+IF(Input!$K$14=2,K1834*Input!$J$14,0)+IF(Input!$K$15=2,L1834*Input!$J$15,0)+IF(Input!$K$16=2,M1834*Input!$J$16,0)</f>
        <v>4.3831499960386294E-2</v>
      </c>
      <c r="P1834" s="58">
        <f>IF(Input!$K$13=3,J1834*Input!$J$13,0)+IF(Input!$K$14=3,K1834*Input!$J$14,0)+IF(Input!$K$15=3,L1834*Input!$J$15,0)+IF(Input!$K$16=3,M1834*Input!$J$16,0)</f>
        <v>0</v>
      </c>
      <c r="Q1834" s="71">
        <f>IF(Input!$K$13=4,J1834*Input!$J$13,0)+IF(Input!$K$14=4,K1834*Input!$J$14,0)+IF(Input!$K$15=4,L1834*Input!$J$15,0)+IF(Input!$K$16=4,M1834*Input!$J$16,0)</f>
        <v>0</v>
      </c>
    </row>
    <row r="1835" spans="8:17" x14ac:dyDescent="0.25">
      <c r="H1835" s="43">
        <v>1828</v>
      </c>
      <c r="I1835" s="55">
        <f>Bühler!I1861</f>
        <v>2.040915445599933</v>
      </c>
      <c r="J1835" s="58">
        <f>Bühler!J1861</f>
        <v>10.863654009812873</v>
      </c>
      <c r="K1835" s="58">
        <f>Bühler!K1861</f>
        <v>0.32467777748434296</v>
      </c>
      <c r="L1835" s="58">
        <f>Bühler!L1861</f>
        <v>0.16233888874217148</v>
      </c>
      <c r="M1835" s="57">
        <f>Bühler!M1861</f>
        <v>0</v>
      </c>
      <c r="N1835" s="55">
        <f>IF(Input!$K$13=1,J1835*Input!$J$13,0)+IF(Input!$K$14=1,K1835*Input!$J$14,0)+IF(Input!$K$15=1,L1835*Input!$J$15,0)+IF(Input!$K$16=1,M1835*Input!$J$16,0)</f>
        <v>1.3036384811775448</v>
      </c>
      <c r="O1835" s="58">
        <f>IF(Input!$K$13=2,J1835*Input!$J$13,0)+IF(Input!$K$14=2,K1835*Input!$J$14,0)+IF(Input!$K$15=2,L1835*Input!$J$15,0)+IF(Input!$K$16=2,M1835*Input!$J$16,0)</f>
        <v>4.3831499960386294E-2</v>
      </c>
      <c r="P1835" s="58">
        <f>IF(Input!$K$13=3,J1835*Input!$J$13,0)+IF(Input!$K$14=3,K1835*Input!$J$14,0)+IF(Input!$K$15=3,L1835*Input!$J$15,0)+IF(Input!$K$16=3,M1835*Input!$J$16,0)</f>
        <v>0</v>
      </c>
      <c r="Q1835" s="71">
        <f>IF(Input!$K$13=4,J1835*Input!$J$13,0)+IF(Input!$K$14=4,K1835*Input!$J$14,0)+IF(Input!$K$15=4,L1835*Input!$J$15,0)+IF(Input!$K$16=4,M1835*Input!$J$16,0)</f>
        <v>0</v>
      </c>
    </row>
    <row r="1836" spans="8:17" x14ac:dyDescent="0.25">
      <c r="H1836" s="43">
        <v>1829</v>
      </c>
      <c r="I1836" s="55">
        <f>Bühler!I1862</f>
        <v>2.040915445599933</v>
      </c>
      <c r="J1836" s="58">
        <f>Bühler!J1862</f>
        <v>10.863654009812873</v>
      </c>
      <c r="K1836" s="58">
        <f>Bühler!K1862</f>
        <v>0.32467777748434296</v>
      </c>
      <c r="L1836" s="58">
        <f>Bühler!L1862</f>
        <v>0.16233888874217148</v>
      </c>
      <c r="M1836" s="57">
        <f>Bühler!M1862</f>
        <v>0</v>
      </c>
      <c r="N1836" s="55">
        <f>IF(Input!$K$13=1,J1836*Input!$J$13,0)+IF(Input!$K$14=1,K1836*Input!$J$14,0)+IF(Input!$K$15=1,L1836*Input!$J$15,0)+IF(Input!$K$16=1,M1836*Input!$J$16,0)</f>
        <v>1.3036384811775448</v>
      </c>
      <c r="O1836" s="58">
        <f>IF(Input!$K$13=2,J1836*Input!$J$13,0)+IF(Input!$K$14=2,K1836*Input!$J$14,0)+IF(Input!$K$15=2,L1836*Input!$J$15,0)+IF(Input!$K$16=2,M1836*Input!$J$16,0)</f>
        <v>4.3831499960386294E-2</v>
      </c>
      <c r="P1836" s="58">
        <f>IF(Input!$K$13=3,J1836*Input!$J$13,0)+IF(Input!$K$14=3,K1836*Input!$J$14,0)+IF(Input!$K$15=3,L1836*Input!$J$15,0)+IF(Input!$K$16=3,M1836*Input!$J$16,0)</f>
        <v>0</v>
      </c>
      <c r="Q1836" s="71">
        <f>IF(Input!$K$13=4,J1836*Input!$J$13,0)+IF(Input!$K$14=4,K1836*Input!$J$14,0)+IF(Input!$K$15=4,L1836*Input!$J$15,0)+IF(Input!$K$16=4,M1836*Input!$J$16,0)</f>
        <v>0</v>
      </c>
    </row>
    <row r="1837" spans="8:17" x14ac:dyDescent="0.25">
      <c r="H1837" s="43">
        <v>1830</v>
      </c>
      <c r="I1837" s="55">
        <f>Bühler!I1863</f>
        <v>2.5386997006243068</v>
      </c>
      <c r="J1837" s="58">
        <f>Bühler!J1863</f>
        <v>10.884395020438888</v>
      </c>
      <c r="K1837" s="58">
        <f>Bühler!K1863</f>
        <v>0.32467777748434296</v>
      </c>
      <c r="L1837" s="58">
        <f>Bühler!L1863</f>
        <v>0.16233888874217148</v>
      </c>
      <c r="M1837" s="57">
        <f>Bühler!M1863</f>
        <v>0</v>
      </c>
      <c r="N1837" s="55">
        <f>IF(Input!$K$13=1,J1837*Input!$J$13,0)+IF(Input!$K$14=1,K1837*Input!$J$14,0)+IF(Input!$K$15=1,L1837*Input!$J$15,0)+IF(Input!$K$16=1,M1837*Input!$J$16,0)</f>
        <v>1.3061274024526666</v>
      </c>
      <c r="O1837" s="58">
        <f>IF(Input!$K$13=2,J1837*Input!$J$13,0)+IF(Input!$K$14=2,K1837*Input!$J$14,0)+IF(Input!$K$15=2,L1837*Input!$J$15,0)+IF(Input!$K$16=2,M1837*Input!$J$16,0)</f>
        <v>4.3831499960386294E-2</v>
      </c>
      <c r="P1837" s="58">
        <f>IF(Input!$K$13=3,J1837*Input!$J$13,0)+IF(Input!$K$14=3,K1837*Input!$J$14,0)+IF(Input!$K$15=3,L1837*Input!$J$15,0)+IF(Input!$K$16=3,M1837*Input!$J$16,0)</f>
        <v>0</v>
      </c>
      <c r="Q1837" s="71">
        <f>IF(Input!$K$13=4,J1837*Input!$J$13,0)+IF(Input!$K$14=4,K1837*Input!$J$14,0)+IF(Input!$K$15=4,L1837*Input!$J$15,0)+IF(Input!$K$16=4,M1837*Input!$J$16,0)</f>
        <v>0</v>
      </c>
    </row>
    <row r="1838" spans="8:17" x14ac:dyDescent="0.25">
      <c r="H1838" s="43">
        <v>1831</v>
      </c>
      <c r="I1838" s="55">
        <f>Bühler!I1864</f>
        <v>3.1858192321559931</v>
      </c>
      <c r="J1838" s="58">
        <f>Bühler!J1864</f>
        <v>10.911358334252707</v>
      </c>
      <c r="K1838" s="58">
        <f>Bühler!K1864</f>
        <v>0.32467777748434296</v>
      </c>
      <c r="L1838" s="58">
        <f>Bühler!L1864</f>
        <v>0.16233888874217148</v>
      </c>
      <c r="M1838" s="57">
        <f>Bühler!M1864</f>
        <v>0</v>
      </c>
      <c r="N1838" s="55">
        <f>IF(Input!$K$13=1,J1838*Input!$J$13,0)+IF(Input!$K$14=1,K1838*Input!$J$14,0)+IF(Input!$K$15=1,L1838*Input!$J$15,0)+IF(Input!$K$16=1,M1838*Input!$J$16,0)</f>
        <v>1.3093630001103249</v>
      </c>
      <c r="O1838" s="58">
        <f>IF(Input!$K$13=2,J1838*Input!$J$13,0)+IF(Input!$K$14=2,K1838*Input!$J$14,0)+IF(Input!$K$15=2,L1838*Input!$J$15,0)+IF(Input!$K$16=2,M1838*Input!$J$16,0)</f>
        <v>4.3831499960386294E-2</v>
      </c>
      <c r="P1838" s="58">
        <f>IF(Input!$K$13=3,J1838*Input!$J$13,0)+IF(Input!$K$14=3,K1838*Input!$J$14,0)+IF(Input!$K$15=3,L1838*Input!$J$15,0)+IF(Input!$K$16=3,M1838*Input!$J$16,0)</f>
        <v>0</v>
      </c>
      <c r="Q1838" s="71">
        <f>IF(Input!$K$13=4,J1838*Input!$J$13,0)+IF(Input!$K$14=4,K1838*Input!$J$14,0)+IF(Input!$K$15=4,L1838*Input!$J$15,0)+IF(Input!$K$16=4,M1838*Input!$J$16,0)</f>
        <v>0</v>
      </c>
    </row>
    <row r="1839" spans="8:17" x14ac:dyDescent="0.25">
      <c r="H1839" s="43">
        <v>1832</v>
      </c>
      <c r="I1839" s="55">
        <f>Bühler!I1865</f>
        <v>3.6338250616779297</v>
      </c>
      <c r="J1839" s="58">
        <f>Bühler!J1865</f>
        <v>10.930025243816122</v>
      </c>
      <c r="K1839" s="58">
        <f>Bühler!K1865</f>
        <v>0.32467777748434296</v>
      </c>
      <c r="L1839" s="58">
        <f>Bühler!L1865</f>
        <v>0.16233888874217148</v>
      </c>
      <c r="M1839" s="57">
        <f>Bühler!M1865</f>
        <v>0</v>
      </c>
      <c r="N1839" s="55">
        <f>IF(Input!$K$13=1,J1839*Input!$J$13,0)+IF(Input!$K$14=1,K1839*Input!$J$14,0)+IF(Input!$K$15=1,L1839*Input!$J$15,0)+IF(Input!$K$16=1,M1839*Input!$J$16,0)</f>
        <v>1.3116030292579346</v>
      </c>
      <c r="O1839" s="58">
        <f>IF(Input!$K$13=2,J1839*Input!$J$13,0)+IF(Input!$K$14=2,K1839*Input!$J$14,0)+IF(Input!$K$15=2,L1839*Input!$J$15,0)+IF(Input!$K$16=2,M1839*Input!$J$16,0)</f>
        <v>4.3831499960386294E-2</v>
      </c>
      <c r="P1839" s="58">
        <f>IF(Input!$K$13=3,J1839*Input!$J$13,0)+IF(Input!$K$14=3,K1839*Input!$J$14,0)+IF(Input!$K$15=3,L1839*Input!$J$15,0)+IF(Input!$K$16=3,M1839*Input!$J$16,0)</f>
        <v>0</v>
      </c>
      <c r="Q1839" s="71">
        <f>IF(Input!$K$13=4,J1839*Input!$J$13,0)+IF(Input!$K$14=4,K1839*Input!$J$14,0)+IF(Input!$K$15=4,L1839*Input!$J$15,0)+IF(Input!$K$16=4,M1839*Input!$J$16,0)</f>
        <v>0</v>
      </c>
    </row>
    <row r="1840" spans="8:17" x14ac:dyDescent="0.25">
      <c r="H1840" s="43">
        <v>1833</v>
      </c>
      <c r="I1840" s="55">
        <f>Bühler!I1866</f>
        <v>3.6338250616779297</v>
      </c>
      <c r="J1840" s="58">
        <f>Bühler!J1866</f>
        <v>10.930025243816122</v>
      </c>
      <c r="K1840" s="58">
        <f>Bühler!K1866</f>
        <v>0.32467777748434296</v>
      </c>
      <c r="L1840" s="58">
        <f>Bühler!L1866</f>
        <v>0.16233888874217148</v>
      </c>
      <c r="M1840" s="57">
        <f>Bühler!M1866</f>
        <v>0</v>
      </c>
      <c r="N1840" s="55">
        <f>IF(Input!$K$13=1,J1840*Input!$J$13,0)+IF(Input!$K$14=1,K1840*Input!$J$14,0)+IF(Input!$K$15=1,L1840*Input!$J$15,0)+IF(Input!$K$16=1,M1840*Input!$J$16,0)</f>
        <v>1.3116030292579346</v>
      </c>
      <c r="O1840" s="58">
        <f>IF(Input!$K$13=2,J1840*Input!$J$13,0)+IF(Input!$K$14=2,K1840*Input!$J$14,0)+IF(Input!$K$15=2,L1840*Input!$J$15,0)+IF(Input!$K$16=2,M1840*Input!$J$16,0)</f>
        <v>4.3831499960386294E-2</v>
      </c>
      <c r="P1840" s="58">
        <f>IF(Input!$K$13=3,J1840*Input!$J$13,0)+IF(Input!$K$14=3,K1840*Input!$J$14,0)+IF(Input!$K$15=3,L1840*Input!$J$15,0)+IF(Input!$K$16=3,M1840*Input!$J$16,0)</f>
        <v>0</v>
      </c>
      <c r="Q1840" s="71">
        <f>IF(Input!$K$13=4,J1840*Input!$J$13,0)+IF(Input!$K$14=4,K1840*Input!$J$14,0)+IF(Input!$K$15=4,L1840*Input!$J$15,0)+IF(Input!$K$16=4,M1840*Input!$J$16,0)</f>
        <v>0</v>
      </c>
    </row>
    <row r="1841" spans="8:17" x14ac:dyDescent="0.25">
      <c r="H1841" s="43">
        <v>1834</v>
      </c>
      <c r="I1841" s="55">
        <f>Bühler!I1867</f>
        <v>3.6338250616779297</v>
      </c>
      <c r="J1841" s="58">
        <f>Bühler!J1867</f>
        <v>10.930025243816122</v>
      </c>
      <c r="K1841" s="58">
        <f>Bühler!K1867</f>
        <v>0.32467777748434296</v>
      </c>
      <c r="L1841" s="58">
        <f>Bühler!L1867</f>
        <v>0.16233888874217148</v>
      </c>
      <c r="M1841" s="57">
        <f>Bühler!M1867</f>
        <v>0</v>
      </c>
      <c r="N1841" s="55">
        <f>IF(Input!$K$13=1,J1841*Input!$J$13,0)+IF(Input!$K$14=1,K1841*Input!$J$14,0)+IF(Input!$K$15=1,L1841*Input!$J$15,0)+IF(Input!$K$16=1,M1841*Input!$J$16,0)</f>
        <v>1.3116030292579346</v>
      </c>
      <c r="O1841" s="58">
        <f>IF(Input!$K$13=2,J1841*Input!$J$13,0)+IF(Input!$K$14=2,K1841*Input!$J$14,0)+IF(Input!$K$15=2,L1841*Input!$J$15,0)+IF(Input!$K$16=2,M1841*Input!$J$16,0)</f>
        <v>4.3831499960386294E-2</v>
      </c>
      <c r="P1841" s="58">
        <f>IF(Input!$K$13=3,J1841*Input!$J$13,0)+IF(Input!$K$14=3,K1841*Input!$J$14,0)+IF(Input!$K$15=3,L1841*Input!$J$15,0)+IF(Input!$K$16=3,M1841*Input!$J$16,0)</f>
        <v>0</v>
      </c>
      <c r="Q1841" s="71">
        <f>IF(Input!$K$13=4,J1841*Input!$J$13,0)+IF(Input!$K$14=4,K1841*Input!$J$14,0)+IF(Input!$K$15=4,L1841*Input!$J$15,0)+IF(Input!$K$16=4,M1841*Input!$J$16,0)</f>
        <v>0</v>
      </c>
    </row>
    <row r="1842" spans="8:17" x14ac:dyDescent="0.25">
      <c r="H1842" s="43">
        <v>1835</v>
      </c>
      <c r="I1842" s="55">
        <f>Bühler!I1868</f>
        <v>3.6338250616779297</v>
      </c>
      <c r="J1842" s="58">
        <f>Bühler!J1868</f>
        <v>10.930025243816122</v>
      </c>
      <c r="K1842" s="58">
        <f>Bühler!K1868</f>
        <v>0.32467777748434296</v>
      </c>
      <c r="L1842" s="58">
        <f>Bühler!L1868</f>
        <v>0.16233888874217148</v>
      </c>
      <c r="M1842" s="57">
        <f>Bühler!M1868</f>
        <v>0</v>
      </c>
      <c r="N1842" s="55">
        <f>IF(Input!$K$13=1,J1842*Input!$J$13,0)+IF(Input!$K$14=1,K1842*Input!$J$14,0)+IF(Input!$K$15=1,L1842*Input!$J$15,0)+IF(Input!$K$16=1,M1842*Input!$J$16,0)</f>
        <v>1.3116030292579346</v>
      </c>
      <c r="O1842" s="58">
        <f>IF(Input!$K$13=2,J1842*Input!$J$13,0)+IF(Input!$K$14=2,K1842*Input!$J$14,0)+IF(Input!$K$15=2,L1842*Input!$J$15,0)+IF(Input!$K$16=2,M1842*Input!$J$16,0)</f>
        <v>4.3831499960386294E-2</v>
      </c>
      <c r="P1842" s="58">
        <f>IF(Input!$K$13=3,J1842*Input!$J$13,0)+IF(Input!$K$14=3,K1842*Input!$J$14,0)+IF(Input!$K$15=3,L1842*Input!$J$15,0)+IF(Input!$K$16=3,M1842*Input!$J$16,0)</f>
        <v>0</v>
      </c>
      <c r="Q1842" s="71">
        <f>IF(Input!$K$13=4,J1842*Input!$J$13,0)+IF(Input!$K$14=4,K1842*Input!$J$14,0)+IF(Input!$K$15=4,L1842*Input!$J$15,0)+IF(Input!$K$16=4,M1842*Input!$J$16,0)</f>
        <v>0</v>
      </c>
    </row>
    <row r="1843" spans="8:17" x14ac:dyDescent="0.25">
      <c r="H1843" s="43">
        <v>1836</v>
      </c>
      <c r="I1843" s="55">
        <f>Bühler!I1869</f>
        <v>3.6338250616779297</v>
      </c>
      <c r="J1843" s="58">
        <f>Bühler!J1869</f>
        <v>10.930025243816122</v>
      </c>
      <c r="K1843" s="58">
        <f>Bühler!K1869</f>
        <v>0.32467777748434296</v>
      </c>
      <c r="L1843" s="58">
        <f>Bühler!L1869</f>
        <v>0.16233888874217148</v>
      </c>
      <c r="M1843" s="57">
        <f>Bühler!M1869</f>
        <v>0</v>
      </c>
      <c r="N1843" s="55">
        <f>IF(Input!$K$13=1,J1843*Input!$J$13,0)+IF(Input!$K$14=1,K1843*Input!$J$14,0)+IF(Input!$K$15=1,L1843*Input!$J$15,0)+IF(Input!$K$16=1,M1843*Input!$J$16,0)</f>
        <v>1.3116030292579346</v>
      </c>
      <c r="O1843" s="58">
        <f>IF(Input!$K$13=2,J1843*Input!$J$13,0)+IF(Input!$K$14=2,K1843*Input!$J$14,0)+IF(Input!$K$15=2,L1843*Input!$J$15,0)+IF(Input!$K$16=2,M1843*Input!$J$16,0)</f>
        <v>4.3831499960386294E-2</v>
      </c>
      <c r="P1843" s="58">
        <f>IF(Input!$K$13=3,J1843*Input!$J$13,0)+IF(Input!$K$14=3,K1843*Input!$J$14,0)+IF(Input!$K$15=3,L1843*Input!$J$15,0)+IF(Input!$K$16=3,M1843*Input!$J$16,0)</f>
        <v>0</v>
      </c>
      <c r="Q1843" s="71">
        <f>IF(Input!$K$13=4,J1843*Input!$J$13,0)+IF(Input!$K$14=4,K1843*Input!$J$14,0)+IF(Input!$K$15=4,L1843*Input!$J$15,0)+IF(Input!$K$16=4,M1843*Input!$J$16,0)</f>
        <v>0</v>
      </c>
    </row>
    <row r="1844" spans="8:17" x14ac:dyDescent="0.25">
      <c r="H1844" s="43">
        <v>1837</v>
      </c>
      <c r="I1844" s="55">
        <f>Bühler!I1870</f>
        <v>3.6338250616779297</v>
      </c>
      <c r="J1844" s="58">
        <f>Bühler!J1870</f>
        <v>10.930025243816122</v>
      </c>
      <c r="K1844" s="58">
        <f>Bühler!K1870</f>
        <v>0.32467777748434296</v>
      </c>
      <c r="L1844" s="58">
        <f>Bühler!L1870</f>
        <v>0.16233888874217148</v>
      </c>
      <c r="M1844" s="57">
        <f>Bühler!M1870</f>
        <v>0</v>
      </c>
      <c r="N1844" s="55">
        <f>IF(Input!$K$13=1,J1844*Input!$J$13,0)+IF(Input!$K$14=1,K1844*Input!$J$14,0)+IF(Input!$K$15=1,L1844*Input!$J$15,0)+IF(Input!$K$16=1,M1844*Input!$J$16,0)</f>
        <v>1.3116030292579346</v>
      </c>
      <c r="O1844" s="58">
        <f>IF(Input!$K$13=2,J1844*Input!$J$13,0)+IF(Input!$K$14=2,K1844*Input!$J$14,0)+IF(Input!$K$15=2,L1844*Input!$J$15,0)+IF(Input!$K$16=2,M1844*Input!$J$16,0)</f>
        <v>4.3831499960386294E-2</v>
      </c>
      <c r="P1844" s="58">
        <f>IF(Input!$K$13=3,J1844*Input!$J$13,0)+IF(Input!$K$14=3,K1844*Input!$J$14,0)+IF(Input!$K$15=3,L1844*Input!$J$15,0)+IF(Input!$K$16=3,M1844*Input!$J$16,0)</f>
        <v>0</v>
      </c>
      <c r="Q1844" s="71">
        <f>IF(Input!$K$13=4,J1844*Input!$J$13,0)+IF(Input!$K$14=4,K1844*Input!$J$14,0)+IF(Input!$K$15=4,L1844*Input!$J$15,0)+IF(Input!$K$16=4,M1844*Input!$J$16,0)</f>
        <v>0</v>
      </c>
    </row>
    <row r="1845" spans="8:17" x14ac:dyDescent="0.25">
      <c r="H1845" s="43">
        <v>1838</v>
      </c>
      <c r="I1845" s="55">
        <f>Bühler!I1871</f>
        <v>3.6338250616779297</v>
      </c>
      <c r="J1845" s="58">
        <f>Bühler!J1871</f>
        <v>10.930025243816122</v>
      </c>
      <c r="K1845" s="58">
        <f>Bühler!K1871</f>
        <v>0.32467777748434296</v>
      </c>
      <c r="L1845" s="58">
        <f>Bühler!L1871</f>
        <v>0.16233888874217148</v>
      </c>
      <c r="M1845" s="57">
        <f>Bühler!M1871</f>
        <v>0</v>
      </c>
      <c r="N1845" s="55">
        <f>IF(Input!$K$13=1,J1845*Input!$J$13,0)+IF(Input!$K$14=1,K1845*Input!$J$14,0)+IF(Input!$K$15=1,L1845*Input!$J$15,0)+IF(Input!$K$16=1,M1845*Input!$J$16,0)</f>
        <v>1.3116030292579346</v>
      </c>
      <c r="O1845" s="58">
        <f>IF(Input!$K$13=2,J1845*Input!$J$13,0)+IF(Input!$K$14=2,K1845*Input!$J$14,0)+IF(Input!$K$15=2,L1845*Input!$J$15,0)+IF(Input!$K$16=2,M1845*Input!$J$16,0)</f>
        <v>4.3831499960386294E-2</v>
      </c>
      <c r="P1845" s="58">
        <f>IF(Input!$K$13=3,J1845*Input!$J$13,0)+IF(Input!$K$14=3,K1845*Input!$J$14,0)+IF(Input!$K$15=3,L1845*Input!$J$15,0)+IF(Input!$K$16=3,M1845*Input!$J$16,0)</f>
        <v>0</v>
      </c>
      <c r="Q1845" s="71">
        <f>IF(Input!$K$13=4,J1845*Input!$J$13,0)+IF(Input!$K$14=4,K1845*Input!$J$14,0)+IF(Input!$K$15=4,L1845*Input!$J$15,0)+IF(Input!$K$16=4,M1845*Input!$J$16,0)</f>
        <v>0</v>
      </c>
    </row>
    <row r="1846" spans="8:17" x14ac:dyDescent="0.25">
      <c r="H1846" s="43">
        <v>1839</v>
      </c>
      <c r="I1846" s="55">
        <f>Bühler!I1872</f>
        <v>3.6338250616779297</v>
      </c>
      <c r="J1846" s="58">
        <f>Bühler!J1872</f>
        <v>10.930025243816122</v>
      </c>
      <c r="K1846" s="58">
        <f>Bühler!K1872</f>
        <v>0.32467777748434296</v>
      </c>
      <c r="L1846" s="58">
        <f>Bühler!L1872</f>
        <v>0.16233888874217148</v>
      </c>
      <c r="M1846" s="57">
        <f>Bühler!M1872</f>
        <v>0</v>
      </c>
      <c r="N1846" s="55">
        <f>IF(Input!$K$13=1,J1846*Input!$J$13,0)+IF(Input!$K$14=1,K1846*Input!$J$14,0)+IF(Input!$K$15=1,L1846*Input!$J$15,0)+IF(Input!$K$16=1,M1846*Input!$J$16,0)</f>
        <v>1.3116030292579346</v>
      </c>
      <c r="O1846" s="58">
        <f>IF(Input!$K$13=2,J1846*Input!$J$13,0)+IF(Input!$K$14=2,K1846*Input!$J$14,0)+IF(Input!$K$15=2,L1846*Input!$J$15,0)+IF(Input!$K$16=2,M1846*Input!$J$16,0)</f>
        <v>4.3831499960386294E-2</v>
      </c>
      <c r="P1846" s="58">
        <f>IF(Input!$K$13=3,J1846*Input!$J$13,0)+IF(Input!$K$14=3,K1846*Input!$J$14,0)+IF(Input!$K$15=3,L1846*Input!$J$15,0)+IF(Input!$K$16=3,M1846*Input!$J$16,0)</f>
        <v>0</v>
      </c>
      <c r="Q1846" s="71">
        <f>IF(Input!$K$13=4,J1846*Input!$J$13,0)+IF(Input!$K$14=4,K1846*Input!$J$14,0)+IF(Input!$K$15=4,L1846*Input!$J$15,0)+IF(Input!$K$16=4,M1846*Input!$J$16,0)</f>
        <v>0</v>
      </c>
    </row>
    <row r="1847" spans="8:17" x14ac:dyDescent="0.25">
      <c r="H1847" s="43">
        <v>1840</v>
      </c>
      <c r="I1847" s="55">
        <f>Bühler!I1873</f>
        <v>3.2853760831608678</v>
      </c>
      <c r="J1847" s="58">
        <f>Bühler!J1873</f>
        <v>10.91550653637791</v>
      </c>
      <c r="K1847" s="58">
        <f>Bühler!K1873</f>
        <v>0.32467777748434296</v>
      </c>
      <c r="L1847" s="58">
        <f>Bühler!L1873</f>
        <v>0.16233888874217148</v>
      </c>
      <c r="M1847" s="57">
        <f>Bühler!M1873</f>
        <v>0</v>
      </c>
      <c r="N1847" s="55">
        <f>IF(Input!$K$13=1,J1847*Input!$J$13,0)+IF(Input!$K$14=1,K1847*Input!$J$14,0)+IF(Input!$K$15=1,L1847*Input!$J$15,0)+IF(Input!$K$16=1,M1847*Input!$J$16,0)</f>
        <v>1.3098607843653491</v>
      </c>
      <c r="O1847" s="58">
        <f>IF(Input!$K$13=2,J1847*Input!$J$13,0)+IF(Input!$K$14=2,K1847*Input!$J$14,0)+IF(Input!$K$15=2,L1847*Input!$J$15,0)+IF(Input!$K$16=2,M1847*Input!$J$16,0)</f>
        <v>4.3831499960386294E-2</v>
      </c>
      <c r="P1847" s="58">
        <f>IF(Input!$K$13=3,J1847*Input!$J$13,0)+IF(Input!$K$14=3,K1847*Input!$J$14,0)+IF(Input!$K$15=3,L1847*Input!$J$15,0)+IF(Input!$K$16=3,M1847*Input!$J$16,0)</f>
        <v>0</v>
      </c>
      <c r="Q1847" s="71">
        <f>IF(Input!$K$13=4,J1847*Input!$J$13,0)+IF(Input!$K$14=4,K1847*Input!$J$14,0)+IF(Input!$K$15=4,L1847*Input!$J$15,0)+IF(Input!$K$16=4,M1847*Input!$J$16,0)</f>
        <v>0</v>
      </c>
    </row>
    <row r="1848" spans="8:17" x14ac:dyDescent="0.25">
      <c r="H1848" s="43">
        <v>1841</v>
      </c>
      <c r="I1848" s="55">
        <f>Bühler!I1874</f>
        <v>2.9867055301462431</v>
      </c>
      <c r="J1848" s="58">
        <f>Bühler!J1874</f>
        <v>10.9030619300023</v>
      </c>
      <c r="K1848" s="58">
        <f>Bühler!K1874</f>
        <v>0.32467777748434296</v>
      </c>
      <c r="L1848" s="58">
        <f>Bühler!L1874</f>
        <v>0.16233888874217148</v>
      </c>
      <c r="M1848" s="57">
        <f>Bühler!M1874</f>
        <v>0</v>
      </c>
      <c r="N1848" s="55">
        <f>IF(Input!$K$13=1,J1848*Input!$J$13,0)+IF(Input!$K$14=1,K1848*Input!$J$14,0)+IF(Input!$K$15=1,L1848*Input!$J$15,0)+IF(Input!$K$16=1,M1848*Input!$J$16,0)</f>
        <v>1.308367431600276</v>
      </c>
      <c r="O1848" s="58">
        <f>IF(Input!$K$13=2,J1848*Input!$J$13,0)+IF(Input!$K$14=2,K1848*Input!$J$14,0)+IF(Input!$K$15=2,L1848*Input!$J$15,0)+IF(Input!$K$16=2,M1848*Input!$J$16,0)</f>
        <v>4.3831499960386294E-2</v>
      </c>
      <c r="P1848" s="58">
        <f>IF(Input!$K$13=3,J1848*Input!$J$13,0)+IF(Input!$K$14=3,K1848*Input!$J$14,0)+IF(Input!$K$15=3,L1848*Input!$J$15,0)+IF(Input!$K$16=3,M1848*Input!$J$16,0)</f>
        <v>0</v>
      </c>
      <c r="Q1848" s="71">
        <f>IF(Input!$K$13=4,J1848*Input!$J$13,0)+IF(Input!$K$14=4,K1848*Input!$J$14,0)+IF(Input!$K$15=4,L1848*Input!$J$15,0)+IF(Input!$K$16=4,M1848*Input!$J$16,0)</f>
        <v>0</v>
      </c>
    </row>
    <row r="1849" spans="8:17" x14ac:dyDescent="0.25">
      <c r="H1849" s="43">
        <v>1842</v>
      </c>
      <c r="I1849" s="55">
        <f>Bühler!I1875</f>
        <v>2.6880349771316188</v>
      </c>
      <c r="J1849" s="58">
        <f>Bühler!J1875</f>
        <v>10.890617323626692</v>
      </c>
      <c r="K1849" s="58">
        <f>Bühler!K1875</f>
        <v>0.32467777748434296</v>
      </c>
      <c r="L1849" s="58">
        <f>Bühler!L1875</f>
        <v>0.16233888874217148</v>
      </c>
      <c r="M1849" s="57">
        <f>Bühler!M1875</f>
        <v>0</v>
      </c>
      <c r="N1849" s="55">
        <f>IF(Input!$K$13=1,J1849*Input!$J$13,0)+IF(Input!$K$14=1,K1849*Input!$J$14,0)+IF(Input!$K$15=1,L1849*Input!$J$15,0)+IF(Input!$K$16=1,M1849*Input!$J$16,0)</f>
        <v>1.3068740788352031</v>
      </c>
      <c r="O1849" s="58">
        <f>IF(Input!$K$13=2,J1849*Input!$J$13,0)+IF(Input!$K$14=2,K1849*Input!$J$14,0)+IF(Input!$K$15=2,L1849*Input!$J$15,0)+IF(Input!$K$16=2,M1849*Input!$J$16,0)</f>
        <v>4.3831499960386294E-2</v>
      </c>
      <c r="P1849" s="58">
        <f>IF(Input!$K$13=3,J1849*Input!$J$13,0)+IF(Input!$K$14=3,K1849*Input!$J$14,0)+IF(Input!$K$15=3,L1849*Input!$J$15,0)+IF(Input!$K$16=3,M1849*Input!$J$16,0)</f>
        <v>0</v>
      </c>
      <c r="Q1849" s="71">
        <f>IF(Input!$K$13=4,J1849*Input!$J$13,0)+IF(Input!$K$14=4,K1849*Input!$J$14,0)+IF(Input!$K$15=4,L1849*Input!$J$15,0)+IF(Input!$K$16=4,M1849*Input!$J$16,0)</f>
        <v>0</v>
      </c>
    </row>
    <row r="1850" spans="8:17" x14ac:dyDescent="0.25">
      <c r="H1850" s="43">
        <v>1843</v>
      </c>
      <c r="I1850" s="55">
        <f>Bühler!I1876</f>
        <v>2.588478126126744</v>
      </c>
      <c r="J1850" s="58">
        <f>Bühler!J1876</f>
        <v>10.886469121501488</v>
      </c>
      <c r="K1850" s="58">
        <f>Bühler!K1876</f>
        <v>0.32467777748434296</v>
      </c>
      <c r="L1850" s="58">
        <f>Bühler!L1876</f>
        <v>0.16233888874217148</v>
      </c>
      <c r="M1850" s="57">
        <f>Bühler!M1876</f>
        <v>0</v>
      </c>
      <c r="N1850" s="55">
        <f>IF(Input!$K$13=1,J1850*Input!$J$13,0)+IF(Input!$K$14=1,K1850*Input!$J$14,0)+IF(Input!$K$15=1,L1850*Input!$J$15,0)+IF(Input!$K$16=1,M1850*Input!$J$16,0)</f>
        <v>1.3063762945801785</v>
      </c>
      <c r="O1850" s="58">
        <f>IF(Input!$K$13=2,J1850*Input!$J$13,0)+IF(Input!$K$14=2,K1850*Input!$J$14,0)+IF(Input!$K$15=2,L1850*Input!$J$15,0)+IF(Input!$K$16=2,M1850*Input!$J$16,0)</f>
        <v>4.3831499960386294E-2</v>
      </c>
      <c r="P1850" s="58">
        <f>IF(Input!$K$13=3,J1850*Input!$J$13,0)+IF(Input!$K$14=3,K1850*Input!$J$14,0)+IF(Input!$K$15=3,L1850*Input!$J$15,0)+IF(Input!$K$16=3,M1850*Input!$J$16,0)</f>
        <v>0</v>
      </c>
      <c r="Q1850" s="71">
        <f>IF(Input!$K$13=4,J1850*Input!$J$13,0)+IF(Input!$K$14=4,K1850*Input!$J$14,0)+IF(Input!$K$15=4,L1850*Input!$J$15,0)+IF(Input!$K$16=4,M1850*Input!$J$16,0)</f>
        <v>0</v>
      </c>
    </row>
    <row r="1851" spans="8:17" x14ac:dyDescent="0.25">
      <c r="H1851" s="43">
        <v>1844</v>
      </c>
      <c r="I1851" s="55">
        <f>Bühler!I1877</f>
        <v>2.0906938711023701</v>
      </c>
      <c r="J1851" s="58">
        <f>Bühler!J1877</f>
        <v>10.865728110875473</v>
      </c>
      <c r="K1851" s="58">
        <f>Bühler!K1877</f>
        <v>0.32467777748434296</v>
      </c>
      <c r="L1851" s="58">
        <f>Bühler!L1877</f>
        <v>0.16233888874217148</v>
      </c>
      <c r="M1851" s="57">
        <f>Bühler!M1877</f>
        <v>0</v>
      </c>
      <c r="N1851" s="55">
        <f>IF(Input!$K$13=1,J1851*Input!$J$13,0)+IF(Input!$K$14=1,K1851*Input!$J$14,0)+IF(Input!$K$15=1,L1851*Input!$J$15,0)+IF(Input!$K$16=1,M1851*Input!$J$16,0)</f>
        <v>1.3038873733050567</v>
      </c>
      <c r="O1851" s="58">
        <f>IF(Input!$K$13=2,J1851*Input!$J$13,0)+IF(Input!$K$14=2,K1851*Input!$J$14,0)+IF(Input!$K$15=2,L1851*Input!$J$15,0)+IF(Input!$K$16=2,M1851*Input!$J$16,0)</f>
        <v>4.3831499960386294E-2</v>
      </c>
      <c r="P1851" s="58">
        <f>IF(Input!$K$13=3,J1851*Input!$J$13,0)+IF(Input!$K$14=3,K1851*Input!$J$14,0)+IF(Input!$K$15=3,L1851*Input!$J$15,0)+IF(Input!$K$16=3,M1851*Input!$J$16,0)</f>
        <v>0</v>
      </c>
      <c r="Q1851" s="71">
        <f>IF(Input!$K$13=4,J1851*Input!$J$13,0)+IF(Input!$K$14=4,K1851*Input!$J$14,0)+IF(Input!$K$15=4,L1851*Input!$J$15,0)+IF(Input!$K$16=4,M1851*Input!$J$16,0)</f>
        <v>0</v>
      </c>
    </row>
    <row r="1852" spans="8:17" x14ac:dyDescent="0.25">
      <c r="H1852" s="43">
        <v>1845</v>
      </c>
      <c r="I1852" s="55">
        <f>Bühler!I1878</f>
        <v>1.5431311905755589</v>
      </c>
      <c r="J1852" s="58">
        <f>Bühler!J1878</f>
        <v>10.842912999186856</v>
      </c>
      <c r="K1852" s="58">
        <f>Bühler!K1878</f>
        <v>0.32467777748434296</v>
      </c>
      <c r="L1852" s="58">
        <f>Bühler!L1878</f>
        <v>0.16233888874217148</v>
      </c>
      <c r="M1852" s="57">
        <f>Bühler!M1878</f>
        <v>0</v>
      </c>
      <c r="N1852" s="55">
        <f>IF(Input!$K$13=1,J1852*Input!$J$13,0)+IF(Input!$K$14=1,K1852*Input!$J$14,0)+IF(Input!$K$15=1,L1852*Input!$J$15,0)+IF(Input!$K$16=1,M1852*Input!$J$16,0)</f>
        <v>1.3011495599024228</v>
      </c>
      <c r="O1852" s="58">
        <f>IF(Input!$K$13=2,J1852*Input!$J$13,0)+IF(Input!$K$14=2,K1852*Input!$J$14,0)+IF(Input!$K$15=2,L1852*Input!$J$15,0)+IF(Input!$K$16=2,M1852*Input!$J$16,0)</f>
        <v>4.3831499960386294E-2</v>
      </c>
      <c r="P1852" s="58">
        <f>IF(Input!$K$13=3,J1852*Input!$J$13,0)+IF(Input!$K$14=3,K1852*Input!$J$14,0)+IF(Input!$K$15=3,L1852*Input!$J$15,0)+IF(Input!$K$16=3,M1852*Input!$J$16,0)</f>
        <v>0</v>
      </c>
      <c r="Q1852" s="71">
        <f>IF(Input!$K$13=4,J1852*Input!$J$13,0)+IF(Input!$K$14=4,K1852*Input!$J$14,0)+IF(Input!$K$15=4,L1852*Input!$J$15,0)+IF(Input!$K$16=4,M1852*Input!$J$16,0)</f>
        <v>0</v>
      </c>
    </row>
    <row r="1853" spans="8:17" x14ac:dyDescent="0.25">
      <c r="H1853" s="43">
        <v>1846</v>
      </c>
      <c r="I1853" s="55">
        <f>Bühler!I1879</f>
        <v>1.5431311905755589</v>
      </c>
      <c r="J1853" s="58">
        <f>Bühler!J1879</f>
        <v>10.842912999186856</v>
      </c>
      <c r="K1853" s="58">
        <f>Bühler!K1879</f>
        <v>0.32467777748434296</v>
      </c>
      <c r="L1853" s="58">
        <f>Bühler!L1879</f>
        <v>0.16233888874217148</v>
      </c>
      <c r="M1853" s="57">
        <f>Bühler!M1879</f>
        <v>0</v>
      </c>
      <c r="N1853" s="55">
        <f>IF(Input!$K$13=1,J1853*Input!$J$13,0)+IF(Input!$K$14=1,K1853*Input!$J$14,0)+IF(Input!$K$15=1,L1853*Input!$J$15,0)+IF(Input!$K$16=1,M1853*Input!$J$16,0)</f>
        <v>1.3011495599024228</v>
      </c>
      <c r="O1853" s="58">
        <f>IF(Input!$K$13=2,J1853*Input!$J$13,0)+IF(Input!$K$14=2,K1853*Input!$J$14,0)+IF(Input!$K$15=2,L1853*Input!$J$15,0)+IF(Input!$K$16=2,M1853*Input!$J$16,0)</f>
        <v>4.3831499960386294E-2</v>
      </c>
      <c r="P1853" s="58">
        <f>IF(Input!$K$13=3,J1853*Input!$J$13,0)+IF(Input!$K$14=3,K1853*Input!$J$14,0)+IF(Input!$K$15=3,L1853*Input!$J$15,0)+IF(Input!$K$16=3,M1853*Input!$J$16,0)</f>
        <v>0</v>
      </c>
      <c r="Q1853" s="71">
        <f>IF(Input!$K$13=4,J1853*Input!$J$13,0)+IF(Input!$K$14=4,K1853*Input!$J$14,0)+IF(Input!$K$15=4,L1853*Input!$J$15,0)+IF(Input!$K$16=4,M1853*Input!$J$16,0)</f>
        <v>0</v>
      </c>
    </row>
    <row r="1854" spans="8:17" x14ac:dyDescent="0.25">
      <c r="H1854" s="43">
        <v>1847</v>
      </c>
      <c r="I1854" s="55">
        <f>Bühler!I1880</f>
        <v>1.5431311905755589</v>
      </c>
      <c r="J1854" s="58">
        <f>Bühler!J1880</f>
        <v>10.842912999186856</v>
      </c>
      <c r="K1854" s="58">
        <f>Bühler!K1880</f>
        <v>0.32467777748434296</v>
      </c>
      <c r="L1854" s="58">
        <f>Bühler!L1880</f>
        <v>0.16233888874217148</v>
      </c>
      <c r="M1854" s="57">
        <f>Bühler!M1880</f>
        <v>0</v>
      </c>
      <c r="N1854" s="55">
        <f>IF(Input!$K$13=1,J1854*Input!$J$13,0)+IF(Input!$K$14=1,K1854*Input!$J$14,0)+IF(Input!$K$15=1,L1854*Input!$J$15,0)+IF(Input!$K$16=1,M1854*Input!$J$16,0)</f>
        <v>1.3011495599024228</v>
      </c>
      <c r="O1854" s="58">
        <f>IF(Input!$K$13=2,J1854*Input!$J$13,0)+IF(Input!$K$14=2,K1854*Input!$J$14,0)+IF(Input!$K$15=2,L1854*Input!$J$15,0)+IF(Input!$K$16=2,M1854*Input!$J$16,0)</f>
        <v>4.3831499960386294E-2</v>
      </c>
      <c r="P1854" s="58">
        <f>IF(Input!$K$13=3,J1854*Input!$J$13,0)+IF(Input!$K$14=3,K1854*Input!$J$14,0)+IF(Input!$K$15=3,L1854*Input!$J$15,0)+IF(Input!$K$16=3,M1854*Input!$J$16,0)</f>
        <v>0</v>
      </c>
      <c r="Q1854" s="71">
        <f>IF(Input!$K$13=4,J1854*Input!$J$13,0)+IF(Input!$K$14=4,K1854*Input!$J$14,0)+IF(Input!$K$15=4,L1854*Input!$J$15,0)+IF(Input!$K$16=4,M1854*Input!$J$16,0)</f>
        <v>0</v>
      </c>
    </row>
    <row r="1855" spans="8:17" x14ac:dyDescent="0.25">
      <c r="H1855" s="43">
        <v>1848</v>
      </c>
      <c r="I1855" s="55">
        <f>Bühler!I1881</f>
        <v>1.5431311905755589</v>
      </c>
      <c r="J1855" s="58">
        <f>Bühler!J1881</f>
        <v>10.842912999186856</v>
      </c>
      <c r="K1855" s="58">
        <f>Bühler!K1881</f>
        <v>0.32467777748434296</v>
      </c>
      <c r="L1855" s="58">
        <f>Bühler!L1881</f>
        <v>0.16233888874217148</v>
      </c>
      <c r="M1855" s="57">
        <f>Bühler!M1881</f>
        <v>0</v>
      </c>
      <c r="N1855" s="55">
        <f>IF(Input!$K$13=1,J1855*Input!$J$13,0)+IF(Input!$K$14=1,K1855*Input!$J$14,0)+IF(Input!$K$15=1,L1855*Input!$J$15,0)+IF(Input!$K$16=1,M1855*Input!$J$16,0)</f>
        <v>1.3011495599024228</v>
      </c>
      <c r="O1855" s="58">
        <f>IF(Input!$K$13=2,J1855*Input!$J$13,0)+IF(Input!$K$14=2,K1855*Input!$J$14,0)+IF(Input!$K$15=2,L1855*Input!$J$15,0)+IF(Input!$K$16=2,M1855*Input!$J$16,0)</f>
        <v>4.3831499960386294E-2</v>
      </c>
      <c r="P1855" s="58">
        <f>IF(Input!$K$13=3,J1855*Input!$J$13,0)+IF(Input!$K$14=3,K1855*Input!$J$14,0)+IF(Input!$K$15=3,L1855*Input!$J$15,0)+IF(Input!$K$16=3,M1855*Input!$J$16,0)</f>
        <v>0</v>
      </c>
      <c r="Q1855" s="71">
        <f>IF(Input!$K$13=4,J1855*Input!$J$13,0)+IF(Input!$K$14=4,K1855*Input!$J$14,0)+IF(Input!$K$15=4,L1855*Input!$J$15,0)+IF(Input!$K$16=4,M1855*Input!$J$16,0)</f>
        <v>0</v>
      </c>
    </row>
    <row r="1856" spans="8:17" x14ac:dyDescent="0.25">
      <c r="H1856" s="43">
        <v>1849</v>
      </c>
      <c r="I1856" s="55">
        <f>Bühler!I1882</f>
        <v>1.7821882839427887</v>
      </c>
      <c r="J1856" s="58">
        <f>Bühler!J1882</f>
        <v>10.981779818842773</v>
      </c>
      <c r="K1856" s="58">
        <f>Bühler!K1882</f>
        <v>0.32776103748627561</v>
      </c>
      <c r="L1856" s="58">
        <f>Bühler!L1882</f>
        <v>0.1638805187431378</v>
      </c>
      <c r="M1856" s="57">
        <f>Bühler!M1882</f>
        <v>0</v>
      </c>
      <c r="N1856" s="55">
        <f>IF(Input!$K$13=1,J1856*Input!$J$13,0)+IF(Input!$K$14=1,K1856*Input!$J$14,0)+IF(Input!$K$15=1,L1856*Input!$J$15,0)+IF(Input!$K$16=1,M1856*Input!$J$16,0)</f>
        <v>1.3178135782611327</v>
      </c>
      <c r="O1856" s="58">
        <f>IF(Input!$K$13=2,J1856*Input!$J$13,0)+IF(Input!$K$14=2,K1856*Input!$J$14,0)+IF(Input!$K$15=2,L1856*Input!$J$15,0)+IF(Input!$K$16=2,M1856*Input!$J$16,0)</f>
        <v>4.4247740060647203E-2</v>
      </c>
      <c r="P1856" s="58">
        <f>IF(Input!$K$13=3,J1856*Input!$J$13,0)+IF(Input!$K$14=3,K1856*Input!$J$14,0)+IF(Input!$K$15=3,L1856*Input!$J$15,0)+IF(Input!$K$16=3,M1856*Input!$J$16,0)</f>
        <v>0</v>
      </c>
      <c r="Q1856" s="71">
        <f>IF(Input!$K$13=4,J1856*Input!$J$13,0)+IF(Input!$K$14=4,K1856*Input!$J$14,0)+IF(Input!$K$15=4,L1856*Input!$J$15,0)+IF(Input!$K$16=4,M1856*Input!$J$16,0)</f>
        <v>0</v>
      </c>
    </row>
    <row r="1857" spans="8:17" x14ac:dyDescent="0.25">
      <c r="H1857" s="43">
        <v>1850</v>
      </c>
      <c r="I1857" s="55">
        <f>Bühler!I1883</f>
        <v>2.0696380071593676</v>
      </c>
      <c r="J1857" s="58">
        <f>Bühler!J1883</f>
        <v>10.993756890643464</v>
      </c>
      <c r="K1857" s="58">
        <f>Bühler!K1883</f>
        <v>0.32776103748627561</v>
      </c>
      <c r="L1857" s="58">
        <f>Bühler!L1883</f>
        <v>0.1638805187431378</v>
      </c>
      <c r="M1857" s="57">
        <f>Bühler!M1883</f>
        <v>0</v>
      </c>
      <c r="N1857" s="55">
        <f>IF(Input!$K$13=1,J1857*Input!$J$13,0)+IF(Input!$K$14=1,K1857*Input!$J$14,0)+IF(Input!$K$15=1,L1857*Input!$J$15,0)+IF(Input!$K$16=1,M1857*Input!$J$16,0)</f>
        <v>1.3192508268772156</v>
      </c>
      <c r="O1857" s="58">
        <f>IF(Input!$K$13=2,J1857*Input!$J$13,0)+IF(Input!$K$14=2,K1857*Input!$J$14,0)+IF(Input!$K$15=2,L1857*Input!$J$15,0)+IF(Input!$K$16=2,M1857*Input!$J$16,0)</f>
        <v>4.4247740060647203E-2</v>
      </c>
      <c r="P1857" s="58">
        <f>IF(Input!$K$13=3,J1857*Input!$J$13,0)+IF(Input!$K$14=3,K1857*Input!$J$14,0)+IF(Input!$K$15=3,L1857*Input!$J$15,0)+IF(Input!$K$16=3,M1857*Input!$J$16,0)</f>
        <v>0</v>
      </c>
      <c r="Q1857" s="71">
        <f>IF(Input!$K$13=4,J1857*Input!$J$13,0)+IF(Input!$K$14=4,K1857*Input!$J$14,0)+IF(Input!$K$15=4,L1857*Input!$J$15,0)+IF(Input!$K$16=4,M1857*Input!$J$16,0)</f>
        <v>0</v>
      </c>
    </row>
    <row r="1858" spans="8:17" x14ac:dyDescent="0.25">
      <c r="H1858" s="43">
        <v>1851</v>
      </c>
      <c r="I1858" s="55">
        <f>Bühler!I1884</f>
        <v>2.0696380071593676</v>
      </c>
      <c r="J1858" s="58">
        <f>Bühler!J1884</f>
        <v>10.993756890643464</v>
      </c>
      <c r="K1858" s="58">
        <f>Bühler!K1884</f>
        <v>0.32776103748627561</v>
      </c>
      <c r="L1858" s="58">
        <f>Bühler!L1884</f>
        <v>0.1638805187431378</v>
      </c>
      <c r="M1858" s="57">
        <f>Bühler!M1884</f>
        <v>0</v>
      </c>
      <c r="N1858" s="55">
        <f>IF(Input!$K$13=1,J1858*Input!$J$13,0)+IF(Input!$K$14=1,K1858*Input!$J$14,0)+IF(Input!$K$15=1,L1858*Input!$J$15,0)+IF(Input!$K$16=1,M1858*Input!$J$16,0)</f>
        <v>1.3192508268772156</v>
      </c>
      <c r="O1858" s="58">
        <f>IF(Input!$K$13=2,J1858*Input!$J$13,0)+IF(Input!$K$14=2,K1858*Input!$J$14,0)+IF(Input!$K$15=2,L1858*Input!$J$15,0)+IF(Input!$K$16=2,M1858*Input!$J$16,0)</f>
        <v>4.4247740060647203E-2</v>
      </c>
      <c r="P1858" s="58">
        <f>IF(Input!$K$13=3,J1858*Input!$J$13,0)+IF(Input!$K$14=3,K1858*Input!$J$14,0)+IF(Input!$K$15=3,L1858*Input!$J$15,0)+IF(Input!$K$16=3,M1858*Input!$J$16,0)</f>
        <v>0</v>
      </c>
      <c r="Q1858" s="71">
        <f>IF(Input!$K$13=4,J1858*Input!$J$13,0)+IF(Input!$K$14=4,K1858*Input!$J$14,0)+IF(Input!$K$15=4,L1858*Input!$J$15,0)+IF(Input!$K$16=4,M1858*Input!$J$16,0)</f>
        <v>0</v>
      </c>
    </row>
    <row r="1859" spans="8:17" x14ac:dyDescent="0.25">
      <c r="H1859" s="43">
        <v>1852</v>
      </c>
      <c r="I1859" s="55">
        <f>Bühler!I1885</f>
        <v>2.0696380071593676</v>
      </c>
      <c r="J1859" s="58">
        <f>Bühler!J1885</f>
        <v>10.993756890643464</v>
      </c>
      <c r="K1859" s="58">
        <f>Bühler!K1885</f>
        <v>0.32776103748627561</v>
      </c>
      <c r="L1859" s="58">
        <f>Bühler!L1885</f>
        <v>0.1638805187431378</v>
      </c>
      <c r="M1859" s="57">
        <f>Bühler!M1885</f>
        <v>0</v>
      </c>
      <c r="N1859" s="55">
        <f>IF(Input!$K$13=1,J1859*Input!$J$13,0)+IF(Input!$K$14=1,K1859*Input!$J$14,0)+IF(Input!$K$15=1,L1859*Input!$J$15,0)+IF(Input!$K$16=1,M1859*Input!$J$16,0)</f>
        <v>1.3192508268772156</v>
      </c>
      <c r="O1859" s="58">
        <f>IF(Input!$K$13=2,J1859*Input!$J$13,0)+IF(Input!$K$14=2,K1859*Input!$J$14,0)+IF(Input!$K$15=2,L1859*Input!$J$15,0)+IF(Input!$K$16=2,M1859*Input!$J$16,0)</f>
        <v>4.4247740060647203E-2</v>
      </c>
      <c r="P1859" s="58">
        <f>IF(Input!$K$13=3,J1859*Input!$J$13,0)+IF(Input!$K$14=3,K1859*Input!$J$14,0)+IF(Input!$K$15=3,L1859*Input!$J$15,0)+IF(Input!$K$16=3,M1859*Input!$J$16,0)</f>
        <v>0</v>
      </c>
      <c r="Q1859" s="71">
        <f>IF(Input!$K$13=4,J1859*Input!$J$13,0)+IF(Input!$K$14=4,K1859*Input!$J$14,0)+IF(Input!$K$15=4,L1859*Input!$J$15,0)+IF(Input!$K$16=4,M1859*Input!$J$16,0)</f>
        <v>0</v>
      </c>
    </row>
    <row r="1860" spans="8:17" x14ac:dyDescent="0.25">
      <c r="H1860" s="43">
        <v>1853</v>
      </c>
      <c r="I1860" s="55">
        <f>Bühler!I1886</f>
        <v>2.0696380071593676</v>
      </c>
      <c r="J1860" s="58">
        <f>Bühler!J1886</f>
        <v>10.993756890643464</v>
      </c>
      <c r="K1860" s="58">
        <f>Bühler!K1886</f>
        <v>0.32776103748627561</v>
      </c>
      <c r="L1860" s="58">
        <f>Bühler!L1886</f>
        <v>0.1638805187431378</v>
      </c>
      <c r="M1860" s="57">
        <f>Bühler!M1886</f>
        <v>0</v>
      </c>
      <c r="N1860" s="55">
        <f>IF(Input!$K$13=1,J1860*Input!$J$13,0)+IF(Input!$K$14=1,K1860*Input!$J$14,0)+IF(Input!$K$15=1,L1860*Input!$J$15,0)+IF(Input!$K$16=1,M1860*Input!$J$16,0)</f>
        <v>1.3192508268772156</v>
      </c>
      <c r="O1860" s="58">
        <f>IF(Input!$K$13=2,J1860*Input!$J$13,0)+IF(Input!$K$14=2,K1860*Input!$J$14,0)+IF(Input!$K$15=2,L1860*Input!$J$15,0)+IF(Input!$K$16=2,M1860*Input!$J$16,0)</f>
        <v>4.4247740060647203E-2</v>
      </c>
      <c r="P1860" s="58">
        <f>IF(Input!$K$13=3,J1860*Input!$J$13,0)+IF(Input!$K$14=3,K1860*Input!$J$14,0)+IF(Input!$K$15=3,L1860*Input!$J$15,0)+IF(Input!$K$16=3,M1860*Input!$J$16,0)</f>
        <v>0</v>
      </c>
      <c r="Q1860" s="71">
        <f>IF(Input!$K$13=4,J1860*Input!$J$13,0)+IF(Input!$K$14=4,K1860*Input!$J$14,0)+IF(Input!$K$15=4,L1860*Input!$J$15,0)+IF(Input!$K$16=4,M1860*Input!$J$16,0)</f>
        <v>0</v>
      </c>
    </row>
    <row r="1861" spans="8:17" x14ac:dyDescent="0.25">
      <c r="H1861" s="43">
        <v>1854</v>
      </c>
      <c r="I1861" s="55">
        <f>Bühler!I1887</f>
        <v>2.5870475089492091</v>
      </c>
      <c r="J1861" s="58">
        <f>Bühler!J1887</f>
        <v>11.015315619884706</v>
      </c>
      <c r="K1861" s="58">
        <f>Bühler!K1887</f>
        <v>0.32776103748627561</v>
      </c>
      <c r="L1861" s="58">
        <f>Bühler!L1887</f>
        <v>0.1638805187431378</v>
      </c>
      <c r="M1861" s="57">
        <f>Bühler!M1887</f>
        <v>0</v>
      </c>
      <c r="N1861" s="55">
        <f>IF(Input!$K$13=1,J1861*Input!$J$13,0)+IF(Input!$K$14=1,K1861*Input!$J$14,0)+IF(Input!$K$15=1,L1861*Input!$J$15,0)+IF(Input!$K$16=1,M1861*Input!$J$16,0)</f>
        <v>1.3218378743861647</v>
      </c>
      <c r="O1861" s="58">
        <f>IF(Input!$K$13=2,J1861*Input!$J$13,0)+IF(Input!$K$14=2,K1861*Input!$J$14,0)+IF(Input!$K$15=2,L1861*Input!$J$15,0)+IF(Input!$K$16=2,M1861*Input!$J$16,0)</f>
        <v>4.4247740060647203E-2</v>
      </c>
      <c r="P1861" s="58">
        <f>IF(Input!$K$13=3,J1861*Input!$J$13,0)+IF(Input!$K$14=3,K1861*Input!$J$14,0)+IF(Input!$K$15=3,L1861*Input!$J$15,0)+IF(Input!$K$16=3,M1861*Input!$J$16,0)</f>
        <v>0</v>
      </c>
      <c r="Q1861" s="71">
        <f>IF(Input!$K$13=4,J1861*Input!$J$13,0)+IF(Input!$K$14=4,K1861*Input!$J$14,0)+IF(Input!$K$15=4,L1861*Input!$J$15,0)+IF(Input!$K$16=4,M1861*Input!$J$16,0)</f>
        <v>0</v>
      </c>
    </row>
    <row r="1862" spans="8:17" x14ac:dyDescent="0.25">
      <c r="H1862" s="43">
        <v>1855</v>
      </c>
      <c r="I1862" s="55">
        <f>Bühler!I1888</f>
        <v>3.0469670660957355</v>
      </c>
      <c r="J1862" s="58">
        <f>Bühler!J1888</f>
        <v>11.034478934765811</v>
      </c>
      <c r="K1862" s="58">
        <f>Bühler!K1888</f>
        <v>0.32776103748627561</v>
      </c>
      <c r="L1862" s="58">
        <f>Bühler!L1888</f>
        <v>0.1638805187431378</v>
      </c>
      <c r="M1862" s="57">
        <f>Bühler!M1888</f>
        <v>0</v>
      </c>
      <c r="N1862" s="55">
        <f>IF(Input!$K$13=1,J1862*Input!$J$13,0)+IF(Input!$K$14=1,K1862*Input!$J$14,0)+IF(Input!$K$15=1,L1862*Input!$J$15,0)+IF(Input!$K$16=1,M1862*Input!$J$16,0)</f>
        <v>1.3241374721718973</v>
      </c>
      <c r="O1862" s="58">
        <f>IF(Input!$K$13=2,J1862*Input!$J$13,0)+IF(Input!$K$14=2,K1862*Input!$J$14,0)+IF(Input!$K$15=2,L1862*Input!$J$15,0)+IF(Input!$K$16=2,M1862*Input!$J$16,0)</f>
        <v>4.4247740060647203E-2</v>
      </c>
      <c r="P1862" s="58">
        <f>IF(Input!$K$13=3,J1862*Input!$J$13,0)+IF(Input!$K$14=3,K1862*Input!$J$14,0)+IF(Input!$K$15=3,L1862*Input!$J$15,0)+IF(Input!$K$16=3,M1862*Input!$J$16,0)</f>
        <v>0</v>
      </c>
      <c r="Q1862" s="71">
        <f>IF(Input!$K$13=4,J1862*Input!$J$13,0)+IF(Input!$K$14=4,K1862*Input!$J$14,0)+IF(Input!$K$15=4,L1862*Input!$J$15,0)+IF(Input!$K$16=4,M1862*Input!$J$16,0)</f>
        <v>0</v>
      </c>
    </row>
    <row r="1863" spans="8:17" x14ac:dyDescent="0.25">
      <c r="H1863" s="43">
        <v>1856</v>
      </c>
      <c r="I1863" s="55">
        <f>Bühler!I1889</f>
        <v>3.6218665125288934</v>
      </c>
      <c r="J1863" s="58">
        <f>Bühler!J1889</f>
        <v>11.058433078367193</v>
      </c>
      <c r="K1863" s="58">
        <f>Bühler!K1889</f>
        <v>0.32776103748627561</v>
      </c>
      <c r="L1863" s="58">
        <f>Bühler!L1889</f>
        <v>0.1638805187431378</v>
      </c>
      <c r="M1863" s="57">
        <f>Bühler!M1889</f>
        <v>0</v>
      </c>
      <c r="N1863" s="55">
        <f>IF(Input!$K$13=1,J1863*Input!$J$13,0)+IF(Input!$K$14=1,K1863*Input!$J$14,0)+IF(Input!$K$15=1,L1863*Input!$J$15,0)+IF(Input!$K$16=1,M1863*Input!$J$16,0)</f>
        <v>1.327011969404063</v>
      </c>
      <c r="O1863" s="58">
        <f>IF(Input!$K$13=2,J1863*Input!$J$13,0)+IF(Input!$K$14=2,K1863*Input!$J$14,0)+IF(Input!$K$15=2,L1863*Input!$J$15,0)+IF(Input!$K$16=2,M1863*Input!$J$16,0)</f>
        <v>4.4247740060647203E-2</v>
      </c>
      <c r="P1863" s="58">
        <f>IF(Input!$K$13=3,J1863*Input!$J$13,0)+IF(Input!$K$14=3,K1863*Input!$J$14,0)+IF(Input!$K$15=3,L1863*Input!$J$15,0)+IF(Input!$K$16=3,M1863*Input!$J$16,0)</f>
        <v>0</v>
      </c>
      <c r="Q1863" s="71">
        <f>IF(Input!$K$13=4,J1863*Input!$J$13,0)+IF(Input!$K$14=4,K1863*Input!$J$14,0)+IF(Input!$K$15=4,L1863*Input!$J$15,0)+IF(Input!$K$16=4,M1863*Input!$J$16,0)</f>
        <v>0</v>
      </c>
    </row>
    <row r="1864" spans="8:17" x14ac:dyDescent="0.25">
      <c r="H1864" s="43">
        <v>1857</v>
      </c>
      <c r="I1864" s="55">
        <f>Bühler!I1890</f>
        <v>3.6218665125288934</v>
      </c>
      <c r="J1864" s="58">
        <f>Bühler!J1890</f>
        <v>11.058433078367193</v>
      </c>
      <c r="K1864" s="58">
        <f>Bühler!K1890</f>
        <v>0.32776103748627561</v>
      </c>
      <c r="L1864" s="58">
        <f>Bühler!L1890</f>
        <v>0.1638805187431378</v>
      </c>
      <c r="M1864" s="57">
        <f>Bühler!M1890</f>
        <v>0</v>
      </c>
      <c r="N1864" s="55">
        <f>IF(Input!$K$13=1,J1864*Input!$J$13,0)+IF(Input!$K$14=1,K1864*Input!$J$14,0)+IF(Input!$K$15=1,L1864*Input!$J$15,0)+IF(Input!$K$16=1,M1864*Input!$J$16,0)</f>
        <v>1.327011969404063</v>
      </c>
      <c r="O1864" s="58">
        <f>IF(Input!$K$13=2,J1864*Input!$J$13,0)+IF(Input!$K$14=2,K1864*Input!$J$14,0)+IF(Input!$K$15=2,L1864*Input!$J$15,0)+IF(Input!$K$16=2,M1864*Input!$J$16,0)</f>
        <v>4.4247740060647203E-2</v>
      </c>
      <c r="P1864" s="58">
        <f>IF(Input!$K$13=3,J1864*Input!$J$13,0)+IF(Input!$K$14=3,K1864*Input!$J$14,0)+IF(Input!$K$15=3,L1864*Input!$J$15,0)+IF(Input!$K$16=3,M1864*Input!$J$16,0)</f>
        <v>0</v>
      </c>
      <c r="Q1864" s="71">
        <f>IF(Input!$K$13=4,J1864*Input!$J$13,0)+IF(Input!$K$14=4,K1864*Input!$J$14,0)+IF(Input!$K$15=4,L1864*Input!$J$15,0)+IF(Input!$K$16=4,M1864*Input!$J$16,0)</f>
        <v>0</v>
      </c>
    </row>
    <row r="1865" spans="8:17" x14ac:dyDescent="0.25">
      <c r="H1865" s="43">
        <v>1858</v>
      </c>
      <c r="I1865" s="55">
        <f>Bühler!I1891</f>
        <v>3.6218665125288934</v>
      </c>
      <c r="J1865" s="58">
        <f>Bühler!J1891</f>
        <v>11.058433078367193</v>
      </c>
      <c r="K1865" s="58">
        <f>Bühler!K1891</f>
        <v>0.32776103748627561</v>
      </c>
      <c r="L1865" s="58">
        <f>Bühler!L1891</f>
        <v>0.1638805187431378</v>
      </c>
      <c r="M1865" s="57">
        <f>Bühler!M1891</f>
        <v>0</v>
      </c>
      <c r="N1865" s="55">
        <f>IF(Input!$K$13=1,J1865*Input!$J$13,0)+IF(Input!$K$14=1,K1865*Input!$J$14,0)+IF(Input!$K$15=1,L1865*Input!$J$15,0)+IF(Input!$K$16=1,M1865*Input!$J$16,0)</f>
        <v>1.327011969404063</v>
      </c>
      <c r="O1865" s="58">
        <f>IF(Input!$K$13=2,J1865*Input!$J$13,0)+IF(Input!$K$14=2,K1865*Input!$J$14,0)+IF(Input!$K$15=2,L1865*Input!$J$15,0)+IF(Input!$K$16=2,M1865*Input!$J$16,0)</f>
        <v>4.4247740060647203E-2</v>
      </c>
      <c r="P1865" s="58">
        <f>IF(Input!$K$13=3,J1865*Input!$J$13,0)+IF(Input!$K$14=3,K1865*Input!$J$14,0)+IF(Input!$K$15=3,L1865*Input!$J$15,0)+IF(Input!$K$16=3,M1865*Input!$J$16,0)</f>
        <v>0</v>
      </c>
      <c r="Q1865" s="71">
        <f>IF(Input!$K$13=4,J1865*Input!$J$13,0)+IF(Input!$K$14=4,K1865*Input!$J$14,0)+IF(Input!$K$15=4,L1865*Input!$J$15,0)+IF(Input!$K$16=4,M1865*Input!$J$16,0)</f>
        <v>0</v>
      </c>
    </row>
    <row r="1866" spans="8:17" x14ac:dyDescent="0.25">
      <c r="H1866" s="43">
        <v>1859</v>
      </c>
      <c r="I1866" s="55">
        <f>Bühler!I1892</f>
        <v>3.6218665125288934</v>
      </c>
      <c r="J1866" s="58">
        <f>Bühler!J1892</f>
        <v>11.058433078367193</v>
      </c>
      <c r="K1866" s="58">
        <f>Bühler!K1892</f>
        <v>0.32776103748627561</v>
      </c>
      <c r="L1866" s="58">
        <f>Bühler!L1892</f>
        <v>0.1638805187431378</v>
      </c>
      <c r="M1866" s="57">
        <f>Bühler!M1892</f>
        <v>0</v>
      </c>
      <c r="N1866" s="55">
        <f>IF(Input!$K$13=1,J1866*Input!$J$13,0)+IF(Input!$K$14=1,K1866*Input!$J$14,0)+IF(Input!$K$15=1,L1866*Input!$J$15,0)+IF(Input!$K$16=1,M1866*Input!$J$16,0)</f>
        <v>1.327011969404063</v>
      </c>
      <c r="O1866" s="58">
        <f>IF(Input!$K$13=2,J1866*Input!$J$13,0)+IF(Input!$K$14=2,K1866*Input!$J$14,0)+IF(Input!$K$15=2,L1866*Input!$J$15,0)+IF(Input!$K$16=2,M1866*Input!$J$16,0)</f>
        <v>4.4247740060647203E-2</v>
      </c>
      <c r="P1866" s="58">
        <f>IF(Input!$K$13=3,J1866*Input!$J$13,0)+IF(Input!$K$14=3,K1866*Input!$J$14,0)+IF(Input!$K$15=3,L1866*Input!$J$15,0)+IF(Input!$K$16=3,M1866*Input!$J$16,0)</f>
        <v>0</v>
      </c>
      <c r="Q1866" s="71">
        <f>IF(Input!$K$13=4,J1866*Input!$J$13,0)+IF(Input!$K$14=4,K1866*Input!$J$14,0)+IF(Input!$K$15=4,L1866*Input!$J$15,0)+IF(Input!$K$16=4,M1866*Input!$J$16,0)</f>
        <v>0</v>
      </c>
    </row>
    <row r="1867" spans="8:17" x14ac:dyDescent="0.25">
      <c r="H1867" s="43">
        <v>1860</v>
      </c>
      <c r="I1867" s="55">
        <f>Bühler!I1893</f>
        <v>3.6218665125288934</v>
      </c>
      <c r="J1867" s="58">
        <f>Bühler!J1893</f>
        <v>11.058433078367193</v>
      </c>
      <c r="K1867" s="58">
        <f>Bühler!K1893</f>
        <v>0.32776103748627561</v>
      </c>
      <c r="L1867" s="58">
        <f>Bühler!L1893</f>
        <v>0.1638805187431378</v>
      </c>
      <c r="M1867" s="57">
        <f>Bühler!M1893</f>
        <v>0</v>
      </c>
      <c r="N1867" s="55">
        <f>IF(Input!$K$13=1,J1867*Input!$J$13,0)+IF(Input!$K$14=1,K1867*Input!$J$14,0)+IF(Input!$K$15=1,L1867*Input!$J$15,0)+IF(Input!$K$16=1,M1867*Input!$J$16,0)</f>
        <v>1.327011969404063</v>
      </c>
      <c r="O1867" s="58">
        <f>IF(Input!$K$13=2,J1867*Input!$J$13,0)+IF(Input!$K$14=2,K1867*Input!$J$14,0)+IF(Input!$K$15=2,L1867*Input!$J$15,0)+IF(Input!$K$16=2,M1867*Input!$J$16,0)</f>
        <v>4.4247740060647203E-2</v>
      </c>
      <c r="P1867" s="58">
        <f>IF(Input!$K$13=3,J1867*Input!$J$13,0)+IF(Input!$K$14=3,K1867*Input!$J$14,0)+IF(Input!$K$15=3,L1867*Input!$J$15,0)+IF(Input!$K$16=3,M1867*Input!$J$16,0)</f>
        <v>0</v>
      </c>
      <c r="Q1867" s="71">
        <f>IF(Input!$K$13=4,J1867*Input!$J$13,0)+IF(Input!$K$14=4,K1867*Input!$J$14,0)+IF(Input!$K$15=4,L1867*Input!$J$15,0)+IF(Input!$K$16=4,M1867*Input!$J$16,0)</f>
        <v>0</v>
      </c>
    </row>
    <row r="1868" spans="8:17" x14ac:dyDescent="0.25">
      <c r="H1868" s="43">
        <v>1861</v>
      </c>
      <c r="I1868" s="55">
        <f>Bühler!I1894</f>
        <v>3.6218665125288934</v>
      </c>
      <c r="J1868" s="58">
        <f>Bühler!J1894</f>
        <v>11.058433078367193</v>
      </c>
      <c r="K1868" s="58">
        <f>Bühler!K1894</f>
        <v>0.32776103748627561</v>
      </c>
      <c r="L1868" s="58">
        <f>Bühler!L1894</f>
        <v>0.1638805187431378</v>
      </c>
      <c r="M1868" s="57">
        <f>Bühler!M1894</f>
        <v>0</v>
      </c>
      <c r="N1868" s="55">
        <f>IF(Input!$K$13=1,J1868*Input!$J$13,0)+IF(Input!$K$14=1,K1868*Input!$J$14,0)+IF(Input!$K$15=1,L1868*Input!$J$15,0)+IF(Input!$K$16=1,M1868*Input!$J$16,0)</f>
        <v>1.327011969404063</v>
      </c>
      <c r="O1868" s="58">
        <f>IF(Input!$K$13=2,J1868*Input!$J$13,0)+IF(Input!$K$14=2,K1868*Input!$J$14,0)+IF(Input!$K$15=2,L1868*Input!$J$15,0)+IF(Input!$K$16=2,M1868*Input!$J$16,0)</f>
        <v>4.4247740060647203E-2</v>
      </c>
      <c r="P1868" s="58">
        <f>IF(Input!$K$13=3,J1868*Input!$J$13,0)+IF(Input!$K$14=3,K1868*Input!$J$14,0)+IF(Input!$K$15=3,L1868*Input!$J$15,0)+IF(Input!$K$16=3,M1868*Input!$J$16,0)</f>
        <v>0</v>
      </c>
      <c r="Q1868" s="71">
        <f>IF(Input!$K$13=4,J1868*Input!$J$13,0)+IF(Input!$K$14=4,K1868*Input!$J$14,0)+IF(Input!$K$15=4,L1868*Input!$J$15,0)+IF(Input!$K$16=4,M1868*Input!$J$16,0)</f>
        <v>0</v>
      </c>
    </row>
    <row r="1869" spans="8:17" x14ac:dyDescent="0.25">
      <c r="H1869" s="43">
        <v>1862</v>
      </c>
      <c r="I1869" s="55">
        <f>Bühler!I1895</f>
        <v>3.6218665125288934</v>
      </c>
      <c r="J1869" s="58">
        <f>Bühler!J1895</f>
        <v>11.058433078367193</v>
      </c>
      <c r="K1869" s="58">
        <f>Bühler!K1895</f>
        <v>0.32776103748627561</v>
      </c>
      <c r="L1869" s="58">
        <f>Bühler!L1895</f>
        <v>0.1638805187431378</v>
      </c>
      <c r="M1869" s="57">
        <f>Bühler!M1895</f>
        <v>0</v>
      </c>
      <c r="N1869" s="55">
        <f>IF(Input!$K$13=1,J1869*Input!$J$13,0)+IF(Input!$K$14=1,K1869*Input!$J$14,0)+IF(Input!$K$15=1,L1869*Input!$J$15,0)+IF(Input!$K$16=1,M1869*Input!$J$16,0)</f>
        <v>1.327011969404063</v>
      </c>
      <c r="O1869" s="58">
        <f>IF(Input!$K$13=2,J1869*Input!$J$13,0)+IF(Input!$K$14=2,K1869*Input!$J$14,0)+IF(Input!$K$15=2,L1869*Input!$J$15,0)+IF(Input!$K$16=2,M1869*Input!$J$16,0)</f>
        <v>4.4247740060647203E-2</v>
      </c>
      <c r="P1869" s="58">
        <f>IF(Input!$K$13=3,J1869*Input!$J$13,0)+IF(Input!$K$14=3,K1869*Input!$J$14,0)+IF(Input!$K$15=3,L1869*Input!$J$15,0)+IF(Input!$K$16=3,M1869*Input!$J$16,0)</f>
        <v>0</v>
      </c>
      <c r="Q1869" s="71">
        <f>IF(Input!$K$13=4,J1869*Input!$J$13,0)+IF(Input!$K$14=4,K1869*Input!$J$14,0)+IF(Input!$K$15=4,L1869*Input!$J$15,0)+IF(Input!$K$16=4,M1869*Input!$J$16,0)</f>
        <v>0</v>
      </c>
    </row>
    <row r="1870" spans="8:17" x14ac:dyDescent="0.25">
      <c r="H1870" s="43">
        <v>1863</v>
      </c>
      <c r="I1870" s="55">
        <f>Bühler!I1896</f>
        <v>3.6218665125288934</v>
      </c>
      <c r="J1870" s="58">
        <f>Bühler!J1896</f>
        <v>11.058433078367193</v>
      </c>
      <c r="K1870" s="58">
        <f>Bühler!K1896</f>
        <v>0.32776103748627561</v>
      </c>
      <c r="L1870" s="58">
        <f>Bühler!L1896</f>
        <v>0.1638805187431378</v>
      </c>
      <c r="M1870" s="57">
        <f>Bühler!M1896</f>
        <v>0</v>
      </c>
      <c r="N1870" s="55">
        <f>IF(Input!$K$13=1,J1870*Input!$J$13,0)+IF(Input!$K$14=1,K1870*Input!$J$14,0)+IF(Input!$K$15=1,L1870*Input!$J$15,0)+IF(Input!$K$16=1,M1870*Input!$J$16,0)</f>
        <v>1.327011969404063</v>
      </c>
      <c r="O1870" s="58">
        <f>IF(Input!$K$13=2,J1870*Input!$J$13,0)+IF(Input!$K$14=2,K1870*Input!$J$14,0)+IF(Input!$K$15=2,L1870*Input!$J$15,0)+IF(Input!$K$16=2,M1870*Input!$J$16,0)</f>
        <v>4.4247740060647203E-2</v>
      </c>
      <c r="P1870" s="58">
        <f>IF(Input!$K$13=3,J1870*Input!$J$13,0)+IF(Input!$K$14=3,K1870*Input!$J$14,0)+IF(Input!$K$15=3,L1870*Input!$J$15,0)+IF(Input!$K$16=3,M1870*Input!$J$16,0)</f>
        <v>0</v>
      </c>
      <c r="Q1870" s="71">
        <f>IF(Input!$K$13=4,J1870*Input!$J$13,0)+IF(Input!$K$14=4,K1870*Input!$J$14,0)+IF(Input!$K$15=4,L1870*Input!$J$15,0)+IF(Input!$K$16=4,M1870*Input!$J$16,0)</f>
        <v>0</v>
      </c>
    </row>
    <row r="1871" spans="8:17" x14ac:dyDescent="0.25">
      <c r="H1871" s="43">
        <v>1864</v>
      </c>
      <c r="I1871" s="55">
        <f>Bühler!I1897</f>
        <v>3.2194369000256828</v>
      </c>
      <c r="J1871" s="58">
        <f>Bühler!J1897</f>
        <v>11.041665177846227</v>
      </c>
      <c r="K1871" s="58">
        <f>Bühler!K1897</f>
        <v>0.32776103748627561</v>
      </c>
      <c r="L1871" s="58">
        <f>Bühler!L1897</f>
        <v>0.1638805187431378</v>
      </c>
      <c r="M1871" s="57">
        <f>Bühler!M1897</f>
        <v>0</v>
      </c>
      <c r="N1871" s="55">
        <f>IF(Input!$K$13=1,J1871*Input!$J$13,0)+IF(Input!$K$14=1,K1871*Input!$J$14,0)+IF(Input!$K$15=1,L1871*Input!$J$15,0)+IF(Input!$K$16=1,M1871*Input!$J$16,0)</f>
        <v>1.3249998213415473</v>
      </c>
      <c r="O1871" s="58">
        <f>IF(Input!$K$13=2,J1871*Input!$J$13,0)+IF(Input!$K$14=2,K1871*Input!$J$14,0)+IF(Input!$K$15=2,L1871*Input!$J$15,0)+IF(Input!$K$16=2,M1871*Input!$J$16,0)</f>
        <v>4.4247740060647203E-2</v>
      </c>
      <c r="P1871" s="58">
        <f>IF(Input!$K$13=3,J1871*Input!$J$13,0)+IF(Input!$K$14=3,K1871*Input!$J$14,0)+IF(Input!$K$15=3,L1871*Input!$J$15,0)+IF(Input!$K$16=3,M1871*Input!$J$16,0)</f>
        <v>0</v>
      </c>
      <c r="Q1871" s="71">
        <f>IF(Input!$K$13=4,J1871*Input!$J$13,0)+IF(Input!$K$14=4,K1871*Input!$J$14,0)+IF(Input!$K$15=4,L1871*Input!$J$15,0)+IF(Input!$K$16=4,M1871*Input!$J$16,0)</f>
        <v>0</v>
      </c>
    </row>
    <row r="1872" spans="8:17" x14ac:dyDescent="0.25">
      <c r="H1872" s="43">
        <v>1865</v>
      </c>
      <c r="I1872" s="55">
        <f>Bühler!I1898</f>
        <v>3.1619469553823669</v>
      </c>
      <c r="J1872" s="58">
        <f>Bühler!J1898</f>
        <v>11.039269763486088</v>
      </c>
      <c r="K1872" s="58">
        <f>Bühler!K1898</f>
        <v>0.32776103748627561</v>
      </c>
      <c r="L1872" s="58">
        <f>Bühler!L1898</f>
        <v>0.1638805187431378</v>
      </c>
      <c r="M1872" s="57">
        <f>Bühler!M1898</f>
        <v>0</v>
      </c>
      <c r="N1872" s="55">
        <f>IF(Input!$K$13=1,J1872*Input!$J$13,0)+IF(Input!$K$14=1,K1872*Input!$J$14,0)+IF(Input!$K$15=1,L1872*Input!$J$15,0)+IF(Input!$K$16=1,M1872*Input!$J$16,0)</f>
        <v>1.3247123716183304</v>
      </c>
      <c r="O1872" s="58">
        <f>IF(Input!$K$13=2,J1872*Input!$J$13,0)+IF(Input!$K$14=2,K1872*Input!$J$14,0)+IF(Input!$K$15=2,L1872*Input!$J$15,0)+IF(Input!$K$16=2,M1872*Input!$J$16,0)</f>
        <v>4.4247740060647203E-2</v>
      </c>
      <c r="P1872" s="58">
        <f>IF(Input!$K$13=3,J1872*Input!$J$13,0)+IF(Input!$K$14=3,K1872*Input!$J$14,0)+IF(Input!$K$15=3,L1872*Input!$J$15,0)+IF(Input!$K$16=3,M1872*Input!$J$16,0)</f>
        <v>0</v>
      </c>
      <c r="Q1872" s="71">
        <f>IF(Input!$K$13=4,J1872*Input!$J$13,0)+IF(Input!$K$14=4,K1872*Input!$J$14,0)+IF(Input!$K$15=4,L1872*Input!$J$15,0)+IF(Input!$K$16=4,M1872*Input!$J$16,0)</f>
        <v>0</v>
      </c>
    </row>
    <row r="1873" spans="8:17" x14ac:dyDescent="0.25">
      <c r="H1873" s="43">
        <v>1866</v>
      </c>
      <c r="I1873" s="55">
        <f>Bühler!I1899</f>
        <v>2.7020273982358414</v>
      </c>
      <c r="J1873" s="58">
        <f>Bühler!J1899</f>
        <v>11.020106448604983</v>
      </c>
      <c r="K1873" s="58">
        <f>Bühler!K1899</f>
        <v>0.32776103748627561</v>
      </c>
      <c r="L1873" s="58">
        <f>Bühler!L1899</f>
        <v>0.1638805187431378</v>
      </c>
      <c r="M1873" s="57">
        <f>Bühler!M1899</f>
        <v>0</v>
      </c>
      <c r="N1873" s="55">
        <f>IF(Input!$K$13=1,J1873*Input!$J$13,0)+IF(Input!$K$14=1,K1873*Input!$J$14,0)+IF(Input!$K$15=1,L1873*Input!$J$15,0)+IF(Input!$K$16=1,M1873*Input!$J$16,0)</f>
        <v>1.3224127738325979</v>
      </c>
      <c r="O1873" s="58">
        <f>IF(Input!$K$13=2,J1873*Input!$J$13,0)+IF(Input!$K$14=2,K1873*Input!$J$14,0)+IF(Input!$K$15=2,L1873*Input!$J$15,0)+IF(Input!$K$16=2,M1873*Input!$J$16,0)</f>
        <v>4.4247740060647203E-2</v>
      </c>
      <c r="P1873" s="58">
        <f>IF(Input!$K$13=3,J1873*Input!$J$13,0)+IF(Input!$K$14=3,K1873*Input!$J$14,0)+IF(Input!$K$15=3,L1873*Input!$J$15,0)+IF(Input!$K$16=3,M1873*Input!$J$16,0)</f>
        <v>0</v>
      </c>
      <c r="Q1873" s="71">
        <f>IF(Input!$K$13=4,J1873*Input!$J$13,0)+IF(Input!$K$14=4,K1873*Input!$J$14,0)+IF(Input!$K$15=4,L1873*Input!$J$15,0)+IF(Input!$K$16=4,M1873*Input!$J$16,0)</f>
        <v>0</v>
      </c>
    </row>
    <row r="1874" spans="8:17" x14ac:dyDescent="0.25">
      <c r="H1874" s="43">
        <v>1867</v>
      </c>
      <c r="I1874" s="55">
        <f>Bühler!I1900</f>
        <v>2.5295575643058936</v>
      </c>
      <c r="J1874" s="58">
        <f>Bühler!J1900</f>
        <v>11.012920205524569</v>
      </c>
      <c r="K1874" s="58">
        <f>Bühler!K1900</f>
        <v>0.32776103748627561</v>
      </c>
      <c r="L1874" s="58">
        <f>Bühler!L1900</f>
        <v>0.1638805187431378</v>
      </c>
      <c r="M1874" s="57">
        <f>Bühler!M1900</f>
        <v>0</v>
      </c>
      <c r="N1874" s="55">
        <f>IF(Input!$K$13=1,J1874*Input!$J$13,0)+IF(Input!$K$14=1,K1874*Input!$J$14,0)+IF(Input!$K$15=1,L1874*Input!$J$15,0)+IF(Input!$K$16=1,M1874*Input!$J$16,0)</f>
        <v>1.3215504246629481</v>
      </c>
      <c r="O1874" s="58">
        <f>IF(Input!$K$13=2,J1874*Input!$J$13,0)+IF(Input!$K$14=2,K1874*Input!$J$14,0)+IF(Input!$K$15=2,L1874*Input!$J$15,0)+IF(Input!$K$16=2,M1874*Input!$J$16,0)</f>
        <v>4.4247740060647203E-2</v>
      </c>
      <c r="P1874" s="58">
        <f>IF(Input!$K$13=3,J1874*Input!$J$13,0)+IF(Input!$K$14=3,K1874*Input!$J$14,0)+IF(Input!$K$15=3,L1874*Input!$J$15,0)+IF(Input!$K$16=3,M1874*Input!$J$16,0)</f>
        <v>0</v>
      </c>
      <c r="Q1874" s="71">
        <f>IF(Input!$K$13=4,J1874*Input!$J$13,0)+IF(Input!$K$14=4,K1874*Input!$J$14,0)+IF(Input!$K$15=4,L1874*Input!$J$15,0)+IF(Input!$K$16=4,M1874*Input!$J$16,0)</f>
        <v>0</v>
      </c>
    </row>
    <row r="1875" spans="8:17" x14ac:dyDescent="0.25">
      <c r="H1875" s="43">
        <v>1868</v>
      </c>
      <c r="I1875" s="55">
        <f>Bühler!I1901</f>
        <v>2.1271279518026835</v>
      </c>
      <c r="J1875" s="58">
        <f>Bühler!J1901</f>
        <v>10.996152305003601</v>
      </c>
      <c r="K1875" s="58">
        <f>Bühler!K1901</f>
        <v>0.32776103748627561</v>
      </c>
      <c r="L1875" s="58">
        <f>Bühler!L1901</f>
        <v>0.1638805187431378</v>
      </c>
      <c r="M1875" s="57">
        <f>Bühler!M1901</f>
        <v>0</v>
      </c>
      <c r="N1875" s="55">
        <f>IF(Input!$K$13=1,J1875*Input!$J$13,0)+IF(Input!$K$14=1,K1875*Input!$J$14,0)+IF(Input!$K$15=1,L1875*Input!$J$15,0)+IF(Input!$K$16=1,M1875*Input!$J$16,0)</f>
        <v>1.3195382766004322</v>
      </c>
      <c r="O1875" s="58">
        <f>IF(Input!$K$13=2,J1875*Input!$J$13,0)+IF(Input!$K$14=2,K1875*Input!$J$14,0)+IF(Input!$K$15=2,L1875*Input!$J$15,0)+IF(Input!$K$16=2,M1875*Input!$J$16,0)</f>
        <v>4.4247740060647203E-2</v>
      </c>
      <c r="P1875" s="58">
        <f>IF(Input!$K$13=3,J1875*Input!$J$13,0)+IF(Input!$K$14=3,K1875*Input!$J$14,0)+IF(Input!$K$15=3,L1875*Input!$J$15,0)+IF(Input!$K$16=3,M1875*Input!$J$16,0)</f>
        <v>0</v>
      </c>
      <c r="Q1875" s="71">
        <f>IF(Input!$K$13=4,J1875*Input!$J$13,0)+IF(Input!$K$14=4,K1875*Input!$J$14,0)+IF(Input!$K$15=4,L1875*Input!$J$15,0)+IF(Input!$K$16=4,M1875*Input!$J$16,0)</f>
        <v>0</v>
      </c>
    </row>
    <row r="1876" spans="8:17" x14ac:dyDescent="0.25">
      <c r="H1876" s="43">
        <v>1869</v>
      </c>
      <c r="I1876" s="55">
        <f>Bühler!I1902</f>
        <v>1.7821882839427887</v>
      </c>
      <c r="J1876" s="58">
        <f>Bühler!J1902</f>
        <v>10.981779818842773</v>
      </c>
      <c r="K1876" s="58">
        <f>Bühler!K1902</f>
        <v>0.32776103748627561</v>
      </c>
      <c r="L1876" s="58">
        <f>Bühler!L1902</f>
        <v>0.1638805187431378</v>
      </c>
      <c r="M1876" s="57">
        <f>Bühler!M1902</f>
        <v>0</v>
      </c>
      <c r="N1876" s="55">
        <f>IF(Input!$K$13=1,J1876*Input!$J$13,0)+IF(Input!$K$14=1,K1876*Input!$J$14,0)+IF(Input!$K$15=1,L1876*Input!$J$15,0)+IF(Input!$K$16=1,M1876*Input!$J$16,0)</f>
        <v>1.3178135782611327</v>
      </c>
      <c r="O1876" s="58">
        <f>IF(Input!$K$13=2,J1876*Input!$J$13,0)+IF(Input!$K$14=2,K1876*Input!$J$14,0)+IF(Input!$K$15=2,L1876*Input!$J$15,0)+IF(Input!$K$16=2,M1876*Input!$J$16,0)</f>
        <v>4.4247740060647203E-2</v>
      </c>
      <c r="P1876" s="58">
        <f>IF(Input!$K$13=3,J1876*Input!$J$13,0)+IF(Input!$K$14=3,K1876*Input!$J$14,0)+IF(Input!$K$15=3,L1876*Input!$J$15,0)+IF(Input!$K$16=3,M1876*Input!$J$16,0)</f>
        <v>0</v>
      </c>
      <c r="Q1876" s="71">
        <f>IF(Input!$K$13=4,J1876*Input!$J$13,0)+IF(Input!$K$14=4,K1876*Input!$J$14,0)+IF(Input!$K$15=4,L1876*Input!$J$15,0)+IF(Input!$K$16=4,M1876*Input!$J$16,0)</f>
        <v>0</v>
      </c>
    </row>
    <row r="1877" spans="8:17" x14ac:dyDescent="0.25">
      <c r="H1877" s="43">
        <v>1870</v>
      </c>
      <c r="I1877" s="55">
        <f>Bühler!I1903</f>
        <v>1.5522285053695259</v>
      </c>
      <c r="J1877" s="58">
        <f>Bühler!J1903</f>
        <v>10.97219816140222</v>
      </c>
      <c r="K1877" s="58">
        <f>Bühler!K1903</f>
        <v>0.32776103748627561</v>
      </c>
      <c r="L1877" s="58">
        <f>Bühler!L1903</f>
        <v>0.1638805187431378</v>
      </c>
      <c r="M1877" s="57">
        <f>Bühler!M1903</f>
        <v>0</v>
      </c>
      <c r="N1877" s="55">
        <f>IF(Input!$K$13=1,J1877*Input!$J$13,0)+IF(Input!$K$14=1,K1877*Input!$J$14,0)+IF(Input!$K$15=1,L1877*Input!$J$15,0)+IF(Input!$K$16=1,M1877*Input!$J$16,0)</f>
        <v>1.3166637793682663</v>
      </c>
      <c r="O1877" s="58">
        <f>IF(Input!$K$13=2,J1877*Input!$J$13,0)+IF(Input!$K$14=2,K1877*Input!$J$14,0)+IF(Input!$K$15=2,L1877*Input!$J$15,0)+IF(Input!$K$16=2,M1877*Input!$J$16,0)</f>
        <v>4.4247740060647203E-2</v>
      </c>
      <c r="P1877" s="58">
        <f>IF(Input!$K$13=3,J1877*Input!$J$13,0)+IF(Input!$K$14=3,K1877*Input!$J$14,0)+IF(Input!$K$15=3,L1877*Input!$J$15,0)+IF(Input!$K$16=3,M1877*Input!$J$16,0)</f>
        <v>0</v>
      </c>
      <c r="Q1877" s="71">
        <f>IF(Input!$K$13=4,J1877*Input!$J$13,0)+IF(Input!$K$14=4,K1877*Input!$J$14,0)+IF(Input!$K$15=4,L1877*Input!$J$15,0)+IF(Input!$K$16=4,M1877*Input!$J$16,0)</f>
        <v>0</v>
      </c>
    </row>
    <row r="1878" spans="8:17" x14ac:dyDescent="0.25">
      <c r="H1878" s="43">
        <v>1871</v>
      </c>
      <c r="I1878" s="55">
        <f>Bühler!I1904</f>
        <v>1.5522285053695259</v>
      </c>
      <c r="J1878" s="58">
        <f>Bühler!J1904</f>
        <v>10.97219816140222</v>
      </c>
      <c r="K1878" s="58">
        <f>Bühler!K1904</f>
        <v>0.32776103748627561</v>
      </c>
      <c r="L1878" s="58">
        <f>Bühler!L1904</f>
        <v>0.1638805187431378</v>
      </c>
      <c r="M1878" s="57">
        <f>Bühler!M1904</f>
        <v>0</v>
      </c>
      <c r="N1878" s="55">
        <f>IF(Input!$K$13=1,J1878*Input!$J$13,0)+IF(Input!$K$14=1,K1878*Input!$J$14,0)+IF(Input!$K$15=1,L1878*Input!$J$15,0)+IF(Input!$K$16=1,M1878*Input!$J$16,0)</f>
        <v>1.3166637793682663</v>
      </c>
      <c r="O1878" s="58">
        <f>IF(Input!$K$13=2,J1878*Input!$J$13,0)+IF(Input!$K$14=2,K1878*Input!$J$14,0)+IF(Input!$K$15=2,L1878*Input!$J$15,0)+IF(Input!$K$16=2,M1878*Input!$J$16,0)</f>
        <v>4.4247740060647203E-2</v>
      </c>
      <c r="P1878" s="58">
        <f>IF(Input!$K$13=3,J1878*Input!$J$13,0)+IF(Input!$K$14=3,K1878*Input!$J$14,0)+IF(Input!$K$15=3,L1878*Input!$J$15,0)+IF(Input!$K$16=3,M1878*Input!$J$16,0)</f>
        <v>0</v>
      </c>
      <c r="Q1878" s="71">
        <f>IF(Input!$K$13=4,J1878*Input!$J$13,0)+IF(Input!$K$14=4,K1878*Input!$J$14,0)+IF(Input!$K$15=4,L1878*Input!$J$15,0)+IF(Input!$K$16=4,M1878*Input!$J$16,0)</f>
        <v>0</v>
      </c>
    </row>
    <row r="1879" spans="8:17" x14ac:dyDescent="0.25">
      <c r="H1879" s="43">
        <v>1872</v>
      </c>
      <c r="I1879" s="55">
        <f>Bühler!I1905</f>
        <v>1.5522285053695259</v>
      </c>
      <c r="J1879" s="58">
        <f>Bühler!J1905</f>
        <v>10.97219816140222</v>
      </c>
      <c r="K1879" s="58">
        <f>Bühler!K1905</f>
        <v>0.32776103748627561</v>
      </c>
      <c r="L1879" s="58">
        <f>Bühler!L1905</f>
        <v>0.1638805187431378</v>
      </c>
      <c r="M1879" s="57">
        <f>Bühler!M1905</f>
        <v>0</v>
      </c>
      <c r="N1879" s="55">
        <f>IF(Input!$K$13=1,J1879*Input!$J$13,0)+IF(Input!$K$14=1,K1879*Input!$J$14,0)+IF(Input!$K$15=1,L1879*Input!$J$15,0)+IF(Input!$K$16=1,M1879*Input!$J$16,0)</f>
        <v>1.3166637793682663</v>
      </c>
      <c r="O1879" s="58">
        <f>IF(Input!$K$13=2,J1879*Input!$J$13,0)+IF(Input!$K$14=2,K1879*Input!$J$14,0)+IF(Input!$K$15=2,L1879*Input!$J$15,0)+IF(Input!$K$16=2,M1879*Input!$J$16,0)</f>
        <v>4.4247740060647203E-2</v>
      </c>
      <c r="P1879" s="58">
        <f>IF(Input!$K$13=3,J1879*Input!$J$13,0)+IF(Input!$K$14=3,K1879*Input!$J$14,0)+IF(Input!$K$15=3,L1879*Input!$J$15,0)+IF(Input!$K$16=3,M1879*Input!$J$16,0)</f>
        <v>0</v>
      </c>
      <c r="Q1879" s="71">
        <f>IF(Input!$K$13=4,J1879*Input!$J$13,0)+IF(Input!$K$14=4,K1879*Input!$J$14,0)+IF(Input!$K$15=4,L1879*Input!$J$15,0)+IF(Input!$K$16=4,M1879*Input!$J$16,0)</f>
        <v>0</v>
      </c>
    </row>
    <row r="1880" spans="8:17" x14ac:dyDescent="0.25">
      <c r="H1880" s="43">
        <v>1873</v>
      </c>
      <c r="I1880" s="55">
        <f>Bühler!I1906</f>
        <v>0.39061544378142538</v>
      </c>
      <c r="J1880" s="58">
        <f>Bühler!J1906</f>
        <v>9.0890846210939102</v>
      </c>
      <c r="K1880" s="58">
        <f>Bühler!K1906</f>
        <v>0.58728644002611918</v>
      </c>
      <c r="L1880" s="58">
        <f>Bühler!L1906</f>
        <v>0.29364322001305959</v>
      </c>
      <c r="M1880" s="57">
        <f>Bühler!M1906</f>
        <v>0</v>
      </c>
      <c r="N1880" s="55">
        <f>IF(Input!$K$13=1,J1880*Input!$J$13,0)+IF(Input!$K$14=1,K1880*Input!$J$14,0)+IF(Input!$K$15=1,L1880*Input!$J$15,0)+IF(Input!$K$16=1,M1880*Input!$J$16,0)</f>
        <v>1.0906901545312693</v>
      </c>
      <c r="O1880" s="58">
        <f>IF(Input!$K$13=2,J1880*Input!$J$13,0)+IF(Input!$K$14=2,K1880*Input!$J$14,0)+IF(Input!$K$15=2,L1880*Input!$J$15,0)+IF(Input!$K$16=2,M1880*Input!$J$16,0)</f>
        <v>7.9283669403526089E-2</v>
      </c>
      <c r="P1880" s="58">
        <f>IF(Input!$K$13=3,J1880*Input!$J$13,0)+IF(Input!$K$14=3,K1880*Input!$J$14,0)+IF(Input!$K$15=3,L1880*Input!$J$15,0)+IF(Input!$K$16=3,M1880*Input!$J$16,0)</f>
        <v>0</v>
      </c>
      <c r="Q1880" s="71">
        <f>IF(Input!$K$13=4,J1880*Input!$J$13,0)+IF(Input!$K$14=4,K1880*Input!$J$14,0)+IF(Input!$K$15=4,L1880*Input!$J$15,0)+IF(Input!$K$16=4,M1880*Input!$J$16,0)</f>
        <v>0</v>
      </c>
    </row>
    <row r="1881" spans="8:17" x14ac:dyDescent="0.25">
      <c r="H1881" s="43">
        <v>1874</v>
      </c>
      <c r="I1881" s="55">
        <f>Bühler!I1907</f>
        <v>0.39061544378142538</v>
      </c>
      <c r="J1881" s="58">
        <f>Bühler!J1907</f>
        <v>9.0890846210939102</v>
      </c>
      <c r="K1881" s="58">
        <f>Bühler!K1907</f>
        <v>0.58728644002611918</v>
      </c>
      <c r="L1881" s="58">
        <f>Bühler!L1907</f>
        <v>0.29364322001305959</v>
      </c>
      <c r="M1881" s="57">
        <f>Bühler!M1907</f>
        <v>0</v>
      </c>
      <c r="N1881" s="55">
        <f>IF(Input!$K$13=1,J1881*Input!$J$13,0)+IF(Input!$K$14=1,K1881*Input!$J$14,0)+IF(Input!$K$15=1,L1881*Input!$J$15,0)+IF(Input!$K$16=1,M1881*Input!$J$16,0)</f>
        <v>1.0906901545312693</v>
      </c>
      <c r="O1881" s="58">
        <f>IF(Input!$K$13=2,J1881*Input!$J$13,0)+IF(Input!$K$14=2,K1881*Input!$J$14,0)+IF(Input!$K$15=2,L1881*Input!$J$15,0)+IF(Input!$K$16=2,M1881*Input!$J$16,0)</f>
        <v>7.9283669403526089E-2</v>
      </c>
      <c r="P1881" s="58">
        <f>IF(Input!$K$13=3,J1881*Input!$J$13,0)+IF(Input!$K$14=3,K1881*Input!$J$14,0)+IF(Input!$K$15=3,L1881*Input!$J$15,0)+IF(Input!$K$16=3,M1881*Input!$J$16,0)</f>
        <v>0</v>
      </c>
      <c r="Q1881" s="71">
        <f>IF(Input!$K$13=4,J1881*Input!$J$13,0)+IF(Input!$K$14=4,K1881*Input!$J$14,0)+IF(Input!$K$15=4,L1881*Input!$J$15,0)+IF(Input!$K$16=4,M1881*Input!$J$16,0)</f>
        <v>0</v>
      </c>
    </row>
    <row r="1882" spans="8:17" x14ac:dyDescent="0.25">
      <c r="H1882" s="43">
        <v>1875</v>
      </c>
      <c r="I1882" s="55">
        <f>Bühler!I1908</f>
        <v>0.39061544378142538</v>
      </c>
      <c r="J1882" s="58">
        <f>Bühler!J1908</f>
        <v>9.0890846210939102</v>
      </c>
      <c r="K1882" s="58">
        <f>Bühler!K1908</f>
        <v>0.58728644002611918</v>
      </c>
      <c r="L1882" s="58">
        <f>Bühler!L1908</f>
        <v>0.29364322001305959</v>
      </c>
      <c r="M1882" s="57">
        <f>Bühler!M1908</f>
        <v>0</v>
      </c>
      <c r="N1882" s="55">
        <f>IF(Input!$K$13=1,J1882*Input!$J$13,0)+IF(Input!$K$14=1,K1882*Input!$J$14,0)+IF(Input!$K$15=1,L1882*Input!$J$15,0)+IF(Input!$K$16=1,M1882*Input!$J$16,0)</f>
        <v>1.0906901545312693</v>
      </c>
      <c r="O1882" s="58">
        <f>IF(Input!$K$13=2,J1882*Input!$J$13,0)+IF(Input!$K$14=2,K1882*Input!$J$14,0)+IF(Input!$K$15=2,L1882*Input!$J$15,0)+IF(Input!$K$16=2,M1882*Input!$J$16,0)</f>
        <v>7.9283669403526089E-2</v>
      </c>
      <c r="P1882" s="58">
        <f>IF(Input!$K$13=3,J1882*Input!$J$13,0)+IF(Input!$K$14=3,K1882*Input!$J$14,0)+IF(Input!$K$15=3,L1882*Input!$J$15,0)+IF(Input!$K$16=3,M1882*Input!$J$16,0)</f>
        <v>0</v>
      </c>
      <c r="Q1882" s="71">
        <f>IF(Input!$K$13=4,J1882*Input!$J$13,0)+IF(Input!$K$14=4,K1882*Input!$J$14,0)+IF(Input!$K$15=4,L1882*Input!$J$15,0)+IF(Input!$K$16=4,M1882*Input!$J$16,0)</f>
        <v>0</v>
      </c>
    </row>
    <row r="1883" spans="8:17" x14ac:dyDescent="0.25">
      <c r="H1883" s="43">
        <v>1876</v>
      </c>
      <c r="I1883" s="55">
        <f>Bühler!I1909</f>
        <v>0.39061544378142538</v>
      </c>
      <c r="J1883" s="58">
        <f>Bühler!J1909</f>
        <v>9.0890846210939102</v>
      </c>
      <c r="K1883" s="58">
        <f>Bühler!K1909</f>
        <v>0.58728644002611918</v>
      </c>
      <c r="L1883" s="58">
        <f>Bühler!L1909</f>
        <v>0.29364322001305959</v>
      </c>
      <c r="M1883" s="57">
        <f>Bühler!M1909</f>
        <v>0</v>
      </c>
      <c r="N1883" s="55">
        <f>IF(Input!$K$13=1,J1883*Input!$J$13,0)+IF(Input!$K$14=1,K1883*Input!$J$14,0)+IF(Input!$K$15=1,L1883*Input!$J$15,0)+IF(Input!$K$16=1,M1883*Input!$J$16,0)</f>
        <v>1.0906901545312693</v>
      </c>
      <c r="O1883" s="58">
        <f>IF(Input!$K$13=2,J1883*Input!$J$13,0)+IF(Input!$K$14=2,K1883*Input!$J$14,0)+IF(Input!$K$15=2,L1883*Input!$J$15,0)+IF(Input!$K$16=2,M1883*Input!$J$16,0)</f>
        <v>7.9283669403526089E-2</v>
      </c>
      <c r="P1883" s="58">
        <f>IF(Input!$K$13=3,J1883*Input!$J$13,0)+IF(Input!$K$14=3,K1883*Input!$J$14,0)+IF(Input!$K$15=3,L1883*Input!$J$15,0)+IF(Input!$K$16=3,M1883*Input!$J$16,0)</f>
        <v>0</v>
      </c>
      <c r="Q1883" s="71">
        <f>IF(Input!$K$13=4,J1883*Input!$J$13,0)+IF(Input!$K$14=4,K1883*Input!$J$14,0)+IF(Input!$K$15=4,L1883*Input!$J$15,0)+IF(Input!$K$16=4,M1883*Input!$J$16,0)</f>
        <v>0</v>
      </c>
    </row>
    <row r="1884" spans="8:17" x14ac:dyDescent="0.25">
      <c r="H1884" s="43">
        <v>1877</v>
      </c>
      <c r="I1884" s="55">
        <f>Bühler!I1910</f>
        <v>0.39061544378142538</v>
      </c>
      <c r="J1884" s="58">
        <f>Bühler!J1910</f>
        <v>9.0890846210939102</v>
      </c>
      <c r="K1884" s="58">
        <f>Bühler!K1910</f>
        <v>0.58728644002611918</v>
      </c>
      <c r="L1884" s="58">
        <f>Bühler!L1910</f>
        <v>0.29364322001305959</v>
      </c>
      <c r="M1884" s="57">
        <f>Bühler!M1910</f>
        <v>0</v>
      </c>
      <c r="N1884" s="55">
        <f>IF(Input!$K$13=1,J1884*Input!$J$13,0)+IF(Input!$K$14=1,K1884*Input!$J$14,0)+IF(Input!$K$15=1,L1884*Input!$J$15,0)+IF(Input!$K$16=1,M1884*Input!$J$16,0)</f>
        <v>1.0906901545312693</v>
      </c>
      <c r="O1884" s="58">
        <f>IF(Input!$K$13=2,J1884*Input!$J$13,0)+IF(Input!$K$14=2,K1884*Input!$J$14,0)+IF(Input!$K$15=2,L1884*Input!$J$15,0)+IF(Input!$K$16=2,M1884*Input!$J$16,0)</f>
        <v>7.9283669403526089E-2</v>
      </c>
      <c r="P1884" s="58">
        <f>IF(Input!$K$13=3,J1884*Input!$J$13,0)+IF(Input!$K$14=3,K1884*Input!$J$14,0)+IF(Input!$K$15=3,L1884*Input!$J$15,0)+IF(Input!$K$16=3,M1884*Input!$J$16,0)</f>
        <v>0</v>
      </c>
      <c r="Q1884" s="71">
        <f>IF(Input!$K$13=4,J1884*Input!$J$13,0)+IF(Input!$K$14=4,K1884*Input!$J$14,0)+IF(Input!$K$15=4,L1884*Input!$J$15,0)+IF(Input!$K$16=4,M1884*Input!$J$16,0)</f>
        <v>0</v>
      </c>
    </row>
    <row r="1885" spans="8:17" x14ac:dyDescent="0.25">
      <c r="H1885" s="43">
        <v>1878</v>
      </c>
      <c r="I1885" s="55">
        <f>Bühler!I1911</f>
        <v>0.39061544378142538</v>
      </c>
      <c r="J1885" s="58">
        <f>Bühler!J1911</f>
        <v>9.0890846210939102</v>
      </c>
      <c r="K1885" s="58">
        <f>Bühler!K1911</f>
        <v>0.58728644002611918</v>
      </c>
      <c r="L1885" s="58">
        <f>Bühler!L1911</f>
        <v>0.29364322001305959</v>
      </c>
      <c r="M1885" s="57">
        <f>Bühler!M1911</f>
        <v>0</v>
      </c>
      <c r="N1885" s="55">
        <f>IF(Input!$K$13=1,J1885*Input!$J$13,0)+IF(Input!$K$14=1,K1885*Input!$J$14,0)+IF(Input!$K$15=1,L1885*Input!$J$15,0)+IF(Input!$K$16=1,M1885*Input!$J$16,0)</f>
        <v>1.0906901545312693</v>
      </c>
      <c r="O1885" s="58">
        <f>IF(Input!$K$13=2,J1885*Input!$J$13,0)+IF(Input!$K$14=2,K1885*Input!$J$14,0)+IF(Input!$K$15=2,L1885*Input!$J$15,0)+IF(Input!$K$16=2,M1885*Input!$J$16,0)</f>
        <v>7.9283669403526089E-2</v>
      </c>
      <c r="P1885" s="58">
        <f>IF(Input!$K$13=3,J1885*Input!$J$13,0)+IF(Input!$K$14=3,K1885*Input!$J$14,0)+IF(Input!$K$15=3,L1885*Input!$J$15,0)+IF(Input!$K$16=3,M1885*Input!$J$16,0)</f>
        <v>0</v>
      </c>
      <c r="Q1885" s="71">
        <f>IF(Input!$K$13=4,J1885*Input!$J$13,0)+IF(Input!$K$14=4,K1885*Input!$J$14,0)+IF(Input!$K$15=4,L1885*Input!$J$15,0)+IF(Input!$K$16=4,M1885*Input!$J$16,0)</f>
        <v>0</v>
      </c>
    </row>
    <row r="1886" spans="8:17" x14ac:dyDescent="0.25">
      <c r="H1886" s="43">
        <v>1879</v>
      </c>
      <c r="I1886" s="55">
        <f>Bühler!I1912</f>
        <v>0.39061544378142538</v>
      </c>
      <c r="J1886" s="58">
        <f>Bühler!J1912</f>
        <v>9.0890846210939102</v>
      </c>
      <c r="K1886" s="58">
        <f>Bühler!K1912</f>
        <v>0.58728644002611918</v>
      </c>
      <c r="L1886" s="58">
        <f>Bühler!L1912</f>
        <v>0.29364322001305959</v>
      </c>
      <c r="M1886" s="57">
        <f>Bühler!M1912</f>
        <v>0</v>
      </c>
      <c r="N1886" s="55">
        <f>IF(Input!$K$13=1,J1886*Input!$J$13,0)+IF(Input!$K$14=1,K1886*Input!$J$14,0)+IF(Input!$K$15=1,L1886*Input!$J$15,0)+IF(Input!$K$16=1,M1886*Input!$J$16,0)</f>
        <v>1.0906901545312693</v>
      </c>
      <c r="O1886" s="58">
        <f>IF(Input!$K$13=2,J1886*Input!$J$13,0)+IF(Input!$K$14=2,K1886*Input!$J$14,0)+IF(Input!$K$15=2,L1886*Input!$J$15,0)+IF(Input!$K$16=2,M1886*Input!$J$16,0)</f>
        <v>7.9283669403526089E-2</v>
      </c>
      <c r="P1886" s="58">
        <f>IF(Input!$K$13=3,J1886*Input!$J$13,0)+IF(Input!$K$14=3,K1886*Input!$J$14,0)+IF(Input!$K$15=3,L1886*Input!$J$15,0)+IF(Input!$K$16=3,M1886*Input!$J$16,0)</f>
        <v>0</v>
      </c>
      <c r="Q1886" s="71">
        <f>IF(Input!$K$13=4,J1886*Input!$J$13,0)+IF(Input!$K$14=4,K1886*Input!$J$14,0)+IF(Input!$K$15=4,L1886*Input!$J$15,0)+IF(Input!$K$16=4,M1886*Input!$J$16,0)</f>
        <v>0</v>
      </c>
    </row>
    <row r="1887" spans="8:17" x14ac:dyDescent="0.25">
      <c r="H1887" s="43">
        <v>1880</v>
      </c>
      <c r="I1887" s="55">
        <f>Bühler!I1913</f>
        <v>1.6991771804492002</v>
      </c>
      <c r="J1887" s="58">
        <f>Bühler!J1913</f>
        <v>38.757585491628745</v>
      </c>
      <c r="K1887" s="58">
        <f>Bühler!K1913</f>
        <v>2.5018402345112682</v>
      </c>
      <c r="L1887" s="58">
        <f>Bühler!L1913</f>
        <v>1.2509201172556341</v>
      </c>
      <c r="M1887" s="57">
        <f>Bühler!M1913</f>
        <v>0</v>
      </c>
      <c r="N1887" s="55">
        <f>IF(Input!$K$13=1,J1887*Input!$J$13,0)+IF(Input!$K$14=1,K1887*Input!$J$14,0)+IF(Input!$K$15=1,L1887*Input!$J$15,0)+IF(Input!$K$16=1,M1887*Input!$J$16,0)</f>
        <v>4.6509102589954496</v>
      </c>
      <c r="O1887" s="58">
        <f>IF(Input!$K$13=2,J1887*Input!$J$13,0)+IF(Input!$K$14=2,K1887*Input!$J$14,0)+IF(Input!$K$15=2,L1887*Input!$J$15,0)+IF(Input!$K$16=2,M1887*Input!$J$16,0)</f>
        <v>0.33774843165902124</v>
      </c>
      <c r="P1887" s="58">
        <f>IF(Input!$K$13=3,J1887*Input!$J$13,0)+IF(Input!$K$14=3,K1887*Input!$J$14,0)+IF(Input!$K$15=3,L1887*Input!$J$15,0)+IF(Input!$K$16=3,M1887*Input!$J$16,0)</f>
        <v>0</v>
      </c>
      <c r="Q1887" s="71">
        <f>IF(Input!$K$13=4,J1887*Input!$J$13,0)+IF(Input!$K$14=4,K1887*Input!$J$14,0)+IF(Input!$K$15=4,L1887*Input!$J$15,0)+IF(Input!$K$16=4,M1887*Input!$J$16,0)</f>
        <v>0</v>
      </c>
    </row>
    <row r="1888" spans="8:17" x14ac:dyDescent="0.25">
      <c r="H1888" s="43">
        <v>1881</v>
      </c>
      <c r="I1888" s="55">
        <f>Bühler!I1914</f>
        <v>1.9115743280053503</v>
      </c>
      <c r="J1888" s="58">
        <f>Bühler!J1914</f>
        <v>43.602283678082337</v>
      </c>
      <c r="K1888" s="58">
        <f>Bühler!K1914</f>
        <v>2.8145702638251766</v>
      </c>
      <c r="L1888" s="58">
        <f>Bühler!L1914</f>
        <v>1.4072851319125883</v>
      </c>
      <c r="M1888" s="57">
        <f>Bühler!M1914</f>
        <v>0</v>
      </c>
      <c r="N1888" s="55">
        <f>IF(Input!$K$13=1,J1888*Input!$J$13,0)+IF(Input!$K$14=1,K1888*Input!$J$14,0)+IF(Input!$K$15=1,L1888*Input!$J$15,0)+IF(Input!$K$16=1,M1888*Input!$J$16,0)</f>
        <v>5.2322740413698803</v>
      </c>
      <c r="O1888" s="58">
        <f>IF(Input!$K$13=2,J1888*Input!$J$13,0)+IF(Input!$K$14=2,K1888*Input!$J$14,0)+IF(Input!$K$15=2,L1888*Input!$J$15,0)+IF(Input!$K$16=2,M1888*Input!$J$16,0)</f>
        <v>0.37996698561639886</v>
      </c>
      <c r="P1888" s="58">
        <f>IF(Input!$K$13=3,J1888*Input!$J$13,0)+IF(Input!$K$14=3,K1888*Input!$J$14,0)+IF(Input!$K$15=3,L1888*Input!$J$15,0)+IF(Input!$K$16=3,M1888*Input!$J$16,0)</f>
        <v>0</v>
      </c>
      <c r="Q1888" s="71">
        <f>IF(Input!$K$13=4,J1888*Input!$J$13,0)+IF(Input!$K$14=4,K1888*Input!$J$14,0)+IF(Input!$K$15=4,L1888*Input!$J$15,0)+IF(Input!$K$16=4,M1888*Input!$J$16,0)</f>
        <v>0</v>
      </c>
    </row>
    <row r="1889" spans="8:17" x14ac:dyDescent="0.25">
      <c r="H1889" s="43">
        <v>1882</v>
      </c>
      <c r="I1889" s="55">
        <f>Bühler!I1915</f>
        <v>2.1239714755615005</v>
      </c>
      <c r="J1889" s="58">
        <f>Bühler!J1915</f>
        <v>48.446981864535928</v>
      </c>
      <c r="K1889" s="58">
        <f>Bühler!K1915</f>
        <v>3.127300293139085</v>
      </c>
      <c r="L1889" s="58">
        <f>Bühler!L1915</f>
        <v>1.5636501465695425</v>
      </c>
      <c r="M1889" s="57">
        <f>Bühler!M1915</f>
        <v>0</v>
      </c>
      <c r="N1889" s="55">
        <f>IF(Input!$K$13=1,J1889*Input!$J$13,0)+IF(Input!$K$14=1,K1889*Input!$J$14,0)+IF(Input!$K$15=1,L1889*Input!$J$15,0)+IF(Input!$K$16=1,M1889*Input!$J$16,0)</f>
        <v>5.8136378237443109</v>
      </c>
      <c r="O1889" s="58">
        <f>IF(Input!$K$13=2,J1889*Input!$J$13,0)+IF(Input!$K$14=2,K1889*Input!$J$14,0)+IF(Input!$K$15=2,L1889*Input!$J$15,0)+IF(Input!$K$16=2,M1889*Input!$J$16,0)</f>
        <v>0.42218553957377647</v>
      </c>
      <c r="P1889" s="58">
        <f>IF(Input!$K$13=3,J1889*Input!$J$13,0)+IF(Input!$K$14=3,K1889*Input!$J$14,0)+IF(Input!$K$15=3,L1889*Input!$J$15,0)+IF(Input!$K$16=3,M1889*Input!$J$16,0)</f>
        <v>0</v>
      </c>
      <c r="Q1889" s="71">
        <f>IF(Input!$K$13=4,J1889*Input!$J$13,0)+IF(Input!$K$14=4,K1889*Input!$J$14,0)+IF(Input!$K$15=4,L1889*Input!$J$15,0)+IF(Input!$K$16=4,M1889*Input!$J$16,0)</f>
        <v>0</v>
      </c>
    </row>
    <row r="1890" spans="8:17" x14ac:dyDescent="0.25">
      <c r="H1890" s="43">
        <v>1883</v>
      </c>
      <c r="I1890" s="55">
        <f>Bühler!I1916</f>
        <v>2.1239714755615005</v>
      </c>
      <c r="J1890" s="58">
        <f>Bühler!J1916</f>
        <v>48.446981864535928</v>
      </c>
      <c r="K1890" s="58">
        <f>Bühler!K1916</f>
        <v>3.127300293139085</v>
      </c>
      <c r="L1890" s="58">
        <f>Bühler!L1916</f>
        <v>1.5636501465695425</v>
      </c>
      <c r="M1890" s="57">
        <f>Bühler!M1916</f>
        <v>0</v>
      </c>
      <c r="N1890" s="55">
        <f>IF(Input!$K$13=1,J1890*Input!$J$13,0)+IF(Input!$K$14=1,K1890*Input!$J$14,0)+IF(Input!$K$15=1,L1890*Input!$J$15,0)+IF(Input!$K$16=1,M1890*Input!$J$16,0)</f>
        <v>5.8136378237443109</v>
      </c>
      <c r="O1890" s="58">
        <f>IF(Input!$K$13=2,J1890*Input!$J$13,0)+IF(Input!$K$14=2,K1890*Input!$J$14,0)+IF(Input!$K$15=2,L1890*Input!$J$15,0)+IF(Input!$K$16=2,M1890*Input!$J$16,0)</f>
        <v>0.42218553957377647</v>
      </c>
      <c r="P1890" s="58">
        <f>IF(Input!$K$13=3,J1890*Input!$J$13,0)+IF(Input!$K$14=3,K1890*Input!$J$14,0)+IF(Input!$K$15=3,L1890*Input!$J$15,0)+IF(Input!$K$16=3,M1890*Input!$J$16,0)</f>
        <v>0</v>
      </c>
      <c r="Q1890" s="71">
        <f>IF(Input!$K$13=4,J1890*Input!$J$13,0)+IF(Input!$K$14=4,K1890*Input!$J$14,0)+IF(Input!$K$15=4,L1890*Input!$J$15,0)+IF(Input!$K$16=4,M1890*Input!$J$16,0)</f>
        <v>0</v>
      </c>
    </row>
    <row r="1891" spans="8:17" x14ac:dyDescent="0.25">
      <c r="H1891" s="43">
        <v>1884</v>
      </c>
      <c r="I1891" s="55">
        <f>Bühler!I1917</f>
        <v>2.5487657706738003</v>
      </c>
      <c r="J1891" s="58">
        <f>Bühler!J1917</f>
        <v>58.136378237443104</v>
      </c>
      <c r="K1891" s="58">
        <f>Bühler!K1917</f>
        <v>3.7527603517669017</v>
      </c>
      <c r="L1891" s="58">
        <f>Bühler!L1917</f>
        <v>1.8763801758834509</v>
      </c>
      <c r="M1891" s="57">
        <f>Bühler!M1917</f>
        <v>0</v>
      </c>
      <c r="N1891" s="55">
        <f>IF(Input!$K$13=1,J1891*Input!$J$13,0)+IF(Input!$K$14=1,K1891*Input!$J$14,0)+IF(Input!$K$15=1,L1891*Input!$J$15,0)+IF(Input!$K$16=1,M1891*Input!$J$16,0)</f>
        <v>6.9763653884931722</v>
      </c>
      <c r="O1891" s="58">
        <f>IF(Input!$K$13=2,J1891*Input!$J$13,0)+IF(Input!$K$14=2,K1891*Input!$J$14,0)+IF(Input!$K$15=2,L1891*Input!$J$15,0)+IF(Input!$K$16=2,M1891*Input!$J$16,0)</f>
        <v>0.5066226474885317</v>
      </c>
      <c r="P1891" s="58">
        <f>IF(Input!$K$13=3,J1891*Input!$J$13,0)+IF(Input!$K$14=3,K1891*Input!$J$14,0)+IF(Input!$K$15=3,L1891*Input!$J$15,0)+IF(Input!$K$16=3,M1891*Input!$J$16,0)</f>
        <v>0</v>
      </c>
      <c r="Q1891" s="71">
        <f>IF(Input!$K$13=4,J1891*Input!$J$13,0)+IF(Input!$K$14=4,K1891*Input!$J$14,0)+IF(Input!$K$15=4,L1891*Input!$J$15,0)+IF(Input!$K$16=4,M1891*Input!$J$16,0)</f>
        <v>0</v>
      </c>
    </row>
    <row r="1892" spans="8:17" x14ac:dyDescent="0.25">
      <c r="H1892" s="43">
        <v>1885</v>
      </c>
      <c r="I1892" s="55">
        <f>Bühler!I1918</f>
        <v>2.5487657706738003</v>
      </c>
      <c r="J1892" s="58">
        <f>Bühler!J1918</f>
        <v>58.136378237443104</v>
      </c>
      <c r="K1892" s="58">
        <f>Bühler!K1918</f>
        <v>3.7527603517669017</v>
      </c>
      <c r="L1892" s="58">
        <f>Bühler!L1918</f>
        <v>1.8763801758834509</v>
      </c>
      <c r="M1892" s="57">
        <f>Bühler!M1918</f>
        <v>0</v>
      </c>
      <c r="N1892" s="55">
        <f>IF(Input!$K$13=1,J1892*Input!$J$13,0)+IF(Input!$K$14=1,K1892*Input!$J$14,0)+IF(Input!$K$15=1,L1892*Input!$J$15,0)+IF(Input!$K$16=1,M1892*Input!$J$16,0)</f>
        <v>6.9763653884931722</v>
      </c>
      <c r="O1892" s="58">
        <f>IF(Input!$K$13=2,J1892*Input!$J$13,0)+IF(Input!$K$14=2,K1892*Input!$J$14,0)+IF(Input!$K$15=2,L1892*Input!$J$15,0)+IF(Input!$K$16=2,M1892*Input!$J$16,0)</f>
        <v>0.5066226474885317</v>
      </c>
      <c r="P1892" s="58">
        <f>IF(Input!$K$13=3,J1892*Input!$J$13,0)+IF(Input!$K$14=3,K1892*Input!$J$14,0)+IF(Input!$K$15=3,L1892*Input!$J$15,0)+IF(Input!$K$16=3,M1892*Input!$J$16,0)</f>
        <v>0</v>
      </c>
      <c r="Q1892" s="71">
        <f>IF(Input!$K$13=4,J1892*Input!$J$13,0)+IF(Input!$K$14=4,K1892*Input!$J$14,0)+IF(Input!$K$15=4,L1892*Input!$J$15,0)+IF(Input!$K$16=4,M1892*Input!$J$16,0)</f>
        <v>0</v>
      </c>
    </row>
    <row r="1893" spans="8:17" x14ac:dyDescent="0.25">
      <c r="H1893" s="43">
        <v>1886</v>
      </c>
      <c r="I1893" s="55">
        <f>Bühler!I1919</f>
        <v>1.6991771804492002</v>
      </c>
      <c r="J1893" s="58">
        <f>Bühler!J1919</f>
        <v>38.757585491628745</v>
      </c>
      <c r="K1893" s="58">
        <f>Bühler!K1919</f>
        <v>2.5018402345112682</v>
      </c>
      <c r="L1893" s="58">
        <f>Bühler!L1919</f>
        <v>1.2509201172556341</v>
      </c>
      <c r="M1893" s="57">
        <f>Bühler!M1919</f>
        <v>0</v>
      </c>
      <c r="N1893" s="55">
        <f>IF(Input!$K$13=1,J1893*Input!$J$13,0)+IF(Input!$K$14=1,K1893*Input!$J$14,0)+IF(Input!$K$15=1,L1893*Input!$J$15,0)+IF(Input!$K$16=1,M1893*Input!$J$16,0)</f>
        <v>4.6509102589954496</v>
      </c>
      <c r="O1893" s="58">
        <f>IF(Input!$K$13=2,J1893*Input!$J$13,0)+IF(Input!$K$14=2,K1893*Input!$J$14,0)+IF(Input!$K$15=2,L1893*Input!$J$15,0)+IF(Input!$K$16=2,M1893*Input!$J$16,0)</f>
        <v>0.33774843165902124</v>
      </c>
      <c r="P1893" s="58">
        <f>IF(Input!$K$13=3,J1893*Input!$J$13,0)+IF(Input!$K$14=3,K1893*Input!$J$14,0)+IF(Input!$K$15=3,L1893*Input!$J$15,0)+IF(Input!$K$16=3,M1893*Input!$J$16,0)</f>
        <v>0</v>
      </c>
      <c r="Q1893" s="71">
        <f>IF(Input!$K$13=4,J1893*Input!$J$13,0)+IF(Input!$K$14=4,K1893*Input!$J$14,0)+IF(Input!$K$15=4,L1893*Input!$J$15,0)+IF(Input!$K$16=4,M1893*Input!$J$16,0)</f>
        <v>0</v>
      </c>
    </row>
    <row r="1894" spans="8:17" x14ac:dyDescent="0.25">
      <c r="H1894" s="43">
        <v>1887</v>
      </c>
      <c r="I1894" s="55">
        <f>Bühler!I1920</f>
        <v>2.5487657706738003</v>
      </c>
      <c r="J1894" s="58">
        <f>Bühler!J1920</f>
        <v>58.136378237443104</v>
      </c>
      <c r="K1894" s="58">
        <f>Bühler!K1920</f>
        <v>3.7527603517669017</v>
      </c>
      <c r="L1894" s="58">
        <f>Bühler!L1920</f>
        <v>1.8763801758834509</v>
      </c>
      <c r="M1894" s="57">
        <f>Bühler!M1920</f>
        <v>0</v>
      </c>
      <c r="N1894" s="55">
        <f>IF(Input!$K$13=1,J1894*Input!$J$13,0)+IF(Input!$K$14=1,K1894*Input!$J$14,0)+IF(Input!$K$15=1,L1894*Input!$J$15,0)+IF(Input!$K$16=1,M1894*Input!$J$16,0)</f>
        <v>6.9763653884931722</v>
      </c>
      <c r="O1894" s="58">
        <f>IF(Input!$K$13=2,J1894*Input!$J$13,0)+IF(Input!$K$14=2,K1894*Input!$J$14,0)+IF(Input!$K$15=2,L1894*Input!$J$15,0)+IF(Input!$K$16=2,M1894*Input!$J$16,0)</f>
        <v>0.5066226474885317</v>
      </c>
      <c r="P1894" s="58">
        <f>IF(Input!$K$13=3,J1894*Input!$J$13,0)+IF(Input!$K$14=3,K1894*Input!$J$14,0)+IF(Input!$K$15=3,L1894*Input!$J$15,0)+IF(Input!$K$16=3,M1894*Input!$J$16,0)</f>
        <v>0</v>
      </c>
      <c r="Q1894" s="71">
        <f>IF(Input!$K$13=4,J1894*Input!$J$13,0)+IF(Input!$K$14=4,K1894*Input!$J$14,0)+IF(Input!$K$15=4,L1894*Input!$J$15,0)+IF(Input!$K$16=4,M1894*Input!$J$16,0)</f>
        <v>0</v>
      </c>
    </row>
    <row r="1895" spans="8:17" x14ac:dyDescent="0.25">
      <c r="H1895" s="43">
        <v>1888</v>
      </c>
      <c r="I1895" s="55">
        <f>Bühler!I1921</f>
        <v>2.5487657706738003</v>
      </c>
      <c r="J1895" s="58">
        <f>Bühler!J1921</f>
        <v>58.136378237443104</v>
      </c>
      <c r="K1895" s="58">
        <f>Bühler!K1921</f>
        <v>3.7527603517669017</v>
      </c>
      <c r="L1895" s="58">
        <f>Bühler!L1921</f>
        <v>1.8763801758834509</v>
      </c>
      <c r="M1895" s="57">
        <f>Bühler!M1921</f>
        <v>0</v>
      </c>
      <c r="N1895" s="55">
        <f>IF(Input!$K$13=1,J1895*Input!$J$13,0)+IF(Input!$K$14=1,K1895*Input!$J$14,0)+IF(Input!$K$15=1,L1895*Input!$J$15,0)+IF(Input!$K$16=1,M1895*Input!$J$16,0)</f>
        <v>6.9763653884931722</v>
      </c>
      <c r="O1895" s="58">
        <f>IF(Input!$K$13=2,J1895*Input!$J$13,0)+IF(Input!$K$14=2,K1895*Input!$J$14,0)+IF(Input!$K$15=2,L1895*Input!$J$15,0)+IF(Input!$K$16=2,M1895*Input!$J$16,0)</f>
        <v>0.5066226474885317</v>
      </c>
      <c r="P1895" s="58">
        <f>IF(Input!$K$13=3,J1895*Input!$J$13,0)+IF(Input!$K$14=3,K1895*Input!$J$14,0)+IF(Input!$K$15=3,L1895*Input!$J$15,0)+IF(Input!$K$16=3,M1895*Input!$J$16,0)</f>
        <v>0</v>
      </c>
      <c r="Q1895" s="71">
        <f>IF(Input!$K$13=4,J1895*Input!$J$13,0)+IF(Input!$K$14=4,K1895*Input!$J$14,0)+IF(Input!$K$15=4,L1895*Input!$J$15,0)+IF(Input!$K$16=4,M1895*Input!$J$16,0)</f>
        <v>0</v>
      </c>
    </row>
    <row r="1896" spans="8:17" x14ac:dyDescent="0.25">
      <c r="H1896" s="43">
        <v>1889</v>
      </c>
      <c r="I1896" s="55">
        <f>Bühler!I1922</f>
        <v>2.1239714755615005</v>
      </c>
      <c r="J1896" s="58">
        <f>Bühler!J1922</f>
        <v>34.603178034732636</v>
      </c>
      <c r="K1896" s="58">
        <f>Bühler!K1922</f>
        <v>2.1891102051973594</v>
      </c>
      <c r="L1896" s="58">
        <f>Bühler!L1922</f>
        <v>1.0945551025986797</v>
      </c>
      <c r="M1896" s="57">
        <f>Bühler!M1922</f>
        <v>0</v>
      </c>
      <c r="N1896" s="55">
        <f>IF(Input!$K$13=1,J1896*Input!$J$13,0)+IF(Input!$K$14=1,K1896*Input!$J$14,0)+IF(Input!$K$15=1,L1896*Input!$J$15,0)+IF(Input!$K$16=1,M1896*Input!$J$16,0)</f>
        <v>4.1523813641679164</v>
      </c>
      <c r="O1896" s="58">
        <f>IF(Input!$K$13=2,J1896*Input!$J$13,0)+IF(Input!$K$14=2,K1896*Input!$J$14,0)+IF(Input!$K$15=2,L1896*Input!$J$15,0)+IF(Input!$K$16=2,M1896*Input!$J$16,0)</f>
        <v>0.29552987770164352</v>
      </c>
      <c r="P1896" s="58">
        <f>IF(Input!$K$13=3,J1896*Input!$J$13,0)+IF(Input!$K$14=3,K1896*Input!$J$14,0)+IF(Input!$K$15=3,L1896*Input!$J$15,0)+IF(Input!$K$16=3,M1896*Input!$J$16,0)</f>
        <v>0</v>
      </c>
      <c r="Q1896" s="71">
        <f>IF(Input!$K$13=4,J1896*Input!$J$13,0)+IF(Input!$K$14=4,K1896*Input!$J$14,0)+IF(Input!$K$15=4,L1896*Input!$J$15,0)+IF(Input!$K$16=4,M1896*Input!$J$16,0)</f>
        <v>0</v>
      </c>
    </row>
    <row r="1897" spans="8:17" x14ac:dyDescent="0.25">
      <c r="H1897" s="43">
        <v>1890</v>
      </c>
      <c r="I1897" s="55">
        <f>Bühler!I1923</f>
        <v>1.7089425665437359</v>
      </c>
      <c r="J1897" s="58">
        <f>Bühler!J1923</f>
        <v>11.080557000291243</v>
      </c>
      <c r="K1897" s="58">
        <f>Bühler!K1923</f>
        <v>0.62546005862781706</v>
      </c>
      <c r="L1897" s="58">
        <f>Bühler!L1923</f>
        <v>0.31273002931390853</v>
      </c>
      <c r="M1897" s="57">
        <f>Bühler!M1923</f>
        <v>0</v>
      </c>
      <c r="N1897" s="55">
        <f>IF(Input!$K$13=1,J1897*Input!$J$13,0)+IF(Input!$K$14=1,K1897*Input!$J$14,0)+IF(Input!$K$15=1,L1897*Input!$J$15,0)+IF(Input!$K$16=1,M1897*Input!$J$16,0)</f>
        <v>1.3296668400349492</v>
      </c>
      <c r="O1897" s="58">
        <f>IF(Input!$K$13=2,J1897*Input!$J$13,0)+IF(Input!$K$14=2,K1897*Input!$J$14,0)+IF(Input!$K$15=2,L1897*Input!$J$15,0)+IF(Input!$K$16=2,M1897*Input!$J$16,0)</f>
        <v>8.4437107914755311E-2</v>
      </c>
      <c r="P1897" s="58">
        <f>IF(Input!$K$13=3,J1897*Input!$J$13,0)+IF(Input!$K$14=3,K1897*Input!$J$14,0)+IF(Input!$K$15=3,L1897*Input!$J$15,0)+IF(Input!$K$16=3,M1897*Input!$J$16,0)</f>
        <v>0</v>
      </c>
      <c r="Q1897" s="71">
        <f>IF(Input!$K$13=4,J1897*Input!$J$13,0)+IF(Input!$K$14=4,K1897*Input!$J$14,0)+IF(Input!$K$15=4,L1897*Input!$J$15,0)+IF(Input!$K$16=4,M1897*Input!$J$16,0)</f>
        <v>0</v>
      </c>
    </row>
    <row r="1898" spans="8:17" x14ac:dyDescent="0.25">
      <c r="H1898" s="43">
        <v>1891</v>
      </c>
      <c r="I1898" s="55">
        <f>Bühler!I1924</f>
        <v>0.61033663090847723</v>
      </c>
      <c r="J1898" s="58">
        <f>Bühler!J1924</f>
        <v>9.7604118016647501</v>
      </c>
      <c r="K1898" s="58">
        <f>Bühler!K1924</f>
        <v>0.6166507620274253</v>
      </c>
      <c r="L1898" s="58">
        <f>Bühler!L1924</f>
        <v>0.30832538101371265</v>
      </c>
      <c r="M1898" s="57">
        <f>Bühler!M1924</f>
        <v>0</v>
      </c>
      <c r="N1898" s="55">
        <f>IF(Input!$K$13=1,J1898*Input!$J$13,0)+IF(Input!$K$14=1,K1898*Input!$J$14,0)+IF(Input!$K$15=1,L1898*Input!$J$15,0)+IF(Input!$K$16=1,M1898*Input!$J$16,0)</f>
        <v>1.17124941619977</v>
      </c>
      <c r="O1898" s="58">
        <f>IF(Input!$K$13=2,J1898*Input!$J$13,0)+IF(Input!$K$14=2,K1898*Input!$J$14,0)+IF(Input!$K$15=2,L1898*Input!$J$15,0)+IF(Input!$K$16=2,M1898*Input!$J$16,0)</f>
        <v>8.3247852873702413E-2</v>
      </c>
      <c r="P1898" s="58">
        <f>IF(Input!$K$13=3,J1898*Input!$J$13,0)+IF(Input!$K$14=3,K1898*Input!$J$14,0)+IF(Input!$K$15=3,L1898*Input!$J$15,0)+IF(Input!$K$16=3,M1898*Input!$J$16,0)</f>
        <v>0</v>
      </c>
      <c r="Q1898" s="71">
        <f>IF(Input!$K$13=4,J1898*Input!$J$13,0)+IF(Input!$K$14=4,K1898*Input!$J$14,0)+IF(Input!$K$15=4,L1898*Input!$J$15,0)+IF(Input!$K$16=4,M1898*Input!$J$16,0)</f>
        <v>0</v>
      </c>
    </row>
    <row r="1899" spans="8:17" x14ac:dyDescent="0.25">
      <c r="H1899" s="43">
        <v>1892</v>
      </c>
      <c r="I1899" s="55">
        <f>Bühler!I1925</f>
        <v>0.61033663090847723</v>
      </c>
      <c r="J1899" s="58">
        <f>Bühler!J1925</f>
        <v>9.7604118016647501</v>
      </c>
      <c r="K1899" s="58">
        <f>Bühler!K1925</f>
        <v>0.6166507620274253</v>
      </c>
      <c r="L1899" s="58">
        <f>Bühler!L1925</f>
        <v>0.30832538101371265</v>
      </c>
      <c r="M1899" s="57">
        <f>Bühler!M1925</f>
        <v>0</v>
      </c>
      <c r="N1899" s="55">
        <f>IF(Input!$K$13=1,J1899*Input!$J$13,0)+IF(Input!$K$14=1,K1899*Input!$J$14,0)+IF(Input!$K$15=1,L1899*Input!$J$15,0)+IF(Input!$K$16=1,M1899*Input!$J$16,0)</f>
        <v>1.17124941619977</v>
      </c>
      <c r="O1899" s="58">
        <f>IF(Input!$K$13=2,J1899*Input!$J$13,0)+IF(Input!$K$14=2,K1899*Input!$J$14,0)+IF(Input!$K$15=2,L1899*Input!$J$15,0)+IF(Input!$K$16=2,M1899*Input!$J$16,0)</f>
        <v>8.3247852873702413E-2</v>
      </c>
      <c r="P1899" s="58">
        <f>IF(Input!$K$13=3,J1899*Input!$J$13,0)+IF(Input!$K$14=3,K1899*Input!$J$14,0)+IF(Input!$K$15=3,L1899*Input!$J$15,0)+IF(Input!$K$16=3,M1899*Input!$J$16,0)</f>
        <v>0</v>
      </c>
      <c r="Q1899" s="71">
        <f>IF(Input!$K$13=4,J1899*Input!$J$13,0)+IF(Input!$K$14=4,K1899*Input!$J$14,0)+IF(Input!$K$15=4,L1899*Input!$J$15,0)+IF(Input!$K$16=4,M1899*Input!$J$16,0)</f>
        <v>0</v>
      </c>
    </row>
    <row r="1900" spans="8:17" x14ac:dyDescent="0.25">
      <c r="H1900" s="43">
        <v>1893</v>
      </c>
      <c r="I1900" s="55">
        <f>Bühler!I1926</f>
        <v>0.61033663090847723</v>
      </c>
      <c r="J1900" s="58">
        <f>Bühler!J1926</f>
        <v>9.7604118016647501</v>
      </c>
      <c r="K1900" s="58">
        <f>Bühler!K1926</f>
        <v>0.6166507620274253</v>
      </c>
      <c r="L1900" s="58">
        <f>Bühler!L1926</f>
        <v>0.30832538101371265</v>
      </c>
      <c r="M1900" s="57">
        <f>Bühler!M1926</f>
        <v>0</v>
      </c>
      <c r="N1900" s="55">
        <f>IF(Input!$K$13=1,J1900*Input!$J$13,0)+IF(Input!$K$14=1,K1900*Input!$J$14,0)+IF(Input!$K$15=1,L1900*Input!$J$15,0)+IF(Input!$K$16=1,M1900*Input!$J$16,0)</f>
        <v>1.17124941619977</v>
      </c>
      <c r="O1900" s="58">
        <f>IF(Input!$K$13=2,J1900*Input!$J$13,0)+IF(Input!$K$14=2,K1900*Input!$J$14,0)+IF(Input!$K$15=2,L1900*Input!$J$15,0)+IF(Input!$K$16=2,M1900*Input!$J$16,0)</f>
        <v>8.3247852873702413E-2</v>
      </c>
      <c r="P1900" s="58">
        <f>IF(Input!$K$13=3,J1900*Input!$J$13,0)+IF(Input!$K$14=3,K1900*Input!$J$14,0)+IF(Input!$K$15=3,L1900*Input!$J$15,0)+IF(Input!$K$16=3,M1900*Input!$J$16,0)</f>
        <v>0</v>
      </c>
      <c r="Q1900" s="71">
        <f>IF(Input!$K$13=4,J1900*Input!$J$13,0)+IF(Input!$K$14=4,K1900*Input!$J$14,0)+IF(Input!$K$15=4,L1900*Input!$J$15,0)+IF(Input!$K$16=4,M1900*Input!$J$16,0)</f>
        <v>0</v>
      </c>
    </row>
    <row r="1901" spans="8:17" x14ac:dyDescent="0.25">
      <c r="H1901" s="43">
        <v>1894</v>
      </c>
      <c r="I1901" s="55">
        <f>Bühler!I1927</f>
        <v>0.61033663090847723</v>
      </c>
      <c r="J1901" s="58">
        <f>Bühler!J1927</f>
        <v>9.7604118016647501</v>
      </c>
      <c r="K1901" s="58">
        <f>Bühler!K1927</f>
        <v>0.6166507620274253</v>
      </c>
      <c r="L1901" s="58">
        <f>Bühler!L1927</f>
        <v>0.30832538101371265</v>
      </c>
      <c r="M1901" s="57">
        <f>Bühler!M1927</f>
        <v>0</v>
      </c>
      <c r="N1901" s="55">
        <f>IF(Input!$K$13=1,J1901*Input!$J$13,0)+IF(Input!$K$14=1,K1901*Input!$J$14,0)+IF(Input!$K$15=1,L1901*Input!$J$15,0)+IF(Input!$K$16=1,M1901*Input!$J$16,0)</f>
        <v>1.17124941619977</v>
      </c>
      <c r="O1901" s="58">
        <f>IF(Input!$K$13=2,J1901*Input!$J$13,0)+IF(Input!$K$14=2,K1901*Input!$J$14,0)+IF(Input!$K$15=2,L1901*Input!$J$15,0)+IF(Input!$K$16=2,M1901*Input!$J$16,0)</f>
        <v>8.3247852873702413E-2</v>
      </c>
      <c r="P1901" s="58">
        <f>IF(Input!$K$13=3,J1901*Input!$J$13,0)+IF(Input!$K$14=3,K1901*Input!$J$14,0)+IF(Input!$K$15=3,L1901*Input!$J$15,0)+IF(Input!$K$16=3,M1901*Input!$J$16,0)</f>
        <v>0</v>
      </c>
      <c r="Q1901" s="71">
        <f>IF(Input!$K$13=4,J1901*Input!$J$13,0)+IF(Input!$K$14=4,K1901*Input!$J$14,0)+IF(Input!$K$15=4,L1901*Input!$J$15,0)+IF(Input!$K$16=4,M1901*Input!$J$16,0)</f>
        <v>0</v>
      </c>
    </row>
    <row r="1902" spans="8:17" x14ac:dyDescent="0.25">
      <c r="H1902" s="43">
        <v>1895</v>
      </c>
      <c r="I1902" s="55">
        <f>Bühler!I1928</f>
        <v>0.61033663090847723</v>
      </c>
      <c r="J1902" s="58">
        <f>Bühler!J1928</f>
        <v>9.7604118016647501</v>
      </c>
      <c r="K1902" s="58">
        <f>Bühler!K1928</f>
        <v>0.6166507620274253</v>
      </c>
      <c r="L1902" s="58">
        <f>Bühler!L1928</f>
        <v>0.30832538101371265</v>
      </c>
      <c r="M1902" s="57">
        <f>Bühler!M1928</f>
        <v>0</v>
      </c>
      <c r="N1902" s="55">
        <f>IF(Input!$K$13=1,J1902*Input!$J$13,0)+IF(Input!$K$14=1,K1902*Input!$J$14,0)+IF(Input!$K$15=1,L1902*Input!$J$15,0)+IF(Input!$K$16=1,M1902*Input!$J$16,0)</f>
        <v>1.17124941619977</v>
      </c>
      <c r="O1902" s="58">
        <f>IF(Input!$K$13=2,J1902*Input!$J$13,0)+IF(Input!$K$14=2,K1902*Input!$J$14,0)+IF(Input!$K$15=2,L1902*Input!$J$15,0)+IF(Input!$K$16=2,M1902*Input!$J$16,0)</f>
        <v>8.3247852873702413E-2</v>
      </c>
      <c r="P1902" s="58">
        <f>IF(Input!$K$13=3,J1902*Input!$J$13,0)+IF(Input!$K$14=3,K1902*Input!$J$14,0)+IF(Input!$K$15=3,L1902*Input!$J$15,0)+IF(Input!$K$16=3,M1902*Input!$J$16,0)</f>
        <v>0</v>
      </c>
      <c r="Q1902" s="71">
        <f>IF(Input!$K$13=4,J1902*Input!$J$13,0)+IF(Input!$K$14=4,K1902*Input!$J$14,0)+IF(Input!$K$15=4,L1902*Input!$J$15,0)+IF(Input!$K$16=4,M1902*Input!$J$16,0)</f>
        <v>0</v>
      </c>
    </row>
    <row r="1903" spans="8:17" x14ac:dyDescent="0.25">
      <c r="H1903" s="43">
        <v>1896</v>
      </c>
      <c r="I1903" s="55">
        <f>Bühler!I1929</f>
        <v>0.61033663090847723</v>
      </c>
      <c r="J1903" s="58">
        <f>Bühler!J1929</f>
        <v>9.7604118016647501</v>
      </c>
      <c r="K1903" s="58">
        <f>Bühler!K1929</f>
        <v>0.6166507620274253</v>
      </c>
      <c r="L1903" s="58">
        <f>Bühler!L1929</f>
        <v>0.30832538101371265</v>
      </c>
      <c r="M1903" s="57">
        <f>Bühler!M1929</f>
        <v>0</v>
      </c>
      <c r="N1903" s="55">
        <f>IF(Input!$K$13=1,J1903*Input!$J$13,0)+IF(Input!$K$14=1,K1903*Input!$J$14,0)+IF(Input!$K$15=1,L1903*Input!$J$15,0)+IF(Input!$K$16=1,M1903*Input!$J$16,0)</f>
        <v>1.17124941619977</v>
      </c>
      <c r="O1903" s="58">
        <f>IF(Input!$K$13=2,J1903*Input!$J$13,0)+IF(Input!$K$14=2,K1903*Input!$J$14,0)+IF(Input!$K$15=2,L1903*Input!$J$15,0)+IF(Input!$K$16=2,M1903*Input!$J$16,0)</f>
        <v>8.3247852873702413E-2</v>
      </c>
      <c r="P1903" s="58">
        <f>IF(Input!$K$13=3,J1903*Input!$J$13,0)+IF(Input!$K$14=3,K1903*Input!$J$14,0)+IF(Input!$K$15=3,L1903*Input!$J$15,0)+IF(Input!$K$16=3,M1903*Input!$J$16,0)</f>
        <v>0</v>
      </c>
      <c r="Q1903" s="71">
        <f>IF(Input!$K$13=4,J1903*Input!$J$13,0)+IF(Input!$K$14=4,K1903*Input!$J$14,0)+IF(Input!$K$15=4,L1903*Input!$J$15,0)+IF(Input!$K$16=4,M1903*Input!$J$16,0)</f>
        <v>0</v>
      </c>
    </row>
    <row r="1904" spans="8:17" x14ac:dyDescent="0.25">
      <c r="H1904" s="43">
        <v>1897</v>
      </c>
      <c r="I1904" s="55">
        <f>Bühler!I1930</f>
        <v>0.52222644741175583</v>
      </c>
      <c r="J1904" s="58">
        <f>Bühler!J1930</f>
        <v>6.1156058832196667</v>
      </c>
      <c r="K1904" s="58">
        <f>Bühler!K1930</f>
        <v>0.3898967261683246</v>
      </c>
      <c r="L1904" s="58">
        <f>Bühler!L1930</f>
        <v>0.1949483630841623</v>
      </c>
      <c r="M1904" s="57">
        <f>Bühler!M1930</f>
        <v>0</v>
      </c>
      <c r="N1904" s="55">
        <f>IF(Input!$K$13=1,J1904*Input!$J$13,0)+IF(Input!$K$14=1,K1904*Input!$J$14,0)+IF(Input!$K$15=1,L1904*Input!$J$15,0)+IF(Input!$K$16=1,M1904*Input!$J$16,0)</f>
        <v>0.73387270598636001</v>
      </c>
      <c r="O1904" s="58">
        <f>IF(Input!$K$13=2,J1904*Input!$J$13,0)+IF(Input!$K$14=2,K1904*Input!$J$14,0)+IF(Input!$K$15=2,L1904*Input!$J$15,0)+IF(Input!$K$16=2,M1904*Input!$J$16,0)</f>
        <v>5.2636058032723823E-2</v>
      </c>
      <c r="P1904" s="58">
        <f>IF(Input!$K$13=3,J1904*Input!$J$13,0)+IF(Input!$K$14=3,K1904*Input!$J$14,0)+IF(Input!$K$15=3,L1904*Input!$J$15,0)+IF(Input!$K$16=3,M1904*Input!$J$16,0)</f>
        <v>0</v>
      </c>
      <c r="Q1904" s="71">
        <f>IF(Input!$K$13=4,J1904*Input!$J$13,0)+IF(Input!$K$14=4,K1904*Input!$J$14,0)+IF(Input!$K$15=4,L1904*Input!$J$15,0)+IF(Input!$K$16=4,M1904*Input!$J$16,0)</f>
        <v>0</v>
      </c>
    </row>
    <row r="1905" spans="8:17" x14ac:dyDescent="0.25">
      <c r="H1905" s="43">
        <v>1898</v>
      </c>
      <c r="I1905" s="55">
        <f>Bühler!I1931</f>
        <v>0.52222644741175583</v>
      </c>
      <c r="J1905" s="58">
        <f>Bühler!J1931</f>
        <v>9.0226757030812355</v>
      </c>
      <c r="K1905" s="58">
        <f>Bühler!K1931</f>
        <v>0.59412834463744701</v>
      </c>
      <c r="L1905" s="58">
        <f>Bühler!L1931</f>
        <v>0.29706417231872351</v>
      </c>
      <c r="M1905" s="57">
        <f>Bühler!M1931</f>
        <v>0</v>
      </c>
      <c r="N1905" s="55">
        <f>IF(Input!$K$13=1,J1905*Input!$J$13,0)+IF(Input!$K$14=1,K1905*Input!$J$14,0)+IF(Input!$K$15=1,L1905*Input!$J$15,0)+IF(Input!$K$16=1,M1905*Input!$J$16,0)</f>
        <v>1.0827210843697481</v>
      </c>
      <c r="O1905" s="58">
        <f>IF(Input!$K$13=2,J1905*Input!$J$13,0)+IF(Input!$K$14=2,K1905*Input!$J$14,0)+IF(Input!$K$15=2,L1905*Input!$J$15,0)+IF(Input!$K$16=2,M1905*Input!$J$16,0)</f>
        <v>8.0207326526055334E-2</v>
      </c>
      <c r="P1905" s="58">
        <f>IF(Input!$K$13=3,J1905*Input!$J$13,0)+IF(Input!$K$14=3,K1905*Input!$J$14,0)+IF(Input!$K$15=3,L1905*Input!$J$15,0)+IF(Input!$K$16=3,M1905*Input!$J$16,0)</f>
        <v>0</v>
      </c>
      <c r="Q1905" s="71">
        <f>IF(Input!$K$13=4,J1905*Input!$J$13,0)+IF(Input!$K$14=4,K1905*Input!$J$14,0)+IF(Input!$K$15=4,L1905*Input!$J$15,0)+IF(Input!$K$16=4,M1905*Input!$J$16,0)</f>
        <v>0</v>
      </c>
    </row>
    <row r="1906" spans="8:17" x14ac:dyDescent="0.25">
      <c r="H1906" s="43">
        <v>1899</v>
      </c>
      <c r="I1906" s="55">
        <f>Bühler!I1932</f>
        <v>0.52222644741175583</v>
      </c>
      <c r="J1906" s="58">
        <f>Bühler!J1932</f>
        <v>9.0226757030812355</v>
      </c>
      <c r="K1906" s="58">
        <f>Bühler!K1932</f>
        <v>0.59412834463744701</v>
      </c>
      <c r="L1906" s="58">
        <f>Bühler!L1932</f>
        <v>0.29706417231872351</v>
      </c>
      <c r="M1906" s="57">
        <f>Bühler!M1932</f>
        <v>0</v>
      </c>
      <c r="N1906" s="55">
        <f>IF(Input!$K$13=1,J1906*Input!$J$13,0)+IF(Input!$K$14=1,K1906*Input!$J$14,0)+IF(Input!$K$15=1,L1906*Input!$J$15,0)+IF(Input!$K$16=1,M1906*Input!$J$16,0)</f>
        <v>1.0827210843697481</v>
      </c>
      <c r="O1906" s="58">
        <f>IF(Input!$K$13=2,J1906*Input!$J$13,0)+IF(Input!$K$14=2,K1906*Input!$J$14,0)+IF(Input!$K$15=2,L1906*Input!$J$15,0)+IF(Input!$K$16=2,M1906*Input!$J$16,0)</f>
        <v>8.0207326526055334E-2</v>
      </c>
      <c r="P1906" s="58">
        <f>IF(Input!$K$13=3,J1906*Input!$J$13,0)+IF(Input!$K$14=3,K1906*Input!$J$14,0)+IF(Input!$K$15=3,L1906*Input!$J$15,0)+IF(Input!$K$16=3,M1906*Input!$J$16,0)</f>
        <v>0</v>
      </c>
      <c r="Q1906" s="71">
        <f>IF(Input!$K$13=4,J1906*Input!$J$13,0)+IF(Input!$K$14=4,K1906*Input!$J$14,0)+IF(Input!$K$15=4,L1906*Input!$J$15,0)+IF(Input!$K$16=4,M1906*Input!$J$16,0)</f>
        <v>0</v>
      </c>
    </row>
    <row r="1907" spans="8:17" x14ac:dyDescent="0.25">
      <c r="H1907" s="43">
        <v>1900</v>
      </c>
      <c r="I1907" s="55">
        <f>Bühler!I1933</f>
        <v>0.52222644741175583</v>
      </c>
      <c r="J1907" s="58">
        <f>Bühler!J1933</f>
        <v>9.0226757030812355</v>
      </c>
      <c r="K1907" s="58">
        <f>Bühler!K1933</f>
        <v>0.59412834463744701</v>
      </c>
      <c r="L1907" s="58">
        <f>Bühler!L1933</f>
        <v>0.29706417231872351</v>
      </c>
      <c r="M1907" s="57">
        <f>Bühler!M1933</f>
        <v>0</v>
      </c>
      <c r="N1907" s="55">
        <f>IF(Input!$K$13=1,J1907*Input!$J$13,0)+IF(Input!$K$14=1,K1907*Input!$J$14,0)+IF(Input!$K$15=1,L1907*Input!$J$15,0)+IF(Input!$K$16=1,M1907*Input!$J$16,0)</f>
        <v>1.0827210843697481</v>
      </c>
      <c r="O1907" s="58">
        <f>IF(Input!$K$13=2,J1907*Input!$J$13,0)+IF(Input!$K$14=2,K1907*Input!$J$14,0)+IF(Input!$K$15=2,L1907*Input!$J$15,0)+IF(Input!$K$16=2,M1907*Input!$J$16,0)</f>
        <v>8.0207326526055334E-2</v>
      </c>
      <c r="P1907" s="58">
        <f>IF(Input!$K$13=3,J1907*Input!$J$13,0)+IF(Input!$K$14=3,K1907*Input!$J$14,0)+IF(Input!$K$15=3,L1907*Input!$J$15,0)+IF(Input!$K$16=3,M1907*Input!$J$16,0)</f>
        <v>0</v>
      </c>
      <c r="Q1907" s="71">
        <f>IF(Input!$K$13=4,J1907*Input!$J$13,0)+IF(Input!$K$14=4,K1907*Input!$J$14,0)+IF(Input!$K$15=4,L1907*Input!$J$15,0)+IF(Input!$K$16=4,M1907*Input!$J$16,0)</f>
        <v>0</v>
      </c>
    </row>
    <row r="1908" spans="8:17" x14ac:dyDescent="0.25">
      <c r="H1908" s="43">
        <v>1901</v>
      </c>
      <c r="I1908" s="55">
        <f>Bühler!I1934</f>
        <v>0.52222644741175583</v>
      </c>
      <c r="J1908" s="58">
        <f>Bühler!J1934</f>
        <v>9.0226757030812355</v>
      </c>
      <c r="K1908" s="58">
        <f>Bühler!K1934</f>
        <v>0.59412834463744701</v>
      </c>
      <c r="L1908" s="58">
        <f>Bühler!L1934</f>
        <v>0.29706417231872351</v>
      </c>
      <c r="M1908" s="57">
        <f>Bühler!M1934</f>
        <v>0</v>
      </c>
      <c r="N1908" s="55">
        <f>IF(Input!$K$13=1,J1908*Input!$J$13,0)+IF(Input!$K$14=1,K1908*Input!$J$14,0)+IF(Input!$K$15=1,L1908*Input!$J$15,0)+IF(Input!$K$16=1,M1908*Input!$J$16,0)</f>
        <v>1.0827210843697481</v>
      </c>
      <c r="O1908" s="58">
        <f>IF(Input!$K$13=2,J1908*Input!$J$13,0)+IF(Input!$K$14=2,K1908*Input!$J$14,0)+IF(Input!$K$15=2,L1908*Input!$J$15,0)+IF(Input!$K$16=2,M1908*Input!$J$16,0)</f>
        <v>8.0207326526055334E-2</v>
      </c>
      <c r="P1908" s="58">
        <f>IF(Input!$K$13=3,J1908*Input!$J$13,0)+IF(Input!$K$14=3,K1908*Input!$J$14,0)+IF(Input!$K$15=3,L1908*Input!$J$15,0)+IF(Input!$K$16=3,M1908*Input!$J$16,0)</f>
        <v>0</v>
      </c>
      <c r="Q1908" s="71">
        <f>IF(Input!$K$13=4,J1908*Input!$J$13,0)+IF(Input!$K$14=4,K1908*Input!$J$14,0)+IF(Input!$K$15=4,L1908*Input!$J$15,0)+IF(Input!$K$16=4,M1908*Input!$J$16,0)</f>
        <v>0</v>
      </c>
    </row>
    <row r="1909" spans="8:17" x14ac:dyDescent="0.25">
      <c r="H1909" s="43">
        <v>1902</v>
      </c>
      <c r="I1909" s="55">
        <f>Bühler!I1935</f>
        <v>0.52222644741175583</v>
      </c>
      <c r="J1909" s="58">
        <f>Bühler!J1935</f>
        <v>9.0226757030812355</v>
      </c>
      <c r="K1909" s="58">
        <f>Bühler!K1935</f>
        <v>0.59412834463744701</v>
      </c>
      <c r="L1909" s="58">
        <f>Bühler!L1935</f>
        <v>0.29706417231872351</v>
      </c>
      <c r="M1909" s="57">
        <f>Bühler!M1935</f>
        <v>0</v>
      </c>
      <c r="N1909" s="55">
        <f>IF(Input!$K$13=1,J1909*Input!$J$13,0)+IF(Input!$K$14=1,K1909*Input!$J$14,0)+IF(Input!$K$15=1,L1909*Input!$J$15,0)+IF(Input!$K$16=1,M1909*Input!$J$16,0)</f>
        <v>1.0827210843697481</v>
      </c>
      <c r="O1909" s="58">
        <f>IF(Input!$K$13=2,J1909*Input!$J$13,0)+IF(Input!$K$14=2,K1909*Input!$J$14,0)+IF(Input!$K$15=2,L1909*Input!$J$15,0)+IF(Input!$K$16=2,M1909*Input!$J$16,0)</f>
        <v>8.0207326526055334E-2</v>
      </c>
      <c r="P1909" s="58">
        <f>IF(Input!$K$13=3,J1909*Input!$J$13,0)+IF(Input!$K$14=3,K1909*Input!$J$14,0)+IF(Input!$K$15=3,L1909*Input!$J$15,0)+IF(Input!$K$16=3,M1909*Input!$J$16,0)</f>
        <v>0</v>
      </c>
      <c r="Q1909" s="71">
        <f>IF(Input!$K$13=4,J1909*Input!$J$13,0)+IF(Input!$K$14=4,K1909*Input!$J$14,0)+IF(Input!$K$15=4,L1909*Input!$J$15,0)+IF(Input!$K$16=4,M1909*Input!$J$16,0)</f>
        <v>0</v>
      </c>
    </row>
    <row r="1910" spans="8:17" x14ac:dyDescent="0.25">
      <c r="H1910" s="43">
        <v>1903</v>
      </c>
      <c r="I1910" s="55">
        <f>Bühler!I1936</f>
        <v>0.52222644741175583</v>
      </c>
      <c r="J1910" s="58">
        <f>Bühler!J1936</f>
        <v>9.0226757030812355</v>
      </c>
      <c r="K1910" s="58">
        <f>Bühler!K1936</f>
        <v>0.59412834463744701</v>
      </c>
      <c r="L1910" s="58">
        <f>Bühler!L1936</f>
        <v>0.29706417231872351</v>
      </c>
      <c r="M1910" s="57">
        <f>Bühler!M1936</f>
        <v>0</v>
      </c>
      <c r="N1910" s="55">
        <f>IF(Input!$K$13=1,J1910*Input!$J$13,0)+IF(Input!$K$14=1,K1910*Input!$J$14,0)+IF(Input!$K$15=1,L1910*Input!$J$15,0)+IF(Input!$K$16=1,M1910*Input!$J$16,0)</f>
        <v>1.0827210843697481</v>
      </c>
      <c r="O1910" s="58">
        <f>IF(Input!$K$13=2,J1910*Input!$J$13,0)+IF(Input!$K$14=2,K1910*Input!$J$14,0)+IF(Input!$K$15=2,L1910*Input!$J$15,0)+IF(Input!$K$16=2,M1910*Input!$J$16,0)</f>
        <v>8.0207326526055334E-2</v>
      </c>
      <c r="P1910" s="58">
        <f>IF(Input!$K$13=3,J1910*Input!$J$13,0)+IF(Input!$K$14=3,K1910*Input!$J$14,0)+IF(Input!$K$15=3,L1910*Input!$J$15,0)+IF(Input!$K$16=3,M1910*Input!$J$16,0)</f>
        <v>0</v>
      </c>
      <c r="Q1910" s="71">
        <f>IF(Input!$K$13=4,J1910*Input!$J$13,0)+IF(Input!$K$14=4,K1910*Input!$J$14,0)+IF(Input!$K$15=4,L1910*Input!$J$15,0)+IF(Input!$K$16=4,M1910*Input!$J$16,0)</f>
        <v>0</v>
      </c>
    </row>
    <row r="1911" spans="8:17" x14ac:dyDescent="0.25">
      <c r="H1911" s="43">
        <v>1904</v>
      </c>
      <c r="I1911" s="55">
        <f>Bühler!I1937</f>
        <v>1.5043490888345097</v>
      </c>
      <c r="J1911" s="58">
        <f>Bühler!J1937</f>
        <v>37.280958667388177</v>
      </c>
      <c r="K1911" s="58">
        <f>Bühler!K1937</f>
        <v>2.5046223028622374</v>
      </c>
      <c r="L1911" s="58">
        <f>Bühler!L1937</f>
        <v>1.2523111514311187</v>
      </c>
      <c r="M1911" s="57">
        <f>Bühler!M1937</f>
        <v>0</v>
      </c>
      <c r="N1911" s="55">
        <f>IF(Input!$K$13=1,J1911*Input!$J$13,0)+IF(Input!$K$14=1,K1911*Input!$J$14,0)+IF(Input!$K$15=1,L1911*Input!$J$15,0)+IF(Input!$K$16=1,M1911*Input!$J$16,0)</f>
        <v>4.4737150400865806</v>
      </c>
      <c r="O1911" s="58">
        <f>IF(Input!$K$13=2,J1911*Input!$J$13,0)+IF(Input!$K$14=2,K1911*Input!$J$14,0)+IF(Input!$K$15=2,L1911*Input!$J$15,0)+IF(Input!$K$16=2,M1911*Input!$J$16,0)</f>
        <v>0.33812401088640204</v>
      </c>
      <c r="P1911" s="58">
        <f>IF(Input!$K$13=3,J1911*Input!$J$13,0)+IF(Input!$K$14=3,K1911*Input!$J$14,0)+IF(Input!$K$15=3,L1911*Input!$J$15,0)+IF(Input!$K$16=3,M1911*Input!$J$16,0)</f>
        <v>0</v>
      </c>
      <c r="Q1911" s="71">
        <f>IF(Input!$K$13=4,J1911*Input!$J$13,0)+IF(Input!$K$14=4,K1911*Input!$J$14,0)+IF(Input!$K$15=4,L1911*Input!$J$15,0)+IF(Input!$K$16=4,M1911*Input!$J$16,0)</f>
        <v>0</v>
      </c>
    </row>
    <row r="1912" spans="8:17" x14ac:dyDescent="0.25">
      <c r="H1912" s="43">
        <v>1905</v>
      </c>
      <c r="I1912" s="55">
        <f>Bühler!I1938</f>
        <v>1.678536878067979</v>
      </c>
      <c r="J1912" s="58">
        <f>Bühler!J1938</f>
        <v>41.597701249927866</v>
      </c>
      <c r="K1912" s="58">
        <f>Bühler!K1938</f>
        <v>2.7946312010883916</v>
      </c>
      <c r="L1912" s="58">
        <f>Bühler!L1938</f>
        <v>1.3973156005441958</v>
      </c>
      <c r="M1912" s="57">
        <f>Bühler!M1938</f>
        <v>0</v>
      </c>
      <c r="N1912" s="55">
        <f>IF(Input!$K$13=1,J1912*Input!$J$13,0)+IF(Input!$K$14=1,K1912*Input!$J$14,0)+IF(Input!$K$15=1,L1912*Input!$J$15,0)+IF(Input!$K$16=1,M1912*Input!$J$16,0)</f>
        <v>4.9917241499913434</v>
      </c>
      <c r="O1912" s="58">
        <f>IF(Input!$K$13=2,J1912*Input!$J$13,0)+IF(Input!$K$14=2,K1912*Input!$J$14,0)+IF(Input!$K$15=2,L1912*Input!$J$15,0)+IF(Input!$K$16=2,M1912*Input!$J$16,0)</f>
        <v>0.37727521214693283</v>
      </c>
      <c r="P1912" s="58">
        <f>IF(Input!$K$13=3,J1912*Input!$J$13,0)+IF(Input!$K$14=3,K1912*Input!$J$14,0)+IF(Input!$K$15=3,L1912*Input!$J$15,0)+IF(Input!$K$16=3,M1912*Input!$J$16,0)</f>
        <v>0</v>
      </c>
      <c r="Q1912" s="71">
        <f>IF(Input!$K$13=4,J1912*Input!$J$13,0)+IF(Input!$K$14=4,K1912*Input!$J$14,0)+IF(Input!$K$15=4,L1912*Input!$J$15,0)+IF(Input!$K$16=4,M1912*Input!$J$16,0)</f>
        <v>0</v>
      </c>
    </row>
    <row r="1913" spans="8:17" x14ac:dyDescent="0.25">
      <c r="H1913" s="43">
        <v>1906</v>
      </c>
      <c r="I1913" s="55">
        <f>Bühler!I1939</f>
        <v>1.8527246673014488</v>
      </c>
      <c r="J1913" s="58">
        <f>Bühler!J1939</f>
        <v>45.914443832467548</v>
      </c>
      <c r="K1913" s="58">
        <f>Bühler!K1939</f>
        <v>3.0846400993145453</v>
      </c>
      <c r="L1913" s="58">
        <f>Bühler!L1939</f>
        <v>1.5423200496572727</v>
      </c>
      <c r="M1913" s="57">
        <f>Bühler!M1939</f>
        <v>0</v>
      </c>
      <c r="N1913" s="55">
        <f>IF(Input!$K$13=1,J1913*Input!$J$13,0)+IF(Input!$K$14=1,K1913*Input!$J$14,0)+IF(Input!$K$15=1,L1913*Input!$J$15,0)+IF(Input!$K$16=1,M1913*Input!$J$16,0)</f>
        <v>5.5097332598961053</v>
      </c>
      <c r="O1913" s="58">
        <f>IF(Input!$K$13=2,J1913*Input!$J$13,0)+IF(Input!$K$14=2,K1913*Input!$J$14,0)+IF(Input!$K$15=2,L1913*Input!$J$15,0)+IF(Input!$K$16=2,M1913*Input!$J$16,0)</f>
        <v>0.41642641340746356</v>
      </c>
      <c r="P1913" s="58">
        <f>IF(Input!$K$13=3,J1913*Input!$J$13,0)+IF(Input!$K$14=3,K1913*Input!$J$14,0)+IF(Input!$K$15=3,L1913*Input!$J$15,0)+IF(Input!$K$16=3,M1913*Input!$J$16,0)</f>
        <v>0</v>
      </c>
      <c r="Q1913" s="71">
        <f>IF(Input!$K$13=4,J1913*Input!$J$13,0)+IF(Input!$K$14=4,K1913*Input!$J$14,0)+IF(Input!$K$15=4,L1913*Input!$J$15,0)+IF(Input!$K$16=4,M1913*Input!$J$16,0)</f>
        <v>0</v>
      </c>
    </row>
    <row r="1914" spans="8:17" x14ac:dyDescent="0.25">
      <c r="H1914" s="43">
        <v>1907</v>
      </c>
      <c r="I1914" s="55">
        <f>Bühler!I1940</f>
        <v>1.8527246673014488</v>
      </c>
      <c r="J1914" s="58">
        <f>Bühler!J1940</f>
        <v>45.914443832467548</v>
      </c>
      <c r="K1914" s="58">
        <f>Bühler!K1940</f>
        <v>3.0846400993145453</v>
      </c>
      <c r="L1914" s="58">
        <f>Bühler!L1940</f>
        <v>1.5423200496572727</v>
      </c>
      <c r="M1914" s="57">
        <f>Bühler!M1940</f>
        <v>0</v>
      </c>
      <c r="N1914" s="55">
        <f>IF(Input!$K$13=1,J1914*Input!$J$13,0)+IF(Input!$K$14=1,K1914*Input!$J$14,0)+IF(Input!$K$15=1,L1914*Input!$J$15,0)+IF(Input!$K$16=1,M1914*Input!$J$16,0)</f>
        <v>5.5097332598961053</v>
      </c>
      <c r="O1914" s="58">
        <f>IF(Input!$K$13=2,J1914*Input!$J$13,0)+IF(Input!$K$14=2,K1914*Input!$J$14,0)+IF(Input!$K$15=2,L1914*Input!$J$15,0)+IF(Input!$K$16=2,M1914*Input!$J$16,0)</f>
        <v>0.41642641340746356</v>
      </c>
      <c r="P1914" s="58">
        <f>IF(Input!$K$13=3,J1914*Input!$J$13,0)+IF(Input!$K$14=3,K1914*Input!$J$14,0)+IF(Input!$K$15=3,L1914*Input!$J$15,0)+IF(Input!$K$16=3,M1914*Input!$J$16,0)</f>
        <v>0</v>
      </c>
      <c r="Q1914" s="71">
        <f>IF(Input!$K$13=4,J1914*Input!$J$13,0)+IF(Input!$K$14=4,K1914*Input!$J$14,0)+IF(Input!$K$15=4,L1914*Input!$J$15,0)+IF(Input!$K$16=4,M1914*Input!$J$16,0)</f>
        <v>0</v>
      </c>
    </row>
    <row r="1915" spans="8:17" x14ac:dyDescent="0.25">
      <c r="H1915" s="43">
        <v>1908</v>
      </c>
      <c r="I1915" s="55">
        <f>Bühler!I1941</f>
        <v>2.2169354993350665</v>
      </c>
      <c r="J1915" s="58">
        <f>Bühler!J1941</f>
        <v>54.940360141414153</v>
      </c>
      <c r="K1915" s="58">
        <f>Bühler!K1941</f>
        <v>3.6910223410601395</v>
      </c>
      <c r="L1915" s="58">
        <f>Bühler!L1941</f>
        <v>1.8455111705300697</v>
      </c>
      <c r="M1915" s="57">
        <f>Bühler!M1941</f>
        <v>0</v>
      </c>
      <c r="N1915" s="55">
        <f>IF(Input!$K$13=1,J1915*Input!$J$13,0)+IF(Input!$K$14=1,K1915*Input!$J$14,0)+IF(Input!$K$15=1,L1915*Input!$J$15,0)+IF(Input!$K$16=1,M1915*Input!$J$16,0)</f>
        <v>6.5928432169696984</v>
      </c>
      <c r="O1915" s="58">
        <f>IF(Input!$K$13=2,J1915*Input!$J$13,0)+IF(Input!$K$14=2,K1915*Input!$J$14,0)+IF(Input!$K$15=2,L1915*Input!$J$15,0)+IF(Input!$K$16=2,M1915*Input!$J$16,0)</f>
        <v>0.49828801604311879</v>
      </c>
      <c r="P1915" s="58">
        <f>IF(Input!$K$13=3,J1915*Input!$J$13,0)+IF(Input!$K$14=3,K1915*Input!$J$14,0)+IF(Input!$K$15=3,L1915*Input!$J$15,0)+IF(Input!$K$16=3,M1915*Input!$J$16,0)</f>
        <v>0</v>
      </c>
      <c r="Q1915" s="71">
        <f>IF(Input!$K$13=4,J1915*Input!$J$13,0)+IF(Input!$K$14=4,K1915*Input!$J$14,0)+IF(Input!$K$15=4,L1915*Input!$J$15,0)+IF(Input!$K$16=4,M1915*Input!$J$16,0)</f>
        <v>0</v>
      </c>
    </row>
    <row r="1916" spans="8:17" x14ac:dyDescent="0.25">
      <c r="H1916" s="43">
        <v>1909</v>
      </c>
      <c r="I1916" s="55">
        <f>Bühler!I1942</f>
        <v>2.2169354993350665</v>
      </c>
      <c r="J1916" s="58">
        <f>Bühler!J1942</f>
        <v>54.940360141414153</v>
      </c>
      <c r="K1916" s="58">
        <f>Bühler!K1942</f>
        <v>3.6910223410601395</v>
      </c>
      <c r="L1916" s="58">
        <f>Bühler!L1942</f>
        <v>1.8455111705300697</v>
      </c>
      <c r="M1916" s="57">
        <f>Bühler!M1942</f>
        <v>0</v>
      </c>
      <c r="N1916" s="55">
        <f>IF(Input!$K$13=1,J1916*Input!$J$13,0)+IF(Input!$K$14=1,K1916*Input!$J$14,0)+IF(Input!$K$15=1,L1916*Input!$J$15,0)+IF(Input!$K$16=1,M1916*Input!$J$16,0)</f>
        <v>6.5928432169696984</v>
      </c>
      <c r="O1916" s="58">
        <f>IF(Input!$K$13=2,J1916*Input!$J$13,0)+IF(Input!$K$14=2,K1916*Input!$J$14,0)+IF(Input!$K$15=2,L1916*Input!$J$15,0)+IF(Input!$K$16=2,M1916*Input!$J$16,0)</f>
        <v>0.49828801604311879</v>
      </c>
      <c r="P1916" s="58">
        <f>IF(Input!$K$13=3,J1916*Input!$J$13,0)+IF(Input!$K$14=3,K1916*Input!$J$14,0)+IF(Input!$K$15=3,L1916*Input!$J$15,0)+IF(Input!$K$16=3,M1916*Input!$J$16,0)</f>
        <v>0</v>
      </c>
      <c r="Q1916" s="71">
        <f>IF(Input!$K$13=4,J1916*Input!$J$13,0)+IF(Input!$K$14=4,K1916*Input!$J$14,0)+IF(Input!$K$15=4,L1916*Input!$J$15,0)+IF(Input!$K$16=4,M1916*Input!$J$16,0)</f>
        <v>0</v>
      </c>
    </row>
    <row r="1917" spans="8:17" x14ac:dyDescent="0.25">
      <c r="H1917" s="43">
        <v>1910</v>
      </c>
      <c r="I1917" s="55">
        <f>Bühler!I1943</f>
        <v>1.4726785817011512</v>
      </c>
      <c r="J1917" s="58">
        <f>Bühler!J1943</f>
        <v>36.496096379653686</v>
      </c>
      <c r="K1917" s="58">
        <f>Bühler!K1943</f>
        <v>2.4518934122756639</v>
      </c>
      <c r="L1917" s="58">
        <f>Bühler!L1943</f>
        <v>1.225946706137832</v>
      </c>
      <c r="M1917" s="57">
        <f>Bühler!M1943</f>
        <v>0</v>
      </c>
      <c r="N1917" s="55">
        <f>IF(Input!$K$13=1,J1917*Input!$J$13,0)+IF(Input!$K$14=1,K1917*Input!$J$14,0)+IF(Input!$K$15=1,L1917*Input!$J$15,0)+IF(Input!$K$16=1,M1917*Input!$J$16,0)</f>
        <v>4.3795315655584419</v>
      </c>
      <c r="O1917" s="58">
        <f>IF(Input!$K$13=2,J1917*Input!$J$13,0)+IF(Input!$K$14=2,K1917*Input!$J$14,0)+IF(Input!$K$15=2,L1917*Input!$J$15,0)+IF(Input!$K$16=2,M1917*Input!$J$16,0)</f>
        <v>0.33100561065721462</v>
      </c>
      <c r="P1917" s="58">
        <f>IF(Input!$K$13=3,J1917*Input!$J$13,0)+IF(Input!$K$14=3,K1917*Input!$J$14,0)+IF(Input!$K$15=3,L1917*Input!$J$15,0)+IF(Input!$K$16=3,M1917*Input!$J$16,0)</f>
        <v>0</v>
      </c>
      <c r="Q1917" s="71">
        <f>IF(Input!$K$13=4,J1917*Input!$J$13,0)+IF(Input!$K$14=4,K1917*Input!$J$14,0)+IF(Input!$K$15=4,L1917*Input!$J$15,0)+IF(Input!$K$16=4,M1917*Input!$J$16,0)</f>
        <v>0</v>
      </c>
    </row>
    <row r="1918" spans="8:17" x14ac:dyDescent="0.25">
      <c r="H1918" s="43">
        <v>1911</v>
      </c>
      <c r="I1918" s="55">
        <f>Bühler!I1944</f>
        <v>2.2169354993350665</v>
      </c>
      <c r="J1918" s="58">
        <f>Bühler!J1944</f>
        <v>54.940360141414153</v>
      </c>
      <c r="K1918" s="58">
        <f>Bühler!K1944</f>
        <v>3.6910223410601395</v>
      </c>
      <c r="L1918" s="58">
        <f>Bühler!L1944</f>
        <v>1.8455111705300697</v>
      </c>
      <c r="M1918" s="57">
        <f>Bühler!M1944</f>
        <v>0</v>
      </c>
      <c r="N1918" s="55">
        <f>IF(Input!$K$13=1,J1918*Input!$J$13,0)+IF(Input!$K$14=1,K1918*Input!$J$14,0)+IF(Input!$K$15=1,L1918*Input!$J$15,0)+IF(Input!$K$16=1,M1918*Input!$J$16,0)</f>
        <v>6.5928432169696984</v>
      </c>
      <c r="O1918" s="58">
        <f>IF(Input!$K$13=2,J1918*Input!$J$13,0)+IF(Input!$K$14=2,K1918*Input!$J$14,0)+IF(Input!$K$15=2,L1918*Input!$J$15,0)+IF(Input!$K$16=2,M1918*Input!$J$16,0)</f>
        <v>0.49828801604311879</v>
      </c>
      <c r="P1918" s="58">
        <f>IF(Input!$K$13=3,J1918*Input!$J$13,0)+IF(Input!$K$14=3,K1918*Input!$J$14,0)+IF(Input!$K$15=3,L1918*Input!$J$15,0)+IF(Input!$K$16=3,M1918*Input!$J$16,0)</f>
        <v>0</v>
      </c>
      <c r="Q1918" s="71">
        <f>IF(Input!$K$13=4,J1918*Input!$J$13,0)+IF(Input!$K$14=4,K1918*Input!$J$14,0)+IF(Input!$K$15=4,L1918*Input!$J$15,0)+IF(Input!$K$16=4,M1918*Input!$J$16,0)</f>
        <v>0</v>
      </c>
    </row>
    <row r="1919" spans="8:17" x14ac:dyDescent="0.25">
      <c r="H1919" s="43">
        <v>1912</v>
      </c>
      <c r="I1919" s="55">
        <f>Bühler!I1945</f>
        <v>2.2169354993350665</v>
      </c>
      <c r="J1919" s="58">
        <f>Bühler!J1945</f>
        <v>54.940360141414153</v>
      </c>
      <c r="K1919" s="58">
        <f>Bühler!K1945</f>
        <v>3.6910223410601395</v>
      </c>
      <c r="L1919" s="58">
        <f>Bühler!L1945</f>
        <v>1.8455111705300697</v>
      </c>
      <c r="M1919" s="57">
        <f>Bühler!M1945</f>
        <v>0</v>
      </c>
      <c r="N1919" s="55">
        <f>IF(Input!$K$13=1,J1919*Input!$J$13,0)+IF(Input!$K$14=1,K1919*Input!$J$14,0)+IF(Input!$K$15=1,L1919*Input!$J$15,0)+IF(Input!$K$16=1,M1919*Input!$J$16,0)</f>
        <v>6.5928432169696984</v>
      </c>
      <c r="O1919" s="58">
        <f>IF(Input!$K$13=2,J1919*Input!$J$13,0)+IF(Input!$K$14=2,K1919*Input!$J$14,0)+IF(Input!$K$15=2,L1919*Input!$J$15,0)+IF(Input!$K$16=2,M1919*Input!$J$16,0)</f>
        <v>0.49828801604311879</v>
      </c>
      <c r="P1919" s="58">
        <f>IF(Input!$K$13=3,J1919*Input!$J$13,0)+IF(Input!$K$14=3,K1919*Input!$J$14,0)+IF(Input!$K$15=3,L1919*Input!$J$15,0)+IF(Input!$K$16=3,M1919*Input!$J$16,0)</f>
        <v>0</v>
      </c>
      <c r="Q1919" s="71">
        <f>IF(Input!$K$13=4,J1919*Input!$J$13,0)+IF(Input!$K$14=4,K1919*Input!$J$14,0)+IF(Input!$K$15=4,L1919*Input!$J$15,0)+IF(Input!$K$16=4,M1919*Input!$J$16,0)</f>
        <v>0</v>
      </c>
    </row>
    <row r="1920" spans="8:17" x14ac:dyDescent="0.25">
      <c r="H1920" s="43">
        <v>1913</v>
      </c>
      <c r="I1920" s="55">
        <f>Bühler!I1946</f>
        <v>1.8530615875901011</v>
      </c>
      <c r="J1920" s="58">
        <f>Bühler!J1946</f>
        <v>32.96777696808163</v>
      </c>
      <c r="K1920" s="58">
        <f>Bühler!K1946</f>
        <v>2.1750667366961536</v>
      </c>
      <c r="L1920" s="58">
        <f>Bühler!L1946</f>
        <v>1.0875333683480768</v>
      </c>
      <c r="M1920" s="57">
        <f>Bühler!M1946</f>
        <v>0</v>
      </c>
      <c r="N1920" s="55">
        <f>IF(Input!$K$13=1,J1920*Input!$J$13,0)+IF(Input!$K$14=1,K1920*Input!$J$14,0)+IF(Input!$K$15=1,L1920*Input!$J$15,0)+IF(Input!$K$16=1,M1920*Input!$J$16,0)</f>
        <v>3.9561332361697956</v>
      </c>
      <c r="O1920" s="58">
        <f>IF(Input!$K$13=2,J1920*Input!$J$13,0)+IF(Input!$K$14=2,K1920*Input!$J$14,0)+IF(Input!$K$15=2,L1920*Input!$J$15,0)+IF(Input!$K$16=2,M1920*Input!$J$16,0)</f>
        <v>0.29363400945398077</v>
      </c>
      <c r="P1920" s="58">
        <f>IF(Input!$K$13=3,J1920*Input!$J$13,0)+IF(Input!$K$14=3,K1920*Input!$J$14,0)+IF(Input!$K$15=3,L1920*Input!$J$15,0)+IF(Input!$K$16=3,M1920*Input!$J$16,0)</f>
        <v>0</v>
      </c>
      <c r="Q1920" s="71">
        <f>IF(Input!$K$13=4,J1920*Input!$J$13,0)+IF(Input!$K$14=4,K1920*Input!$J$14,0)+IF(Input!$K$15=4,L1920*Input!$J$15,0)+IF(Input!$K$16=4,M1920*Input!$J$16,0)</f>
        <v>0</v>
      </c>
    </row>
    <row r="1921" spans="8:17" x14ac:dyDescent="0.25">
      <c r="H1921" s="43">
        <v>1914</v>
      </c>
      <c r="I1921" s="55">
        <f>Bühler!I1947</f>
        <v>1.4723416614124987</v>
      </c>
      <c r="J1921" s="58">
        <f>Bühler!J1947</f>
        <v>14.808990526507028</v>
      </c>
      <c r="K1921" s="58">
        <f>Bühler!K1947</f>
        <v>0.92832553849601107</v>
      </c>
      <c r="L1921" s="58">
        <f>Bühler!L1947</f>
        <v>0.46416276924800554</v>
      </c>
      <c r="M1921" s="57">
        <f>Bühler!M1947</f>
        <v>0</v>
      </c>
      <c r="N1921" s="55">
        <f>IF(Input!$K$13=1,J1921*Input!$J$13,0)+IF(Input!$K$14=1,K1921*Input!$J$14,0)+IF(Input!$K$15=1,L1921*Input!$J$15,0)+IF(Input!$K$16=1,M1921*Input!$J$16,0)</f>
        <v>1.7770788631808432</v>
      </c>
      <c r="O1921" s="58">
        <f>IF(Input!$K$13=2,J1921*Input!$J$13,0)+IF(Input!$K$14=2,K1921*Input!$J$14,0)+IF(Input!$K$15=2,L1921*Input!$J$15,0)+IF(Input!$K$16=2,M1921*Input!$J$16,0)</f>
        <v>0.12532394769696148</v>
      </c>
      <c r="P1921" s="58">
        <f>IF(Input!$K$13=3,J1921*Input!$J$13,0)+IF(Input!$K$14=3,K1921*Input!$J$14,0)+IF(Input!$K$15=3,L1921*Input!$J$15,0)+IF(Input!$K$16=3,M1921*Input!$J$16,0)</f>
        <v>0</v>
      </c>
      <c r="Q1921" s="71">
        <f>IF(Input!$K$13=4,J1921*Input!$J$13,0)+IF(Input!$K$14=4,K1921*Input!$J$14,0)+IF(Input!$K$15=4,L1921*Input!$J$15,0)+IF(Input!$K$16=4,M1921*Input!$J$16,0)</f>
        <v>0</v>
      </c>
    </row>
    <row r="1922" spans="8:17" x14ac:dyDescent="0.25">
      <c r="H1922" s="43">
        <v>1915</v>
      </c>
      <c r="I1922" s="55">
        <f>Bühler!I1948</f>
        <v>0.52222644741175583</v>
      </c>
      <c r="J1922" s="58">
        <f>Bühler!J1948</f>
        <v>9.2869547776141026</v>
      </c>
      <c r="K1922" s="58">
        <f>Bühler!K1948</f>
        <v>0.61269485540736723</v>
      </c>
      <c r="L1922" s="58">
        <f>Bühler!L1948</f>
        <v>0.30634742770368362</v>
      </c>
      <c r="M1922" s="57">
        <f>Bühler!M1948</f>
        <v>0</v>
      </c>
      <c r="N1922" s="55">
        <f>IF(Input!$K$13=1,J1922*Input!$J$13,0)+IF(Input!$K$14=1,K1922*Input!$J$14,0)+IF(Input!$K$15=1,L1922*Input!$J$15,0)+IF(Input!$K$16=1,M1922*Input!$J$16,0)</f>
        <v>1.1144345733136922</v>
      </c>
      <c r="O1922" s="58">
        <f>IF(Input!$K$13=2,J1922*Input!$J$13,0)+IF(Input!$K$14=2,K1922*Input!$J$14,0)+IF(Input!$K$15=2,L1922*Input!$J$15,0)+IF(Input!$K$16=2,M1922*Input!$J$16,0)</f>
        <v>8.2713805479994573E-2</v>
      </c>
      <c r="P1922" s="58">
        <f>IF(Input!$K$13=3,J1922*Input!$J$13,0)+IF(Input!$K$14=3,K1922*Input!$J$14,0)+IF(Input!$K$15=3,L1922*Input!$J$15,0)+IF(Input!$K$16=3,M1922*Input!$J$16,0)</f>
        <v>0</v>
      </c>
      <c r="Q1922" s="71">
        <f>IF(Input!$K$13=4,J1922*Input!$J$13,0)+IF(Input!$K$14=4,K1922*Input!$J$14,0)+IF(Input!$K$15=4,L1922*Input!$J$15,0)+IF(Input!$K$16=4,M1922*Input!$J$16,0)</f>
        <v>0</v>
      </c>
    </row>
    <row r="1923" spans="8:17" x14ac:dyDescent="0.25">
      <c r="H1923" s="43">
        <v>1916</v>
      </c>
      <c r="I1923" s="55">
        <f>Bühler!I1949</f>
        <v>0.52222644741175583</v>
      </c>
      <c r="J1923" s="58">
        <f>Bühler!J1949</f>
        <v>9.2869547776141026</v>
      </c>
      <c r="K1923" s="58">
        <f>Bühler!K1949</f>
        <v>0.61269485540736723</v>
      </c>
      <c r="L1923" s="58">
        <f>Bühler!L1949</f>
        <v>0.30634742770368362</v>
      </c>
      <c r="M1923" s="57">
        <f>Bühler!M1949</f>
        <v>0</v>
      </c>
      <c r="N1923" s="55">
        <f>IF(Input!$K$13=1,J1923*Input!$J$13,0)+IF(Input!$K$14=1,K1923*Input!$J$14,0)+IF(Input!$K$15=1,L1923*Input!$J$15,0)+IF(Input!$K$16=1,M1923*Input!$J$16,0)</f>
        <v>1.1144345733136922</v>
      </c>
      <c r="O1923" s="58">
        <f>IF(Input!$K$13=2,J1923*Input!$J$13,0)+IF(Input!$K$14=2,K1923*Input!$J$14,0)+IF(Input!$K$15=2,L1923*Input!$J$15,0)+IF(Input!$K$16=2,M1923*Input!$J$16,0)</f>
        <v>8.2713805479994573E-2</v>
      </c>
      <c r="P1923" s="58">
        <f>IF(Input!$K$13=3,J1923*Input!$J$13,0)+IF(Input!$K$14=3,K1923*Input!$J$14,0)+IF(Input!$K$15=3,L1923*Input!$J$15,0)+IF(Input!$K$16=3,M1923*Input!$J$16,0)</f>
        <v>0</v>
      </c>
      <c r="Q1923" s="71">
        <f>IF(Input!$K$13=4,J1923*Input!$J$13,0)+IF(Input!$K$14=4,K1923*Input!$J$14,0)+IF(Input!$K$15=4,L1923*Input!$J$15,0)+IF(Input!$K$16=4,M1923*Input!$J$16,0)</f>
        <v>0</v>
      </c>
    </row>
    <row r="1924" spans="8:17" x14ac:dyDescent="0.25">
      <c r="H1924" s="43">
        <v>1917</v>
      </c>
      <c r="I1924" s="55">
        <f>Bühler!I1950</f>
        <v>0.52222644741175583</v>
      </c>
      <c r="J1924" s="58">
        <f>Bühler!J1950</f>
        <v>9.2869547776141026</v>
      </c>
      <c r="K1924" s="58">
        <f>Bühler!K1950</f>
        <v>0.61269485540736723</v>
      </c>
      <c r="L1924" s="58">
        <f>Bühler!L1950</f>
        <v>0.30634742770368362</v>
      </c>
      <c r="M1924" s="57">
        <f>Bühler!M1950</f>
        <v>0</v>
      </c>
      <c r="N1924" s="55">
        <f>IF(Input!$K$13=1,J1924*Input!$J$13,0)+IF(Input!$K$14=1,K1924*Input!$J$14,0)+IF(Input!$K$15=1,L1924*Input!$J$15,0)+IF(Input!$K$16=1,M1924*Input!$J$16,0)</f>
        <v>1.1144345733136922</v>
      </c>
      <c r="O1924" s="58">
        <f>IF(Input!$K$13=2,J1924*Input!$J$13,0)+IF(Input!$K$14=2,K1924*Input!$J$14,0)+IF(Input!$K$15=2,L1924*Input!$J$15,0)+IF(Input!$K$16=2,M1924*Input!$J$16,0)</f>
        <v>8.2713805479994573E-2</v>
      </c>
      <c r="P1924" s="58">
        <f>IF(Input!$K$13=3,J1924*Input!$J$13,0)+IF(Input!$K$14=3,K1924*Input!$J$14,0)+IF(Input!$K$15=3,L1924*Input!$J$15,0)+IF(Input!$K$16=3,M1924*Input!$J$16,0)</f>
        <v>0</v>
      </c>
      <c r="Q1924" s="71">
        <f>IF(Input!$K$13=4,J1924*Input!$J$13,0)+IF(Input!$K$14=4,K1924*Input!$J$14,0)+IF(Input!$K$15=4,L1924*Input!$J$15,0)+IF(Input!$K$16=4,M1924*Input!$J$16,0)</f>
        <v>0</v>
      </c>
    </row>
    <row r="1925" spans="8:17" x14ac:dyDescent="0.25">
      <c r="H1925" s="43">
        <v>1918</v>
      </c>
      <c r="I1925" s="55">
        <f>Bühler!I1951</f>
        <v>0.52222644741175583</v>
      </c>
      <c r="J1925" s="58">
        <f>Bühler!J1951</f>
        <v>9.2869547776141026</v>
      </c>
      <c r="K1925" s="58">
        <f>Bühler!K1951</f>
        <v>0.61269485540736723</v>
      </c>
      <c r="L1925" s="58">
        <f>Bühler!L1951</f>
        <v>0.30634742770368362</v>
      </c>
      <c r="M1925" s="57">
        <f>Bühler!M1951</f>
        <v>0</v>
      </c>
      <c r="N1925" s="55">
        <f>IF(Input!$K$13=1,J1925*Input!$J$13,0)+IF(Input!$K$14=1,K1925*Input!$J$14,0)+IF(Input!$K$15=1,L1925*Input!$J$15,0)+IF(Input!$K$16=1,M1925*Input!$J$16,0)</f>
        <v>1.1144345733136922</v>
      </c>
      <c r="O1925" s="58">
        <f>IF(Input!$K$13=2,J1925*Input!$J$13,0)+IF(Input!$K$14=2,K1925*Input!$J$14,0)+IF(Input!$K$15=2,L1925*Input!$J$15,0)+IF(Input!$K$16=2,M1925*Input!$J$16,0)</f>
        <v>8.2713805479994573E-2</v>
      </c>
      <c r="P1925" s="58">
        <f>IF(Input!$K$13=3,J1925*Input!$J$13,0)+IF(Input!$K$14=3,K1925*Input!$J$14,0)+IF(Input!$K$15=3,L1925*Input!$J$15,0)+IF(Input!$K$16=3,M1925*Input!$J$16,0)</f>
        <v>0</v>
      </c>
      <c r="Q1925" s="71">
        <f>IF(Input!$K$13=4,J1925*Input!$J$13,0)+IF(Input!$K$14=4,K1925*Input!$J$14,0)+IF(Input!$K$15=4,L1925*Input!$J$15,0)+IF(Input!$K$16=4,M1925*Input!$J$16,0)</f>
        <v>0</v>
      </c>
    </row>
    <row r="1926" spans="8:17" x14ac:dyDescent="0.25">
      <c r="H1926" s="43">
        <v>1919</v>
      </c>
      <c r="I1926" s="55">
        <f>Bühler!I1952</f>
        <v>0.52222644741175583</v>
      </c>
      <c r="J1926" s="58">
        <f>Bühler!J1952</f>
        <v>9.2869547776141026</v>
      </c>
      <c r="K1926" s="58">
        <f>Bühler!K1952</f>
        <v>0.61269485540736723</v>
      </c>
      <c r="L1926" s="58">
        <f>Bühler!L1952</f>
        <v>0.30634742770368362</v>
      </c>
      <c r="M1926" s="57">
        <f>Bühler!M1952</f>
        <v>0</v>
      </c>
      <c r="N1926" s="55">
        <f>IF(Input!$K$13=1,J1926*Input!$J$13,0)+IF(Input!$K$14=1,K1926*Input!$J$14,0)+IF(Input!$K$15=1,L1926*Input!$J$15,0)+IF(Input!$K$16=1,M1926*Input!$J$16,0)</f>
        <v>1.1144345733136922</v>
      </c>
      <c r="O1926" s="58">
        <f>IF(Input!$K$13=2,J1926*Input!$J$13,0)+IF(Input!$K$14=2,K1926*Input!$J$14,0)+IF(Input!$K$15=2,L1926*Input!$J$15,0)+IF(Input!$K$16=2,M1926*Input!$J$16,0)</f>
        <v>8.2713805479994573E-2</v>
      </c>
      <c r="P1926" s="58">
        <f>IF(Input!$K$13=3,J1926*Input!$J$13,0)+IF(Input!$K$14=3,K1926*Input!$J$14,0)+IF(Input!$K$15=3,L1926*Input!$J$15,0)+IF(Input!$K$16=3,M1926*Input!$J$16,0)</f>
        <v>0</v>
      </c>
      <c r="Q1926" s="71">
        <f>IF(Input!$K$13=4,J1926*Input!$J$13,0)+IF(Input!$K$14=4,K1926*Input!$J$14,0)+IF(Input!$K$15=4,L1926*Input!$J$15,0)+IF(Input!$K$16=4,M1926*Input!$J$16,0)</f>
        <v>0</v>
      </c>
    </row>
    <row r="1927" spans="8:17" x14ac:dyDescent="0.25">
      <c r="H1927" s="43">
        <v>1920</v>
      </c>
      <c r="I1927" s="55">
        <f>Bühler!I1953</f>
        <v>0.52222644741175583</v>
      </c>
      <c r="J1927" s="58">
        <f>Bühler!J1953</f>
        <v>9.2869547776141026</v>
      </c>
      <c r="K1927" s="58">
        <f>Bühler!K1953</f>
        <v>0.61269485540736723</v>
      </c>
      <c r="L1927" s="58">
        <f>Bühler!L1953</f>
        <v>0.30634742770368362</v>
      </c>
      <c r="M1927" s="57">
        <f>Bühler!M1953</f>
        <v>0</v>
      </c>
      <c r="N1927" s="55">
        <f>IF(Input!$K$13=1,J1927*Input!$J$13,0)+IF(Input!$K$14=1,K1927*Input!$J$14,0)+IF(Input!$K$15=1,L1927*Input!$J$15,0)+IF(Input!$K$16=1,M1927*Input!$J$16,0)</f>
        <v>1.1144345733136922</v>
      </c>
      <c r="O1927" s="58">
        <f>IF(Input!$K$13=2,J1927*Input!$J$13,0)+IF(Input!$K$14=2,K1927*Input!$J$14,0)+IF(Input!$K$15=2,L1927*Input!$J$15,0)+IF(Input!$K$16=2,M1927*Input!$J$16,0)</f>
        <v>8.2713805479994573E-2</v>
      </c>
      <c r="P1927" s="58">
        <f>IF(Input!$K$13=3,J1927*Input!$J$13,0)+IF(Input!$K$14=3,K1927*Input!$J$14,0)+IF(Input!$K$15=3,L1927*Input!$J$15,0)+IF(Input!$K$16=3,M1927*Input!$J$16,0)</f>
        <v>0</v>
      </c>
      <c r="Q1927" s="71">
        <f>IF(Input!$K$13=4,J1927*Input!$J$13,0)+IF(Input!$K$14=4,K1927*Input!$J$14,0)+IF(Input!$K$15=4,L1927*Input!$J$15,0)+IF(Input!$K$16=4,M1927*Input!$J$16,0)</f>
        <v>0</v>
      </c>
    </row>
    <row r="1928" spans="8:17" x14ac:dyDescent="0.25">
      <c r="H1928" s="43">
        <v>1921</v>
      </c>
      <c r="I1928" s="55">
        <f>Bühler!I1954</f>
        <v>0.42007095712959308</v>
      </c>
      <c r="J1928" s="58">
        <f>Bühler!J1954</f>
        <v>8.2219748138117694</v>
      </c>
      <c r="K1928" s="58">
        <f>Bühler!K1954</f>
        <v>0.59724157664734834</v>
      </c>
      <c r="L1928" s="58">
        <f>Bühler!L1954</f>
        <v>0.29862078832367417</v>
      </c>
      <c r="M1928" s="57">
        <f>Bühler!M1954</f>
        <v>0</v>
      </c>
      <c r="N1928" s="55">
        <f>IF(Input!$K$13=1,J1928*Input!$J$13,0)+IF(Input!$K$14=1,K1928*Input!$J$14,0)+IF(Input!$K$15=1,L1928*Input!$J$15,0)+IF(Input!$K$16=1,M1928*Input!$J$16,0)</f>
        <v>0.98663697765741232</v>
      </c>
      <c r="O1928" s="58">
        <f>IF(Input!$K$13=2,J1928*Input!$J$13,0)+IF(Input!$K$14=2,K1928*Input!$J$14,0)+IF(Input!$K$15=2,L1928*Input!$J$15,0)+IF(Input!$K$16=2,M1928*Input!$J$16,0)</f>
        <v>8.0627612847392033E-2</v>
      </c>
      <c r="P1928" s="58">
        <f>IF(Input!$K$13=3,J1928*Input!$J$13,0)+IF(Input!$K$14=3,K1928*Input!$J$14,0)+IF(Input!$K$15=3,L1928*Input!$J$15,0)+IF(Input!$K$16=3,M1928*Input!$J$16,0)</f>
        <v>0</v>
      </c>
      <c r="Q1928" s="71">
        <f>IF(Input!$K$13=4,J1928*Input!$J$13,0)+IF(Input!$K$14=4,K1928*Input!$J$14,0)+IF(Input!$K$15=4,L1928*Input!$J$15,0)+IF(Input!$K$16=4,M1928*Input!$J$16,0)</f>
        <v>0</v>
      </c>
    </row>
    <row r="1929" spans="8:17" x14ac:dyDescent="0.25">
      <c r="H1929" s="43">
        <v>1922</v>
      </c>
      <c r="I1929" s="55">
        <f>Bühler!I1955</f>
        <v>0.42007095712959308</v>
      </c>
      <c r="J1929" s="58">
        <f>Bühler!J1955</f>
        <v>8.2219748138117694</v>
      </c>
      <c r="K1929" s="58">
        <f>Bühler!K1955</f>
        <v>0.59724157664734834</v>
      </c>
      <c r="L1929" s="58">
        <f>Bühler!L1955</f>
        <v>0.29862078832367417</v>
      </c>
      <c r="M1929" s="57">
        <f>Bühler!M1955</f>
        <v>0</v>
      </c>
      <c r="N1929" s="55">
        <f>IF(Input!$K$13=1,J1929*Input!$J$13,0)+IF(Input!$K$14=1,K1929*Input!$J$14,0)+IF(Input!$K$15=1,L1929*Input!$J$15,0)+IF(Input!$K$16=1,M1929*Input!$J$16,0)</f>
        <v>0.98663697765741232</v>
      </c>
      <c r="O1929" s="58">
        <f>IF(Input!$K$13=2,J1929*Input!$J$13,0)+IF(Input!$K$14=2,K1929*Input!$J$14,0)+IF(Input!$K$15=2,L1929*Input!$J$15,0)+IF(Input!$K$16=2,M1929*Input!$J$16,0)</f>
        <v>8.0627612847392033E-2</v>
      </c>
      <c r="P1929" s="58">
        <f>IF(Input!$K$13=3,J1929*Input!$J$13,0)+IF(Input!$K$14=3,K1929*Input!$J$14,0)+IF(Input!$K$15=3,L1929*Input!$J$15,0)+IF(Input!$K$16=3,M1929*Input!$J$16,0)</f>
        <v>0</v>
      </c>
      <c r="Q1929" s="71">
        <f>IF(Input!$K$13=4,J1929*Input!$J$13,0)+IF(Input!$K$14=4,K1929*Input!$J$14,0)+IF(Input!$K$15=4,L1929*Input!$J$15,0)+IF(Input!$K$16=4,M1929*Input!$J$16,0)</f>
        <v>0</v>
      </c>
    </row>
    <row r="1930" spans="8:17" x14ac:dyDescent="0.25">
      <c r="H1930" s="43">
        <v>1923</v>
      </c>
      <c r="I1930" s="55">
        <f>Bühler!I1956</f>
        <v>0.42007095712959308</v>
      </c>
      <c r="J1930" s="58">
        <f>Bühler!J1956</f>
        <v>8.2219748138117694</v>
      </c>
      <c r="K1930" s="58">
        <f>Bühler!K1956</f>
        <v>0.59724157664734834</v>
      </c>
      <c r="L1930" s="58">
        <f>Bühler!L1956</f>
        <v>0.29862078832367417</v>
      </c>
      <c r="M1930" s="57">
        <f>Bühler!M1956</f>
        <v>0</v>
      </c>
      <c r="N1930" s="55">
        <f>IF(Input!$K$13=1,J1930*Input!$J$13,0)+IF(Input!$K$14=1,K1930*Input!$J$14,0)+IF(Input!$K$15=1,L1930*Input!$J$15,0)+IF(Input!$K$16=1,M1930*Input!$J$16,0)</f>
        <v>0.98663697765741232</v>
      </c>
      <c r="O1930" s="58">
        <f>IF(Input!$K$13=2,J1930*Input!$J$13,0)+IF(Input!$K$14=2,K1930*Input!$J$14,0)+IF(Input!$K$15=2,L1930*Input!$J$15,0)+IF(Input!$K$16=2,M1930*Input!$J$16,0)</f>
        <v>8.0627612847392033E-2</v>
      </c>
      <c r="P1930" s="58">
        <f>IF(Input!$K$13=3,J1930*Input!$J$13,0)+IF(Input!$K$14=3,K1930*Input!$J$14,0)+IF(Input!$K$15=3,L1930*Input!$J$15,0)+IF(Input!$K$16=3,M1930*Input!$J$16,0)</f>
        <v>0</v>
      </c>
      <c r="Q1930" s="71">
        <f>IF(Input!$K$13=4,J1930*Input!$J$13,0)+IF(Input!$K$14=4,K1930*Input!$J$14,0)+IF(Input!$K$15=4,L1930*Input!$J$15,0)+IF(Input!$K$16=4,M1930*Input!$J$16,0)</f>
        <v>0</v>
      </c>
    </row>
    <row r="1931" spans="8:17" x14ac:dyDescent="0.25">
      <c r="H1931" s="43">
        <v>1924</v>
      </c>
      <c r="I1931" s="55">
        <f>Bühler!I1957</f>
        <v>0.42007095712959308</v>
      </c>
      <c r="J1931" s="58">
        <f>Bühler!J1957</f>
        <v>8.2219748138117694</v>
      </c>
      <c r="K1931" s="58">
        <f>Bühler!K1957</f>
        <v>0.59724157664734834</v>
      </c>
      <c r="L1931" s="58">
        <f>Bühler!L1957</f>
        <v>0.29862078832367417</v>
      </c>
      <c r="M1931" s="57">
        <f>Bühler!M1957</f>
        <v>0</v>
      </c>
      <c r="N1931" s="55">
        <f>IF(Input!$K$13=1,J1931*Input!$J$13,0)+IF(Input!$K$14=1,K1931*Input!$J$14,0)+IF(Input!$K$15=1,L1931*Input!$J$15,0)+IF(Input!$K$16=1,M1931*Input!$J$16,0)</f>
        <v>0.98663697765741232</v>
      </c>
      <c r="O1931" s="58">
        <f>IF(Input!$K$13=2,J1931*Input!$J$13,0)+IF(Input!$K$14=2,K1931*Input!$J$14,0)+IF(Input!$K$15=2,L1931*Input!$J$15,0)+IF(Input!$K$16=2,M1931*Input!$J$16,0)</f>
        <v>8.0627612847392033E-2</v>
      </c>
      <c r="P1931" s="58">
        <f>IF(Input!$K$13=3,J1931*Input!$J$13,0)+IF(Input!$K$14=3,K1931*Input!$J$14,0)+IF(Input!$K$15=3,L1931*Input!$J$15,0)+IF(Input!$K$16=3,M1931*Input!$J$16,0)</f>
        <v>0</v>
      </c>
      <c r="Q1931" s="71">
        <f>IF(Input!$K$13=4,J1931*Input!$J$13,0)+IF(Input!$K$14=4,K1931*Input!$J$14,0)+IF(Input!$K$15=4,L1931*Input!$J$15,0)+IF(Input!$K$16=4,M1931*Input!$J$16,0)</f>
        <v>0</v>
      </c>
    </row>
    <row r="1932" spans="8:17" x14ac:dyDescent="0.25">
      <c r="H1932" s="43">
        <v>1925</v>
      </c>
      <c r="I1932" s="55">
        <f>Bühler!I1958</f>
        <v>0.42007095712959308</v>
      </c>
      <c r="J1932" s="58">
        <f>Bühler!J1958</f>
        <v>8.2219748138117694</v>
      </c>
      <c r="K1932" s="58">
        <f>Bühler!K1958</f>
        <v>0.59724157664734834</v>
      </c>
      <c r="L1932" s="58">
        <f>Bühler!L1958</f>
        <v>0.29862078832367417</v>
      </c>
      <c r="M1932" s="57">
        <f>Bühler!M1958</f>
        <v>0</v>
      </c>
      <c r="N1932" s="55">
        <f>IF(Input!$K$13=1,J1932*Input!$J$13,0)+IF(Input!$K$14=1,K1932*Input!$J$14,0)+IF(Input!$K$15=1,L1932*Input!$J$15,0)+IF(Input!$K$16=1,M1932*Input!$J$16,0)</f>
        <v>0.98663697765741232</v>
      </c>
      <c r="O1932" s="58">
        <f>IF(Input!$K$13=2,J1932*Input!$J$13,0)+IF(Input!$K$14=2,K1932*Input!$J$14,0)+IF(Input!$K$15=2,L1932*Input!$J$15,0)+IF(Input!$K$16=2,M1932*Input!$J$16,0)</f>
        <v>8.0627612847392033E-2</v>
      </c>
      <c r="P1932" s="58">
        <f>IF(Input!$K$13=3,J1932*Input!$J$13,0)+IF(Input!$K$14=3,K1932*Input!$J$14,0)+IF(Input!$K$15=3,L1932*Input!$J$15,0)+IF(Input!$K$16=3,M1932*Input!$J$16,0)</f>
        <v>0</v>
      </c>
      <c r="Q1932" s="71">
        <f>IF(Input!$K$13=4,J1932*Input!$J$13,0)+IF(Input!$K$14=4,K1932*Input!$J$14,0)+IF(Input!$K$15=4,L1932*Input!$J$15,0)+IF(Input!$K$16=4,M1932*Input!$J$16,0)</f>
        <v>0</v>
      </c>
    </row>
    <row r="1933" spans="8:17" x14ac:dyDescent="0.25">
      <c r="H1933" s="43">
        <v>1926</v>
      </c>
      <c r="I1933" s="55">
        <f>Bühler!I1959</f>
        <v>0.42007095712959308</v>
      </c>
      <c r="J1933" s="58">
        <f>Bühler!J1959</f>
        <v>8.2219748138117694</v>
      </c>
      <c r="K1933" s="58">
        <f>Bühler!K1959</f>
        <v>0.59724157664734834</v>
      </c>
      <c r="L1933" s="58">
        <f>Bühler!L1959</f>
        <v>0.29862078832367417</v>
      </c>
      <c r="M1933" s="57">
        <f>Bühler!M1959</f>
        <v>0</v>
      </c>
      <c r="N1933" s="55">
        <f>IF(Input!$K$13=1,J1933*Input!$J$13,0)+IF(Input!$K$14=1,K1933*Input!$J$14,0)+IF(Input!$K$15=1,L1933*Input!$J$15,0)+IF(Input!$K$16=1,M1933*Input!$J$16,0)</f>
        <v>0.98663697765741232</v>
      </c>
      <c r="O1933" s="58">
        <f>IF(Input!$K$13=2,J1933*Input!$J$13,0)+IF(Input!$K$14=2,K1933*Input!$J$14,0)+IF(Input!$K$15=2,L1933*Input!$J$15,0)+IF(Input!$K$16=2,M1933*Input!$J$16,0)</f>
        <v>8.0627612847392033E-2</v>
      </c>
      <c r="P1933" s="58">
        <f>IF(Input!$K$13=3,J1933*Input!$J$13,0)+IF(Input!$K$14=3,K1933*Input!$J$14,0)+IF(Input!$K$15=3,L1933*Input!$J$15,0)+IF(Input!$K$16=3,M1933*Input!$J$16,0)</f>
        <v>0</v>
      </c>
      <c r="Q1933" s="71">
        <f>IF(Input!$K$13=4,J1933*Input!$J$13,0)+IF(Input!$K$14=4,K1933*Input!$J$14,0)+IF(Input!$K$15=4,L1933*Input!$J$15,0)+IF(Input!$K$16=4,M1933*Input!$J$16,0)</f>
        <v>0</v>
      </c>
    </row>
    <row r="1934" spans="8:17" x14ac:dyDescent="0.25">
      <c r="H1934" s="43">
        <v>1927</v>
      </c>
      <c r="I1934" s="55">
        <f>Bühler!I1960</f>
        <v>0.42007095712959308</v>
      </c>
      <c r="J1934" s="58">
        <f>Bühler!J1960</f>
        <v>8.2219748138117694</v>
      </c>
      <c r="K1934" s="58">
        <f>Bühler!K1960</f>
        <v>0.59724157664734834</v>
      </c>
      <c r="L1934" s="58">
        <f>Bühler!L1960</f>
        <v>0.29862078832367417</v>
      </c>
      <c r="M1934" s="57">
        <f>Bühler!M1960</f>
        <v>0</v>
      </c>
      <c r="N1934" s="55">
        <f>IF(Input!$K$13=1,J1934*Input!$J$13,0)+IF(Input!$K$14=1,K1934*Input!$J$14,0)+IF(Input!$K$15=1,L1934*Input!$J$15,0)+IF(Input!$K$16=1,M1934*Input!$J$16,0)</f>
        <v>0.98663697765741232</v>
      </c>
      <c r="O1934" s="58">
        <f>IF(Input!$K$13=2,J1934*Input!$J$13,0)+IF(Input!$K$14=2,K1934*Input!$J$14,0)+IF(Input!$K$15=2,L1934*Input!$J$15,0)+IF(Input!$K$16=2,M1934*Input!$J$16,0)</f>
        <v>8.0627612847392033E-2</v>
      </c>
      <c r="P1934" s="58">
        <f>IF(Input!$K$13=3,J1934*Input!$J$13,0)+IF(Input!$K$14=3,K1934*Input!$J$14,0)+IF(Input!$K$15=3,L1934*Input!$J$15,0)+IF(Input!$K$16=3,M1934*Input!$J$16,0)</f>
        <v>0</v>
      </c>
      <c r="Q1934" s="71">
        <f>IF(Input!$K$13=4,J1934*Input!$J$13,0)+IF(Input!$K$14=4,K1934*Input!$J$14,0)+IF(Input!$K$15=4,L1934*Input!$J$15,0)+IF(Input!$K$16=4,M1934*Input!$J$16,0)</f>
        <v>0</v>
      </c>
    </row>
    <row r="1935" spans="8:17" x14ac:dyDescent="0.25">
      <c r="H1935" s="43">
        <v>1928</v>
      </c>
      <c r="I1935" s="55">
        <f>Bühler!I1961</f>
        <v>1.1572954868920284</v>
      </c>
      <c r="J1935" s="58">
        <f>Bühler!J1961</f>
        <v>33.003874128679307</v>
      </c>
      <c r="K1935" s="58">
        <f>Bühler!K1961</f>
        <v>2.4414511724159782</v>
      </c>
      <c r="L1935" s="58">
        <f>Bühler!L1961</f>
        <v>1.2207255862079891</v>
      </c>
      <c r="M1935" s="57">
        <f>Bühler!M1961</f>
        <v>0</v>
      </c>
      <c r="N1935" s="55">
        <f>IF(Input!$K$13=1,J1935*Input!$J$13,0)+IF(Input!$K$14=1,K1935*Input!$J$14,0)+IF(Input!$K$15=1,L1935*Input!$J$15,0)+IF(Input!$K$16=1,M1935*Input!$J$16,0)</f>
        <v>3.9604648954415165</v>
      </c>
      <c r="O1935" s="58">
        <f>IF(Input!$K$13=2,J1935*Input!$J$13,0)+IF(Input!$K$14=2,K1935*Input!$J$14,0)+IF(Input!$K$15=2,L1935*Input!$J$15,0)+IF(Input!$K$16=2,M1935*Input!$J$16,0)</f>
        <v>0.32959590827615703</v>
      </c>
      <c r="P1935" s="58">
        <f>IF(Input!$K$13=3,J1935*Input!$J$13,0)+IF(Input!$K$14=3,K1935*Input!$J$14,0)+IF(Input!$K$15=3,L1935*Input!$J$15,0)+IF(Input!$K$16=3,M1935*Input!$J$16,0)</f>
        <v>0</v>
      </c>
      <c r="Q1935" s="71">
        <f>IF(Input!$K$13=4,J1935*Input!$J$13,0)+IF(Input!$K$14=4,K1935*Input!$J$14,0)+IF(Input!$K$15=4,L1935*Input!$J$15,0)+IF(Input!$K$16=4,M1935*Input!$J$16,0)</f>
        <v>0</v>
      </c>
    </row>
    <row r="1936" spans="8:17" x14ac:dyDescent="0.25">
      <c r="H1936" s="43">
        <v>1929</v>
      </c>
      <c r="I1936" s="55">
        <f>Bühler!I1962</f>
        <v>1.2912981222163689</v>
      </c>
      <c r="J1936" s="58">
        <f>Bühler!J1962</f>
        <v>36.825375343579012</v>
      </c>
      <c r="K1936" s="58">
        <f>Bühler!K1962</f>
        <v>2.7241455186957233</v>
      </c>
      <c r="L1936" s="58">
        <f>Bühler!L1962</f>
        <v>1.3620727593478617</v>
      </c>
      <c r="M1936" s="57">
        <f>Bühler!M1962</f>
        <v>0</v>
      </c>
      <c r="N1936" s="55">
        <f>IF(Input!$K$13=1,J1936*Input!$J$13,0)+IF(Input!$K$14=1,K1936*Input!$J$14,0)+IF(Input!$K$15=1,L1936*Input!$J$15,0)+IF(Input!$K$16=1,M1936*Input!$J$16,0)</f>
        <v>4.4190450412294808</v>
      </c>
      <c r="O1936" s="58">
        <f>IF(Input!$K$13=2,J1936*Input!$J$13,0)+IF(Input!$K$14=2,K1936*Input!$J$14,0)+IF(Input!$K$15=2,L1936*Input!$J$15,0)+IF(Input!$K$16=2,M1936*Input!$J$16,0)</f>
        <v>0.36775964502392261</v>
      </c>
      <c r="P1936" s="58">
        <f>IF(Input!$K$13=3,J1936*Input!$J$13,0)+IF(Input!$K$14=3,K1936*Input!$J$14,0)+IF(Input!$K$15=3,L1936*Input!$J$15,0)+IF(Input!$K$16=3,M1936*Input!$J$16,0)</f>
        <v>0</v>
      </c>
      <c r="Q1936" s="71">
        <f>IF(Input!$K$13=4,J1936*Input!$J$13,0)+IF(Input!$K$14=4,K1936*Input!$J$14,0)+IF(Input!$K$15=4,L1936*Input!$J$15,0)+IF(Input!$K$16=4,M1936*Input!$J$16,0)</f>
        <v>0</v>
      </c>
    </row>
    <row r="1937" spans="8:17" x14ac:dyDescent="0.25">
      <c r="H1937" s="43">
        <v>1930</v>
      </c>
      <c r="I1937" s="55">
        <f>Bühler!I1963</f>
        <v>1.4253007575407091</v>
      </c>
      <c r="J1937" s="58">
        <f>Bühler!J1963</f>
        <v>40.646876558478723</v>
      </c>
      <c r="K1937" s="58">
        <f>Bühler!K1963</f>
        <v>3.0068398649754684</v>
      </c>
      <c r="L1937" s="58">
        <f>Bühler!L1963</f>
        <v>1.5034199324877342</v>
      </c>
      <c r="M1937" s="57">
        <f>Bühler!M1963</f>
        <v>0</v>
      </c>
      <c r="N1937" s="55">
        <f>IF(Input!$K$13=1,J1937*Input!$J$13,0)+IF(Input!$K$14=1,K1937*Input!$J$14,0)+IF(Input!$K$15=1,L1937*Input!$J$15,0)+IF(Input!$K$16=1,M1937*Input!$J$16,0)</f>
        <v>4.877625187017447</v>
      </c>
      <c r="O1937" s="58">
        <f>IF(Input!$K$13=2,J1937*Input!$J$13,0)+IF(Input!$K$14=2,K1937*Input!$J$14,0)+IF(Input!$K$15=2,L1937*Input!$J$15,0)+IF(Input!$K$16=2,M1937*Input!$J$16,0)</f>
        <v>0.40592338177168819</v>
      </c>
      <c r="P1937" s="58">
        <f>IF(Input!$K$13=3,J1937*Input!$J$13,0)+IF(Input!$K$14=3,K1937*Input!$J$14,0)+IF(Input!$K$15=3,L1937*Input!$J$15,0)+IF(Input!$K$16=3,M1937*Input!$J$16,0)</f>
        <v>0</v>
      </c>
      <c r="Q1937" s="71">
        <f>IF(Input!$K$13=4,J1937*Input!$J$13,0)+IF(Input!$K$14=4,K1937*Input!$J$14,0)+IF(Input!$K$15=4,L1937*Input!$J$15,0)+IF(Input!$K$16=4,M1937*Input!$J$16,0)</f>
        <v>0</v>
      </c>
    </row>
    <row r="1938" spans="8:17" x14ac:dyDescent="0.25">
      <c r="H1938" s="43">
        <v>1931</v>
      </c>
      <c r="I1938" s="55">
        <f>Bühler!I1964</f>
        <v>1.4253007575407091</v>
      </c>
      <c r="J1938" s="58">
        <f>Bühler!J1964</f>
        <v>40.646876558478723</v>
      </c>
      <c r="K1938" s="58">
        <f>Bühler!K1964</f>
        <v>3.0068398649754684</v>
      </c>
      <c r="L1938" s="58">
        <f>Bühler!L1964</f>
        <v>1.5034199324877342</v>
      </c>
      <c r="M1938" s="57">
        <f>Bühler!M1964</f>
        <v>0</v>
      </c>
      <c r="N1938" s="55">
        <f>IF(Input!$K$13=1,J1938*Input!$J$13,0)+IF(Input!$K$14=1,K1938*Input!$J$14,0)+IF(Input!$K$15=1,L1938*Input!$J$15,0)+IF(Input!$K$16=1,M1938*Input!$J$16,0)</f>
        <v>4.877625187017447</v>
      </c>
      <c r="O1938" s="58">
        <f>IF(Input!$K$13=2,J1938*Input!$J$13,0)+IF(Input!$K$14=2,K1938*Input!$J$14,0)+IF(Input!$K$15=2,L1938*Input!$J$15,0)+IF(Input!$K$16=2,M1938*Input!$J$16,0)</f>
        <v>0.40592338177168819</v>
      </c>
      <c r="P1938" s="58">
        <f>IF(Input!$K$13=3,J1938*Input!$J$13,0)+IF(Input!$K$14=3,K1938*Input!$J$14,0)+IF(Input!$K$15=3,L1938*Input!$J$15,0)+IF(Input!$K$16=3,M1938*Input!$J$16,0)</f>
        <v>0</v>
      </c>
      <c r="Q1938" s="71">
        <f>IF(Input!$K$13=4,J1938*Input!$J$13,0)+IF(Input!$K$14=4,K1938*Input!$J$14,0)+IF(Input!$K$15=4,L1938*Input!$J$15,0)+IF(Input!$K$16=4,M1938*Input!$J$16,0)</f>
        <v>0</v>
      </c>
    </row>
    <row r="1939" spans="8:17" x14ac:dyDescent="0.25">
      <c r="H1939" s="43">
        <v>1932</v>
      </c>
      <c r="I1939" s="55">
        <f>Bühler!I1965</f>
        <v>1.7054880859461476</v>
      </c>
      <c r="J1939" s="58">
        <f>Bühler!J1965</f>
        <v>48.637288189632663</v>
      </c>
      <c r="K1939" s="58">
        <f>Bühler!K1965</f>
        <v>3.5979280435603895</v>
      </c>
      <c r="L1939" s="58">
        <f>Bühler!L1965</f>
        <v>1.7989640217801948</v>
      </c>
      <c r="M1939" s="57">
        <f>Bühler!M1965</f>
        <v>0</v>
      </c>
      <c r="N1939" s="55">
        <f>IF(Input!$K$13=1,J1939*Input!$J$13,0)+IF(Input!$K$14=1,K1939*Input!$J$14,0)+IF(Input!$K$15=1,L1939*Input!$J$15,0)+IF(Input!$K$16=1,M1939*Input!$J$16,0)</f>
        <v>5.836474582755919</v>
      </c>
      <c r="O1939" s="58">
        <f>IF(Input!$K$13=2,J1939*Input!$J$13,0)+IF(Input!$K$14=2,K1939*Input!$J$14,0)+IF(Input!$K$15=2,L1939*Input!$J$15,0)+IF(Input!$K$16=2,M1939*Input!$J$16,0)</f>
        <v>0.48572028588065252</v>
      </c>
      <c r="P1939" s="58">
        <f>IF(Input!$K$13=3,J1939*Input!$J$13,0)+IF(Input!$K$14=3,K1939*Input!$J$14,0)+IF(Input!$K$15=3,L1939*Input!$J$15,0)+IF(Input!$K$16=3,M1939*Input!$J$16,0)</f>
        <v>0</v>
      </c>
      <c r="Q1939" s="71">
        <f>IF(Input!$K$13=4,J1939*Input!$J$13,0)+IF(Input!$K$14=4,K1939*Input!$J$14,0)+IF(Input!$K$15=4,L1939*Input!$J$15,0)+IF(Input!$K$16=4,M1939*Input!$J$16,0)</f>
        <v>0</v>
      </c>
    </row>
    <row r="1940" spans="8:17" x14ac:dyDescent="0.25">
      <c r="H1940" s="43">
        <v>1933</v>
      </c>
      <c r="I1940" s="55">
        <f>Bühler!I1966</f>
        <v>1.7054880859461476</v>
      </c>
      <c r="J1940" s="58">
        <f>Bühler!J1966</f>
        <v>48.637288189632663</v>
      </c>
      <c r="K1940" s="58">
        <f>Bühler!K1966</f>
        <v>3.5979280435603895</v>
      </c>
      <c r="L1940" s="58">
        <f>Bühler!L1966</f>
        <v>1.7989640217801948</v>
      </c>
      <c r="M1940" s="57">
        <f>Bühler!M1966</f>
        <v>0</v>
      </c>
      <c r="N1940" s="55">
        <f>IF(Input!$K$13=1,J1940*Input!$J$13,0)+IF(Input!$K$14=1,K1940*Input!$J$14,0)+IF(Input!$K$15=1,L1940*Input!$J$15,0)+IF(Input!$K$16=1,M1940*Input!$J$16,0)</f>
        <v>5.836474582755919</v>
      </c>
      <c r="O1940" s="58">
        <f>IF(Input!$K$13=2,J1940*Input!$J$13,0)+IF(Input!$K$14=2,K1940*Input!$J$14,0)+IF(Input!$K$15=2,L1940*Input!$J$15,0)+IF(Input!$K$16=2,M1940*Input!$J$16,0)</f>
        <v>0.48572028588065252</v>
      </c>
      <c r="P1940" s="58">
        <f>IF(Input!$K$13=3,J1940*Input!$J$13,0)+IF(Input!$K$14=3,K1940*Input!$J$14,0)+IF(Input!$K$15=3,L1940*Input!$J$15,0)+IF(Input!$K$16=3,M1940*Input!$J$16,0)</f>
        <v>0</v>
      </c>
      <c r="Q1940" s="71">
        <f>IF(Input!$K$13=4,J1940*Input!$J$13,0)+IF(Input!$K$14=4,K1940*Input!$J$14,0)+IF(Input!$K$15=4,L1940*Input!$J$15,0)+IF(Input!$K$16=4,M1940*Input!$J$16,0)</f>
        <v>0</v>
      </c>
    </row>
    <row r="1941" spans="8:17" x14ac:dyDescent="0.25">
      <c r="H1941" s="43">
        <v>1934</v>
      </c>
      <c r="I1941" s="55">
        <f>Bühler!I1967</f>
        <v>1.1329313713785123</v>
      </c>
      <c r="J1941" s="58">
        <f>Bühler!J1967</f>
        <v>32.309055725970261</v>
      </c>
      <c r="K1941" s="58">
        <f>Bühler!K1967</f>
        <v>2.3900522003651159</v>
      </c>
      <c r="L1941" s="58">
        <f>Bühler!L1967</f>
        <v>1.1950261001825579</v>
      </c>
      <c r="M1941" s="57">
        <f>Bühler!M1967</f>
        <v>0</v>
      </c>
      <c r="N1941" s="55">
        <f>IF(Input!$K$13=1,J1941*Input!$J$13,0)+IF(Input!$K$14=1,K1941*Input!$J$14,0)+IF(Input!$K$15=1,L1941*Input!$J$15,0)+IF(Input!$K$16=1,M1941*Input!$J$16,0)</f>
        <v>3.8770866871164311</v>
      </c>
      <c r="O1941" s="58">
        <f>IF(Input!$K$13=2,J1941*Input!$J$13,0)+IF(Input!$K$14=2,K1941*Input!$J$14,0)+IF(Input!$K$15=2,L1941*Input!$J$15,0)+IF(Input!$K$16=2,M1941*Input!$J$16,0)</f>
        <v>0.32265704704929066</v>
      </c>
      <c r="P1941" s="58">
        <f>IF(Input!$K$13=3,J1941*Input!$J$13,0)+IF(Input!$K$14=3,K1941*Input!$J$14,0)+IF(Input!$K$15=3,L1941*Input!$J$15,0)+IF(Input!$K$16=3,M1941*Input!$J$16,0)</f>
        <v>0</v>
      </c>
      <c r="Q1941" s="71">
        <f>IF(Input!$K$13=4,J1941*Input!$J$13,0)+IF(Input!$K$14=4,K1941*Input!$J$14,0)+IF(Input!$K$15=4,L1941*Input!$J$15,0)+IF(Input!$K$16=4,M1941*Input!$J$16,0)</f>
        <v>0</v>
      </c>
    </row>
    <row r="1942" spans="8:17" x14ac:dyDescent="0.25">
      <c r="H1942" s="43">
        <v>1935</v>
      </c>
      <c r="I1942" s="55">
        <f>Bühler!I1968</f>
        <v>1.7054880859461476</v>
      </c>
      <c r="J1942" s="58">
        <f>Bühler!J1968</f>
        <v>48.637288189632663</v>
      </c>
      <c r="K1942" s="58">
        <f>Bühler!K1968</f>
        <v>3.5979280435603895</v>
      </c>
      <c r="L1942" s="58">
        <f>Bühler!L1968</f>
        <v>1.7989640217801948</v>
      </c>
      <c r="M1942" s="57">
        <f>Bühler!M1968</f>
        <v>0</v>
      </c>
      <c r="N1942" s="55">
        <f>IF(Input!$K$13=1,J1942*Input!$J$13,0)+IF(Input!$K$14=1,K1942*Input!$J$14,0)+IF(Input!$K$15=1,L1942*Input!$J$15,0)+IF(Input!$K$16=1,M1942*Input!$J$16,0)</f>
        <v>5.836474582755919</v>
      </c>
      <c r="O1942" s="58">
        <f>IF(Input!$K$13=2,J1942*Input!$J$13,0)+IF(Input!$K$14=2,K1942*Input!$J$14,0)+IF(Input!$K$15=2,L1942*Input!$J$15,0)+IF(Input!$K$16=2,M1942*Input!$J$16,0)</f>
        <v>0.48572028588065252</v>
      </c>
      <c r="P1942" s="58">
        <f>IF(Input!$K$13=3,J1942*Input!$J$13,0)+IF(Input!$K$14=3,K1942*Input!$J$14,0)+IF(Input!$K$15=3,L1942*Input!$J$15,0)+IF(Input!$K$16=3,M1942*Input!$J$16,0)</f>
        <v>0</v>
      </c>
      <c r="Q1942" s="71">
        <f>IF(Input!$K$13=4,J1942*Input!$J$13,0)+IF(Input!$K$14=4,K1942*Input!$J$14,0)+IF(Input!$K$15=4,L1942*Input!$J$15,0)+IF(Input!$K$16=4,M1942*Input!$J$16,0)</f>
        <v>0</v>
      </c>
    </row>
    <row r="1943" spans="8:17" x14ac:dyDescent="0.25">
      <c r="H1943" s="43">
        <v>1936</v>
      </c>
      <c r="I1943" s="55">
        <f>Bühler!I1969</f>
        <v>1.7054880859461476</v>
      </c>
      <c r="J1943" s="58">
        <f>Bühler!J1969</f>
        <v>48.637288189632663</v>
      </c>
      <c r="K1943" s="58">
        <f>Bühler!K1969</f>
        <v>3.5979280435603895</v>
      </c>
      <c r="L1943" s="58">
        <f>Bühler!L1969</f>
        <v>1.7989640217801948</v>
      </c>
      <c r="M1943" s="57">
        <f>Bühler!M1969</f>
        <v>0</v>
      </c>
      <c r="N1943" s="55">
        <f>IF(Input!$K$13=1,J1943*Input!$J$13,0)+IF(Input!$K$14=1,K1943*Input!$J$14,0)+IF(Input!$K$15=1,L1943*Input!$J$15,0)+IF(Input!$K$16=1,M1943*Input!$J$16,0)</f>
        <v>5.836474582755919</v>
      </c>
      <c r="O1943" s="58">
        <f>IF(Input!$K$13=2,J1943*Input!$J$13,0)+IF(Input!$K$14=2,K1943*Input!$J$14,0)+IF(Input!$K$15=2,L1943*Input!$J$15,0)+IF(Input!$K$16=2,M1943*Input!$J$16,0)</f>
        <v>0.48572028588065252</v>
      </c>
      <c r="P1943" s="58">
        <f>IF(Input!$K$13=3,J1943*Input!$J$13,0)+IF(Input!$K$14=3,K1943*Input!$J$14,0)+IF(Input!$K$15=3,L1943*Input!$J$15,0)+IF(Input!$K$16=3,M1943*Input!$J$16,0)</f>
        <v>0</v>
      </c>
      <c r="Q1943" s="71">
        <f>IF(Input!$K$13=4,J1943*Input!$J$13,0)+IF(Input!$K$14=4,K1943*Input!$J$14,0)+IF(Input!$K$15=4,L1943*Input!$J$15,0)+IF(Input!$K$16=4,M1943*Input!$J$16,0)</f>
        <v>0</v>
      </c>
    </row>
    <row r="1944" spans="8:17" x14ac:dyDescent="0.25">
      <c r="H1944" s="43">
        <v>1937</v>
      </c>
      <c r="I1944" s="55">
        <f>Bühler!I1970</f>
        <v>1.4250907220621445</v>
      </c>
      <c r="J1944" s="58">
        <f>Bühler!J1970</f>
        <v>29.116335981971542</v>
      </c>
      <c r="K1944" s="58">
        <f>Bühler!K1970</f>
        <v>2.1202075970980867</v>
      </c>
      <c r="L1944" s="58">
        <f>Bühler!L1970</f>
        <v>1.0601037985490434</v>
      </c>
      <c r="M1944" s="57">
        <f>Bühler!M1970</f>
        <v>0</v>
      </c>
      <c r="N1944" s="55">
        <f>IF(Input!$K$13=1,J1944*Input!$J$13,0)+IF(Input!$K$14=1,K1944*Input!$J$14,0)+IF(Input!$K$15=1,L1944*Input!$J$15,0)+IF(Input!$K$16=1,M1944*Input!$J$16,0)</f>
        <v>3.493960317836585</v>
      </c>
      <c r="O1944" s="58">
        <f>IF(Input!$K$13=2,J1944*Input!$J$13,0)+IF(Input!$K$14=2,K1944*Input!$J$14,0)+IF(Input!$K$15=2,L1944*Input!$J$15,0)+IF(Input!$K$16=2,M1944*Input!$J$16,0)</f>
        <v>0.28622802560824168</v>
      </c>
      <c r="P1944" s="58">
        <f>IF(Input!$K$13=3,J1944*Input!$J$13,0)+IF(Input!$K$14=3,K1944*Input!$J$14,0)+IF(Input!$K$15=3,L1944*Input!$J$15,0)+IF(Input!$K$16=3,M1944*Input!$J$16,0)</f>
        <v>0</v>
      </c>
      <c r="Q1944" s="71">
        <f>IF(Input!$K$13=4,J1944*Input!$J$13,0)+IF(Input!$K$14=4,K1944*Input!$J$14,0)+IF(Input!$K$15=4,L1944*Input!$J$15,0)+IF(Input!$K$16=4,M1944*Input!$J$16,0)</f>
        <v>0</v>
      </c>
    </row>
    <row r="1945" spans="8:17" x14ac:dyDescent="0.25">
      <c r="H1945" s="43">
        <v>1938</v>
      </c>
      <c r="I1945" s="55">
        <f>Bühler!I1971</f>
        <v>1.1331414068570771</v>
      </c>
      <c r="J1945" s="58">
        <f>Bühler!J1971</f>
        <v>12.995597044683112</v>
      </c>
      <c r="K1945" s="58">
        <f>Bühler!K1971</f>
        <v>0.90491147976870978</v>
      </c>
      <c r="L1945" s="58">
        <f>Bühler!L1971</f>
        <v>0.45245573988435489</v>
      </c>
      <c r="M1945" s="57">
        <f>Bühler!M1971</f>
        <v>0</v>
      </c>
      <c r="N1945" s="55">
        <f>IF(Input!$K$13=1,J1945*Input!$J$13,0)+IF(Input!$K$14=1,K1945*Input!$J$14,0)+IF(Input!$K$15=1,L1945*Input!$J$15,0)+IF(Input!$K$16=1,M1945*Input!$J$16,0)</f>
        <v>1.5594716453619735</v>
      </c>
      <c r="O1945" s="58">
        <f>IF(Input!$K$13=2,J1945*Input!$J$13,0)+IF(Input!$K$14=2,K1945*Input!$J$14,0)+IF(Input!$K$15=2,L1945*Input!$J$15,0)+IF(Input!$K$16=2,M1945*Input!$J$16,0)</f>
        <v>0.12216304976877582</v>
      </c>
      <c r="P1945" s="58">
        <f>IF(Input!$K$13=3,J1945*Input!$J$13,0)+IF(Input!$K$14=3,K1945*Input!$J$14,0)+IF(Input!$K$15=3,L1945*Input!$J$15,0)+IF(Input!$K$16=3,M1945*Input!$J$16,0)</f>
        <v>0</v>
      </c>
      <c r="Q1945" s="71">
        <f>IF(Input!$K$13=4,J1945*Input!$J$13,0)+IF(Input!$K$14=4,K1945*Input!$J$14,0)+IF(Input!$K$15=4,L1945*Input!$J$15,0)+IF(Input!$K$16=4,M1945*Input!$J$16,0)</f>
        <v>0</v>
      </c>
    </row>
    <row r="1946" spans="8:17" x14ac:dyDescent="0.25">
      <c r="H1946" s="43">
        <v>1939</v>
      </c>
      <c r="I1946" s="55">
        <f>Bühler!I1972</f>
        <v>0.42007095712959308</v>
      </c>
      <c r="J1946" s="58">
        <f>Bühler!J1972</f>
        <v>8.2219748138117694</v>
      </c>
      <c r="K1946" s="58">
        <f>Bühler!K1972</f>
        <v>0.59724157664734834</v>
      </c>
      <c r="L1946" s="58">
        <f>Bühler!L1972</f>
        <v>0.29862078832367417</v>
      </c>
      <c r="M1946" s="57">
        <f>Bühler!M1972</f>
        <v>0</v>
      </c>
      <c r="N1946" s="55">
        <f>IF(Input!$K$13=1,J1946*Input!$J$13,0)+IF(Input!$K$14=1,K1946*Input!$J$14,0)+IF(Input!$K$15=1,L1946*Input!$J$15,0)+IF(Input!$K$16=1,M1946*Input!$J$16,0)</f>
        <v>0.98663697765741232</v>
      </c>
      <c r="O1946" s="58">
        <f>IF(Input!$K$13=2,J1946*Input!$J$13,0)+IF(Input!$K$14=2,K1946*Input!$J$14,0)+IF(Input!$K$15=2,L1946*Input!$J$15,0)+IF(Input!$K$16=2,M1946*Input!$J$16,0)</f>
        <v>8.0627612847392033E-2</v>
      </c>
      <c r="P1946" s="58">
        <f>IF(Input!$K$13=3,J1946*Input!$J$13,0)+IF(Input!$K$14=3,K1946*Input!$J$14,0)+IF(Input!$K$15=3,L1946*Input!$J$15,0)+IF(Input!$K$16=3,M1946*Input!$J$16,0)</f>
        <v>0</v>
      </c>
      <c r="Q1946" s="71">
        <f>IF(Input!$K$13=4,J1946*Input!$J$13,0)+IF(Input!$K$14=4,K1946*Input!$J$14,0)+IF(Input!$K$15=4,L1946*Input!$J$15,0)+IF(Input!$K$16=4,M1946*Input!$J$16,0)</f>
        <v>0</v>
      </c>
    </row>
    <row r="1947" spans="8:17" x14ac:dyDescent="0.25">
      <c r="H1947" s="43">
        <v>1940</v>
      </c>
      <c r="I1947" s="55">
        <f>Bühler!I1973</f>
        <v>0.42007095712959308</v>
      </c>
      <c r="J1947" s="58">
        <f>Bühler!J1973</f>
        <v>8.2219748138117694</v>
      </c>
      <c r="K1947" s="58">
        <f>Bühler!K1973</f>
        <v>0.59724157664734834</v>
      </c>
      <c r="L1947" s="58">
        <f>Bühler!L1973</f>
        <v>0.29862078832367417</v>
      </c>
      <c r="M1947" s="57">
        <f>Bühler!M1973</f>
        <v>0</v>
      </c>
      <c r="N1947" s="55">
        <f>IF(Input!$K$13=1,J1947*Input!$J$13,0)+IF(Input!$K$14=1,K1947*Input!$J$14,0)+IF(Input!$K$15=1,L1947*Input!$J$15,0)+IF(Input!$K$16=1,M1947*Input!$J$16,0)</f>
        <v>0.98663697765741232</v>
      </c>
      <c r="O1947" s="58">
        <f>IF(Input!$K$13=2,J1947*Input!$J$13,0)+IF(Input!$K$14=2,K1947*Input!$J$14,0)+IF(Input!$K$15=2,L1947*Input!$J$15,0)+IF(Input!$K$16=2,M1947*Input!$J$16,0)</f>
        <v>8.0627612847392033E-2</v>
      </c>
      <c r="P1947" s="58">
        <f>IF(Input!$K$13=3,J1947*Input!$J$13,0)+IF(Input!$K$14=3,K1947*Input!$J$14,0)+IF(Input!$K$15=3,L1947*Input!$J$15,0)+IF(Input!$K$16=3,M1947*Input!$J$16,0)</f>
        <v>0</v>
      </c>
      <c r="Q1947" s="71">
        <f>IF(Input!$K$13=4,J1947*Input!$J$13,0)+IF(Input!$K$14=4,K1947*Input!$J$14,0)+IF(Input!$K$15=4,L1947*Input!$J$15,0)+IF(Input!$K$16=4,M1947*Input!$J$16,0)</f>
        <v>0</v>
      </c>
    </row>
    <row r="1948" spans="8:17" x14ac:dyDescent="0.25">
      <c r="H1948" s="43">
        <v>1941</v>
      </c>
      <c r="I1948" s="55">
        <f>Bühler!I1974</f>
        <v>0.42007095712959308</v>
      </c>
      <c r="J1948" s="58">
        <f>Bühler!J1974</f>
        <v>8.2219748138117694</v>
      </c>
      <c r="K1948" s="58">
        <f>Bühler!K1974</f>
        <v>0.59724157664734834</v>
      </c>
      <c r="L1948" s="58">
        <f>Bühler!L1974</f>
        <v>0.29862078832367417</v>
      </c>
      <c r="M1948" s="57">
        <f>Bühler!M1974</f>
        <v>0</v>
      </c>
      <c r="N1948" s="55">
        <f>IF(Input!$K$13=1,J1948*Input!$J$13,0)+IF(Input!$K$14=1,K1948*Input!$J$14,0)+IF(Input!$K$15=1,L1948*Input!$J$15,0)+IF(Input!$K$16=1,M1948*Input!$J$16,0)</f>
        <v>0.98663697765741232</v>
      </c>
      <c r="O1948" s="58">
        <f>IF(Input!$K$13=2,J1948*Input!$J$13,0)+IF(Input!$K$14=2,K1948*Input!$J$14,0)+IF(Input!$K$15=2,L1948*Input!$J$15,0)+IF(Input!$K$16=2,M1948*Input!$J$16,0)</f>
        <v>8.0627612847392033E-2</v>
      </c>
      <c r="P1948" s="58">
        <f>IF(Input!$K$13=3,J1948*Input!$J$13,0)+IF(Input!$K$14=3,K1948*Input!$J$14,0)+IF(Input!$K$15=3,L1948*Input!$J$15,0)+IF(Input!$K$16=3,M1948*Input!$J$16,0)</f>
        <v>0</v>
      </c>
      <c r="Q1948" s="71">
        <f>IF(Input!$K$13=4,J1948*Input!$J$13,0)+IF(Input!$K$14=4,K1948*Input!$J$14,0)+IF(Input!$K$15=4,L1948*Input!$J$15,0)+IF(Input!$K$16=4,M1948*Input!$J$16,0)</f>
        <v>0</v>
      </c>
    </row>
    <row r="1949" spans="8:17" x14ac:dyDescent="0.25">
      <c r="H1949" s="43">
        <v>1942</v>
      </c>
      <c r="I1949" s="55">
        <f>Bühler!I1975</f>
        <v>0.42007095712959308</v>
      </c>
      <c r="J1949" s="58">
        <f>Bühler!J1975</f>
        <v>8.2219748138117694</v>
      </c>
      <c r="K1949" s="58">
        <f>Bühler!K1975</f>
        <v>0.59724157664734834</v>
      </c>
      <c r="L1949" s="58">
        <f>Bühler!L1975</f>
        <v>0.29862078832367417</v>
      </c>
      <c r="M1949" s="57">
        <f>Bühler!M1975</f>
        <v>0</v>
      </c>
      <c r="N1949" s="55">
        <f>IF(Input!$K$13=1,J1949*Input!$J$13,0)+IF(Input!$K$14=1,K1949*Input!$J$14,0)+IF(Input!$K$15=1,L1949*Input!$J$15,0)+IF(Input!$K$16=1,M1949*Input!$J$16,0)</f>
        <v>0.98663697765741232</v>
      </c>
      <c r="O1949" s="58">
        <f>IF(Input!$K$13=2,J1949*Input!$J$13,0)+IF(Input!$K$14=2,K1949*Input!$J$14,0)+IF(Input!$K$15=2,L1949*Input!$J$15,0)+IF(Input!$K$16=2,M1949*Input!$J$16,0)</f>
        <v>8.0627612847392033E-2</v>
      </c>
      <c r="P1949" s="58">
        <f>IF(Input!$K$13=3,J1949*Input!$J$13,0)+IF(Input!$K$14=3,K1949*Input!$J$14,0)+IF(Input!$K$15=3,L1949*Input!$J$15,0)+IF(Input!$K$16=3,M1949*Input!$J$16,0)</f>
        <v>0</v>
      </c>
      <c r="Q1949" s="71">
        <f>IF(Input!$K$13=4,J1949*Input!$J$13,0)+IF(Input!$K$14=4,K1949*Input!$J$14,0)+IF(Input!$K$15=4,L1949*Input!$J$15,0)+IF(Input!$K$16=4,M1949*Input!$J$16,0)</f>
        <v>0</v>
      </c>
    </row>
    <row r="1950" spans="8:17" x14ac:dyDescent="0.25">
      <c r="H1950" s="43">
        <v>1943</v>
      </c>
      <c r="I1950" s="55">
        <f>Bühler!I1976</f>
        <v>0.42007095712959308</v>
      </c>
      <c r="J1950" s="58">
        <f>Bühler!J1976</f>
        <v>8.2219748138117694</v>
      </c>
      <c r="K1950" s="58">
        <f>Bühler!K1976</f>
        <v>0.59724157664734834</v>
      </c>
      <c r="L1950" s="58">
        <f>Bühler!L1976</f>
        <v>0.29862078832367417</v>
      </c>
      <c r="M1950" s="57">
        <f>Bühler!M1976</f>
        <v>0</v>
      </c>
      <c r="N1950" s="55">
        <f>IF(Input!$K$13=1,J1950*Input!$J$13,0)+IF(Input!$K$14=1,K1950*Input!$J$14,0)+IF(Input!$K$15=1,L1950*Input!$J$15,0)+IF(Input!$K$16=1,M1950*Input!$J$16,0)</f>
        <v>0.98663697765741232</v>
      </c>
      <c r="O1950" s="58">
        <f>IF(Input!$K$13=2,J1950*Input!$J$13,0)+IF(Input!$K$14=2,K1950*Input!$J$14,0)+IF(Input!$K$15=2,L1950*Input!$J$15,0)+IF(Input!$K$16=2,M1950*Input!$J$16,0)</f>
        <v>8.0627612847392033E-2</v>
      </c>
      <c r="P1950" s="58">
        <f>IF(Input!$K$13=3,J1950*Input!$J$13,0)+IF(Input!$K$14=3,K1950*Input!$J$14,0)+IF(Input!$K$15=3,L1950*Input!$J$15,0)+IF(Input!$K$16=3,M1950*Input!$J$16,0)</f>
        <v>0</v>
      </c>
      <c r="Q1950" s="71">
        <f>IF(Input!$K$13=4,J1950*Input!$J$13,0)+IF(Input!$K$14=4,K1950*Input!$J$14,0)+IF(Input!$K$15=4,L1950*Input!$J$15,0)+IF(Input!$K$16=4,M1950*Input!$J$16,0)</f>
        <v>0</v>
      </c>
    </row>
    <row r="1951" spans="8:17" x14ac:dyDescent="0.25">
      <c r="H1951" s="43">
        <v>1944</v>
      </c>
      <c r="I1951" s="55">
        <f>Bühler!I1977</f>
        <v>0.42007095712959308</v>
      </c>
      <c r="J1951" s="58">
        <f>Bühler!J1977</f>
        <v>8.2219748138117694</v>
      </c>
      <c r="K1951" s="58">
        <f>Bühler!K1977</f>
        <v>0.59724157664734834</v>
      </c>
      <c r="L1951" s="58">
        <f>Bühler!L1977</f>
        <v>0.29862078832367417</v>
      </c>
      <c r="M1951" s="57">
        <f>Bühler!M1977</f>
        <v>0</v>
      </c>
      <c r="N1951" s="55">
        <f>IF(Input!$K$13=1,J1951*Input!$J$13,0)+IF(Input!$K$14=1,K1951*Input!$J$14,0)+IF(Input!$K$15=1,L1951*Input!$J$15,0)+IF(Input!$K$16=1,M1951*Input!$J$16,0)</f>
        <v>0.98663697765741232</v>
      </c>
      <c r="O1951" s="58">
        <f>IF(Input!$K$13=2,J1951*Input!$J$13,0)+IF(Input!$K$14=2,K1951*Input!$J$14,0)+IF(Input!$K$15=2,L1951*Input!$J$15,0)+IF(Input!$K$16=2,M1951*Input!$J$16,0)</f>
        <v>8.0627612847392033E-2</v>
      </c>
      <c r="P1951" s="58">
        <f>IF(Input!$K$13=3,J1951*Input!$J$13,0)+IF(Input!$K$14=3,K1951*Input!$J$14,0)+IF(Input!$K$15=3,L1951*Input!$J$15,0)+IF(Input!$K$16=3,M1951*Input!$J$16,0)</f>
        <v>0</v>
      </c>
      <c r="Q1951" s="71">
        <f>IF(Input!$K$13=4,J1951*Input!$J$13,0)+IF(Input!$K$14=4,K1951*Input!$J$14,0)+IF(Input!$K$15=4,L1951*Input!$J$15,0)+IF(Input!$K$16=4,M1951*Input!$J$16,0)</f>
        <v>0</v>
      </c>
    </row>
    <row r="1952" spans="8:17" x14ac:dyDescent="0.25">
      <c r="H1952" s="43">
        <v>1945</v>
      </c>
      <c r="I1952" s="55">
        <f>Bühler!I1978</f>
        <v>0.46697207358947274</v>
      </c>
      <c r="J1952" s="58">
        <f>Bühler!J1978</f>
        <v>8.6175209741127023</v>
      </c>
      <c r="K1952" s="58">
        <f>Bühler!K1978</f>
        <v>0.60127296712272316</v>
      </c>
      <c r="L1952" s="58">
        <f>Bühler!L1978</f>
        <v>0.30063648356136158</v>
      </c>
      <c r="M1952" s="57">
        <f>Bühler!M1978</f>
        <v>0</v>
      </c>
      <c r="N1952" s="55">
        <f>IF(Input!$K$13=1,J1952*Input!$J$13,0)+IF(Input!$K$14=1,K1952*Input!$J$14,0)+IF(Input!$K$15=1,L1952*Input!$J$15,0)+IF(Input!$K$16=1,M1952*Input!$J$16,0)</f>
        <v>1.0341025168935243</v>
      </c>
      <c r="O1952" s="58">
        <f>IF(Input!$K$13=2,J1952*Input!$J$13,0)+IF(Input!$K$14=2,K1952*Input!$J$14,0)+IF(Input!$K$15=2,L1952*Input!$J$15,0)+IF(Input!$K$16=2,M1952*Input!$J$16,0)</f>
        <v>8.1171850561567616E-2</v>
      </c>
      <c r="P1952" s="58">
        <f>IF(Input!$K$13=3,J1952*Input!$J$13,0)+IF(Input!$K$14=3,K1952*Input!$J$14,0)+IF(Input!$K$15=3,L1952*Input!$J$15,0)+IF(Input!$K$16=3,M1952*Input!$J$16,0)</f>
        <v>0</v>
      </c>
      <c r="Q1952" s="71">
        <f>IF(Input!$K$13=4,J1952*Input!$J$13,0)+IF(Input!$K$14=4,K1952*Input!$J$14,0)+IF(Input!$K$15=4,L1952*Input!$J$15,0)+IF(Input!$K$16=4,M1952*Input!$J$16,0)</f>
        <v>0</v>
      </c>
    </row>
    <row r="1953" spans="8:17" x14ac:dyDescent="0.25">
      <c r="H1953" s="43">
        <v>1946</v>
      </c>
      <c r="I1953" s="55">
        <f>Bühler!I1979</f>
        <v>0.46697207358947274</v>
      </c>
      <c r="J1953" s="58">
        <f>Bühler!J1979</f>
        <v>8.6175209741127023</v>
      </c>
      <c r="K1953" s="58">
        <f>Bühler!K1979</f>
        <v>0.60127296712272316</v>
      </c>
      <c r="L1953" s="58">
        <f>Bühler!L1979</f>
        <v>0.30063648356136158</v>
      </c>
      <c r="M1953" s="57">
        <f>Bühler!M1979</f>
        <v>0</v>
      </c>
      <c r="N1953" s="55">
        <f>IF(Input!$K$13=1,J1953*Input!$J$13,0)+IF(Input!$K$14=1,K1953*Input!$J$14,0)+IF(Input!$K$15=1,L1953*Input!$J$15,0)+IF(Input!$K$16=1,M1953*Input!$J$16,0)</f>
        <v>1.0341025168935243</v>
      </c>
      <c r="O1953" s="58">
        <f>IF(Input!$K$13=2,J1953*Input!$J$13,0)+IF(Input!$K$14=2,K1953*Input!$J$14,0)+IF(Input!$K$15=2,L1953*Input!$J$15,0)+IF(Input!$K$16=2,M1953*Input!$J$16,0)</f>
        <v>8.1171850561567616E-2</v>
      </c>
      <c r="P1953" s="58">
        <f>IF(Input!$K$13=3,J1953*Input!$J$13,0)+IF(Input!$K$14=3,K1953*Input!$J$14,0)+IF(Input!$K$15=3,L1953*Input!$J$15,0)+IF(Input!$K$16=3,M1953*Input!$J$16,0)</f>
        <v>0</v>
      </c>
      <c r="Q1953" s="71">
        <f>IF(Input!$K$13=4,J1953*Input!$J$13,0)+IF(Input!$K$14=4,K1953*Input!$J$14,0)+IF(Input!$K$15=4,L1953*Input!$J$15,0)+IF(Input!$K$16=4,M1953*Input!$J$16,0)</f>
        <v>0</v>
      </c>
    </row>
    <row r="1954" spans="8:17" x14ac:dyDescent="0.25">
      <c r="H1954" s="43">
        <v>1947</v>
      </c>
      <c r="I1954" s="55">
        <f>Bühler!I1980</f>
        <v>0.46697207358947274</v>
      </c>
      <c r="J1954" s="58">
        <f>Bühler!J1980</f>
        <v>8.6175209741127023</v>
      </c>
      <c r="K1954" s="58">
        <f>Bühler!K1980</f>
        <v>0.60127296712272316</v>
      </c>
      <c r="L1954" s="58">
        <f>Bühler!L1980</f>
        <v>0.30063648356136158</v>
      </c>
      <c r="M1954" s="57">
        <f>Bühler!M1980</f>
        <v>0</v>
      </c>
      <c r="N1954" s="55">
        <f>IF(Input!$K$13=1,J1954*Input!$J$13,0)+IF(Input!$K$14=1,K1954*Input!$J$14,0)+IF(Input!$K$15=1,L1954*Input!$J$15,0)+IF(Input!$K$16=1,M1954*Input!$J$16,0)</f>
        <v>1.0341025168935243</v>
      </c>
      <c r="O1954" s="58">
        <f>IF(Input!$K$13=2,J1954*Input!$J$13,0)+IF(Input!$K$14=2,K1954*Input!$J$14,0)+IF(Input!$K$15=2,L1954*Input!$J$15,0)+IF(Input!$K$16=2,M1954*Input!$J$16,0)</f>
        <v>8.1171850561567616E-2</v>
      </c>
      <c r="P1954" s="58">
        <f>IF(Input!$K$13=3,J1954*Input!$J$13,0)+IF(Input!$K$14=3,K1954*Input!$J$14,0)+IF(Input!$K$15=3,L1954*Input!$J$15,0)+IF(Input!$K$16=3,M1954*Input!$J$16,0)</f>
        <v>0</v>
      </c>
      <c r="Q1954" s="71">
        <f>IF(Input!$K$13=4,J1954*Input!$J$13,0)+IF(Input!$K$14=4,K1954*Input!$J$14,0)+IF(Input!$K$15=4,L1954*Input!$J$15,0)+IF(Input!$K$16=4,M1954*Input!$J$16,0)</f>
        <v>0</v>
      </c>
    </row>
    <row r="1955" spans="8:17" x14ac:dyDescent="0.25">
      <c r="H1955" s="43">
        <v>1948</v>
      </c>
      <c r="I1955" s="55">
        <f>Bühler!I1981</f>
        <v>0.46697207358947274</v>
      </c>
      <c r="J1955" s="58">
        <f>Bühler!J1981</f>
        <v>8.6175209741127023</v>
      </c>
      <c r="K1955" s="58">
        <f>Bühler!K1981</f>
        <v>0.60127296712272316</v>
      </c>
      <c r="L1955" s="58">
        <f>Bühler!L1981</f>
        <v>0.30063648356136158</v>
      </c>
      <c r="M1955" s="57">
        <f>Bühler!M1981</f>
        <v>0</v>
      </c>
      <c r="N1955" s="55">
        <f>IF(Input!$K$13=1,J1955*Input!$J$13,0)+IF(Input!$K$14=1,K1955*Input!$J$14,0)+IF(Input!$K$15=1,L1955*Input!$J$15,0)+IF(Input!$K$16=1,M1955*Input!$J$16,0)</f>
        <v>1.0341025168935243</v>
      </c>
      <c r="O1955" s="58">
        <f>IF(Input!$K$13=2,J1955*Input!$J$13,0)+IF(Input!$K$14=2,K1955*Input!$J$14,0)+IF(Input!$K$15=2,L1955*Input!$J$15,0)+IF(Input!$K$16=2,M1955*Input!$J$16,0)</f>
        <v>8.1171850561567616E-2</v>
      </c>
      <c r="P1955" s="58">
        <f>IF(Input!$K$13=3,J1955*Input!$J$13,0)+IF(Input!$K$14=3,K1955*Input!$J$14,0)+IF(Input!$K$15=3,L1955*Input!$J$15,0)+IF(Input!$K$16=3,M1955*Input!$J$16,0)</f>
        <v>0</v>
      </c>
      <c r="Q1955" s="71">
        <f>IF(Input!$K$13=4,J1955*Input!$J$13,0)+IF(Input!$K$14=4,K1955*Input!$J$14,0)+IF(Input!$K$15=4,L1955*Input!$J$15,0)+IF(Input!$K$16=4,M1955*Input!$J$16,0)</f>
        <v>0</v>
      </c>
    </row>
    <row r="1956" spans="8:17" x14ac:dyDescent="0.25">
      <c r="H1956" s="43">
        <v>1949</v>
      </c>
      <c r="I1956" s="55">
        <f>Bühler!I1982</f>
        <v>0.46697207358947274</v>
      </c>
      <c r="J1956" s="58">
        <f>Bühler!J1982</f>
        <v>8.6175209741127023</v>
      </c>
      <c r="K1956" s="58">
        <f>Bühler!K1982</f>
        <v>0.60127296712272316</v>
      </c>
      <c r="L1956" s="58">
        <f>Bühler!L1982</f>
        <v>0.30063648356136158</v>
      </c>
      <c r="M1956" s="57">
        <f>Bühler!M1982</f>
        <v>0</v>
      </c>
      <c r="N1956" s="55">
        <f>IF(Input!$K$13=1,J1956*Input!$J$13,0)+IF(Input!$K$14=1,K1956*Input!$J$14,0)+IF(Input!$K$15=1,L1956*Input!$J$15,0)+IF(Input!$K$16=1,M1956*Input!$J$16,0)</f>
        <v>1.0341025168935243</v>
      </c>
      <c r="O1956" s="58">
        <f>IF(Input!$K$13=2,J1956*Input!$J$13,0)+IF(Input!$K$14=2,K1956*Input!$J$14,0)+IF(Input!$K$15=2,L1956*Input!$J$15,0)+IF(Input!$K$16=2,M1956*Input!$J$16,0)</f>
        <v>8.1171850561567616E-2</v>
      </c>
      <c r="P1956" s="58">
        <f>IF(Input!$K$13=3,J1956*Input!$J$13,0)+IF(Input!$K$14=3,K1956*Input!$J$14,0)+IF(Input!$K$15=3,L1956*Input!$J$15,0)+IF(Input!$K$16=3,M1956*Input!$J$16,0)</f>
        <v>0</v>
      </c>
      <c r="Q1956" s="71">
        <f>IF(Input!$K$13=4,J1956*Input!$J$13,0)+IF(Input!$K$14=4,K1956*Input!$J$14,0)+IF(Input!$K$15=4,L1956*Input!$J$15,0)+IF(Input!$K$16=4,M1956*Input!$J$16,0)</f>
        <v>0</v>
      </c>
    </row>
    <row r="1957" spans="8:17" x14ac:dyDescent="0.25">
      <c r="H1957" s="43">
        <v>1950</v>
      </c>
      <c r="I1957" s="55">
        <f>Bühler!I1983</f>
        <v>0.46697207358947274</v>
      </c>
      <c r="J1957" s="58">
        <f>Bühler!J1983</f>
        <v>8.6175209741127023</v>
      </c>
      <c r="K1957" s="58">
        <f>Bühler!K1983</f>
        <v>0.60127296712272316</v>
      </c>
      <c r="L1957" s="58">
        <f>Bühler!L1983</f>
        <v>0.30063648356136158</v>
      </c>
      <c r="M1957" s="57">
        <f>Bühler!M1983</f>
        <v>0</v>
      </c>
      <c r="N1957" s="55">
        <f>IF(Input!$K$13=1,J1957*Input!$J$13,0)+IF(Input!$K$14=1,K1957*Input!$J$14,0)+IF(Input!$K$15=1,L1957*Input!$J$15,0)+IF(Input!$K$16=1,M1957*Input!$J$16,0)</f>
        <v>1.0341025168935243</v>
      </c>
      <c r="O1957" s="58">
        <f>IF(Input!$K$13=2,J1957*Input!$J$13,0)+IF(Input!$K$14=2,K1957*Input!$J$14,0)+IF(Input!$K$15=2,L1957*Input!$J$15,0)+IF(Input!$K$16=2,M1957*Input!$J$16,0)</f>
        <v>8.1171850561567616E-2</v>
      </c>
      <c r="P1957" s="58">
        <f>IF(Input!$K$13=3,J1957*Input!$J$13,0)+IF(Input!$K$14=3,K1957*Input!$J$14,0)+IF(Input!$K$15=3,L1957*Input!$J$15,0)+IF(Input!$K$16=3,M1957*Input!$J$16,0)</f>
        <v>0</v>
      </c>
      <c r="Q1957" s="71">
        <f>IF(Input!$K$13=4,J1957*Input!$J$13,0)+IF(Input!$K$14=4,K1957*Input!$J$14,0)+IF(Input!$K$15=4,L1957*Input!$J$15,0)+IF(Input!$K$16=4,M1957*Input!$J$16,0)</f>
        <v>0</v>
      </c>
    </row>
    <row r="1958" spans="8:17" x14ac:dyDescent="0.25">
      <c r="H1958" s="43">
        <v>1951</v>
      </c>
      <c r="I1958" s="55">
        <f>Bühler!I1984</f>
        <v>0.46697207358947274</v>
      </c>
      <c r="J1958" s="58">
        <f>Bühler!J1984</f>
        <v>8.6175209741127023</v>
      </c>
      <c r="K1958" s="58">
        <f>Bühler!K1984</f>
        <v>0.60127296712272316</v>
      </c>
      <c r="L1958" s="58">
        <f>Bühler!L1984</f>
        <v>0.30063648356136158</v>
      </c>
      <c r="M1958" s="57">
        <f>Bühler!M1984</f>
        <v>0</v>
      </c>
      <c r="N1958" s="55">
        <f>IF(Input!$K$13=1,J1958*Input!$J$13,0)+IF(Input!$K$14=1,K1958*Input!$J$14,0)+IF(Input!$K$15=1,L1958*Input!$J$15,0)+IF(Input!$K$16=1,M1958*Input!$J$16,0)</f>
        <v>1.0341025168935243</v>
      </c>
      <c r="O1958" s="58">
        <f>IF(Input!$K$13=2,J1958*Input!$J$13,0)+IF(Input!$K$14=2,K1958*Input!$J$14,0)+IF(Input!$K$15=2,L1958*Input!$J$15,0)+IF(Input!$K$16=2,M1958*Input!$J$16,0)</f>
        <v>8.1171850561567616E-2</v>
      </c>
      <c r="P1958" s="58">
        <f>IF(Input!$K$13=3,J1958*Input!$J$13,0)+IF(Input!$K$14=3,K1958*Input!$J$14,0)+IF(Input!$K$15=3,L1958*Input!$J$15,0)+IF(Input!$K$16=3,M1958*Input!$J$16,0)</f>
        <v>0</v>
      </c>
      <c r="Q1958" s="71">
        <f>IF(Input!$K$13=4,J1958*Input!$J$13,0)+IF(Input!$K$14=4,K1958*Input!$J$14,0)+IF(Input!$K$15=4,L1958*Input!$J$15,0)+IF(Input!$K$16=4,M1958*Input!$J$16,0)</f>
        <v>0</v>
      </c>
    </row>
    <row r="1959" spans="8:17" x14ac:dyDescent="0.25">
      <c r="H1959" s="43">
        <v>1952</v>
      </c>
      <c r="I1959" s="55">
        <f>Bühler!I1985</f>
        <v>1.2865080627389971</v>
      </c>
      <c r="J1959" s="58">
        <f>Bühler!J1985</f>
        <v>34.553095925138408</v>
      </c>
      <c r="K1959" s="58">
        <f>Bühler!K1985</f>
        <v>2.4579310080259189</v>
      </c>
      <c r="L1959" s="58">
        <f>Bühler!L1985</f>
        <v>1.2289655040129595</v>
      </c>
      <c r="M1959" s="57">
        <f>Bühler!M1985</f>
        <v>0</v>
      </c>
      <c r="N1959" s="55">
        <f>IF(Input!$K$13=1,J1959*Input!$J$13,0)+IF(Input!$K$14=1,K1959*Input!$J$14,0)+IF(Input!$K$15=1,L1959*Input!$J$15,0)+IF(Input!$K$16=1,M1959*Input!$J$16,0)</f>
        <v>4.1463715110166088</v>
      </c>
      <c r="O1959" s="58">
        <f>IF(Input!$K$13=2,J1959*Input!$J$13,0)+IF(Input!$K$14=2,K1959*Input!$J$14,0)+IF(Input!$K$15=2,L1959*Input!$J$15,0)+IF(Input!$K$16=2,M1959*Input!$J$16,0)</f>
        <v>0.33182068608349902</v>
      </c>
      <c r="P1959" s="58">
        <f>IF(Input!$K$13=3,J1959*Input!$J$13,0)+IF(Input!$K$14=3,K1959*Input!$J$14,0)+IF(Input!$K$15=3,L1959*Input!$J$15,0)+IF(Input!$K$16=3,M1959*Input!$J$16,0)</f>
        <v>0</v>
      </c>
      <c r="Q1959" s="71">
        <f>IF(Input!$K$13=4,J1959*Input!$J$13,0)+IF(Input!$K$14=4,K1959*Input!$J$14,0)+IF(Input!$K$15=4,L1959*Input!$J$15,0)+IF(Input!$K$16=4,M1959*Input!$J$16,0)</f>
        <v>0</v>
      </c>
    </row>
    <row r="1960" spans="8:17" x14ac:dyDescent="0.25">
      <c r="H1960" s="43">
        <v>1953</v>
      </c>
      <c r="I1960" s="55">
        <f>Bühler!I1986</f>
        <v>1.4354721542140392</v>
      </c>
      <c r="J1960" s="58">
        <f>Bühler!J1986</f>
        <v>38.553980716470228</v>
      </c>
      <c r="K1960" s="58">
        <f>Bühler!K1986</f>
        <v>2.7425335457973419</v>
      </c>
      <c r="L1960" s="58">
        <f>Bühler!L1986</f>
        <v>1.3712667728986709</v>
      </c>
      <c r="M1960" s="57">
        <f>Bühler!M1986</f>
        <v>0</v>
      </c>
      <c r="N1960" s="55">
        <f>IF(Input!$K$13=1,J1960*Input!$J$13,0)+IF(Input!$K$14=1,K1960*Input!$J$14,0)+IF(Input!$K$15=1,L1960*Input!$J$15,0)+IF(Input!$K$16=1,M1960*Input!$J$16,0)</f>
        <v>4.6264776859764272</v>
      </c>
      <c r="O1960" s="58">
        <f>IF(Input!$K$13=2,J1960*Input!$J$13,0)+IF(Input!$K$14=2,K1960*Input!$J$14,0)+IF(Input!$K$15=2,L1960*Input!$J$15,0)+IF(Input!$K$16=2,M1960*Input!$J$16,0)</f>
        <v>0.37024202868264111</v>
      </c>
      <c r="P1960" s="58">
        <f>IF(Input!$K$13=3,J1960*Input!$J$13,0)+IF(Input!$K$14=3,K1960*Input!$J$14,0)+IF(Input!$K$15=3,L1960*Input!$J$15,0)+IF(Input!$K$16=3,M1960*Input!$J$16,0)</f>
        <v>0</v>
      </c>
      <c r="Q1960" s="71">
        <f>IF(Input!$K$13=4,J1960*Input!$J$13,0)+IF(Input!$K$14=4,K1960*Input!$J$14,0)+IF(Input!$K$15=4,L1960*Input!$J$15,0)+IF(Input!$K$16=4,M1960*Input!$J$16,0)</f>
        <v>0</v>
      </c>
    </row>
    <row r="1961" spans="8:17" x14ac:dyDescent="0.25">
      <c r="H1961" s="43">
        <v>1954</v>
      </c>
      <c r="I1961" s="55">
        <f>Bühler!I1987</f>
        <v>1.584436245689081</v>
      </c>
      <c r="J1961" s="58">
        <f>Bühler!J1987</f>
        <v>42.554865507802056</v>
      </c>
      <c r="K1961" s="58">
        <f>Bühler!K1987</f>
        <v>3.0271360835687644</v>
      </c>
      <c r="L1961" s="58">
        <f>Bühler!L1987</f>
        <v>1.5135680417843822</v>
      </c>
      <c r="M1961" s="57">
        <f>Bühler!M1987</f>
        <v>0</v>
      </c>
      <c r="N1961" s="55">
        <f>IF(Input!$K$13=1,J1961*Input!$J$13,0)+IF(Input!$K$14=1,K1961*Input!$J$14,0)+IF(Input!$K$15=1,L1961*Input!$J$15,0)+IF(Input!$K$16=1,M1961*Input!$J$16,0)</f>
        <v>5.1065838609362464</v>
      </c>
      <c r="O1961" s="58">
        <f>IF(Input!$K$13=2,J1961*Input!$J$13,0)+IF(Input!$K$14=2,K1961*Input!$J$14,0)+IF(Input!$K$15=2,L1961*Input!$J$15,0)+IF(Input!$K$16=2,M1961*Input!$J$16,0)</f>
        <v>0.40866337128178321</v>
      </c>
      <c r="P1961" s="58">
        <f>IF(Input!$K$13=3,J1961*Input!$J$13,0)+IF(Input!$K$14=3,K1961*Input!$J$14,0)+IF(Input!$K$15=3,L1961*Input!$J$15,0)+IF(Input!$K$16=3,M1961*Input!$J$16,0)</f>
        <v>0</v>
      </c>
      <c r="Q1961" s="71">
        <f>IF(Input!$K$13=4,J1961*Input!$J$13,0)+IF(Input!$K$14=4,K1961*Input!$J$14,0)+IF(Input!$K$15=4,L1961*Input!$J$15,0)+IF(Input!$K$16=4,M1961*Input!$J$16,0)</f>
        <v>0</v>
      </c>
    </row>
    <row r="1962" spans="8:17" x14ac:dyDescent="0.25">
      <c r="H1962" s="43">
        <v>1955</v>
      </c>
      <c r="I1962" s="55">
        <f>Bühler!I1988</f>
        <v>1.584436245689081</v>
      </c>
      <c r="J1962" s="58">
        <f>Bühler!J1988</f>
        <v>42.554865507802056</v>
      </c>
      <c r="K1962" s="58">
        <f>Bühler!K1988</f>
        <v>3.0271360835687644</v>
      </c>
      <c r="L1962" s="58">
        <f>Bühler!L1988</f>
        <v>1.5135680417843822</v>
      </c>
      <c r="M1962" s="57">
        <f>Bühler!M1988</f>
        <v>0</v>
      </c>
      <c r="N1962" s="55">
        <f>IF(Input!$K$13=1,J1962*Input!$J$13,0)+IF(Input!$K$14=1,K1962*Input!$J$14,0)+IF(Input!$K$15=1,L1962*Input!$J$15,0)+IF(Input!$K$16=1,M1962*Input!$J$16,0)</f>
        <v>5.1065838609362464</v>
      </c>
      <c r="O1962" s="58">
        <f>IF(Input!$K$13=2,J1962*Input!$J$13,0)+IF(Input!$K$14=2,K1962*Input!$J$14,0)+IF(Input!$K$15=2,L1962*Input!$J$15,0)+IF(Input!$K$16=2,M1962*Input!$J$16,0)</f>
        <v>0.40866337128178321</v>
      </c>
      <c r="P1962" s="58">
        <f>IF(Input!$K$13=3,J1962*Input!$J$13,0)+IF(Input!$K$14=3,K1962*Input!$J$14,0)+IF(Input!$K$15=3,L1962*Input!$J$15,0)+IF(Input!$K$16=3,M1962*Input!$J$16,0)</f>
        <v>0</v>
      </c>
      <c r="Q1962" s="71">
        <f>IF(Input!$K$13=4,J1962*Input!$J$13,0)+IF(Input!$K$14=4,K1962*Input!$J$14,0)+IF(Input!$K$15=4,L1962*Input!$J$15,0)+IF(Input!$K$16=4,M1962*Input!$J$16,0)</f>
        <v>0</v>
      </c>
    </row>
    <row r="1963" spans="8:17" x14ac:dyDescent="0.25">
      <c r="H1963" s="43">
        <v>1956</v>
      </c>
      <c r="I1963" s="55">
        <f>Bühler!I1989</f>
        <v>1.8959066187732589</v>
      </c>
      <c r="J1963" s="58">
        <f>Bühler!J1989</f>
        <v>50.920351889677661</v>
      </c>
      <c r="K1963" s="58">
        <f>Bühler!K1989</f>
        <v>3.6222141170908286</v>
      </c>
      <c r="L1963" s="58">
        <f>Bühler!L1989</f>
        <v>1.8111070585454143</v>
      </c>
      <c r="M1963" s="57">
        <f>Bühler!M1989</f>
        <v>0</v>
      </c>
      <c r="N1963" s="55">
        <f>IF(Input!$K$13=1,J1963*Input!$J$13,0)+IF(Input!$K$14=1,K1963*Input!$J$14,0)+IF(Input!$K$15=1,L1963*Input!$J$15,0)+IF(Input!$K$16=1,M1963*Input!$J$16,0)</f>
        <v>6.110442226761319</v>
      </c>
      <c r="O1963" s="58">
        <f>IF(Input!$K$13=2,J1963*Input!$J$13,0)+IF(Input!$K$14=2,K1963*Input!$J$14,0)+IF(Input!$K$15=2,L1963*Input!$J$15,0)+IF(Input!$K$16=2,M1963*Input!$J$16,0)</f>
        <v>0.48899890580726191</v>
      </c>
      <c r="P1963" s="58">
        <f>IF(Input!$K$13=3,J1963*Input!$J$13,0)+IF(Input!$K$14=3,K1963*Input!$J$14,0)+IF(Input!$K$15=3,L1963*Input!$J$15,0)+IF(Input!$K$16=3,M1963*Input!$J$16,0)</f>
        <v>0</v>
      </c>
      <c r="Q1963" s="71">
        <f>IF(Input!$K$13=4,J1963*Input!$J$13,0)+IF(Input!$K$14=4,K1963*Input!$J$14,0)+IF(Input!$K$15=4,L1963*Input!$J$15,0)+IF(Input!$K$16=4,M1963*Input!$J$16,0)</f>
        <v>0</v>
      </c>
    </row>
    <row r="1964" spans="8:17" x14ac:dyDescent="0.25">
      <c r="H1964" s="43">
        <v>1957</v>
      </c>
      <c r="I1964" s="55">
        <f>Bühler!I1990</f>
        <v>1.8959066187732589</v>
      </c>
      <c r="J1964" s="58">
        <f>Bühler!J1990</f>
        <v>50.920351889677661</v>
      </c>
      <c r="K1964" s="58">
        <f>Bühler!K1990</f>
        <v>3.6222141170908286</v>
      </c>
      <c r="L1964" s="58">
        <f>Bühler!L1990</f>
        <v>1.8111070585454143</v>
      </c>
      <c r="M1964" s="57">
        <f>Bühler!M1990</f>
        <v>0</v>
      </c>
      <c r="N1964" s="55">
        <f>IF(Input!$K$13=1,J1964*Input!$J$13,0)+IF(Input!$K$14=1,K1964*Input!$J$14,0)+IF(Input!$K$15=1,L1964*Input!$J$15,0)+IF(Input!$K$16=1,M1964*Input!$J$16,0)</f>
        <v>6.110442226761319</v>
      </c>
      <c r="O1964" s="58">
        <f>IF(Input!$K$13=2,J1964*Input!$J$13,0)+IF(Input!$K$14=2,K1964*Input!$J$14,0)+IF(Input!$K$15=2,L1964*Input!$J$15,0)+IF(Input!$K$16=2,M1964*Input!$J$16,0)</f>
        <v>0.48899890580726191</v>
      </c>
      <c r="P1964" s="58">
        <f>IF(Input!$K$13=3,J1964*Input!$J$13,0)+IF(Input!$K$14=3,K1964*Input!$J$14,0)+IF(Input!$K$15=3,L1964*Input!$J$15,0)+IF(Input!$K$16=3,M1964*Input!$J$16,0)</f>
        <v>0</v>
      </c>
      <c r="Q1964" s="71">
        <f>IF(Input!$K$13=4,J1964*Input!$J$13,0)+IF(Input!$K$14=4,K1964*Input!$J$14,0)+IF(Input!$K$15=4,L1964*Input!$J$15,0)+IF(Input!$K$16=4,M1964*Input!$J$16,0)</f>
        <v>0</v>
      </c>
    </row>
    <row r="1965" spans="8:17" x14ac:dyDescent="0.25">
      <c r="H1965" s="43">
        <v>1958</v>
      </c>
      <c r="I1965" s="55">
        <f>Bühler!I1991</f>
        <v>1.2594236824708078</v>
      </c>
      <c r="J1965" s="58">
        <f>Bühler!J1991</f>
        <v>33.825662326714443</v>
      </c>
      <c r="K1965" s="58">
        <f>Bühler!K1991</f>
        <v>2.4061850920674788</v>
      </c>
      <c r="L1965" s="58">
        <f>Bühler!L1991</f>
        <v>1.2030925460337394</v>
      </c>
      <c r="M1965" s="57">
        <f>Bühler!M1991</f>
        <v>0</v>
      </c>
      <c r="N1965" s="55">
        <f>IF(Input!$K$13=1,J1965*Input!$J$13,0)+IF(Input!$K$14=1,K1965*Input!$J$14,0)+IF(Input!$K$15=1,L1965*Input!$J$15,0)+IF(Input!$K$16=1,M1965*Input!$J$16,0)</f>
        <v>4.0590794792057334</v>
      </c>
      <c r="O1965" s="58">
        <f>IF(Input!$K$13=2,J1965*Input!$J$13,0)+IF(Input!$K$14=2,K1965*Input!$J$14,0)+IF(Input!$K$15=2,L1965*Input!$J$15,0)+IF(Input!$K$16=2,M1965*Input!$J$16,0)</f>
        <v>0.32483498742910966</v>
      </c>
      <c r="P1965" s="58">
        <f>IF(Input!$K$13=3,J1965*Input!$J$13,0)+IF(Input!$K$14=3,K1965*Input!$J$14,0)+IF(Input!$K$15=3,L1965*Input!$J$15,0)+IF(Input!$K$16=3,M1965*Input!$J$16,0)</f>
        <v>0</v>
      </c>
      <c r="Q1965" s="71">
        <f>IF(Input!$K$13=4,J1965*Input!$J$13,0)+IF(Input!$K$14=4,K1965*Input!$J$14,0)+IF(Input!$K$15=4,L1965*Input!$J$15,0)+IF(Input!$K$16=4,M1965*Input!$J$16,0)</f>
        <v>0</v>
      </c>
    </row>
    <row r="1966" spans="8:17" x14ac:dyDescent="0.25">
      <c r="H1966" s="43">
        <v>1959</v>
      </c>
      <c r="I1966" s="55">
        <f>Bühler!I1992</f>
        <v>1.8959066187732589</v>
      </c>
      <c r="J1966" s="58">
        <f>Bühler!J1992</f>
        <v>50.920351889677661</v>
      </c>
      <c r="K1966" s="58">
        <f>Bühler!K1992</f>
        <v>3.6222141170908286</v>
      </c>
      <c r="L1966" s="58">
        <f>Bühler!L1992</f>
        <v>1.8111070585454143</v>
      </c>
      <c r="M1966" s="57">
        <f>Bühler!M1992</f>
        <v>0</v>
      </c>
      <c r="N1966" s="55">
        <f>IF(Input!$K$13=1,J1966*Input!$J$13,0)+IF(Input!$K$14=1,K1966*Input!$J$14,0)+IF(Input!$K$15=1,L1966*Input!$J$15,0)+IF(Input!$K$16=1,M1966*Input!$J$16,0)</f>
        <v>6.110442226761319</v>
      </c>
      <c r="O1966" s="58">
        <f>IF(Input!$K$13=2,J1966*Input!$J$13,0)+IF(Input!$K$14=2,K1966*Input!$J$14,0)+IF(Input!$K$15=2,L1966*Input!$J$15,0)+IF(Input!$K$16=2,M1966*Input!$J$16,0)</f>
        <v>0.48899890580726191</v>
      </c>
      <c r="P1966" s="58">
        <f>IF(Input!$K$13=3,J1966*Input!$J$13,0)+IF(Input!$K$14=3,K1966*Input!$J$14,0)+IF(Input!$K$15=3,L1966*Input!$J$15,0)+IF(Input!$K$16=3,M1966*Input!$J$16,0)</f>
        <v>0</v>
      </c>
      <c r="Q1966" s="71">
        <f>IF(Input!$K$13=4,J1966*Input!$J$13,0)+IF(Input!$K$14=4,K1966*Input!$J$14,0)+IF(Input!$K$15=4,L1966*Input!$J$15,0)+IF(Input!$K$16=4,M1966*Input!$J$16,0)</f>
        <v>0</v>
      </c>
    </row>
    <row r="1967" spans="8:17" x14ac:dyDescent="0.25">
      <c r="H1967" s="43">
        <v>1960</v>
      </c>
      <c r="I1967" s="55">
        <f>Bühler!I1993</f>
        <v>1.8959066187732589</v>
      </c>
      <c r="J1967" s="58">
        <f>Bühler!J1993</f>
        <v>50.920351889677661</v>
      </c>
      <c r="K1967" s="58">
        <f>Bühler!K1993</f>
        <v>3.6222141170908286</v>
      </c>
      <c r="L1967" s="58">
        <f>Bühler!L1993</f>
        <v>1.8111070585454143</v>
      </c>
      <c r="M1967" s="57">
        <f>Bühler!M1993</f>
        <v>0</v>
      </c>
      <c r="N1967" s="55">
        <f>IF(Input!$K$13=1,J1967*Input!$J$13,0)+IF(Input!$K$14=1,K1967*Input!$J$14,0)+IF(Input!$K$15=1,L1967*Input!$J$15,0)+IF(Input!$K$16=1,M1967*Input!$J$16,0)</f>
        <v>6.110442226761319</v>
      </c>
      <c r="O1967" s="58">
        <f>IF(Input!$K$13=2,J1967*Input!$J$13,0)+IF(Input!$K$14=2,K1967*Input!$J$14,0)+IF(Input!$K$15=2,L1967*Input!$J$15,0)+IF(Input!$K$16=2,M1967*Input!$J$16,0)</f>
        <v>0.48899890580726191</v>
      </c>
      <c r="P1967" s="58">
        <f>IF(Input!$K$13=3,J1967*Input!$J$13,0)+IF(Input!$K$14=3,K1967*Input!$J$14,0)+IF(Input!$K$15=3,L1967*Input!$J$15,0)+IF(Input!$K$16=3,M1967*Input!$J$16,0)</f>
        <v>0</v>
      </c>
      <c r="Q1967" s="71">
        <f>IF(Input!$K$13=4,J1967*Input!$J$13,0)+IF(Input!$K$14=4,K1967*Input!$J$14,0)+IF(Input!$K$15=4,L1967*Input!$J$15,0)+IF(Input!$K$16=4,M1967*Input!$J$16,0)</f>
        <v>0</v>
      </c>
    </row>
    <row r="1968" spans="8:17" x14ac:dyDescent="0.25">
      <c r="H1968" s="43">
        <v>1961</v>
      </c>
      <c r="I1968" s="55">
        <f>Bühler!I1994</f>
        <v>1.5842027596522863</v>
      </c>
      <c r="J1968" s="58">
        <f>Bühler!J1994</f>
        <v>30.512522348043888</v>
      </c>
      <c r="K1968" s="58">
        <f>Bühler!K1994</f>
        <v>2.1345190332856672</v>
      </c>
      <c r="L1968" s="58">
        <f>Bühler!L1994</f>
        <v>1.0672595166428336</v>
      </c>
      <c r="M1968" s="57">
        <f>Bühler!M1994</f>
        <v>0</v>
      </c>
      <c r="N1968" s="55">
        <f>IF(Input!$K$13=1,J1968*Input!$J$13,0)+IF(Input!$K$14=1,K1968*Input!$J$14,0)+IF(Input!$K$15=1,L1968*Input!$J$15,0)+IF(Input!$K$16=1,M1968*Input!$J$16,0)</f>
        <v>3.6615026817652665</v>
      </c>
      <c r="O1968" s="58">
        <f>IF(Input!$K$13=2,J1968*Input!$J$13,0)+IF(Input!$K$14=2,K1968*Input!$J$14,0)+IF(Input!$K$15=2,L1968*Input!$J$15,0)+IF(Input!$K$16=2,M1968*Input!$J$16,0)</f>
        <v>0.2881600694935651</v>
      </c>
      <c r="P1968" s="58">
        <f>IF(Input!$K$13=3,J1968*Input!$J$13,0)+IF(Input!$K$14=3,K1968*Input!$J$14,0)+IF(Input!$K$15=3,L1968*Input!$J$15,0)+IF(Input!$K$16=3,M1968*Input!$J$16,0)</f>
        <v>0</v>
      </c>
      <c r="Q1968" s="71">
        <f>IF(Input!$K$13=4,J1968*Input!$J$13,0)+IF(Input!$K$14=4,K1968*Input!$J$14,0)+IF(Input!$K$15=4,L1968*Input!$J$15,0)+IF(Input!$K$16=4,M1968*Input!$J$16,0)</f>
        <v>0</v>
      </c>
    </row>
    <row r="1969" spans="8:17" x14ac:dyDescent="0.25">
      <c r="H1969" s="43">
        <v>1962</v>
      </c>
      <c r="I1969" s="55">
        <f>Bühler!I1995</f>
        <v>1.2596571685076026</v>
      </c>
      <c r="J1969" s="58">
        <f>Bühler!J1995</f>
        <v>13.654983994758146</v>
      </c>
      <c r="K1969" s="58">
        <f>Bühler!K1995</f>
        <v>0.9110196471556411</v>
      </c>
      <c r="L1969" s="58">
        <f>Bühler!L1995</f>
        <v>0.45550982357782055</v>
      </c>
      <c r="M1969" s="57">
        <f>Bühler!M1995</f>
        <v>0</v>
      </c>
      <c r="N1969" s="55">
        <f>IF(Input!$K$13=1,J1969*Input!$J$13,0)+IF(Input!$K$14=1,K1969*Input!$J$14,0)+IF(Input!$K$15=1,L1969*Input!$J$15,0)+IF(Input!$K$16=1,M1969*Input!$J$16,0)</f>
        <v>1.6385980793709773</v>
      </c>
      <c r="O1969" s="58">
        <f>IF(Input!$K$13=2,J1969*Input!$J$13,0)+IF(Input!$K$14=2,K1969*Input!$J$14,0)+IF(Input!$K$15=2,L1969*Input!$J$15,0)+IF(Input!$K$16=2,M1969*Input!$J$16,0)</f>
        <v>0.12298765236601154</v>
      </c>
      <c r="P1969" s="58">
        <f>IF(Input!$K$13=3,J1969*Input!$J$13,0)+IF(Input!$K$14=3,K1969*Input!$J$14,0)+IF(Input!$K$15=3,L1969*Input!$J$15,0)+IF(Input!$K$16=3,M1969*Input!$J$16,0)</f>
        <v>0</v>
      </c>
      <c r="Q1969" s="71">
        <f>IF(Input!$K$13=4,J1969*Input!$J$13,0)+IF(Input!$K$14=4,K1969*Input!$J$14,0)+IF(Input!$K$15=4,L1969*Input!$J$15,0)+IF(Input!$K$16=4,M1969*Input!$J$16,0)</f>
        <v>0</v>
      </c>
    </row>
    <row r="1970" spans="8:17" x14ac:dyDescent="0.25">
      <c r="H1970" s="43">
        <v>1963</v>
      </c>
      <c r="I1970" s="55">
        <f>Bühler!I1996</f>
        <v>0.46697207358947274</v>
      </c>
      <c r="J1970" s="58">
        <f>Bühler!J1996</f>
        <v>8.6175209741127023</v>
      </c>
      <c r="K1970" s="58">
        <f>Bühler!K1996</f>
        <v>0.60127296712272316</v>
      </c>
      <c r="L1970" s="58">
        <f>Bühler!L1996</f>
        <v>0.30063648356136158</v>
      </c>
      <c r="M1970" s="57">
        <f>Bühler!M1996</f>
        <v>0</v>
      </c>
      <c r="N1970" s="55">
        <f>IF(Input!$K$13=1,J1970*Input!$J$13,0)+IF(Input!$K$14=1,K1970*Input!$J$14,0)+IF(Input!$K$15=1,L1970*Input!$J$15,0)+IF(Input!$K$16=1,M1970*Input!$J$16,0)</f>
        <v>1.0341025168935243</v>
      </c>
      <c r="O1970" s="58">
        <f>IF(Input!$K$13=2,J1970*Input!$J$13,0)+IF(Input!$K$14=2,K1970*Input!$J$14,0)+IF(Input!$K$15=2,L1970*Input!$J$15,0)+IF(Input!$K$16=2,M1970*Input!$J$16,0)</f>
        <v>8.1171850561567616E-2</v>
      </c>
      <c r="P1970" s="58">
        <f>IF(Input!$K$13=3,J1970*Input!$J$13,0)+IF(Input!$K$14=3,K1970*Input!$J$14,0)+IF(Input!$K$15=3,L1970*Input!$J$15,0)+IF(Input!$K$16=3,M1970*Input!$J$16,0)</f>
        <v>0</v>
      </c>
      <c r="Q1970" s="71">
        <f>IF(Input!$K$13=4,J1970*Input!$J$13,0)+IF(Input!$K$14=4,K1970*Input!$J$14,0)+IF(Input!$K$15=4,L1970*Input!$J$15,0)+IF(Input!$K$16=4,M1970*Input!$J$16,0)</f>
        <v>0</v>
      </c>
    </row>
    <row r="1971" spans="8:17" x14ac:dyDescent="0.25">
      <c r="H1971" s="43">
        <v>1964</v>
      </c>
      <c r="I1971" s="55">
        <f>Bühler!I1997</f>
        <v>0.46697207358947274</v>
      </c>
      <c r="J1971" s="58">
        <f>Bühler!J1997</f>
        <v>8.6175209741127023</v>
      </c>
      <c r="K1971" s="58">
        <f>Bühler!K1997</f>
        <v>0.60127296712272316</v>
      </c>
      <c r="L1971" s="58">
        <f>Bühler!L1997</f>
        <v>0.30063648356136158</v>
      </c>
      <c r="M1971" s="57">
        <f>Bühler!M1997</f>
        <v>0</v>
      </c>
      <c r="N1971" s="55">
        <f>IF(Input!$K$13=1,J1971*Input!$J$13,0)+IF(Input!$K$14=1,K1971*Input!$J$14,0)+IF(Input!$K$15=1,L1971*Input!$J$15,0)+IF(Input!$K$16=1,M1971*Input!$J$16,0)</f>
        <v>1.0341025168935243</v>
      </c>
      <c r="O1971" s="58">
        <f>IF(Input!$K$13=2,J1971*Input!$J$13,0)+IF(Input!$K$14=2,K1971*Input!$J$14,0)+IF(Input!$K$15=2,L1971*Input!$J$15,0)+IF(Input!$K$16=2,M1971*Input!$J$16,0)</f>
        <v>8.1171850561567616E-2</v>
      </c>
      <c r="P1971" s="58">
        <f>IF(Input!$K$13=3,J1971*Input!$J$13,0)+IF(Input!$K$14=3,K1971*Input!$J$14,0)+IF(Input!$K$15=3,L1971*Input!$J$15,0)+IF(Input!$K$16=3,M1971*Input!$J$16,0)</f>
        <v>0</v>
      </c>
      <c r="Q1971" s="71">
        <f>IF(Input!$K$13=4,J1971*Input!$J$13,0)+IF(Input!$K$14=4,K1971*Input!$J$14,0)+IF(Input!$K$15=4,L1971*Input!$J$15,0)+IF(Input!$K$16=4,M1971*Input!$J$16,0)</f>
        <v>0</v>
      </c>
    </row>
    <row r="1972" spans="8:17" x14ac:dyDescent="0.25">
      <c r="H1972" s="43">
        <v>1965</v>
      </c>
      <c r="I1972" s="55">
        <f>Bühler!I1998</f>
        <v>0.46697207358947274</v>
      </c>
      <c r="J1972" s="58">
        <f>Bühler!J1998</f>
        <v>8.6175209741127023</v>
      </c>
      <c r="K1972" s="58">
        <f>Bühler!K1998</f>
        <v>0.60127296712272316</v>
      </c>
      <c r="L1972" s="58">
        <f>Bühler!L1998</f>
        <v>0.30063648356136158</v>
      </c>
      <c r="M1972" s="57">
        <f>Bühler!M1998</f>
        <v>0</v>
      </c>
      <c r="N1972" s="55">
        <f>IF(Input!$K$13=1,J1972*Input!$J$13,0)+IF(Input!$K$14=1,K1972*Input!$J$14,0)+IF(Input!$K$15=1,L1972*Input!$J$15,0)+IF(Input!$K$16=1,M1972*Input!$J$16,0)</f>
        <v>1.0341025168935243</v>
      </c>
      <c r="O1972" s="58">
        <f>IF(Input!$K$13=2,J1972*Input!$J$13,0)+IF(Input!$K$14=2,K1972*Input!$J$14,0)+IF(Input!$K$15=2,L1972*Input!$J$15,0)+IF(Input!$K$16=2,M1972*Input!$J$16,0)</f>
        <v>8.1171850561567616E-2</v>
      </c>
      <c r="P1972" s="58">
        <f>IF(Input!$K$13=3,J1972*Input!$J$13,0)+IF(Input!$K$14=3,K1972*Input!$J$14,0)+IF(Input!$K$15=3,L1972*Input!$J$15,0)+IF(Input!$K$16=3,M1972*Input!$J$16,0)</f>
        <v>0</v>
      </c>
      <c r="Q1972" s="71">
        <f>IF(Input!$K$13=4,J1972*Input!$J$13,0)+IF(Input!$K$14=4,K1972*Input!$J$14,0)+IF(Input!$K$15=4,L1972*Input!$J$15,0)+IF(Input!$K$16=4,M1972*Input!$J$16,0)</f>
        <v>0</v>
      </c>
    </row>
    <row r="1973" spans="8:17" x14ac:dyDescent="0.25">
      <c r="H1973" s="43">
        <v>1966</v>
      </c>
      <c r="I1973" s="55">
        <f>Bühler!I1999</f>
        <v>0.46697207358947274</v>
      </c>
      <c r="J1973" s="58">
        <f>Bühler!J1999</f>
        <v>8.6175209741127023</v>
      </c>
      <c r="K1973" s="58">
        <f>Bühler!K1999</f>
        <v>0.60127296712272316</v>
      </c>
      <c r="L1973" s="58">
        <f>Bühler!L1999</f>
        <v>0.30063648356136158</v>
      </c>
      <c r="M1973" s="57">
        <f>Bühler!M1999</f>
        <v>0</v>
      </c>
      <c r="N1973" s="55">
        <f>IF(Input!$K$13=1,J1973*Input!$J$13,0)+IF(Input!$K$14=1,K1973*Input!$J$14,0)+IF(Input!$K$15=1,L1973*Input!$J$15,0)+IF(Input!$K$16=1,M1973*Input!$J$16,0)</f>
        <v>1.0341025168935243</v>
      </c>
      <c r="O1973" s="58">
        <f>IF(Input!$K$13=2,J1973*Input!$J$13,0)+IF(Input!$K$14=2,K1973*Input!$J$14,0)+IF(Input!$K$15=2,L1973*Input!$J$15,0)+IF(Input!$K$16=2,M1973*Input!$J$16,0)</f>
        <v>8.1171850561567616E-2</v>
      </c>
      <c r="P1973" s="58">
        <f>IF(Input!$K$13=3,J1973*Input!$J$13,0)+IF(Input!$K$14=3,K1973*Input!$J$14,0)+IF(Input!$K$15=3,L1973*Input!$J$15,0)+IF(Input!$K$16=3,M1973*Input!$J$16,0)</f>
        <v>0</v>
      </c>
      <c r="Q1973" s="71">
        <f>IF(Input!$K$13=4,J1973*Input!$J$13,0)+IF(Input!$K$14=4,K1973*Input!$J$14,0)+IF(Input!$K$15=4,L1973*Input!$J$15,0)+IF(Input!$K$16=4,M1973*Input!$J$16,0)</f>
        <v>0</v>
      </c>
    </row>
    <row r="1974" spans="8:17" x14ac:dyDescent="0.25">
      <c r="H1974" s="43">
        <v>1967</v>
      </c>
      <c r="I1974" s="55">
        <f>Bühler!I2000</f>
        <v>0.46697207358947274</v>
      </c>
      <c r="J1974" s="58">
        <f>Bühler!J2000</f>
        <v>8.6175209741127023</v>
      </c>
      <c r="K1974" s="58">
        <f>Bühler!K2000</f>
        <v>0.60127296712272316</v>
      </c>
      <c r="L1974" s="58">
        <f>Bühler!L2000</f>
        <v>0.30063648356136158</v>
      </c>
      <c r="M1974" s="57">
        <f>Bühler!M2000</f>
        <v>0</v>
      </c>
      <c r="N1974" s="55">
        <f>IF(Input!$K$13=1,J1974*Input!$J$13,0)+IF(Input!$K$14=1,K1974*Input!$J$14,0)+IF(Input!$K$15=1,L1974*Input!$J$15,0)+IF(Input!$K$16=1,M1974*Input!$J$16,0)</f>
        <v>1.0341025168935243</v>
      </c>
      <c r="O1974" s="58">
        <f>IF(Input!$K$13=2,J1974*Input!$J$13,0)+IF(Input!$K$14=2,K1974*Input!$J$14,0)+IF(Input!$K$15=2,L1974*Input!$J$15,0)+IF(Input!$K$16=2,M1974*Input!$J$16,0)</f>
        <v>8.1171850561567616E-2</v>
      </c>
      <c r="P1974" s="58">
        <f>IF(Input!$K$13=3,J1974*Input!$J$13,0)+IF(Input!$K$14=3,K1974*Input!$J$14,0)+IF(Input!$K$15=3,L1974*Input!$J$15,0)+IF(Input!$K$16=3,M1974*Input!$J$16,0)</f>
        <v>0</v>
      </c>
      <c r="Q1974" s="71">
        <f>IF(Input!$K$13=4,J1974*Input!$J$13,0)+IF(Input!$K$14=4,K1974*Input!$J$14,0)+IF(Input!$K$15=4,L1974*Input!$J$15,0)+IF(Input!$K$16=4,M1974*Input!$J$16,0)</f>
        <v>0</v>
      </c>
    </row>
    <row r="1975" spans="8:17" x14ac:dyDescent="0.25">
      <c r="H1975" s="43">
        <v>1968</v>
      </c>
      <c r="I1975" s="55">
        <f>Bühler!I2001</f>
        <v>0.46697207358947274</v>
      </c>
      <c r="J1975" s="58">
        <f>Bühler!J2001</f>
        <v>8.6175209741127023</v>
      </c>
      <c r="K1975" s="58">
        <f>Bühler!K2001</f>
        <v>0.60127296712272316</v>
      </c>
      <c r="L1975" s="58">
        <f>Bühler!L2001</f>
        <v>0.30063648356136158</v>
      </c>
      <c r="M1975" s="57">
        <f>Bühler!M2001</f>
        <v>0</v>
      </c>
      <c r="N1975" s="55">
        <f>IF(Input!$K$13=1,J1975*Input!$J$13,0)+IF(Input!$K$14=1,K1975*Input!$J$14,0)+IF(Input!$K$15=1,L1975*Input!$J$15,0)+IF(Input!$K$16=1,M1975*Input!$J$16,0)</f>
        <v>1.0341025168935243</v>
      </c>
      <c r="O1975" s="58">
        <f>IF(Input!$K$13=2,J1975*Input!$J$13,0)+IF(Input!$K$14=2,K1975*Input!$J$14,0)+IF(Input!$K$15=2,L1975*Input!$J$15,0)+IF(Input!$K$16=2,M1975*Input!$J$16,0)</f>
        <v>8.1171850561567616E-2</v>
      </c>
      <c r="P1975" s="58">
        <f>IF(Input!$K$13=3,J1975*Input!$J$13,0)+IF(Input!$K$14=3,K1975*Input!$J$14,0)+IF(Input!$K$15=3,L1975*Input!$J$15,0)+IF(Input!$K$16=3,M1975*Input!$J$16,0)</f>
        <v>0</v>
      </c>
      <c r="Q1975" s="71">
        <f>IF(Input!$K$13=4,J1975*Input!$J$13,0)+IF(Input!$K$14=4,K1975*Input!$J$14,0)+IF(Input!$K$15=4,L1975*Input!$J$15,0)+IF(Input!$K$16=4,M1975*Input!$J$16,0)</f>
        <v>0</v>
      </c>
    </row>
    <row r="1976" spans="8:17" x14ac:dyDescent="0.25">
      <c r="H1976" s="43">
        <v>1969</v>
      </c>
      <c r="I1976" s="55">
        <f>Bühler!I2002</f>
        <v>0.38533398200133684</v>
      </c>
      <c r="J1976" s="58">
        <f>Bühler!J2002</f>
        <v>12.055718837929286</v>
      </c>
      <c r="K1976" s="58">
        <f>Bühler!K2002</f>
        <v>0.91020462845844696</v>
      </c>
      <c r="L1976" s="58">
        <f>Bühler!L2002</f>
        <v>0.45510231422922348</v>
      </c>
      <c r="M1976" s="57">
        <f>Bühler!M2002</f>
        <v>0</v>
      </c>
      <c r="N1976" s="55">
        <f>IF(Input!$K$13=1,J1976*Input!$J$13,0)+IF(Input!$K$14=1,K1976*Input!$J$14,0)+IF(Input!$K$15=1,L1976*Input!$J$15,0)+IF(Input!$K$16=1,M1976*Input!$J$16,0)</f>
        <v>1.4466862605515143</v>
      </c>
      <c r="O1976" s="58">
        <f>IF(Input!$K$13=2,J1976*Input!$J$13,0)+IF(Input!$K$14=2,K1976*Input!$J$14,0)+IF(Input!$K$15=2,L1976*Input!$J$15,0)+IF(Input!$K$16=2,M1976*Input!$J$16,0)</f>
        <v>0.12287762484189034</v>
      </c>
      <c r="P1976" s="58">
        <f>IF(Input!$K$13=3,J1976*Input!$J$13,0)+IF(Input!$K$14=3,K1976*Input!$J$14,0)+IF(Input!$K$15=3,L1976*Input!$J$15,0)+IF(Input!$K$16=3,M1976*Input!$J$16,0)</f>
        <v>0</v>
      </c>
      <c r="Q1976" s="71">
        <f>IF(Input!$K$13=4,J1976*Input!$J$13,0)+IF(Input!$K$14=4,K1976*Input!$J$14,0)+IF(Input!$K$15=4,L1976*Input!$J$15,0)+IF(Input!$K$16=4,M1976*Input!$J$16,0)</f>
        <v>0</v>
      </c>
    </row>
    <row r="1977" spans="8:17" x14ac:dyDescent="0.25">
      <c r="H1977" s="43">
        <v>1970</v>
      </c>
      <c r="I1977" s="55">
        <f>Bühler!I2003</f>
        <v>0.38533398200133684</v>
      </c>
      <c r="J1977" s="58">
        <f>Bühler!J2003</f>
        <v>7.4709443536900366</v>
      </c>
      <c r="K1977" s="58">
        <f>Bühler!K2003</f>
        <v>0.55163916876269514</v>
      </c>
      <c r="L1977" s="58">
        <f>Bühler!L2003</f>
        <v>0.27581958438134757</v>
      </c>
      <c r="M1977" s="57">
        <f>Bühler!M2003</f>
        <v>0</v>
      </c>
      <c r="N1977" s="55">
        <f>IF(Input!$K$13=1,J1977*Input!$J$13,0)+IF(Input!$K$14=1,K1977*Input!$J$14,0)+IF(Input!$K$15=1,L1977*Input!$J$15,0)+IF(Input!$K$16=1,M1977*Input!$J$16,0)</f>
        <v>0.89651332244280435</v>
      </c>
      <c r="O1977" s="58">
        <f>IF(Input!$K$13=2,J1977*Input!$J$13,0)+IF(Input!$K$14=2,K1977*Input!$J$14,0)+IF(Input!$K$15=2,L1977*Input!$J$15,0)+IF(Input!$K$16=2,M1977*Input!$J$16,0)</f>
        <v>7.447128778296383E-2</v>
      </c>
      <c r="P1977" s="58">
        <f>IF(Input!$K$13=3,J1977*Input!$J$13,0)+IF(Input!$K$14=3,K1977*Input!$J$14,0)+IF(Input!$K$15=3,L1977*Input!$J$15,0)+IF(Input!$K$16=3,M1977*Input!$J$16,0)</f>
        <v>0</v>
      </c>
      <c r="Q1977" s="71">
        <f>IF(Input!$K$13=4,J1977*Input!$J$13,0)+IF(Input!$K$14=4,K1977*Input!$J$14,0)+IF(Input!$K$15=4,L1977*Input!$J$15,0)+IF(Input!$K$16=4,M1977*Input!$J$16,0)</f>
        <v>0</v>
      </c>
    </row>
    <row r="1978" spans="8:17" x14ac:dyDescent="0.25">
      <c r="H1978" s="43">
        <v>1971</v>
      </c>
      <c r="I1978" s="55">
        <f>Bühler!I2004</f>
        <v>0.38533398200133684</v>
      </c>
      <c r="J1978" s="58">
        <f>Bühler!J2004</f>
        <v>7.4709443536900366</v>
      </c>
      <c r="K1978" s="58">
        <f>Bühler!K2004</f>
        <v>0.55163916876269514</v>
      </c>
      <c r="L1978" s="58">
        <f>Bühler!L2004</f>
        <v>0.27581958438134757</v>
      </c>
      <c r="M1978" s="57">
        <f>Bühler!M2004</f>
        <v>0</v>
      </c>
      <c r="N1978" s="55">
        <f>IF(Input!$K$13=1,J1978*Input!$J$13,0)+IF(Input!$K$14=1,K1978*Input!$J$14,0)+IF(Input!$K$15=1,L1978*Input!$J$15,0)+IF(Input!$K$16=1,M1978*Input!$J$16,0)</f>
        <v>0.89651332244280435</v>
      </c>
      <c r="O1978" s="58">
        <f>IF(Input!$K$13=2,J1978*Input!$J$13,0)+IF(Input!$K$14=2,K1978*Input!$J$14,0)+IF(Input!$K$15=2,L1978*Input!$J$15,0)+IF(Input!$K$16=2,M1978*Input!$J$16,0)</f>
        <v>7.447128778296383E-2</v>
      </c>
      <c r="P1978" s="58">
        <f>IF(Input!$K$13=3,J1978*Input!$J$13,0)+IF(Input!$K$14=3,K1978*Input!$J$14,0)+IF(Input!$K$15=3,L1978*Input!$J$15,0)+IF(Input!$K$16=3,M1978*Input!$J$16,0)</f>
        <v>0</v>
      </c>
      <c r="Q1978" s="71">
        <f>IF(Input!$K$13=4,J1978*Input!$J$13,0)+IF(Input!$K$14=4,K1978*Input!$J$14,0)+IF(Input!$K$15=4,L1978*Input!$J$15,0)+IF(Input!$K$16=4,M1978*Input!$J$16,0)</f>
        <v>0</v>
      </c>
    </row>
    <row r="1979" spans="8:17" x14ac:dyDescent="0.25">
      <c r="H1979" s="43">
        <v>1972</v>
      </c>
      <c r="I1979" s="55">
        <f>Bühler!I2005</f>
        <v>0.38533398200133684</v>
      </c>
      <c r="J1979" s="58">
        <f>Bühler!J2005</f>
        <v>7.4709443536900366</v>
      </c>
      <c r="K1979" s="58">
        <f>Bühler!K2005</f>
        <v>0.55163916876269514</v>
      </c>
      <c r="L1979" s="58">
        <f>Bühler!L2005</f>
        <v>0.27581958438134757</v>
      </c>
      <c r="M1979" s="57">
        <f>Bühler!M2005</f>
        <v>0</v>
      </c>
      <c r="N1979" s="55">
        <f>IF(Input!$K$13=1,J1979*Input!$J$13,0)+IF(Input!$K$14=1,K1979*Input!$J$14,0)+IF(Input!$K$15=1,L1979*Input!$J$15,0)+IF(Input!$K$16=1,M1979*Input!$J$16,0)</f>
        <v>0.89651332244280435</v>
      </c>
      <c r="O1979" s="58">
        <f>IF(Input!$K$13=2,J1979*Input!$J$13,0)+IF(Input!$K$14=2,K1979*Input!$J$14,0)+IF(Input!$K$15=2,L1979*Input!$J$15,0)+IF(Input!$K$16=2,M1979*Input!$J$16,0)</f>
        <v>7.447128778296383E-2</v>
      </c>
      <c r="P1979" s="58">
        <f>IF(Input!$K$13=3,J1979*Input!$J$13,0)+IF(Input!$K$14=3,K1979*Input!$J$14,0)+IF(Input!$K$15=3,L1979*Input!$J$15,0)+IF(Input!$K$16=3,M1979*Input!$J$16,0)</f>
        <v>0</v>
      </c>
      <c r="Q1979" s="71">
        <f>IF(Input!$K$13=4,J1979*Input!$J$13,0)+IF(Input!$K$14=4,K1979*Input!$J$14,0)+IF(Input!$K$15=4,L1979*Input!$J$15,0)+IF(Input!$K$16=4,M1979*Input!$J$16,0)</f>
        <v>0</v>
      </c>
    </row>
    <row r="1980" spans="8:17" x14ac:dyDescent="0.25">
      <c r="H1980" s="43">
        <v>1973</v>
      </c>
      <c r="I1980" s="55">
        <f>Bühler!I2006</f>
        <v>0.38533398200133684</v>
      </c>
      <c r="J1980" s="58">
        <f>Bühler!J2006</f>
        <v>7.4709443536900366</v>
      </c>
      <c r="K1980" s="58">
        <f>Bühler!K2006</f>
        <v>0.55163916876269514</v>
      </c>
      <c r="L1980" s="58">
        <f>Bühler!L2006</f>
        <v>0.27581958438134757</v>
      </c>
      <c r="M1980" s="57">
        <f>Bühler!M2006</f>
        <v>0</v>
      </c>
      <c r="N1980" s="55">
        <f>IF(Input!$K$13=1,J1980*Input!$J$13,0)+IF(Input!$K$14=1,K1980*Input!$J$14,0)+IF(Input!$K$15=1,L1980*Input!$J$15,0)+IF(Input!$K$16=1,M1980*Input!$J$16,0)</f>
        <v>0.89651332244280435</v>
      </c>
      <c r="O1980" s="58">
        <f>IF(Input!$K$13=2,J1980*Input!$J$13,0)+IF(Input!$K$14=2,K1980*Input!$J$14,0)+IF(Input!$K$15=2,L1980*Input!$J$15,0)+IF(Input!$K$16=2,M1980*Input!$J$16,0)</f>
        <v>7.447128778296383E-2</v>
      </c>
      <c r="P1980" s="58">
        <f>IF(Input!$K$13=3,J1980*Input!$J$13,0)+IF(Input!$K$14=3,K1980*Input!$J$14,0)+IF(Input!$K$15=3,L1980*Input!$J$15,0)+IF(Input!$K$16=3,M1980*Input!$J$16,0)</f>
        <v>0</v>
      </c>
      <c r="Q1980" s="71">
        <f>IF(Input!$K$13=4,J1980*Input!$J$13,0)+IF(Input!$K$14=4,K1980*Input!$J$14,0)+IF(Input!$K$15=4,L1980*Input!$J$15,0)+IF(Input!$K$16=4,M1980*Input!$J$16,0)</f>
        <v>0</v>
      </c>
    </row>
    <row r="1981" spans="8:17" x14ac:dyDescent="0.25">
      <c r="H1981" s="43">
        <v>1974</v>
      </c>
      <c r="I1981" s="55">
        <f>Bühler!I2007</f>
        <v>0.38533398200133684</v>
      </c>
      <c r="J1981" s="58">
        <f>Bühler!J2007</f>
        <v>7.4709443536900366</v>
      </c>
      <c r="K1981" s="58">
        <f>Bühler!K2007</f>
        <v>0.55163916876269514</v>
      </c>
      <c r="L1981" s="58">
        <f>Bühler!L2007</f>
        <v>0.27581958438134757</v>
      </c>
      <c r="M1981" s="57">
        <f>Bühler!M2007</f>
        <v>0</v>
      </c>
      <c r="N1981" s="55">
        <f>IF(Input!$K$13=1,J1981*Input!$J$13,0)+IF(Input!$K$14=1,K1981*Input!$J$14,0)+IF(Input!$K$15=1,L1981*Input!$J$15,0)+IF(Input!$K$16=1,M1981*Input!$J$16,0)</f>
        <v>0.89651332244280435</v>
      </c>
      <c r="O1981" s="58">
        <f>IF(Input!$K$13=2,J1981*Input!$J$13,0)+IF(Input!$K$14=2,K1981*Input!$J$14,0)+IF(Input!$K$15=2,L1981*Input!$J$15,0)+IF(Input!$K$16=2,M1981*Input!$J$16,0)</f>
        <v>7.447128778296383E-2</v>
      </c>
      <c r="P1981" s="58">
        <f>IF(Input!$K$13=3,J1981*Input!$J$13,0)+IF(Input!$K$14=3,K1981*Input!$J$14,0)+IF(Input!$K$15=3,L1981*Input!$J$15,0)+IF(Input!$K$16=3,M1981*Input!$J$16,0)</f>
        <v>0</v>
      </c>
      <c r="Q1981" s="71">
        <f>IF(Input!$K$13=4,J1981*Input!$J$13,0)+IF(Input!$K$14=4,K1981*Input!$J$14,0)+IF(Input!$K$15=4,L1981*Input!$J$15,0)+IF(Input!$K$16=4,M1981*Input!$J$16,0)</f>
        <v>0</v>
      </c>
    </row>
    <row r="1982" spans="8:17" x14ac:dyDescent="0.25">
      <c r="H1982" s="43">
        <v>1975</v>
      </c>
      <c r="I1982" s="55">
        <f>Bühler!I2008</f>
        <v>0.38533398200133684</v>
      </c>
      <c r="J1982" s="58">
        <f>Bühler!J2008</f>
        <v>7.4709443536900366</v>
      </c>
      <c r="K1982" s="58">
        <f>Bühler!K2008</f>
        <v>0.55163916876269514</v>
      </c>
      <c r="L1982" s="58">
        <f>Bühler!L2008</f>
        <v>0.27581958438134757</v>
      </c>
      <c r="M1982" s="57">
        <f>Bühler!M2008</f>
        <v>0</v>
      </c>
      <c r="N1982" s="55">
        <f>IF(Input!$K$13=1,J1982*Input!$J$13,0)+IF(Input!$K$14=1,K1982*Input!$J$14,0)+IF(Input!$K$15=1,L1982*Input!$J$15,0)+IF(Input!$K$16=1,M1982*Input!$J$16,0)</f>
        <v>0.89651332244280435</v>
      </c>
      <c r="O1982" s="58">
        <f>IF(Input!$K$13=2,J1982*Input!$J$13,0)+IF(Input!$K$14=2,K1982*Input!$J$14,0)+IF(Input!$K$15=2,L1982*Input!$J$15,0)+IF(Input!$K$16=2,M1982*Input!$J$16,0)</f>
        <v>7.447128778296383E-2</v>
      </c>
      <c r="P1982" s="58">
        <f>IF(Input!$K$13=3,J1982*Input!$J$13,0)+IF(Input!$K$14=3,K1982*Input!$J$14,0)+IF(Input!$K$15=3,L1982*Input!$J$15,0)+IF(Input!$K$16=3,M1982*Input!$J$16,0)</f>
        <v>0</v>
      </c>
      <c r="Q1982" s="71">
        <f>IF(Input!$K$13=4,J1982*Input!$J$13,0)+IF(Input!$K$14=4,K1982*Input!$J$14,0)+IF(Input!$K$15=4,L1982*Input!$J$15,0)+IF(Input!$K$16=4,M1982*Input!$J$16,0)</f>
        <v>0</v>
      </c>
    </row>
    <row r="1983" spans="8:17" x14ac:dyDescent="0.25">
      <c r="H1983" s="43">
        <v>1976</v>
      </c>
      <c r="I1983" s="55">
        <f>Bühler!I2009</f>
        <v>1.0441307899391061</v>
      </c>
      <c r="J1983" s="58">
        <f>Bühler!J2009</f>
        <v>31.179048308884084</v>
      </c>
      <c r="K1983" s="58">
        <f>Bühler!K2009</f>
        <v>2.349982858929081</v>
      </c>
      <c r="L1983" s="58">
        <f>Bühler!L2009</f>
        <v>1.1749914294645405</v>
      </c>
      <c r="M1983" s="57">
        <f>Bühler!M2009</f>
        <v>0</v>
      </c>
      <c r="N1983" s="55">
        <f>IF(Input!$K$13=1,J1983*Input!$J$13,0)+IF(Input!$K$14=1,K1983*Input!$J$14,0)+IF(Input!$K$15=1,L1983*Input!$J$15,0)+IF(Input!$K$16=1,M1983*Input!$J$16,0)</f>
        <v>3.74148579706609</v>
      </c>
      <c r="O1983" s="58">
        <f>IF(Input!$K$13=2,J1983*Input!$J$13,0)+IF(Input!$K$14=2,K1983*Input!$J$14,0)+IF(Input!$K$15=2,L1983*Input!$J$15,0)+IF(Input!$K$16=2,M1983*Input!$J$16,0)</f>
        <v>0.31724768595542596</v>
      </c>
      <c r="P1983" s="58">
        <f>IF(Input!$K$13=3,J1983*Input!$J$13,0)+IF(Input!$K$14=3,K1983*Input!$J$14,0)+IF(Input!$K$15=3,L1983*Input!$J$15,0)+IF(Input!$K$16=3,M1983*Input!$J$16,0)</f>
        <v>0</v>
      </c>
      <c r="Q1983" s="71">
        <f>IF(Input!$K$13=4,J1983*Input!$J$13,0)+IF(Input!$K$14=4,K1983*Input!$J$14,0)+IF(Input!$K$15=4,L1983*Input!$J$15,0)+IF(Input!$K$16=4,M1983*Input!$J$16,0)</f>
        <v>0</v>
      </c>
    </row>
    <row r="1984" spans="8:17" x14ac:dyDescent="0.25">
      <c r="H1984" s="43">
        <v>1977</v>
      </c>
      <c r="I1984" s="55">
        <f>Bühler!I2010</f>
        <v>1.3051634874238829</v>
      </c>
      <c r="J1984" s="58">
        <f>Bühler!J2010</f>
        <v>38.973810386105107</v>
      </c>
      <c r="K1984" s="58">
        <f>Bühler!K2010</f>
        <v>2.9374785736613513</v>
      </c>
      <c r="L1984" s="58">
        <f>Bühler!L2010</f>
        <v>1.4687392868306757</v>
      </c>
      <c r="M1984" s="57">
        <f>Bühler!M2010</f>
        <v>0</v>
      </c>
      <c r="N1984" s="55">
        <f>IF(Input!$K$13=1,J1984*Input!$J$13,0)+IF(Input!$K$14=1,K1984*Input!$J$14,0)+IF(Input!$K$15=1,L1984*Input!$J$15,0)+IF(Input!$K$16=1,M1984*Input!$J$16,0)</f>
        <v>4.676857246332613</v>
      </c>
      <c r="O1984" s="58">
        <f>IF(Input!$K$13=2,J1984*Input!$J$13,0)+IF(Input!$K$14=2,K1984*Input!$J$14,0)+IF(Input!$K$15=2,L1984*Input!$J$15,0)+IF(Input!$K$16=2,M1984*Input!$J$16,0)</f>
        <v>0.39655960744428242</v>
      </c>
      <c r="P1984" s="58">
        <f>IF(Input!$K$13=3,J1984*Input!$J$13,0)+IF(Input!$K$14=3,K1984*Input!$J$14,0)+IF(Input!$K$15=3,L1984*Input!$J$15,0)+IF(Input!$K$16=3,M1984*Input!$J$16,0)</f>
        <v>0</v>
      </c>
      <c r="Q1984" s="71">
        <f>IF(Input!$K$13=4,J1984*Input!$J$13,0)+IF(Input!$K$14=4,K1984*Input!$J$14,0)+IF(Input!$K$15=4,L1984*Input!$J$15,0)+IF(Input!$K$16=4,M1984*Input!$J$16,0)</f>
        <v>0</v>
      </c>
    </row>
    <row r="1985" spans="8:17" x14ac:dyDescent="0.25">
      <c r="H1985" s="43">
        <v>1978</v>
      </c>
      <c r="I1985" s="55">
        <f>Bühler!I2011</f>
        <v>1.435679836166271</v>
      </c>
      <c r="J1985" s="58">
        <f>Bühler!J2011</f>
        <v>42.871191424715619</v>
      </c>
      <c r="K1985" s="58">
        <f>Bühler!K2011</f>
        <v>3.2312264310274865</v>
      </c>
      <c r="L1985" s="58">
        <f>Bühler!L2011</f>
        <v>1.6156132155137433</v>
      </c>
      <c r="M1985" s="57">
        <f>Bühler!M2011</f>
        <v>0</v>
      </c>
      <c r="N1985" s="55">
        <f>IF(Input!$K$13=1,J1985*Input!$J$13,0)+IF(Input!$K$14=1,K1985*Input!$J$14,0)+IF(Input!$K$15=1,L1985*Input!$J$15,0)+IF(Input!$K$16=1,M1985*Input!$J$16,0)</f>
        <v>5.1445429709658743</v>
      </c>
      <c r="O1985" s="58">
        <f>IF(Input!$K$13=2,J1985*Input!$J$13,0)+IF(Input!$K$14=2,K1985*Input!$J$14,0)+IF(Input!$K$15=2,L1985*Input!$J$15,0)+IF(Input!$K$16=2,M1985*Input!$J$16,0)</f>
        <v>0.43621556818871066</v>
      </c>
      <c r="P1985" s="58">
        <f>IF(Input!$K$13=3,J1985*Input!$J$13,0)+IF(Input!$K$14=3,K1985*Input!$J$14,0)+IF(Input!$K$15=3,L1985*Input!$J$15,0)+IF(Input!$K$16=3,M1985*Input!$J$16,0)</f>
        <v>0</v>
      </c>
      <c r="Q1985" s="71">
        <f>IF(Input!$K$13=4,J1985*Input!$J$13,0)+IF(Input!$K$14=4,K1985*Input!$J$14,0)+IF(Input!$K$15=4,L1985*Input!$J$15,0)+IF(Input!$K$16=4,M1985*Input!$J$16,0)</f>
        <v>0</v>
      </c>
    </row>
    <row r="1986" spans="8:17" x14ac:dyDescent="0.25">
      <c r="H1986" s="43">
        <v>1979</v>
      </c>
      <c r="I1986" s="55">
        <f>Bühler!I2012</f>
        <v>1.435679836166271</v>
      </c>
      <c r="J1986" s="58">
        <f>Bühler!J2012</f>
        <v>42.871191424715619</v>
      </c>
      <c r="K1986" s="58">
        <f>Bühler!K2012</f>
        <v>3.2312264310274865</v>
      </c>
      <c r="L1986" s="58">
        <f>Bühler!L2012</f>
        <v>1.6156132155137433</v>
      </c>
      <c r="M1986" s="57">
        <f>Bühler!M2012</f>
        <v>0</v>
      </c>
      <c r="N1986" s="55">
        <f>IF(Input!$K$13=1,J1986*Input!$J$13,0)+IF(Input!$K$14=1,K1986*Input!$J$14,0)+IF(Input!$K$15=1,L1986*Input!$J$15,0)+IF(Input!$K$16=1,M1986*Input!$J$16,0)</f>
        <v>5.1445429709658743</v>
      </c>
      <c r="O1986" s="58">
        <f>IF(Input!$K$13=2,J1986*Input!$J$13,0)+IF(Input!$K$14=2,K1986*Input!$J$14,0)+IF(Input!$K$15=2,L1986*Input!$J$15,0)+IF(Input!$K$16=2,M1986*Input!$J$16,0)</f>
        <v>0.43621556818871066</v>
      </c>
      <c r="P1986" s="58">
        <f>IF(Input!$K$13=3,J1986*Input!$J$13,0)+IF(Input!$K$14=3,K1986*Input!$J$14,0)+IF(Input!$K$15=3,L1986*Input!$J$15,0)+IF(Input!$K$16=3,M1986*Input!$J$16,0)</f>
        <v>0</v>
      </c>
      <c r="Q1986" s="71">
        <f>IF(Input!$K$13=4,J1986*Input!$J$13,0)+IF(Input!$K$14=4,K1986*Input!$J$14,0)+IF(Input!$K$15=4,L1986*Input!$J$15,0)+IF(Input!$K$16=4,M1986*Input!$J$16,0)</f>
        <v>0</v>
      </c>
    </row>
    <row r="1987" spans="8:17" x14ac:dyDescent="0.25">
      <c r="H1987" s="43">
        <v>1980</v>
      </c>
      <c r="I1987" s="55">
        <f>Bühler!I2013</f>
        <v>1.6967125336510476</v>
      </c>
      <c r="J1987" s="58">
        <f>Bühler!J2013</f>
        <v>50.665953501936634</v>
      </c>
      <c r="K1987" s="58">
        <f>Bühler!K2013</f>
        <v>3.8187221457597564</v>
      </c>
      <c r="L1987" s="58">
        <f>Bühler!L2013</f>
        <v>1.9093610728798782</v>
      </c>
      <c r="M1987" s="57">
        <f>Bühler!M2013</f>
        <v>0</v>
      </c>
      <c r="N1987" s="55">
        <f>IF(Input!$K$13=1,J1987*Input!$J$13,0)+IF(Input!$K$14=1,K1987*Input!$J$14,0)+IF(Input!$K$15=1,L1987*Input!$J$15,0)+IF(Input!$K$16=1,M1987*Input!$J$16,0)</f>
        <v>6.079914420232396</v>
      </c>
      <c r="O1987" s="58">
        <f>IF(Input!$K$13=2,J1987*Input!$J$13,0)+IF(Input!$K$14=2,K1987*Input!$J$14,0)+IF(Input!$K$15=2,L1987*Input!$J$15,0)+IF(Input!$K$16=2,M1987*Input!$J$16,0)</f>
        <v>0.51552748967756712</v>
      </c>
      <c r="P1987" s="58">
        <f>IF(Input!$K$13=3,J1987*Input!$J$13,0)+IF(Input!$K$14=3,K1987*Input!$J$14,0)+IF(Input!$K$15=3,L1987*Input!$J$15,0)+IF(Input!$K$16=3,M1987*Input!$J$16,0)</f>
        <v>0</v>
      </c>
      <c r="Q1987" s="71">
        <f>IF(Input!$K$13=4,J1987*Input!$J$13,0)+IF(Input!$K$14=4,K1987*Input!$J$14,0)+IF(Input!$K$15=4,L1987*Input!$J$15,0)+IF(Input!$K$16=4,M1987*Input!$J$16,0)</f>
        <v>0</v>
      </c>
    </row>
    <row r="1988" spans="8:17" x14ac:dyDescent="0.25">
      <c r="H1988" s="43">
        <v>1981</v>
      </c>
      <c r="I1988" s="55">
        <f>Bühler!I2014</f>
        <v>1.6967125336510476</v>
      </c>
      <c r="J1988" s="58">
        <f>Bühler!J2014</f>
        <v>50.665953501936634</v>
      </c>
      <c r="K1988" s="58">
        <f>Bühler!K2014</f>
        <v>3.8187221457597564</v>
      </c>
      <c r="L1988" s="58">
        <f>Bühler!L2014</f>
        <v>1.9093610728798782</v>
      </c>
      <c r="M1988" s="57">
        <f>Bühler!M2014</f>
        <v>0</v>
      </c>
      <c r="N1988" s="55">
        <f>IF(Input!$K$13=1,J1988*Input!$J$13,0)+IF(Input!$K$14=1,K1988*Input!$J$14,0)+IF(Input!$K$15=1,L1988*Input!$J$15,0)+IF(Input!$K$16=1,M1988*Input!$J$16,0)</f>
        <v>6.079914420232396</v>
      </c>
      <c r="O1988" s="58">
        <f>IF(Input!$K$13=2,J1988*Input!$J$13,0)+IF(Input!$K$14=2,K1988*Input!$J$14,0)+IF(Input!$K$15=2,L1988*Input!$J$15,0)+IF(Input!$K$16=2,M1988*Input!$J$16,0)</f>
        <v>0.51552748967756712</v>
      </c>
      <c r="P1988" s="58">
        <f>IF(Input!$K$13=3,J1988*Input!$J$13,0)+IF(Input!$K$14=3,K1988*Input!$J$14,0)+IF(Input!$K$15=3,L1988*Input!$J$15,0)+IF(Input!$K$16=3,M1988*Input!$J$16,0)</f>
        <v>0</v>
      </c>
      <c r="Q1988" s="71">
        <f>IF(Input!$K$13=4,J1988*Input!$J$13,0)+IF(Input!$K$14=4,K1988*Input!$J$14,0)+IF(Input!$K$15=4,L1988*Input!$J$15,0)+IF(Input!$K$16=4,M1988*Input!$J$16,0)</f>
        <v>0</v>
      </c>
    </row>
    <row r="1989" spans="8:17" x14ac:dyDescent="0.25">
      <c r="H1989" s="43">
        <v>1982</v>
      </c>
      <c r="I1989" s="55">
        <f>Bühler!I2015</f>
        <v>1.1746471386814947</v>
      </c>
      <c r="J1989" s="58">
        <f>Bühler!J2015</f>
        <v>35.076429347494596</v>
      </c>
      <c r="K1989" s="58">
        <f>Bühler!K2015</f>
        <v>2.6437307162952166</v>
      </c>
      <c r="L1989" s="58">
        <f>Bühler!L2015</f>
        <v>1.3218653581476083</v>
      </c>
      <c r="M1989" s="57">
        <f>Bühler!M2015</f>
        <v>0</v>
      </c>
      <c r="N1989" s="55">
        <f>IF(Input!$K$13=1,J1989*Input!$J$13,0)+IF(Input!$K$14=1,K1989*Input!$J$14,0)+IF(Input!$K$15=1,L1989*Input!$J$15,0)+IF(Input!$K$16=1,M1989*Input!$J$16,0)</f>
        <v>4.2091715216993517</v>
      </c>
      <c r="O1989" s="58">
        <f>IF(Input!$K$13=2,J1989*Input!$J$13,0)+IF(Input!$K$14=2,K1989*Input!$J$14,0)+IF(Input!$K$15=2,L1989*Input!$J$15,0)+IF(Input!$K$16=2,M1989*Input!$J$16,0)</f>
        <v>0.35690364669985419</v>
      </c>
      <c r="P1989" s="58">
        <f>IF(Input!$K$13=3,J1989*Input!$J$13,0)+IF(Input!$K$14=3,K1989*Input!$J$14,0)+IF(Input!$K$15=3,L1989*Input!$J$15,0)+IF(Input!$K$16=3,M1989*Input!$J$16,0)</f>
        <v>0</v>
      </c>
      <c r="Q1989" s="71">
        <f>IF(Input!$K$13=4,J1989*Input!$J$13,0)+IF(Input!$K$14=4,K1989*Input!$J$14,0)+IF(Input!$K$15=4,L1989*Input!$J$15,0)+IF(Input!$K$16=4,M1989*Input!$J$16,0)</f>
        <v>0</v>
      </c>
    </row>
    <row r="1990" spans="8:17" x14ac:dyDescent="0.25">
      <c r="H1990" s="43">
        <v>1983</v>
      </c>
      <c r="I1990" s="55">
        <f>Bühler!I2016</f>
        <v>1.6967125336510476</v>
      </c>
      <c r="J1990" s="58">
        <f>Bühler!J2016</f>
        <v>50.665953501936634</v>
      </c>
      <c r="K1990" s="58">
        <f>Bühler!K2016</f>
        <v>3.8187221457597564</v>
      </c>
      <c r="L1990" s="58">
        <f>Bühler!L2016</f>
        <v>1.9093610728798782</v>
      </c>
      <c r="M1990" s="57">
        <f>Bühler!M2016</f>
        <v>0</v>
      </c>
      <c r="N1990" s="55">
        <f>IF(Input!$K$13=1,J1990*Input!$J$13,0)+IF(Input!$K$14=1,K1990*Input!$J$14,0)+IF(Input!$K$15=1,L1990*Input!$J$15,0)+IF(Input!$K$16=1,M1990*Input!$J$16,0)</f>
        <v>6.079914420232396</v>
      </c>
      <c r="O1990" s="58">
        <f>IF(Input!$K$13=2,J1990*Input!$J$13,0)+IF(Input!$K$14=2,K1990*Input!$J$14,0)+IF(Input!$K$15=2,L1990*Input!$J$15,0)+IF(Input!$K$16=2,M1990*Input!$J$16,0)</f>
        <v>0.51552748967756712</v>
      </c>
      <c r="P1990" s="58">
        <f>IF(Input!$K$13=3,J1990*Input!$J$13,0)+IF(Input!$K$14=3,K1990*Input!$J$14,0)+IF(Input!$K$15=3,L1990*Input!$J$15,0)+IF(Input!$K$16=3,M1990*Input!$J$16,0)</f>
        <v>0</v>
      </c>
      <c r="Q1990" s="71">
        <f>IF(Input!$K$13=4,J1990*Input!$J$13,0)+IF(Input!$K$14=4,K1990*Input!$J$14,0)+IF(Input!$K$15=4,L1990*Input!$J$15,0)+IF(Input!$K$16=4,M1990*Input!$J$16,0)</f>
        <v>0</v>
      </c>
    </row>
    <row r="1991" spans="8:17" x14ac:dyDescent="0.25">
      <c r="H1991" s="43">
        <v>1984</v>
      </c>
      <c r="I1991" s="55">
        <f>Bühler!I2017</f>
        <v>1.435679836166271</v>
      </c>
      <c r="J1991" s="58">
        <f>Bühler!J2017</f>
        <v>39.115203097242691</v>
      </c>
      <c r="K1991" s="58">
        <f>Bühler!K2017</f>
        <v>2.9374785736613513</v>
      </c>
      <c r="L1991" s="58">
        <f>Bühler!L2017</f>
        <v>1.4687392868306757</v>
      </c>
      <c r="M1991" s="57">
        <f>Bühler!M2017</f>
        <v>0</v>
      </c>
      <c r="N1991" s="55">
        <f>IF(Input!$K$13=1,J1991*Input!$J$13,0)+IF(Input!$K$14=1,K1991*Input!$J$14,0)+IF(Input!$K$15=1,L1991*Input!$J$15,0)+IF(Input!$K$16=1,M1991*Input!$J$16,0)</f>
        <v>4.6938243716691224</v>
      </c>
      <c r="O1991" s="58">
        <f>IF(Input!$K$13=2,J1991*Input!$J$13,0)+IF(Input!$K$14=2,K1991*Input!$J$14,0)+IF(Input!$K$15=2,L1991*Input!$J$15,0)+IF(Input!$K$16=2,M1991*Input!$J$16,0)</f>
        <v>0.39655960744428242</v>
      </c>
      <c r="P1991" s="58">
        <f>IF(Input!$K$13=3,J1991*Input!$J$13,0)+IF(Input!$K$14=3,K1991*Input!$J$14,0)+IF(Input!$K$15=3,L1991*Input!$J$15,0)+IF(Input!$K$16=3,M1991*Input!$J$16,0)</f>
        <v>0</v>
      </c>
      <c r="Q1991" s="71">
        <f>IF(Input!$K$13=4,J1991*Input!$J$13,0)+IF(Input!$K$14=4,K1991*Input!$J$14,0)+IF(Input!$K$15=4,L1991*Input!$J$15,0)+IF(Input!$K$16=4,M1991*Input!$J$16,0)</f>
        <v>0</v>
      </c>
    </row>
    <row r="1992" spans="8:17" x14ac:dyDescent="0.25">
      <c r="H1992" s="43">
        <v>1985</v>
      </c>
      <c r="I1992" s="55">
        <f>Bühler!I2018</f>
        <v>1.2430128451656026</v>
      </c>
      <c r="J1992" s="58">
        <f>Bühler!J2018</f>
        <v>18.980345265234206</v>
      </c>
      <c r="K1992" s="58">
        <f>Bühler!K2018</f>
        <v>1.3790979219067376</v>
      </c>
      <c r="L1992" s="58">
        <f>Bühler!L2018</f>
        <v>0.68954896095336882</v>
      </c>
      <c r="M1992" s="57">
        <f>Bühler!M2018</f>
        <v>0</v>
      </c>
      <c r="N1992" s="55">
        <f>IF(Input!$K$13=1,J1992*Input!$J$13,0)+IF(Input!$K$14=1,K1992*Input!$J$14,0)+IF(Input!$K$15=1,L1992*Input!$J$15,0)+IF(Input!$K$16=1,M1992*Input!$J$16,0)</f>
        <v>2.2776414318281044</v>
      </c>
      <c r="O1992" s="58">
        <f>IF(Input!$K$13=2,J1992*Input!$J$13,0)+IF(Input!$K$14=2,K1992*Input!$J$14,0)+IF(Input!$K$15=2,L1992*Input!$J$15,0)+IF(Input!$K$16=2,M1992*Input!$J$16,0)</f>
        <v>0.18617821945740959</v>
      </c>
      <c r="P1992" s="58">
        <f>IF(Input!$K$13=3,J1992*Input!$J$13,0)+IF(Input!$K$14=3,K1992*Input!$J$14,0)+IF(Input!$K$15=3,L1992*Input!$J$15,0)+IF(Input!$K$16=3,M1992*Input!$J$16,0)</f>
        <v>0</v>
      </c>
      <c r="Q1992" s="71">
        <f>IF(Input!$K$13=4,J1992*Input!$J$13,0)+IF(Input!$K$14=4,K1992*Input!$J$14,0)+IF(Input!$K$15=4,L1992*Input!$J$15,0)+IF(Input!$K$16=4,M1992*Input!$J$16,0)</f>
        <v>0</v>
      </c>
    </row>
    <row r="1993" spans="8:17" x14ac:dyDescent="0.25">
      <c r="H1993" s="43">
        <v>1986</v>
      </c>
      <c r="I1993" s="55">
        <f>Bühler!I2019</f>
        <v>1.0441307899391061</v>
      </c>
      <c r="J1993" s="58">
        <f>Bühler!J2019</f>
        <v>12.76941537986187</v>
      </c>
      <c r="K1993" s="58">
        <f>Bühler!K2019</f>
        <v>0.91020462845844696</v>
      </c>
      <c r="L1993" s="58">
        <f>Bühler!L2019</f>
        <v>0.45510231422922348</v>
      </c>
      <c r="M1993" s="57">
        <f>Bühler!M2019</f>
        <v>0</v>
      </c>
      <c r="N1993" s="55">
        <f>IF(Input!$K$13=1,J1993*Input!$J$13,0)+IF(Input!$K$14=1,K1993*Input!$J$14,0)+IF(Input!$K$15=1,L1993*Input!$J$15,0)+IF(Input!$K$16=1,M1993*Input!$J$16,0)</f>
        <v>1.5323298455834244</v>
      </c>
      <c r="O1993" s="58">
        <f>IF(Input!$K$13=2,J1993*Input!$J$13,0)+IF(Input!$K$14=2,K1993*Input!$J$14,0)+IF(Input!$K$15=2,L1993*Input!$J$15,0)+IF(Input!$K$16=2,M1993*Input!$J$16,0)</f>
        <v>0.12287762484189034</v>
      </c>
      <c r="P1993" s="58">
        <f>IF(Input!$K$13=3,J1993*Input!$J$13,0)+IF(Input!$K$14=3,K1993*Input!$J$14,0)+IF(Input!$K$15=3,L1993*Input!$J$15,0)+IF(Input!$K$16=3,M1993*Input!$J$16,0)</f>
        <v>0</v>
      </c>
      <c r="Q1993" s="71">
        <f>IF(Input!$K$13=4,J1993*Input!$J$13,0)+IF(Input!$K$14=4,K1993*Input!$J$14,0)+IF(Input!$K$15=4,L1993*Input!$J$15,0)+IF(Input!$K$16=4,M1993*Input!$J$16,0)</f>
        <v>0</v>
      </c>
    </row>
    <row r="1994" spans="8:17" x14ac:dyDescent="0.25">
      <c r="H1994" s="43">
        <v>1987</v>
      </c>
      <c r="I1994" s="55">
        <f>Bühler!I2020</f>
        <v>0.38533398200133684</v>
      </c>
      <c r="J1994" s="58">
        <f>Bühler!J2020</f>
        <v>7.823619314016133</v>
      </c>
      <c r="K1994" s="58">
        <f>Bühler!K2020</f>
        <v>0.57922112720082986</v>
      </c>
      <c r="L1994" s="58">
        <f>Bühler!L2020</f>
        <v>0.28961056360041493</v>
      </c>
      <c r="M1994" s="57">
        <f>Bühler!M2020</f>
        <v>0</v>
      </c>
      <c r="N1994" s="55">
        <f>IF(Input!$K$13=1,J1994*Input!$J$13,0)+IF(Input!$K$14=1,K1994*Input!$J$14,0)+IF(Input!$K$15=1,L1994*Input!$J$15,0)+IF(Input!$K$16=1,M1994*Input!$J$16,0)</f>
        <v>0.93883431768193593</v>
      </c>
      <c r="O1994" s="58">
        <f>IF(Input!$K$13=2,J1994*Input!$J$13,0)+IF(Input!$K$14=2,K1994*Input!$J$14,0)+IF(Input!$K$15=2,L1994*Input!$J$15,0)+IF(Input!$K$16=2,M1994*Input!$J$16,0)</f>
        <v>7.8194852172112028E-2</v>
      </c>
      <c r="P1994" s="58">
        <f>IF(Input!$K$13=3,J1994*Input!$J$13,0)+IF(Input!$K$14=3,K1994*Input!$J$14,0)+IF(Input!$K$15=3,L1994*Input!$J$15,0)+IF(Input!$K$16=3,M1994*Input!$J$16,0)</f>
        <v>0</v>
      </c>
      <c r="Q1994" s="71">
        <f>IF(Input!$K$13=4,J1994*Input!$J$13,0)+IF(Input!$K$14=4,K1994*Input!$J$14,0)+IF(Input!$K$15=4,L1994*Input!$J$15,0)+IF(Input!$K$16=4,M1994*Input!$J$16,0)</f>
        <v>0</v>
      </c>
    </row>
    <row r="1995" spans="8:17" x14ac:dyDescent="0.25">
      <c r="H1995" s="43">
        <v>1988</v>
      </c>
      <c r="I1995" s="55">
        <f>Bühler!I2021</f>
        <v>0.38533398200133684</v>
      </c>
      <c r="J1995" s="58">
        <f>Bühler!J2021</f>
        <v>7.4709443536900366</v>
      </c>
      <c r="K1995" s="58">
        <f>Bühler!K2021</f>
        <v>0.55163916876269514</v>
      </c>
      <c r="L1995" s="58">
        <f>Bühler!L2021</f>
        <v>0.27581958438134757</v>
      </c>
      <c r="M1995" s="57">
        <f>Bühler!M2021</f>
        <v>0</v>
      </c>
      <c r="N1995" s="55">
        <f>IF(Input!$K$13=1,J1995*Input!$J$13,0)+IF(Input!$K$14=1,K1995*Input!$J$14,0)+IF(Input!$K$15=1,L1995*Input!$J$15,0)+IF(Input!$K$16=1,M1995*Input!$J$16,0)</f>
        <v>0.89651332244280435</v>
      </c>
      <c r="O1995" s="58">
        <f>IF(Input!$K$13=2,J1995*Input!$J$13,0)+IF(Input!$K$14=2,K1995*Input!$J$14,0)+IF(Input!$K$15=2,L1995*Input!$J$15,0)+IF(Input!$K$16=2,M1995*Input!$J$16,0)</f>
        <v>7.447128778296383E-2</v>
      </c>
      <c r="P1995" s="58">
        <f>IF(Input!$K$13=3,J1995*Input!$J$13,0)+IF(Input!$K$14=3,K1995*Input!$J$14,0)+IF(Input!$K$15=3,L1995*Input!$J$15,0)+IF(Input!$K$16=3,M1995*Input!$J$16,0)</f>
        <v>0</v>
      </c>
      <c r="Q1995" s="71">
        <f>IF(Input!$K$13=4,J1995*Input!$J$13,0)+IF(Input!$K$14=4,K1995*Input!$J$14,0)+IF(Input!$K$15=4,L1995*Input!$J$15,0)+IF(Input!$K$16=4,M1995*Input!$J$16,0)</f>
        <v>0</v>
      </c>
    </row>
    <row r="1996" spans="8:17" x14ac:dyDescent="0.25">
      <c r="H1996" s="43">
        <v>1989</v>
      </c>
      <c r="I1996" s="55">
        <f>Bühler!I2022</f>
        <v>0.38533398200133684</v>
      </c>
      <c r="J1996" s="58">
        <f>Bühler!J2022</f>
        <v>7.4709443536900366</v>
      </c>
      <c r="K1996" s="58">
        <f>Bühler!K2022</f>
        <v>0.55163916876269514</v>
      </c>
      <c r="L1996" s="58">
        <f>Bühler!L2022</f>
        <v>0.27581958438134757</v>
      </c>
      <c r="M1996" s="57">
        <f>Bühler!M2022</f>
        <v>0</v>
      </c>
      <c r="N1996" s="55">
        <f>IF(Input!$K$13=1,J1996*Input!$J$13,0)+IF(Input!$K$14=1,K1996*Input!$J$14,0)+IF(Input!$K$15=1,L1996*Input!$J$15,0)+IF(Input!$K$16=1,M1996*Input!$J$16,0)</f>
        <v>0.89651332244280435</v>
      </c>
      <c r="O1996" s="58">
        <f>IF(Input!$K$13=2,J1996*Input!$J$13,0)+IF(Input!$K$14=2,K1996*Input!$J$14,0)+IF(Input!$K$15=2,L1996*Input!$J$15,0)+IF(Input!$K$16=2,M1996*Input!$J$16,0)</f>
        <v>7.447128778296383E-2</v>
      </c>
      <c r="P1996" s="58">
        <f>IF(Input!$K$13=3,J1996*Input!$J$13,0)+IF(Input!$K$14=3,K1996*Input!$J$14,0)+IF(Input!$K$15=3,L1996*Input!$J$15,0)+IF(Input!$K$16=3,M1996*Input!$J$16,0)</f>
        <v>0</v>
      </c>
      <c r="Q1996" s="71">
        <f>IF(Input!$K$13=4,J1996*Input!$J$13,0)+IF(Input!$K$14=4,K1996*Input!$J$14,0)+IF(Input!$K$15=4,L1996*Input!$J$15,0)+IF(Input!$K$16=4,M1996*Input!$J$16,0)</f>
        <v>0</v>
      </c>
    </row>
    <row r="1997" spans="8:17" x14ac:dyDescent="0.25">
      <c r="H1997" s="43">
        <v>1990</v>
      </c>
      <c r="I1997" s="55">
        <f>Bühler!I2023</f>
        <v>0.38533398200133684</v>
      </c>
      <c r="J1997" s="58">
        <f>Bühler!J2023</f>
        <v>7.4709443536900366</v>
      </c>
      <c r="K1997" s="58">
        <f>Bühler!K2023</f>
        <v>0.55163916876269514</v>
      </c>
      <c r="L1997" s="58">
        <f>Bühler!L2023</f>
        <v>0.27581958438134757</v>
      </c>
      <c r="M1997" s="57">
        <f>Bühler!M2023</f>
        <v>0</v>
      </c>
      <c r="N1997" s="55">
        <f>IF(Input!$K$13=1,J1997*Input!$J$13,0)+IF(Input!$K$14=1,K1997*Input!$J$14,0)+IF(Input!$K$15=1,L1997*Input!$J$15,0)+IF(Input!$K$16=1,M1997*Input!$J$16,0)</f>
        <v>0.89651332244280435</v>
      </c>
      <c r="O1997" s="58">
        <f>IF(Input!$K$13=2,J1997*Input!$J$13,0)+IF(Input!$K$14=2,K1997*Input!$J$14,0)+IF(Input!$K$15=2,L1997*Input!$J$15,0)+IF(Input!$K$16=2,M1997*Input!$J$16,0)</f>
        <v>7.447128778296383E-2</v>
      </c>
      <c r="P1997" s="58">
        <f>IF(Input!$K$13=3,J1997*Input!$J$13,0)+IF(Input!$K$14=3,K1997*Input!$J$14,0)+IF(Input!$K$15=3,L1997*Input!$J$15,0)+IF(Input!$K$16=3,M1997*Input!$J$16,0)</f>
        <v>0</v>
      </c>
      <c r="Q1997" s="71">
        <f>IF(Input!$K$13=4,J1997*Input!$J$13,0)+IF(Input!$K$14=4,K1997*Input!$J$14,0)+IF(Input!$K$15=4,L1997*Input!$J$15,0)+IF(Input!$K$16=4,M1997*Input!$J$16,0)</f>
        <v>0</v>
      </c>
    </row>
    <row r="1998" spans="8:17" x14ac:dyDescent="0.25">
      <c r="H1998" s="43">
        <v>1991</v>
      </c>
      <c r="I1998" s="55">
        <f>Bühler!I2024</f>
        <v>0.38533398200133684</v>
      </c>
      <c r="J1998" s="58">
        <f>Bühler!J2024</f>
        <v>7.4709443536900366</v>
      </c>
      <c r="K1998" s="58">
        <f>Bühler!K2024</f>
        <v>0.55163916876269514</v>
      </c>
      <c r="L1998" s="58">
        <f>Bühler!L2024</f>
        <v>0.27581958438134757</v>
      </c>
      <c r="M1998" s="57">
        <f>Bühler!M2024</f>
        <v>0</v>
      </c>
      <c r="N1998" s="55">
        <f>IF(Input!$K$13=1,J1998*Input!$J$13,0)+IF(Input!$K$14=1,K1998*Input!$J$14,0)+IF(Input!$K$15=1,L1998*Input!$J$15,0)+IF(Input!$K$16=1,M1998*Input!$J$16,0)</f>
        <v>0.89651332244280435</v>
      </c>
      <c r="O1998" s="58">
        <f>IF(Input!$K$13=2,J1998*Input!$J$13,0)+IF(Input!$K$14=2,K1998*Input!$J$14,0)+IF(Input!$K$15=2,L1998*Input!$J$15,0)+IF(Input!$K$16=2,M1998*Input!$J$16,0)</f>
        <v>7.447128778296383E-2</v>
      </c>
      <c r="P1998" s="58">
        <f>IF(Input!$K$13=3,J1998*Input!$J$13,0)+IF(Input!$K$14=3,K1998*Input!$J$14,0)+IF(Input!$K$15=3,L1998*Input!$J$15,0)+IF(Input!$K$16=3,M1998*Input!$J$16,0)</f>
        <v>0</v>
      </c>
      <c r="Q1998" s="71">
        <f>IF(Input!$K$13=4,J1998*Input!$J$13,0)+IF(Input!$K$14=4,K1998*Input!$J$14,0)+IF(Input!$K$15=4,L1998*Input!$J$15,0)+IF(Input!$K$16=4,M1998*Input!$J$16,0)</f>
        <v>0</v>
      </c>
    </row>
    <row r="1999" spans="8:17" x14ac:dyDescent="0.25">
      <c r="H1999" s="43">
        <v>1992</v>
      </c>
      <c r="I1999" s="55">
        <f>Bühler!I2025</f>
        <v>0.38533398200133684</v>
      </c>
      <c r="J1999" s="58">
        <f>Bühler!J2025</f>
        <v>7.4709443536900366</v>
      </c>
      <c r="K1999" s="58">
        <f>Bühler!K2025</f>
        <v>0.55163916876269514</v>
      </c>
      <c r="L1999" s="58">
        <f>Bühler!L2025</f>
        <v>0.27581958438134757</v>
      </c>
      <c r="M1999" s="57">
        <f>Bühler!M2025</f>
        <v>0</v>
      </c>
      <c r="N1999" s="55">
        <f>IF(Input!$K$13=1,J1999*Input!$J$13,0)+IF(Input!$K$14=1,K1999*Input!$J$14,0)+IF(Input!$K$15=1,L1999*Input!$J$15,0)+IF(Input!$K$16=1,M1999*Input!$J$16,0)</f>
        <v>0.89651332244280435</v>
      </c>
      <c r="O1999" s="58">
        <f>IF(Input!$K$13=2,J1999*Input!$J$13,0)+IF(Input!$K$14=2,K1999*Input!$J$14,0)+IF(Input!$K$15=2,L1999*Input!$J$15,0)+IF(Input!$K$16=2,M1999*Input!$J$16,0)</f>
        <v>7.447128778296383E-2</v>
      </c>
      <c r="P1999" s="58">
        <f>IF(Input!$K$13=3,J1999*Input!$J$13,0)+IF(Input!$K$14=3,K1999*Input!$J$14,0)+IF(Input!$K$15=3,L1999*Input!$J$15,0)+IF(Input!$K$16=3,M1999*Input!$J$16,0)</f>
        <v>0</v>
      </c>
      <c r="Q1999" s="71">
        <f>IF(Input!$K$13=4,J1999*Input!$J$13,0)+IF(Input!$K$14=4,K1999*Input!$J$14,0)+IF(Input!$K$15=4,L1999*Input!$J$15,0)+IF(Input!$K$16=4,M1999*Input!$J$16,0)</f>
        <v>0</v>
      </c>
    </row>
    <row r="2000" spans="8:17" x14ac:dyDescent="0.25">
      <c r="H2000" s="43">
        <v>1993</v>
      </c>
      <c r="I2000" s="55">
        <f>Bühler!I2026</f>
        <v>0.45326713313422828</v>
      </c>
      <c r="J2000" s="58">
        <f>Bühler!J2026</f>
        <v>7.9355522387046324</v>
      </c>
      <c r="K2000" s="58">
        <f>Bühler!K2026</f>
        <v>0.29958706764692</v>
      </c>
      <c r="L2000" s="58">
        <f>Bühler!L2026</f>
        <v>0.14979353382346</v>
      </c>
      <c r="M2000" s="57">
        <f>Bühler!M2026</f>
        <v>0</v>
      </c>
      <c r="N2000" s="55">
        <f>IF(Input!$K$13=1,J2000*Input!$J$13,0)+IF(Input!$K$14=1,K2000*Input!$J$14,0)+IF(Input!$K$15=1,L2000*Input!$J$15,0)+IF(Input!$K$16=1,M2000*Input!$J$16,0)</f>
        <v>0.95226626864455588</v>
      </c>
      <c r="O2000" s="58">
        <f>IF(Input!$K$13=2,J2000*Input!$J$13,0)+IF(Input!$K$14=2,K2000*Input!$J$14,0)+IF(Input!$K$15=2,L2000*Input!$J$15,0)+IF(Input!$K$16=2,M2000*Input!$J$16,0)</f>
        <v>4.0444254132334198E-2</v>
      </c>
      <c r="P2000" s="58">
        <f>IF(Input!$K$13=3,J2000*Input!$J$13,0)+IF(Input!$K$14=3,K2000*Input!$J$14,0)+IF(Input!$K$15=3,L2000*Input!$J$15,0)+IF(Input!$K$16=3,M2000*Input!$J$16,0)</f>
        <v>0</v>
      </c>
      <c r="Q2000" s="71">
        <f>IF(Input!$K$13=4,J2000*Input!$J$13,0)+IF(Input!$K$14=4,K2000*Input!$J$14,0)+IF(Input!$K$15=4,L2000*Input!$J$15,0)+IF(Input!$K$16=4,M2000*Input!$J$16,0)</f>
        <v>0</v>
      </c>
    </row>
    <row r="2001" spans="8:17" x14ac:dyDescent="0.25">
      <c r="H2001" s="43">
        <v>1994</v>
      </c>
      <c r="I2001" s="55">
        <f>Bühler!I2027</f>
        <v>0.88495011707158855</v>
      </c>
      <c r="J2001" s="58">
        <f>Bühler!J2027</f>
        <v>7.3818071383817152</v>
      </c>
      <c r="K2001" s="58">
        <f>Bühler!K2027</f>
        <v>0.26962836088222802</v>
      </c>
      <c r="L2001" s="58">
        <f>Bühler!L2027</f>
        <v>0.13481418044111401</v>
      </c>
      <c r="M2001" s="57">
        <f>Bühler!M2027</f>
        <v>0</v>
      </c>
      <c r="N2001" s="55">
        <f>IF(Input!$K$13=1,J2001*Input!$J$13,0)+IF(Input!$K$14=1,K2001*Input!$J$14,0)+IF(Input!$K$15=1,L2001*Input!$J$15,0)+IF(Input!$K$16=1,M2001*Input!$J$16,0)</f>
        <v>0.88581685660580578</v>
      </c>
      <c r="O2001" s="58">
        <f>IF(Input!$K$13=2,J2001*Input!$J$13,0)+IF(Input!$K$14=2,K2001*Input!$J$14,0)+IF(Input!$K$15=2,L2001*Input!$J$15,0)+IF(Input!$K$16=2,M2001*Input!$J$16,0)</f>
        <v>3.6399828719100788E-2</v>
      </c>
      <c r="P2001" s="58">
        <f>IF(Input!$K$13=3,J2001*Input!$J$13,0)+IF(Input!$K$14=3,K2001*Input!$J$14,0)+IF(Input!$K$15=3,L2001*Input!$J$15,0)+IF(Input!$K$16=3,M2001*Input!$J$16,0)</f>
        <v>0</v>
      </c>
      <c r="Q2001" s="71">
        <f>IF(Input!$K$13=4,J2001*Input!$J$13,0)+IF(Input!$K$14=4,K2001*Input!$J$14,0)+IF(Input!$K$15=4,L2001*Input!$J$15,0)+IF(Input!$K$16=4,M2001*Input!$J$16,0)</f>
        <v>0</v>
      </c>
    </row>
    <row r="2002" spans="8:17" x14ac:dyDescent="0.25">
      <c r="H2002" s="43">
        <v>1995</v>
      </c>
      <c r="I2002" s="55">
        <f>Bühler!I2028</f>
        <v>0.88495011707158855</v>
      </c>
      <c r="J2002" s="58">
        <f>Bühler!J2028</f>
        <v>7.3818071383817152</v>
      </c>
      <c r="K2002" s="58">
        <f>Bühler!K2028</f>
        <v>0.26962836088222802</v>
      </c>
      <c r="L2002" s="58">
        <f>Bühler!L2028</f>
        <v>0.13481418044111401</v>
      </c>
      <c r="M2002" s="57">
        <f>Bühler!M2028</f>
        <v>0</v>
      </c>
      <c r="N2002" s="55">
        <f>IF(Input!$K$13=1,J2002*Input!$J$13,0)+IF(Input!$K$14=1,K2002*Input!$J$14,0)+IF(Input!$K$15=1,L2002*Input!$J$15,0)+IF(Input!$K$16=1,M2002*Input!$J$16,0)</f>
        <v>0.88581685660580578</v>
      </c>
      <c r="O2002" s="58">
        <f>IF(Input!$K$13=2,J2002*Input!$J$13,0)+IF(Input!$K$14=2,K2002*Input!$J$14,0)+IF(Input!$K$15=2,L2002*Input!$J$15,0)+IF(Input!$K$16=2,M2002*Input!$J$16,0)</f>
        <v>3.6399828719100788E-2</v>
      </c>
      <c r="P2002" s="58">
        <f>IF(Input!$K$13=3,J2002*Input!$J$13,0)+IF(Input!$K$14=3,K2002*Input!$J$14,0)+IF(Input!$K$15=3,L2002*Input!$J$15,0)+IF(Input!$K$16=3,M2002*Input!$J$16,0)</f>
        <v>0</v>
      </c>
      <c r="Q2002" s="71">
        <f>IF(Input!$K$13=4,J2002*Input!$J$13,0)+IF(Input!$K$14=4,K2002*Input!$J$14,0)+IF(Input!$K$15=4,L2002*Input!$J$15,0)+IF(Input!$K$16=4,M2002*Input!$J$16,0)</f>
        <v>0</v>
      </c>
    </row>
    <row r="2003" spans="8:17" x14ac:dyDescent="0.25">
      <c r="H2003" s="43">
        <v>1996</v>
      </c>
      <c r="I2003" s="55">
        <f>Bühler!I2029</f>
        <v>0.88495011707158855</v>
      </c>
      <c r="J2003" s="58">
        <f>Bühler!J2029</f>
        <v>7.3818071383817152</v>
      </c>
      <c r="K2003" s="58">
        <f>Bühler!K2029</f>
        <v>0.26962836088222802</v>
      </c>
      <c r="L2003" s="58">
        <f>Bühler!L2029</f>
        <v>0.13481418044111401</v>
      </c>
      <c r="M2003" s="57">
        <f>Bühler!M2029</f>
        <v>0</v>
      </c>
      <c r="N2003" s="55">
        <f>IF(Input!$K$13=1,J2003*Input!$J$13,0)+IF(Input!$K$14=1,K2003*Input!$J$14,0)+IF(Input!$K$15=1,L2003*Input!$J$15,0)+IF(Input!$K$16=1,M2003*Input!$J$16,0)</f>
        <v>0.88581685660580578</v>
      </c>
      <c r="O2003" s="58">
        <f>IF(Input!$K$13=2,J2003*Input!$J$13,0)+IF(Input!$K$14=2,K2003*Input!$J$14,0)+IF(Input!$K$15=2,L2003*Input!$J$15,0)+IF(Input!$K$16=2,M2003*Input!$J$16,0)</f>
        <v>3.6399828719100788E-2</v>
      </c>
      <c r="P2003" s="58">
        <f>IF(Input!$K$13=3,J2003*Input!$J$13,0)+IF(Input!$K$14=3,K2003*Input!$J$14,0)+IF(Input!$K$15=3,L2003*Input!$J$15,0)+IF(Input!$K$16=3,M2003*Input!$J$16,0)</f>
        <v>0</v>
      </c>
      <c r="Q2003" s="71">
        <f>IF(Input!$K$13=4,J2003*Input!$J$13,0)+IF(Input!$K$14=4,K2003*Input!$J$14,0)+IF(Input!$K$15=4,L2003*Input!$J$15,0)+IF(Input!$K$16=4,M2003*Input!$J$16,0)</f>
        <v>0</v>
      </c>
    </row>
    <row r="2004" spans="8:17" x14ac:dyDescent="0.25">
      <c r="H2004" s="43">
        <v>1997</v>
      </c>
      <c r="I2004" s="55">
        <f>Bühler!I2030</f>
        <v>0.88495011707158855</v>
      </c>
      <c r="J2004" s="58">
        <f>Bühler!J2030</f>
        <v>7.3818071383817152</v>
      </c>
      <c r="K2004" s="58">
        <f>Bühler!K2030</f>
        <v>0.26962836088222802</v>
      </c>
      <c r="L2004" s="58">
        <f>Bühler!L2030</f>
        <v>0.13481418044111401</v>
      </c>
      <c r="M2004" s="57">
        <f>Bühler!M2030</f>
        <v>0</v>
      </c>
      <c r="N2004" s="55">
        <f>IF(Input!$K$13=1,J2004*Input!$J$13,0)+IF(Input!$K$14=1,K2004*Input!$J$14,0)+IF(Input!$K$15=1,L2004*Input!$J$15,0)+IF(Input!$K$16=1,M2004*Input!$J$16,0)</f>
        <v>0.88581685660580578</v>
      </c>
      <c r="O2004" s="58">
        <f>IF(Input!$K$13=2,J2004*Input!$J$13,0)+IF(Input!$K$14=2,K2004*Input!$J$14,0)+IF(Input!$K$15=2,L2004*Input!$J$15,0)+IF(Input!$K$16=2,M2004*Input!$J$16,0)</f>
        <v>3.6399828719100788E-2</v>
      </c>
      <c r="P2004" s="58">
        <f>IF(Input!$K$13=3,J2004*Input!$J$13,0)+IF(Input!$K$14=3,K2004*Input!$J$14,0)+IF(Input!$K$15=3,L2004*Input!$J$15,0)+IF(Input!$K$16=3,M2004*Input!$J$16,0)</f>
        <v>0</v>
      </c>
      <c r="Q2004" s="71">
        <f>IF(Input!$K$13=4,J2004*Input!$J$13,0)+IF(Input!$K$14=4,K2004*Input!$J$14,0)+IF(Input!$K$15=4,L2004*Input!$J$15,0)+IF(Input!$K$16=4,M2004*Input!$J$16,0)</f>
        <v>0</v>
      </c>
    </row>
    <row r="2005" spans="8:17" x14ac:dyDescent="0.25">
      <c r="H2005" s="43">
        <v>1998</v>
      </c>
      <c r="I2005" s="55">
        <f>Bühler!I2031</f>
        <v>1.1007916090402687</v>
      </c>
      <c r="J2005" s="58">
        <f>Bühler!J2031</f>
        <v>7.3908005338804097</v>
      </c>
      <c r="K2005" s="58">
        <f>Bühler!K2031</f>
        <v>0.26962836088222802</v>
      </c>
      <c r="L2005" s="58">
        <f>Bühler!L2031</f>
        <v>0.13481418044111401</v>
      </c>
      <c r="M2005" s="57">
        <f>Bühler!M2031</f>
        <v>0</v>
      </c>
      <c r="N2005" s="55">
        <f>IF(Input!$K$13=1,J2005*Input!$J$13,0)+IF(Input!$K$14=1,K2005*Input!$J$14,0)+IF(Input!$K$15=1,L2005*Input!$J$15,0)+IF(Input!$K$16=1,M2005*Input!$J$16,0)</f>
        <v>0.88689606406564914</v>
      </c>
      <c r="O2005" s="58">
        <f>IF(Input!$K$13=2,J2005*Input!$J$13,0)+IF(Input!$K$14=2,K2005*Input!$J$14,0)+IF(Input!$K$15=2,L2005*Input!$J$15,0)+IF(Input!$K$16=2,M2005*Input!$J$16,0)</f>
        <v>3.6399828719100788E-2</v>
      </c>
      <c r="P2005" s="58">
        <f>IF(Input!$K$13=3,J2005*Input!$J$13,0)+IF(Input!$K$14=3,K2005*Input!$J$14,0)+IF(Input!$K$15=3,L2005*Input!$J$15,0)+IF(Input!$K$16=3,M2005*Input!$J$16,0)</f>
        <v>0</v>
      </c>
      <c r="Q2005" s="71">
        <f>IF(Input!$K$13=4,J2005*Input!$J$13,0)+IF(Input!$K$14=4,K2005*Input!$J$14,0)+IF(Input!$K$15=4,L2005*Input!$J$15,0)+IF(Input!$K$16=4,M2005*Input!$J$16,0)</f>
        <v>0</v>
      </c>
    </row>
    <row r="2006" spans="8:17" x14ac:dyDescent="0.25">
      <c r="H2006" s="43">
        <v>1999</v>
      </c>
      <c r="I2006" s="55">
        <f>Bühler!I2032</f>
        <v>1.3813855485995528</v>
      </c>
      <c r="J2006" s="58">
        <f>Bühler!J2032</f>
        <v>7.4024919480287128</v>
      </c>
      <c r="K2006" s="58">
        <f>Bühler!K2032</f>
        <v>0.26962836088222802</v>
      </c>
      <c r="L2006" s="58">
        <f>Bühler!L2032</f>
        <v>0.13481418044111401</v>
      </c>
      <c r="M2006" s="57">
        <f>Bühler!M2032</f>
        <v>0</v>
      </c>
      <c r="N2006" s="55">
        <f>IF(Input!$K$13=1,J2006*Input!$J$13,0)+IF(Input!$K$14=1,K2006*Input!$J$14,0)+IF(Input!$K$15=1,L2006*Input!$J$15,0)+IF(Input!$K$16=1,M2006*Input!$J$16,0)</f>
        <v>0.88829903376344554</v>
      </c>
      <c r="O2006" s="58">
        <f>IF(Input!$K$13=2,J2006*Input!$J$13,0)+IF(Input!$K$14=2,K2006*Input!$J$14,0)+IF(Input!$K$15=2,L2006*Input!$J$15,0)+IF(Input!$K$16=2,M2006*Input!$J$16,0)</f>
        <v>3.6399828719100788E-2</v>
      </c>
      <c r="P2006" s="58">
        <f>IF(Input!$K$13=3,J2006*Input!$J$13,0)+IF(Input!$K$14=3,K2006*Input!$J$14,0)+IF(Input!$K$15=3,L2006*Input!$J$15,0)+IF(Input!$K$16=3,M2006*Input!$J$16,0)</f>
        <v>0</v>
      </c>
      <c r="Q2006" s="71">
        <f>IF(Input!$K$13=4,J2006*Input!$J$13,0)+IF(Input!$K$14=4,K2006*Input!$J$14,0)+IF(Input!$K$15=4,L2006*Input!$J$15,0)+IF(Input!$K$16=4,M2006*Input!$J$16,0)</f>
        <v>0</v>
      </c>
    </row>
    <row r="2007" spans="8:17" x14ac:dyDescent="0.25">
      <c r="H2007" s="43">
        <v>2000</v>
      </c>
      <c r="I2007" s="55">
        <f>Bühler!I2033</f>
        <v>1.5756428913713649</v>
      </c>
      <c r="J2007" s="58">
        <f>Bühler!J2033</f>
        <v>7.4105860039775386</v>
      </c>
      <c r="K2007" s="58">
        <f>Bühler!K2033</f>
        <v>0.26962836088222802</v>
      </c>
      <c r="L2007" s="58">
        <f>Bühler!L2033</f>
        <v>0.13481418044111401</v>
      </c>
      <c r="M2007" s="57">
        <f>Bühler!M2033</f>
        <v>0</v>
      </c>
      <c r="N2007" s="55">
        <f>IF(Input!$K$13=1,J2007*Input!$J$13,0)+IF(Input!$K$14=1,K2007*Input!$J$14,0)+IF(Input!$K$15=1,L2007*Input!$J$15,0)+IF(Input!$K$16=1,M2007*Input!$J$16,0)</f>
        <v>0.88927032047730459</v>
      </c>
      <c r="O2007" s="58">
        <f>IF(Input!$K$13=2,J2007*Input!$J$13,0)+IF(Input!$K$14=2,K2007*Input!$J$14,0)+IF(Input!$K$15=2,L2007*Input!$J$15,0)+IF(Input!$K$16=2,M2007*Input!$J$16,0)</f>
        <v>3.6399828719100788E-2</v>
      </c>
      <c r="P2007" s="58">
        <f>IF(Input!$K$13=3,J2007*Input!$J$13,0)+IF(Input!$K$14=3,K2007*Input!$J$14,0)+IF(Input!$K$15=3,L2007*Input!$J$15,0)+IF(Input!$K$16=3,M2007*Input!$J$16,0)</f>
        <v>0</v>
      </c>
      <c r="Q2007" s="71">
        <f>IF(Input!$K$13=4,J2007*Input!$J$13,0)+IF(Input!$K$14=4,K2007*Input!$J$14,0)+IF(Input!$K$15=4,L2007*Input!$J$15,0)+IF(Input!$K$16=4,M2007*Input!$J$16,0)</f>
        <v>0</v>
      </c>
    </row>
    <row r="2008" spans="8:17" x14ac:dyDescent="0.25">
      <c r="H2008" s="43">
        <v>2001</v>
      </c>
      <c r="I2008" s="55">
        <f>Bühler!I2034</f>
        <v>1.5756428913713649</v>
      </c>
      <c r="J2008" s="58">
        <f>Bühler!J2034</f>
        <v>7.4105860039775386</v>
      </c>
      <c r="K2008" s="58">
        <f>Bühler!K2034</f>
        <v>0.26962836088222802</v>
      </c>
      <c r="L2008" s="58">
        <f>Bühler!L2034</f>
        <v>0.13481418044111401</v>
      </c>
      <c r="M2008" s="57">
        <f>Bühler!M2034</f>
        <v>0</v>
      </c>
      <c r="N2008" s="55">
        <f>IF(Input!$K$13=1,J2008*Input!$J$13,0)+IF(Input!$K$14=1,K2008*Input!$J$14,0)+IF(Input!$K$15=1,L2008*Input!$J$15,0)+IF(Input!$K$16=1,M2008*Input!$J$16,0)</f>
        <v>0.88927032047730459</v>
      </c>
      <c r="O2008" s="58">
        <f>IF(Input!$K$13=2,J2008*Input!$J$13,0)+IF(Input!$K$14=2,K2008*Input!$J$14,0)+IF(Input!$K$15=2,L2008*Input!$J$15,0)+IF(Input!$K$16=2,M2008*Input!$J$16,0)</f>
        <v>3.6399828719100788E-2</v>
      </c>
      <c r="P2008" s="58">
        <f>IF(Input!$K$13=3,J2008*Input!$J$13,0)+IF(Input!$K$14=3,K2008*Input!$J$14,0)+IF(Input!$K$15=3,L2008*Input!$J$15,0)+IF(Input!$K$16=3,M2008*Input!$J$16,0)</f>
        <v>0</v>
      </c>
      <c r="Q2008" s="71">
        <f>IF(Input!$K$13=4,J2008*Input!$J$13,0)+IF(Input!$K$14=4,K2008*Input!$J$14,0)+IF(Input!$K$15=4,L2008*Input!$J$15,0)+IF(Input!$K$16=4,M2008*Input!$J$16,0)</f>
        <v>0</v>
      </c>
    </row>
    <row r="2009" spans="8:17" x14ac:dyDescent="0.25">
      <c r="H2009" s="43">
        <v>2002</v>
      </c>
      <c r="I2009" s="55">
        <f>Bühler!I2035</f>
        <v>1.5756428913713649</v>
      </c>
      <c r="J2009" s="58">
        <f>Bühler!J2035</f>
        <v>7.4105860039775386</v>
      </c>
      <c r="K2009" s="58">
        <f>Bühler!K2035</f>
        <v>0.26962836088222802</v>
      </c>
      <c r="L2009" s="58">
        <f>Bühler!L2035</f>
        <v>0.13481418044111401</v>
      </c>
      <c r="M2009" s="57">
        <f>Bühler!M2035</f>
        <v>0</v>
      </c>
      <c r="N2009" s="55">
        <f>IF(Input!$K$13=1,J2009*Input!$J$13,0)+IF(Input!$K$14=1,K2009*Input!$J$14,0)+IF(Input!$K$15=1,L2009*Input!$J$15,0)+IF(Input!$K$16=1,M2009*Input!$J$16,0)</f>
        <v>0.88927032047730459</v>
      </c>
      <c r="O2009" s="58">
        <f>IF(Input!$K$13=2,J2009*Input!$J$13,0)+IF(Input!$K$14=2,K2009*Input!$J$14,0)+IF(Input!$K$15=2,L2009*Input!$J$15,0)+IF(Input!$K$16=2,M2009*Input!$J$16,0)</f>
        <v>3.6399828719100788E-2</v>
      </c>
      <c r="P2009" s="58">
        <f>IF(Input!$K$13=3,J2009*Input!$J$13,0)+IF(Input!$K$14=3,K2009*Input!$J$14,0)+IF(Input!$K$15=3,L2009*Input!$J$15,0)+IF(Input!$K$16=3,M2009*Input!$J$16,0)</f>
        <v>0</v>
      </c>
      <c r="Q2009" s="71">
        <f>IF(Input!$K$13=4,J2009*Input!$J$13,0)+IF(Input!$K$14=4,K2009*Input!$J$14,0)+IF(Input!$K$15=4,L2009*Input!$J$15,0)+IF(Input!$K$16=4,M2009*Input!$J$16,0)</f>
        <v>0</v>
      </c>
    </row>
    <row r="2010" spans="8:17" x14ac:dyDescent="0.25">
      <c r="H2010" s="43">
        <v>2003</v>
      </c>
      <c r="I2010" s="55">
        <f>Bühler!I2036</f>
        <v>1.5756428913713649</v>
      </c>
      <c r="J2010" s="58">
        <f>Bühler!J2036</f>
        <v>7.4105860039775386</v>
      </c>
      <c r="K2010" s="58">
        <f>Bühler!K2036</f>
        <v>0.26962836088222802</v>
      </c>
      <c r="L2010" s="58">
        <f>Bühler!L2036</f>
        <v>0.13481418044111401</v>
      </c>
      <c r="M2010" s="57">
        <f>Bühler!M2036</f>
        <v>0</v>
      </c>
      <c r="N2010" s="55">
        <f>IF(Input!$K$13=1,J2010*Input!$J$13,0)+IF(Input!$K$14=1,K2010*Input!$J$14,0)+IF(Input!$K$15=1,L2010*Input!$J$15,0)+IF(Input!$K$16=1,M2010*Input!$J$16,0)</f>
        <v>0.88927032047730459</v>
      </c>
      <c r="O2010" s="58">
        <f>IF(Input!$K$13=2,J2010*Input!$J$13,0)+IF(Input!$K$14=2,K2010*Input!$J$14,0)+IF(Input!$K$15=2,L2010*Input!$J$15,0)+IF(Input!$K$16=2,M2010*Input!$J$16,0)</f>
        <v>3.6399828719100788E-2</v>
      </c>
      <c r="P2010" s="58">
        <f>IF(Input!$K$13=3,J2010*Input!$J$13,0)+IF(Input!$K$14=3,K2010*Input!$J$14,0)+IF(Input!$K$15=3,L2010*Input!$J$15,0)+IF(Input!$K$16=3,M2010*Input!$J$16,0)</f>
        <v>0</v>
      </c>
      <c r="Q2010" s="71">
        <f>IF(Input!$K$13=4,J2010*Input!$J$13,0)+IF(Input!$K$14=4,K2010*Input!$J$14,0)+IF(Input!$K$15=4,L2010*Input!$J$15,0)+IF(Input!$K$16=4,M2010*Input!$J$16,0)</f>
        <v>0</v>
      </c>
    </row>
    <row r="2011" spans="8:17" x14ac:dyDescent="0.25">
      <c r="H2011" s="43">
        <v>2004</v>
      </c>
      <c r="I2011" s="55">
        <f>Bühler!I2037</f>
        <v>1.5756428913713649</v>
      </c>
      <c r="J2011" s="58">
        <f>Bühler!J2037</f>
        <v>7.4105860039775386</v>
      </c>
      <c r="K2011" s="58">
        <f>Bühler!K2037</f>
        <v>0.26962836088222802</v>
      </c>
      <c r="L2011" s="58">
        <f>Bühler!L2037</f>
        <v>0.13481418044111401</v>
      </c>
      <c r="M2011" s="57">
        <f>Bühler!M2037</f>
        <v>0</v>
      </c>
      <c r="N2011" s="55">
        <f>IF(Input!$K$13=1,J2011*Input!$J$13,0)+IF(Input!$K$14=1,K2011*Input!$J$14,0)+IF(Input!$K$15=1,L2011*Input!$J$15,0)+IF(Input!$K$16=1,M2011*Input!$J$16,0)</f>
        <v>0.88927032047730459</v>
      </c>
      <c r="O2011" s="58">
        <f>IF(Input!$K$13=2,J2011*Input!$J$13,0)+IF(Input!$K$14=2,K2011*Input!$J$14,0)+IF(Input!$K$15=2,L2011*Input!$J$15,0)+IF(Input!$K$16=2,M2011*Input!$J$16,0)</f>
        <v>3.6399828719100788E-2</v>
      </c>
      <c r="P2011" s="58">
        <f>IF(Input!$K$13=3,J2011*Input!$J$13,0)+IF(Input!$K$14=3,K2011*Input!$J$14,0)+IF(Input!$K$15=3,L2011*Input!$J$15,0)+IF(Input!$K$16=3,M2011*Input!$J$16,0)</f>
        <v>0</v>
      </c>
      <c r="Q2011" s="71">
        <f>IF(Input!$K$13=4,J2011*Input!$J$13,0)+IF(Input!$K$14=4,K2011*Input!$J$14,0)+IF(Input!$K$15=4,L2011*Input!$J$15,0)+IF(Input!$K$16=4,M2011*Input!$J$16,0)</f>
        <v>0</v>
      </c>
    </row>
    <row r="2012" spans="8:17" x14ac:dyDescent="0.25">
      <c r="H2012" s="43">
        <v>2005</v>
      </c>
      <c r="I2012" s="55">
        <f>Bühler!I2038</f>
        <v>1.5756428913713649</v>
      </c>
      <c r="J2012" s="58">
        <f>Bühler!J2038</f>
        <v>7.4105860039775386</v>
      </c>
      <c r="K2012" s="58">
        <f>Bühler!K2038</f>
        <v>0.26962836088222802</v>
      </c>
      <c r="L2012" s="58">
        <f>Bühler!L2038</f>
        <v>0.13481418044111401</v>
      </c>
      <c r="M2012" s="57">
        <f>Bühler!M2038</f>
        <v>0</v>
      </c>
      <c r="N2012" s="55">
        <f>IF(Input!$K$13=1,J2012*Input!$J$13,0)+IF(Input!$K$14=1,K2012*Input!$J$14,0)+IF(Input!$K$15=1,L2012*Input!$J$15,0)+IF(Input!$K$16=1,M2012*Input!$J$16,0)</f>
        <v>0.88927032047730459</v>
      </c>
      <c r="O2012" s="58">
        <f>IF(Input!$K$13=2,J2012*Input!$J$13,0)+IF(Input!$K$14=2,K2012*Input!$J$14,0)+IF(Input!$K$15=2,L2012*Input!$J$15,0)+IF(Input!$K$16=2,M2012*Input!$J$16,0)</f>
        <v>3.6399828719100788E-2</v>
      </c>
      <c r="P2012" s="58">
        <f>IF(Input!$K$13=3,J2012*Input!$J$13,0)+IF(Input!$K$14=3,K2012*Input!$J$14,0)+IF(Input!$K$15=3,L2012*Input!$J$15,0)+IF(Input!$K$16=3,M2012*Input!$J$16,0)</f>
        <v>0</v>
      </c>
      <c r="Q2012" s="71">
        <f>IF(Input!$K$13=4,J2012*Input!$J$13,0)+IF(Input!$K$14=4,K2012*Input!$J$14,0)+IF(Input!$K$15=4,L2012*Input!$J$15,0)+IF(Input!$K$16=4,M2012*Input!$J$16,0)</f>
        <v>0</v>
      </c>
    </row>
    <row r="2013" spans="8:17" x14ac:dyDescent="0.25">
      <c r="H2013" s="43">
        <v>2006</v>
      </c>
      <c r="I2013" s="55">
        <f>Bühler!I2039</f>
        <v>1.5756428913713649</v>
      </c>
      <c r="J2013" s="58">
        <f>Bühler!J2039</f>
        <v>7.4105860039775386</v>
      </c>
      <c r="K2013" s="58">
        <f>Bühler!K2039</f>
        <v>0.26962836088222802</v>
      </c>
      <c r="L2013" s="58">
        <f>Bühler!L2039</f>
        <v>0.13481418044111401</v>
      </c>
      <c r="M2013" s="57">
        <f>Bühler!M2039</f>
        <v>0</v>
      </c>
      <c r="N2013" s="55">
        <f>IF(Input!$K$13=1,J2013*Input!$J$13,0)+IF(Input!$K$14=1,K2013*Input!$J$14,0)+IF(Input!$K$15=1,L2013*Input!$J$15,0)+IF(Input!$K$16=1,M2013*Input!$J$16,0)</f>
        <v>0.88927032047730459</v>
      </c>
      <c r="O2013" s="58">
        <f>IF(Input!$K$13=2,J2013*Input!$J$13,0)+IF(Input!$K$14=2,K2013*Input!$J$14,0)+IF(Input!$K$15=2,L2013*Input!$J$15,0)+IF(Input!$K$16=2,M2013*Input!$J$16,0)</f>
        <v>3.6399828719100788E-2</v>
      </c>
      <c r="P2013" s="58">
        <f>IF(Input!$K$13=3,J2013*Input!$J$13,0)+IF(Input!$K$14=3,K2013*Input!$J$14,0)+IF(Input!$K$15=3,L2013*Input!$J$15,0)+IF(Input!$K$16=3,M2013*Input!$J$16,0)</f>
        <v>0</v>
      </c>
      <c r="Q2013" s="71">
        <f>IF(Input!$K$13=4,J2013*Input!$J$13,0)+IF(Input!$K$14=4,K2013*Input!$J$14,0)+IF(Input!$K$15=4,L2013*Input!$J$15,0)+IF(Input!$K$16=4,M2013*Input!$J$16,0)</f>
        <v>0</v>
      </c>
    </row>
    <row r="2014" spans="8:17" x14ac:dyDescent="0.25">
      <c r="H2014" s="43">
        <v>2007</v>
      </c>
      <c r="I2014" s="55">
        <f>Bühler!I2040</f>
        <v>1.5756428913713649</v>
      </c>
      <c r="J2014" s="58">
        <f>Bühler!J2040</f>
        <v>7.4105860039775386</v>
      </c>
      <c r="K2014" s="58">
        <f>Bühler!K2040</f>
        <v>0.26962836088222802</v>
      </c>
      <c r="L2014" s="58">
        <f>Bühler!L2040</f>
        <v>0.13481418044111401</v>
      </c>
      <c r="M2014" s="57">
        <f>Bühler!M2040</f>
        <v>0</v>
      </c>
      <c r="N2014" s="55">
        <f>IF(Input!$K$13=1,J2014*Input!$J$13,0)+IF(Input!$K$14=1,K2014*Input!$J$14,0)+IF(Input!$K$15=1,L2014*Input!$J$15,0)+IF(Input!$K$16=1,M2014*Input!$J$16,0)</f>
        <v>0.88927032047730459</v>
      </c>
      <c r="O2014" s="58">
        <f>IF(Input!$K$13=2,J2014*Input!$J$13,0)+IF(Input!$K$14=2,K2014*Input!$J$14,0)+IF(Input!$K$15=2,L2014*Input!$J$15,0)+IF(Input!$K$16=2,M2014*Input!$J$16,0)</f>
        <v>3.6399828719100788E-2</v>
      </c>
      <c r="P2014" s="58">
        <f>IF(Input!$K$13=3,J2014*Input!$J$13,0)+IF(Input!$K$14=3,K2014*Input!$J$14,0)+IF(Input!$K$15=3,L2014*Input!$J$15,0)+IF(Input!$K$16=3,M2014*Input!$J$16,0)</f>
        <v>0</v>
      </c>
      <c r="Q2014" s="71">
        <f>IF(Input!$K$13=4,J2014*Input!$J$13,0)+IF(Input!$K$14=4,K2014*Input!$J$14,0)+IF(Input!$K$15=4,L2014*Input!$J$15,0)+IF(Input!$K$16=4,M2014*Input!$J$16,0)</f>
        <v>0</v>
      </c>
    </row>
    <row r="2015" spans="8:17" x14ac:dyDescent="0.25">
      <c r="H2015" s="43">
        <v>2008</v>
      </c>
      <c r="I2015" s="55">
        <f>Bühler!I2041</f>
        <v>1.4245538469932888</v>
      </c>
      <c r="J2015" s="58">
        <f>Bühler!J2041</f>
        <v>7.4042906271284519</v>
      </c>
      <c r="K2015" s="58">
        <f>Bühler!K2041</f>
        <v>0.26962836088222802</v>
      </c>
      <c r="L2015" s="58">
        <f>Bühler!L2041</f>
        <v>0.13481418044111401</v>
      </c>
      <c r="M2015" s="57">
        <f>Bühler!M2041</f>
        <v>0</v>
      </c>
      <c r="N2015" s="55">
        <f>IF(Input!$K$13=1,J2015*Input!$J$13,0)+IF(Input!$K$14=1,K2015*Input!$J$14,0)+IF(Input!$K$15=1,L2015*Input!$J$15,0)+IF(Input!$K$16=1,M2015*Input!$J$16,0)</f>
        <v>0.88851487525541417</v>
      </c>
      <c r="O2015" s="58">
        <f>IF(Input!$K$13=2,J2015*Input!$J$13,0)+IF(Input!$K$14=2,K2015*Input!$J$14,0)+IF(Input!$K$15=2,L2015*Input!$J$15,0)+IF(Input!$K$16=2,M2015*Input!$J$16,0)</f>
        <v>3.6399828719100788E-2</v>
      </c>
      <c r="P2015" s="58">
        <f>IF(Input!$K$13=3,J2015*Input!$J$13,0)+IF(Input!$K$14=3,K2015*Input!$J$14,0)+IF(Input!$K$15=3,L2015*Input!$J$15,0)+IF(Input!$K$16=3,M2015*Input!$J$16,0)</f>
        <v>0</v>
      </c>
      <c r="Q2015" s="71">
        <f>IF(Input!$K$13=4,J2015*Input!$J$13,0)+IF(Input!$K$14=4,K2015*Input!$J$14,0)+IF(Input!$K$15=4,L2015*Input!$J$15,0)+IF(Input!$K$16=4,M2015*Input!$J$16,0)</f>
        <v>0</v>
      </c>
    </row>
    <row r="2016" spans="8:17" x14ac:dyDescent="0.25">
      <c r="H2016" s="43">
        <v>2009</v>
      </c>
      <c r="I2016" s="55">
        <f>Bühler!I2042</f>
        <v>1.2950489518120807</v>
      </c>
      <c r="J2016" s="58">
        <f>Bühler!J2042</f>
        <v>7.3988945898292355</v>
      </c>
      <c r="K2016" s="58">
        <f>Bühler!K2042</f>
        <v>0.26962836088222802</v>
      </c>
      <c r="L2016" s="58">
        <f>Bühler!L2042</f>
        <v>0.13481418044111401</v>
      </c>
      <c r="M2016" s="57">
        <f>Bühler!M2042</f>
        <v>0</v>
      </c>
      <c r="N2016" s="55">
        <f>IF(Input!$K$13=1,J2016*Input!$J$13,0)+IF(Input!$K$14=1,K2016*Input!$J$14,0)+IF(Input!$K$15=1,L2016*Input!$J$15,0)+IF(Input!$K$16=1,M2016*Input!$J$16,0)</f>
        <v>0.88786735077950818</v>
      </c>
      <c r="O2016" s="58">
        <f>IF(Input!$K$13=2,J2016*Input!$J$13,0)+IF(Input!$K$14=2,K2016*Input!$J$14,0)+IF(Input!$K$15=2,L2016*Input!$J$15,0)+IF(Input!$K$16=2,M2016*Input!$J$16,0)</f>
        <v>3.6399828719100788E-2</v>
      </c>
      <c r="P2016" s="58">
        <f>IF(Input!$K$13=3,J2016*Input!$J$13,0)+IF(Input!$K$14=3,K2016*Input!$J$14,0)+IF(Input!$K$15=3,L2016*Input!$J$15,0)+IF(Input!$K$16=3,M2016*Input!$J$16,0)</f>
        <v>0</v>
      </c>
      <c r="Q2016" s="71">
        <f>IF(Input!$K$13=4,J2016*Input!$J$13,0)+IF(Input!$K$14=4,K2016*Input!$J$14,0)+IF(Input!$K$15=4,L2016*Input!$J$15,0)+IF(Input!$K$16=4,M2016*Input!$J$16,0)</f>
        <v>0</v>
      </c>
    </row>
    <row r="2017" spans="8:17" x14ac:dyDescent="0.25">
      <c r="H2017" s="43">
        <v>2010</v>
      </c>
      <c r="I2017" s="55">
        <f>Bühler!I2043</f>
        <v>1.1655440566308728</v>
      </c>
      <c r="J2017" s="58">
        <f>Bühler!J2043</f>
        <v>7.3934985525300183</v>
      </c>
      <c r="K2017" s="58">
        <f>Bühler!K2043</f>
        <v>0.26962836088222802</v>
      </c>
      <c r="L2017" s="58">
        <f>Bühler!L2043</f>
        <v>0.13481418044111401</v>
      </c>
      <c r="M2017" s="57">
        <f>Bühler!M2043</f>
        <v>0</v>
      </c>
      <c r="N2017" s="55">
        <f>IF(Input!$K$13=1,J2017*Input!$J$13,0)+IF(Input!$K$14=1,K2017*Input!$J$14,0)+IF(Input!$K$15=1,L2017*Input!$J$15,0)+IF(Input!$K$16=1,M2017*Input!$J$16,0)</f>
        <v>0.88721982630360219</v>
      </c>
      <c r="O2017" s="58">
        <f>IF(Input!$K$13=2,J2017*Input!$J$13,0)+IF(Input!$K$14=2,K2017*Input!$J$14,0)+IF(Input!$K$15=2,L2017*Input!$J$15,0)+IF(Input!$K$16=2,M2017*Input!$J$16,0)</f>
        <v>3.6399828719100788E-2</v>
      </c>
      <c r="P2017" s="58">
        <f>IF(Input!$K$13=3,J2017*Input!$J$13,0)+IF(Input!$K$14=3,K2017*Input!$J$14,0)+IF(Input!$K$15=3,L2017*Input!$J$15,0)+IF(Input!$K$16=3,M2017*Input!$J$16,0)</f>
        <v>0</v>
      </c>
      <c r="Q2017" s="71">
        <f>IF(Input!$K$13=4,J2017*Input!$J$13,0)+IF(Input!$K$14=4,K2017*Input!$J$14,0)+IF(Input!$K$15=4,L2017*Input!$J$15,0)+IF(Input!$K$16=4,M2017*Input!$J$16,0)</f>
        <v>0</v>
      </c>
    </row>
    <row r="2018" spans="8:17" x14ac:dyDescent="0.25">
      <c r="H2018" s="43">
        <v>2011</v>
      </c>
      <c r="I2018" s="55">
        <f>Bühler!I2044</f>
        <v>1.1223757582371368</v>
      </c>
      <c r="J2018" s="58">
        <f>Bühler!J2044</f>
        <v>7.3916998734302792</v>
      </c>
      <c r="K2018" s="58">
        <f>Bühler!K2044</f>
        <v>0.26962836088222802</v>
      </c>
      <c r="L2018" s="58">
        <f>Bühler!L2044</f>
        <v>0.13481418044111401</v>
      </c>
      <c r="M2018" s="57">
        <f>Bühler!M2044</f>
        <v>0</v>
      </c>
      <c r="N2018" s="55">
        <f>IF(Input!$K$13=1,J2018*Input!$J$13,0)+IF(Input!$K$14=1,K2018*Input!$J$14,0)+IF(Input!$K$15=1,L2018*Input!$J$15,0)+IF(Input!$K$16=1,M2018*Input!$J$16,0)</f>
        <v>0.88700398481163345</v>
      </c>
      <c r="O2018" s="58">
        <f>IF(Input!$K$13=2,J2018*Input!$J$13,0)+IF(Input!$K$14=2,K2018*Input!$J$14,0)+IF(Input!$K$15=2,L2018*Input!$J$15,0)+IF(Input!$K$16=2,M2018*Input!$J$16,0)</f>
        <v>3.6399828719100788E-2</v>
      </c>
      <c r="P2018" s="58">
        <f>IF(Input!$K$13=3,J2018*Input!$J$13,0)+IF(Input!$K$14=3,K2018*Input!$J$14,0)+IF(Input!$K$15=3,L2018*Input!$J$15,0)+IF(Input!$K$16=3,M2018*Input!$J$16,0)</f>
        <v>0</v>
      </c>
      <c r="Q2018" s="71">
        <f>IF(Input!$K$13=4,J2018*Input!$J$13,0)+IF(Input!$K$14=4,K2018*Input!$J$14,0)+IF(Input!$K$15=4,L2018*Input!$J$15,0)+IF(Input!$K$16=4,M2018*Input!$J$16,0)</f>
        <v>0</v>
      </c>
    </row>
    <row r="2019" spans="8:17" x14ac:dyDescent="0.25">
      <c r="H2019" s="43">
        <v>2012</v>
      </c>
      <c r="I2019" s="55">
        <f>Bühler!I2045</f>
        <v>0.90653426626845657</v>
      </c>
      <c r="J2019" s="58">
        <f>Bühler!J2045</f>
        <v>7.3827064779315847</v>
      </c>
      <c r="K2019" s="58">
        <f>Bühler!K2045</f>
        <v>0.26962836088222802</v>
      </c>
      <c r="L2019" s="58">
        <f>Bühler!L2045</f>
        <v>0.13481418044111401</v>
      </c>
      <c r="M2019" s="57">
        <f>Bühler!M2045</f>
        <v>0</v>
      </c>
      <c r="N2019" s="55">
        <f>IF(Input!$K$13=1,J2019*Input!$J$13,0)+IF(Input!$K$14=1,K2019*Input!$J$14,0)+IF(Input!$K$15=1,L2019*Input!$J$15,0)+IF(Input!$K$16=1,M2019*Input!$J$16,0)</f>
        <v>0.88592477735179009</v>
      </c>
      <c r="O2019" s="58">
        <f>IF(Input!$K$13=2,J2019*Input!$J$13,0)+IF(Input!$K$14=2,K2019*Input!$J$14,0)+IF(Input!$K$15=2,L2019*Input!$J$15,0)+IF(Input!$K$16=2,M2019*Input!$J$16,0)</f>
        <v>3.6399828719100788E-2</v>
      </c>
      <c r="P2019" s="58">
        <f>IF(Input!$K$13=3,J2019*Input!$J$13,0)+IF(Input!$K$14=3,K2019*Input!$J$14,0)+IF(Input!$K$15=3,L2019*Input!$J$15,0)+IF(Input!$K$16=3,M2019*Input!$J$16,0)</f>
        <v>0</v>
      </c>
      <c r="Q2019" s="71">
        <f>IF(Input!$K$13=4,J2019*Input!$J$13,0)+IF(Input!$K$14=4,K2019*Input!$J$14,0)+IF(Input!$K$15=4,L2019*Input!$J$15,0)+IF(Input!$K$16=4,M2019*Input!$J$16,0)</f>
        <v>0</v>
      </c>
    </row>
    <row r="2020" spans="8:17" x14ac:dyDescent="0.25">
      <c r="H2020" s="43">
        <v>2013</v>
      </c>
      <c r="I2020" s="55">
        <f>Bühler!I2046</f>
        <v>0.66910862510290836</v>
      </c>
      <c r="J2020" s="58">
        <f>Bühler!J2046</f>
        <v>7.3728137428830198</v>
      </c>
      <c r="K2020" s="58">
        <f>Bühler!K2046</f>
        <v>0.26962836088222802</v>
      </c>
      <c r="L2020" s="58">
        <f>Bühler!L2046</f>
        <v>0.13481418044111401</v>
      </c>
      <c r="M2020" s="57">
        <f>Bühler!M2046</f>
        <v>0</v>
      </c>
      <c r="N2020" s="55">
        <f>IF(Input!$K$13=1,J2020*Input!$J$13,0)+IF(Input!$K$14=1,K2020*Input!$J$14,0)+IF(Input!$K$15=1,L2020*Input!$J$15,0)+IF(Input!$K$16=1,M2020*Input!$J$16,0)</f>
        <v>0.88473764914596231</v>
      </c>
      <c r="O2020" s="58">
        <f>IF(Input!$K$13=2,J2020*Input!$J$13,0)+IF(Input!$K$14=2,K2020*Input!$J$14,0)+IF(Input!$K$15=2,L2020*Input!$J$15,0)+IF(Input!$K$16=2,M2020*Input!$J$16,0)</f>
        <v>3.6399828719100788E-2</v>
      </c>
      <c r="P2020" s="58">
        <f>IF(Input!$K$13=3,J2020*Input!$J$13,0)+IF(Input!$K$14=3,K2020*Input!$J$14,0)+IF(Input!$K$15=3,L2020*Input!$J$15,0)+IF(Input!$K$16=3,M2020*Input!$J$16,0)</f>
        <v>0</v>
      </c>
      <c r="Q2020" s="71">
        <f>IF(Input!$K$13=4,J2020*Input!$J$13,0)+IF(Input!$K$14=4,K2020*Input!$J$14,0)+IF(Input!$K$15=4,L2020*Input!$J$15,0)+IF(Input!$K$16=4,M2020*Input!$J$16,0)</f>
        <v>0</v>
      </c>
    </row>
    <row r="2021" spans="8:17" x14ac:dyDescent="0.25">
      <c r="H2021" s="43">
        <v>2014</v>
      </c>
      <c r="I2021" s="55">
        <f>Bühler!I2047</f>
        <v>0.66910862510290836</v>
      </c>
      <c r="J2021" s="58">
        <f>Bühler!J2047</f>
        <v>7.3728137428830198</v>
      </c>
      <c r="K2021" s="58">
        <f>Bühler!K2047</f>
        <v>0.26962836088222802</v>
      </c>
      <c r="L2021" s="58">
        <f>Bühler!L2047</f>
        <v>0.13481418044111401</v>
      </c>
      <c r="M2021" s="57">
        <f>Bühler!M2047</f>
        <v>0</v>
      </c>
      <c r="N2021" s="55">
        <f>IF(Input!$K$13=1,J2021*Input!$J$13,0)+IF(Input!$K$14=1,K2021*Input!$J$14,0)+IF(Input!$K$15=1,L2021*Input!$J$15,0)+IF(Input!$K$16=1,M2021*Input!$J$16,0)</f>
        <v>0.88473764914596231</v>
      </c>
      <c r="O2021" s="58">
        <f>IF(Input!$K$13=2,J2021*Input!$J$13,0)+IF(Input!$K$14=2,K2021*Input!$J$14,0)+IF(Input!$K$15=2,L2021*Input!$J$15,0)+IF(Input!$K$16=2,M2021*Input!$J$16,0)</f>
        <v>3.6399828719100788E-2</v>
      </c>
      <c r="P2021" s="58">
        <f>IF(Input!$K$13=3,J2021*Input!$J$13,0)+IF(Input!$K$14=3,K2021*Input!$J$14,0)+IF(Input!$K$15=3,L2021*Input!$J$15,0)+IF(Input!$K$16=3,M2021*Input!$J$16,0)</f>
        <v>0</v>
      </c>
      <c r="Q2021" s="71">
        <f>IF(Input!$K$13=4,J2021*Input!$J$13,0)+IF(Input!$K$14=4,K2021*Input!$J$14,0)+IF(Input!$K$15=4,L2021*Input!$J$15,0)+IF(Input!$K$16=4,M2021*Input!$J$16,0)</f>
        <v>0</v>
      </c>
    </row>
    <row r="2022" spans="8:17" x14ac:dyDescent="0.25">
      <c r="H2022" s="43">
        <v>2015</v>
      </c>
      <c r="I2022" s="55">
        <f>Bühler!I2048</f>
        <v>0.66910862510290836</v>
      </c>
      <c r="J2022" s="58">
        <f>Bühler!J2048</f>
        <v>7.3728137428830198</v>
      </c>
      <c r="K2022" s="58">
        <f>Bühler!K2048</f>
        <v>0.26962836088222802</v>
      </c>
      <c r="L2022" s="58">
        <f>Bühler!L2048</f>
        <v>0.13481418044111401</v>
      </c>
      <c r="M2022" s="57">
        <f>Bühler!M2048</f>
        <v>0</v>
      </c>
      <c r="N2022" s="55">
        <f>IF(Input!$K$13=1,J2022*Input!$J$13,0)+IF(Input!$K$14=1,K2022*Input!$J$14,0)+IF(Input!$K$15=1,L2022*Input!$J$15,0)+IF(Input!$K$16=1,M2022*Input!$J$16,0)</f>
        <v>0.88473764914596231</v>
      </c>
      <c r="O2022" s="58">
        <f>IF(Input!$K$13=2,J2022*Input!$J$13,0)+IF(Input!$K$14=2,K2022*Input!$J$14,0)+IF(Input!$K$15=2,L2022*Input!$J$15,0)+IF(Input!$K$16=2,M2022*Input!$J$16,0)</f>
        <v>3.6399828719100788E-2</v>
      </c>
      <c r="P2022" s="58">
        <f>IF(Input!$K$13=3,J2022*Input!$J$13,0)+IF(Input!$K$14=3,K2022*Input!$J$14,0)+IF(Input!$K$15=3,L2022*Input!$J$15,0)+IF(Input!$K$16=3,M2022*Input!$J$16,0)</f>
        <v>0</v>
      </c>
      <c r="Q2022" s="71">
        <f>IF(Input!$K$13=4,J2022*Input!$J$13,0)+IF(Input!$K$14=4,K2022*Input!$J$14,0)+IF(Input!$K$15=4,L2022*Input!$J$15,0)+IF(Input!$K$16=4,M2022*Input!$J$16,0)</f>
        <v>0</v>
      </c>
    </row>
    <row r="2023" spans="8:17" x14ac:dyDescent="0.25">
      <c r="H2023" s="43">
        <v>2016</v>
      </c>
      <c r="I2023" s="55">
        <f>Bühler!I2049</f>
        <v>0.66910862510290836</v>
      </c>
      <c r="J2023" s="58">
        <f>Bühler!J2049</f>
        <v>7.3728137428830198</v>
      </c>
      <c r="K2023" s="58">
        <f>Bühler!K2049</f>
        <v>0.26962836088222802</v>
      </c>
      <c r="L2023" s="58">
        <f>Bühler!L2049</f>
        <v>0.13481418044111401</v>
      </c>
      <c r="M2023" s="57">
        <f>Bühler!M2049</f>
        <v>0</v>
      </c>
      <c r="N2023" s="55">
        <f>IF(Input!$K$13=1,J2023*Input!$J$13,0)+IF(Input!$K$14=1,K2023*Input!$J$14,0)+IF(Input!$K$15=1,L2023*Input!$J$15,0)+IF(Input!$K$16=1,M2023*Input!$J$16,0)</f>
        <v>0.88473764914596231</v>
      </c>
      <c r="O2023" s="58">
        <f>IF(Input!$K$13=2,J2023*Input!$J$13,0)+IF(Input!$K$14=2,K2023*Input!$J$14,0)+IF(Input!$K$15=2,L2023*Input!$J$15,0)+IF(Input!$K$16=2,M2023*Input!$J$16,0)</f>
        <v>3.6399828719100788E-2</v>
      </c>
      <c r="P2023" s="58">
        <f>IF(Input!$K$13=3,J2023*Input!$J$13,0)+IF(Input!$K$14=3,K2023*Input!$J$14,0)+IF(Input!$K$15=3,L2023*Input!$J$15,0)+IF(Input!$K$16=3,M2023*Input!$J$16,0)</f>
        <v>0</v>
      </c>
      <c r="Q2023" s="71">
        <f>IF(Input!$K$13=4,J2023*Input!$J$13,0)+IF(Input!$K$14=4,K2023*Input!$J$14,0)+IF(Input!$K$15=4,L2023*Input!$J$15,0)+IF(Input!$K$16=4,M2023*Input!$J$16,0)</f>
        <v>0</v>
      </c>
    </row>
    <row r="2024" spans="8:17" x14ac:dyDescent="0.25">
      <c r="H2024" s="43">
        <v>2017</v>
      </c>
      <c r="I2024" s="55">
        <f>Bühler!I2050</f>
        <v>0.8172213238662458</v>
      </c>
      <c r="J2024" s="58">
        <f>Bühler!J2050</f>
        <v>7.5994053560644526</v>
      </c>
      <c r="K2024" s="58">
        <f>Bühler!K2050</f>
        <v>0.27403688461717463</v>
      </c>
      <c r="L2024" s="58">
        <f>Bühler!L2050</f>
        <v>0.13701844230858731</v>
      </c>
      <c r="M2024" s="57">
        <f>Bühler!M2050</f>
        <v>0</v>
      </c>
      <c r="N2024" s="55">
        <f>IF(Input!$K$13=1,J2024*Input!$J$13,0)+IF(Input!$K$14=1,K2024*Input!$J$14,0)+IF(Input!$K$15=1,L2024*Input!$J$15,0)+IF(Input!$K$16=1,M2024*Input!$J$16,0)</f>
        <v>0.91192864272773422</v>
      </c>
      <c r="O2024" s="58">
        <f>IF(Input!$K$13=2,J2024*Input!$J$13,0)+IF(Input!$K$14=2,K2024*Input!$J$14,0)+IF(Input!$K$15=2,L2024*Input!$J$15,0)+IF(Input!$K$16=2,M2024*Input!$J$16,0)</f>
        <v>3.6994979423318572E-2</v>
      </c>
      <c r="P2024" s="58">
        <f>IF(Input!$K$13=3,J2024*Input!$J$13,0)+IF(Input!$K$14=3,K2024*Input!$J$14,0)+IF(Input!$K$15=3,L2024*Input!$J$15,0)+IF(Input!$K$16=3,M2024*Input!$J$16,0)</f>
        <v>0</v>
      </c>
      <c r="Q2024" s="71">
        <f>IF(Input!$K$13=4,J2024*Input!$J$13,0)+IF(Input!$K$14=4,K2024*Input!$J$14,0)+IF(Input!$K$15=4,L2024*Input!$J$15,0)+IF(Input!$K$16=4,M2024*Input!$J$16,0)</f>
        <v>0</v>
      </c>
    </row>
    <row r="2025" spans="8:17" x14ac:dyDescent="0.25">
      <c r="H2025" s="43">
        <v>2018</v>
      </c>
      <c r="I2025" s="55">
        <f>Bühler!I2051</f>
        <v>0.94903121481241426</v>
      </c>
      <c r="J2025" s="58">
        <f>Bühler!J2051</f>
        <v>7.6048974348538767</v>
      </c>
      <c r="K2025" s="58">
        <f>Bühler!K2051</f>
        <v>0.27403688461717463</v>
      </c>
      <c r="L2025" s="58">
        <f>Bühler!L2051</f>
        <v>0.13701844230858731</v>
      </c>
      <c r="M2025" s="57">
        <f>Bühler!M2051</f>
        <v>0</v>
      </c>
      <c r="N2025" s="55">
        <f>IF(Input!$K$13=1,J2025*Input!$J$13,0)+IF(Input!$K$14=1,K2025*Input!$J$14,0)+IF(Input!$K$15=1,L2025*Input!$J$15,0)+IF(Input!$K$16=1,M2025*Input!$J$16,0)</f>
        <v>0.91258769218246516</v>
      </c>
      <c r="O2025" s="58">
        <f>IF(Input!$K$13=2,J2025*Input!$J$13,0)+IF(Input!$K$14=2,K2025*Input!$J$14,0)+IF(Input!$K$15=2,L2025*Input!$J$15,0)+IF(Input!$K$16=2,M2025*Input!$J$16,0)</f>
        <v>3.6994979423318572E-2</v>
      </c>
      <c r="P2025" s="58">
        <f>IF(Input!$K$13=3,J2025*Input!$J$13,0)+IF(Input!$K$14=3,K2025*Input!$J$14,0)+IF(Input!$K$15=3,L2025*Input!$J$15,0)+IF(Input!$K$16=3,M2025*Input!$J$16,0)</f>
        <v>0</v>
      </c>
      <c r="Q2025" s="71">
        <f>IF(Input!$K$13=4,J2025*Input!$J$13,0)+IF(Input!$K$14=4,K2025*Input!$J$14,0)+IF(Input!$K$15=4,L2025*Input!$J$15,0)+IF(Input!$K$16=4,M2025*Input!$J$16,0)</f>
        <v>0</v>
      </c>
    </row>
    <row r="2026" spans="8:17" x14ac:dyDescent="0.25">
      <c r="H2026" s="43">
        <v>2019</v>
      </c>
      <c r="I2026" s="55">
        <f>Bühler!I2052</f>
        <v>0.94903121481241426</v>
      </c>
      <c r="J2026" s="58">
        <f>Bühler!J2052</f>
        <v>7.6048974348538767</v>
      </c>
      <c r="K2026" s="58">
        <f>Bühler!K2052</f>
        <v>0.27403688461717463</v>
      </c>
      <c r="L2026" s="58">
        <f>Bühler!L2052</f>
        <v>0.13701844230858731</v>
      </c>
      <c r="M2026" s="57">
        <f>Bühler!M2052</f>
        <v>0</v>
      </c>
      <c r="N2026" s="55">
        <f>IF(Input!$K$13=1,J2026*Input!$J$13,0)+IF(Input!$K$14=1,K2026*Input!$J$14,0)+IF(Input!$K$15=1,L2026*Input!$J$15,0)+IF(Input!$K$16=1,M2026*Input!$J$16,0)</f>
        <v>0.91258769218246516</v>
      </c>
      <c r="O2026" s="58">
        <f>IF(Input!$K$13=2,J2026*Input!$J$13,0)+IF(Input!$K$14=2,K2026*Input!$J$14,0)+IF(Input!$K$15=2,L2026*Input!$J$15,0)+IF(Input!$K$16=2,M2026*Input!$J$16,0)</f>
        <v>3.6994979423318572E-2</v>
      </c>
      <c r="P2026" s="58">
        <f>IF(Input!$K$13=3,J2026*Input!$J$13,0)+IF(Input!$K$14=3,K2026*Input!$J$14,0)+IF(Input!$K$15=3,L2026*Input!$J$15,0)+IF(Input!$K$16=3,M2026*Input!$J$16,0)</f>
        <v>0</v>
      </c>
      <c r="Q2026" s="71">
        <f>IF(Input!$K$13=4,J2026*Input!$J$13,0)+IF(Input!$K$14=4,K2026*Input!$J$14,0)+IF(Input!$K$15=4,L2026*Input!$J$15,0)+IF(Input!$K$16=4,M2026*Input!$J$16,0)</f>
        <v>0</v>
      </c>
    </row>
    <row r="2027" spans="8:17" x14ac:dyDescent="0.25">
      <c r="H2027" s="43">
        <v>2020</v>
      </c>
      <c r="I2027" s="55">
        <f>Bühler!I2053</f>
        <v>0.94903121481241426</v>
      </c>
      <c r="J2027" s="58">
        <f>Bühler!J2053</f>
        <v>7.6048974348538767</v>
      </c>
      <c r="K2027" s="58">
        <f>Bühler!K2053</f>
        <v>0.27403688461717463</v>
      </c>
      <c r="L2027" s="58">
        <f>Bühler!L2053</f>
        <v>0.13701844230858731</v>
      </c>
      <c r="M2027" s="57">
        <f>Bühler!M2053</f>
        <v>0</v>
      </c>
      <c r="N2027" s="55">
        <f>IF(Input!$K$13=1,J2027*Input!$J$13,0)+IF(Input!$K$14=1,K2027*Input!$J$14,0)+IF(Input!$K$15=1,L2027*Input!$J$15,0)+IF(Input!$K$16=1,M2027*Input!$J$16,0)</f>
        <v>0.91258769218246516</v>
      </c>
      <c r="O2027" s="58">
        <f>IF(Input!$K$13=2,J2027*Input!$J$13,0)+IF(Input!$K$14=2,K2027*Input!$J$14,0)+IF(Input!$K$15=2,L2027*Input!$J$15,0)+IF(Input!$K$16=2,M2027*Input!$J$16,0)</f>
        <v>3.6994979423318572E-2</v>
      </c>
      <c r="P2027" s="58">
        <f>IF(Input!$K$13=3,J2027*Input!$J$13,0)+IF(Input!$K$14=3,K2027*Input!$J$14,0)+IF(Input!$K$15=3,L2027*Input!$J$15,0)+IF(Input!$K$16=3,M2027*Input!$J$16,0)</f>
        <v>0</v>
      </c>
      <c r="Q2027" s="71">
        <f>IF(Input!$K$13=4,J2027*Input!$J$13,0)+IF(Input!$K$14=4,K2027*Input!$J$14,0)+IF(Input!$K$15=4,L2027*Input!$J$15,0)+IF(Input!$K$16=4,M2027*Input!$J$16,0)</f>
        <v>0</v>
      </c>
    </row>
    <row r="2028" spans="8:17" x14ac:dyDescent="0.25">
      <c r="H2028" s="43">
        <v>2021</v>
      </c>
      <c r="I2028" s="55">
        <f>Bühler!I2054</f>
        <v>0.94903121481241426</v>
      </c>
      <c r="J2028" s="58">
        <f>Bühler!J2054</f>
        <v>7.6048974348538767</v>
      </c>
      <c r="K2028" s="58">
        <f>Bühler!K2054</f>
        <v>0.27403688461717463</v>
      </c>
      <c r="L2028" s="58">
        <f>Bühler!L2054</f>
        <v>0.13701844230858731</v>
      </c>
      <c r="M2028" s="57">
        <f>Bühler!M2054</f>
        <v>0</v>
      </c>
      <c r="N2028" s="55">
        <f>IF(Input!$K$13=1,J2028*Input!$J$13,0)+IF(Input!$K$14=1,K2028*Input!$J$14,0)+IF(Input!$K$15=1,L2028*Input!$J$15,0)+IF(Input!$K$16=1,M2028*Input!$J$16,0)</f>
        <v>0.91258769218246516</v>
      </c>
      <c r="O2028" s="58">
        <f>IF(Input!$K$13=2,J2028*Input!$J$13,0)+IF(Input!$K$14=2,K2028*Input!$J$14,0)+IF(Input!$K$15=2,L2028*Input!$J$15,0)+IF(Input!$K$16=2,M2028*Input!$J$16,0)</f>
        <v>3.6994979423318572E-2</v>
      </c>
      <c r="P2028" s="58">
        <f>IF(Input!$K$13=3,J2028*Input!$J$13,0)+IF(Input!$K$14=3,K2028*Input!$J$14,0)+IF(Input!$K$15=3,L2028*Input!$J$15,0)+IF(Input!$K$16=3,M2028*Input!$J$16,0)</f>
        <v>0</v>
      </c>
      <c r="Q2028" s="71">
        <f>IF(Input!$K$13=4,J2028*Input!$J$13,0)+IF(Input!$K$14=4,K2028*Input!$J$14,0)+IF(Input!$K$15=4,L2028*Input!$J$15,0)+IF(Input!$K$16=4,M2028*Input!$J$16,0)</f>
        <v>0</v>
      </c>
    </row>
    <row r="2029" spans="8:17" x14ac:dyDescent="0.25">
      <c r="H2029" s="43">
        <v>2022</v>
      </c>
      <c r="I2029" s="55">
        <f>Bühler!I2055</f>
        <v>1.1862890185155179</v>
      </c>
      <c r="J2029" s="58">
        <f>Bühler!J2055</f>
        <v>7.6147831766748393</v>
      </c>
      <c r="K2029" s="58">
        <f>Bühler!K2055</f>
        <v>0.27403688461717463</v>
      </c>
      <c r="L2029" s="58">
        <f>Bühler!L2055</f>
        <v>0.13701844230858731</v>
      </c>
      <c r="M2029" s="57">
        <f>Bühler!M2055</f>
        <v>0</v>
      </c>
      <c r="N2029" s="55">
        <f>IF(Input!$K$13=1,J2029*Input!$J$13,0)+IF(Input!$K$14=1,K2029*Input!$J$14,0)+IF(Input!$K$15=1,L2029*Input!$J$15,0)+IF(Input!$K$16=1,M2029*Input!$J$16,0)</f>
        <v>0.91377398120098063</v>
      </c>
      <c r="O2029" s="58">
        <f>IF(Input!$K$13=2,J2029*Input!$J$13,0)+IF(Input!$K$14=2,K2029*Input!$J$14,0)+IF(Input!$K$15=2,L2029*Input!$J$15,0)+IF(Input!$K$16=2,M2029*Input!$J$16,0)</f>
        <v>3.6994979423318572E-2</v>
      </c>
      <c r="P2029" s="58">
        <f>IF(Input!$K$13=3,J2029*Input!$J$13,0)+IF(Input!$K$14=3,K2029*Input!$J$14,0)+IF(Input!$K$15=3,L2029*Input!$J$15,0)+IF(Input!$K$16=3,M2029*Input!$J$16,0)</f>
        <v>0</v>
      </c>
      <c r="Q2029" s="71">
        <f>IF(Input!$K$13=4,J2029*Input!$J$13,0)+IF(Input!$K$14=4,K2029*Input!$J$14,0)+IF(Input!$K$15=4,L2029*Input!$J$15,0)+IF(Input!$K$16=4,M2029*Input!$J$16,0)</f>
        <v>0</v>
      </c>
    </row>
    <row r="2030" spans="8:17" x14ac:dyDescent="0.25">
      <c r="H2030" s="43">
        <v>2023</v>
      </c>
      <c r="I2030" s="55">
        <f>Bühler!I2056</f>
        <v>1.3971848440293879</v>
      </c>
      <c r="J2030" s="58">
        <f>Bühler!J2056</f>
        <v>7.623570502737917</v>
      </c>
      <c r="K2030" s="58">
        <f>Bühler!K2056</f>
        <v>0.27403688461717463</v>
      </c>
      <c r="L2030" s="58">
        <f>Bühler!L2056</f>
        <v>0.13701844230858731</v>
      </c>
      <c r="M2030" s="57">
        <f>Bühler!M2056</f>
        <v>0</v>
      </c>
      <c r="N2030" s="55">
        <f>IF(Input!$K$13=1,J2030*Input!$J$13,0)+IF(Input!$K$14=1,K2030*Input!$J$14,0)+IF(Input!$K$15=1,L2030*Input!$J$15,0)+IF(Input!$K$16=1,M2030*Input!$J$16,0)</f>
        <v>0.91482846032855003</v>
      </c>
      <c r="O2030" s="58">
        <f>IF(Input!$K$13=2,J2030*Input!$J$13,0)+IF(Input!$K$14=2,K2030*Input!$J$14,0)+IF(Input!$K$15=2,L2030*Input!$J$15,0)+IF(Input!$K$16=2,M2030*Input!$J$16,0)</f>
        <v>3.6994979423318572E-2</v>
      </c>
      <c r="P2030" s="58">
        <f>IF(Input!$K$13=3,J2030*Input!$J$13,0)+IF(Input!$K$14=3,K2030*Input!$J$14,0)+IF(Input!$K$15=3,L2030*Input!$J$15,0)+IF(Input!$K$16=3,M2030*Input!$J$16,0)</f>
        <v>0</v>
      </c>
      <c r="Q2030" s="71">
        <f>IF(Input!$K$13=4,J2030*Input!$J$13,0)+IF(Input!$K$14=4,K2030*Input!$J$14,0)+IF(Input!$K$15=4,L2030*Input!$J$15,0)+IF(Input!$K$16=4,M2030*Input!$J$16,0)</f>
        <v>0</v>
      </c>
    </row>
    <row r="2031" spans="8:17" x14ac:dyDescent="0.25">
      <c r="H2031" s="43">
        <v>2024</v>
      </c>
      <c r="I2031" s="55">
        <f>Bühler!I2057</f>
        <v>1.6608046259217251</v>
      </c>
      <c r="J2031" s="58">
        <f>Bühler!J2057</f>
        <v>7.6345546603167636</v>
      </c>
      <c r="K2031" s="58">
        <f>Bühler!K2057</f>
        <v>0.27403688461717463</v>
      </c>
      <c r="L2031" s="58">
        <f>Bühler!L2057</f>
        <v>0.13701844230858731</v>
      </c>
      <c r="M2031" s="57">
        <f>Bühler!M2057</f>
        <v>0</v>
      </c>
      <c r="N2031" s="55">
        <f>IF(Input!$K$13=1,J2031*Input!$J$13,0)+IF(Input!$K$14=1,K2031*Input!$J$14,0)+IF(Input!$K$15=1,L2031*Input!$J$15,0)+IF(Input!$K$16=1,M2031*Input!$J$16,0)</f>
        <v>0.91614655923801158</v>
      </c>
      <c r="O2031" s="58">
        <f>IF(Input!$K$13=2,J2031*Input!$J$13,0)+IF(Input!$K$14=2,K2031*Input!$J$14,0)+IF(Input!$K$15=2,L2031*Input!$J$15,0)+IF(Input!$K$16=2,M2031*Input!$J$16,0)</f>
        <v>3.6994979423318572E-2</v>
      </c>
      <c r="P2031" s="58">
        <f>IF(Input!$K$13=3,J2031*Input!$J$13,0)+IF(Input!$K$14=3,K2031*Input!$J$14,0)+IF(Input!$K$15=3,L2031*Input!$J$15,0)+IF(Input!$K$16=3,M2031*Input!$J$16,0)</f>
        <v>0</v>
      </c>
      <c r="Q2031" s="71">
        <f>IF(Input!$K$13=4,J2031*Input!$J$13,0)+IF(Input!$K$14=4,K2031*Input!$J$14,0)+IF(Input!$K$15=4,L2031*Input!$J$15,0)+IF(Input!$K$16=4,M2031*Input!$J$16,0)</f>
        <v>0</v>
      </c>
    </row>
    <row r="2032" spans="8:17" x14ac:dyDescent="0.25">
      <c r="H2032" s="43">
        <v>2025</v>
      </c>
      <c r="I2032" s="55">
        <f>Bühler!I2058</f>
        <v>1.6608046259217251</v>
      </c>
      <c r="J2032" s="58">
        <f>Bühler!J2058</f>
        <v>7.6345546603167636</v>
      </c>
      <c r="K2032" s="58">
        <f>Bühler!K2058</f>
        <v>0.27403688461717463</v>
      </c>
      <c r="L2032" s="58">
        <f>Bühler!L2058</f>
        <v>0.13701844230858731</v>
      </c>
      <c r="M2032" s="57">
        <f>Bühler!M2058</f>
        <v>0</v>
      </c>
      <c r="N2032" s="55">
        <f>IF(Input!$K$13=1,J2032*Input!$J$13,0)+IF(Input!$K$14=1,K2032*Input!$J$14,0)+IF(Input!$K$15=1,L2032*Input!$J$15,0)+IF(Input!$K$16=1,M2032*Input!$J$16,0)</f>
        <v>0.91614655923801158</v>
      </c>
      <c r="O2032" s="58">
        <f>IF(Input!$K$13=2,J2032*Input!$J$13,0)+IF(Input!$K$14=2,K2032*Input!$J$14,0)+IF(Input!$K$15=2,L2032*Input!$J$15,0)+IF(Input!$K$16=2,M2032*Input!$J$16,0)</f>
        <v>3.6994979423318572E-2</v>
      </c>
      <c r="P2032" s="58">
        <f>IF(Input!$K$13=3,J2032*Input!$J$13,0)+IF(Input!$K$14=3,K2032*Input!$J$14,0)+IF(Input!$K$15=3,L2032*Input!$J$15,0)+IF(Input!$K$16=3,M2032*Input!$J$16,0)</f>
        <v>0</v>
      </c>
      <c r="Q2032" s="71">
        <f>IF(Input!$K$13=4,J2032*Input!$J$13,0)+IF(Input!$K$14=4,K2032*Input!$J$14,0)+IF(Input!$K$15=4,L2032*Input!$J$15,0)+IF(Input!$K$16=4,M2032*Input!$J$16,0)</f>
        <v>0</v>
      </c>
    </row>
    <row r="2033" spans="8:17" x14ac:dyDescent="0.25">
      <c r="H2033" s="43">
        <v>2026</v>
      </c>
      <c r="I2033" s="55">
        <f>Bühler!I2059</f>
        <v>1.6608046259217251</v>
      </c>
      <c r="J2033" s="58">
        <f>Bühler!J2059</f>
        <v>7.6345546603167636</v>
      </c>
      <c r="K2033" s="58">
        <f>Bühler!K2059</f>
        <v>0.27403688461717463</v>
      </c>
      <c r="L2033" s="58">
        <f>Bühler!L2059</f>
        <v>0.13701844230858731</v>
      </c>
      <c r="M2033" s="57">
        <f>Bühler!M2059</f>
        <v>0</v>
      </c>
      <c r="N2033" s="55">
        <f>IF(Input!$K$13=1,J2033*Input!$J$13,0)+IF(Input!$K$14=1,K2033*Input!$J$14,0)+IF(Input!$K$15=1,L2033*Input!$J$15,0)+IF(Input!$K$16=1,M2033*Input!$J$16,0)</f>
        <v>0.91614655923801158</v>
      </c>
      <c r="O2033" s="58">
        <f>IF(Input!$K$13=2,J2033*Input!$J$13,0)+IF(Input!$K$14=2,K2033*Input!$J$14,0)+IF(Input!$K$15=2,L2033*Input!$J$15,0)+IF(Input!$K$16=2,M2033*Input!$J$16,0)</f>
        <v>3.6994979423318572E-2</v>
      </c>
      <c r="P2033" s="58">
        <f>IF(Input!$K$13=3,J2033*Input!$J$13,0)+IF(Input!$K$14=3,K2033*Input!$J$14,0)+IF(Input!$K$15=3,L2033*Input!$J$15,0)+IF(Input!$K$16=3,M2033*Input!$J$16,0)</f>
        <v>0</v>
      </c>
      <c r="Q2033" s="71">
        <f>IF(Input!$K$13=4,J2033*Input!$J$13,0)+IF(Input!$K$14=4,K2033*Input!$J$14,0)+IF(Input!$K$15=4,L2033*Input!$J$15,0)+IF(Input!$K$16=4,M2033*Input!$J$16,0)</f>
        <v>0</v>
      </c>
    </row>
    <row r="2034" spans="8:17" x14ac:dyDescent="0.25">
      <c r="H2034" s="43">
        <v>2027</v>
      </c>
      <c r="I2034" s="55">
        <f>Bühler!I2060</f>
        <v>1.6608046259217251</v>
      </c>
      <c r="J2034" s="58">
        <f>Bühler!J2060</f>
        <v>7.6345546603167636</v>
      </c>
      <c r="K2034" s="58">
        <f>Bühler!K2060</f>
        <v>0.27403688461717463</v>
      </c>
      <c r="L2034" s="58">
        <f>Bühler!L2060</f>
        <v>0.13701844230858731</v>
      </c>
      <c r="M2034" s="57">
        <f>Bühler!M2060</f>
        <v>0</v>
      </c>
      <c r="N2034" s="55">
        <f>IF(Input!$K$13=1,J2034*Input!$J$13,0)+IF(Input!$K$14=1,K2034*Input!$J$14,0)+IF(Input!$K$15=1,L2034*Input!$J$15,0)+IF(Input!$K$16=1,M2034*Input!$J$16,0)</f>
        <v>0.91614655923801158</v>
      </c>
      <c r="O2034" s="58">
        <f>IF(Input!$K$13=2,J2034*Input!$J$13,0)+IF(Input!$K$14=2,K2034*Input!$J$14,0)+IF(Input!$K$15=2,L2034*Input!$J$15,0)+IF(Input!$K$16=2,M2034*Input!$J$16,0)</f>
        <v>3.6994979423318572E-2</v>
      </c>
      <c r="P2034" s="58">
        <f>IF(Input!$K$13=3,J2034*Input!$J$13,0)+IF(Input!$K$14=3,K2034*Input!$J$14,0)+IF(Input!$K$15=3,L2034*Input!$J$15,0)+IF(Input!$K$16=3,M2034*Input!$J$16,0)</f>
        <v>0</v>
      </c>
      <c r="Q2034" s="71">
        <f>IF(Input!$K$13=4,J2034*Input!$J$13,0)+IF(Input!$K$14=4,K2034*Input!$J$14,0)+IF(Input!$K$15=4,L2034*Input!$J$15,0)+IF(Input!$K$16=4,M2034*Input!$J$16,0)</f>
        <v>0</v>
      </c>
    </row>
    <row r="2035" spans="8:17" x14ac:dyDescent="0.25">
      <c r="H2035" s="43">
        <v>2028</v>
      </c>
      <c r="I2035" s="55">
        <f>Bühler!I2061</f>
        <v>1.6608046259217251</v>
      </c>
      <c r="J2035" s="58">
        <f>Bühler!J2061</f>
        <v>7.6345546603167636</v>
      </c>
      <c r="K2035" s="58">
        <f>Bühler!K2061</f>
        <v>0.27403688461717463</v>
      </c>
      <c r="L2035" s="58">
        <f>Bühler!L2061</f>
        <v>0.13701844230858731</v>
      </c>
      <c r="M2035" s="57">
        <f>Bühler!M2061</f>
        <v>0</v>
      </c>
      <c r="N2035" s="55">
        <f>IF(Input!$K$13=1,J2035*Input!$J$13,0)+IF(Input!$K$14=1,K2035*Input!$J$14,0)+IF(Input!$K$15=1,L2035*Input!$J$15,0)+IF(Input!$K$16=1,M2035*Input!$J$16,0)</f>
        <v>0.91614655923801158</v>
      </c>
      <c r="O2035" s="58">
        <f>IF(Input!$K$13=2,J2035*Input!$J$13,0)+IF(Input!$K$14=2,K2035*Input!$J$14,0)+IF(Input!$K$15=2,L2035*Input!$J$15,0)+IF(Input!$K$16=2,M2035*Input!$J$16,0)</f>
        <v>3.6994979423318572E-2</v>
      </c>
      <c r="P2035" s="58">
        <f>IF(Input!$K$13=3,J2035*Input!$J$13,0)+IF(Input!$K$14=3,K2035*Input!$J$14,0)+IF(Input!$K$15=3,L2035*Input!$J$15,0)+IF(Input!$K$16=3,M2035*Input!$J$16,0)</f>
        <v>0</v>
      </c>
      <c r="Q2035" s="71">
        <f>IF(Input!$K$13=4,J2035*Input!$J$13,0)+IF(Input!$K$14=4,K2035*Input!$J$14,0)+IF(Input!$K$15=4,L2035*Input!$J$15,0)+IF(Input!$K$16=4,M2035*Input!$J$16,0)</f>
        <v>0</v>
      </c>
    </row>
    <row r="2036" spans="8:17" x14ac:dyDescent="0.25">
      <c r="H2036" s="43">
        <v>2029</v>
      </c>
      <c r="I2036" s="55">
        <f>Bühler!I2062</f>
        <v>1.6608046259217251</v>
      </c>
      <c r="J2036" s="58">
        <f>Bühler!J2062</f>
        <v>7.6345546603167636</v>
      </c>
      <c r="K2036" s="58">
        <f>Bühler!K2062</f>
        <v>0.27403688461717463</v>
      </c>
      <c r="L2036" s="58">
        <f>Bühler!L2062</f>
        <v>0.13701844230858731</v>
      </c>
      <c r="M2036" s="57">
        <f>Bühler!M2062</f>
        <v>0</v>
      </c>
      <c r="N2036" s="55">
        <f>IF(Input!$K$13=1,J2036*Input!$J$13,0)+IF(Input!$K$14=1,K2036*Input!$J$14,0)+IF(Input!$K$15=1,L2036*Input!$J$15,0)+IF(Input!$K$16=1,M2036*Input!$J$16,0)</f>
        <v>0.91614655923801158</v>
      </c>
      <c r="O2036" s="58">
        <f>IF(Input!$K$13=2,J2036*Input!$J$13,0)+IF(Input!$K$14=2,K2036*Input!$J$14,0)+IF(Input!$K$15=2,L2036*Input!$J$15,0)+IF(Input!$K$16=2,M2036*Input!$J$16,0)</f>
        <v>3.6994979423318572E-2</v>
      </c>
      <c r="P2036" s="58">
        <f>IF(Input!$K$13=3,J2036*Input!$J$13,0)+IF(Input!$K$14=3,K2036*Input!$J$14,0)+IF(Input!$K$15=3,L2036*Input!$J$15,0)+IF(Input!$K$16=3,M2036*Input!$J$16,0)</f>
        <v>0</v>
      </c>
      <c r="Q2036" s="71">
        <f>IF(Input!$K$13=4,J2036*Input!$J$13,0)+IF(Input!$K$14=4,K2036*Input!$J$14,0)+IF(Input!$K$15=4,L2036*Input!$J$15,0)+IF(Input!$K$16=4,M2036*Input!$J$16,0)</f>
        <v>0</v>
      </c>
    </row>
    <row r="2037" spans="8:17" x14ac:dyDescent="0.25">
      <c r="H2037" s="43">
        <v>2030</v>
      </c>
      <c r="I2037" s="55">
        <f>Bühler!I2063</f>
        <v>1.6608046259217251</v>
      </c>
      <c r="J2037" s="58">
        <f>Bühler!J2063</f>
        <v>7.6345546603167636</v>
      </c>
      <c r="K2037" s="58">
        <f>Bühler!K2063</f>
        <v>0.27403688461717463</v>
      </c>
      <c r="L2037" s="58">
        <f>Bühler!L2063</f>
        <v>0.13701844230858731</v>
      </c>
      <c r="M2037" s="57">
        <f>Bühler!M2063</f>
        <v>0</v>
      </c>
      <c r="N2037" s="55">
        <f>IF(Input!$K$13=1,J2037*Input!$J$13,0)+IF(Input!$K$14=1,K2037*Input!$J$14,0)+IF(Input!$K$15=1,L2037*Input!$J$15,0)+IF(Input!$K$16=1,M2037*Input!$J$16,0)</f>
        <v>0.91614655923801158</v>
      </c>
      <c r="O2037" s="58">
        <f>IF(Input!$K$13=2,J2037*Input!$J$13,0)+IF(Input!$K$14=2,K2037*Input!$J$14,0)+IF(Input!$K$15=2,L2037*Input!$J$15,0)+IF(Input!$K$16=2,M2037*Input!$J$16,0)</f>
        <v>3.6994979423318572E-2</v>
      </c>
      <c r="P2037" s="58">
        <f>IF(Input!$K$13=3,J2037*Input!$J$13,0)+IF(Input!$K$14=3,K2037*Input!$J$14,0)+IF(Input!$K$15=3,L2037*Input!$J$15,0)+IF(Input!$K$16=3,M2037*Input!$J$16,0)</f>
        <v>0</v>
      </c>
      <c r="Q2037" s="71">
        <f>IF(Input!$K$13=4,J2037*Input!$J$13,0)+IF(Input!$K$14=4,K2037*Input!$J$14,0)+IF(Input!$K$15=4,L2037*Input!$J$15,0)+IF(Input!$K$16=4,M2037*Input!$J$16,0)</f>
        <v>0</v>
      </c>
    </row>
    <row r="2038" spans="8:17" x14ac:dyDescent="0.25">
      <c r="H2038" s="43">
        <v>2031</v>
      </c>
      <c r="I2038" s="55">
        <f>Bühler!I2064</f>
        <v>1.6608046259217251</v>
      </c>
      <c r="J2038" s="58">
        <f>Bühler!J2064</f>
        <v>7.6345546603167636</v>
      </c>
      <c r="K2038" s="58">
        <f>Bühler!K2064</f>
        <v>0.27403688461717463</v>
      </c>
      <c r="L2038" s="58">
        <f>Bühler!L2064</f>
        <v>0.13701844230858731</v>
      </c>
      <c r="M2038" s="57">
        <f>Bühler!M2064</f>
        <v>0</v>
      </c>
      <c r="N2038" s="55">
        <f>IF(Input!$K$13=1,J2038*Input!$J$13,0)+IF(Input!$K$14=1,K2038*Input!$J$14,0)+IF(Input!$K$15=1,L2038*Input!$J$15,0)+IF(Input!$K$16=1,M2038*Input!$J$16,0)</f>
        <v>0.91614655923801158</v>
      </c>
      <c r="O2038" s="58">
        <f>IF(Input!$K$13=2,J2038*Input!$J$13,0)+IF(Input!$K$14=2,K2038*Input!$J$14,0)+IF(Input!$K$15=2,L2038*Input!$J$15,0)+IF(Input!$K$16=2,M2038*Input!$J$16,0)</f>
        <v>3.6994979423318572E-2</v>
      </c>
      <c r="P2038" s="58">
        <f>IF(Input!$K$13=3,J2038*Input!$J$13,0)+IF(Input!$K$14=3,K2038*Input!$J$14,0)+IF(Input!$K$15=3,L2038*Input!$J$15,0)+IF(Input!$K$16=3,M2038*Input!$J$16,0)</f>
        <v>0</v>
      </c>
      <c r="Q2038" s="71">
        <f>IF(Input!$K$13=4,J2038*Input!$J$13,0)+IF(Input!$K$14=4,K2038*Input!$J$14,0)+IF(Input!$K$15=4,L2038*Input!$J$15,0)+IF(Input!$K$16=4,M2038*Input!$J$16,0)</f>
        <v>0</v>
      </c>
    </row>
    <row r="2039" spans="8:17" x14ac:dyDescent="0.25">
      <c r="H2039" s="43">
        <v>2032</v>
      </c>
      <c r="I2039" s="55">
        <f>Bühler!I2065</f>
        <v>1.4762707785970892</v>
      </c>
      <c r="J2039" s="58">
        <f>Bühler!J2065</f>
        <v>7.6268657500115706</v>
      </c>
      <c r="K2039" s="58">
        <f>Bühler!K2065</f>
        <v>0.27403688461717463</v>
      </c>
      <c r="L2039" s="58">
        <f>Bühler!L2065</f>
        <v>0.13701844230858731</v>
      </c>
      <c r="M2039" s="57">
        <f>Bühler!M2065</f>
        <v>0</v>
      </c>
      <c r="N2039" s="55">
        <f>IF(Input!$K$13=1,J2039*Input!$J$13,0)+IF(Input!$K$14=1,K2039*Input!$J$14,0)+IF(Input!$K$15=1,L2039*Input!$J$15,0)+IF(Input!$K$16=1,M2039*Input!$J$16,0)</f>
        <v>0.91522389000138848</v>
      </c>
      <c r="O2039" s="58">
        <f>IF(Input!$K$13=2,J2039*Input!$J$13,0)+IF(Input!$K$14=2,K2039*Input!$J$14,0)+IF(Input!$K$15=2,L2039*Input!$J$15,0)+IF(Input!$K$16=2,M2039*Input!$J$16,0)</f>
        <v>3.6994979423318572E-2</v>
      </c>
      <c r="P2039" s="58">
        <f>IF(Input!$K$13=3,J2039*Input!$J$13,0)+IF(Input!$K$14=3,K2039*Input!$J$14,0)+IF(Input!$K$15=3,L2039*Input!$J$15,0)+IF(Input!$K$16=3,M2039*Input!$J$16,0)</f>
        <v>0</v>
      </c>
      <c r="Q2039" s="71">
        <f>IF(Input!$K$13=4,J2039*Input!$J$13,0)+IF(Input!$K$14=4,K2039*Input!$J$14,0)+IF(Input!$K$15=4,L2039*Input!$J$15,0)+IF(Input!$K$16=4,M2039*Input!$J$16,0)</f>
        <v>0</v>
      </c>
    </row>
    <row r="2040" spans="8:17" x14ac:dyDescent="0.25">
      <c r="H2040" s="43">
        <v>2033</v>
      </c>
      <c r="I2040" s="55">
        <f>Bühler!I2066</f>
        <v>1.4499088004078553</v>
      </c>
      <c r="J2040" s="58">
        <f>Bühler!J2066</f>
        <v>7.6257673342536858</v>
      </c>
      <c r="K2040" s="58">
        <f>Bühler!K2066</f>
        <v>0.27403688461717463</v>
      </c>
      <c r="L2040" s="58">
        <f>Bühler!L2066</f>
        <v>0.13701844230858731</v>
      </c>
      <c r="M2040" s="57">
        <f>Bühler!M2066</f>
        <v>0</v>
      </c>
      <c r="N2040" s="55">
        <f>IF(Input!$K$13=1,J2040*Input!$J$13,0)+IF(Input!$K$14=1,K2040*Input!$J$14,0)+IF(Input!$K$15=1,L2040*Input!$J$15,0)+IF(Input!$K$16=1,M2040*Input!$J$16,0)</f>
        <v>0.9150920801104423</v>
      </c>
      <c r="O2040" s="58">
        <f>IF(Input!$K$13=2,J2040*Input!$J$13,0)+IF(Input!$K$14=2,K2040*Input!$J$14,0)+IF(Input!$K$15=2,L2040*Input!$J$15,0)+IF(Input!$K$16=2,M2040*Input!$J$16,0)</f>
        <v>3.6994979423318572E-2</v>
      </c>
      <c r="P2040" s="58">
        <f>IF(Input!$K$13=3,J2040*Input!$J$13,0)+IF(Input!$K$14=3,K2040*Input!$J$14,0)+IF(Input!$K$15=3,L2040*Input!$J$15,0)+IF(Input!$K$16=3,M2040*Input!$J$16,0)</f>
        <v>0</v>
      </c>
      <c r="Q2040" s="71">
        <f>IF(Input!$K$13=4,J2040*Input!$J$13,0)+IF(Input!$K$14=4,K2040*Input!$J$14,0)+IF(Input!$K$15=4,L2040*Input!$J$15,0)+IF(Input!$K$16=4,M2040*Input!$J$16,0)</f>
        <v>0</v>
      </c>
    </row>
    <row r="2041" spans="8:17" x14ac:dyDescent="0.25">
      <c r="H2041" s="43">
        <v>2034</v>
      </c>
      <c r="I2041" s="55">
        <f>Bühler!I2067</f>
        <v>1.2390129748939855</v>
      </c>
      <c r="J2041" s="58">
        <f>Bühler!J2067</f>
        <v>7.6169800081906081</v>
      </c>
      <c r="K2041" s="58">
        <f>Bühler!K2067</f>
        <v>0.27403688461717463</v>
      </c>
      <c r="L2041" s="58">
        <f>Bühler!L2067</f>
        <v>0.13701844230858731</v>
      </c>
      <c r="M2041" s="57">
        <f>Bühler!M2067</f>
        <v>0</v>
      </c>
      <c r="N2041" s="55">
        <f>IF(Input!$K$13=1,J2041*Input!$J$13,0)+IF(Input!$K$14=1,K2041*Input!$J$14,0)+IF(Input!$K$15=1,L2041*Input!$J$15,0)+IF(Input!$K$16=1,M2041*Input!$J$16,0)</f>
        <v>0.9140376009828729</v>
      </c>
      <c r="O2041" s="58">
        <f>IF(Input!$K$13=2,J2041*Input!$J$13,0)+IF(Input!$K$14=2,K2041*Input!$J$14,0)+IF(Input!$K$15=2,L2041*Input!$J$15,0)+IF(Input!$K$16=2,M2041*Input!$J$16,0)</f>
        <v>3.6994979423318572E-2</v>
      </c>
      <c r="P2041" s="58">
        <f>IF(Input!$K$13=3,J2041*Input!$J$13,0)+IF(Input!$K$14=3,K2041*Input!$J$14,0)+IF(Input!$K$15=3,L2041*Input!$J$15,0)+IF(Input!$K$16=3,M2041*Input!$J$16,0)</f>
        <v>0</v>
      </c>
      <c r="Q2041" s="71">
        <f>IF(Input!$K$13=4,J2041*Input!$J$13,0)+IF(Input!$K$14=4,K2041*Input!$J$14,0)+IF(Input!$K$15=4,L2041*Input!$J$15,0)+IF(Input!$K$16=4,M2041*Input!$J$16,0)</f>
        <v>0</v>
      </c>
    </row>
    <row r="2042" spans="8:17" x14ac:dyDescent="0.25">
      <c r="H2042" s="43">
        <v>2035</v>
      </c>
      <c r="I2042" s="55">
        <f>Bühler!I2068</f>
        <v>1.1599270403262842</v>
      </c>
      <c r="J2042" s="58">
        <f>Bühler!J2068</f>
        <v>7.6136847609169545</v>
      </c>
      <c r="K2042" s="58">
        <f>Bühler!K2068</f>
        <v>0.27403688461717463</v>
      </c>
      <c r="L2042" s="58">
        <f>Bühler!L2068</f>
        <v>0.13701844230858731</v>
      </c>
      <c r="M2042" s="57">
        <f>Bühler!M2068</f>
        <v>0</v>
      </c>
      <c r="N2042" s="55">
        <f>IF(Input!$K$13=1,J2042*Input!$J$13,0)+IF(Input!$K$14=1,K2042*Input!$J$14,0)+IF(Input!$K$15=1,L2042*Input!$J$15,0)+IF(Input!$K$16=1,M2042*Input!$J$16,0)</f>
        <v>0.91364217131003445</v>
      </c>
      <c r="O2042" s="58">
        <f>IF(Input!$K$13=2,J2042*Input!$J$13,0)+IF(Input!$K$14=2,K2042*Input!$J$14,0)+IF(Input!$K$15=2,L2042*Input!$J$15,0)+IF(Input!$K$16=2,M2042*Input!$J$16,0)</f>
        <v>3.6994979423318572E-2</v>
      </c>
      <c r="P2042" s="58">
        <f>IF(Input!$K$13=3,J2042*Input!$J$13,0)+IF(Input!$K$14=3,K2042*Input!$J$14,0)+IF(Input!$K$15=3,L2042*Input!$J$15,0)+IF(Input!$K$16=3,M2042*Input!$J$16,0)</f>
        <v>0</v>
      </c>
      <c r="Q2042" s="71">
        <f>IF(Input!$K$13=4,J2042*Input!$J$13,0)+IF(Input!$K$14=4,K2042*Input!$J$14,0)+IF(Input!$K$15=4,L2042*Input!$J$15,0)+IF(Input!$K$16=4,M2042*Input!$J$16,0)</f>
        <v>0</v>
      </c>
    </row>
    <row r="2043" spans="8:17" x14ac:dyDescent="0.25">
      <c r="H2043" s="43">
        <v>2036</v>
      </c>
      <c r="I2043" s="55">
        <f>Bühler!I2069</f>
        <v>0.97539319300164806</v>
      </c>
      <c r="J2043" s="58">
        <f>Bühler!J2069</f>
        <v>7.6059958506117615</v>
      </c>
      <c r="K2043" s="58">
        <f>Bühler!K2069</f>
        <v>0.27403688461717463</v>
      </c>
      <c r="L2043" s="58">
        <f>Bühler!L2069</f>
        <v>0.13701844230858731</v>
      </c>
      <c r="M2043" s="57">
        <f>Bühler!M2069</f>
        <v>0</v>
      </c>
      <c r="N2043" s="55">
        <f>IF(Input!$K$13=1,J2043*Input!$J$13,0)+IF(Input!$K$14=1,K2043*Input!$J$14,0)+IF(Input!$K$15=1,L2043*Input!$J$15,0)+IF(Input!$K$16=1,M2043*Input!$J$16,0)</f>
        <v>0.91271950207341135</v>
      </c>
      <c r="O2043" s="58">
        <f>IF(Input!$K$13=2,J2043*Input!$J$13,0)+IF(Input!$K$14=2,K2043*Input!$J$14,0)+IF(Input!$K$15=2,L2043*Input!$J$15,0)+IF(Input!$K$16=2,M2043*Input!$J$16,0)</f>
        <v>3.6994979423318572E-2</v>
      </c>
      <c r="P2043" s="58">
        <f>IF(Input!$K$13=3,J2043*Input!$J$13,0)+IF(Input!$K$14=3,K2043*Input!$J$14,0)+IF(Input!$K$15=3,L2043*Input!$J$15,0)+IF(Input!$K$16=3,M2043*Input!$J$16,0)</f>
        <v>0</v>
      </c>
      <c r="Q2043" s="71">
        <f>IF(Input!$K$13=4,J2043*Input!$J$13,0)+IF(Input!$K$14=4,K2043*Input!$J$14,0)+IF(Input!$K$15=4,L2043*Input!$J$15,0)+IF(Input!$K$16=4,M2043*Input!$J$16,0)</f>
        <v>0</v>
      </c>
    </row>
    <row r="2044" spans="8:17" x14ac:dyDescent="0.25">
      <c r="H2044" s="43">
        <v>2037</v>
      </c>
      <c r="I2044" s="55">
        <f>Bühler!I2070</f>
        <v>0.8172213238662458</v>
      </c>
      <c r="J2044" s="58">
        <f>Bühler!J2070</f>
        <v>7.5994053560644526</v>
      </c>
      <c r="K2044" s="58">
        <f>Bühler!K2070</f>
        <v>0.27403688461717463</v>
      </c>
      <c r="L2044" s="58">
        <f>Bühler!L2070</f>
        <v>0.13701844230858731</v>
      </c>
      <c r="M2044" s="57">
        <f>Bühler!M2070</f>
        <v>0</v>
      </c>
      <c r="N2044" s="55">
        <f>IF(Input!$K$13=1,J2044*Input!$J$13,0)+IF(Input!$K$14=1,K2044*Input!$J$14,0)+IF(Input!$K$15=1,L2044*Input!$J$15,0)+IF(Input!$K$16=1,M2044*Input!$J$16,0)</f>
        <v>0.91192864272773422</v>
      </c>
      <c r="O2044" s="58">
        <f>IF(Input!$K$13=2,J2044*Input!$J$13,0)+IF(Input!$K$14=2,K2044*Input!$J$14,0)+IF(Input!$K$15=2,L2044*Input!$J$15,0)+IF(Input!$K$16=2,M2044*Input!$J$16,0)</f>
        <v>3.6994979423318572E-2</v>
      </c>
      <c r="P2044" s="58">
        <f>IF(Input!$K$13=3,J2044*Input!$J$13,0)+IF(Input!$K$14=3,K2044*Input!$J$14,0)+IF(Input!$K$15=3,L2044*Input!$J$15,0)+IF(Input!$K$16=3,M2044*Input!$J$16,0)</f>
        <v>0</v>
      </c>
      <c r="Q2044" s="71">
        <f>IF(Input!$K$13=4,J2044*Input!$J$13,0)+IF(Input!$K$14=4,K2044*Input!$J$14,0)+IF(Input!$K$15=4,L2044*Input!$J$15,0)+IF(Input!$K$16=4,M2044*Input!$J$16,0)</f>
        <v>0</v>
      </c>
    </row>
    <row r="2045" spans="8:17" x14ac:dyDescent="0.25">
      <c r="H2045" s="43">
        <v>2038</v>
      </c>
      <c r="I2045" s="55">
        <f>Bühler!I2071</f>
        <v>0.71177341110931081</v>
      </c>
      <c r="J2045" s="58">
        <f>Bühler!J2071</f>
        <v>7.5950116930329141</v>
      </c>
      <c r="K2045" s="58">
        <f>Bühler!K2071</f>
        <v>0.27403688461717463</v>
      </c>
      <c r="L2045" s="58">
        <f>Bühler!L2071</f>
        <v>0.13701844230858731</v>
      </c>
      <c r="M2045" s="57">
        <f>Bühler!M2071</f>
        <v>0</v>
      </c>
      <c r="N2045" s="55">
        <f>IF(Input!$K$13=1,J2045*Input!$J$13,0)+IF(Input!$K$14=1,K2045*Input!$J$14,0)+IF(Input!$K$15=1,L2045*Input!$J$15,0)+IF(Input!$K$16=1,M2045*Input!$J$16,0)</f>
        <v>0.91140140316394969</v>
      </c>
      <c r="O2045" s="58">
        <f>IF(Input!$K$13=2,J2045*Input!$J$13,0)+IF(Input!$K$14=2,K2045*Input!$J$14,0)+IF(Input!$K$15=2,L2045*Input!$J$15,0)+IF(Input!$K$16=2,M2045*Input!$J$16,0)</f>
        <v>3.6994979423318572E-2</v>
      </c>
      <c r="P2045" s="58">
        <f>IF(Input!$K$13=3,J2045*Input!$J$13,0)+IF(Input!$K$14=3,K2045*Input!$J$14,0)+IF(Input!$K$15=3,L2045*Input!$J$15,0)+IF(Input!$K$16=3,M2045*Input!$J$16,0)</f>
        <v>0</v>
      </c>
      <c r="Q2045" s="71">
        <f>IF(Input!$K$13=4,J2045*Input!$J$13,0)+IF(Input!$K$14=4,K2045*Input!$J$14,0)+IF(Input!$K$15=4,L2045*Input!$J$15,0)+IF(Input!$K$16=4,M2045*Input!$J$16,0)</f>
        <v>0</v>
      </c>
    </row>
    <row r="2046" spans="8:17" x14ac:dyDescent="0.25">
      <c r="H2046" s="43">
        <v>2039</v>
      </c>
      <c r="I2046" s="55">
        <f>Bühler!I2072</f>
        <v>0.71177341110931081</v>
      </c>
      <c r="J2046" s="58">
        <f>Bühler!J2072</f>
        <v>7.5950116930329141</v>
      </c>
      <c r="K2046" s="58">
        <f>Bühler!K2072</f>
        <v>0.27403688461717463</v>
      </c>
      <c r="L2046" s="58">
        <f>Bühler!L2072</f>
        <v>0.13701844230858731</v>
      </c>
      <c r="M2046" s="57">
        <f>Bühler!M2072</f>
        <v>0</v>
      </c>
      <c r="N2046" s="55">
        <f>IF(Input!$K$13=1,J2046*Input!$J$13,0)+IF(Input!$K$14=1,K2046*Input!$J$14,0)+IF(Input!$K$15=1,L2046*Input!$J$15,0)+IF(Input!$K$16=1,M2046*Input!$J$16,0)</f>
        <v>0.91140140316394969</v>
      </c>
      <c r="O2046" s="58">
        <f>IF(Input!$K$13=2,J2046*Input!$J$13,0)+IF(Input!$K$14=2,K2046*Input!$J$14,0)+IF(Input!$K$15=2,L2046*Input!$J$15,0)+IF(Input!$K$16=2,M2046*Input!$J$16,0)</f>
        <v>3.6994979423318572E-2</v>
      </c>
      <c r="P2046" s="58">
        <f>IF(Input!$K$13=3,J2046*Input!$J$13,0)+IF(Input!$K$14=3,K2046*Input!$J$14,0)+IF(Input!$K$15=3,L2046*Input!$J$15,0)+IF(Input!$K$16=3,M2046*Input!$J$16,0)</f>
        <v>0</v>
      </c>
      <c r="Q2046" s="71">
        <f>IF(Input!$K$13=4,J2046*Input!$J$13,0)+IF(Input!$K$14=4,K2046*Input!$J$14,0)+IF(Input!$K$15=4,L2046*Input!$J$15,0)+IF(Input!$K$16=4,M2046*Input!$J$16,0)</f>
        <v>0</v>
      </c>
    </row>
    <row r="2047" spans="8:17" x14ac:dyDescent="0.25">
      <c r="H2047" s="43">
        <v>2040</v>
      </c>
      <c r="I2047" s="55">
        <f>Bühler!I2073</f>
        <v>0.71177341110931081</v>
      </c>
      <c r="J2047" s="58">
        <f>Bühler!J2073</f>
        <v>7.5950116930329141</v>
      </c>
      <c r="K2047" s="58">
        <f>Bühler!K2073</f>
        <v>0.27403688461717463</v>
      </c>
      <c r="L2047" s="58">
        <f>Bühler!L2073</f>
        <v>0.13701844230858731</v>
      </c>
      <c r="M2047" s="57">
        <f>Bühler!M2073</f>
        <v>0</v>
      </c>
      <c r="N2047" s="55">
        <f>IF(Input!$K$13=1,J2047*Input!$J$13,0)+IF(Input!$K$14=1,K2047*Input!$J$14,0)+IF(Input!$K$15=1,L2047*Input!$J$15,0)+IF(Input!$K$16=1,M2047*Input!$J$16,0)</f>
        <v>0.91140140316394969</v>
      </c>
      <c r="O2047" s="58">
        <f>IF(Input!$K$13=2,J2047*Input!$J$13,0)+IF(Input!$K$14=2,K2047*Input!$J$14,0)+IF(Input!$K$15=2,L2047*Input!$J$15,0)+IF(Input!$K$16=2,M2047*Input!$J$16,0)</f>
        <v>3.6994979423318572E-2</v>
      </c>
      <c r="P2047" s="58">
        <f>IF(Input!$K$13=3,J2047*Input!$J$13,0)+IF(Input!$K$14=3,K2047*Input!$J$14,0)+IF(Input!$K$15=3,L2047*Input!$J$15,0)+IF(Input!$K$16=3,M2047*Input!$J$16,0)</f>
        <v>0</v>
      </c>
      <c r="Q2047" s="71">
        <f>IF(Input!$K$13=4,J2047*Input!$J$13,0)+IF(Input!$K$14=4,K2047*Input!$J$14,0)+IF(Input!$K$15=4,L2047*Input!$J$15,0)+IF(Input!$K$16=4,M2047*Input!$J$16,0)</f>
        <v>0</v>
      </c>
    </row>
    <row r="2048" spans="8:17" x14ac:dyDescent="0.25">
      <c r="H2048" s="43">
        <v>2041</v>
      </c>
      <c r="I2048" s="55">
        <f>Bühler!I2074</f>
        <v>1.7015762906109402</v>
      </c>
      <c r="J2048" s="58">
        <f>Bühler!J2074</f>
        <v>12.200062954650503</v>
      </c>
      <c r="K2048" s="58">
        <f>Bühler!K2074</f>
        <v>0.60705851166033276</v>
      </c>
      <c r="L2048" s="58">
        <f>Bühler!L2074</f>
        <v>0.30352925583016638</v>
      </c>
      <c r="M2048" s="57">
        <f>Bühler!M2074</f>
        <v>0</v>
      </c>
      <c r="N2048" s="55">
        <f>IF(Input!$K$13=1,J2048*Input!$J$13,0)+IF(Input!$K$14=1,K2048*Input!$J$14,0)+IF(Input!$K$15=1,L2048*Input!$J$15,0)+IF(Input!$K$16=1,M2048*Input!$J$16,0)</f>
        <v>1.4640075545580604</v>
      </c>
      <c r="O2048" s="58">
        <f>IF(Input!$K$13=2,J2048*Input!$J$13,0)+IF(Input!$K$14=2,K2048*Input!$J$14,0)+IF(Input!$K$15=2,L2048*Input!$J$15,0)+IF(Input!$K$16=2,M2048*Input!$J$16,0)</f>
        <v>8.1952899074144922E-2</v>
      </c>
      <c r="P2048" s="58">
        <f>IF(Input!$K$13=3,J2048*Input!$J$13,0)+IF(Input!$K$14=3,K2048*Input!$J$14,0)+IF(Input!$K$15=3,L2048*Input!$J$15,0)+IF(Input!$K$16=3,M2048*Input!$J$16,0)</f>
        <v>0</v>
      </c>
      <c r="Q2048" s="71">
        <f>IF(Input!$K$13=4,J2048*Input!$J$13,0)+IF(Input!$K$14=4,K2048*Input!$J$14,0)+IF(Input!$K$15=4,L2048*Input!$J$15,0)+IF(Input!$K$16=4,M2048*Input!$J$16,0)</f>
        <v>0</v>
      </c>
    </row>
    <row r="2049" spans="8:17" x14ac:dyDescent="0.25">
      <c r="H2049" s="43">
        <v>2042</v>
      </c>
      <c r="I2049" s="55">
        <f>Bühler!I2075</f>
        <v>1.7015762906109402</v>
      </c>
      <c r="J2049" s="58">
        <f>Bühler!J2075</f>
        <v>12.200062954650503</v>
      </c>
      <c r="K2049" s="58">
        <f>Bühler!K2075</f>
        <v>0.60705851166033276</v>
      </c>
      <c r="L2049" s="58">
        <f>Bühler!L2075</f>
        <v>0.30352925583016638</v>
      </c>
      <c r="M2049" s="57">
        <f>Bühler!M2075</f>
        <v>0</v>
      </c>
      <c r="N2049" s="55">
        <f>IF(Input!$K$13=1,J2049*Input!$J$13,0)+IF(Input!$K$14=1,K2049*Input!$J$14,0)+IF(Input!$K$15=1,L2049*Input!$J$15,0)+IF(Input!$K$16=1,M2049*Input!$J$16,0)</f>
        <v>1.4640075545580604</v>
      </c>
      <c r="O2049" s="58">
        <f>IF(Input!$K$13=2,J2049*Input!$J$13,0)+IF(Input!$K$14=2,K2049*Input!$J$14,0)+IF(Input!$K$15=2,L2049*Input!$J$15,0)+IF(Input!$K$16=2,M2049*Input!$J$16,0)</f>
        <v>8.1952899074144922E-2</v>
      </c>
      <c r="P2049" s="58">
        <f>IF(Input!$K$13=3,J2049*Input!$J$13,0)+IF(Input!$K$14=3,K2049*Input!$J$14,0)+IF(Input!$K$15=3,L2049*Input!$J$15,0)+IF(Input!$K$16=3,M2049*Input!$J$16,0)</f>
        <v>0</v>
      </c>
      <c r="Q2049" s="71">
        <f>IF(Input!$K$13=4,J2049*Input!$J$13,0)+IF(Input!$K$14=4,K2049*Input!$J$14,0)+IF(Input!$K$15=4,L2049*Input!$J$15,0)+IF(Input!$K$16=4,M2049*Input!$J$16,0)</f>
        <v>0</v>
      </c>
    </row>
    <row r="2050" spans="8:17" x14ac:dyDescent="0.25">
      <c r="H2050" s="43">
        <v>2043</v>
      </c>
      <c r="I2050" s="55">
        <f>Bühler!I2076</f>
        <v>1.7015762906109402</v>
      </c>
      <c r="J2050" s="58">
        <f>Bühler!J2076</f>
        <v>12.200062954650503</v>
      </c>
      <c r="K2050" s="58">
        <f>Bühler!K2076</f>
        <v>0.60705851166033276</v>
      </c>
      <c r="L2050" s="58">
        <f>Bühler!L2076</f>
        <v>0.30352925583016638</v>
      </c>
      <c r="M2050" s="57">
        <f>Bühler!M2076</f>
        <v>0</v>
      </c>
      <c r="N2050" s="55">
        <f>IF(Input!$K$13=1,J2050*Input!$J$13,0)+IF(Input!$K$14=1,K2050*Input!$J$14,0)+IF(Input!$K$15=1,L2050*Input!$J$15,0)+IF(Input!$K$16=1,M2050*Input!$J$16,0)</f>
        <v>1.4640075545580604</v>
      </c>
      <c r="O2050" s="58">
        <f>IF(Input!$K$13=2,J2050*Input!$J$13,0)+IF(Input!$K$14=2,K2050*Input!$J$14,0)+IF(Input!$K$15=2,L2050*Input!$J$15,0)+IF(Input!$K$16=2,M2050*Input!$J$16,0)</f>
        <v>8.1952899074144922E-2</v>
      </c>
      <c r="P2050" s="58">
        <f>IF(Input!$K$13=3,J2050*Input!$J$13,0)+IF(Input!$K$14=3,K2050*Input!$J$14,0)+IF(Input!$K$15=3,L2050*Input!$J$15,0)+IF(Input!$K$16=3,M2050*Input!$J$16,0)</f>
        <v>0</v>
      </c>
      <c r="Q2050" s="71">
        <f>IF(Input!$K$13=4,J2050*Input!$J$13,0)+IF(Input!$K$14=4,K2050*Input!$J$14,0)+IF(Input!$K$15=4,L2050*Input!$J$15,0)+IF(Input!$K$16=4,M2050*Input!$J$16,0)</f>
        <v>0</v>
      </c>
    </row>
    <row r="2051" spans="8:17" x14ac:dyDescent="0.25">
      <c r="H2051" s="43">
        <v>2044</v>
      </c>
      <c r="I2051" s="55">
        <f>Bühler!I2077</f>
        <v>1.7015762906109402</v>
      </c>
      <c r="J2051" s="58">
        <f>Bühler!J2077</f>
        <v>12.200062954650503</v>
      </c>
      <c r="K2051" s="58">
        <f>Bühler!K2077</f>
        <v>0.60705851166033276</v>
      </c>
      <c r="L2051" s="58">
        <f>Bühler!L2077</f>
        <v>0.30352925583016638</v>
      </c>
      <c r="M2051" s="57">
        <f>Bühler!M2077</f>
        <v>0</v>
      </c>
      <c r="N2051" s="55">
        <f>IF(Input!$K$13=1,J2051*Input!$J$13,0)+IF(Input!$K$14=1,K2051*Input!$J$14,0)+IF(Input!$K$15=1,L2051*Input!$J$15,0)+IF(Input!$K$16=1,M2051*Input!$J$16,0)</f>
        <v>1.4640075545580604</v>
      </c>
      <c r="O2051" s="58">
        <f>IF(Input!$K$13=2,J2051*Input!$J$13,0)+IF(Input!$K$14=2,K2051*Input!$J$14,0)+IF(Input!$K$15=2,L2051*Input!$J$15,0)+IF(Input!$K$16=2,M2051*Input!$J$16,0)</f>
        <v>8.1952899074144922E-2</v>
      </c>
      <c r="P2051" s="58">
        <f>IF(Input!$K$13=3,J2051*Input!$J$13,0)+IF(Input!$K$14=3,K2051*Input!$J$14,0)+IF(Input!$K$15=3,L2051*Input!$J$15,0)+IF(Input!$K$16=3,M2051*Input!$J$16,0)</f>
        <v>0</v>
      </c>
      <c r="Q2051" s="71">
        <f>IF(Input!$K$13=4,J2051*Input!$J$13,0)+IF(Input!$K$14=4,K2051*Input!$J$14,0)+IF(Input!$K$15=4,L2051*Input!$J$15,0)+IF(Input!$K$16=4,M2051*Input!$J$16,0)</f>
        <v>0</v>
      </c>
    </row>
    <row r="2052" spans="8:17" x14ac:dyDescent="0.25">
      <c r="H2052" s="43">
        <v>2045</v>
      </c>
      <c r="I2052" s="55">
        <f>Bühler!I2078</f>
        <v>1.7015762906109402</v>
      </c>
      <c r="J2052" s="58">
        <f>Bühler!J2078</f>
        <v>12.200062954650503</v>
      </c>
      <c r="K2052" s="58">
        <f>Bühler!K2078</f>
        <v>0.60705851166033276</v>
      </c>
      <c r="L2052" s="58">
        <f>Bühler!L2078</f>
        <v>0.30352925583016638</v>
      </c>
      <c r="M2052" s="57">
        <f>Bühler!M2078</f>
        <v>0</v>
      </c>
      <c r="N2052" s="55">
        <f>IF(Input!$K$13=1,J2052*Input!$J$13,0)+IF(Input!$K$14=1,K2052*Input!$J$14,0)+IF(Input!$K$15=1,L2052*Input!$J$15,0)+IF(Input!$K$16=1,M2052*Input!$J$16,0)</f>
        <v>1.4640075545580604</v>
      </c>
      <c r="O2052" s="58">
        <f>IF(Input!$K$13=2,J2052*Input!$J$13,0)+IF(Input!$K$14=2,K2052*Input!$J$14,0)+IF(Input!$K$15=2,L2052*Input!$J$15,0)+IF(Input!$K$16=2,M2052*Input!$J$16,0)</f>
        <v>8.1952899074144922E-2</v>
      </c>
      <c r="P2052" s="58">
        <f>IF(Input!$K$13=3,J2052*Input!$J$13,0)+IF(Input!$K$14=3,K2052*Input!$J$14,0)+IF(Input!$K$15=3,L2052*Input!$J$15,0)+IF(Input!$K$16=3,M2052*Input!$J$16,0)</f>
        <v>0</v>
      </c>
      <c r="Q2052" s="71">
        <f>IF(Input!$K$13=4,J2052*Input!$J$13,0)+IF(Input!$K$14=4,K2052*Input!$J$14,0)+IF(Input!$K$15=4,L2052*Input!$J$15,0)+IF(Input!$K$16=4,M2052*Input!$J$16,0)</f>
        <v>0</v>
      </c>
    </row>
    <row r="2053" spans="8:17" x14ac:dyDescent="0.25">
      <c r="H2053" s="43">
        <v>2046</v>
      </c>
      <c r="I2053" s="55">
        <f>Bühler!I2079</f>
        <v>1.7015762906109402</v>
      </c>
      <c r="J2053" s="58">
        <f>Bühler!J2079</f>
        <v>12.200062954650503</v>
      </c>
      <c r="K2053" s="58">
        <f>Bühler!K2079</f>
        <v>0.60705851166033276</v>
      </c>
      <c r="L2053" s="58">
        <f>Bühler!L2079</f>
        <v>0.30352925583016638</v>
      </c>
      <c r="M2053" s="57">
        <f>Bühler!M2079</f>
        <v>0</v>
      </c>
      <c r="N2053" s="55">
        <f>IF(Input!$K$13=1,J2053*Input!$J$13,0)+IF(Input!$K$14=1,K2053*Input!$J$14,0)+IF(Input!$K$15=1,L2053*Input!$J$15,0)+IF(Input!$K$16=1,M2053*Input!$J$16,0)</f>
        <v>1.4640075545580604</v>
      </c>
      <c r="O2053" s="58">
        <f>IF(Input!$K$13=2,J2053*Input!$J$13,0)+IF(Input!$K$14=2,K2053*Input!$J$14,0)+IF(Input!$K$15=2,L2053*Input!$J$15,0)+IF(Input!$K$16=2,M2053*Input!$J$16,0)</f>
        <v>8.1952899074144922E-2</v>
      </c>
      <c r="P2053" s="58">
        <f>IF(Input!$K$13=3,J2053*Input!$J$13,0)+IF(Input!$K$14=3,K2053*Input!$J$14,0)+IF(Input!$K$15=3,L2053*Input!$J$15,0)+IF(Input!$K$16=3,M2053*Input!$J$16,0)</f>
        <v>0</v>
      </c>
      <c r="Q2053" s="71">
        <f>IF(Input!$K$13=4,J2053*Input!$J$13,0)+IF(Input!$K$14=4,K2053*Input!$J$14,0)+IF(Input!$K$15=4,L2053*Input!$J$15,0)+IF(Input!$K$16=4,M2053*Input!$J$16,0)</f>
        <v>0</v>
      </c>
    </row>
    <row r="2054" spans="8:17" x14ac:dyDescent="0.25">
      <c r="H2054" s="43">
        <v>2047</v>
      </c>
      <c r="I2054" s="55">
        <f>Bühler!I2080</f>
        <v>1.7015762906109402</v>
      </c>
      <c r="J2054" s="58">
        <f>Bühler!J2080</f>
        <v>12.200062954650503</v>
      </c>
      <c r="K2054" s="58">
        <f>Bühler!K2080</f>
        <v>0.60705851166033276</v>
      </c>
      <c r="L2054" s="58">
        <f>Bühler!L2080</f>
        <v>0.30352925583016638</v>
      </c>
      <c r="M2054" s="57">
        <f>Bühler!M2080</f>
        <v>0</v>
      </c>
      <c r="N2054" s="55">
        <f>IF(Input!$K$13=1,J2054*Input!$J$13,0)+IF(Input!$K$14=1,K2054*Input!$J$14,0)+IF(Input!$K$15=1,L2054*Input!$J$15,0)+IF(Input!$K$16=1,M2054*Input!$J$16,0)</f>
        <v>1.4640075545580604</v>
      </c>
      <c r="O2054" s="58">
        <f>IF(Input!$K$13=2,J2054*Input!$J$13,0)+IF(Input!$K$14=2,K2054*Input!$J$14,0)+IF(Input!$K$15=2,L2054*Input!$J$15,0)+IF(Input!$K$16=2,M2054*Input!$J$16,0)</f>
        <v>8.1952899074144922E-2</v>
      </c>
      <c r="P2054" s="58">
        <f>IF(Input!$K$13=3,J2054*Input!$J$13,0)+IF(Input!$K$14=3,K2054*Input!$J$14,0)+IF(Input!$K$15=3,L2054*Input!$J$15,0)+IF(Input!$K$16=3,M2054*Input!$J$16,0)</f>
        <v>0</v>
      </c>
      <c r="Q2054" s="71">
        <f>IF(Input!$K$13=4,J2054*Input!$J$13,0)+IF(Input!$K$14=4,K2054*Input!$J$14,0)+IF(Input!$K$15=4,L2054*Input!$J$15,0)+IF(Input!$K$16=4,M2054*Input!$J$16,0)</f>
        <v>0</v>
      </c>
    </row>
    <row r="2055" spans="8:17" x14ac:dyDescent="0.25">
      <c r="H2055" s="43">
        <v>2048</v>
      </c>
      <c r="I2055" s="55">
        <f>Bühler!I2081</f>
        <v>7.4018568641575895</v>
      </c>
      <c r="J2055" s="58">
        <f>Bühler!J2081</f>
        <v>52.138171875145716</v>
      </c>
      <c r="K2055" s="58">
        <f>Bühler!K2081</f>
        <v>2.5860692596730175</v>
      </c>
      <c r="L2055" s="58">
        <f>Bühler!L2081</f>
        <v>1.2930346298365087</v>
      </c>
      <c r="M2055" s="57">
        <f>Bühler!M2081</f>
        <v>0</v>
      </c>
      <c r="N2055" s="55">
        <f>IF(Input!$K$13=1,J2055*Input!$J$13,0)+IF(Input!$K$14=1,K2055*Input!$J$14,0)+IF(Input!$K$15=1,L2055*Input!$J$15,0)+IF(Input!$K$16=1,M2055*Input!$J$16,0)</f>
        <v>6.2565806250174854</v>
      </c>
      <c r="O2055" s="58">
        <f>IF(Input!$K$13=2,J2055*Input!$J$13,0)+IF(Input!$K$14=2,K2055*Input!$J$14,0)+IF(Input!$K$15=2,L2055*Input!$J$15,0)+IF(Input!$K$16=2,M2055*Input!$J$16,0)</f>
        <v>0.34911935005585737</v>
      </c>
      <c r="P2055" s="58">
        <f>IF(Input!$K$13=3,J2055*Input!$J$13,0)+IF(Input!$K$14=3,K2055*Input!$J$14,0)+IF(Input!$K$15=3,L2055*Input!$J$15,0)+IF(Input!$K$16=3,M2055*Input!$J$16,0)</f>
        <v>0</v>
      </c>
      <c r="Q2055" s="71">
        <f>IF(Input!$K$13=4,J2055*Input!$J$13,0)+IF(Input!$K$14=4,K2055*Input!$J$14,0)+IF(Input!$K$15=4,L2055*Input!$J$15,0)+IF(Input!$K$16=4,M2055*Input!$J$16,0)</f>
        <v>0</v>
      </c>
    </row>
    <row r="2056" spans="8:17" x14ac:dyDescent="0.25">
      <c r="H2056" s="43">
        <v>2049</v>
      </c>
      <c r="I2056" s="55">
        <f>Bühler!I2082</f>
        <v>8.3270889721772878</v>
      </c>
      <c r="J2056" s="58">
        <f>Bühler!J2082</f>
        <v>58.655443359538928</v>
      </c>
      <c r="K2056" s="58">
        <f>Bühler!K2082</f>
        <v>2.9093279171321451</v>
      </c>
      <c r="L2056" s="58">
        <f>Bühler!L2082</f>
        <v>1.4546639585660726</v>
      </c>
      <c r="M2056" s="57">
        <f>Bühler!M2082</f>
        <v>0</v>
      </c>
      <c r="N2056" s="55">
        <f>IF(Input!$K$13=1,J2056*Input!$J$13,0)+IF(Input!$K$14=1,K2056*Input!$J$14,0)+IF(Input!$K$15=1,L2056*Input!$J$15,0)+IF(Input!$K$16=1,M2056*Input!$J$16,0)</f>
        <v>7.0386532031446709</v>
      </c>
      <c r="O2056" s="58">
        <f>IF(Input!$K$13=2,J2056*Input!$J$13,0)+IF(Input!$K$14=2,K2056*Input!$J$14,0)+IF(Input!$K$15=2,L2056*Input!$J$15,0)+IF(Input!$K$16=2,M2056*Input!$J$16,0)</f>
        <v>0.39275926881283962</v>
      </c>
      <c r="P2056" s="58">
        <f>IF(Input!$K$13=3,J2056*Input!$J$13,0)+IF(Input!$K$14=3,K2056*Input!$J$14,0)+IF(Input!$K$15=3,L2056*Input!$J$15,0)+IF(Input!$K$16=3,M2056*Input!$J$16,0)</f>
        <v>0</v>
      </c>
      <c r="Q2056" s="71">
        <f>IF(Input!$K$13=4,J2056*Input!$J$13,0)+IF(Input!$K$14=4,K2056*Input!$J$14,0)+IF(Input!$K$15=4,L2056*Input!$J$15,0)+IF(Input!$K$16=4,M2056*Input!$J$16,0)</f>
        <v>0</v>
      </c>
    </row>
    <row r="2057" spans="8:17" x14ac:dyDescent="0.25">
      <c r="H2057" s="43">
        <v>2050</v>
      </c>
      <c r="I2057" s="55">
        <f>Bühler!I2083</f>
        <v>9.2523210801969853</v>
      </c>
      <c r="J2057" s="58">
        <f>Bühler!J2083</f>
        <v>65.172714843932141</v>
      </c>
      <c r="K2057" s="58">
        <f>Bühler!K2083</f>
        <v>3.2325865745912719</v>
      </c>
      <c r="L2057" s="58">
        <f>Bühler!L2083</f>
        <v>1.6162932872956359</v>
      </c>
      <c r="M2057" s="57">
        <f>Bühler!M2083</f>
        <v>0</v>
      </c>
      <c r="N2057" s="55">
        <f>IF(Input!$K$13=1,J2057*Input!$J$13,0)+IF(Input!$K$14=1,K2057*Input!$J$14,0)+IF(Input!$K$15=1,L2057*Input!$J$15,0)+IF(Input!$K$16=1,M2057*Input!$J$16,0)</f>
        <v>7.8207257812718565</v>
      </c>
      <c r="O2057" s="58">
        <f>IF(Input!$K$13=2,J2057*Input!$J$13,0)+IF(Input!$K$14=2,K2057*Input!$J$14,0)+IF(Input!$K$15=2,L2057*Input!$J$15,0)+IF(Input!$K$16=2,M2057*Input!$J$16,0)</f>
        <v>0.43639918756982166</v>
      </c>
      <c r="P2057" s="58">
        <f>IF(Input!$K$13=3,J2057*Input!$J$13,0)+IF(Input!$K$14=3,K2057*Input!$J$14,0)+IF(Input!$K$15=3,L2057*Input!$J$15,0)+IF(Input!$K$16=3,M2057*Input!$J$16,0)</f>
        <v>0</v>
      </c>
      <c r="Q2057" s="71">
        <f>IF(Input!$K$13=4,J2057*Input!$J$13,0)+IF(Input!$K$14=4,K2057*Input!$J$14,0)+IF(Input!$K$15=4,L2057*Input!$J$15,0)+IF(Input!$K$16=4,M2057*Input!$J$16,0)</f>
        <v>0</v>
      </c>
    </row>
    <row r="2058" spans="8:17" x14ac:dyDescent="0.25">
      <c r="H2058" s="43">
        <v>2051</v>
      </c>
      <c r="I2058" s="55">
        <f>Bühler!I2084</f>
        <v>9.2523210801969853</v>
      </c>
      <c r="J2058" s="58">
        <f>Bühler!J2084</f>
        <v>65.172714843932141</v>
      </c>
      <c r="K2058" s="58">
        <f>Bühler!K2084</f>
        <v>3.2325865745912719</v>
      </c>
      <c r="L2058" s="58">
        <f>Bühler!L2084</f>
        <v>1.6162932872956359</v>
      </c>
      <c r="M2058" s="57">
        <f>Bühler!M2084</f>
        <v>0</v>
      </c>
      <c r="N2058" s="55">
        <f>IF(Input!$K$13=1,J2058*Input!$J$13,0)+IF(Input!$K$14=1,K2058*Input!$J$14,0)+IF(Input!$K$15=1,L2058*Input!$J$15,0)+IF(Input!$K$16=1,M2058*Input!$J$16,0)</f>
        <v>7.8207257812718565</v>
      </c>
      <c r="O2058" s="58">
        <f>IF(Input!$K$13=2,J2058*Input!$J$13,0)+IF(Input!$K$14=2,K2058*Input!$J$14,0)+IF(Input!$K$15=2,L2058*Input!$J$15,0)+IF(Input!$K$16=2,M2058*Input!$J$16,0)</f>
        <v>0.43639918756982166</v>
      </c>
      <c r="P2058" s="58">
        <f>IF(Input!$K$13=3,J2058*Input!$J$13,0)+IF(Input!$K$14=3,K2058*Input!$J$14,0)+IF(Input!$K$15=3,L2058*Input!$J$15,0)+IF(Input!$K$16=3,M2058*Input!$J$16,0)</f>
        <v>0</v>
      </c>
      <c r="Q2058" s="71">
        <f>IF(Input!$K$13=4,J2058*Input!$J$13,0)+IF(Input!$K$14=4,K2058*Input!$J$14,0)+IF(Input!$K$15=4,L2058*Input!$J$15,0)+IF(Input!$K$16=4,M2058*Input!$J$16,0)</f>
        <v>0</v>
      </c>
    </row>
    <row r="2059" spans="8:17" x14ac:dyDescent="0.25">
      <c r="H2059" s="43">
        <v>2052</v>
      </c>
      <c r="I2059" s="55">
        <f>Bühler!I2085</f>
        <v>11.102785296236382</v>
      </c>
      <c r="J2059" s="58">
        <f>Bühler!J2085</f>
        <v>78.207257812718566</v>
      </c>
      <c r="K2059" s="58">
        <f>Bühler!K2085</f>
        <v>3.8791038895095262</v>
      </c>
      <c r="L2059" s="58">
        <f>Bühler!L2085</f>
        <v>1.9395519447547631</v>
      </c>
      <c r="M2059" s="57">
        <f>Bühler!M2085</f>
        <v>0</v>
      </c>
      <c r="N2059" s="55">
        <f>IF(Input!$K$13=1,J2059*Input!$J$13,0)+IF(Input!$K$14=1,K2059*Input!$J$14,0)+IF(Input!$K$15=1,L2059*Input!$J$15,0)+IF(Input!$K$16=1,M2059*Input!$J$16,0)</f>
        <v>9.3848709375262285</v>
      </c>
      <c r="O2059" s="58">
        <f>IF(Input!$K$13=2,J2059*Input!$J$13,0)+IF(Input!$K$14=2,K2059*Input!$J$14,0)+IF(Input!$K$15=2,L2059*Input!$J$15,0)+IF(Input!$K$16=2,M2059*Input!$J$16,0)</f>
        <v>0.52367902508378605</v>
      </c>
      <c r="P2059" s="58">
        <f>IF(Input!$K$13=3,J2059*Input!$J$13,0)+IF(Input!$K$14=3,K2059*Input!$J$14,0)+IF(Input!$K$15=3,L2059*Input!$J$15,0)+IF(Input!$K$16=3,M2059*Input!$J$16,0)</f>
        <v>0</v>
      </c>
      <c r="Q2059" s="71">
        <f>IF(Input!$K$13=4,J2059*Input!$J$13,0)+IF(Input!$K$14=4,K2059*Input!$J$14,0)+IF(Input!$K$15=4,L2059*Input!$J$15,0)+IF(Input!$K$16=4,M2059*Input!$J$16,0)</f>
        <v>0</v>
      </c>
    </row>
    <row r="2060" spans="8:17" x14ac:dyDescent="0.25">
      <c r="H2060" s="43">
        <v>2053</v>
      </c>
      <c r="I2060" s="55">
        <f>Bühler!I2086</f>
        <v>11.102785296236382</v>
      </c>
      <c r="J2060" s="58">
        <f>Bühler!J2086</f>
        <v>78.207257812718566</v>
      </c>
      <c r="K2060" s="58">
        <f>Bühler!K2086</f>
        <v>3.8791038895095262</v>
      </c>
      <c r="L2060" s="58">
        <f>Bühler!L2086</f>
        <v>1.9395519447547631</v>
      </c>
      <c r="M2060" s="57">
        <f>Bühler!M2086</f>
        <v>0</v>
      </c>
      <c r="N2060" s="55">
        <f>IF(Input!$K$13=1,J2060*Input!$J$13,0)+IF(Input!$K$14=1,K2060*Input!$J$14,0)+IF(Input!$K$15=1,L2060*Input!$J$15,0)+IF(Input!$K$16=1,M2060*Input!$J$16,0)</f>
        <v>9.3848709375262285</v>
      </c>
      <c r="O2060" s="58">
        <f>IF(Input!$K$13=2,J2060*Input!$J$13,0)+IF(Input!$K$14=2,K2060*Input!$J$14,0)+IF(Input!$K$15=2,L2060*Input!$J$15,0)+IF(Input!$K$16=2,M2060*Input!$J$16,0)</f>
        <v>0.52367902508378605</v>
      </c>
      <c r="P2060" s="58">
        <f>IF(Input!$K$13=3,J2060*Input!$J$13,0)+IF(Input!$K$14=3,K2060*Input!$J$14,0)+IF(Input!$K$15=3,L2060*Input!$J$15,0)+IF(Input!$K$16=3,M2060*Input!$J$16,0)</f>
        <v>0</v>
      </c>
      <c r="Q2060" s="71">
        <f>IF(Input!$K$13=4,J2060*Input!$J$13,0)+IF(Input!$K$14=4,K2060*Input!$J$14,0)+IF(Input!$K$15=4,L2060*Input!$J$15,0)+IF(Input!$K$16=4,M2060*Input!$J$16,0)</f>
        <v>0</v>
      </c>
    </row>
    <row r="2061" spans="8:17" x14ac:dyDescent="0.25">
      <c r="H2061" s="43">
        <v>2054</v>
      </c>
      <c r="I2061" s="55">
        <f>Bühler!I2087</f>
        <v>7.4018568641575895</v>
      </c>
      <c r="J2061" s="58">
        <f>Bühler!J2087</f>
        <v>52.138171875145716</v>
      </c>
      <c r="K2061" s="58">
        <f>Bühler!K2087</f>
        <v>2.5860692596730175</v>
      </c>
      <c r="L2061" s="58">
        <f>Bühler!L2087</f>
        <v>1.2930346298365087</v>
      </c>
      <c r="M2061" s="57">
        <f>Bühler!M2087</f>
        <v>0</v>
      </c>
      <c r="N2061" s="55">
        <f>IF(Input!$K$13=1,J2061*Input!$J$13,0)+IF(Input!$K$14=1,K2061*Input!$J$14,0)+IF(Input!$K$15=1,L2061*Input!$J$15,0)+IF(Input!$K$16=1,M2061*Input!$J$16,0)</f>
        <v>6.2565806250174854</v>
      </c>
      <c r="O2061" s="58">
        <f>IF(Input!$K$13=2,J2061*Input!$J$13,0)+IF(Input!$K$14=2,K2061*Input!$J$14,0)+IF(Input!$K$15=2,L2061*Input!$J$15,0)+IF(Input!$K$16=2,M2061*Input!$J$16,0)</f>
        <v>0.34911935005585737</v>
      </c>
      <c r="P2061" s="58">
        <f>IF(Input!$K$13=3,J2061*Input!$J$13,0)+IF(Input!$K$14=3,K2061*Input!$J$14,0)+IF(Input!$K$15=3,L2061*Input!$J$15,0)+IF(Input!$K$16=3,M2061*Input!$J$16,0)</f>
        <v>0</v>
      </c>
      <c r="Q2061" s="71">
        <f>IF(Input!$K$13=4,J2061*Input!$J$13,0)+IF(Input!$K$14=4,K2061*Input!$J$14,0)+IF(Input!$K$15=4,L2061*Input!$J$15,0)+IF(Input!$K$16=4,M2061*Input!$J$16,0)</f>
        <v>0</v>
      </c>
    </row>
    <row r="2062" spans="8:17" x14ac:dyDescent="0.25">
      <c r="H2062" s="43">
        <v>2055</v>
      </c>
      <c r="I2062" s="55">
        <f>Bühler!I2088</f>
        <v>11.102785296236382</v>
      </c>
      <c r="J2062" s="58">
        <f>Bühler!J2088</f>
        <v>78.207257812718566</v>
      </c>
      <c r="K2062" s="58">
        <f>Bühler!K2088</f>
        <v>3.8791038895095262</v>
      </c>
      <c r="L2062" s="58">
        <f>Bühler!L2088</f>
        <v>1.9395519447547631</v>
      </c>
      <c r="M2062" s="57">
        <f>Bühler!M2088</f>
        <v>0</v>
      </c>
      <c r="N2062" s="55">
        <f>IF(Input!$K$13=1,J2062*Input!$J$13,0)+IF(Input!$K$14=1,K2062*Input!$J$14,0)+IF(Input!$K$15=1,L2062*Input!$J$15,0)+IF(Input!$K$16=1,M2062*Input!$J$16,0)</f>
        <v>9.3848709375262285</v>
      </c>
      <c r="O2062" s="58">
        <f>IF(Input!$K$13=2,J2062*Input!$J$13,0)+IF(Input!$K$14=2,K2062*Input!$J$14,0)+IF(Input!$K$15=2,L2062*Input!$J$15,0)+IF(Input!$K$16=2,M2062*Input!$J$16,0)</f>
        <v>0.52367902508378605</v>
      </c>
      <c r="P2062" s="58">
        <f>IF(Input!$K$13=3,J2062*Input!$J$13,0)+IF(Input!$K$14=3,K2062*Input!$J$14,0)+IF(Input!$K$15=3,L2062*Input!$J$15,0)+IF(Input!$K$16=3,M2062*Input!$J$16,0)</f>
        <v>0</v>
      </c>
      <c r="Q2062" s="71">
        <f>IF(Input!$K$13=4,J2062*Input!$J$13,0)+IF(Input!$K$14=4,K2062*Input!$J$14,0)+IF(Input!$K$15=4,L2062*Input!$J$15,0)+IF(Input!$K$16=4,M2062*Input!$J$16,0)</f>
        <v>0</v>
      </c>
    </row>
    <row r="2063" spans="8:17" x14ac:dyDescent="0.25">
      <c r="H2063" s="43">
        <v>2056</v>
      </c>
      <c r="I2063" s="55">
        <f>Bühler!I2089</f>
        <v>11.102785296236382</v>
      </c>
      <c r="J2063" s="58">
        <f>Bühler!J2089</f>
        <v>78.207257812718566</v>
      </c>
      <c r="K2063" s="58">
        <f>Bühler!K2089</f>
        <v>3.8791038895095262</v>
      </c>
      <c r="L2063" s="58">
        <f>Bühler!L2089</f>
        <v>1.9395519447547631</v>
      </c>
      <c r="M2063" s="57">
        <f>Bühler!M2089</f>
        <v>0</v>
      </c>
      <c r="N2063" s="55">
        <f>IF(Input!$K$13=1,J2063*Input!$J$13,0)+IF(Input!$K$14=1,K2063*Input!$J$14,0)+IF(Input!$K$15=1,L2063*Input!$J$15,0)+IF(Input!$K$16=1,M2063*Input!$J$16,0)</f>
        <v>9.3848709375262285</v>
      </c>
      <c r="O2063" s="58">
        <f>IF(Input!$K$13=2,J2063*Input!$J$13,0)+IF(Input!$K$14=2,K2063*Input!$J$14,0)+IF(Input!$K$15=2,L2063*Input!$J$15,0)+IF(Input!$K$16=2,M2063*Input!$J$16,0)</f>
        <v>0.52367902508378605</v>
      </c>
      <c r="P2063" s="58">
        <f>IF(Input!$K$13=3,J2063*Input!$J$13,0)+IF(Input!$K$14=3,K2063*Input!$J$14,0)+IF(Input!$K$15=3,L2063*Input!$J$15,0)+IF(Input!$K$16=3,M2063*Input!$J$16,0)</f>
        <v>0</v>
      </c>
      <c r="Q2063" s="71">
        <f>IF(Input!$K$13=4,J2063*Input!$J$13,0)+IF(Input!$K$14=4,K2063*Input!$J$14,0)+IF(Input!$K$15=4,L2063*Input!$J$15,0)+IF(Input!$K$16=4,M2063*Input!$J$16,0)</f>
        <v>0</v>
      </c>
    </row>
    <row r="2064" spans="8:17" x14ac:dyDescent="0.25">
      <c r="H2064" s="43">
        <v>2057</v>
      </c>
      <c r="I2064" s="55">
        <f>Bühler!I2090</f>
        <v>9.2523210801969853</v>
      </c>
      <c r="J2064" s="58">
        <f>Bühler!J2090</f>
        <v>48.627904741816522</v>
      </c>
      <c r="K2064" s="58">
        <f>Bühler!K2090</f>
        <v>2.2628106022138903</v>
      </c>
      <c r="L2064" s="58">
        <f>Bühler!L2090</f>
        <v>1.1314053011069451</v>
      </c>
      <c r="M2064" s="57">
        <f>Bühler!M2090</f>
        <v>0</v>
      </c>
      <c r="N2064" s="55">
        <f>IF(Input!$K$13=1,J2064*Input!$J$13,0)+IF(Input!$K$14=1,K2064*Input!$J$14,0)+IF(Input!$K$15=1,L2064*Input!$J$15,0)+IF(Input!$K$16=1,M2064*Input!$J$16,0)</f>
        <v>5.8353485690179827</v>
      </c>
      <c r="O2064" s="58">
        <f>IF(Input!$K$13=2,J2064*Input!$J$13,0)+IF(Input!$K$14=2,K2064*Input!$J$14,0)+IF(Input!$K$15=2,L2064*Input!$J$15,0)+IF(Input!$K$16=2,M2064*Input!$J$16,0)</f>
        <v>0.30547943129887517</v>
      </c>
      <c r="P2064" s="58">
        <f>IF(Input!$K$13=3,J2064*Input!$J$13,0)+IF(Input!$K$14=3,K2064*Input!$J$14,0)+IF(Input!$K$15=3,L2064*Input!$J$15,0)+IF(Input!$K$16=3,M2064*Input!$J$16,0)</f>
        <v>0</v>
      </c>
      <c r="Q2064" s="71">
        <f>IF(Input!$K$13=4,J2064*Input!$J$13,0)+IF(Input!$K$14=4,K2064*Input!$J$14,0)+IF(Input!$K$15=4,L2064*Input!$J$15,0)+IF(Input!$K$16=4,M2064*Input!$J$16,0)</f>
        <v>0</v>
      </c>
    </row>
    <row r="2065" spans="8:17" x14ac:dyDescent="0.25">
      <c r="H2065" s="43">
        <v>2058</v>
      </c>
      <c r="I2065" s="55">
        <f>Bühler!I2091</f>
        <v>7.4443962714228631</v>
      </c>
      <c r="J2065" s="58">
        <f>Bühler!J2091</f>
        <v>19.094636028785189</v>
      </c>
      <c r="K2065" s="58">
        <f>Bühler!K2091</f>
        <v>0.64651731491825437</v>
      </c>
      <c r="L2065" s="58">
        <f>Bühler!L2091</f>
        <v>0.32325865745912719</v>
      </c>
      <c r="M2065" s="57">
        <f>Bühler!M2091</f>
        <v>0</v>
      </c>
      <c r="N2065" s="55">
        <f>IF(Input!$K$13=1,J2065*Input!$J$13,0)+IF(Input!$K$14=1,K2065*Input!$J$14,0)+IF(Input!$K$15=1,L2065*Input!$J$15,0)+IF(Input!$K$16=1,M2065*Input!$J$16,0)</f>
        <v>2.2913563234542225</v>
      </c>
      <c r="O2065" s="58">
        <f>IF(Input!$K$13=2,J2065*Input!$J$13,0)+IF(Input!$K$14=2,K2065*Input!$J$14,0)+IF(Input!$K$15=2,L2065*Input!$J$15,0)+IF(Input!$K$16=2,M2065*Input!$J$16,0)</f>
        <v>8.7279837513964342E-2</v>
      </c>
      <c r="P2065" s="58">
        <f>IF(Input!$K$13=3,J2065*Input!$J$13,0)+IF(Input!$K$14=3,K2065*Input!$J$14,0)+IF(Input!$K$15=3,L2065*Input!$J$15,0)+IF(Input!$K$16=3,M2065*Input!$J$16,0)</f>
        <v>0</v>
      </c>
      <c r="Q2065" s="71">
        <f>IF(Input!$K$13=4,J2065*Input!$J$13,0)+IF(Input!$K$14=4,K2065*Input!$J$14,0)+IF(Input!$K$15=4,L2065*Input!$J$15,0)+IF(Input!$K$16=4,M2065*Input!$J$16,0)</f>
        <v>0</v>
      </c>
    </row>
    <row r="2066" spans="8:17" x14ac:dyDescent="0.25">
      <c r="H2066" s="43">
        <v>2059</v>
      </c>
      <c r="I2066" s="55">
        <f>Bühler!I2092</f>
        <v>2.658712954079594</v>
      </c>
      <c r="J2066" s="58">
        <f>Bühler!J2092</f>
        <v>13.754795438732646</v>
      </c>
      <c r="K2066" s="58">
        <f>Bühler!K2092</f>
        <v>0.63741143724334937</v>
      </c>
      <c r="L2066" s="58">
        <f>Bühler!L2092</f>
        <v>0.31870571862167468</v>
      </c>
      <c r="M2066" s="57">
        <f>Bühler!M2092</f>
        <v>0</v>
      </c>
      <c r="N2066" s="55">
        <f>IF(Input!$K$13=1,J2066*Input!$J$13,0)+IF(Input!$K$14=1,K2066*Input!$J$14,0)+IF(Input!$K$15=1,L2066*Input!$J$15,0)+IF(Input!$K$16=1,M2066*Input!$J$16,0)</f>
        <v>1.6505754526479175</v>
      </c>
      <c r="O2066" s="58">
        <f>IF(Input!$K$13=2,J2066*Input!$J$13,0)+IF(Input!$K$14=2,K2066*Input!$J$14,0)+IF(Input!$K$15=2,L2066*Input!$J$15,0)+IF(Input!$K$16=2,M2066*Input!$J$16,0)</f>
        <v>8.6050544027852172E-2</v>
      </c>
      <c r="P2066" s="58">
        <f>IF(Input!$K$13=3,J2066*Input!$J$13,0)+IF(Input!$K$14=3,K2066*Input!$J$14,0)+IF(Input!$K$15=3,L2066*Input!$J$15,0)+IF(Input!$K$16=3,M2066*Input!$J$16,0)</f>
        <v>0</v>
      </c>
      <c r="Q2066" s="71">
        <f>IF(Input!$K$13=4,J2066*Input!$J$13,0)+IF(Input!$K$14=4,K2066*Input!$J$14,0)+IF(Input!$K$15=4,L2066*Input!$J$15,0)+IF(Input!$K$16=4,M2066*Input!$J$16,0)</f>
        <v>0</v>
      </c>
    </row>
    <row r="2067" spans="8:17" x14ac:dyDescent="0.25">
      <c r="H2067" s="43">
        <v>2060</v>
      </c>
      <c r="I2067" s="55">
        <f>Bühler!I2093</f>
        <v>2.658712954079594</v>
      </c>
      <c r="J2067" s="58">
        <f>Bühler!J2093</f>
        <v>13.754795438732646</v>
      </c>
      <c r="K2067" s="58">
        <f>Bühler!K2093</f>
        <v>0.63741143724334937</v>
      </c>
      <c r="L2067" s="58">
        <f>Bühler!L2093</f>
        <v>0.31870571862167468</v>
      </c>
      <c r="M2067" s="57">
        <f>Bühler!M2093</f>
        <v>0</v>
      </c>
      <c r="N2067" s="55">
        <f>IF(Input!$K$13=1,J2067*Input!$J$13,0)+IF(Input!$K$14=1,K2067*Input!$J$14,0)+IF(Input!$K$15=1,L2067*Input!$J$15,0)+IF(Input!$K$16=1,M2067*Input!$J$16,0)</f>
        <v>1.6505754526479175</v>
      </c>
      <c r="O2067" s="58">
        <f>IF(Input!$K$13=2,J2067*Input!$J$13,0)+IF(Input!$K$14=2,K2067*Input!$J$14,0)+IF(Input!$K$15=2,L2067*Input!$J$15,0)+IF(Input!$K$16=2,M2067*Input!$J$16,0)</f>
        <v>8.6050544027852172E-2</v>
      </c>
      <c r="P2067" s="58">
        <f>IF(Input!$K$13=3,J2067*Input!$J$13,0)+IF(Input!$K$14=3,K2067*Input!$J$14,0)+IF(Input!$K$15=3,L2067*Input!$J$15,0)+IF(Input!$K$16=3,M2067*Input!$J$16,0)</f>
        <v>0</v>
      </c>
      <c r="Q2067" s="71">
        <f>IF(Input!$K$13=4,J2067*Input!$J$13,0)+IF(Input!$K$14=4,K2067*Input!$J$14,0)+IF(Input!$K$15=4,L2067*Input!$J$15,0)+IF(Input!$K$16=4,M2067*Input!$J$16,0)</f>
        <v>0</v>
      </c>
    </row>
    <row r="2068" spans="8:17" x14ac:dyDescent="0.25">
      <c r="H2068" s="43">
        <v>2061</v>
      </c>
      <c r="I2068" s="55">
        <f>Bühler!I2094</f>
        <v>2.658712954079594</v>
      </c>
      <c r="J2068" s="58">
        <f>Bühler!J2094</f>
        <v>13.754795438732646</v>
      </c>
      <c r="K2068" s="58">
        <f>Bühler!K2094</f>
        <v>0.63741143724334937</v>
      </c>
      <c r="L2068" s="58">
        <f>Bühler!L2094</f>
        <v>0.31870571862167468</v>
      </c>
      <c r="M2068" s="57">
        <f>Bühler!M2094</f>
        <v>0</v>
      </c>
      <c r="N2068" s="55">
        <f>IF(Input!$K$13=1,J2068*Input!$J$13,0)+IF(Input!$K$14=1,K2068*Input!$J$14,0)+IF(Input!$K$15=1,L2068*Input!$J$15,0)+IF(Input!$K$16=1,M2068*Input!$J$16,0)</f>
        <v>1.6505754526479175</v>
      </c>
      <c r="O2068" s="58">
        <f>IF(Input!$K$13=2,J2068*Input!$J$13,0)+IF(Input!$K$14=2,K2068*Input!$J$14,0)+IF(Input!$K$15=2,L2068*Input!$J$15,0)+IF(Input!$K$16=2,M2068*Input!$J$16,0)</f>
        <v>8.6050544027852172E-2</v>
      </c>
      <c r="P2068" s="58">
        <f>IF(Input!$K$13=3,J2068*Input!$J$13,0)+IF(Input!$K$14=3,K2068*Input!$J$14,0)+IF(Input!$K$15=3,L2068*Input!$J$15,0)+IF(Input!$K$16=3,M2068*Input!$J$16,0)</f>
        <v>0</v>
      </c>
      <c r="Q2068" s="71">
        <f>IF(Input!$K$13=4,J2068*Input!$J$13,0)+IF(Input!$K$14=4,K2068*Input!$J$14,0)+IF(Input!$K$15=4,L2068*Input!$J$15,0)+IF(Input!$K$16=4,M2068*Input!$J$16,0)</f>
        <v>0</v>
      </c>
    </row>
    <row r="2069" spans="8:17" x14ac:dyDescent="0.25">
      <c r="H2069" s="43">
        <v>2062</v>
      </c>
      <c r="I2069" s="55">
        <f>Bühler!I2095</f>
        <v>2.658712954079594</v>
      </c>
      <c r="J2069" s="58">
        <f>Bühler!J2095</f>
        <v>13.754795438732646</v>
      </c>
      <c r="K2069" s="58">
        <f>Bühler!K2095</f>
        <v>0.63741143724334937</v>
      </c>
      <c r="L2069" s="58">
        <f>Bühler!L2095</f>
        <v>0.31870571862167468</v>
      </c>
      <c r="M2069" s="57">
        <f>Bühler!M2095</f>
        <v>0</v>
      </c>
      <c r="N2069" s="55">
        <f>IF(Input!$K$13=1,J2069*Input!$J$13,0)+IF(Input!$K$14=1,K2069*Input!$J$14,0)+IF(Input!$K$15=1,L2069*Input!$J$15,0)+IF(Input!$K$16=1,M2069*Input!$J$16,0)</f>
        <v>1.6505754526479175</v>
      </c>
      <c r="O2069" s="58">
        <f>IF(Input!$K$13=2,J2069*Input!$J$13,0)+IF(Input!$K$14=2,K2069*Input!$J$14,0)+IF(Input!$K$15=2,L2069*Input!$J$15,0)+IF(Input!$K$16=2,M2069*Input!$J$16,0)</f>
        <v>8.6050544027852172E-2</v>
      </c>
      <c r="P2069" s="58">
        <f>IF(Input!$K$13=3,J2069*Input!$J$13,0)+IF(Input!$K$14=3,K2069*Input!$J$14,0)+IF(Input!$K$15=3,L2069*Input!$J$15,0)+IF(Input!$K$16=3,M2069*Input!$J$16,0)</f>
        <v>0</v>
      </c>
      <c r="Q2069" s="71">
        <f>IF(Input!$K$13=4,J2069*Input!$J$13,0)+IF(Input!$K$14=4,K2069*Input!$J$14,0)+IF(Input!$K$15=4,L2069*Input!$J$15,0)+IF(Input!$K$16=4,M2069*Input!$J$16,0)</f>
        <v>0</v>
      </c>
    </row>
    <row r="2070" spans="8:17" x14ac:dyDescent="0.25">
      <c r="H2070" s="43">
        <v>2063</v>
      </c>
      <c r="I2070" s="55">
        <f>Bühler!I2096</f>
        <v>2.658712954079594</v>
      </c>
      <c r="J2070" s="58">
        <f>Bühler!J2096</f>
        <v>13.754795438732646</v>
      </c>
      <c r="K2070" s="58">
        <f>Bühler!K2096</f>
        <v>0.63741143724334937</v>
      </c>
      <c r="L2070" s="58">
        <f>Bühler!L2096</f>
        <v>0.31870571862167468</v>
      </c>
      <c r="M2070" s="57">
        <f>Bühler!M2096</f>
        <v>0</v>
      </c>
      <c r="N2070" s="55">
        <f>IF(Input!$K$13=1,J2070*Input!$J$13,0)+IF(Input!$K$14=1,K2070*Input!$J$14,0)+IF(Input!$K$15=1,L2070*Input!$J$15,0)+IF(Input!$K$16=1,M2070*Input!$J$16,0)</f>
        <v>1.6505754526479175</v>
      </c>
      <c r="O2070" s="58">
        <f>IF(Input!$K$13=2,J2070*Input!$J$13,0)+IF(Input!$K$14=2,K2070*Input!$J$14,0)+IF(Input!$K$15=2,L2070*Input!$J$15,0)+IF(Input!$K$16=2,M2070*Input!$J$16,0)</f>
        <v>8.6050544027852172E-2</v>
      </c>
      <c r="P2070" s="58">
        <f>IF(Input!$K$13=3,J2070*Input!$J$13,0)+IF(Input!$K$14=3,K2070*Input!$J$14,0)+IF(Input!$K$15=3,L2070*Input!$J$15,0)+IF(Input!$K$16=3,M2070*Input!$J$16,0)</f>
        <v>0</v>
      </c>
      <c r="Q2070" s="71">
        <f>IF(Input!$K$13=4,J2070*Input!$J$13,0)+IF(Input!$K$14=4,K2070*Input!$J$14,0)+IF(Input!$K$15=4,L2070*Input!$J$15,0)+IF(Input!$K$16=4,M2070*Input!$J$16,0)</f>
        <v>0</v>
      </c>
    </row>
    <row r="2071" spans="8:17" x14ac:dyDescent="0.25">
      <c r="H2071" s="43">
        <v>2064</v>
      </c>
      <c r="I2071" s="55">
        <f>Bühler!I2097</f>
        <v>2.658712954079594</v>
      </c>
      <c r="J2071" s="58">
        <f>Bühler!J2097</f>
        <v>13.754795438732646</v>
      </c>
      <c r="K2071" s="58">
        <f>Bühler!K2097</f>
        <v>0.63741143724334937</v>
      </c>
      <c r="L2071" s="58">
        <f>Bühler!L2097</f>
        <v>0.31870571862167468</v>
      </c>
      <c r="M2071" s="57">
        <f>Bühler!M2097</f>
        <v>0</v>
      </c>
      <c r="N2071" s="55">
        <f>IF(Input!$K$13=1,J2071*Input!$J$13,0)+IF(Input!$K$14=1,K2071*Input!$J$14,0)+IF(Input!$K$15=1,L2071*Input!$J$15,0)+IF(Input!$K$16=1,M2071*Input!$J$16,0)</f>
        <v>1.6505754526479175</v>
      </c>
      <c r="O2071" s="58">
        <f>IF(Input!$K$13=2,J2071*Input!$J$13,0)+IF(Input!$K$14=2,K2071*Input!$J$14,0)+IF(Input!$K$15=2,L2071*Input!$J$15,0)+IF(Input!$K$16=2,M2071*Input!$J$16,0)</f>
        <v>8.6050544027852172E-2</v>
      </c>
      <c r="P2071" s="58">
        <f>IF(Input!$K$13=3,J2071*Input!$J$13,0)+IF(Input!$K$14=3,K2071*Input!$J$14,0)+IF(Input!$K$15=3,L2071*Input!$J$15,0)+IF(Input!$K$16=3,M2071*Input!$J$16,0)</f>
        <v>0</v>
      </c>
      <c r="Q2071" s="71">
        <f>IF(Input!$K$13=4,J2071*Input!$J$13,0)+IF(Input!$K$14=4,K2071*Input!$J$14,0)+IF(Input!$K$15=4,L2071*Input!$J$15,0)+IF(Input!$K$16=4,M2071*Input!$J$16,0)</f>
        <v>0</v>
      </c>
    </row>
    <row r="2072" spans="8:17" x14ac:dyDescent="0.25">
      <c r="H2072" s="43">
        <v>2065</v>
      </c>
      <c r="I2072" s="55">
        <f>Bühler!I2098</f>
        <v>3.8313821288389835</v>
      </c>
      <c r="J2072" s="58">
        <f>Bühler!J2098</f>
        <v>11.863738202418357</v>
      </c>
      <c r="K2072" s="58">
        <f>Bühler!K2098</f>
        <v>0.41519360071142719</v>
      </c>
      <c r="L2072" s="58">
        <f>Bühler!L2098</f>
        <v>0.2075968003557136</v>
      </c>
      <c r="M2072" s="57">
        <f>Bühler!M2098</f>
        <v>0</v>
      </c>
      <c r="N2072" s="55">
        <f>IF(Input!$K$13=1,J2072*Input!$J$13,0)+IF(Input!$K$14=1,K2072*Input!$J$14,0)+IF(Input!$K$15=1,L2072*Input!$J$15,0)+IF(Input!$K$16=1,M2072*Input!$J$16,0)</f>
        <v>1.4236485842902029</v>
      </c>
      <c r="O2072" s="58">
        <f>IF(Input!$K$13=2,J2072*Input!$J$13,0)+IF(Input!$K$14=2,K2072*Input!$J$14,0)+IF(Input!$K$15=2,L2072*Input!$J$15,0)+IF(Input!$K$16=2,M2072*Input!$J$16,0)</f>
        <v>5.6051136096042668E-2</v>
      </c>
      <c r="P2072" s="58">
        <f>IF(Input!$K$13=3,J2072*Input!$J$13,0)+IF(Input!$K$14=3,K2072*Input!$J$14,0)+IF(Input!$K$15=3,L2072*Input!$J$15,0)+IF(Input!$K$16=3,M2072*Input!$J$16,0)</f>
        <v>0</v>
      </c>
      <c r="Q2072" s="71">
        <f>IF(Input!$K$13=4,J2072*Input!$J$13,0)+IF(Input!$K$14=4,K2072*Input!$J$14,0)+IF(Input!$K$15=4,L2072*Input!$J$15,0)+IF(Input!$K$16=4,M2072*Input!$J$16,0)</f>
        <v>0</v>
      </c>
    </row>
    <row r="2073" spans="8:17" x14ac:dyDescent="0.25">
      <c r="H2073" s="43">
        <v>2066</v>
      </c>
      <c r="I2073" s="55">
        <f>Bühler!I2099</f>
        <v>3.8313821288389835</v>
      </c>
      <c r="J2073" s="58">
        <f>Bühler!J2099</f>
        <v>15.903919941685217</v>
      </c>
      <c r="K2073" s="58">
        <f>Bühler!K2099</f>
        <v>0.63267596298884154</v>
      </c>
      <c r="L2073" s="58">
        <f>Bühler!L2099</f>
        <v>0.31633798149442077</v>
      </c>
      <c r="M2073" s="57">
        <f>Bühler!M2099</f>
        <v>0</v>
      </c>
      <c r="N2073" s="55">
        <f>IF(Input!$K$13=1,J2073*Input!$J$13,0)+IF(Input!$K$14=1,K2073*Input!$J$14,0)+IF(Input!$K$15=1,L2073*Input!$J$15,0)+IF(Input!$K$16=1,M2073*Input!$J$16,0)</f>
        <v>1.908470393002226</v>
      </c>
      <c r="O2073" s="58">
        <f>IF(Input!$K$13=2,J2073*Input!$J$13,0)+IF(Input!$K$14=2,K2073*Input!$J$14,0)+IF(Input!$K$15=2,L2073*Input!$J$15,0)+IF(Input!$K$16=2,M2073*Input!$J$16,0)</f>
        <v>8.54112550034936E-2</v>
      </c>
      <c r="P2073" s="58">
        <f>IF(Input!$K$13=3,J2073*Input!$J$13,0)+IF(Input!$K$14=3,K2073*Input!$J$14,0)+IF(Input!$K$15=3,L2073*Input!$J$15,0)+IF(Input!$K$16=3,M2073*Input!$J$16,0)</f>
        <v>0</v>
      </c>
      <c r="Q2073" s="71">
        <f>IF(Input!$K$13=4,J2073*Input!$J$13,0)+IF(Input!$K$14=4,K2073*Input!$J$14,0)+IF(Input!$K$15=4,L2073*Input!$J$15,0)+IF(Input!$K$16=4,M2073*Input!$J$16,0)</f>
        <v>0</v>
      </c>
    </row>
    <row r="2074" spans="8:17" x14ac:dyDescent="0.25">
      <c r="H2074" s="43">
        <v>2067</v>
      </c>
      <c r="I2074" s="55">
        <f>Bühler!I2100</f>
        <v>3.8313821288389835</v>
      </c>
      <c r="J2074" s="58">
        <f>Bühler!J2100</f>
        <v>15.903919941685217</v>
      </c>
      <c r="K2074" s="58">
        <f>Bühler!K2100</f>
        <v>0.63267596298884154</v>
      </c>
      <c r="L2074" s="58">
        <f>Bühler!L2100</f>
        <v>0.31633798149442077</v>
      </c>
      <c r="M2074" s="57">
        <f>Bühler!M2100</f>
        <v>0</v>
      </c>
      <c r="N2074" s="55">
        <f>IF(Input!$K$13=1,J2074*Input!$J$13,0)+IF(Input!$K$14=1,K2074*Input!$J$14,0)+IF(Input!$K$15=1,L2074*Input!$J$15,0)+IF(Input!$K$16=1,M2074*Input!$J$16,0)</f>
        <v>1.908470393002226</v>
      </c>
      <c r="O2074" s="58">
        <f>IF(Input!$K$13=2,J2074*Input!$J$13,0)+IF(Input!$K$14=2,K2074*Input!$J$14,0)+IF(Input!$K$15=2,L2074*Input!$J$15,0)+IF(Input!$K$16=2,M2074*Input!$J$16,0)</f>
        <v>8.54112550034936E-2</v>
      </c>
      <c r="P2074" s="58">
        <f>IF(Input!$K$13=3,J2074*Input!$J$13,0)+IF(Input!$K$14=3,K2074*Input!$J$14,0)+IF(Input!$K$15=3,L2074*Input!$J$15,0)+IF(Input!$K$16=3,M2074*Input!$J$16,0)</f>
        <v>0</v>
      </c>
      <c r="Q2074" s="71">
        <f>IF(Input!$K$13=4,J2074*Input!$J$13,0)+IF(Input!$K$14=4,K2074*Input!$J$14,0)+IF(Input!$K$15=4,L2074*Input!$J$15,0)+IF(Input!$K$16=4,M2074*Input!$J$16,0)</f>
        <v>0</v>
      </c>
    </row>
    <row r="2075" spans="8:17" x14ac:dyDescent="0.25">
      <c r="H2075" s="43">
        <v>2068</v>
      </c>
      <c r="I2075" s="55">
        <f>Bühler!I2101</f>
        <v>3.8313821288389835</v>
      </c>
      <c r="J2075" s="58">
        <f>Bühler!J2101</f>
        <v>15.903919941685217</v>
      </c>
      <c r="K2075" s="58">
        <f>Bühler!K2101</f>
        <v>0.63267596298884154</v>
      </c>
      <c r="L2075" s="58">
        <f>Bühler!L2101</f>
        <v>0.31633798149442077</v>
      </c>
      <c r="M2075" s="57">
        <f>Bühler!M2101</f>
        <v>0</v>
      </c>
      <c r="N2075" s="55">
        <f>IF(Input!$K$13=1,J2075*Input!$J$13,0)+IF(Input!$K$14=1,K2075*Input!$J$14,0)+IF(Input!$K$15=1,L2075*Input!$J$15,0)+IF(Input!$K$16=1,M2075*Input!$J$16,0)</f>
        <v>1.908470393002226</v>
      </c>
      <c r="O2075" s="58">
        <f>IF(Input!$K$13=2,J2075*Input!$J$13,0)+IF(Input!$K$14=2,K2075*Input!$J$14,0)+IF(Input!$K$15=2,L2075*Input!$J$15,0)+IF(Input!$K$16=2,M2075*Input!$J$16,0)</f>
        <v>8.54112550034936E-2</v>
      </c>
      <c r="P2075" s="58">
        <f>IF(Input!$K$13=3,J2075*Input!$J$13,0)+IF(Input!$K$14=3,K2075*Input!$J$14,0)+IF(Input!$K$15=3,L2075*Input!$J$15,0)+IF(Input!$K$16=3,M2075*Input!$J$16,0)</f>
        <v>0</v>
      </c>
      <c r="Q2075" s="71">
        <f>IF(Input!$K$13=4,J2075*Input!$J$13,0)+IF(Input!$K$14=4,K2075*Input!$J$14,0)+IF(Input!$K$15=4,L2075*Input!$J$15,0)+IF(Input!$K$16=4,M2075*Input!$J$16,0)</f>
        <v>0</v>
      </c>
    </row>
    <row r="2076" spans="8:17" x14ac:dyDescent="0.25">
      <c r="H2076" s="43">
        <v>2069</v>
      </c>
      <c r="I2076" s="55">
        <f>Bühler!I2102</f>
        <v>3.8313821288389835</v>
      </c>
      <c r="J2076" s="58">
        <f>Bühler!J2102</f>
        <v>15.903919941685217</v>
      </c>
      <c r="K2076" s="58">
        <f>Bühler!K2102</f>
        <v>0.63267596298884154</v>
      </c>
      <c r="L2076" s="58">
        <f>Bühler!L2102</f>
        <v>0.31633798149442077</v>
      </c>
      <c r="M2076" s="57">
        <f>Bühler!M2102</f>
        <v>0</v>
      </c>
      <c r="N2076" s="55">
        <f>IF(Input!$K$13=1,J2076*Input!$J$13,0)+IF(Input!$K$14=1,K2076*Input!$J$14,0)+IF(Input!$K$15=1,L2076*Input!$J$15,0)+IF(Input!$K$16=1,M2076*Input!$J$16,0)</f>
        <v>1.908470393002226</v>
      </c>
      <c r="O2076" s="58">
        <f>IF(Input!$K$13=2,J2076*Input!$J$13,0)+IF(Input!$K$14=2,K2076*Input!$J$14,0)+IF(Input!$K$15=2,L2076*Input!$J$15,0)+IF(Input!$K$16=2,M2076*Input!$J$16,0)</f>
        <v>8.54112550034936E-2</v>
      </c>
      <c r="P2076" s="58">
        <f>IF(Input!$K$13=3,J2076*Input!$J$13,0)+IF(Input!$K$14=3,K2076*Input!$J$14,0)+IF(Input!$K$15=3,L2076*Input!$J$15,0)+IF(Input!$K$16=3,M2076*Input!$J$16,0)</f>
        <v>0</v>
      </c>
      <c r="Q2076" s="71">
        <f>IF(Input!$K$13=4,J2076*Input!$J$13,0)+IF(Input!$K$14=4,K2076*Input!$J$14,0)+IF(Input!$K$15=4,L2076*Input!$J$15,0)+IF(Input!$K$16=4,M2076*Input!$J$16,0)</f>
        <v>0</v>
      </c>
    </row>
    <row r="2077" spans="8:17" x14ac:dyDescent="0.25">
      <c r="H2077" s="43">
        <v>2070</v>
      </c>
      <c r="I2077" s="55">
        <f>Bühler!I2103</f>
        <v>3.8313821288389835</v>
      </c>
      <c r="J2077" s="58">
        <f>Bühler!J2103</f>
        <v>15.903919941685217</v>
      </c>
      <c r="K2077" s="58">
        <f>Bühler!K2103</f>
        <v>0.63267596298884154</v>
      </c>
      <c r="L2077" s="58">
        <f>Bühler!L2103</f>
        <v>0.31633798149442077</v>
      </c>
      <c r="M2077" s="57">
        <f>Bühler!M2103</f>
        <v>0</v>
      </c>
      <c r="N2077" s="55">
        <f>IF(Input!$K$13=1,J2077*Input!$J$13,0)+IF(Input!$K$14=1,K2077*Input!$J$14,0)+IF(Input!$K$15=1,L2077*Input!$J$15,0)+IF(Input!$K$16=1,M2077*Input!$J$16,0)</f>
        <v>1.908470393002226</v>
      </c>
      <c r="O2077" s="58">
        <f>IF(Input!$K$13=2,J2077*Input!$J$13,0)+IF(Input!$K$14=2,K2077*Input!$J$14,0)+IF(Input!$K$15=2,L2077*Input!$J$15,0)+IF(Input!$K$16=2,M2077*Input!$J$16,0)</f>
        <v>8.54112550034936E-2</v>
      </c>
      <c r="P2077" s="58">
        <f>IF(Input!$K$13=3,J2077*Input!$J$13,0)+IF(Input!$K$14=3,K2077*Input!$J$14,0)+IF(Input!$K$15=3,L2077*Input!$J$15,0)+IF(Input!$K$16=3,M2077*Input!$J$16,0)</f>
        <v>0</v>
      </c>
      <c r="Q2077" s="71">
        <f>IF(Input!$K$13=4,J2077*Input!$J$13,0)+IF(Input!$K$14=4,K2077*Input!$J$14,0)+IF(Input!$K$15=4,L2077*Input!$J$15,0)+IF(Input!$K$16=4,M2077*Input!$J$16,0)</f>
        <v>0</v>
      </c>
    </row>
    <row r="2078" spans="8:17" x14ac:dyDescent="0.25">
      <c r="H2078" s="43">
        <v>2071</v>
      </c>
      <c r="I2078" s="55">
        <f>Bühler!I2104</f>
        <v>3.8313821288389835</v>
      </c>
      <c r="J2078" s="58">
        <f>Bühler!J2104</f>
        <v>15.903919941685217</v>
      </c>
      <c r="K2078" s="58">
        <f>Bühler!K2104</f>
        <v>0.63267596298884154</v>
      </c>
      <c r="L2078" s="58">
        <f>Bühler!L2104</f>
        <v>0.31633798149442077</v>
      </c>
      <c r="M2078" s="57">
        <f>Bühler!M2104</f>
        <v>0</v>
      </c>
      <c r="N2078" s="55">
        <f>IF(Input!$K$13=1,J2078*Input!$J$13,0)+IF(Input!$K$14=1,K2078*Input!$J$14,0)+IF(Input!$K$15=1,L2078*Input!$J$15,0)+IF(Input!$K$16=1,M2078*Input!$J$16,0)</f>
        <v>1.908470393002226</v>
      </c>
      <c r="O2078" s="58">
        <f>IF(Input!$K$13=2,J2078*Input!$J$13,0)+IF(Input!$K$14=2,K2078*Input!$J$14,0)+IF(Input!$K$15=2,L2078*Input!$J$15,0)+IF(Input!$K$16=2,M2078*Input!$J$16,0)</f>
        <v>8.54112550034936E-2</v>
      </c>
      <c r="P2078" s="58">
        <f>IF(Input!$K$13=3,J2078*Input!$J$13,0)+IF(Input!$K$14=3,K2078*Input!$J$14,0)+IF(Input!$K$15=3,L2078*Input!$J$15,0)+IF(Input!$K$16=3,M2078*Input!$J$16,0)</f>
        <v>0</v>
      </c>
      <c r="Q2078" s="71">
        <f>IF(Input!$K$13=4,J2078*Input!$J$13,0)+IF(Input!$K$14=4,K2078*Input!$J$14,0)+IF(Input!$K$15=4,L2078*Input!$J$15,0)+IF(Input!$K$16=4,M2078*Input!$J$16,0)</f>
        <v>0</v>
      </c>
    </row>
    <row r="2079" spans="8:17" x14ac:dyDescent="0.25">
      <c r="H2079" s="43">
        <v>2072</v>
      </c>
      <c r="I2079" s="55">
        <f>Bühler!I2105</f>
        <v>11.03685239049423</v>
      </c>
      <c r="J2079" s="58">
        <f>Bühler!J2105</f>
        <v>61.503909783074732</v>
      </c>
      <c r="K2079" s="58">
        <f>Bühler!K2105</f>
        <v>2.6671246064748346</v>
      </c>
      <c r="L2079" s="58">
        <f>Bühler!L2105</f>
        <v>1.3335623032374173</v>
      </c>
      <c r="M2079" s="57">
        <f>Bühler!M2105</f>
        <v>0</v>
      </c>
      <c r="N2079" s="55">
        <f>IF(Input!$K$13=1,J2079*Input!$J$13,0)+IF(Input!$K$14=1,K2079*Input!$J$14,0)+IF(Input!$K$15=1,L2079*Input!$J$15,0)+IF(Input!$K$16=1,M2079*Input!$J$16,0)</f>
        <v>7.3804691739689678</v>
      </c>
      <c r="O2079" s="58">
        <f>IF(Input!$K$13=2,J2079*Input!$J$13,0)+IF(Input!$K$14=2,K2079*Input!$J$14,0)+IF(Input!$K$15=2,L2079*Input!$J$15,0)+IF(Input!$K$16=2,M2079*Input!$J$16,0)</f>
        <v>0.36006182187410263</v>
      </c>
      <c r="P2079" s="58">
        <f>IF(Input!$K$13=3,J2079*Input!$J$13,0)+IF(Input!$K$14=3,K2079*Input!$J$14,0)+IF(Input!$K$15=3,L2079*Input!$J$15,0)+IF(Input!$K$16=3,M2079*Input!$J$16,0)</f>
        <v>0</v>
      </c>
      <c r="Q2079" s="71">
        <f>IF(Input!$K$13=4,J2079*Input!$J$13,0)+IF(Input!$K$14=4,K2079*Input!$J$14,0)+IF(Input!$K$15=4,L2079*Input!$J$15,0)+IF(Input!$K$16=4,M2079*Input!$J$16,0)</f>
        <v>0</v>
      </c>
    </row>
    <row r="2080" spans="8:17" x14ac:dyDescent="0.25">
      <c r="H2080" s="43">
        <v>2073</v>
      </c>
      <c r="I2080" s="55">
        <f>Bühler!I2106</f>
        <v>12.31480371991988</v>
      </c>
      <c r="J2080" s="58">
        <f>Bühler!J2106</f>
        <v>68.62541512637813</v>
      </c>
      <c r="K2080" s="58">
        <f>Bühler!K2106</f>
        <v>2.9759495609087629</v>
      </c>
      <c r="L2080" s="58">
        <f>Bühler!L2106</f>
        <v>1.4879747804543815</v>
      </c>
      <c r="M2080" s="57">
        <f>Bühler!M2106</f>
        <v>0</v>
      </c>
      <c r="N2080" s="55">
        <f>IF(Input!$K$13=1,J2080*Input!$J$13,0)+IF(Input!$K$14=1,K2080*Input!$J$14,0)+IF(Input!$K$15=1,L2080*Input!$J$15,0)+IF(Input!$K$16=1,M2080*Input!$J$16,0)</f>
        <v>8.2350498151653753</v>
      </c>
      <c r="O2080" s="58">
        <f>IF(Input!$K$13=2,J2080*Input!$J$13,0)+IF(Input!$K$14=2,K2080*Input!$J$14,0)+IF(Input!$K$15=2,L2080*Input!$J$15,0)+IF(Input!$K$16=2,M2080*Input!$J$16,0)</f>
        <v>0.40175319072268301</v>
      </c>
      <c r="P2080" s="58">
        <f>IF(Input!$K$13=3,J2080*Input!$J$13,0)+IF(Input!$K$14=3,K2080*Input!$J$14,0)+IF(Input!$K$15=3,L2080*Input!$J$15,0)+IF(Input!$K$16=3,M2080*Input!$J$16,0)</f>
        <v>0</v>
      </c>
      <c r="Q2080" s="71">
        <f>IF(Input!$K$13=4,J2080*Input!$J$13,0)+IF(Input!$K$14=4,K2080*Input!$J$14,0)+IF(Input!$K$15=4,L2080*Input!$J$15,0)+IF(Input!$K$16=4,M2080*Input!$J$16,0)</f>
        <v>0</v>
      </c>
    </row>
    <row r="2081" spans="8:17" x14ac:dyDescent="0.25">
      <c r="H2081" s="43">
        <v>2074</v>
      </c>
      <c r="I2081" s="55">
        <f>Bühler!I2107</f>
        <v>13.592755049345527</v>
      </c>
      <c r="J2081" s="58">
        <f>Bühler!J2107</f>
        <v>75.746920469681527</v>
      </c>
      <c r="K2081" s="58">
        <f>Bühler!K2107</f>
        <v>3.2847745153426917</v>
      </c>
      <c r="L2081" s="58">
        <f>Bühler!L2107</f>
        <v>1.6423872576713459</v>
      </c>
      <c r="M2081" s="57">
        <f>Bühler!M2107</f>
        <v>0</v>
      </c>
      <c r="N2081" s="55">
        <f>IF(Input!$K$13=1,J2081*Input!$J$13,0)+IF(Input!$K$14=1,K2081*Input!$J$14,0)+IF(Input!$K$15=1,L2081*Input!$J$15,0)+IF(Input!$K$16=1,M2081*Input!$J$16,0)</f>
        <v>9.0896304563617836</v>
      </c>
      <c r="O2081" s="58">
        <f>IF(Input!$K$13=2,J2081*Input!$J$13,0)+IF(Input!$K$14=2,K2081*Input!$J$14,0)+IF(Input!$K$15=2,L2081*Input!$J$15,0)+IF(Input!$K$16=2,M2081*Input!$J$16,0)</f>
        <v>0.44344455957126339</v>
      </c>
      <c r="P2081" s="58">
        <f>IF(Input!$K$13=3,J2081*Input!$J$13,0)+IF(Input!$K$14=3,K2081*Input!$J$14,0)+IF(Input!$K$15=3,L2081*Input!$J$15,0)+IF(Input!$K$16=3,M2081*Input!$J$16,0)</f>
        <v>0</v>
      </c>
      <c r="Q2081" s="71">
        <f>IF(Input!$K$13=4,J2081*Input!$J$13,0)+IF(Input!$K$14=4,K2081*Input!$J$14,0)+IF(Input!$K$15=4,L2081*Input!$J$15,0)+IF(Input!$K$16=4,M2081*Input!$J$16,0)</f>
        <v>0</v>
      </c>
    </row>
    <row r="2082" spans="8:17" x14ac:dyDescent="0.25">
      <c r="H2082" s="43">
        <v>2075</v>
      </c>
      <c r="I2082" s="55">
        <f>Bühler!I2108</f>
        <v>13.592755049345527</v>
      </c>
      <c r="J2082" s="58">
        <f>Bühler!J2108</f>
        <v>75.746920469681527</v>
      </c>
      <c r="K2082" s="58">
        <f>Bühler!K2108</f>
        <v>3.2847745153426917</v>
      </c>
      <c r="L2082" s="58">
        <f>Bühler!L2108</f>
        <v>1.6423872576713459</v>
      </c>
      <c r="M2082" s="57">
        <f>Bühler!M2108</f>
        <v>0</v>
      </c>
      <c r="N2082" s="55">
        <f>IF(Input!$K$13=1,J2082*Input!$J$13,0)+IF(Input!$K$14=1,K2082*Input!$J$14,0)+IF(Input!$K$15=1,L2082*Input!$J$15,0)+IF(Input!$K$16=1,M2082*Input!$J$16,0)</f>
        <v>9.0896304563617836</v>
      </c>
      <c r="O2082" s="58">
        <f>IF(Input!$K$13=2,J2082*Input!$J$13,0)+IF(Input!$K$14=2,K2082*Input!$J$14,0)+IF(Input!$K$15=2,L2082*Input!$J$15,0)+IF(Input!$K$16=2,M2082*Input!$J$16,0)</f>
        <v>0.44344455957126339</v>
      </c>
      <c r="P2082" s="58">
        <f>IF(Input!$K$13=3,J2082*Input!$J$13,0)+IF(Input!$K$14=3,K2082*Input!$J$14,0)+IF(Input!$K$15=3,L2082*Input!$J$15,0)+IF(Input!$K$16=3,M2082*Input!$J$16,0)</f>
        <v>0</v>
      </c>
      <c r="Q2082" s="71">
        <f>IF(Input!$K$13=4,J2082*Input!$J$13,0)+IF(Input!$K$14=4,K2082*Input!$J$14,0)+IF(Input!$K$15=4,L2082*Input!$J$15,0)+IF(Input!$K$16=4,M2082*Input!$J$16,0)</f>
        <v>0</v>
      </c>
    </row>
    <row r="2083" spans="8:17" x14ac:dyDescent="0.25">
      <c r="H2083" s="43">
        <v>2076</v>
      </c>
      <c r="I2083" s="55">
        <f>Bühler!I2109</f>
        <v>16.264835101780974</v>
      </c>
      <c r="J2083" s="58">
        <f>Bühler!J2109</f>
        <v>90.637340732952225</v>
      </c>
      <c r="K2083" s="58">
        <f>Bühler!K2109</f>
        <v>3.9304994200681778</v>
      </c>
      <c r="L2083" s="58">
        <f>Bühler!L2109</f>
        <v>1.9652497100340889</v>
      </c>
      <c r="M2083" s="57">
        <f>Bühler!M2109</f>
        <v>0</v>
      </c>
      <c r="N2083" s="55">
        <f>IF(Input!$K$13=1,J2083*Input!$J$13,0)+IF(Input!$K$14=1,K2083*Input!$J$14,0)+IF(Input!$K$15=1,L2083*Input!$J$15,0)+IF(Input!$K$16=1,M2083*Input!$J$16,0)</f>
        <v>10.876480887954267</v>
      </c>
      <c r="O2083" s="58">
        <f>IF(Input!$K$13=2,J2083*Input!$J$13,0)+IF(Input!$K$14=2,K2083*Input!$J$14,0)+IF(Input!$K$15=2,L2083*Input!$J$15,0)+IF(Input!$K$16=2,M2083*Input!$J$16,0)</f>
        <v>0.53061742170920401</v>
      </c>
      <c r="P2083" s="58">
        <f>IF(Input!$K$13=3,J2083*Input!$J$13,0)+IF(Input!$K$14=3,K2083*Input!$J$14,0)+IF(Input!$K$15=3,L2083*Input!$J$15,0)+IF(Input!$K$16=3,M2083*Input!$J$16,0)</f>
        <v>0</v>
      </c>
      <c r="Q2083" s="71">
        <f>IF(Input!$K$13=4,J2083*Input!$J$13,0)+IF(Input!$K$14=4,K2083*Input!$J$14,0)+IF(Input!$K$15=4,L2083*Input!$J$15,0)+IF(Input!$K$16=4,M2083*Input!$J$16,0)</f>
        <v>0</v>
      </c>
    </row>
    <row r="2084" spans="8:17" x14ac:dyDescent="0.25">
      <c r="H2084" s="43">
        <v>2077</v>
      </c>
      <c r="I2084" s="55">
        <f>Bühler!I2110</f>
        <v>16.264835101780974</v>
      </c>
      <c r="J2084" s="58">
        <f>Bühler!J2110</f>
        <v>90.637340732952225</v>
      </c>
      <c r="K2084" s="58">
        <f>Bühler!K2110</f>
        <v>3.9304994200681778</v>
      </c>
      <c r="L2084" s="58">
        <f>Bühler!L2110</f>
        <v>1.9652497100340889</v>
      </c>
      <c r="M2084" s="57">
        <f>Bühler!M2110</f>
        <v>0</v>
      </c>
      <c r="N2084" s="55">
        <f>IF(Input!$K$13=1,J2084*Input!$J$13,0)+IF(Input!$K$14=1,K2084*Input!$J$14,0)+IF(Input!$K$15=1,L2084*Input!$J$15,0)+IF(Input!$K$16=1,M2084*Input!$J$16,0)</f>
        <v>10.876480887954267</v>
      </c>
      <c r="O2084" s="58">
        <f>IF(Input!$K$13=2,J2084*Input!$J$13,0)+IF(Input!$K$14=2,K2084*Input!$J$14,0)+IF(Input!$K$15=2,L2084*Input!$J$15,0)+IF(Input!$K$16=2,M2084*Input!$J$16,0)</f>
        <v>0.53061742170920401</v>
      </c>
      <c r="P2084" s="58">
        <f>IF(Input!$K$13=3,J2084*Input!$J$13,0)+IF(Input!$K$14=3,K2084*Input!$J$14,0)+IF(Input!$K$15=3,L2084*Input!$J$15,0)+IF(Input!$K$16=3,M2084*Input!$J$16,0)</f>
        <v>0</v>
      </c>
      <c r="Q2084" s="71">
        <f>IF(Input!$K$13=4,J2084*Input!$J$13,0)+IF(Input!$K$14=4,K2084*Input!$J$14,0)+IF(Input!$K$15=4,L2084*Input!$J$15,0)+IF(Input!$K$16=4,M2084*Input!$J$16,0)</f>
        <v>0</v>
      </c>
    </row>
    <row r="2085" spans="8:17" x14ac:dyDescent="0.25">
      <c r="H2085" s="43">
        <v>2078</v>
      </c>
      <c r="I2085" s="55">
        <f>Bühler!I2111</f>
        <v>10.804497603325929</v>
      </c>
      <c r="J2085" s="58">
        <f>Bühler!J2111</f>
        <v>60.209090629746839</v>
      </c>
      <c r="K2085" s="58">
        <f>Bühler!K2111</f>
        <v>2.6109746147595749</v>
      </c>
      <c r="L2085" s="58">
        <f>Bühler!L2111</f>
        <v>1.3054873073797875</v>
      </c>
      <c r="M2085" s="57">
        <f>Bühler!M2111</f>
        <v>0</v>
      </c>
      <c r="N2085" s="55">
        <f>IF(Input!$K$13=1,J2085*Input!$J$13,0)+IF(Input!$K$14=1,K2085*Input!$J$14,0)+IF(Input!$K$15=1,L2085*Input!$J$15,0)+IF(Input!$K$16=1,M2085*Input!$J$16,0)</f>
        <v>7.2250908755696202</v>
      </c>
      <c r="O2085" s="58">
        <f>IF(Input!$K$13=2,J2085*Input!$J$13,0)+IF(Input!$K$14=2,K2085*Input!$J$14,0)+IF(Input!$K$15=2,L2085*Input!$J$15,0)+IF(Input!$K$16=2,M2085*Input!$J$16,0)</f>
        <v>0.35248157299254257</v>
      </c>
      <c r="P2085" s="58">
        <f>IF(Input!$K$13=3,J2085*Input!$J$13,0)+IF(Input!$K$14=3,K2085*Input!$J$14,0)+IF(Input!$K$15=3,L2085*Input!$J$15,0)+IF(Input!$K$16=3,M2085*Input!$J$16,0)</f>
        <v>0</v>
      </c>
      <c r="Q2085" s="71">
        <f>IF(Input!$K$13=4,J2085*Input!$J$13,0)+IF(Input!$K$14=4,K2085*Input!$J$14,0)+IF(Input!$K$15=4,L2085*Input!$J$15,0)+IF(Input!$K$16=4,M2085*Input!$J$16,0)</f>
        <v>0</v>
      </c>
    </row>
    <row r="2086" spans="8:17" x14ac:dyDescent="0.25">
      <c r="H2086" s="43">
        <v>2079</v>
      </c>
      <c r="I2086" s="55">
        <f>Bühler!I2112</f>
        <v>16.264835101780974</v>
      </c>
      <c r="J2086" s="58">
        <f>Bühler!J2112</f>
        <v>90.637340732952225</v>
      </c>
      <c r="K2086" s="58">
        <f>Bühler!K2112</f>
        <v>3.9304994200681778</v>
      </c>
      <c r="L2086" s="58">
        <f>Bühler!L2112</f>
        <v>1.9652497100340889</v>
      </c>
      <c r="M2086" s="57">
        <f>Bühler!M2112</f>
        <v>0</v>
      </c>
      <c r="N2086" s="55">
        <f>IF(Input!$K$13=1,J2086*Input!$J$13,0)+IF(Input!$K$14=1,K2086*Input!$J$14,0)+IF(Input!$K$15=1,L2086*Input!$J$15,0)+IF(Input!$K$16=1,M2086*Input!$J$16,0)</f>
        <v>10.876480887954267</v>
      </c>
      <c r="O2086" s="58">
        <f>IF(Input!$K$13=2,J2086*Input!$J$13,0)+IF(Input!$K$14=2,K2086*Input!$J$14,0)+IF(Input!$K$15=2,L2086*Input!$J$15,0)+IF(Input!$K$16=2,M2086*Input!$J$16,0)</f>
        <v>0.53061742170920401</v>
      </c>
      <c r="P2086" s="58">
        <f>IF(Input!$K$13=3,J2086*Input!$J$13,0)+IF(Input!$K$14=3,K2086*Input!$J$14,0)+IF(Input!$K$15=3,L2086*Input!$J$15,0)+IF(Input!$K$16=3,M2086*Input!$J$16,0)</f>
        <v>0</v>
      </c>
      <c r="Q2086" s="71">
        <f>IF(Input!$K$13=4,J2086*Input!$J$13,0)+IF(Input!$K$14=4,K2086*Input!$J$14,0)+IF(Input!$K$15=4,L2086*Input!$J$15,0)+IF(Input!$K$16=4,M2086*Input!$J$16,0)</f>
        <v>0</v>
      </c>
    </row>
    <row r="2087" spans="8:17" x14ac:dyDescent="0.25">
      <c r="H2087" s="43">
        <v>2080</v>
      </c>
      <c r="I2087" s="55">
        <f>Bühler!I2113</f>
        <v>16.264835101780974</v>
      </c>
      <c r="J2087" s="58">
        <f>Bühler!J2113</f>
        <v>90.637340732952225</v>
      </c>
      <c r="K2087" s="58">
        <f>Bühler!K2113</f>
        <v>3.9304994200681778</v>
      </c>
      <c r="L2087" s="58">
        <f>Bühler!L2113</f>
        <v>1.9652497100340889</v>
      </c>
      <c r="M2087" s="57">
        <f>Bühler!M2113</f>
        <v>0</v>
      </c>
      <c r="N2087" s="55">
        <f>IF(Input!$K$13=1,J2087*Input!$J$13,0)+IF(Input!$K$14=1,K2087*Input!$J$14,0)+IF(Input!$K$15=1,L2087*Input!$J$15,0)+IF(Input!$K$16=1,M2087*Input!$J$16,0)</f>
        <v>10.876480887954267</v>
      </c>
      <c r="O2087" s="58">
        <f>IF(Input!$K$13=2,J2087*Input!$J$13,0)+IF(Input!$K$14=2,K2087*Input!$J$14,0)+IF(Input!$K$15=2,L2087*Input!$J$15,0)+IF(Input!$K$16=2,M2087*Input!$J$16,0)</f>
        <v>0.53061742170920401</v>
      </c>
      <c r="P2087" s="58">
        <f>IF(Input!$K$13=3,J2087*Input!$J$13,0)+IF(Input!$K$14=3,K2087*Input!$J$14,0)+IF(Input!$K$15=3,L2087*Input!$J$15,0)+IF(Input!$K$16=3,M2087*Input!$J$16,0)</f>
        <v>0</v>
      </c>
      <c r="Q2087" s="71">
        <f>IF(Input!$K$13=4,J2087*Input!$J$13,0)+IF(Input!$K$14=4,K2087*Input!$J$14,0)+IF(Input!$K$15=4,L2087*Input!$J$15,0)+IF(Input!$K$16=4,M2087*Input!$J$16,0)</f>
        <v>0</v>
      </c>
    </row>
    <row r="2088" spans="8:17" x14ac:dyDescent="0.25">
      <c r="H2088" s="43">
        <v>2081</v>
      </c>
      <c r="I2088" s="55">
        <f>Bühler!I2114</f>
        <v>13.595226908783491</v>
      </c>
      <c r="J2088" s="58">
        <f>Bühler!J2114</f>
        <v>57.756098007707493</v>
      </c>
      <c r="K2088" s="58">
        <f>Bühler!K2114</f>
        <v>2.3161871582544618</v>
      </c>
      <c r="L2088" s="58">
        <f>Bühler!L2114</f>
        <v>1.1580935791272309</v>
      </c>
      <c r="M2088" s="57">
        <f>Bühler!M2114</f>
        <v>0</v>
      </c>
      <c r="N2088" s="55">
        <f>IF(Input!$K$13=1,J2088*Input!$J$13,0)+IF(Input!$K$14=1,K2088*Input!$J$14,0)+IF(Input!$K$15=1,L2088*Input!$J$15,0)+IF(Input!$K$16=1,M2088*Input!$J$16,0)</f>
        <v>6.9307317609248988</v>
      </c>
      <c r="O2088" s="58">
        <f>IF(Input!$K$13=2,J2088*Input!$J$13,0)+IF(Input!$K$14=2,K2088*Input!$J$14,0)+IF(Input!$K$15=2,L2088*Input!$J$15,0)+IF(Input!$K$16=2,M2088*Input!$J$16,0)</f>
        <v>0.31268526636435234</v>
      </c>
      <c r="P2088" s="58">
        <f>IF(Input!$K$13=3,J2088*Input!$J$13,0)+IF(Input!$K$14=3,K2088*Input!$J$14,0)+IF(Input!$K$15=3,L2088*Input!$J$15,0)+IF(Input!$K$16=3,M2088*Input!$J$16,0)</f>
        <v>0</v>
      </c>
      <c r="Q2088" s="71">
        <f>IF(Input!$K$13=4,J2088*Input!$J$13,0)+IF(Input!$K$14=4,K2088*Input!$J$14,0)+IF(Input!$K$15=4,L2088*Input!$J$15,0)+IF(Input!$K$16=4,M2088*Input!$J$16,0)</f>
        <v>0</v>
      </c>
    </row>
    <row r="2089" spans="8:17" x14ac:dyDescent="0.25">
      <c r="H2089" s="43">
        <v>2082</v>
      </c>
      <c r="I2089" s="55">
        <f>Bühler!I2115</f>
        <v>10.802025743887972</v>
      </c>
      <c r="J2089" s="58">
        <f>Bühler!J2115</f>
        <v>30.066657007091635</v>
      </c>
      <c r="K2089" s="58">
        <f>Bühler!K2115</f>
        <v>0.98855619217006496</v>
      </c>
      <c r="L2089" s="58">
        <f>Bühler!L2115</f>
        <v>0.49427809608503248</v>
      </c>
      <c r="M2089" s="57">
        <f>Bühler!M2115</f>
        <v>0</v>
      </c>
      <c r="N2089" s="55">
        <f>IF(Input!$K$13=1,J2089*Input!$J$13,0)+IF(Input!$K$14=1,K2089*Input!$J$14,0)+IF(Input!$K$15=1,L2089*Input!$J$15,0)+IF(Input!$K$16=1,M2089*Input!$J$16,0)</f>
        <v>3.6079988408509962</v>
      </c>
      <c r="O2089" s="58">
        <f>IF(Input!$K$13=2,J2089*Input!$J$13,0)+IF(Input!$K$14=2,K2089*Input!$J$14,0)+IF(Input!$K$15=2,L2089*Input!$J$15,0)+IF(Input!$K$16=2,M2089*Input!$J$16,0)</f>
        <v>0.13345508594295877</v>
      </c>
      <c r="P2089" s="58">
        <f>IF(Input!$K$13=3,J2089*Input!$J$13,0)+IF(Input!$K$14=3,K2089*Input!$J$14,0)+IF(Input!$K$15=3,L2089*Input!$J$15,0)+IF(Input!$K$16=3,M2089*Input!$J$16,0)</f>
        <v>0</v>
      </c>
      <c r="Q2089" s="71">
        <f>IF(Input!$K$13=4,J2089*Input!$J$13,0)+IF(Input!$K$14=4,K2089*Input!$J$14,0)+IF(Input!$K$15=4,L2089*Input!$J$15,0)+IF(Input!$K$16=4,M2089*Input!$J$16,0)</f>
        <v>0</v>
      </c>
    </row>
    <row r="2090" spans="8:17" x14ac:dyDescent="0.25">
      <c r="H2090" s="43">
        <v>2083</v>
      </c>
      <c r="I2090" s="55">
        <f>Bühler!I2116</f>
        <v>3.8313821288389835</v>
      </c>
      <c r="J2090" s="58">
        <f>Bühler!J2116</f>
        <v>16.271209190709474</v>
      </c>
      <c r="K2090" s="58">
        <f>Bühler!K2116</f>
        <v>0.65244708683224284</v>
      </c>
      <c r="L2090" s="58">
        <f>Bühler!L2116</f>
        <v>0.32622354341612142</v>
      </c>
      <c r="M2090" s="57">
        <f>Bühler!M2116</f>
        <v>0</v>
      </c>
      <c r="N2090" s="55">
        <f>IF(Input!$K$13=1,J2090*Input!$J$13,0)+IF(Input!$K$14=1,K2090*Input!$J$14,0)+IF(Input!$K$15=1,L2090*Input!$J$15,0)+IF(Input!$K$16=1,M2090*Input!$J$16,0)</f>
        <v>1.9525451028851368</v>
      </c>
      <c r="O2090" s="58">
        <f>IF(Input!$K$13=2,J2090*Input!$J$13,0)+IF(Input!$K$14=2,K2090*Input!$J$14,0)+IF(Input!$K$15=2,L2090*Input!$J$15,0)+IF(Input!$K$16=2,M2090*Input!$J$16,0)</f>
        <v>8.8080356722352787E-2</v>
      </c>
      <c r="P2090" s="58">
        <f>IF(Input!$K$13=3,J2090*Input!$J$13,0)+IF(Input!$K$14=3,K2090*Input!$J$14,0)+IF(Input!$K$15=3,L2090*Input!$J$15,0)+IF(Input!$K$16=3,M2090*Input!$J$16,0)</f>
        <v>0</v>
      </c>
      <c r="Q2090" s="71">
        <f>IF(Input!$K$13=4,J2090*Input!$J$13,0)+IF(Input!$K$14=4,K2090*Input!$J$14,0)+IF(Input!$K$15=4,L2090*Input!$J$15,0)+IF(Input!$K$16=4,M2090*Input!$J$16,0)</f>
        <v>0</v>
      </c>
    </row>
    <row r="2091" spans="8:17" x14ac:dyDescent="0.25">
      <c r="H2091" s="43">
        <v>2084</v>
      </c>
      <c r="I2091" s="55">
        <f>Bühler!I2117</f>
        <v>3.8313821288389835</v>
      </c>
      <c r="J2091" s="58">
        <f>Bühler!J2117</f>
        <v>16.271209190709474</v>
      </c>
      <c r="K2091" s="58">
        <f>Bühler!K2117</f>
        <v>0.65244708683224284</v>
      </c>
      <c r="L2091" s="58">
        <f>Bühler!L2117</f>
        <v>0.32622354341612142</v>
      </c>
      <c r="M2091" s="57">
        <f>Bühler!M2117</f>
        <v>0</v>
      </c>
      <c r="N2091" s="55">
        <f>IF(Input!$K$13=1,J2091*Input!$J$13,0)+IF(Input!$K$14=1,K2091*Input!$J$14,0)+IF(Input!$K$15=1,L2091*Input!$J$15,0)+IF(Input!$K$16=1,M2091*Input!$J$16,0)</f>
        <v>1.9525451028851368</v>
      </c>
      <c r="O2091" s="58">
        <f>IF(Input!$K$13=2,J2091*Input!$J$13,0)+IF(Input!$K$14=2,K2091*Input!$J$14,0)+IF(Input!$K$15=2,L2091*Input!$J$15,0)+IF(Input!$K$16=2,M2091*Input!$J$16,0)</f>
        <v>8.8080356722352787E-2</v>
      </c>
      <c r="P2091" s="58">
        <f>IF(Input!$K$13=3,J2091*Input!$J$13,0)+IF(Input!$K$14=3,K2091*Input!$J$14,0)+IF(Input!$K$15=3,L2091*Input!$J$15,0)+IF(Input!$K$16=3,M2091*Input!$J$16,0)</f>
        <v>0</v>
      </c>
      <c r="Q2091" s="71">
        <f>IF(Input!$K$13=4,J2091*Input!$J$13,0)+IF(Input!$K$14=4,K2091*Input!$J$14,0)+IF(Input!$K$15=4,L2091*Input!$J$15,0)+IF(Input!$K$16=4,M2091*Input!$J$16,0)</f>
        <v>0</v>
      </c>
    </row>
    <row r="2092" spans="8:17" x14ac:dyDescent="0.25">
      <c r="H2092" s="43">
        <v>2085</v>
      </c>
      <c r="I2092" s="55">
        <f>Bühler!I2118</f>
        <v>3.8313821288389835</v>
      </c>
      <c r="J2092" s="58">
        <f>Bühler!J2118</f>
        <v>16.271209190709474</v>
      </c>
      <c r="K2092" s="58">
        <f>Bühler!K2118</f>
        <v>0.65244708683224284</v>
      </c>
      <c r="L2092" s="58">
        <f>Bühler!L2118</f>
        <v>0.32622354341612142</v>
      </c>
      <c r="M2092" s="57">
        <f>Bühler!M2118</f>
        <v>0</v>
      </c>
      <c r="N2092" s="55">
        <f>IF(Input!$K$13=1,J2092*Input!$J$13,0)+IF(Input!$K$14=1,K2092*Input!$J$14,0)+IF(Input!$K$15=1,L2092*Input!$J$15,0)+IF(Input!$K$16=1,M2092*Input!$J$16,0)</f>
        <v>1.9525451028851368</v>
      </c>
      <c r="O2092" s="58">
        <f>IF(Input!$K$13=2,J2092*Input!$J$13,0)+IF(Input!$K$14=2,K2092*Input!$J$14,0)+IF(Input!$K$15=2,L2092*Input!$J$15,0)+IF(Input!$K$16=2,M2092*Input!$J$16,0)</f>
        <v>8.8080356722352787E-2</v>
      </c>
      <c r="P2092" s="58">
        <f>IF(Input!$K$13=3,J2092*Input!$J$13,0)+IF(Input!$K$14=3,K2092*Input!$J$14,0)+IF(Input!$K$15=3,L2092*Input!$J$15,0)+IF(Input!$K$16=3,M2092*Input!$J$16,0)</f>
        <v>0</v>
      </c>
      <c r="Q2092" s="71">
        <f>IF(Input!$K$13=4,J2092*Input!$J$13,0)+IF(Input!$K$14=4,K2092*Input!$J$14,0)+IF(Input!$K$15=4,L2092*Input!$J$15,0)+IF(Input!$K$16=4,M2092*Input!$J$16,0)</f>
        <v>0</v>
      </c>
    </row>
    <row r="2093" spans="8:17" x14ac:dyDescent="0.25">
      <c r="H2093" s="43">
        <v>2086</v>
      </c>
      <c r="I2093" s="55">
        <f>Bühler!I2119</f>
        <v>3.8313821288389835</v>
      </c>
      <c r="J2093" s="58">
        <f>Bühler!J2119</f>
        <v>16.271209190709474</v>
      </c>
      <c r="K2093" s="58">
        <f>Bühler!K2119</f>
        <v>0.65244708683224284</v>
      </c>
      <c r="L2093" s="58">
        <f>Bühler!L2119</f>
        <v>0.32622354341612142</v>
      </c>
      <c r="M2093" s="57">
        <f>Bühler!M2119</f>
        <v>0</v>
      </c>
      <c r="N2093" s="55">
        <f>IF(Input!$K$13=1,J2093*Input!$J$13,0)+IF(Input!$K$14=1,K2093*Input!$J$14,0)+IF(Input!$K$15=1,L2093*Input!$J$15,0)+IF(Input!$K$16=1,M2093*Input!$J$16,0)</f>
        <v>1.9525451028851368</v>
      </c>
      <c r="O2093" s="58">
        <f>IF(Input!$K$13=2,J2093*Input!$J$13,0)+IF(Input!$K$14=2,K2093*Input!$J$14,0)+IF(Input!$K$15=2,L2093*Input!$J$15,0)+IF(Input!$K$16=2,M2093*Input!$J$16,0)</f>
        <v>8.8080356722352787E-2</v>
      </c>
      <c r="P2093" s="58">
        <f>IF(Input!$K$13=3,J2093*Input!$J$13,0)+IF(Input!$K$14=3,K2093*Input!$J$14,0)+IF(Input!$K$15=3,L2093*Input!$J$15,0)+IF(Input!$K$16=3,M2093*Input!$J$16,0)</f>
        <v>0</v>
      </c>
      <c r="Q2093" s="71">
        <f>IF(Input!$K$13=4,J2093*Input!$J$13,0)+IF(Input!$K$14=4,K2093*Input!$J$14,0)+IF(Input!$K$15=4,L2093*Input!$J$15,0)+IF(Input!$K$16=4,M2093*Input!$J$16,0)</f>
        <v>0</v>
      </c>
    </row>
    <row r="2094" spans="8:17" x14ac:dyDescent="0.25">
      <c r="H2094" s="43">
        <v>2087</v>
      </c>
      <c r="I2094" s="55">
        <f>Bühler!I2120</f>
        <v>3.8313821288389835</v>
      </c>
      <c r="J2094" s="58">
        <f>Bühler!J2120</f>
        <v>16.271209190709474</v>
      </c>
      <c r="K2094" s="58">
        <f>Bühler!K2120</f>
        <v>0.65244708683224284</v>
      </c>
      <c r="L2094" s="58">
        <f>Bühler!L2120</f>
        <v>0.32622354341612142</v>
      </c>
      <c r="M2094" s="57">
        <f>Bühler!M2120</f>
        <v>0</v>
      </c>
      <c r="N2094" s="55">
        <f>IF(Input!$K$13=1,J2094*Input!$J$13,0)+IF(Input!$K$14=1,K2094*Input!$J$14,0)+IF(Input!$K$15=1,L2094*Input!$J$15,0)+IF(Input!$K$16=1,M2094*Input!$J$16,0)</f>
        <v>1.9525451028851368</v>
      </c>
      <c r="O2094" s="58">
        <f>IF(Input!$K$13=2,J2094*Input!$J$13,0)+IF(Input!$K$14=2,K2094*Input!$J$14,0)+IF(Input!$K$15=2,L2094*Input!$J$15,0)+IF(Input!$K$16=2,M2094*Input!$J$16,0)</f>
        <v>8.8080356722352787E-2</v>
      </c>
      <c r="P2094" s="58">
        <f>IF(Input!$K$13=3,J2094*Input!$J$13,0)+IF(Input!$K$14=3,K2094*Input!$J$14,0)+IF(Input!$K$15=3,L2094*Input!$J$15,0)+IF(Input!$K$16=3,M2094*Input!$J$16,0)</f>
        <v>0</v>
      </c>
      <c r="Q2094" s="71">
        <f>IF(Input!$K$13=4,J2094*Input!$J$13,0)+IF(Input!$K$14=4,K2094*Input!$J$14,0)+IF(Input!$K$15=4,L2094*Input!$J$15,0)+IF(Input!$K$16=4,M2094*Input!$J$16,0)</f>
        <v>0</v>
      </c>
    </row>
    <row r="2095" spans="8:17" x14ac:dyDescent="0.25">
      <c r="H2095" s="43">
        <v>2088</v>
      </c>
      <c r="I2095" s="55">
        <f>Bühler!I2121</f>
        <v>3.8313821288389835</v>
      </c>
      <c r="J2095" s="58">
        <f>Bühler!J2121</f>
        <v>16.271209190709474</v>
      </c>
      <c r="K2095" s="58">
        <f>Bühler!K2121</f>
        <v>0.65244708683224284</v>
      </c>
      <c r="L2095" s="58">
        <f>Bühler!L2121</f>
        <v>0.32622354341612142</v>
      </c>
      <c r="M2095" s="57">
        <f>Bühler!M2121</f>
        <v>0</v>
      </c>
      <c r="N2095" s="55">
        <f>IF(Input!$K$13=1,J2095*Input!$J$13,0)+IF(Input!$K$14=1,K2095*Input!$J$14,0)+IF(Input!$K$15=1,L2095*Input!$J$15,0)+IF(Input!$K$16=1,M2095*Input!$J$16,0)</f>
        <v>1.9525451028851368</v>
      </c>
      <c r="O2095" s="58">
        <f>IF(Input!$K$13=2,J2095*Input!$J$13,0)+IF(Input!$K$14=2,K2095*Input!$J$14,0)+IF(Input!$K$15=2,L2095*Input!$J$15,0)+IF(Input!$K$16=2,M2095*Input!$J$16,0)</f>
        <v>8.8080356722352787E-2</v>
      </c>
      <c r="P2095" s="58">
        <f>IF(Input!$K$13=3,J2095*Input!$J$13,0)+IF(Input!$K$14=3,K2095*Input!$J$14,0)+IF(Input!$K$15=3,L2095*Input!$J$15,0)+IF(Input!$K$16=3,M2095*Input!$J$16,0)</f>
        <v>0</v>
      </c>
      <c r="Q2095" s="71">
        <f>IF(Input!$K$13=4,J2095*Input!$J$13,0)+IF(Input!$K$14=4,K2095*Input!$J$14,0)+IF(Input!$K$15=4,L2095*Input!$J$15,0)+IF(Input!$K$16=4,M2095*Input!$J$16,0)</f>
        <v>0</v>
      </c>
    </row>
    <row r="2096" spans="8:17" x14ac:dyDescent="0.25">
      <c r="H2096" s="43">
        <v>2089</v>
      </c>
      <c r="I2096" s="55">
        <f>Bühler!I2122</f>
        <v>3.8316764971117609</v>
      </c>
      <c r="J2096" s="58">
        <f>Bühler!J2122</f>
        <v>16.054720225091884</v>
      </c>
      <c r="K2096" s="58">
        <f>Bühler!K2122</f>
        <v>0.64561826235184527</v>
      </c>
      <c r="L2096" s="58">
        <f>Bühler!L2122</f>
        <v>0.32280913117592264</v>
      </c>
      <c r="M2096" s="57">
        <f>Bühler!M2122</f>
        <v>0</v>
      </c>
      <c r="N2096" s="55">
        <f>IF(Input!$K$13=1,J2096*Input!$J$13,0)+IF(Input!$K$14=1,K2096*Input!$J$14,0)+IF(Input!$K$15=1,L2096*Input!$J$15,0)+IF(Input!$K$16=1,M2096*Input!$J$16,0)</f>
        <v>1.9265664270110261</v>
      </c>
      <c r="O2096" s="58">
        <f>IF(Input!$K$13=2,J2096*Input!$J$13,0)+IF(Input!$K$14=2,K2096*Input!$J$14,0)+IF(Input!$K$15=2,L2096*Input!$J$15,0)+IF(Input!$K$16=2,M2096*Input!$J$16,0)</f>
        <v>8.7158465417499109E-2</v>
      </c>
      <c r="P2096" s="58">
        <f>IF(Input!$K$13=3,J2096*Input!$J$13,0)+IF(Input!$K$14=3,K2096*Input!$J$14,0)+IF(Input!$K$15=3,L2096*Input!$J$15,0)+IF(Input!$K$16=3,M2096*Input!$J$16,0)</f>
        <v>0</v>
      </c>
      <c r="Q2096" s="71">
        <f>IF(Input!$K$13=4,J2096*Input!$J$13,0)+IF(Input!$K$14=4,K2096*Input!$J$14,0)+IF(Input!$K$15=4,L2096*Input!$J$15,0)+IF(Input!$K$16=4,M2096*Input!$J$16,0)</f>
        <v>0</v>
      </c>
    </row>
    <row r="2097" spans="8:17" x14ac:dyDescent="0.25">
      <c r="H2097" s="43">
        <v>2090</v>
      </c>
      <c r="I2097" s="55">
        <f>Bühler!I2123</f>
        <v>3.8316764971117609</v>
      </c>
      <c r="J2097" s="58">
        <f>Bühler!J2123</f>
        <v>16.054720225091884</v>
      </c>
      <c r="K2097" s="58">
        <f>Bühler!K2123</f>
        <v>0.64561826235184527</v>
      </c>
      <c r="L2097" s="58">
        <f>Bühler!L2123</f>
        <v>0.32280913117592264</v>
      </c>
      <c r="M2097" s="57">
        <f>Bühler!M2123</f>
        <v>0</v>
      </c>
      <c r="N2097" s="55">
        <f>IF(Input!$K$13=1,J2097*Input!$J$13,0)+IF(Input!$K$14=1,K2097*Input!$J$14,0)+IF(Input!$K$15=1,L2097*Input!$J$15,0)+IF(Input!$K$16=1,M2097*Input!$J$16,0)</f>
        <v>1.9265664270110261</v>
      </c>
      <c r="O2097" s="58">
        <f>IF(Input!$K$13=2,J2097*Input!$J$13,0)+IF(Input!$K$14=2,K2097*Input!$J$14,0)+IF(Input!$K$15=2,L2097*Input!$J$15,0)+IF(Input!$K$16=2,M2097*Input!$J$16,0)</f>
        <v>8.7158465417499109E-2</v>
      </c>
      <c r="P2097" s="58">
        <f>IF(Input!$K$13=3,J2097*Input!$J$13,0)+IF(Input!$K$14=3,K2097*Input!$J$14,0)+IF(Input!$K$15=3,L2097*Input!$J$15,0)+IF(Input!$K$16=3,M2097*Input!$J$16,0)</f>
        <v>0</v>
      </c>
      <c r="Q2097" s="71">
        <f>IF(Input!$K$13=4,J2097*Input!$J$13,0)+IF(Input!$K$14=4,K2097*Input!$J$14,0)+IF(Input!$K$15=4,L2097*Input!$J$15,0)+IF(Input!$K$16=4,M2097*Input!$J$16,0)</f>
        <v>0</v>
      </c>
    </row>
    <row r="2098" spans="8:17" x14ac:dyDescent="0.25">
      <c r="H2098" s="43">
        <v>2091</v>
      </c>
      <c r="I2098" s="55">
        <f>Bühler!I2124</f>
        <v>3.8316764971117609</v>
      </c>
      <c r="J2098" s="58">
        <f>Bühler!J2124</f>
        <v>16.054720225091884</v>
      </c>
      <c r="K2098" s="58">
        <f>Bühler!K2124</f>
        <v>0.64561826235184527</v>
      </c>
      <c r="L2098" s="58">
        <f>Bühler!L2124</f>
        <v>0.32280913117592264</v>
      </c>
      <c r="M2098" s="57">
        <f>Bühler!M2124</f>
        <v>0</v>
      </c>
      <c r="N2098" s="55">
        <f>IF(Input!$K$13=1,J2098*Input!$J$13,0)+IF(Input!$K$14=1,K2098*Input!$J$14,0)+IF(Input!$K$15=1,L2098*Input!$J$15,0)+IF(Input!$K$16=1,M2098*Input!$J$16,0)</f>
        <v>1.9265664270110261</v>
      </c>
      <c r="O2098" s="58">
        <f>IF(Input!$K$13=2,J2098*Input!$J$13,0)+IF(Input!$K$14=2,K2098*Input!$J$14,0)+IF(Input!$K$15=2,L2098*Input!$J$15,0)+IF(Input!$K$16=2,M2098*Input!$J$16,0)</f>
        <v>8.7158465417499109E-2</v>
      </c>
      <c r="P2098" s="58">
        <f>IF(Input!$K$13=3,J2098*Input!$J$13,0)+IF(Input!$K$14=3,K2098*Input!$J$14,0)+IF(Input!$K$15=3,L2098*Input!$J$15,0)+IF(Input!$K$16=3,M2098*Input!$J$16,0)</f>
        <v>0</v>
      </c>
      <c r="Q2098" s="71">
        <f>IF(Input!$K$13=4,J2098*Input!$J$13,0)+IF(Input!$K$14=4,K2098*Input!$J$14,0)+IF(Input!$K$15=4,L2098*Input!$J$15,0)+IF(Input!$K$16=4,M2098*Input!$J$16,0)</f>
        <v>0</v>
      </c>
    </row>
    <row r="2099" spans="8:17" x14ac:dyDescent="0.25">
      <c r="H2099" s="43">
        <v>2092</v>
      </c>
      <c r="I2099" s="55">
        <f>Bühler!I2125</f>
        <v>3.8316764971117609</v>
      </c>
      <c r="J2099" s="58">
        <f>Bühler!J2125</f>
        <v>16.054720225091884</v>
      </c>
      <c r="K2099" s="58">
        <f>Bühler!K2125</f>
        <v>0.64561826235184527</v>
      </c>
      <c r="L2099" s="58">
        <f>Bühler!L2125</f>
        <v>0.32280913117592264</v>
      </c>
      <c r="M2099" s="57">
        <f>Bühler!M2125</f>
        <v>0</v>
      </c>
      <c r="N2099" s="55">
        <f>IF(Input!$K$13=1,J2099*Input!$J$13,0)+IF(Input!$K$14=1,K2099*Input!$J$14,0)+IF(Input!$K$15=1,L2099*Input!$J$15,0)+IF(Input!$K$16=1,M2099*Input!$J$16,0)</f>
        <v>1.9265664270110261</v>
      </c>
      <c r="O2099" s="58">
        <f>IF(Input!$K$13=2,J2099*Input!$J$13,0)+IF(Input!$K$14=2,K2099*Input!$J$14,0)+IF(Input!$K$15=2,L2099*Input!$J$15,0)+IF(Input!$K$16=2,M2099*Input!$J$16,0)</f>
        <v>8.7158465417499109E-2</v>
      </c>
      <c r="P2099" s="58">
        <f>IF(Input!$K$13=3,J2099*Input!$J$13,0)+IF(Input!$K$14=3,K2099*Input!$J$14,0)+IF(Input!$K$15=3,L2099*Input!$J$15,0)+IF(Input!$K$16=3,M2099*Input!$J$16,0)</f>
        <v>0</v>
      </c>
      <c r="Q2099" s="71">
        <f>IF(Input!$K$13=4,J2099*Input!$J$13,0)+IF(Input!$K$14=4,K2099*Input!$J$14,0)+IF(Input!$K$15=4,L2099*Input!$J$15,0)+IF(Input!$K$16=4,M2099*Input!$J$16,0)</f>
        <v>0</v>
      </c>
    </row>
    <row r="2100" spans="8:17" x14ac:dyDescent="0.25">
      <c r="H2100" s="43">
        <v>2093</v>
      </c>
      <c r="I2100" s="55">
        <f>Bühler!I2126</f>
        <v>3.8316764971117609</v>
      </c>
      <c r="J2100" s="58">
        <f>Bühler!J2126</f>
        <v>16.054720225091884</v>
      </c>
      <c r="K2100" s="58">
        <f>Bühler!K2126</f>
        <v>0.64561826235184527</v>
      </c>
      <c r="L2100" s="58">
        <f>Bühler!L2126</f>
        <v>0.32280913117592264</v>
      </c>
      <c r="M2100" s="57">
        <f>Bühler!M2126</f>
        <v>0</v>
      </c>
      <c r="N2100" s="55">
        <f>IF(Input!$K$13=1,J2100*Input!$J$13,0)+IF(Input!$K$14=1,K2100*Input!$J$14,0)+IF(Input!$K$15=1,L2100*Input!$J$15,0)+IF(Input!$K$16=1,M2100*Input!$J$16,0)</f>
        <v>1.9265664270110261</v>
      </c>
      <c r="O2100" s="58">
        <f>IF(Input!$K$13=2,J2100*Input!$J$13,0)+IF(Input!$K$14=2,K2100*Input!$J$14,0)+IF(Input!$K$15=2,L2100*Input!$J$15,0)+IF(Input!$K$16=2,M2100*Input!$J$16,0)</f>
        <v>8.7158465417499109E-2</v>
      </c>
      <c r="P2100" s="58">
        <f>IF(Input!$K$13=3,J2100*Input!$J$13,0)+IF(Input!$K$14=3,K2100*Input!$J$14,0)+IF(Input!$K$15=3,L2100*Input!$J$15,0)+IF(Input!$K$16=3,M2100*Input!$J$16,0)</f>
        <v>0</v>
      </c>
      <c r="Q2100" s="71">
        <f>IF(Input!$K$13=4,J2100*Input!$J$13,0)+IF(Input!$K$14=4,K2100*Input!$J$14,0)+IF(Input!$K$15=4,L2100*Input!$J$15,0)+IF(Input!$K$16=4,M2100*Input!$J$16,0)</f>
        <v>0</v>
      </c>
    </row>
    <row r="2101" spans="8:17" x14ac:dyDescent="0.25">
      <c r="H2101" s="43">
        <v>2094</v>
      </c>
      <c r="I2101" s="55">
        <f>Bühler!I2127</f>
        <v>3.8316764971117609</v>
      </c>
      <c r="J2101" s="58">
        <f>Bühler!J2127</f>
        <v>16.054720225091884</v>
      </c>
      <c r="K2101" s="58">
        <f>Bühler!K2127</f>
        <v>0.64561826235184527</v>
      </c>
      <c r="L2101" s="58">
        <f>Bühler!L2127</f>
        <v>0.32280913117592264</v>
      </c>
      <c r="M2101" s="57">
        <f>Bühler!M2127</f>
        <v>0</v>
      </c>
      <c r="N2101" s="55">
        <f>IF(Input!$K$13=1,J2101*Input!$J$13,0)+IF(Input!$K$14=1,K2101*Input!$J$14,0)+IF(Input!$K$15=1,L2101*Input!$J$15,0)+IF(Input!$K$16=1,M2101*Input!$J$16,0)</f>
        <v>1.9265664270110261</v>
      </c>
      <c r="O2101" s="58">
        <f>IF(Input!$K$13=2,J2101*Input!$J$13,0)+IF(Input!$K$14=2,K2101*Input!$J$14,0)+IF(Input!$K$15=2,L2101*Input!$J$15,0)+IF(Input!$K$16=2,M2101*Input!$J$16,0)</f>
        <v>8.7158465417499109E-2</v>
      </c>
      <c r="P2101" s="58">
        <f>IF(Input!$K$13=3,J2101*Input!$J$13,0)+IF(Input!$K$14=3,K2101*Input!$J$14,0)+IF(Input!$K$15=3,L2101*Input!$J$15,0)+IF(Input!$K$16=3,M2101*Input!$J$16,0)</f>
        <v>0</v>
      </c>
      <c r="Q2101" s="71">
        <f>IF(Input!$K$13=4,J2101*Input!$J$13,0)+IF(Input!$K$14=4,K2101*Input!$J$14,0)+IF(Input!$K$15=4,L2101*Input!$J$15,0)+IF(Input!$K$16=4,M2101*Input!$J$16,0)</f>
        <v>0</v>
      </c>
    </row>
    <row r="2102" spans="8:17" x14ac:dyDescent="0.25">
      <c r="H2102" s="43">
        <v>2095</v>
      </c>
      <c r="I2102" s="55">
        <f>Bühler!I2128</f>
        <v>3.8316764971117609</v>
      </c>
      <c r="J2102" s="58">
        <f>Bühler!J2128</f>
        <v>16.054720225091884</v>
      </c>
      <c r="K2102" s="58">
        <f>Bühler!K2128</f>
        <v>0.64561826235184527</v>
      </c>
      <c r="L2102" s="58">
        <f>Bühler!L2128</f>
        <v>0.32280913117592264</v>
      </c>
      <c r="M2102" s="57">
        <f>Bühler!M2128</f>
        <v>0</v>
      </c>
      <c r="N2102" s="55">
        <f>IF(Input!$K$13=1,J2102*Input!$J$13,0)+IF(Input!$K$14=1,K2102*Input!$J$14,0)+IF(Input!$K$15=1,L2102*Input!$J$15,0)+IF(Input!$K$16=1,M2102*Input!$J$16,0)</f>
        <v>1.9265664270110261</v>
      </c>
      <c r="O2102" s="58">
        <f>IF(Input!$K$13=2,J2102*Input!$J$13,0)+IF(Input!$K$14=2,K2102*Input!$J$14,0)+IF(Input!$K$15=2,L2102*Input!$J$15,0)+IF(Input!$K$16=2,M2102*Input!$J$16,0)</f>
        <v>8.7158465417499109E-2</v>
      </c>
      <c r="P2102" s="58">
        <f>IF(Input!$K$13=3,J2102*Input!$J$13,0)+IF(Input!$K$14=3,K2102*Input!$J$14,0)+IF(Input!$K$15=3,L2102*Input!$J$15,0)+IF(Input!$K$16=3,M2102*Input!$J$16,0)</f>
        <v>0</v>
      </c>
      <c r="Q2102" s="71">
        <f>IF(Input!$K$13=4,J2102*Input!$J$13,0)+IF(Input!$K$14=4,K2102*Input!$J$14,0)+IF(Input!$K$15=4,L2102*Input!$J$15,0)+IF(Input!$K$16=4,M2102*Input!$J$16,0)</f>
        <v>0</v>
      </c>
    </row>
    <row r="2103" spans="8:17" x14ac:dyDescent="0.25">
      <c r="H2103" s="43">
        <v>2096</v>
      </c>
      <c r="I2103" s="55">
        <f>Bühler!I2129</f>
        <v>10.556268749542898</v>
      </c>
      <c r="J2103" s="58">
        <f>Bühler!J2129</f>
        <v>60.096993234716528</v>
      </c>
      <c r="K2103" s="58">
        <f>Bühler!K2129</f>
        <v>2.6392091997352702</v>
      </c>
      <c r="L2103" s="58">
        <f>Bühler!L2129</f>
        <v>1.3196045998676351</v>
      </c>
      <c r="M2103" s="57">
        <f>Bühler!M2129</f>
        <v>0</v>
      </c>
      <c r="N2103" s="55">
        <f>IF(Input!$K$13=1,J2103*Input!$J$13,0)+IF(Input!$K$14=1,K2103*Input!$J$14,0)+IF(Input!$K$15=1,L2103*Input!$J$15,0)+IF(Input!$K$16=1,M2103*Input!$J$16,0)</f>
        <v>7.2116391881659831</v>
      </c>
      <c r="O2103" s="58">
        <f>IF(Input!$K$13=2,J2103*Input!$J$13,0)+IF(Input!$K$14=2,K2103*Input!$J$14,0)+IF(Input!$K$15=2,L2103*Input!$J$15,0)+IF(Input!$K$16=2,M2103*Input!$J$16,0)</f>
        <v>0.35629324196426149</v>
      </c>
      <c r="P2103" s="58">
        <f>IF(Input!$K$13=3,J2103*Input!$J$13,0)+IF(Input!$K$14=3,K2103*Input!$J$14,0)+IF(Input!$K$15=3,L2103*Input!$J$15,0)+IF(Input!$K$16=3,M2103*Input!$J$16,0)</f>
        <v>0</v>
      </c>
      <c r="Q2103" s="71">
        <f>IF(Input!$K$13=4,J2103*Input!$J$13,0)+IF(Input!$K$14=4,K2103*Input!$J$14,0)+IF(Input!$K$15=4,L2103*Input!$J$15,0)+IF(Input!$K$16=4,M2103*Input!$J$16,0)</f>
        <v>0</v>
      </c>
    </row>
    <row r="2104" spans="8:17" x14ac:dyDescent="0.25">
      <c r="H2104" s="43">
        <v>2097</v>
      </c>
      <c r="I2104" s="55">
        <f>Bühler!I2130</f>
        <v>11.77857355212155</v>
      </c>
      <c r="J2104" s="58">
        <f>Bühler!J2130</f>
        <v>67.055592451367929</v>
      </c>
      <c r="K2104" s="58">
        <f>Bühler!K2130</f>
        <v>2.944801843915144</v>
      </c>
      <c r="L2104" s="58">
        <f>Bühler!L2130</f>
        <v>1.472400921957572</v>
      </c>
      <c r="M2104" s="57">
        <f>Bühler!M2130</f>
        <v>0</v>
      </c>
      <c r="N2104" s="55">
        <f>IF(Input!$K$13=1,J2104*Input!$J$13,0)+IF(Input!$K$14=1,K2104*Input!$J$14,0)+IF(Input!$K$15=1,L2104*Input!$J$15,0)+IF(Input!$K$16=1,M2104*Input!$J$16,0)</f>
        <v>8.0466710941641519</v>
      </c>
      <c r="O2104" s="58">
        <f>IF(Input!$K$13=2,J2104*Input!$J$13,0)+IF(Input!$K$14=2,K2104*Input!$J$14,0)+IF(Input!$K$15=2,L2104*Input!$J$15,0)+IF(Input!$K$16=2,M2104*Input!$J$16,0)</f>
        <v>0.39754824892854446</v>
      </c>
      <c r="P2104" s="58">
        <f>IF(Input!$K$13=3,J2104*Input!$J$13,0)+IF(Input!$K$14=3,K2104*Input!$J$14,0)+IF(Input!$K$15=3,L2104*Input!$J$15,0)+IF(Input!$K$16=3,M2104*Input!$J$16,0)</f>
        <v>0</v>
      </c>
      <c r="Q2104" s="71">
        <f>IF(Input!$K$13=4,J2104*Input!$J$13,0)+IF(Input!$K$14=4,K2104*Input!$J$14,0)+IF(Input!$K$15=4,L2104*Input!$J$15,0)+IF(Input!$K$16=4,M2104*Input!$J$16,0)</f>
        <v>0</v>
      </c>
    </row>
    <row r="2105" spans="8:17" x14ac:dyDescent="0.25">
      <c r="H2105" s="43">
        <v>2098</v>
      </c>
      <c r="I2105" s="55">
        <f>Bühler!I2131</f>
        <v>13.000878354700202</v>
      </c>
      <c r="J2105" s="58">
        <f>Bühler!J2131</f>
        <v>74.014191668019322</v>
      </c>
      <c r="K2105" s="58">
        <f>Bühler!K2131</f>
        <v>3.2503944880950177</v>
      </c>
      <c r="L2105" s="58">
        <f>Bühler!L2131</f>
        <v>1.6251972440475089</v>
      </c>
      <c r="M2105" s="57">
        <f>Bühler!M2131</f>
        <v>0</v>
      </c>
      <c r="N2105" s="55">
        <f>IF(Input!$K$13=1,J2105*Input!$J$13,0)+IF(Input!$K$14=1,K2105*Input!$J$14,0)+IF(Input!$K$15=1,L2105*Input!$J$15,0)+IF(Input!$K$16=1,M2105*Input!$J$16,0)</f>
        <v>8.8817030001623181</v>
      </c>
      <c r="O2105" s="58">
        <f>IF(Input!$K$13=2,J2105*Input!$J$13,0)+IF(Input!$K$14=2,K2105*Input!$J$14,0)+IF(Input!$K$15=2,L2105*Input!$J$15,0)+IF(Input!$K$16=2,M2105*Input!$J$16,0)</f>
        <v>0.43880325589282737</v>
      </c>
      <c r="P2105" s="58">
        <f>IF(Input!$K$13=3,J2105*Input!$J$13,0)+IF(Input!$K$14=3,K2105*Input!$J$14,0)+IF(Input!$K$15=3,L2105*Input!$J$15,0)+IF(Input!$K$16=3,M2105*Input!$J$16,0)</f>
        <v>0</v>
      </c>
      <c r="Q2105" s="71">
        <f>IF(Input!$K$13=4,J2105*Input!$J$13,0)+IF(Input!$K$14=4,K2105*Input!$J$14,0)+IF(Input!$K$15=4,L2105*Input!$J$15,0)+IF(Input!$K$16=4,M2105*Input!$J$16,0)</f>
        <v>0</v>
      </c>
    </row>
    <row r="2106" spans="8:17" x14ac:dyDescent="0.25">
      <c r="H2106" s="43">
        <v>2099</v>
      </c>
      <c r="I2106" s="55">
        <f>Bühler!I2132</f>
        <v>13.000878354700202</v>
      </c>
      <c r="J2106" s="58">
        <f>Bühler!J2132</f>
        <v>74.014191668019322</v>
      </c>
      <c r="K2106" s="58">
        <f>Bühler!K2132</f>
        <v>3.2503944880950177</v>
      </c>
      <c r="L2106" s="58">
        <f>Bühler!L2132</f>
        <v>1.6251972440475089</v>
      </c>
      <c r="M2106" s="57">
        <f>Bühler!M2132</f>
        <v>0</v>
      </c>
      <c r="N2106" s="55">
        <f>IF(Input!$K$13=1,J2106*Input!$J$13,0)+IF(Input!$K$14=1,K2106*Input!$J$14,0)+IF(Input!$K$15=1,L2106*Input!$J$15,0)+IF(Input!$K$16=1,M2106*Input!$J$16,0)</f>
        <v>8.8817030001623181</v>
      </c>
      <c r="O2106" s="58">
        <f>IF(Input!$K$13=2,J2106*Input!$J$13,0)+IF(Input!$K$14=2,K2106*Input!$J$14,0)+IF(Input!$K$15=2,L2106*Input!$J$15,0)+IF(Input!$K$16=2,M2106*Input!$J$16,0)</f>
        <v>0.43880325589282737</v>
      </c>
      <c r="P2106" s="58">
        <f>IF(Input!$K$13=3,J2106*Input!$J$13,0)+IF(Input!$K$14=3,K2106*Input!$J$14,0)+IF(Input!$K$15=3,L2106*Input!$J$15,0)+IF(Input!$K$16=3,M2106*Input!$J$16,0)</f>
        <v>0</v>
      </c>
      <c r="Q2106" s="71">
        <f>IF(Input!$K$13=4,J2106*Input!$J$13,0)+IF(Input!$K$14=4,K2106*Input!$J$14,0)+IF(Input!$K$15=4,L2106*Input!$J$15,0)+IF(Input!$K$16=4,M2106*Input!$J$16,0)</f>
        <v>0</v>
      </c>
    </row>
    <row r="2107" spans="8:17" x14ac:dyDescent="0.25">
      <c r="H2107" s="43">
        <v>2100</v>
      </c>
      <c r="I2107" s="55">
        <f>Bühler!I2133</f>
        <v>15.556606578273744</v>
      </c>
      <c r="J2107" s="58">
        <f>Bühler!J2133</f>
        <v>88.563990030108585</v>
      </c>
      <c r="K2107" s="58">
        <f>Bühler!K2133</f>
        <v>3.8893609259256623</v>
      </c>
      <c r="L2107" s="58">
        <f>Bühler!L2133</f>
        <v>1.9446804629628311</v>
      </c>
      <c r="M2107" s="57">
        <f>Bühler!M2133</f>
        <v>0</v>
      </c>
      <c r="N2107" s="55">
        <f>IF(Input!$K$13=1,J2107*Input!$J$13,0)+IF(Input!$K$14=1,K2107*Input!$J$14,0)+IF(Input!$K$15=1,L2107*Input!$J$15,0)+IF(Input!$K$16=1,M2107*Input!$J$16,0)</f>
        <v>10.62767880361303</v>
      </c>
      <c r="O2107" s="58">
        <f>IF(Input!$K$13=2,J2107*Input!$J$13,0)+IF(Input!$K$14=2,K2107*Input!$J$14,0)+IF(Input!$K$15=2,L2107*Input!$J$15,0)+IF(Input!$K$16=2,M2107*Input!$J$16,0)</f>
        <v>0.52506372499996434</v>
      </c>
      <c r="P2107" s="58">
        <f>IF(Input!$K$13=3,J2107*Input!$J$13,0)+IF(Input!$K$14=3,K2107*Input!$J$14,0)+IF(Input!$K$15=3,L2107*Input!$J$15,0)+IF(Input!$K$16=3,M2107*Input!$J$16,0)</f>
        <v>0</v>
      </c>
      <c r="Q2107" s="71">
        <f>IF(Input!$K$13=4,J2107*Input!$J$13,0)+IF(Input!$K$14=4,K2107*Input!$J$14,0)+IF(Input!$K$15=4,L2107*Input!$J$15,0)+IF(Input!$K$16=4,M2107*Input!$J$16,0)</f>
        <v>0</v>
      </c>
    </row>
    <row r="2108" spans="8:17" x14ac:dyDescent="0.25">
      <c r="H2108" s="43">
        <v>2101</v>
      </c>
      <c r="I2108" s="55">
        <f>Bühler!I2134</f>
        <v>15.556606578273744</v>
      </c>
      <c r="J2108" s="58">
        <f>Bühler!J2134</f>
        <v>88.563990030108585</v>
      </c>
      <c r="K2108" s="58">
        <f>Bühler!K2134</f>
        <v>3.8893609259256623</v>
      </c>
      <c r="L2108" s="58">
        <f>Bühler!L2134</f>
        <v>1.9446804629628311</v>
      </c>
      <c r="M2108" s="57">
        <f>Bühler!M2134</f>
        <v>0</v>
      </c>
      <c r="N2108" s="55">
        <f>IF(Input!$K$13=1,J2108*Input!$J$13,0)+IF(Input!$K$14=1,K2108*Input!$J$14,0)+IF(Input!$K$15=1,L2108*Input!$J$15,0)+IF(Input!$K$16=1,M2108*Input!$J$16,0)</f>
        <v>10.62767880361303</v>
      </c>
      <c r="O2108" s="58">
        <f>IF(Input!$K$13=2,J2108*Input!$J$13,0)+IF(Input!$K$14=2,K2108*Input!$J$14,0)+IF(Input!$K$15=2,L2108*Input!$J$15,0)+IF(Input!$K$16=2,M2108*Input!$J$16,0)</f>
        <v>0.52506372499996434</v>
      </c>
      <c r="P2108" s="58">
        <f>IF(Input!$K$13=3,J2108*Input!$J$13,0)+IF(Input!$K$14=3,K2108*Input!$J$14,0)+IF(Input!$K$15=3,L2108*Input!$J$15,0)+IF(Input!$K$16=3,M2108*Input!$J$16,0)</f>
        <v>0</v>
      </c>
      <c r="Q2108" s="71">
        <f>IF(Input!$K$13=4,J2108*Input!$J$13,0)+IF(Input!$K$14=4,K2108*Input!$J$14,0)+IF(Input!$K$15=4,L2108*Input!$J$15,0)+IF(Input!$K$16=4,M2108*Input!$J$16,0)</f>
        <v>0</v>
      </c>
    </row>
    <row r="2109" spans="8:17" x14ac:dyDescent="0.25">
      <c r="H2109" s="43">
        <v>2102</v>
      </c>
      <c r="I2109" s="55">
        <f>Bühler!I2135</f>
        <v>10.334031512710416</v>
      </c>
      <c r="J2109" s="58">
        <f>Bühler!J2135</f>
        <v>58.831793377143562</v>
      </c>
      <c r="K2109" s="58">
        <f>Bühler!K2135</f>
        <v>2.5836469007934757</v>
      </c>
      <c r="L2109" s="58">
        <f>Bühler!L2135</f>
        <v>1.2918234503967378</v>
      </c>
      <c r="M2109" s="57">
        <f>Bühler!M2135</f>
        <v>0</v>
      </c>
      <c r="N2109" s="55">
        <f>IF(Input!$K$13=1,J2109*Input!$J$13,0)+IF(Input!$K$14=1,K2109*Input!$J$14,0)+IF(Input!$K$15=1,L2109*Input!$J$15,0)+IF(Input!$K$16=1,M2109*Input!$J$16,0)</f>
        <v>7.0598152052572276</v>
      </c>
      <c r="O2109" s="58">
        <f>IF(Input!$K$13=2,J2109*Input!$J$13,0)+IF(Input!$K$14=2,K2109*Input!$J$14,0)+IF(Input!$K$15=2,L2109*Input!$J$15,0)+IF(Input!$K$16=2,M2109*Input!$J$16,0)</f>
        <v>0.3487923316071192</v>
      </c>
      <c r="P2109" s="58">
        <f>IF(Input!$K$13=3,J2109*Input!$J$13,0)+IF(Input!$K$14=3,K2109*Input!$J$14,0)+IF(Input!$K$15=3,L2109*Input!$J$15,0)+IF(Input!$K$16=3,M2109*Input!$J$16,0)</f>
        <v>0</v>
      </c>
      <c r="Q2109" s="71">
        <f>IF(Input!$K$13=4,J2109*Input!$J$13,0)+IF(Input!$K$14=4,K2109*Input!$J$14,0)+IF(Input!$K$15=4,L2109*Input!$J$15,0)+IF(Input!$K$16=4,M2109*Input!$J$16,0)</f>
        <v>0</v>
      </c>
    </row>
    <row r="2110" spans="8:17" x14ac:dyDescent="0.25">
      <c r="H2110" s="43">
        <v>2103</v>
      </c>
      <c r="I2110" s="55">
        <f>Bühler!I2136</f>
        <v>15.556606578273744</v>
      </c>
      <c r="J2110" s="58">
        <f>Bühler!J2136</f>
        <v>88.563990030108585</v>
      </c>
      <c r="K2110" s="58">
        <f>Bühler!K2136</f>
        <v>3.8893609259256623</v>
      </c>
      <c r="L2110" s="58">
        <f>Bühler!L2136</f>
        <v>1.9446804629628311</v>
      </c>
      <c r="M2110" s="57">
        <f>Bühler!M2136</f>
        <v>0</v>
      </c>
      <c r="N2110" s="55">
        <f>IF(Input!$K$13=1,J2110*Input!$J$13,0)+IF(Input!$K$14=1,K2110*Input!$J$14,0)+IF(Input!$K$15=1,L2110*Input!$J$15,0)+IF(Input!$K$16=1,M2110*Input!$J$16,0)</f>
        <v>10.62767880361303</v>
      </c>
      <c r="O2110" s="58">
        <f>IF(Input!$K$13=2,J2110*Input!$J$13,0)+IF(Input!$K$14=2,K2110*Input!$J$14,0)+IF(Input!$K$15=2,L2110*Input!$J$15,0)+IF(Input!$K$16=2,M2110*Input!$J$16,0)</f>
        <v>0.52506372499996434</v>
      </c>
      <c r="P2110" s="58">
        <f>IF(Input!$K$13=3,J2110*Input!$J$13,0)+IF(Input!$K$14=3,K2110*Input!$J$14,0)+IF(Input!$K$15=3,L2110*Input!$J$15,0)+IF(Input!$K$16=3,M2110*Input!$J$16,0)</f>
        <v>0</v>
      </c>
      <c r="Q2110" s="71">
        <f>IF(Input!$K$13=4,J2110*Input!$J$13,0)+IF(Input!$K$14=4,K2110*Input!$J$14,0)+IF(Input!$K$15=4,L2110*Input!$J$15,0)+IF(Input!$K$16=4,M2110*Input!$J$16,0)</f>
        <v>0</v>
      </c>
    </row>
    <row r="2111" spans="8:17" x14ac:dyDescent="0.25">
      <c r="H2111" s="43">
        <v>2104</v>
      </c>
      <c r="I2111" s="55">
        <f>Bühler!I2137</f>
        <v>15.556606578273744</v>
      </c>
      <c r="J2111" s="58">
        <f>Bühler!J2137</f>
        <v>88.563990030108585</v>
      </c>
      <c r="K2111" s="58">
        <f>Bühler!K2137</f>
        <v>3.8893609259256623</v>
      </c>
      <c r="L2111" s="58">
        <f>Bühler!L2137</f>
        <v>1.9446804629628311</v>
      </c>
      <c r="M2111" s="57">
        <f>Bühler!M2137</f>
        <v>0</v>
      </c>
      <c r="N2111" s="55">
        <f>IF(Input!$K$13=1,J2111*Input!$J$13,0)+IF(Input!$K$14=1,K2111*Input!$J$14,0)+IF(Input!$K$15=1,L2111*Input!$J$15,0)+IF(Input!$K$16=1,M2111*Input!$J$16,0)</f>
        <v>10.62767880361303</v>
      </c>
      <c r="O2111" s="58">
        <f>IF(Input!$K$13=2,J2111*Input!$J$13,0)+IF(Input!$K$14=2,K2111*Input!$J$14,0)+IF(Input!$K$15=2,L2111*Input!$J$15,0)+IF(Input!$K$16=2,M2111*Input!$J$16,0)</f>
        <v>0.52506372499996434</v>
      </c>
      <c r="P2111" s="58">
        <f>IF(Input!$K$13=3,J2111*Input!$J$13,0)+IF(Input!$K$14=3,K2111*Input!$J$14,0)+IF(Input!$K$15=3,L2111*Input!$J$15,0)+IF(Input!$K$16=3,M2111*Input!$J$16,0)</f>
        <v>0</v>
      </c>
      <c r="Q2111" s="71">
        <f>IF(Input!$K$13=4,J2111*Input!$J$13,0)+IF(Input!$K$14=4,K2111*Input!$J$14,0)+IF(Input!$K$15=4,L2111*Input!$J$15,0)+IF(Input!$K$16=4,M2111*Input!$J$16,0)</f>
        <v>0</v>
      </c>
    </row>
    <row r="2112" spans="8:17" x14ac:dyDescent="0.25">
      <c r="H2112" s="43">
        <v>2105</v>
      </c>
      <c r="I2112" s="55">
        <f>Bühler!I2138</f>
        <v>12.998962516451646</v>
      </c>
      <c r="J2112" s="58">
        <f>Bühler!J2138</f>
        <v>56.340476996756493</v>
      </c>
      <c r="K2112" s="58">
        <f>Bühler!K2138</f>
        <v>2.2919448313490509</v>
      </c>
      <c r="L2112" s="58">
        <f>Bühler!L2138</f>
        <v>1.1459724156745255</v>
      </c>
      <c r="M2112" s="57">
        <f>Bühler!M2138</f>
        <v>0</v>
      </c>
      <c r="N2112" s="55">
        <f>IF(Input!$K$13=1,J2112*Input!$J$13,0)+IF(Input!$K$14=1,K2112*Input!$J$14,0)+IF(Input!$K$15=1,L2112*Input!$J$15,0)+IF(Input!$K$16=1,M2112*Input!$J$16,0)</f>
        <v>6.7608572396107789</v>
      </c>
      <c r="O2112" s="58">
        <f>IF(Input!$K$13=2,J2112*Input!$J$13,0)+IF(Input!$K$14=2,K2112*Input!$J$14,0)+IF(Input!$K$15=2,L2112*Input!$J$15,0)+IF(Input!$K$16=2,M2112*Input!$J$16,0)</f>
        <v>0.30941255223212183</v>
      </c>
      <c r="P2112" s="58">
        <f>IF(Input!$K$13=3,J2112*Input!$J$13,0)+IF(Input!$K$14=3,K2112*Input!$J$14,0)+IF(Input!$K$15=3,L2112*Input!$J$15,0)+IF(Input!$K$16=3,M2112*Input!$J$16,0)</f>
        <v>0</v>
      </c>
      <c r="Q2112" s="71">
        <f>IF(Input!$K$13=4,J2112*Input!$J$13,0)+IF(Input!$K$14=4,K2112*Input!$J$14,0)+IF(Input!$K$15=4,L2112*Input!$J$15,0)+IF(Input!$K$16=4,M2112*Input!$J$16,0)</f>
        <v>0</v>
      </c>
    </row>
    <row r="2113" spans="8:17" x14ac:dyDescent="0.25">
      <c r="H2113" s="43">
        <v>2106</v>
      </c>
      <c r="I2113" s="55">
        <f>Bühler!I2139</f>
        <v>10.335947350958973</v>
      </c>
      <c r="J2113" s="58">
        <f>Bühler!J2139</f>
        <v>29.233241983570423</v>
      </c>
      <c r="K2113" s="58">
        <f>Bühler!K2139</f>
        <v>0.97820948841188682</v>
      </c>
      <c r="L2113" s="58">
        <f>Bühler!L2139</f>
        <v>0.48910474420594341</v>
      </c>
      <c r="M2113" s="57">
        <f>Bühler!M2139</f>
        <v>0</v>
      </c>
      <c r="N2113" s="55">
        <f>IF(Input!$K$13=1,J2113*Input!$J$13,0)+IF(Input!$K$14=1,K2113*Input!$J$14,0)+IF(Input!$K$15=1,L2113*Input!$J$15,0)+IF(Input!$K$16=1,M2113*Input!$J$16,0)</f>
        <v>3.5079890380284504</v>
      </c>
      <c r="O2113" s="58">
        <f>IF(Input!$K$13=2,J2113*Input!$J$13,0)+IF(Input!$K$14=2,K2113*Input!$J$14,0)+IF(Input!$K$15=2,L2113*Input!$J$15,0)+IF(Input!$K$16=2,M2113*Input!$J$16,0)</f>
        <v>0.1320582809356047</v>
      </c>
      <c r="P2113" s="58">
        <f>IF(Input!$K$13=3,J2113*Input!$J$13,0)+IF(Input!$K$14=3,K2113*Input!$J$14,0)+IF(Input!$K$15=3,L2113*Input!$J$15,0)+IF(Input!$K$16=3,M2113*Input!$J$16,0)</f>
        <v>0</v>
      </c>
      <c r="Q2113" s="71">
        <f>IF(Input!$K$13=4,J2113*Input!$J$13,0)+IF(Input!$K$14=4,K2113*Input!$J$14,0)+IF(Input!$K$15=4,L2113*Input!$J$15,0)+IF(Input!$K$16=4,M2113*Input!$J$16,0)</f>
        <v>0</v>
      </c>
    </row>
    <row r="2114" spans="8:17" x14ac:dyDescent="0.25">
      <c r="H2114" s="43">
        <v>2107</v>
      </c>
      <c r="I2114" s="55">
        <f>Bühler!I2140</f>
        <v>3.8316764971117609</v>
      </c>
      <c r="J2114" s="58">
        <f>Bühler!J2140</f>
        <v>16.054720225091884</v>
      </c>
      <c r="K2114" s="58">
        <f>Bühler!K2140</f>
        <v>0.64561826235184527</v>
      </c>
      <c r="L2114" s="58">
        <f>Bühler!L2140</f>
        <v>0.32280913117592264</v>
      </c>
      <c r="M2114" s="57">
        <f>Bühler!M2140</f>
        <v>0</v>
      </c>
      <c r="N2114" s="55">
        <f>IF(Input!$K$13=1,J2114*Input!$J$13,0)+IF(Input!$K$14=1,K2114*Input!$J$14,0)+IF(Input!$K$15=1,L2114*Input!$J$15,0)+IF(Input!$K$16=1,M2114*Input!$J$16,0)</f>
        <v>1.9265664270110261</v>
      </c>
      <c r="O2114" s="58">
        <f>IF(Input!$K$13=2,J2114*Input!$J$13,0)+IF(Input!$K$14=2,K2114*Input!$J$14,0)+IF(Input!$K$15=2,L2114*Input!$J$15,0)+IF(Input!$K$16=2,M2114*Input!$J$16,0)</f>
        <v>8.7158465417499109E-2</v>
      </c>
      <c r="P2114" s="58">
        <f>IF(Input!$K$13=3,J2114*Input!$J$13,0)+IF(Input!$K$14=3,K2114*Input!$J$14,0)+IF(Input!$K$15=3,L2114*Input!$J$15,0)+IF(Input!$K$16=3,M2114*Input!$J$16,0)</f>
        <v>0</v>
      </c>
      <c r="Q2114" s="71">
        <f>IF(Input!$K$13=4,J2114*Input!$J$13,0)+IF(Input!$K$14=4,K2114*Input!$J$14,0)+IF(Input!$K$15=4,L2114*Input!$J$15,0)+IF(Input!$K$16=4,M2114*Input!$J$16,0)</f>
        <v>0</v>
      </c>
    </row>
    <row r="2115" spans="8:17" x14ac:dyDescent="0.25">
      <c r="H2115" s="43">
        <v>2108</v>
      </c>
      <c r="I2115" s="55">
        <f>Bühler!I2141</f>
        <v>3.8316764971117609</v>
      </c>
      <c r="J2115" s="58">
        <f>Bühler!J2141</f>
        <v>16.054720225091884</v>
      </c>
      <c r="K2115" s="58">
        <f>Bühler!K2141</f>
        <v>0.64561826235184527</v>
      </c>
      <c r="L2115" s="58">
        <f>Bühler!L2141</f>
        <v>0.32280913117592264</v>
      </c>
      <c r="M2115" s="57">
        <f>Bühler!M2141</f>
        <v>0</v>
      </c>
      <c r="N2115" s="55">
        <f>IF(Input!$K$13=1,J2115*Input!$J$13,0)+IF(Input!$K$14=1,K2115*Input!$J$14,0)+IF(Input!$K$15=1,L2115*Input!$J$15,0)+IF(Input!$K$16=1,M2115*Input!$J$16,0)</f>
        <v>1.9265664270110261</v>
      </c>
      <c r="O2115" s="58">
        <f>IF(Input!$K$13=2,J2115*Input!$J$13,0)+IF(Input!$K$14=2,K2115*Input!$J$14,0)+IF(Input!$K$15=2,L2115*Input!$J$15,0)+IF(Input!$K$16=2,M2115*Input!$J$16,0)</f>
        <v>8.7158465417499109E-2</v>
      </c>
      <c r="P2115" s="58">
        <f>IF(Input!$K$13=3,J2115*Input!$J$13,0)+IF(Input!$K$14=3,K2115*Input!$J$14,0)+IF(Input!$K$15=3,L2115*Input!$J$15,0)+IF(Input!$K$16=3,M2115*Input!$J$16,0)</f>
        <v>0</v>
      </c>
      <c r="Q2115" s="71">
        <f>IF(Input!$K$13=4,J2115*Input!$J$13,0)+IF(Input!$K$14=4,K2115*Input!$J$14,0)+IF(Input!$K$15=4,L2115*Input!$J$15,0)+IF(Input!$K$16=4,M2115*Input!$J$16,0)</f>
        <v>0</v>
      </c>
    </row>
    <row r="2116" spans="8:17" x14ac:dyDescent="0.25">
      <c r="H2116" s="43">
        <v>2109</v>
      </c>
      <c r="I2116" s="55">
        <f>Bühler!I2142</f>
        <v>3.8316764971117609</v>
      </c>
      <c r="J2116" s="58">
        <f>Bühler!J2142</f>
        <v>16.054720225091884</v>
      </c>
      <c r="K2116" s="58">
        <f>Bühler!K2142</f>
        <v>0.64561826235184527</v>
      </c>
      <c r="L2116" s="58">
        <f>Bühler!L2142</f>
        <v>0.32280913117592264</v>
      </c>
      <c r="M2116" s="57">
        <f>Bühler!M2142</f>
        <v>0</v>
      </c>
      <c r="N2116" s="55">
        <f>IF(Input!$K$13=1,J2116*Input!$J$13,0)+IF(Input!$K$14=1,K2116*Input!$J$14,0)+IF(Input!$K$15=1,L2116*Input!$J$15,0)+IF(Input!$K$16=1,M2116*Input!$J$16,0)</f>
        <v>1.9265664270110261</v>
      </c>
      <c r="O2116" s="58">
        <f>IF(Input!$K$13=2,J2116*Input!$J$13,0)+IF(Input!$K$14=2,K2116*Input!$J$14,0)+IF(Input!$K$15=2,L2116*Input!$J$15,0)+IF(Input!$K$16=2,M2116*Input!$J$16,0)</f>
        <v>8.7158465417499109E-2</v>
      </c>
      <c r="P2116" s="58">
        <f>IF(Input!$K$13=3,J2116*Input!$J$13,0)+IF(Input!$K$14=3,K2116*Input!$J$14,0)+IF(Input!$K$15=3,L2116*Input!$J$15,0)+IF(Input!$K$16=3,M2116*Input!$J$16,0)</f>
        <v>0</v>
      </c>
      <c r="Q2116" s="71">
        <f>IF(Input!$K$13=4,J2116*Input!$J$13,0)+IF(Input!$K$14=4,K2116*Input!$J$14,0)+IF(Input!$K$15=4,L2116*Input!$J$15,0)+IF(Input!$K$16=4,M2116*Input!$J$16,0)</f>
        <v>0</v>
      </c>
    </row>
    <row r="2117" spans="8:17" x14ac:dyDescent="0.25">
      <c r="H2117" s="43">
        <v>2110</v>
      </c>
      <c r="I2117" s="55">
        <f>Bühler!I2143</f>
        <v>3.8316764971117609</v>
      </c>
      <c r="J2117" s="58">
        <f>Bühler!J2143</f>
        <v>16.054720225091884</v>
      </c>
      <c r="K2117" s="58">
        <f>Bühler!K2143</f>
        <v>0.64561826235184527</v>
      </c>
      <c r="L2117" s="58">
        <f>Bühler!L2143</f>
        <v>0.32280913117592264</v>
      </c>
      <c r="M2117" s="57">
        <f>Bühler!M2143</f>
        <v>0</v>
      </c>
      <c r="N2117" s="55">
        <f>IF(Input!$K$13=1,J2117*Input!$J$13,0)+IF(Input!$K$14=1,K2117*Input!$J$14,0)+IF(Input!$K$15=1,L2117*Input!$J$15,0)+IF(Input!$K$16=1,M2117*Input!$J$16,0)</f>
        <v>1.9265664270110261</v>
      </c>
      <c r="O2117" s="58">
        <f>IF(Input!$K$13=2,J2117*Input!$J$13,0)+IF(Input!$K$14=2,K2117*Input!$J$14,0)+IF(Input!$K$15=2,L2117*Input!$J$15,0)+IF(Input!$K$16=2,M2117*Input!$J$16,0)</f>
        <v>8.7158465417499109E-2</v>
      </c>
      <c r="P2117" s="58">
        <f>IF(Input!$K$13=3,J2117*Input!$J$13,0)+IF(Input!$K$14=3,K2117*Input!$J$14,0)+IF(Input!$K$15=3,L2117*Input!$J$15,0)+IF(Input!$K$16=3,M2117*Input!$J$16,0)</f>
        <v>0</v>
      </c>
      <c r="Q2117" s="71">
        <f>IF(Input!$K$13=4,J2117*Input!$J$13,0)+IF(Input!$K$14=4,K2117*Input!$J$14,0)+IF(Input!$K$15=4,L2117*Input!$J$15,0)+IF(Input!$K$16=4,M2117*Input!$J$16,0)</f>
        <v>0</v>
      </c>
    </row>
    <row r="2118" spans="8:17" x14ac:dyDescent="0.25">
      <c r="H2118" s="43">
        <v>2111</v>
      </c>
      <c r="I2118" s="55">
        <f>Bühler!I2144</f>
        <v>3.8316764971117609</v>
      </c>
      <c r="J2118" s="58">
        <f>Bühler!J2144</f>
        <v>16.054720225091884</v>
      </c>
      <c r="K2118" s="58">
        <f>Bühler!K2144</f>
        <v>0.64561826235184527</v>
      </c>
      <c r="L2118" s="58">
        <f>Bühler!L2144</f>
        <v>0.32280913117592264</v>
      </c>
      <c r="M2118" s="57">
        <f>Bühler!M2144</f>
        <v>0</v>
      </c>
      <c r="N2118" s="55">
        <f>IF(Input!$K$13=1,J2118*Input!$J$13,0)+IF(Input!$K$14=1,K2118*Input!$J$14,0)+IF(Input!$K$15=1,L2118*Input!$J$15,0)+IF(Input!$K$16=1,M2118*Input!$J$16,0)</f>
        <v>1.9265664270110261</v>
      </c>
      <c r="O2118" s="58">
        <f>IF(Input!$K$13=2,J2118*Input!$J$13,0)+IF(Input!$K$14=2,K2118*Input!$J$14,0)+IF(Input!$K$15=2,L2118*Input!$J$15,0)+IF(Input!$K$16=2,M2118*Input!$J$16,0)</f>
        <v>8.7158465417499109E-2</v>
      </c>
      <c r="P2118" s="58">
        <f>IF(Input!$K$13=3,J2118*Input!$J$13,0)+IF(Input!$K$14=3,K2118*Input!$J$14,0)+IF(Input!$K$15=3,L2118*Input!$J$15,0)+IF(Input!$K$16=3,M2118*Input!$J$16,0)</f>
        <v>0</v>
      </c>
      <c r="Q2118" s="71">
        <f>IF(Input!$K$13=4,J2118*Input!$J$13,0)+IF(Input!$K$14=4,K2118*Input!$J$14,0)+IF(Input!$K$15=4,L2118*Input!$J$15,0)+IF(Input!$K$16=4,M2118*Input!$J$16,0)</f>
        <v>0</v>
      </c>
    </row>
    <row r="2119" spans="8:17" x14ac:dyDescent="0.25">
      <c r="H2119" s="43">
        <v>2112</v>
      </c>
      <c r="I2119" s="55">
        <f>Bühler!I2145</f>
        <v>3.8316764971117609</v>
      </c>
      <c r="J2119" s="58">
        <f>Bühler!J2145</f>
        <v>16.054720225091884</v>
      </c>
      <c r="K2119" s="58">
        <f>Bühler!K2145</f>
        <v>0.64561826235184527</v>
      </c>
      <c r="L2119" s="58">
        <f>Bühler!L2145</f>
        <v>0.32280913117592264</v>
      </c>
      <c r="M2119" s="57">
        <f>Bühler!M2145</f>
        <v>0</v>
      </c>
      <c r="N2119" s="55">
        <f>IF(Input!$K$13=1,J2119*Input!$J$13,0)+IF(Input!$K$14=1,K2119*Input!$J$14,0)+IF(Input!$K$15=1,L2119*Input!$J$15,0)+IF(Input!$K$16=1,M2119*Input!$J$16,0)</f>
        <v>1.9265664270110261</v>
      </c>
      <c r="O2119" s="58">
        <f>IF(Input!$K$13=2,J2119*Input!$J$13,0)+IF(Input!$K$14=2,K2119*Input!$J$14,0)+IF(Input!$K$15=2,L2119*Input!$J$15,0)+IF(Input!$K$16=2,M2119*Input!$J$16,0)</f>
        <v>8.7158465417499109E-2</v>
      </c>
      <c r="P2119" s="58">
        <f>IF(Input!$K$13=3,J2119*Input!$J$13,0)+IF(Input!$K$14=3,K2119*Input!$J$14,0)+IF(Input!$K$15=3,L2119*Input!$J$15,0)+IF(Input!$K$16=3,M2119*Input!$J$16,0)</f>
        <v>0</v>
      </c>
      <c r="Q2119" s="71">
        <f>IF(Input!$K$13=4,J2119*Input!$J$13,0)+IF(Input!$K$14=4,K2119*Input!$J$14,0)+IF(Input!$K$15=4,L2119*Input!$J$15,0)+IF(Input!$K$16=4,M2119*Input!$J$16,0)</f>
        <v>0</v>
      </c>
    </row>
    <row r="2120" spans="8:17" x14ac:dyDescent="0.25">
      <c r="H2120" s="43">
        <v>2113</v>
      </c>
      <c r="I2120" s="55">
        <f>Bühler!I2146</f>
        <v>1.9310907597292524</v>
      </c>
      <c r="J2120" s="58">
        <f>Bühler!J2146</f>
        <v>12.310373324188225</v>
      </c>
      <c r="K2120" s="58">
        <f>Bühler!K2146</f>
        <v>0.62590924225001343</v>
      </c>
      <c r="L2120" s="58">
        <f>Bühler!L2146</f>
        <v>0.31295462112500672</v>
      </c>
      <c r="M2120" s="57">
        <f>Bühler!M2146</f>
        <v>0</v>
      </c>
      <c r="N2120" s="55">
        <f>IF(Input!$K$13=1,J2120*Input!$J$13,0)+IF(Input!$K$14=1,K2120*Input!$J$14,0)+IF(Input!$K$15=1,L2120*Input!$J$15,0)+IF(Input!$K$16=1,M2120*Input!$J$16,0)</f>
        <v>1.477244798902587</v>
      </c>
      <c r="O2120" s="58">
        <f>IF(Input!$K$13=2,J2120*Input!$J$13,0)+IF(Input!$K$14=2,K2120*Input!$J$14,0)+IF(Input!$K$15=2,L2120*Input!$J$15,0)+IF(Input!$K$16=2,M2120*Input!$J$16,0)</f>
        <v>8.4497747703751819E-2</v>
      </c>
      <c r="P2120" s="58">
        <f>IF(Input!$K$13=3,J2120*Input!$J$13,0)+IF(Input!$K$14=3,K2120*Input!$J$14,0)+IF(Input!$K$15=3,L2120*Input!$J$15,0)+IF(Input!$K$16=3,M2120*Input!$J$16,0)</f>
        <v>0</v>
      </c>
      <c r="Q2120" s="71">
        <f>IF(Input!$K$13=4,J2120*Input!$J$13,0)+IF(Input!$K$14=4,K2120*Input!$J$14,0)+IF(Input!$K$15=4,L2120*Input!$J$15,0)+IF(Input!$K$16=4,M2120*Input!$J$16,0)</f>
        <v>0</v>
      </c>
    </row>
    <row r="2121" spans="8:17" x14ac:dyDescent="0.25">
      <c r="H2121" s="43">
        <v>2114</v>
      </c>
      <c r="I2121" s="55">
        <f>Bühler!I2147</f>
        <v>1.9310907597292524</v>
      </c>
      <c r="J2121" s="58">
        <f>Bühler!J2147</f>
        <v>12.310373324188225</v>
      </c>
      <c r="K2121" s="58">
        <f>Bühler!K2147</f>
        <v>0.62590924225001343</v>
      </c>
      <c r="L2121" s="58">
        <f>Bühler!L2147</f>
        <v>0.31295462112500672</v>
      </c>
      <c r="M2121" s="57">
        <f>Bühler!M2147</f>
        <v>0</v>
      </c>
      <c r="N2121" s="55">
        <f>IF(Input!$K$13=1,J2121*Input!$J$13,0)+IF(Input!$K$14=1,K2121*Input!$J$14,0)+IF(Input!$K$15=1,L2121*Input!$J$15,0)+IF(Input!$K$16=1,M2121*Input!$J$16,0)</f>
        <v>1.477244798902587</v>
      </c>
      <c r="O2121" s="58">
        <f>IF(Input!$K$13=2,J2121*Input!$J$13,0)+IF(Input!$K$14=2,K2121*Input!$J$14,0)+IF(Input!$K$15=2,L2121*Input!$J$15,0)+IF(Input!$K$16=2,M2121*Input!$J$16,0)</f>
        <v>8.4497747703751819E-2</v>
      </c>
      <c r="P2121" s="58">
        <f>IF(Input!$K$13=3,J2121*Input!$J$13,0)+IF(Input!$K$14=3,K2121*Input!$J$14,0)+IF(Input!$K$15=3,L2121*Input!$J$15,0)+IF(Input!$K$16=3,M2121*Input!$J$16,0)</f>
        <v>0</v>
      </c>
      <c r="Q2121" s="71">
        <f>IF(Input!$K$13=4,J2121*Input!$J$13,0)+IF(Input!$K$14=4,K2121*Input!$J$14,0)+IF(Input!$K$15=4,L2121*Input!$J$15,0)+IF(Input!$K$16=4,M2121*Input!$J$16,0)</f>
        <v>0</v>
      </c>
    </row>
    <row r="2122" spans="8:17" x14ac:dyDescent="0.25">
      <c r="H2122" s="43">
        <v>2115</v>
      </c>
      <c r="I2122" s="55">
        <f>Bühler!I2148</f>
        <v>1.9310907597292524</v>
      </c>
      <c r="J2122" s="58">
        <f>Bühler!J2148</f>
        <v>12.310373324188225</v>
      </c>
      <c r="K2122" s="58">
        <f>Bühler!K2148</f>
        <v>0.62590924225001343</v>
      </c>
      <c r="L2122" s="58">
        <f>Bühler!L2148</f>
        <v>0.31295462112500672</v>
      </c>
      <c r="M2122" s="57">
        <f>Bühler!M2148</f>
        <v>0</v>
      </c>
      <c r="N2122" s="55">
        <f>IF(Input!$K$13=1,J2122*Input!$J$13,0)+IF(Input!$K$14=1,K2122*Input!$J$14,0)+IF(Input!$K$15=1,L2122*Input!$J$15,0)+IF(Input!$K$16=1,M2122*Input!$J$16,0)</f>
        <v>1.477244798902587</v>
      </c>
      <c r="O2122" s="58">
        <f>IF(Input!$K$13=2,J2122*Input!$J$13,0)+IF(Input!$K$14=2,K2122*Input!$J$14,0)+IF(Input!$K$15=2,L2122*Input!$J$15,0)+IF(Input!$K$16=2,M2122*Input!$J$16,0)</f>
        <v>8.4497747703751819E-2</v>
      </c>
      <c r="P2122" s="58">
        <f>IF(Input!$K$13=3,J2122*Input!$J$13,0)+IF(Input!$K$14=3,K2122*Input!$J$14,0)+IF(Input!$K$15=3,L2122*Input!$J$15,0)+IF(Input!$K$16=3,M2122*Input!$J$16,0)</f>
        <v>0</v>
      </c>
      <c r="Q2122" s="71">
        <f>IF(Input!$K$13=4,J2122*Input!$J$13,0)+IF(Input!$K$14=4,K2122*Input!$J$14,0)+IF(Input!$K$15=4,L2122*Input!$J$15,0)+IF(Input!$K$16=4,M2122*Input!$J$16,0)</f>
        <v>0</v>
      </c>
    </row>
    <row r="2123" spans="8:17" x14ac:dyDescent="0.25">
      <c r="H2123" s="43">
        <v>2116</v>
      </c>
      <c r="I2123" s="55">
        <f>Bühler!I2149</f>
        <v>1.9310907597292524</v>
      </c>
      <c r="J2123" s="58">
        <f>Bühler!J2149</f>
        <v>12.310373324188225</v>
      </c>
      <c r="K2123" s="58">
        <f>Bühler!K2149</f>
        <v>0.62590924225001343</v>
      </c>
      <c r="L2123" s="58">
        <f>Bühler!L2149</f>
        <v>0.31295462112500672</v>
      </c>
      <c r="M2123" s="57">
        <f>Bühler!M2149</f>
        <v>0</v>
      </c>
      <c r="N2123" s="55">
        <f>IF(Input!$K$13=1,J2123*Input!$J$13,0)+IF(Input!$K$14=1,K2123*Input!$J$14,0)+IF(Input!$K$15=1,L2123*Input!$J$15,0)+IF(Input!$K$16=1,M2123*Input!$J$16,0)</f>
        <v>1.477244798902587</v>
      </c>
      <c r="O2123" s="58">
        <f>IF(Input!$K$13=2,J2123*Input!$J$13,0)+IF(Input!$K$14=2,K2123*Input!$J$14,0)+IF(Input!$K$15=2,L2123*Input!$J$15,0)+IF(Input!$K$16=2,M2123*Input!$J$16,0)</f>
        <v>8.4497747703751819E-2</v>
      </c>
      <c r="P2123" s="58">
        <f>IF(Input!$K$13=3,J2123*Input!$J$13,0)+IF(Input!$K$14=3,K2123*Input!$J$14,0)+IF(Input!$K$15=3,L2123*Input!$J$15,0)+IF(Input!$K$16=3,M2123*Input!$J$16,0)</f>
        <v>0</v>
      </c>
      <c r="Q2123" s="71">
        <f>IF(Input!$K$13=4,J2123*Input!$J$13,0)+IF(Input!$K$14=4,K2123*Input!$J$14,0)+IF(Input!$K$15=4,L2123*Input!$J$15,0)+IF(Input!$K$16=4,M2123*Input!$J$16,0)</f>
        <v>0</v>
      </c>
    </row>
    <row r="2124" spans="8:17" x14ac:dyDescent="0.25">
      <c r="H2124" s="43">
        <v>2117</v>
      </c>
      <c r="I2124" s="55">
        <f>Bühler!I2150</f>
        <v>1.9310907597292524</v>
      </c>
      <c r="J2124" s="58">
        <f>Bühler!J2150</f>
        <v>12.310373324188225</v>
      </c>
      <c r="K2124" s="58">
        <f>Bühler!K2150</f>
        <v>0.62590924225001343</v>
      </c>
      <c r="L2124" s="58">
        <f>Bühler!L2150</f>
        <v>0.31295462112500672</v>
      </c>
      <c r="M2124" s="57">
        <f>Bühler!M2150</f>
        <v>0</v>
      </c>
      <c r="N2124" s="55">
        <f>IF(Input!$K$13=1,J2124*Input!$J$13,0)+IF(Input!$K$14=1,K2124*Input!$J$14,0)+IF(Input!$K$15=1,L2124*Input!$J$15,0)+IF(Input!$K$16=1,M2124*Input!$J$16,0)</f>
        <v>1.477244798902587</v>
      </c>
      <c r="O2124" s="58">
        <f>IF(Input!$K$13=2,J2124*Input!$J$13,0)+IF(Input!$K$14=2,K2124*Input!$J$14,0)+IF(Input!$K$15=2,L2124*Input!$J$15,0)+IF(Input!$K$16=2,M2124*Input!$J$16,0)</f>
        <v>8.4497747703751819E-2</v>
      </c>
      <c r="P2124" s="58">
        <f>IF(Input!$K$13=3,J2124*Input!$J$13,0)+IF(Input!$K$14=3,K2124*Input!$J$14,0)+IF(Input!$K$15=3,L2124*Input!$J$15,0)+IF(Input!$K$16=3,M2124*Input!$J$16,0)</f>
        <v>0</v>
      </c>
      <c r="Q2124" s="71">
        <f>IF(Input!$K$13=4,J2124*Input!$J$13,0)+IF(Input!$K$14=4,K2124*Input!$J$14,0)+IF(Input!$K$15=4,L2124*Input!$J$15,0)+IF(Input!$K$16=4,M2124*Input!$J$16,0)</f>
        <v>0</v>
      </c>
    </row>
    <row r="2125" spans="8:17" x14ac:dyDescent="0.25">
      <c r="H2125" s="43">
        <v>2118</v>
      </c>
      <c r="I2125" s="55">
        <f>Bühler!I2151</f>
        <v>1.9310907597292524</v>
      </c>
      <c r="J2125" s="58">
        <f>Bühler!J2151</f>
        <v>12.310373324188225</v>
      </c>
      <c r="K2125" s="58">
        <f>Bühler!K2151</f>
        <v>0.62590924225001343</v>
      </c>
      <c r="L2125" s="58">
        <f>Bühler!L2151</f>
        <v>0.31295462112500672</v>
      </c>
      <c r="M2125" s="57">
        <f>Bühler!M2151</f>
        <v>0</v>
      </c>
      <c r="N2125" s="55">
        <f>IF(Input!$K$13=1,J2125*Input!$J$13,0)+IF(Input!$K$14=1,K2125*Input!$J$14,0)+IF(Input!$K$15=1,L2125*Input!$J$15,0)+IF(Input!$K$16=1,M2125*Input!$J$16,0)</f>
        <v>1.477244798902587</v>
      </c>
      <c r="O2125" s="58">
        <f>IF(Input!$K$13=2,J2125*Input!$J$13,0)+IF(Input!$K$14=2,K2125*Input!$J$14,0)+IF(Input!$K$15=2,L2125*Input!$J$15,0)+IF(Input!$K$16=2,M2125*Input!$J$16,0)</f>
        <v>8.4497747703751819E-2</v>
      </c>
      <c r="P2125" s="58">
        <f>IF(Input!$K$13=3,J2125*Input!$J$13,0)+IF(Input!$K$14=3,K2125*Input!$J$14,0)+IF(Input!$K$15=3,L2125*Input!$J$15,0)+IF(Input!$K$16=3,M2125*Input!$J$16,0)</f>
        <v>0</v>
      </c>
      <c r="Q2125" s="71">
        <f>IF(Input!$K$13=4,J2125*Input!$J$13,0)+IF(Input!$K$14=4,K2125*Input!$J$14,0)+IF(Input!$K$15=4,L2125*Input!$J$15,0)+IF(Input!$K$16=4,M2125*Input!$J$16,0)</f>
        <v>0</v>
      </c>
    </row>
    <row r="2126" spans="8:17" x14ac:dyDescent="0.25">
      <c r="H2126" s="43">
        <v>2119</v>
      </c>
      <c r="I2126" s="55">
        <f>Bühler!I2152</f>
        <v>1.9310907597292524</v>
      </c>
      <c r="J2126" s="58">
        <f>Bühler!J2152</f>
        <v>12.310373324188225</v>
      </c>
      <c r="K2126" s="58">
        <f>Bühler!K2152</f>
        <v>0.62590924225001343</v>
      </c>
      <c r="L2126" s="58">
        <f>Bühler!L2152</f>
        <v>0.31295462112500672</v>
      </c>
      <c r="M2126" s="57">
        <f>Bühler!M2152</f>
        <v>0</v>
      </c>
      <c r="N2126" s="55">
        <f>IF(Input!$K$13=1,J2126*Input!$J$13,0)+IF(Input!$K$14=1,K2126*Input!$J$14,0)+IF(Input!$K$15=1,L2126*Input!$J$15,0)+IF(Input!$K$16=1,M2126*Input!$J$16,0)</f>
        <v>1.477244798902587</v>
      </c>
      <c r="O2126" s="58">
        <f>IF(Input!$K$13=2,J2126*Input!$J$13,0)+IF(Input!$K$14=2,K2126*Input!$J$14,0)+IF(Input!$K$15=2,L2126*Input!$J$15,0)+IF(Input!$K$16=2,M2126*Input!$J$16,0)</f>
        <v>8.4497747703751819E-2</v>
      </c>
      <c r="P2126" s="58">
        <f>IF(Input!$K$13=3,J2126*Input!$J$13,0)+IF(Input!$K$14=3,K2126*Input!$J$14,0)+IF(Input!$K$15=3,L2126*Input!$J$15,0)+IF(Input!$K$16=3,M2126*Input!$J$16,0)</f>
        <v>0</v>
      </c>
      <c r="Q2126" s="71">
        <f>IF(Input!$K$13=4,J2126*Input!$J$13,0)+IF(Input!$K$14=4,K2126*Input!$J$14,0)+IF(Input!$K$15=4,L2126*Input!$J$15,0)+IF(Input!$K$16=4,M2126*Input!$J$16,0)</f>
        <v>0</v>
      </c>
    </row>
    <row r="2127" spans="8:17" x14ac:dyDescent="0.25">
      <c r="H2127" s="43">
        <v>2120</v>
      </c>
      <c r="I2127" s="55">
        <f>Bühler!I2153</f>
        <v>5.3201550430540907</v>
      </c>
      <c r="J2127" s="58">
        <f>Bühler!J2153</f>
        <v>47.534911579113412</v>
      </c>
      <c r="K2127" s="58">
        <f>Bühler!K2153</f>
        <v>2.558641114531115</v>
      </c>
      <c r="L2127" s="58">
        <f>Bühler!L2153</f>
        <v>1.2793205572655575</v>
      </c>
      <c r="M2127" s="57">
        <f>Bühler!M2153</f>
        <v>0</v>
      </c>
      <c r="N2127" s="55">
        <f>IF(Input!$K$13=1,J2127*Input!$J$13,0)+IF(Input!$K$14=1,K2127*Input!$J$14,0)+IF(Input!$K$15=1,L2127*Input!$J$15,0)+IF(Input!$K$16=1,M2127*Input!$J$16,0)</f>
        <v>5.7041893894936093</v>
      </c>
      <c r="O2127" s="58">
        <f>IF(Input!$K$13=2,J2127*Input!$J$13,0)+IF(Input!$K$14=2,K2127*Input!$J$14,0)+IF(Input!$K$15=2,L2127*Input!$J$15,0)+IF(Input!$K$16=2,M2127*Input!$J$16,0)</f>
        <v>0.3454165504617005</v>
      </c>
      <c r="P2127" s="58">
        <f>IF(Input!$K$13=3,J2127*Input!$J$13,0)+IF(Input!$K$14=3,K2127*Input!$J$14,0)+IF(Input!$K$15=3,L2127*Input!$J$15,0)+IF(Input!$K$16=3,M2127*Input!$J$16,0)</f>
        <v>0</v>
      </c>
      <c r="Q2127" s="71">
        <f>IF(Input!$K$13=4,J2127*Input!$J$13,0)+IF(Input!$K$14=4,K2127*Input!$J$14,0)+IF(Input!$K$15=4,L2127*Input!$J$15,0)+IF(Input!$K$16=4,M2127*Input!$J$16,0)</f>
        <v>0</v>
      </c>
    </row>
    <row r="2128" spans="8:17" x14ac:dyDescent="0.25">
      <c r="H2128" s="43">
        <v>2121</v>
      </c>
      <c r="I2128" s="55">
        <f>Bühler!I2154</f>
        <v>5.9361729954077225</v>
      </c>
      <c r="J2128" s="58">
        <f>Bühler!J2154</f>
        <v>53.038953972484443</v>
      </c>
      <c r="K2128" s="58">
        <f>Bühler!K2154</f>
        <v>2.8549048225294547</v>
      </c>
      <c r="L2128" s="58">
        <f>Bühler!L2154</f>
        <v>1.4274524112647273</v>
      </c>
      <c r="M2128" s="57">
        <f>Bühler!M2154</f>
        <v>0</v>
      </c>
      <c r="N2128" s="55">
        <f>IF(Input!$K$13=1,J2128*Input!$J$13,0)+IF(Input!$K$14=1,K2128*Input!$J$14,0)+IF(Input!$K$15=1,L2128*Input!$J$15,0)+IF(Input!$K$16=1,M2128*Input!$J$16,0)</f>
        <v>6.3646744766981325</v>
      </c>
      <c r="O2128" s="58">
        <f>IF(Input!$K$13=2,J2128*Input!$J$13,0)+IF(Input!$K$14=2,K2128*Input!$J$14,0)+IF(Input!$K$15=2,L2128*Input!$J$15,0)+IF(Input!$K$16=2,M2128*Input!$J$16,0)</f>
        <v>0.38541215104147636</v>
      </c>
      <c r="P2128" s="58">
        <f>IF(Input!$K$13=3,J2128*Input!$J$13,0)+IF(Input!$K$14=3,K2128*Input!$J$14,0)+IF(Input!$K$15=3,L2128*Input!$J$15,0)+IF(Input!$K$16=3,M2128*Input!$J$16,0)</f>
        <v>0</v>
      </c>
      <c r="Q2128" s="71">
        <f>IF(Input!$K$13=4,J2128*Input!$J$13,0)+IF(Input!$K$14=4,K2128*Input!$J$14,0)+IF(Input!$K$15=4,L2128*Input!$J$15,0)+IF(Input!$K$16=4,M2128*Input!$J$16,0)</f>
        <v>0</v>
      </c>
    </row>
    <row r="2129" spans="8:17" x14ac:dyDescent="0.25">
      <c r="H2129" s="43">
        <v>2122</v>
      </c>
      <c r="I2129" s="55">
        <f>Bühler!I2155</f>
        <v>6.5521909477613534</v>
      </c>
      <c r="J2129" s="58">
        <f>Bühler!J2155</f>
        <v>58.542996365855473</v>
      </c>
      <c r="K2129" s="58">
        <f>Bühler!K2155</f>
        <v>3.1511685305277943</v>
      </c>
      <c r="L2129" s="58">
        <f>Bühler!L2155</f>
        <v>1.5755842652638972</v>
      </c>
      <c r="M2129" s="57">
        <f>Bühler!M2155</f>
        <v>0</v>
      </c>
      <c r="N2129" s="55">
        <f>IF(Input!$K$13=1,J2129*Input!$J$13,0)+IF(Input!$K$14=1,K2129*Input!$J$14,0)+IF(Input!$K$15=1,L2129*Input!$J$15,0)+IF(Input!$K$16=1,M2129*Input!$J$16,0)</f>
        <v>7.0251595639026565</v>
      </c>
      <c r="O2129" s="58">
        <f>IF(Input!$K$13=2,J2129*Input!$J$13,0)+IF(Input!$K$14=2,K2129*Input!$J$14,0)+IF(Input!$K$15=2,L2129*Input!$J$15,0)+IF(Input!$K$16=2,M2129*Input!$J$16,0)</f>
        <v>0.42540775162125222</v>
      </c>
      <c r="P2129" s="58">
        <f>IF(Input!$K$13=3,J2129*Input!$J$13,0)+IF(Input!$K$14=3,K2129*Input!$J$14,0)+IF(Input!$K$15=3,L2129*Input!$J$15,0)+IF(Input!$K$16=3,M2129*Input!$J$16,0)</f>
        <v>0</v>
      </c>
      <c r="Q2129" s="71">
        <f>IF(Input!$K$13=4,J2129*Input!$J$13,0)+IF(Input!$K$14=4,K2129*Input!$J$14,0)+IF(Input!$K$15=4,L2129*Input!$J$15,0)+IF(Input!$K$16=4,M2129*Input!$J$16,0)</f>
        <v>0</v>
      </c>
    </row>
    <row r="2130" spans="8:17" x14ac:dyDescent="0.25">
      <c r="H2130" s="43">
        <v>2123</v>
      </c>
      <c r="I2130" s="55">
        <f>Bühler!I2156</f>
        <v>6.5521909477613534</v>
      </c>
      <c r="J2130" s="58">
        <f>Bühler!J2156</f>
        <v>58.542996365855473</v>
      </c>
      <c r="K2130" s="58">
        <f>Bühler!K2156</f>
        <v>3.1511685305277943</v>
      </c>
      <c r="L2130" s="58">
        <f>Bühler!L2156</f>
        <v>1.5755842652638972</v>
      </c>
      <c r="M2130" s="57">
        <f>Bühler!M2156</f>
        <v>0</v>
      </c>
      <c r="N2130" s="55">
        <f>IF(Input!$K$13=1,J2130*Input!$J$13,0)+IF(Input!$K$14=1,K2130*Input!$J$14,0)+IF(Input!$K$15=1,L2130*Input!$J$15,0)+IF(Input!$K$16=1,M2130*Input!$J$16,0)</f>
        <v>7.0251595639026565</v>
      </c>
      <c r="O2130" s="58">
        <f>IF(Input!$K$13=2,J2130*Input!$J$13,0)+IF(Input!$K$14=2,K2130*Input!$J$14,0)+IF(Input!$K$15=2,L2130*Input!$J$15,0)+IF(Input!$K$16=2,M2130*Input!$J$16,0)</f>
        <v>0.42540775162125222</v>
      </c>
      <c r="P2130" s="58">
        <f>IF(Input!$K$13=3,J2130*Input!$J$13,0)+IF(Input!$K$14=3,K2130*Input!$J$14,0)+IF(Input!$K$15=3,L2130*Input!$J$15,0)+IF(Input!$K$16=3,M2130*Input!$J$16,0)</f>
        <v>0</v>
      </c>
      <c r="Q2130" s="71">
        <f>IF(Input!$K$13=4,J2130*Input!$J$13,0)+IF(Input!$K$14=4,K2130*Input!$J$14,0)+IF(Input!$K$15=4,L2130*Input!$J$15,0)+IF(Input!$K$16=4,M2130*Input!$J$16,0)</f>
        <v>0</v>
      </c>
    </row>
    <row r="2131" spans="8:17" x14ac:dyDescent="0.25">
      <c r="H2131" s="43">
        <v>2124</v>
      </c>
      <c r="I2131" s="55">
        <f>Bühler!I2157</f>
        <v>7.8402284845007646</v>
      </c>
      <c r="J2131" s="58">
        <f>Bühler!J2157</f>
        <v>70.051448642903978</v>
      </c>
      <c r="K2131" s="58">
        <f>Bühler!K2157</f>
        <v>3.770629010887959</v>
      </c>
      <c r="L2131" s="58">
        <f>Bühler!L2157</f>
        <v>1.8853145054439795</v>
      </c>
      <c r="M2131" s="57">
        <f>Bühler!M2157</f>
        <v>0</v>
      </c>
      <c r="N2131" s="55">
        <f>IF(Input!$K$13=1,J2131*Input!$J$13,0)+IF(Input!$K$14=1,K2131*Input!$J$14,0)+IF(Input!$K$15=1,L2131*Input!$J$15,0)+IF(Input!$K$16=1,M2131*Input!$J$16,0)</f>
        <v>8.4061738371484775</v>
      </c>
      <c r="O2131" s="58">
        <f>IF(Input!$K$13=2,J2131*Input!$J$13,0)+IF(Input!$K$14=2,K2131*Input!$J$14,0)+IF(Input!$K$15=2,L2131*Input!$J$15,0)+IF(Input!$K$16=2,M2131*Input!$J$16,0)</f>
        <v>0.50903491646987442</v>
      </c>
      <c r="P2131" s="58">
        <f>IF(Input!$K$13=3,J2131*Input!$J$13,0)+IF(Input!$K$14=3,K2131*Input!$J$14,0)+IF(Input!$K$15=3,L2131*Input!$J$15,0)+IF(Input!$K$16=3,M2131*Input!$J$16,0)</f>
        <v>0</v>
      </c>
      <c r="Q2131" s="71">
        <f>IF(Input!$K$13=4,J2131*Input!$J$13,0)+IF(Input!$K$14=4,K2131*Input!$J$14,0)+IF(Input!$K$15=4,L2131*Input!$J$15,0)+IF(Input!$K$16=4,M2131*Input!$J$16,0)</f>
        <v>0</v>
      </c>
    </row>
    <row r="2132" spans="8:17" x14ac:dyDescent="0.25">
      <c r="H2132" s="43">
        <v>2125</v>
      </c>
      <c r="I2132" s="55">
        <f>Bühler!I2158</f>
        <v>7.8402284845007646</v>
      </c>
      <c r="J2132" s="58">
        <f>Bühler!J2158</f>
        <v>70.051448642903978</v>
      </c>
      <c r="K2132" s="58">
        <f>Bühler!K2158</f>
        <v>3.770629010887959</v>
      </c>
      <c r="L2132" s="58">
        <f>Bühler!L2158</f>
        <v>1.8853145054439795</v>
      </c>
      <c r="M2132" s="57">
        <f>Bühler!M2158</f>
        <v>0</v>
      </c>
      <c r="N2132" s="55">
        <f>IF(Input!$K$13=1,J2132*Input!$J$13,0)+IF(Input!$K$14=1,K2132*Input!$J$14,0)+IF(Input!$K$15=1,L2132*Input!$J$15,0)+IF(Input!$K$16=1,M2132*Input!$J$16,0)</f>
        <v>8.4061738371484775</v>
      </c>
      <c r="O2132" s="58">
        <f>IF(Input!$K$13=2,J2132*Input!$J$13,0)+IF(Input!$K$14=2,K2132*Input!$J$14,0)+IF(Input!$K$15=2,L2132*Input!$J$15,0)+IF(Input!$K$16=2,M2132*Input!$J$16,0)</f>
        <v>0.50903491646987442</v>
      </c>
      <c r="P2132" s="58">
        <f>IF(Input!$K$13=3,J2132*Input!$J$13,0)+IF(Input!$K$14=3,K2132*Input!$J$14,0)+IF(Input!$K$15=3,L2132*Input!$J$15,0)+IF(Input!$K$16=3,M2132*Input!$J$16,0)</f>
        <v>0</v>
      </c>
      <c r="Q2132" s="71">
        <f>IF(Input!$K$13=4,J2132*Input!$J$13,0)+IF(Input!$K$14=4,K2132*Input!$J$14,0)+IF(Input!$K$15=4,L2132*Input!$J$15,0)+IF(Input!$K$16=4,M2132*Input!$J$16,0)</f>
        <v>0</v>
      </c>
    </row>
    <row r="2133" spans="8:17" x14ac:dyDescent="0.25">
      <c r="H2133" s="43">
        <v>2126</v>
      </c>
      <c r="I2133" s="55">
        <f>Bühler!I2159</f>
        <v>5.2081517789897935</v>
      </c>
      <c r="J2133" s="58">
        <f>Bühler!J2159</f>
        <v>46.534176598500501</v>
      </c>
      <c r="K2133" s="58">
        <f>Bühler!K2159</f>
        <v>2.5047749858041444</v>
      </c>
      <c r="L2133" s="58">
        <f>Bühler!L2159</f>
        <v>1.2523874929020722</v>
      </c>
      <c r="M2133" s="57">
        <f>Bühler!M2159</f>
        <v>0</v>
      </c>
      <c r="N2133" s="55">
        <f>IF(Input!$K$13=1,J2133*Input!$J$13,0)+IF(Input!$K$14=1,K2133*Input!$J$14,0)+IF(Input!$K$15=1,L2133*Input!$J$15,0)+IF(Input!$K$16=1,M2133*Input!$J$16,0)</f>
        <v>5.5841011918200598</v>
      </c>
      <c r="O2133" s="58">
        <f>IF(Input!$K$13=2,J2133*Input!$J$13,0)+IF(Input!$K$14=2,K2133*Input!$J$14,0)+IF(Input!$K$15=2,L2133*Input!$J$15,0)+IF(Input!$K$16=2,M2133*Input!$J$16,0)</f>
        <v>0.33814462308355947</v>
      </c>
      <c r="P2133" s="58">
        <f>IF(Input!$K$13=3,J2133*Input!$J$13,0)+IF(Input!$K$14=3,K2133*Input!$J$14,0)+IF(Input!$K$15=3,L2133*Input!$J$15,0)+IF(Input!$K$16=3,M2133*Input!$J$16,0)</f>
        <v>0</v>
      </c>
      <c r="Q2133" s="71">
        <f>IF(Input!$K$13=4,J2133*Input!$J$13,0)+IF(Input!$K$14=4,K2133*Input!$J$14,0)+IF(Input!$K$15=4,L2133*Input!$J$15,0)+IF(Input!$K$16=4,M2133*Input!$J$16,0)</f>
        <v>0</v>
      </c>
    </row>
    <row r="2134" spans="8:17" x14ac:dyDescent="0.25">
      <c r="H2134" s="43">
        <v>2127</v>
      </c>
      <c r="I2134" s="55">
        <f>Bühler!I2160</f>
        <v>7.8402284845007646</v>
      </c>
      <c r="J2134" s="58">
        <f>Bühler!J2160</f>
        <v>70.051448642903978</v>
      </c>
      <c r="K2134" s="58">
        <f>Bühler!K2160</f>
        <v>3.770629010887959</v>
      </c>
      <c r="L2134" s="58">
        <f>Bühler!L2160</f>
        <v>1.8853145054439795</v>
      </c>
      <c r="M2134" s="57">
        <f>Bühler!M2160</f>
        <v>0</v>
      </c>
      <c r="N2134" s="55">
        <f>IF(Input!$K$13=1,J2134*Input!$J$13,0)+IF(Input!$K$14=1,K2134*Input!$J$14,0)+IF(Input!$K$15=1,L2134*Input!$J$15,0)+IF(Input!$K$16=1,M2134*Input!$J$16,0)</f>
        <v>8.4061738371484775</v>
      </c>
      <c r="O2134" s="58">
        <f>IF(Input!$K$13=2,J2134*Input!$J$13,0)+IF(Input!$K$14=2,K2134*Input!$J$14,0)+IF(Input!$K$15=2,L2134*Input!$J$15,0)+IF(Input!$K$16=2,M2134*Input!$J$16,0)</f>
        <v>0.50903491646987442</v>
      </c>
      <c r="P2134" s="58">
        <f>IF(Input!$K$13=3,J2134*Input!$J$13,0)+IF(Input!$K$14=3,K2134*Input!$J$14,0)+IF(Input!$K$15=3,L2134*Input!$J$15,0)+IF(Input!$K$16=3,M2134*Input!$J$16,0)</f>
        <v>0</v>
      </c>
      <c r="Q2134" s="71">
        <f>IF(Input!$K$13=4,J2134*Input!$J$13,0)+IF(Input!$K$14=4,K2134*Input!$J$14,0)+IF(Input!$K$15=4,L2134*Input!$J$15,0)+IF(Input!$K$16=4,M2134*Input!$J$16,0)</f>
        <v>0</v>
      </c>
    </row>
    <row r="2135" spans="8:17" x14ac:dyDescent="0.25">
      <c r="H2135" s="43">
        <v>2128</v>
      </c>
      <c r="I2135" s="55">
        <f>Bühler!I2161</f>
        <v>7.8402284845007646</v>
      </c>
      <c r="J2135" s="58">
        <f>Bühler!J2161</f>
        <v>70.051448642903978</v>
      </c>
      <c r="K2135" s="58">
        <f>Bühler!K2161</f>
        <v>3.770629010887959</v>
      </c>
      <c r="L2135" s="58">
        <f>Bühler!L2161</f>
        <v>1.8853145054439795</v>
      </c>
      <c r="M2135" s="57">
        <f>Bühler!M2161</f>
        <v>0</v>
      </c>
      <c r="N2135" s="55">
        <f>IF(Input!$K$13=1,J2135*Input!$J$13,0)+IF(Input!$K$14=1,K2135*Input!$J$14,0)+IF(Input!$K$15=1,L2135*Input!$J$15,0)+IF(Input!$K$16=1,M2135*Input!$J$16,0)</f>
        <v>8.4061738371484775</v>
      </c>
      <c r="O2135" s="58">
        <f>IF(Input!$K$13=2,J2135*Input!$J$13,0)+IF(Input!$K$14=2,K2135*Input!$J$14,0)+IF(Input!$K$15=2,L2135*Input!$J$15,0)+IF(Input!$K$16=2,M2135*Input!$J$16,0)</f>
        <v>0.50903491646987442</v>
      </c>
      <c r="P2135" s="58">
        <f>IF(Input!$K$13=3,J2135*Input!$J$13,0)+IF(Input!$K$14=3,K2135*Input!$J$14,0)+IF(Input!$K$15=3,L2135*Input!$J$15,0)+IF(Input!$K$16=3,M2135*Input!$J$16,0)</f>
        <v>0</v>
      </c>
      <c r="Q2135" s="71">
        <f>IF(Input!$K$13=4,J2135*Input!$J$13,0)+IF(Input!$K$14=4,K2135*Input!$J$14,0)+IF(Input!$K$15=4,L2135*Input!$J$15,0)+IF(Input!$K$16=4,M2135*Input!$J$16,0)</f>
        <v>0</v>
      </c>
    </row>
    <row r="2136" spans="8:17" x14ac:dyDescent="0.25">
      <c r="H2136" s="43">
        <v>2129</v>
      </c>
      <c r="I2136" s="55">
        <f>Bühler!I2162</f>
        <v>6.5512254023814895</v>
      </c>
      <c r="J2136" s="58">
        <f>Bühler!J2162</f>
        <v>43.372332939989398</v>
      </c>
      <c r="K2136" s="58">
        <f>Bühler!K2162</f>
        <v>2.2219778099875471</v>
      </c>
      <c r="L2136" s="58">
        <f>Bühler!L2162</f>
        <v>1.1109889049937736</v>
      </c>
      <c r="M2136" s="57">
        <f>Bühler!M2162</f>
        <v>0</v>
      </c>
      <c r="N2136" s="55">
        <f>IF(Input!$K$13=1,J2136*Input!$J$13,0)+IF(Input!$K$14=1,K2136*Input!$J$14,0)+IF(Input!$K$15=1,L2136*Input!$J$15,0)+IF(Input!$K$16=1,M2136*Input!$J$16,0)</f>
        <v>5.2046799527987275</v>
      </c>
      <c r="O2136" s="58">
        <f>IF(Input!$K$13=2,J2136*Input!$J$13,0)+IF(Input!$K$14=2,K2136*Input!$J$14,0)+IF(Input!$K$15=2,L2136*Input!$J$15,0)+IF(Input!$K$16=2,M2136*Input!$J$16,0)</f>
        <v>0.29996700434831886</v>
      </c>
      <c r="P2136" s="58">
        <f>IF(Input!$K$13=3,J2136*Input!$J$13,0)+IF(Input!$K$14=3,K2136*Input!$J$14,0)+IF(Input!$K$15=3,L2136*Input!$J$15,0)+IF(Input!$K$16=3,M2136*Input!$J$16,0)</f>
        <v>0</v>
      </c>
      <c r="Q2136" s="71">
        <f>IF(Input!$K$13=4,J2136*Input!$J$13,0)+IF(Input!$K$14=4,K2136*Input!$J$14,0)+IF(Input!$K$15=4,L2136*Input!$J$15,0)+IF(Input!$K$16=4,M2136*Input!$J$16,0)</f>
        <v>0</v>
      </c>
    </row>
    <row r="2137" spans="8:17" x14ac:dyDescent="0.25">
      <c r="H2137" s="43">
        <v>2130</v>
      </c>
      <c r="I2137" s="55">
        <f>Bühler!I2163</f>
        <v>5.2091173243696582</v>
      </c>
      <c r="J2137" s="58">
        <f>Bühler!J2163</f>
        <v>21.12557154758461</v>
      </c>
      <c r="K2137" s="58">
        <f>Bühler!K2163</f>
        <v>0.94834733674244442</v>
      </c>
      <c r="L2137" s="58">
        <f>Bühler!L2163</f>
        <v>0.47417366837122221</v>
      </c>
      <c r="M2137" s="57">
        <f>Bühler!M2163</f>
        <v>0</v>
      </c>
      <c r="N2137" s="55">
        <f>IF(Input!$K$13=1,J2137*Input!$J$13,0)+IF(Input!$K$14=1,K2137*Input!$J$14,0)+IF(Input!$K$15=1,L2137*Input!$J$15,0)+IF(Input!$K$16=1,M2137*Input!$J$16,0)</f>
        <v>2.5350685857101531</v>
      </c>
      <c r="O2137" s="58">
        <f>IF(Input!$K$13=2,J2137*Input!$J$13,0)+IF(Input!$K$14=2,K2137*Input!$J$14,0)+IF(Input!$K$15=2,L2137*Input!$J$15,0)+IF(Input!$K$16=2,M2137*Input!$J$16,0)</f>
        <v>0.12802689046023</v>
      </c>
      <c r="P2137" s="58">
        <f>IF(Input!$K$13=3,J2137*Input!$J$13,0)+IF(Input!$K$14=3,K2137*Input!$J$14,0)+IF(Input!$K$15=3,L2137*Input!$J$15,0)+IF(Input!$K$16=3,M2137*Input!$J$16,0)</f>
        <v>0</v>
      </c>
      <c r="Q2137" s="71">
        <f>IF(Input!$K$13=4,J2137*Input!$J$13,0)+IF(Input!$K$14=4,K2137*Input!$J$14,0)+IF(Input!$K$15=4,L2137*Input!$J$15,0)+IF(Input!$K$16=4,M2137*Input!$J$16,0)</f>
        <v>0</v>
      </c>
    </row>
    <row r="2138" spans="8:17" x14ac:dyDescent="0.25">
      <c r="H2138" s="43">
        <v>2131</v>
      </c>
      <c r="I2138" s="55">
        <f>Bühler!I2164</f>
        <v>1.9310907597292524</v>
      </c>
      <c r="J2138" s="58">
        <f>Bühler!J2164</f>
        <v>12.310373324188225</v>
      </c>
      <c r="K2138" s="58">
        <f>Bühler!K2164</f>
        <v>0.62590924225001343</v>
      </c>
      <c r="L2138" s="58">
        <f>Bühler!L2164</f>
        <v>0.31295462112500672</v>
      </c>
      <c r="M2138" s="57">
        <f>Bühler!M2164</f>
        <v>0</v>
      </c>
      <c r="N2138" s="55">
        <f>IF(Input!$K$13=1,J2138*Input!$J$13,0)+IF(Input!$K$14=1,K2138*Input!$J$14,0)+IF(Input!$K$15=1,L2138*Input!$J$15,0)+IF(Input!$K$16=1,M2138*Input!$J$16,0)</f>
        <v>1.477244798902587</v>
      </c>
      <c r="O2138" s="58">
        <f>IF(Input!$K$13=2,J2138*Input!$J$13,0)+IF(Input!$K$14=2,K2138*Input!$J$14,0)+IF(Input!$K$15=2,L2138*Input!$J$15,0)+IF(Input!$K$16=2,M2138*Input!$J$16,0)</f>
        <v>8.4497747703751819E-2</v>
      </c>
      <c r="P2138" s="58">
        <f>IF(Input!$K$13=3,J2138*Input!$J$13,0)+IF(Input!$K$14=3,K2138*Input!$J$14,0)+IF(Input!$K$15=3,L2138*Input!$J$15,0)+IF(Input!$K$16=3,M2138*Input!$J$16,0)</f>
        <v>0</v>
      </c>
      <c r="Q2138" s="71">
        <f>IF(Input!$K$13=4,J2138*Input!$J$13,0)+IF(Input!$K$14=4,K2138*Input!$J$14,0)+IF(Input!$K$15=4,L2138*Input!$J$15,0)+IF(Input!$K$16=4,M2138*Input!$J$16,0)</f>
        <v>0</v>
      </c>
    </row>
    <row r="2139" spans="8:17" x14ac:dyDescent="0.25">
      <c r="H2139" s="43">
        <v>2132</v>
      </c>
      <c r="I2139" s="55">
        <f>Bühler!I2165</f>
        <v>1.9310907597292524</v>
      </c>
      <c r="J2139" s="58">
        <f>Bühler!J2165</f>
        <v>12.310373324188225</v>
      </c>
      <c r="K2139" s="58">
        <f>Bühler!K2165</f>
        <v>0.62590924225001343</v>
      </c>
      <c r="L2139" s="58">
        <f>Bühler!L2165</f>
        <v>0.31295462112500672</v>
      </c>
      <c r="M2139" s="57">
        <f>Bühler!M2165</f>
        <v>0</v>
      </c>
      <c r="N2139" s="55">
        <f>IF(Input!$K$13=1,J2139*Input!$J$13,0)+IF(Input!$K$14=1,K2139*Input!$J$14,0)+IF(Input!$K$15=1,L2139*Input!$J$15,0)+IF(Input!$K$16=1,M2139*Input!$J$16,0)</f>
        <v>1.477244798902587</v>
      </c>
      <c r="O2139" s="58">
        <f>IF(Input!$K$13=2,J2139*Input!$J$13,0)+IF(Input!$K$14=2,K2139*Input!$J$14,0)+IF(Input!$K$15=2,L2139*Input!$J$15,0)+IF(Input!$K$16=2,M2139*Input!$J$16,0)</f>
        <v>8.4497747703751819E-2</v>
      </c>
      <c r="P2139" s="58">
        <f>IF(Input!$K$13=3,J2139*Input!$J$13,0)+IF(Input!$K$14=3,K2139*Input!$J$14,0)+IF(Input!$K$15=3,L2139*Input!$J$15,0)+IF(Input!$K$16=3,M2139*Input!$J$16,0)</f>
        <v>0</v>
      </c>
      <c r="Q2139" s="71">
        <f>IF(Input!$K$13=4,J2139*Input!$J$13,0)+IF(Input!$K$14=4,K2139*Input!$J$14,0)+IF(Input!$K$15=4,L2139*Input!$J$15,0)+IF(Input!$K$16=4,M2139*Input!$J$16,0)</f>
        <v>0</v>
      </c>
    </row>
    <row r="2140" spans="8:17" x14ac:dyDescent="0.25">
      <c r="H2140" s="43">
        <v>2133</v>
      </c>
      <c r="I2140" s="55">
        <f>Bühler!I2166</f>
        <v>1.9310907597292524</v>
      </c>
      <c r="J2140" s="58">
        <f>Bühler!J2166</f>
        <v>12.310373324188225</v>
      </c>
      <c r="K2140" s="58">
        <f>Bühler!K2166</f>
        <v>0.62590924225001343</v>
      </c>
      <c r="L2140" s="58">
        <f>Bühler!L2166</f>
        <v>0.31295462112500672</v>
      </c>
      <c r="M2140" s="57">
        <f>Bühler!M2166</f>
        <v>0</v>
      </c>
      <c r="N2140" s="55">
        <f>IF(Input!$K$13=1,J2140*Input!$J$13,0)+IF(Input!$K$14=1,K2140*Input!$J$14,0)+IF(Input!$K$15=1,L2140*Input!$J$15,0)+IF(Input!$K$16=1,M2140*Input!$J$16,0)</f>
        <v>1.477244798902587</v>
      </c>
      <c r="O2140" s="58">
        <f>IF(Input!$K$13=2,J2140*Input!$J$13,0)+IF(Input!$K$14=2,K2140*Input!$J$14,0)+IF(Input!$K$15=2,L2140*Input!$J$15,0)+IF(Input!$K$16=2,M2140*Input!$J$16,0)</f>
        <v>8.4497747703751819E-2</v>
      </c>
      <c r="P2140" s="58">
        <f>IF(Input!$K$13=3,J2140*Input!$J$13,0)+IF(Input!$K$14=3,K2140*Input!$J$14,0)+IF(Input!$K$15=3,L2140*Input!$J$15,0)+IF(Input!$K$16=3,M2140*Input!$J$16,0)</f>
        <v>0</v>
      </c>
      <c r="Q2140" s="71">
        <f>IF(Input!$K$13=4,J2140*Input!$J$13,0)+IF(Input!$K$14=4,K2140*Input!$J$14,0)+IF(Input!$K$15=4,L2140*Input!$J$15,0)+IF(Input!$K$16=4,M2140*Input!$J$16,0)</f>
        <v>0</v>
      </c>
    </row>
    <row r="2141" spans="8:17" x14ac:dyDescent="0.25">
      <c r="H2141" s="43">
        <v>2134</v>
      </c>
      <c r="I2141" s="55">
        <f>Bühler!I2167</f>
        <v>1.9310907597292524</v>
      </c>
      <c r="J2141" s="58">
        <f>Bühler!J2167</f>
        <v>12.310373324188225</v>
      </c>
      <c r="K2141" s="58">
        <f>Bühler!K2167</f>
        <v>0.62590924225001343</v>
      </c>
      <c r="L2141" s="58">
        <f>Bühler!L2167</f>
        <v>0.31295462112500672</v>
      </c>
      <c r="M2141" s="57">
        <f>Bühler!M2167</f>
        <v>0</v>
      </c>
      <c r="N2141" s="55">
        <f>IF(Input!$K$13=1,J2141*Input!$J$13,0)+IF(Input!$K$14=1,K2141*Input!$J$14,0)+IF(Input!$K$15=1,L2141*Input!$J$15,0)+IF(Input!$K$16=1,M2141*Input!$J$16,0)</f>
        <v>1.477244798902587</v>
      </c>
      <c r="O2141" s="58">
        <f>IF(Input!$K$13=2,J2141*Input!$J$13,0)+IF(Input!$K$14=2,K2141*Input!$J$14,0)+IF(Input!$K$15=2,L2141*Input!$J$15,0)+IF(Input!$K$16=2,M2141*Input!$J$16,0)</f>
        <v>8.4497747703751819E-2</v>
      </c>
      <c r="P2141" s="58">
        <f>IF(Input!$K$13=3,J2141*Input!$J$13,0)+IF(Input!$K$14=3,K2141*Input!$J$14,0)+IF(Input!$K$15=3,L2141*Input!$J$15,0)+IF(Input!$K$16=3,M2141*Input!$J$16,0)</f>
        <v>0</v>
      </c>
      <c r="Q2141" s="71">
        <f>IF(Input!$K$13=4,J2141*Input!$J$13,0)+IF(Input!$K$14=4,K2141*Input!$J$14,0)+IF(Input!$K$15=4,L2141*Input!$J$15,0)+IF(Input!$K$16=4,M2141*Input!$J$16,0)</f>
        <v>0</v>
      </c>
    </row>
    <row r="2142" spans="8:17" x14ac:dyDescent="0.25">
      <c r="H2142" s="43">
        <v>2135</v>
      </c>
      <c r="I2142" s="55">
        <f>Bühler!I2168</f>
        <v>1.9310907597292524</v>
      </c>
      <c r="J2142" s="58">
        <f>Bühler!J2168</f>
        <v>12.310373324188225</v>
      </c>
      <c r="K2142" s="58">
        <f>Bühler!K2168</f>
        <v>0.62590924225001343</v>
      </c>
      <c r="L2142" s="58">
        <f>Bühler!L2168</f>
        <v>0.31295462112500672</v>
      </c>
      <c r="M2142" s="57">
        <f>Bühler!M2168</f>
        <v>0</v>
      </c>
      <c r="N2142" s="55">
        <f>IF(Input!$K$13=1,J2142*Input!$J$13,0)+IF(Input!$K$14=1,K2142*Input!$J$14,0)+IF(Input!$K$15=1,L2142*Input!$J$15,0)+IF(Input!$K$16=1,M2142*Input!$J$16,0)</f>
        <v>1.477244798902587</v>
      </c>
      <c r="O2142" s="58">
        <f>IF(Input!$K$13=2,J2142*Input!$J$13,0)+IF(Input!$K$14=2,K2142*Input!$J$14,0)+IF(Input!$K$15=2,L2142*Input!$J$15,0)+IF(Input!$K$16=2,M2142*Input!$J$16,0)</f>
        <v>8.4497747703751819E-2</v>
      </c>
      <c r="P2142" s="58">
        <f>IF(Input!$K$13=3,J2142*Input!$J$13,0)+IF(Input!$K$14=3,K2142*Input!$J$14,0)+IF(Input!$K$15=3,L2142*Input!$J$15,0)+IF(Input!$K$16=3,M2142*Input!$J$16,0)</f>
        <v>0</v>
      </c>
      <c r="Q2142" s="71">
        <f>IF(Input!$K$13=4,J2142*Input!$J$13,0)+IF(Input!$K$14=4,K2142*Input!$J$14,0)+IF(Input!$K$15=4,L2142*Input!$J$15,0)+IF(Input!$K$16=4,M2142*Input!$J$16,0)</f>
        <v>0</v>
      </c>
    </row>
    <row r="2143" spans="8:17" x14ac:dyDescent="0.25">
      <c r="H2143" s="43">
        <v>2136</v>
      </c>
      <c r="I2143" s="55">
        <f>Bühler!I2169</f>
        <v>1.9310907597292524</v>
      </c>
      <c r="J2143" s="58">
        <f>Bühler!J2169</f>
        <v>12.310373324188225</v>
      </c>
      <c r="K2143" s="58">
        <f>Bühler!K2169</f>
        <v>0.62590924225001343</v>
      </c>
      <c r="L2143" s="58">
        <f>Bühler!L2169</f>
        <v>0.31295462112500672</v>
      </c>
      <c r="M2143" s="57">
        <f>Bühler!M2169</f>
        <v>0</v>
      </c>
      <c r="N2143" s="55">
        <f>IF(Input!$K$13=1,J2143*Input!$J$13,0)+IF(Input!$K$14=1,K2143*Input!$J$14,0)+IF(Input!$K$15=1,L2143*Input!$J$15,0)+IF(Input!$K$16=1,M2143*Input!$J$16,0)</f>
        <v>1.477244798902587</v>
      </c>
      <c r="O2143" s="58">
        <f>IF(Input!$K$13=2,J2143*Input!$J$13,0)+IF(Input!$K$14=2,K2143*Input!$J$14,0)+IF(Input!$K$15=2,L2143*Input!$J$15,0)+IF(Input!$K$16=2,M2143*Input!$J$16,0)</f>
        <v>8.4497747703751819E-2</v>
      </c>
      <c r="P2143" s="58">
        <f>IF(Input!$K$13=3,J2143*Input!$J$13,0)+IF(Input!$K$14=3,K2143*Input!$J$14,0)+IF(Input!$K$15=3,L2143*Input!$J$15,0)+IF(Input!$K$16=3,M2143*Input!$J$16,0)</f>
        <v>0</v>
      </c>
      <c r="Q2143" s="71">
        <f>IF(Input!$K$13=4,J2143*Input!$J$13,0)+IF(Input!$K$14=4,K2143*Input!$J$14,0)+IF(Input!$K$15=4,L2143*Input!$J$15,0)+IF(Input!$K$16=4,M2143*Input!$J$16,0)</f>
        <v>0</v>
      </c>
    </row>
    <row r="2144" spans="8:17" x14ac:dyDescent="0.25">
      <c r="H2144" s="43">
        <v>2137</v>
      </c>
      <c r="I2144" s="55">
        <f>Bühler!I2170</f>
        <v>0.50605152524568298</v>
      </c>
      <c r="J2144" s="58">
        <f>Bühler!J2170</f>
        <v>13.591734545887654</v>
      </c>
      <c r="K2144" s="58">
        <f>Bühler!K2170</f>
        <v>0.92663765092003436</v>
      </c>
      <c r="L2144" s="58">
        <f>Bühler!L2170</f>
        <v>0.46331882546001718</v>
      </c>
      <c r="M2144" s="57">
        <f>Bühler!M2170</f>
        <v>0</v>
      </c>
      <c r="N2144" s="55">
        <f>IF(Input!$K$13=1,J2144*Input!$J$13,0)+IF(Input!$K$14=1,K2144*Input!$J$14,0)+IF(Input!$K$15=1,L2144*Input!$J$15,0)+IF(Input!$K$16=1,M2144*Input!$J$16,0)</f>
        <v>1.6310081455065184</v>
      </c>
      <c r="O2144" s="58">
        <f>IF(Input!$K$13=2,J2144*Input!$J$13,0)+IF(Input!$K$14=2,K2144*Input!$J$14,0)+IF(Input!$K$15=2,L2144*Input!$J$15,0)+IF(Input!$K$16=2,M2144*Input!$J$16,0)</f>
        <v>0.12509608287420465</v>
      </c>
      <c r="P2144" s="58">
        <f>IF(Input!$K$13=3,J2144*Input!$J$13,0)+IF(Input!$K$14=3,K2144*Input!$J$14,0)+IF(Input!$K$15=3,L2144*Input!$J$15,0)+IF(Input!$K$16=3,M2144*Input!$J$16,0)</f>
        <v>0</v>
      </c>
      <c r="Q2144" s="71">
        <f>IF(Input!$K$13=4,J2144*Input!$J$13,0)+IF(Input!$K$14=4,K2144*Input!$J$14,0)+IF(Input!$K$15=4,L2144*Input!$J$15,0)+IF(Input!$K$16=4,M2144*Input!$J$16,0)</f>
        <v>0</v>
      </c>
    </row>
    <row r="2145" spans="8:17" x14ac:dyDescent="0.25">
      <c r="H2145" s="43">
        <v>2138</v>
      </c>
      <c r="I2145" s="55">
        <f>Bühler!I2171</f>
        <v>0.50605152524568298</v>
      </c>
      <c r="J2145" s="58">
        <f>Bühler!J2171</f>
        <v>8.4533813100493873</v>
      </c>
      <c r="K2145" s="58">
        <f>Bühler!K2171</f>
        <v>0.5615985763151724</v>
      </c>
      <c r="L2145" s="58">
        <f>Bühler!L2171</f>
        <v>0.2807992881575862</v>
      </c>
      <c r="M2145" s="57">
        <f>Bühler!M2171</f>
        <v>0</v>
      </c>
      <c r="N2145" s="55">
        <f>IF(Input!$K$13=1,J2145*Input!$J$13,0)+IF(Input!$K$14=1,K2145*Input!$J$14,0)+IF(Input!$K$15=1,L2145*Input!$J$15,0)+IF(Input!$K$16=1,M2145*Input!$J$16,0)</f>
        <v>1.0144057572059264</v>
      </c>
      <c r="O2145" s="58">
        <f>IF(Input!$K$13=2,J2145*Input!$J$13,0)+IF(Input!$K$14=2,K2145*Input!$J$14,0)+IF(Input!$K$15=2,L2145*Input!$J$15,0)+IF(Input!$K$16=2,M2145*Input!$J$16,0)</f>
        <v>7.5815807802548263E-2</v>
      </c>
      <c r="P2145" s="58">
        <f>IF(Input!$K$13=3,J2145*Input!$J$13,0)+IF(Input!$K$14=3,K2145*Input!$J$14,0)+IF(Input!$K$15=3,L2145*Input!$J$15,0)+IF(Input!$K$16=3,M2145*Input!$J$16,0)</f>
        <v>0</v>
      </c>
      <c r="Q2145" s="71">
        <f>IF(Input!$K$13=4,J2145*Input!$J$13,0)+IF(Input!$K$14=4,K2145*Input!$J$14,0)+IF(Input!$K$15=4,L2145*Input!$J$15,0)+IF(Input!$K$16=4,M2145*Input!$J$16,0)</f>
        <v>0</v>
      </c>
    </row>
    <row r="2146" spans="8:17" x14ac:dyDescent="0.25">
      <c r="H2146" s="43">
        <v>2139</v>
      </c>
      <c r="I2146" s="55">
        <f>Bühler!I2172</f>
        <v>0.50605152524568298</v>
      </c>
      <c r="J2146" s="58">
        <f>Bühler!J2172</f>
        <v>8.4533813100493873</v>
      </c>
      <c r="K2146" s="58">
        <f>Bühler!K2172</f>
        <v>0.5615985763151724</v>
      </c>
      <c r="L2146" s="58">
        <f>Bühler!L2172</f>
        <v>0.2807992881575862</v>
      </c>
      <c r="M2146" s="57">
        <f>Bühler!M2172</f>
        <v>0</v>
      </c>
      <c r="N2146" s="55">
        <f>IF(Input!$K$13=1,J2146*Input!$J$13,0)+IF(Input!$K$14=1,K2146*Input!$J$14,0)+IF(Input!$K$15=1,L2146*Input!$J$15,0)+IF(Input!$K$16=1,M2146*Input!$J$16,0)</f>
        <v>1.0144057572059264</v>
      </c>
      <c r="O2146" s="58">
        <f>IF(Input!$K$13=2,J2146*Input!$J$13,0)+IF(Input!$K$14=2,K2146*Input!$J$14,0)+IF(Input!$K$15=2,L2146*Input!$J$15,0)+IF(Input!$K$16=2,M2146*Input!$J$16,0)</f>
        <v>7.5815807802548263E-2</v>
      </c>
      <c r="P2146" s="58">
        <f>IF(Input!$K$13=3,J2146*Input!$J$13,0)+IF(Input!$K$14=3,K2146*Input!$J$14,0)+IF(Input!$K$15=3,L2146*Input!$J$15,0)+IF(Input!$K$16=3,M2146*Input!$J$16,0)</f>
        <v>0</v>
      </c>
      <c r="Q2146" s="71">
        <f>IF(Input!$K$13=4,J2146*Input!$J$13,0)+IF(Input!$K$14=4,K2146*Input!$J$14,0)+IF(Input!$K$15=4,L2146*Input!$J$15,0)+IF(Input!$K$16=4,M2146*Input!$J$16,0)</f>
        <v>0</v>
      </c>
    </row>
    <row r="2147" spans="8:17" x14ac:dyDescent="0.25">
      <c r="H2147" s="43">
        <v>2140</v>
      </c>
      <c r="I2147" s="55">
        <f>Bühler!I2173</f>
        <v>0.50605152524568298</v>
      </c>
      <c r="J2147" s="58">
        <f>Bühler!J2173</f>
        <v>8.4533813100493873</v>
      </c>
      <c r="K2147" s="58">
        <f>Bühler!K2173</f>
        <v>0.5615985763151724</v>
      </c>
      <c r="L2147" s="58">
        <f>Bühler!L2173</f>
        <v>0.2807992881575862</v>
      </c>
      <c r="M2147" s="57">
        <f>Bühler!M2173</f>
        <v>0</v>
      </c>
      <c r="N2147" s="55">
        <f>IF(Input!$K$13=1,J2147*Input!$J$13,0)+IF(Input!$K$14=1,K2147*Input!$J$14,0)+IF(Input!$K$15=1,L2147*Input!$J$15,0)+IF(Input!$K$16=1,M2147*Input!$J$16,0)</f>
        <v>1.0144057572059264</v>
      </c>
      <c r="O2147" s="58">
        <f>IF(Input!$K$13=2,J2147*Input!$J$13,0)+IF(Input!$K$14=2,K2147*Input!$J$14,0)+IF(Input!$K$15=2,L2147*Input!$J$15,0)+IF(Input!$K$16=2,M2147*Input!$J$16,0)</f>
        <v>7.5815807802548263E-2</v>
      </c>
      <c r="P2147" s="58">
        <f>IF(Input!$K$13=3,J2147*Input!$J$13,0)+IF(Input!$K$14=3,K2147*Input!$J$14,0)+IF(Input!$K$15=3,L2147*Input!$J$15,0)+IF(Input!$K$16=3,M2147*Input!$J$16,0)</f>
        <v>0</v>
      </c>
      <c r="Q2147" s="71">
        <f>IF(Input!$K$13=4,J2147*Input!$J$13,0)+IF(Input!$K$14=4,K2147*Input!$J$14,0)+IF(Input!$K$15=4,L2147*Input!$J$15,0)+IF(Input!$K$16=4,M2147*Input!$J$16,0)</f>
        <v>0</v>
      </c>
    </row>
    <row r="2148" spans="8:17" x14ac:dyDescent="0.25">
      <c r="H2148" s="43">
        <v>2141</v>
      </c>
      <c r="I2148" s="55">
        <f>Bühler!I2174</f>
        <v>0.50605152524568298</v>
      </c>
      <c r="J2148" s="58">
        <f>Bühler!J2174</f>
        <v>8.4533813100493873</v>
      </c>
      <c r="K2148" s="58">
        <f>Bühler!K2174</f>
        <v>0.5615985763151724</v>
      </c>
      <c r="L2148" s="58">
        <f>Bühler!L2174</f>
        <v>0.2807992881575862</v>
      </c>
      <c r="M2148" s="57">
        <f>Bühler!M2174</f>
        <v>0</v>
      </c>
      <c r="N2148" s="55">
        <f>IF(Input!$K$13=1,J2148*Input!$J$13,0)+IF(Input!$K$14=1,K2148*Input!$J$14,0)+IF(Input!$K$15=1,L2148*Input!$J$15,0)+IF(Input!$K$16=1,M2148*Input!$J$16,0)</f>
        <v>1.0144057572059264</v>
      </c>
      <c r="O2148" s="58">
        <f>IF(Input!$K$13=2,J2148*Input!$J$13,0)+IF(Input!$K$14=2,K2148*Input!$J$14,0)+IF(Input!$K$15=2,L2148*Input!$J$15,0)+IF(Input!$K$16=2,M2148*Input!$J$16,0)</f>
        <v>7.5815807802548263E-2</v>
      </c>
      <c r="P2148" s="58">
        <f>IF(Input!$K$13=3,J2148*Input!$J$13,0)+IF(Input!$K$14=3,K2148*Input!$J$14,0)+IF(Input!$K$15=3,L2148*Input!$J$15,0)+IF(Input!$K$16=3,M2148*Input!$J$16,0)</f>
        <v>0</v>
      </c>
      <c r="Q2148" s="71">
        <f>IF(Input!$K$13=4,J2148*Input!$J$13,0)+IF(Input!$K$14=4,K2148*Input!$J$14,0)+IF(Input!$K$15=4,L2148*Input!$J$15,0)+IF(Input!$K$16=4,M2148*Input!$J$16,0)</f>
        <v>0</v>
      </c>
    </row>
    <row r="2149" spans="8:17" x14ac:dyDescent="0.25">
      <c r="H2149" s="43">
        <v>2142</v>
      </c>
      <c r="I2149" s="55">
        <f>Bühler!I2175</f>
        <v>0.50605152524568298</v>
      </c>
      <c r="J2149" s="58">
        <f>Bühler!J2175</f>
        <v>8.4533813100493873</v>
      </c>
      <c r="K2149" s="58">
        <f>Bühler!K2175</f>
        <v>0.5615985763151724</v>
      </c>
      <c r="L2149" s="58">
        <f>Bühler!L2175</f>
        <v>0.2807992881575862</v>
      </c>
      <c r="M2149" s="57">
        <f>Bühler!M2175</f>
        <v>0</v>
      </c>
      <c r="N2149" s="55">
        <f>IF(Input!$K$13=1,J2149*Input!$J$13,0)+IF(Input!$K$14=1,K2149*Input!$J$14,0)+IF(Input!$K$15=1,L2149*Input!$J$15,0)+IF(Input!$K$16=1,M2149*Input!$J$16,0)</f>
        <v>1.0144057572059264</v>
      </c>
      <c r="O2149" s="58">
        <f>IF(Input!$K$13=2,J2149*Input!$J$13,0)+IF(Input!$K$14=2,K2149*Input!$J$14,0)+IF(Input!$K$15=2,L2149*Input!$J$15,0)+IF(Input!$K$16=2,M2149*Input!$J$16,0)</f>
        <v>7.5815807802548263E-2</v>
      </c>
      <c r="P2149" s="58">
        <f>IF(Input!$K$13=3,J2149*Input!$J$13,0)+IF(Input!$K$14=3,K2149*Input!$J$14,0)+IF(Input!$K$15=3,L2149*Input!$J$15,0)+IF(Input!$K$16=3,M2149*Input!$J$16,0)</f>
        <v>0</v>
      </c>
      <c r="Q2149" s="71">
        <f>IF(Input!$K$13=4,J2149*Input!$J$13,0)+IF(Input!$K$14=4,K2149*Input!$J$14,0)+IF(Input!$K$15=4,L2149*Input!$J$15,0)+IF(Input!$K$16=4,M2149*Input!$J$16,0)</f>
        <v>0</v>
      </c>
    </row>
    <row r="2150" spans="8:17" x14ac:dyDescent="0.25">
      <c r="H2150" s="43">
        <v>2143</v>
      </c>
      <c r="I2150" s="55">
        <f>Bühler!I2176</f>
        <v>0.50605152524568298</v>
      </c>
      <c r="J2150" s="58">
        <f>Bühler!J2176</f>
        <v>8.4533813100493873</v>
      </c>
      <c r="K2150" s="58">
        <f>Bühler!K2176</f>
        <v>0.5615985763151724</v>
      </c>
      <c r="L2150" s="58">
        <f>Bühler!L2176</f>
        <v>0.2807992881575862</v>
      </c>
      <c r="M2150" s="57">
        <f>Bühler!M2176</f>
        <v>0</v>
      </c>
      <c r="N2150" s="55">
        <f>IF(Input!$K$13=1,J2150*Input!$J$13,0)+IF(Input!$K$14=1,K2150*Input!$J$14,0)+IF(Input!$K$15=1,L2150*Input!$J$15,0)+IF(Input!$K$16=1,M2150*Input!$J$16,0)</f>
        <v>1.0144057572059264</v>
      </c>
      <c r="O2150" s="58">
        <f>IF(Input!$K$13=2,J2150*Input!$J$13,0)+IF(Input!$K$14=2,K2150*Input!$J$14,0)+IF(Input!$K$15=2,L2150*Input!$J$15,0)+IF(Input!$K$16=2,M2150*Input!$J$16,0)</f>
        <v>7.5815807802548263E-2</v>
      </c>
      <c r="P2150" s="58">
        <f>IF(Input!$K$13=3,J2150*Input!$J$13,0)+IF(Input!$K$14=3,K2150*Input!$J$14,0)+IF(Input!$K$15=3,L2150*Input!$J$15,0)+IF(Input!$K$16=3,M2150*Input!$J$16,0)</f>
        <v>0</v>
      </c>
      <c r="Q2150" s="71">
        <f>IF(Input!$K$13=4,J2150*Input!$J$13,0)+IF(Input!$K$14=4,K2150*Input!$J$14,0)+IF(Input!$K$15=4,L2150*Input!$J$15,0)+IF(Input!$K$16=4,M2150*Input!$J$16,0)</f>
        <v>0</v>
      </c>
    </row>
    <row r="2151" spans="8:17" x14ac:dyDescent="0.25">
      <c r="H2151" s="43">
        <v>2144</v>
      </c>
      <c r="I2151" s="55">
        <f>Bühler!I2177</f>
        <v>1.3712363909883023</v>
      </c>
      <c r="J2151" s="58">
        <f>Bühler!J2177</f>
        <v>35.161482682038894</v>
      </c>
      <c r="K2151" s="58">
        <f>Bühler!K2177</f>
        <v>2.3924099351026342</v>
      </c>
      <c r="L2151" s="58">
        <f>Bühler!L2177</f>
        <v>1.1962049675513171</v>
      </c>
      <c r="M2151" s="57">
        <f>Bühler!M2177</f>
        <v>0</v>
      </c>
      <c r="N2151" s="55">
        <f>IF(Input!$K$13=1,J2151*Input!$J$13,0)+IF(Input!$K$14=1,K2151*Input!$J$14,0)+IF(Input!$K$15=1,L2151*Input!$J$15,0)+IF(Input!$K$16=1,M2151*Input!$J$16,0)</f>
        <v>4.219377921844667</v>
      </c>
      <c r="O2151" s="58">
        <f>IF(Input!$K$13=2,J2151*Input!$J$13,0)+IF(Input!$K$14=2,K2151*Input!$J$14,0)+IF(Input!$K$15=2,L2151*Input!$J$15,0)+IF(Input!$K$16=2,M2151*Input!$J$16,0)</f>
        <v>0.32297534123885563</v>
      </c>
      <c r="P2151" s="58">
        <f>IF(Input!$K$13=3,J2151*Input!$J$13,0)+IF(Input!$K$14=3,K2151*Input!$J$14,0)+IF(Input!$K$15=3,L2151*Input!$J$15,0)+IF(Input!$K$16=3,M2151*Input!$J$16,0)</f>
        <v>0</v>
      </c>
      <c r="Q2151" s="71">
        <f>IF(Input!$K$13=4,J2151*Input!$J$13,0)+IF(Input!$K$14=4,K2151*Input!$J$14,0)+IF(Input!$K$15=4,L2151*Input!$J$15,0)+IF(Input!$K$16=4,M2151*Input!$J$16,0)</f>
        <v>0</v>
      </c>
    </row>
    <row r="2152" spans="8:17" x14ac:dyDescent="0.25">
      <c r="H2152" s="43">
        <v>2145</v>
      </c>
      <c r="I2152" s="55">
        <f>Bühler!I2178</f>
        <v>1.7140454887353775</v>
      </c>
      <c r="J2152" s="58">
        <f>Bühler!J2178</f>
        <v>43.951853352548618</v>
      </c>
      <c r="K2152" s="58">
        <f>Bühler!K2178</f>
        <v>2.9905124188782928</v>
      </c>
      <c r="L2152" s="58">
        <f>Bühler!L2178</f>
        <v>1.4952562094391464</v>
      </c>
      <c r="M2152" s="57">
        <f>Bühler!M2178</f>
        <v>0</v>
      </c>
      <c r="N2152" s="55">
        <f>IF(Input!$K$13=1,J2152*Input!$J$13,0)+IF(Input!$K$14=1,K2152*Input!$J$14,0)+IF(Input!$K$15=1,L2152*Input!$J$15,0)+IF(Input!$K$16=1,M2152*Input!$J$16,0)</f>
        <v>5.2742224023058339</v>
      </c>
      <c r="O2152" s="58">
        <f>IF(Input!$K$13=2,J2152*Input!$J$13,0)+IF(Input!$K$14=2,K2152*Input!$J$14,0)+IF(Input!$K$15=2,L2152*Input!$J$15,0)+IF(Input!$K$16=2,M2152*Input!$J$16,0)</f>
        <v>0.40371917654856948</v>
      </c>
      <c r="P2152" s="58">
        <f>IF(Input!$K$13=3,J2152*Input!$J$13,0)+IF(Input!$K$14=3,K2152*Input!$J$14,0)+IF(Input!$K$15=3,L2152*Input!$J$15,0)+IF(Input!$K$16=3,M2152*Input!$J$16,0)</f>
        <v>0</v>
      </c>
      <c r="Q2152" s="71">
        <f>IF(Input!$K$13=4,J2152*Input!$J$13,0)+IF(Input!$K$14=4,K2152*Input!$J$14,0)+IF(Input!$K$15=4,L2152*Input!$J$15,0)+IF(Input!$K$16=4,M2152*Input!$J$16,0)</f>
        <v>0</v>
      </c>
    </row>
    <row r="2153" spans="8:17" x14ac:dyDescent="0.25">
      <c r="H2153" s="43">
        <v>2146</v>
      </c>
      <c r="I2153" s="55">
        <f>Bühler!I2179</f>
        <v>1.8854500376089154</v>
      </c>
      <c r="J2153" s="58">
        <f>Bühler!J2179</f>
        <v>48.347038687803476</v>
      </c>
      <c r="K2153" s="58">
        <f>Bühler!K2179</f>
        <v>3.2895636607661221</v>
      </c>
      <c r="L2153" s="58">
        <f>Bühler!L2179</f>
        <v>1.644781830383061</v>
      </c>
      <c r="M2153" s="57">
        <f>Bühler!M2179</f>
        <v>0</v>
      </c>
      <c r="N2153" s="55">
        <f>IF(Input!$K$13=1,J2153*Input!$J$13,0)+IF(Input!$K$14=1,K2153*Input!$J$14,0)+IF(Input!$K$15=1,L2153*Input!$J$15,0)+IF(Input!$K$16=1,M2153*Input!$J$16,0)</f>
        <v>5.8016446425364165</v>
      </c>
      <c r="O2153" s="58">
        <f>IF(Input!$K$13=2,J2153*Input!$J$13,0)+IF(Input!$K$14=2,K2153*Input!$J$14,0)+IF(Input!$K$15=2,L2153*Input!$J$15,0)+IF(Input!$K$16=2,M2153*Input!$J$16,0)</f>
        <v>0.44409109420342646</v>
      </c>
      <c r="P2153" s="58">
        <f>IF(Input!$K$13=3,J2153*Input!$J$13,0)+IF(Input!$K$14=3,K2153*Input!$J$14,0)+IF(Input!$K$15=3,L2153*Input!$J$15,0)+IF(Input!$K$16=3,M2153*Input!$J$16,0)</f>
        <v>0</v>
      </c>
      <c r="Q2153" s="71">
        <f>IF(Input!$K$13=4,J2153*Input!$J$13,0)+IF(Input!$K$14=4,K2153*Input!$J$14,0)+IF(Input!$K$15=4,L2153*Input!$J$15,0)+IF(Input!$K$16=4,M2153*Input!$J$16,0)</f>
        <v>0</v>
      </c>
    </row>
    <row r="2154" spans="8:17" x14ac:dyDescent="0.25">
      <c r="H2154" s="43">
        <v>2147</v>
      </c>
      <c r="I2154" s="55">
        <f>Bühler!I2180</f>
        <v>1.8854500376089154</v>
      </c>
      <c r="J2154" s="58">
        <f>Bühler!J2180</f>
        <v>48.347038687803476</v>
      </c>
      <c r="K2154" s="58">
        <f>Bühler!K2180</f>
        <v>3.2895636607661221</v>
      </c>
      <c r="L2154" s="58">
        <f>Bühler!L2180</f>
        <v>1.644781830383061</v>
      </c>
      <c r="M2154" s="57">
        <f>Bühler!M2180</f>
        <v>0</v>
      </c>
      <c r="N2154" s="55">
        <f>IF(Input!$K$13=1,J2154*Input!$J$13,0)+IF(Input!$K$14=1,K2154*Input!$J$14,0)+IF(Input!$K$15=1,L2154*Input!$J$15,0)+IF(Input!$K$16=1,M2154*Input!$J$16,0)</f>
        <v>5.8016446425364165</v>
      </c>
      <c r="O2154" s="58">
        <f>IF(Input!$K$13=2,J2154*Input!$J$13,0)+IF(Input!$K$14=2,K2154*Input!$J$14,0)+IF(Input!$K$15=2,L2154*Input!$J$15,0)+IF(Input!$K$16=2,M2154*Input!$J$16,0)</f>
        <v>0.44409109420342646</v>
      </c>
      <c r="P2154" s="58">
        <f>IF(Input!$K$13=3,J2154*Input!$J$13,0)+IF(Input!$K$14=3,K2154*Input!$J$14,0)+IF(Input!$K$15=3,L2154*Input!$J$15,0)+IF(Input!$K$16=3,M2154*Input!$J$16,0)</f>
        <v>0</v>
      </c>
      <c r="Q2154" s="71">
        <f>IF(Input!$K$13=4,J2154*Input!$J$13,0)+IF(Input!$K$14=4,K2154*Input!$J$14,0)+IF(Input!$K$15=4,L2154*Input!$J$15,0)+IF(Input!$K$16=4,M2154*Input!$J$16,0)</f>
        <v>0</v>
      </c>
    </row>
    <row r="2155" spans="8:17" x14ac:dyDescent="0.25">
      <c r="H2155" s="43">
        <v>2148</v>
      </c>
      <c r="I2155" s="55">
        <f>Bühler!I2181</f>
        <v>2.2282591353559913</v>
      </c>
      <c r="J2155" s="58">
        <f>Bühler!J2181</f>
        <v>57.137409358313199</v>
      </c>
      <c r="K2155" s="58">
        <f>Bühler!K2181</f>
        <v>3.8876661445417806</v>
      </c>
      <c r="L2155" s="58">
        <f>Bühler!L2181</f>
        <v>1.9438330722708903</v>
      </c>
      <c r="M2155" s="57">
        <f>Bühler!M2181</f>
        <v>0</v>
      </c>
      <c r="N2155" s="55">
        <f>IF(Input!$K$13=1,J2155*Input!$J$13,0)+IF(Input!$K$14=1,K2155*Input!$J$14,0)+IF(Input!$K$15=1,L2155*Input!$J$15,0)+IF(Input!$K$16=1,M2155*Input!$J$16,0)</f>
        <v>6.8564891229975835</v>
      </c>
      <c r="O2155" s="58">
        <f>IF(Input!$K$13=2,J2155*Input!$J$13,0)+IF(Input!$K$14=2,K2155*Input!$J$14,0)+IF(Input!$K$15=2,L2155*Input!$J$15,0)+IF(Input!$K$16=2,M2155*Input!$J$16,0)</f>
        <v>0.52483492951314037</v>
      </c>
      <c r="P2155" s="58">
        <f>IF(Input!$K$13=3,J2155*Input!$J$13,0)+IF(Input!$K$14=3,K2155*Input!$J$14,0)+IF(Input!$K$15=3,L2155*Input!$J$15,0)+IF(Input!$K$16=3,M2155*Input!$J$16,0)</f>
        <v>0</v>
      </c>
      <c r="Q2155" s="71">
        <f>IF(Input!$K$13=4,J2155*Input!$J$13,0)+IF(Input!$K$14=4,K2155*Input!$J$14,0)+IF(Input!$K$15=4,L2155*Input!$J$15,0)+IF(Input!$K$16=4,M2155*Input!$J$16,0)</f>
        <v>0</v>
      </c>
    </row>
    <row r="2156" spans="8:17" x14ac:dyDescent="0.25">
      <c r="H2156" s="43">
        <v>2149</v>
      </c>
      <c r="I2156" s="55">
        <f>Bühler!I2182</f>
        <v>2.2282591353559913</v>
      </c>
      <c r="J2156" s="58">
        <f>Bühler!J2182</f>
        <v>57.137409358313199</v>
      </c>
      <c r="K2156" s="58">
        <f>Bühler!K2182</f>
        <v>3.8876661445417806</v>
      </c>
      <c r="L2156" s="58">
        <f>Bühler!L2182</f>
        <v>1.9438330722708903</v>
      </c>
      <c r="M2156" s="57">
        <f>Bühler!M2182</f>
        <v>0</v>
      </c>
      <c r="N2156" s="55">
        <f>IF(Input!$K$13=1,J2156*Input!$J$13,0)+IF(Input!$K$14=1,K2156*Input!$J$14,0)+IF(Input!$K$15=1,L2156*Input!$J$15,0)+IF(Input!$K$16=1,M2156*Input!$J$16,0)</f>
        <v>6.8564891229975835</v>
      </c>
      <c r="O2156" s="58">
        <f>IF(Input!$K$13=2,J2156*Input!$J$13,0)+IF(Input!$K$14=2,K2156*Input!$J$14,0)+IF(Input!$K$15=2,L2156*Input!$J$15,0)+IF(Input!$K$16=2,M2156*Input!$J$16,0)</f>
        <v>0.52483492951314037</v>
      </c>
      <c r="P2156" s="58">
        <f>IF(Input!$K$13=3,J2156*Input!$J$13,0)+IF(Input!$K$14=3,K2156*Input!$J$14,0)+IF(Input!$K$15=3,L2156*Input!$J$15,0)+IF(Input!$K$16=3,M2156*Input!$J$16,0)</f>
        <v>0</v>
      </c>
      <c r="Q2156" s="71">
        <f>IF(Input!$K$13=4,J2156*Input!$J$13,0)+IF(Input!$K$14=4,K2156*Input!$J$14,0)+IF(Input!$K$15=4,L2156*Input!$J$15,0)+IF(Input!$K$16=4,M2156*Input!$J$16,0)</f>
        <v>0</v>
      </c>
    </row>
    <row r="2157" spans="8:17" x14ac:dyDescent="0.25">
      <c r="H2157" s="43">
        <v>2150</v>
      </c>
      <c r="I2157" s="55">
        <f>Bühler!I2183</f>
        <v>1.5426409398618399</v>
      </c>
      <c r="J2157" s="58">
        <f>Bühler!J2183</f>
        <v>39.556668017293752</v>
      </c>
      <c r="K2157" s="58">
        <f>Bühler!K2183</f>
        <v>2.6914611769904635</v>
      </c>
      <c r="L2157" s="58">
        <f>Bühler!L2183</f>
        <v>1.3457305884952317</v>
      </c>
      <c r="M2157" s="57">
        <f>Bühler!M2183</f>
        <v>0</v>
      </c>
      <c r="N2157" s="55">
        <f>IF(Input!$K$13=1,J2157*Input!$J$13,0)+IF(Input!$K$14=1,K2157*Input!$J$14,0)+IF(Input!$K$15=1,L2157*Input!$J$15,0)+IF(Input!$K$16=1,M2157*Input!$J$16,0)</f>
        <v>4.7468001620752505</v>
      </c>
      <c r="O2157" s="58">
        <f>IF(Input!$K$13=2,J2157*Input!$J$13,0)+IF(Input!$K$14=2,K2157*Input!$J$14,0)+IF(Input!$K$15=2,L2157*Input!$J$15,0)+IF(Input!$K$16=2,M2157*Input!$J$16,0)</f>
        <v>0.36334725889371255</v>
      </c>
      <c r="P2157" s="58">
        <f>IF(Input!$K$13=3,J2157*Input!$J$13,0)+IF(Input!$K$14=3,K2157*Input!$J$14,0)+IF(Input!$K$15=3,L2157*Input!$J$15,0)+IF(Input!$K$16=3,M2157*Input!$J$16,0)</f>
        <v>0</v>
      </c>
      <c r="Q2157" s="71">
        <f>IF(Input!$K$13=4,J2157*Input!$J$13,0)+IF(Input!$K$14=4,K2157*Input!$J$14,0)+IF(Input!$K$15=4,L2157*Input!$J$15,0)+IF(Input!$K$16=4,M2157*Input!$J$16,0)</f>
        <v>0</v>
      </c>
    </row>
    <row r="2158" spans="8:17" x14ac:dyDescent="0.25">
      <c r="H2158" s="43">
        <v>2151</v>
      </c>
      <c r="I2158" s="55">
        <f>Bühler!I2184</f>
        <v>2.2282591353559913</v>
      </c>
      <c r="J2158" s="58">
        <f>Bühler!J2184</f>
        <v>57.137409358313199</v>
      </c>
      <c r="K2158" s="58">
        <f>Bühler!K2184</f>
        <v>3.8876661445417806</v>
      </c>
      <c r="L2158" s="58">
        <f>Bühler!L2184</f>
        <v>1.9438330722708903</v>
      </c>
      <c r="M2158" s="57">
        <f>Bühler!M2184</f>
        <v>0</v>
      </c>
      <c r="N2158" s="55">
        <f>IF(Input!$K$13=1,J2158*Input!$J$13,0)+IF(Input!$K$14=1,K2158*Input!$J$14,0)+IF(Input!$K$15=1,L2158*Input!$J$15,0)+IF(Input!$K$16=1,M2158*Input!$J$16,0)</f>
        <v>6.8564891229975835</v>
      </c>
      <c r="O2158" s="58">
        <f>IF(Input!$K$13=2,J2158*Input!$J$13,0)+IF(Input!$K$14=2,K2158*Input!$J$14,0)+IF(Input!$K$15=2,L2158*Input!$J$15,0)+IF(Input!$K$16=2,M2158*Input!$J$16,0)</f>
        <v>0.52483492951314037</v>
      </c>
      <c r="P2158" s="58">
        <f>IF(Input!$K$13=3,J2158*Input!$J$13,0)+IF(Input!$K$14=3,K2158*Input!$J$14,0)+IF(Input!$K$15=3,L2158*Input!$J$15,0)+IF(Input!$K$16=3,M2158*Input!$J$16,0)</f>
        <v>0</v>
      </c>
      <c r="Q2158" s="71">
        <f>IF(Input!$K$13=4,J2158*Input!$J$13,0)+IF(Input!$K$14=4,K2158*Input!$J$14,0)+IF(Input!$K$15=4,L2158*Input!$J$15,0)+IF(Input!$K$16=4,M2158*Input!$J$16,0)</f>
        <v>0</v>
      </c>
    </row>
    <row r="2159" spans="8:17" x14ac:dyDescent="0.25">
      <c r="H2159" s="43">
        <v>2152</v>
      </c>
      <c r="I2159" s="55">
        <f>Bühler!I2185</f>
        <v>1.8854500376089154</v>
      </c>
      <c r="J2159" s="58">
        <f>Bühler!J2185</f>
        <v>44.137541613828283</v>
      </c>
      <c r="K2159" s="58">
        <f>Bühler!K2185</f>
        <v>2.9905124188782928</v>
      </c>
      <c r="L2159" s="58">
        <f>Bühler!L2185</f>
        <v>1.4952562094391464</v>
      </c>
      <c r="M2159" s="57">
        <f>Bühler!M2185</f>
        <v>0</v>
      </c>
      <c r="N2159" s="55">
        <f>IF(Input!$K$13=1,J2159*Input!$J$13,0)+IF(Input!$K$14=1,K2159*Input!$J$14,0)+IF(Input!$K$15=1,L2159*Input!$J$15,0)+IF(Input!$K$16=1,M2159*Input!$J$16,0)</f>
        <v>5.2965049936593935</v>
      </c>
      <c r="O2159" s="58">
        <f>IF(Input!$K$13=2,J2159*Input!$J$13,0)+IF(Input!$K$14=2,K2159*Input!$J$14,0)+IF(Input!$K$15=2,L2159*Input!$J$15,0)+IF(Input!$K$16=2,M2159*Input!$J$16,0)</f>
        <v>0.40371917654856948</v>
      </c>
      <c r="P2159" s="58">
        <f>IF(Input!$K$13=3,J2159*Input!$J$13,0)+IF(Input!$K$14=3,K2159*Input!$J$14,0)+IF(Input!$K$15=3,L2159*Input!$J$15,0)+IF(Input!$K$16=3,M2159*Input!$J$16,0)</f>
        <v>0</v>
      </c>
      <c r="Q2159" s="71">
        <f>IF(Input!$K$13=4,J2159*Input!$J$13,0)+IF(Input!$K$14=4,K2159*Input!$J$14,0)+IF(Input!$K$15=4,L2159*Input!$J$15,0)+IF(Input!$K$16=4,M2159*Input!$J$16,0)</f>
        <v>0</v>
      </c>
    </row>
    <row r="2160" spans="8:17" x14ac:dyDescent="0.25">
      <c r="H2160" s="43">
        <v>2153</v>
      </c>
      <c r="I2160" s="55">
        <f>Bühler!I2186</f>
        <v>1.6324242749860742</v>
      </c>
      <c r="J2160" s="58">
        <f>Bühler!J2186</f>
        <v>21.531356692151324</v>
      </c>
      <c r="K2160" s="58">
        <f>Bühler!K2186</f>
        <v>1.4039964407879311</v>
      </c>
      <c r="L2160" s="58">
        <f>Bühler!L2186</f>
        <v>0.70199822039396553</v>
      </c>
      <c r="M2160" s="57">
        <f>Bühler!M2186</f>
        <v>0</v>
      </c>
      <c r="N2160" s="55">
        <f>IF(Input!$K$13=1,J2160*Input!$J$13,0)+IF(Input!$K$14=1,K2160*Input!$J$14,0)+IF(Input!$K$15=1,L2160*Input!$J$15,0)+IF(Input!$K$16=1,M2160*Input!$J$16,0)</f>
        <v>2.5837628030581588</v>
      </c>
      <c r="O2160" s="58">
        <f>IF(Input!$K$13=2,J2160*Input!$J$13,0)+IF(Input!$K$14=2,K2160*Input!$J$14,0)+IF(Input!$K$15=2,L2160*Input!$J$15,0)+IF(Input!$K$16=2,M2160*Input!$J$16,0)</f>
        <v>0.18953951950637071</v>
      </c>
      <c r="P2160" s="58">
        <f>IF(Input!$K$13=3,J2160*Input!$J$13,0)+IF(Input!$K$14=3,K2160*Input!$J$14,0)+IF(Input!$K$15=3,L2160*Input!$J$15,0)+IF(Input!$K$16=3,M2160*Input!$J$16,0)</f>
        <v>0</v>
      </c>
      <c r="Q2160" s="71">
        <f>IF(Input!$K$13=4,J2160*Input!$J$13,0)+IF(Input!$K$14=4,K2160*Input!$J$14,0)+IF(Input!$K$15=4,L2160*Input!$J$15,0)+IF(Input!$K$16=4,M2160*Input!$J$16,0)</f>
        <v>0</v>
      </c>
    </row>
    <row r="2161" spans="8:17" x14ac:dyDescent="0.25">
      <c r="H2161" s="43">
        <v>2154</v>
      </c>
      <c r="I2161" s="55">
        <f>Bühler!I2187</f>
        <v>1.3712363909883023</v>
      </c>
      <c r="J2161" s="58">
        <f>Bühler!J2187</f>
        <v>14.529018150442159</v>
      </c>
      <c r="K2161" s="58">
        <f>Bühler!K2187</f>
        <v>0.92663765092003436</v>
      </c>
      <c r="L2161" s="58">
        <f>Bühler!L2187</f>
        <v>0.46331882546001718</v>
      </c>
      <c r="M2161" s="57">
        <f>Bühler!M2187</f>
        <v>0</v>
      </c>
      <c r="N2161" s="55">
        <f>IF(Input!$K$13=1,J2161*Input!$J$13,0)+IF(Input!$K$14=1,K2161*Input!$J$14,0)+IF(Input!$K$15=1,L2161*Input!$J$15,0)+IF(Input!$K$16=1,M2161*Input!$J$16,0)</f>
        <v>1.7434821780530589</v>
      </c>
      <c r="O2161" s="58">
        <f>IF(Input!$K$13=2,J2161*Input!$J$13,0)+IF(Input!$K$14=2,K2161*Input!$J$14,0)+IF(Input!$K$15=2,L2161*Input!$J$15,0)+IF(Input!$K$16=2,M2161*Input!$J$16,0)</f>
        <v>0.12509608287420465</v>
      </c>
      <c r="P2161" s="58">
        <f>IF(Input!$K$13=3,J2161*Input!$J$13,0)+IF(Input!$K$14=3,K2161*Input!$J$14,0)+IF(Input!$K$15=3,L2161*Input!$J$15,0)+IF(Input!$K$16=3,M2161*Input!$J$16,0)</f>
        <v>0</v>
      </c>
      <c r="Q2161" s="71">
        <f>IF(Input!$K$13=4,J2161*Input!$J$13,0)+IF(Input!$K$14=4,K2161*Input!$J$14,0)+IF(Input!$K$15=4,L2161*Input!$J$15,0)+IF(Input!$K$16=4,M2161*Input!$J$16,0)</f>
        <v>0</v>
      </c>
    </row>
    <row r="2162" spans="8:17" x14ac:dyDescent="0.25">
      <c r="H2162" s="43">
        <v>2155</v>
      </c>
      <c r="I2162" s="55">
        <f>Bühler!I2188</f>
        <v>0.50605152524568298</v>
      </c>
      <c r="J2162" s="58">
        <f>Bühler!J2188</f>
        <v>8.8486392512677163</v>
      </c>
      <c r="K2162" s="58">
        <f>Bühler!K2188</f>
        <v>0.58967850513093101</v>
      </c>
      <c r="L2162" s="58">
        <f>Bühler!L2188</f>
        <v>0.2948392525654655</v>
      </c>
      <c r="M2162" s="57">
        <f>Bühler!M2188</f>
        <v>0</v>
      </c>
      <c r="N2162" s="55">
        <f>IF(Input!$K$13=1,J2162*Input!$J$13,0)+IF(Input!$K$14=1,K2162*Input!$J$14,0)+IF(Input!$K$15=1,L2162*Input!$J$15,0)+IF(Input!$K$16=1,M2162*Input!$J$16,0)</f>
        <v>1.061836710152126</v>
      </c>
      <c r="O2162" s="58">
        <f>IF(Input!$K$13=2,J2162*Input!$J$13,0)+IF(Input!$K$14=2,K2162*Input!$J$14,0)+IF(Input!$K$15=2,L2162*Input!$J$15,0)+IF(Input!$K$16=2,M2162*Input!$J$16,0)</f>
        <v>7.9606598192675682E-2</v>
      </c>
      <c r="P2162" s="58">
        <f>IF(Input!$K$13=3,J2162*Input!$J$13,0)+IF(Input!$K$14=3,K2162*Input!$J$14,0)+IF(Input!$K$15=3,L2162*Input!$J$15,0)+IF(Input!$K$16=3,M2162*Input!$J$16,0)</f>
        <v>0</v>
      </c>
      <c r="Q2162" s="71">
        <f>IF(Input!$K$13=4,J2162*Input!$J$13,0)+IF(Input!$K$14=4,K2162*Input!$J$14,0)+IF(Input!$K$15=4,L2162*Input!$J$15,0)+IF(Input!$K$16=4,M2162*Input!$J$16,0)</f>
        <v>0</v>
      </c>
    </row>
    <row r="2163" spans="8:17" x14ac:dyDescent="0.25">
      <c r="H2163" s="43">
        <v>2156</v>
      </c>
      <c r="I2163" s="55">
        <f>Bühler!I2189</f>
        <v>0.50605152524568298</v>
      </c>
      <c r="J2163" s="58">
        <f>Bühler!J2189</f>
        <v>8.4533813100493873</v>
      </c>
      <c r="K2163" s="58">
        <f>Bühler!K2189</f>
        <v>0.5615985763151724</v>
      </c>
      <c r="L2163" s="58">
        <f>Bühler!L2189</f>
        <v>0.2807992881575862</v>
      </c>
      <c r="M2163" s="57">
        <f>Bühler!M2189</f>
        <v>0</v>
      </c>
      <c r="N2163" s="55">
        <f>IF(Input!$K$13=1,J2163*Input!$J$13,0)+IF(Input!$K$14=1,K2163*Input!$J$14,0)+IF(Input!$K$15=1,L2163*Input!$J$15,0)+IF(Input!$K$16=1,M2163*Input!$J$16,0)</f>
        <v>1.0144057572059264</v>
      </c>
      <c r="O2163" s="58">
        <f>IF(Input!$K$13=2,J2163*Input!$J$13,0)+IF(Input!$K$14=2,K2163*Input!$J$14,0)+IF(Input!$K$15=2,L2163*Input!$J$15,0)+IF(Input!$K$16=2,M2163*Input!$J$16,0)</f>
        <v>7.5815807802548263E-2</v>
      </c>
      <c r="P2163" s="58">
        <f>IF(Input!$K$13=3,J2163*Input!$J$13,0)+IF(Input!$K$14=3,K2163*Input!$J$14,0)+IF(Input!$K$15=3,L2163*Input!$J$15,0)+IF(Input!$K$16=3,M2163*Input!$J$16,0)</f>
        <v>0</v>
      </c>
      <c r="Q2163" s="71">
        <f>IF(Input!$K$13=4,J2163*Input!$J$13,0)+IF(Input!$K$14=4,K2163*Input!$J$14,0)+IF(Input!$K$15=4,L2163*Input!$J$15,0)+IF(Input!$K$16=4,M2163*Input!$J$16,0)</f>
        <v>0</v>
      </c>
    </row>
    <row r="2164" spans="8:17" x14ac:dyDescent="0.25">
      <c r="H2164" s="43">
        <v>2157</v>
      </c>
      <c r="I2164" s="55">
        <f>Bühler!I2190</f>
        <v>0.50605152524568298</v>
      </c>
      <c r="J2164" s="58">
        <f>Bühler!J2190</f>
        <v>8.4533813100493873</v>
      </c>
      <c r="K2164" s="58">
        <f>Bühler!K2190</f>
        <v>0.5615985763151724</v>
      </c>
      <c r="L2164" s="58">
        <f>Bühler!L2190</f>
        <v>0.2807992881575862</v>
      </c>
      <c r="M2164" s="57">
        <f>Bühler!M2190</f>
        <v>0</v>
      </c>
      <c r="N2164" s="55">
        <f>IF(Input!$K$13=1,J2164*Input!$J$13,0)+IF(Input!$K$14=1,K2164*Input!$J$14,0)+IF(Input!$K$15=1,L2164*Input!$J$15,0)+IF(Input!$K$16=1,M2164*Input!$J$16,0)</f>
        <v>1.0144057572059264</v>
      </c>
      <c r="O2164" s="58">
        <f>IF(Input!$K$13=2,J2164*Input!$J$13,0)+IF(Input!$K$14=2,K2164*Input!$J$14,0)+IF(Input!$K$15=2,L2164*Input!$J$15,0)+IF(Input!$K$16=2,M2164*Input!$J$16,0)</f>
        <v>7.5815807802548263E-2</v>
      </c>
      <c r="P2164" s="58">
        <f>IF(Input!$K$13=3,J2164*Input!$J$13,0)+IF(Input!$K$14=3,K2164*Input!$J$14,0)+IF(Input!$K$15=3,L2164*Input!$J$15,0)+IF(Input!$K$16=3,M2164*Input!$J$16,0)</f>
        <v>0</v>
      </c>
      <c r="Q2164" s="71">
        <f>IF(Input!$K$13=4,J2164*Input!$J$13,0)+IF(Input!$K$14=4,K2164*Input!$J$14,0)+IF(Input!$K$15=4,L2164*Input!$J$15,0)+IF(Input!$K$16=4,M2164*Input!$J$16,0)</f>
        <v>0</v>
      </c>
    </row>
    <row r="2165" spans="8:17" x14ac:dyDescent="0.25">
      <c r="H2165" s="43">
        <v>2158</v>
      </c>
      <c r="I2165" s="55">
        <f>Bühler!I2191</f>
        <v>0.50605152524568298</v>
      </c>
      <c r="J2165" s="58">
        <f>Bühler!J2191</f>
        <v>8.4533813100493873</v>
      </c>
      <c r="K2165" s="58">
        <f>Bühler!K2191</f>
        <v>0.5615985763151724</v>
      </c>
      <c r="L2165" s="58">
        <f>Bühler!L2191</f>
        <v>0.2807992881575862</v>
      </c>
      <c r="M2165" s="57">
        <f>Bühler!M2191</f>
        <v>0</v>
      </c>
      <c r="N2165" s="55">
        <f>IF(Input!$K$13=1,J2165*Input!$J$13,0)+IF(Input!$K$14=1,K2165*Input!$J$14,0)+IF(Input!$K$15=1,L2165*Input!$J$15,0)+IF(Input!$K$16=1,M2165*Input!$J$16,0)</f>
        <v>1.0144057572059264</v>
      </c>
      <c r="O2165" s="58">
        <f>IF(Input!$K$13=2,J2165*Input!$J$13,0)+IF(Input!$K$14=2,K2165*Input!$J$14,0)+IF(Input!$K$15=2,L2165*Input!$J$15,0)+IF(Input!$K$16=2,M2165*Input!$J$16,0)</f>
        <v>7.5815807802548263E-2</v>
      </c>
      <c r="P2165" s="58">
        <f>IF(Input!$K$13=3,J2165*Input!$J$13,0)+IF(Input!$K$14=3,K2165*Input!$J$14,0)+IF(Input!$K$15=3,L2165*Input!$J$15,0)+IF(Input!$K$16=3,M2165*Input!$J$16,0)</f>
        <v>0</v>
      </c>
      <c r="Q2165" s="71">
        <f>IF(Input!$K$13=4,J2165*Input!$J$13,0)+IF(Input!$K$14=4,K2165*Input!$J$14,0)+IF(Input!$K$15=4,L2165*Input!$J$15,0)+IF(Input!$K$16=4,M2165*Input!$J$16,0)</f>
        <v>0</v>
      </c>
    </row>
    <row r="2166" spans="8:17" x14ac:dyDescent="0.25">
      <c r="H2166" s="43">
        <v>2159</v>
      </c>
      <c r="I2166" s="55">
        <f>Bühler!I2192</f>
        <v>0.50605152524568298</v>
      </c>
      <c r="J2166" s="58">
        <f>Bühler!J2192</f>
        <v>8.4533813100493873</v>
      </c>
      <c r="K2166" s="58">
        <f>Bühler!K2192</f>
        <v>0.5615985763151724</v>
      </c>
      <c r="L2166" s="58">
        <f>Bühler!L2192</f>
        <v>0.2807992881575862</v>
      </c>
      <c r="M2166" s="57">
        <f>Bühler!M2192</f>
        <v>0</v>
      </c>
      <c r="N2166" s="55">
        <f>IF(Input!$K$13=1,J2166*Input!$J$13,0)+IF(Input!$K$14=1,K2166*Input!$J$14,0)+IF(Input!$K$15=1,L2166*Input!$J$15,0)+IF(Input!$K$16=1,M2166*Input!$J$16,0)</f>
        <v>1.0144057572059264</v>
      </c>
      <c r="O2166" s="58">
        <f>IF(Input!$K$13=2,J2166*Input!$J$13,0)+IF(Input!$K$14=2,K2166*Input!$J$14,0)+IF(Input!$K$15=2,L2166*Input!$J$15,0)+IF(Input!$K$16=2,M2166*Input!$J$16,0)</f>
        <v>7.5815807802548263E-2</v>
      </c>
      <c r="P2166" s="58">
        <f>IF(Input!$K$13=3,J2166*Input!$J$13,0)+IF(Input!$K$14=3,K2166*Input!$J$14,0)+IF(Input!$K$15=3,L2166*Input!$J$15,0)+IF(Input!$K$16=3,M2166*Input!$J$16,0)</f>
        <v>0</v>
      </c>
      <c r="Q2166" s="71">
        <f>IF(Input!$K$13=4,J2166*Input!$J$13,0)+IF(Input!$K$14=4,K2166*Input!$J$14,0)+IF(Input!$K$15=4,L2166*Input!$J$15,0)+IF(Input!$K$16=4,M2166*Input!$J$16,0)</f>
        <v>0</v>
      </c>
    </row>
    <row r="2167" spans="8:17" x14ac:dyDescent="0.25">
      <c r="H2167" s="43">
        <v>2160</v>
      </c>
      <c r="I2167" s="55">
        <f>Bühler!I2193</f>
        <v>0.50605152524568298</v>
      </c>
      <c r="J2167" s="58">
        <f>Bühler!J2193</f>
        <v>8.4533813100493873</v>
      </c>
      <c r="K2167" s="58">
        <f>Bühler!K2193</f>
        <v>0.5615985763151724</v>
      </c>
      <c r="L2167" s="58">
        <f>Bühler!L2193</f>
        <v>0.2807992881575862</v>
      </c>
      <c r="M2167" s="57">
        <f>Bühler!M2193</f>
        <v>0</v>
      </c>
      <c r="N2167" s="55">
        <f>IF(Input!$K$13=1,J2167*Input!$J$13,0)+IF(Input!$K$14=1,K2167*Input!$J$14,0)+IF(Input!$K$15=1,L2167*Input!$J$15,0)+IF(Input!$K$16=1,M2167*Input!$J$16,0)</f>
        <v>1.0144057572059264</v>
      </c>
      <c r="O2167" s="58">
        <f>IF(Input!$K$13=2,J2167*Input!$J$13,0)+IF(Input!$K$14=2,K2167*Input!$J$14,0)+IF(Input!$K$15=2,L2167*Input!$J$15,0)+IF(Input!$K$16=2,M2167*Input!$J$16,0)</f>
        <v>7.5815807802548263E-2</v>
      </c>
      <c r="P2167" s="58">
        <f>IF(Input!$K$13=3,J2167*Input!$J$13,0)+IF(Input!$K$14=3,K2167*Input!$J$14,0)+IF(Input!$K$15=3,L2167*Input!$J$15,0)+IF(Input!$K$16=3,M2167*Input!$J$16,0)</f>
        <v>0</v>
      </c>
      <c r="Q2167" s="71">
        <f>IF(Input!$K$13=4,J2167*Input!$J$13,0)+IF(Input!$K$14=4,K2167*Input!$J$14,0)+IF(Input!$K$15=4,L2167*Input!$J$15,0)+IF(Input!$K$16=4,M2167*Input!$J$16,0)</f>
        <v>0</v>
      </c>
    </row>
    <row r="2168" spans="8:17" x14ac:dyDescent="0.25">
      <c r="H2168" s="43">
        <v>2161</v>
      </c>
      <c r="I2168" s="55">
        <f>Bühler!I2194</f>
        <v>0.43635056735088668</v>
      </c>
      <c r="J2168" s="58">
        <f>Bühler!J2194</f>
        <v>7.832089688273328</v>
      </c>
      <c r="K2168" s="58">
        <f>Bühler!K2194</f>
        <v>0.29783946711986881</v>
      </c>
      <c r="L2168" s="58">
        <f>Bühler!L2194</f>
        <v>0.1489197335599344</v>
      </c>
      <c r="M2168" s="57">
        <f>Bühler!M2194</f>
        <v>0</v>
      </c>
      <c r="N2168" s="55">
        <f>IF(Input!$K$13=1,J2168*Input!$J$13,0)+IF(Input!$K$14=1,K2168*Input!$J$14,0)+IF(Input!$K$15=1,L2168*Input!$J$15,0)+IF(Input!$K$16=1,M2168*Input!$J$16,0)</f>
        <v>0.93985076259279932</v>
      </c>
      <c r="O2168" s="58">
        <f>IF(Input!$K$13=2,J2168*Input!$J$13,0)+IF(Input!$K$14=2,K2168*Input!$J$14,0)+IF(Input!$K$15=2,L2168*Input!$J$15,0)+IF(Input!$K$16=2,M2168*Input!$J$16,0)</f>
        <v>4.0208328061182283E-2</v>
      </c>
      <c r="P2168" s="58">
        <f>IF(Input!$K$13=3,J2168*Input!$J$13,0)+IF(Input!$K$14=3,K2168*Input!$J$14,0)+IF(Input!$K$15=3,L2168*Input!$J$15,0)+IF(Input!$K$16=3,M2168*Input!$J$16,0)</f>
        <v>0</v>
      </c>
      <c r="Q2168" s="71">
        <f>IF(Input!$K$13=4,J2168*Input!$J$13,0)+IF(Input!$K$14=4,K2168*Input!$J$14,0)+IF(Input!$K$15=4,L2168*Input!$J$15,0)+IF(Input!$K$16=4,M2168*Input!$J$16,0)</f>
        <v>0</v>
      </c>
    </row>
    <row r="2169" spans="8:17" x14ac:dyDescent="0.25">
      <c r="H2169" s="43">
        <v>2162</v>
      </c>
      <c r="I2169" s="55">
        <f>Bühler!I2195</f>
        <v>0.85192253625649317</v>
      </c>
      <c r="J2169" s="58">
        <f>Bühler!J2195</f>
        <v>7.2823257991979666</v>
      </c>
      <c r="K2169" s="58">
        <f>Bühler!K2195</f>
        <v>0.26805552040788189</v>
      </c>
      <c r="L2169" s="58">
        <f>Bühler!L2195</f>
        <v>0.13402776020394094</v>
      </c>
      <c r="M2169" s="57">
        <f>Bühler!M2195</f>
        <v>0</v>
      </c>
      <c r="N2169" s="55">
        <f>IF(Input!$K$13=1,J2169*Input!$J$13,0)+IF(Input!$K$14=1,K2169*Input!$J$14,0)+IF(Input!$K$15=1,L2169*Input!$J$15,0)+IF(Input!$K$16=1,M2169*Input!$J$16,0)</f>
        <v>0.87387909590375601</v>
      </c>
      <c r="O2169" s="58">
        <f>IF(Input!$K$13=2,J2169*Input!$J$13,0)+IF(Input!$K$14=2,K2169*Input!$J$14,0)+IF(Input!$K$15=2,L2169*Input!$J$15,0)+IF(Input!$K$16=2,M2169*Input!$J$16,0)</f>
        <v>3.6187495255064053E-2</v>
      </c>
      <c r="P2169" s="58">
        <f>IF(Input!$K$13=3,J2169*Input!$J$13,0)+IF(Input!$K$14=3,K2169*Input!$J$14,0)+IF(Input!$K$15=3,L2169*Input!$J$15,0)+IF(Input!$K$16=3,M2169*Input!$J$16,0)</f>
        <v>0</v>
      </c>
      <c r="Q2169" s="71">
        <f>IF(Input!$K$13=4,J2169*Input!$J$13,0)+IF(Input!$K$14=4,K2169*Input!$J$14,0)+IF(Input!$K$15=4,L2169*Input!$J$15,0)+IF(Input!$K$16=4,M2169*Input!$J$16,0)</f>
        <v>0</v>
      </c>
    </row>
    <row r="2170" spans="8:17" x14ac:dyDescent="0.25">
      <c r="H2170" s="43">
        <v>2163</v>
      </c>
      <c r="I2170" s="55">
        <f>Bühler!I2196</f>
        <v>0.85192253625649317</v>
      </c>
      <c r="J2170" s="58">
        <f>Bühler!J2196</f>
        <v>7.2823257991979666</v>
      </c>
      <c r="K2170" s="58">
        <f>Bühler!K2196</f>
        <v>0.26805552040788189</v>
      </c>
      <c r="L2170" s="58">
        <f>Bühler!L2196</f>
        <v>0.13402776020394094</v>
      </c>
      <c r="M2170" s="57">
        <f>Bühler!M2196</f>
        <v>0</v>
      </c>
      <c r="N2170" s="55">
        <f>IF(Input!$K$13=1,J2170*Input!$J$13,0)+IF(Input!$K$14=1,K2170*Input!$J$14,0)+IF(Input!$K$15=1,L2170*Input!$J$15,0)+IF(Input!$K$16=1,M2170*Input!$J$16,0)</f>
        <v>0.87387909590375601</v>
      </c>
      <c r="O2170" s="58">
        <f>IF(Input!$K$13=2,J2170*Input!$J$13,0)+IF(Input!$K$14=2,K2170*Input!$J$14,0)+IF(Input!$K$15=2,L2170*Input!$J$15,0)+IF(Input!$K$16=2,M2170*Input!$J$16,0)</f>
        <v>3.6187495255064053E-2</v>
      </c>
      <c r="P2170" s="58">
        <f>IF(Input!$K$13=3,J2170*Input!$J$13,0)+IF(Input!$K$14=3,K2170*Input!$J$14,0)+IF(Input!$K$15=3,L2170*Input!$J$15,0)+IF(Input!$K$16=3,M2170*Input!$J$16,0)</f>
        <v>0</v>
      </c>
      <c r="Q2170" s="71">
        <f>IF(Input!$K$13=4,J2170*Input!$J$13,0)+IF(Input!$K$14=4,K2170*Input!$J$14,0)+IF(Input!$K$15=4,L2170*Input!$J$15,0)+IF(Input!$K$16=4,M2170*Input!$J$16,0)</f>
        <v>0</v>
      </c>
    </row>
    <row r="2171" spans="8:17" x14ac:dyDescent="0.25">
      <c r="H2171" s="43">
        <v>2164</v>
      </c>
      <c r="I2171" s="55">
        <f>Bühler!I2197</f>
        <v>0.85192253625649317</v>
      </c>
      <c r="J2171" s="58">
        <f>Bühler!J2197</f>
        <v>7.2823257991979666</v>
      </c>
      <c r="K2171" s="58">
        <f>Bühler!K2197</f>
        <v>0.26805552040788189</v>
      </c>
      <c r="L2171" s="58">
        <f>Bühler!L2197</f>
        <v>0.13402776020394094</v>
      </c>
      <c r="M2171" s="57">
        <f>Bühler!M2197</f>
        <v>0</v>
      </c>
      <c r="N2171" s="55">
        <f>IF(Input!$K$13=1,J2171*Input!$J$13,0)+IF(Input!$K$14=1,K2171*Input!$J$14,0)+IF(Input!$K$15=1,L2171*Input!$J$15,0)+IF(Input!$K$16=1,M2171*Input!$J$16,0)</f>
        <v>0.87387909590375601</v>
      </c>
      <c r="O2171" s="58">
        <f>IF(Input!$K$13=2,J2171*Input!$J$13,0)+IF(Input!$K$14=2,K2171*Input!$J$14,0)+IF(Input!$K$15=2,L2171*Input!$J$15,0)+IF(Input!$K$16=2,M2171*Input!$J$16,0)</f>
        <v>3.6187495255064053E-2</v>
      </c>
      <c r="P2171" s="58">
        <f>IF(Input!$K$13=3,J2171*Input!$J$13,0)+IF(Input!$K$14=3,K2171*Input!$J$14,0)+IF(Input!$K$15=3,L2171*Input!$J$15,0)+IF(Input!$K$16=3,M2171*Input!$J$16,0)</f>
        <v>0</v>
      </c>
      <c r="Q2171" s="71">
        <f>IF(Input!$K$13=4,J2171*Input!$J$13,0)+IF(Input!$K$14=4,K2171*Input!$J$14,0)+IF(Input!$K$15=4,L2171*Input!$J$15,0)+IF(Input!$K$16=4,M2171*Input!$J$16,0)</f>
        <v>0</v>
      </c>
    </row>
    <row r="2172" spans="8:17" x14ac:dyDescent="0.25">
      <c r="H2172" s="43">
        <v>2165</v>
      </c>
      <c r="I2172" s="55">
        <f>Bühler!I2198</f>
        <v>0.85192253625649317</v>
      </c>
      <c r="J2172" s="58">
        <f>Bühler!J2198</f>
        <v>7.2823257991979666</v>
      </c>
      <c r="K2172" s="58">
        <f>Bühler!K2198</f>
        <v>0.26805552040788189</v>
      </c>
      <c r="L2172" s="58">
        <f>Bühler!L2198</f>
        <v>0.13402776020394094</v>
      </c>
      <c r="M2172" s="57">
        <f>Bühler!M2198</f>
        <v>0</v>
      </c>
      <c r="N2172" s="55">
        <f>IF(Input!$K$13=1,J2172*Input!$J$13,0)+IF(Input!$K$14=1,K2172*Input!$J$14,0)+IF(Input!$K$15=1,L2172*Input!$J$15,0)+IF(Input!$K$16=1,M2172*Input!$J$16,0)</f>
        <v>0.87387909590375601</v>
      </c>
      <c r="O2172" s="58">
        <f>IF(Input!$K$13=2,J2172*Input!$J$13,0)+IF(Input!$K$14=2,K2172*Input!$J$14,0)+IF(Input!$K$15=2,L2172*Input!$J$15,0)+IF(Input!$K$16=2,M2172*Input!$J$16,0)</f>
        <v>3.6187495255064053E-2</v>
      </c>
      <c r="P2172" s="58">
        <f>IF(Input!$K$13=3,J2172*Input!$J$13,0)+IF(Input!$K$14=3,K2172*Input!$J$14,0)+IF(Input!$K$15=3,L2172*Input!$J$15,0)+IF(Input!$K$16=3,M2172*Input!$J$16,0)</f>
        <v>0</v>
      </c>
      <c r="Q2172" s="71">
        <f>IF(Input!$K$13=4,J2172*Input!$J$13,0)+IF(Input!$K$14=4,K2172*Input!$J$14,0)+IF(Input!$K$15=4,L2172*Input!$J$15,0)+IF(Input!$K$16=4,M2172*Input!$J$16,0)</f>
        <v>0</v>
      </c>
    </row>
    <row r="2173" spans="8:17" x14ac:dyDescent="0.25">
      <c r="H2173" s="43">
        <v>2166</v>
      </c>
      <c r="I2173" s="55">
        <f>Bühler!I2199</f>
        <v>1.0597085207092964</v>
      </c>
      <c r="J2173" s="58">
        <f>Bühler!J2199</f>
        <v>7.2909835485501668</v>
      </c>
      <c r="K2173" s="58">
        <f>Bühler!K2199</f>
        <v>0.26805552040788189</v>
      </c>
      <c r="L2173" s="58">
        <f>Bühler!L2199</f>
        <v>0.13402776020394094</v>
      </c>
      <c r="M2173" s="57">
        <f>Bühler!M2199</f>
        <v>0</v>
      </c>
      <c r="N2173" s="55">
        <f>IF(Input!$K$13=1,J2173*Input!$J$13,0)+IF(Input!$K$14=1,K2173*Input!$J$14,0)+IF(Input!$K$15=1,L2173*Input!$J$15,0)+IF(Input!$K$16=1,M2173*Input!$J$16,0)</f>
        <v>0.87491802582601996</v>
      </c>
      <c r="O2173" s="58">
        <f>IF(Input!$K$13=2,J2173*Input!$J$13,0)+IF(Input!$K$14=2,K2173*Input!$J$14,0)+IF(Input!$K$15=2,L2173*Input!$J$15,0)+IF(Input!$K$16=2,M2173*Input!$J$16,0)</f>
        <v>3.6187495255064053E-2</v>
      </c>
      <c r="P2173" s="58">
        <f>IF(Input!$K$13=3,J2173*Input!$J$13,0)+IF(Input!$K$14=3,K2173*Input!$J$14,0)+IF(Input!$K$15=3,L2173*Input!$J$15,0)+IF(Input!$K$16=3,M2173*Input!$J$16,0)</f>
        <v>0</v>
      </c>
      <c r="Q2173" s="71">
        <f>IF(Input!$K$13=4,J2173*Input!$J$13,0)+IF(Input!$K$14=4,K2173*Input!$J$14,0)+IF(Input!$K$15=4,L2173*Input!$J$15,0)+IF(Input!$K$16=4,M2173*Input!$J$16,0)</f>
        <v>0</v>
      </c>
    </row>
    <row r="2174" spans="8:17" x14ac:dyDescent="0.25">
      <c r="H2174" s="43">
        <v>2167</v>
      </c>
      <c r="I2174" s="55">
        <f>Bühler!I2200</f>
        <v>1.3298303004979404</v>
      </c>
      <c r="J2174" s="58">
        <f>Bühler!J2200</f>
        <v>7.3022386227080265</v>
      </c>
      <c r="K2174" s="58">
        <f>Bühler!K2200</f>
        <v>0.26805552040788189</v>
      </c>
      <c r="L2174" s="58">
        <f>Bühler!L2200</f>
        <v>0.13402776020394094</v>
      </c>
      <c r="M2174" s="57">
        <f>Bühler!M2200</f>
        <v>0</v>
      </c>
      <c r="N2174" s="55">
        <f>IF(Input!$K$13=1,J2174*Input!$J$13,0)+IF(Input!$K$14=1,K2174*Input!$J$14,0)+IF(Input!$K$15=1,L2174*Input!$J$15,0)+IF(Input!$K$16=1,M2174*Input!$J$16,0)</f>
        <v>0.87626863472496319</v>
      </c>
      <c r="O2174" s="58">
        <f>IF(Input!$K$13=2,J2174*Input!$J$13,0)+IF(Input!$K$14=2,K2174*Input!$J$14,0)+IF(Input!$K$15=2,L2174*Input!$J$15,0)+IF(Input!$K$16=2,M2174*Input!$J$16,0)</f>
        <v>3.6187495255064053E-2</v>
      </c>
      <c r="P2174" s="58">
        <f>IF(Input!$K$13=3,J2174*Input!$J$13,0)+IF(Input!$K$14=3,K2174*Input!$J$14,0)+IF(Input!$K$15=3,L2174*Input!$J$15,0)+IF(Input!$K$16=3,M2174*Input!$J$16,0)</f>
        <v>0</v>
      </c>
      <c r="Q2174" s="71">
        <f>IF(Input!$K$13=4,J2174*Input!$J$13,0)+IF(Input!$K$14=4,K2174*Input!$J$14,0)+IF(Input!$K$15=4,L2174*Input!$J$15,0)+IF(Input!$K$16=4,M2174*Input!$J$16,0)</f>
        <v>0</v>
      </c>
    </row>
    <row r="2175" spans="8:17" x14ac:dyDescent="0.25">
      <c r="H2175" s="43">
        <v>2168</v>
      </c>
      <c r="I2175" s="55">
        <f>Bühler!I2201</f>
        <v>1.5168376865054631</v>
      </c>
      <c r="J2175" s="58">
        <f>Bühler!J2201</f>
        <v>7.3100305971250066</v>
      </c>
      <c r="K2175" s="58">
        <f>Bühler!K2201</f>
        <v>0.26805552040788189</v>
      </c>
      <c r="L2175" s="58">
        <f>Bühler!L2201</f>
        <v>0.13402776020394094</v>
      </c>
      <c r="M2175" s="57">
        <f>Bühler!M2201</f>
        <v>0</v>
      </c>
      <c r="N2175" s="55">
        <f>IF(Input!$K$13=1,J2175*Input!$J$13,0)+IF(Input!$K$14=1,K2175*Input!$J$14,0)+IF(Input!$K$15=1,L2175*Input!$J$15,0)+IF(Input!$K$16=1,M2175*Input!$J$16,0)</f>
        <v>0.87720367165500079</v>
      </c>
      <c r="O2175" s="58">
        <f>IF(Input!$K$13=2,J2175*Input!$J$13,0)+IF(Input!$K$14=2,K2175*Input!$J$14,0)+IF(Input!$K$15=2,L2175*Input!$J$15,0)+IF(Input!$K$16=2,M2175*Input!$J$16,0)</f>
        <v>3.6187495255064053E-2</v>
      </c>
      <c r="P2175" s="58">
        <f>IF(Input!$K$13=3,J2175*Input!$J$13,0)+IF(Input!$K$14=3,K2175*Input!$J$14,0)+IF(Input!$K$15=3,L2175*Input!$J$15,0)+IF(Input!$K$16=3,M2175*Input!$J$16,0)</f>
        <v>0</v>
      </c>
      <c r="Q2175" s="71">
        <f>IF(Input!$K$13=4,J2175*Input!$J$13,0)+IF(Input!$K$14=4,K2175*Input!$J$14,0)+IF(Input!$K$15=4,L2175*Input!$J$15,0)+IF(Input!$K$16=4,M2175*Input!$J$16,0)</f>
        <v>0</v>
      </c>
    </row>
    <row r="2176" spans="8:17" x14ac:dyDescent="0.25">
      <c r="H2176" s="43">
        <v>2169</v>
      </c>
      <c r="I2176" s="55">
        <f>Bühler!I2202</f>
        <v>1.5168376865054631</v>
      </c>
      <c r="J2176" s="58">
        <f>Bühler!J2202</f>
        <v>7.3100305971250066</v>
      </c>
      <c r="K2176" s="58">
        <f>Bühler!K2202</f>
        <v>0.26805552040788189</v>
      </c>
      <c r="L2176" s="58">
        <f>Bühler!L2202</f>
        <v>0.13402776020394094</v>
      </c>
      <c r="M2176" s="57">
        <f>Bühler!M2202</f>
        <v>0</v>
      </c>
      <c r="N2176" s="55">
        <f>IF(Input!$K$13=1,J2176*Input!$J$13,0)+IF(Input!$K$14=1,K2176*Input!$J$14,0)+IF(Input!$K$15=1,L2176*Input!$J$15,0)+IF(Input!$K$16=1,M2176*Input!$J$16,0)</f>
        <v>0.87720367165500079</v>
      </c>
      <c r="O2176" s="58">
        <f>IF(Input!$K$13=2,J2176*Input!$J$13,0)+IF(Input!$K$14=2,K2176*Input!$J$14,0)+IF(Input!$K$15=2,L2176*Input!$J$15,0)+IF(Input!$K$16=2,M2176*Input!$J$16,0)</f>
        <v>3.6187495255064053E-2</v>
      </c>
      <c r="P2176" s="58">
        <f>IF(Input!$K$13=3,J2176*Input!$J$13,0)+IF(Input!$K$14=3,K2176*Input!$J$14,0)+IF(Input!$K$15=3,L2176*Input!$J$15,0)+IF(Input!$K$16=3,M2176*Input!$J$16,0)</f>
        <v>0</v>
      </c>
      <c r="Q2176" s="71">
        <f>IF(Input!$K$13=4,J2176*Input!$J$13,0)+IF(Input!$K$14=4,K2176*Input!$J$14,0)+IF(Input!$K$15=4,L2176*Input!$J$15,0)+IF(Input!$K$16=4,M2176*Input!$J$16,0)</f>
        <v>0</v>
      </c>
    </row>
    <row r="2177" spans="8:17" x14ac:dyDescent="0.25">
      <c r="H2177" s="43">
        <v>2170</v>
      </c>
      <c r="I2177" s="55">
        <f>Bühler!I2203</f>
        <v>1.5168376865054631</v>
      </c>
      <c r="J2177" s="58">
        <f>Bühler!J2203</f>
        <v>7.3100305971250066</v>
      </c>
      <c r="K2177" s="58">
        <f>Bühler!K2203</f>
        <v>0.26805552040788189</v>
      </c>
      <c r="L2177" s="58">
        <f>Bühler!L2203</f>
        <v>0.13402776020394094</v>
      </c>
      <c r="M2177" s="57">
        <f>Bühler!M2203</f>
        <v>0</v>
      </c>
      <c r="N2177" s="55">
        <f>IF(Input!$K$13=1,J2177*Input!$J$13,0)+IF(Input!$K$14=1,K2177*Input!$J$14,0)+IF(Input!$K$15=1,L2177*Input!$J$15,0)+IF(Input!$K$16=1,M2177*Input!$J$16,0)</f>
        <v>0.87720367165500079</v>
      </c>
      <c r="O2177" s="58">
        <f>IF(Input!$K$13=2,J2177*Input!$J$13,0)+IF(Input!$K$14=2,K2177*Input!$J$14,0)+IF(Input!$K$15=2,L2177*Input!$J$15,0)+IF(Input!$K$16=2,M2177*Input!$J$16,0)</f>
        <v>3.6187495255064053E-2</v>
      </c>
      <c r="P2177" s="58">
        <f>IF(Input!$K$13=3,J2177*Input!$J$13,0)+IF(Input!$K$14=3,K2177*Input!$J$14,0)+IF(Input!$K$15=3,L2177*Input!$J$15,0)+IF(Input!$K$16=3,M2177*Input!$J$16,0)</f>
        <v>0</v>
      </c>
      <c r="Q2177" s="71">
        <f>IF(Input!$K$13=4,J2177*Input!$J$13,0)+IF(Input!$K$14=4,K2177*Input!$J$14,0)+IF(Input!$K$15=4,L2177*Input!$J$15,0)+IF(Input!$K$16=4,M2177*Input!$J$16,0)</f>
        <v>0</v>
      </c>
    </row>
    <row r="2178" spans="8:17" x14ac:dyDescent="0.25">
      <c r="H2178" s="43">
        <v>2171</v>
      </c>
      <c r="I2178" s="55">
        <f>Bühler!I2204</f>
        <v>1.5168376865054631</v>
      </c>
      <c r="J2178" s="58">
        <f>Bühler!J2204</f>
        <v>7.3100305971250066</v>
      </c>
      <c r="K2178" s="58">
        <f>Bühler!K2204</f>
        <v>0.26805552040788189</v>
      </c>
      <c r="L2178" s="58">
        <f>Bühler!L2204</f>
        <v>0.13402776020394094</v>
      </c>
      <c r="M2178" s="57">
        <f>Bühler!M2204</f>
        <v>0</v>
      </c>
      <c r="N2178" s="55">
        <f>IF(Input!$K$13=1,J2178*Input!$J$13,0)+IF(Input!$K$14=1,K2178*Input!$J$14,0)+IF(Input!$K$15=1,L2178*Input!$J$15,0)+IF(Input!$K$16=1,M2178*Input!$J$16,0)</f>
        <v>0.87720367165500079</v>
      </c>
      <c r="O2178" s="58">
        <f>IF(Input!$K$13=2,J2178*Input!$J$13,0)+IF(Input!$K$14=2,K2178*Input!$J$14,0)+IF(Input!$K$15=2,L2178*Input!$J$15,0)+IF(Input!$K$16=2,M2178*Input!$J$16,0)</f>
        <v>3.6187495255064053E-2</v>
      </c>
      <c r="P2178" s="58">
        <f>IF(Input!$K$13=3,J2178*Input!$J$13,0)+IF(Input!$K$14=3,K2178*Input!$J$14,0)+IF(Input!$K$15=3,L2178*Input!$J$15,0)+IF(Input!$K$16=3,M2178*Input!$J$16,0)</f>
        <v>0</v>
      </c>
      <c r="Q2178" s="71">
        <f>IF(Input!$K$13=4,J2178*Input!$J$13,0)+IF(Input!$K$14=4,K2178*Input!$J$14,0)+IF(Input!$K$15=4,L2178*Input!$J$15,0)+IF(Input!$K$16=4,M2178*Input!$J$16,0)</f>
        <v>0</v>
      </c>
    </row>
    <row r="2179" spans="8:17" x14ac:dyDescent="0.25">
      <c r="H2179" s="43">
        <v>2172</v>
      </c>
      <c r="I2179" s="55">
        <f>Bühler!I2205</f>
        <v>1.5168376865054631</v>
      </c>
      <c r="J2179" s="58">
        <f>Bühler!J2205</f>
        <v>7.3100305971250066</v>
      </c>
      <c r="K2179" s="58">
        <f>Bühler!K2205</f>
        <v>0.26805552040788189</v>
      </c>
      <c r="L2179" s="58">
        <f>Bühler!L2205</f>
        <v>0.13402776020394094</v>
      </c>
      <c r="M2179" s="57">
        <f>Bühler!M2205</f>
        <v>0</v>
      </c>
      <c r="N2179" s="55">
        <f>IF(Input!$K$13=1,J2179*Input!$J$13,0)+IF(Input!$K$14=1,K2179*Input!$J$14,0)+IF(Input!$K$15=1,L2179*Input!$J$15,0)+IF(Input!$K$16=1,M2179*Input!$J$16,0)</f>
        <v>0.87720367165500079</v>
      </c>
      <c r="O2179" s="58">
        <f>IF(Input!$K$13=2,J2179*Input!$J$13,0)+IF(Input!$K$14=2,K2179*Input!$J$14,0)+IF(Input!$K$15=2,L2179*Input!$J$15,0)+IF(Input!$K$16=2,M2179*Input!$J$16,0)</f>
        <v>3.6187495255064053E-2</v>
      </c>
      <c r="P2179" s="58">
        <f>IF(Input!$K$13=3,J2179*Input!$J$13,0)+IF(Input!$K$14=3,K2179*Input!$J$14,0)+IF(Input!$K$15=3,L2179*Input!$J$15,0)+IF(Input!$K$16=3,M2179*Input!$J$16,0)</f>
        <v>0</v>
      </c>
      <c r="Q2179" s="71">
        <f>IF(Input!$K$13=4,J2179*Input!$J$13,0)+IF(Input!$K$14=4,K2179*Input!$J$14,0)+IF(Input!$K$15=4,L2179*Input!$J$15,0)+IF(Input!$K$16=4,M2179*Input!$J$16,0)</f>
        <v>0</v>
      </c>
    </row>
    <row r="2180" spans="8:17" x14ac:dyDescent="0.25">
      <c r="H2180" s="43">
        <v>2173</v>
      </c>
      <c r="I2180" s="55">
        <f>Bühler!I2206</f>
        <v>1.5168376865054631</v>
      </c>
      <c r="J2180" s="58">
        <f>Bühler!J2206</f>
        <v>7.3100305971250066</v>
      </c>
      <c r="K2180" s="58">
        <f>Bühler!K2206</f>
        <v>0.26805552040788189</v>
      </c>
      <c r="L2180" s="58">
        <f>Bühler!L2206</f>
        <v>0.13402776020394094</v>
      </c>
      <c r="M2180" s="57">
        <f>Bühler!M2206</f>
        <v>0</v>
      </c>
      <c r="N2180" s="55">
        <f>IF(Input!$K$13=1,J2180*Input!$J$13,0)+IF(Input!$K$14=1,K2180*Input!$J$14,0)+IF(Input!$K$15=1,L2180*Input!$J$15,0)+IF(Input!$K$16=1,M2180*Input!$J$16,0)</f>
        <v>0.87720367165500079</v>
      </c>
      <c r="O2180" s="58">
        <f>IF(Input!$K$13=2,J2180*Input!$J$13,0)+IF(Input!$K$14=2,K2180*Input!$J$14,0)+IF(Input!$K$15=2,L2180*Input!$J$15,0)+IF(Input!$K$16=2,M2180*Input!$J$16,0)</f>
        <v>3.6187495255064053E-2</v>
      </c>
      <c r="P2180" s="58">
        <f>IF(Input!$K$13=3,J2180*Input!$J$13,0)+IF(Input!$K$14=3,K2180*Input!$J$14,0)+IF(Input!$K$15=3,L2180*Input!$J$15,0)+IF(Input!$K$16=3,M2180*Input!$J$16,0)</f>
        <v>0</v>
      </c>
      <c r="Q2180" s="71">
        <f>IF(Input!$K$13=4,J2180*Input!$J$13,0)+IF(Input!$K$14=4,K2180*Input!$J$14,0)+IF(Input!$K$15=4,L2180*Input!$J$15,0)+IF(Input!$K$16=4,M2180*Input!$J$16,0)</f>
        <v>0</v>
      </c>
    </row>
    <row r="2181" spans="8:17" x14ac:dyDescent="0.25">
      <c r="H2181" s="43">
        <v>2174</v>
      </c>
      <c r="I2181" s="55">
        <f>Bühler!I2207</f>
        <v>1.5168376865054631</v>
      </c>
      <c r="J2181" s="58">
        <f>Bühler!J2207</f>
        <v>7.3100305971250066</v>
      </c>
      <c r="K2181" s="58">
        <f>Bühler!K2207</f>
        <v>0.26805552040788189</v>
      </c>
      <c r="L2181" s="58">
        <f>Bühler!L2207</f>
        <v>0.13402776020394094</v>
      </c>
      <c r="M2181" s="57">
        <f>Bühler!M2207</f>
        <v>0</v>
      </c>
      <c r="N2181" s="55">
        <f>IF(Input!$K$13=1,J2181*Input!$J$13,0)+IF(Input!$K$14=1,K2181*Input!$J$14,0)+IF(Input!$K$15=1,L2181*Input!$J$15,0)+IF(Input!$K$16=1,M2181*Input!$J$16,0)</f>
        <v>0.87720367165500079</v>
      </c>
      <c r="O2181" s="58">
        <f>IF(Input!$K$13=2,J2181*Input!$J$13,0)+IF(Input!$K$14=2,K2181*Input!$J$14,0)+IF(Input!$K$15=2,L2181*Input!$J$15,0)+IF(Input!$K$16=2,M2181*Input!$J$16,0)</f>
        <v>3.6187495255064053E-2</v>
      </c>
      <c r="P2181" s="58">
        <f>IF(Input!$K$13=3,J2181*Input!$J$13,0)+IF(Input!$K$14=3,K2181*Input!$J$14,0)+IF(Input!$K$15=3,L2181*Input!$J$15,0)+IF(Input!$K$16=3,M2181*Input!$J$16,0)</f>
        <v>0</v>
      </c>
      <c r="Q2181" s="71">
        <f>IF(Input!$K$13=4,J2181*Input!$J$13,0)+IF(Input!$K$14=4,K2181*Input!$J$14,0)+IF(Input!$K$15=4,L2181*Input!$J$15,0)+IF(Input!$K$16=4,M2181*Input!$J$16,0)</f>
        <v>0</v>
      </c>
    </row>
    <row r="2182" spans="8:17" x14ac:dyDescent="0.25">
      <c r="H2182" s="43">
        <v>2175</v>
      </c>
      <c r="I2182" s="55">
        <f>Bühler!I2208</f>
        <v>1.5168376865054631</v>
      </c>
      <c r="J2182" s="58">
        <f>Bühler!J2208</f>
        <v>7.3100305971250066</v>
      </c>
      <c r="K2182" s="58">
        <f>Bühler!K2208</f>
        <v>0.26805552040788189</v>
      </c>
      <c r="L2182" s="58">
        <f>Bühler!L2208</f>
        <v>0.13402776020394094</v>
      </c>
      <c r="M2182" s="57">
        <f>Bühler!M2208</f>
        <v>0</v>
      </c>
      <c r="N2182" s="55">
        <f>IF(Input!$K$13=1,J2182*Input!$J$13,0)+IF(Input!$K$14=1,K2182*Input!$J$14,0)+IF(Input!$K$15=1,L2182*Input!$J$15,0)+IF(Input!$K$16=1,M2182*Input!$J$16,0)</f>
        <v>0.87720367165500079</v>
      </c>
      <c r="O2182" s="58">
        <f>IF(Input!$K$13=2,J2182*Input!$J$13,0)+IF(Input!$K$14=2,K2182*Input!$J$14,0)+IF(Input!$K$15=2,L2182*Input!$J$15,0)+IF(Input!$K$16=2,M2182*Input!$J$16,0)</f>
        <v>3.6187495255064053E-2</v>
      </c>
      <c r="P2182" s="58">
        <f>IF(Input!$K$13=3,J2182*Input!$J$13,0)+IF(Input!$K$14=3,K2182*Input!$J$14,0)+IF(Input!$K$15=3,L2182*Input!$J$15,0)+IF(Input!$K$16=3,M2182*Input!$J$16,0)</f>
        <v>0</v>
      </c>
      <c r="Q2182" s="71">
        <f>IF(Input!$K$13=4,J2182*Input!$J$13,0)+IF(Input!$K$14=4,K2182*Input!$J$14,0)+IF(Input!$K$15=4,L2182*Input!$J$15,0)+IF(Input!$K$16=4,M2182*Input!$J$16,0)</f>
        <v>0</v>
      </c>
    </row>
    <row r="2183" spans="8:17" x14ac:dyDescent="0.25">
      <c r="H2183" s="43">
        <v>2176</v>
      </c>
      <c r="I2183" s="55">
        <f>Bühler!I2209</f>
        <v>1.371387497388501</v>
      </c>
      <c r="J2183" s="58">
        <f>Bühler!J2209</f>
        <v>7.3039701725784667</v>
      </c>
      <c r="K2183" s="58">
        <f>Bühler!K2209</f>
        <v>0.26805552040788189</v>
      </c>
      <c r="L2183" s="58">
        <f>Bühler!L2209</f>
        <v>0.13402776020394094</v>
      </c>
      <c r="M2183" s="57">
        <f>Bühler!M2209</f>
        <v>0</v>
      </c>
      <c r="N2183" s="55">
        <f>IF(Input!$K$13=1,J2183*Input!$J$13,0)+IF(Input!$K$14=1,K2183*Input!$J$14,0)+IF(Input!$K$15=1,L2183*Input!$J$15,0)+IF(Input!$K$16=1,M2183*Input!$J$16,0)</f>
        <v>0.876476420709416</v>
      </c>
      <c r="O2183" s="58">
        <f>IF(Input!$K$13=2,J2183*Input!$J$13,0)+IF(Input!$K$14=2,K2183*Input!$J$14,0)+IF(Input!$K$15=2,L2183*Input!$J$15,0)+IF(Input!$K$16=2,M2183*Input!$J$16,0)</f>
        <v>3.6187495255064053E-2</v>
      </c>
      <c r="P2183" s="58">
        <f>IF(Input!$K$13=3,J2183*Input!$J$13,0)+IF(Input!$K$14=3,K2183*Input!$J$14,0)+IF(Input!$K$15=3,L2183*Input!$J$15,0)+IF(Input!$K$16=3,M2183*Input!$J$16,0)</f>
        <v>0</v>
      </c>
      <c r="Q2183" s="71">
        <f>IF(Input!$K$13=4,J2183*Input!$J$13,0)+IF(Input!$K$14=4,K2183*Input!$J$14,0)+IF(Input!$K$15=4,L2183*Input!$J$15,0)+IF(Input!$K$16=4,M2183*Input!$J$16,0)</f>
        <v>0</v>
      </c>
    </row>
    <row r="2184" spans="8:17" x14ac:dyDescent="0.25">
      <c r="H2184" s="43">
        <v>2177</v>
      </c>
      <c r="I2184" s="55">
        <f>Bühler!I2210</f>
        <v>1.2467159067168192</v>
      </c>
      <c r="J2184" s="58">
        <f>Bühler!J2210</f>
        <v>7.2987755229671469</v>
      </c>
      <c r="K2184" s="58">
        <f>Bühler!K2210</f>
        <v>0.26805552040788189</v>
      </c>
      <c r="L2184" s="58">
        <f>Bühler!L2210</f>
        <v>0.13402776020394094</v>
      </c>
      <c r="M2184" s="57">
        <f>Bühler!M2210</f>
        <v>0</v>
      </c>
      <c r="N2184" s="55">
        <f>IF(Input!$K$13=1,J2184*Input!$J$13,0)+IF(Input!$K$14=1,K2184*Input!$J$14,0)+IF(Input!$K$15=1,L2184*Input!$J$15,0)+IF(Input!$K$16=1,M2184*Input!$J$16,0)</f>
        <v>0.87585306275605757</v>
      </c>
      <c r="O2184" s="58">
        <f>IF(Input!$K$13=2,J2184*Input!$J$13,0)+IF(Input!$K$14=2,K2184*Input!$J$14,0)+IF(Input!$K$15=2,L2184*Input!$J$15,0)+IF(Input!$K$16=2,M2184*Input!$J$16,0)</f>
        <v>3.6187495255064053E-2</v>
      </c>
      <c r="P2184" s="58">
        <f>IF(Input!$K$13=3,J2184*Input!$J$13,0)+IF(Input!$K$14=3,K2184*Input!$J$14,0)+IF(Input!$K$15=3,L2184*Input!$J$15,0)+IF(Input!$K$16=3,M2184*Input!$J$16,0)</f>
        <v>0</v>
      </c>
      <c r="Q2184" s="71">
        <f>IF(Input!$K$13=4,J2184*Input!$J$13,0)+IF(Input!$K$14=4,K2184*Input!$J$14,0)+IF(Input!$K$15=4,L2184*Input!$J$15,0)+IF(Input!$K$16=4,M2184*Input!$J$16,0)</f>
        <v>0</v>
      </c>
    </row>
    <row r="2185" spans="8:17" x14ac:dyDescent="0.25">
      <c r="H2185" s="43">
        <v>2178</v>
      </c>
      <c r="I2185" s="55">
        <f>Bühler!I2211</f>
        <v>1.1220443160451372</v>
      </c>
      <c r="J2185" s="58">
        <f>Bühler!J2211</f>
        <v>7.2935808733558263</v>
      </c>
      <c r="K2185" s="58">
        <f>Bühler!K2211</f>
        <v>0.26805552040788189</v>
      </c>
      <c r="L2185" s="58">
        <f>Bühler!L2211</f>
        <v>0.13402776020394094</v>
      </c>
      <c r="M2185" s="57">
        <f>Bühler!M2211</f>
        <v>0</v>
      </c>
      <c r="N2185" s="55">
        <f>IF(Input!$K$13=1,J2185*Input!$J$13,0)+IF(Input!$K$14=1,K2185*Input!$J$14,0)+IF(Input!$K$15=1,L2185*Input!$J$15,0)+IF(Input!$K$16=1,M2185*Input!$J$16,0)</f>
        <v>0.87522970480269913</v>
      </c>
      <c r="O2185" s="58">
        <f>IF(Input!$K$13=2,J2185*Input!$J$13,0)+IF(Input!$K$14=2,K2185*Input!$J$14,0)+IF(Input!$K$15=2,L2185*Input!$J$15,0)+IF(Input!$K$16=2,M2185*Input!$J$16,0)</f>
        <v>3.6187495255064053E-2</v>
      </c>
      <c r="P2185" s="58">
        <f>IF(Input!$K$13=3,J2185*Input!$J$13,0)+IF(Input!$K$14=3,K2185*Input!$J$14,0)+IF(Input!$K$15=3,L2185*Input!$J$15,0)+IF(Input!$K$16=3,M2185*Input!$J$16,0)</f>
        <v>0</v>
      </c>
      <c r="Q2185" s="71">
        <f>IF(Input!$K$13=4,J2185*Input!$J$13,0)+IF(Input!$K$14=4,K2185*Input!$J$14,0)+IF(Input!$K$15=4,L2185*Input!$J$15,0)+IF(Input!$K$16=4,M2185*Input!$J$16,0)</f>
        <v>0</v>
      </c>
    </row>
    <row r="2186" spans="8:17" x14ac:dyDescent="0.25">
      <c r="H2186" s="43">
        <v>2179</v>
      </c>
      <c r="I2186" s="55">
        <f>Bühler!I2212</f>
        <v>1.0804871191545766</v>
      </c>
      <c r="J2186" s="58">
        <f>Bühler!J2212</f>
        <v>7.2918493234853869</v>
      </c>
      <c r="K2186" s="58">
        <f>Bühler!K2212</f>
        <v>0.26805552040788189</v>
      </c>
      <c r="L2186" s="58">
        <f>Bühler!L2212</f>
        <v>0.13402776020394094</v>
      </c>
      <c r="M2186" s="57">
        <f>Bühler!M2212</f>
        <v>0</v>
      </c>
      <c r="N2186" s="55">
        <f>IF(Input!$K$13=1,J2186*Input!$J$13,0)+IF(Input!$K$14=1,K2186*Input!$J$14,0)+IF(Input!$K$15=1,L2186*Input!$J$15,0)+IF(Input!$K$16=1,M2186*Input!$J$16,0)</f>
        <v>0.87502191881824642</v>
      </c>
      <c r="O2186" s="58">
        <f>IF(Input!$K$13=2,J2186*Input!$J$13,0)+IF(Input!$K$14=2,K2186*Input!$J$14,0)+IF(Input!$K$15=2,L2186*Input!$J$15,0)+IF(Input!$K$16=2,M2186*Input!$J$16,0)</f>
        <v>3.6187495255064053E-2</v>
      </c>
      <c r="P2186" s="58">
        <f>IF(Input!$K$13=3,J2186*Input!$J$13,0)+IF(Input!$K$14=3,K2186*Input!$J$14,0)+IF(Input!$K$15=3,L2186*Input!$J$15,0)+IF(Input!$K$16=3,M2186*Input!$J$16,0)</f>
        <v>0</v>
      </c>
      <c r="Q2186" s="71">
        <f>IF(Input!$K$13=4,J2186*Input!$J$13,0)+IF(Input!$K$14=4,K2186*Input!$J$14,0)+IF(Input!$K$15=4,L2186*Input!$J$15,0)+IF(Input!$K$16=4,M2186*Input!$J$16,0)</f>
        <v>0</v>
      </c>
    </row>
    <row r="2187" spans="8:17" x14ac:dyDescent="0.25">
      <c r="H2187" s="43">
        <v>2180</v>
      </c>
      <c r="I2187" s="55">
        <f>Bühler!I2213</f>
        <v>0.87270113470177335</v>
      </c>
      <c r="J2187" s="58">
        <f>Bühler!J2213</f>
        <v>7.2831915741331867</v>
      </c>
      <c r="K2187" s="58">
        <f>Bühler!K2213</f>
        <v>0.26805552040788189</v>
      </c>
      <c r="L2187" s="58">
        <f>Bühler!L2213</f>
        <v>0.13402776020394094</v>
      </c>
      <c r="M2187" s="57">
        <f>Bühler!M2213</f>
        <v>0</v>
      </c>
      <c r="N2187" s="55">
        <f>IF(Input!$K$13=1,J2187*Input!$J$13,0)+IF(Input!$K$14=1,K2187*Input!$J$14,0)+IF(Input!$K$15=1,L2187*Input!$J$15,0)+IF(Input!$K$16=1,M2187*Input!$J$16,0)</f>
        <v>0.87398298889598236</v>
      </c>
      <c r="O2187" s="58">
        <f>IF(Input!$K$13=2,J2187*Input!$J$13,0)+IF(Input!$K$14=2,K2187*Input!$J$14,0)+IF(Input!$K$15=2,L2187*Input!$J$15,0)+IF(Input!$K$16=2,M2187*Input!$J$16,0)</f>
        <v>3.6187495255064053E-2</v>
      </c>
      <c r="P2187" s="58">
        <f>IF(Input!$K$13=3,J2187*Input!$J$13,0)+IF(Input!$K$14=3,K2187*Input!$J$14,0)+IF(Input!$K$15=3,L2187*Input!$J$15,0)+IF(Input!$K$16=3,M2187*Input!$J$16,0)</f>
        <v>0</v>
      </c>
      <c r="Q2187" s="71">
        <f>IF(Input!$K$13=4,J2187*Input!$J$13,0)+IF(Input!$K$14=4,K2187*Input!$J$14,0)+IF(Input!$K$15=4,L2187*Input!$J$15,0)+IF(Input!$K$16=4,M2187*Input!$J$16,0)</f>
        <v>0</v>
      </c>
    </row>
    <row r="2188" spans="8:17" x14ac:dyDescent="0.25">
      <c r="H2188" s="43">
        <v>2181</v>
      </c>
      <c r="I2188" s="55">
        <f>Bühler!I2214</f>
        <v>0.64413655180368989</v>
      </c>
      <c r="J2188" s="58">
        <f>Bühler!J2214</f>
        <v>7.2736680498457664</v>
      </c>
      <c r="K2188" s="58">
        <f>Bühler!K2214</f>
        <v>0.26805552040788189</v>
      </c>
      <c r="L2188" s="58">
        <f>Bühler!L2214</f>
        <v>0.13402776020394094</v>
      </c>
      <c r="M2188" s="57">
        <f>Bühler!M2214</f>
        <v>0</v>
      </c>
      <c r="N2188" s="55">
        <f>IF(Input!$K$13=1,J2188*Input!$J$13,0)+IF(Input!$K$14=1,K2188*Input!$J$14,0)+IF(Input!$K$15=1,L2188*Input!$J$15,0)+IF(Input!$K$16=1,M2188*Input!$J$16,0)</f>
        <v>0.87284016598149194</v>
      </c>
      <c r="O2188" s="58">
        <f>IF(Input!$K$13=2,J2188*Input!$J$13,0)+IF(Input!$K$14=2,K2188*Input!$J$14,0)+IF(Input!$K$15=2,L2188*Input!$J$15,0)+IF(Input!$K$16=2,M2188*Input!$J$16,0)</f>
        <v>3.6187495255064053E-2</v>
      </c>
      <c r="P2188" s="58">
        <f>IF(Input!$K$13=3,J2188*Input!$J$13,0)+IF(Input!$K$14=3,K2188*Input!$J$14,0)+IF(Input!$K$15=3,L2188*Input!$J$15,0)+IF(Input!$K$16=3,M2188*Input!$J$16,0)</f>
        <v>0</v>
      </c>
      <c r="Q2188" s="71">
        <f>IF(Input!$K$13=4,J2188*Input!$J$13,0)+IF(Input!$K$14=4,K2188*Input!$J$14,0)+IF(Input!$K$15=4,L2188*Input!$J$15,0)+IF(Input!$K$16=4,M2188*Input!$J$16,0)</f>
        <v>0</v>
      </c>
    </row>
    <row r="2189" spans="8:17" x14ac:dyDescent="0.25">
      <c r="H2189" s="43">
        <v>2182</v>
      </c>
      <c r="I2189" s="55">
        <f>Bühler!I2215</f>
        <v>0.64413655180368989</v>
      </c>
      <c r="J2189" s="58">
        <f>Bühler!J2215</f>
        <v>7.2736680498457664</v>
      </c>
      <c r="K2189" s="58">
        <f>Bühler!K2215</f>
        <v>0.26805552040788189</v>
      </c>
      <c r="L2189" s="58">
        <f>Bühler!L2215</f>
        <v>0.13402776020394094</v>
      </c>
      <c r="M2189" s="57">
        <f>Bühler!M2215</f>
        <v>0</v>
      </c>
      <c r="N2189" s="55">
        <f>IF(Input!$K$13=1,J2189*Input!$J$13,0)+IF(Input!$K$14=1,K2189*Input!$J$14,0)+IF(Input!$K$15=1,L2189*Input!$J$15,0)+IF(Input!$K$16=1,M2189*Input!$J$16,0)</f>
        <v>0.87284016598149194</v>
      </c>
      <c r="O2189" s="58">
        <f>IF(Input!$K$13=2,J2189*Input!$J$13,0)+IF(Input!$K$14=2,K2189*Input!$J$14,0)+IF(Input!$K$15=2,L2189*Input!$J$15,0)+IF(Input!$K$16=2,M2189*Input!$J$16,0)</f>
        <v>3.6187495255064053E-2</v>
      </c>
      <c r="P2189" s="58">
        <f>IF(Input!$K$13=3,J2189*Input!$J$13,0)+IF(Input!$K$14=3,K2189*Input!$J$14,0)+IF(Input!$K$15=3,L2189*Input!$J$15,0)+IF(Input!$K$16=3,M2189*Input!$J$16,0)</f>
        <v>0</v>
      </c>
      <c r="Q2189" s="71">
        <f>IF(Input!$K$13=4,J2189*Input!$J$13,0)+IF(Input!$K$14=4,K2189*Input!$J$14,0)+IF(Input!$K$15=4,L2189*Input!$J$15,0)+IF(Input!$K$16=4,M2189*Input!$J$16,0)</f>
        <v>0</v>
      </c>
    </row>
    <row r="2190" spans="8:17" x14ac:dyDescent="0.25">
      <c r="H2190" s="43">
        <v>2183</v>
      </c>
      <c r="I2190" s="55">
        <f>Bühler!I2216</f>
        <v>0.64413655180368989</v>
      </c>
      <c r="J2190" s="58">
        <f>Bühler!J2216</f>
        <v>7.2736680498457664</v>
      </c>
      <c r="K2190" s="58">
        <f>Bühler!K2216</f>
        <v>0.26805552040788189</v>
      </c>
      <c r="L2190" s="58">
        <f>Bühler!L2216</f>
        <v>0.13402776020394094</v>
      </c>
      <c r="M2190" s="57">
        <f>Bühler!M2216</f>
        <v>0</v>
      </c>
      <c r="N2190" s="55">
        <f>IF(Input!$K$13=1,J2190*Input!$J$13,0)+IF(Input!$K$14=1,K2190*Input!$J$14,0)+IF(Input!$K$15=1,L2190*Input!$J$15,0)+IF(Input!$K$16=1,M2190*Input!$J$16,0)</f>
        <v>0.87284016598149194</v>
      </c>
      <c r="O2190" s="58">
        <f>IF(Input!$K$13=2,J2190*Input!$J$13,0)+IF(Input!$K$14=2,K2190*Input!$J$14,0)+IF(Input!$K$15=2,L2190*Input!$J$15,0)+IF(Input!$K$16=2,M2190*Input!$J$16,0)</f>
        <v>3.6187495255064053E-2</v>
      </c>
      <c r="P2190" s="58">
        <f>IF(Input!$K$13=3,J2190*Input!$J$13,0)+IF(Input!$K$14=3,K2190*Input!$J$14,0)+IF(Input!$K$15=3,L2190*Input!$J$15,0)+IF(Input!$K$16=3,M2190*Input!$J$16,0)</f>
        <v>0</v>
      </c>
      <c r="Q2190" s="71">
        <f>IF(Input!$K$13=4,J2190*Input!$J$13,0)+IF(Input!$K$14=4,K2190*Input!$J$14,0)+IF(Input!$K$15=4,L2190*Input!$J$15,0)+IF(Input!$K$16=4,M2190*Input!$J$16,0)</f>
        <v>0</v>
      </c>
    </row>
    <row r="2191" spans="8:17" x14ac:dyDescent="0.25">
      <c r="H2191" s="43">
        <v>2184</v>
      </c>
      <c r="I2191" s="55">
        <f>Bühler!I2217</f>
        <v>0.64413655180368989</v>
      </c>
      <c r="J2191" s="58">
        <f>Bühler!J2217</f>
        <v>7.2736680498457664</v>
      </c>
      <c r="K2191" s="58">
        <f>Bühler!K2217</f>
        <v>0.26805552040788189</v>
      </c>
      <c r="L2191" s="58">
        <f>Bühler!L2217</f>
        <v>0.13402776020394094</v>
      </c>
      <c r="M2191" s="57">
        <f>Bühler!M2217</f>
        <v>0</v>
      </c>
      <c r="N2191" s="55">
        <f>IF(Input!$K$13=1,J2191*Input!$J$13,0)+IF(Input!$K$14=1,K2191*Input!$J$14,0)+IF(Input!$K$15=1,L2191*Input!$J$15,0)+IF(Input!$K$16=1,M2191*Input!$J$16,0)</f>
        <v>0.87284016598149194</v>
      </c>
      <c r="O2191" s="58">
        <f>IF(Input!$K$13=2,J2191*Input!$J$13,0)+IF(Input!$K$14=2,K2191*Input!$J$14,0)+IF(Input!$K$15=2,L2191*Input!$J$15,0)+IF(Input!$K$16=2,M2191*Input!$J$16,0)</f>
        <v>3.6187495255064053E-2</v>
      </c>
      <c r="P2191" s="58">
        <f>IF(Input!$K$13=3,J2191*Input!$J$13,0)+IF(Input!$K$14=3,K2191*Input!$J$14,0)+IF(Input!$K$15=3,L2191*Input!$J$15,0)+IF(Input!$K$16=3,M2191*Input!$J$16,0)</f>
        <v>0</v>
      </c>
      <c r="Q2191" s="71">
        <f>IF(Input!$K$13=4,J2191*Input!$J$13,0)+IF(Input!$K$14=4,K2191*Input!$J$14,0)+IF(Input!$K$15=4,L2191*Input!$J$15,0)+IF(Input!$K$16=4,M2191*Input!$J$16,0)</f>
        <v>0</v>
      </c>
    </row>
    <row r="2192" spans="8:17" x14ac:dyDescent="0.25">
      <c r="H2192" s="43">
        <v>2185</v>
      </c>
      <c r="I2192" s="55">
        <f>Bühler!I2218</f>
        <v>1.8673324274789542</v>
      </c>
      <c r="J2192" s="58">
        <f>Bühler!J2218</f>
        <v>11.280224624382038</v>
      </c>
      <c r="K2192" s="58">
        <f>Bühler!K2218</f>
        <v>0.33250140391590216</v>
      </c>
      <c r="L2192" s="58">
        <f>Bühler!L2218</f>
        <v>0.16625070195795108</v>
      </c>
      <c r="M2192" s="57">
        <f>Bühler!M2218</f>
        <v>0</v>
      </c>
      <c r="N2192" s="55">
        <f>IF(Input!$K$13=1,J2192*Input!$J$13,0)+IF(Input!$K$14=1,K2192*Input!$J$14,0)+IF(Input!$K$15=1,L2192*Input!$J$15,0)+IF(Input!$K$16=1,M2192*Input!$J$16,0)</f>
        <v>1.3536269549258446</v>
      </c>
      <c r="O2192" s="58">
        <f>IF(Input!$K$13=2,J2192*Input!$J$13,0)+IF(Input!$K$14=2,K2192*Input!$J$14,0)+IF(Input!$K$15=2,L2192*Input!$J$15,0)+IF(Input!$K$16=2,M2192*Input!$J$16,0)</f>
        <v>4.4887689528646788E-2</v>
      </c>
      <c r="P2192" s="58">
        <f>IF(Input!$K$13=3,J2192*Input!$J$13,0)+IF(Input!$K$14=3,K2192*Input!$J$14,0)+IF(Input!$K$15=3,L2192*Input!$J$15,0)+IF(Input!$K$16=3,M2192*Input!$J$16,0)</f>
        <v>0</v>
      </c>
      <c r="Q2192" s="71">
        <f>IF(Input!$K$13=4,J2192*Input!$J$13,0)+IF(Input!$K$14=4,K2192*Input!$J$14,0)+IF(Input!$K$15=4,L2192*Input!$J$15,0)+IF(Input!$K$16=4,M2192*Input!$J$16,0)</f>
        <v>0</v>
      </c>
    </row>
    <row r="2193" spans="8:17" x14ac:dyDescent="0.25">
      <c r="H2193" s="43">
        <v>2186</v>
      </c>
      <c r="I2193" s="55">
        <f>Bühler!I2219</f>
        <v>2.1685150770723336</v>
      </c>
      <c r="J2193" s="58">
        <f>Bühler!J2219</f>
        <v>11.292773901448427</v>
      </c>
      <c r="K2193" s="58">
        <f>Bühler!K2219</f>
        <v>0.33250140391590216</v>
      </c>
      <c r="L2193" s="58">
        <f>Bühler!L2219</f>
        <v>0.16625070195795108</v>
      </c>
      <c r="M2193" s="57">
        <f>Bühler!M2219</f>
        <v>0</v>
      </c>
      <c r="N2193" s="55">
        <f>IF(Input!$K$13=1,J2193*Input!$J$13,0)+IF(Input!$K$14=1,K2193*Input!$J$14,0)+IF(Input!$K$15=1,L2193*Input!$J$15,0)+IF(Input!$K$16=1,M2193*Input!$J$16,0)</f>
        <v>1.3551328681738113</v>
      </c>
      <c r="O2193" s="58">
        <f>IF(Input!$K$13=2,J2193*Input!$J$13,0)+IF(Input!$K$14=2,K2193*Input!$J$14,0)+IF(Input!$K$15=2,L2193*Input!$J$15,0)+IF(Input!$K$16=2,M2193*Input!$J$16,0)</f>
        <v>4.4887689528646788E-2</v>
      </c>
      <c r="P2193" s="58">
        <f>IF(Input!$K$13=3,J2193*Input!$J$13,0)+IF(Input!$K$14=3,K2193*Input!$J$14,0)+IF(Input!$K$15=3,L2193*Input!$J$15,0)+IF(Input!$K$16=3,M2193*Input!$J$16,0)</f>
        <v>0</v>
      </c>
      <c r="Q2193" s="71">
        <f>IF(Input!$K$13=4,J2193*Input!$J$13,0)+IF(Input!$K$14=4,K2193*Input!$J$14,0)+IF(Input!$K$15=4,L2193*Input!$J$15,0)+IF(Input!$K$16=4,M2193*Input!$J$16,0)</f>
        <v>0</v>
      </c>
    </row>
    <row r="2194" spans="8:17" x14ac:dyDescent="0.25">
      <c r="H2194" s="43">
        <v>2187</v>
      </c>
      <c r="I2194" s="55">
        <f>Bühler!I2220</f>
        <v>2.1685150770723336</v>
      </c>
      <c r="J2194" s="58">
        <f>Bühler!J2220</f>
        <v>11.292773901448427</v>
      </c>
      <c r="K2194" s="58">
        <f>Bühler!K2220</f>
        <v>0.33250140391590216</v>
      </c>
      <c r="L2194" s="58">
        <f>Bühler!L2220</f>
        <v>0.16625070195795108</v>
      </c>
      <c r="M2194" s="57">
        <f>Bühler!M2220</f>
        <v>0</v>
      </c>
      <c r="N2194" s="55">
        <f>IF(Input!$K$13=1,J2194*Input!$J$13,0)+IF(Input!$K$14=1,K2194*Input!$J$14,0)+IF(Input!$K$15=1,L2194*Input!$J$15,0)+IF(Input!$K$16=1,M2194*Input!$J$16,0)</f>
        <v>1.3551328681738113</v>
      </c>
      <c r="O2194" s="58">
        <f>IF(Input!$K$13=2,J2194*Input!$J$13,0)+IF(Input!$K$14=2,K2194*Input!$J$14,0)+IF(Input!$K$15=2,L2194*Input!$J$15,0)+IF(Input!$K$16=2,M2194*Input!$J$16,0)</f>
        <v>4.4887689528646788E-2</v>
      </c>
      <c r="P2194" s="58">
        <f>IF(Input!$K$13=3,J2194*Input!$J$13,0)+IF(Input!$K$14=3,K2194*Input!$J$14,0)+IF(Input!$K$15=3,L2194*Input!$J$15,0)+IF(Input!$K$16=3,M2194*Input!$J$16,0)</f>
        <v>0</v>
      </c>
      <c r="Q2194" s="71">
        <f>IF(Input!$K$13=4,J2194*Input!$J$13,0)+IF(Input!$K$14=4,K2194*Input!$J$14,0)+IF(Input!$K$15=4,L2194*Input!$J$15,0)+IF(Input!$K$16=4,M2194*Input!$J$16,0)</f>
        <v>0</v>
      </c>
    </row>
    <row r="2195" spans="8:17" x14ac:dyDescent="0.25">
      <c r="H2195" s="43">
        <v>2188</v>
      </c>
      <c r="I2195" s="55">
        <f>Bühler!I2221</f>
        <v>2.1685150770723336</v>
      </c>
      <c r="J2195" s="58">
        <f>Bühler!J2221</f>
        <v>11.292773901448427</v>
      </c>
      <c r="K2195" s="58">
        <f>Bühler!K2221</f>
        <v>0.33250140391590216</v>
      </c>
      <c r="L2195" s="58">
        <f>Bühler!L2221</f>
        <v>0.16625070195795108</v>
      </c>
      <c r="M2195" s="57">
        <f>Bühler!M2221</f>
        <v>0</v>
      </c>
      <c r="N2195" s="55">
        <f>IF(Input!$K$13=1,J2195*Input!$J$13,0)+IF(Input!$K$14=1,K2195*Input!$J$14,0)+IF(Input!$K$15=1,L2195*Input!$J$15,0)+IF(Input!$K$16=1,M2195*Input!$J$16,0)</f>
        <v>1.3551328681738113</v>
      </c>
      <c r="O2195" s="58">
        <f>IF(Input!$K$13=2,J2195*Input!$J$13,0)+IF(Input!$K$14=2,K2195*Input!$J$14,0)+IF(Input!$K$15=2,L2195*Input!$J$15,0)+IF(Input!$K$16=2,M2195*Input!$J$16,0)</f>
        <v>4.4887689528646788E-2</v>
      </c>
      <c r="P2195" s="58">
        <f>IF(Input!$K$13=3,J2195*Input!$J$13,0)+IF(Input!$K$14=3,K2195*Input!$J$14,0)+IF(Input!$K$15=3,L2195*Input!$J$15,0)+IF(Input!$K$16=3,M2195*Input!$J$16,0)</f>
        <v>0</v>
      </c>
      <c r="Q2195" s="71">
        <f>IF(Input!$K$13=4,J2195*Input!$J$13,0)+IF(Input!$K$14=4,K2195*Input!$J$14,0)+IF(Input!$K$15=4,L2195*Input!$J$15,0)+IF(Input!$K$16=4,M2195*Input!$J$16,0)</f>
        <v>0</v>
      </c>
    </row>
    <row r="2196" spans="8:17" x14ac:dyDescent="0.25">
      <c r="H2196" s="43">
        <v>2189</v>
      </c>
      <c r="I2196" s="55">
        <f>Bühler!I2222</f>
        <v>2.1685150770723336</v>
      </c>
      <c r="J2196" s="58">
        <f>Bühler!J2222</f>
        <v>11.292773901448427</v>
      </c>
      <c r="K2196" s="58">
        <f>Bühler!K2222</f>
        <v>0.33250140391590216</v>
      </c>
      <c r="L2196" s="58">
        <f>Bühler!L2222</f>
        <v>0.16625070195795108</v>
      </c>
      <c r="M2196" s="57">
        <f>Bühler!M2222</f>
        <v>0</v>
      </c>
      <c r="N2196" s="55">
        <f>IF(Input!$K$13=1,J2196*Input!$J$13,0)+IF(Input!$K$14=1,K2196*Input!$J$14,0)+IF(Input!$K$15=1,L2196*Input!$J$15,0)+IF(Input!$K$16=1,M2196*Input!$J$16,0)</f>
        <v>1.3551328681738113</v>
      </c>
      <c r="O2196" s="58">
        <f>IF(Input!$K$13=2,J2196*Input!$J$13,0)+IF(Input!$K$14=2,K2196*Input!$J$14,0)+IF(Input!$K$15=2,L2196*Input!$J$15,0)+IF(Input!$K$16=2,M2196*Input!$J$16,0)</f>
        <v>4.4887689528646788E-2</v>
      </c>
      <c r="P2196" s="58">
        <f>IF(Input!$K$13=3,J2196*Input!$J$13,0)+IF(Input!$K$14=3,K2196*Input!$J$14,0)+IF(Input!$K$15=3,L2196*Input!$J$15,0)+IF(Input!$K$16=3,M2196*Input!$J$16,0)</f>
        <v>0</v>
      </c>
      <c r="Q2196" s="71">
        <f>IF(Input!$K$13=4,J2196*Input!$J$13,0)+IF(Input!$K$14=4,K2196*Input!$J$14,0)+IF(Input!$K$15=4,L2196*Input!$J$15,0)+IF(Input!$K$16=4,M2196*Input!$J$16,0)</f>
        <v>0</v>
      </c>
    </row>
    <row r="2197" spans="8:17" x14ac:dyDescent="0.25">
      <c r="H2197" s="43">
        <v>2190</v>
      </c>
      <c r="I2197" s="55">
        <f>Bühler!I2223</f>
        <v>2.710643846340417</v>
      </c>
      <c r="J2197" s="58">
        <f>Bühler!J2223</f>
        <v>11.315362600167932</v>
      </c>
      <c r="K2197" s="58">
        <f>Bühler!K2223</f>
        <v>0.33250140391590216</v>
      </c>
      <c r="L2197" s="58">
        <f>Bühler!L2223</f>
        <v>0.16625070195795108</v>
      </c>
      <c r="M2197" s="57">
        <f>Bühler!M2223</f>
        <v>0</v>
      </c>
      <c r="N2197" s="55">
        <f>IF(Input!$K$13=1,J2197*Input!$J$13,0)+IF(Input!$K$14=1,K2197*Input!$J$14,0)+IF(Input!$K$15=1,L2197*Input!$J$15,0)+IF(Input!$K$16=1,M2197*Input!$J$16,0)</f>
        <v>1.3578435120201517</v>
      </c>
      <c r="O2197" s="58">
        <f>IF(Input!$K$13=2,J2197*Input!$J$13,0)+IF(Input!$K$14=2,K2197*Input!$J$14,0)+IF(Input!$K$15=2,L2197*Input!$J$15,0)+IF(Input!$K$16=2,M2197*Input!$J$16,0)</f>
        <v>4.4887689528646788E-2</v>
      </c>
      <c r="P2197" s="58">
        <f>IF(Input!$K$13=3,J2197*Input!$J$13,0)+IF(Input!$K$14=3,K2197*Input!$J$14,0)+IF(Input!$K$15=3,L2197*Input!$J$15,0)+IF(Input!$K$16=3,M2197*Input!$J$16,0)</f>
        <v>0</v>
      </c>
      <c r="Q2197" s="71">
        <f>IF(Input!$K$13=4,J2197*Input!$J$13,0)+IF(Input!$K$14=4,K2197*Input!$J$14,0)+IF(Input!$K$15=4,L2197*Input!$J$15,0)+IF(Input!$K$16=4,M2197*Input!$J$16,0)</f>
        <v>0</v>
      </c>
    </row>
    <row r="2198" spans="8:17" x14ac:dyDescent="0.25">
      <c r="H2198" s="43">
        <v>2191</v>
      </c>
      <c r="I2198" s="55">
        <f>Bühler!I2224</f>
        <v>3.1925360856898246</v>
      </c>
      <c r="J2198" s="58">
        <f>Bühler!J2224</f>
        <v>11.335441443474156</v>
      </c>
      <c r="K2198" s="58">
        <f>Bühler!K2224</f>
        <v>0.33250140391590216</v>
      </c>
      <c r="L2198" s="58">
        <f>Bühler!L2224</f>
        <v>0.16625070195795108</v>
      </c>
      <c r="M2198" s="57">
        <f>Bühler!M2224</f>
        <v>0</v>
      </c>
      <c r="N2198" s="55">
        <f>IF(Input!$K$13=1,J2198*Input!$J$13,0)+IF(Input!$K$14=1,K2198*Input!$J$14,0)+IF(Input!$K$15=1,L2198*Input!$J$15,0)+IF(Input!$K$16=1,M2198*Input!$J$16,0)</f>
        <v>1.3602529732168986</v>
      </c>
      <c r="O2198" s="58">
        <f>IF(Input!$K$13=2,J2198*Input!$J$13,0)+IF(Input!$K$14=2,K2198*Input!$J$14,0)+IF(Input!$K$15=2,L2198*Input!$J$15,0)+IF(Input!$K$16=2,M2198*Input!$J$16,0)</f>
        <v>4.4887689528646788E-2</v>
      </c>
      <c r="P2198" s="58">
        <f>IF(Input!$K$13=3,J2198*Input!$J$13,0)+IF(Input!$K$14=3,K2198*Input!$J$14,0)+IF(Input!$K$15=3,L2198*Input!$J$15,0)+IF(Input!$K$16=3,M2198*Input!$J$16,0)</f>
        <v>0</v>
      </c>
      <c r="Q2198" s="71">
        <f>IF(Input!$K$13=4,J2198*Input!$J$13,0)+IF(Input!$K$14=4,K2198*Input!$J$14,0)+IF(Input!$K$15=4,L2198*Input!$J$15,0)+IF(Input!$K$16=4,M2198*Input!$J$16,0)</f>
        <v>0</v>
      </c>
    </row>
    <row r="2199" spans="8:17" x14ac:dyDescent="0.25">
      <c r="H2199" s="43">
        <v>2192</v>
      </c>
      <c r="I2199" s="55">
        <f>Bühler!I2225</f>
        <v>3.7949013848765838</v>
      </c>
      <c r="J2199" s="58">
        <f>Bühler!J2225</f>
        <v>11.360539997606937</v>
      </c>
      <c r="K2199" s="58">
        <f>Bühler!K2225</f>
        <v>0.33250140391590216</v>
      </c>
      <c r="L2199" s="58">
        <f>Bühler!L2225</f>
        <v>0.16625070195795108</v>
      </c>
      <c r="M2199" s="57">
        <f>Bühler!M2225</f>
        <v>0</v>
      </c>
      <c r="N2199" s="55">
        <f>IF(Input!$K$13=1,J2199*Input!$J$13,0)+IF(Input!$K$14=1,K2199*Input!$J$14,0)+IF(Input!$K$15=1,L2199*Input!$J$15,0)+IF(Input!$K$16=1,M2199*Input!$J$16,0)</f>
        <v>1.3632647997128324</v>
      </c>
      <c r="O2199" s="58">
        <f>IF(Input!$K$13=2,J2199*Input!$J$13,0)+IF(Input!$K$14=2,K2199*Input!$J$14,0)+IF(Input!$K$15=2,L2199*Input!$J$15,0)+IF(Input!$K$16=2,M2199*Input!$J$16,0)</f>
        <v>4.4887689528646788E-2</v>
      </c>
      <c r="P2199" s="58">
        <f>IF(Input!$K$13=3,J2199*Input!$J$13,0)+IF(Input!$K$14=3,K2199*Input!$J$14,0)+IF(Input!$K$15=3,L2199*Input!$J$15,0)+IF(Input!$K$16=3,M2199*Input!$J$16,0)</f>
        <v>0</v>
      </c>
      <c r="Q2199" s="71">
        <f>IF(Input!$K$13=4,J2199*Input!$J$13,0)+IF(Input!$K$14=4,K2199*Input!$J$14,0)+IF(Input!$K$15=4,L2199*Input!$J$15,0)+IF(Input!$K$16=4,M2199*Input!$J$16,0)</f>
        <v>0</v>
      </c>
    </row>
    <row r="2200" spans="8:17" x14ac:dyDescent="0.25">
      <c r="H2200" s="43">
        <v>2193</v>
      </c>
      <c r="I2200" s="55">
        <f>Bühler!I2226</f>
        <v>3.7949013848765838</v>
      </c>
      <c r="J2200" s="58">
        <f>Bühler!J2226</f>
        <v>11.360539997606937</v>
      </c>
      <c r="K2200" s="58">
        <f>Bühler!K2226</f>
        <v>0.33250140391590216</v>
      </c>
      <c r="L2200" s="58">
        <f>Bühler!L2226</f>
        <v>0.16625070195795108</v>
      </c>
      <c r="M2200" s="57">
        <f>Bühler!M2226</f>
        <v>0</v>
      </c>
      <c r="N2200" s="55">
        <f>IF(Input!$K$13=1,J2200*Input!$J$13,0)+IF(Input!$K$14=1,K2200*Input!$J$14,0)+IF(Input!$K$15=1,L2200*Input!$J$15,0)+IF(Input!$K$16=1,M2200*Input!$J$16,0)</f>
        <v>1.3632647997128324</v>
      </c>
      <c r="O2200" s="58">
        <f>IF(Input!$K$13=2,J2200*Input!$J$13,0)+IF(Input!$K$14=2,K2200*Input!$J$14,0)+IF(Input!$K$15=2,L2200*Input!$J$15,0)+IF(Input!$K$16=2,M2200*Input!$J$16,0)</f>
        <v>4.4887689528646788E-2</v>
      </c>
      <c r="P2200" s="58">
        <f>IF(Input!$K$13=3,J2200*Input!$J$13,0)+IF(Input!$K$14=3,K2200*Input!$J$14,0)+IF(Input!$K$15=3,L2200*Input!$J$15,0)+IF(Input!$K$16=3,M2200*Input!$J$16,0)</f>
        <v>0</v>
      </c>
      <c r="Q2200" s="71">
        <f>IF(Input!$K$13=4,J2200*Input!$J$13,0)+IF(Input!$K$14=4,K2200*Input!$J$14,0)+IF(Input!$K$15=4,L2200*Input!$J$15,0)+IF(Input!$K$16=4,M2200*Input!$J$16,0)</f>
        <v>0</v>
      </c>
    </row>
    <row r="2201" spans="8:17" x14ac:dyDescent="0.25">
      <c r="H2201" s="43">
        <v>2194</v>
      </c>
      <c r="I2201" s="55">
        <f>Bühler!I2227</f>
        <v>3.7949013848765838</v>
      </c>
      <c r="J2201" s="58">
        <f>Bühler!J2227</f>
        <v>11.360539997606937</v>
      </c>
      <c r="K2201" s="58">
        <f>Bühler!K2227</f>
        <v>0.33250140391590216</v>
      </c>
      <c r="L2201" s="58">
        <f>Bühler!L2227</f>
        <v>0.16625070195795108</v>
      </c>
      <c r="M2201" s="57">
        <f>Bühler!M2227</f>
        <v>0</v>
      </c>
      <c r="N2201" s="55">
        <f>IF(Input!$K$13=1,J2201*Input!$J$13,0)+IF(Input!$K$14=1,K2201*Input!$J$14,0)+IF(Input!$K$15=1,L2201*Input!$J$15,0)+IF(Input!$K$16=1,M2201*Input!$J$16,0)</f>
        <v>1.3632647997128324</v>
      </c>
      <c r="O2201" s="58">
        <f>IF(Input!$K$13=2,J2201*Input!$J$13,0)+IF(Input!$K$14=2,K2201*Input!$J$14,0)+IF(Input!$K$15=2,L2201*Input!$J$15,0)+IF(Input!$K$16=2,M2201*Input!$J$16,0)</f>
        <v>4.4887689528646788E-2</v>
      </c>
      <c r="P2201" s="58">
        <f>IF(Input!$K$13=3,J2201*Input!$J$13,0)+IF(Input!$K$14=3,K2201*Input!$J$14,0)+IF(Input!$K$15=3,L2201*Input!$J$15,0)+IF(Input!$K$16=3,M2201*Input!$J$16,0)</f>
        <v>0</v>
      </c>
      <c r="Q2201" s="71">
        <f>IF(Input!$K$13=4,J2201*Input!$J$13,0)+IF(Input!$K$14=4,K2201*Input!$J$14,0)+IF(Input!$K$15=4,L2201*Input!$J$15,0)+IF(Input!$K$16=4,M2201*Input!$J$16,0)</f>
        <v>0</v>
      </c>
    </row>
    <row r="2202" spans="8:17" x14ac:dyDescent="0.25">
      <c r="H2202" s="43">
        <v>2195</v>
      </c>
      <c r="I2202" s="55">
        <f>Bühler!I2228</f>
        <v>3.7949013848765838</v>
      </c>
      <c r="J2202" s="58">
        <f>Bühler!J2228</f>
        <v>11.360539997606937</v>
      </c>
      <c r="K2202" s="58">
        <f>Bühler!K2228</f>
        <v>0.33250140391590216</v>
      </c>
      <c r="L2202" s="58">
        <f>Bühler!L2228</f>
        <v>0.16625070195795108</v>
      </c>
      <c r="M2202" s="57">
        <f>Bühler!M2228</f>
        <v>0</v>
      </c>
      <c r="N2202" s="55">
        <f>IF(Input!$K$13=1,J2202*Input!$J$13,0)+IF(Input!$K$14=1,K2202*Input!$J$14,0)+IF(Input!$K$15=1,L2202*Input!$J$15,0)+IF(Input!$K$16=1,M2202*Input!$J$16,0)</f>
        <v>1.3632647997128324</v>
      </c>
      <c r="O2202" s="58">
        <f>IF(Input!$K$13=2,J2202*Input!$J$13,0)+IF(Input!$K$14=2,K2202*Input!$J$14,0)+IF(Input!$K$15=2,L2202*Input!$J$15,0)+IF(Input!$K$16=2,M2202*Input!$J$16,0)</f>
        <v>4.4887689528646788E-2</v>
      </c>
      <c r="P2202" s="58">
        <f>IF(Input!$K$13=3,J2202*Input!$J$13,0)+IF(Input!$K$14=3,K2202*Input!$J$14,0)+IF(Input!$K$15=3,L2202*Input!$J$15,0)+IF(Input!$K$16=3,M2202*Input!$J$16,0)</f>
        <v>0</v>
      </c>
      <c r="Q2202" s="71">
        <f>IF(Input!$K$13=4,J2202*Input!$J$13,0)+IF(Input!$K$14=4,K2202*Input!$J$14,0)+IF(Input!$K$15=4,L2202*Input!$J$15,0)+IF(Input!$K$16=4,M2202*Input!$J$16,0)</f>
        <v>0</v>
      </c>
    </row>
    <row r="2203" spans="8:17" x14ac:dyDescent="0.25">
      <c r="H2203" s="43">
        <v>2196</v>
      </c>
      <c r="I2203" s="55">
        <f>Bühler!I2229</f>
        <v>3.7949013848765838</v>
      </c>
      <c r="J2203" s="58">
        <f>Bühler!J2229</f>
        <v>11.360539997606937</v>
      </c>
      <c r="K2203" s="58">
        <f>Bühler!K2229</f>
        <v>0.33250140391590216</v>
      </c>
      <c r="L2203" s="58">
        <f>Bühler!L2229</f>
        <v>0.16625070195795108</v>
      </c>
      <c r="M2203" s="57">
        <f>Bühler!M2229</f>
        <v>0</v>
      </c>
      <c r="N2203" s="55">
        <f>IF(Input!$K$13=1,J2203*Input!$J$13,0)+IF(Input!$K$14=1,K2203*Input!$J$14,0)+IF(Input!$K$15=1,L2203*Input!$J$15,0)+IF(Input!$K$16=1,M2203*Input!$J$16,0)</f>
        <v>1.3632647997128324</v>
      </c>
      <c r="O2203" s="58">
        <f>IF(Input!$K$13=2,J2203*Input!$J$13,0)+IF(Input!$K$14=2,K2203*Input!$J$14,0)+IF(Input!$K$15=2,L2203*Input!$J$15,0)+IF(Input!$K$16=2,M2203*Input!$J$16,0)</f>
        <v>4.4887689528646788E-2</v>
      </c>
      <c r="P2203" s="58">
        <f>IF(Input!$K$13=3,J2203*Input!$J$13,0)+IF(Input!$K$14=3,K2203*Input!$J$14,0)+IF(Input!$K$15=3,L2203*Input!$J$15,0)+IF(Input!$K$16=3,M2203*Input!$J$16,0)</f>
        <v>0</v>
      </c>
      <c r="Q2203" s="71">
        <f>IF(Input!$K$13=4,J2203*Input!$J$13,0)+IF(Input!$K$14=4,K2203*Input!$J$14,0)+IF(Input!$K$15=4,L2203*Input!$J$15,0)+IF(Input!$K$16=4,M2203*Input!$J$16,0)</f>
        <v>0</v>
      </c>
    </row>
    <row r="2204" spans="8:17" x14ac:dyDescent="0.25">
      <c r="H2204" s="43">
        <v>2197</v>
      </c>
      <c r="I2204" s="55">
        <f>Bühler!I2230</f>
        <v>3.7949013848765838</v>
      </c>
      <c r="J2204" s="58">
        <f>Bühler!J2230</f>
        <v>11.360539997606937</v>
      </c>
      <c r="K2204" s="58">
        <f>Bühler!K2230</f>
        <v>0.33250140391590216</v>
      </c>
      <c r="L2204" s="58">
        <f>Bühler!L2230</f>
        <v>0.16625070195795108</v>
      </c>
      <c r="M2204" s="57">
        <f>Bühler!M2230</f>
        <v>0</v>
      </c>
      <c r="N2204" s="55">
        <f>IF(Input!$K$13=1,J2204*Input!$J$13,0)+IF(Input!$K$14=1,K2204*Input!$J$14,0)+IF(Input!$K$15=1,L2204*Input!$J$15,0)+IF(Input!$K$16=1,M2204*Input!$J$16,0)</f>
        <v>1.3632647997128324</v>
      </c>
      <c r="O2204" s="58">
        <f>IF(Input!$K$13=2,J2204*Input!$J$13,0)+IF(Input!$K$14=2,K2204*Input!$J$14,0)+IF(Input!$K$15=2,L2204*Input!$J$15,0)+IF(Input!$K$16=2,M2204*Input!$J$16,0)</f>
        <v>4.4887689528646788E-2</v>
      </c>
      <c r="P2204" s="58">
        <f>IF(Input!$K$13=3,J2204*Input!$J$13,0)+IF(Input!$K$14=3,K2204*Input!$J$14,0)+IF(Input!$K$15=3,L2204*Input!$J$15,0)+IF(Input!$K$16=3,M2204*Input!$J$16,0)</f>
        <v>0</v>
      </c>
      <c r="Q2204" s="71">
        <f>IF(Input!$K$13=4,J2204*Input!$J$13,0)+IF(Input!$K$14=4,K2204*Input!$J$14,0)+IF(Input!$K$15=4,L2204*Input!$J$15,0)+IF(Input!$K$16=4,M2204*Input!$J$16,0)</f>
        <v>0</v>
      </c>
    </row>
    <row r="2205" spans="8:17" x14ac:dyDescent="0.25">
      <c r="H2205" s="43">
        <v>2198</v>
      </c>
      <c r="I2205" s="55">
        <f>Bühler!I2231</f>
        <v>3.7949013848765838</v>
      </c>
      <c r="J2205" s="58">
        <f>Bühler!J2231</f>
        <v>11.360539997606937</v>
      </c>
      <c r="K2205" s="58">
        <f>Bühler!K2231</f>
        <v>0.33250140391590216</v>
      </c>
      <c r="L2205" s="58">
        <f>Bühler!L2231</f>
        <v>0.16625070195795108</v>
      </c>
      <c r="M2205" s="57">
        <f>Bühler!M2231</f>
        <v>0</v>
      </c>
      <c r="N2205" s="55">
        <f>IF(Input!$K$13=1,J2205*Input!$J$13,0)+IF(Input!$K$14=1,K2205*Input!$J$14,0)+IF(Input!$K$15=1,L2205*Input!$J$15,0)+IF(Input!$K$16=1,M2205*Input!$J$16,0)</f>
        <v>1.3632647997128324</v>
      </c>
      <c r="O2205" s="58">
        <f>IF(Input!$K$13=2,J2205*Input!$J$13,0)+IF(Input!$K$14=2,K2205*Input!$J$14,0)+IF(Input!$K$15=2,L2205*Input!$J$15,0)+IF(Input!$K$16=2,M2205*Input!$J$16,0)</f>
        <v>4.4887689528646788E-2</v>
      </c>
      <c r="P2205" s="58">
        <f>IF(Input!$K$13=3,J2205*Input!$J$13,0)+IF(Input!$K$14=3,K2205*Input!$J$14,0)+IF(Input!$K$15=3,L2205*Input!$J$15,0)+IF(Input!$K$16=3,M2205*Input!$J$16,0)</f>
        <v>0</v>
      </c>
      <c r="Q2205" s="71">
        <f>IF(Input!$K$13=4,J2205*Input!$J$13,0)+IF(Input!$K$14=4,K2205*Input!$J$14,0)+IF(Input!$K$15=4,L2205*Input!$J$15,0)+IF(Input!$K$16=4,M2205*Input!$J$16,0)</f>
        <v>0</v>
      </c>
    </row>
    <row r="2206" spans="8:17" x14ac:dyDescent="0.25">
      <c r="H2206" s="43">
        <v>2199</v>
      </c>
      <c r="I2206" s="55">
        <f>Bühler!I2232</f>
        <v>3.7949013848765838</v>
      </c>
      <c r="J2206" s="58">
        <f>Bühler!J2232</f>
        <v>11.360539997606937</v>
      </c>
      <c r="K2206" s="58">
        <f>Bühler!K2232</f>
        <v>0.33250140391590216</v>
      </c>
      <c r="L2206" s="58">
        <f>Bühler!L2232</f>
        <v>0.16625070195795108</v>
      </c>
      <c r="M2206" s="57">
        <f>Bühler!M2232</f>
        <v>0</v>
      </c>
      <c r="N2206" s="55">
        <f>IF(Input!$K$13=1,J2206*Input!$J$13,0)+IF(Input!$K$14=1,K2206*Input!$J$14,0)+IF(Input!$K$15=1,L2206*Input!$J$15,0)+IF(Input!$K$16=1,M2206*Input!$J$16,0)</f>
        <v>1.3632647997128324</v>
      </c>
      <c r="O2206" s="58">
        <f>IF(Input!$K$13=2,J2206*Input!$J$13,0)+IF(Input!$K$14=2,K2206*Input!$J$14,0)+IF(Input!$K$15=2,L2206*Input!$J$15,0)+IF(Input!$K$16=2,M2206*Input!$J$16,0)</f>
        <v>4.4887689528646788E-2</v>
      </c>
      <c r="P2206" s="58">
        <f>IF(Input!$K$13=3,J2206*Input!$J$13,0)+IF(Input!$K$14=3,K2206*Input!$J$14,0)+IF(Input!$K$15=3,L2206*Input!$J$15,0)+IF(Input!$K$16=3,M2206*Input!$J$16,0)</f>
        <v>0</v>
      </c>
      <c r="Q2206" s="71">
        <f>IF(Input!$K$13=4,J2206*Input!$J$13,0)+IF(Input!$K$14=4,K2206*Input!$J$14,0)+IF(Input!$K$15=4,L2206*Input!$J$15,0)+IF(Input!$K$16=4,M2206*Input!$J$16,0)</f>
        <v>0</v>
      </c>
    </row>
    <row r="2207" spans="8:17" x14ac:dyDescent="0.25">
      <c r="H2207" s="43">
        <v>2200</v>
      </c>
      <c r="I2207" s="55">
        <f>Bühler!I2233</f>
        <v>3.3732456754458524</v>
      </c>
      <c r="J2207" s="58">
        <f>Bühler!J2233</f>
        <v>11.34297100971399</v>
      </c>
      <c r="K2207" s="58">
        <f>Bühler!K2233</f>
        <v>0.33250140391590216</v>
      </c>
      <c r="L2207" s="58">
        <f>Bühler!L2233</f>
        <v>0.16625070195795108</v>
      </c>
      <c r="M2207" s="57">
        <f>Bühler!M2233</f>
        <v>0</v>
      </c>
      <c r="N2207" s="55">
        <f>IF(Input!$K$13=1,J2207*Input!$J$13,0)+IF(Input!$K$14=1,K2207*Input!$J$14,0)+IF(Input!$K$15=1,L2207*Input!$J$15,0)+IF(Input!$K$16=1,M2207*Input!$J$16,0)</f>
        <v>1.3611565211656786</v>
      </c>
      <c r="O2207" s="58">
        <f>IF(Input!$K$13=2,J2207*Input!$J$13,0)+IF(Input!$K$14=2,K2207*Input!$J$14,0)+IF(Input!$K$15=2,L2207*Input!$J$15,0)+IF(Input!$K$16=2,M2207*Input!$J$16,0)</f>
        <v>4.4887689528646788E-2</v>
      </c>
      <c r="P2207" s="58">
        <f>IF(Input!$K$13=3,J2207*Input!$J$13,0)+IF(Input!$K$14=3,K2207*Input!$J$14,0)+IF(Input!$K$15=3,L2207*Input!$J$15,0)+IF(Input!$K$16=3,M2207*Input!$J$16,0)</f>
        <v>0</v>
      </c>
      <c r="Q2207" s="71">
        <f>IF(Input!$K$13=4,J2207*Input!$J$13,0)+IF(Input!$K$14=4,K2207*Input!$J$14,0)+IF(Input!$K$15=4,L2207*Input!$J$15,0)+IF(Input!$K$16=4,M2207*Input!$J$16,0)</f>
        <v>0</v>
      </c>
    </row>
    <row r="2208" spans="8:17" x14ac:dyDescent="0.25">
      <c r="H2208" s="43">
        <v>2201</v>
      </c>
      <c r="I2208" s="55">
        <f>Bühler!I2234</f>
        <v>3.3130091455271766</v>
      </c>
      <c r="J2208" s="58">
        <f>Bühler!J2234</f>
        <v>11.340461154300712</v>
      </c>
      <c r="K2208" s="58">
        <f>Bühler!K2234</f>
        <v>0.33250140391590216</v>
      </c>
      <c r="L2208" s="58">
        <f>Bühler!L2234</f>
        <v>0.16625070195795108</v>
      </c>
      <c r="M2208" s="57">
        <f>Bühler!M2234</f>
        <v>0</v>
      </c>
      <c r="N2208" s="55">
        <f>IF(Input!$K$13=1,J2208*Input!$J$13,0)+IF(Input!$K$14=1,K2208*Input!$J$14,0)+IF(Input!$K$15=1,L2208*Input!$J$15,0)+IF(Input!$K$16=1,M2208*Input!$J$16,0)</f>
        <v>1.3608553385160853</v>
      </c>
      <c r="O2208" s="58">
        <f>IF(Input!$K$13=2,J2208*Input!$J$13,0)+IF(Input!$K$14=2,K2208*Input!$J$14,0)+IF(Input!$K$15=2,L2208*Input!$J$15,0)+IF(Input!$K$16=2,M2208*Input!$J$16,0)</f>
        <v>4.4887689528646788E-2</v>
      </c>
      <c r="P2208" s="58">
        <f>IF(Input!$K$13=3,J2208*Input!$J$13,0)+IF(Input!$K$14=3,K2208*Input!$J$14,0)+IF(Input!$K$15=3,L2208*Input!$J$15,0)+IF(Input!$K$16=3,M2208*Input!$J$16,0)</f>
        <v>0</v>
      </c>
      <c r="Q2208" s="71">
        <f>IF(Input!$K$13=4,J2208*Input!$J$13,0)+IF(Input!$K$14=4,K2208*Input!$J$14,0)+IF(Input!$K$15=4,L2208*Input!$J$15,0)+IF(Input!$K$16=4,M2208*Input!$J$16,0)</f>
        <v>0</v>
      </c>
    </row>
    <row r="2209" spans="8:17" x14ac:dyDescent="0.25">
      <c r="H2209" s="43">
        <v>2202</v>
      </c>
      <c r="I2209" s="55">
        <f>Bühler!I2235</f>
        <v>2.8311169061777695</v>
      </c>
      <c r="J2209" s="58">
        <f>Bühler!J2235</f>
        <v>11.320382310994487</v>
      </c>
      <c r="K2209" s="58">
        <f>Bühler!K2235</f>
        <v>0.33250140391590216</v>
      </c>
      <c r="L2209" s="58">
        <f>Bühler!L2235</f>
        <v>0.16625070195795108</v>
      </c>
      <c r="M2209" s="57">
        <f>Bühler!M2235</f>
        <v>0</v>
      </c>
      <c r="N2209" s="55">
        <f>IF(Input!$K$13=1,J2209*Input!$J$13,0)+IF(Input!$K$14=1,K2209*Input!$J$14,0)+IF(Input!$K$15=1,L2209*Input!$J$15,0)+IF(Input!$K$16=1,M2209*Input!$J$16,0)</f>
        <v>1.3584458773193384</v>
      </c>
      <c r="O2209" s="58">
        <f>IF(Input!$K$13=2,J2209*Input!$J$13,0)+IF(Input!$K$14=2,K2209*Input!$J$14,0)+IF(Input!$K$15=2,L2209*Input!$J$15,0)+IF(Input!$K$16=2,M2209*Input!$J$16,0)</f>
        <v>4.4887689528646788E-2</v>
      </c>
      <c r="P2209" s="58">
        <f>IF(Input!$K$13=3,J2209*Input!$J$13,0)+IF(Input!$K$14=3,K2209*Input!$J$14,0)+IF(Input!$K$15=3,L2209*Input!$J$15,0)+IF(Input!$K$16=3,M2209*Input!$J$16,0)</f>
        <v>0</v>
      </c>
      <c r="Q2209" s="71">
        <f>IF(Input!$K$13=4,J2209*Input!$J$13,0)+IF(Input!$K$14=4,K2209*Input!$J$14,0)+IF(Input!$K$15=4,L2209*Input!$J$15,0)+IF(Input!$K$16=4,M2209*Input!$J$16,0)</f>
        <v>0</v>
      </c>
    </row>
    <row r="2210" spans="8:17" x14ac:dyDescent="0.25">
      <c r="H2210" s="43">
        <v>2203</v>
      </c>
      <c r="I2210" s="55">
        <f>Bühler!I2236</f>
        <v>2.6504073164217412</v>
      </c>
      <c r="J2210" s="58">
        <f>Bühler!J2236</f>
        <v>11.312852744754654</v>
      </c>
      <c r="K2210" s="58">
        <f>Bühler!K2236</f>
        <v>0.33250140391590216</v>
      </c>
      <c r="L2210" s="58">
        <f>Bühler!L2236</f>
        <v>0.16625070195795108</v>
      </c>
      <c r="M2210" s="57">
        <f>Bühler!M2236</f>
        <v>0</v>
      </c>
      <c r="N2210" s="55">
        <f>IF(Input!$K$13=1,J2210*Input!$J$13,0)+IF(Input!$K$14=1,K2210*Input!$J$14,0)+IF(Input!$K$15=1,L2210*Input!$J$15,0)+IF(Input!$K$16=1,M2210*Input!$J$16,0)</f>
        <v>1.3575423293705584</v>
      </c>
      <c r="O2210" s="58">
        <f>IF(Input!$K$13=2,J2210*Input!$J$13,0)+IF(Input!$K$14=2,K2210*Input!$J$14,0)+IF(Input!$K$15=2,L2210*Input!$J$15,0)+IF(Input!$K$16=2,M2210*Input!$J$16,0)</f>
        <v>4.4887689528646788E-2</v>
      </c>
      <c r="P2210" s="58">
        <f>IF(Input!$K$13=3,J2210*Input!$J$13,0)+IF(Input!$K$14=3,K2210*Input!$J$14,0)+IF(Input!$K$15=3,L2210*Input!$J$15,0)+IF(Input!$K$16=3,M2210*Input!$J$16,0)</f>
        <v>0</v>
      </c>
      <c r="Q2210" s="71">
        <f>IF(Input!$K$13=4,J2210*Input!$J$13,0)+IF(Input!$K$14=4,K2210*Input!$J$14,0)+IF(Input!$K$15=4,L2210*Input!$J$15,0)+IF(Input!$K$16=4,M2210*Input!$J$16,0)</f>
        <v>0</v>
      </c>
    </row>
    <row r="2211" spans="8:17" x14ac:dyDescent="0.25">
      <c r="H2211" s="43">
        <v>2204</v>
      </c>
      <c r="I2211" s="55">
        <f>Bühler!I2237</f>
        <v>2.2287516069910098</v>
      </c>
      <c r="J2211" s="58">
        <f>Bühler!J2237</f>
        <v>11.295283756861707</v>
      </c>
      <c r="K2211" s="58">
        <f>Bühler!K2237</f>
        <v>0.33250140391590216</v>
      </c>
      <c r="L2211" s="58">
        <f>Bühler!L2237</f>
        <v>0.16625070195795108</v>
      </c>
      <c r="M2211" s="57">
        <f>Bühler!M2237</f>
        <v>0</v>
      </c>
      <c r="N2211" s="55">
        <f>IF(Input!$K$13=1,J2211*Input!$J$13,0)+IF(Input!$K$14=1,K2211*Input!$J$14,0)+IF(Input!$K$15=1,L2211*Input!$J$15,0)+IF(Input!$K$16=1,M2211*Input!$J$16,0)</f>
        <v>1.3554340508234048</v>
      </c>
      <c r="O2211" s="58">
        <f>IF(Input!$K$13=2,J2211*Input!$J$13,0)+IF(Input!$K$14=2,K2211*Input!$J$14,0)+IF(Input!$K$15=2,L2211*Input!$J$15,0)+IF(Input!$K$16=2,M2211*Input!$J$16,0)</f>
        <v>4.4887689528646788E-2</v>
      </c>
      <c r="P2211" s="58">
        <f>IF(Input!$K$13=3,J2211*Input!$J$13,0)+IF(Input!$K$14=3,K2211*Input!$J$14,0)+IF(Input!$K$15=3,L2211*Input!$J$15,0)+IF(Input!$K$16=3,M2211*Input!$J$16,0)</f>
        <v>0</v>
      </c>
      <c r="Q2211" s="71">
        <f>IF(Input!$K$13=4,J2211*Input!$J$13,0)+IF(Input!$K$14=4,K2211*Input!$J$14,0)+IF(Input!$K$15=4,L2211*Input!$J$15,0)+IF(Input!$K$16=4,M2211*Input!$J$16,0)</f>
        <v>0</v>
      </c>
    </row>
    <row r="2212" spans="8:17" x14ac:dyDescent="0.25">
      <c r="H2212" s="43">
        <v>2205</v>
      </c>
      <c r="I2212" s="55">
        <f>Bühler!I2238</f>
        <v>1.8673324274789542</v>
      </c>
      <c r="J2212" s="58">
        <f>Bühler!J2238</f>
        <v>11.280224624382038</v>
      </c>
      <c r="K2212" s="58">
        <f>Bühler!K2238</f>
        <v>0.33250140391590216</v>
      </c>
      <c r="L2212" s="58">
        <f>Bühler!L2238</f>
        <v>0.16625070195795108</v>
      </c>
      <c r="M2212" s="57">
        <f>Bühler!M2238</f>
        <v>0</v>
      </c>
      <c r="N2212" s="55">
        <f>IF(Input!$K$13=1,J2212*Input!$J$13,0)+IF(Input!$K$14=1,K2212*Input!$J$14,0)+IF(Input!$K$15=1,L2212*Input!$J$15,0)+IF(Input!$K$16=1,M2212*Input!$J$16,0)</f>
        <v>1.3536269549258446</v>
      </c>
      <c r="O2212" s="58">
        <f>IF(Input!$K$13=2,J2212*Input!$J$13,0)+IF(Input!$K$14=2,K2212*Input!$J$14,0)+IF(Input!$K$15=2,L2212*Input!$J$15,0)+IF(Input!$K$16=2,M2212*Input!$J$16,0)</f>
        <v>4.4887689528646788E-2</v>
      </c>
      <c r="P2212" s="58">
        <f>IF(Input!$K$13=3,J2212*Input!$J$13,0)+IF(Input!$K$14=3,K2212*Input!$J$14,0)+IF(Input!$K$15=3,L2212*Input!$J$15,0)+IF(Input!$K$16=3,M2212*Input!$J$16,0)</f>
        <v>0</v>
      </c>
      <c r="Q2212" s="71">
        <f>IF(Input!$K$13=4,J2212*Input!$J$13,0)+IF(Input!$K$14=4,K2212*Input!$J$14,0)+IF(Input!$K$15=4,L2212*Input!$J$15,0)+IF(Input!$K$16=4,M2212*Input!$J$16,0)</f>
        <v>0</v>
      </c>
    </row>
    <row r="2213" spans="8:17" x14ac:dyDescent="0.25">
      <c r="H2213" s="43">
        <v>2206</v>
      </c>
      <c r="I2213" s="55">
        <f>Bühler!I2239</f>
        <v>1.6263863078042502</v>
      </c>
      <c r="J2213" s="58">
        <f>Bühler!J2239</f>
        <v>11.270185202728925</v>
      </c>
      <c r="K2213" s="58">
        <f>Bühler!K2239</f>
        <v>0.33250140391590216</v>
      </c>
      <c r="L2213" s="58">
        <f>Bühler!L2239</f>
        <v>0.16625070195795108</v>
      </c>
      <c r="M2213" s="57">
        <f>Bühler!M2239</f>
        <v>0</v>
      </c>
      <c r="N2213" s="55">
        <f>IF(Input!$K$13=1,J2213*Input!$J$13,0)+IF(Input!$K$14=1,K2213*Input!$J$14,0)+IF(Input!$K$15=1,L2213*Input!$J$15,0)+IF(Input!$K$16=1,M2213*Input!$J$16,0)</f>
        <v>1.3524222243274708</v>
      </c>
      <c r="O2213" s="58">
        <f>IF(Input!$K$13=2,J2213*Input!$J$13,0)+IF(Input!$K$14=2,K2213*Input!$J$14,0)+IF(Input!$K$15=2,L2213*Input!$J$15,0)+IF(Input!$K$16=2,M2213*Input!$J$16,0)</f>
        <v>4.4887689528646788E-2</v>
      </c>
      <c r="P2213" s="58">
        <f>IF(Input!$K$13=3,J2213*Input!$J$13,0)+IF(Input!$K$14=3,K2213*Input!$J$14,0)+IF(Input!$K$15=3,L2213*Input!$J$15,0)+IF(Input!$K$16=3,M2213*Input!$J$16,0)</f>
        <v>0</v>
      </c>
      <c r="Q2213" s="71">
        <f>IF(Input!$K$13=4,J2213*Input!$J$13,0)+IF(Input!$K$14=4,K2213*Input!$J$14,0)+IF(Input!$K$15=4,L2213*Input!$J$15,0)+IF(Input!$K$16=4,M2213*Input!$J$16,0)</f>
        <v>0</v>
      </c>
    </row>
    <row r="2214" spans="8:17" x14ac:dyDescent="0.25">
      <c r="H2214" s="43">
        <v>2207</v>
      </c>
      <c r="I2214" s="55">
        <f>Bühler!I2240</f>
        <v>1.6263863078042502</v>
      </c>
      <c r="J2214" s="58">
        <f>Bühler!J2240</f>
        <v>11.270185202728925</v>
      </c>
      <c r="K2214" s="58">
        <f>Bühler!K2240</f>
        <v>0.33250140391590216</v>
      </c>
      <c r="L2214" s="58">
        <f>Bühler!L2240</f>
        <v>0.16625070195795108</v>
      </c>
      <c r="M2214" s="57">
        <f>Bühler!M2240</f>
        <v>0</v>
      </c>
      <c r="N2214" s="55">
        <f>IF(Input!$K$13=1,J2214*Input!$J$13,0)+IF(Input!$K$14=1,K2214*Input!$J$14,0)+IF(Input!$K$15=1,L2214*Input!$J$15,0)+IF(Input!$K$16=1,M2214*Input!$J$16,0)</f>
        <v>1.3524222243274708</v>
      </c>
      <c r="O2214" s="58">
        <f>IF(Input!$K$13=2,J2214*Input!$J$13,0)+IF(Input!$K$14=2,K2214*Input!$J$14,0)+IF(Input!$K$15=2,L2214*Input!$J$15,0)+IF(Input!$K$16=2,M2214*Input!$J$16,0)</f>
        <v>4.4887689528646788E-2</v>
      </c>
      <c r="P2214" s="58">
        <f>IF(Input!$K$13=3,J2214*Input!$J$13,0)+IF(Input!$K$14=3,K2214*Input!$J$14,0)+IF(Input!$K$15=3,L2214*Input!$J$15,0)+IF(Input!$K$16=3,M2214*Input!$J$16,0)</f>
        <v>0</v>
      </c>
      <c r="Q2214" s="71">
        <f>IF(Input!$K$13=4,J2214*Input!$J$13,0)+IF(Input!$K$14=4,K2214*Input!$J$14,0)+IF(Input!$K$15=4,L2214*Input!$J$15,0)+IF(Input!$K$16=4,M2214*Input!$J$16,0)</f>
        <v>0</v>
      </c>
    </row>
    <row r="2215" spans="8:17" x14ac:dyDescent="0.25">
      <c r="H2215" s="43">
        <v>2208</v>
      </c>
      <c r="I2215" s="55">
        <f>Bühler!I2241</f>
        <v>1.6263863078042502</v>
      </c>
      <c r="J2215" s="58">
        <f>Bühler!J2241</f>
        <v>11.270185202728925</v>
      </c>
      <c r="K2215" s="58">
        <f>Bühler!K2241</f>
        <v>0.33250140391590216</v>
      </c>
      <c r="L2215" s="58">
        <f>Bühler!L2241</f>
        <v>0.16625070195795108</v>
      </c>
      <c r="M2215" s="57">
        <f>Bühler!M2241</f>
        <v>0</v>
      </c>
      <c r="N2215" s="55">
        <f>IF(Input!$K$13=1,J2215*Input!$J$13,0)+IF(Input!$K$14=1,K2215*Input!$J$14,0)+IF(Input!$K$15=1,L2215*Input!$J$15,0)+IF(Input!$K$16=1,M2215*Input!$J$16,0)</f>
        <v>1.3524222243274708</v>
      </c>
      <c r="O2215" s="58">
        <f>IF(Input!$K$13=2,J2215*Input!$J$13,0)+IF(Input!$K$14=2,K2215*Input!$J$14,0)+IF(Input!$K$15=2,L2215*Input!$J$15,0)+IF(Input!$K$16=2,M2215*Input!$J$16,0)</f>
        <v>4.4887689528646788E-2</v>
      </c>
      <c r="P2215" s="58">
        <f>IF(Input!$K$13=3,J2215*Input!$J$13,0)+IF(Input!$K$14=3,K2215*Input!$J$14,0)+IF(Input!$K$15=3,L2215*Input!$J$15,0)+IF(Input!$K$16=3,M2215*Input!$J$16,0)</f>
        <v>0</v>
      </c>
      <c r="Q2215" s="71">
        <f>IF(Input!$K$13=4,J2215*Input!$J$13,0)+IF(Input!$K$14=4,K2215*Input!$J$14,0)+IF(Input!$K$15=4,L2215*Input!$J$15,0)+IF(Input!$K$16=4,M2215*Input!$J$16,0)</f>
        <v>0</v>
      </c>
    </row>
    <row r="2216" spans="8:17" x14ac:dyDescent="0.25">
      <c r="H2216" s="43">
        <v>2209</v>
      </c>
      <c r="I2216" s="55">
        <f>Bühler!I2242</f>
        <v>2.4710533094021763</v>
      </c>
      <c r="J2216" s="58">
        <f>Bühler!J2242</f>
        <v>14.026071976520681</v>
      </c>
      <c r="K2216" s="58">
        <f>Bühler!K2242</f>
        <v>0.61866385805432778</v>
      </c>
      <c r="L2216" s="58">
        <f>Bühler!L2242</f>
        <v>0.30933192902716389</v>
      </c>
      <c r="M2216" s="57">
        <f>Bühler!M2242</f>
        <v>0</v>
      </c>
      <c r="N2216" s="55">
        <f>IF(Input!$K$13=1,J2216*Input!$J$13,0)+IF(Input!$K$14=1,K2216*Input!$J$14,0)+IF(Input!$K$15=1,L2216*Input!$J$15,0)+IF(Input!$K$16=1,M2216*Input!$J$16,0)</f>
        <v>1.6831286371824816</v>
      </c>
      <c r="O2216" s="58">
        <f>IF(Input!$K$13=2,J2216*Input!$J$13,0)+IF(Input!$K$14=2,K2216*Input!$J$14,0)+IF(Input!$K$15=2,L2216*Input!$J$15,0)+IF(Input!$K$16=2,M2216*Input!$J$16,0)</f>
        <v>8.3519620837334246E-2</v>
      </c>
      <c r="P2216" s="58">
        <f>IF(Input!$K$13=3,J2216*Input!$J$13,0)+IF(Input!$K$14=3,K2216*Input!$J$14,0)+IF(Input!$K$15=3,L2216*Input!$J$15,0)+IF(Input!$K$16=3,M2216*Input!$J$16,0)</f>
        <v>0</v>
      </c>
      <c r="Q2216" s="71">
        <f>IF(Input!$K$13=4,J2216*Input!$J$13,0)+IF(Input!$K$14=4,K2216*Input!$J$14,0)+IF(Input!$K$15=4,L2216*Input!$J$15,0)+IF(Input!$K$16=4,M2216*Input!$J$16,0)</f>
        <v>0</v>
      </c>
    </row>
    <row r="2217" spans="8:17" x14ac:dyDescent="0.25">
      <c r="H2217" s="43">
        <v>2210</v>
      </c>
      <c r="I2217" s="55">
        <f>Bühler!I2243</f>
        <v>2.4710533094021763</v>
      </c>
      <c r="J2217" s="58">
        <f>Bühler!J2243</f>
        <v>14.026071976520681</v>
      </c>
      <c r="K2217" s="58">
        <f>Bühler!K2243</f>
        <v>0.61866385805432778</v>
      </c>
      <c r="L2217" s="58">
        <f>Bühler!L2243</f>
        <v>0.30933192902716389</v>
      </c>
      <c r="M2217" s="57">
        <f>Bühler!M2243</f>
        <v>0</v>
      </c>
      <c r="N2217" s="55">
        <f>IF(Input!$K$13=1,J2217*Input!$J$13,0)+IF(Input!$K$14=1,K2217*Input!$J$14,0)+IF(Input!$K$15=1,L2217*Input!$J$15,0)+IF(Input!$K$16=1,M2217*Input!$J$16,0)</f>
        <v>1.6831286371824816</v>
      </c>
      <c r="O2217" s="58">
        <f>IF(Input!$K$13=2,J2217*Input!$J$13,0)+IF(Input!$K$14=2,K2217*Input!$J$14,0)+IF(Input!$K$15=2,L2217*Input!$J$15,0)+IF(Input!$K$16=2,M2217*Input!$J$16,0)</f>
        <v>8.3519620837334246E-2</v>
      </c>
      <c r="P2217" s="58">
        <f>IF(Input!$K$13=3,J2217*Input!$J$13,0)+IF(Input!$K$14=3,K2217*Input!$J$14,0)+IF(Input!$K$15=3,L2217*Input!$J$15,0)+IF(Input!$K$16=3,M2217*Input!$J$16,0)</f>
        <v>0</v>
      </c>
      <c r="Q2217" s="71">
        <f>IF(Input!$K$13=4,J2217*Input!$J$13,0)+IF(Input!$K$14=4,K2217*Input!$J$14,0)+IF(Input!$K$15=4,L2217*Input!$J$15,0)+IF(Input!$K$16=4,M2217*Input!$J$16,0)</f>
        <v>0</v>
      </c>
    </row>
    <row r="2218" spans="8:17" x14ac:dyDescent="0.25">
      <c r="H2218" s="43">
        <v>2211</v>
      </c>
      <c r="I2218" s="55">
        <f>Bühler!I2244</f>
        <v>2.4710533094021763</v>
      </c>
      <c r="J2218" s="58">
        <f>Bühler!J2244</f>
        <v>14.026071976520681</v>
      </c>
      <c r="K2218" s="58">
        <f>Bühler!K2244</f>
        <v>0.61866385805432778</v>
      </c>
      <c r="L2218" s="58">
        <f>Bühler!L2244</f>
        <v>0.30933192902716389</v>
      </c>
      <c r="M2218" s="57">
        <f>Bühler!M2244</f>
        <v>0</v>
      </c>
      <c r="N2218" s="55">
        <f>IF(Input!$K$13=1,J2218*Input!$J$13,0)+IF(Input!$K$14=1,K2218*Input!$J$14,0)+IF(Input!$K$15=1,L2218*Input!$J$15,0)+IF(Input!$K$16=1,M2218*Input!$J$16,0)</f>
        <v>1.6831286371824816</v>
      </c>
      <c r="O2218" s="58">
        <f>IF(Input!$K$13=2,J2218*Input!$J$13,0)+IF(Input!$K$14=2,K2218*Input!$J$14,0)+IF(Input!$K$15=2,L2218*Input!$J$15,0)+IF(Input!$K$16=2,M2218*Input!$J$16,0)</f>
        <v>8.3519620837334246E-2</v>
      </c>
      <c r="P2218" s="58">
        <f>IF(Input!$K$13=3,J2218*Input!$J$13,0)+IF(Input!$K$14=3,K2218*Input!$J$14,0)+IF(Input!$K$15=3,L2218*Input!$J$15,0)+IF(Input!$K$16=3,M2218*Input!$J$16,0)</f>
        <v>0</v>
      </c>
      <c r="Q2218" s="71">
        <f>IF(Input!$K$13=4,J2218*Input!$J$13,0)+IF(Input!$K$14=4,K2218*Input!$J$14,0)+IF(Input!$K$15=4,L2218*Input!$J$15,0)+IF(Input!$K$16=4,M2218*Input!$J$16,0)</f>
        <v>0</v>
      </c>
    </row>
    <row r="2219" spans="8:17" x14ac:dyDescent="0.25">
      <c r="H2219" s="43">
        <v>2212</v>
      </c>
      <c r="I2219" s="55">
        <f>Bühler!I2245</f>
        <v>2.4710533094021763</v>
      </c>
      <c r="J2219" s="58">
        <f>Bühler!J2245</f>
        <v>14.026071976520681</v>
      </c>
      <c r="K2219" s="58">
        <f>Bühler!K2245</f>
        <v>0.61866385805432778</v>
      </c>
      <c r="L2219" s="58">
        <f>Bühler!L2245</f>
        <v>0.30933192902716389</v>
      </c>
      <c r="M2219" s="57">
        <f>Bühler!M2245</f>
        <v>0</v>
      </c>
      <c r="N2219" s="55">
        <f>IF(Input!$K$13=1,J2219*Input!$J$13,0)+IF(Input!$K$14=1,K2219*Input!$J$14,0)+IF(Input!$K$15=1,L2219*Input!$J$15,0)+IF(Input!$K$16=1,M2219*Input!$J$16,0)</f>
        <v>1.6831286371824816</v>
      </c>
      <c r="O2219" s="58">
        <f>IF(Input!$K$13=2,J2219*Input!$J$13,0)+IF(Input!$K$14=2,K2219*Input!$J$14,0)+IF(Input!$K$15=2,L2219*Input!$J$15,0)+IF(Input!$K$16=2,M2219*Input!$J$16,0)</f>
        <v>8.3519620837334246E-2</v>
      </c>
      <c r="P2219" s="58">
        <f>IF(Input!$K$13=3,J2219*Input!$J$13,0)+IF(Input!$K$14=3,K2219*Input!$J$14,0)+IF(Input!$K$15=3,L2219*Input!$J$15,0)+IF(Input!$K$16=3,M2219*Input!$J$16,0)</f>
        <v>0</v>
      </c>
      <c r="Q2219" s="71">
        <f>IF(Input!$K$13=4,J2219*Input!$J$13,0)+IF(Input!$K$14=4,K2219*Input!$J$14,0)+IF(Input!$K$15=4,L2219*Input!$J$15,0)+IF(Input!$K$16=4,M2219*Input!$J$16,0)</f>
        <v>0</v>
      </c>
    </row>
    <row r="2220" spans="8:17" x14ac:dyDescent="0.25">
      <c r="H2220" s="43">
        <v>2213</v>
      </c>
      <c r="I2220" s="55">
        <f>Bühler!I2246</f>
        <v>2.4710533094021763</v>
      </c>
      <c r="J2220" s="58">
        <f>Bühler!J2246</f>
        <v>14.026071976520681</v>
      </c>
      <c r="K2220" s="58">
        <f>Bühler!K2246</f>
        <v>0.61866385805432778</v>
      </c>
      <c r="L2220" s="58">
        <f>Bühler!L2246</f>
        <v>0.30933192902716389</v>
      </c>
      <c r="M2220" s="57">
        <f>Bühler!M2246</f>
        <v>0</v>
      </c>
      <c r="N2220" s="55">
        <f>IF(Input!$K$13=1,J2220*Input!$J$13,0)+IF(Input!$K$14=1,K2220*Input!$J$14,0)+IF(Input!$K$15=1,L2220*Input!$J$15,0)+IF(Input!$K$16=1,M2220*Input!$J$16,0)</f>
        <v>1.6831286371824816</v>
      </c>
      <c r="O2220" s="58">
        <f>IF(Input!$K$13=2,J2220*Input!$J$13,0)+IF(Input!$K$14=2,K2220*Input!$J$14,0)+IF(Input!$K$15=2,L2220*Input!$J$15,0)+IF(Input!$K$16=2,M2220*Input!$J$16,0)</f>
        <v>8.3519620837334246E-2</v>
      </c>
      <c r="P2220" s="58">
        <f>IF(Input!$K$13=3,J2220*Input!$J$13,0)+IF(Input!$K$14=3,K2220*Input!$J$14,0)+IF(Input!$K$15=3,L2220*Input!$J$15,0)+IF(Input!$K$16=3,M2220*Input!$J$16,0)</f>
        <v>0</v>
      </c>
      <c r="Q2220" s="71">
        <f>IF(Input!$K$13=4,J2220*Input!$J$13,0)+IF(Input!$K$14=4,K2220*Input!$J$14,0)+IF(Input!$K$15=4,L2220*Input!$J$15,0)+IF(Input!$K$16=4,M2220*Input!$J$16,0)</f>
        <v>0</v>
      </c>
    </row>
    <row r="2221" spans="8:17" x14ac:dyDescent="0.25">
      <c r="H2221" s="43">
        <v>2214</v>
      </c>
      <c r="I2221" s="55">
        <f>Bühler!I2247</f>
        <v>2.4710533094021763</v>
      </c>
      <c r="J2221" s="58">
        <f>Bühler!J2247</f>
        <v>14.026071976520681</v>
      </c>
      <c r="K2221" s="58">
        <f>Bühler!K2247</f>
        <v>0.61866385805432778</v>
      </c>
      <c r="L2221" s="58">
        <f>Bühler!L2247</f>
        <v>0.30933192902716389</v>
      </c>
      <c r="M2221" s="57">
        <f>Bühler!M2247</f>
        <v>0</v>
      </c>
      <c r="N2221" s="55">
        <f>IF(Input!$K$13=1,J2221*Input!$J$13,0)+IF(Input!$K$14=1,K2221*Input!$J$14,0)+IF(Input!$K$15=1,L2221*Input!$J$15,0)+IF(Input!$K$16=1,M2221*Input!$J$16,0)</f>
        <v>1.6831286371824816</v>
      </c>
      <c r="O2221" s="58">
        <f>IF(Input!$K$13=2,J2221*Input!$J$13,0)+IF(Input!$K$14=2,K2221*Input!$J$14,0)+IF(Input!$K$15=2,L2221*Input!$J$15,0)+IF(Input!$K$16=2,M2221*Input!$J$16,0)</f>
        <v>8.3519620837334246E-2</v>
      </c>
      <c r="P2221" s="58">
        <f>IF(Input!$K$13=3,J2221*Input!$J$13,0)+IF(Input!$K$14=3,K2221*Input!$J$14,0)+IF(Input!$K$15=3,L2221*Input!$J$15,0)+IF(Input!$K$16=3,M2221*Input!$J$16,0)</f>
        <v>0</v>
      </c>
      <c r="Q2221" s="71">
        <f>IF(Input!$K$13=4,J2221*Input!$J$13,0)+IF(Input!$K$14=4,K2221*Input!$J$14,0)+IF(Input!$K$15=4,L2221*Input!$J$15,0)+IF(Input!$K$16=4,M2221*Input!$J$16,0)</f>
        <v>0</v>
      </c>
    </row>
    <row r="2222" spans="8:17" x14ac:dyDescent="0.25">
      <c r="H2222" s="43">
        <v>2215</v>
      </c>
      <c r="I2222" s="55">
        <f>Bühler!I2248</f>
        <v>2.4710533094021763</v>
      </c>
      <c r="J2222" s="58">
        <f>Bühler!J2248</f>
        <v>14.026071976520681</v>
      </c>
      <c r="K2222" s="58">
        <f>Bühler!K2248</f>
        <v>0.61866385805432778</v>
      </c>
      <c r="L2222" s="58">
        <f>Bühler!L2248</f>
        <v>0.30933192902716389</v>
      </c>
      <c r="M2222" s="57">
        <f>Bühler!M2248</f>
        <v>0</v>
      </c>
      <c r="N2222" s="55">
        <f>IF(Input!$K$13=1,J2222*Input!$J$13,0)+IF(Input!$K$14=1,K2222*Input!$J$14,0)+IF(Input!$K$15=1,L2222*Input!$J$15,0)+IF(Input!$K$16=1,M2222*Input!$J$16,0)</f>
        <v>1.6831286371824816</v>
      </c>
      <c r="O2222" s="58">
        <f>IF(Input!$K$13=2,J2222*Input!$J$13,0)+IF(Input!$K$14=2,K2222*Input!$J$14,0)+IF(Input!$K$15=2,L2222*Input!$J$15,0)+IF(Input!$K$16=2,M2222*Input!$J$16,0)</f>
        <v>8.3519620837334246E-2</v>
      </c>
      <c r="P2222" s="58">
        <f>IF(Input!$K$13=3,J2222*Input!$J$13,0)+IF(Input!$K$14=3,K2222*Input!$J$14,0)+IF(Input!$K$15=3,L2222*Input!$J$15,0)+IF(Input!$K$16=3,M2222*Input!$J$16,0)</f>
        <v>0</v>
      </c>
      <c r="Q2222" s="71">
        <f>IF(Input!$K$13=4,J2222*Input!$J$13,0)+IF(Input!$K$14=4,K2222*Input!$J$14,0)+IF(Input!$K$15=4,L2222*Input!$J$15,0)+IF(Input!$K$16=4,M2222*Input!$J$16,0)</f>
        <v>0</v>
      </c>
    </row>
    <row r="2223" spans="8:17" x14ac:dyDescent="0.25">
      <c r="H2223" s="43">
        <v>2216</v>
      </c>
      <c r="I2223" s="55">
        <f>Bühler!I2249</f>
        <v>10.749081895899467</v>
      </c>
      <c r="J2223" s="58">
        <f>Bühler!J2249</f>
        <v>59.99199431764481</v>
      </c>
      <c r="K2223" s="58">
        <f>Bühler!K2249</f>
        <v>2.6355080353114366</v>
      </c>
      <c r="L2223" s="58">
        <f>Bühler!L2249</f>
        <v>1.3177540176557183</v>
      </c>
      <c r="M2223" s="57">
        <f>Bühler!M2249</f>
        <v>0</v>
      </c>
      <c r="N2223" s="55">
        <f>IF(Input!$K$13=1,J2223*Input!$J$13,0)+IF(Input!$K$14=1,K2223*Input!$J$14,0)+IF(Input!$K$15=1,L2223*Input!$J$15,0)+IF(Input!$K$16=1,M2223*Input!$J$16,0)</f>
        <v>7.1990393181173769</v>
      </c>
      <c r="O2223" s="58">
        <f>IF(Input!$K$13=2,J2223*Input!$J$13,0)+IF(Input!$K$14=2,K2223*Input!$J$14,0)+IF(Input!$K$15=2,L2223*Input!$J$15,0)+IF(Input!$K$16=2,M2223*Input!$J$16,0)</f>
        <v>0.35579358476704392</v>
      </c>
      <c r="P2223" s="58">
        <f>IF(Input!$K$13=3,J2223*Input!$J$13,0)+IF(Input!$K$14=3,K2223*Input!$J$14,0)+IF(Input!$K$15=3,L2223*Input!$J$15,0)+IF(Input!$K$16=3,M2223*Input!$J$16,0)</f>
        <v>0</v>
      </c>
      <c r="Q2223" s="71">
        <f>IF(Input!$K$13=4,J2223*Input!$J$13,0)+IF(Input!$K$14=4,K2223*Input!$J$14,0)+IF(Input!$K$15=4,L2223*Input!$J$15,0)+IF(Input!$K$16=4,M2223*Input!$J$16,0)</f>
        <v>0</v>
      </c>
    </row>
    <row r="2224" spans="8:17" x14ac:dyDescent="0.25">
      <c r="H2224" s="43">
        <v>2217</v>
      </c>
      <c r="I2224" s="55">
        <f>Bühler!I2250</f>
        <v>12.092717132886902</v>
      </c>
      <c r="J2224" s="58">
        <f>Bühler!J2250</f>
        <v>67.490993607350404</v>
      </c>
      <c r="K2224" s="58">
        <f>Bühler!K2250</f>
        <v>2.964946539725366</v>
      </c>
      <c r="L2224" s="58">
        <f>Bühler!L2250</f>
        <v>1.482473269862683</v>
      </c>
      <c r="M2224" s="57">
        <f>Bühler!M2250</f>
        <v>0</v>
      </c>
      <c r="N2224" s="55">
        <f>IF(Input!$K$13=1,J2224*Input!$J$13,0)+IF(Input!$K$14=1,K2224*Input!$J$14,0)+IF(Input!$K$15=1,L2224*Input!$J$15,0)+IF(Input!$K$16=1,M2224*Input!$J$16,0)</f>
        <v>8.0989192328820483</v>
      </c>
      <c r="O2224" s="58">
        <f>IF(Input!$K$13=2,J2224*Input!$J$13,0)+IF(Input!$K$14=2,K2224*Input!$J$14,0)+IF(Input!$K$15=2,L2224*Input!$J$15,0)+IF(Input!$K$16=2,M2224*Input!$J$16,0)</f>
        <v>0.40026778286292441</v>
      </c>
      <c r="P2224" s="58">
        <f>IF(Input!$K$13=3,J2224*Input!$J$13,0)+IF(Input!$K$14=3,K2224*Input!$J$14,0)+IF(Input!$K$15=3,L2224*Input!$J$15,0)+IF(Input!$K$16=3,M2224*Input!$J$16,0)</f>
        <v>0</v>
      </c>
      <c r="Q2224" s="71">
        <f>IF(Input!$K$13=4,J2224*Input!$J$13,0)+IF(Input!$K$14=4,K2224*Input!$J$14,0)+IF(Input!$K$15=4,L2224*Input!$J$15,0)+IF(Input!$K$16=4,M2224*Input!$J$16,0)</f>
        <v>0</v>
      </c>
    </row>
    <row r="2225" spans="8:17" x14ac:dyDescent="0.25">
      <c r="H2225" s="43">
        <v>2218</v>
      </c>
      <c r="I2225" s="55">
        <f>Bühler!I2251</f>
        <v>13.436352369874333</v>
      </c>
      <c r="J2225" s="58">
        <f>Bühler!J2251</f>
        <v>74.989992897056013</v>
      </c>
      <c r="K2225" s="58">
        <f>Bühler!K2251</f>
        <v>3.294385044139295</v>
      </c>
      <c r="L2225" s="58">
        <f>Bühler!L2251</f>
        <v>1.6471925220696475</v>
      </c>
      <c r="M2225" s="57">
        <f>Bühler!M2251</f>
        <v>0</v>
      </c>
      <c r="N2225" s="55">
        <f>IF(Input!$K$13=1,J2225*Input!$J$13,0)+IF(Input!$K$14=1,K2225*Input!$J$14,0)+IF(Input!$K$15=1,L2225*Input!$J$15,0)+IF(Input!$K$16=1,M2225*Input!$J$16,0)</f>
        <v>8.9987991476467215</v>
      </c>
      <c r="O2225" s="58">
        <f>IF(Input!$K$13=2,J2225*Input!$J$13,0)+IF(Input!$K$14=2,K2225*Input!$J$14,0)+IF(Input!$K$15=2,L2225*Input!$J$15,0)+IF(Input!$K$16=2,M2225*Input!$J$16,0)</f>
        <v>0.44474198095880479</v>
      </c>
      <c r="P2225" s="58">
        <f>IF(Input!$K$13=3,J2225*Input!$J$13,0)+IF(Input!$K$14=3,K2225*Input!$J$14,0)+IF(Input!$K$15=3,L2225*Input!$J$15,0)+IF(Input!$K$16=3,M2225*Input!$J$16,0)</f>
        <v>0</v>
      </c>
      <c r="Q2225" s="71">
        <f>IF(Input!$K$13=4,J2225*Input!$J$13,0)+IF(Input!$K$14=4,K2225*Input!$J$14,0)+IF(Input!$K$15=4,L2225*Input!$J$15,0)+IF(Input!$K$16=4,M2225*Input!$J$16,0)</f>
        <v>0</v>
      </c>
    </row>
    <row r="2226" spans="8:17" x14ac:dyDescent="0.25">
      <c r="H2226" s="43">
        <v>2219</v>
      </c>
      <c r="I2226" s="55">
        <f>Bühler!I2252</f>
        <v>13.436352369874333</v>
      </c>
      <c r="J2226" s="58">
        <f>Bühler!J2252</f>
        <v>74.989992897056013</v>
      </c>
      <c r="K2226" s="58">
        <f>Bühler!K2252</f>
        <v>3.294385044139295</v>
      </c>
      <c r="L2226" s="58">
        <f>Bühler!L2252</f>
        <v>1.6471925220696475</v>
      </c>
      <c r="M2226" s="57">
        <f>Bühler!M2252</f>
        <v>0</v>
      </c>
      <c r="N2226" s="55">
        <f>IF(Input!$K$13=1,J2226*Input!$J$13,0)+IF(Input!$K$14=1,K2226*Input!$J$14,0)+IF(Input!$K$15=1,L2226*Input!$J$15,0)+IF(Input!$K$16=1,M2226*Input!$J$16,0)</f>
        <v>8.9987991476467215</v>
      </c>
      <c r="O2226" s="58">
        <f>IF(Input!$K$13=2,J2226*Input!$J$13,0)+IF(Input!$K$14=2,K2226*Input!$J$14,0)+IF(Input!$K$15=2,L2226*Input!$J$15,0)+IF(Input!$K$16=2,M2226*Input!$J$16,0)</f>
        <v>0.44474198095880479</v>
      </c>
      <c r="P2226" s="58">
        <f>IF(Input!$K$13=3,J2226*Input!$J$13,0)+IF(Input!$K$14=3,K2226*Input!$J$14,0)+IF(Input!$K$15=3,L2226*Input!$J$15,0)+IF(Input!$K$16=3,M2226*Input!$J$16,0)</f>
        <v>0</v>
      </c>
      <c r="Q2226" s="71">
        <f>IF(Input!$K$13=4,J2226*Input!$J$13,0)+IF(Input!$K$14=4,K2226*Input!$J$14,0)+IF(Input!$K$15=4,L2226*Input!$J$15,0)+IF(Input!$K$16=4,M2226*Input!$J$16,0)</f>
        <v>0</v>
      </c>
    </row>
    <row r="2227" spans="8:17" x14ac:dyDescent="0.25">
      <c r="H2227" s="43">
        <v>2220</v>
      </c>
      <c r="I2227" s="55">
        <f>Bühler!I2253</f>
        <v>16.123622843849198</v>
      </c>
      <c r="J2227" s="58">
        <f>Bühler!J2253</f>
        <v>89.987991476467215</v>
      </c>
      <c r="K2227" s="58">
        <f>Bühler!K2253</f>
        <v>3.9532620529671538</v>
      </c>
      <c r="L2227" s="58">
        <f>Bühler!L2253</f>
        <v>1.9766310264835769</v>
      </c>
      <c r="M2227" s="57">
        <f>Bühler!M2253</f>
        <v>0</v>
      </c>
      <c r="N2227" s="55">
        <f>IF(Input!$K$13=1,J2227*Input!$J$13,0)+IF(Input!$K$14=1,K2227*Input!$J$14,0)+IF(Input!$K$15=1,L2227*Input!$J$15,0)+IF(Input!$K$16=1,M2227*Input!$J$16,0)</f>
        <v>10.798558977176066</v>
      </c>
      <c r="O2227" s="58">
        <f>IF(Input!$K$13=2,J2227*Input!$J$13,0)+IF(Input!$K$14=2,K2227*Input!$J$14,0)+IF(Input!$K$15=2,L2227*Input!$J$15,0)+IF(Input!$K$16=2,M2227*Input!$J$16,0)</f>
        <v>0.53369037715056578</v>
      </c>
      <c r="P2227" s="58">
        <f>IF(Input!$K$13=3,J2227*Input!$J$13,0)+IF(Input!$K$14=3,K2227*Input!$J$14,0)+IF(Input!$K$15=3,L2227*Input!$J$15,0)+IF(Input!$K$16=3,M2227*Input!$J$16,0)</f>
        <v>0</v>
      </c>
      <c r="Q2227" s="71">
        <f>IF(Input!$K$13=4,J2227*Input!$J$13,0)+IF(Input!$K$14=4,K2227*Input!$J$14,0)+IF(Input!$K$15=4,L2227*Input!$J$15,0)+IF(Input!$K$16=4,M2227*Input!$J$16,0)</f>
        <v>0</v>
      </c>
    </row>
    <row r="2228" spans="8:17" x14ac:dyDescent="0.25">
      <c r="H2228" s="43">
        <v>2221</v>
      </c>
      <c r="I2228" s="55">
        <f>Bühler!I2254</f>
        <v>16.123622843849198</v>
      </c>
      <c r="J2228" s="58">
        <f>Bühler!J2254</f>
        <v>89.987991476467215</v>
      </c>
      <c r="K2228" s="58">
        <f>Bühler!K2254</f>
        <v>3.9532620529671538</v>
      </c>
      <c r="L2228" s="58">
        <f>Bühler!L2254</f>
        <v>1.9766310264835769</v>
      </c>
      <c r="M2228" s="57">
        <f>Bühler!M2254</f>
        <v>0</v>
      </c>
      <c r="N2228" s="55">
        <f>IF(Input!$K$13=1,J2228*Input!$J$13,0)+IF(Input!$K$14=1,K2228*Input!$J$14,0)+IF(Input!$K$15=1,L2228*Input!$J$15,0)+IF(Input!$K$16=1,M2228*Input!$J$16,0)</f>
        <v>10.798558977176066</v>
      </c>
      <c r="O2228" s="58">
        <f>IF(Input!$K$13=2,J2228*Input!$J$13,0)+IF(Input!$K$14=2,K2228*Input!$J$14,0)+IF(Input!$K$15=2,L2228*Input!$J$15,0)+IF(Input!$K$16=2,M2228*Input!$J$16,0)</f>
        <v>0.53369037715056578</v>
      </c>
      <c r="P2228" s="58">
        <f>IF(Input!$K$13=3,J2228*Input!$J$13,0)+IF(Input!$K$14=3,K2228*Input!$J$14,0)+IF(Input!$K$15=3,L2228*Input!$J$15,0)+IF(Input!$K$16=3,M2228*Input!$J$16,0)</f>
        <v>0</v>
      </c>
      <c r="Q2228" s="71">
        <f>IF(Input!$K$13=4,J2228*Input!$J$13,0)+IF(Input!$K$14=4,K2228*Input!$J$14,0)+IF(Input!$K$15=4,L2228*Input!$J$15,0)+IF(Input!$K$16=4,M2228*Input!$J$16,0)</f>
        <v>0</v>
      </c>
    </row>
    <row r="2229" spans="8:17" x14ac:dyDescent="0.25">
      <c r="H2229" s="43">
        <v>2222</v>
      </c>
      <c r="I2229" s="55">
        <f>Bühler!I2255</f>
        <v>10.749081895899467</v>
      </c>
      <c r="J2229" s="58">
        <f>Bühler!J2255</f>
        <v>59.99199431764481</v>
      </c>
      <c r="K2229" s="58">
        <f>Bühler!K2255</f>
        <v>2.6355080353114366</v>
      </c>
      <c r="L2229" s="58">
        <f>Bühler!L2255</f>
        <v>1.3177540176557183</v>
      </c>
      <c r="M2229" s="57">
        <f>Bühler!M2255</f>
        <v>0</v>
      </c>
      <c r="N2229" s="55">
        <f>IF(Input!$K$13=1,J2229*Input!$J$13,0)+IF(Input!$K$14=1,K2229*Input!$J$14,0)+IF(Input!$K$15=1,L2229*Input!$J$15,0)+IF(Input!$K$16=1,M2229*Input!$J$16,0)</f>
        <v>7.1990393181173769</v>
      </c>
      <c r="O2229" s="58">
        <f>IF(Input!$K$13=2,J2229*Input!$J$13,0)+IF(Input!$K$14=2,K2229*Input!$J$14,0)+IF(Input!$K$15=2,L2229*Input!$J$15,0)+IF(Input!$K$16=2,M2229*Input!$J$16,0)</f>
        <v>0.35579358476704392</v>
      </c>
      <c r="P2229" s="58">
        <f>IF(Input!$K$13=3,J2229*Input!$J$13,0)+IF(Input!$K$14=3,K2229*Input!$J$14,0)+IF(Input!$K$15=3,L2229*Input!$J$15,0)+IF(Input!$K$16=3,M2229*Input!$J$16,0)</f>
        <v>0</v>
      </c>
      <c r="Q2229" s="71">
        <f>IF(Input!$K$13=4,J2229*Input!$J$13,0)+IF(Input!$K$14=4,K2229*Input!$J$14,0)+IF(Input!$K$15=4,L2229*Input!$J$15,0)+IF(Input!$K$16=4,M2229*Input!$J$16,0)</f>
        <v>0</v>
      </c>
    </row>
    <row r="2230" spans="8:17" x14ac:dyDescent="0.25">
      <c r="H2230" s="43">
        <v>2223</v>
      </c>
      <c r="I2230" s="55">
        <f>Bühler!I2256</f>
        <v>16.123622843849198</v>
      </c>
      <c r="J2230" s="58">
        <f>Bühler!J2256</f>
        <v>89.987991476467215</v>
      </c>
      <c r="K2230" s="58">
        <f>Bühler!K2256</f>
        <v>3.9532620529671538</v>
      </c>
      <c r="L2230" s="58">
        <f>Bühler!L2256</f>
        <v>1.9766310264835769</v>
      </c>
      <c r="M2230" s="57">
        <f>Bühler!M2256</f>
        <v>0</v>
      </c>
      <c r="N2230" s="55">
        <f>IF(Input!$K$13=1,J2230*Input!$J$13,0)+IF(Input!$K$14=1,K2230*Input!$J$14,0)+IF(Input!$K$15=1,L2230*Input!$J$15,0)+IF(Input!$K$16=1,M2230*Input!$J$16,0)</f>
        <v>10.798558977176066</v>
      </c>
      <c r="O2230" s="58">
        <f>IF(Input!$K$13=2,J2230*Input!$J$13,0)+IF(Input!$K$14=2,K2230*Input!$J$14,0)+IF(Input!$K$15=2,L2230*Input!$J$15,0)+IF(Input!$K$16=2,M2230*Input!$J$16,0)</f>
        <v>0.53369037715056578</v>
      </c>
      <c r="P2230" s="58">
        <f>IF(Input!$K$13=3,J2230*Input!$J$13,0)+IF(Input!$K$14=3,K2230*Input!$J$14,0)+IF(Input!$K$15=3,L2230*Input!$J$15,0)+IF(Input!$K$16=3,M2230*Input!$J$16,0)</f>
        <v>0</v>
      </c>
      <c r="Q2230" s="71">
        <f>IF(Input!$K$13=4,J2230*Input!$J$13,0)+IF(Input!$K$14=4,K2230*Input!$J$14,0)+IF(Input!$K$15=4,L2230*Input!$J$15,0)+IF(Input!$K$16=4,M2230*Input!$J$16,0)</f>
        <v>0</v>
      </c>
    </row>
    <row r="2231" spans="8:17" x14ac:dyDescent="0.25">
      <c r="H2231" s="43">
        <v>2224</v>
      </c>
      <c r="I2231" s="55">
        <f>Bühler!I2257</f>
        <v>16.123622843849198</v>
      </c>
      <c r="J2231" s="58">
        <f>Bühler!J2257</f>
        <v>89.987991476467215</v>
      </c>
      <c r="K2231" s="58">
        <f>Bühler!K2257</f>
        <v>3.9532620529671538</v>
      </c>
      <c r="L2231" s="58">
        <f>Bühler!L2257</f>
        <v>1.9766310264835769</v>
      </c>
      <c r="M2231" s="57">
        <f>Bühler!M2257</f>
        <v>0</v>
      </c>
      <c r="N2231" s="55">
        <f>IF(Input!$K$13=1,J2231*Input!$J$13,0)+IF(Input!$K$14=1,K2231*Input!$J$14,0)+IF(Input!$K$15=1,L2231*Input!$J$15,0)+IF(Input!$K$16=1,M2231*Input!$J$16,0)</f>
        <v>10.798558977176066</v>
      </c>
      <c r="O2231" s="58">
        <f>IF(Input!$K$13=2,J2231*Input!$J$13,0)+IF(Input!$K$14=2,K2231*Input!$J$14,0)+IF(Input!$K$15=2,L2231*Input!$J$15,0)+IF(Input!$K$16=2,M2231*Input!$J$16,0)</f>
        <v>0.53369037715056578</v>
      </c>
      <c r="P2231" s="58">
        <f>IF(Input!$K$13=3,J2231*Input!$J$13,0)+IF(Input!$K$14=3,K2231*Input!$J$14,0)+IF(Input!$K$15=3,L2231*Input!$J$15,0)+IF(Input!$K$16=3,M2231*Input!$J$16,0)</f>
        <v>0</v>
      </c>
      <c r="Q2231" s="71">
        <f>IF(Input!$K$13=4,J2231*Input!$J$13,0)+IF(Input!$K$14=4,K2231*Input!$J$14,0)+IF(Input!$K$15=4,L2231*Input!$J$15,0)+IF(Input!$K$16=4,M2231*Input!$J$16,0)</f>
        <v>0</v>
      </c>
    </row>
    <row r="2232" spans="8:17" x14ac:dyDescent="0.25">
      <c r="H2232" s="43">
        <v>2225</v>
      </c>
      <c r="I2232" s="55">
        <f>Bühler!I2258</f>
        <v>13.436352369874333</v>
      </c>
      <c r="J2232" s="58">
        <f>Bühler!J2258</f>
        <v>56.859809548148363</v>
      </c>
      <c r="K2232" s="58">
        <f>Bühler!K2258</f>
        <v>2.3060695308975063</v>
      </c>
      <c r="L2232" s="58">
        <f>Bühler!L2258</f>
        <v>1.1530347654487532</v>
      </c>
      <c r="M2232" s="57">
        <f>Bühler!M2258</f>
        <v>0</v>
      </c>
      <c r="N2232" s="55">
        <f>IF(Input!$K$13=1,J2232*Input!$J$13,0)+IF(Input!$K$14=1,K2232*Input!$J$14,0)+IF(Input!$K$15=1,L2232*Input!$J$15,0)+IF(Input!$K$16=1,M2232*Input!$J$16,0)</f>
        <v>6.8231771457778034</v>
      </c>
      <c r="O2232" s="58">
        <f>IF(Input!$K$13=2,J2232*Input!$J$13,0)+IF(Input!$K$14=2,K2232*Input!$J$14,0)+IF(Input!$K$15=2,L2232*Input!$J$15,0)+IF(Input!$K$16=2,M2232*Input!$J$16,0)</f>
        <v>0.31131938667116332</v>
      </c>
      <c r="P2232" s="58">
        <f>IF(Input!$K$13=3,J2232*Input!$J$13,0)+IF(Input!$K$14=3,K2232*Input!$J$14,0)+IF(Input!$K$15=3,L2232*Input!$J$15,0)+IF(Input!$K$16=3,M2232*Input!$J$16,0)</f>
        <v>0</v>
      </c>
      <c r="Q2232" s="71">
        <f>IF(Input!$K$13=4,J2232*Input!$J$13,0)+IF(Input!$K$14=4,K2232*Input!$J$14,0)+IF(Input!$K$15=4,L2232*Input!$J$15,0)+IF(Input!$K$16=4,M2232*Input!$J$16,0)</f>
        <v>0</v>
      </c>
    </row>
    <row r="2233" spans="8:17" x14ac:dyDescent="0.25">
      <c r="H2233" s="43">
        <v>2226</v>
      </c>
      <c r="I2233" s="55">
        <f>Bühler!I2259</f>
        <v>10.810858228634523</v>
      </c>
      <c r="J2233" s="58">
        <f>Bühler!J2259</f>
        <v>23.798551980292508</v>
      </c>
      <c r="K2233" s="58">
        <f>Bühler!K2259</f>
        <v>0.65887700882785916</v>
      </c>
      <c r="L2233" s="58">
        <f>Bühler!L2259</f>
        <v>0.32943850441392958</v>
      </c>
      <c r="M2233" s="57">
        <f>Bühler!M2259</f>
        <v>0</v>
      </c>
      <c r="N2233" s="55">
        <f>IF(Input!$K$13=1,J2233*Input!$J$13,0)+IF(Input!$K$14=1,K2233*Input!$J$14,0)+IF(Input!$K$15=1,L2233*Input!$J$15,0)+IF(Input!$K$16=1,M2233*Input!$J$16,0)</f>
        <v>2.8558262376351009</v>
      </c>
      <c r="O2233" s="58">
        <f>IF(Input!$K$13=2,J2233*Input!$J$13,0)+IF(Input!$K$14=2,K2233*Input!$J$14,0)+IF(Input!$K$15=2,L2233*Input!$J$15,0)+IF(Input!$K$16=2,M2233*Input!$J$16,0)</f>
        <v>8.8948396191760981E-2</v>
      </c>
      <c r="P2233" s="58">
        <f>IF(Input!$K$13=3,J2233*Input!$J$13,0)+IF(Input!$K$14=3,K2233*Input!$J$14,0)+IF(Input!$K$15=3,L2233*Input!$J$15,0)+IF(Input!$K$16=3,M2233*Input!$J$16,0)</f>
        <v>0</v>
      </c>
      <c r="Q2233" s="71">
        <f>IF(Input!$K$13=4,J2233*Input!$J$13,0)+IF(Input!$K$14=4,K2233*Input!$J$14,0)+IF(Input!$K$15=4,L2233*Input!$J$15,0)+IF(Input!$K$16=4,M2233*Input!$J$16,0)</f>
        <v>0</v>
      </c>
    </row>
    <row r="2234" spans="8:17" x14ac:dyDescent="0.25">
      <c r="H2234" s="43">
        <v>2227</v>
      </c>
      <c r="I2234" s="55">
        <f>Bühler!I2260</f>
        <v>3.8610207959409006</v>
      </c>
      <c r="J2234" s="58">
        <f>Bühler!J2260</f>
        <v>16.099324964837713</v>
      </c>
      <c r="K2234" s="58">
        <f>Bühler!K2260</f>
        <v>0.64959705095704412</v>
      </c>
      <c r="L2234" s="58">
        <f>Bühler!L2260</f>
        <v>0.32479852547852206</v>
      </c>
      <c r="M2234" s="57">
        <f>Bühler!M2260</f>
        <v>0</v>
      </c>
      <c r="N2234" s="55">
        <f>IF(Input!$K$13=1,J2234*Input!$J$13,0)+IF(Input!$K$14=1,K2234*Input!$J$14,0)+IF(Input!$K$15=1,L2234*Input!$J$15,0)+IF(Input!$K$16=1,M2234*Input!$J$16,0)</f>
        <v>1.9319189957805254</v>
      </c>
      <c r="O2234" s="58">
        <f>IF(Input!$K$13=2,J2234*Input!$J$13,0)+IF(Input!$K$14=2,K2234*Input!$J$14,0)+IF(Input!$K$15=2,L2234*Input!$J$15,0)+IF(Input!$K$16=2,M2234*Input!$J$16,0)</f>
        <v>8.7695601879200946E-2</v>
      </c>
      <c r="P2234" s="58">
        <f>IF(Input!$K$13=3,J2234*Input!$J$13,0)+IF(Input!$K$14=3,K2234*Input!$J$14,0)+IF(Input!$K$15=3,L2234*Input!$J$15,0)+IF(Input!$K$16=3,M2234*Input!$J$16,0)</f>
        <v>0</v>
      </c>
      <c r="Q2234" s="71">
        <f>IF(Input!$K$13=4,J2234*Input!$J$13,0)+IF(Input!$K$14=4,K2234*Input!$J$14,0)+IF(Input!$K$15=4,L2234*Input!$J$15,0)+IF(Input!$K$16=4,M2234*Input!$J$16,0)</f>
        <v>0</v>
      </c>
    </row>
    <row r="2235" spans="8:17" x14ac:dyDescent="0.25">
      <c r="H2235" s="43">
        <v>2228</v>
      </c>
      <c r="I2235" s="55">
        <f>Bühler!I2261</f>
        <v>3.8610207959409006</v>
      </c>
      <c r="J2235" s="58">
        <f>Bühler!J2261</f>
        <v>16.099324964837713</v>
      </c>
      <c r="K2235" s="58">
        <f>Bühler!K2261</f>
        <v>0.64959705095704412</v>
      </c>
      <c r="L2235" s="58">
        <f>Bühler!L2261</f>
        <v>0.32479852547852206</v>
      </c>
      <c r="M2235" s="57">
        <f>Bühler!M2261</f>
        <v>0</v>
      </c>
      <c r="N2235" s="55">
        <f>IF(Input!$K$13=1,J2235*Input!$J$13,0)+IF(Input!$K$14=1,K2235*Input!$J$14,0)+IF(Input!$K$15=1,L2235*Input!$J$15,0)+IF(Input!$K$16=1,M2235*Input!$J$16,0)</f>
        <v>1.9319189957805254</v>
      </c>
      <c r="O2235" s="58">
        <f>IF(Input!$K$13=2,J2235*Input!$J$13,0)+IF(Input!$K$14=2,K2235*Input!$J$14,0)+IF(Input!$K$15=2,L2235*Input!$J$15,0)+IF(Input!$K$16=2,M2235*Input!$J$16,0)</f>
        <v>8.7695601879200946E-2</v>
      </c>
      <c r="P2235" s="58">
        <f>IF(Input!$K$13=3,J2235*Input!$J$13,0)+IF(Input!$K$14=3,K2235*Input!$J$14,0)+IF(Input!$K$15=3,L2235*Input!$J$15,0)+IF(Input!$K$16=3,M2235*Input!$J$16,0)</f>
        <v>0</v>
      </c>
      <c r="Q2235" s="71">
        <f>IF(Input!$K$13=4,J2235*Input!$J$13,0)+IF(Input!$K$14=4,K2235*Input!$J$14,0)+IF(Input!$K$15=4,L2235*Input!$J$15,0)+IF(Input!$K$16=4,M2235*Input!$J$16,0)</f>
        <v>0</v>
      </c>
    </row>
    <row r="2236" spans="8:17" x14ac:dyDescent="0.25">
      <c r="H2236" s="43">
        <v>2229</v>
      </c>
      <c r="I2236" s="55">
        <f>Bühler!I2262</f>
        <v>3.8610207959409006</v>
      </c>
      <c r="J2236" s="58">
        <f>Bühler!J2262</f>
        <v>16.099324964837713</v>
      </c>
      <c r="K2236" s="58">
        <f>Bühler!K2262</f>
        <v>0.64959705095704412</v>
      </c>
      <c r="L2236" s="58">
        <f>Bühler!L2262</f>
        <v>0.32479852547852206</v>
      </c>
      <c r="M2236" s="57">
        <f>Bühler!M2262</f>
        <v>0</v>
      </c>
      <c r="N2236" s="55">
        <f>IF(Input!$K$13=1,J2236*Input!$J$13,0)+IF(Input!$K$14=1,K2236*Input!$J$14,0)+IF(Input!$K$15=1,L2236*Input!$J$15,0)+IF(Input!$K$16=1,M2236*Input!$J$16,0)</f>
        <v>1.9319189957805254</v>
      </c>
      <c r="O2236" s="58">
        <f>IF(Input!$K$13=2,J2236*Input!$J$13,0)+IF(Input!$K$14=2,K2236*Input!$J$14,0)+IF(Input!$K$15=2,L2236*Input!$J$15,0)+IF(Input!$K$16=2,M2236*Input!$J$16,0)</f>
        <v>8.7695601879200946E-2</v>
      </c>
      <c r="P2236" s="58">
        <f>IF(Input!$K$13=3,J2236*Input!$J$13,0)+IF(Input!$K$14=3,K2236*Input!$J$14,0)+IF(Input!$K$15=3,L2236*Input!$J$15,0)+IF(Input!$K$16=3,M2236*Input!$J$16,0)</f>
        <v>0</v>
      </c>
      <c r="Q2236" s="71">
        <f>IF(Input!$K$13=4,J2236*Input!$J$13,0)+IF(Input!$K$14=4,K2236*Input!$J$14,0)+IF(Input!$K$15=4,L2236*Input!$J$15,0)+IF(Input!$K$16=4,M2236*Input!$J$16,0)</f>
        <v>0</v>
      </c>
    </row>
    <row r="2237" spans="8:17" x14ac:dyDescent="0.25">
      <c r="H2237" s="43">
        <v>2230</v>
      </c>
      <c r="I2237" s="55">
        <f>Bühler!I2263</f>
        <v>3.8610207959409006</v>
      </c>
      <c r="J2237" s="58">
        <f>Bühler!J2263</f>
        <v>16.099324964837713</v>
      </c>
      <c r="K2237" s="58">
        <f>Bühler!K2263</f>
        <v>0.64959705095704412</v>
      </c>
      <c r="L2237" s="58">
        <f>Bühler!L2263</f>
        <v>0.32479852547852206</v>
      </c>
      <c r="M2237" s="57">
        <f>Bühler!M2263</f>
        <v>0</v>
      </c>
      <c r="N2237" s="55">
        <f>IF(Input!$K$13=1,J2237*Input!$J$13,0)+IF(Input!$K$14=1,K2237*Input!$J$14,0)+IF(Input!$K$15=1,L2237*Input!$J$15,0)+IF(Input!$K$16=1,M2237*Input!$J$16,0)</f>
        <v>1.9319189957805254</v>
      </c>
      <c r="O2237" s="58">
        <f>IF(Input!$K$13=2,J2237*Input!$J$13,0)+IF(Input!$K$14=2,K2237*Input!$J$14,0)+IF(Input!$K$15=2,L2237*Input!$J$15,0)+IF(Input!$K$16=2,M2237*Input!$J$16,0)</f>
        <v>8.7695601879200946E-2</v>
      </c>
      <c r="P2237" s="58">
        <f>IF(Input!$K$13=3,J2237*Input!$J$13,0)+IF(Input!$K$14=3,K2237*Input!$J$14,0)+IF(Input!$K$15=3,L2237*Input!$J$15,0)+IF(Input!$K$16=3,M2237*Input!$J$16,0)</f>
        <v>0</v>
      </c>
      <c r="Q2237" s="71">
        <f>IF(Input!$K$13=4,J2237*Input!$J$13,0)+IF(Input!$K$14=4,K2237*Input!$J$14,0)+IF(Input!$K$15=4,L2237*Input!$J$15,0)+IF(Input!$K$16=4,M2237*Input!$J$16,0)</f>
        <v>0</v>
      </c>
    </row>
    <row r="2238" spans="8:17" x14ac:dyDescent="0.25">
      <c r="H2238" s="43">
        <v>2231</v>
      </c>
      <c r="I2238" s="55">
        <f>Bühler!I2264</f>
        <v>3.8610207959409006</v>
      </c>
      <c r="J2238" s="58">
        <f>Bühler!J2264</f>
        <v>16.099324964837713</v>
      </c>
      <c r="K2238" s="58">
        <f>Bühler!K2264</f>
        <v>0.64959705095704412</v>
      </c>
      <c r="L2238" s="58">
        <f>Bühler!L2264</f>
        <v>0.32479852547852206</v>
      </c>
      <c r="M2238" s="57">
        <f>Bühler!M2264</f>
        <v>0</v>
      </c>
      <c r="N2238" s="55">
        <f>IF(Input!$K$13=1,J2238*Input!$J$13,0)+IF(Input!$K$14=1,K2238*Input!$J$14,0)+IF(Input!$K$15=1,L2238*Input!$J$15,0)+IF(Input!$K$16=1,M2238*Input!$J$16,0)</f>
        <v>1.9319189957805254</v>
      </c>
      <c r="O2238" s="58">
        <f>IF(Input!$K$13=2,J2238*Input!$J$13,0)+IF(Input!$K$14=2,K2238*Input!$J$14,0)+IF(Input!$K$15=2,L2238*Input!$J$15,0)+IF(Input!$K$16=2,M2238*Input!$J$16,0)</f>
        <v>8.7695601879200946E-2</v>
      </c>
      <c r="P2238" s="58">
        <f>IF(Input!$K$13=3,J2238*Input!$J$13,0)+IF(Input!$K$14=3,K2238*Input!$J$14,0)+IF(Input!$K$15=3,L2238*Input!$J$15,0)+IF(Input!$K$16=3,M2238*Input!$J$16,0)</f>
        <v>0</v>
      </c>
      <c r="Q2238" s="71">
        <f>IF(Input!$K$13=4,J2238*Input!$J$13,0)+IF(Input!$K$14=4,K2238*Input!$J$14,0)+IF(Input!$K$15=4,L2238*Input!$J$15,0)+IF(Input!$K$16=4,M2238*Input!$J$16,0)</f>
        <v>0</v>
      </c>
    </row>
    <row r="2239" spans="8:17" x14ac:dyDescent="0.25">
      <c r="H2239" s="43">
        <v>2232</v>
      </c>
      <c r="I2239" s="55">
        <f>Bühler!I2265</f>
        <v>3.8610207959409006</v>
      </c>
      <c r="J2239" s="58">
        <f>Bühler!J2265</f>
        <v>16.099324964837713</v>
      </c>
      <c r="K2239" s="58">
        <f>Bühler!K2265</f>
        <v>0.64959705095704412</v>
      </c>
      <c r="L2239" s="58">
        <f>Bühler!L2265</f>
        <v>0.32479852547852206</v>
      </c>
      <c r="M2239" s="57">
        <f>Bühler!M2265</f>
        <v>0</v>
      </c>
      <c r="N2239" s="55">
        <f>IF(Input!$K$13=1,J2239*Input!$J$13,0)+IF(Input!$K$14=1,K2239*Input!$J$14,0)+IF(Input!$K$15=1,L2239*Input!$J$15,0)+IF(Input!$K$16=1,M2239*Input!$J$16,0)</f>
        <v>1.9319189957805254</v>
      </c>
      <c r="O2239" s="58">
        <f>IF(Input!$K$13=2,J2239*Input!$J$13,0)+IF(Input!$K$14=2,K2239*Input!$J$14,0)+IF(Input!$K$15=2,L2239*Input!$J$15,0)+IF(Input!$K$16=2,M2239*Input!$J$16,0)</f>
        <v>8.7695601879200946E-2</v>
      </c>
      <c r="P2239" s="58">
        <f>IF(Input!$K$13=3,J2239*Input!$J$13,0)+IF(Input!$K$14=3,K2239*Input!$J$14,0)+IF(Input!$K$15=3,L2239*Input!$J$15,0)+IF(Input!$K$16=3,M2239*Input!$J$16,0)</f>
        <v>0</v>
      </c>
      <c r="Q2239" s="71">
        <f>IF(Input!$K$13=4,J2239*Input!$J$13,0)+IF(Input!$K$14=4,K2239*Input!$J$14,0)+IF(Input!$K$15=4,L2239*Input!$J$15,0)+IF(Input!$K$16=4,M2239*Input!$J$16,0)</f>
        <v>0</v>
      </c>
    </row>
    <row r="2240" spans="8:17" x14ac:dyDescent="0.25">
      <c r="H2240" s="43">
        <v>2233</v>
      </c>
      <c r="I2240" s="55">
        <f>Bühler!I2266</f>
        <v>4.2909497132271177</v>
      </c>
      <c r="J2240" s="58">
        <f>Bühler!J2266</f>
        <v>12.632004793545399</v>
      </c>
      <c r="K2240" s="58">
        <f>Bühler!K2266</f>
        <v>0.41835571002931493</v>
      </c>
      <c r="L2240" s="58">
        <f>Bühler!L2266</f>
        <v>0.20917785501465747</v>
      </c>
      <c r="M2240" s="57">
        <f>Bühler!M2266</f>
        <v>0</v>
      </c>
      <c r="N2240" s="55">
        <f>IF(Input!$K$13=1,J2240*Input!$J$13,0)+IF(Input!$K$14=1,K2240*Input!$J$14,0)+IF(Input!$K$15=1,L2240*Input!$J$15,0)+IF(Input!$K$16=1,M2240*Input!$J$16,0)</f>
        <v>1.5158405752254478</v>
      </c>
      <c r="O2240" s="58">
        <f>IF(Input!$K$13=2,J2240*Input!$J$13,0)+IF(Input!$K$14=2,K2240*Input!$J$14,0)+IF(Input!$K$15=2,L2240*Input!$J$15,0)+IF(Input!$K$16=2,M2240*Input!$J$16,0)</f>
        <v>5.647802085395752E-2</v>
      </c>
      <c r="P2240" s="58">
        <f>IF(Input!$K$13=3,J2240*Input!$J$13,0)+IF(Input!$K$14=3,K2240*Input!$J$14,0)+IF(Input!$K$15=3,L2240*Input!$J$15,0)+IF(Input!$K$16=3,M2240*Input!$J$16,0)</f>
        <v>0</v>
      </c>
      <c r="Q2240" s="71">
        <f>IF(Input!$K$13=4,J2240*Input!$J$13,0)+IF(Input!$K$14=4,K2240*Input!$J$14,0)+IF(Input!$K$15=4,L2240*Input!$J$15,0)+IF(Input!$K$16=4,M2240*Input!$J$16,0)</f>
        <v>0</v>
      </c>
    </row>
    <row r="2241" spans="8:17" x14ac:dyDescent="0.25">
      <c r="H2241" s="43">
        <v>2234</v>
      </c>
      <c r="I2241" s="55">
        <f>Bühler!I2267</f>
        <v>4.2909497132271177</v>
      </c>
      <c r="J2241" s="58">
        <f>Bühler!J2267</f>
        <v>16.813825522737918</v>
      </c>
      <c r="K2241" s="58">
        <f>Bühler!K2267</f>
        <v>0.63749441528276585</v>
      </c>
      <c r="L2241" s="58">
        <f>Bühler!L2267</f>
        <v>0.31874720764138292</v>
      </c>
      <c r="M2241" s="57">
        <f>Bühler!M2267</f>
        <v>0</v>
      </c>
      <c r="N2241" s="55">
        <f>IF(Input!$K$13=1,J2241*Input!$J$13,0)+IF(Input!$K$14=1,K2241*Input!$J$14,0)+IF(Input!$K$15=1,L2241*Input!$J$15,0)+IF(Input!$K$16=1,M2241*Input!$J$16,0)</f>
        <v>2.01765906272855</v>
      </c>
      <c r="O2241" s="58">
        <f>IF(Input!$K$13=2,J2241*Input!$J$13,0)+IF(Input!$K$14=2,K2241*Input!$J$14,0)+IF(Input!$K$15=2,L2241*Input!$J$15,0)+IF(Input!$K$16=2,M2241*Input!$J$16,0)</f>
        <v>8.6061746063173378E-2</v>
      </c>
      <c r="P2241" s="58">
        <f>IF(Input!$K$13=3,J2241*Input!$J$13,0)+IF(Input!$K$14=3,K2241*Input!$J$14,0)+IF(Input!$K$15=3,L2241*Input!$J$15,0)+IF(Input!$K$16=3,M2241*Input!$J$16,0)</f>
        <v>0</v>
      </c>
      <c r="Q2241" s="71">
        <f>IF(Input!$K$13=4,J2241*Input!$J$13,0)+IF(Input!$K$14=4,K2241*Input!$J$14,0)+IF(Input!$K$15=4,L2241*Input!$J$15,0)+IF(Input!$K$16=4,M2241*Input!$J$16,0)</f>
        <v>0</v>
      </c>
    </row>
    <row r="2242" spans="8:17" x14ac:dyDescent="0.25">
      <c r="H2242" s="43">
        <v>2235</v>
      </c>
      <c r="I2242" s="55">
        <f>Bühler!I2268</f>
        <v>4.2909497132271177</v>
      </c>
      <c r="J2242" s="58">
        <f>Bühler!J2268</f>
        <v>16.813825522737918</v>
      </c>
      <c r="K2242" s="58">
        <f>Bühler!K2268</f>
        <v>0.63749441528276585</v>
      </c>
      <c r="L2242" s="58">
        <f>Bühler!L2268</f>
        <v>0.31874720764138292</v>
      </c>
      <c r="M2242" s="57">
        <f>Bühler!M2268</f>
        <v>0</v>
      </c>
      <c r="N2242" s="55">
        <f>IF(Input!$K$13=1,J2242*Input!$J$13,0)+IF(Input!$K$14=1,K2242*Input!$J$14,0)+IF(Input!$K$15=1,L2242*Input!$J$15,0)+IF(Input!$K$16=1,M2242*Input!$J$16,0)</f>
        <v>2.01765906272855</v>
      </c>
      <c r="O2242" s="58">
        <f>IF(Input!$K$13=2,J2242*Input!$J$13,0)+IF(Input!$K$14=2,K2242*Input!$J$14,0)+IF(Input!$K$15=2,L2242*Input!$J$15,0)+IF(Input!$K$16=2,M2242*Input!$J$16,0)</f>
        <v>8.6061746063173378E-2</v>
      </c>
      <c r="P2242" s="58">
        <f>IF(Input!$K$13=3,J2242*Input!$J$13,0)+IF(Input!$K$14=3,K2242*Input!$J$14,0)+IF(Input!$K$15=3,L2242*Input!$J$15,0)+IF(Input!$K$16=3,M2242*Input!$J$16,0)</f>
        <v>0</v>
      </c>
      <c r="Q2242" s="71">
        <f>IF(Input!$K$13=4,J2242*Input!$J$13,0)+IF(Input!$K$14=4,K2242*Input!$J$14,0)+IF(Input!$K$15=4,L2242*Input!$J$15,0)+IF(Input!$K$16=4,M2242*Input!$J$16,0)</f>
        <v>0</v>
      </c>
    </row>
    <row r="2243" spans="8:17" x14ac:dyDescent="0.25">
      <c r="H2243" s="43">
        <v>2236</v>
      </c>
      <c r="I2243" s="55">
        <f>Bühler!I2269</f>
        <v>4.2909497132271177</v>
      </c>
      <c r="J2243" s="58">
        <f>Bühler!J2269</f>
        <v>16.813825522737918</v>
      </c>
      <c r="K2243" s="58">
        <f>Bühler!K2269</f>
        <v>0.63749441528276585</v>
      </c>
      <c r="L2243" s="58">
        <f>Bühler!L2269</f>
        <v>0.31874720764138292</v>
      </c>
      <c r="M2243" s="57">
        <f>Bühler!M2269</f>
        <v>0</v>
      </c>
      <c r="N2243" s="55">
        <f>IF(Input!$K$13=1,J2243*Input!$J$13,0)+IF(Input!$K$14=1,K2243*Input!$J$14,0)+IF(Input!$K$15=1,L2243*Input!$J$15,0)+IF(Input!$K$16=1,M2243*Input!$J$16,0)</f>
        <v>2.01765906272855</v>
      </c>
      <c r="O2243" s="58">
        <f>IF(Input!$K$13=2,J2243*Input!$J$13,0)+IF(Input!$K$14=2,K2243*Input!$J$14,0)+IF(Input!$K$15=2,L2243*Input!$J$15,0)+IF(Input!$K$16=2,M2243*Input!$J$16,0)</f>
        <v>8.6061746063173378E-2</v>
      </c>
      <c r="P2243" s="58">
        <f>IF(Input!$K$13=3,J2243*Input!$J$13,0)+IF(Input!$K$14=3,K2243*Input!$J$14,0)+IF(Input!$K$15=3,L2243*Input!$J$15,0)+IF(Input!$K$16=3,M2243*Input!$J$16,0)</f>
        <v>0</v>
      </c>
      <c r="Q2243" s="71">
        <f>IF(Input!$K$13=4,J2243*Input!$J$13,0)+IF(Input!$K$14=4,K2243*Input!$J$14,0)+IF(Input!$K$15=4,L2243*Input!$J$15,0)+IF(Input!$K$16=4,M2243*Input!$J$16,0)</f>
        <v>0</v>
      </c>
    </row>
    <row r="2244" spans="8:17" x14ac:dyDescent="0.25">
      <c r="H2244" s="43">
        <v>2237</v>
      </c>
      <c r="I2244" s="55">
        <f>Bühler!I2270</f>
        <v>4.2909497132271177</v>
      </c>
      <c r="J2244" s="58">
        <f>Bühler!J2270</f>
        <v>16.813825522737918</v>
      </c>
      <c r="K2244" s="58">
        <f>Bühler!K2270</f>
        <v>0.63749441528276585</v>
      </c>
      <c r="L2244" s="58">
        <f>Bühler!L2270</f>
        <v>0.31874720764138292</v>
      </c>
      <c r="M2244" s="57">
        <f>Bühler!M2270</f>
        <v>0</v>
      </c>
      <c r="N2244" s="55">
        <f>IF(Input!$K$13=1,J2244*Input!$J$13,0)+IF(Input!$K$14=1,K2244*Input!$J$14,0)+IF(Input!$K$15=1,L2244*Input!$J$15,0)+IF(Input!$K$16=1,M2244*Input!$J$16,0)</f>
        <v>2.01765906272855</v>
      </c>
      <c r="O2244" s="58">
        <f>IF(Input!$K$13=2,J2244*Input!$J$13,0)+IF(Input!$K$14=2,K2244*Input!$J$14,0)+IF(Input!$K$15=2,L2244*Input!$J$15,0)+IF(Input!$K$16=2,M2244*Input!$J$16,0)</f>
        <v>8.6061746063173378E-2</v>
      </c>
      <c r="P2244" s="58">
        <f>IF(Input!$K$13=3,J2244*Input!$J$13,0)+IF(Input!$K$14=3,K2244*Input!$J$14,0)+IF(Input!$K$15=3,L2244*Input!$J$15,0)+IF(Input!$K$16=3,M2244*Input!$J$16,0)</f>
        <v>0</v>
      </c>
      <c r="Q2244" s="71">
        <f>IF(Input!$K$13=4,J2244*Input!$J$13,0)+IF(Input!$K$14=4,K2244*Input!$J$14,0)+IF(Input!$K$15=4,L2244*Input!$J$15,0)+IF(Input!$K$16=4,M2244*Input!$J$16,0)</f>
        <v>0</v>
      </c>
    </row>
    <row r="2245" spans="8:17" x14ac:dyDescent="0.25">
      <c r="H2245" s="43">
        <v>2238</v>
      </c>
      <c r="I2245" s="55">
        <f>Bühler!I2271</f>
        <v>4.2909497132271177</v>
      </c>
      <c r="J2245" s="58">
        <f>Bühler!J2271</f>
        <v>16.813825522737918</v>
      </c>
      <c r="K2245" s="58">
        <f>Bühler!K2271</f>
        <v>0.63749441528276585</v>
      </c>
      <c r="L2245" s="58">
        <f>Bühler!L2271</f>
        <v>0.31874720764138292</v>
      </c>
      <c r="M2245" s="57">
        <f>Bühler!M2271</f>
        <v>0</v>
      </c>
      <c r="N2245" s="55">
        <f>IF(Input!$K$13=1,J2245*Input!$J$13,0)+IF(Input!$K$14=1,K2245*Input!$J$14,0)+IF(Input!$K$15=1,L2245*Input!$J$15,0)+IF(Input!$K$16=1,M2245*Input!$J$16,0)</f>
        <v>2.01765906272855</v>
      </c>
      <c r="O2245" s="58">
        <f>IF(Input!$K$13=2,J2245*Input!$J$13,0)+IF(Input!$K$14=2,K2245*Input!$J$14,0)+IF(Input!$K$15=2,L2245*Input!$J$15,0)+IF(Input!$K$16=2,M2245*Input!$J$16,0)</f>
        <v>8.6061746063173378E-2</v>
      </c>
      <c r="P2245" s="58">
        <f>IF(Input!$K$13=3,J2245*Input!$J$13,0)+IF(Input!$K$14=3,K2245*Input!$J$14,0)+IF(Input!$K$15=3,L2245*Input!$J$15,0)+IF(Input!$K$16=3,M2245*Input!$J$16,0)</f>
        <v>0</v>
      </c>
      <c r="Q2245" s="71">
        <f>IF(Input!$K$13=4,J2245*Input!$J$13,0)+IF(Input!$K$14=4,K2245*Input!$J$14,0)+IF(Input!$K$15=4,L2245*Input!$J$15,0)+IF(Input!$K$16=4,M2245*Input!$J$16,0)</f>
        <v>0</v>
      </c>
    </row>
    <row r="2246" spans="8:17" x14ac:dyDescent="0.25">
      <c r="H2246" s="43">
        <v>2239</v>
      </c>
      <c r="I2246" s="55">
        <f>Bühler!I2272</f>
        <v>4.2909497132271177</v>
      </c>
      <c r="J2246" s="58">
        <f>Bühler!J2272</f>
        <v>16.813825522737918</v>
      </c>
      <c r="K2246" s="58">
        <f>Bühler!K2272</f>
        <v>0.63749441528276585</v>
      </c>
      <c r="L2246" s="58">
        <f>Bühler!L2272</f>
        <v>0.31874720764138292</v>
      </c>
      <c r="M2246" s="57">
        <f>Bühler!M2272</f>
        <v>0</v>
      </c>
      <c r="N2246" s="55">
        <f>IF(Input!$K$13=1,J2246*Input!$J$13,0)+IF(Input!$K$14=1,K2246*Input!$J$14,0)+IF(Input!$K$15=1,L2246*Input!$J$15,0)+IF(Input!$K$16=1,M2246*Input!$J$16,0)</f>
        <v>2.01765906272855</v>
      </c>
      <c r="O2246" s="58">
        <f>IF(Input!$K$13=2,J2246*Input!$J$13,0)+IF(Input!$K$14=2,K2246*Input!$J$14,0)+IF(Input!$K$15=2,L2246*Input!$J$15,0)+IF(Input!$K$16=2,M2246*Input!$J$16,0)</f>
        <v>8.6061746063173378E-2</v>
      </c>
      <c r="P2246" s="58">
        <f>IF(Input!$K$13=3,J2246*Input!$J$13,0)+IF(Input!$K$14=3,K2246*Input!$J$14,0)+IF(Input!$K$15=3,L2246*Input!$J$15,0)+IF(Input!$K$16=3,M2246*Input!$J$16,0)</f>
        <v>0</v>
      </c>
      <c r="Q2246" s="71">
        <f>IF(Input!$K$13=4,J2246*Input!$J$13,0)+IF(Input!$K$14=4,K2246*Input!$J$14,0)+IF(Input!$K$15=4,L2246*Input!$J$15,0)+IF(Input!$K$16=4,M2246*Input!$J$16,0)</f>
        <v>0</v>
      </c>
    </row>
    <row r="2247" spans="8:17" x14ac:dyDescent="0.25">
      <c r="H2247" s="43">
        <v>2240</v>
      </c>
      <c r="I2247" s="55">
        <f>Bühler!I2273</f>
        <v>12.360703528747791</v>
      </c>
      <c r="J2247" s="58">
        <f>Bühler!J2273</f>
        <v>64.675090916877139</v>
      </c>
      <c r="K2247" s="58">
        <f>Bühler!K2273</f>
        <v>2.6874373944264085</v>
      </c>
      <c r="L2247" s="58">
        <f>Bühler!L2273</f>
        <v>1.3437186972132042</v>
      </c>
      <c r="M2247" s="57">
        <f>Bühler!M2273</f>
        <v>0</v>
      </c>
      <c r="N2247" s="55">
        <f>IF(Input!$K$13=1,J2247*Input!$J$13,0)+IF(Input!$K$14=1,K2247*Input!$J$14,0)+IF(Input!$K$15=1,L2247*Input!$J$15,0)+IF(Input!$K$16=1,M2247*Input!$J$16,0)</f>
        <v>7.7610109100252567</v>
      </c>
      <c r="O2247" s="58">
        <f>IF(Input!$K$13=2,J2247*Input!$J$13,0)+IF(Input!$K$14=2,K2247*Input!$J$14,0)+IF(Input!$K$15=2,L2247*Input!$J$15,0)+IF(Input!$K$16=2,M2247*Input!$J$16,0)</f>
        <v>0.36280404824756518</v>
      </c>
      <c r="P2247" s="58">
        <f>IF(Input!$K$13=3,J2247*Input!$J$13,0)+IF(Input!$K$14=3,K2247*Input!$J$14,0)+IF(Input!$K$15=3,L2247*Input!$J$15,0)+IF(Input!$K$16=3,M2247*Input!$J$16,0)</f>
        <v>0</v>
      </c>
      <c r="Q2247" s="71">
        <f>IF(Input!$K$13=4,J2247*Input!$J$13,0)+IF(Input!$K$14=4,K2247*Input!$J$14,0)+IF(Input!$K$15=4,L2247*Input!$J$15,0)+IF(Input!$K$16=4,M2247*Input!$J$16,0)</f>
        <v>0</v>
      </c>
    </row>
    <row r="2248" spans="8:17" x14ac:dyDescent="0.25">
      <c r="H2248" s="43">
        <v>2241</v>
      </c>
      <c r="I2248" s="55">
        <f>Bühler!I2274</f>
        <v>13.791942884708064</v>
      </c>
      <c r="J2248" s="58">
        <f>Bühler!J2274</f>
        <v>72.163785654620824</v>
      </c>
      <c r="K2248" s="58">
        <f>Bühler!K2274</f>
        <v>2.9986143558863092</v>
      </c>
      <c r="L2248" s="58">
        <f>Bühler!L2274</f>
        <v>1.4993071779431546</v>
      </c>
      <c r="M2248" s="57">
        <f>Bühler!M2274</f>
        <v>0</v>
      </c>
      <c r="N2248" s="55">
        <f>IF(Input!$K$13=1,J2248*Input!$J$13,0)+IF(Input!$K$14=1,K2248*Input!$J$14,0)+IF(Input!$K$15=1,L2248*Input!$J$15,0)+IF(Input!$K$16=1,M2248*Input!$J$16,0)</f>
        <v>8.6596542785544983</v>
      </c>
      <c r="O2248" s="58">
        <f>IF(Input!$K$13=2,J2248*Input!$J$13,0)+IF(Input!$K$14=2,K2248*Input!$J$14,0)+IF(Input!$K$15=2,L2248*Input!$J$15,0)+IF(Input!$K$16=2,M2248*Input!$J$16,0)</f>
        <v>0.40481293804465174</v>
      </c>
      <c r="P2248" s="58">
        <f>IF(Input!$K$13=3,J2248*Input!$J$13,0)+IF(Input!$K$14=3,K2248*Input!$J$14,0)+IF(Input!$K$15=3,L2248*Input!$J$15,0)+IF(Input!$K$16=3,M2248*Input!$J$16,0)</f>
        <v>0</v>
      </c>
      <c r="Q2248" s="71">
        <f>IF(Input!$K$13=4,J2248*Input!$J$13,0)+IF(Input!$K$14=4,K2248*Input!$J$14,0)+IF(Input!$K$15=4,L2248*Input!$J$15,0)+IF(Input!$K$16=4,M2248*Input!$J$16,0)</f>
        <v>0</v>
      </c>
    </row>
    <row r="2249" spans="8:17" x14ac:dyDescent="0.25">
      <c r="H2249" s="43">
        <v>2242</v>
      </c>
      <c r="I2249" s="55">
        <f>Bühler!I2275</f>
        <v>15.223182240668335</v>
      </c>
      <c r="J2249" s="58">
        <f>Bühler!J2275</f>
        <v>79.652480392364495</v>
      </c>
      <c r="K2249" s="58">
        <f>Bühler!K2275</f>
        <v>3.3097913173462095</v>
      </c>
      <c r="L2249" s="58">
        <f>Bühler!L2275</f>
        <v>1.6548956586731047</v>
      </c>
      <c r="M2249" s="57">
        <f>Bühler!M2275</f>
        <v>0</v>
      </c>
      <c r="N2249" s="55">
        <f>IF(Input!$K$13=1,J2249*Input!$J$13,0)+IF(Input!$K$14=1,K2249*Input!$J$14,0)+IF(Input!$K$15=1,L2249*Input!$J$15,0)+IF(Input!$K$16=1,M2249*Input!$J$16,0)</f>
        <v>9.5582976470837391</v>
      </c>
      <c r="O2249" s="58">
        <f>IF(Input!$K$13=2,J2249*Input!$J$13,0)+IF(Input!$K$14=2,K2249*Input!$J$14,0)+IF(Input!$K$15=2,L2249*Input!$J$15,0)+IF(Input!$K$16=2,M2249*Input!$J$16,0)</f>
        <v>0.44682182784173829</v>
      </c>
      <c r="P2249" s="58">
        <f>IF(Input!$K$13=3,J2249*Input!$J$13,0)+IF(Input!$K$14=3,K2249*Input!$J$14,0)+IF(Input!$K$15=3,L2249*Input!$J$15,0)+IF(Input!$K$16=3,M2249*Input!$J$16,0)</f>
        <v>0</v>
      </c>
      <c r="Q2249" s="71">
        <f>IF(Input!$K$13=4,J2249*Input!$J$13,0)+IF(Input!$K$14=4,K2249*Input!$J$14,0)+IF(Input!$K$15=4,L2249*Input!$J$15,0)+IF(Input!$K$16=4,M2249*Input!$J$16,0)</f>
        <v>0</v>
      </c>
    </row>
    <row r="2250" spans="8:17" x14ac:dyDescent="0.25">
      <c r="H2250" s="43">
        <v>2243</v>
      </c>
      <c r="I2250" s="55">
        <f>Bühler!I2276</f>
        <v>15.223182240668335</v>
      </c>
      <c r="J2250" s="58">
        <f>Bühler!J2276</f>
        <v>79.652480392364495</v>
      </c>
      <c r="K2250" s="58">
        <f>Bühler!K2276</f>
        <v>3.3097913173462095</v>
      </c>
      <c r="L2250" s="58">
        <f>Bühler!L2276</f>
        <v>1.6548956586731047</v>
      </c>
      <c r="M2250" s="57">
        <f>Bühler!M2276</f>
        <v>0</v>
      </c>
      <c r="N2250" s="55">
        <f>IF(Input!$K$13=1,J2250*Input!$J$13,0)+IF(Input!$K$14=1,K2250*Input!$J$14,0)+IF(Input!$K$15=1,L2250*Input!$J$15,0)+IF(Input!$K$16=1,M2250*Input!$J$16,0)</f>
        <v>9.5582976470837391</v>
      </c>
      <c r="O2250" s="58">
        <f>IF(Input!$K$13=2,J2250*Input!$J$13,0)+IF(Input!$K$14=2,K2250*Input!$J$14,0)+IF(Input!$K$15=2,L2250*Input!$J$15,0)+IF(Input!$K$16=2,M2250*Input!$J$16,0)</f>
        <v>0.44682182784173829</v>
      </c>
      <c r="P2250" s="58">
        <f>IF(Input!$K$13=3,J2250*Input!$J$13,0)+IF(Input!$K$14=3,K2250*Input!$J$14,0)+IF(Input!$K$15=3,L2250*Input!$J$15,0)+IF(Input!$K$16=3,M2250*Input!$J$16,0)</f>
        <v>0</v>
      </c>
      <c r="Q2250" s="71">
        <f>IF(Input!$K$13=4,J2250*Input!$J$13,0)+IF(Input!$K$14=4,K2250*Input!$J$14,0)+IF(Input!$K$15=4,L2250*Input!$J$15,0)+IF(Input!$K$16=4,M2250*Input!$J$16,0)</f>
        <v>0</v>
      </c>
    </row>
    <row r="2251" spans="8:17" x14ac:dyDescent="0.25">
      <c r="H2251" s="43">
        <v>2244</v>
      </c>
      <c r="I2251" s="55">
        <f>Bühler!I2277</f>
        <v>18.21577362131254</v>
      </c>
      <c r="J2251" s="58">
        <f>Bühler!J2277</f>
        <v>95.310660298555803</v>
      </c>
      <c r="K2251" s="58">
        <f>Bühler!K2277</f>
        <v>3.9604340549441823</v>
      </c>
      <c r="L2251" s="58">
        <f>Bühler!L2277</f>
        <v>1.9802170274720912</v>
      </c>
      <c r="M2251" s="57">
        <f>Bühler!M2277</f>
        <v>0</v>
      </c>
      <c r="N2251" s="55">
        <f>IF(Input!$K$13=1,J2251*Input!$J$13,0)+IF(Input!$K$14=1,K2251*Input!$J$14,0)+IF(Input!$K$15=1,L2251*Input!$J$15,0)+IF(Input!$K$16=1,M2251*Input!$J$16,0)</f>
        <v>11.437279235826695</v>
      </c>
      <c r="O2251" s="58">
        <f>IF(Input!$K$13=2,J2251*Input!$J$13,0)+IF(Input!$K$14=2,K2251*Input!$J$14,0)+IF(Input!$K$15=2,L2251*Input!$J$15,0)+IF(Input!$K$16=2,M2251*Input!$J$16,0)</f>
        <v>0.53465859741746458</v>
      </c>
      <c r="P2251" s="58">
        <f>IF(Input!$K$13=3,J2251*Input!$J$13,0)+IF(Input!$K$14=3,K2251*Input!$J$14,0)+IF(Input!$K$15=3,L2251*Input!$J$15,0)+IF(Input!$K$16=3,M2251*Input!$J$16,0)</f>
        <v>0</v>
      </c>
      <c r="Q2251" s="71">
        <f>IF(Input!$K$13=4,J2251*Input!$J$13,0)+IF(Input!$K$14=4,K2251*Input!$J$14,0)+IF(Input!$K$15=4,L2251*Input!$J$15,0)+IF(Input!$K$16=4,M2251*Input!$J$16,0)</f>
        <v>0</v>
      </c>
    </row>
    <row r="2252" spans="8:17" x14ac:dyDescent="0.25">
      <c r="H2252" s="43">
        <v>2245</v>
      </c>
      <c r="I2252" s="55">
        <f>Bühler!I2278</f>
        <v>18.21577362131254</v>
      </c>
      <c r="J2252" s="58">
        <f>Bühler!J2278</f>
        <v>95.310660298555803</v>
      </c>
      <c r="K2252" s="58">
        <f>Bühler!K2278</f>
        <v>3.9604340549441823</v>
      </c>
      <c r="L2252" s="58">
        <f>Bühler!L2278</f>
        <v>1.9802170274720912</v>
      </c>
      <c r="M2252" s="57">
        <f>Bühler!M2278</f>
        <v>0</v>
      </c>
      <c r="N2252" s="55">
        <f>IF(Input!$K$13=1,J2252*Input!$J$13,0)+IF(Input!$K$14=1,K2252*Input!$J$14,0)+IF(Input!$K$15=1,L2252*Input!$J$15,0)+IF(Input!$K$16=1,M2252*Input!$J$16,0)</f>
        <v>11.437279235826695</v>
      </c>
      <c r="O2252" s="58">
        <f>IF(Input!$K$13=2,J2252*Input!$J$13,0)+IF(Input!$K$14=2,K2252*Input!$J$14,0)+IF(Input!$K$15=2,L2252*Input!$J$15,0)+IF(Input!$K$16=2,M2252*Input!$J$16,0)</f>
        <v>0.53465859741746458</v>
      </c>
      <c r="P2252" s="58">
        <f>IF(Input!$K$13=3,J2252*Input!$J$13,0)+IF(Input!$K$14=3,K2252*Input!$J$14,0)+IF(Input!$K$15=3,L2252*Input!$J$15,0)+IF(Input!$K$16=3,M2252*Input!$J$16,0)</f>
        <v>0</v>
      </c>
      <c r="Q2252" s="71">
        <f>IF(Input!$K$13=4,J2252*Input!$J$13,0)+IF(Input!$K$14=4,K2252*Input!$J$14,0)+IF(Input!$K$15=4,L2252*Input!$J$15,0)+IF(Input!$K$16=4,M2252*Input!$J$16,0)</f>
        <v>0</v>
      </c>
    </row>
    <row r="2253" spans="8:17" x14ac:dyDescent="0.25">
      <c r="H2253" s="43">
        <v>2246</v>
      </c>
      <c r="I2253" s="55">
        <f>Bühler!I2279</f>
        <v>12.10047819130047</v>
      </c>
      <c r="J2253" s="58">
        <f>Bühler!J2279</f>
        <v>63.313510055469216</v>
      </c>
      <c r="K2253" s="58">
        <f>Bühler!K2279</f>
        <v>2.6308597650700638</v>
      </c>
      <c r="L2253" s="58">
        <f>Bühler!L2279</f>
        <v>1.3154298825350319</v>
      </c>
      <c r="M2253" s="57">
        <f>Bühler!M2279</f>
        <v>0</v>
      </c>
      <c r="N2253" s="55">
        <f>IF(Input!$K$13=1,J2253*Input!$J$13,0)+IF(Input!$K$14=1,K2253*Input!$J$14,0)+IF(Input!$K$15=1,L2253*Input!$J$15,0)+IF(Input!$K$16=1,M2253*Input!$J$16,0)</f>
        <v>7.5976212066563056</v>
      </c>
      <c r="O2253" s="58">
        <f>IF(Input!$K$13=2,J2253*Input!$J$13,0)+IF(Input!$K$14=2,K2253*Input!$J$14,0)+IF(Input!$K$15=2,L2253*Input!$J$15,0)+IF(Input!$K$16=2,M2253*Input!$J$16,0)</f>
        <v>0.35516606828445862</v>
      </c>
      <c r="P2253" s="58">
        <f>IF(Input!$K$13=3,J2253*Input!$J$13,0)+IF(Input!$K$14=3,K2253*Input!$J$14,0)+IF(Input!$K$15=3,L2253*Input!$J$15,0)+IF(Input!$K$16=3,M2253*Input!$J$16,0)</f>
        <v>0</v>
      </c>
      <c r="Q2253" s="71">
        <f>IF(Input!$K$13=4,J2253*Input!$J$13,0)+IF(Input!$K$14=4,K2253*Input!$J$14,0)+IF(Input!$K$15=4,L2253*Input!$J$15,0)+IF(Input!$K$16=4,M2253*Input!$J$16,0)</f>
        <v>0</v>
      </c>
    </row>
    <row r="2254" spans="8:17" x14ac:dyDescent="0.25">
      <c r="H2254" s="43">
        <v>2247</v>
      </c>
      <c r="I2254" s="55">
        <f>Bühler!I2280</f>
        <v>18.21577362131254</v>
      </c>
      <c r="J2254" s="58">
        <f>Bühler!J2280</f>
        <v>95.310660298555803</v>
      </c>
      <c r="K2254" s="58">
        <f>Bühler!K2280</f>
        <v>3.9604340549441823</v>
      </c>
      <c r="L2254" s="58">
        <f>Bühler!L2280</f>
        <v>1.9802170274720912</v>
      </c>
      <c r="M2254" s="57">
        <f>Bühler!M2280</f>
        <v>0</v>
      </c>
      <c r="N2254" s="55">
        <f>IF(Input!$K$13=1,J2254*Input!$J$13,0)+IF(Input!$K$14=1,K2254*Input!$J$14,0)+IF(Input!$K$15=1,L2254*Input!$J$15,0)+IF(Input!$K$16=1,M2254*Input!$J$16,0)</f>
        <v>11.437279235826695</v>
      </c>
      <c r="O2254" s="58">
        <f>IF(Input!$K$13=2,J2254*Input!$J$13,0)+IF(Input!$K$14=2,K2254*Input!$J$14,0)+IF(Input!$K$15=2,L2254*Input!$J$15,0)+IF(Input!$K$16=2,M2254*Input!$J$16,0)</f>
        <v>0.53465859741746458</v>
      </c>
      <c r="P2254" s="58">
        <f>IF(Input!$K$13=3,J2254*Input!$J$13,0)+IF(Input!$K$14=3,K2254*Input!$J$14,0)+IF(Input!$K$15=3,L2254*Input!$J$15,0)+IF(Input!$K$16=3,M2254*Input!$J$16,0)</f>
        <v>0</v>
      </c>
      <c r="Q2254" s="71">
        <f>IF(Input!$K$13=4,J2254*Input!$J$13,0)+IF(Input!$K$14=4,K2254*Input!$J$14,0)+IF(Input!$K$15=4,L2254*Input!$J$15,0)+IF(Input!$K$16=4,M2254*Input!$J$16,0)</f>
        <v>0</v>
      </c>
    </row>
    <row r="2255" spans="8:17" x14ac:dyDescent="0.25">
      <c r="H2255" s="43">
        <v>2248</v>
      </c>
      <c r="I2255" s="55">
        <f>Bühler!I2281</f>
        <v>18.21577362131254</v>
      </c>
      <c r="J2255" s="58">
        <f>Bühler!J2281</f>
        <v>95.310660298555803</v>
      </c>
      <c r="K2255" s="58">
        <f>Bühler!K2281</f>
        <v>3.9604340549441823</v>
      </c>
      <c r="L2255" s="58">
        <f>Bühler!L2281</f>
        <v>1.9802170274720912</v>
      </c>
      <c r="M2255" s="57">
        <f>Bühler!M2281</f>
        <v>0</v>
      </c>
      <c r="N2255" s="55">
        <f>IF(Input!$K$13=1,J2255*Input!$J$13,0)+IF(Input!$K$14=1,K2255*Input!$J$14,0)+IF(Input!$K$15=1,L2255*Input!$J$15,0)+IF(Input!$K$16=1,M2255*Input!$J$16,0)</f>
        <v>11.437279235826695</v>
      </c>
      <c r="O2255" s="58">
        <f>IF(Input!$K$13=2,J2255*Input!$J$13,0)+IF(Input!$K$14=2,K2255*Input!$J$14,0)+IF(Input!$K$15=2,L2255*Input!$J$15,0)+IF(Input!$K$16=2,M2255*Input!$J$16,0)</f>
        <v>0.53465859741746458</v>
      </c>
      <c r="P2255" s="58">
        <f>IF(Input!$K$13=3,J2255*Input!$J$13,0)+IF(Input!$K$14=3,K2255*Input!$J$14,0)+IF(Input!$K$15=3,L2255*Input!$J$15,0)+IF(Input!$K$16=3,M2255*Input!$J$16,0)</f>
        <v>0</v>
      </c>
      <c r="Q2255" s="71">
        <f>IF(Input!$K$13=4,J2255*Input!$J$13,0)+IF(Input!$K$14=4,K2255*Input!$J$14,0)+IF(Input!$K$15=4,L2255*Input!$J$15,0)+IF(Input!$K$16=4,M2255*Input!$J$16,0)</f>
        <v>0</v>
      </c>
    </row>
    <row r="2256" spans="8:17" x14ac:dyDescent="0.25">
      <c r="H2256" s="43">
        <v>2249</v>
      </c>
      <c r="I2256" s="55">
        <f>Bühler!I2282</f>
        <v>15.225950595322029</v>
      </c>
      <c r="J2256" s="58">
        <f>Bühler!J2282</f>
        <v>61.031170577499203</v>
      </c>
      <c r="K2256" s="58">
        <f>Bühler!K2282</f>
        <v>2.3338272109492504</v>
      </c>
      <c r="L2256" s="58">
        <f>Bühler!L2282</f>
        <v>1.1669136054746252</v>
      </c>
      <c r="M2256" s="57">
        <f>Bühler!M2282</f>
        <v>0</v>
      </c>
      <c r="N2256" s="55">
        <f>IF(Input!$K$13=1,J2256*Input!$J$13,0)+IF(Input!$K$14=1,K2256*Input!$J$14,0)+IF(Input!$K$15=1,L2256*Input!$J$15,0)+IF(Input!$K$16=1,M2256*Input!$J$16,0)</f>
        <v>7.3237404692999037</v>
      </c>
      <c r="O2256" s="58">
        <f>IF(Input!$K$13=2,J2256*Input!$J$13,0)+IF(Input!$K$14=2,K2256*Input!$J$14,0)+IF(Input!$K$15=2,L2256*Input!$J$15,0)+IF(Input!$K$16=2,M2256*Input!$J$16,0)</f>
        <v>0.31506667347814876</v>
      </c>
      <c r="P2256" s="58">
        <f>IF(Input!$K$13=3,J2256*Input!$J$13,0)+IF(Input!$K$14=3,K2256*Input!$J$14,0)+IF(Input!$K$15=3,L2256*Input!$J$15,0)+IF(Input!$K$16=3,M2256*Input!$J$16,0)</f>
        <v>0</v>
      </c>
      <c r="Q2256" s="71">
        <f>IF(Input!$K$13=4,J2256*Input!$J$13,0)+IF(Input!$K$14=4,K2256*Input!$J$14,0)+IF(Input!$K$15=4,L2256*Input!$J$15,0)+IF(Input!$K$16=4,M2256*Input!$J$16,0)</f>
        <v>0</v>
      </c>
    </row>
    <row r="2257" spans="8:17" x14ac:dyDescent="0.25">
      <c r="H2257" s="43">
        <v>2250</v>
      </c>
      <c r="I2257" s="55">
        <f>Bühler!I2283</f>
        <v>12.097709836646779</v>
      </c>
      <c r="J2257" s="58">
        <f>Bühler!J2283</f>
        <v>32.114128364818193</v>
      </c>
      <c r="K2257" s="58">
        <f>Bühler!K2283</f>
        <v>0.99608502387932152</v>
      </c>
      <c r="L2257" s="58">
        <f>Bühler!L2283</f>
        <v>0.49804251193966076</v>
      </c>
      <c r="M2257" s="57">
        <f>Bühler!M2283</f>
        <v>0</v>
      </c>
      <c r="N2257" s="55">
        <f>IF(Input!$K$13=1,J2257*Input!$J$13,0)+IF(Input!$K$14=1,K2257*Input!$J$14,0)+IF(Input!$K$15=1,L2257*Input!$J$15,0)+IF(Input!$K$16=1,M2257*Input!$J$16,0)</f>
        <v>3.853695403778183</v>
      </c>
      <c r="O2257" s="58">
        <f>IF(Input!$K$13=2,J2257*Input!$J$13,0)+IF(Input!$K$14=2,K2257*Input!$J$14,0)+IF(Input!$K$15=2,L2257*Input!$J$15,0)+IF(Input!$K$16=2,M2257*Input!$J$16,0)</f>
        <v>0.13447147822370842</v>
      </c>
      <c r="P2257" s="58">
        <f>IF(Input!$K$13=3,J2257*Input!$J$13,0)+IF(Input!$K$14=3,K2257*Input!$J$14,0)+IF(Input!$K$15=3,L2257*Input!$J$15,0)+IF(Input!$K$16=3,M2257*Input!$J$16,0)</f>
        <v>0</v>
      </c>
      <c r="Q2257" s="71">
        <f>IF(Input!$K$13=4,J2257*Input!$J$13,0)+IF(Input!$K$14=4,K2257*Input!$J$14,0)+IF(Input!$K$15=4,L2257*Input!$J$15,0)+IF(Input!$K$16=4,M2257*Input!$J$16,0)</f>
        <v>0</v>
      </c>
    </row>
    <row r="2258" spans="8:17" x14ac:dyDescent="0.25">
      <c r="H2258" s="43">
        <v>2251</v>
      </c>
      <c r="I2258" s="55">
        <f>Bühler!I2284</f>
        <v>4.2909497132271177</v>
      </c>
      <c r="J2258" s="58">
        <f>Bühler!J2284</f>
        <v>17.193991043573604</v>
      </c>
      <c r="K2258" s="58">
        <f>Bühler!K2284</f>
        <v>0.65741611576035219</v>
      </c>
      <c r="L2258" s="58">
        <f>Bühler!L2284</f>
        <v>0.3287080578801761</v>
      </c>
      <c r="M2258" s="57">
        <f>Bühler!M2284</f>
        <v>0</v>
      </c>
      <c r="N2258" s="55">
        <f>IF(Input!$K$13=1,J2258*Input!$J$13,0)+IF(Input!$K$14=1,K2258*Input!$J$14,0)+IF(Input!$K$15=1,L2258*Input!$J$15,0)+IF(Input!$K$16=1,M2258*Input!$J$16,0)</f>
        <v>2.0632789252288326</v>
      </c>
      <c r="O2258" s="58">
        <f>IF(Input!$K$13=2,J2258*Input!$J$13,0)+IF(Input!$K$14=2,K2258*Input!$J$14,0)+IF(Input!$K$15=2,L2258*Input!$J$15,0)+IF(Input!$K$16=2,M2258*Input!$J$16,0)</f>
        <v>8.8751175627647533E-2</v>
      </c>
      <c r="P2258" s="58">
        <f>IF(Input!$K$13=3,J2258*Input!$J$13,0)+IF(Input!$K$14=3,K2258*Input!$J$14,0)+IF(Input!$K$15=3,L2258*Input!$J$15,0)+IF(Input!$K$16=3,M2258*Input!$J$16,0)</f>
        <v>0</v>
      </c>
      <c r="Q2258" s="71">
        <f>IF(Input!$K$13=4,J2258*Input!$J$13,0)+IF(Input!$K$14=4,K2258*Input!$J$14,0)+IF(Input!$K$15=4,L2258*Input!$J$15,0)+IF(Input!$K$16=4,M2258*Input!$J$16,0)</f>
        <v>0</v>
      </c>
    </row>
    <row r="2259" spans="8:17" x14ac:dyDescent="0.25">
      <c r="H2259" s="43">
        <v>2252</v>
      </c>
      <c r="I2259" s="55">
        <f>Bühler!I2285</f>
        <v>4.2909497132271177</v>
      </c>
      <c r="J2259" s="58">
        <f>Bühler!J2285</f>
        <v>17.193991043573604</v>
      </c>
      <c r="K2259" s="58">
        <f>Bühler!K2285</f>
        <v>0.65741611576035219</v>
      </c>
      <c r="L2259" s="58">
        <f>Bühler!L2285</f>
        <v>0.3287080578801761</v>
      </c>
      <c r="M2259" s="57">
        <f>Bühler!M2285</f>
        <v>0</v>
      </c>
      <c r="N2259" s="55">
        <f>IF(Input!$K$13=1,J2259*Input!$J$13,0)+IF(Input!$K$14=1,K2259*Input!$J$14,0)+IF(Input!$K$15=1,L2259*Input!$J$15,0)+IF(Input!$K$16=1,M2259*Input!$J$16,0)</f>
        <v>2.0632789252288326</v>
      </c>
      <c r="O2259" s="58">
        <f>IF(Input!$K$13=2,J2259*Input!$J$13,0)+IF(Input!$K$14=2,K2259*Input!$J$14,0)+IF(Input!$K$15=2,L2259*Input!$J$15,0)+IF(Input!$K$16=2,M2259*Input!$J$16,0)</f>
        <v>8.8751175627647533E-2</v>
      </c>
      <c r="P2259" s="58">
        <f>IF(Input!$K$13=3,J2259*Input!$J$13,0)+IF(Input!$K$14=3,K2259*Input!$J$14,0)+IF(Input!$K$15=3,L2259*Input!$J$15,0)+IF(Input!$K$16=3,M2259*Input!$J$16,0)</f>
        <v>0</v>
      </c>
      <c r="Q2259" s="71">
        <f>IF(Input!$K$13=4,J2259*Input!$J$13,0)+IF(Input!$K$14=4,K2259*Input!$J$14,0)+IF(Input!$K$15=4,L2259*Input!$J$15,0)+IF(Input!$K$16=4,M2259*Input!$J$16,0)</f>
        <v>0</v>
      </c>
    </row>
    <row r="2260" spans="8:17" x14ac:dyDescent="0.25">
      <c r="H2260" s="43">
        <v>2253</v>
      </c>
      <c r="I2260" s="55">
        <f>Bühler!I2286</f>
        <v>4.2909497132271177</v>
      </c>
      <c r="J2260" s="58">
        <f>Bühler!J2286</f>
        <v>17.193991043573604</v>
      </c>
      <c r="K2260" s="58">
        <f>Bühler!K2286</f>
        <v>0.65741611576035219</v>
      </c>
      <c r="L2260" s="58">
        <f>Bühler!L2286</f>
        <v>0.3287080578801761</v>
      </c>
      <c r="M2260" s="57">
        <f>Bühler!M2286</f>
        <v>0</v>
      </c>
      <c r="N2260" s="55">
        <f>IF(Input!$K$13=1,J2260*Input!$J$13,0)+IF(Input!$K$14=1,K2260*Input!$J$14,0)+IF(Input!$K$15=1,L2260*Input!$J$15,0)+IF(Input!$K$16=1,M2260*Input!$J$16,0)</f>
        <v>2.0632789252288326</v>
      </c>
      <c r="O2260" s="58">
        <f>IF(Input!$K$13=2,J2260*Input!$J$13,0)+IF(Input!$K$14=2,K2260*Input!$J$14,0)+IF(Input!$K$15=2,L2260*Input!$J$15,0)+IF(Input!$K$16=2,M2260*Input!$J$16,0)</f>
        <v>8.8751175627647533E-2</v>
      </c>
      <c r="P2260" s="58">
        <f>IF(Input!$K$13=3,J2260*Input!$J$13,0)+IF(Input!$K$14=3,K2260*Input!$J$14,0)+IF(Input!$K$15=3,L2260*Input!$J$15,0)+IF(Input!$K$16=3,M2260*Input!$J$16,0)</f>
        <v>0</v>
      </c>
      <c r="Q2260" s="71">
        <f>IF(Input!$K$13=4,J2260*Input!$J$13,0)+IF(Input!$K$14=4,K2260*Input!$J$14,0)+IF(Input!$K$15=4,L2260*Input!$J$15,0)+IF(Input!$K$16=4,M2260*Input!$J$16,0)</f>
        <v>0</v>
      </c>
    </row>
    <row r="2261" spans="8:17" x14ac:dyDescent="0.25">
      <c r="H2261" s="43">
        <v>2254</v>
      </c>
      <c r="I2261" s="55">
        <f>Bühler!I2287</f>
        <v>4.2909497132271177</v>
      </c>
      <c r="J2261" s="58">
        <f>Bühler!J2287</f>
        <v>17.193991043573604</v>
      </c>
      <c r="K2261" s="58">
        <f>Bühler!K2287</f>
        <v>0.65741611576035219</v>
      </c>
      <c r="L2261" s="58">
        <f>Bühler!L2287</f>
        <v>0.3287080578801761</v>
      </c>
      <c r="M2261" s="57">
        <f>Bühler!M2287</f>
        <v>0</v>
      </c>
      <c r="N2261" s="55">
        <f>IF(Input!$K$13=1,J2261*Input!$J$13,0)+IF(Input!$K$14=1,K2261*Input!$J$14,0)+IF(Input!$K$15=1,L2261*Input!$J$15,0)+IF(Input!$K$16=1,M2261*Input!$J$16,0)</f>
        <v>2.0632789252288326</v>
      </c>
      <c r="O2261" s="58">
        <f>IF(Input!$K$13=2,J2261*Input!$J$13,0)+IF(Input!$K$14=2,K2261*Input!$J$14,0)+IF(Input!$K$15=2,L2261*Input!$J$15,0)+IF(Input!$K$16=2,M2261*Input!$J$16,0)</f>
        <v>8.8751175627647533E-2</v>
      </c>
      <c r="P2261" s="58">
        <f>IF(Input!$K$13=3,J2261*Input!$J$13,0)+IF(Input!$K$14=3,K2261*Input!$J$14,0)+IF(Input!$K$15=3,L2261*Input!$J$15,0)+IF(Input!$K$16=3,M2261*Input!$J$16,0)</f>
        <v>0</v>
      </c>
      <c r="Q2261" s="71">
        <f>IF(Input!$K$13=4,J2261*Input!$J$13,0)+IF(Input!$K$14=4,K2261*Input!$J$14,0)+IF(Input!$K$15=4,L2261*Input!$J$15,0)+IF(Input!$K$16=4,M2261*Input!$J$16,0)</f>
        <v>0</v>
      </c>
    </row>
    <row r="2262" spans="8:17" x14ac:dyDescent="0.25">
      <c r="H2262" s="43">
        <v>2255</v>
      </c>
      <c r="I2262" s="55">
        <f>Bühler!I2288</f>
        <v>4.2909497132271177</v>
      </c>
      <c r="J2262" s="58">
        <f>Bühler!J2288</f>
        <v>17.193991043573604</v>
      </c>
      <c r="K2262" s="58">
        <f>Bühler!K2288</f>
        <v>0.65741611576035219</v>
      </c>
      <c r="L2262" s="58">
        <f>Bühler!L2288</f>
        <v>0.3287080578801761</v>
      </c>
      <c r="M2262" s="57">
        <f>Bühler!M2288</f>
        <v>0</v>
      </c>
      <c r="N2262" s="55">
        <f>IF(Input!$K$13=1,J2262*Input!$J$13,0)+IF(Input!$K$14=1,K2262*Input!$J$14,0)+IF(Input!$K$15=1,L2262*Input!$J$15,0)+IF(Input!$K$16=1,M2262*Input!$J$16,0)</f>
        <v>2.0632789252288326</v>
      </c>
      <c r="O2262" s="58">
        <f>IF(Input!$K$13=2,J2262*Input!$J$13,0)+IF(Input!$K$14=2,K2262*Input!$J$14,0)+IF(Input!$K$15=2,L2262*Input!$J$15,0)+IF(Input!$K$16=2,M2262*Input!$J$16,0)</f>
        <v>8.8751175627647533E-2</v>
      </c>
      <c r="P2262" s="58">
        <f>IF(Input!$K$13=3,J2262*Input!$J$13,0)+IF(Input!$K$14=3,K2262*Input!$J$14,0)+IF(Input!$K$15=3,L2262*Input!$J$15,0)+IF(Input!$K$16=3,M2262*Input!$J$16,0)</f>
        <v>0</v>
      </c>
      <c r="Q2262" s="71">
        <f>IF(Input!$K$13=4,J2262*Input!$J$13,0)+IF(Input!$K$14=4,K2262*Input!$J$14,0)+IF(Input!$K$15=4,L2262*Input!$J$15,0)+IF(Input!$K$16=4,M2262*Input!$J$16,0)</f>
        <v>0</v>
      </c>
    </row>
    <row r="2263" spans="8:17" x14ac:dyDescent="0.25">
      <c r="H2263" s="43">
        <v>2256</v>
      </c>
      <c r="I2263" s="55">
        <f>Bühler!I2289</f>
        <v>4.2909497132271177</v>
      </c>
      <c r="J2263" s="58">
        <f>Bühler!J2289</f>
        <v>17.193991043573604</v>
      </c>
      <c r="K2263" s="58">
        <f>Bühler!K2289</f>
        <v>0.65741611576035219</v>
      </c>
      <c r="L2263" s="58">
        <f>Bühler!L2289</f>
        <v>0.3287080578801761</v>
      </c>
      <c r="M2263" s="57">
        <f>Bühler!M2289</f>
        <v>0</v>
      </c>
      <c r="N2263" s="55">
        <f>IF(Input!$K$13=1,J2263*Input!$J$13,0)+IF(Input!$K$14=1,K2263*Input!$J$14,0)+IF(Input!$K$15=1,L2263*Input!$J$15,0)+IF(Input!$K$16=1,M2263*Input!$J$16,0)</f>
        <v>2.0632789252288326</v>
      </c>
      <c r="O2263" s="58">
        <f>IF(Input!$K$13=2,J2263*Input!$J$13,0)+IF(Input!$K$14=2,K2263*Input!$J$14,0)+IF(Input!$K$15=2,L2263*Input!$J$15,0)+IF(Input!$K$16=2,M2263*Input!$J$16,0)</f>
        <v>8.8751175627647533E-2</v>
      </c>
      <c r="P2263" s="58">
        <f>IF(Input!$K$13=3,J2263*Input!$J$13,0)+IF(Input!$K$14=3,K2263*Input!$J$14,0)+IF(Input!$K$15=3,L2263*Input!$J$15,0)+IF(Input!$K$16=3,M2263*Input!$J$16,0)</f>
        <v>0</v>
      </c>
      <c r="Q2263" s="71">
        <f>IF(Input!$K$13=4,J2263*Input!$J$13,0)+IF(Input!$K$14=4,K2263*Input!$J$14,0)+IF(Input!$K$15=4,L2263*Input!$J$15,0)+IF(Input!$K$16=4,M2263*Input!$J$16,0)</f>
        <v>0</v>
      </c>
    </row>
    <row r="2264" spans="8:17" x14ac:dyDescent="0.25">
      <c r="H2264" s="43">
        <v>2257</v>
      </c>
      <c r="I2264" s="55">
        <f>Bühler!I2290</f>
        <v>4.5659937138277282</v>
      </c>
      <c r="J2264" s="58">
        <f>Bühler!J2290</f>
        <v>17.501399709531938</v>
      </c>
      <c r="K2264" s="58">
        <f>Bühler!K2290</f>
        <v>0.65323311102755333</v>
      </c>
      <c r="L2264" s="58">
        <f>Bühler!L2290</f>
        <v>0.32661655551377666</v>
      </c>
      <c r="M2264" s="57">
        <f>Bühler!M2290</f>
        <v>0</v>
      </c>
      <c r="N2264" s="55">
        <f>IF(Input!$K$13=1,J2264*Input!$J$13,0)+IF(Input!$K$14=1,K2264*Input!$J$14,0)+IF(Input!$K$15=1,L2264*Input!$J$15,0)+IF(Input!$K$16=1,M2264*Input!$J$16,0)</f>
        <v>2.1001679651438323</v>
      </c>
      <c r="O2264" s="58">
        <f>IF(Input!$K$13=2,J2264*Input!$J$13,0)+IF(Input!$K$14=2,K2264*Input!$J$14,0)+IF(Input!$K$15=2,L2264*Input!$J$15,0)+IF(Input!$K$16=2,M2264*Input!$J$16,0)</f>
        <v>8.8186469988719693E-2</v>
      </c>
      <c r="P2264" s="58">
        <f>IF(Input!$K$13=3,J2264*Input!$J$13,0)+IF(Input!$K$14=3,K2264*Input!$J$14,0)+IF(Input!$K$15=3,L2264*Input!$J$15,0)+IF(Input!$K$16=3,M2264*Input!$J$16,0)</f>
        <v>0</v>
      </c>
      <c r="Q2264" s="71">
        <f>IF(Input!$K$13=4,J2264*Input!$J$13,0)+IF(Input!$K$14=4,K2264*Input!$J$14,0)+IF(Input!$K$15=4,L2264*Input!$J$15,0)+IF(Input!$K$16=4,M2264*Input!$J$16,0)</f>
        <v>0</v>
      </c>
    </row>
    <row r="2265" spans="8:17" x14ac:dyDescent="0.25">
      <c r="H2265" s="43">
        <v>2258</v>
      </c>
      <c r="I2265" s="55">
        <f>Bühler!I2291</f>
        <v>4.5659937138277282</v>
      </c>
      <c r="J2265" s="58">
        <f>Bühler!J2291</f>
        <v>17.501399709531938</v>
      </c>
      <c r="K2265" s="58">
        <f>Bühler!K2291</f>
        <v>0.65323311102755333</v>
      </c>
      <c r="L2265" s="58">
        <f>Bühler!L2291</f>
        <v>0.32661655551377666</v>
      </c>
      <c r="M2265" s="57">
        <f>Bühler!M2291</f>
        <v>0</v>
      </c>
      <c r="N2265" s="55">
        <f>IF(Input!$K$13=1,J2265*Input!$J$13,0)+IF(Input!$K$14=1,K2265*Input!$J$14,0)+IF(Input!$K$15=1,L2265*Input!$J$15,0)+IF(Input!$K$16=1,M2265*Input!$J$16,0)</f>
        <v>2.1001679651438323</v>
      </c>
      <c r="O2265" s="58">
        <f>IF(Input!$K$13=2,J2265*Input!$J$13,0)+IF(Input!$K$14=2,K2265*Input!$J$14,0)+IF(Input!$K$15=2,L2265*Input!$J$15,0)+IF(Input!$K$16=2,M2265*Input!$J$16,0)</f>
        <v>8.8186469988719693E-2</v>
      </c>
      <c r="P2265" s="58">
        <f>IF(Input!$K$13=3,J2265*Input!$J$13,0)+IF(Input!$K$14=3,K2265*Input!$J$14,0)+IF(Input!$K$15=3,L2265*Input!$J$15,0)+IF(Input!$K$16=3,M2265*Input!$J$16,0)</f>
        <v>0</v>
      </c>
      <c r="Q2265" s="71">
        <f>IF(Input!$K$13=4,J2265*Input!$J$13,0)+IF(Input!$K$14=4,K2265*Input!$J$14,0)+IF(Input!$K$15=4,L2265*Input!$J$15,0)+IF(Input!$K$16=4,M2265*Input!$J$16,0)</f>
        <v>0</v>
      </c>
    </row>
    <row r="2266" spans="8:17" x14ac:dyDescent="0.25">
      <c r="H2266" s="43">
        <v>2259</v>
      </c>
      <c r="I2266" s="55">
        <f>Bühler!I2292</f>
        <v>4.5659937138277282</v>
      </c>
      <c r="J2266" s="58">
        <f>Bühler!J2292</f>
        <v>17.501399709531938</v>
      </c>
      <c r="K2266" s="58">
        <f>Bühler!K2292</f>
        <v>0.65323311102755333</v>
      </c>
      <c r="L2266" s="58">
        <f>Bühler!L2292</f>
        <v>0.32661655551377666</v>
      </c>
      <c r="M2266" s="57">
        <f>Bühler!M2292</f>
        <v>0</v>
      </c>
      <c r="N2266" s="55">
        <f>IF(Input!$K$13=1,J2266*Input!$J$13,0)+IF(Input!$K$14=1,K2266*Input!$J$14,0)+IF(Input!$K$15=1,L2266*Input!$J$15,0)+IF(Input!$K$16=1,M2266*Input!$J$16,0)</f>
        <v>2.1001679651438323</v>
      </c>
      <c r="O2266" s="58">
        <f>IF(Input!$K$13=2,J2266*Input!$J$13,0)+IF(Input!$K$14=2,K2266*Input!$J$14,0)+IF(Input!$K$15=2,L2266*Input!$J$15,0)+IF(Input!$K$16=2,M2266*Input!$J$16,0)</f>
        <v>8.8186469988719693E-2</v>
      </c>
      <c r="P2266" s="58">
        <f>IF(Input!$K$13=3,J2266*Input!$J$13,0)+IF(Input!$K$14=3,K2266*Input!$J$14,0)+IF(Input!$K$15=3,L2266*Input!$J$15,0)+IF(Input!$K$16=3,M2266*Input!$J$16,0)</f>
        <v>0</v>
      </c>
      <c r="Q2266" s="71">
        <f>IF(Input!$K$13=4,J2266*Input!$J$13,0)+IF(Input!$K$14=4,K2266*Input!$J$14,0)+IF(Input!$K$15=4,L2266*Input!$J$15,0)+IF(Input!$K$16=4,M2266*Input!$J$16,0)</f>
        <v>0</v>
      </c>
    </row>
    <row r="2267" spans="8:17" x14ac:dyDescent="0.25">
      <c r="H2267" s="43">
        <v>2260</v>
      </c>
      <c r="I2267" s="55">
        <f>Bühler!I2293</f>
        <v>4.5659937138277282</v>
      </c>
      <c r="J2267" s="58">
        <f>Bühler!J2293</f>
        <v>17.501399709531938</v>
      </c>
      <c r="K2267" s="58">
        <f>Bühler!K2293</f>
        <v>0.65323311102755333</v>
      </c>
      <c r="L2267" s="58">
        <f>Bühler!L2293</f>
        <v>0.32661655551377666</v>
      </c>
      <c r="M2267" s="57">
        <f>Bühler!M2293</f>
        <v>0</v>
      </c>
      <c r="N2267" s="55">
        <f>IF(Input!$K$13=1,J2267*Input!$J$13,0)+IF(Input!$K$14=1,K2267*Input!$J$14,0)+IF(Input!$K$15=1,L2267*Input!$J$15,0)+IF(Input!$K$16=1,M2267*Input!$J$16,0)</f>
        <v>2.1001679651438323</v>
      </c>
      <c r="O2267" s="58">
        <f>IF(Input!$K$13=2,J2267*Input!$J$13,0)+IF(Input!$K$14=2,K2267*Input!$J$14,0)+IF(Input!$K$15=2,L2267*Input!$J$15,0)+IF(Input!$K$16=2,M2267*Input!$J$16,0)</f>
        <v>8.8186469988719693E-2</v>
      </c>
      <c r="P2267" s="58">
        <f>IF(Input!$K$13=3,J2267*Input!$J$13,0)+IF(Input!$K$14=3,K2267*Input!$J$14,0)+IF(Input!$K$15=3,L2267*Input!$J$15,0)+IF(Input!$K$16=3,M2267*Input!$J$16,0)</f>
        <v>0</v>
      </c>
      <c r="Q2267" s="71">
        <f>IF(Input!$K$13=4,J2267*Input!$J$13,0)+IF(Input!$K$14=4,K2267*Input!$J$14,0)+IF(Input!$K$15=4,L2267*Input!$J$15,0)+IF(Input!$K$16=4,M2267*Input!$J$16,0)</f>
        <v>0</v>
      </c>
    </row>
    <row r="2268" spans="8:17" x14ac:dyDescent="0.25">
      <c r="H2268" s="43">
        <v>2261</v>
      </c>
      <c r="I2268" s="55">
        <f>Bühler!I2294</f>
        <v>4.5659937138277282</v>
      </c>
      <c r="J2268" s="58">
        <f>Bühler!J2294</f>
        <v>17.501399709531938</v>
      </c>
      <c r="K2268" s="58">
        <f>Bühler!K2294</f>
        <v>0.65323311102755333</v>
      </c>
      <c r="L2268" s="58">
        <f>Bühler!L2294</f>
        <v>0.32661655551377666</v>
      </c>
      <c r="M2268" s="57">
        <f>Bühler!M2294</f>
        <v>0</v>
      </c>
      <c r="N2268" s="55">
        <f>IF(Input!$K$13=1,J2268*Input!$J$13,0)+IF(Input!$K$14=1,K2268*Input!$J$14,0)+IF(Input!$K$15=1,L2268*Input!$J$15,0)+IF(Input!$K$16=1,M2268*Input!$J$16,0)</f>
        <v>2.1001679651438323</v>
      </c>
      <c r="O2268" s="58">
        <f>IF(Input!$K$13=2,J2268*Input!$J$13,0)+IF(Input!$K$14=2,K2268*Input!$J$14,0)+IF(Input!$K$15=2,L2268*Input!$J$15,0)+IF(Input!$K$16=2,M2268*Input!$J$16,0)</f>
        <v>8.8186469988719693E-2</v>
      </c>
      <c r="P2268" s="58">
        <f>IF(Input!$K$13=3,J2268*Input!$J$13,0)+IF(Input!$K$14=3,K2268*Input!$J$14,0)+IF(Input!$K$15=3,L2268*Input!$J$15,0)+IF(Input!$K$16=3,M2268*Input!$J$16,0)</f>
        <v>0</v>
      </c>
      <c r="Q2268" s="71">
        <f>IF(Input!$K$13=4,J2268*Input!$J$13,0)+IF(Input!$K$14=4,K2268*Input!$J$14,0)+IF(Input!$K$15=4,L2268*Input!$J$15,0)+IF(Input!$K$16=4,M2268*Input!$J$16,0)</f>
        <v>0</v>
      </c>
    </row>
    <row r="2269" spans="8:17" x14ac:dyDescent="0.25">
      <c r="H2269" s="43">
        <v>2262</v>
      </c>
      <c r="I2269" s="55">
        <f>Bühler!I2295</f>
        <v>4.5659937138277282</v>
      </c>
      <c r="J2269" s="58">
        <f>Bühler!J2295</f>
        <v>17.501399709531938</v>
      </c>
      <c r="K2269" s="58">
        <f>Bühler!K2295</f>
        <v>0.65323311102755333</v>
      </c>
      <c r="L2269" s="58">
        <f>Bühler!L2295</f>
        <v>0.32661655551377666</v>
      </c>
      <c r="M2269" s="57">
        <f>Bühler!M2295</f>
        <v>0</v>
      </c>
      <c r="N2269" s="55">
        <f>IF(Input!$K$13=1,J2269*Input!$J$13,0)+IF(Input!$K$14=1,K2269*Input!$J$14,0)+IF(Input!$K$15=1,L2269*Input!$J$15,0)+IF(Input!$K$16=1,M2269*Input!$J$16,0)</f>
        <v>2.1001679651438323</v>
      </c>
      <c r="O2269" s="58">
        <f>IF(Input!$K$13=2,J2269*Input!$J$13,0)+IF(Input!$K$14=2,K2269*Input!$J$14,0)+IF(Input!$K$15=2,L2269*Input!$J$15,0)+IF(Input!$K$16=2,M2269*Input!$J$16,0)</f>
        <v>8.8186469988719693E-2</v>
      </c>
      <c r="P2269" s="58">
        <f>IF(Input!$K$13=3,J2269*Input!$J$13,0)+IF(Input!$K$14=3,K2269*Input!$J$14,0)+IF(Input!$K$15=3,L2269*Input!$J$15,0)+IF(Input!$K$16=3,M2269*Input!$J$16,0)</f>
        <v>0</v>
      </c>
      <c r="Q2269" s="71">
        <f>IF(Input!$K$13=4,J2269*Input!$J$13,0)+IF(Input!$K$14=4,K2269*Input!$J$14,0)+IF(Input!$K$15=4,L2269*Input!$J$15,0)+IF(Input!$K$16=4,M2269*Input!$J$16,0)</f>
        <v>0</v>
      </c>
    </row>
    <row r="2270" spans="8:17" x14ac:dyDescent="0.25">
      <c r="H2270" s="43">
        <v>2263</v>
      </c>
      <c r="I2270" s="55">
        <f>Bühler!I2296</f>
        <v>4.5659937138277282</v>
      </c>
      <c r="J2270" s="58">
        <f>Bühler!J2296</f>
        <v>17.501399709531938</v>
      </c>
      <c r="K2270" s="58">
        <f>Bühler!K2296</f>
        <v>0.65323311102755333</v>
      </c>
      <c r="L2270" s="58">
        <f>Bühler!L2296</f>
        <v>0.32661655551377666</v>
      </c>
      <c r="M2270" s="57">
        <f>Bühler!M2296</f>
        <v>0</v>
      </c>
      <c r="N2270" s="55">
        <f>IF(Input!$K$13=1,J2270*Input!$J$13,0)+IF(Input!$K$14=1,K2270*Input!$J$14,0)+IF(Input!$K$15=1,L2270*Input!$J$15,0)+IF(Input!$K$16=1,M2270*Input!$J$16,0)</f>
        <v>2.1001679651438323</v>
      </c>
      <c r="O2270" s="58">
        <f>IF(Input!$K$13=2,J2270*Input!$J$13,0)+IF(Input!$K$14=2,K2270*Input!$J$14,0)+IF(Input!$K$15=2,L2270*Input!$J$15,0)+IF(Input!$K$16=2,M2270*Input!$J$16,0)</f>
        <v>8.8186469988719693E-2</v>
      </c>
      <c r="P2270" s="58">
        <f>IF(Input!$K$13=3,J2270*Input!$J$13,0)+IF(Input!$K$14=3,K2270*Input!$J$14,0)+IF(Input!$K$15=3,L2270*Input!$J$15,0)+IF(Input!$K$16=3,M2270*Input!$J$16,0)</f>
        <v>0</v>
      </c>
      <c r="Q2270" s="71">
        <f>IF(Input!$K$13=4,J2270*Input!$J$13,0)+IF(Input!$K$14=4,K2270*Input!$J$14,0)+IF(Input!$K$15=4,L2270*Input!$J$15,0)+IF(Input!$K$16=4,M2270*Input!$J$16,0)</f>
        <v>0</v>
      </c>
    </row>
    <row r="2271" spans="8:17" x14ac:dyDescent="0.25">
      <c r="H2271" s="43">
        <v>2264</v>
      </c>
      <c r="I2271" s="55">
        <f>Bühler!I2297</f>
        <v>12.57931268159539</v>
      </c>
      <c r="J2271" s="58">
        <f>Bühler!J2297</f>
        <v>64.950524783472304</v>
      </c>
      <c r="K2271" s="58">
        <f>Bühler!K2297</f>
        <v>2.6703377781096043</v>
      </c>
      <c r="L2271" s="58">
        <f>Bühler!L2297</f>
        <v>1.3351688890548021</v>
      </c>
      <c r="M2271" s="57">
        <f>Bühler!M2297</f>
        <v>0</v>
      </c>
      <c r="N2271" s="55">
        <f>IF(Input!$K$13=1,J2271*Input!$J$13,0)+IF(Input!$K$14=1,K2271*Input!$J$14,0)+IF(Input!$K$15=1,L2271*Input!$J$15,0)+IF(Input!$K$16=1,M2271*Input!$J$16,0)</f>
        <v>7.7940629740166765</v>
      </c>
      <c r="O2271" s="58">
        <f>IF(Input!$K$13=2,J2271*Input!$J$13,0)+IF(Input!$K$14=2,K2271*Input!$J$14,0)+IF(Input!$K$15=2,L2271*Input!$J$15,0)+IF(Input!$K$16=2,M2271*Input!$J$16,0)</f>
        <v>0.36049560004479653</v>
      </c>
      <c r="P2271" s="58">
        <f>IF(Input!$K$13=3,J2271*Input!$J$13,0)+IF(Input!$K$14=3,K2271*Input!$J$14,0)+IF(Input!$K$15=3,L2271*Input!$J$15,0)+IF(Input!$K$16=3,M2271*Input!$J$16,0)</f>
        <v>0</v>
      </c>
      <c r="Q2271" s="71">
        <f>IF(Input!$K$13=4,J2271*Input!$J$13,0)+IF(Input!$K$14=4,K2271*Input!$J$14,0)+IF(Input!$K$15=4,L2271*Input!$J$15,0)+IF(Input!$K$16=4,M2271*Input!$J$16,0)</f>
        <v>0</v>
      </c>
    </row>
    <row r="2272" spans="8:17" x14ac:dyDescent="0.25">
      <c r="H2272" s="43">
        <v>2265</v>
      </c>
      <c r="I2272" s="55">
        <f>Bühler!I2298</f>
        <v>14.035864676306437</v>
      </c>
      <c r="J2272" s="58">
        <f>Bühler!J2298</f>
        <v>72.471111863663836</v>
      </c>
      <c r="K2272" s="58">
        <f>Bühler!K2298</f>
        <v>2.9795347839959794</v>
      </c>
      <c r="L2272" s="58">
        <f>Bühler!L2298</f>
        <v>1.4897673919979897</v>
      </c>
      <c r="M2272" s="57">
        <f>Bühler!M2298</f>
        <v>0</v>
      </c>
      <c r="N2272" s="55">
        <f>IF(Input!$K$13=1,J2272*Input!$J$13,0)+IF(Input!$K$14=1,K2272*Input!$J$14,0)+IF(Input!$K$15=1,L2272*Input!$J$15,0)+IF(Input!$K$16=1,M2272*Input!$J$16,0)</f>
        <v>8.6965334236396608</v>
      </c>
      <c r="O2272" s="58">
        <f>IF(Input!$K$13=2,J2272*Input!$J$13,0)+IF(Input!$K$14=2,K2272*Input!$J$14,0)+IF(Input!$K$15=2,L2272*Input!$J$15,0)+IF(Input!$K$16=2,M2272*Input!$J$16,0)</f>
        <v>0.40223719583945716</v>
      </c>
      <c r="P2272" s="58">
        <f>IF(Input!$K$13=3,J2272*Input!$J$13,0)+IF(Input!$K$14=3,K2272*Input!$J$14,0)+IF(Input!$K$15=3,L2272*Input!$J$15,0)+IF(Input!$K$16=3,M2272*Input!$J$16,0)</f>
        <v>0</v>
      </c>
      <c r="Q2272" s="71">
        <f>IF(Input!$K$13=4,J2272*Input!$J$13,0)+IF(Input!$K$14=4,K2272*Input!$J$14,0)+IF(Input!$K$15=4,L2272*Input!$J$15,0)+IF(Input!$K$16=4,M2272*Input!$J$16,0)</f>
        <v>0</v>
      </c>
    </row>
    <row r="2273" spans="8:17" x14ac:dyDescent="0.25">
      <c r="H2273" s="43">
        <v>2266</v>
      </c>
      <c r="I2273" s="55">
        <f>Bühler!I2299</f>
        <v>15.492416671017482</v>
      </c>
      <c r="J2273" s="58">
        <f>Bühler!J2299</f>
        <v>79.991698943855368</v>
      </c>
      <c r="K2273" s="58">
        <f>Bühler!K2299</f>
        <v>3.2887317898823549</v>
      </c>
      <c r="L2273" s="58">
        <f>Bühler!L2299</f>
        <v>1.6443658949411775</v>
      </c>
      <c r="M2273" s="57">
        <f>Bühler!M2299</f>
        <v>0</v>
      </c>
      <c r="N2273" s="55">
        <f>IF(Input!$K$13=1,J2273*Input!$J$13,0)+IF(Input!$K$14=1,K2273*Input!$J$14,0)+IF(Input!$K$15=1,L2273*Input!$J$15,0)+IF(Input!$K$16=1,M2273*Input!$J$16,0)</f>
        <v>9.5990038732626441</v>
      </c>
      <c r="O2273" s="58">
        <f>IF(Input!$K$13=2,J2273*Input!$J$13,0)+IF(Input!$K$14=2,K2273*Input!$J$14,0)+IF(Input!$K$15=2,L2273*Input!$J$15,0)+IF(Input!$K$16=2,M2273*Input!$J$16,0)</f>
        <v>0.44397879163411791</v>
      </c>
      <c r="P2273" s="58">
        <f>IF(Input!$K$13=3,J2273*Input!$J$13,0)+IF(Input!$K$14=3,K2273*Input!$J$14,0)+IF(Input!$K$15=3,L2273*Input!$J$15,0)+IF(Input!$K$16=3,M2273*Input!$J$16,0)</f>
        <v>0</v>
      </c>
      <c r="Q2273" s="71">
        <f>IF(Input!$K$13=4,J2273*Input!$J$13,0)+IF(Input!$K$14=4,K2273*Input!$J$14,0)+IF(Input!$K$15=4,L2273*Input!$J$15,0)+IF(Input!$K$16=4,M2273*Input!$J$16,0)</f>
        <v>0</v>
      </c>
    </row>
    <row r="2274" spans="8:17" x14ac:dyDescent="0.25">
      <c r="H2274" s="43">
        <v>2267</v>
      </c>
      <c r="I2274" s="55">
        <f>Bühler!I2300</f>
        <v>15.492416671017482</v>
      </c>
      <c r="J2274" s="58">
        <f>Bühler!J2300</f>
        <v>79.991698943855368</v>
      </c>
      <c r="K2274" s="58">
        <f>Bühler!K2300</f>
        <v>3.2887317898823549</v>
      </c>
      <c r="L2274" s="58">
        <f>Bühler!L2300</f>
        <v>1.6443658949411775</v>
      </c>
      <c r="M2274" s="57">
        <f>Bühler!M2300</f>
        <v>0</v>
      </c>
      <c r="N2274" s="55">
        <f>IF(Input!$K$13=1,J2274*Input!$J$13,0)+IF(Input!$K$14=1,K2274*Input!$J$14,0)+IF(Input!$K$15=1,L2274*Input!$J$15,0)+IF(Input!$K$16=1,M2274*Input!$J$16,0)</f>
        <v>9.5990038732626441</v>
      </c>
      <c r="O2274" s="58">
        <f>IF(Input!$K$13=2,J2274*Input!$J$13,0)+IF(Input!$K$14=2,K2274*Input!$J$14,0)+IF(Input!$K$15=2,L2274*Input!$J$15,0)+IF(Input!$K$16=2,M2274*Input!$J$16,0)</f>
        <v>0.44397879163411791</v>
      </c>
      <c r="P2274" s="58">
        <f>IF(Input!$K$13=3,J2274*Input!$J$13,0)+IF(Input!$K$14=3,K2274*Input!$J$14,0)+IF(Input!$K$15=3,L2274*Input!$J$15,0)+IF(Input!$K$16=3,M2274*Input!$J$16,0)</f>
        <v>0</v>
      </c>
      <c r="Q2274" s="71">
        <f>IF(Input!$K$13=4,J2274*Input!$J$13,0)+IF(Input!$K$14=4,K2274*Input!$J$14,0)+IF(Input!$K$15=4,L2274*Input!$J$15,0)+IF(Input!$K$16=4,M2274*Input!$J$16,0)</f>
        <v>0</v>
      </c>
    </row>
    <row r="2275" spans="8:17" x14ac:dyDescent="0.25">
      <c r="H2275" s="43">
        <v>2268</v>
      </c>
      <c r="I2275" s="55">
        <f>Bühler!I2301</f>
        <v>18.537934478140578</v>
      </c>
      <c r="J2275" s="58">
        <f>Bühler!J2301</f>
        <v>95.716562838801295</v>
      </c>
      <c r="K2275" s="58">
        <f>Bühler!K2301</f>
        <v>3.9352346203720483</v>
      </c>
      <c r="L2275" s="58">
        <f>Bühler!L2301</f>
        <v>1.9676173101860241</v>
      </c>
      <c r="M2275" s="57">
        <f>Bühler!M2301</f>
        <v>0</v>
      </c>
      <c r="N2275" s="55">
        <f>IF(Input!$K$13=1,J2275*Input!$J$13,0)+IF(Input!$K$14=1,K2275*Input!$J$14,0)+IF(Input!$K$15=1,L2275*Input!$J$15,0)+IF(Input!$K$16=1,M2275*Input!$J$16,0)</f>
        <v>11.485987540656154</v>
      </c>
      <c r="O2275" s="58">
        <f>IF(Input!$K$13=2,J2275*Input!$J$13,0)+IF(Input!$K$14=2,K2275*Input!$J$14,0)+IF(Input!$K$15=2,L2275*Input!$J$15,0)+IF(Input!$K$16=2,M2275*Input!$J$16,0)</f>
        <v>0.53125667375022645</v>
      </c>
      <c r="P2275" s="58">
        <f>IF(Input!$K$13=3,J2275*Input!$J$13,0)+IF(Input!$K$14=3,K2275*Input!$J$14,0)+IF(Input!$K$15=3,L2275*Input!$J$15,0)+IF(Input!$K$16=3,M2275*Input!$J$16,0)</f>
        <v>0</v>
      </c>
      <c r="Q2275" s="71">
        <f>IF(Input!$K$13=4,J2275*Input!$J$13,0)+IF(Input!$K$14=4,K2275*Input!$J$14,0)+IF(Input!$K$15=4,L2275*Input!$J$15,0)+IF(Input!$K$16=4,M2275*Input!$J$16,0)</f>
        <v>0</v>
      </c>
    </row>
    <row r="2276" spans="8:17" x14ac:dyDescent="0.25">
      <c r="H2276" s="43">
        <v>2269</v>
      </c>
      <c r="I2276" s="55">
        <f>Bühler!I2302</f>
        <v>18.537934478140578</v>
      </c>
      <c r="J2276" s="58">
        <f>Bühler!J2302</f>
        <v>95.716562838801295</v>
      </c>
      <c r="K2276" s="58">
        <f>Bühler!K2302</f>
        <v>3.9352346203720483</v>
      </c>
      <c r="L2276" s="58">
        <f>Bühler!L2302</f>
        <v>1.9676173101860241</v>
      </c>
      <c r="M2276" s="57">
        <f>Bühler!M2302</f>
        <v>0</v>
      </c>
      <c r="N2276" s="55">
        <f>IF(Input!$K$13=1,J2276*Input!$J$13,0)+IF(Input!$K$14=1,K2276*Input!$J$14,0)+IF(Input!$K$15=1,L2276*Input!$J$15,0)+IF(Input!$K$16=1,M2276*Input!$J$16,0)</f>
        <v>11.485987540656154</v>
      </c>
      <c r="O2276" s="58">
        <f>IF(Input!$K$13=2,J2276*Input!$J$13,0)+IF(Input!$K$14=2,K2276*Input!$J$14,0)+IF(Input!$K$15=2,L2276*Input!$J$15,0)+IF(Input!$K$16=2,M2276*Input!$J$16,0)</f>
        <v>0.53125667375022645</v>
      </c>
      <c r="P2276" s="58">
        <f>IF(Input!$K$13=3,J2276*Input!$J$13,0)+IF(Input!$K$14=3,K2276*Input!$J$14,0)+IF(Input!$K$15=3,L2276*Input!$J$15,0)+IF(Input!$K$16=3,M2276*Input!$J$16,0)</f>
        <v>0</v>
      </c>
      <c r="Q2276" s="71">
        <f>IF(Input!$K$13=4,J2276*Input!$J$13,0)+IF(Input!$K$14=4,K2276*Input!$J$14,0)+IF(Input!$K$15=4,L2276*Input!$J$15,0)+IF(Input!$K$16=4,M2276*Input!$J$16,0)</f>
        <v>0</v>
      </c>
    </row>
    <row r="2277" spans="8:17" x14ac:dyDescent="0.25">
      <c r="H2277" s="43">
        <v>2270</v>
      </c>
      <c r="I2277" s="55">
        <f>Bühler!I2303</f>
        <v>12.314485046193383</v>
      </c>
      <c r="J2277" s="58">
        <f>Bühler!J2303</f>
        <v>63.583145314346567</v>
      </c>
      <c r="K2277" s="58">
        <f>Bühler!K2303</f>
        <v>2.614120140675718</v>
      </c>
      <c r="L2277" s="58">
        <f>Bühler!L2303</f>
        <v>1.307060070337859</v>
      </c>
      <c r="M2277" s="57">
        <f>Bühler!M2303</f>
        <v>0</v>
      </c>
      <c r="N2277" s="55">
        <f>IF(Input!$K$13=1,J2277*Input!$J$13,0)+IF(Input!$K$14=1,K2277*Input!$J$14,0)+IF(Input!$K$15=1,L2277*Input!$J$15,0)+IF(Input!$K$16=1,M2277*Input!$J$16,0)</f>
        <v>7.6299774377215881</v>
      </c>
      <c r="O2277" s="58">
        <f>IF(Input!$K$13=2,J2277*Input!$J$13,0)+IF(Input!$K$14=2,K2277*Input!$J$14,0)+IF(Input!$K$15=2,L2277*Input!$J$15,0)+IF(Input!$K$16=2,M2277*Input!$J$16,0)</f>
        <v>0.35290621899122188</v>
      </c>
      <c r="P2277" s="58">
        <f>IF(Input!$K$13=3,J2277*Input!$J$13,0)+IF(Input!$K$14=3,K2277*Input!$J$14,0)+IF(Input!$K$15=3,L2277*Input!$J$15,0)+IF(Input!$K$16=3,M2277*Input!$J$16,0)</f>
        <v>0</v>
      </c>
      <c r="Q2277" s="71">
        <f>IF(Input!$K$13=4,J2277*Input!$J$13,0)+IF(Input!$K$14=4,K2277*Input!$J$14,0)+IF(Input!$K$15=4,L2277*Input!$J$15,0)+IF(Input!$K$16=4,M2277*Input!$J$16,0)</f>
        <v>0</v>
      </c>
    </row>
    <row r="2278" spans="8:17" x14ac:dyDescent="0.25">
      <c r="H2278" s="43">
        <v>2271</v>
      </c>
      <c r="I2278" s="55">
        <f>Bühler!I2304</f>
        <v>18.537934478140578</v>
      </c>
      <c r="J2278" s="58">
        <f>Bühler!J2304</f>
        <v>95.716562838801295</v>
      </c>
      <c r="K2278" s="58">
        <f>Bühler!K2304</f>
        <v>3.9352346203720483</v>
      </c>
      <c r="L2278" s="58">
        <f>Bühler!L2304</f>
        <v>1.9676173101860241</v>
      </c>
      <c r="M2278" s="57">
        <f>Bühler!M2304</f>
        <v>0</v>
      </c>
      <c r="N2278" s="55">
        <f>IF(Input!$K$13=1,J2278*Input!$J$13,0)+IF(Input!$K$14=1,K2278*Input!$J$14,0)+IF(Input!$K$15=1,L2278*Input!$J$15,0)+IF(Input!$K$16=1,M2278*Input!$J$16,0)</f>
        <v>11.485987540656154</v>
      </c>
      <c r="O2278" s="58">
        <f>IF(Input!$K$13=2,J2278*Input!$J$13,0)+IF(Input!$K$14=2,K2278*Input!$J$14,0)+IF(Input!$K$15=2,L2278*Input!$J$15,0)+IF(Input!$K$16=2,M2278*Input!$J$16,0)</f>
        <v>0.53125667375022645</v>
      </c>
      <c r="P2278" s="58">
        <f>IF(Input!$K$13=3,J2278*Input!$J$13,0)+IF(Input!$K$14=3,K2278*Input!$J$14,0)+IF(Input!$K$15=3,L2278*Input!$J$15,0)+IF(Input!$K$16=3,M2278*Input!$J$16,0)</f>
        <v>0</v>
      </c>
      <c r="Q2278" s="71">
        <f>IF(Input!$K$13=4,J2278*Input!$J$13,0)+IF(Input!$K$14=4,K2278*Input!$J$14,0)+IF(Input!$K$15=4,L2278*Input!$J$15,0)+IF(Input!$K$16=4,M2278*Input!$J$16,0)</f>
        <v>0</v>
      </c>
    </row>
    <row r="2279" spans="8:17" x14ac:dyDescent="0.25">
      <c r="H2279" s="43">
        <v>2272</v>
      </c>
      <c r="I2279" s="55">
        <f>Bühler!I2305</f>
        <v>18.537934478140578</v>
      </c>
      <c r="J2279" s="58">
        <f>Bühler!J2305</f>
        <v>95.716562838801295</v>
      </c>
      <c r="K2279" s="58">
        <f>Bühler!K2305</f>
        <v>3.9352346203720483</v>
      </c>
      <c r="L2279" s="58">
        <f>Bühler!L2305</f>
        <v>1.9676173101860241</v>
      </c>
      <c r="M2279" s="57">
        <f>Bühler!M2305</f>
        <v>0</v>
      </c>
      <c r="N2279" s="55">
        <f>IF(Input!$K$13=1,J2279*Input!$J$13,0)+IF(Input!$K$14=1,K2279*Input!$J$14,0)+IF(Input!$K$15=1,L2279*Input!$J$15,0)+IF(Input!$K$16=1,M2279*Input!$J$16,0)</f>
        <v>11.485987540656154</v>
      </c>
      <c r="O2279" s="58">
        <f>IF(Input!$K$13=2,J2279*Input!$J$13,0)+IF(Input!$K$14=2,K2279*Input!$J$14,0)+IF(Input!$K$15=2,L2279*Input!$J$15,0)+IF(Input!$K$16=2,M2279*Input!$J$16,0)</f>
        <v>0.53125667375022645</v>
      </c>
      <c r="P2279" s="58">
        <f>IF(Input!$K$13=3,J2279*Input!$J$13,0)+IF(Input!$K$14=3,K2279*Input!$J$14,0)+IF(Input!$K$15=3,L2279*Input!$J$15,0)+IF(Input!$K$16=3,M2279*Input!$J$16,0)</f>
        <v>0</v>
      </c>
      <c r="Q2279" s="71">
        <f>IF(Input!$K$13=4,J2279*Input!$J$13,0)+IF(Input!$K$14=4,K2279*Input!$J$14,0)+IF(Input!$K$15=4,L2279*Input!$J$15,0)+IF(Input!$K$16=4,M2279*Input!$J$16,0)</f>
        <v>0</v>
      </c>
    </row>
    <row r="2280" spans="8:17" x14ac:dyDescent="0.25">
      <c r="H2280" s="43">
        <v>2273</v>
      </c>
      <c r="I2280" s="55">
        <f>Bühler!I2306</f>
        <v>15.490133674160571</v>
      </c>
      <c r="J2280" s="58">
        <f>Bühler!J2306</f>
        <v>61.350896291416518</v>
      </c>
      <c r="K2280" s="58">
        <f>Bühler!K2306</f>
        <v>2.3189775441478142</v>
      </c>
      <c r="L2280" s="58">
        <f>Bühler!L2306</f>
        <v>1.1594887720739071</v>
      </c>
      <c r="M2280" s="57">
        <f>Bühler!M2306</f>
        <v>0</v>
      </c>
      <c r="N2280" s="55">
        <f>IF(Input!$K$13=1,J2280*Input!$J$13,0)+IF(Input!$K$14=1,K2280*Input!$J$14,0)+IF(Input!$K$15=1,L2280*Input!$J$15,0)+IF(Input!$K$16=1,M2280*Input!$J$16,0)</f>
        <v>7.3621075549699819</v>
      </c>
      <c r="O2280" s="58">
        <f>IF(Input!$K$13=2,J2280*Input!$J$13,0)+IF(Input!$K$14=2,K2280*Input!$J$14,0)+IF(Input!$K$15=2,L2280*Input!$J$15,0)+IF(Input!$K$16=2,M2280*Input!$J$16,0)</f>
        <v>0.31306196845995493</v>
      </c>
      <c r="P2280" s="58">
        <f>IF(Input!$K$13=3,J2280*Input!$J$13,0)+IF(Input!$K$14=3,K2280*Input!$J$14,0)+IF(Input!$K$15=3,L2280*Input!$J$15,0)+IF(Input!$K$16=3,M2280*Input!$J$16,0)</f>
        <v>0</v>
      </c>
      <c r="Q2280" s="71">
        <f>IF(Input!$K$13=4,J2280*Input!$J$13,0)+IF(Input!$K$14=4,K2280*Input!$J$14,0)+IF(Input!$K$15=4,L2280*Input!$J$15,0)+IF(Input!$K$16=4,M2280*Input!$J$16,0)</f>
        <v>0</v>
      </c>
    </row>
    <row r="2281" spans="8:17" x14ac:dyDescent="0.25">
      <c r="H2281" s="43">
        <v>2274</v>
      </c>
      <c r="I2281" s="55">
        <f>Bühler!I2307</f>
        <v>12.316768043050297</v>
      </c>
      <c r="J2281" s="58">
        <f>Bühler!J2307</f>
        <v>32.365751015655853</v>
      </c>
      <c r="K2281" s="58">
        <f>Bühler!K2307</f>
        <v>0.98974713792053537</v>
      </c>
      <c r="L2281" s="58">
        <f>Bühler!L2307</f>
        <v>0.49487356896026768</v>
      </c>
      <c r="M2281" s="57">
        <f>Bühler!M2307</f>
        <v>0</v>
      </c>
      <c r="N2281" s="55">
        <f>IF(Input!$K$13=1,J2281*Input!$J$13,0)+IF(Input!$K$14=1,K2281*Input!$J$14,0)+IF(Input!$K$15=1,L2281*Input!$J$15,0)+IF(Input!$K$16=1,M2281*Input!$J$16,0)</f>
        <v>3.8838901218787023</v>
      </c>
      <c r="O2281" s="58">
        <f>IF(Input!$K$13=2,J2281*Input!$J$13,0)+IF(Input!$K$14=2,K2281*Input!$J$14,0)+IF(Input!$K$15=2,L2281*Input!$J$15,0)+IF(Input!$K$16=2,M2281*Input!$J$16,0)</f>
        <v>0.13361586361927227</v>
      </c>
      <c r="P2281" s="58">
        <f>IF(Input!$K$13=3,J2281*Input!$J$13,0)+IF(Input!$K$14=3,K2281*Input!$J$14,0)+IF(Input!$K$15=3,L2281*Input!$J$15,0)+IF(Input!$K$16=3,M2281*Input!$J$16,0)</f>
        <v>0</v>
      </c>
      <c r="Q2281" s="71">
        <f>IF(Input!$K$13=4,J2281*Input!$J$13,0)+IF(Input!$K$14=4,K2281*Input!$J$14,0)+IF(Input!$K$15=4,L2281*Input!$J$15,0)+IF(Input!$K$16=4,M2281*Input!$J$16,0)</f>
        <v>0</v>
      </c>
    </row>
    <row r="2282" spans="8:17" x14ac:dyDescent="0.25">
      <c r="H2282" s="43">
        <v>2275</v>
      </c>
      <c r="I2282" s="55">
        <f>Bühler!I2308</f>
        <v>4.5659937138277282</v>
      </c>
      <c r="J2282" s="58">
        <f>Bühler!J2308</f>
        <v>17.501399709531938</v>
      </c>
      <c r="K2282" s="58">
        <f>Bühler!K2308</f>
        <v>0.65323311102755333</v>
      </c>
      <c r="L2282" s="58">
        <f>Bühler!L2308</f>
        <v>0.32661655551377666</v>
      </c>
      <c r="M2282" s="57">
        <f>Bühler!M2308</f>
        <v>0</v>
      </c>
      <c r="N2282" s="55">
        <f>IF(Input!$K$13=1,J2282*Input!$J$13,0)+IF(Input!$K$14=1,K2282*Input!$J$14,0)+IF(Input!$K$15=1,L2282*Input!$J$15,0)+IF(Input!$K$16=1,M2282*Input!$J$16,0)</f>
        <v>2.1001679651438323</v>
      </c>
      <c r="O2282" s="58">
        <f>IF(Input!$K$13=2,J2282*Input!$J$13,0)+IF(Input!$K$14=2,K2282*Input!$J$14,0)+IF(Input!$K$15=2,L2282*Input!$J$15,0)+IF(Input!$K$16=2,M2282*Input!$J$16,0)</f>
        <v>8.8186469988719693E-2</v>
      </c>
      <c r="P2282" s="58">
        <f>IF(Input!$K$13=3,J2282*Input!$J$13,0)+IF(Input!$K$14=3,K2282*Input!$J$14,0)+IF(Input!$K$15=3,L2282*Input!$J$15,0)+IF(Input!$K$16=3,M2282*Input!$J$16,0)</f>
        <v>0</v>
      </c>
      <c r="Q2282" s="71">
        <f>IF(Input!$K$13=4,J2282*Input!$J$13,0)+IF(Input!$K$14=4,K2282*Input!$J$14,0)+IF(Input!$K$15=4,L2282*Input!$J$15,0)+IF(Input!$K$16=4,M2282*Input!$J$16,0)</f>
        <v>0</v>
      </c>
    </row>
    <row r="2283" spans="8:17" x14ac:dyDescent="0.25">
      <c r="H2283" s="43">
        <v>2276</v>
      </c>
      <c r="I2283" s="55">
        <f>Bühler!I2309</f>
        <v>4.5659937138277282</v>
      </c>
      <c r="J2283" s="58">
        <f>Bühler!J2309</f>
        <v>17.501399709531938</v>
      </c>
      <c r="K2283" s="58">
        <f>Bühler!K2309</f>
        <v>0.65323311102755333</v>
      </c>
      <c r="L2283" s="58">
        <f>Bühler!L2309</f>
        <v>0.32661655551377666</v>
      </c>
      <c r="M2283" s="57">
        <f>Bühler!M2309</f>
        <v>0</v>
      </c>
      <c r="N2283" s="55">
        <f>IF(Input!$K$13=1,J2283*Input!$J$13,0)+IF(Input!$K$14=1,K2283*Input!$J$14,0)+IF(Input!$K$15=1,L2283*Input!$J$15,0)+IF(Input!$K$16=1,M2283*Input!$J$16,0)</f>
        <v>2.1001679651438323</v>
      </c>
      <c r="O2283" s="58">
        <f>IF(Input!$K$13=2,J2283*Input!$J$13,0)+IF(Input!$K$14=2,K2283*Input!$J$14,0)+IF(Input!$K$15=2,L2283*Input!$J$15,0)+IF(Input!$K$16=2,M2283*Input!$J$16,0)</f>
        <v>8.8186469988719693E-2</v>
      </c>
      <c r="P2283" s="58">
        <f>IF(Input!$K$13=3,J2283*Input!$J$13,0)+IF(Input!$K$14=3,K2283*Input!$J$14,0)+IF(Input!$K$15=3,L2283*Input!$J$15,0)+IF(Input!$K$16=3,M2283*Input!$J$16,0)</f>
        <v>0</v>
      </c>
      <c r="Q2283" s="71">
        <f>IF(Input!$K$13=4,J2283*Input!$J$13,0)+IF(Input!$K$14=4,K2283*Input!$J$14,0)+IF(Input!$K$15=4,L2283*Input!$J$15,0)+IF(Input!$K$16=4,M2283*Input!$J$16,0)</f>
        <v>0</v>
      </c>
    </row>
    <row r="2284" spans="8:17" x14ac:dyDescent="0.25">
      <c r="H2284" s="43">
        <v>2277</v>
      </c>
      <c r="I2284" s="55">
        <f>Bühler!I2310</f>
        <v>4.5659937138277282</v>
      </c>
      <c r="J2284" s="58">
        <f>Bühler!J2310</f>
        <v>17.501399709531938</v>
      </c>
      <c r="K2284" s="58">
        <f>Bühler!K2310</f>
        <v>0.65323311102755333</v>
      </c>
      <c r="L2284" s="58">
        <f>Bühler!L2310</f>
        <v>0.32661655551377666</v>
      </c>
      <c r="M2284" s="57">
        <f>Bühler!M2310</f>
        <v>0</v>
      </c>
      <c r="N2284" s="55">
        <f>IF(Input!$K$13=1,J2284*Input!$J$13,0)+IF(Input!$K$14=1,K2284*Input!$J$14,0)+IF(Input!$K$15=1,L2284*Input!$J$15,0)+IF(Input!$K$16=1,M2284*Input!$J$16,0)</f>
        <v>2.1001679651438323</v>
      </c>
      <c r="O2284" s="58">
        <f>IF(Input!$K$13=2,J2284*Input!$J$13,0)+IF(Input!$K$14=2,K2284*Input!$J$14,0)+IF(Input!$K$15=2,L2284*Input!$J$15,0)+IF(Input!$K$16=2,M2284*Input!$J$16,0)</f>
        <v>8.8186469988719693E-2</v>
      </c>
      <c r="P2284" s="58">
        <f>IF(Input!$K$13=3,J2284*Input!$J$13,0)+IF(Input!$K$14=3,K2284*Input!$J$14,0)+IF(Input!$K$15=3,L2284*Input!$J$15,0)+IF(Input!$K$16=3,M2284*Input!$J$16,0)</f>
        <v>0</v>
      </c>
      <c r="Q2284" s="71">
        <f>IF(Input!$K$13=4,J2284*Input!$J$13,0)+IF(Input!$K$14=4,K2284*Input!$J$14,0)+IF(Input!$K$15=4,L2284*Input!$J$15,0)+IF(Input!$K$16=4,M2284*Input!$J$16,0)</f>
        <v>0</v>
      </c>
    </row>
    <row r="2285" spans="8:17" x14ac:dyDescent="0.25">
      <c r="H2285" s="43">
        <v>2278</v>
      </c>
      <c r="I2285" s="55">
        <f>Bühler!I2311</f>
        <v>4.5659937138277282</v>
      </c>
      <c r="J2285" s="58">
        <f>Bühler!J2311</f>
        <v>17.501399709531938</v>
      </c>
      <c r="K2285" s="58">
        <f>Bühler!K2311</f>
        <v>0.65323311102755333</v>
      </c>
      <c r="L2285" s="58">
        <f>Bühler!L2311</f>
        <v>0.32661655551377666</v>
      </c>
      <c r="M2285" s="57">
        <f>Bühler!M2311</f>
        <v>0</v>
      </c>
      <c r="N2285" s="55">
        <f>IF(Input!$K$13=1,J2285*Input!$J$13,0)+IF(Input!$K$14=1,K2285*Input!$J$14,0)+IF(Input!$K$15=1,L2285*Input!$J$15,0)+IF(Input!$K$16=1,M2285*Input!$J$16,0)</f>
        <v>2.1001679651438323</v>
      </c>
      <c r="O2285" s="58">
        <f>IF(Input!$K$13=2,J2285*Input!$J$13,0)+IF(Input!$K$14=2,K2285*Input!$J$14,0)+IF(Input!$K$15=2,L2285*Input!$J$15,0)+IF(Input!$K$16=2,M2285*Input!$J$16,0)</f>
        <v>8.8186469988719693E-2</v>
      </c>
      <c r="P2285" s="58">
        <f>IF(Input!$K$13=3,J2285*Input!$J$13,0)+IF(Input!$K$14=3,K2285*Input!$J$14,0)+IF(Input!$K$15=3,L2285*Input!$J$15,0)+IF(Input!$K$16=3,M2285*Input!$J$16,0)</f>
        <v>0</v>
      </c>
      <c r="Q2285" s="71">
        <f>IF(Input!$K$13=4,J2285*Input!$J$13,0)+IF(Input!$K$14=4,K2285*Input!$J$14,0)+IF(Input!$K$15=4,L2285*Input!$J$15,0)+IF(Input!$K$16=4,M2285*Input!$J$16,0)</f>
        <v>0</v>
      </c>
    </row>
    <row r="2286" spans="8:17" x14ac:dyDescent="0.25">
      <c r="H2286" s="43">
        <v>2279</v>
      </c>
      <c r="I2286" s="55">
        <f>Bühler!I2312</f>
        <v>4.5659937138277282</v>
      </c>
      <c r="J2286" s="58">
        <f>Bühler!J2312</f>
        <v>17.501399709531938</v>
      </c>
      <c r="K2286" s="58">
        <f>Bühler!K2312</f>
        <v>0.65323311102755333</v>
      </c>
      <c r="L2286" s="58">
        <f>Bühler!L2312</f>
        <v>0.32661655551377666</v>
      </c>
      <c r="M2286" s="57">
        <f>Bühler!M2312</f>
        <v>0</v>
      </c>
      <c r="N2286" s="55">
        <f>IF(Input!$K$13=1,J2286*Input!$J$13,0)+IF(Input!$K$14=1,K2286*Input!$J$14,0)+IF(Input!$K$15=1,L2286*Input!$J$15,0)+IF(Input!$K$16=1,M2286*Input!$J$16,0)</f>
        <v>2.1001679651438323</v>
      </c>
      <c r="O2286" s="58">
        <f>IF(Input!$K$13=2,J2286*Input!$J$13,0)+IF(Input!$K$14=2,K2286*Input!$J$14,0)+IF(Input!$K$15=2,L2286*Input!$J$15,0)+IF(Input!$K$16=2,M2286*Input!$J$16,0)</f>
        <v>8.8186469988719693E-2</v>
      </c>
      <c r="P2286" s="58">
        <f>IF(Input!$K$13=3,J2286*Input!$J$13,0)+IF(Input!$K$14=3,K2286*Input!$J$14,0)+IF(Input!$K$15=3,L2286*Input!$J$15,0)+IF(Input!$K$16=3,M2286*Input!$J$16,0)</f>
        <v>0</v>
      </c>
      <c r="Q2286" s="71">
        <f>IF(Input!$K$13=4,J2286*Input!$J$13,0)+IF(Input!$K$14=4,K2286*Input!$J$14,0)+IF(Input!$K$15=4,L2286*Input!$J$15,0)+IF(Input!$K$16=4,M2286*Input!$J$16,0)</f>
        <v>0</v>
      </c>
    </row>
    <row r="2287" spans="8:17" x14ac:dyDescent="0.25">
      <c r="H2287" s="43">
        <v>2280</v>
      </c>
      <c r="I2287" s="55">
        <f>Bühler!I2313</f>
        <v>4.5659937138277282</v>
      </c>
      <c r="J2287" s="58">
        <f>Bühler!J2313</f>
        <v>17.501399709531938</v>
      </c>
      <c r="K2287" s="58">
        <f>Bühler!K2313</f>
        <v>0.65323311102755333</v>
      </c>
      <c r="L2287" s="58">
        <f>Bühler!L2313</f>
        <v>0.32661655551377666</v>
      </c>
      <c r="M2287" s="57">
        <f>Bühler!M2313</f>
        <v>0</v>
      </c>
      <c r="N2287" s="55">
        <f>IF(Input!$K$13=1,J2287*Input!$J$13,0)+IF(Input!$K$14=1,K2287*Input!$J$14,0)+IF(Input!$K$15=1,L2287*Input!$J$15,0)+IF(Input!$K$16=1,M2287*Input!$J$16,0)</f>
        <v>2.1001679651438323</v>
      </c>
      <c r="O2287" s="58">
        <f>IF(Input!$K$13=2,J2287*Input!$J$13,0)+IF(Input!$K$14=2,K2287*Input!$J$14,0)+IF(Input!$K$15=2,L2287*Input!$J$15,0)+IF(Input!$K$16=2,M2287*Input!$J$16,0)</f>
        <v>8.8186469988719693E-2</v>
      </c>
      <c r="P2287" s="58">
        <f>IF(Input!$K$13=3,J2287*Input!$J$13,0)+IF(Input!$K$14=3,K2287*Input!$J$14,0)+IF(Input!$K$15=3,L2287*Input!$J$15,0)+IF(Input!$K$16=3,M2287*Input!$J$16,0)</f>
        <v>0</v>
      </c>
      <c r="Q2287" s="71">
        <f>IF(Input!$K$13=4,J2287*Input!$J$13,0)+IF(Input!$K$14=4,K2287*Input!$J$14,0)+IF(Input!$K$15=4,L2287*Input!$J$15,0)+IF(Input!$K$16=4,M2287*Input!$J$16,0)</f>
        <v>0</v>
      </c>
    </row>
    <row r="2288" spans="8:17" x14ac:dyDescent="0.25">
      <c r="H2288" s="43">
        <v>2281</v>
      </c>
      <c r="I2288" s="55">
        <f>Bühler!I2314</f>
        <v>3.3997251931611903</v>
      </c>
      <c r="J2288" s="58">
        <f>Bühler!J2314</f>
        <v>15.203732293068326</v>
      </c>
      <c r="K2288" s="58">
        <f>Bühler!K2314</f>
        <v>0.64113893960142898</v>
      </c>
      <c r="L2288" s="58">
        <f>Bühler!L2314</f>
        <v>0.32056946980071449</v>
      </c>
      <c r="M2288" s="57">
        <f>Bühler!M2314</f>
        <v>0</v>
      </c>
      <c r="N2288" s="55">
        <f>IF(Input!$K$13=1,J2288*Input!$J$13,0)+IF(Input!$K$14=1,K2288*Input!$J$14,0)+IF(Input!$K$15=1,L2288*Input!$J$15,0)+IF(Input!$K$16=1,M2288*Input!$J$16,0)</f>
        <v>1.824447875168199</v>
      </c>
      <c r="O2288" s="58">
        <f>IF(Input!$K$13=2,J2288*Input!$J$13,0)+IF(Input!$K$14=2,K2288*Input!$J$14,0)+IF(Input!$K$15=2,L2288*Input!$J$15,0)+IF(Input!$K$16=2,M2288*Input!$J$16,0)</f>
        <v>8.6553756846192903E-2</v>
      </c>
      <c r="P2288" s="58">
        <f>IF(Input!$K$13=3,J2288*Input!$J$13,0)+IF(Input!$K$14=3,K2288*Input!$J$14,0)+IF(Input!$K$15=3,L2288*Input!$J$15,0)+IF(Input!$K$16=3,M2288*Input!$J$16,0)</f>
        <v>0</v>
      </c>
      <c r="Q2288" s="71">
        <f>IF(Input!$K$13=4,J2288*Input!$J$13,0)+IF(Input!$K$14=4,K2288*Input!$J$14,0)+IF(Input!$K$15=4,L2288*Input!$J$15,0)+IF(Input!$K$16=4,M2288*Input!$J$16,0)</f>
        <v>0</v>
      </c>
    </row>
    <row r="2289" spans="8:17" x14ac:dyDescent="0.25">
      <c r="H2289" s="43">
        <v>2282</v>
      </c>
      <c r="I2289" s="55">
        <f>Bühler!I2315</f>
        <v>3.3997251931611903</v>
      </c>
      <c r="J2289" s="58">
        <f>Bühler!J2315</f>
        <v>15.203732293068326</v>
      </c>
      <c r="K2289" s="58">
        <f>Bühler!K2315</f>
        <v>0.64113893960142898</v>
      </c>
      <c r="L2289" s="58">
        <f>Bühler!L2315</f>
        <v>0.32056946980071449</v>
      </c>
      <c r="M2289" s="57">
        <f>Bühler!M2315</f>
        <v>0</v>
      </c>
      <c r="N2289" s="55">
        <f>IF(Input!$K$13=1,J2289*Input!$J$13,0)+IF(Input!$K$14=1,K2289*Input!$J$14,0)+IF(Input!$K$15=1,L2289*Input!$J$15,0)+IF(Input!$K$16=1,M2289*Input!$J$16,0)</f>
        <v>1.824447875168199</v>
      </c>
      <c r="O2289" s="58">
        <f>IF(Input!$K$13=2,J2289*Input!$J$13,0)+IF(Input!$K$14=2,K2289*Input!$J$14,0)+IF(Input!$K$15=2,L2289*Input!$J$15,0)+IF(Input!$K$16=2,M2289*Input!$J$16,0)</f>
        <v>8.6553756846192903E-2</v>
      </c>
      <c r="P2289" s="58">
        <f>IF(Input!$K$13=3,J2289*Input!$J$13,0)+IF(Input!$K$14=3,K2289*Input!$J$14,0)+IF(Input!$K$15=3,L2289*Input!$J$15,0)+IF(Input!$K$16=3,M2289*Input!$J$16,0)</f>
        <v>0</v>
      </c>
      <c r="Q2289" s="71">
        <f>IF(Input!$K$13=4,J2289*Input!$J$13,0)+IF(Input!$K$14=4,K2289*Input!$J$14,0)+IF(Input!$K$15=4,L2289*Input!$J$15,0)+IF(Input!$K$16=4,M2289*Input!$J$16,0)</f>
        <v>0</v>
      </c>
    </row>
    <row r="2290" spans="8:17" x14ac:dyDescent="0.25">
      <c r="H2290" s="43">
        <v>2283</v>
      </c>
      <c r="I2290" s="55">
        <f>Bühler!I2316</f>
        <v>3.3997251931611903</v>
      </c>
      <c r="J2290" s="58">
        <f>Bühler!J2316</f>
        <v>15.203732293068326</v>
      </c>
      <c r="K2290" s="58">
        <f>Bühler!K2316</f>
        <v>0.64113893960142898</v>
      </c>
      <c r="L2290" s="58">
        <f>Bühler!L2316</f>
        <v>0.32056946980071449</v>
      </c>
      <c r="M2290" s="57">
        <f>Bühler!M2316</f>
        <v>0</v>
      </c>
      <c r="N2290" s="55">
        <f>IF(Input!$K$13=1,J2290*Input!$J$13,0)+IF(Input!$K$14=1,K2290*Input!$J$14,0)+IF(Input!$K$15=1,L2290*Input!$J$15,0)+IF(Input!$K$16=1,M2290*Input!$J$16,0)</f>
        <v>1.824447875168199</v>
      </c>
      <c r="O2290" s="58">
        <f>IF(Input!$K$13=2,J2290*Input!$J$13,0)+IF(Input!$K$14=2,K2290*Input!$J$14,0)+IF(Input!$K$15=2,L2290*Input!$J$15,0)+IF(Input!$K$16=2,M2290*Input!$J$16,0)</f>
        <v>8.6553756846192903E-2</v>
      </c>
      <c r="P2290" s="58">
        <f>IF(Input!$K$13=3,J2290*Input!$J$13,0)+IF(Input!$K$14=3,K2290*Input!$J$14,0)+IF(Input!$K$15=3,L2290*Input!$J$15,0)+IF(Input!$K$16=3,M2290*Input!$J$16,0)</f>
        <v>0</v>
      </c>
      <c r="Q2290" s="71">
        <f>IF(Input!$K$13=4,J2290*Input!$J$13,0)+IF(Input!$K$14=4,K2290*Input!$J$14,0)+IF(Input!$K$15=4,L2290*Input!$J$15,0)+IF(Input!$K$16=4,M2290*Input!$J$16,0)</f>
        <v>0</v>
      </c>
    </row>
    <row r="2291" spans="8:17" x14ac:dyDescent="0.25">
      <c r="H2291" s="43">
        <v>2284</v>
      </c>
      <c r="I2291" s="55">
        <f>Bühler!I2317</f>
        <v>3.3997251931611903</v>
      </c>
      <c r="J2291" s="58">
        <f>Bühler!J2317</f>
        <v>15.203732293068326</v>
      </c>
      <c r="K2291" s="58">
        <f>Bühler!K2317</f>
        <v>0.64113893960142898</v>
      </c>
      <c r="L2291" s="58">
        <f>Bühler!L2317</f>
        <v>0.32056946980071449</v>
      </c>
      <c r="M2291" s="57">
        <f>Bühler!M2317</f>
        <v>0</v>
      </c>
      <c r="N2291" s="55">
        <f>IF(Input!$K$13=1,J2291*Input!$J$13,0)+IF(Input!$K$14=1,K2291*Input!$J$14,0)+IF(Input!$K$15=1,L2291*Input!$J$15,0)+IF(Input!$K$16=1,M2291*Input!$J$16,0)</f>
        <v>1.824447875168199</v>
      </c>
      <c r="O2291" s="58">
        <f>IF(Input!$K$13=2,J2291*Input!$J$13,0)+IF(Input!$K$14=2,K2291*Input!$J$14,0)+IF(Input!$K$15=2,L2291*Input!$J$15,0)+IF(Input!$K$16=2,M2291*Input!$J$16,0)</f>
        <v>8.6553756846192903E-2</v>
      </c>
      <c r="P2291" s="58">
        <f>IF(Input!$K$13=3,J2291*Input!$J$13,0)+IF(Input!$K$14=3,K2291*Input!$J$14,0)+IF(Input!$K$15=3,L2291*Input!$J$15,0)+IF(Input!$K$16=3,M2291*Input!$J$16,0)</f>
        <v>0</v>
      </c>
      <c r="Q2291" s="71">
        <f>IF(Input!$K$13=4,J2291*Input!$J$13,0)+IF(Input!$K$14=4,K2291*Input!$J$14,0)+IF(Input!$K$15=4,L2291*Input!$J$15,0)+IF(Input!$K$16=4,M2291*Input!$J$16,0)</f>
        <v>0</v>
      </c>
    </row>
    <row r="2292" spans="8:17" x14ac:dyDescent="0.25">
      <c r="H2292" s="43">
        <v>2285</v>
      </c>
      <c r="I2292" s="55">
        <f>Bühler!I2318</f>
        <v>3.3997251931611903</v>
      </c>
      <c r="J2292" s="58">
        <f>Bühler!J2318</f>
        <v>15.203732293068326</v>
      </c>
      <c r="K2292" s="58">
        <f>Bühler!K2318</f>
        <v>0.64113893960142898</v>
      </c>
      <c r="L2292" s="58">
        <f>Bühler!L2318</f>
        <v>0.32056946980071449</v>
      </c>
      <c r="M2292" s="57">
        <f>Bühler!M2318</f>
        <v>0</v>
      </c>
      <c r="N2292" s="55">
        <f>IF(Input!$K$13=1,J2292*Input!$J$13,0)+IF(Input!$K$14=1,K2292*Input!$J$14,0)+IF(Input!$K$15=1,L2292*Input!$J$15,0)+IF(Input!$K$16=1,M2292*Input!$J$16,0)</f>
        <v>1.824447875168199</v>
      </c>
      <c r="O2292" s="58">
        <f>IF(Input!$K$13=2,J2292*Input!$J$13,0)+IF(Input!$K$14=2,K2292*Input!$J$14,0)+IF(Input!$K$15=2,L2292*Input!$J$15,0)+IF(Input!$K$16=2,M2292*Input!$J$16,0)</f>
        <v>8.6553756846192903E-2</v>
      </c>
      <c r="P2292" s="58">
        <f>IF(Input!$K$13=3,J2292*Input!$J$13,0)+IF(Input!$K$14=3,K2292*Input!$J$14,0)+IF(Input!$K$15=3,L2292*Input!$J$15,0)+IF(Input!$K$16=3,M2292*Input!$J$16,0)</f>
        <v>0</v>
      </c>
      <c r="Q2292" s="71">
        <f>IF(Input!$K$13=4,J2292*Input!$J$13,0)+IF(Input!$K$14=4,K2292*Input!$J$14,0)+IF(Input!$K$15=4,L2292*Input!$J$15,0)+IF(Input!$K$16=4,M2292*Input!$J$16,0)</f>
        <v>0</v>
      </c>
    </row>
    <row r="2293" spans="8:17" x14ac:dyDescent="0.25">
      <c r="H2293" s="43">
        <v>2286</v>
      </c>
      <c r="I2293" s="55">
        <f>Bühler!I2319</f>
        <v>3.3997251931611903</v>
      </c>
      <c r="J2293" s="58">
        <f>Bühler!J2319</f>
        <v>15.203732293068326</v>
      </c>
      <c r="K2293" s="58">
        <f>Bühler!K2319</f>
        <v>0.64113893960142898</v>
      </c>
      <c r="L2293" s="58">
        <f>Bühler!L2319</f>
        <v>0.32056946980071449</v>
      </c>
      <c r="M2293" s="57">
        <f>Bühler!M2319</f>
        <v>0</v>
      </c>
      <c r="N2293" s="55">
        <f>IF(Input!$K$13=1,J2293*Input!$J$13,0)+IF(Input!$K$14=1,K2293*Input!$J$14,0)+IF(Input!$K$15=1,L2293*Input!$J$15,0)+IF(Input!$K$16=1,M2293*Input!$J$16,0)</f>
        <v>1.824447875168199</v>
      </c>
      <c r="O2293" s="58">
        <f>IF(Input!$K$13=2,J2293*Input!$J$13,0)+IF(Input!$K$14=2,K2293*Input!$J$14,0)+IF(Input!$K$15=2,L2293*Input!$J$15,0)+IF(Input!$K$16=2,M2293*Input!$J$16,0)</f>
        <v>8.6553756846192903E-2</v>
      </c>
      <c r="P2293" s="58">
        <f>IF(Input!$K$13=3,J2293*Input!$J$13,0)+IF(Input!$K$14=3,K2293*Input!$J$14,0)+IF(Input!$K$15=3,L2293*Input!$J$15,0)+IF(Input!$K$16=3,M2293*Input!$J$16,0)</f>
        <v>0</v>
      </c>
      <c r="Q2293" s="71">
        <f>IF(Input!$K$13=4,J2293*Input!$J$13,0)+IF(Input!$K$14=4,K2293*Input!$J$14,0)+IF(Input!$K$15=4,L2293*Input!$J$15,0)+IF(Input!$K$16=4,M2293*Input!$J$16,0)</f>
        <v>0</v>
      </c>
    </row>
    <row r="2294" spans="8:17" x14ac:dyDescent="0.25">
      <c r="H2294" s="43">
        <v>2287</v>
      </c>
      <c r="I2294" s="55">
        <f>Bühler!I2320</f>
        <v>3.3997251931611903</v>
      </c>
      <c r="J2294" s="58">
        <f>Bühler!J2320</f>
        <v>15.203732293068326</v>
      </c>
      <c r="K2294" s="58">
        <f>Bühler!K2320</f>
        <v>0.64113893960142898</v>
      </c>
      <c r="L2294" s="58">
        <f>Bühler!L2320</f>
        <v>0.32056946980071449</v>
      </c>
      <c r="M2294" s="57">
        <f>Bühler!M2320</f>
        <v>0</v>
      </c>
      <c r="N2294" s="55">
        <f>IF(Input!$K$13=1,J2294*Input!$J$13,0)+IF(Input!$K$14=1,K2294*Input!$J$14,0)+IF(Input!$K$15=1,L2294*Input!$J$15,0)+IF(Input!$K$16=1,M2294*Input!$J$16,0)</f>
        <v>1.824447875168199</v>
      </c>
      <c r="O2294" s="58">
        <f>IF(Input!$K$13=2,J2294*Input!$J$13,0)+IF(Input!$K$14=2,K2294*Input!$J$14,0)+IF(Input!$K$15=2,L2294*Input!$J$15,0)+IF(Input!$K$16=2,M2294*Input!$J$16,0)</f>
        <v>8.6553756846192903E-2</v>
      </c>
      <c r="P2294" s="58">
        <f>IF(Input!$K$13=3,J2294*Input!$J$13,0)+IF(Input!$K$14=3,K2294*Input!$J$14,0)+IF(Input!$K$15=3,L2294*Input!$J$15,0)+IF(Input!$K$16=3,M2294*Input!$J$16,0)</f>
        <v>0</v>
      </c>
      <c r="Q2294" s="71">
        <f>IF(Input!$K$13=4,J2294*Input!$J$13,0)+IF(Input!$K$14=4,K2294*Input!$J$14,0)+IF(Input!$K$15=4,L2294*Input!$J$15,0)+IF(Input!$K$16=4,M2294*Input!$J$16,0)</f>
        <v>0</v>
      </c>
    </row>
    <row r="2295" spans="8:17" x14ac:dyDescent="0.25">
      <c r="H2295" s="43">
        <v>2288</v>
      </c>
      <c r="I2295" s="55">
        <f>Bühler!I2321</f>
        <v>9.3662429071590765</v>
      </c>
      <c r="J2295" s="58">
        <f>Bühler!J2321</f>
        <v>57.241974676624913</v>
      </c>
      <c r="K2295" s="58">
        <f>Bühler!K2321</f>
        <v>2.6208982712797804</v>
      </c>
      <c r="L2295" s="58">
        <f>Bühler!L2321</f>
        <v>1.3104491356398902</v>
      </c>
      <c r="M2295" s="57">
        <f>Bühler!M2321</f>
        <v>0</v>
      </c>
      <c r="N2295" s="55">
        <f>IF(Input!$K$13=1,J2295*Input!$J$13,0)+IF(Input!$K$14=1,K2295*Input!$J$14,0)+IF(Input!$K$15=1,L2295*Input!$J$15,0)+IF(Input!$K$16=1,M2295*Input!$J$16,0)</f>
        <v>6.8690369611949897</v>
      </c>
      <c r="O2295" s="58">
        <f>IF(Input!$K$13=2,J2295*Input!$J$13,0)+IF(Input!$K$14=2,K2295*Input!$J$14,0)+IF(Input!$K$15=2,L2295*Input!$J$15,0)+IF(Input!$K$16=2,M2295*Input!$J$16,0)</f>
        <v>0.35382126662277036</v>
      </c>
      <c r="P2295" s="58">
        <f>IF(Input!$K$13=3,J2295*Input!$J$13,0)+IF(Input!$K$14=3,K2295*Input!$J$14,0)+IF(Input!$K$15=3,L2295*Input!$J$15,0)+IF(Input!$K$16=3,M2295*Input!$J$16,0)</f>
        <v>0</v>
      </c>
      <c r="Q2295" s="71">
        <f>IF(Input!$K$13=4,J2295*Input!$J$13,0)+IF(Input!$K$14=4,K2295*Input!$J$14,0)+IF(Input!$K$15=4,L2295*Input!$J$15,0)+IF(Input!$K$16=4,M2295*Input!$J$16,0)</f>
        <v>0</v>
      </c>
    </row>
    <row r="2296" spans="8:17" x14ac:dyDescent="0.25">
      <c r="H2296" s="43">
        <v>2289</v>
      </c>
      <c r="I2296" s="55">
        <f>Bühler!I2322</f>
        <v>10.450755243777497</v>
      </c>
      <c r="J2296" s="58">
        <f>Bühler!J2322</f>
        <v>63.869992797076222</v>
      </c>
      <c r="K2296" s="58">
        <f>Bühler!K2322</f>
        <v>2.9243707026911236</v>
      </c>
      <c r="L2296" s="58">
        <f>Bühler!L2322</f>
        <v>1.4621853513455618</v>
      </c>
      <c r="M2296" s="57">
        <f>Bühler!M2322</f>
        <v>0</v>
      </c>
      <c r="N2296" s="55">
        <f>IF(Input!$K$13=1,J2296*Input!$J$13,0)+IF(Input!$K$14=1,K2296*Input!$J$14,0)+IF(Input!$K$15=1,L2296*Input!$J$15,0)+IF(Input!$K$16=1,M2296*Input!$J$16,0)</f>
        <v>7.6643991356491465</v>
      </c>
      <c r="O2296" s="58">
        <f>IF(Input!$K$13=2,J2296*Input!$J$13,0)+IF(Input!$K$14=2,K2296*Input!$J$14,0)+IF(Input!$K$15=2,L2296*Input!$J$15,0)+IF(Input!$K$16=2,M2296*Input!$J$16,0)</f>
        <v>0.39479004486330171</v>
      </c>
      <c r="P2296" s="58">
        <f>IF(Input!$K$13=3,J2296*Input!$J$13,0)+IF(Input!$K$14=3,K2296*Input!$J$14,0)+IF(Input!$K$15=3,L2296*Input!$J$15,0)+IF(Input!$K$16=3,M2296*Input!$J$16,0)</f>
        <v>0</v>
      </c>
      <c r="Q2296" s="71">
        <f>IF(Input!$K$13=4,J2296*Input!$J$13,0)+IF(Input!$K$14=4,K2296*Input!$J$14,0)+IF(Input!$K$15=4,L2296*Input!$J$15,0)+IF(Input!$K$16=4,M2296*Input!$J$16,0)</f>
        <v>0</v>
      </c>
    </row>
    <row r="2297" spans="8:17" x14ac:dyDescent="0.25">
      <c r="H2297" s="43">
        <v>2290</v>
      </c>
      <c r="I2297" s="55">
        <f>Bühler!I2323</f>
        <v>11.535267580395915</v>
      </c>
      <c r="J2297" s="58">
        <f>Bühler!J2323</f>
        <v>70.498010917527537</v>
      </c>
      <c r="K2297" s="58">
        <f>Bühler!K2323</f>
        <v>3.2278431341024665</v>
      </c>
      <c r="L2297" s="58">
        <f>Bühler!L2323</f>
        <v>1.6139215670512332</v>
      </c>
      <c r="M2297" s="57">
        <f>Bühler!M2323</f>
        <v>0</v>
      </c>
      <c r="N2297" s="55">
        <f>IF(Input!$K$13=1,J2297*Input!$J$13,0)+IF(Input!$K$14=1,K2297*Input!$J$14,0)+IF(Input!$K$15=1,L2297*Input!$J$15,0)+IF(Input!$K$16=1,M2297*Input!$J$16,0)</f>
        <v>8.4597613101033033</v>
      </c>
      <c r="O2297" s="58">
        <f>IF(Input!$K$13=2,J2297*Input!$J$13,0)+IF(Input!$K$14=2,K2297*Input!$J$14,0)+IF(Input!$K$15=2,L2297*Input!$J$15,0)+IF(Input!$K$16=2,M2297*Input!$J$16,0)</f>
        <v>0.43575882310383296</v>
      </c>
      <c r="P2297" s="58">
        <f>IF(Input!$K$13=3,J2297*Input!$J$13,0)+IF(Input!$K$14=3,K2297*Input!$J$14,0)+IF(Input!$K$15=3,L2297*Input!$J$15,0)+IF(Input!$K$16=3,M2297*Input!$J$16,0)</f>
        <v>0</v>
      </c>
      <c r="Q2297" s="71">
        <f>IF(Input!$K$13=4,J2297*Input!$J$13,0)+IF(Input!$K$14=4,K2297*Input!$J$14,0)+IF(Input!$K$15=4,L2297*Input!$J$15,0)+IF(Input!$K$16=4,M2297*Input!$J$16,0)</f>
        <v>0</v>
      </c>
    </row>
    <row r="2298" spans="8:17" x14ac:dyDescent="0.25">
      <c r="H2298" s="43">
        <v>2291</v>
      </c>
      <c r="I2298" s="55">
        <f>Bühler!I2324</f>
        <v>11.535267580395915</v>
      </c>
      <c r="J2298" s="58">
        <f>Bühler!J2324</f>
        <v>70.498010917527537</v>
      </c>
      <c r="K2298" s="58">
        <f>Bühler!K2324</f>
        <v>3.2278431341024665</v>
      </c>
      <c r="L2298" s="58">
        <f>Bühler!L2324</f>
        <v>1.6139215670512332</v>
      </c>
      <c r="M2298" s="57">
        <f>Bühler!M2324</f>
        <v>0</v>
      </c>
      <c r="N2298" s="55">
        <f>IF(Input!$K$13=1,J2298*Input!$J$13,0)+IF(Input!$K$14=1,K2298*Input!$J$14,0)+IF(Input!$K$15=1,L2298*Input!$J$15,0)+IF(Input!$K$16=1,M2298*Input!$J$16,0)</f>
        <v>8.4597613101033033</v>
      </c>
      <c r="O2298" s="58">
        <f>IF(Input!$K$13=2,J2298*Input!$J$13,0)+IF(Input!$K$14=2,K2298*Input!$J$14,0)+IF(Input!$K$15=2,L2298*Input!$J$15,0)+IF(Input!$K$16=2,M2298*Input!$J$16,0)</f>
        <v>0.43575882310383296</v>
      </c>
      <c r="P2298" s="58">
        <f>IF(Input!$K$13=3,J2298*Input!$J$13,0)+IF(Input!$K$14=3,K2298*Input!$J$14,0)+IF(Input!$K$15=3,L2298*Input!$J$15,0)+IF(Input!$K$16=3,M2298*Input!$J$16,0)</f>
        <v>0</v>
      </c>
      <c r="Q2298" s="71">
        <f>IF(Input!$K$13=4,J2298*Input!$J$13,0)+IF(Input!$K$14=4,K2298*Input!$J$14,0)+IF(Input!$K$15=4,L2298*Input!$J$15,0)+IF(Input!$K$16=4,M2298*Input!$J$16,0)</f>
        <v>0</v>
      </c>
    </row>
    <row r="2299" spans="8:17" x14ac:dyDescent="0.25">
      <c r="H2299" s="43">
        <v>2292</v>
      </c>
      <c r="I2299" s="55">
        <f>Bühler!I2325</f>
        <v>13.802884284234429</v>
      </c>
      <c r="J2299" s="58">
        <f>Bühler!J2325</f>
        <v>84.356594260289356</v>
      </c>
      <c r="K2299" s="58">
        <f>Bühler!K2325</f>
        <v>3.8623763997807292</v>
      </c>
      <c r="L2299" s="58">
        <f>Bühler!L2325</f>
        <v>1.9311881998903646</v>
      </c>
      <c r="M2299" s="57">
        <f>Bühler!M2325</f>
        <v>0</v>
      </c>
      <c r="N2299" s="55">
        <f>IF(Input!$K$13=1,J2299*Input!$J$13,0)+IF(Input!$K$14=1,K2299*Input!$J$14,0)+IF(Input!$K$15=1,L2299*Input!$J$15,0)+IF(Input!$K$16=1,M2299*Input!$J$16,0)</f>
        <v>10.122791311234723</v>
      </c>
      <c r="O2299" s="58">
        <f>IF(Input!$K$13=2,J2299*Input!$J$13,0)+IF(Input!$K$14=2,K2299*Input!$J$14,0)+IF(Input!$K$15=2,L2299*Input!$J$15,0)+IF(Input!$K$16=2,M2299*Input!$J$16,0)</f>
        <v>0.52142081397039841</v>
      </c>
      <c r="P2299" s="58">
        <f>IF(Input!$K$13=3,J2299*Input!$J$13,0)+IF(Input!$K$14=3,K2299*Input!$J$14,0)+IF(Input!$K$15=3,L2299*Input!$J$15,0)+IF(Input!$K$16=3,M2299*Input!$J$16,0)</f>
        <v>0</v>
      </c>
      <c r="Q2299" s="71">
        <f>IF(Input!$K$13=4,J2299*Input!$J$13,0)+IF(Input!$K$14=4,K2299*Input!$J$14,0)+IF(Input!$K$15=4,L2299*Input!$J$15,0)+IF(Input!$K$16=4,M2299*Input!$J$16,0)</f>
        <v>0</v>
      </c>
    </row>
    <row r="2300" spans="8:17" x14ac:dyDescent="0.25">
      <c r="H2300" s="43">
        <v>2293</v>
      </c>
      <c r="I2300" s="55">
        <f>Bühler!I2326</f>
        <v>13.802884284234429</v>
      </c>
      <c r="J2300" s="58">
        <f>Bühler!J2326</f>
        <v>84.356594260289356</v>
      </c>
      <c r="K2300" s="58">
        <f>Bühler!K2326</f>
        <v>3.8623763997807292</v>
      </c>
      <c r="L2300" s="58">
        <f>Bühler!L2326</f>
        <v>1.9311881998903646</v>
      </c>
      <c r="M2300" s="57">
        <f>Bühler!M2326</f>
        <v>0</v>
      </c>
      <c r="N2300" s="55">
        <f>IF(Input!$K$13=1,J2300*Input!$J$13,0)+IF(Input!$K$14=1,K2300*Input!$J$14,0)+IF(Input!$K$15=1,L2300*Input!$J$15,0)+IF(Input!$K$16=1,M2300*Input!$J$16,0)</f>
        <v>10.122791311234723</v>
      </c>
      <c r="O2300" s="58">
        <f>IF(Input!$K$13=2,J2300*Input!$J$13,0)+IF(Input!$K$14=2,K2300*Input!$J$14,0)+IF(Input!$K$15=2,L2300*Input!$J$15,0)+IF(Input!$K$16=2,M2300*Input!$J$16,0)</f>
        <v>0.52142081397039841</v>
      </c>
      <c r="P2300" s="58">
        <f>IF(Input!$K$13=3,J2300*Input!$J$13,0)+IF(Input!$K$14=3,K2300*Input!$J$14,0)+IF(Input!$K$15=3,L2300*Input!$J$15,0)+IF(Input!$K$16=3,M2300*Input!$J$16,0)</f>
        <v>0</v>
      </c>
      <c r="Q2300" s="71">
        <f>IF(Input!$K$13=4,J2300*Input!$J$13,0)+IF(Input!$K$14=4,K2300*Input!$J$14,0)+IF(Input!$K$15=4,L2300*Input!$J$15,0)+IF(Input!$K$16=4,M2300*Input!$J$16,0)</f>
        <v>0</v>
      </c>
    </row>
    <row r="2301" spans="8:17" x14ac:dyDescent="0.25">
      <c r="H2301" s="43">
        <v>2294</v>
      </c>
      <c r="I2301" s="55">
        <f>Bühler!I2327</f>
        <v>9.1690588459557283</v>
      </c>
      <c r="J2301" s="58">
        <f>Bühler!J2327</f>
        <v>56.036880472906503</v>
      </c>
      <c r="K2301" s="58">
        <f>Bühler!K2327</f>
        <v>2.5657214655686271</v>
      </c>
      <c r="L2301" s="58">
        <f>Bühler!L2327</f>
        <v>1.2828607327843136</v>
      </c>
      <c r="M2301" s="57">
        <f>Bühler!M2327</f>
        <v>0</v>
      </c>
      <c r="N2301" s="55">
        <f>IF(Input!$K$13=1,J2301*Input!$J$13,0)+IF(Input!$K$14=1,K2301*Input!$J$14,0)+IF(Input!$K$15=1,L2301*Input!$J$15,0)+IF(Input!$K$16=1,M2301*Input!$J$16,0)</f>
        <v>6.7244256567487799</v>
      </c>
      <c r="O2301" s="58">
        <f>IF(Input!$K$13=2,J2301*Input!$J$13,0)+IF(Input!$K$14=2,K2301*Input!$J$14,0)+IF(Input!$K$15=2,L2301*Input!$J$15,0)+IF(Input!$K$16=2,M2301*Input!$J$16,0)</f>
        <v>0.34637239785176466</v>
      </c>
      <c r="P2301" s="58">
        <f>IF(Input!$K$13=3,J2301*Input!$J$13,0)+IF(Input!$K$14=3,K2301*Input!$J$14,0)+IF(Input!$K$15=3,L2301*Input!$J$15,0)+IF(Input!$K$16=3,M2301*Input!$J$16,0)</f>
        <v>0</v>
      </c>
      <c r="Q2301" s="71">
        <f>IF(Input!$K$13=4,J2301*Input!$J$13,0)+IF(Input!$K$14=4,K2301*Input!$J$14,0)+IF(Input!$K$15=4,L2301*Input!$J$15,0)+IF(Input!$K$16=4,M2301*Input!$J$16,0)</f>
        <v>0</v>
      </c>
    </row>
    <row r="2302" spans="8:17" x14ac:dyDescent="0.25">
      <c r="H2302" s="43">
        <v>2295</v>
      </c>
      <c r="I2302" s="55">
        <f>Bühler!I2328</f>
        <v>13.802884284234429</v>
      </c>
      <c r="J2302" s="58">
        <f>Bühler!J2328</f>
        <v>84.356594260289356</v>
      </c>
      <c r="K2302" s="58">
        <f>Bühler!K2328</f>
        <v>3.8623763997807292</v>
      </c>
      <c r="L2302" s="58">
        <f>Bühler!L2328</f>
        <v>1.9311881998903646</v>
      </c>
      <c r="M2302" s="57">
        <f>Bühler!M2328</f>
        <v>0</v>
      </c>
      <c r="N2302" s="55">
        <f>IF(Input!$K$13=1,J2302*Input!$J$13,0)+IF(Input!$K$14=1,K2302*Input!$J$14,0)+IF(Input!$K$15=1,L2302*Input!$J$15,0)+IF(Input!$K$16=1,M2302*Input!$J$16,0)</f>
        <v>10.122791311234723</v>
      </c>
      <c r="O2302" s="58">
        <f>IF(Input!$K$13=2,J2302*Input!$J$13,0)+IF(Input!$K$14=2,K2302*Input!$J$14,0)+IF(Input!$K$15=2,L2302*Input!$J$15,0)+IF(Input!$K$16=2,M2302*Input!$J$16,0)</f>
        <v>0.52142081397039841</v>
      </c>
      <c r="P2302" s="58">
        <f>IF(Input!$K$13=3,J2302*Input!$J$13,0)+IF(Input!$K$14=3,K2302*Input!$J$14,0)+IF(Input!$K$15=3,L2302*Input!$J$15,0)+IF(Input!$K$16=3,M2302*Input!$J$16,0)</f>
        <v>0</v>
      </c>
      <c r="Q2302" s="71">
        <f>IF(Input!$K$13=4,J2302*Input!$J$13,0)+IF(Input!$K$14=4,K2302*Input!$J$14,0)+IF(Input!$K$15=4,L2302*Input!$J$15,0)+IF(Input!$K$16=4,M2302*Input!$J$16,0)</f>
        <v>0</v>
      </c>
    </row>
    <row r="2303" spans="8:17" x14ac:dyDescent="0.25">
      <c r="H2303" s="43">
        <v>2296</v>
      </c>
      <c r="I2303" s="55">
        <f>Bühler!I2329</f>
        <v>13.802884284234429</v>
      </c>
      <c r="J2303" s="58">
        <f>Bühler!J2329</f>
        <v>84.356594260289356</v>
      </c>
      <c r="K2303" s="58">
        <f>Bühler!K2329</f>
        <v>3.8623763997807292</v>
      </c>
      <c r="L2303" s="58">
        <f>Bühler!L2329</f>
        <v>1.9311881998903646</v>
      </c>
      <c r="M2303" s="57">
        <f>Bühler!M2329</f>
        <v>0</v>
      </c>
      <c r="N2303" s="55">
        <f>IF(Input!$K$13=1,J2303*Input!$J$13,0)+IF(Input!$K$14=1,K2303*Input!$J$14,0)+IF(Input!$K$15=1,L2303*Input!$J$15,0)+IF(Input!$K$16=1,M2303*Input!$J$16,0)</f>
        <v>10.122791311234723</v>
      </c>
      <c r="O2303" s="58">
        <f>IF(Input!$K$13=2,J2303*Input!$J$13,0)+IF(Input!$K$14=2,K2303*Input!$J$14,0)+IF(Input!$K$15=2,L2303*Input!$J$15,0)+IF(Input!$K$16=2,M2303*Input!$J$16,0)</f>
        <v>0.52142081397039841</v>
      </c>
      <c r="P2303" s="58">
        <f>IF(Input!$K$13=3,J2303*Input!$J$13,0)+IF(Input!$K$14=3,K2303*Input!$J$14,0)+IF(Input!$K$15=3,L2303*Input!$J$15,0)+IF(Input!$K$16=3,M2303*Input!$J$16,0)</f>
        <v>0</v>
      </c>
      <c r="Q2303" s="71">
        <f>IF(Input!$K$13=4,J2303*Input!$J$13,0)+IF(Input!$K$14=4,K2303*Input!$J$14,0)+IF(Input!$K$15=4,L2303*Input!$J$15,0)+IF(Input!$K$16=4,M2303*Input!$J$16,0)</f>
        <v>0</v>
      </c>
    </row>
    <row r="2304" spans="8:17" x14ac:dyDescent="0.25">
      <c r="H2304" s="43">
        <v>2297</v>
      </c>
      <c r="I2304" s="55">
        <f>Bühler!I2330</f>
        <v>11.533567717799336</v>
      </c>
      <c r="J2304" s="58">
        <f>Bühler!J2330</f>
        <v>53.39317152930942</v>
      </c>
      <c r="K2304" s="58">
        <f>Bühler!K2330</f>
        <v>2.2760432355850728</v>
      </c>
      <c r="L2304" s="58">
        <f>Bühler!L2330</f>
        <v>1.1380216177925364</v>
      </c>
      <c r="M2304" s="57">
        <f>Bühler!M2330</f>
        <v>0</v>
      </c>
      <c r="N2304" s="55">
        <f>IF(Input!$K$13=1,J2304*Input!$J$13,0)+IF(Input!$K$14=1,K2304*Input!$J$14,0)+IF(Input!$K$15=1,L2304*Input!$J$15,0)+IF(Input!$K$16=1,M2304*Input!$J$16,0)</f>
        <v>6.40718058351713</v>
      </c>
      <c r="O2304" s="58">
        <f>IF(Input!$K$13=2,J2304*Input!$J$13,0)+IF(Input!$K$14=2,K2304*Input!$J$14,0)+IF(Input!$K$15=2,L2304*Input!$J$15,0)+IF(Input!$K$16=2,M2304*Input!$J$16,0)</f>
        <v>0.30726583680398478</v>
      </c>
      <c r="P2304" s="58">
        <f>IF(Input!$K$13=3,J2304*Input!$J$13,0)+IF(Input!$K$14=3,K2304*Input!$J$14,0)+IF(Input!$K$15=3,L2304*Input!$J$15,0)+IF(Input!$K$16=3,M2304*Input!$J$16,0)</f>
        <v>0</v>
      </c>
      <c r="Q2304" s="71">
        <f>IF(Input!$K$13=4,J2304*Input!$J$13,0)+IF(Input!$K$14=4,K2304*Input!$J$14,0)+IF(Input!$K$15=4,L2304*Input!$J$15,0)+IF(Input!$K$16=4,M2304*Input!$J$16,0)</f>
        <v>0</v>
      </c>
    </row>
    <row r="2305" spans="8:17" x14ac:dyDescent="0.25">
      <c r="H2305" s="43">
        <v>2298</v>
      </c>
      <c r="I2305" s="55">
        <f>Bühler!I2331</f>
        <v>9.1707587085523095</v>
      </c>
      <c r="J2305" s="58">
        <f>Bühler!J2331</f>
        <v>27.390589611755466</v>
      </c>
      <c r="K2305" s="58">
        <f>Bühler!K2331</f>
        <v>0.97142263575974086</v>
      </c>
      <c r="L2305" s="58">
        <f>Bühler!L2331</f>
        <v>0.48571131787987043</v>
      </c>
      <c r="M2305" s="57">
        <f>Bühler!M2331</f>
        <v>0</v>
      </c>
      <c r="N2305" s="55">
        <f>IF(Input!$K$13=1,J2305*Input!$J$13,0)+IF(Input!$K$14=1,K2305*Input!$J$14,0)+IF(Input!$K$15=1,L2305*Input!$J$15,0)+IF(Input!$K$16=1,M2305*Input!$J$16,0)</f>
        <v>3.2868707534106556</v>
      </c>
      <c r="O2305" s="58">
        <f>IF(Input!$K$13=2,J2305*Input!$J$13,0)+IF(Input!$K$14=2,K2305*Input!$J$14,0)+IF(Input!$K$15=2,L2305*Input!$J$15,0)+IF(Input!$K$16=2,M2305*Input!$J$16,0)</f>
        <v>0.13114205582756502</v>
      </c>
      <c r="P2305" s="58">
        <f>IF(Input!$K$13=3,J2305*Input!$J$13,0)+IF(Input!$K$14=3,K2305*Input!$J$14,0)+IF(Input!$K$15=3,L2305*Input!$J$15,0)+IF(Input!$K$16=3,M2305*Input!$J$16,0)</f>
        <v>0</v>
      </c>
      <c r="Q2305" s="71">
        <f>IF(Input!$K$13=4,J2305*Input!$J$13,0)+IF(Input!$K$14=4,K2305*Input!$J$14,0)+IF(Input!$K$15=4,L2305*Input!$J$15,0)+IF(Input!$K$16=4,M2305*Input!$J$16,0)</f>
        <v>0</v>
      </c>
    </row>
    <row r="2306" spans="8:17" x14ac:dyDescent="0.25">
      <c r="H2306" s="43">
        <v>2299</v>
      </c>
      <c r="I2306" s="55">
        <f>Bühler!I2332</f>
        <v>3.3997251931611903</v>
      </c>
      <c r="J2306" s="58">
        <f>Bühler!J2332</f>
        <v>15.203732293068326</v>
      </c>
      <c r="K2306" s="58">
        <f>Bühler!K2332</f>
        <v>0.64113893960142898</v>
      </c>
      <c r="L2306" s="58">
        <f>Bühler!L2332</f>
        <v>0.32056946980071449</v>
      </c>
      <c r="M2306" s="57">
        <f>Bühler!M2332</f>
        <v>0</v>
      </c>
      <c r="N2306" s="55">
        <f>IF(Input!$K$13=1,J2306*Input!$J$13,0)+IF(Input!$K$14=1,K2306*Input!$J$14,0)+IF(Input!$K$15=1,L2306*Input!$J$15,0)+IF(Input!$K$16=1,M2306*Input!$J$16,0)</f>
        <v>1.824447875168199</v>
      </c>
      <c r="O2306" s="58">
        <f>IF(Input!$K$13=2,J2306*Input!$J$13,0)+IF(Input!$K$14=2,K2306*Input!$J$14,0)+IF(Input!$K$15=2,L2306*Input!$J$15,0)+IF(Input!$K$16=2,M2306*Input!$J$16,0)</f>
        <v>8.6553756846192903E-2</v>
      </c>
      <c r="P2306" s="58">
        <f>IF(Input!$K$13=3,J2306*Input!$J$13,0)+IF(Input!$K$14=3,K2306*Input!$J$14,0)+IF(Input!$K$15=3,L2306*Input!$J$15,0)+IF(Input!$K$16=3,M2306*Input!$J$16,0)</f>
        <v>0</v>
      </c>
      <c r="Q2306" s="71">
        <f>IF(Input!$K$13=4,J2306*Input!$J$13,0)+IF(Input!$K$14=4,K2306*Input!$J$14,0)+IF(Input!$K$15=4,L2306*Input!$J$15,0)+IF(Input!$K$16=4,M2306*Input!$J$16,0)</f>
        <v>0</v>
      </c>
    </row>
    <row r="2307" spans="8:17" x14ac:dyDescent="0.25">
      <c r="H2307" s="43">
        <v>2300</v>
      </c>
      <c r="I2307" s="55">
        <f>Bühler!I2333</f>
        <v>3.3997251931611903</v>
      </c>
      <c r="J2307" s="58">
        <f>Bühler!J2333</f>
        <v>15.203732293068326</v>
      </c>
      <c r="K2307" s="58">
        <f>Bühler!K2333</f>
        <v>0.64113893960142898</v>
      </c>
      <c r="L2307" s="58">
        <f>Bühler!L2333</f>
        <v>0.32056946980071449</v>
      </c>
      <c r="M2307" s="57">
        <f>Bühler!M2333</f>
        <v>0</v>
      </c>
      <c r="N2307" s="55">
        <f>IF(Input!$K$13=1,J2307*Input!$J$13,0)+IF(Input!$K$14=1,K2307*Input!$J$14,0)+IF(Input!$K$15=1,L2307*Input!$J$15,0)+IF(Input!$K$16=1,M2307*Input!$J$16,0)</f>
        <v>1.824447875168199</v>
      </c>
      <c r="O2307" s="58">
        <f>IF(Input!$K$13=2,J2307*Input!$J$13,0)+IF(Input!$K$14=2,K2307*Input!$J$14,0)+IF(Input!$K$15=2,L2307*Input!$J$15,0)+IF(Input!$K$16=2,M2307*Input!$J$16,0)</f>
        <v>8.6553756846192903E-2</v>
      </c>
      <c r="P2307" s="58">
        <f>IF(Input!$K$13=3,J2307*Input!$J$13,0)+IF(Input!$K$14=3,K2307*Input!$J$14,0)+IF(Input!$K$15=3,L2307*Input!$J$15,0)+IF(Input!$K$16=3,M2307*Input!$J$16,0)</f>
        <v>0</v>
      </c>
      <c r="Q2307" s="71">
        <f>IF(Input!$K$13=4,J2307*Input!$J$13,0)+IF(Input!$K$14=4,K2307*Input!$J$14,0)+IF(Input!$K$15=4,L2307*Input!$J$15,0)+IF(Input!$K$16=4,M2307*Input!$J$16,0)</f>
        <v>0</v>
      </c>
    </row>
    <row r="2308" spans="8:17" x14ac:dyDescent="0.25">
      <c r="H2308" s="43">
        <v>2301</v>
      </c>
      <c r="I2308" s="55">
        <f>Bühler!I2334</f>
        <v>3.3997251931611903</v>
      </c>
      <c r="J2308" s="58">
        <f>Bühler!J2334</f>
        <v>15.203732293068326</v>
      </c>
      <c r="K2308" s="58">
        <f>Bühler!K2334</f>
        <v>0.64113893960142898</v>
      </c>
      <c r="L2308" s="58">
        <f>Bühler!L2334</f>
        <v>0.32056946980071449</v>
      </c>
      <c r="M2308" s="57">
        <f>Bühler!M2334</f>
        <v>0</v>
      </c>
      <c r="N2308" s="55">
        <f>IF(Input!$K$13=1,J2308*Input!$J$13,0)+IF(Input!$K$14=1,K2308*Input!$J$14,0)+IF(Input!$K$15=1,L2308*Input!$J$15,0)+IF(Input!$K$16=1,M2308*Input!$J$16,0)</f>
        <v>1.824447875168199</v>
      </c>
      <c r="O2308" s="58">
        <f>IF(Input!$K$13=2,J2308*Input!$J$13,0)+IF(Input!$K$14=2,K2308*Input!$J$14,0)+IF(Input!$K$15=2,L2308*Input!$J$15,0)+IF(Input!$K$16=2,M2308*Input!$J$16,0)</f>
        <v>8.6553756846192903E-2</v>
      </c>
      <c r="P2308" s="58">
        <f>IF(Input!$K$13=3,J2308*Input!$J$13,0)+IF(Input!$K$14=3,K2308*Input!$J$14,0)+IF(Input!$K$15=3,L2308*Input!$J$15,0)+IF(Input!$K$16=3,M2308*Input!$J$16,0)</f>
        <v>0</v>
      </c>
      <c r="Q2308" s="71">
        <f>IF(Input!$K$13=4,J2308*Input!$J$13,0)+IF(Input!$K$14=4,K2308*Input!$J$14,0)+IF(Input!$K$15=4,L2308*Input!$J$15,0)+IF(Input!$K$16=4,M2308*Input!$J$16,0)</f>
        <v>0</v>
      </c>
    </row>
    <row r="2309" spans="8:17" x14ac:dyDescent="0.25">
      <c r="H2309" s="43">
        <v>2302</v>
      </c>
      <c r="I2309" s="55">
        <f>Bühler!I2335</f>
        <v>3.3997251931611903</v>
      </c>
      <c r="J2309" s="58">
        <f>Bühler!J2335</f>
        <v>15.203732293068326</v>
      </c>
      <c r="K2309" s="58">
        <f>Bühler!K2335</f>
        <v>0.64113893960142898</v>
      </c>
      <c r="L2309" s="58">
        <f>Bühler!L2335</f>
        <v>0.32056946980071449</v>
      </c>
      <c r="M2309" s="57">
        <f>Bühler!M2335</f>
        <v>0</v>
      </c>
      <c r="N2309" s="55">
        <f>IF(Input!$K$13=1,J2309*Input!$J$13,0)+IF(Input!$K$14=1,K2309*Input!$J$14,0)+IF(Input!$K$15=1,L2309*Input!$J$15,0)+IF(Input!$K$16=1,M2309*Input!$J$16,0)</f>
        <v>1.824447875168199</v>
      </c>
      <c r="O2309" s="58">
        <f>IF(Input!$K$13=2,J2309*Input!$J$13,0)+IF(Input!$K$14=2,K2309*Input!$J$14,0)+IF(Input!$K$15=2,L2309*Input!$J$15,0)+IF(Input!$K$16=2,M2309*Input!$J$16,0)</f>
        <v>8.6553756846192903E-2</v>
      </c>
      <c r="P2309" s="58">
        <f>IF(Input!$K$13=3,J2309*Input!$J$13,0)+IF(Input!$K$14=3,K2309*Input!$J$14,0)+IF(Input!$K$15=3,L2309*Input!$J$15,0)+IF(Input!$K$16=3,M2309*Input!$J$16,0)</f>
        <v>0</v>
      </c>
      <c r="Q2309" s="71">
        <f>IF(Input!$K$13=4,J2309*Input!$J$13,0)+IF(Input!$K$14=4,K2309*Input!$J$14,0)+IF(Input!$K$15=4,L2309*Input!$J$15,0)+IF(Input!$K$16=4,M2309*Input!$J$16,0)</f>
        <v>0</v>
      </c>
    </row>
    <row r="2310" spans="8:17" x14ac:dyDescent="0.25">
      <c r="H2310" s="43">
        <v>2303</v>
      </c>
      <c r="I2310" s="55">
        <f>Bühler!I2336</f>
        <v>3.3997251931611903</v>
      </c>
      <c r="J2310" s="58">
        <f>Bühler!J2336</f>
        <v>15.203732293068326</v>
      </c>
      <c r="K2310" s="58">
        <f>Bühler!K2336</f>
        <v>0.64113893960142898</v>
      </c>
      <c r="L2310" s="58">
        <f>Bühler!L2336</f>
        <v>0.32056946980071449</v>
      </c>
      <c r="M2310" s="57">
        <f>Bühler!M2336</f>
        <v>0</v>
      </c>
      <c r="N2310" s="55">
        <f>IF(Input!$K$13=1,J2310*Input!$J$13,0)+IF(Input!$K$14=1,K2310*Input!$J$14,0)+IF(Input!$K$15=1,L2310*Input!$J$15,0)+IF(Input!$K$16=1,M2310*Input!$J$16,0)</f>
        <v>1.824447875168199</v>
      </c>
      <c r="O2310" s="58">
        <f>IF(Input!$K$13=2,J2310*Input!$J$13,0)+IF(Input!$K$14=2,K2310*Input!$J$14,0)+IF(Input!$K$15=2,L2310*Input!$J$15,0)+IF(Input!$K$16=2,M2310*Input!$J$16,0)</f>
        <v>8.6553756846192903E-2</v>
      </c>
      <c r="P2310" s="58">
        <f>IF(Input!$K$13=3,J2310*Input!$J$13,0)+IF(Input!$K$14=3,K2310*Input!$J$14,0)+IF(Input!$K$15=3,L2310*Input!$J$15,0)+IF(Input!$K$16=3,M2310*Input!$J$16,0)</f>
        <v>0</v>
      </c>
      <c r="Q2310" s="71">
        <f>IF(Input!$K$13=4,J2310*Input!$J$13,0)+IF(Input!$K$14=4,K2310*Input!$J$14,0)+IF(Input!$K$15=4,L2310*Input!$J$15,0)+IF(Input!$K$16=4,M2310*Input!$J$16,0)</f>
        <v>0</v>
      </c>
    </row>
    <row r="2311" spans="8:17" x14ac:dyDescent="0.25">
      <c r="H2311" s="43">
        <v>2304</v>
      </c>
      <c r="I2311" s="55">
        <f>Bühler!I2337</f>
        <v>3.3997251931611903</v>
      </c>
      <c r="J2311" s="58">
        <f>Bühler!J2337</f>
        <v>15.203732293068326</v>
      </c>
      <c r="K2311" s="58">
        <f>Bühler!K2337</f>
        <v>0.64113893960142898</v>
      </c>
      <c r="L2311" s="58">
        <f>Bühler!L2337</f>
        <v>0.32056946980071449</v>
      </c>
      <c r="M2311" s="57">
        <f>Bühler!M2337</f>
        <v>0</v>
      </c>
      <c r="N2311" s="55">
        <f>IF(Input!$K$13=1,J2311*Input!$J$13,0)+IF(Input!$K$14=1,K2311*Input!$J$14,0)+IF(Input!$K$15=1,L2311*Input!$J$15,0)+IF(Input!$K$16=1,M2311*Input!$J$16,0)</f>
        <v>1.824447875168199</v>
      </c>
      <c r="O2311" s="58">
        <f>IF(Input!$K$13=2,J2311*Input!$J$13,0)+IF(Input!$K$14=2,K2311*Input!$J$14,0)+IF(Input!$K$15=2,L2311*Input!$J$15,0)+IF(Input!$K$16=2,M2311*Input!$J$16,0)</f>
        <v>8.6553756846192903E-2</v>
      </c>
      <c r="P2311" s="58">
        <f>IF(Input!$K$13=3,J2311*Input!$J$13,0)+IF(Input!$K$14=3,K2311*Input!$J$14,0)+IF(Input!$K$15=3,L2311*Input!$J$15,0)+IF(Input!$K$16=3,M2311*Input!$J$16,0)</f>
        <v>0</v>
      </c>
      <c r="Q2311" s="71">
        <f>IF(Input!$K$13=4,J2311*Input!$J$13,0)+IF(Input!$K$14=4,K2311*Input!$J$14,0)+IF(Input!$K$15=4,L2311*Input!$J$15,0)+IF(Input!$K$16=4,M2311*Input!$J$16,0)</f>
        <v>0</v>
      </c>
    </row>
    <row r="2312" spans="8:17" x14ac:dyDescent="0.25">
      <c r="H2312" s="43">
        <v>2305</v>
      </c>
      <c r="I2312" s="55">
        <f>Bühler!I2338</f>
        <v>2.6560427643604241</v>
      </c>
      <c r="J2312" s="58">
        <f>Bühler!J2338</f>
        <v>19.609642441384906</v>
      </c>
      <c r="K2312" s="58">
        <f>Bühler!K2338</f>
        <v>0.96977433488170173</v>
      </c>
      <c r="L2312" s="58">
        <f>Bühler!L2338</f>
        <v>0.48488716744085086</v>
      </c>
      <c r="M2312" s="57">
        <f>Bühler!M2338</f>
        <v>0</v>
      </c>
      <c r="N2312" s="55">
        <f>IF(Input!$K$13=1,J2312*Input!$J$13,0)+IF(Input!$K$14=1,K2312*Input!$J$14,0)+IF(Input!$K$15=1,L2312*Input!$J$15,0)+IF(Input!$K$16=1,M2312*Input!$J$16,0)</f>
        <v>2.3531570929661885</v>
      </c>
      <c r="O2312" s="58">
        <f>IF(Input!$K$13=2,J2312*Input!$J$13,0)+IF(Input!$K$14=2,K2312*Input!$J$14,0)+IF(Input!$K$15=2,L2312*Input!$J$15,0)+IF(Input!$K$16=2,M2312*Input!$J$16,0)</f>
        <v>0.13091953520902971</v>
      </c>
      <c r="P2312" s="58">
        <f>IF(Input!$K$13=3,J2312*Input!$J$13,0)+IF(Input!$K$14=3,K2312*Input!$J$14,0)+IF(Input!$K$15=3,L2312*Input!$J$15,0)+IF(Input!$K$16=3,M2312*Input!$J$16,0)</f>
        <v>0</v>
      </c>
      <c r="Q2312" s="71">
        <f>IF(Input!$K$13=4,J2312*Input!$J$13,0)+IF(Input!$K$14=4,K2312*Input!$J$14,0)+IF(Input!$K$15=4,L2312*Input!$J$15,0)+IF(Input!$K$16=4,M2312*Input!$J$16,0)</f>
        <v>0</v>
      </c>
    </row>
    <row r="2313" spans="8:17" x14ac:dyDescent="0.25">
      <c r="H2313" s="43">
        <v>2306</v>
      </c>
      <c r="I2313" s="55">
        <f>Bühler!I2339</f>
        <v>2.6560427643604241</v>
      </c>
      <c r="J2313" s="58">
        <f>Bühler!J2339</f>
        <v>13.018144982599214</v>
      </c>
      <c r="K2313" s="58">
        <f>Bühler!K2339</f>
        <v>0.58774202114042517</v>
      </c>
      <c r="L2313" s="58">
        <f>Bühler!L2339</f>
        <v>0.29387101057021259</v>
      </c>
      <c r="M2313" s="57">
        <f>Bühler!M2339</f>
        <v>0</v>
      </c>
      <c r="N2313" s="55">
        <f>IF(Input!$K$13=1,J2313*Input!$J$13,0)+IF(Input!$K$14=1,K2313*Input!$J$14,0)+IF(Input!$K$15=1,L2313*Input!$J$15,0)+IF(Input!$K$16=1,M2313*Input!$J$16,0)</f>
        <v>1.5621773979119056</v>
      </c>
      <c r="O2313" s="58">
        <f>IF(Input!$K$13=2,J2313*Input!$J$13,0)+IF(Input!$K$14=2,K2313*Input!$J$14,0)+IF(Input!$K$15=2,L2313*Input!$J$15,0)+IF(Input!$K$16=2,M2313*Input!$J$16,0)</f>
        <v>7.9345172853957396E-2</v>
      </c>
      <c r="P2313" s="58">
        <f>IF(Input!$K$13=3,J2313*Input!$J$13,0)+IF(Input!$K$14=3,K2313*Input!$J$14,0)+IF(Input!$K$15=3,L2313*Input!$J$15,0)+IF(Input!$K$16=3,M2313*Input!$J$16,0)</f>
        <v>0</v>
      </c>
      <c r="Q2313" s="71">
        <f>IF(Input!$K$13=4,J2313*Input!$J$13,0)+IF(Input!$K$14=4,K2313*Input!$J$14,0)+IF(Input!$K$15=4,L2313*Input!$J$15,0)+IF(Input!$K$16=4,M2313*Input!$J$16,0)</f>
        <v>0</v>
      </c>
    </row>
    <row r="2314" spans="8:17" x14ac:dyDescent="0.25">
      <c r="H2314" s="43">
        <v>2307</v>
      </c>
      <c r="I2314" s="55">
        <f>Bühler!I2340</f>
        <v>2.6560427643604241</v>
      </c>
      <c r="J2314" s="58">
        <f>Bühler!J2340</f>
        <v>13.018144982599214</v>
      </c>
      <c r="K2314" s="58">
        <f>Bühler!K2340</f>
        <v>0.58774202114042517</v>
      </c>
      <c r="L2314" s="58">
        <f>Bühler!L2340</f>
        <v>0.29387101057021259</v>
      </c>
      <c r="M2314" s="57">
        <f>Bühler!M2340</f>
        <v>0</v>
      </c>
      <c r="N2314" s="55">
        <f>IF(Input!$K$13=1,J2314*Input!$J$13,0)+IF(Input!$K$14=1,K2314*Input!$J$14,0)+IF(Input!$K$15=1,L2314*Input!$J$15,0)+IF(Input!$K$16=1,M2314*Input!$J$16,0)</f>
        <v>1.5621773979119056</v>
      </c>
      <c r="O2314" s="58">
        <f>IF(Input!$K$13=2,J2314*Input!$J$13,0)+IF(Input!$K$14=2,K2314*Input!$J$14,0)+IF(Input!$K$15=2,L2314*Input!$J$15,0)+IF(Input!$K$16=2,M2314*Input!$J$16,0)</f>
        <v>7.9345172853957396E-2</v>
      </c>
      <c r="P2314" s="58">
        <f>IF(Input!$K$13=3,J2314*Input!$J$13,0)+IF(Input!$K$14=3,K2314*Input!$J$14,0)+IF(Input!$K$15=3,L2314*Input!$J$15,0)+IF(Input!$K$16=3,M2314*Input!$J$16,0)</f>
        <v>0</v>
      </c>
      <c r="Q2314" s="71">
        <f>IF(Input!$K$13=4,J2314*Input!$J$13,0)+IF(Input!$K$14=4,K2314*Input!$J$14,0)+IF(Input!$K$15=4,L2314*Input!$J$15,0)+IF(Input!$K$16=4,M2314*Input!$J$16,0)</f>
        <v>0</v>
      </c>
    </row>
    <row r="2315" spans="8:17" x14ac:dyDescent="0.25">
      <c r="H2315" s="43">
        <v>2308</v>
      </c>
      <c r="I2315" s="55">
        <f>Bühler!I2341</f>
        <v>2.6560427643604241</v>
      </c>
      <c r="J2315" s="58">
        <f>Bühler!J2341</f>
        <v>13.018144982599214</v>
      </c>
      <c r="K2315" s="58">
        <f>Bühler!K2341</f>
        <v>0.58774202114042517</v>
      </c>
      <c r="L2315" s="58">
        <f>Bühler!L2341</f>
        <v>0.29387101057021259</v>
      </c>
      <c r="M2315" s="57">
        <f>Bühler!M2341</f>
        <v>0</v>
      </c>
      <c r="N2315" s="55">
        <f>IF(Input!$K$13=1,J2315*Input!$J$13,0)+IF(Input!$K$14=1,K2315*Input!$J$14,0)+IF(Input!$K$15=1,L2315*Input!$J$15,0)+IF(Input!$K$16=1,M2315*Input!$J$16,0)</f>
        <v>1.5621773979119056</v>
      </c>
      <c r="O2315" s="58">
        <f>IF(Input!$K$13=2,J2315*Input!$J$13,0)+IF(Input!$K$14=2,K2315*Input!$J$14,0)+IF(Input!$K$15=2,L2315*Input!$J$15,0)+IF(Input!$K$16=2,M2315*Input!$J$16,0)</f>
        <v>7.9345172853957396E-2</v>
      </c>
      <c r="P2315" s="58">
        <f>IF(Input!$K$13=3,J2315*Input!$J$13,0)+IF(Input!$K$14=3,K2315*Input!$J$14,0)+IF(Input!$K$15=3,L2315*Input!$J$15,0)+IF(Input!$K$16=3,M2315*Input!$J$16,0)</f>
        <v>0</v>
      </c>
      <c r="Q2315" s="71">
        <f>IF(Input!$K$13=4,J2315*Input!$J$13,0)+IF(Input!$K$14=4,K2315*Input!$J$14,0)+IF(Input!$K$15=4,L2315*Input!$J$15,0)+IF(Input!$K$16=4,M2315*Input!$J$16,0)</f>
        <v>0</v>
      </c>
    </row>
    <row r="2316" spans="8:17" x14ac:dyDescent="0.25">
      <c r="H2316" s="43">
        <v>2309</v>
      </c>
      <c r="I2316" s="55">
        <f>Bühler!I2342</f>
        <v>2.6560427643604241</v>
      </c>
      <c r="J2316" s="58">
        <f>Bühler!J2342</f>
        <v>13.018144982599214</v>
      </c>
      <c r="K2316" s="58">
        <f>Bühler!K2342</f>
        <v>0.58774202114042517</v>
      </c>
      <c r="L2316" s="58">
        <f>Bühler!L2342</f>
        <v>0.29387101057021259</v>
      </c>
      <c r="M2316" s="57">
        <f>Bühler!M2342</f>
        <v>0</v>
      </c>
      <c r="N2316" s="55">
        <f>IF(Input!$K$13=1,J2316*Input!$J$13,0)+IF(Input!$K$14=1,K2316*Input!$J$14,0)+IF(Input!$K$15=1,L2316*Input!$J$15,0)+IF(Input!$K$16=1,M2316*Input!$J$16,0)</f>
        <v>1.5621773979119056</v>
      </c>
      <c r="O2316" s="58">
        <f>IF(Input!$K$13=2,J2316*Input!$J$13,0)+IF(Input!$K$14=2,K2316*Input!$J$14,0)+IF(Input!$K$15=2,L2316*Input!$J$15,0)+IF(Input!$K$16=2,M2316*Input!$J$16,0)</f>
        <v>7.9345172853957396E-2</v>
      </c>
      <c r="P2316" s="58">
        <f>IF(Input!$K$13=3,J2316*Input!$J$13,0)+IF(Input!$K$14=3,K2316*Input!$J$14,0)+IF(Input!$K$15=3,L2316*Input!$J$15,0)+IF(Input!$K$16=3,M2316*Input!$J$16,0)</f>
        <v>0</v>
      </c>
      <c r="Q2316" s="71">
        <f>IF(Input!$K$13=4,J2316*Input!$J$13,0)+IF(Input!$K$14=4,K2316*Input!$J$14,0)+IF(Input!$K$15=4,L2316*Input!$J$15,0)+IF(Input!$K$16=4,M2316*Input!$J$16,0)</f>
        <v>0</v>
      </c>
    </row>
    <row r="2317" spans="8:17" x14ac:dyDescent="0.25">
      <c r="H2317" s="43">
        <v>2310</v>
      </c>
      <c r="I2317" s="55">
        <f>Bühler!I2343</f>
        <v>2.6560427643604241</v>
      </c>
      <c r="J2317" s="58">
        <f>Bühler!J2343</f>
        <v>13.018144982599214</v>
      </c>
      <c r="K2317" s="58">
        <f>Bühler!K2343</f>
        <v>0.58774202114042517</v>
      </c>
      <c r="L2317" s="58">
        <f>Bühler!L2343</f>
        <v>0.29387101057021259</v>
      </c>
      <c r="M2317" s="57">
        <f>Bühler!M2343</f>
        <v>0</v>
      </c>
      <c r="N2317" s="55">
        <f>IF(Input!$K$13=1,J2317*Input!$J$13,0)+IF(Input!$K$14=1,K2317*Input!$J$14,0)+IF(Input!$K$15=1,L2317*Input!$J$15,0)+IF(Input!$K$16=1,M2317*Input!$J$16,0)</f>
        <v>1.5621773979119056</v>
      </c>
      <c r="O2317" s="58">
        <f>IF(Input!$K$13=2,J2317*Input!$J$13,0)+IF(Input!$K$14=2,K2317*Input!$J$14,0)+IF(Input!$K$15=2,L2317*Input!$J$15,0)+IF(Input!$K$16=2,M2317*Input!$J$16,0)</f>
        <v>7.9345172853957396E-2</v>
      </c>
      <c r="P2317" s="58">
        <f>IF(Input!$K$13=3,J2317*Input!$J$13,0)+IF(Input!$K$14=3,K2317*Input!$J$14,0)+IF(Input!$K$15=3,L2317*Input!$J$15,0)+IF(Input!$K$16=3,M2317*Input!$J$16,0)</f>
        <v>0</v>
      </c>
      <c r="Q2317" s="71">
        <f>IF(Input!$K$13=4,J2317*Input!$J$13,0)+IF(Input!$K$14=4,K2317*Input!$J$14,0)+IF(Input!$K$15=4,L2317*Input!$J$15,0)+IF(Input!$K$16=4,M2317*Input!$J$16,0)</f>
        <v>0</v>
      </c>
    </row>
    <row r="2318" spans="8:17" x14ac:dyDescent="0.25">
      <c r="H2318" s="43">
        <v>2311</v>
      </c>
      <c r="I2318" s="55">
        <f>Bühler!I2344</f>
        <v>2.6560427643604241</v>
      </c>
      <c r="J2318" s="58">
        <f>Bühler!J2344</f>
        <v>13.018144982599214</v>
      </c>
      <c r="K2318" s="58">
        <f>Bühler!K2344</f>
        <v>0.58774202114042517</v>
      </c>
      <c r="L2318" s="58">
        <f>Bühler!L2344</f>
        <v>0.29387101057021259</v>
      </c>
      <c r="M2318" s="57">
        <f>Bühler!M2344</f>
        <v>0</v>
      </c>
      <c r="N2318" s="55">
        <f>IF(Input!$K$13=1,J2318*Input!$J$13,0)+IF(Input!$K$14=1,K2318*Input!$J$14,0)+IF(Input!$K$15=1,L2318*Input!$J$15,0)+IF(Input!$K$16=1,M2318*Input!$J$16,0)</f>
        <v>1.5621773979119056</v>
      </c>
      <c r="O2318" s="58">
        <f>IF(Input!$K$13=2,J2318*Input!$J$13,0)+IF(Input!$K$14=2,K2318*Input!$J$14,0)+IF(Input!$K$15=2,L2318*Input!$J$15,0)+IF(Input!$K$16=2,M2318*Input!$J$16,0)</f>
        <v>7.9345172853957396E-2</v>
      </c>
      <c r="P2318" s="58">
        <f>IF(Input!$K$13=3,J2318*Input!$J$13,0)+IF(Input!$K$14=3,K2318*Input!$J$14,0)+IF(Input!$K$15=3,L2318*Input!$J$15,0)+IF(Input!$K$16=3,M2318*Input!$J$16,0)</f>
        <v>0</v>
      </c>
      <c r="Q2318" s="71">
        <f>IF(Input!$K$13=4,J2318*Input!$J$13,0)+IF(Input!$K$14=4,K2318*Input!$J$14,0)+IF(Input!$K$15=4,L2318*Input!$J$15,0)+IF(Input!$K$16=4,M2318*Input!$J$16,0)</f>
        <v>0</v>
      </c>
    </row>
    <row r="2319" spans="8:17" x14ac:dyDescent="0.25">
      <c r="H2319" s="43">
        <v>2312</v>
      </c>
      <c r="I2319" s="55">
        <f>Bühler!I2345</f>
        <v>7.1970191034282456</v>
      </c>
      <c r="J2319" s="58">
        <f>Bühler!J2345</f>
        <v>50.996430963729892</v>
      </c>
      <c r="K2319" s="58">
        <f>Bühler!K2345</f>
        <v>2.5037810100582112</v>
      </c>
      <c r="L2319" s="58">
        <f>Bühler!L2345</f>
        <v>1.2518905050291056</v>
      </c>
      <c r="M2319" s="57">
        <f>Bühler!M2345</f>
        <v>0</v>
      </c>
      <c r="N2319" s="55">
        <f>IF(Input!$K$13=1,J2319*Input!$J$13,0)+IF(Input!$K$14=1,K2319*Input!$J$14,0)+IF(Input!$K$15=1,L2319*Input!$J$15,0)+IF(Input!$K$16=1,M2319*Input!$J$16,0)</f>
        <v>6.1195717156475871</v>
      </c>
      <c r="O2319" s="58">
        <f>IF(Input!$K$13=2,J2319*Input!$J$13,0)+IF(Input!$K$14=2,K2319*Input!$J$14,0)+IF(Input!$K$15=2,L2319*Input!$J$15,0)+IF(Input!$K$16=2,M2319*Input!$J$16,0)</f>
        <v>0.33801043635785849</v>
      </c>
      <c r="P2319" s="58">
        <f>IF(Input!$K$13=3,J2319*Input!$J$13,0)+IF(Input!$K$14=3,K2319*Input!$J$14,0)+IF(Input!$K$15=3,L2319*Input!$J$15,0)+IF(Input!$K$16=3,M2319*Input!$J$16,0)</f>
        <v>0</v>
      </c>
      <c r="Q2319" s="71">
        <f>IF(Input!$K$13=4,J2319*Input!$J$13,0)+IF(Input!$K$14=4,K2319*Input!$J$14,0)+IF(Input!$K$15=4,L2319*Input!$J$15,0)+IF(Input!$K$16=4,M2319*Input!$J$16,0)</f>
        <v>0</v>
      </c>
    </row>
    <row r="2320" spans="8:17" x14ac:dyDescent="0.25">
      <c r="H2320" s="43">
        <v>2313</v>
      </c>
      <c r="I2320" s="55">
        <f>Bühler!I2346</f>
        <v>8.9962738792853063</v>
      </c>
      <c r="J2320" s="58">
        <f>Bühler!J2346</f>
        <v>63.745538704662358</v>
      </c>
      <c r="K2320" s="58">
        <f>Bühler!K2346</f>
        <v>3.1297262625727642</v>
      </c>
      <c r="L2320" s="58">
        <f>Bühler!L2346</f>
        <v>1.5648631312863821</v>
      </c>
      <c r="M2320" s="57">
        <f>Bühler!M2346</f>
        <v>0</v>
      </c>
      <c r="N2320" s="55">
        <f>IF(Input!$K$13=1,J2320*Input!$J$13,0)+IF(Input!$K$14=1,K2320*Input!$J$14,0)+IF(Input!$K$15=1,L2320*Input!$J$15,0)+IF(Input!$K$16=1,M2320*Input!$J$16,0)</f>
        <v>7.6494646445594832</v>
      </c>
      <c r="O2320" s="58">
        <f>IF(Input!$K$13=2,J2320*Input!$J$13,0)+IF(Input!$K$14=2,K2320*Input!$J$14,0)+IF(Input!$K$15=2,L2320*Input!$J$15,0)+IF(Input!$K$16=2,M2320*Input!$J$16,0)</f>
        <v>0.42251304544732315</v>
      </c>
      <c r="P2320" s="58">
        <f>IF(Input!$K$13=3,J2320*Input!$J$13,0)+IF(Input!$K$14=3,K2320*Input!$J$14,0)+IF(Input!$K$15=3,L2320*Input!$J$15,0)+IF(Input!$K$16=3,M2320*Input!$J$16,0)</f>
        <v>0</v>
      </c>
      <c r="Q2320" s="71">
        <f>IF(Input!$K$13=4,J2320*Input!$J$13,0)+IF(Input!$K$14=4,K2320*Input!$J$14,0)+IF(Input!$K$15=4,L2320*Input!$J$15,0)+IF(Input!$K$16=4,M2320*Input!$J$16,0)</f>
        <v>0</v>
      </c>
    </row>
    <row r="2321" spans="8:17" x14ac:dyDescent="0.25">
      <c r="H2321" s="43">
        <v>2314</v>
      </c>
      <c r="I2321" s="55">
        <f>Bühler!I2347</f>
        <v>9.8959012672138389</v>
      </c>
      <c r="J2321" s="58">
        <f>Bühler!J2347</f>
        <v>70.120092575128595</v>
      </c>
      <c r="K2321" s="58">
        <f>Bühler!K2347</f>
        <v>3.4426988888300407</v>
      </c>
      <c r="L2321" s="58">
        <f>Bühler!L2347</f>
        <v>1.7213494444150204</v>
      </c>
      <c r="M2321" s="57">
        <f>Bühler!M2347</f>
        <v>0</v>
      </c>
      <c r="N2321" s="55">
        <f>IF(Input!$K$13=1,J2321*Input!$J$13,0)+IF(Input!$K$14=1,K2321*Input!$J$14,0)+IF(Input!$K$15=1,L2321*Input!$J$15,0)+IF(Input!$K$16=1,M2321*Input!$J$16,0)</f>
        <v>8.4144111090154308</v>
      </c>
      <c r="O2321" s="58">
        <f>IF(Input!$K$13=2,J2321*Input!$J$13,0)+IF(Input!$K$14=2,K2321*Input!$J$14,0)+IF(Input!$K$15=2,L2321*Input!$J$15,0)+IF(Input!$K$16=2,M2321*Input!$J$16,0)</f>
        <v>0.46476434999205546</v>
      </c>
      <c r="P2321" s="58">
        <f>IF(Input!$K$13=3,J2321*Input!$J$13,0)+IF(Input!$K$14=3,K2321*Input!$J$14,0)+IF(Input!$K$15=3,L2321*Input!$J$15,0)+IF(Input!$K$16=3,M2321*Input!$J$16,0)</f>
        <v>0</v>
      </c>
      <c r="Q2321" s="71">
        <f>IF(Input!$K$13=4,J2321*Input!$J$13,0)+IF(Input!$K$14=4,K2321*Input!$J$14,0)+IF(Input!$K$15=4,L2321*Input!$J$15,0)+IF(Input!$K$16=4,M2321*Input!$J$16,0)</f>
        <v>0</v>
      </c>
    </row>
    <row r="2322" spans="8:17" x14ac:dyDescent="0.25">
      <c r="H2322" s="43">
        <v>2315</v>
      </c>
      <c r="I2322" s="55">
        <f>Bühler!I2348</f>
        <v>9.8959012672138389</v>
      </c>
      <c r="J2322" s="58">
        <f>Bühler!J2348</f>
        <v>70.120092575128595</v>
      </c>
      <c r="K2322" s="58">
        <f>Bühler!K2348</f>
        <v>3.4426988888300407</v>
      </c>
      <c r="L2322" s="58">
        <f>Bühler!L2348</f>
        <v>1.7213494444150204</v>
      </c>
      <c r="M2322" s="57">
        <f>Bühler!M2348</f>
        <v>0</v>
      </c>
      <c r="N2322" s="55">
        <f>IF(Input!$K$13=1,J2322*Input!$J$13,0)+IF(Input!$K$14=1,K2322*Input!$J$14,0)+IF(Input!$K$15=1,L2322*Input!$J$15,0)+IF(Input!$K$16=1,M2322*Input!$J$16,0)</f>
        <v>8.4144111090154308</v>
      </c>
      <c r="O2322" s="58">
        <f>IF(Input!$K$13=2,J2322*Input!$J$13,0)+IF(Input!$K$14=2,K2322*Input!$J$14,0)+IF(Input!$K$15=2,L2322*Input!$J$15,0)+IF(Input!$K$16=2,M2322*Input!$J$16,0)</f>
        <v>0.46476434999205546</v>
      </c>
      <c r="P2322" s="58">
        <f>IF(Input!$K$13=3,J2322*Input!$J$13,0)+IF(Input!$K$14=3,K2322*Input!$J$14,0)+IF(Input!$K$15=3,L2322*Input!$J$15,0)+IF(Input!$K$16=3,M2322*Input!$J$16,0)</f>
        <v>0</v>
      </c>
      <c r="Q2322" s="71">
        <f>IF(Input!$K$13=4,J2322*Input!$J$13,0)+IF(Input!$K$14=4,K2322*Input!$J$14,0)+IF(Input!$K$15=4,L2322*Input!$J$15,0)+IF(Input!$K$16=4,M2322*Input!$J$16,0)</f>
        <v>0</v>
      </c>
    </row>
    <row r="2323" spans="8:17" x14ac:dyDescent="0.25">
      <c r="H2323" s="43">
        <v>2316</v>
      </c>
      <c r="I2323" s="55">
        <f>Bühler!I2349</f>
        <v>11.695156043070897</v>
      </c>
      <c r="J2323" s="58">
        <f>Bühler!J2349</f>
        <v>82.869200316061068</v>
      </c>
      <c r="K2323" s="58">
        <f>Bühler!K2349</f>
        <v>4.0686441413445928</v>
      </c>
      <c r="L2323" s="58">
        <f>Bühler!L2349</f>
        <v>2.0343220706722964</v>
      </c>
      <c r="M2323" s="57">
        <f>Bühler!M2349</f>
        <v>0</v>
      </c>
      <c r="N2323" s="55">
        <f>IF(Input!$K$13=1,J2323*Input!$J$13,0)+IF(Input!$K$14=1,K2323*Input!$J$14,0)+IF(Input!$K$15=1,L2323*Input!$J$15,0)+IF(Input!$K$16=1,M2323*Input!$J$16,0)</f>
        <v>9.9443040379273278</v>
      </c>
      <c r="O2323" s="58">
        <f>IF(Input!$K$13=2,J2323*Input!$J$13,0)+IF(Input!$K$14=2,K2323*Input!$J$14,0)+IF(Input!$K$15=2,L2323*Input!$J$15,0)+IF(Input!$K$16=2,M2323*Input!$J$16,0)</f>
        <v>0.54926695908152001</v>
      </c>
      <c r="P2323" s="58">
        <f>IF(Input!$K$13=3,J2323*Input!$J$13,0)+IF(Input!$K$14=3,K2323*Input!$J$14,0)+IF(Input!$K$15=3,L2323*Input!$J$15,0)+IF(Input!$K$16=3,M2323*Input!$J$16,0)</f>
        <v>0</v>
      </c>
      <c r="Q2323" s="71">
        <f>IF(Input!$K$13=4,J2323*Input!$J$13,0)+IF(Input!$K$14=4,K2323*Input!$J$14,0)+IF(Input!$K$15=4,L2323*Input!$J$15,0)+IF(Input!$K$16=4,M2323*Input!$J$16,0)</f>
        <v>0</v>
      </c>
    </row>
    <row r="2324" spans="8:17" x14ac:dyDescent="0.25">
      <c r="H2324" s="43">
        <v>2317</v>
      </c>
      <c r="I2324" s="55">
        <f>Bühler!I2350</f>
        <v>11.695156043070897</v>
      </c>
      <c r="J2324" s="58">
        <f>Bühler!J2350</f>
        <v>82.869200316061068</v>
      </c>
      <c r="K2324" s="58">
        <f>Bühler!K2350</f>
        <v>4.0686441413445928</v>
      </c>
      <c r="L2324" s="58">
        <f>Bühler!L2350</f>
        <v>2.0343220706722964</v>
      </c>
      <c r="M2324" s="57">
        <f>Bühler!M2350</f>
        <v>0</v>
      </c>
      <c r="N2324" s="55">
        <f>IF(Input!$K$13=1,J2324*Input!$J$13,0)+IF(Input!$K$14=1,K2324*Input!$J$14,0)+IF(Input!$K$15=1,L2324*Input!$J$15,0)+IF(Input!$K$16=1,M2324*Input!$J$16,0)</f>
        <v>9.9443040379273278</v>
      </c>
      <c r="O2324" s="58">
        <f>IF(Input!$K$13=2,J2324*Input!$J$13,0)+IF(Input!$K$14=2,K2324*Input!$J$14,0)+IF(Input!$K$15=2,L2324*Input!$J$15,0)+IF(Input!$K$16=2,M2324*Input!$J$16,0)</f>
        <v>0.54926695908152001</v>
      </c>
      <c r="P2324" s="58">
        <f>IF(Input!$K$13=3,J2324*Input!$J$13,0)+IF(Input!$K$14=3,K2324*Input!$J$14,0)+IF(Input!$K$15=3,L2324*Input!$J$15,0)+IF(Input!$K$16=3,M2324*Input!$J$16,0)</f>
        <v>0</v>
      </c>
      <c r="Q2324" s="71">
        <f>IF(Input!$K$13=4,J2324*Input!$J$13,0)+IF(Input!$K$14=4,K2324*Input!$J$14,0)+IF(Input!$K$15=4,L2324*Input!$J$15,0)+IF(Input!$K$16=4,M2324*Input!$J$16,0)</f>
        <v>0</v>
      </c>
    </row>
    <row r="2325" spans="8:17" x14ac:dyDescent="0.25">
      <c r="H2325" s="43">
        <v>2318</v>
      </c>
      <c r="I2325" s="55">
        <f>Bühler!I2351</f>
        <v>8.0966464913567773</v>
      </c>
      <c r="J2325" s="58">
        <f>Bühler!J2351</f>
        <v>57.370984834196122</v>
      </c>
      <c r="K2325" s="58">
        <f>Bühler!K2351</f>
        <v>2.8167536363154881</v>
      </c>
      <c r="L2325" s="58">
        <f>Bühler!L2351</f>
        <v>1.4083768181577441</v>
      </c>
      <c r="M2325" s="57">
        <f>Bühler!M2351</f>
        <v>0</v>
      </c>
      <c r="N2325" s="55">
        <f>IF(Input!$K$13=1,J2325*Input!$J$13,0)+IF(Input!$K$14=1,K2325*Input!$J$14,0)+IF(Input!$K$15=1,L2325*Input!$J$15,0)+IF(Input!$K$16=1,M2325*Input!$J$16,0)</f>
        <v>6.8845181801035347</v>
      </c>
      <c r="O2325" s="58">
        <f>IF(Input!$K$13=2,J2325*Input!$J$13,0)+IF(Input!$K$14=2,K2325*Input!$J$14,0)+IF(Input!$K$15=2,L2325*Input!$J$15,0)+IF(Input!$K$16=2,M2325*Input!$J$16,0)</f>
        <v>0.38026174090259091</v>
      </c>
      <c r="P2325" s="58">
        <f>IF(Input!$K$13=3,J2325*Input!$J$13,0)+IF(Input!$K$14=3,K2325*Input!$J$14,0)+IF(Input!$K$15=3,L2325*Input!$J$15,0)+IF(Input!$K$16=3,M2325*Input!$J$16,0)</f>
        <v>0</v>
      </c>
      <c r="Q2325" s="71">
        <f>IF(Input!$K$13=4,J2325*Input!$J$13,0)+IF(Input!$K$14=4,K2325*Input!$J$14,0)+IF(Input!$K$15=4,L2325*Input!$J$15,0)+IF(Input!$K$16=4,M2325*Input!$J$16,0)</f>
        <v>0</v>
      </c>
    </row>
    <row r="2326" spans="8:17" x14ac:dyDescent="0.25">
      <c r="H2326" s="43">
        <v>2319</v>
      </c>
      <c r="I2326" s="55">
        <f>Bühler!I2352</f>
        <v>11.695156043070897</v>
      </c>
      <c r="J2326" s="58">
        <f>Bühler!J2352</f>
        <v>82.869200316061068</v>
      </c>
      <c r="K2326" s="58">
        <f>Bühler!K2352</f>
        <v>4.0686441413445928</v>
      </c>
      <c r="L2326" s="58">
        <f>Bühler!L2352</f>
        <v>2.0343220706722964</v>
      </c>
      <c r="M2326" s="57">
        <f>Bühler!M2352</f>
        <v>0</v>
      </c>
      <c r="N2326" s="55">
        <f>IF(Input!$K$13=1,J2326*Input!$J$13,0)+IF(Input!$K$14=1,K2326*Input!$J$14,0)+IF(Input!$K$15=1,L2326*Input!$J$15,0)+IF(Input!$K$16=1,M2326*Input!$J$16,0)</f>
        <v>9.9443040379273278</v>
      </c>
      <c r="O2326" s="58">
        <f>IF(Input!$K$13=2,J2326*Input!$J$13,0)+IF(Input!$K$14=2,K2326*Input!$J$14,0)+IF(Input!$K$15=2,L2326*Input!$J$15,0)+IF(Input!$K$16=2,M2326*Input!$J$16,0)</f>
        <v>0.54926695908152001</v>
      </c>
      <c r="P2326" s="58">
        <f>IF(Input!$K$13=3,J2326*Input!$J$13,0)+IF(Input!$K$14=3,K2326*Input!$J$14,0)+IF(Input!$K$15=3,L2326*Input!$J$15,0)+IF(Input!$K$16=3,M2326*Input!$J$16,0)</f>
        <v>0</v>
      </c>
      <c r="Q2326" s="71">
        <f>IF(Input!$K$13=4,J2326*Input!$J$13,0)+IF(Input!$K$14=4,K2326*Input!$J$14,0)+IF(Input!$K$15=4,L2326*Input!$J$15,0)+IF(Input!$K$16=4,M2326*Input!$J$16,0)</f>
        <v>0</v>
      </c>
    </row>
    <row r="2327" spans="8:17" x14ac:dyDescent="0.25">
      <c r="H2327" s="43">
        <v>2320</v>
      </c>
      <c r="I2327" s="55">
        <f>Bühler!I2353</f>
        <v>9.8959012672138389</v>
      </c>
      <c r="J2327" s="58">
        <f>Bühler!J2353</f>
        <v>64.720135041584939</v>
      </c>
      <c r="K2327" s="58">
        <f>Bühler!K2353</f>
        <v>3.1297262625727642</v>
      </c>
      <c r="L2327" s="58">
        <f>Bühler!L2353</f>
        <v>1.5648631312863821</v>
      </c>
      <c r="M2327" s="57">
        <f>Bühler!M2353</f>
        <v>0</v>
      </c>
      <c r="N2327" s="55">
        <f>IF(Input!$K$13=1,J2327*Input!$J$13,0)+IF(Input!$K$14=1,K2327*Input!$J$14,0)+IF(Input!$K$15=1,L2327*Input!$J$15,0)+IF(Input!$K$16=1,M2327*Input!$J$16,0)</f>
        <v>7.7664162049901924</v>
      </c>
      <c r="O2327" s="58">
        <f>IF(Input!$K$13=2,J2327*Input!$J$13,0)+IF(Input!$K$14=2,K2327*Input!$J$14,0)+IF(Input!$K$15=2,L2327*Input!$J$15,0)+IF(Input!$K$16=2,M2327*Input!$J$16,0)</f>
        <v>0.42251304544732315</v>
      </c>
      <c r="P2327" s="58">
        <f>IF(Input!$K$13=3,J2327*Input!$J$13,0)+IF(Input!$K$14=3,K2327*Input!$J$14,0)+IF(Input!$K$15=3,L2327*Input!$J$15,0)+IF(Input!$K$16=3,M2327*Input!$J$16,0)</f>
        <v>0</v>
      </c>
      <c r="Q2327" s="71">
        <f>IF(Input!$K$13=4,J2327*Input!$J$13,0)+IF(Input!$K$14=4,K2327*Input!$J$14,0)+IF(Input!$K$15=4,L2327*Input!$J$15,0)+IF(Input!$K$16=4,M2327*Input!$J$16,0)</f>
        <v>0</v>
      </c>
    </row>
    <row r="2328" spans="8:17" x14ac:dyDescent="0.25">
      <c r="H2328" s="43">
        <v>2321</v>
      </c>
      <c r="I2328" s="55">
        <f>Bühler!I2354</f>
        <v>8.5678798850336264</v>
      </c>
      <c r="J2328" s="58">
        <f>Bühler!J2354</f>
        <v>34.633783178474985</v>
      </c>
      <c r="K2328" s="58">
        <f>Bühler!K2354</f>
        <v>1.469355052851063</v>
      </c>
      <c r="L2328" s="58">
        <f>Bühler!L2354</f>
        <v>0.73467752642553152</v>
      </c>
      <c r="M2328" s="57">
        <f>Bühler!M2354</f>
        <v>0</v>
      </c>
      <c r="N2328" s="55">
        <f>IF(Input!$K$13=1,J2328*Input!$J$13,0)+IF(Input!$K$14=1,K2328*Input!$J$14,0)+IF(Input!$K$15=1,L2328*Input!$J$15,0)+IF(Input!$K$16=1,M2328*Input!$J$16,0)</f>
        <v>4.1560539814169983</v>
      </c>
      <c r="O2328" s="58">
        <f>IF(Input!$K$13=2,J2328*Input!$J$13,0)+IF(Input!$K$14=2,K2328*Input!$J$14,0)+IF(Input!$K$15=2,L2328*Input!$J$15,0)+IF(Input!$K$16=2,M2328*Input!$J$16,0)</f>
        <v>0.1983629321348935</v>
      </c>
      <c r="P2328" s="58">
        <f>IF(Input!$K$13=3,J2328*Input!$J$13,0)+IF(Input!$K$14=3,K2328*Input!$J$14,0)+IF(Input!$K$15=3,L2328*Input!$J$15,0)+IF(Input!$K$16=3,M2328*Input!$J$16,0)</f>
        <v>0</v>
      </c>
      <c r="Q2328" s="71">
        <f>IF(Input!$K$13=4,J2328*Input!$J$13,0)+IF(Input!$K$14=4,K2328*Input!$J$14,0)+IF(Input!$K$15=4,L2328*Input!$J$15,0)+IF(Input!$K$16=4,M2328*Input!$J$16,0)</f>
        <v>0</v>
      </c>
    </row>
    <row r="2329" spans="8:17" x14ac:dyDescent="0.25">
      <c r="H2329" s="43">
        <v>2322</v>
      </c>
      <c r="I2329" s="55">
        <f>Bühler!I2355</f>
        <v>7.1970191034282456</v>
      </c>
      <c r="J2329" s="58">
        <f>Bühler!J2355</f>
        <v>24.529033475375048</v>
      </c>
      <c r="K2329" s="58">
        <f>Bühler!K2355</f>
        <v>0.96977433488170173</v>
      </c>
      <c r="L2329" s="58">
        <f>Bühler!L2355</f>
        <v>0.48488716744085086</v>
      </c>
      <c r="M2329" s="57">
        <f>Bühler!M2355</f>
        <v>0</v>
      </c>
      <c r="N2329" s="55">
        <f>IF(Input!$K$13=1,J2329*Input!$J$13,0)+IF(Input!$K$14=1,K2329*Input!$J$14,0)+IF(Input!$K$15=1,L2329*Input!$J$15,0)+IF(Input!$K$16=1,M2329*Input!$J$16,0)</f>
        <v>2.9434840170450056</v>
      </c>
      <c r="O2329" s="58">
        <f>IF(Input!$K$13=2,J2329*Input!$J$13,0)+IF(Input!$K$14=2,K2329*Input!$J$14,0)+IF(Input!$K$15=2,L2329*Input!$J$15,0)+IF(Input!$K$16=2,M2329*Input!$J$16,0)</f>
        <v>0.13091953520902971</v>
      </c>
      <c r="P2329" s="58">
        <f>IF(Input!$K$13=3,J2329*Input!$J$13,0)+IF(Input!$K$14=3,K2329*Input!$J$14,0)+IF(Input!$K$15=3,L2329*Input!$J$15,0)+IF(Input!$K$16=3,M2329*Input!$J$16,0)</f>
        <v>0</v>
      </c>
      <c r="Q2329" s="71">
        <f>IF(Input!$K$13=4,J2329*Input!$J$13,0)+IF(Input!$K$14=4,K2329*Input!$J$14,0)+IF(Input!$K$15=4,L2329*Input!$J$15,0)+IF(Input!$K$16=4,M2329*Input!$J$16,0)</f>
        <v>0</v>
      </c>
    </row>
    <row r="2330" spans="8:17" x14ac:dyDescent="0.25">
      <c r="H2330" s="43">
        <v>2323</v>
      </c>
      <c r="I2330" s="55">
        <f>Bühler!I2356</f>
        <v>2.6560427643604241</v>
      </c>
      <c r="J2330" s="58">
        <f>Bühler!J2356</f>
        <v>13.525183248659649</v>
      </c>
      <c r="K2330" s="58">
        <f>Bühler!K2356</f>
        <v>0.61712912219744642</v>
      </c>
      <c r="L2330" s="58">
        <f>Bühler!L2356</f>
        <v>0.30856456109872321</v>
      </c>
      <c r="M2330" s="57">
        <f>Bühler!M2356</f>
        <v>0</v>
      </c>
      <c r="N2330" s="55">
        <f>IF(Input!$K$13=1,J2330*Input!$J$13,0)+IF(Input!$K$14=1,K2330*Input!$J$14,0)+IF(Input!$K$15=1,L2330*Input!$J$15,0)+IF(Input!$K$16=1,M2330*Input!$J$16,0)</f>
        <v>1.6230219898391578</v>
      </c>
      <c r="O2330" s="58">
        <f>IF(Input!$K$13=2,J2330*Input!$J$13,0)+IF(Input!$K$14=2,K2330*Input!$J$14,0)+IF(Input!$K$15=2,L2330*Input!$J$15,0)+IF(Input!$K$16=2,M2330*Input!$J$16,0)</f>
        <v>8.3312431496655265E-2</v>
      </c>
      <c r="P2330" s="58">
        <f>IF(Input!$K$13=3,J2330*Input!$J$13,0)+IF(Input!$K$14=3,K2330*Input!$J$14,0)+IF(Input!$K$15=3,L2330*Input!$J$15,0)+IF(Input!$K$16=3,M2330*Input!$J$16,0)</f>
        <v>0</v>
      </c>
      <c r="Q2330" s="71">
        <f>IF(Input!$K$13=4,J2330*Input!$J$13,0)+IF(Input!$K$14=4,K2330*Input!$J$14,0)+IF(Input!$K$15=4,L2330*Input!$J$15,0)+IF(Input!$K$16=4,M2330*Input!$J$16,0)</f>
        <v>0</v>
      </c>
    </row>
    <row r="2331" spans="8:17" x14ac:dyDescent="0.25">
      <c r="H2331" s="43">
        <v>2324</v>
      </c>
      <c r="I2331" s="55">
        <f>Bühler!I2357</f>
        <v>2.6560427643604241</v>
      </c>
      <c r="J2331" s="58">
        <f>Bühler!J2357</f>
        <v>13.018144982599214</v>
      </c>
      <c r="K2331" s="58">
        <f>Bühler!K2357</f>
        <v>0.58774202114042517</v>
      </c>
      <c r="L2331" s="58">
        <f>Bühler!L2357</f>
        <v>0.29387101057021259</v>
      </c>
      <c r="M2331" s="57">
        <f>Bühler!M2357</f>
        <v>0</v>
      </c>
      <c r="N2331" s="55">
        <f>IF(Input!$K$13=1,J2331*Input!$J$13,0)+IF(Input!$K$14=1,K2331*Input!$J$14,0)+IF(Input!$K$15=1,L2331*Input!$J$15,0)+IF(Input!$K$16=1,M2331*Input!$J$16,0)</f>
        <v>1.5621773979119056</v>
      </c>
      <c r="O2331" s="58">
        <f>IF(Input!$K$13=2,J2331*Input!$J$13,0)+IF(Input!$K$14=2,K2331*Input!$J$14,0)+IF(Input!$K$15=2,L2331*Input!$J$15,0)+IF(Input!$K$16=2,M2331*Input!$J$16,0)</f>
        <v>7.9345172853957396E-2</v>
      </c>
      <c r="P2331" s="58">
        <f>IF(Input!$K$13=3,J2331*Input!$J$13,0)+IF(Input!$K$14=3,K2331*Input!$J$14,0)+IF(Input!$K$15=3,L2331*Input!$J$15,0)+IF(Input!$K$16=3,M2331*Input!$J$16,0)</f>
        <v>0</v>
      </c>
      <c r="Q2331" s="71">
        <f>IF(Input!$K$13=4,J2331*Input!$J$13,0)+IF(Input!$K$14=4,K2331*Input!$J$14,0)+IF(Input!$K$15=4,L2331*Input!$J$15,0)+IF(Input!$K$16=4,M2331*Input!$J$16,0)</f>
        <v>0</v>
      </c>
    </row>
    <row r="2332" spans="8:17" x14ac:dyDescent="0.25">
      <c r="H2332" s="43">
        <v>2325</v>
      </c>
      <c r="I2332" s="55">
        <f>Bühler!I2358</f>
        <v>2.6560427643604241</v>
      </c>
      <c r="J2332" s="58">
        <f>Bühler!J2358</f>
        <v>13.018144982599214</v>
      </c>
      <c r="K2332" s="58">
        <f>Bühler!K2358</f>
        <v>0.58774202114042517</v>
      </c>
      <c r="L2332" s="58">
        <f>Bühler!L2358</f>
        <v>0.29387101057021259</v>
      </c>
      <c r="M2332" s="57">
        <f>Bühler!M2358</f>
        <v>0</v>
      </c>
      <c r="N2332" s="55">
        <f>IF(Input!$K$13=1,J2332*Input!$J$13,0)+IF(Input!$K$14=1,K2332*Input!$J$14,0)+IF(Input!$K$15=1,L2332*Input!$J$15,0)+IF(Input!$K$16=1,M2332*Input!$J$16,0)</f>
        <v>1.5621773979119056</v>
      </c>
      <c r="O2332" s="58">
        <f>IF(Input!$K$13=2,J2332*Input!$J$13,0)+IF(Input!$K$14=2,K2332*Input!$J$14,0)+IF(Input!$K$15=2,L2332*Input!$J$15,0)+IF(Input!$K$16=2,M2332*Input!$J$16,0)</f>
        <v>7.9345172853957396E-2</v>
      </c>
      <c r="P2332" s="58">
        <f>IF(Input!$K$13=3,J2332*Input!$J$13,0)+IF(Input!$K$14=3,K2332*Input!$J$14,0)+IF(Input!$K$15=3,L2332*Input!$J$15,0)+IF(Input!$K$16=3,M2332*Input!$J$16,0)</f>
        <v>0</v>
      </c>
      <c r="Q2332" s="71">
        <f>IF(Input!$K$13=4,J2332*Input!$J$13,0)+IF(Input!$K$14=4,K2332*Input!$J$14,0)+IF(Input!$K$15=4,L2332*Input!$J$15,0)+IF(Input!$K$16=4,M2332*Input!$J$16,0)</f>
        <v>0</v>
      </c>
    </row>
    <row r="2333" spans="8:17" x14ac:dyDescent="0.25">
      <c r="H2333" s="43">
        <v>2326</v>
      </c>
      <c r="I2333" s="55">
        <f>Bühler!I2359</f>
        <v>2.6560427643604241</v>
      </c>
      <c r="J2333" s="58">
        <f>Bühler!J2359</f>
        <v>13.018144982599214</v>
      </c>
      <c r="K2333" s="58">
        <f>Bühler!K2359</f>
        <v>0.58774202114042517</v>
      </c>
      <c r="L2333" s="58">
        <f>Bühler!L2359</f>
        <v>0.29387101057021259</v>
      </c>
      <c r="M2333" s="57">
        <f>Bühler!M2359</f>
        <v>0</v>
      </c>
      <c r="N2333" s="55">
        <f>IF(Input!$K$13=1,J2333*Input!$J$13,0)+IF(Input!$K$14=1,K2333*Input!$J$14,0)+IF(Input!$K$15=1,L2333*Input!$J$15,0)+IF(Input!$K$16=1,M2333*Input!$J$16,0)</f>
        <v>1.5621773979119056</v>
      </c>
      <c r="O2333" s="58">
        <f>IF(Input!$K$13=2,J2333*Input!$J$13,0)+IF(Input!$K$14=2,K2333*Input!$J$14,0)+IF(Input!$K$15=2,L2333*Input!$J$15,0)+IF(Input!$K$16=2,M2333*Input!$J$16,0)</f>
        <v>7.9345172853957396E-2</v>
      </c>
      <c r="P2333" s="58">
        <f>IF(Input!$K$13=3,J2333*Input!$J$13,0)+IF(Input!$K$14=3,K2333*Input!$J$14,0)+IF(Input!$K$15=3,L2333*Input!$J$15,0)+IF(Input!$K$16=3,M2333*Input!$J$16,0)</f>
        <v>0</v>
      </c>
      <c r="Q2333" s="71">
        <f>IF(Input!$K$13=4,J2333*Input!$J$13,0)+IF(Input!$K$14=4,K2333*Input!$J$14,0)+IF(Input!$K$15=4,L2333*Input!$J$15,0)+IF(Input!$K$16=4,M2333*Input!$J$16,0)</f>
        <v>0</v>
      </c>
    </row>
    <row r="2334" spans="8:17" x14ac:dyDescent="0.25">
      <c r="H2334" s="43">
        <v>2327</v>
      </c>
      <c r="I2334" s="55">
        <f>Bühler!I2360</f>
        <v>2.6560427643604241</v>
      </c>
      <c r="J2334" s="58">
        <f>Bühler!J2360</f>
        <v>13.018144982599214</v>
      </c>
      <c r="K2334" s="58">
        <f>Bühler!K2360</f>
        <v>0.58774202114042517</v>
      </c>
      <c r="L2334" s="58">
        <f>Bühler!L2360</f>
        <v>0.29387101057021259</v>
      </c>
      <c r="M2334" s="57">
        <f>Bühler!M2360</f>
        <v>0</v>
      </c>
      <c r="N2334" s="55">
        <f>IF(Input!$K$13=1,J2334*Input!$J$13,0)+IF(Input!$K$14=1,K2334*Input!$J$14,0)+IF(Input!$K$15=1,L2334*Input!$J$15,0)+IF(Input!$K$16=1,M2334*Input!$J$16,0)</f>
        <v>1.5621773979119056</v>
      </c>
      <c r="O2334" s="58">
        <f>IF(Input!$K$13=2,J2334*Input!$J$13,0)+IF(Input!$K$14=2,K2334*Input!$J$14,0)+IF(Input!$K$15=2,L2334*Input!$J$15,0)+IF(Input!$K$16=2,M2334*Input!$J$16,0)</f>
        <v>7.9345172853957396E-2</v>
      </c>
      <c r="P2334" s="58">
        <f>IF(Input!$K$13=3,J2334*Input!$J$13,0)+IF(Input!$K$14=3,K2334*Input!$J$14,0)+IF(Input!$K$15=3,L2334*Input!$J$15,0)+IF(Input!$K$16=3,M2334*Input!$J$16,0)</f>
        <v>0</v>
      </c>
      <c r="Q2334" s="71">
        <f>IF(Input!$K$13=4,J2334*Input!$J$13,0)+IF(Input!$K$14=4,K2334*Input!$J$14,0)+IF(Input!$K$15=4,L2334*Input!$J$15,0)+IF(Input!$K$16=4,M2334*Input!$J$16,0)</f>
        <v>0</v>
      </c>
    </row>
    <row r="2335" spans="8:17" x14ac:dyDescent="0.25">
      <c r="H2335" s="43">
        <v>2328</v>
      </c>
      <c r="I2335" s="55">
        <f>Bühler!I2361</f>
        <v>2.6560427643604241</v>
      </c>
      <c r="J2335" s="58">
        <f>Bühler!J2361</f>
        <v>13.018144982599214</v>
      </c>
      <c r="K2335" s="58">
        <f>Bühler!K2361</f>
        <v>0.58774202114042517</v>
      </c>
      <c r="L2335" s="58">
        <f>Bühler!L2361</f>
        <v>0.29387101057021259</v>
      </c>
      <c r="M2335" s="57">
        <f>Bühler!M2361</f>
        <v>0</v>
      </c>
      <c r="N2335" s="55">
        <f>IF(Input!$K$13=1,J2335*Input!$J$13,0)+IF(Input!$K$14=1,K2335*Input!$J$14,0)+IF(Input!$K$15=1,L2335*Input!$J$15,0)+IF(Input!$K$16=1,M2335*Input!$J$16,0)</f>
        <v>1.5621773979119056</v>
      </c>
      <c r="O2335" s="58">
        <f>IF(Input!$K$13=2,J2335*Input!$J$13,0)+IF(Input!$K$14=2,K2335*Input!$J$14,0)+IF(Input!$K$15=2,L2335*Input!$J$15,0)+IF(Input!$K$16=2,M2335*Input!$J$16,0)</f>
        <v>7.9345172853957396E-2</v>
      </c>
      <c r="P2335" s="58">
        <f>IF(Input!$K$13=3,J2335*Input!$J$13,0)+IF(Input!$K$14=3,K2335*Input!$J$14,0)+IF(Input!$K$15=3,L2335*Input!$J$15,0)+IF(Input!$K$16=3,M2335*Input!$J$16,0)</f>
        <v>0</v>
      </c>
      <c r="Q2335" s="71">
        <f>IF(Input!$K$13=4,J2335*Input!$J$13,0)+IF(Input!$K$14=4,K2335*Input!$J$14,0)+IF(Input!$K$15=4,L2335*Input!$J$15,0)+IF(Input!$K$16=4,M2335*Input!$J$16,0)</f>
        <v>0</v>
      </c>
    </row>
    <row r="2336" spans="8:17" x14ac:dyDescent="0.25">
      <c r="H2336" s="43">
        <v>2329</v>
      </c>
      <c r="I2336" s="55">
        <f>Bühler!I2362</f>
        <v>1.9250083562849494</v>
      </c>
      <c r="J2336" s="58">
        <f>Bühler!J2362</f>
        <v>16.93679412622803</v>
      </c>
      <c r="K2336" s="58">
        <f>Bühler!K2362</f>
        <v>0.45162831350038024</v>
      </c>
      <c r="L2336" s="58">
        <f>Bühler!L2362</f>
        <v>0.22581415675019012</v>
      </c>
      <c r="M2336" s="57">
        <f>Bühler!M2362</f>
        <v>0</v>
      </c>
      <c r="N2336" s="55">
        <f>IF(Input!$K$13=1,J2336*Input!$J$13,0)+IF(Input!$K$14=1,K2336*Input!$J$14,0)+IF(Input!$K$15=1,L2336*Input!$J$15,0)+IF(Input!$K$16=1,M2336*Input!$J$16,0)</f>
        <v>2.0324152951473633</v>
      </c>
      <c r="O2336" s="58">
        <f>IF(Input!$K$13=2,J2336*Input!$J$13,0)+IF(Input!$K$14=2,K2336*Input!$J$14,0)+IF(Input!$K$15=2,L2336*Input!$J$15,0)+IF(Input!$K$16=2,M2336*Input!$J$16,0)</f>
        <v>6.0969822322551326E-2</v>
      </c>
      <c r="P2336" s="58">
        <f>IF(Input!$K$13=3,J2336*Input!$J$13,0)+IF(Input!$K$14=3,K2336*Input!$J$14,0)+IF(Input!$K$15=3,L2336*Input!$J$15,0)+IF(Input!$K$16=3,M2336*Input!$J$16,0)</f>
        <v>0</v>
      </c>
      <c r="Q2336" s="71">
        <f>IF(Input!$K$13=4,J2336*Input!$J$13,0)+IF(Input!$K$14=4,K2336*Input!$J$14,0)+IF(Input!$K$15=4,L2336*Input!$J$15,0)+IF(Input!$K$16=4,M2336*Input!$J$16,0)</f>
        <v>0</v>
      </c>
    </row>
    <row r="2337" spans="8:17" x14ac:dyDescent="0.25">
      <c r="H2337" s="43">
        <v>2330</v>
      </c>
      <c r="I2337" s="55">
        <f>Bühler!I2363</f>
        <v>3.7583496479849017</v>
      </c>
      <c r="J2337" s="58">
        <f>Bühler!J2363</f>
        <v>16.036683647367735</v>
      </c>
      <c r="K2337" s="58">
        <f>Bühler!K2363</f>
        <v>0.40646548215034217</v>
      </c>
      <c r="L2337" s="58">
        <f>Bühler!L2363</f>
        <v>0.20323274107517109</v>
      </c>
      <c r="M2337" s="57">
        <f>Bühler!M2363</f>
        <v>0</v>
      </c>
      <c r="N2337" s="55">
        <f>IF(Input!$K$13=1,J2337*Input!$J$13,0)+IF(Input!$K$14=1,K2337*Input!$J$14,0)+IF(Input!$K$15=1,L2337*Input!$J$15,0)+IF(Input!$K$16=1,M2337*Input!$J$16,0)</f>
        <v>1.924402037684128</v>
      </c>
      <c r="O2337" s="58">
        <f>IF(Input!$K$13=2,J2337*Input!$J$13,0)+IF(Input!$K$14=2,K2337*Input!$J$14,0)+IF(Input!$K$15=2,L2337*Input!$J$15,0)+IF(Input!$K$16=2,M2337*Input!$J$16,0)</f>
        <v>5.4872840090296193E-2</v>
      </c>
      <c r="P2337" s="58">
        <f>IF(Input!$K$13=3,J2337*Input!$J$13,0)+IF(Input!$K$14=3,K2337*Input!$J$14,0)+IF(Input!$K$15=3,L2337*Input!$J$15,0)+IF(Input!$K$16=3,M2337*Input!$J$16,0)</f>
        <v>0</v>
      </c>
      <c r="Q2337" s="71">
        <f>IF(Input!$K$13=4,J2337*Input!$J$13,0)+IF(Input!$K$14=4,K2337*Input!$J$14,0)+IF(Input!$K$15=4,L2337*Input!$J$15,0)+IF(Input!$K$16=4,M2337*Input!$J$16,0)</f>
        <v>0</v>
      </c>
    </row>
    <row r="2338" spans="8:17" x14ac:dyDescent="0.25">
      <c r="H2338" s="43">
        <v>2331</v>
      </c>
      <c r="I2338" s="55">
        <f>Bühler!I2364</f>
        <v>3.7583496479849017</v>
      </c>
      <c r="J2338" s="58">
        <f>Bühler!J2364</f>
        <v>16.036683647367735</v>
      </c>
      <c r="K2338" s="58">
        <f>Bühler!K2364</f>
        <v>0.40646548215034217</v>
      </c>
      <c r="L2338" s="58">
        <f>Bühler!L2364</f>
        <v>0.20323274107517109</v>
      </c>
      <c r="M2338" s="57">
        <f>Bühler!M2364</f>
        <v>0</v>
      </c>
      <c r="N2338" s="55">
        <f>IF(Input!$K$13=1,J2338*Input!$J$13,0)+IF(Input!$K$14=1,K2338*Input!$J$14,0)+IF(Input!$K$15=1,L2338*Input!$J$15,0)+IF(Input!$K$16=1,M2338*Input!$J$16,0)</f>
        <v>1.924402037684128</v>
      </c>
      <c r="O2338" s="58">
        <f>IF(Input!$K$13=2,J2338*Input!$J$13,0)+IF(Input!$K$14=2,K2338*Input!$J$14,0)+IF(Input!$K$15=2,L2338*Input!$J$15,0)+IF(Input!$K$16=2,M2338*Input!$J$16,0)</f>
        <v>5.4872840090296193E-2</v>
      </c>
      <c r="P2338" s="58">
        <f>IF(Input!$K$13=3,J2338*Input!$J$13,0)+IF(Input!$K$14=3,K2338*Input!$J$14,0)+IF(Input!$K$15=3,L2338*Input!$J$15,0)+IF(Input!$K$16=3,M2338*Input!$J$16,0)</f>
        <v>0</v>
      </c>
      <c r="Q2338" s="71">
        <f>IF(Input!$K$13=4,J2338*Input!$J$13,0)+IF(Input!$K$14=4,K2338*Input!$J$14,0)+IF(Input!$K$15=4,L2338*Input!$J$15,0)+IF(Input!$K$16=4,M2338*Input!$J$16,0)</f>
        <v>0</v>
      </c>
    </row>
    <row r="2339" spans="8:17" x14ac:dyDescent="0.25">
      <c r="H2339" s="43">
        <v>2332</v>
      </c>
      <c r="I2339" s="55">
        <f>Bühler!I2365</f>
        <v>3.7583496479849017</v>
      </c>
      <c r="J2339" s="58">
        <f>Bühler!J2365</f>
        <v>16.036683647367735</v>
      </c>
      <c r="K2339" s="58">
        <f>Bühler!K2365</f>
        <v>0.40646548215034217</v>
      </c>
      <c r="L2339" s="58">
        <f>Bühler!L2365</f>
        <v>0.20323274107517109</v>
      </c>
      <c r="M2339" s="57">
        <f>Bühler!M2365</f>
        <v>0</v>
      </c>
      <c r="N2339" s="55">
        <f>IF(Input!$K$13=1,J2339*Input!$J$13,0)+IF(Input!$K$14=1,K2339*Input!$J$14,0)+IF(Input!$K$15=1,L2339*Input!$J$15,0)+IF(Input!$K$16=1,M2339*Input!$J$16,0)</f>
        <v>1.924402037684128</v>
      </c>
      <c r="O2339" s="58">
        <f>IF(Input!$K$13=2,J2339*Input!$J$13,0)+IF(Input!$K$14=2,K2339*Input!$J$14,0)+IF(Input!$K$15=2,L2339*Input!$J$15,0)+IF(Input!$K$16=2,M2339*Input!$J$16,0)</f>
        <v>5.4872840090296193E-2</v>
      </c>
      <c r="P2339" s="58">
        <f>IF(Input!$K$13=3,J2339*Input!$J$13,0)+IF(Input!$K$14=3,K2339*Input!$J$14,0)+IF(Input!$K$15=3,L2339*Input!$J$15,0)+IF(Input!$K$16=3,M2339*Input!$J$16,0)</f>
        <v>0</v>
      </c>
      <c r="Q2339" s="71">
        <f>IF(Input!$K$13=4,J2339*Input!$J$13,0)+IF(Input!$K$14=4,K2339*Input!$J$14,0)+IF(Input!$K$15=4,L2339*Input!$J$15,0)+IF(Input!$K$16=4,M2339*Input!$J$16,0)</f>
        <v>0</v>
      </c>
    </row>
    <row r="2340" spans="8:17" x14ac:dyDescent="0.25">
      <c r="H2340" s="43">
        <v>2333</v>
      </c>
      <c r="I2340" s="55">
        <f>Bühler!I2366</f>
        <v>3.7583496479849017</v>
      </c>
      <c r="J2340" s="58">
        <f>Bühler!J2366</f>
        <v>16.036683647367735</v>
      </c>
      <c r="K2340" s="58">
        <f>Bühler!K2366</f>
        <v>0.40646548215034217</v>
      </c>
      <c r="L2340" s="58">
        <f>Bühler!L2366</f>
        <v>0.20323274107517109</v>
      </c>
      <c r="M2340" s="57">
        <f>Bühler!M2366</f>
        <v>0</v>
      </c>
      <c r="N2340" s="55">
        <f>IF(Input!$K$13=1,J2340*Input!$J$13,0)+IF(Input!$K$14=1,K2340*Input!$J$14,0)+IF(Input!$K$15=1,L2340*Input!$J$15,0)+IF(Input!$K$16=1,M2340*Input!$J$16,0)</f>
        <v>1.924402037684128</v>
      </c>
      <c r="O2340" s="58">
        <f>IF(Input!$K$13=2,J2340*Input!$J$13,0)+IF(Input!$K$14=2,K2340*Input!$J$14,0)+IF(Input!$K$15=2,L2340*Input!$J$15,0)+IF(Input!$K$16=2,M2340*Input!$J$16,0)</f>
        <v>5.4872840090296193E-2</v>
      </c>
      <c r="P2340" s="58">
        <f>IF(Input!$K$13=3,J2340*Input!$J$13,0)+IF(Input!$K$14=3,K2340*Input!$J$14,0)+IF(Input!$K$15=3,L2340*Input!$J$15,0)+IF(Input!$K$16=3,M2340*Input!$J$16,0)</f>
        <v>0</v>
      </c>
      <c r="Q2340" s="71">
        <f>IF(Input!$K$13=4,J2340*Input!$J$13,0)+IF(Input!$K$14=4,K2340*Input!$J$14,0)+IF(Input!$K$15=4,L2340*Input!$J$15,0)+IF(Input!$K$16=4,M2340*Input!$J$16,0)</f>
        <v>0</v>
      </c>
    </row>
    <row r="2341" spans="8:17" x14ac:dyDescent="0.25">
      <c r="H2341" s="43">
        <v>2334</v>
      </c>
      <c r="I2341" s="55">
        <f>Bühler!I2367</f>
        <v>4.6750202938348773</v>
      </c>
      <c r="J2341" s="58">
        <f>Bühler!J2367</f>
        <v>16.074878257611484</v>
      </c>
      <c r="K2341" s="58">
        <f>Bühler!K2367</f>
        <v>0.40646548215034217</v>
      </c>
      <c r="L2341" s="58">
        <f>Bühler!L2367</f>
        <v>0.20323274107517109</v>
      </c>
      <c r="M2341" s="57">
        <f>Bühler!M2367</f>
        <v>0</v>
      </c>
      <c r="N2341" s="55">
        <f>IF(Input!$K$13=1,J2341*Input!$J$13,0)+IF(Input!$K$14=1,K2341*Input!$J$14,0)+IF(Input!$K$15=1,L2341*Input!$J$15,0)+IF(Input!$K$16=1,M2341*Input!$J$16,0)</f>
        <v>1.9289853909133781</v>
      </c>
      <c r="O2341" s="58">
        <f>IF(Input!$K$13=2,J2341*Input!$J$13,0)+IF(Input!$K$14=2,K2341*Input!$J$14,0)+IF(Input!$K$15=2,L2341*Input!$J$15,0)+IF(Input!$K$16=2,M2341*Input!$J$16,0)</f>
        <v>5.4872840090296193E-2</v>
      </c>
      <c r="P2341" s="58">
        <f>IF(Input!$K$13=3,J2341*Input!$J$13,0)+IF(Input!$K$14=3,K2341*Input!$J$14,0)+IF(Input!$K$15=3,L2341*Input!$J$15,0)+IF(Input!$K$16=3,M2341*Input!$J$16,0)</f>
        <v>0</v>
      </c>
      <c r="Q2341" s="71">
        <f>IF(Input!$K$13=4,J2341*Input!$J$13,0)+IF(Input!$K$14=4,K2341*Input!$J$14,0)+IF(Input!$K$15=4,L2341*Input!$J$15,0)+IF(Input!$K$16=4,M2341*Input!$J$16,0)</f>
        <v>0</v>
      </c>
    </row>
    <row r="2342" spans="8:17" x14ac:dyDescent="0.25">
      <c r="H2342" s="43">
        <v>2335</v>
      </c>
      <c r="I2342" s="55">
        <f>Bühler!I2368</f>
        <v>5.8666921334398463</v>
      </c>
      <c r="J2342" s="58">
        <f>Bühler!J2368</f>
        <v>16.124531250928356</v>
      </c>
      <c r="K2342" s="58">
        <f>Bühler!K2368</f>
        <v>0.40646548215034217</v>
      </c>
      <c r="L2342" s="58">
        <f>Bühler!L2368</f>
        <v>0.20323274107517109</v>
      </c>
      <c r="M2342" s="57">
        <f>Bühler!M2368</f>
        <v>0</v>
      </c>
      <c r="N2342" s="55">
        <f>IF(Input!$K$13=1,J2342*Input!$J$13,0)+IF(Input!$K$14=1,K2342*Input!$J$14,0)+IF(Input!$K$15=1,L2342*Input!$J$15,0)+IF(Input!$K$16=1,M2342*Input!$J$16,0)</f>
        <v>1.9349437501114026</v>
      </c>
      <c r="O2342" s="58">
        <f>IF(Input!$K$13=2,J2342*Input!$J$13,0)+IF(Input!$K$14=2,K2342*Input!$J$14,0)+IF(Input!$K$15=2,L2342*Input!$J$15,0)+IF(Input!$K$16=2,M2342*Input!$J$16,0)</f>
        <v>5.4872840090296193E-2</v>
      </c>
      <c r="P2342" s="58">
        <f>IF(Input!$K$13=3,J2342*Input!$J$13,0)+IF(Input!$K$14=3,K2342*Input!$J$14,0)+IF(Input!$K$15=3,L2342*Input!$J$15,0)+IF(Input!$K$16=3,M2342*Input!$J$16,0)</f>
        <v>0</v>
      </c>
      <c r="Q2342" s="71">
        <f>IF(Input!$K$13=4,J2342*Input!$J$13,0)+IF(Input!$K$14=4,K2342*Input!$J$14,0)+IF(Input!$K$15=4,L2342*Input!$J$15,0)+IF(Input!$K$16=4,M2342*Input!$J$16,0)</f>
        <v>0</v>
      </c>
    </row>
    <row r="2343" spans="8:17" x14ac:dyDescent="0.25">
      <c r="H2343" s="43">
        <v>2336</v>
      </c>
      <c r="I2343" s="55">
        <f>Bühler!I2369</f>
        <v>6.6916957147048244</v>
      </c>
      <c r="J2343" s="58">
        <f>Bühler!J2369</f>
        <v>16.158906400147728</v>
      </c>
      <c r="K2343" s="58">
        <f>Bühler!K2369</f>
        <v>0.40646548215034217</v>
      </c>
      <c r="L2343" s="58">
        <f>Bühler!L2369</f>
        <v>0.20323274107517109</v>
      </c>
      <c r="M2343" s="57">
        <f>Bühler!M2369</f>
        <v>0</v>
      </c>
      <c r="N2343" s="55">
        <f>IF(Input!$K$13=1,J2343*Input!$J$13,0)+IF(Input!$K$14=1,K2343*Input!$J$14,0)+IF(Input!$K$15=1,L2343*Input!$J$15,0)+IF(Input!$K$16=1,M2343*Input!$J$16,0)</f>
        <v>1.9390687680177274</v>
      </c>
      <c r="O2343" s="58">
        <f>IF(Input!$K$13=2,J2343*Input!$J$13,0)+IF(Input!$K$14=2,K2343*Input!$J$14,0)+IF(Input!$K$15=2,L2343*Input!$J$15,0)+IF(Input!$K$16=2,M2343*Input!$J$16,0)</f>
        <v>5.4872840090296193E-2</v>
      </c>
      <c r="P2343" s="58">
        <f>IF(Input!$K$13=3,J2343*Input!$J$13,0)+IF(Input!$K$14=3,K2343*Input!$J$14,0)+IF(Input!$K$15=3,L2343*Input!$J$15,0)+IF(Input!$K$16=3,M2343*Input!$J$16,0)</f>
        <v>0</v>
      </c>
      <c r="Q2343" s="71">
        <f>IF(Input!$K$13=4,J2343*Input!$J$13,0)+IF(Input!$K$14=4,K2343*Input!$J$14,0)+IF(Input!$K$15=4,L2343*Input!$J$15,0)+IF(Input!$K$16=4,M2343*Input!$J$16,0)</f>
        <v>0</v>
      </c>
    </row>
    <row r="2344" spans="8:17" x14ac:dyDescent="0.25">
      <c r="H2344" s="43">
        <v>2337</v>
      </c>
      <c r="I2344" s="55">
        <f>Bühler!I2370</f>
        <v>6.6916957147048244</v>
      </c>
      <c r="J2344" s="58">
        <f>Bühler!J2370</f>
        <v>16.158906400147728</v>
      </c>
      <c r="K2344" s="58">
        <f>Bühler!K2370</f>
        <v>0.40646548215034217</v>
      </c>
      <c r="L2344" s="58">
        <f>Bühler!L2370</f>
        <v>0.20323274107517109</v>
      </c>
      <c r="M2344" s="57">
        <f>Bühler!M2370</f>
        <v>0</v>
      </c>
      <c r="N2344" s="55">
        <f>IF(Input!$K$13=1,J2344*Input!$J$13,0)+IF(Input!$K$14=1,K2344*Input!$J$14,0)+IF(Input!$K$15=1,L2344*Input!$J$15,0)+IF(Input!$K$16=1,M2344*Input!$J$16,0)</f>
        <v>1.9390687680177274</v>
      </c>
      <c r="O2344" s="58">
        <f>IF(Input!$K$13=2,J2344*Input!$J$13,0)+IF(Input!$K$14=2,K2344*Input!$J$14,0)+IF(Input!$K$15=2,L2344*Input!$J$15,0)+IF(Input!$K$16=2,M2344*Input!$J$16,0)</f>
        <v>5.4872840090296193E-2</v>
      </c>
      <c r="P2344" s="58">
        <f>IF(Input!$K$13=3,J2344*Input!$J$13,0)+IF(Input!$K$14=3,K2344*Input!$J$14,0)+IF(Input!$K$15=3,L2344*Input!$J$15,0)+IF(Input!$K$16=3,M2344*Input!$J$16,0)</f>
        <v>0</v>
      </c>
      <c r="Q2344" s="71">
        <f>IF(Input!$K$13=4,J2344*Input!$J$13,0)+IF(Input!$K$14=4,K2344*Input!$J$14,0)+IF(Input!$K$15=4,L2344*Input!$J$15,0)+IF(Input!$K$16=4,M2344*Input!$J$16,0)</f>
        <v>0</v>
      </c>
    </row>
    <row r="2345" spans="8:17" x14ac:dyDescent="0.25">
      <c r="H2345" s="43">
        <v>2338</v>
      </c>
      <c r="I2345" s="55">
        <f>Bühler!I2371</f>
        <v>6.6916957147048244</v>
      </c>
      <c r="J2345" s="58">
        <f>Bühler!J2371</f>
        <v>16.158906400147728</v>
      </c>
      <c r="K2345" s="58">
        <f>Bühler!K2371</f>
        <v>0.40646548215034217</v>
      </c>
      <c r="L2345" s="58">
        <f>Bühler!L2371</f>
        <v>0.20323274107517109</v>
      </c>
      <c r="M2345" s="57">
        <f>Bühler!M2371</f>
        <v>0</v>
      </c>
      <c r="N2345" s="55">
        <f>IF(Input!$K$13=1,J2345*Input!$J$13,0)+IF(Input!$K$14=1,K2345*Input!$J$14,0)+IF(Input!$K$15=1,L2345*Input!$J$15,0)+IF(Input!$K$16=1,M2345*Input!$J$16,0)</f>
        <v>1.9390687680177274</v>
      </c>
      <c r="O2345" s="58">
        <f>IF(Input!$K$13=2,J2345*Input!$J$13,0)+IF(Input!$K$14=2,K2345*Input!$J$14,0)+IF(Input!$K$15=2,L2345*Input!$J$15,0)+IF(Input!$K$16=2,M2345*Input!$J$16,0)</f>
        <v>5.4872840090296193E-2</v>
      </c>
      <c r="P2345" s="58">
        <f>IF(Input!$K$13=3,J2345*Input!$J$13,0)+IF(Input!$K$14=3,K2345*Input!$J$14,0)+IF(Input!$K$15=3,L2345*Input!$J$15,0)+IF(Input!$K$16=3,M2345*Input!$J$16,0)</f>
        <v>0</v>
      </c>
      <c r="Q2345" s="71">
        <f>IF(Input!$K$13=4,J2345*Input!$J$13,0)+IF(Input!$K$14=4,K2345*Input!$J$14,0)+IF(Input!$K$15=4,L2345*Input!$J$15,0)+IF(Input!$K$16=4,M2345*Input!$J$16,0)</f>
        <v>0</v>
      </c>
    </row>
    <row r="2346" spans="8:17" x14ac:dyDescent="0.25">
      <c r="H2346" s="43">
        <v>2339</v>
      </c>
      <c r="I2346" s="55">
        <f>Bühler!I2372</f>
        <v>6.6916957147048244</v>
      </c>
      <c r="J2346" s="58">
        <f>Bühler!J2372</f>
        <v>16.158906400147728</v>
      </c>
      <c r="K2346" s="58">
        <f>Bühler!K2372</f>
        <v>0.40646548215034217</v>
      </c>
      <c r="L2346" s="58">
        <f>Bühler!L2372</f>
        <v>0.20323274107517109</v>
      </c>
      <c r="M2346" s="57">
        <f>Bühler!M2372</f>
        <v>0</v>
      </c>
      <c r="N2346" s="55">
        <f>IF(Input!$K$13=1,J2346*Input!$J$13,0)+IF(Input!$K$14=1,K2346*Input!$J$14,0)+IF(Input!$K$15=1,L2346*Input!$J$15,0)+IF(Input!$K$16=1,M2346*Input!$J$16,0)</f>
        <v>1.9390687680177274</v>
      </c>
      <c r="O2346" s="58">
        <f>IF(Input!$K$13=2,J2346*Input!$J$13,0)+IF(Input!$K$14=2,K2346*Input!$J$14,0)+IF(Input!$K$15=2,L2346*Input!$J$15,0)+IF(Input!$K$16=2,M2346*Input!$J$16,0)</f>
        <v>5.4872840090296193E-2</v>
      </c>
      <c r="P2346" s="58">
        <f>IF(Input!$K$13=3,J2346*Input!$J$13,0)+IF(Input!$K$14=3,K2346*Input!$J$14,0)+IF(Input!$K$15=3,L2346*Input!$J$15,0)+IF(Input!$K$16=3,M2346*Input!$J$16,0)</f>
        <v>0</v>
      </c>
      <c r="Q2346" s="71">
        <f>IF(Input!$K$13=4,J2346*Input!$J$13,0)+IF(Input!$K$14=4,K2346*Input!$J$14,0)+IF(Input!$K$15=4,L2346*Input!$J$15,0)+IF(Input!$K$16=4,M2346*Input!$J$16,0)</f>
        <v>0</v>
      </c>
    </row>
    <row r="2347" spans="8:17" x14ac:dyDescent="0.25">
      <c r="H2347" s="43">
        <v>2340</v>
      </c>
      <c r="I2347" s="55">
        <f>Bühler!I2373</f>
        <v>6.6916957147048244</v>
      </c>
      <c r="J2347" s="58">
        <f>Bühler!J2373</f>
        <v>16.158906400147728</v>
      </c>
      <c r="K2347" s="58">
        <f>Bühler!K2373</f>
        <v>0.40646548215034217</v>
      </c>
      <c r="L2347" s="58">
        <f>Bühler!L2373</f>
        <v>0.20323274107517109</v>
      </c>
      <c r="M2347" s="57">
        <f>Bühler!M2373</f>
        <v>0</v>
      </c>
      <c r="N2347" s="55">
        <f>IF(Input!$K$13=1,J2347*Input!$J$13,0)+IF(Input!$K$14=1,K2347*Input!$J$14,0)+IF(Input!$K$15=1,L2347*Input!$J$15,0)+IF(Input!$K$16=1,M2347*Input!$J$16,0)</f>
        <v>1.9390687680177274</v>
      </c>
      <c r="O2347" s="58">
        <f>IF(Input!$K$13=2,J2347*Input!$J$13,0)+IF(Input!$K$14=2,K2347*Input!$J$14,0)+IF(Input!$K$15=2,L2347*Input!$J$15,0)+IF(Input!$K$16=2,M2347*Input!$J$16,0)</f>
        <v>5.4872840090296193E-2</v>
      </c>
      <c r="P2347" s="58">
        <f>IF(Input!$K$13=3,J2347*Input!$J$13,0)+IF(Input!$K$14=3,K2347*Input!$J$14,0)+IF(Input!$K$15=3,L2347*Input!$J$15,0)+IF(Input!$K$16=3,M2347*Input!$J$16,0)</f>
        <v>0</v>
      </c>
      <c r="Q2347" s="71">
        <f>IF(Input!$K$13=4,J2347*Input!$J$13,0)+IF(Input!$K$14=4,K2347*Input!$J$14,0)+IF(Input!$K$15=4,L2347*Input!$J$15,0)+IF(Input!$K$16=4,M2347*Input!$J$16,0)</f>
        <v>0</v>
      </c>
    </row>
    <row r="2348" spans="8:17" x14ac:dyDescent="0.25">
      <c r="H2348" s="43">
        <v>2341</v>
      </c>
      <c r="I2348" s="55">
        <f>Bühler!I2374</f>
        <v>6.6916957147048244</v>
      </c>
      <c r="J2348" s="58">
        <f>Bühler!J2374</f>
        <v>16.158906400147728</v>
      </c>
      <c r="K2348" s="58">
        <f>Bühler!K2374</f>
        <v>0.40646548215034217</v>
      </c>
      <c r="L2348" s="58">
        <f>Bühler!L2374</f>
        <v>0.20323274107517109</v>
      </c>
      <c r="M2348" s="57">
        <f>Bühler!M2374</f>
        <v>0</v>
      </c>
      <c r="N2348" s="55">
        <f>IF(Input!$K$13=1,J2348*Input!$J$13,0)+IF(Input!$K$14=1,K2348*Input!$J$14,0)+IF(Input!$K$15=1,L2348*Input!$J$15,0)+IF(Input!$K$16=1,M2348*Input!$J$16,0)</f>
        <v>1.9390687680177274</v>
      </c>
      <c r="O2348" s="58">
        <f>IF(Input!$K$13=2,J2348*Input!$J$13,0)+IF(Input!$K$14=2,K2348*Input!$J$14,0)+IF(Input!$K$15=2,L2348*Input!$J$15,0)+IF(Input!$K$16=2,M2348*Input!$J$16,0)</f>
        <v>5.4872840090296193E-2</v>
      </c>
      <c r="P2348" s="58">
        <f>IF(Input!$K$13=3,J2348*Input!$J$13,0)+IF(Input!$K$14=3,K2348*Input!$J$14,0)+IF(Input!$K$15=3,L2348*Input!$J$15,0)+IF(Input!$K$16=3,M2348*Input!$J$16,0)</f>
        <v>0</v>
      </c>
      <c r="Q2348" s="71">
        <f>IF(Input!$K$13=4,J2348*Input!$J$13,0)+IF(Input!$K$14=4,K2348*Input!$J$14,0)+IF(Input!$K$15=4,L2348*Input!$J$15,0)+IF(Input!$K$16=4,M2348*Input!$J$16,0)</f>
        <v>0</v>
      </c>
    </row>
    <row r="2349" spans="8:17" x14ac:dyDescent="0.25">
      <c r="H2349" s="43">
        <v>2342</v>
      </c>
      <c r="I2349" s="55">
        <f>Bühler!I2375</f>
        <v>6.6916957147048244</v>
      </c>
      <c r="J2349" s="58">
        <f>Bühler!J2375</f>
        <v>16.158906400147728</v>
      </c>
      <c r="K2349" s="58">
        <f>Bühler!K2375</f>
        <v>0.40646548215034217</v>
      </c>
      <c r="L2349" s="58">
        <f>Bühler!L2375</f>
        <v>0.20323274107517109</v>
      </c>
      <c r="M2349" s="57">
        <f>Bühler!M2375</f>
        <v>0</v>
      </c>
      <c r="N2349" s="55">
        <f>IF(Input!$K$13=1,J2349*Input!$J$13,0)+IF(Input!$K$14=1,K2349*Input!$J$14,0)+IF(Input!$K$15=1,L2349*Input!$J$15,0)+IF(Input!$K$16=1,M2349*Input!$J$16,0)</f>
        <v>1.9390687680177274</v>
      </c>
      <c r="O2349" s="58">
        <f>IF(Input!$K$13=2,J2349*Input!$J$13,0)+IF(Input!$K$14=2,K2349*Input!$J$14,0)+IF(Input!$K$15=2,L2349*Input!$J$15,0)+IF(Input!$K$16=2,M2349*Input!$J$16,0)</f>
        <v>5.4872840090296193E-2</v>
      </c>
      <c r="P2349" s="58">
        <f>IF(Input!$K$13=3,J2349*Input!$J$13,0)+IF(Input!$K$14=3,K2349*Input!$J$14,0)+IF(Input!$K$15=3,L2349*Input!$J$15,0)+IF(Input!$K$16=3,M2349*Input!$J$16,0)</f>
        <v>0</v>
      </c>
      <c r="Q2349" s="71">
        <f>IF(Input!$K$13=4,J2349*Input!$J$13,0)+IF(Input!$K$14=4,K2349*Input!$J$14,0)+IF(Input!$K$15=4,L2349*Input!$J$15,0)+IF(Input!$K$16=4,M2349*Input!$J$16,0)</f>
        <v>0</v>
      </c>
    </row>
    <row r="2350" spans="8:17" x14ac:dyDescent="0.25">
      <c r="H2350" s="43">
        <v>2343</v>
      </c>
      <c r="I2350" s="55">
        <f>Bühler!I2376</f>
        <v>6.6916957147048244</v>
      </c>
      <c r="J2350" s="58">
        <f>Bühler!J2376</f>
        <v>16.158906400147728</v>
      </c>
      <c r="K2350" s="58">
        <f>Bühler!K2376</f>
        <v>0.40646548215034217</v>
      </c>
      <c r="L2350" s="58">
        <f>Bühler!L2376</f>
        <v>0.20323274107517109</v>
      </c>
      <c r="M2350" s="57">
        <f>Bühler!M2376</f>
        <v>0</v>
      </c>
      <c r="N2350" s="55">
        <f>IF(Input!$K$13=1,J2350*Input!$J$13,0)+IF(Input!$K$14=1,K2350*Input!$J$14,0)+IF(Input!$K$15=1,L2350*Input!$J$15,0)+IF(Input!$K$16=1,M2350*Input!$J$16,0)</f>
        <v>1.9390687680177274</v>
      </c>
      <c r="O2350" s="58">
        <f>IF(Input!$K$13=2,J2350*Input!$J$13,0)+IF(Input!$K$14=2,K2350*Input!$J$14,0)+IF(Input!$K$15=2,L2350*Input!$J$15,0)+IF(Input!$K$16=2,M2350*Input!$J$16,0)</f>
        <v>5.4872840090296193E-2</v>
      </c>
      <c r="P2350" s="58">
        <f>IF(Input!$K$13=3,J2350*Input!$J$13,0)+IF(Input!$K$14=3,K2350*Input!$J$14,0)+IF(Input!$K$15=3,L2350*Input!$J$15,0)+IF(Input!$K$16=3,M2350*Input!$J$16,0)</f>
        <v>0</v>
      </c>
      <c r="Q2350" s="71">
        <f>IF(Input!$K$13=4,J2350*Input!$J$13,0)+IF(Input!$K$14=4,K2350*Input!$J$14,0)+IF(Input!$K$15=4,L2350*Input!$J$15,0)+IF(Input!$K$16=4,M2350*Input!$J$16,0)</f>
        <v>0</v>
      </c>
    </row>
    <row r="2351" spans="8:17" x14ac:dyDescent="0.25">
      <c r="H2351" s="43">
        <v>2344</v>
      </c>
      <c r="I2351" s="55">
        <f>Bühler!I2377</f>
        <v>6.0500262626098404</v>
      </c>
      <c r="J2351" s="58">
        <f>Bühler!J2377</f>
        <v>16.132170172977105</v>
      </c>
      <c r="K2351" s="58">
        <f>Bühler!K2377</f>
        <v>0.40646548215034217</v>
      </c>
      <c r="L2351" s="58">
        <f>Bühler!L2377</f>
        <v>0.20323274107517109</v>
      </c>
      <c r="M2351" s="57">
        <f>Bühler!M2377</f>
        <v>0</v>
      </c>
      <c r="N2351" s="55">
        <f>IF(Input!$K$13=1,J2351*Input!$J$13,0)+IF(Input!$K$14=1,K2351*Input!$J$14,0)+IF(Input!$K$15=1,L2351*Input!$J$15,0)+IF(Input!$K$16=1,M2351*Input!$J$16,0)</f>
        <v>1.9358604207572525</v>
      </c>
      <c r="O2351" s="58">
        <f>IF(Input!$K$13=2,J2351*Input!$J$13,0)+IF(Input!$K$14=2,K2351*Input!$J$14,0)+IF(Input!$K$15=2,L2351*Input!$J$15,0)+IF(Input!$K$16=2,M2351*Input!$J$16,0)</f>
        <v>5.4872840090296193E-2</v>
      </c>
      <c r="P2351" s="58">
        <f>IF(Input!$K$13=3,J2351*Input!$J$13,0)+IF(Input!$K$14=3,K2351*Input!$J$14,0)+IF(Input!$K$15=3,L2351*Input!$J$15,0)+IF(Input!$K$16=3,M2351*Input!$J$16,0)</f>
        <v>0</v>
      </c>
      <c r="Q2351" s="71">
        <f>IF(Input!$K$13=4,J2351*Input!$J$13,0)+IF(Input!$K$14=4,K2351*Input!$J$14,0)+IF(Input!$K$15=4,L2351*Input!$J$15,0)+IF(Input!$K$16=4,M2351*Input!$J$16,0)</f>
        <v>0</v>
      </c>
    </row>
    <row r="2352" spans="8:17" x14ac:dyDescent="0.25">
      <c r="H2352" s="43">
        <v>2345</v>
      </c>
      <c r="I2352" s="55">
        <f>Bühler!I2378</f>
        <v>5.5000238750998562</v>
      </c>
      <c r="J2352" s="58">
        <f>Bühler!J2378</f>
        <v>16.109253406830856</v>
      </c>
      <c r="K2352" s="58">
        <f>Bühler!K2378</f>
        <v>0.40646548215034217</v>
      </c>
      <c r="L2352" s="58">
        <f>Bühler!L2378</f>
        <v>0.20323274107517109</v>
      </c>
      <c r="M2352" s="57">
        <f>Bühler!M2378</f>
        <v>0</v>
      </c>
      <c r="N2352" s="55">
        <f>IF(Input!$K$13=1,J2352*Input!$J$13,0)+IF(Input!$K$14=1,K2352*Input!$J$14,0)+IF(Input!$K$15=1,L2352*Input!$J$15,0)+IF(Input!$K$16=1,M2352*Input!$J$16,0)</f>
        <v>1.9331104088197026</v>
      </c>
      <c r="O2352" s="58">
        <f>IF(Input!$K$13=2,J2352*Input!$J$13,0)+IF(Input!$K$14=2,K2352*Input!$J$14,0)+IF(Input!$K$15=2,L2352*Input!$J$15,0)+IF(Input!$K$16=2,M2352*Input!$J$16,0)</f>
        <v>5.4872840090296193E-2</v>
      </c>
      <c r="P2352" s="58">
        <f>IF(Input!$K$13=3,J2352*Input!$J$13,0)+IF(Input!$K$14=3,K2352*Input!$J$14,0)+IF(Input!$K$15=3,L2352*Input!$J$15,0)+IF(Input!$K$16=3,M2352*Input!$J$16,0)</f>
        <v>0</v>
      </c>
      <c r="Q2352" s="71">
        <f>IF(Input!$K$13=4,J2352*Input!$J$13,0)+IF(Input!$K$14=4,K2352*Input!$J$14,0)+IF(Input!$K$15=4,L2352*Input!$J$15,0)+IF(Input!$K$16=4,M2352*Input!$J$16,0)</f>
        <v>0</v>
      </c>
    </row>
    <row r="2353" spans="8:17" x14ac:dyDescent="0.25">
      <c r="H2353" s="43">
        <v>2346</v>
      </c>
      <c r="I2353" s="55">
        <f>Bühler!I2379</f>
        <v>4.9500214875898703</v>
      </c>
      <c r="J2353" s="58">
        <f>Bühler!J2379</f>
        <v>16.086336640684607</v>
      </c>
      <c r="K2353" s="58">
        <f>Bühler!K2379</f>
        <v>0.40646548215034217</v>
      </c>
      <c r="L2353" s="58">
        <f>Bühler!L2379</f>
        <v>0.20323274107517109</v>
      </c>
      <c r="M2353" s="57">
        <f>Bühler!M2379</f>
        <v>0</v>
      </c>
      <c r="N2353" s="55">
        <f>IF(Input!$K$13=1,J2353*Input!$J$13,0)+IF(Input!$K$14=1,K2353*Input!$J$14,0)+IF(Input!$K$15=1,L2353*Input!$J$15,0)+IF(Input!$K$16=1,M2353*Input!$J$16,0)</f>
        <v>1.9303603968821528</v>
      </c>
      <c r="O2353" s="58">
        <f>IF(Input!$K$13=2,J2353*Input!$J$13,0)+IF(Input!$K$14=2,K2353*Input!$J$14,0)+IF(Input!$K$15=2,L2353*Input!$J$15,0)+IF(Input!$K$16=2,M2353*Input!$J$16,0)</f>
        <v>5.4872840090296193E-2</v>
      </c>
      <c r="P2353" s="58">
        <f>IF(Input!$K$13=3,J2353*Input!$J$13,0)+IF(Input!$K$14=3,K2353*Input!$J$14,0)+IF(Input!$K$15=3,L2353*Input!$J$15,0)+IF(Input!$K$16=3,M2353*Input!$J$16,0)</f>
        <v>0</v>
      </c>
      <c r="Q2353" s="71">
        <f>IF(Input!$K$13=4,J2353*Input!$J$13,0)+IF(Input!$K$14=4,K2353*Input!$J$14,0)+IF(Input!$K$15=4,L2353*Input!$J$15,0)+IF(Input!$K$16=4,M2353*Input!$J$16,0)</f>
        <v>0</v>
      </c>
    </row>
    <row r="2354" spans="8:17" x14ac:dyDescent="0.25">
      <c r="H2354" s="43">
        <v>2347</v>
      </c>
      <c r="I2354" s="55">
        <f>Bühler!I2380</f>
        <v>4.7666873584198743</v>
      </c>
      <c r="J2354" s="58">
        <f>Bühler!J2380</f>
        <v>16.078697718635858</v>
      </c>
      <c r="K2354" s="58">
        <f>Bühler!K2380</f>
        <v>0.40646548215034217</v>
      </c>
      <c r="L2354" s="58">
        <f>Bühler!L2380</f>
        <v>0.20323274107517109</v>
      </c>
      <c r="M2354" s="57">
        <f>Bühler!M2380</f>
        <v>0</v>
      </c>
      <c r="N2354" s="55">
        <f>IF(Input!$K$13=1,J2354*Input!$J$13,0)+IF(Input!$K$14=1,K2354*Input!$J$14,0)+IF(Input!$K$15=1,L2354*Input!$J$15,0)+IF(Input!$K$16=1,M2354*Input!$J$16,0)</f>
        <v>1.9294437262363029</v>
      </c>
      <c r="O2354" s="58">
        <f>IF(Input!$K$13=2,J2354*Input!$J$13,0)+IF(Input!$K$14=2,K2354*Input!$J$14,0)+IF(Input!$K$15=2,L2354*Input!$J$15,0)+IF(Input!$K$16=2,M2354*Input!$J$16,0)</f>
        <v>5.4872840090296193E-2</v>
      </c>
      <c r="P2354" s="58">
        <f>IF(Input!$K$13=3,J2354*Input!$J$13,0)+IF(Input!$K$14=3,K2354*Input!$J$14,0)+IF(Input!$K$15=3,L2354*Input!$J$15,0)+IF(Input!$K$16=3,M2354*Input!$J$16,0)</f>
        <v>0</v>
      </c>
      <c r="Q2354" s="71">
        <f>IF(Input!$K$13=4,J2354*Input!$J$13,0)+IF(Input!$K$14=4,K2354*Input!$J$14,0)+IF(Input!$K$15=4,L2354*Input!$J$15,0)+IF(Input!$K$16=4,M2354*Input!$J$16,0)</f>
        <v>0</v>
      </c>
    </row>
    <row r="2355" spans="8:17" x14ac:dyDescent="0.25">
      <c r="H2355" s="43">
        <v>2348</v>
      </c>
      <c r="I2355" s="55">
        <f>Bühler!I2381</f>
        <v>3.8500167125698987</v>
      </c>
      <c r="J2355" s="58">
        <f>Bühler!J2381</f>
        <v>16.040503108392109</v>
      </c>
      <c r="K2355" s="58">
        <f>Bühler!K2381</f>
        <v>0.40646548215034217</v>
      </c>
      <c r="L2355" s="58">
        <f>Bühler!L2381</f>
        <v>0.20323274107517109</v>
      </c>
      <c r="M2355" s="57">
        <f>Bühler!M2381</f>
        <v>0</v>
      </c>
      <c r="N2355" s="55">
        <f>IF(Input!$K$13=1,J2355*Input!$J$13,0)+IF(Input!$K$14=1,K2355*Input!$J$14,0)+IF(Input!$K$15=1,L2355*Input!$J$15,0)+IF(Input!$K$16=1,M2355*Input!$J$16,0)</f>
        <v>1.924860373007053</v>
      </c>
      <c r="O2355" s="58">
        <f>IF(Input!$K$13=2,J2355*Input!$J$13,0)+IF(Input!$K$14=2,K2355*Input!$J$14,0)+IF(Input!$K$15=2,L2355*Input!$J$15,0)+IF(Input!$K$16=2,M2355*Input!$J$16,0)</f>
        <v>5.4872840090296193E-2</v>
      </c>
      <c r="P2355" s="58">
        <f>IF(Input!$K$13=3,J2355*Input!$J$13,0)+IF(Input!$K$14=3,K2355*Input!$J$14,0)+IF(Input!$K$15=3,L2355*Input!$J$15,0)+IF(Input!$K$16=3,M2355*Input!$J$16,0)</f>
        <v>0</v>
      </c>
      <c r="Q2355" s="71">
        <f>IF(Input!$K$13=4,J2355*Input!$J$13,0)+IF(Input!$K$14=4,K2355*Input!$J$14,0)+IF(Input!$K$15=4,L2355*Input!$J$15,0)+IF(Input!$K$16=4,M2355*Input!$J$16,0)</f>
        <v>0</v>
      </c>
    </row>
    <row r="2356" spans="8:17" x14ac:dyDescent="0.25">
      <c r="H2356" s="43">
        <v>2349</v>
      </c>
      <c r="I2356" s="55">
        <f>Bühler!I2382</f>
        <v>2.8416790021349252</v>
      </c>
      <c r="J2356" s="58">
        <f>Bühler!J2382</f>
        <v>15.998489037123985</v>
      </c>
      <c r="K2356" s="58">
        <f>Bühler!K2382</f>
        <v>0.40646548215034217</v>
      </c>
      <c r="L2356" s="58">
        <f>Bühler!L2382</f>
        <v>0.20323274107517109</v>
      </c>
      <c r="M2356" s="57">
        <f>Bühler!M2382</f>
        <v>0</v>
      </c>
      <c r="N2356" s="55">
        <f>IF(Input!$K$13=1,J2356*Input!$J$13,0)+IF(Input!$K$14=1,K2356*Input!$J$14,0)+IF(Input!$K$15=1,L2356*Input!$J$15,0)+IF(Input!$K$16=1,M2356*Input!$J$16,0)</f>
        <v>1.9198186844548781</v>
      </c>
      <c r="O2356" s="58">
        <f>IF(Input!$K$13=2,J2356*Input!$J$13,0)+IF(Input!$K$14=2,K2356*Input!$J$14,0)+IF(Input!$K$15=2,L2356*Input!$J$15,0)+IF(Input!$K$16=2,M2356*Input!$J$16,0)</f>
        <v>5.4872840090296193E-2</v>
      </c>
      <c r="P2356" s="58">
        <f>IF(Input!$K$13=3,J2356*Input!$J$13,0)+IF(Input!$K$14=3,K2356*Input!$J$14,0)+IF(Input!$K$15=3,L2356*Input!$J$15,0)+IF(Input!$K$16=3,M2356*Input!$J$16,0)</f>
        <v>0</v>
      </c>
      <c r="Q2356" s="71">
        <f>IF(Input!$K$13=4,J2356*Input!$J$13,0)+IF(Input!$K$14=4,K2356*Input!$J$14,0)+IF(Input!$K$15=4,L2356*Input!$J$15,0)+IF(Input!$K$16=4,M2356*Input!$J$16,0)</f>
        <v>0</v>
      </c>
    </row>
    <row r="2357" spans="8:17" x14ac:dyDescent="0.25">
      <c r="H2357" s="43">
        <v>2350</v>
      </c>
      <c r="I2357" s="55">
        <f>Bühler!I2383</f>
        <v>2.8416790021349252</v>
      </c>
      <c r="J2357" s="58">
        <f>Bühler!J2383</f>
        <v>15.998489037123985</v>
      </c>
      <c r="K2357" s="58">
        <f>Bühler!K2383</f>
        <v>0.40646548215034217</v>
      </c>
      <c r="L2357" s="58">
        <f>Bühler!L2383</f>
        <v>0.20323274107517109</v>
      </c>
      <c r="M2357" s="57">
        <f>Bühler!M2383</f>
        <v>0</v>
      </c>
      <c r="N2357" s="55">
        <f>IF(Input!$K$13=1,J2357*Input!$J$13,0)+IF(Input!$K$14=1,K2357*Input!$J$14,0)+IF(Input!$K$15=1,L2357*Input!$J$15,0)+IF(Input!$K$16=1,M2357*Input!$J$16,0)</f>
        <v>1.9198186844548781</v>
      </c>
      <c r="O2357" s="58">
        <f>IF(Input!$K$13=2,J2357*Input!$J$13,0)+IF(Input!$K$14=2,K2357*Input!$J$14,0)+IF(Input!$K$15=2,L2357*Input!$J$15,0)+IF(Input!$K$16=2,M2357*Input!$J$16,0)</f>
        <v>5.4872840090296193E-2</v>
      </c>
      <c r="P2357" s="58">
        <f>IF(Input!$K$13=3,J2357*Input!$J$13,0)+IF(Input!$K$14=3,K2357*Input!$J$14,0)+IF(Input!$K$15=3,L2357*Input!$J$15,0)+IF(Input!$K$16=3,M2357*Input!$J$16,0)</f>
        <v>0</v>
      </c>
      <c r="Q2357" s="71">
        <f>IF(Input!$K$13=4,J2357*Input!$J$13,0)+IF(Input!$K$14=4,K2357*Input!$J$14,0)+IF(Input!$K$15=4,L2357*Input!$J$15,0)+IF(Input!$K$16=4,M2357*Input!$J$16,0)</f>
        <v>0</v>
      </c>
    </row>
    <row r="2358" spans="8:17" x14ac:dyDescent="0.25">
      <c r="H2358" s="43">
        <v>2351</v>
      </c>
      <c r="I2358" s="55">
        <f>Bühler!I2384</f>
        <v>2.8416790021349252</v>
      </c>
      <c r="J2358" s="58">
        <f>Bühler!J2384</f>
        <v>15.998489037123985</v>
      </c>
      <c r="K2358" s="58">
        <f>Bühler!K2384</f>
        <v>0.40646548215034217</v>
      </c>
      <c r="L2358" s="58">
        <f>Bühler!L2384</f>
        <v>0.20323274107517109</v>
      </c>
      <c r="M2358" s="57">
        <f>Bühler!M2384</f>
        <v>0</v>
      </c>
      <c r="N2358" s="55">
        <f>IF(Input!$K$13=1,J2358*Input!$J$13,0)+IF(Input!$K$14=1,K2358*Input!$J$14,0)+IF(Input!$K$15=1,L2358*Input!$J$15,0)+IF(Input!$K$16=1,M2358*Input!$J$16,0)</f>
        <v>1.9198186844548781</v>
      </c>
      <c r="O2358" s="58">
        <f>IF(Input!$K$13=2,J2358*Input!$J$13,0)+IF(Input!$K$14=2,K2358*Input!$J$14,0)+IF(Input!$K$15=2,L2358*Input!$J$15,0)+IF(Input!$K$16=2,M2358*Input!$J$16,0)</f>
        <v>5.4872840090296193E-2</v>
      </c>
      <c r="P2358" s="58">
        <f>IF(Input!$K$13=3,J2358*Input!$J$13,0)+IF(Input!$K$14=3,K2358*Input!$J$14,0)+IF(Input!$K$15=3,L2358*Input!$J$15,0)+IF(Input!$K$16=3,M2358*Input!$J$16,0)</f>
        <v>0</v>
      </c>
      <c r="Q2358" s="71">
        <f>IF(Input!$K$13=4,J2358*Input!$J$13,0)+IF(Input!$K$14=4,K2358*Input!$J$14,0)+IF(Input!$K$15=4,L2358*Input!$J$15,0)+IF(Input!$K$16=4,M2358*Input!$J$16,0)</f>
        <v>0</v>
      </c>
    </row>
    <row r="2359" spans="8:17" x14ac:dyDescent="0.25">
      <c r="H2359" s="43">
        <v>2352</v>
      </c>
      <c r="I2359" s="55">
        <f>Bühler!I2385</f>
        <v>2.8416790021349252</v>
      </c>
      <c r="J2359" s="58">
        <f>Bühler!J2385</f>
        <v>15.998489037123985</v>
      </c>
      <c r="K2359" s="58">
        <f>Bühler!K2385</f>
        <v>0.40646548215034217</v>
      </c>
      <c r="L2359" s="58">
        <f>Bühler!L2385</f>
        <v>0.20323274107517109</v>
      </c>
      <c r="M2359" s="57">
        <f>Bühler!M2385</f>
        <v>0</v>
      </c>
      <c r="N2359" s="55">
        <f>IF(Input!$K$13=1,J2359*Input!$J$13,0)+IF(Input!$K$14=1,K2359*Input!$J$14,0)+IF(Input!$K$15=1,L2359*Input!$J$15,0)+IF(Input!$K$16=1,M2359*Input!$J$16,0)</f>
        <v>1.9198186844548781</v>
      </c>
      <c r="O2359" s="58">
        <f>IF(Input!$K$13=2,J2359*Input!$J$13,0)+IF(Input!$K$14=2,K2359*Input!$J$14,0)+IF(Input!$K$15=2,L2359*Input!$J$15,0)+IF(Input!$K$16=2,M2359*Input!$J$16,0)</f>
        <v>5.4872840090296193E-2</v>
      </c>
      <c r="P2359" s="58">
        <f>IF(Input!$K$13=3,J2359*Input!$J$13,0)+IF(Input!$K$14=3,K2359*Input!$J$14,0)+IF(Input!$K$15=3,L2359*Input!$J$15,0)+IF(Input!$K$16=3,M2359*Input!$J$16,0)</f>
        <v>0</v>
      </c>
      <c r="Q2359" s="71">
        <f>IF(Input!$K$13=4,J2359*Input!$J$13,0)+IF(Input!$K$14=4,K2359*Input!$J$14,0)+IF(Input!$K$15=4,L2359*Input!$J$15,0)+IF(Input!$K$16=4,M2359*Input!$J$16,0)</f>
        <v>0</v>
      </c>
    </row>
    <row r="2360" spans="8:17" x14ac:dyDescent="0.25">
      <c r="H2360" s="43">
        <v>2353</v>
      </c>
      <c r="I2360" s="55">
        <f>Bühler!I2386</f>
        <v>2.4917228134108349</v>
      </c>
      <c r="J2360" s="58">
        <f>Bühler!J2386</f>
        <v>13.468819865003306</v>
      </c>
      <c r="K2360" s="58">
        <f>Bühler!K2386</f>
        <v>0.36726409106649699</v>
      </c>
      <c r="L2360" s="58">
        <f>Bühler!L2386</f>
        <v>0.18363204553324849</v>
      </c>
      <c r="M2360" s="57">
        <f>Bühler!M2386</f>
        <v>0</v>
      </c>
      <c r="N2360" s="55">
        <f>IF(Input!$K$13=1,J2360*Input!$J$13,0)+IF(Input!$K$14=1,K2360*Input!$J$14,0)+IF(Input!$K$15=1,L2360*Input!$J$15,0)+IF(Input!$K$16=1,M2360*Input!$J$16,0)</f>
        <v>1.6162583838003968</v>
      </c>
      <c r="O2360" s="58">
        <f>IF(Input!$K$13=2,J2360*Input!$J$13,0)+IF(Input!$K$14=2,K2360*Input!$J$14,0)+IF(Input!$K$15=2,L2360*Input!$J$15,0)+IF(Input!$K$16=2,M2360*Input!$J$16,0)</f>
        <v>4.9580652293977096E-2</v>
      </c>
      <c r="P2360" s="58">
        <f>IF(Input!$K$13=3,J2360*Input!$J$13,0)+IF(Input!$K$14=3,K2360*Input!$J$14,0)+IF(Input!$K$15=3,L2360*Input!$J$15,0)+IF(Input!$K$16=3,M2360*Input!$J$16,0)</f>
        <v>0</v>
      </c>
      <c r="Q2360" s="71">
        <f>IF(Input!$K$13=4,J2360*Input!$J$13,0)+IF(Input!$K$14=4,K2360*Input!$J$14,0)+IF(Input!$K$15=4,L2360*Input!$J$15,0)+IF(Input!$K$16=4,M2360*Input!$J$16,0)</f>
        <v>0</v>
      </c>
    </row>
    <row r="2361" spans="8:17" x14ac:dyDescent="0.25">
      <c r="H2361" s="43">
        <v>2354</v>
      </c>
      <c r="I2361" s="55">
        <f>Bühler!I2387</f>
        <v>2.8936135897674209</v>
      </c>
      <c r="J2361" s="58">
        <f>Bühler!J2387</f>
        <v>13.485565314018164</v>
      </c>
      <c r="K2361" s="58">
        <f>Bühler!K2387</f>
        <v>0.36726409106649699</v>
      </c>
      <c r="L2361" s="58">
        <f>Bühler!L2387</f>
        <v>0.18363204553324849</v>
      </c>
      <c r="M2361" s="57">
        <f>Bühler!M2387</f>
        <v>0</v>
      </c>
      <c r="N2361" s="55">
        <f>IF(Input!$K$13=1,J2361*Input!$J$13,0)+IF(Input!$K$14=1,K2361*Input!$J$14,0)+IF(Input!$K$15=1,L2361*Input!$J$15,0)+IF(Input!$K$16=1,M2361*Input!$J$16,0)</f>
        <v>1.6182678376821795</v>
      </c>
      <c r="O2361" s="58">
        <f>IF(Input!$K$13=2,J2361*Input!$J$13,0)+IF(Input!$K$14=2,K2361*Input!$J$14,0)+IF(Input!$K$15=2,L2361*Input!$J$15,0)+IF(Input!$K$16=2,M2361*Input!$J$16,0)</f>
        <v>4.9580652293977096E-2</v>
      </c>
      <c r="P2361" s="58">
        <f>IF(Input!$K$13=3,J2361*Input!$J$13,0)+IF(Input!$K$14=3,K2361*Input!$J$14,0)+IF(Input!$K$15=3,L2361*Input!$J$15,0)+IF(Input!$K$16=3,M2361*Input!$J$16,0)</f>
        <v>0</v>
      </c>
      <c r="Q2361" s="71">
        <f>IF(Input!$K$13=4,J2361*Input!$J$13,0)+IF(Input!$K$14=4,K2361*Input!$J$14,0)+IF(Input!$K$15=4,L2361*Input!$J$15,0)+IF(Input!$K$16=4,M2361*Input!$J$16,0)</f>
        <v>0</v>
      </c>
    </row>
    <row r="2362" spans="8:17" x14ac:dyDescent="0.25">
      <c r="H2362" s="43">
        <v>2355</v>
      </c>
      <c r="I2362" s="55">
        <f>Bühler!I2388</f>
        <v>2.8936135897674209</v>
      </c>
      <c r="J2362" s="58">
        <f>Bühler!J2388</f>
        <v>13.485565314018164</v>
      </c>
      <c r="K2362" s="58">
        <f>Bühler!K2388</f>
        <v>0.36726409106649699</v>
      </c>
      <c r="L2362" s="58">
        <f>Bühler!L2388</f>
        <v>0.18363204553324849</v>
      </c>
      <c r="M2362" s="57">
        <f>Bühler!M2388</f>
        <v>0</v>
      </c>
      <c r="N2362" s="55">
        <f>IF(Input!$K$13=1,J2362*Input!$J$13,0)+IF(Input!$K$14=1,K2362*Input!$J$14,0)+IF(Input!$K$15=1,L2362*Input!$J$15,0)+IF(Input!$K$16=1,M2362*Input!$J$16,0)</f>
        <v>1.6182678376821795</v>
      </c>
      <c r="O2362" s="58">
        <f>IF(Input!$K$13=2,J2362*Input!$J$13,0)+IF(Input!$K$14=2,K2362*Input!$J$14,0)+IF(Input!$K$15=2,L2362*Input!$J$15,0)+IF(Input!$K$16=2,M2362*Input!$J$16,0)</f>
        <v>4.9580652293977096E-2</v>
      </c>
      <c r="P2362" s="58">
        <f>IF(Input!$K$13=3,J2362*Input!$J$13,0)+IF(Input!$K$14=3,K2362*Input!$J$14,0)+IF(Input!$K$15=3,L2362*Input!$J$15,0)+IF(Input!$K$16=3,M2362*Input!$J$16,0)</f>
        <v>0</v>
      </c>
      <c r="Q2362" s="71">
        <f>IF(Input!$K$13=4,J2362*Input!$J$13,0)+IF(Input!$K$14=4,K2362*Input!$J$14,0)+IF(Input!$K$15=4,L2362*Input!$J$15,0)+IF(Input!$K$16=4,M2362*Input!$J$16,0)</f>
        <v>0</v>
      </c>
    </row>
    <row r="2363" spans="8:17" x14ac:dyDescent="0.25">
      <c r="H2363" s="43">
        <v>2356</v>
      </c>
      <c r="I2363" s="55">
        <f>Bühler!I2389</f>
        <v>2.8936135897674209</v>
      </c>
      <c r="J2363" s="58">
        <f>Bühler!J2389</f>
        <v>13.485565314018164</v>
      </c>
      <c r="K2363" s="58">
        <f>Bühler!K2389</f>
        <v>0.36726409106649699</v>
      </c>
      <c r="L2363" s="58">
        <f>Bühler!L2389</f>
        <v>0.18363204553324849</v>
      </c>
      <c r="M2363" s="57">
        <f>Bühler!M2389</f>
        <v>0</v>
      </c>
      <c r="N2363" s="55">
        <f>IF(Input!$K$13=1,J2363*Input!$J$13,0)+IF(Input!$K$14=1,K2363*Input!$J$14,0)+IF(Input!$K$15=1,L2363*Input!$J$15,0)+IF(Input!$K$16=1,M2363*Input!$J$16,0)</f>
        <v>1.6182678376821795</v>
      </c>
      <c r="O2363" s="58">
        <f>IF(Input!$K$13=2,J2363*Input!$J$13,0)+IF(Input!$K$14=2,K2363*Input!$J$14,0)+IF(Input!$K$15=2,L2363*Input!$J$15,0)+IF(Input!$K$16=2,M2363*Input!$J$16,0)</f>
        <v>4.9580652293977096E-2</v>
      </c>
      <c r="P2363" s="58">
        <f>IF(Input!$K$13=3,J2363*Input!$J$13,0)+IF(Input!$K$14=3,K2363*Input!$J$14,0)+IF(Input!$K$15=3,L2363*Input!$J$15,0)+IF(Input!$K$16=3,M2363*Input!$J$16,0)</f>
        <v>0</v>
      </c>
      <c r="Q2363" s="71">
        <f>IF(Input!$K$13=4,J2363*Input!$J$13,0)+IF(Input!$K$14=4,K2363*Input!$J$14,0)+IF(Input!$K$15=4,L2363*Input!$J$15,0)+IF(Input!$K$16=4,M2363*Input!$J$16,0)</f>
        <v>0</v>
      </c>
    </row>
    <row r="2364" spans="8:17" x14ac:dyDescent="0.25">
      <c r="H2364" s="43">
        <v>2357</v>
      </c>
      <c r="I2364" s="55">
        <f>Bühler!I2390</f>
        <v>2.8936135897674209</v>
      </c>
      <c r="J2364" s="58">
        <f>Bühler!J2390</f>
        <v>13.485565314018164</v>
      </c>
      <c r="K2364" s="58">
        <f>Bühler!K2390</f>
        <v>0.36726409106649699</v>
      </c>
      <c r="L2364" s="58">
        <f>Bühler!L2390</f>
        <v>0.18363204553324849</v>
      </c>
      <c r="M2364" s="57">
        <f>Bühler!M2390</f>
        <v>0</v>
      </c>
      <c r="N2364" s="55">
        <f>IF(Input!$K$13=1,J2364*Input!$J$13,0)+IF(Input!$K$14=1,K2364*Input!$J$14,0)+IF(Input!$K$15=1,L2364*Input!$J$15,0)+IF(Input!$K$16=1,M2364*Input!$J$16,0)</f>
        <v>1.6182678376821795</v>
      </c>
      <c r="O2364" s="58">
        <f>IF(Input!$K$13=2,J2364*Input!$J$13,0)+IF(Input!$K$14=2,K2364*Input!$J$14,0)+IF(Input!$K$15=2,L2364*Input!$J$15,0)+IF(Input!$K$16=2,M2364*Input!$J$16,0)</f>
        <v>4.9580652293977096E-2</v>
      </c>
      <c r="P2364" s="58">
        <f>IF(Input!$K$13=3,J2364*Input!$J$13,0)+IF(Input!$K$14=3,K2364*Input!$J$14,0)+IF(Input!$K$15=3,L2364*Input!$J$15,0)+IF(Input!$K$16=3,M2364*Input!$J$16,0)</f>
        <v>0</v>
      </c>
      <c r="Q2364" s="71">
        <f>IF(Input!$K$13=4,J2364*Input!$J$13,0)+IF(Input!$K$14=4,K2364*Input!$J$14,0)+IF(Input!$K$15=4,L2364*Input!$J$15,0)+IF(Input!$K$16=4,M2364*Input!$J$16,0)</f>
        <v>0</v>
      </c>
    </row>
    <row r="2365" spans="8:17" x14ac:dyDescent="0.25">
      <c r="H2365" s="43">
        <v>2358</v>
      </c>
      <c r="I2365" s="55">
        <f>Bühler!I2391</f>
        <v>3.6170169872092766</v>
      </c>
      <c r="J2365" s="58">
        <f>Bühler!J2391</f>
        <v>13.515707122244907</v>
      </c>
      <c r="K2365" s="58">
        <f>Bühler!K2391</f>
        <v>0.36726409106649699</v>
      </c>
      <c r="L2365" s="58">
        <f>Bühler!L2391</f>
        <v>0.18363204553324849</v>
      </c>
      <c r="M2365" s="57">
        <f>Bühler!M2391</f>
        <v>0</v>
      </c>
      <c r="N2365" s="55">
        <f>IF(Input!$K$13=1,J2365*Input!$J$13,0)+IF(Input!$K$14=1,K2365*Input!$J$14,0)+IF(Input!$K$15=1,L2365*Input!$J$15,0)+IF(Input!$K$16=1,M2365*Input!$J$16,0)</f>
        <v>1.6218848546693887</v>
      </c>
      <c r="O2365" s="58">
        <f>IF(Input!$K$13=2,J2365*Input!$J$13,0)+IF(Input!$K$14=2,K2365*Input!$J$14,0)+IF(Input!$K$15=2,L2365*Input!$J$15,0)+IF(Input!$K$16=2,M2365*Input!$J$16,0)</f>
        <v>4.9580652293977096E-2</v>
      </c>
      <c r="P2365" s="58">
        <f>IF(Input!$K$13=3,J2365*Input!$J$13,0)+IF(Input!$K$14=3,K2365*Input!$J$14,0)+IF(Input!$K$15=3,L2365*Input!$J$15,0)+IF(Input!$K$16=3,M2365*Input!$J$16,0)</f>
        <v>0</v>
      </c>
      <c r="Q2365" s="71">
        <f>IF(Input!$K$13=4,J2365*Input!$J$13,0)+IF(Input!$K$14=4,K2365*Input!$J$14,0)+IF(Input!$K$15=4,L2365*Input!$J$15,0)+IF(Input!$K$16=4,M2365*Input!$J$16,0)</f>
        <v>0</v>
      </c>
    </row>
    <row r="2366" spans="8:17" x14ac:dyDescent="0.25">
      <c r="H2366" s="43">
        <v>2359</v>
      </c>
      <c r="I2366" s="55">
        <f>Bühler!I2392</f>
        <v>4.2600422293798141</v>
      </c>
      <c r="J2366" s="58">
        <f>Bühler!J2392</f>
        <v>13.542499840668679</v>
      </c>
      <c r="K2366" s="58">
        <f>Bühler!K2392</f>
        <v>0.36726409106649699</v>
      </c>
      <c r="L2366" s="58">
        <f>Bühler!L2392</f>
        <v>0.18363204553324849</v>
      </c>
      <c r="M2366" s="57">
        <f>Bühler!M2392</f>
        <v>0</v>
      </c>
      <c r="N2366" s="55">
        <f>IF(Input!$K$13=1,J2366*Input!$J$13,0)+IF(Input!$K$14=1,K2366*Input!$J$14,0)+IF(Input!$K$15=1,L2366*Input!$J$15,0)+IF(Input!$K$16=1,M2366*Input!$J$16,0)</f>
        <v>1.6250999808802413</v>
      </c>
      <c r="O2366" s="58">
        <f>IF(Input!$K$13=2,J2366*Input!$J$13,0)+IF(Input!$K$14=2,K2366*Input!$J$14,0)+IF(Input!$K$15=2,L2366*Input!$J$15,0)+IF(Input!$K$16=2,M2366*Input!$J$16,0)</f>
        <v>4.9580652293977096E-2</v>
      </c>
      <c r="P2366" s="58">
        <f>IF(Input!$K$13=3,J2366*Input!$J$13,0)+IF(Input!$K$14=3,K2366*Input!$J$14,0)+IF(Input!$K$15=3,L2366*Input!$J$15,0)+IF(Input!$K$16=3,M2366*Input!$J$16,0)</f>
        <v>0</v>
      </c>
      <c r="Q2366" s="71">
        <f>IF(Input!$K$13=4,J2366*Input!$J$13,0)+IF(Input!$K$14=4,K2366*Input!$J$14,0)+IF(Input!$K$15=4,L2366*Input!$J$15,0)+IF(Input!$K$16=4,M2366*Input!$J$16,0)</f>
        <v>0</v>
      </c>
    </row>
    <row r="2367" spans="8:17" x14ac:dyDescent="0.25">
      <c r="H2367" s="43">
        <v>2360</v>
      </c>
      <c r="I2367" s="55">
        <f>Bühler!I2393</f>
        <v>5.0638237820929879</v>
      </c>
      <c r="J2367" s="58">
        <f>Bühler!J2393</f>
        <v>13.575990738698394</v>
      </c>
      <c r="K2367" s="58">
        <f>Bühler!K2393</f>
        <v>0.36726409106649699</v>
      </c>
      <c r="L2367" s="58">
        <f>Bühler!L2393</f>
        <v>0.18363204553324849</v>
      </c>
      <c r="M2367" s="57">
        <f>Bühler!M2393</f>
        <v>0</v>
      </c>
      <c r="N2367" s="55">
        <f>IF(Input!$K$13=1,J2367*Input!$J$13,0)+IF(Input!$K$14=1,K2367*Input!$J$14,0)+IF(Input!$K$15=1,L2367*Input!$J$15,0)+IF(Input!$K$16=1,M2367*Input!$J$16,0)</f>
        <v>1.6291188886438073</v>
      </c>
      <c r="O2367" s="58">
        <f>IF(Input!$K$13=2,J2367*Input!$J$13,0)+IF(Input!$K$14=2,K2367*Input!$J$14,0)+IF(Input!$K$15=2,L2367*Input!$J$15,0)+IF(Input!$K$16=2,M2367*Input!$J$16,0)</f>
        <v>4.9580652293977096E-2</v>
      </c>
      <c r="P2367" s="58">
        <f>IF(Input!$K$13=3,J2367*Input!$J$13,0)+IF(Input!$K$14=3,K2367*Input!$J$14,0)+IF(Input!$K$15=3,L2367*Input!$J$15,0)+IF(Input!$K$16=3,M2367*Input!$J$16,0)</f>
        <v>0</v>
      </c>
      <c r="Q2367" s="71">
        <f>IF(Input!$K$13=4,J2367*Input!$J$13,0)+IF(Input!$K$14=4,K2367*Input!$J$14,0)+IF(Input!$K$15=4,L2367*Input!$J$15,0)+IF(Input!$K$16=4,M2367*Input!$J$16,0)</f>
        <v>0</v>
      </c>
    </row>
    <row r="2368" spans="8:17" x14ac:dyDescent="0.25">
      <c r="H2368" s="43">
        <v>2361</v>
      </c>
      <c r="I2368" s="55">
        <f>Bühler!I2394</f>
        <v>5.0638237820929879</v>
      </c>
      <c r="J2368" s="58">
        <f>Bühler!J2394</f>
        <v>13.575990738698394</v>
      </c>
      <c r="K2368" s="58">
        <f>Bühler!K2394</f>
        <v>0.36726409106649699</v>
      </c>
      <c r="L2368" s="58">
        <f>Bühler!L2394</f>
        <v>0.18363204553324849</v>
      </c>
      <c r="M2368" s="57">
        <f>Bühler!M2394</f>
        <v>0</v>
      </c>
      <c r="N2368" s="55">
        <f>IF(Input!$K$13=1,J2368*Input!$J$13,0)+IF(Input!$K$14=1,K2368*Input!$J$14,0)+IF(Input!$K$15=1,L2368*Input!$J$15,0)+IF(Input!$K$16=1,M2368*Input!$J$16,0)</f>
        <v>1.6291188886438073</v>
      </c>
      <c r="O2368" s="58">
        <f>IF(Input!$K$13=2,J2368*Input!$J$13,0)+IF(Input!$K$14=2,K2368*Input!$J$14,0)+IF(Input!$K$15=2,L2368*Input!$J$15,0)+IF(Input!$K$16=2,M2368*Input!$J$16,0)</f>
        <v>4.9580652293977096E-2</v>
      </c>
      <c r="P2368" s="58">
        <f>IF(Input!$K$13=3,J2368*Input!$J$13,0)+IF(Input!$K$14=3,K2368*Input!$J$14,0)+IF(Input!$K$15=3,L2368*Input!$J$15,0)+IF(Input!$K$16=3,M2368*Input!$J$16,0)</f>
        <v>0</v>
      </c>
      <c r="Q2368" s="71">
        <f>IF(Input!$K$13=4,J2368*Input!$J$13,0)+IF(Input!$K$14=4,K2368*Input!$J$14,0)+IF(Input!$K$15=4,L2368*Input!$J$15,0)+IF(Input!$K$16=4,M2368*Input!$J$16,0)</f>
        <v>0</v>
      </c>
    </row>
    <row r="2369" spans="8:17" x14ac:dyDescent="0.25">
      <c r="H2369" s="43">
        <v>2362</v>
      </c>
      <c r="I2369" s="55">
        <f>Bühler!I2395</f>
        <v>5.0638237820929879</v>
      </c>
      <c r="J2369" s="58">
        <f>Bühler!J2395</f>
        <v>13.575990738698394</v>
      </c>
      <c r="K2369" s="58">
        <f>Bühler!K2395</f>
        <v>0.36726409106649699</v>
      </c>
      <c r="L2369" s="58">
        <f>Bühler!L2395</f>
        <v>0.18363204553324849</v>
      </c>
      <c r="M2369" s="57">
        <f>Bühler!M2395</f>
        <v>0</v>
      </c>
      <c r="N2369" s="55">
        <f>IF(Input!$K$13=1,J2369*Input!$J$13,0)+IF(Input!$K$14=1,K2369*Input!$J$14,0)+IF(Input!$K$15=1,L2369*Input!$J$15,0)+IF(Input!$K$16=1,M2369*Input!$J$16,0)</f>
        <v>1.6291188886438073</v>
      </c>
      <c r="O2369" s="58">
        <f>IF(Input!$K$13=2,J2369*Input!$J$13,0)+IF(Input!$K$14=2,K2369*Input!$J$14,0)+IF(Input!$K$15=2,L2369*Input!$J$15,0)+IF(Input!$K$16=2,M2369*Input!$J$16,0)</f>
        <v>4.9580652293977096E-2</v>
      </c>
      <c r="P2369" s="58">
        <f>IF(Input!$K$13=3,J2369*Input!$J$13,0)+IF(Input!$K$14=3,K2369*Input!$J$14,0)+IF(Input!$K$15=3,L2369*Input!$J$15,0)+IF(Input!$K$16=3,M2369*Input!$J$16,0)</f>
        <v>0</v>
      </c>
      <c r="Q2369" s="71">
        <f>IF(Input!$K$13=4,J2369*Input!$J$13,0)+IF(Input!$K$14=4,K2369*Input!$J$14,0)+IF(Input!$K$15=4,L2369*Input!$J$15,0)+IF(Input!$K$16=4,M2369*Input!$J$16,0)</f>
        <v>0</v>
      </c>
    </row>
    <row r="2370" spans="8:17" x14ac:dyDescent="0.25">
      <c r="H2370" s="43">
        <v>2363</v>
      </c>
      <c r="I2370" s="55">
        <f>Bühler!I2396</f>
        <v>5.0638237820929879</v>
      </c>
      <c r="J2370" s="58">
        <f>Bühler!J2396</f>
        <v>13.575990738698394</v>
      </c>
      <c r="K2370" s="58">
        <f>Bühler!K2396</f>
        <v>0.36726409106649699</v>
      </c>
      <c r="L2370" s="58">
        <f>Bühler!L2396</f>
        <v>0.18363204553324849</v>
      </c>
      <c r="M2370" s="57">
        <f>Bühler!M2396</f>
        <v>0</v>
      </c>
      <c r="N2370" s="55">
        <f>IF(Input!$K$13=1,J2370*Input!$J$13,0)+IF(Input!$K$14=1,K2370*Input!$J$14,0)+IF(Input!$K$15=1,L2370*Input!$J$15,0)+IF(Input!$K$16=1,M2370*Input!$J$16,0)</f>
        <v>1.6291188886438073</v>
      </c>
      <c r="O2370" s="58">
        <f>IF(Input!$K$13=2,J2370*Input!$J$13,0)+IF(Input!$K$14=2,K2370*Input!$J$14,0)+IF(Input!$K$15=2,L2370*Input!$J$15,0)+IF(Input!$K$16=2,M2370*Input!$J$16,0)</f>
        <v>4.9580652293977096E-2</v>
      </c>
      <c r="P2370" s="58">
        <f>IF(Input!$K$13=3,J2370*Input!$J$13,0)+IF(Input!$K$14=3,K2370*Input!$J$14,0)+IF(Input!$K$15=3,L2370*Input!$J$15,0)+IF(Input!$K$16=3,M2370*Input!$J$16,0)</f>
        <v>0</v>
      </c>
      <c r="Q2370" s="71">
        <f>IF(Input!$K$13=4,J2370*Input!$J$13,0)+IF(Input!$K$14=4,K2370*Input!$J$14,0)+IF(Input!$K$15=4,L2370*Input!$J$15,0)+IF(Input!$K$16=4,M2370*Input!$J$16,0)</f>
        <v>0</v>
      </c>
    </row>
    <row r="2371" spans="8:17" x14ac:dyDescent="0.25">
      <c r="H2371" s="43">
        <v>2364</v>
      </c>
      <c r="I2371" s="55">
        <f>Bühler!I2397</f>
        <v>5.0638237820929879</v>
      </c>
      <c r="J2371" s="58">
        <f>Bühler!J2397</f>
        <v>13.575990738698394</v>
      </c>
      <c r="K2371" s="58">
        <f>Bühler!K2397</f>
        <v>0.36726409106649699</v>
      </c>
      <c r="L2371" s="58">
        <f>Bühler!L2397</f>
        <v>0.18363204553324849</v>
      </c>
      <c r="M2371" s="57">
        <f>Bühler!M2397</f>
        <v>0</v>
      </c>
      <c r="N2371" s="55">
        <f>IF(Input!$K$13=1,J2371*Input!$J$13,0)+IF(Input!$K$14=1,K2371*Input!$J$14,0)+IF(Input!$K$15=1,L2371*Input!$J$15,0)+IF(Input!$K$16=1,M2371*Input!$J$16,0)</f>
        <v>1.6291188886438073</v>
      </c>
      <c r="O2371" s="58">
        <f>IF(Input!$K$13=2,J2371*Input!$J$13,0)+IF(Input!$K$14=2,K2371*Input!$J$14,0)+IF(Input!$K$15=2,L2371*Input!$J$15,0)+IF(Input!$K$16=2,M2371*Input!$J$16,0)</f>
        <v>4.9580652293977096E-2</v>
      </c>
      <c r="P2371" s="58">
        <f>IF(Input!$K$13=3,J2371*Input!$J$13,0)+IF(Input!$K$14=3,K2371*Input!$J$14,0)+IF(Input!$K$15=3,L2371*Input!$J$15,0)+IF(Input!$K$16=3,M2371*Input!$J$16,0)</f>
        <v>0</v>
      </c>
      <c r="Q2371" s="71">
        <f>IF(Input!$K$13=4,J2371*Input!$J$13,0)+IF(Input!$K$14=4,K2371*Input!$J$14,0)+IF(Input!$K$15=4,L2371*Input!$J$15,0)+IF(Input!$K$16=4,M2371*Input!$J$16,0)</f>
        <v>0</v>
      </c>
    </row>
    <row r="2372" spans="8:17" x14ac:dyDescent="0.25">
      <c r="H2372" s="43">
        <v>2365</v>
      </c>
      <c r="I2372" s="55">
        <f>Bühler!I2398</f>
        <v>5.0638237820929879</v>
      </c>
      <c r="J2372" s="58">
        <f>Bühler!J2398</f>
        <v>13.575990738698394</v>
      </c>
      <c r="K2372" s="58">
        <f>Bühler!K2398</f>
        <v>0.36726409106649699</v>
      </c>
      <c r="L2372" s="58">
        <f>Bühler!L2398</f>
        <v>0.18363204553324849</v>
      </c>
      <c r="M2372" s="57">
        <f>Bühler!M2398</f>
        <v>0</v>
      </c>
      <c r="N2372" s="55">
        <f>IF(Input!$K$13=1,J2372*Input!$J$13,0)+IF(Input!$K$14=1,K2372*Input!$J$14,0)+IF(Input!$K$15=1,L2372*Input!$J$15,0)+IF(Input!$K$16=1,M2372*Input!$J$16,0)</f>
        <v>1.6291188886438073</v>
      </c>
      <c r="O2372" s="58">
        <f>IF(Input!$K$13=2,J2372*Input!$J$13,0)+IF(Input!$K$14=2,K2372*Input!$J$14,0)+IF(Input!$K$15=2,L2372*Input!$J$15,0)+IF(Input!$K$16=2,M2372*Input!$J$16,0)</f>
        <v>4.9580652293977096E-2</v>
      </c>
      <c r="P2372" s="58">
        <f>IF(Input!$K$13=3,J2372*Input!$J$13,0)+IF(Input!$K$14=3,K2372*Input!$J$14,0)+IF(Input!$K$15=3,L2372*Input!$J$15,0)+IF(Input!$K$16=3,M2372*Input!$J$16,0)</f>
        <v>0</v>
      </c>
      <c r="Q2372" s="71">
        <f>IF(Input!$K$13=4,J2372*Input!$J$13,0)+IF(Input!$K$14=4,K2372*Input!$J$14,0)+IF(Input!$K$15=4,L2372*Input!$J$15,0)+IF(Input!$K$16=4,M2372*Input!$J$16,0)</f>
        <v>0</v>
      </c>
    </row>
    <row r="2373" spans="8:17" x14ac:dyDescent="0.25">
      <c r="H2373" s="43">
        <v>2366</v>
      </c>
      <c r="I2373" s="55">
        <f>Bühler!I2399</f>
        <v>5.0638237820929879</v>
      </c>
      <c r="J2373" s="58">
        <f>Bühler!J2399</f>
        <v>13.575990738698394</v>
      </c>
      <c r="K2373" s="58">
        <f>Bühler!K2399</f>
        <v>0.36726409106649699</v>
      </c>
      <c r="L2373" s="58">
        <f>Bühler!L2399</f>
        <v>0.18363204553324849</v>
      </c>
      <c r="M2373" s="57">
        <f>Bühler!M2399</f>
        <v>0</v>
      </c>
      <c r="N2373" s="55">
        <f>IF(Input!$K$13=1,J2373*Input!$J$13,0)+IF(Input!$K$14=1,K2373*Input!$J$14,0)+IF(Input!$K$15=1,L2373*Input!$J$15,0)+IF(Input!$K$16=1,M2373*Input!$J$16,0)</f>
        <v>1.6291188886438073</v>
      </c>
      <c r="O2373" s="58">
        <f>IF(Input!$K$13=2,J2373*Input!$J$13,0)+IF(Input!$K$14=2,K2373*Input!$J$14,0)+IF(Input!$K$15=2,L2373*Input!$J$15,0)+IF(Input!$K$16=2,M2373*Input!$J$16,0)</f>
        <v>4.9580652293977096E-2</v>
      </c>
      <c r="P2373" s="58">
        <f>IF(Input!$K$13=3,J2373*Input!$J$13,0)+IF(Input!$K$14=3,K2373*Input!$J$14,0)+IF(Input!$K$15=3,L2373*Input!$J$15,0)+IF(Input!$K$16=3,M2373*Input!$J$16,0)</f>
        <v>0</v>
      </c>
      <c r="Q2373" s="71">
        <f>IF(Input!$K$13=4,J2373*Input!$J$13,0)+IF(Input!$K$14=4,K2373*Input!$J$14,0)+IF(Input!$K$15=4,L2373*Input!$J$15,0)+IF(Input!$K$16=4,M2373*Input!$J$16,0)</f>
        <v>0</v>
      </c>
    </row>
    <row r="2374" spans="8:17" x14ac:dyDescent="0.25">
      <c r="H2374" s="43">
        <v>2367</v>
      </c>
      <c r="I2374" s="55">
        <f>Bühler!I2400</f>
        <v>5.0638237820929879</v>
      </c>
      <c r="J2374" s="58">
        <f>Bühler!J2400</f>
        <v>13.575990738698394</v>
      </c>
      <c r="K2374" s="58">
        <f>Bühler!K2400</f>
        <v>0.36726409106649699</v>
      </c>
      <c r="L2374" s="58">
        <f>Bühler!L2400</f>
        <v>0.18363204553324849</v>
      </c>
      <c r="M2374" s="57">
        <f>Bühler!M2400</f>
        <v>0</v>
      </c>
      <c r="N2374" s="55">
        <f>IF(Input!$K$13=1,J2374*Input!$J$13,0)+IF(Input!$K$14=1,K2374*Input!$J$14,0)+IF(Input!$K$15=1,L2374*Input!$J$15,0)+IF(Input!$K$16=1,M2374*Input!$J$16,0)</f>
        <v>1.6291188886438073</v>
      </c>
      <c r="O2374" s="58">
        <f>IF(Input!$K$13=2,J2374*Input!$J$13,0)+IF(Input!$K$14=2,K2374*Input!$J$14,0)+IF(Input!$K$15=2,L2374*Input!$J$15,0)+IF(Input!$K$16=2,M2374*Input!$J$16,0)</f>
        <v>4.9580652293977096E-2</v>
      </c>
      <c r="P2374" s="58">
        <f>IF(Input!$K$13=3,J2374*Input!$J$13,0)+IF(Input!$K$14=3,K2374*Input!$J$14,0)+IF(Input!$K$15=3,L2374*Input!$J$15,0)+IF(Input!$K$16=3,M2374*Input!$J$16,0)</f>
        <v>0</v>
      </c>
      <c r="Q2374" s="71">
        <f>IF(Input!$K$13=4,J2374*Input!$J$13,0)+IF(Input!$K$14=4,K2374*Input!$J$14,0)+IF(Input!$K$15=4,L2374*Input!$J$15,0)+IF(Input!$K$16=4,M2374*Input!$J$16,0)</f>
        <v>0</v>
      </c>
    </row>
    <row r="2375" spans="8:17" x14ac:dyDescent="0.25">
      <c r="H2375" s="43">
        <v>2368</v>
      </c>
      <c r="I2375" s="55">
        <f>Bühler!I2401</f>
        <v>4.5011766951937666</v>
      </c>
      <c r="J2375" s="58">
        <f>Bühler!J2401</f>
        <v>13.552547110077594</v>
      </c>
      <c r="K2375" s="58">
        <f>Bühler!K2401</f>
        <v>0.36726409106649699</v>
      </c>
      <c r="L2375" s="58">
        <f>Bühler!L2401</f>
        <v>0.18363204553324849</v>
      </c>
      <c r="M2375" s="57">
        <f>Bühler!M2401</f>
        <v>0</v>
      </c>
      <c r="N2375" s="55">
        <f>IF(Input!$K$13=1,J2375*Input!$J$13,0)+IF(Input!$K$14=1,K2375*Input!$J$14,0)+IF(Input!$K$15=1,L2375*Input!$J$15,0)+IF(Input!$K$16=1,M2375*Input!$J$16,0)</f>
        <v>1.6263056532093112</v>
      </c>
      <c r="O2375" s="58">
        <f>IF(Input!$K$13=2,J2375*Input!$J$13,0)+IF(Input!$K$14=2,K2375*Input!$J$14,0)+IF(Input!$K$15=2,L2375*Input!$J$15,0)+IF(Input!$K$16=2,M2375*Input!$J$16,0)</f>
        <v>4.9580652293977096E-2</v>
      </c>
      <c r="P2375" s="58">
        <f>IF(Input!$K$13=3,J2375*Input!$J$13,0)+IF(Input!$K$14=3,K2375*Input!$J$14,0)+IF(Input!$K$15=3,L2375*Input!$J$15,0)+IF(Input!$K$16=3,M2375*Input!$J$16,0)</f>
        <v>0</v>
      </c>
      <c r="Q2375" s="71">
        <f>IF(Input!$K$13=4,J2375*Input!$J$13,0)+IF(Input!$K$14=4,K2375*Input!$J$14,0)+IF(Input!$K$15=4,L2375*Input!$J$15,0)+IF(Input!$K$16=4,M2375*Input!$J$16,0)</f>
        <v>0</v>
      </c>
    </row>
    <row r="2376" spans="8:17" x14ac:dyDescent="0.25">
      <c r="H2376" s="43">
        <v>2369</v>
      </c>
      <c r="I2376" s="55">
        <f>Bühler!I2402</f>
        <v>4.4207985399224485</v>
      </c>
      <c r="J2376" s="58">
        <f>Bühler!J2402</f>
        <v>13.549198020274622</v>
      </c>
      <c r="K2376" s="58">
        <f>Bühler!K2402</f>
        <v>0.36726409106649699</v>
      </c>
      <c r="L2376" s="58">
        <f>Bühler!L2402</f>
        <v>0.18363204553324849</v>
      </c>
      <c r="M2376" s="57">
        <f>Bühler!M2402</f>
        <v>0</v>
      </c>
      <c r="N2376" s="55">
        <f>IF(Input!$K$13=1,J2376*Input!$J$13,0)+IF(Input!$K$14=1,K2376*Input!$J$14,0)+IF(Input!$K$15=1,L2376*Input!$J$15,0)+IF(Input!$K$16=1,M2376*Input!$J$16,0)</f>
        <v>1.6259037624329544</v>
      </c>
      <c r="O2376" s="58">
        <f>IF(Input!$K$13=2,J2376*Input!$J$13,0)+IF(Input!$K$14=2,K2376*Input!$J$14,0)+IF(Input!$K$15=2,L2376*Input!$J$15,0)+IF(Input!$K$16=2,M2376*Input!$J$16,0)</f>
        <v>4.9580652293977096E-2</v>
      </c>
      <c r="P2376" s="58">
        <f>IF(Input!$K$13=3,J2376*Input!$J$13,0)+IF(Input!$K$14=3,K2376*Input!$J$14,0)+IF(Input!$K$15=3,L2376*Input!$J$15,0)+IF(Input!$K$16=3,M2376*Input!$J$16,0)</f>
        <v>0</v>
      </c>
      <c r="Q2376" s="71">
        <f>IF(Input!$K$13=4,J2376*Input!$J$13,0)+IF(Input!$K$14=4,K2376*Input!$J$14,0)+IF(Input!$K$15=4,L2376*Input!$J$15,0)+IF(Input!$K$16=4,M2376*Input!$J$16,0)</f>
        <v>0</v>
      </c>
    </row>
    <row r="2377" spans="8:17" x14ac:dyDescent="0.25">
      <c r="H2377" s="43">
        <v>2370</v>
      </c>
      <c r="I2377" s="55">
        <f>Bühler!I2403</f>
        <v>3.7777732977519114</v>
      </c>
      <c r="J2377" s="58">
        <f>Bühler!J2403</f>
        <v>13.522405301850849</v>
      </c>
      <c r="K2377" s="58">
        <f>Bühler!K2403</f>
        <v>0.36726409106649699</v>
      </c>
      <c r="L2377" s="58">
        <f>Bühler!L2403</f>
        <v>0.18363204553324849</v>
      </c>
      <c r="M2377" s="57">
        <f>Bühler!M2403</f>
        <v>0</v>
      </c>
      <c r="N2377" s="55">
        <f>IF(Input!$K$13=1,J2377*Input!$J$13,0)+IF(Input!$K$14=1,K2377*Input!$J$14,0)+IF(Input!$K$15=1,L2377*Input!$J$15,0)+IF(Input!$K$16=1,M2377*Input!$J$16,0)</f>
        <v>1.6226886362221018</v>
      </c>
      <c r="O2377" s="58">
        <f>IF(Input!$K$13=2,J2377*Input!$J$13,0)+IF(Input!$K$14=2,K2377*Input!$J$14,0)+IF(Input!$K$15=2,L2377*Input!$J$15,0)+IF(Input!$K$16=2,M2377*Input!$J$16,0)</f>
        <v>4.9580652293977096E-2</v>
      </c>
      <c r="P2377" s="58">
        <f>IF(Input!$K$13=3,J2377*Input!$J$13,0)+IF(Input!$K$14=3,K2377*Input!$J$14,0)+IF(Input!$K$15=3,L2377*Input!$J$15,0)+IF(Input!$K$16=3,M2377*Input!$J$16,0)</f>
        <v>0</v>
      </c>
      <c r="Q2377" s="71">
        <f>IF(Input!$K$13=4,J2377*Input!$J$13,0)+IF(Input!$K$14=4,K2377*Input!$J$14,0)+IF(Input!$K$15=4,L2377*Input!$J$15,0)+IF(Input!$K$16=4,M2377*Input!$J$16,0)</f>
        <v>0</v>
      </c>
    </row>
    <row r="2378" spans="8:17" x14ac:dyDescent="0.25">
      <c r="H2378" s="43">
        <v>2371</v>
      </c>
      <c r="I2378" s="55">
        <f>Bühler!I2404</f>
        <v>3.5366388319379594</v>
      </c>
      <c r="J2378" s="58">
        <f>Bühler!J2404</f>
        <v>13.512358032441934</v>
      </c>
      <c r="K2378" s="58">
        <f>Bühler!K2404</f>
        <v>0.36726409106649699</v>
      </c>
      <c r="L2378" s="58">
        <f>Bühler!L2404</f>
        <v>0.18363204553324849</v>
      </c>
      <c r="M2378" s="57">
        <f>Bühler!M2404</f>
        <v>0</v>
      </c>
      <c r="N2378" s="55">
        <f>IF(Input!$K$13=1,J2378*Input!$J$13,0)+IF(Input!$K$14=1,K2378*Input!$J$14,0)+IF(Input!$K$15=1,L2378*Input!$J$15,0)+IF(Input!$K$16=1,M2378*Input!$J$16,0)</f>
        <v>1.6214829638930321</v>
      </c>
      <c r="O2378" s="58">
        <f>IF(Input!$K$13=2,J2378*Input!$J$13,0)+IF(Input!$K$14=2,K2378*Input!$J$14,0)+IF(Input!$K$15=2,L2378*Input!$J$15,0)+IF(Input!$K$16=2,M2378*Input!$J$16,0)</f>
        <v>4.9580652293977096E-2</v>
      </c>
      <c r="P2378" s="58">
        <f>IF(Input!$K$13=3,J2378*Input!$J$13,0)+IF(Input!$K$14=3,K2378*Input!$J$14,0)+IF(Input!$K$15=3,L2378*Input!$J$15,0)+IF(Input!$K$16=3,M2378*Input!$J$16,0)</f>
        <v>0</v>
      </c>
      <c r="Q2378" s="71">
        <f>IF(Input!$K$13=4,J2378*Input!$J$13,0)+IF(Input!$K$14=4,K2378*Input!$J$14,0)+IF(Input!$K$15=4,L2378*Input!$J$15,0)+IF(Input!$K$16=4,M2378*Input!$J$16,0)</f>
        <v>0</v>
      </c>
    </row>
    <row r="2379" spans="8:17" x14ac:dyDescent="0.25">
      <c r="H2379" s="43">
        <v>2372</v>
      </c>
      <c r="I2379" s="55">
        <f>Bühler!I2405</f>
        <v>2.973991745038739</v>
      </c>
      <c r="J2379" s="58">
        <f>Bühler!J2405</f>
        <v>13.488914403821134</v>
      </c>
      <c r="K2379" s="58">
        <f>Bühler!K2405</f>
        <v>0.36726409106649699</v>
      </c>
      <c r="L2379" s="58">
        <f>Bühler!L2405</f>
        <v>0.18363204553324849</v>
      </c>
      <c r="M2379" s="57">
        <f>Bühler!M2405</f>
        <v>0</v>
      </c>
      <c r="N2379" s="55">
        <f>IF(Input!$K$13=1,J2379*Input!$J$13,0)+IF(Input!$K$14=1,K2379*Input!$J$14,0)+IF(Input!$K$15=1,L2379*Input!$J$15,0)+IF(Input!$K$16=1,M2379*Input!$J$16,0)</f>
        <v>1.6186697284585361</v>
      </c>
      <c r="O2379" s="58">
        <f>IF(Input!$K$13=2,J2379*Input!$J$13,0)+IF(Input!$K$14=2,K2379*Input!$J$14,0)+IF(Input!$K$15=2,L2379*Input!$J$15,0)+IF(Input!$K$16=2,M2379*Input!$J$16,0)</f>
        <v>4.9580652293977096E-2</v>
      </c>
      <c r="P2379" s="58">
        <f>IF(Input!$K$13=3,J2379*Input!$J$13,0)+IF(Input!$K$14=3,K2379*Input!$J$14,0)+IF(Input!$K$15=3,L2379*Input!$J$15,0)+IF(Input!$K$16=3,M2379*Input!$J$16,0)</f>
        <v>0</v>
      </c>
      <c r="Q2379" s="71">
        <f>IF(Input!$K$13=4,J2379*Input!$J$13,0)+IF(Input!$K$14=4,K2379*Input!$J$14,0)+IF(Input!$K$15=4,L2379*Input!$J$15,0)+IF(Input!$K$16=4,M2379*Input!$J$16,0)</f>
        <v>0</v>
      </c>
    </row>
    <row r="2380" spans="8:17" x14ac:dyDescent="0.25">
      <c r="H2380" s="43">
        <v>2373</v>
      </c>
      <c r="I2380" s="55">
        <f>Bühler!I2406</f>
        <v>2.4917228134108349</v>
      </c>
      <c r="J2380" s="58">
        <f>Bühler!J2406</f>
        <v>13.468819865003306</v>
      </c>
      <c r="K2380" s="58">
        <f>Bühler!K2406</f>
        <v>0.36726409106649699</v>
      </c>
      <c r="L2380" s="58">
        <f>Bühler!L2406</f>
        <v>0.18363204553324849</v>
      </c>
      <c r="M2380" s="57">
        <f>Bühler!M2406</f>
        <v>0</v>
      </c>
      <c r="N2380" s="55">
        <f>IF(Input!$K$13=1,J2380*Input!$J$13,0)+IF(Input!$K$14=1,K2380*Input!$J$14,0)+IF(Input!$K$15=1,L2380*Input!$J$15,0)+IF(Input!$K$16=1,M2380*Input!$J$16,0)</f>
        <v>1.6162583838003968</v>
      </c>
      <c r="O2380" s="58">
        <f>IF(Input!$K$13=2,J2380*Input!$J$13,0)+IF(Input!$K$14=2,K2380*Input!$J$14,0)+IF(Input!$K$15=2,L2380*Input!$J$15,0)+IF(Input!$K$16=2,M2380*Input!$J$16,0)</f>
        <v>4.9580652293977096E-2</v>
      </c>
      <c r="P2380" s="58">
        <f>IF(Input!$K$13=3,J2380*Input!$J$13,0)+IF(Input!$K$14=3,K2380*Input!$J$14,0)+IF(Input!$K$15=3,L2380*Input!$J$15,0)+IF(Input!$K$16=3,M2380*Input!$J$16,0)</f>
        <v>0</v>
      </c>
      <c r="Q2380" s="71">
        <f>IF(Input!$K$13=4,J2380*Input!$J$13,0)+IF(Input!$K$14=4,K2380*Input!$J$14,0)+IF(Input!$K$15=4,L2380*Input!$J$15,0)+IF(Input!$K$16=4,M2380*Input!$J$16,0)</f>
        <v>0</v>
      </c>
    </row>
    <row r="2381" spans="8:17" x14ac:dyDescent="0.25">
      <c r="H2381" s="43">
        <v>2374</v>
      </c>
      <c r="I2381" s="55">
        <f>Bühler!I2407</f>
        <v>2.1702101923255661</v>
      </c>
      <c r="J2381" s="58">
        <f>Bühler!J2407</f>
        <v>13.455423505791419</v>
      </c>
      <c r="K2381" s="58">
        <f>Bühler!K2407</f>
        <v>0.36726409106649699</v>
      </c>
      <c r="L2381" s="58">
        <f>Bühler!L2407</f>
        <v>0.18363204553324849</v>
      </c>
      <c r="M2381" s="57">
        <f>Bühler!M2407</f>
        <v>0</v>
      </c>
      <c r="N2381" s="55">
        <f>IF(Input!$K$13=1,J2381*Input!$J$13,0)+IF(Input!$K$14=1,K2381*Input!$J$14,0)+IF(Input!$K$15=1,L2381*Input!$J$15,0)+IF(Input!$K$16=1,M2381*Input!$J$16,0)</f>
        <v>1.6146508206949701</v>
      </c>
      <c r="O2381" s="58">
        <f>IF(Input!$K$13=2,J2381*Input!$J$13,0)+IF(Input!$K$14=2,K2381*Input!$J$14,0)+IF(Input!$K$15=2,L2381*Input!$J$15,0)+IF(Input!$K$16=2,M2381*Input!$J$16,0)</f>
        <v>4.9580652293977096E-2</v>
      </c>
      <c r="P2381" s="58">
        <f>IF(Input!$K$13=3,J2381*Input!$J$13,0)+IF(Input!$K$14=3,K2381*Input!$J$14,0)+IF(Input!$K$15=3,L2381*Input!$J$15,0)+IF(Input!$K$16=3,M2381*Input!$J$16,0)</f>
        <v>0</v>
      </c>
      <c r="Q2381" s="71">
        <f>IF(Input!$K$13=4,J2381*Input!$J$13,0)+IF(Input!$K$14=4,K2381*Input!$J$14,0)+IF(Input!$K$15=4,L2381*Input!$J$15,0)+IF(Input!$K$16=4,M2381*Input!$J$16,0)</f>
        <v>0</v>
      </c>
    </row>
    <row r="2382" spans="8:17" x14ac:dyDescent="0.25">
      <c r="H2382" s="43">
        <v>2375</v>
      </c>
      <c r="I2382" s="55">
        <f>Bühler!I2408</f>
        <v>2.1702101923255661</v>
      </c>
      <c r="J2382" s="58">
        <f>Bühler!J2408</f>
        <v>13.455423505791419</v>
      </c>
      <c r="K2382" s="58">
        <f>Bühler!K2408</f>
        <v>0.36726409106649699</v>
      </c>
      <c r="L2382" s="58">
        <f>Bühler!L2408</f>
        <v>0.18363204553324849</v>
      </c>
      <c r="M2382" s="57">
        <f>Bühler!M2408</f>
        <v>0</v>
      </c>
      <c r="N2382" s="55">
        <f>IF(Input!$K$13=1,J2382*Input!$J$13,0)+IF(Input!$K$14=1,K2382*Input!$J$14,0)+IF(Input!$K$15=1,L2382*Input!$J$15,0)+IF(Input!$K$16=1,M2382*Input!$J$16,0)</f>
        <v>1.6146508206949701</v>
      </c>
      <c r="O2382" s="58">
        <f>IF(Input!$K$13=2,J2382*Input!$J$13,0)+IF(Input!$K$14=2,K2382*Input!$J$14,0)+IF(Input!$K$15=2,L2382*Input!$J$15,0)+IF(Input!$K$16=2,M2382*Input!$J$16,0)</f>
        <v>4.9580652293977096E-2</v>
      </c>
      <c r="P2382" s="58">
        <f>IF(Input!$K$13=3,J2382*Input!$J$13,0)+IF(Input!$K$14=3,K2382*Input!$J$14,0)+IF(Input!$K$15=3,L2382*Input!$J$15,0)+IF(Input!$K$16=3,M2382*Input!$J$16,0)</f>
        <v>0</v>
      </c>
      <c r="Q2382" s="71">
        <f>IF(Input!$K$13=4,J2382*Input!$J$13,0)+IF(Input!$K$14=4,K2382*Input!$J$14,0)+IF(Input!$K$15=4,L2382*Input!$J$15,0)+IF(Input!$K$16=4,M2382*Input!$J$16,0)</f>
        <v>0</v>
      </c>
    </row>
    <row r="2383" spans="8:17" x14ac:dyDescent="0.25">
      <c r="H2383" s="43">
        <v>2376</v>
      </c>
      <c r="I2383" s="55">
        <f>Bühler!I2409</f>
        <v>2.1702101923255661</v>
      </c>
      <c r="J2383" s="58">
        <f>Bühler!J2409</f>
        <v>13.455423505791419</v>
      </c>
      <c r="K2383" s="58">
        <f>Bühler!K2409</f>
        <v>0.36726409106649699</v>
      </c>
      <c r="L2383" s="58">
        <f>Bühler!L2409</f>
        <v>0.18363204553324849</v>
      </c>
      <c r="M2383" s="57">
        <f>Bühler!M2409</f>
        <v>0</v>
      </c>
      <c r="N2383" s="55">
        <f>IF(Input!$K$13=1,J2383*Input!$J$13,0)+IF(Input!$K$14=1,K2383*Input!$J$14,0)+IF(Input!$K$15=1,L2383*Input!$J$15,0)+IF(Input!$K$16=1,M2383*Input!$J$16,0)</f>
        <v>1.6146508206949701</v>
      </c>
      <c r="O2383" s="58">
        <f>IF(Input!$K$13=2,J2383*Input!$J$13,0)+IF(Input!$K$14=2,K2383*Input!$J$14,0)+IF(Input!$K$15=2,L2383*Input!$J$15,0)+IF(Input!$K$16=2,M2383*Input!$J$16,0)</f>
        <v>4.9580652293977096E-2</v>
      </c>
      <c r="P2383" s="58">
        <f>IF(Input!$K$13=3,J2383*Input!$J$13,0)+IF(Input!$K$14=3,K2383*Input!$J$14,0)+IF(Input!$K$15=3,L2383*Input!$J$15,0)+IF(Input!$K$16=3,M2383*Input!$J$16,0)</f>
        <v>0</v>
      </c>
      <c r="Q2383" s="71">
        <f>IF(Input!$K$13=4,J2383*Input!$J$13,0)+IF(Input!$K$14=4,K2383*Input!$J$14,0)+IF(Input!$K$15=4,L2383*Input!$J$15,0)+IF(Input!$K$16=4,M2383*Input!$J$16,0)</f>
        <v>0</v>
      </c>
    </row>
    <row r="2384" spans="8:17" x14ac:dyDescent="0.25">
      <c r="H2384" s="43">
        <v>2377</v>
      </c>
      <c r="I2384" s="55">
        <f>Bühler!I2410</f>
        <v>1.0460958671961831</v>
      </c>
      <c r="J2384" s="58">
        <f>Bühler!J2410</f>
        <v>10.64457378787221</v>
      </c>
      <c r="K2384" s="58">
        <f>Bühler!K2410</f>
        <v>0.59717247584322608</v>
      </c>
      <c r="L2384" s="58">
        <f>Bühler!L2410</f>
        <v>0.29858623792161304</v>
      </c>
      <c r="M2384" s="57">
        <f>Bühler!M2410</f>
        <v>0</v>
      </c>
      <c r="N2384" s="55">
        <f>IF(Input!$K$13=1,J2384*Input!$J$13,0)+IF(Input!$K$14=1,K2384*Input!$J$14,0)+IF(Input!$K$15=1,L2384*Input!$J$15,0)+IF(Input!$K$16=1,M2384*Input!$J$16,0)</f>
        <v>1.2773488545446652</v>
      </c>
      <c r="O2384" s="58">
        <f>IF(Input!$K$13=2,J2384*Input!$J$13,0)+IF(Input!$K$14=2,K2384*Input!$J$14,0)+IF(Input!$K$15=2,L2384*Input!$J$15,0)+IF(Input!$K$16=2,M2384*Input!$J$16,0)</f>
        <v>8.0618284238835519E-2</v>
      </c>
      <c r="P2384" s="58">
        <f>IF(Input!$K$13=3,J2384*Input!$J$13,0)+IF(Input!$K$14=3,K2384*Input!$J$14,0)+IF(Input!$K$15=3,L2384*Input!$J$15,0)+IF(Input!$K$16=3,M2384*Input!$J$16,0)</f>
        <v>0</v>
      </c>
      <c r="Q2384" s="71">
        <f>IF(Input!$K$13=4,J2384*Input!$J$13,0)+IF(Input!$K$14=4,K2384*Input!$J$14,0)+IF(Input!$K$15=4,L2384*Input!$J$15,0)+IF(Input!$K$16=4,M2384*Input!$J$16,0)</f>
        <v>0</v>
      </c>
    </row>
    <row r="2385" spans="8:17" x14ac:dyDescent="0.25">
      <c r="H2385" s="43">
        <v>2378</v>
      </c>
      <c r="I2385" s="55">
        <f>Bühler!I2411</f>
        <v>1.0460958671961831</v>
      </c>
      <c r="J2385" s="58">
        <f>Bühler!J2411</f>
        <v>10.64457378787221</v>
      </c>
      <c r="K2385" s="58">
        <f>Bühler!K2411</f>
        <v>0.59717247584322608</v>
      </c>
      <c r="L2385" s="58">
        <f>Bühler!L2411</f>
        <v>0.29858623792161304</v>
      </c>
      <c r="M2385" s="57">
        <f>Bühler!M2411</f>
        <v>0</v>
      </c>
      <c r="N2385" s="55">
        <f>IF(Input!$K$13=1,J2385*Input!$J$13,0)+IF(Input!$K$14=1,K2385*Input!$J$14,0)+IF(Input!$K$15=1,L2385*Input!$J$15,0)+IF(Input!$K$16=1,M2385*Input!$J$16,0)</f>
        <v>1.2773488545446652</v>
      </c>
      <c r="O2385" s="58">
        <f>IF(Input!$K$13=2,J2385*Input!$J$13,0)+IF(Input!$K$14=2,K2385*Input!$J$14,0)+IF(Input!$K$15=2,L2385*Input!$J$15,0)+IF(Input!$K$16=2,M2385*Input!$J$16,0)</f>
        <v>8.0618284238835519E-2</v>
      </c>
      <c r="P2385" s="58">
        <f>IF(Input!$K$13=3,J2385*Input!$J$13,0)+IF(Input!$K$14=3,K2385*Input!$J$14,0)+IF(Input!$K$15=3,L2385*Input!$J$15,0)+IF(Input!$K$16=3,M2385*Input!$J$16,0)</f>
        <v>0</v>
      </c>
      <c r="Q2385" s="71">
        <f>IF(Input!$K$13=4,J2385*Input!$J$13,0)+IF(Input!$K$14=4,K2385*Input!$J$14,0)+IF(Input!$K$15=4,L2385*Input!$J$15,0)+IF(Input!$K$16=4,M2385*Input!$J$16,0)</f>
        <v>0</v>
      </c>
    </row>
    <row r="2386" spans="8:17" x14ac:dyDescent="0.25">
      <c r="H2386" s="43">
        <v>2379</v>
      </c>
      <c r="I2386" s="55">
        <f>Bühler!I2412</f>
        <v>1.0460958671961831</v>
      </c>
      <c r="J2386" s="58">
        <f>Bühler!J2412</f>
        <v>10.64457378787221</v>
      </c>
      <c r="K2386" s="58">
        <f>Bühler!K2412</f>
        <v>0.59717247584322608</v>
      </c>
      <c r="L2386" s="58">
        <f>Bühler!L2412</f>
        <v>0.29858623792161304</v>
      </c>
      <c r="M2386" s="57">
        <f>Bühler!M2412</f>
        <v>0</v>
      </c>
      <c r="N2386" s="55">
        <f>IF(Input!$K$13=1,J2386*Input!$J$13,0)+IF(Input!$K$14=1,K2386*Input!$J$14,0)+IF(Input!$K$15=1,L2386*Input!$J$15,0)+IF(Input!$K$16=1,M2386*Input!$J$16,0)</f>
        <v>1.2773488545446652</v>
      </c>
      <c r="O2386" s="58">
        <f>IF(Input!$K$13=2,J2386*Input!$J$13,0)+IF(Input!$K$14=2,K2386*Input!$J$14,0)+IF(Input!$K$15=2,L2386*Input!$J$15,0)+IF(Input!$K$16=2,M2386*Input!$J$16,0)</f>
        <v>8.0618284238835519E-2</v>
      </c>
      <c r="P2386" s="58">
        <f>IF(Input!$K$13=3,J2386*Input!$J$13,0)+IF(Input!$K$14=3,K2386*Input!$J$14,0)+IF(Input!$K$15=3,L2386*Input!$J$15,0)+IF(Input!$K$16=3,M2386*Input!$J$16,0)</f>
        <v>0</v>
      </c>
      <c r="Q2386" s="71">
        <f>IF(Input!$K$13=4,J2386*Input!$J$13,0)+IF(Input!$K$14=4,K2386*Input!$J$14,0)+IF(Input!$K$15=4,L2386*Input!$J$15,0)+IF(Input!$K$16=4,M2386*Input!$J$16,0)</f>
        <v>0</v>
      </c>
    </row>
    <row r="2387" spans="8:17" x14ac:dyDescent="0.25">
      <c r="H2387" s="43">
        <v>2380</v>
      </c>
      <c r="I2387" s="55">
        <f>Bühler!I2413</f>
        <v>1.0460958671961831</v>
      </c>
      <c r="J2387" s="58">
        <f>Bühler!J2413</f>
        <v>10.64457378787221</v>
      </c>
      <c r="K2387" s="58">
        <f>Bühler!K2413</f>
        <v>0.59717247584322608</v>
      </c>
      <c r="L2387" s="58">
        <f>Bühler!L2413</f>
        <v>0.29858623792161304</v>
      </c>
      <c r="M2387" s="57">
        <f>Bühler!M2413</f>
        <v>0</v>
      </c>
      <c r="N2387" s="55">
        <f>IF(Input!$K$13=1,J2387*Input!$J$13,0)+IF(Input!$K$14=1,K2387*Input!$J$14,0)+IF(Input!$K$15=1,L2387*Input!$J$15,0)+IF(Input!$K$16=1,M2387*Input!$J$16,0)</f>
        <v>1.2773488545446652</v>
      </c>
      <c r="O2387" s="58">
        <f>IF(Input!$K$13=2,J2387*Input!$J$13,0)+IF(Input!$K$14=2,K2387*Input!$J$14,0)+IF(Input!$K$15=2,L2387*Input!$J$15,0)+IF(Input!$K$16=2,M2387*Input!$J$16,0)</f>
        <v>8.0618284238835519E-2</v>
      </c>
      <c r="P2387" s="58">
        <f>IF(Input!$K$13=3,J2387*Input!$J$13,0)+IF(Input!$K$14=3,K2387*Input!$J$14,0)+IF(Input!$K$15=3,L2387*Input!$J$15,0)+IF(Input!$K$16=3,M2387*Input!$J$16,0)</f>
        <v>0</v>
      </c>
      <c r="Q2387" s="71">
        <f>IF(Input!$K$13=4,J2387*Input!$J$13,0)+IF(Input!$K$14=4,K2387*Input!$J$14,0)+IF(Input!$K$15=4,L2387*Input!$J$15,0)+IF(Input!$K$16=4,M2387*Input!$J$16,0)</f>
        <v>0</v>
      </c>
    </row>
    <row r="2388" spans="8:17" x14ac:dyDescent="0.25">
      <c r="H2388" s="43">
        <v>2381</v>
      </c>
      <c r="I2388" s="55">
        <f>Bühler!I2414</f>
        <v>1.0460958671961831</v>
      </c>
      <c r="J2388" s="58">
        <f>Bühler!J2414</f>
        <v>10.64457378787221</v>
      </c>
      <c r="K2388" s="58">
        <f>Bühler!K2414</f>
        <v>0.59717247584322608</v>
      </c>
      <c r="L2388" s="58">
        <f>Bühler!L2414</f>
        <v>0.29858623792161304</v>
      </c>
      <c r="M2388" s="57">
        <f>Bühler!M2414</f>
        <v>0</v>
      </c>
      <c r="N2388" s="55">
        <f>IF(Input!$K$13=1,J2388*Input!$J$13,0)+IF(Input!$K$14=1,K2388*Input!$J$14,0)+IF(Input!$K$15=1,L2388*Input!$J$15,0)+IF(Input!$K$16=1,M2388*Input!$J$16,0)</f>
        <v>1.2773488545446652</v>
      </c>
      <c r="O2388" s="58">
        <f>IF(Input!$K$13=2,J2388*Input!$J$13,0)+IF(Input!$K$14=2,K2388*Input!$J$14,0)+IF(Input!$K$15=2,L2388*Input!$J$15,0)+IF(Input!$K$16=2,M2388*Input!$J$16,0)</f>
        <v>8.0618284238835519E-2</v>
      </c>
      <c r="P2388" s="58">
        <f>IF(Input!$K$13=3,J2388*Input!$J$13,0)+IF(Input!$K$14=3,K2388*Input!$J$14,0)+IF(Input!$K$15=3,L2388*Input!$J$15,0)+IF(Input!$K$16=3,M2388*Input!$J$16,0)</f>
        <v>0</v>
      </c>
      <c r="Q2388" s="71">
        <f>IF(Input!$K$13=4,J2388*Input!$J$13,0)+IF(Input!$K$14=4,K2388*Input!$J$14,0)+IF(Input!$K$15=4,L2388*Input!$J$15,0)+IF(Input!$K$16=4,M2388*Input!$J$16,0)</f>
        <v>0</v>
      </c>
    </row>
    <row r="2389" spans="8:17" x14ac:dyDescent="0.25">
      <c r="H2389" s="43">
        <v>2382</v>
      </c>
      <c r="I2389" s="55">
        <f>Bühler!I2415</f>
        <v>1.0460958671961831</v>
      </c>
      <c r="J2389" s="58">
        <f>Bühler!J2415</f>
        <v>10.64457378787221</v>
      </c>
      <c r="K2389" s="58">
        <f>Bühler!K2415</f>
        <v>0.59717247584322608</v>
      </c>
      <c r="L2389" s="58">
        <f>Bühler!L2415</f>
        <v>0.29858623792161304</v>
      </c>
      <c r="M2389" s="57">
        <f>Bühler!M2415</f>
        <v>0</v>
      </c>
      <c r="N2389" s="55">
        <f>IF(Input!$K$13=1,J2389*Input!$J$13,0)+IF(Input!$K$14=1,K2389*Input!$J$14,0)+IF(Input!$K$15=1,L2389*Input!$J$15,0)+IF(Input!$K$16=1,M2389*Input!$J$16,0)</f>
        <v>1.2773488545446652</v>
      </c>
      <c r="O2389" s="58">
        <f>IF(Input!$K$13=2,J2389*Input!$J$13,0)+IF(Input!$K$14=2,K2389*Input!$J$14,0)+IF(Input!$K$15=2,L2389*Input!$J$15,0)+IF(Input!$K$16=2,M2389*Input!$J$16,0)</f>
        <v>8.0618284238835519E-2</v>
      </c>
      <c r="P2389" s="58">
        <f>IF(Input!$K$13=3,J2389*Input!$J$13,0)+IF(Input!$K$14=3,K2389*Input!$J$14,0)+IF(Input!$K$15=3,L2389*Input!$J$15,0)+IF(Input!$K$16=3,M2389*Input!$J$16,0)</f>
        <v>0</v>
      </c>
      <c r="Q2389" s="71">
        <f>IF(Input!$K$13=4,J2389*Input!$J$13,0)+IF(Input!$K$14=4,K2389*Input!$J$14,0)+IF(Input!$K$15=4,L2389*Input!$J$15,0)+IF(Input!$K$16=4,M2389*Input!$J$16,0)</f>
        <v>0</v>
      </c>
    </row>
    <row r="2390" spans="8:17" x14ac:dyDescent="0.25">
      <c r="H2390" s="43">
        <v>2383</v>
      </c>
      <c r="I2390" s="55">
        <f>Bühler!I2416</f>
        <v>1.0460958671961831</v>
      </c>
      <c r="J2390" s="58">
        <f>Bühler!J2416</f>
        <v>10.64457378787221</v>
      </c>
      <c r="K2390" s="58">
        <f>Bühler!K2416</f>
        <v>0.59717247584322608</v>
      </c>
      <c r="L2390" s="58">
        <f>Bühler!L2416</f>
        <v>0.29858623792161304</v>
      </c>
      <c r="M2390" s="57">
        <f>Bühler!M2416</f>
        <v>0</v>
      </c>
      <c r="N2390" s="55">
        <f>IF(Input!$K$13=1,J2390*Input!$J$13,0)+IF(Input!$K$14=1,K2390*Input!$J$14,0)+IF(Input!$K$15=1,L2390*Input!$J$15,0)+IF(Input!$K$16=1,M2390*Input!$J$16,0)</f>
        <v>1.2773488545446652</v>
      </c>
      <c r="O2390" s="58">
        <f>IF(Input!$K$13=2,J2390*Input!$J$13,0)+IF(Input!$K$14=2,K2390*Input!$J$14,0)+IF(Input!$K$15=2,L2390*Input!$J$15,0)+IF(Input!$K$16=2,M2390*Input!$J$16,0)</f>
        <v>8.0618284238835519E-2</v>
      </c>
      <c r="P2390" s="58">
        <f>IF(Input!$K$13=3,J2390*Input!$J$13,0)+IF(Input!$K$14=3,K2390*Input!$J$14,0)+IF(Input!$K$15=3,L2390*Input!$J$15,0)+IF(Input!$K$16=3,M2390*Input!$J$16,0)</f>
        <v>0</v>
      </c>
      <c r="Q2390" s="71">
        <f>IF(Input!$K$13=4,J2390*Input!$J$13,0)+IF(Input!$K$14=4,K2390*Input!$J$14,0)+IF(Input!$K$15=4,L2390*Input!$J$15,0)+IF(Input!$K$16=4,M2390*Input!$J$16,0)</f>
        <v>0</v>
      </c>
    </row>
    <row r="2391" spans="8:17" x14ac:dyDescent="0.25">
      <c r="H2391" s="43">
        <v>2384</v>
      </c>
      <c r="I2391" s="55">
        <f>Bühler!I2417</f>
        <v>4.5505170223033966</v>
      </c>
      <c r="J2391" s="58">
        <f>Bühler!J2417</f>
        <v>45.447878683387231</v>
      </c>
      <c r="K2391" s="58">
        <f>Bühler!K2417</f>
        <v>2.5439547470921431</v>
      </c>
      <c r="L2391" s="58">
        <f>Bühler!L2417</f>
        <v>1.2719773735460715</v>
      </c>
      <c r="M2391" s="57">
        <f>Bühler!M2417</f>
        <v>0</v>
      </c>
      <c r="N2391" s="55">
        <f>IF(Input!$K$13=1,J2391*Input!$J$13,0)+IF(Input!$K$14=1,K2391*Input!$J$14,0)+IF(Input!$K$15=1,L2391*Input!$J$15,0)+IF(Input!$K$16=1,M2391*Input!$J$16,0)</f>
        <v>5.4537454420064675</v>
      </c>
      <c r="O2391" s="58">
        <f>IF(Input!$K$13=2,J2391*Input!$J$13,0)+IF(Input!$K$14=2,K2391*Input!$J$14,0)+IF(Input!$K$15=2,L2391*Input!$J$15,0)+IF(Input!$K$16=2,M2391*Input!$J$16,0)</f>
        <v>0.34343389085743931</v>
      </c>
      <c r="P2391" s="58">
        <f>IF(Input!$K$13=3,J2391*Input!$J$13,0)+IF(Input!$K$14=3,K2391*Input!$J$14,0)+IF(Input!$K$15=3,L2391*Input!$J$15,0)+IF(Input!$K$16=3,M2391*Input!$J$16,0)</f>
        <v>0</v>
      </c>
      <c r="Q2391" s="71">
        <f>IF(Input!$K$13=4,J2391*Input!$J$13,0)+IF(Input!$K$14=4,K2391*Input!$J$14,0)+IF(Input!$K$15=4,L2391*Input!$J$15,0)+IF(Input!$K$16=4,M2391*Input!$J$16,0)</f>
        <v>0</v>
      </c>
    </row>
    <row r="2392" spans="8:17" x14ac:dyDescent="0.25">
      <c r="H2392" s="43">
        <v>2385</v>
      </c>
      <c r="I2392" s="55">
        <f>Bühler!I2418</f>
        <v>5.1193316500913211</v>
      </c>
      <c r="J2392" s="58">
        <f>Bühler!J2418</f>
        <v>51.12886351881064</v>
      </c>
      <c r="K2392" s="58">
        <f>Bühler!K2418</f>
        <v>2.8619490904786611</v>
      </c>
      <c r="L2392" s="58">
        <f>Bühler!L2418</f>
        <v>1.4309745452393305</v>
      </c>
      <c r="M2392" s="57">
        <f>Bühler!M2418</f>
        <v>0</v>
      </c>
      <c r="N2392" s="55">
        <f>IF(Input!$K$13=1,J2392*Input!$J$13,0)+IF(Input!$K$14=1,K2392*Input!$J$14,0)+IF(Input!$K$15=1,L2392*Input!$J$15,0)+IF(Input!$K$16=1,M2392*Input!$J$16,0)</f>
        <v>6.1354636222572765</v>
      </c>
      <c r="O2392" s="58">
        <f>IF(Input!$K$13=2,J2392*Input!$J$13,0)+IF(Input!$K$14=2,K2392*Input!$J$14,0)+IF(Input!$K$15=2,L2392*Input!$J$15,0)+IF(Input!$K$16=2,M2392*Input!$J$16,0)</f>
        <v>0.38636312721461924</v>
      </c>
      <c r="P2392" s="58">
        <f>IF(Input!$K$13=3,J2392*Input!$J$13,0)+IF(Input!$K$14=3,K2392*Input!$J$14,0)+IF(Input!$K$15=3,L2392*Input!$J$15,0)+IF(Input!$K$16=3,M2392*Input!$J$16,0)</f>
        <v>0</v>
      </c>
      <c r="Q2392" s="71">
        <f>IF(Input!$K$13=4,J2392*Input!$J$13,0)+IF(Input!$K$14=4,K2392*Input!$J$14,0)+IF(Input!$K$15=4,L2392*Input!$J$15,0)+IF(Input!$K$16=4,M2392*Input!$J$16,0)</f>
        <v>0</v>
      </c>
    </row>
    <row r="2393" spans="8:17" x14ac:dyDescent="0.25">
      <c r="H2393" s="43">
        <v>2386</v>
      </c>
      <c r="I2393" s="55">
        <f>Bühler!I2419</f>
        <v>5.6881462778792446</v>
      </c>
      <c r="J2393" s="58">
        <f>Bühler!J2419</f>
        <v>56.809848354234042</v>
      </c>
      <c r="K2393" s="58">
        <f>Bühler!K2419</f>
        <v>3.1799434338651786</v>
      </c>
      <c r="L2393" s="58">
        <f>Bühler!L2419</f>
        <v>1.5899717169325893</v>
      </c>
      <c r="M2393" s="57">
        <f>Bühler!M2419</f>
        <v>0</v>
      </c>
      <c r="N2393" s="55">
        <f>IF(Input!$K$13=1,J2393*Input!$J$13,0)+IF(Input!$K$14=1,K2393*Input!$J$14,0)+IF(Input!$K$15=1,L2393*Input!$J$15,0)+IF(Input!$K$16=1,M2393*Input!$J$16,0)</f>
        <v>6.8171818025080846</v>
      </c>
      <c r="O2393" s="58">
        <f>IF(Input!$K$13=2,J2393*Input!$J$13,0)+IF(Input!$K$14=2,K2393*Input!$J$14,0)+IF(Input!$K$15=2,L2393*Input!$J$15,0)+IF(Input!$K$16=2,M2393*Input!$J$16,0)</f>
        <v>0.42929236357179912</v>
      </c>
      <c r="P2393" s="58">
        <f>IF(Input!$K$13=3,J2393*Input!$J$13,0)+IF(Input!$K$14=3,K2393*Input!$J$14,0)+IF(Input!$K$15=3,L2393*Input!$J$15,0)+IF(Input!$K$16=3,M2393*Input!$J$16,0)</f>
        <v>0</v>
      </c>
      <c r="Q2393" s="71">
        <f>IF(Input!$K$13=4,J2393*Input!$J$13,0)+IF(Input!$K$14=4,K2393*Input!$J$14,0)+IF(Input!$K$15=4,L2393*Input!$J$15,0)+IF(Input!$K$16=4,M2393*Input!$J$16,0)</f>
        <v>0</v>
      </c>
    </row>
    <row r="2394" spans="8:17" x14ac:dyDescent="0.25">
      <c r="H2394" s="43">
        <v>2387</v>
      </c>
      <c r="I2394" s="55">
        <f>Bühler!I2420</f>
        <v>5.6881462778792446</v>
      </c>
      <c r="J2394" s="58">
        <f>Bühler!J2420</f>
        <v>56.809848354234042</v>
      </c>
      <c r="K2394" s="58">
        <f>Bühler!K2420</f>
        <v>3.1799434338651786</v>
      </c>
      <c r="L2394" s="58">
        <f>Bühler!L2420</f>
        <v>1.5899717169325893</v>
      </c>
      <c r="M2394" s="57">
        <f>Bühler!M2420</f>
        <v>0</v>
      </c>
      <c r="N2394" s="55">
        <f>IF(Input!$K$13=1,J2394*Input!$J$13,0)+IF(Input!$K$14=1,K2394*Input!$J$14,0)+IF(Input!$K$15=1,L2394*Input!$J$15,0)+IF(Input!$K$16=1,M2394*Input!$J$16,0)</f>
        <v>6.8171818025080846</v>
      </c>
      <c r="O2394" s="58">
        <f>IF(Input!$K$13=2,J2394*Input!$J$13,0)+IF(Input!$K$14=2,K2394*Input!$J$14,0)+IF(Input!$K$15=2,L2394*Input!$J$15,0)+IF(Input!$K$16=2,M2394*Input!$J$16,0)</f>
        <v>0.42929236357179912</v>
      </c>
      <c r="P2394" s="58">
        <f>IF(Input!$K$13=3,J2394*Input!$J$13,0)+IF(Input!$K$14=3,K2394*Input!$J$14,0)+IF(Input!$K$15=3,L2394*Input!$J$15,0)+IF(Input!$K$16=3,M2394*Input!$J$16,0)</f>
        <v>0</v>
      </c>
      <c r="Q2394" s="71">
        <f>IF(Input!$K$13=4,J2394*Input!$J$13,0)+IF(Input!$K$14=4,K2394*Input!$J$14,0)+IF(Input!$K$15=4,L2394*Input!$J$15,0)+IF(Input!$K$16=4,M2394*Input!$J$16,0)</f>
        <v>0</v>
      </c>
    </row>
    <row r="2395" spans="8:17" x14ac:dyDescent="0.25">
      <c r="H2395" s="43">
        <v>2388</v>
      </c>
      <c r="I2395" s="55">
        <f>Bühler!I2421</f>
        <v>6.8257755334550927</v>
      </c>
      <c r="J2395" s="58">
        <f>Bühler!J2421</f>
        <v>68.171818025080853</v>
      </c>
      <c r="K2395" s="58">
        <f>Bühler!K2421</f>
        <v>3.8159321206382146</v>
      </c>
      <c r="L2395" s="58">
        <f>Bühler!L2421</f>
        <v>1.9079660603191073</v>
      </c>
      <c r="M2395" s="57">
        <f>Bühler!M2421</f>
        <v>0</v>
      </c>
      <c r="N2395" s="55">
        <f>IF(Input!$K$13=1,J2395*Input!$J$13,0)+IF(Input!$K$14=1,K2395*Input!$J$14,0)+IF(Input!$K$15=1,L2395*Input!$J$15,0)+IF(Input!$K$16=1,M2395*Input!$J$16,0)</f>
        <v>8.1806181630097026</v>
      </c>
      <c r="O2395" s="58">
        <f>IF(Input!$K$13=2,J2395*Input!$J$13,0)+IF(Input!$K$14=2,K2395*Input!$J$14,0)+IF(Input!$K$15=2,L2395*Input!$J$15,0)+IF(Input!$K$16=2,M2395*Input!$J$16,0)</f>
        <v>0.51515083628615899</v>
      </c>
      <c r="P2395" s="58">
        <f>IF(Input!$K$13=3,J2395*Input!$J$13,0)+IF(Input!$K$14=3,K2395*Input!$J$14,0)+IF(Input!$K$15=3,L2395*Input!$J$15,0)+IF(Input!$K$16=3,M2395*Input!$J$16,0)</f>
        <v>0</v>
      </c>
      <c r="Q2395" s="71">
        <f>IF(Input!$K$13=4,J2395*Input!$J$13,0)+IF(Input!$K$14=4,K2395*Input!$J$14,0)+IF(Input!$K$15=4,L2395*Input!$J$15,0)+IF(Input!$K$16=4,M2395*Input!$J$16,0)</f>
        <v>0</v>
      </c>
    </row>
    <row r="2396" spans="8:17" x14ac:dyDescent="0.25">
      <c r="H2396" s="43">
        <v>2389</v>
      </c>
      <c r="I2396" s="55">
        <f>Bühler!I2422</f>
        <v>6.8257755334550927</v>
      </c>
      <c r="J2396" s="58">
        <f>Bühler!J2422</f>
        <v>68.171818025080853</v>
      </c>
      <c r="K2396" s="58">
        <f>Bühler!K2422</f>
        <v>3.8159321206382146</v>
      </c>
      <c r="L2396" s="58">
        <f>Bühler!L2422</f>
        <v>1.9079660603191073</v>
      </c>
      <c r="M2396" s="57">
        <f>Bühler!M2422</f>
        <v>0</v>
      </c>
      <c r="N2396" s="55">
        <f>IF(Input!$K$13=1,J2396*Input!$J$13,0)+IF(Input!$K$14=1,K2396*Input!$J$14,0)+IF(Input!$K$15=1,L2396*Input!$J$15,0)+IF(Input!$K$16=1,M2396*Input!$J$16,0)</f>
        <v>8.1806181630097026</v>
      </c>
      <c r="O2396" s="58">
        <f>IF(Input!$K$13=2,J2396*Input!$J$13,0)+IF(Input!$K$14=2,K2396*Input!$J$14,0)+IF(Input!$K$15=2,L2396*Input!$J$15,0)+IF(Input!$K$16=2,M2396*Input!$J$16,0)</f>
        <v>0.51515083628615899</v>
      </c>
      <c r="P2396" s="58">
        <f>IF(Input!$K$13=3,J2396*Input!$J$13,0)+IF(Input!$K$14=3,K2396*Input!$J$14,0)+IF(Input!$K$15=3,L2396*Input!$J$15,0)+IF(Input!$K$16=3,M2396*Input!$J$16,0)</f>
        <v>0</v>
      </c>
      <c r="Q2396" s="71">
        <f>IF(Input!$K$13=4,J2396*Input!$J$13,0)+IF(Input!$K$14=4,K2396*Input!$J$14,0)+IF(Input!$K$15=4,L2396*Input!$J$15,0)+IF(Input!$K$16=4,M2396*Input!$J$16,0)</f>
        <v>0</v>
      </c>
    </row>
    <row r="2397" spans="8:17" x14ac:dyDescent="0.25">
      <c r="H2397" s="43">
        <v>2390</v>
      </c>
      <c r="I2397" s="55">
        <f>Bühler!I2423</f>
        <v>4.5505170223033966</v>
      </c>
      <c r="J2397" s="58">
        <f>Bühler!J2423</f>
        <v>45.447878683387231</v>
      </c>
      <c r="K2397" s="58">
        <f>Bühler!K2423</f>
        <v>2.5439547470921431</v>
      </c>
      <c r="L2397" s="58">
        <f>Bühler!L2423</f>
        <v>1.2719773735460715</v>
      </c>
      <c r="M2397" s="57">
        <f>Bühler!M2423</f>
        <v>0</v>
      </c>
      <c r="N2397" s="55">
        <f>IF(Input!$K$13=1,J2397*Input!$J$13,0)+IF(Input!$K$14=1,K2397*Input!$J$14,0)+IF(Input!$K$15=1,L2397*Input!$J$15,0)+IF(Input!$K$16=1,M2397*Input!$J$16,0)</f>
        <v>5.4537454420064675</v>
      </c>
      <c r="O2397" s="58">
        <f>IF(Input!$K$13=2,J2397*Input!$J$13,0)+IF(Input!$K$14=2,K2397*Input!$J$14,0)+IF(Input!$K$15=2,L2397*Input!$J$15,0)+IF(Input!$K$16=2,M2397*Input!$J$16,0)</f>
        <v>0.34343389085743931</v>
      </c>
      <c r="P2397" s="58">
        <f>IF(Input!$K$13=3,J2397*Input!$J$13,0)+IF(Input!$K$14=3,K2397*Input!$J$14,0)+IF(Input!$K$15=3,L2397*Input!$J$15,0)+IF(Input!$K$16=3,M2397*Input!$J$16,0)</f>
        <v>0</v>
      </c>
      <c r="Q2397" s="71">
        <f>IF(Input!$K$13=4,J2397*Input!$J$13,0)+IF(Input!$K$14=4,K2397*Input!$J$14,0)+IF(Input!$K$15=4,L2397*Input!$J$15,0)+IF(Input!$K$16=4,M2397*Input!$J$16,0)</f>
        <v>0</v>
      </c>
    </row>
    <row r="2398" spans="8:17" x14ac:dyDescent="0.25">
      <c r="H2398" s="43">
        <v>2391</v>
      </c>
      <c r="I2398" s="55">
        <f>Bühler!I2424</f>
        <v>6.8257755334550927</v>
      </c>
      <c r="J2398" s="58">
        <f>Bühler!J2424</f>
        <v>68.171818025080853</v>
      </c>
      <c r="K2398" s="58">
        <f>Bühler!K2424</f>
        <v>3.8159321206382146</v>
      </c>
      <c r="L2398" s="58">
        <f>Bühler!L2424</f>
        <v>1.9079660603191073</v>
      </c>
      <c r="M2398" s="57">
        <f>Bühler!M2424</f>
        <v>0</v>
      </c>
      <c r="N2398" s="55">
        <f>IF(Input!$K$13=1,J2398*Input!$J$13,0)+IF(Input!$K$14=1,K2398*Input!$J$14,0)+IF(Input!$K$15=1,L2398*Input!$J$15,0)+IF(Input!$K$16=1,M2398*Input!$J$16,0)</f>
        <v>8.1806181630097026</v>
      </c>
      <c r="O2398" s="58">
        <f>IF(Input!$K$13=2,J2398*Input!$J$13,0)+IF(Input!$K$14=2,K2398*Input!$J$14,0)+IF(Input!$K$15=2,L2398*Input!$J$15,0)+IF(Input!$K$16=2,M2398*Input!$J$16,0)</f>
        <v>0.51515083628615899</v>
      </c>
      <c r="P2398" s="58">
        <f>IF(Input!$K$13=3,J2398*Input!$J$13,0)+IF(Input!$K$14=3,K2398*Input!$J$14,0)+IF(Input!$K$15=3,L2398*Input!$J$15,0)+IF(Input!$K$16=3,M2398*Input!$J$16,0)</f>
        <v>0</v>
      </c>
      <c r="Q2398" s="71">
        <f>IF(Input!$K$13=4,J2398*Input!$J$13,0)+IF(Input!$K$14=4,K2398*Input!$J$14,0)+IF(Input!$K$15=4,L2398*Input!$J$15,0)+IF(Input!$K$16=4,M2398*Input!$J$16,0)</f>
        <v>0</v>
      </c>
    </row>
    <row r="2399" spans="8:17" x14ac:dyDescent="0.25">
      <c r="H2399" s="43">
        <v>2392</v>
      </c>
      <c r="I2399" s="55">
        <f>Bühler!I2425</f>
        <v>6.8257755334550927</v>
      </c>
      <c r="J2399" s="58">
        <f>Bühler!J2425</f>
        <v>68.171818025080853</v>
      </c>
      <c r="K2399" s="58">
        <f>Bühler!K2425</f>
        <v>3.8159321206382146</v>
      </c>
      <c r="L2399" s="58">
        <f>Bühler!L2425</f>
        <v>1.9079660603191073</v>
      </c>
      <c r="M2399" s="57">
        <f>Bühler!M2425</f>
        <v>0</v>
      </c>
      <c r="N2399" s="55">
        <f>IF(Input!$K$13=1,J2399*Input!$J$13,0)+IF(Input!$K$14=1,K2399*Input!$J$14,0)+IF(Input!$K$15=1,L2399*Input!$J$15,0)+IF(Input!$K$16=1,M2399*Input!$J$16,0)</f>
        <v>8.1806181630097026</v>
      </c>
      <c r="O2399" s="58">
        <f>IF(Input!$K$13=2,J2399*Input!$J$13,0)+IF(Input!$K$14=2,K2399*Input!$J$14,0)+IF(Input!$K$15=2,L2399*Input!$J$15,0)+IF(Input!$K$16=2,M2399*Input!$J$16,0)</f>
        <v>0.51515083628615899</v>
      </c>
      <c r="P2399" s="58">
        <f>IF(Input!$K$13=3,J2399*Input!$J$13,0)+IF(Input!$K$14=3,K2399*Input!$J$14,0)+IF(Input!$K$15=3,L2399*Input!$J$15,0)+IF(Input!$K$16=3,M2399*Input!$J$16,0)</f>
        <v>0</v>
      </c>
      <c r="Q2399" s="71">
        <f>IF(Input!$K$13=4,J2399*Input!$J$13,0)+IF(Input!$K$14=4,K2399*Input!$J$14,0)+IF(Input!$K$15=4,L2399*Input!$J$15,0)+IF(Input!$K$16=4,M2399*Input!$J$16,0)</f>
        <v>0</v>
      </c>
    </row>
    <row r="2400" spans="8:17" x14ac:dyDescent="0.25">
      <c r="H2400" s="43">
        <v>2393</v>
      </c>
      <c r="I2400" s="55">
        <f>Bühler!I2426</f>
        <v>5.6881462778792446</v>
      </c>
      <c r="J2400" s="58">
        <f>Bühler!J2426</f>
        <v>41.615541388274572</v>
      </c>
      <c r="K2400" s="58">
        <f>Bühler!K2426</f>
        <v>2.2259604037056246</v>
      </c>
      <c r="L2400" s="58">
        <f>Bühler!L2426</f>
        <v>1.1129802018528123</v>
      </c>
      <c r="M2400" s="57">
        <f>Bühler!M2426</f>
        <v>0</v>
      </c>
      <c r="N2400" s="55">
        <f>IF(Input!$K$13=1,J2400*Input!$J$13,0)+IF(Input!$K$14=1,K2400*Input!$J$14,0)+IF(Input!$K$15=1,L2400*Input!$J$15,0)+IF(Input!$K$16=1,M2400*Input!$J$16,0)</f>
        <v>4.9938649665929482</v>
      </c>
      <c r="O2400" s="58">
        <f>IF(Input!$K$13=2,J2400*Input!$J$13,0)+IF(Input!$K$14=2,K2400*Input!$J$14,0)+IF(Input!$K$15=2,L2400*Input!$J$15,0)+IF(Input!$K$16=2,M2400*Input!$J$16,0)</f>
        <v>0.30050465450025932</v>
      </c>
      <c r="P2400" s="58">
        <f>IF(Input!$K$13=3,J2400*Input!$J$13,0)+IF(Input!$K$14=3,K2400*Input!$J$14,0)+IF(Input!$K$15=3,L2400*Input!$J$15,0)+IF(Input!$K$16=3,M2400*Input!$J$16,0)</f>
        <v>0</v>
      </c>
      <c r="Q2400" s="71">
        <f>IF(Input!$K$13=4,J2400*Input!$J$13,0)+IF(Input!$K$14=4,K2400*Input!$J$14,0)+IF(Input!$K$15=4,L2400*Input!$J$15,0)+IF(Input!$K$16=4,M2400*Input!$J$16,0)</f>
        <v>0</v>
      </c>
    </row>
    <row r="2401" spans="8:17" x14ac:dyDescent="0.25">
      <c r="H2401" s="43">
        <v>2394</v>
      </c>
      <c r="I2401" s="55">
        <f>Bühler!I2427</f>
        <v>4.5766694189833004</v>
      </c>
      <c r="J2401" s="58">
        <f>Bühler!J2427</f>
        <v>15.087596514538216</v>
      </c>
      <c r="K2401" s="58">
        <f>Bühler!K2427</f>
        <v>0.63598868677303577</v>
      </c>
      <c r="L2401" s="58">
        <f>Bühler!L2427</f>
        <v>0.31799434338651789</v>
      </c>
      <c r="M2401" s="57">
        <f>Bühler!M2427</f>
        <v>0</v>
      </c>
      <c r="N2401" s="55">
        <f>IF(Input!$K$13=1,J2401*Input!$J$13,0)+IF(Input!$K$14=1,K2401*Input!$J$14,0)+IF(Input!$K$15=1,L2401*Input!$J$15,0)+IF(Input!$K$16=1,M2401*Input!$J$16,0)</f>
        <v>1.8105115817445858</v>
      </c>
      <c r="O2401" s="58">
        <f>IF(Input!$K$13=2,J2401*Input!$J$13,0)+IF(Input!$K$14=2,K2401*Input!$J$14,0)+IF(Input!$K$15=2,L2401*Input!$J$15,0)+IF(Input!$K$16=2,M2401*Input!$J$16,0)</f>
        <v>8.5858472714359826E-2</v>
      </c>
      <c r="P2401" s="58">
        <f>IF(Input!$K$13=3,J2401*Input!$J$13,0)+IF(Input!$K$14=3,K2401*Input!$J$14,0)+IF(Input!$K$15=3,L2401*Input!$J$15,0)+IF(Input!$K$16=3,M2401*Input!$J$16,0)</f>
        <v>0</v>
      </c>
      <c r="Q2401" s="71">
        <f>IF(Input!$K$13=4,J2401*Input!$J$13,0)+IF(Input!$K$14=4,K2401*Input!$J$14,0)+IF(Input!$K$15=4,L2401*Input!$J$15,0)+IF(Input!$K$16=4,M2401*Input!$J$16,0)</f>
        <v>0</v>
      </c>
    </row>
    <row r="2402" spans="8:17" x14ac:dyDescent="0.25">
      <c r="H2402" s="43">
        <v>2395</v>
      </c>
      <c r="I2402" s="55">
        <f>Bühler!I2428</f>
        <v>1.634524792494036</v>
      </c>
      <c r="J2402" s="58">
        <f>Bühler!J2428</f>
        <v>11.757603620198699</v>
      </c>
      <c r="K2402" s="58">
        <f>Bühler!K2428</f>
        <v>0.62703109963538739</v>
      </c>
      <c r="L2402" s="58">
        <f>Bühler!L2428</f>
        <v>0.3135155498176937</v>
      </c>
      <c r="M2402" s="57">
        <f>Bühler!M2428</f>
        <v>0</v>
      </c>
      <c r="N2402" s="55">
        <f>IF(Input!$K$13=1,J2402*Input!$J$13,0)+IF(Input!$K$14=1,K2402*Input!$J$14,0)+IF(Input!$K$15=1,L2402*Input!$J$15,0)+IF(Input!$K$16=1,M2402*Input!$J$16,0)</f>
        <v>1.4109124344238437</v>
      </c>
      <c r="O2402" s="58">
        <f>IF(Input!$K$13=2,J2402*Input!$J$13,0)+IF(Input!$K$14=2,K2402*Input!$J$14,0)+IF(Input!$K$15=2,L2402*Input!$J$15,0)+IF(Input!$K$16=2,M2402*Input!$J$16,0)</f>
        <v>8.4649198450777285E-2</v>
      </c>
      <c r="P2402" s="58">
        <f>IF(Input!$K$13=3,J2402*Input!$J$13,0)+IF(Input!$K$14=3,K2402*Input!$J$14,0)+IF(Input!$K$15=3,L2402*Input!$J$15,0)+IF(Input!$K$16=3,M2402*Input!$J$16,0)</f>
        <v>0</v>
      </c>
      <c r="Q2402" s="71">
        <f>IF(Input!$K$13=4,J2402*Input!$J$13,0)+IF(Input!$K$14=4,K2402*Input!$J$14,0)+IF(Input!$K$15=4,L2402*Input!$J$15,0)+IF(Input!$K$16=4,M2402*Input!$J$16,0)</f>
        <v>0</v>
      </c>
    </row>
    <row r="2403" spans="8:17" x14ac:dyDescent="0.25">
      <c r="H2403" s="43">
        <v>2396</v>
      </c>
      <c r="I2403" s="55">
        <f>Bühler!I2429</f>
        <v>1.634524792494036</v>
      </c>
      <c r="J2403" s="58">
        <f>Bühler!J2429</f>
        <v>11.757603620198699</v>
      </c>
      <c r="K2403" s="58">
        <f>Bühler!K2429</f>
        <v>0.62703109963538739</v>
      </c>
      <c r="L2403" s="58">
        <f>Bühler!L2429</f>
        <v>0.3135155498176937</v>
      </c>
      <c r="M2403" s="57">
        <f>Bühler!M2429</f>
        <v>0</v>
      </c>
      <c r="N2403" s="55">
        <f>IF(Input!$K$13=1,J2403*Input!$J$13,0)+IF(Input!$K$14=1,K2403*Input!$J$14,0)+IF(Input!$K$15=1,L2403*Input!$J$15,0)+IF(Input!$K$16=1,M2403*Input!$J$16,0)</f>
        <v>1.4109124344238437</v>
      </c>
      <c r="O2403" s="58">
        <f>IF(Input!$K$13=2,J2403*Input!$J$13,0)+IF(Input!$K$14=2,K2403*Input!$J$14,0)+IF(Input!$K$15=2,L2403*Input!$J$15,0)+IF(Input!$K$16=2,M2403*Input!$J$16,0)</f>
        <v>8.4649198450777285E-2</v>
      </c>
      <c r="P2403" s="58">
        <f>IF(Input!$K$13=3,J2403*Input!$J$13,0)+IF(Input!$K$14=3,K2403*Input!$J$14,0)+IF(Input!$K$15=3,L2403*Input!$J$15,0)+IF(Input!$K$16=3,M2403*Input!$J$16,0)</f>
        <v>0</v>
      </c>
      <c r="Q2403" s="71">
        <f>IF(Input!$K$13=4,J2403*Input!$J$13,0)+IF(Input!$K$14=4,K2403*Input!$J$14,0)+IF(Input!$K$15=4,L2403*Input!$J$15,0)+IF(Input!$K$16=4,M2403*Input!$J$16,0)</f>
        <v>0</v>
      </c>
    </row>
    <row r="2404" spans="8:17" x14ac:dyDescent="0.25">
      <c r="H2404" s="43">
        <v>2397</v>
      </c>
      <c r="I2404" s="55">
        <f>Bühler!I2430</f>
        <v>1.634524792494036</v>
      </c>
      <c r="J2404" s="58">
        <f>Bühler!J2430</f>
        <v>11.757603620198699</v>
      </c>
      <c r="K2404" s="58">
        <f>Bühler!K2430</f>
        <v>0.62703109963538739</v>
      </c>
      <c r="L2404" s="58">
        <f>Bühler!L2430</f>
        <v>0.3135155498176937</v>
      </c>
      <c r="M2404" s="57">
        <f>Bühler!M2430</f>
        <v>0</v>
      </c>
      <c r="N2404" s="55">
        <f>IF(Input!$K$13=1,J2404*Input!$J$13,0)+IF(Input!$K$14=1,K2404*Input!$J$14,0)+IF(Input!$K$15=1,L2404*Input!$J$15,0)+IF(Input!$K$16=1,M2404*Input!$J$16,0)</f>
        <v>1.4109124344238437</v>
      </c>
      <c r="O2404" s="58">
        <f>IF(Input!$K$13=2,J2404*Input!$J$13,0)+IF(Input!$K$14=2,K2404*Input!$J$14,0)+IF(Input!$K$15=2,L2404*Input!$J$15,0)+IF(Input!$K$16=2,M2404*Input!$J$16,0)</f>
        <v>8.4649198450777285E-2</v>
      </c>
      <c r="P2404" s="58">
        <f>IF(Input!$K$13=3,J2404*Input!$J$13,0)+IF(Input!$K$14=3,K2404*Input!$J$14,0)+IF(Input!$K$15=3,L2404*Input!$J$15,0)+IF(Input!$K$16=3,M2404*Input!$J$16,0)</f>
        <v>0</v>
      </c>
      <c r="Q2404" s="71">
        <f>IF(Input!$K$13=4,J2404*Input!$J$13,0)+IF(Input!$K$14=4,K2404*Input!$J$14,0)+IF(Input!$K$15=4,L2404*Input!$J$15,0)+IF(Input!$K$16=4,M2404*Input!$J$16,0)</f>
        <v>0</v>
      </c>
    </row>
    <row r="2405" spans="8:17" x14ac:dyDescent="0.25">
      <c r="H2405" s="43">
        <v>2398</v>
      </c>
      <c r="I2405" s="55">
        <f>Bühler!I2431</f>
        <v>1.634524792494036</v>
      </c>
      <c r="J2405" s="58">
        <f>Bühler!J2431</f>
        <v>11.757603620198699</v>
      </c>
      <c r="K2405" s="58">
        <f>Bühler!K2431</f>
        <v>0.62703109963538739</v>
      </c>
      <c r="L2405" s="58">
        <f>Bühler!L2431</f>
        <v>0.3135155498176937</v>
      </c>
      <c r="M2405" s="57">
        <f>Bühler!M2431</f>
        <v>0</v>
      </c>
      <c r="N2405" s="55">
        <f>IF(Input!$K$13=1,J2405*Input!$J$13,0)+IF(Input!$K$14=1,K2405*Input!$J$14,0)+IF(Input!$K$15=1,L2405*Input!$J$15,0)+IF(Input!$K$16=1,M2405*Input!$J$16,0)</f>
        <v>1.4109124344238437</v>
      </c>
      <c r="O2405" s="58">
        <f>IF(Input!$K$13=2,J2405*Input!$J$13,0)+IF(Input!$K$14=2,K2405*Input!$J$14,0)+IF(Input!$K$15=2,L2405*Input!$J$15,0)+IF(Input!$K$16=2,M2405*Input!$J$16,0)</f>
        <v>8.4649198450777285E-2</v>
      </c>
      <c r="P2405" s="58">
        <f>IF(Input!$K$13=3,J2405*Input!$J$13,0)+IF(Input!$K$14=3,K2405*Input!$J$14,0)+IF(Input!$K$15=3,L2405*Input!$J$15,0)+IF(Input!$K$16=3,M2405*Input!$J$16,0)</f>
        <v>0</v>
      </c>
      <c r="Q2405" s="71">
        <f>IF(Input!$K$13=4,J2405*Input!$J$13,0)+IF(Input!$K$14=4,K2405*Input!$J$14,0)+IF(Input!$K$15=4,L2405*Input!$J$15,0)+IF(Input!$K$16=4,M2405*Input!$J$16,0)</f>
        <v>0</v>
      </c>
    </row>
    <row r="2406" spans="8:17" x14ac:dyDescent="0.25">
      <c r="H2406" s="43">
        <v>2399</v>
      </c>
      <c r="I2406" s="55">
        <f>Bühler!I2432</f>
        <v>1.634524792494036</v>
      </c>
      <c r="J2406" s="58">
        <f>Bühler!J2432</f>
        <v>11.757603620198699</v>
      </c>
      <c r="K2406" s="58">
        <f>Bühler!K2432</f>
        <v>0.62703109963538739</v>
      </c>
      <c r="L2406" s="58">
        <f>Bühler!L2432</f>
        <v>0.3135155498176937</v>
      </c>
      <c r="M2406" s="57">
        <f>Bühler!M2432</f>
        <v>0</v>
      </c>
      <c r="N2406" s="55">
        <f>IF(Input!$K$13=1,J2406*Input!$J$13,0)+IF(Input!$K$14=1,K2406*Input!$J$14,0)+IF(Input!$K$15=1,L2406*Input!$J$15,0)+IF(Input!$K$16=1,M2406*Input!$J$16,0)</f>
        <v>1.4109124344238437</v>
      </c>
      <c r="O2406" s="58">
        <f>IF(Input!$K$13=2,J2406*Input!$J$13,0)+IF(Input!$K$14=2,K2406*Input!$J$14,0)+IF(Input!$K$15=2,L2406*Input!$J$15,0)+IF(Input!$K$16=2,M2406*Input!$J$16,0)</f>
        <v>8.4649198450777285E-2</v>
      </c>
      <c r="P2406" s="58">
        <f>IF(Input!$K$13=3,J2406*Input!$J$13,0)+IF(Input!$K$14=3,K2406*Input!$J$14,0)+IF(Input!$K$15=3,L2406*Input!$J$15,0)+IF(Input!$K$16=3,M2406*Input!$J$16,0)</f>
        <v>0</v>
      </c>
      <c r="Q2406" s="71">
        <f>IF(Input!$K$13=4,J2406*Input!$J$13,0)+IF(Input!$K$14=4,K2406*Input!$J$14,0)+IF(Input!$K$15=4,L2406*Input!$J$15,0)+IF(Input!$K$16=4,M2406*Input!$J$16,0)</f>
        <v>0</v>
      </c>
    </row>
    <row r="2407" spans="8:17" x14ac:dyDescent="0.25">
      <c r="H2407" s="43">
        <v>2400</v>
      </c>
      <c r="I2407" s="55">
        <f>Bühler!I2433</f>
        <v>1.634524792494036</v>
      </c>
      <c r="J2407" s="58">
        <f>Bühler!J2433</f>
        <v>11.757603620198699</v>
      </c>
      <c r="K2407" s="58">
        <f>Bühler!K2433</f>
        <v>0.62703109963538739</v>
      </c>
      <c r="L2407" s="58">
        <f>Bühler!L2433</f>
        <v>0.3135155498176937</v>
      </c>
      <c r="M2407" s="57">
        <f>Bühler!M2433</f>
        <v>0</v>
      </c>
      <c r="N2407" s="55">
        <f>IF(Input!$K$13=1,J2407*Input!$J$13,0)+IF(Input!$K$14=1,K2407*Input!$J$14,0)+IF(Input!$K$15=1,L2407*Input!$J$15,0)+IF(Input!$K$16=1,M2407*Input!$J$16,0)</f>
        <v>1.4109124344238437</v>
      </c>
      <c r="O2407" s="58">
        <f>IF(Input!$K$13=2,J2407*Input!$J$13,0)+IF(Input!$K$14=2,K2407*Input!$J$14,0)+IF(Input!$K$15=2,L2407*Input!$J$15,0)+IF(Input!$K$16=2,M2407*Input!$J$16,0)</f>
        <v>8.4649198450777285E-2</v>
      </c>
      <c r="P2407" s="58">
        <f>IF(Input!$K$13=3,J2407*Input!$J$13,0)+IF(Input!$K$14=3,K2407*Input!$J$14,0)+IF(Input!$K$15=3,L2407*Input!$J$15,0)+IF(Input!$K$16=3,M2407*Input!$J$16,0)</f>
        <v>0</v>
      </c>
      <c r="Q2407" s="71">
        <f>IF(Input!$K$13=4,J2407*Input!$J$13,0)+IF(Input!$K$14=4,K2407*Input!$J$14,0)+IF(Input!$K$15=4,L2407*Input!$J$15,0)+IF(Input!$K$16=4,M2407*Input!$J$16,0)</f>
        <v>0</v>
      </c>
    </row>
    <row r="2408" spans="8:17" x14ac:dyDescent="0.25">
      <c r="H2408" s="43">
        <v>2401</v>
      </c>
      <c r="I2408" s="55">
        <f>Bühler!I2434</f>
        <v>2.1184484052104833</v>
      </c>
      <c r="J2408" s="58">
        <f>Bühler!J2434</f>
        <v>9.0001990900357356</v>
      </c>
      <c r="K2408" s="58">
        <f>Bühler!K2434</f>
        <v>0.40340755689020891</v>
      </c>
      <c r="L2408" s="58">
        <f>Bühler!L2434</f>
        <v>0.20170377844510445</v>
      </c>
      <c r="M2408" s="57">
        <f>Bühler!M2434</f>
        <v>0</v>
      </c>
      <c r="N2408" s="55">
        <f>IF(Input!$K$13=1,J2408*Input!$J$13,0)+IF(Input!$K$14=1,K2408*Input!$J$14,0)+IF(Input!$K$15=1,L2408*Input!$J$15,0)+IF(Input!$K$16=1,M2408*Input!$J$16,0)</f>
        <v>1.0800238908042883</v>
      </c>
      <c r="O2408" s="58">
        <f>IF(Input!$K$13=2,J2408*Input!$J$13,0)+IF(Input!$K$14=2,K2408*Input!$J$14,0)+IF(Input!$K$15=2,L2408*Input!$J$15,0)+IF(Input!$K$16=2,M2408*Input!$J$16,0)</f>
        <v>5.4460020180178204E-2</v>
      </c>
      <c r="P2408" s="58">
        <f>IF(Input!$K$13=3,J2408*Input!$J$13,0)+IF(Input!$K$14=3,K2408*Input!$J$14,0)+IF(Input!$K$15=3,L2408*Input!$J$15,0)+IF(Input!$K$16=3,M2408*Input!$J$16,0)</f>
        <v>0</v>
      </c>
      <c r="Q2408" s="71">
        <f>IF(Input!$K$13=4,J2408*Input!$J$13,0)+IF(Input!$K$14=4,K2408*Input!$J$14,0)+IF(Input!$K$15=4,L2408*Input!$J$15,0)+IF(Input!$K$16=4,M2408*Input!$J$16,0)</f>
        <v>0</v>
      </c>
    </row>
    <row r="2409" spans="8:17" x14ac:dyDescent="0.25">
      <c r="H2409" s="43">
        <v>2402</v>
      </c>
      <c r="I2409" s="55">
        <f>Bühler!I2435</f>
        <v>2.1184484052104833</v>
      </c>
      <c r="J2409" s="58">
        <f>Bühler!J2435</f>
        <v>12.51245368503422</v>
      </c>
      <c r="K2409" s="58">
        <f>Bühler!K2435</f>
        <v>0.61471627716603261</v>
      </c>
      <c r="L2409" s="58">
        <f>Bühler!L2435</f>
        <v>0.3073581385830163</v>
      </c>
      <c r="M2409" s="57">
        <f>Bühler!M2435</f>
        <v>0</v>
      </c>
      <c r="N2409" s="55">
        <f>IF(Input!$K$13=1,J2409*Input!$J$13,0)+IF(Input!$K$14=1,K2409*Input!$J$14,0)+IF(Input!$K$15=1,L2409*Input!$J$15,0)+IF(Input!$K$16=1,M2409*Input!$J$16,0)</f>
        <v>1.5014944422041063</v>
      </c>
      <c r="O2409" s="58">
        <f>IF(Input!$K$13=2,J2409*Input!$J$13,0)+IF(Input!$K$14=2,K2409*Input!$J$14,0)+IF(Input!$K$15=2,L2409*Input!$J$15,0)+IF(Input!$K$16=2,M2409*Input!$J$16,0)</f>
        <v>8.2986697417414407E-2</v>
      </c>
      <c r="P2409" s="58">
        <f>IF(Input!$K$13=3,J2409*Input!$J$13,0)+IF(Input!$K$14=3,K2409*Input!$J$14,0)+IF(Input!$K$15=3,L2409*Input!$J$15,0)+IF(Input!$K$16=3,M2409*Input!$J$16,0)</f>
        <v>0</v>
      </c>
      <c r="Q2409" s="71">
        <f>IF(Input!$K$13=4,J2409*Input!$J$13,0)+IF(Input!$K$14=4,K2409*Input!$J$14,0)+IF(Input!$K$15=4,L2409*Input!$J$15,0)+IF(Input!$K$16=4,M2409*Input!$J$16,0)</f>
        <v>0</v>
      </c>
    </row>
    <row r="2410" spans="8:17" x14ac:dyDescent="0.25">
      <c r="H2410" s="43">
        <v>2403</v>
      </c>
      <c r="I2410" s="55">
        <f>Bühler!I2436</f>
        <v>2.1184484052104833</v>
      </c>
      <c r="J2410" s="58">
        <f>Bühler!J2436</f>
        <v>12.51245368503422</v>
      </c>
      <c r="K2410" s="58">
        <f>Bühler!K2436</f>
        <v>0.61471627716603261</v>
      </c>
      <c r="L2410" s="58">
        <f>Bühler!L2436</f>
        <v>0.3073581385830163</v>
      </c>
      <c r="M2410" s="57">
        <f>Bühler!M2436</f>
        <v>0</v>
      </c>
      <c r="N2410" s="55">
        <f>IF(Input!$K$13=1,J2410*Input!$J$13,0)+IF(Input!$K$14=1,K2410*Input!$J$14,0)+IF(Input!$K$15=1,L2410*Input!$J$15,0)+IF(Input!$K$16=1,M2410*Input!$J$16,0)</f>
        <v>1.5014944422041063</v>
      </c>
      <c r="O2410" s="58">
        <f>IF(Input!$K$13=2,J2410*Input!$J$13,0)+IF(Input!$K$14=2,K2410*Input!$J$14,0)+IF(Input!$K$15=2,L2410*Input!$J$15,0)+IF(Input!$K$16=2,M2410*Input!$J$16,0)</f>
        <v>8.2986697417414407E-2</v>
      </c>
      <c r="P2410" s="58">
        <f>IF(Input!$K$13=3,J2410*Input!$J$13,0)+IF(Input!$K$14=3,K2410*Input!$J$14,0)+IF(Input!$K$15=3,L2410*Input!$J$15,0)+IF(Input!$K$16=3,M2410*Input!$J$16,0)</f>
        <v>0</v>
      </c>
      <c r="Q2410" s="71">
        <f>IF(Input!$K$13=4,J2410*Input!$J$13,0)+IF(Input!$K$14=4,K2410*Input!$J$14,0)+IF(Input!$K$15=4,L2410*Input!$J$15,0)+IF(Input!$K$16=4,M2410*Input!$J$16,0)</f>
        <v>0</v>
      </c>
    </row>
    <row r="2411" spans="8:17" x14ac:dyDescent="0.25">
      <c r="H2411" s="43">
        <v>2404</v>
      </c>
      <c r="I2411" s="55">
        <f>Bühler!I2437</f>
        <v>2.1184484052104833</v>
      </c>
      <c r="J2411" s="58">
        <f>Bühler!J2437</f>
        <v>12.51245368503422</v>
      </c>
      <c r="K2411" s="58">
        <f>Bühler!K2437</f>
        <v>0.61471627716603261</v>
      </c>
      <c r="L2411" s="58">
        <f>Bühler!L2437</f>
        <v>0.3073581385830163</v>
      </c>
      <c r="M2411" s="57">
        <f>Bühler!M2437</f>
        <v>0</v>
      </c>
      <c r="N2411" s="55">
        <f>IF(Input!$K$13=1,J2411*Input!$J$13,0)+IF(Input!$K$14=1,K2411*Input!$J$14,0)+IF(Input!$K$15=1,L2411*Input!$J$15,0)+IF(Input!$K$16=1,M2411*Input!$J$16,0)</f>
        <v>1.5014944422041063</v>
      </c>
      <c r="O2411" s="58">
        <f>IF(Input!$K$13=2,J2411*Input!$J$13,0)+IF(Input!$K$14=2,K2411*Input!$J$14,0)+IF(Input!$K$15=2,L2411*Input!$J$15,0)+IF(Input!$K$16=2,M2411*Input!$J$16,0)</f>
        <v>8.2986697417414407E-2</v>
      </c>
      <c r="P2411" s="58">
        <f>IF(Input!$K$13=3,J2411*Input!$J$13,0)+IF(Input!$K$14=3,K2411*Input!$J$14,0)+IF(Input!$K$15=3,L2411*Input!$J$15,0)+IF(Input!$K$16=3,M2411*Input!$J$16,0)</f>
        <v>0</v>
      </c>
      <c r="Q2411" s="71">
        <f>IF(Input!$K$13=4,J2411*Input!$J$13,0)+IF(Input!$K$14=4,K2411*Input!$J$14,0)+IF(Input!$K$15=4,L2411*Input!$J$15,0)+IF(Input!$K$16=4,M2411*Input!$J$16,0)</f>
        <v>0</v>
      </c>
    </row>
    <row r="2412" spans="8:17" x14ac:dyDescent="0.25">
      <c r="H2412" s="43">
        <v>2405</v>
      </c>
      <c r="I2412" s="55">
        <f>Bühler!I2438</f>
        <v>2.1184484052104833</v>
      </c>
      <c r="J2412" s="58">
        <f>Bühler!J2438</f>
        <v>12.51245368503422</v>
      </c>
      <c r="K2412" s="58">
        <f>Bühler!K2438</f>
        <v>0.61471627716603261</v>
      </c>
      <c r="L2412" s="58">
        <f>Bühler!L2438</f>
        <v>0.3073581385830163</v>
      </c>
      <c r="M2412" s="57">
        <f>Bühler!M2438</f>
        <v>0</v>
      </c>
      <c r="N2412" s="55">
        <f>IF(Input!$K$13=1,J2412*Input!$J$13,0)+IF(Input!$K$14=1,K2412*Input!$J$14,0)+IF(Input!$K$15=1,L2412*Input!$J$15,0)+IF(Input!$K$16=1,M2412*Input!$J$16,0)</f>
        <v>1.5014944422041063</v>
      </c>
      <c r="O2412" s="58">
        <f>IF(Input!$K$13=2,J2412*Input!$J$13,0)+IF(Input!$K$14=2,K2412*Input!$J$14,0)+IF(Input!$K$15=2,L2412*Input!$J$15,0)+IF(Input!$K$16=2,M2412*Input!$J$16,0)</f>
        <v>8.2986697417414407E-2</v>
      </c>
      <c r="P2412" s="58">
        <f>IF(Input!$K$13=3,J2412*Input!$J$13,0)+IF(Input!$K$14=3,K2412*Input!$J$14,0)+IF(Input!$K$15=3,L2412*Input!$J$15,0)+IF(Input!$K$16=3,M2412*Input!$J$16,0)</f>
        <v>0</v>
      </c>
      <c r="Q2412" s="71">
        <f>IF(Input!$K$13=4,J2412*Input!$J$13,0)+IF(Input!$K$14=4,K2412*Input!$J$14,0)+IF(Input!$K$15=4,L2412*Input!$J$15,0)+IF(Input!$K$16=4,M2412*Input!$J$16,0)</f>
        <v>0</v>
      </c>
    </row>
    <row r="2413" spans="8:17" x14ac:dyDescent="0.25">
      <c r="H2413" s="43">
        <v>2406</v>
      </c>
      <c r="I2413" s="55">
        <f>Bühler!I2439</f>
        <v>2.1184484052104833</v>
      </c>
      <c r="J2413" s="58">
        <f>Bühler!J2439</f>
        <v>12.51245368503422</v>
      </c>
      <c r="K2413" s="58">
        <f>Bühler!K2439</f>
        <v>0.61471627716603261</v>
      </c>
      <c r="L2413" s="58">
        <f>Bühler!L2439</f>
        <v>0.3073581385830163</v>
      </c>
      <c r="M2413" s="57">
        <f>Bühler!M2439</f>
        <v>0</v>
      </c>
      <c r="N2413" s="55">
        <f>IF(Input!$K$13=1,J2413*Input!$J$13,0)+IF(Input!$K$14=1,K2413*Input!$J$14,0)+IF(Input!$K$15=1,L2413*Input!$J$15,0)+IF(Input!$K$16=1,M2413*Input!$J$16,0)</f>
        <v>1.5014944422041063</v>
      </c>
      <c r="O2413" s="58">
        <f>IF(Input!$K$13=2,J2413*Input!$J$13,0)+IF(Input!$K$14=2,K2413*Input!$J$14,0)+IF(Input!$K$15=2,L2413*Input!$J$15,0)+IF(Input!$K$16=2,M2413*Input!$J$16,0)</f>
        <v>8.2986697417414407E-2</v>
      </c>
      <c r="P2413" s="58">
        <f>IF(Input!$K$13=3,J2413*Input!$J$13,0)+IF(Input!$K$14=3,K2413*Input!$J$14,0)+IF(Input!$K$15=3,L2413*Input!$J$15,0)+IF(Input!$K$16=3,M2413*Input!$J$16,0)</f>
        <v>0</v>
      </c>
      <c r="Q2413" s="71">
        <f>IF(Input!$K$13=4,J2413*Input!$J$13,0)+IF(Input!$K$14=4,K2413*Input!$J$14,0)+IF(Input!$K$15=4,L2413*Input!$J$15,0)+IF(Input!$K$16=4,M2413*Input!$J$16,0)</f>
        <v>0</v>
      </c>
    </row>
    <row r="2414" spans="8:17" x14ac:dyDescent="0.25">
      <c r="H2414" s="43">
        <v>2407</v>
      </c>
      <c r="I2414" s="55">
        <f>Bühler!I2440</f>
        <v>2.1184484052104833</v>
      </c>
      <c r="J2414" s="58">
        <f>Bühler!J2440</f>
        <v>12.51245368503422</v>
      </c>
      <c r="K2414" s="58">
        <f>Bühler!K2440</f>
        <v>0.61471627716603261</v>
      </c>
      <c r="L2414" s="58">
        <f>Bühler!L2440</f>
        <v>0.3073581385830163</v>
      </c>
      <c r="M2414" s="57">
        <f>Bühler!M2440</f>
        <v>0</v>
      </c>
      <c r="N2414" s="55">
        <f>IF(Input!$K$13=1,J2414*Input!$J$13,0)+IF(Input!$K$14=1,K2414*Input!$J$14,0)+IF(Input!$K$15=1,L2414*Input!$J$15,0)+IF(Input!$K$16=1,M2414*Input!$J$16,0)</f>
        <v>1.5014944422041063</v>
      </c>
      <c r="O2414" s="58">
        <f>IF(Input!$K$13=2,J2414*Input!$J$13,0)+IF(Input!$K$14=2,K2414*Input!$J$14,0)+IF(Input!$K$15=2,L2414*Input!$J$15,0)+IF(Input!$K$16=2,M2414*Input!$J$16,0)</f>
        <v>8.2986697417414407E-2</v>
      </c>
      <c r="P2414" s="58">
        <f>IF(Input!$K$13=3,J2414*Input!$J$13,0)+IF(Input!$K$14=3,K2414*Input!$J$14,0)+IF(Input!$K$15=3,L2414*Input!$J$15,0)+IF(Input!$K$16=3,M2414*Input!$J$16,0)</f>
        <v>0</v>
      </c>
      <c r="Q2414" s="71">
        <f>IF(Input!$K$13=4,J2414*Input!$J$13,0)+IF(Input!$K$14=4,K2414*Input!$J$14,0)+IF(Input!$K$15=4,L2414*Input!$J$15,0)+IF(Input!$K$16=4,M2414*Input!$J$16,0)</f>
        <v>0</v>
      </c>
    </row>
    <row r="2415" spans="8:17" x14ac:dyDescent="0.25">
      <c r="H2415" s="43">
        <v>2408</v>
      </c>
      <c r="I2415" s="55">
        <f>Bühler!I2441</f>
        <v>6.1024981479127787</v>
      </c>
      <c r="J2415" s="58">
        <f>Bühler!J2441</f>
        <v>49.684052829811158</v>
      </c>
      <c r="K2415" s="58">
        <f>Bühler!K2441</f>
        <v>2.5914133059280564</v>
      </c>
      <c r="L2415" s="58">
        <f>Bühler!L2441</f>
        <v>1.2957066529640282</v>
      </c>
      <c r="M2415" s="57">
        <f>Bühler!M2441</f>
        <v>0</v>
      </c>
      <c r="N2415" s="55">
        <f>IF(Input!$K$13=1,J2415*Input!$J$13,0)+IF(Input!$K$14=1,K2415*Input!$J$14,0)+IF(Input!$K$15=1,L2415*Input!$J$15,0)+IF(Input!$K$16=1,M2415*Input!$J$16,0)</f>
        <v>5.9620863395773389</v>
      </c>
      <c r="O2415" s="58">
        <f>IF(Input!$K$13=2,J2415*Input!$J$13,0)+IF(Input!$K$14=2,K2415*Input!$J$14,0)+IF(Input!$K$15=2,L2415*Input!$J$15,0)+IF(Input!$K$16=2,M2415*Input!$J$16,0)</f>
        <v>0.34984079630028764</v>
      </c>
      <c r="P2415" s="58">
        <f>IF(Input!$K$13=3,J2415*Input!$J$13,0)+IF(Input!$K$14=3,K2415*Input!$J$14,0)+IF(Input!$K$15=3,L2415*Input!$J$15,0)+IF(Input!$K$16=3,M2415*Input!$J$16,0)</f>
        <v>0</v>
      </c>
      <c r="Q2415" s="71">
        <f>IF(Input!$K$13=4,J2415*Input!$J$13,0)+IF(Input!$K$14=4,K2415*Input!$J$14,0)+IF(Input!$K$15=4,L2415*Input!$J$15,0)+IF(Input!$K$16=4,M2415*Input!$J$16,0)</f>
        <v>0</v>
      </c>
    </row>
    <row r="2416" spans="8:17" x14ac:dyDescent="0.25">
      <c r="H2416" s="43">
        <v>2409</v>
      </c>
      <c r="I2416" s="55">
        <f>Bühler!I2442</f>
        <v>6.8091031966184694</v>
      </c>
      <c r="J2416" s="58">
        <f>Bühler!J2442</f>
        <v>55.4369431574735</v>
      </c>
      <c r="K2416" s="58">
        <f>Bühler!K2442</f>
        <v>2.8914716887197263</v>
      </c>
      <c r="L2416" s="58">
        <f>Bühler!L2442</f>
        <v>1.4457358443598631</v>
      </c>
      <c r="M2416" s="57">
        <f>Bühler!M2442</f>
        <v>0</v>
      </c>
      <c r="N2416" s="55">
        <f>IF(Input!$K$13=1,J2416*Input!$J$13,0)+IF(Input!$K$14=1,K2416*Input!$J$14,0)+IF(Input!$K$15=1,L2416*Input!$J$15,0)+IF(Input!$K$16=1,M2416*Input!$J$16,0)</f>
        <v>6.6524331788968194</v>
      </c>
      <c r="O2416" s="58">
        <f>IF(Input!$K$13=2,J2416*Input!$J$13,0)+IF(Input!$K$14=2,K2416*Input!$J$14,0)+IF(Input!$K$15=2,L2416*Input!$J$15,0)+IF(Input!$K$16=2,M2416*Input!$J$16,0)</f>
        <v>0.39034867797716305</v>
      </c>
      <c r="P2416" s="58">
        <f>IF(Input!$K$13=3,J2416*Input!$J$13,0)+IF(Input!$K$14=3,K2416*Input!$J$14,0)+IF(Input!$K$15=3,L2416*Input!$J$15,0)+IF(Input!$K$16=3,M2416*Input!$J$16,0)</f>
        <v>0</v>
      </c>
      <c r="Q2416" s="71">
        <f>IF(Input!$K$13=4,J2416*Input!$J$13,0)+IF(Input!$K$14=4,K2416*Input!$J$14,0)+IF(Input!$K$15=4,L2416*Input!$J$15,0)+IF(Input!$K$16=4,M2416*Input!$J$16,0)</f>
        <v>0</v>
      </c>
    </row>
    <row r="2417" spans="8:17" x14ac:dyDescent="0.25">
      <c r="H2417" s="43">
        <v>2410</v>
      </c>
      <c r="I2417" s="55">
        <f>Bühler!I2443</f>
        <v>7.5157082453241602</v>
      </c>
      <c r="J2417" s="58">
        <f>Bühler!J2443</f>
        <v>61.18983348513585</v>
      </c>
      <c r="K2417" s="58">
        <f>Bühler!K2443</f>
        <v>3.1915300715113957</v>
      </c>
      <c r="L2417" s="58">
        <f>Bühler!L2443</f>
        <v>1.5957650357556978</v>
      </c>
      <c r="M2417" s="57">
        <f>Bühler!M2443</f>
        <v>0</v>
      </c>
      <c r="N2417" s="55">
        <f>IF(Input!$K$13=1,J2417*Input!$J$13,0)+IF(Input!$K$14=1,K2417*Input!$J$14,0)+IF(Input!$K$15=1,L2417*Input!$J$15,0)+IF(Input!$K$16=1,M2417*Input!$J$16,0)</f>
        <v>7.3427800182163017</v>
      </c>
      <c r="O2417" s="58">
        <f>IF(Input!$K$13=2,J2417*Input!$J$13,0)+IF(Input!$K$14=2,K2417*Input!$J$14,0)+IF(Input!$K$15=2,L2417*Input!$J$15,0)+IF(Input!$K$16=2,M2417*Input!$J$16,0)</f>
        <v>0.43085655965403841</v>
      </c>
      <c r="P2417" s="58">
        <f>IF(Input!$K$13=3,J2417*Input!$J$13,0)+IF(Input!$K$14=3,K2417*Input!$J$14,0)+IF(Input!$K$15=3,L2417*Input!$J$15,0)+IF(Input!$K$16=3,M2417*Input!$J$16,0)</f>
        <v>0</v>
      </c>
      <c r="Q2417" s="71">
        <f>IF(Input!$K$13=4,J2417*Input!$J$13,0)+IF(Input!$K$14=4,K2417*Input!$J$14,0)+IF(Input!$K$15=4,L2417*Input!$J$15,0)+IF(Input!$K$16=4,M2417*Input!$J$16,0)</f>
        <v>0</v>
      </c>
    </row>
    <row r="2418" spans="8:17" x14ac:dyDescent="0.25">
      <c r="H2418" s="43">
        <v>2411</v>
      </c>
      <c r="I2418" s="55">
        <f>Bühler!I2444</f>
        <v>7.5157082453241602</v>
      </c>
      <c r="J2418" s="58">
        <f>Bühler!J2444</f>
        <v>61.18983348513585</v>
      </c>
      <c r="K2418" s="58">
        <f>Bühler!K2444</f>
        <v>3.1915300715113957</v>
      </c>
      <c r="L2418" s="58">
        <f>Bühler!L2444</f>
        <v>1.5957650357556978</v>
      </c>
      <c r="M2418" s="57">
        <f>Bühler!M2444</f>
        <v>0</v>
      </c>
      <c r="N2418" s="55">
        <f>IF(Input!$K$13=1,J2418*Input!$J$13,0)+IF(Input!$K$14=1,K2418*Input!$J$14,0)+IF(Input!$K$15=1,L2418*Input!$J$15,0)+IF(Input!$K$16=1,M2418*Input!$J$16,0)</f>
        <v>7.3427800182163017</v>
      </c>
      <c r="O2418" s="58">
        <f>IF(Input!$K$13=2,J2418*Input!$J$13,0)+IF(Input!$K$14=2,K2418*Input!$J$14,0)+IF(Input!$K$15=2,L2418*Input!$J$15,0)+IF(Input!$K$16=2,M2418*Input!$J$16,0)</f>
        <v>0.43085655965403841</v>
      </c>
      <c r="P2418" s="58">
        <f>IF(Input!$K$13=3,J2418*Input!$J$13,0)+IF(Input!$K$14=3,K2418*Input!$J$14,0)+IF(Input!$K$15=3,L2418*Input!$J$15,0)+IF(Input!$K$16=3,M2418*Input!$J$16,0)</f>
        <v>0</v>
      </c>
      <c r="Q2418" s="71">
        <f>IF(Input!$K$13=4,J2418*Input!$J$13,0)+IF(Input!$K$14=4,K2418*Input!$J$14,0)+IF(Input!$K$15=4,L2418*Input!$J$15,0)+IF(Input!$K$16=4,M2418*Input!$J$16,0)</f>
        <v>0</v>
      </c>
    </row>
    <row r="2419" spans="8:17" x14ac:dyDescent="0.25">
      <c r="H2419" s="43">
        <v>2412</v>
      </c>
      <c r="I2419" s="55">
        <f>Bühler!I2445</f>
        <v>8.9931551653451489</v>
      </c>
      <c r="J2419" s="58">
        <f>Bühler!J2445</f>
        <v>73.218604170248014</v>
      </c>
      <c r="K2419" s="58">
        <f>Bühler!K2445</f>
        <v>3.8189248718939774</v>
      </c>
      <c r="L2419" s="58">
        <f>Bühler!L2445</f>
        <v>1.9094624359469887</v>
      </c>
      <c r="M2419" s="57">
        <f>Bühler!M2445</f>
        <v>0</v>
      </c>
      <c r="N2419" s="55">
        <f>IF(Input!$K$13=1,J2419*Input!$J$13,0)+IF(Input!$K$14=1,K2419*Input!$J$14,0)+IF(Input!$K$15=1,L2419*Input!$J$15,0)+IF(Input!$K$16=1,M2419*Input!$J$16,0)</f>
        <v>8.7862325004297617</v>
      </c>
      <c r="O2419" s="58">
        <f>IF(Input!$K$13=2,J2419*Input!$J$13,0)+IF(Input!$K$14=2,K2419*Input!$J$14,0)+IF(Input!$K$15=2,L2419*Input!$J$15,0)+IF(Input!$K$16=2,M2419*Input!$J$16,0)</f>
        <v>0.51555485770568699</v>
      </c>
      <c r="P2419" s="58">
        <f>IF(Input!$K$13=3,J2419*Input!$J$13,0)+IF(Input!$K$14=3,K2419*Input!$J$14,0)+IF(Input!$K$15=3,L2419*Input!$J$15,0)+IF(Input!$K$16=3,M2419*Input!$J$16,0)</f>
        <v>0</v>
      </c>
      <c r="Q2419" s="71">
        <f>IF(Input!$K$13=4,J2419*Input!$J$13,0)+IF(Input!$K$14=4,K2419*Input!$J$14,0)+IF(Input!$K$15=4,L2419*Input!$J$15,0)+IF(Input!$K$16=4,M2419*Input!$J$16,0)</f>
        <v>0</v>
      </c>
    </row>
    <row r="2420" spans="8:17" x14ac:dyDescent="0.25">
      <c r="H2420" s="43">
        <v>2413</v>
      </c>
      <c r="I2420" s="55">
        <f>Bühler!I2446</f>
        <v>8.9931551653451489</v>
      </c>
      <c r="J2420" s="58">
        <f>Bühler!J2446</f>
        <v>73.218604170248014</v>
      </c>
      <c r="K2420" s="58">
        <f>Bühler!K2446</f>
        <v>3.8189248718939774</v>
      </c>
      <c r="L2420" s="58">
        <f>Bühler!L2446</f>
        <v>1.9094624359469887</v>
      </c>
      <c r="M2420" s="57">
        <f>Bühler!M2446</f>
        <v>0</v>
      </c>
      <c r="N2420" s="55">
        <f>IF(Input!$K$13=1,J2420*Input!$J$13,0)+IF(Input!$K$14=1,K2420*Input!$J$14,0)+IF(Input!$K$15=1,L2420*Input!$J$15,0)+IF(Input!$K$16=1,M2420*Input!$J$16,0)</f>
        <v>8.7862325004297617</v>
      </c>
      <c r="O2420" s="58">
        <f>IF(Input!$K$13=2,J2420*Input!$J$13,0)+IF(Input!$K$14=2,K2420*Input!$J$14,0)+IF(Input!$K$15=2,L2420*Input!$J$15,0)+IF(Input!$K$16=2,M2420*Input!$J$16,0)</f>
        <v>0.51555485770568699</v>
      </c>
      <c r="P2420" s="58">
        <f>IF(Input!$K$13=3,J2420*Input!$J$13,0)+IF(Input!$K$14=3,K2420*Input!$J$14,0)+IF(Input!$K$15=3,L2420*Input!$J$15,0)+IF(Input!$K$16=3,M2420*Input!$J$16,0)</f>
        <v>0</v>
      </c>
      <c r="Q2420" s="71">
        <f>IF(Input!$K$13=4,J2420*Input!$J$13,0)+IF(Input!$K$14=4,K2420*Input!$J$14,0)+IF(Input!$K$15=4,L2420*Input!$J$15,0)+IF(Input!$K$16=4,M2420*Input!$J$16,0)</f>
        <v>0</v>
      </c>
    </row>
    <row r="2421" spans="8:17" x14ac:dyDescent="0.25">
      <c r="H2421" s="43">
        <v>2414</v>
      </c>
      <c r="I2421" s="55">
        <f>Bühler!I2447</f>
        <v>5.9740245026935614</v>
      </c>
      <c r="J2421" s="58">
        <f>Bühler!J2447</f>
        <v>48.638072770236192</v>
      </c>
      <c r="K2421" s="58">
        <f>Bühler!K2447</f>
        <v>2.5368572363295709</v>
      </c>
      <c r="L2421" s="58">
        <f>Bühler!L2447</f>
        <v>1.2684286181647855</v>
      </c>
      <c r="M2421" s="57">
        <f>Bühler!M2447</f>
        <v>0</v>
      </c>
      <c r="N2421" s="55">
        <f>IF(Input!$K$13=1,J2421*Input!$J$13,0)+IF(Input!$K$14=1,K2421*Input!$J$14,0)+IF(Input!$K$15=1,L2421*Input!$J$15,0)+IF(Input!$K$16=1,M2421*Input!$J$16,0)</f>
        <v>5.8365687324283426</v>
      </c>
      <c r="O2421" s="58">
        <f>IF(Input!$K$13=2,J2421*Input!$J$13,0)+IF(Input!$K$14=2,K2421*Input!$J$14,0)+IF(Input!$K$15=2,L2421*Input!$J$15,0)+IF(Input!$K$16=2,M2421*Input!$J$16,0)</f>
        <v>0.34247572690449207</v>
      </c>
      <c r="P2421" s="58">
        <f>IF(Input!$K$13=3,J2421*Input!$J$13,0)+IF(Input!$K$14=3,K2421*Input!$J$14,0)+IF(Input!$K$15=3,L2421*Input!$J$15,0)+IF(Input!$K$16=3,M2421*Input!$J$16,0)</f>
        <v>0</v>
      </c>
      <c r="Q2421" s="71">
        <f>IF(Input!$K$13=4,J2421*Input!$J$13,0)+IF(Input!$K$14=4,K2421*Input!$J$14,0)+IF(Input!$K$15=4,L2421*Input!$J$15,0)+IF(Input!$K$16=4,M2421*Input!$J$16,0)</f>
        <v>0</v>
      </c>
    </row>
    <row r="2422" spans="8:17" x14ac:dyDescent="0.25">
      <c r="H2422" s="43">
        <v>2415</v>
      </c>
      <c r="I2422" s="55">
        <f>Bühler!I2448</f>
        <v>8.9931551653451489</v>
      </c>
      <c r="J2422" s="58">
        <f>Bühler!J2448</f>
        <v>73.218604170248014</v>
      </c>
      <c r="K2422" s="58">
        <f>Bühler!K2448</f>
        <v>3.8189248718939774</v>
      </c>
      <c r="L2422" s="58">
        <f>Bühler!L2448</f>
        <v>1.9094624359469887</v>
      </c>
      <c r="M2422" s="57">
        <f>Bühler!M2448</f>
        <v>0</v>
      </c>
      <c r="N2422" s="55">
        <f>IF(Input!$K$13=1,J2422*Input!$J$13,0)+IF(Input!$K$14=1,K2422*Input!$J$14,0)+IF(Input!$K$15=1,L2422*Input!$J$15,0)+IF(Input!$K$16=1,M2422*Input!$J$16,0)</f>
        <v>8.7862325004297617</v>
      </c>
      <c r="O2422" s="58">
        <f>IF(Input!$K$13=2,J2422*Input!$J$13,0)+IF(Input!$K$14=2,K2422*Input!$J$14,0)+IF(Input!$K$15=2,L2422*Input!$J$15,0)+IF(Input!$K$16=2,M2422*Input!$J$16,0)</f>
        <v>0.51555485770568699</v>
      </c>
      <c r="P2422" s="58">
        <f>IF(Input!$K$13=3,J2422*Input!$J$13,0)+IF(Input!$K$14=3,K2422*Input!$J$14,0)+IF(Input!$K$15=3,L2422*Input!$J$15,0)+IF(Input!$K$16=3,M2422*Input!$J$16,0)</f>
        <v>0</v>
      </c>
      <c r="Q2422" s="71">
        <f>IF(Input!$K$13=4,J2422*Input!$J$13,0)+IF(Input!$K$14=4,K2422*Input!$J$14,0)+IF(Input!$K$15=4,L2422*Input!$J$15,0)+IF(Input!$K$16=4,M2422*Input!$J$16,0)</f>
        <v>0</v>
      </c>
    </row>
    <row r="2423" spans="8:17" x14ac:dyDescent="0.25">
      <c r="H2423" s="43">
        <v>2416</v>
      </c>
      <c r="I2423" s="55">
        <f>Bühler!I2449</f>
        <v>8.9931551653451489</v>
      </c>
      <c r="J2423" s="58">
        <f>Bühler!J2449</f>
        <v>73.218604170248014</v>
      </c>
      <c r="K2423" s="58">
        <f>Bühler!K2449</f>
        <v>3.8189248718939774</v>
      </c>
      <c r="L2423" s="58">
        <f>Bühler!L2449</f>
        <v>1.9094624359469887</v>
      </c>
      <c r="M2423" s="57">
        <f>Bühler!M2449</f>
        <v>0</v>
      </c>
      <c r="N2423" s="55">
        <f>IF(Input!$K$13=1,J2423*Input!$J$13,0)+IF(Input!$K$14=1,K2423*Input!$J$14,0)+IF(Input!$K$15=1,L2423*Input!$J$15,0)+IF(Input!$K$16=1,M2423*Input!$J$16,0)</f>
        <v>8.7862325004297617</v>
      </c>
      <c r="O2423" s="58">
        <f>IF(Input!$K$13=2,J2423*Input!$J$13,0)+IF(Input!$K$14=2,K2423*Input!$J$14,0)+IF(Input!$K$15=2,L2423*Input!$J$15,0)+IF(Input!$K$16=2,M2423*Input!$J$16,0)</f>
        <v>0.51555485770568699</v>
      </c>
      <c r="P2423" s="58">
        <f>IF(Input!$K$13=3,J2423*Input!$J$13,0)+IF(Input!$K$14=3,K2423*Input!$J$14,0)+IF(Input!$K$15=3,L2423*Input!$J$15,0)+IF(Input!$K$16=3,M2423*Input!$J$16,0)</f>
        <v>0</v>
      </c>
      <c r="Q2423" s="71">
        <f>IF(Input!$K$13=4,J2423*Input!$J$13,0)+IF(Input!$K$14=4,K2423*Input!$J$14,0)+IF(Input!$K$15=4,L2423*Input!$J$15,0)+IF(Input!$K$16=4,M2423*Input!$J$16,0)</f>
        <v>0</v>
      </c>
    </row>
    <row r="2424" spans="8:17" x14ac:dyDescent="0.25">
      <c r="H2424" s="43">
        <v>2417</v>
      </c>
      <c r="I2424" s="55">
        <f>Bühler!I2450</f>
        <v>7.5170749862307469</v>
      </c>
      <c r="J2424" s="58">
        <f>Bühler!J2450</f>
        <v>45.549009338483827</v>
      </c>
      <c r="K2424" s="58">
        <f>Bühler!K2450</f>
        <v>2.2504378709375228</v>
      </c>
      <c r="L2424" s="58">
        <f>Bühler!L2450</f>
        <v>1.1252189354687614</v>
      </c>
      <c r="M2424" s="57">
        <f>Bühler!M2450</f>
        <v>0</v>
      </c>
      <c r="N2424" s="55">
        <f>IF(Input!$K$13=1,J2424*Input!$J$13,0)+IF(Input!$K$14=1,K2424*Input!$J$14,0)+IF(Input!$K$15=1,L2424*Input!$J$15,0)+IF(Input!$K$16=1,M2424*Input!$J$16,0)</f>
        <v>5.4658811206180591</v>
      </c>
      <c r="O2424" s="58">
        <f>IF(Input!$K$13=2,J2424*Input!$J$13,0)+IF(Input!$K$14=2,K2424*Input!$J$14,0)+IF(Input!$K$15=2,L2424*Input!$J$15,0)+IF(Input!$K$16=2,M2424*Input!$J$16,0)</f>
        <v>0.30380911257656557</v>
      </c>
      <c r="P2424" s="58">
        <f>IF(Input!$K$13=3,J2424*Input!$J$13,0)+IF(Input!$K$14=3,K2424*Input!$J$14,0)+IF(Input!$K$15=3,L2424*Input!$J$15,0)+IF(Input!$K$16=3,M2424*Input!$J$16,0)</f>
        <v>0</v>
      </c>
      <c r="Q2424" s="71">
        <f>IF(Input!$K$13=4,J2424*Input!$J$13,0)+IF(Input!$K$14=4,K2424*Input!$J$14,0)+IF(Input!$K$15=4,L2424*Input!$J$15,0)+IF(Input!$K$16=4,M2424*Input!$J$16,0)</f>
        <v>0</v>
      </c>
    </row>
    <row r="2425" spans="8:17" x14ac:dyDescent="0.25">
      <c r="H2425" s="43">
        <v>2418</v>
      </c>
      <c r="I2425" s="55">
        <f>Bühler!I2451</f>
        <v>5.9726577617869756</v>
      </c>
      <c r="J2425" s="58">
        <f>Bühler!J2451</f>
        <v>22.435172855565366</v>
      </c>
      <c r="K2425" s="58">
        <f>Bühler!K2451</f>
        <v>0.96049418307192602</v>
      </c>
      <c r="L2425" s="58">
        <f>Bühler!L2451</f>
        <v>0.48024709153596301</v>
      </c>
      <c r="M2425" s="57">
        <f>Bühler!M2451</f>
        <v>0</v>
      </c>
      <c r="N2425" s="55">
        <f>IF(Input!$K$13=1,J2425*Input!$J$13,0)+IF(Input!$K$14=1,K2425*Input!$J$14,0)+IF(Input!$K$15=1,L2425*Input!$J$15,0)+IF(Input!$K$16=1,M2425*Input!$J$16,0)</f>
        <v>2.6922207426678439</v>
      </c>
      <c r="O2425" s="58">
        <f>IF(Input!$K$13=2,J2425*Input!$J$13,0)+IF(Input!$K$14=2,K2425*Input!$J$14,0)+IF(Input!$K$15=2,L2425*Input!$J$15,0)+IF(Input!$K$16=2,M2425*Input!$J$16,0)</f>
        <v>0.12966671471471</v>
      </c>
      <c r="P2425" s="58">
        <f>IF(Input!$K$13=3,J2425*Input!$J$13,0)+IF(Input!$K$14=3,K2425*Input!$J$14,0)+IF(Input!$K$15=3,L2425*Input!$J$15,0)+IF(Input!$K$16=3,M2425*Input!$J$16,0)</f>
        <v>0</v>
      </c>
      <c r="Q2425" s="71">
        <f>IF(Input!$K$13=4,J2425*Input!$J$13,0)+IF(Input!$K$14=4,K2425*Input!$J$14,0)+IF(Input!$K$15=4,L2425*Input!$J$15,0)+IF(Input!$K$16=4,M2425*Input!$J$16,0)</f>
        <v>0</v>
      </c>
    </row>
    <row r="2426" spans="8:17" x14ac:dyDescent="0.25">
      <c r="H2426" s="43">
        <v>2419</v>
      </c>
      <c r="I2426" s="55">
        <f>Bühler!I2452</f>
        <v>2.1184484052104833</v>
      </c>
      <c r="J2426" s="58">
        <f>Bühler!J2452</f>
        <v>12.831749557306809</v>
      </c>
      <c r="K2426" s="58">
        <f>Bühler!K2452</f>
        <v>0.63392616082747111</v>
      </c>
      <c r="L2426" s="58">
        <f>Bühler!L2452</f>
        <v>0.31696308041373555</v>
      </c>
      <c r="M2426" s="57">
        <f>Bühler!M2452</f>
        <v>0</v>
      </c>
      <c r="N2426" s="55">
        <f>IF(Input!$K$13=1,J2426*Input!$J$13,0)+IF(Input!$K$14=1,K2426*Input!$J$14,0)+IF(Input!$K$15=1,L2426*Input!$J$15,0)+IF(Input!$K$16=1,M2426*Input!$J$16,0)</f>
        <v>1.5398099468768169</v>
      </c>
      <c r="O2426" s="58">
        <f>IF(Input!$K$13=2,J2426*Input!$J$13,0)+IF(Input!$K$14=2,K2426*Input!$J$14,0)+IF(Input!$K$15=2,L2426*Input!$J$15,0)+IF(Input!$K$16=2,M2426*Input!$J$16,0)</f>
        <v>8.5580031711708596E-2</v>
      </c>
      <c r="P2426" s="58">
        <f>IF(Input!$K$13=3,J2426*Input!$J$13,0)+IF(Input!$K$14=3,K2426*Input!$J$14,0)+IF(Input!$K$15=3,L2426*Input!$J$15,0)+IF(Input!$K$16=3,M2426*Input!$J$16,0)</f>
        <v>0</v>
      </c>
      <c r="Q2426" s="71">
        <f>IF(Input!$K$13=4,J2426*Input!$J$13,0)+IF(Input!$K$14=4,K2426*Input!$J$14,0)+IF(Input!$K$15=4,L2426*Input!$J$15,0)+IF(Input!$K$16=4,M2426*Input!$J$16,0)</f>
        <v>0</v>
      </c>
    </row>
    <row r="2427" spans="8:17" x14ac:dyDescent="0.25">
      <c r="H2427" s="43">
        <v>2420</v>
      </c>
      <c r="I2427" s="55">
        <f>Bühler!I2453</f>
        <v>2.1184484052104833</v>
      </c>
      <c r="J2427" s="58">
        <f>Bühler!J2453</f>
        <v>12.831749557306809</v>
      </c>
      <c r="K2427" s="58">
        <f>Bühler!K2453</f>
        <v>0.63392616082747111</v>
      </c>
      <c r="L2427" s="58">
        <f>Bühler!L2453</f>
        <v>0.31696308041373555</v>
      </c>
      <c r="M2427" s="57">
        <f>Bühler!M2453</f>
        <v>0</v>
      </c>
      <c r="N2427" s="55">
        <f>IF(Input!$K$13=1,J2427*Input!$J$13,0)+IF(Input!$K$14=1,K2427*Input!$J$14,0)+IF(Input!$K$15=1,L2427*Input!$J$15,0)+IF(Input!$K$16=1,M2427*Input!$J$16,0)</f>
        <v>1.5398099468768169</v>
      </c>
      <c r="O2427" s="58">
        <f>IF(Input!$K$13=2,J2427*Input!$J$13,0)+IF(Input!$K$14=2,K2427*Input!$J$14,0)+IF(Input!$K$15=2,L2427*Input!$J$15,0)+IF(Input!$K$16=2,M2427*Input!$J$16,0)</f>
        <v>8.5580031711708596E-2</v>
      </c>
      <c r="P2427" s="58">
        <f>IF(Input!$K$13=3,J2427*Input!$J$13,0)+IF(Input!$K$14=3,K2427*Input!$J$14,0)+IF(Input!$K$15=3,L2427*Input!$J$15,0)+IF(Input!$K$16=3,M2427*Input!$J$16,0)</f>
        <v>0</v>
      </c>
      <c r="Q2427" s="71">
        <f>IF(Input!$K$13=4,J2427*Input!$J$13,0)+IF(Input!$K$14=4,K2427*Input!$J$14,0)+IF(Input!$K$15=4,L2427*Input!$J$15,0)+IF(Input!$K$16=4,M2427*Input!$J$16,0)</f>
        <v>0</v>
      </c>
    </row>
    <row r="2428" spans="8:17" x14ac:dyDescent="0.25">
      <c r="H2428" s="43">
        <v>2421</v>
      </c>
      <c r="I2428" s="55">
        <f>Bühler!I2454</f>
        <v>2.1184484052104833</v>
      </c>
      <c r="J2428" s="58">
        <f>Bühler!J2454</f>
        <v>12.831749557306809</v>
      </c>
      <c r="K2428" s="58">
        <f>Bühler!K2454</f>
        <v>0.63392616082747111</v>
      </c>
      <c r="L2428" s="58">
        <f>Bühler!L2454</f>
        <v>0.31696308041373555</v>
      </c>
      <c r="M2428" s="57">
        <f>Bühler!M2454</f>
        <v>0</v>
      </c>
      <c r="N2428" s="55">
        <f>IF(Input!$K$13=1,J2428*Input!$J$13,0)+IF(Input!$K$14=1,K2428*Input!$J$14,0)+IF(Input!$K$15=1,L2428*Input!$J$15,0)+IF(Input!$K$16=1,M2428*Input!$J$16,0)</f>
        <v>1.5398099468768169</v>
      </c>
      <c r="O2428" s="58">
        <f>IF(Input!$K$13=2,J2428*Input!$J$13,0)+IF(Input!$K$14=2,K2428*Input!$J$14,0)+IF(Input!$K$15=2,L2428*Input!$J$15,0)+IF(Input!$K$16=2,M2428*Input!$J$16,0)</f>
        <v>8.5580031711708596E-2</v>
      </c>
      <c r="P2428" s="58">
        <f>IF(Input!$K$13=3,J2428*Input!$J$13,0)+IF(Input!$K$14=3,K2428*Input!$J$14,0)+IF(Input!$K$15=3,L2428*Input!$J$15,0)+IF(Input!$K$16=3,M2428*Input!$J$16,0)</f>
        <v>0</v>
      </c>
      <c r="Q2428" s="71">
        <f>IF(Input!$K$13=4,J2428*Input!$J$13,0)+IF(Input!$K$14=4,K2428*Input!$J$14,0)+IF(Input!$K$15=4,L2428*Input!$J$15,0)+IF(Input!$K$16=4,M2428*Input!$J$16,0)</f>
        <v>0</v>
      </c>
    </row>
    <row r="2429" spans="8:17" x14ac:dyDescent="0.25">
      <c r="H2429" s="43">
        <v>2422</v>
      </c>
      <c r="I2429" s="55">
        <f>Bühler!I2455</f>
        <v>2.1184484052104833</v>
      </c>
      <c r="J2429" s="58">
        <f>Bühler!J2455</f>
        <v>12.831749557306809</v>
      </c>
      <c r="K2429" s="58">
        <f>Bühler!K2455</f>
        <v>0.63392616082747111</v>
      </c>
      <c r="L2429" s="58">
        <f>Bühler!L2455</f>
        <v>0.31696308041373555</v>
      </c>
      <c r="M2429" s="57">
        <f>Bühler!M2455</f>
        <v>0</v>
      </c>
      <c r="N2429" s="55">
        <f>IF(Input!$K$13=1,J2429*Input!$J$13,0)+IF(Input!$K$14=1,K2429*Input!$J$14,0)+IF(Input!$K$15=1,L2429*Input!$J$15,0)+IF(Input!$K$16=1,M2429*Input!$J$16,0)</f>
        <v>1.5398099468768169</v>
      </c>
      <c r="O2429" s="58">
        <f>IF(Input!$K$13=2,J2429*Input!$J$13,0)+IF(Input!$K$14=2,K2429*Input!$J$14,0)+IF(Input!$K$15=2,L2429*Input!$J$15,0)+IF(Input!$K$16=2,M2429*Input!$J$16,0)</f>
        <v>8.5580031711708596E-2</v>
      </c>
      <c r="P2429" s="58">
        <f>IF(Input!$K$13=3,J2429*Input!$J$13,0)+IF(Input!$K$14=3,K2429*Input!$J$14,0)+IF(Input!$K$15=3,L2429*Input!$J$15,0)+IF(Input!$K$16=3,M2429*Input!$J$16,0)</f>
        <v>0</v>
      </c>
      <c r="Q2429" s="71">
        <f>IF(Input!$K$13=4,J2429*Input!$J$13,0)+IF(Input!$K$14=4,K2429*Input!$J$14,0)+IF(Input!$K$15=4,L2429*Input!$J$15,0)+IF(Input!$K$16=4,M2429*Input!$J$16,0)</f>
        <v>0</v>
      </c>
    </row>
    <row r="2430" spans="8:17" x14ac:dyDescent="0.25">
      <c r="H2430" s="43">
        <v>2423</v>
      </c>
      <c r="I2430" s="55">
        <f>Bühler!I2456</f>
        <v>2.1184484052104833</v>
      </c>
      <c r="J2430" s="58">
        <f>Bühler!J2456</f>
        <v>12.831749557306809</v>
      </c>
      <c r="K2430" s="58">
        <f>Bühler!K2456</f>
        <v>0.63392616082747111</v>
      </c>
      <c r="L2430" s="58">
        <f>Bühler!L2456</f>
        <v>0.31696308041373555</v>
      </c>
      <c r="M2430" s="57">
        <f>Bühler!M2456</f>
        <v>0</v>
      </c>
      <c r="N2430" s="55">
        <f>IF(Input!$K$13=1,J2430*Input!$J$13,0)+IF(Input!$K$14=1,K2430*Input!$J$14,0)+IF(Input!$K$15=1,L2430*Input!$J$15,0)+IF(Input!$K$16=1,M2430*Input!$J$16,0)</f>
        <v>1.5398099468768169</v>
      </c>
      <c r="O2430" s="58">
        <f>IF(Input!$K$13=2,J2430*Input!$J$13,0)+IF(Input!$K$14=2,K2430*Input!$J$14,0)+IF(Input!$K$15=2,L2430*Input!$J$15,0)+IF(Input!$K$16=2,M2430*Input!$J$16,0)</f>
        <v>8.5580031711708596E-2</v>
      </c>
      <c r="P2430" s="58">
        <f>IF(Input!$K$13=3,J2430*Input!$J$13,0)+IF(Input!$K$14=3,K2430*Input!$J$14,0)+IF(Input!$K$15=3,L2430*Input!$J$15,0)+IF(Input!$K$16=3,M2430*Input!$J$16,0)</f>
        <v>0</v>
      </c>
      <c r="Q2430" s="71">
        <f>IF(Input!$K$13=4,J2430*Input!$J$13,0)+IF(Input!$K$14=4,K2430*Input!$J$14,0)+IF(Input!$K$15=4,L2430*Input!$J$15,0)+IF(Input!$K$16=4,M2430*Input!$J$16,0)</f>
        <v>0</v>
      </c>
    </row>
    <row r="2431" spans="8:17" x14ac:dyDescent="0.25">
      <c r="H2431" s="43">
        <v>2424</v>
      </c>
      <c r="I2431" s="55">
        <f>Bühler!I2457</f>
        <v>2.1184484052104833</v>
      </c>
      <c r="J2431" s="58">
        <f>Bühler!J2457</f>
        <v>12.831749557306809</v>
      </c>
      <c r="K2431" s="58">
        <f>Bühler!K2457</f>
        <v>0.63392616082747111</v>
      </c>
      <c r="L2431" s="58">
        <f>Bühler!L2457</f>
        <v>0.31696308041373555</v>
      </c>
      <c r="M2431" s="57">
        <f>Bühler!M2457</f>
        <v>0</v>
      </c>
      <c r="N2431" s="55">
        <f>IF(Input!$K$13=1,J2431*Input!$J$13,0)+IF(Input!$K$14=1,K2431*Input!$J$14,0)+IF(Input!$K$15=1,L2431*Input!$J$15,0)+IF(Input!$K$16=1,M2431*Input!$J$16,0)</f>
        <v>1.5398099468768169</v>
      </c>
      <c r="O2431" s="58">
        <f>IF(Input!$K$13=2,J2431*Input!$J$13,0)+IF(Input!$K$14=2,K2431*Input!$J$14,0)+IF(Input!$K$15=2,L2431*Input!$J$15,0)+IF(Input!$K$16=2,M2431*Input!$J$16,0)</f>
        <v>8.5580031711708596E-2</v>
      </c>
      <c r="P2431" s="58">
        <f>IF(Input!$K$13=3,J2431*Input!$J$13,0)+IF(Input!$K$14=3,K2431*Input!$J$14,0)+IF(Input!$K$15=3,L2431*Input!$J$15,0)+IF(Input!$K$16=3,M2431*Input!$J$16,0)</f>
        <v>0</v>
      </c>
      <c r="Q2431" s="71">
        <f>IF(Input!$K$13=4,J2431*Input!$J$13,0)+IF(Input!$K$14=4,K2431*Input!$J$14,0)+IF(Input!$K$15=4,L2431*Input!$J$15,0)+IF(Input!$K$16=4,M2431*Input!$J$16,0)</f>
        <v>0</v>
      </c>
    </row>
    <row r="2432" spans="8:17" x14ac:dyDescent="0.25">
      <c r="H2432" s="43">
        <v>2425</v>
      </c>
      <c r="I2432" s="55">
        <f>Bühler!I2458</f>
        <v>1.4991394557786828</v>
      </c>
      <c r="J2432" s="58">
        <f>Bühler!J2458</f>
        <v>11.459385392164666</v>
      </c>
      <c r="K2432" s="58">
        <f>Bühler!K2458</f>
        <v>0.62142991949959681</v>
      </c>
      <c r="L2432" s="58">
        <f>Bühler!L2458</f>
        <v>0.3107149597497984</v>
      </c>
      <c r="M2432" s="57">
        <f>Bühler!M2458</f>
        <v>0</v>
      </c>
      <c r="N2432" s="55">
        <f>IF(Input!$K$13=1,J2432*Input!$J$13,0)+IF(Input!$K$14=1,K2432*Input!$J$14,0)+IF(Input!$K$15=1,L2432*Input!$J$15,0)+IF(Input!$K$16=1,M2432*Input!$J$16,0)</f>
        <v>1.3751262470597598</v>
      </c>
      <c r="O2432" s="58">
        <f>IF(Input!$K$13=2,J2432*Input!$J$13,0)+IF(Input!$K$14=2,K2432*Input!$J$14,0)+IF(Input!$K$15=2,L2432*Input!$J$15,0)+IF(Input!$K$16=2,M2432*Input!$J$16,0)</f>
        <v>8.3893039132445557E-2</v>
      </c>
      <c r="P2432" s="58">
        <f>IF(Input!$K$13=3,J2432*Input!$J$13,0)+IF(Input!$K$14=3,K2432*Input!$J$14,0)+IF(Input!$K$15=3,L2432*Input!$J$15,0)+IF(Input!$K$16=3,M2432*Input!$J$16,0)</f>
        <v>0</v>
      </c>
      <c r="Q2432" s="71">
        <f>IF(Input!$K$13=4,J2432*Input!$J$13,0)+IF(Input!$K$14=4,K2432*Input!$J$14,0)+IF(Input!$K$15=4,L2432*Input!$J$15,0)+IF(Input!$K$16=4,M2432*Input!$J$16,0)</f>
        <v>0</v>
      </c>
    </row>
    <row r="2433" spans="8:17" x14ac:dyDescent="0.25">
      <c r="H2433" s="43">
        <v>2426</v>
      </c>
      <c r="I2433" s="55">
        <f>Bühler!I2459</f>
        <v>1.4991394557786828</v>
      </c>
      <c r="J2433" s="58">
        <f>Bühler!J2459</f>
        <v>11.459385392164666</v>
      </c>
      <c r="K2433" s="58">
        <f>Bühler!K2459</f>
        <v>0.62142991949959681</v>
      </c>
      <c r="L2433" s="58">
        <f>Bühler!L2459</f>
        <v>0.3107149597497984</v>
      </c>
      <c r="M2433" s="57">
        <f>Bühler!M2459</f>
        <v>0</v>
      </c>
      <c r="N2433" s="55">
        <f>IF(Input!$K$13=1,J2433*Input!$J$13,0)+IF(Input!$K$14=1,K2433*Input!$J$14,0)+IF(Input!$K$15=1,L2433*Input!$J$15,0)+IF(Input!$K$16=1,M2433*Input!$J$16,0)</f>
        <v>1.3751262470597598</v>
      </c>
      <c r="O2433" s="58">
        <f>IF(Input!$K$13=2,J2433*Input!$J$13,0)+IF(Input!$K$14=2,K2433*Input!$J$14,0)+IF(Input!$K$15=2,L2433*Input!$J$15,0)+IF(Input!$K$16=2,M2433*Input!$J$16,0)</f>
        <v>8.3893039132445557E-2</v>
      </c>
      <c r="P2433" s="58">
        <f>IF(Input!$K$13=3,J2433*Input!$J$13,0)+IF(Input!$K$14=3,K2433*Input!$J$14,0)+IF(Input!$K$15=3,L2433*Input!$J$15,0)+IF(Input!$K$16=3,M2433*Input!$J$16,0)</f>
        <v>0</v>
      </c>
      <c r="Q2433" s="71">
        <f>IF(Input!$K$13=4,J2433*Input!$J$13,0)+IF(Input!$K$14=4,K2433*Input!$J$14,0)+IF(Input!$K$15=4,L2433*Input!$J$15,0)+IF(Input!$K$16=4,M2433*Input!$J$16,0)</f>
        <v>0</v>
      </c>
    </row>
    <row r="2434" spans="8:17" x14ac:dyDescent="0.25">
      <c r="H2434" s="43">
        <v>2427</v>
      </c>
      <c r="I2434" s="55">
        <f>Bühler!I2460</f>
        <v>1.4991394557786828</v>
      </c>
      <c r="J2434" s="58">
        <f>Bühler!J2460</f>
        <v>11.459385392164666</v>
      </c>
      <c r="K2434" s="58">
        <f>Bühler!K2460</f>
        <v>0.62142991949959681</v>
      </c>
      <c r="L2434" s="58">
        <f>Bühler!L2460</f>
        <v>0.3107149597497984</v>
      </c>
      <c r="M2434" s="57">
        <f>Bühler!M2460</f>
        <v>0</v>
      </c>
      <c r="N2434" s="55">
        <f>IF(Input!$K$13=1,J2434*Input!$J$13,0)+IF(Input!$K$14=1,K2434*Input!$J$14,0)+IF(Input!$K$15=1,L2434*Input!$J$15,0)+IF(Input!$K$16=1,M2434*Input!$J$16,0)</f>
        <v>1.3751262470597598</v>
      </c>
      <c r="O2434" s="58">
        <f>IF(Input!$K$13=2,J2434*Input!$J$13,0)+IF(Input!$K$14=2,K2434*Input!$J$14,0)+IF(Input!$K$15=2,L2434*Input!$J$15,0)+IF(Input!$K$16=2,M2434*Input!$J$16,0)</f>
        <v>8.3893039132445557E-2</v>
      </c>
      <c r="P2434" s="58">
        <f>IF(Input!$K$13=3,J2434*Input!$J$13,0)+IF(Input!$K$14=3,K2434*Input!$J$14,0)+IF(Input!$K$15=3,L2434*Input!$J$15,0)+IF(Input!$K$16=3,M2434*Input!$J$16,0)</f>
        <v>0</v>
      </c>
      <c r="Q2434" s="71">
        <f>IF(Input!$K$13=4,J2434*Input!$J$13,0)+IF(Input!$K$14=4,K2434*Input!$J$14,0)+IF(Input!$K$15=4,L2434*Input!$J$15,0)+IF(Input!$K$16=4,M2434*Input!$J$16,0)</f>
        <v>0</v>
      </c>
    </row>
    <row r="2435" spans="8:17" x14ac:dyDescent="0.25">
      <c r="H2435" s="43">
        <v>2428</v>
      </c>
      <c r="I2435" s="55">
        <f>Bühler!I2461</f>
        <v>1.4991394557786828</v>
      </c>
      <c r="J2435" s="58">
        <f>Bühler!J2461</f>
        <v>11.459385392164666</v>
      </c>
      <c r="K2435" s="58">
        <f>Bühler!K2461</f>
        <v>0.62142991949959681</v>
      </c>
      <c r="L2435" s="58">
        <f>Bühler!L2461</f>
        <v>0.3107149597497984</v>
      </c>
      <c r="M2435" s="57">
        <f>Bühler!M2461</f>
        <v>0</v>
      </c>
      <c r="N2435" s="55">
        <f>IF(Input!$K$13=1,J2435*Input!$J$13,0)+IF(Input!$K$14=1,K2435*Input!$J$14,0)+IF(Input!$K$15=1,L2435*Input!$J$15,0)+IF(Input!$K$16=1,M2435*Input!$J$16,0)</f>
        <v>1.3751262470597598</v>
      </c>
      <c r="O2435" s="58">
        <f>IF(Input!$K$13=2,J2435*Input!$J$13,0)+IF(Input!$K$14=2,K2435*Input!$J$14,0)+IF(Input!$K$15=2,L2435*Input!$J$15,0)+IF(Input!$K$16=2,M2435*Input!$J$16,0)</f>
        <v>8.3893039132445557E-2</v>
      </c>
      <c r="P2435" s="58">
        <f>IF(Input!$K$13=3,J2435*Input!$J$13,0)+IF(Input!$K$14=3,K2435*Input!$J$14,0)+IF(Input!$K$15=3,L2435*Input!$J$15,0)+IF(Input!$K$16=3,M2435*Input!$J$16,0)</f>
        <v>0</v>
      </c>
      <c r="Q2435" s="71">
        <f>IF(Input!$K$13=4,J2435*Input!$J$13,0)+IF(Input!$K$14=4,K2435*Input!$J$14,0)+IF(Input!$K$15=4,L2435*Input!$J$15,0)+IF(Input!$K$16=4,M2435*Input!$J$16,0)</f>
        <v>0</v>
      </c>
    </row>
    <row r="2436" spans="8:17" x14ac:dyDescent="0.25">
      <c r="H2436" s="43">
        <v>2429</v>
      </c>
      <c r="I2436" s="55">
        <f>Bühler!I2462</f>
        <v>1.4991394557786828</v>
      </c>
      <c r="J2436" s="58">
        <f>Bühler!J2462</f>
        <v>11.459385392164666</v>
      </c>
      <c r="K2436" s="58">
        <f>Bühler!K2462</f>
        <v>0.62142991949959681</v>
      </c>
      <c r="L2436" s="58">
        <f>Bühler!L2462</f>
        <v>0.3107149597497984</v>
      </c>
      <c r="M2436" s="57">
        <f>Bühler!M2462</f>
        <v>0</v>
      </c>
      <c r="N2436" s="55">
        <f>IF(Input!$K$13=1,J2436*Input!$J$13,0)+IF(Input!$K$14=1,K2436*Input!$J$14,0)+IF(Input!$K$15=1,L2436*Input!$J$15,0)+IF(Input!$K$16=1,M2436*Input!$J$16,0)</f>
        <v>1.3751262470597598</v>
      </c>
      <c r="O2436" s="58">
        <f>IF(Input!$K$13=2,J2436*Input!$J$13,0)+IF(Input!$K$14=2,K2436*Input!$J$14,0)+IF(Input!$K$15=2,L2436*Input!$J$15,0)+IF(Input!$K$16=2,M2436*Input!$J$16,0)</f>
        <v>8.3893039132445557E-2</v>
      </c>
      <c r="P2436" s="58">
        <f>IF(Input!$K$13=3,J2436*Input!$J$13,0)+IF(Input!$K$14=3,K2436*Input!$J$14,0)+IF(Input!$K$15=3,L2436*Input!$J$15,0)+IF(Input!$K$16=3,M2436*Input!$J$16,0)</f>
        <v>0</v>
      </c>
      <c r="Q2436" s="71">
        <f>IF(Input!$K$13=4,J2436*Input!$J$13,0)+IF(Input!$K$14=4,K2436*Input!$J$14,0)+IF(Input!$K$15=4,L2436*Input!$J$15,0)+IF(Input!$K$16=4,M2436*Input!$J$16,0)</f>
        <v>0</v>
      </c>
    </row>
    <row r="2437" spans="8:17" x14ac:dyDescent="0.25">
      <c r="H2437" s="43">
        <v>2430</v>
      </c>
      <c r="I2437" s="55">
        <f>Bühler!I2463</f>
        <v>1.4991394557786828</v>
      </c>
      <c r="J2437" s="58">
        <f>Bühler!J2463</f>
        <v>11.459385392164666</v>
      </c>
      <c r="K2437" s="58">
        <f>Bühler!K2463</f>
        <v>0.62142991949959681</v>
      </c>
      <c r="L2437" s="58">
        <f>Bühler!L2463</f>
        <v>0.3107149597497984</v>
      </c>
      <c r="M2437" s="57">
        <f>Bühler!M2463</f>
        <v>0</v>
      </c>
      <c r="N2437" s="55">
        <f>IF(Input!$K$13=1,J2437*Input!$J$13,0)+IF(Input!$K$14=1,K2437*Input!$J$14,0)+IF(Input!$K$15=1,L2437*Input!$J$15,0)+IF(Input!$K$16=1,M2437*Input!$J$16,0)</f>
        <v>1.3751262470597598</v>
      </c>
      <c r="O2437" s="58">
        <f>IF(Input!$K$13=2,J2437*Input!$J$13,0)+IF(Input!$K$14=2,K2437*Input!$J$14,0)+IF(Input!$K$15=2,L2437*Input!$J$15,0)+IF(Input!$K$16=2,M2437*Input!$J$16,0)</f>
        <v>8.3893039132445557E-2</v>
      </c>
      <c r="P2437" s="58">
        <f>IF(Input!$K$13=3,J2437*Input!$J$13,0)+IF(Input!$K$14=3,K2437*Input!$J$14,0)+IF(Input!$K$15=3,L2437*Input!$J$15,0)+IF(Input!$K$16=3,M2437*Input!$J$16,0)</f>
        <v>0</v>
      </c>
      <c r="Q2437" s="71">
        <f>IF(Input!$K$13=4,J2437*Input!$J$13,0)+IF(Input!$K$14=4,K2437*Input!$J$14,0)+IF(Input!$K$15=4,L2437*Input!$J$15,0)+IF(Input!$K$16=4,M2437*Input!$J$16,0)</f>
        <v>0</v>
      </c>
    </row>
    <row r="2438" spans="8:17" x14ac:dyDescent="0.25">
      <c r="H2438" s="43">
        <v>2431</v>
      </c>
      <c r="I2438" s="55">
        <f>Bühler!I2464</f>
        <v>1.4991394557786828</v>
      </c>
      <c r="J2438" s="58">
        <f>Bühler!J2464</f>
        <v>11.459385392164666</v>
      </c>
      <c r="K2438" s="58">
        <f>Bühler!K2464</f>
        <v>0.62142991949959681</v>
      </c>
      <c r="L2438" s="58">
        <f>Bühler!L2464</f>
        <v>0.3107149597497984</v>
      </c>
      <c r="M2438" s="57">
        <f>Bühler!M2464</f>
        <v>0</v>
      </c>
      <c r="N2438" s="55">
        <f>IF(Input!$K$13=1,J2438*Input!$J$13,0)+IF(Input!$K$14=1,K2438*Input!$J$14,0)+IF(Input!$K$15=1,L2438*Input!$J$15,0)+IF(Input!$K$16=1,M2438*Input!$J$16,0)</f>
        <v>1.3751262470597598</v>
      </c>
      <c r="O2438" s="58">
        <f>IF(Input!$K$13=2,J2438*Input!$J$13,0)+IF(Input!$K$14=2,K2438*Input!$J$14,0)+IF(Input!$K$15=2,L2438*Input!$J$15,0)+IF(Input!$K$16=2,M2438*Input!$J$16,0)</f>
        <v>8.3893039132445557E-2</v>
      </c>
      <c r="P2438" s="58">
        <f>IF(Input!$K$13=3,J2438*Input!$J$13,0)+IF(Input!$K$14=3,K2438*Input!$J$14,0)+IF(Input!$K$15=3,L2438*Input!$J$15,0)+IF(Input!$K$16=3,M2438*Input!$J$16,0)</f>
        <v>0</v>
      </c>
      <c r="Q2438" s="71">
        <f>IF(Input!$K$13=4,J2438*Input!$J$13,0)+IF(Input!$K$14=4,K2438*Input!$J$14,0)+IF(Input!$K$15=4,L2438*Input!$J$15,0)+IF(Input!$K$16=4,M2438*Input!$J$16,0)</f>
        <v>0</v>
      </c>
    </row>
    <row r="2439" spans="8:17" x14ac:dyDescent="0.25">
      <c r="H2439" s="43">
        <v>2432</v>
      </c>
      <c r="I2439" s="55">
        <f>Bühler!I2465</f>
        <v>4.1301292006702708</v>
      </c>
      <c r="J2439" s="58">
        <f>Bühler!J2465</f>
        <v>44.67989302102179</v>
      </c>
      <c r="K2439" s="58">
        <f>Bühler!K2465</f>
        <v>2.5403301860756242</v>
      </c>
      <c r="L2439" s="58">
        <f>Bühler!L2465</f>
        <v>1.2701650930378121</v>
      </c>
      <c r="M2439" s="57">
        <f>Bühler!M2465</f>
        <v>0</v>
      </c>
      <c r="N2439" s="55">
        <f>IF(Input!$K$13=1,J2439*Input!$J$13,0)+IF(Input!$K$14=1,K2439*Input!$J$14,0)+IF(Input!$K$15=1,L2439*Input!$J$15,0)+IF(Input!$K$16=1,M2439*Input!$J$16,0)</f>
        <v>5.361587162522615</v>
      </c>
      <c r="O2439" s="58">
        <f>IF(Input!$K$13=2,J2439*Input!$J$13,0)+IF(Input!$K$14=2,K2439*Input!$J$14,0)+IF(Input!$K$15=2,L2439*Input!$J$15,0)+IF(Input!$K$16=2,M2439*Input!$J$16,0)</f>
        <v>0.34294457512020926</v>
      </c>
      <c r="P2439" s="58">
        <f>IF(Input!$K$13=3,J2439*Input!$J$13,0)+IF(Input!$K$14=3,K2439*Input!$J$14,0)+IF(Input!$K$15=3,L2439*Input!$J$15,0)+IF(Input!$K$16=3,M2439*Input!$J$16,0)</f>
        <v>0</v>
      </c>
      <c r="Q2439" s="71">
        <f>IF(Input!$K$13=4,J2439*Input!$J$13,0)+IF(Input!$K$14=4,K2439*Input!$J$14,0)+IF(Input!$K$15=4,L2439*Input!$J$15,0)+IF(Input!$K$16=4,M2439*Input!$J$16,0)</f>
        <v>0</v>
      </c>
    </row>
    <row r="2440" spans="8:17" x14ac:dyDescent="0.25">
      <c r="H2440" s="43">
        <v>2433</v>
      </c>
      <c r="I2440" s="55">
        <f>Bühler!I2466</f>
        <v>4.6083546870636711</v>
      </c>
      <c r="J2440" s="58">
        <f>Bühler!J2466</f>
        <v>49.853354318192743</v>
      </c>
      <c r="K2440" s="58">
        <f>Bühler!K2466</f>
        <v>2.8344736813054339</v>
      </c>
      <c r="L2440" s="58">
        <f>Bühler!L2466</f>
        <v>1.4172368406527169</v>
      </c>
      <c r="M2440" s="57">
        <f>Bühler!M2466</f>
        <v>0</v>
      </c>
      <c r="N2440" s="55">
        <f>IF(Input!$K$13=1,J2440*Input!$J$13,0)+IF(Input!$K$14=1,K2440*Input!$J$14,0)+IF(Input!$K$15=1,L2440*Input!$J$15,0)+IF(Input!$K$16=1,M2440*Input!$J$16,0)</f>
        <v>5.9824025181831288</v>
      </c>
      <c r="O2440" s="58">
        <f>IF(Input!$K$13=2,J2440*Input!$J$13,0)+IF(Input!$K$14=2,K2440*Input!$J$14,0)+IF(Input!$K$15=2,L2440*Input!$J$15,0)+IF(Input!$K$16=2,M2440*Input!$J$16,0)</f>
        <v>0.38265394697623356</v>
      </c>
      <c r="P2440" s="58">
        <f>IF(Input!$K$13=3,J2440*Input!$J$13,0)+IF(Input!$K$14=3,K2440*Input!$J$14,0)+IF(Input!$K$15=3,L2440*Input!$J$15,0)+IF(Input!$K$16=3,M2440*Input!$J$16,0)</f>
        <v>0</v>
      </c>
      <c r="Q2440" s="71">
        <f>IF(Input!$K$13=4,J2440*Input!$J$13,0)+IF(Input!$K$14=4,K2440*Input!$J$14,0)+IF(Input!$K$15=4,L2440*Input!$J$15,0)+IF(Input!$K$16=4,M2440*Input!$J$16,0)</f>
        <v>0</v>
      </c>
    </row>
    <row r="2441" spans="8:17" x14ac:dyDescent="0.25">
      <c r="H2441" s="43">
        <v>2434</v>
      </c>
      <c r="I2441" s="55">
        <f>Bühler!I2467</f>
        <v>5.0865801734570706</v>
      </c>
      <c r="J2441" s="58">
        <f>Bühler!J2467</f>
        <v>55.026815615363674</v>
      </c>
      <c r="K2441" s="58">
        <f>Bühler!K2467</f>
        <v>3.1286171765352431</v>
      </c>
      <c r="L2441" s="58">
        <f>Bühler!L2467</f>
        <v>1.5643085882676215</v>
      </c>
      <c r="M2441" s="57">
        <f>Bühler!M2467</f>
        <v>0</v>
      </c>
      <c r="N2441" s="55">
        <f>IF(Input!$K$13=1,J2441*Input!$J$13,0)+IF(Input!$K$14=1,K2441*Input!$J$14,0)+IF(Input!$K$15=1,L2441*Input!$J$15,0)+IF(Input!$K$16=1,M2441*Input!$J$16,0)</f>
        <v>6.6032178738436409</v>
      </c>
      <c r="O2441" s="58">
        <f>IF(Input!$K$13=2,J2441*Input!$J$13,0)+IF(Input!$K$14=2,K2441*Input!$J$14,0)+IF(Input!$K$15=2,L2441*Input!$J$15,0)+IF(Input!$K$16=2,M2441*Input!$J$16,0)</f>
        <v>0.42236331883225781</v>
      </c>
      <c r="P2441" s="58">
        <f>IF(Input!$K$13=3,J2441*Input!$J$13,0)+IF(Input!$K$14=3,K2441*Input!$J$14,0)+IF(Input!$K$15=3,L2441*Input!$J$15,0)+IF(Input!$K$16=3,M2441*Input!$J$16,0)</f>
        <v>0</v>
      </c>
      <c r="Q2441" s="71">
        <f>IF(Input!$K$13=4,J2441*Input!$J$13,0)+IF(Input!$K$14=4,K2441*Input!$J$14,0)+IF(Input!$K$15=4,L2441*Input!$J$15,0)+IF(Input!$K$16=4,M2441*Input!$J$16,0)</f>
        <v>0</v>
      </c>
    </row>
    <row r="2442" spans="8:17" x14ac:dyDescent="0.25">
      <c r="H2442" s="43">
        <v>2435</v>
      </c>
      <c r="I2442" s="55">
        <f>Bühler!I2468</f>
        <v>5.0865801734570706</v>
      </c>
      <c r="J2442" s="58">
        <f>Bühler!J2468</f>
        <v>55.026815615363674</v>
      </c>
      <c r="K2442" s="58">
        <f>Bühler!K2468</f>
        <v>3.1286171765352431</v>
      </c>
      <c r="L2442" s="58">
        <f>Bühler!L2468</f>
        <v>1.5643085882676215</v>
      </c>
      <c r="M2442" s="57">
        <f>Bühler!M2468</f>
        <v>0</v>
      </c>
      <c r="N2442" s="55">
        <f>IF(Input!$K$13=1,J2442*Input!$J$13,0)+IF(Input!$K$14=1,K2442*Input!$J$14,0)+IF(Input!$K$15=1,L2442*Input!$J$15,0)+IF(Input!$K$16=1,M2442*Input!$J$16,0)</f>
        <v>6.6032178738436409</v>
      </c>
      <c r="O2442" s="58">
        <f>IF(Input!$K$13=2,J2442*Input!$J$13,0)+IF(Input!$K$14=2,K2442*Input!$J$14,0)+IF(Input!$K$15=2,L2442*Input!$J$15,0)+IF(Input!$K$16=2,M2442*Input!$J$16,0)</f>
        <v>0.42236331883225781</v>
      </c>
      <c r="P2442" s="58">
        <f>IF(Input!$K$13=3,J2442*Input!$J$13,0)+IF(Input!$K$14=3,K2442*Input!$J$14,0)+IF(Input!$K$15=3,L2442*Input!$J$15,0)+IF(Input!$K$16=3,M2442*Input!$J$16,0)</f>
        <v>0</v>
      </c>
      <c r="Q2442" s="71">
        <f>IF(Input!$K$13=4,J2442*Input!$J$13,0)+IF(Input!$K$14=4,K2442*Input!$J$14,0)+IF(Input!$K$15=4,L2442*Input!$J$15,0)+IF(Input!$K$16=4,M2442*Input!$J$16,0)</f>
        <v>0</v>
      </c>
    </row>
    <row r="2443" spans="8:17" x14ac:dyDescent="0.25">
      <c r="H2443" s="43">
        <v>2436</v>
      </c>
      <c r="I2443" s="55">
        <f>Bühler!I2469</f>
        <v>6.0865061904614501</v>
      </c>
      <c r="J2443" s="58">
        <f>Bühler!J2469</f>
        <v>65.844052873084749</v>
      </c>
      <c r="K2443" s="58">
        <f>Bühler!K2469</f>
        <v>3.7436444847430255</v>
      </c>
      <c r="L2443" s="58">
        <f>Bühler!L2469</f>
        <v>1.8718222423715127</v>
      </c>
      <c r="M2443" s="57">
        <f>Bühler!M2469</f>
        <v>0</v>
      </c>
      <c r="N2443" s="55">
        <f>IF(Input!$K$13=1,J2443*Input!$J$13,0)+IF(Input!$K$14=1,K2443*Input!$J$14,0)+IF(Input!$K$15=1,L2443*Input!$J$15,0)+IF(Input!$K$16=1,M2443*Input!$J$16,0)</f>
        <v>7.9012863447701696</v>
      </c>
      <c r="O2443" s="58">
        <f>IF(Input!$K$13=2,J2443*Input!$J$13,0)+IF(Input!$K$14=2,K2443*Input!$J$14,0)+IF(Input!$K$15=2,L2443*Input!$J$15,0)+IF(Input!$K$16=2,M2443*Input!$J$16,0)</f>
        <v>0.50539200544030838</v>
      </c>
      <c r="P2443" s="58">
        <f>IF(Input!$K$13=3,J2443*Input!$J$13,0)+IF(Input!$K$14=3,K2443*Input!$J$14,0)+IF(Input!$K$15=3,L2443*Input!$J$15,0)+IF(Input!$K$16=3,M2443*Input!$J$16,0)</f>
        <v>0</v>
      </c>
      <c r="Q2443" s="71">
        <f>IF(Input!$K$13=4,J2443*Input!$J$13,0)+IF(Input!$K$14=4,K2443*Input!$J$14,0)+IF(Input!$K$15=4,L2443*Input!$J$15,0)+IF(Input!$K$16=4,M2443*Input!$J$16,0)</f>
        <v>0</v>
      </c>
    </row>
    <row r="2444" spans="8:17" x14ac:dyDescent="0.25">
      <c r="H2444" s="43">
        <v>2437</v>
      </c>
      <c r="I2444" s="55">
        <f>Bühler!I2470</f>
        <v>6.0865061904614501</v>
      </c>
      <c r="J2444" s="58">
        <f>Bühler!J2470</f>
        <v>65.844052873084749</v>
      </c>
      <c r="K2444" s="58">
        <f>Bühler!K2470</f>
        <v>3.7436444847430255</v>
      </c>
      <c r="L2444" s="58">
        <f>Bühler!L2470</f>
        <v>1.8718222423715127</v>
      </c>
      <c r="M2444" s="57">
        <f>Bühler!M2470</f>
        <v>0</v>
      </c>
      <c r="N2444" s="55">
        <f>IF(Input!$K$13=1,J2444*Input!$J$13,0)+IF(Input!$K$14=1,K2444*Input!$J$14,0)+IF(Input!$K$15=1,L2444*Input!$J$15,0)+IF(Input!$K$16=1,M2444*Input!$J$16,0)</f>
        <v>7.9012863447701696</v>
      </c>
      <c r="O2444" s="58">
        <f>IF(Input!$K$13=2,J2444*Input!$J$13,0)+IF(Input!$K$14=2,K2444*Input!$J$14,0)+IF(Input!$K$15=2,L2444*Input!$J$15,0)+IF(Input!$K$16=2,M2444*Input!$J$16,0)</f>
        <v>0.50539200544030838</v>
      </c>
      <c r="P2444" s="58">
        <f>IF(Input!$K$13=3,J2444*Input!$J$13,0)+IF(Input!$K$14=3,K2444*Input!$J$14,0)+IF(Input!$K$15=3,L2444*Input!$J$15,0)+IF(Input!$K$16=3,M2444*Input!$J$16,0)</f>
        <v>0</v>
      </c>
      <c r="Q2444" s="71">
        <f>IF(Input!$K$13=4,J2444*Input!$J$13,0)+IF(Input!$K$14=4,K2444*Input!$J$14,0)+IF(Input!$K$15=4,L2444*Input!$J$15,0)+IF(Input!$K$16=4,M2444*Input!$J$16,0)</f>
        <v>0</v>
      </c>
    </row>
    <row r="2445" spans="8:17" x14ac:dyDescent="0.25">
      <c r="H2445" s="43">
        <v>2438</v>
      </c>
      <c r="I2445" s="55">
        <f>Bühler!I2471</f>
        <v>4.0431791122351068</v>
      </c>
      <c r="J2445" s="58">
        <f>Bühler!J2471</f>
        <v>43.739263694263435</v>
      </c>
      <c r="K2445" s="58">
        <f>Bühler!K2471</f>
        <v>2.4868495505792954</v>
      </c>
      <c r="L2445" s="58">
        <f>Bühler!L2471</f>
        <v>1.2434247752896477</v>
      </c>
      <c r="M2445" s="57">
        <f>Bühler!M2471</f>
        <v>0</v>
      </c>
      <c r="N2445" s="55">
        <f>IF(Input!$K$13=1,J2445*Input!$J$13,0)+IF(Input!$K$14=1,K2445*Input!$J$14,0)+IF(Input!$K$15=1,L2445*Input!$J$15,0)+IF(Input!$K$16=1,M2445*Input!$J$16,0)</f>
        <v>5.2487116433116121</v>
      </c>
      <c r="O2445" s="58">
        <f>IF(Input!$K$13=2,J2445*Input!$J$13,0)+IF(Input!$K$14=2,K2445*Input!$J$14,0)+IF(Input!$K$15=2,L2445*Input!$J$15,0)+IF(Input!$K$16=2,M2445*Input!$J$16,0)</f>
        <v>0.33572468932820487</v>
      </c>
      <c r="P2445" s="58">
        <f>IF(Input!$K$13=3,J2445*Input!$J$13,0)+IF(Input!$K$14=3,K2445*Input!$J$14,0)+IF(Input!$K$15=3,L2445*Input!$J$15,0)+IF(Input!$K$16=3,M2445*Input!$J$16,0)</f>
        <v>0</v>
      </c>
      <c r="Q2445" s="71">
        <f>IF(Input!$K$13=4,J2445*Input!$J$13,0)+IF(Input!$K$14=4,K2445*Input!$J$14,0)+IF(Input!$K$15=4,L2445*Input!$J$15,0)+IF(Input!$K$16=4,M2445*Input!$J$16,0)</f>
        <v>0</v>
      </c>
    </row>
    <row r="2446" spans="8:17" x14ac:dyDescent="0.25">
      <c r="H2446" s="43">
        <v>2439</v>
      </c>
      <c r="I2446" s="55">
        <f>Bühler!I2472</f>
        <v>6.0865061904614501</v>
      </c>
      <c r="J2446" s="58">
        <f>Bühler!J2472</f>
        <v>65.844052873084749</v>
      </c>
      <c r="K2446" s="58">
        <f>Bühler!K2472</f>
        <v>3.7436444847430255</v>
      </c>
      <c r="L2446" s="58">
        <f>Bühler!L2472</f>
        <v>1.8718222423715127</v>
      </c>
      <c r="M2446" s="57">
        <f>Bühler!M2472</f>
        <v>0</v>
      </c>
      <c r="N2446" s="55">
        <f>IF(Input!$K$13=1,J2446*Input!$J$13,0)+IF(Input!$K$14=1,K2446*Input!$J$14,0)+IF(Input!$K$15=1,L2446*Input!$J$15,0)+IF(Input!$K$16=1,M2446*Input!$J$16,0)</f>
        <v>7.9012863447701696</v>
      </c>
      <c r="O2446" s="58">
        <f>IF(Input!$K$13=2,J2446*Input!$J$13,0)+IF(Input!$K$14=2,K2446*Input!$J$14,0)+IF(Input!$K$15=2,L2446*Input!$J$15,0)+IF(Input!$K$16=2,M2446*Input!$J$16,0)</f>
        <v>0.50539200544030838</v>
      </c>
      <c r="P2446" s="58">
        <f>IF(Input!$K$13=3,J2446*Input!$J$13,0)+IF(Input!$K$14=3,K2446*Input!$J$14,0)+IF(Input!$K$15=3,L2446*Input!$J$15,0)+IF(Input!$K$16=3,M2446*Input!$J$16,0)</f>
        <v>0</v>
      </c>
      <c r="Q2446" s="71">
        <f>IF(Input!$K$13=4,J2446*Input!$J$13,0)+IF(Input!$K$14=4,K2446*Input!$J$14,0)+IF(Input!$K$15=4,L2446*Input!$J$15,0)+IF(Input!$K$16=4,M2446*Input!$J$16,0)</f>
        <v>0</v>
      </c>
    </row>
    <row r="2447" spans="8:17" x14ac:dyDescent="0.25">
      <c r="H2447" s="43">
        <v>2440</v>
      </c>
      <c r="I2447" s="55">
        <f>Bühler!I2473</f>
        <v>6.0865061904614501</v>
      </c>
      <c r="J2447" s="58">
        <f>Bühler!J2473</f>
        <v>65.844052873084749</v>
      </c>
      <c r="K2447" s="58">
        <f>Bühler!K2473</f>
        <v>3.7436444847430255</v>
      </c>
      <c r="L2447" s="58">
        <f>Bühler!L2473</f>
        <v>1.8718222423715127</v>
      </c>
      <c r="M2447" s="57">
        <f>Bühler!M2473</f>
        <v>0</v>
      </c>
      <c r="N2447" s="55">
        <f>IF(Input!$K$13=1,J2447*Input!$J$13,0)+IF(Input!$K$14=1,K2447*Input!$J$14,0)+IF(Input!$K$15=1,L2447*Input!$J$15,0)+IF(Input!$K$16=1,M2447*Input!$J$16,0)</f>
        <v>7.9012863447701696</v>
      </c>
      <c r="O2447" s="58">
        <f>IF(Input!$K$13=2,J2447*Input!$J$13,0)+IF(Input!$K$14=2,K2447*Input!$J$14,0)+IF(Input!$K$15=2,L2447*Input!$J$15,0)+IF(Input!$K$16=2,M2447*Input!$J$16,0)</f>
        <v>0.50539200544030838</v>
      </c>
      <c r="P2447" s="58">
        <f>IF(Input!$K$13=3,J2447*Input!$J$13,0)+IF(Input!$K$14=3,K2447*Input!$J$14,0)+IF(Input!$K$15=3,L2447*Input!$J$15,0)+IF(Input!$K$16=3,M2447*Input!$J$16,0)</f>
        <v>0</v>
      </c>
      <c r="Q2447" s="71">
        <f>IF(Input!$K$13=4,J2447*Input!$J$13,0)+IF(Input!$K$14=4,K2447*Input!$J$14,0)+IF(Input!$K$15=4,L2447*Input!$J$15,0)+IF(Input!$K$16=4,M2447*Input!$J$16,0)</f>
        <v>0</v>
      </c>
    </row>
    <row r="2448" spans="8:17" x14ac:dyDescent="0.25">
      <c r="H2448" s="43">
        <v>2441</v>
      </c>
      <c r="I2448" s="55">
        <f>Bühler!I2474</f>
        <v>5.0858306037291818</v>
      </c>
      <c r="J2448" s="58">
        <f>Bühler!J2474</f>
        <v>40.425027472542325</v>
      </c>
      <c r="K2448" s="58">
        <f>Bühler!K2474</f>
        <v>2.2060762142235686</v>
      </c>
      <c r="L2448" s="58">
        <f>Bühler!L2474</f>
        <v>1.1030381071117843</v>
      </c>
      <c r="M2448" s="57">
        <f>Bühler!M2474</f>
        <v>0</v>
      </c>
      <c r="N2448" s="55">
        <f>IF(Input!$K$13=1,J2448*Input!$J$13,0)+IF(Input!$K$14=1,K2448*Input!$J$14,0)+IF(Input!$K$15=1,L2448*Input!$J$15,0)+IF(Input!$K$16=1,M2448*Input!$J$16,0)</f>
        <v>4.8510032967050787</v>
      </c>
      <c r="O2448" s="58">
        <f>IF(Input!$K$13=2,J2448*Input!$J$13,0)+IF(Input!$K$14=2,K2448*Input!$J$14,0)+IF(Input!$K$15=2,L2448*Input!$J$15,0)+IF(Input!$K$16=2,M2448*Input!$J$16,0)</f>
        <v>0.29782028892018175</v>
      </c>
      <c r="P2448" s="58">
        <f>IF(Input!$K$13=3,J2448*Input!$J$13,0)+IF(Input!$K$14=3,K2448*Input!$J$14,0)+IF(Input!$K$15=3,L2448*Input!$J$15,0)+IF(Input!$K$16=3,M2448*Input!$J$16,0)</f>
        <v>0</v>
      </c>
      <c r="Q2448" s="71">
        <f>IF(Input!$K$13=4,J2448*Input!$J$13,0)+IF(Input!$K$14=4,K2448*Input!$J$14,0)+IF(Input!$K$15=4,L2448*Input!$J$15,0)+IF(Input!$K$16=4,M2448*Input!$J$16,0)</f>
        <v>0</v>
      </c>
    </row>
    <row r="2449" spans="8:17" x14ac:dyDescent="0.25">
      <c r="H2449" s="43">
        <v>2442</v>
      </c>
      <c r="I2449" s="55">
        <f>Bühler!I2475</f>
        <v>4.0439286819629965</v>
      </c>
      <c r="J2449" s="58">
        <f>Bühler!J2475</f>
        <v>19.282919175769649</v>
      </c>
      <c r="K2449" s="58">
        <f>Bühler!K2475</f>
        <v>0.94156048409029824</v>
      </c>
      <c r="L2449" s="58">
        <f>Bühler!L2475</f>
        <v>0.47078024204514912</v>
      </c>
      <c r="M2449" s="57">
        <f>Bühler!M2475</f>
        <v>0</v>
      </c>
      <c r="N2449" s="55">
        <f>IF(Input!$K$13=1,J2449*Input!$J$13,0)+IF(Input!$K$14=1,K2449*Input!$J$14,0)+IF(Input!$K$15=1,L2449*Input!$J$15,0)+IF(Input!$K$16=1,M2449*Input!$J$16,0)</f>
        <v>2.3139503010923579</v>
      </c>
      <c r="O2449" s="58">
        <f>IF(Input!$K$13=2,J2449*Input!$J$13,0)+IF(Input!$K$14=2,K2449*Input!$J$14,0)+IF(Input!$K$15=2,L2449*Input!$J$15,0)+IF(Input!$K$16=2,M2449*Input!$J$16,0)</f>
        <v>0.12711066535219026</v>
      </c>
      <c r="P2449" s="58">
        <f>IF(Input!$K$13=3,J2449*Input!$J$13,0)+IF(Input!$K$14=3,K2449*Input!$J$14,0)+IF(Input!$K$15=3,L2449*Input!$J$15,0)+IF(Input!$K$16=3,M2449*Input!$J$16,0)</f>
        <v>0</v>
      </c>
      <c r="Q2449" s="71">
        <f>IF(Input!$K$13=4,J2449*Input!$J$13,0)+IF(Input!$K$14=4,K2449*Input!$J$14,0)+IF(Input!$K$15=4,L2449*Input!$J$15,0)+IF(Input!$K$16=4,M2449*Input!$J$16,0)</f>
        <v>0</v>
      </c>
    </row>
    <row r="2450" spans="8:17" x14ac:dyDescent="0.25">
      <c r="H2450" s="43">
        <v>2443</v>
      </c>
      <c r="I2450" s="55">
        <f>Bühler!I2476</f>
        <v>1.4991394557786828</v>
      </c>
      <c r="J2450" s="58">
        <f>Bühler!J2476</f>
        <v>11.459385392164666</v>
      </c>
      <c r="K2450" s="58">
        <f>Bühler!K2476</f>
        <v>0.62142991949959681</v>
      </c>
      <c r="L2450" s="58">
        <f>Bühler!L2476</f>
        <v>0.3107149597497984</v>
      </c>
      <c r="M2450" s="57">
        <f>Bühler!M2476</f>
        <v>0</v>
      </c>
      <c r="N2450" s="55">
        <f>IF(Input!$K$13=1,J2450*Input!$J$13,0)+IF(Input!$K$14=1,K2450*Input!$J$14,0)+IF(Input!$K$15=1,L2450*Input!$J$15,0)+IF(Input!$K$16=1,M2450*Input!$J$16,0)</f>
        <v>1.3751262470597598</v>
      </c>
      <c r="O2450" s="58">
        <f>IF(Input!$K$13=2,J2450*Input!$J$13,0)+IF(Input!$K$14=2,K2450*Input!$J$14,0)+IF(Input!$K$15=2,L2450*Input!$J$15,0)+IF(Input!$K$16=2,M2450*Input!$J$16,0)</f>
        <v>8.3893039132445557E-2</v>
      </c>
      <c r="P2450" s="58">
        <f>IF(Input!$K$13=3,J2450*Input!$J$13,0)+IF(Input!$K$14=3,K2450*Input!$J$14,0)+IF(Input!$K$15=3,L2450*Input!$J$15,0)+IF(Input!$K$16=3,M2450*Input!$J$16,0)</f>
        <v>0</v>
      </c>
      <c r="Q2450" s="71">
        <f>IF(Input!$K$13=4,J2450*Input!$J$13,0)+IF(Input!$K$14=4,K2450*Input!$J$14,0)+IF(Input!$K$15=4,L2450*Input!$J$15,0)+IF(Input!$K$16=4,M2450*Input!$J$16,0)</f>
        <v>0</v>
      </c>
    </row>
    <row r="2451" spans="8:17" x14ac:dyDescent="0.25">
      <c r="H2451" s="43">
        <v>2444</v>
      </c>
      <c r="I2451" s="55">
        <f>Bühler!I2477</f>
        <v>1.4991394557786828</v>
      </c>
      <c r="J2451" s="58">
        <f>Bühler!J2477</f>
        <v>11.459385392164666</v>
      </c>
      <c r="K2451" s="58">
        <f>Bühler!K2477</f>
        <v>0.62142991949959681</v>
      </c>
      <c r="L2451" s="58">
        <f>Bühler!L2477</f>
        <v>0.3107149597497984</v>
      </c>
      <c r="M2451" s="57">
        <f>Bühler!M2477</f>
        <v>0</v>
      </c>
      <c r="N2451" s="55">
        <f>IF(Input!$K$13=1,J2451*Input!$J$13,0)+IF(Input!$K$14=1,K2451*Input!$J$14,0)+IF(Input!$K$15=1,L2451*Input!$J$15,0)+IF(Input!$K$16=1,M2451*Input!$J$16,0)</f>
        <v>1.3751262470597598</v>
      </c>
      <c r="O2451" s="58">
        <f>IF(Input!$K$13=2,J2451*Input!$J$13,0)+IF(Input!$K$14=2,K2451*Input!$J$14,0)+IF(Input!$K$15=2,L2451*Input!$J$15,0)+IF(Input!$K$16=2,M2451*Input!$J$16,0)</f>
        <v>8.3893039132445557E-2</v>
      </c>
      <c r="P2451" s="58">
        <f>IF(Input!$K$13=3,J2451*Input!$J$13,0)+IF(Input!$K$14=3,K2451*Input!$J$14,0)+IF(Input!$K$15=3,L2451*Input!$J$15,0)+IF(Input!$K$16=3,M2451*Input!$J$16,0)</f>
        <v>0</v>
      </c>
      <c r="Q2451" s="71">
        <f>IF(Input!$K$13=4,J2451*Input!$J$13,0)+IF(Input!$K$14=4,K2451*Input!$J$14,0)+IF(Input!$K$15=4,L2451*Input!$J$15,0)+IF(Input!$K$16=4,M2451*Input!$J$16,0)</f>
        <v>0</v>
      </c>
    </row>
    <row r="2452" spans="8:17" x14ac:dyDescent="0.25">
      <c r="H2452" s="43">
        <v>2445</v>
      </c>
      <c r="I2452" s="55">
        <f>Bühler!I2478</f>
        <v>1.4991394557786828</v>
      </c>
      <c r="J2452" s="58">
        <f>Bühler!J2478</f>
        <v>11.459385392164666</v>
      </c>
      <c r="K2452" s="58">
        <f>Bühler!K2478</f>
        <v>0.62142991949959681</v>
      </c>
      <c r="L2452" s="58">
        <f>Bühler!L2478</f>
        <v>0.3107149597497984</v>
      </c>
      <c r="M2452" s="57">
        <f>Bühler!M2478</f>
        <v>0</v>
      </c>
      <c r="N2452" s="55">
        <f>IF(Input!$K$13=1,J2452*Input!$J$13,0)+IF(Input!$K$14=1,K2452*Input!$J$14,0)+IF(Input!$K$15=1,L2452*Input!$J$15,0)+IF(Input!$K$16=1,M2452*Input!$J$16,0)</f>
        <v>1.3751262470597598</v>
      </c>
      <c r="O2452" s="58">
        <f>IF(Input!$K$13=2,J2452*Input!$J$13,0)+IF(Input!$K$14=2,K2452*Input!$J$14,0)+IF(Input!$K$15=2,L2452*Input!$J$15,0)+IF(Input!$K$16=2,M2452*Input!$J$16,0)</f>
        <v>8.3893039132445557E-2</v>
      </c>
      <c r="P2452" s="58">
        <f>IF(Input!$K$13=3,J2452*Input!$J$13,0)+IF(Input!$K$14=3,K2452*Input!$J$14,0)+IF(Input!$K$15=3,L2452*Input!$J$15,0)+IF(Input!$K$16=3,M2452*Input!$J$16,0)</f>
        <v>0</v>
      </c>
      <c r="Q2452" s="71">
        <f>IF(Input!$K$13=4,J2452*Input!$J$13,0)+IF(Input!$K$14=4,K2452*Input!$J$14,0)+IF(Input!$K$15=4,L2452*Input!$J$15,0)+IF(Input!$K$16=4,M2452*Input!$J$16,0)</f>
        <v>0</v>
      </c>
    </row>
    <row r="2453" spans="8:17" x14ac:dyDescent="0.25">
      <c r="H2453" s="43">
        <v>2446</v>
      </c>
      <c r="I2453" s="55">
        <f>Bühler!I2479</f>
        <v>1.4991394557786828</v>
      </c>
      <c r="J2453" s="58">
        <f>Bühler!J2479</f>
        <v>11.459385392164666</v>
      </c>
      <c r="K2453" s="58">
        <f>Bühler!K2479</f>
        <v>0.62142991949959681</v>
      </c>
      <c r="L2453" s="58">
        <f>Bühler!L2479</f>
        <v>0.3107149597497984</v>
      </c>
      <c r="M2453" s="57">
        <f>Bühler!M2479</f>
        <v>0</v>
      </c>
      <c r="N2453" s="55">
        <f>IF(Input!$K$13=1,J2453*Input!$J$13,0)+IF(Input!$K$14=1,K2453*Input!$J$14,0)+IF(Input!$K$15=1,L2453*Input!$J$15,0)+IF(Input!$K$16=1,M2453*Input!$J$16,0)</f>
        <v>1.3751262470597598</v>
      </c>
      <c r="O2453" s="58">
        <f>IF(Input!$K$13=2,J2453*Input!$J$13,0)+IF(Input!$K$14=2,K2453*Input!$J$14,0)+IF(Input!$K$15=2,L2453*Input!$J$15,0)+IF(Input!$K$16=2,M2453*Input!$J$16,0)</f>
        <v>8.3893039132445557E-2</v>
      </c>
      <c r="P2453" s="58">
        <f>IF(Input!$K$13=3,J2453*Input!$J$13,0)+IF(Input!$K$14=3,K2453*Input!$J$14,0)+IF(Input!$K$15=3,L2453*Input!$J$15,0)+IF(Input!$K$16=3,M2453*Input!$J$16,0)</f>
        <v>0</v>
      </c>
      <c r="Q2453" s="71">
        <f>IF(Input!$K$13=4,J2453*Input!$J$13,0)+IF(Input!$K$14=4,K2453*Input!$J$14,0)+IF(Input!$K$15=4,L2453*Input!$J$15,0)+IF(Input!$K$16=4,M2453*Input!$J$16,0)</f>
        <v>0</v>
      </c>
    </row>
    <row r="2454" spans="8:17" x14ac:dyDescent="0.25">
      <c r="H2454" s="43">
        <v>2447</v>
      </c>
      <c r="I2454" s="55">
        <f>Bühler!I2480</f>
        <v>1.4991394557786828</v>
      </c>
      <c r="J2454" s="58">
        <f>Bühler!J2480</f>
        <v>11.459385392164666</v>
      </c>
      <c r="K2454" s="58">
        <f>Bühler!K2480</f>
        <v>0.62142991949959681</v>
      </c>
      <c r="L2454" s="58">
        <f>Bühler!L2480</f>
        <v>0.3107149597497984</v>
      </c>
      <c r="M2454" s="57">
        <f>Bühler!M2480</f>
        <v>0</v>
      </c>
      <c r="N2454" s="55">
        <f>IF(Input!$K$13=1,J2454*Input!$J$13,0)+IF(Input!$K$14=1,K2454*Input!$J$14,0)+IF(Input!$K$15=1,L2454*Input!$J$15,0)+IF(Input!$K$16=1,M2454*Input!$J$16,0)</f>
        <v>1.3751262470597598</v>
      </c>
      <c r="O2454" s="58">
        <f>IF(Input!$K$13=2,J2454*Input!$J$13,0)+IF(Input!$K$14=2,K2454*Input!$J$14,0)+IF(Input!$K$15=2,L2454*Input!$J$15,0)+IF(Input!$K$16=2,M2454*Input!$J$16,0)</f>
        <v>8.3893039132445557E-2</v>
      </c>
      <c r="P2454" s="58">
        <f>IF(Input!$K$13=3,J2454*Input!$J$13,0)+IF(Input!$K$14=3,K2454*Input!$J$14,0)+IF(Input!$K$15=3,L2454*Input!$J$15,0)+IF(Input!$K$16=3,M2454*Input!$J$16,0)</f>
        <v>0</v>
      </c>
      <c r="Q2454" s="71">
        <f>IF(Input!$K$13=4,J2454*Input!$J$13,0)+IF(Input!$K$14=4,K2454*Input!$J$14,0)+IF(Input!$K$15=4,L2454*Input!$J$15,0)+IF(Input!$K$16=4,M2454*Input!$J$16,0)</f>
        <v>0</v>
      </c>
    </row>
    <row r="2455" spans="8:17" x14ac:dyDescent="0.25">
      <c r="H2455" s="43">
        <v>2448</v>
      </c>
      <c r="I2455" s="55">
        <f>Bühler!I2481</f>
        <v>1.4991394557786828</v>
      </c>
      <c r="J2455" s="58">
        <f>Bühler!J2481</f>
        <v>11.459385392164666</v>
      </c>
      <c r="K2455" s="58">
        <f>Bühler!K2481</f>
        <v>0.62142991949959681</v>
      </c>
      <c r="L2455" s="58">
        <f>Bühler!L2481</f>
        <v>0.3107149597497984</v>
      </c>
      <c r="M2455" s="57">
        <f>Bühler!M2481</f>
        <v>0</v>
      </c>
      <c r="N2455" s="55">
        <f>IF(Input!$K$13=1,J2455*Input!$J$13,0)+IF(Input!$K$14=1,K2455*Input!$J$14,0)+IF(Input!$K$15=1,L2455*Input!$J$15,0)+IF(Input!$K$16=1,M2455*Input!$J$16,0)</f>
        <v>1.3751262470597598</v>
      </c>
      <c r="O2455" s="58">
        <f>IF(Input!$K$13=2,J2455*Input!$J$13,0)+IF(Input!$K$14=2,K2455*Input!$J$14,0)+IF(Input!$K$15=2,L2455*Input!$J$15,0)+IF(Input!$K$16=2,M2455*Input!$J$16,0)</f>
        <v>8.3893039132445557E-2</v>
      </c>
      <c r="P2455" s="58">
        <f>IF(Input!$K$13=3,J2455*Input!$J$13,0)+IF(Input!$K$14=3,K2455*Input!$J$14,0)+IF(Input!$K$15=3,L2455*Input!$J$15,0)+IF(Input!$K$16=3,M2455*Input!$J$16,0)</f>
        <v>0</v>
      </c>
      <c r="Q2455" s="71">
        <f>IF(Input!$K$13=4,J2455*Input!$J$13,0)+IF(Input!$K$14=4,K2455*Input!$J$14,0)+IF(Input!$K$15=4,L2455*Input!$J$15,0)+IF(Input!$K$16=4,M2455*Input!$J$16,0)</f>
        <v>0</v>
      </c>
    </row>
    <row r="2456" spans="8:17" x14ac:dyDescent="0.25">
      <c r="H2456" s="43">
        <v>2449</v>
      </c>
      <c r="I2456" s="55">
        <f>Bühler!I2482</f>
        <v>1.2831638038033979</v>
      </c>
      <c r="J2456" s="58">
        <f>Bühler!J2482</f>
        <v>11.033891426152886</v>
      </c>
      <c r="K2456" s="58">
        <f>Bühler!K2482</f>
        <v>0.61919025812438866</v>
      </c>
      <c r="L2456" s="58">
        <f>Bühler!L2482</f>
        <v>0.30959512906219433</v>
      </c>
      <c r="M2456" s="57">
        <f>Bühler!M2482</f>
        <v>0</v>
      </c>
      <c r="N2456" s="55">
        <f>IF(Input!$K$13=1,J2456*Input!$J$13,0)+IF(Input!$K$14=1,K2456*Input!$J$14,0)+IF(Input!$K$15=1,L2456*Input!$J$15,0)+IF(Input!$K$16=1,M2456*Input!$J$16,0)</f>
        <v>1.3240669711383464</v>
      </c>
      <c r="O2456" s="58">
        <f>IF(Input!$K$13=2,J2456*Input!$J$13,0)+IF(Input!$K$14=2,K2456*Input!$J$14,0)+IF(Input!$K$15=2,L2456*Input!$J$15,0)+IF(Input!$K$16=2,M2456*Input!$J$16,0)</f>
        <v>8.3590684846792468E-2</v>
      </c>
      <c r="P2456" s="58">
        <f>IF(Input!$K$13=3,J2456*Input!$J$13,0)+IF(Input!$K$14=3,K2456*Input!$J$14,0)+IF(Input!$K$15=3,L2456*Input!$J$15,0)+IF(Input!$K$16=3,M2456*Input!$J$16,0)</f>
        <v>0</v>
      </c>
      <c r="Q2456" s="71">
        <f>IF(Input!$K$13=4,J2456*Input!$J$13,0)+IF(Input!$K$14=4,K2456*Input!$J$14,0)+IF(Input!$K$15=4,L2456*Input!$J$15,0)+IF(Input!$K$16=4,M2456*Input!$J$16,0)</f>
        <v>0</v>
      </c>
    </row>
    <row r="2457" spans="8:17" x14ac:dyDescent="0.25">
      <c r="H2457" s="43">
        <v>2450</v>
      </c>
      <c r="I2457" s="55">
        <f>Bühler!I2483</f>
        <v>1.2831638038033979</v>
      </c>
      <c r="J2457" s="58">
        <f>Bühler!J2483</f>
        <v>11.033891426152886</v>
      </c>
      <c r="K2457" s="58">
        <f>Bühler!K2483</f>
        <v>0.61919025812438866</v>
      </c>
      <c r="L2457" s="58">
        <f>Bühler!L2483</f>
        <v>0.30959512906219433</v>
      </c>
      <c r="M2457" s="57">
        <f>Bühler!M2483</f>
        <v>0</v>
      </c>
      <c r="N2457" s="55">
        <f>IF(Input!$K$13=1,J2457*Input!$J$13,0)+IF(Input!$K$14=1,K2457*Input!$J$14,0)+IF(Input!$K$15=1,L2457*Input!$J$15,0)+IF(Input!$K$16=1,M2457*Input!$J$16,0)</f>
        <v>1.3240669711383464</v>
      </c>
      <c r="O2457" s="58">
        <f>IF(Input!$K$13=2,J2457*Input!$J$13,0)+IF(Input!$K$14=2,K2457*Input!$J$14,0)+IF(Input!$K$15=2,L2457*Input!$J$15,0)+IF(Input!$K$16=2,M2457*Input!$J$16,0)</f>
        <v>8.3590684846792468E-2</v>
      </c>
      <c r="P2457" s="58">
        <f>IF(Input!$K$13=3,J2457*Input!$J$13,0)+IF(Input!$K$14=3,K2457*Input!$J$14,0)+IF(Input!$K$15=3,L2457*Input!$J$15,0)+IF(Input!$K$16=3,M2457*Input!$J$16,0)</f>
        <v>0</v>
      </c>
      <c r="Q2457" s="71">
        <f>IF(Input!$K$13=4,J2457*Input!$J$13,0)+IF(Input!$K$14=4,K2457*Input!$J$14,0)+IF(Input!$K$15=4,L2457*Input!$J$15,0)+IF(Input!$K$16=4,M2457*Input!$J$16,0)</f>
        <v>0</v>
      </c>
    </row>
    <row r="2458" spans="8:17" x14ac:dyDescent="0.25">
      <c r="H2458" s="43">
        <v>2451</v>
      </c>
      <c r="I2458" s="55">
        <f>Bühler!I2484</f>
        <v>1.2831638038033979</v>
      </c>
      <c r="J2458" s="58">
        <f>Bühler!J2484</f>
        <v>11.033891426152886</v>
      </c>
      <c r="K2458" s="58">
        <f>Bühler!K2484</f>
        <v>0.61919025812438866</v>
      </c>
      <c r="L2458" s="58">
        <f>Bühler!L2484</f>
        <v>0.30959512906219433</v>
      </c>
      <c r="M2458" s="57">
        <f>Bühler!M2484</f>
        <v>0</v>
      </c>
      <c r="N2458" s="55">
        <f>IF(Input!$K$13=1,J2458*Input!$J$13,0)+IF(Input!$K$14=1,K2458*Input!$J$14,0)+IF(Input!$K$15=1,L2458*Input!$J$15,0)+IF(Input!$K$16=1,M2458*Input!$J$16,0)</f>
        <v>1.3240669711383464</v>
      </c>
      <c r="O2458" s="58">
        <f>IF(Input!$K$13=2,J2458*Input!$J$13,0)+IF(Input!$K$14=2,K2458*Input!$J$14,0)+IF(Input!$K$15=2,L2458*Input!$J$15,0)+IF(Input!$K$16=2,M2458*Input!$J$16,0)</f>
        <v>8.3590684846792468E-2</v>
      </c>
      <c r="P2458" s="58">
        <f>IF(Input!$K$13=3,J2458*Input!$J$13,0)+IF(Input!$K$14=3,K2458*Input!$J$14,0)+IF(Input!$K$15=3,L2458*Input!$J$15,0)+IF(Input!$K$16=3,M2458*Input!$J$16,0)</f>
        <v>0</v>
      </c>
      <c r="Q2458" s="71">
        <f>IF(Input!$K$13=4,J2458*Input!$J$13,0)+IF(Input!$K$14=4,K2458*Input!$J$14,0)+IF(Input!$K$15=4,L2458*Input!$J$15,0)+IF(Input!$K$16=4,M2458*Input!$J$16,0)</f>
        <v>0</v>
      </c>
    </row>
    <row r="2459" spans="8:17" x14ac:dyDescent="0.25">
      <c r="H2459" s="43">
        <v>2452</v>
      </c>
      <c r="I2459" s="55">
        <f>Bühler!I2485</f>
        <v>1.2831638038033979</v>
      </c>
      <c r="J2459" s="58">
        <f>Bühler!J2485</f>
        <v>11.033891426152886</v>
      </c>
      <c r="K2459" s="58">
        <f>Bühler!K2485</f>
        <v>0.61919025812438866</v>
      </c>
      <c r="L2459" s="58">
        <f>Bühler!L2485</f>
        <v>0.30959512906219433</v>
      </c>
      <c r="M2459" s="57">
        <f>Bühler!M2485</f>
        <v>0</v>
      </c>
      <c r="N2459" s="55">
        <f>IF(Input!$K$13=1,J2459*Input!$J$13,0)+IF(Input!$K$14=1,K2459*Input!$J$14,0)+IF(Input!$K$15=1,L2459*Input!$J$15,0)+IF(Input!$K$16=1,M2459*Input!$J$16,0)</f>
        <v>1.3240669711383464</v>
      </c>
      <c r="O2459" s="58">
        <f>IF(Input!$K$13=2,J2459*Input!$J$13,0)+IF(Input!$K$14=2,K2459*Input!$J$14,0)+IF(Input!$K$15=2,L2459*Input!$J$15,0)+IF(Input!$K$16=2,M2459*Input!$J$16,0)</f>
        <v>8.3590684846792468E-2</v>
      </c>
      <c r="P2459" s="58">
        <f>IF(Input!$K$13=3,J2459*Input!$J$13,0)+IF(Input!$K$14=3,K2459*Input!$J$14,0)+IF(Input!$K$15=3,L2459*Input!$J$15,0)+IF(Input!$K$16=3,M2459*Input!$J$16,0)</f>
        <v>0</v>
      </c>
      <c r="Q2459" s="71">
        <f>IF(Input!$K$13=4,J2459*Input!$J$13,0)+IF(Input!$K$14=4,K2459*Input!$J$14,0)+IF(Input!$K$15=4,L2459*Input!$J$15,0)+IF(Input!$K$16=4,M2459*Input!$J$16,0)</f>
        <v>0</v>
      </c>
    </row>
    <row r="2460" spans="8:17" x14ac:dyDescent="0.25">
      <c r="H2460" s="43">
        <v>2453</v>
      </c>
      <c r="I2460" s="55">
        <f>Bühler!I2486</f>
        <v>1.2831638038033979</v>
      </c>
      <c r="J2460" s="58">
        <f>Bühler!J2486</f>
        <v>11.033891426152886</v>
      </c>
      <c r="K2460" s="58">
        <f>Bühler!K2486</f>
        <v>0.61919025812438866</v>
      </c>
      <c r="L2460" s="58">
        <f>Bühler!L2486</f>
        <v>0.30959512906219433</v>
      </c>
      <c r="M2460" s="57">
        <f>Bühler!M2486</f>
        <v>0</v>
      </c>
      <c r="N2460" s="55">
        <f>IF(Input!$K$13=1,J2460*Input!$J$13,0)+IF(Input!$K$14=1,K2460*Input!$J$14,0)+IF(Input!$K$15=1,L2460*Input!$J$15,0)+IF(Input!$K$16=1,M2460*Input!$J$16,0)</f>
        <v>1.3240669711383464</v>
      </c>
      <c r="O2460" s="58">
        <f>IF(Input!$K$13=2,J2460*Input!$J$13,0)+IF(Input!$K$14=2,K2460*Input!$J$14,0)+IF(Input!$K$15=2,L2460*Input!$J$15,0)+IF(Input!$K$16=2,M2460*Input!$J$16,0)</f>
        <v>8.3590684846792468E-2</v>
      </c>
      <c r="P2460" s="58">
        <f>IF(Input!$K$13=3,J2460*Input!$J$13,0)+IF(Input!$K$14=3,K2460*Input!$J$14,0)+IF(Input!$K$15=3,L2460*Input!$J$15,0)+IF(Input!$K$16=3,M2460*Input!$J$16,0)</f>
        <v>0</v>
      </c>
      <c r="Q2460" s="71">
        <f>IF(Input!$K$13=4,J2460*Input!$J$13,0)+IF(Input!$K$14=4,K2460*Input!$J$14,0)+IF(Input!$K$15=4,L2460*Input!$J$15,0)+IF(Input!$K$16=4,M2460*Input!$J$16,0)</f>
        <v>0</v>
      </c>
    </row>
    <row r="2461" spans="8:17" x14ac:dyDescent="0.25">
      <c r="H2461" s="43">
        <v>2454</v>
      </c>
      <c r="I2461" s="55">
        <f>Bühler!I2487</f>
        <v>1.2831638038033979</v>
      </c>
      <c r="J2461" s="58">
        <f>Bühler!J2487</f>
        <v>11.033891426152886</v>
      </c>
      <c r="K2461" s="58">
        <f>Bühler!K2487</f>
        <v>0.61919025812438866</v>
      </c>
      <c r="L2461" s="58">
        <f>Bühler!L2487</f>
        <v>0.30959512906219433</v>
      </c>
      <c r="M2461" s="57">
        <f>Bühler!M2487</f>
        <v>0</v>
      </c>
      <c r="N2461" s="55">
        <f>IF(Input!$K$13=1,J2461*Input!$J$13,0)+IF(Input!$K$14=1,K2461*Input!$J$14,0)+IF(Input!$K$15=1,L2461*Input!$J$15,0)+IF(Input!$K$16=1,M2461*Input!$J$16,0)</f>
        <v>1.3240669711383464</v>
      </c>
      <c r="O2461" s="58">
        <f>IF(Input!$K$13=2,J2461*Input!$J$13,0)+IF(Input!$K$14=2,K2461*Input!$J$14,0)+IF(Input!$K$15=2,L2461*Input!$J$15,0)+IF(Input!$K$16=2,M2461*Input!$J$16,0)</f>
        <v>8.3590684846792468E-2</v>
      </c>
      <c r="P2461" s="58">
        <f>IF(Input!$K$13=3,J2461*Input!$J$13,0)+IF(Input!$K$14=3,K2461*Input!$J$14,0)+IF(Input!$K$15=3,L2461*Input!$J$15,0)+IF(Input!$K$16=3,M2461*Input!$J$16,0)</f>
        <v>0</v>
      </c>
      <c r="Q2461" s="71">
        <f>IF(Input!$K$13=4,J2461*Input!$J$13,0)+IF(Input!$K$14=4,K2461*Input!$J$14,0)+IF(Input!$K$15=4,L2461*Input!$J$15,0)+IF(Input!$K$16=4,M2461*Input!$J$16,0)</f>
        <v>0</v>
      </c>
    </row>
    <row r="2462" spans="8:17" x14ac:dyDescent="0.25">
      <c r="H2462" s="43">
        <v>2455</v>
      </c>
      <c r="I2462" s="55">
        <f>Bühler!I2488</f>
        <v>1.2831638038033979</v>
      </c>
      <c r="J2462" s="58">
        <f>Bühler!J2488</f>
        <v>11.033891426152886</v>
      </c>
      <c r="K2462" s="58">
        <f>Bühler!K2488</f>
        <v>0.61919025812438866</v>
      </c>
      <c r="L2462" s="58">
        <f>Bühler!L2488</f>
        <v>0.30959512906219433</v>
      </c>
      <c r="M2462" s="57">
        <f>Bühler!M2488</f>
        <v>0</v>
      </c>
      <c r="N2462" s="55">
        <f>IF(Input!$K$13=1,J2462*Input!$J$13,0)+IF(Input!$K$14=1,K2462*Input!$J$14,0)+IF(Input!$K$15=1,L2462*Input!$J$15,0)+IF(Input!$K$16=1,M2462*Input!$J$16,0)</f>
        <v>1.3240669711383464</v>
      </c>
      <c r="O2462" s="58">
        <f>IF(Input!$K$13=2,J2462*Input!$J$13,0)+IF(Input!$K$14=2,K2462*Input!$J$14,0)+IF(Input!$K$15=2,L2462*Input!$J$15,0)+IF(Input!$K$16=2,M2462*Input!$J$16,0)</f>
        <v>8.3590684846792468E-2</v>
      </c>
      <c r="P2462" s="58">
        <f>IF(Input!$K$13=3,J2462*Input!$J$13,0)+IF(Input!$K$14=3,K2462*Input!$J$14,0)+IF(Input!$K$15=3,L2462*Input!$J$15,0)+IF(Input!$K$16=3,M2462*Input!$J$16,0)</f>
        <v>0</v>
      </c>
      <c r="Q2462" s="71">
        <f>IF(Input!$K$13=4,J2462*Input!$J$13,0)+IF(Input!$K$14=4,K2462*Input!$J$14,0)+IF(Input!$K$15=4,L2462*Input!$J$15,0)+IF(Input!$K$16=4,M2462*Input!$J$16,0)</f>
        <v>0</v>
      </c>
    </row>
    <row r="2463" spans="8:17" x14ac:dyDescent="0.25">
      <c r="H2463" s="43">
        <v>2456</v>
      </c>
      <c r="I2463" s="55">
        <f>Bühler!I2489</f>
        <v>3.5351162794783604</v>
      </c>
      <c r="J2463" s="58">
        <f>Bühler!J2489</f>
        <v>43.252383741975983</v>
      </c>
      <c r="K2463" s="58">
        <f>Bühler!K2489</f>
        <v>2.5311747218478793</v>
      </c>
      <c r="L2463" s="58">
        <f>Bühler!L2489</f>
        <v>1.2655873609239396</v>
      </c>
      <c r="M2463" s="57">
        <f>Bühler!M2489</f>
        <v>0</v>
      </c>
      <c r="N2463" s="55">
        <f>IF(Input!$K$13=1,J2463*Input!$J$13,0)+IF(Input!$K$14=1,K2463*Input!$J$14,0)+IF(Input!$K$15=1,L2463*Input!$J$15,0)+IF(Input!$K$16=1,M2463*Input!$J$16,0)</f>
        <v>5.1902860490371179</v>
      </c>
      <c r="O2463" s="58">
        <f>IF(Input!$K$13=2,J2463*Input!$J$13,0)+IF(Input!$K$14=2,K2463*Input!$J$14,0)+IF(Input!$K$15=2,L2463*Input!$J$15,0)+IF(Input!$K$16=2,M2463*Input!$J$16,0)</f>
        <v>0.3417085874494637</v>
      </c>
      <c r="P2463" s="58">
        <f>IF(Input!$K$13=3,J2463*Input!$J$13,0)+IF(Input!$K$14=3,K2463*Input!$J$14,0)+IF(Input!$K$15=3,L2463*Input!$J$15,0)+IF(Input!$K$16=3,M2463*Input!$J$16,0)</f>
        <v>0</v>
      </c>
      <c r="Q2463" s="71">
        <f>IF(Input!$K$13=4,J2463*Input!$J$13,0)+IF(Input!$K$14=4,K2463*Input!$J$14,0)+IF(Input!$K$15=4,L2463*Input!$J$15,0)+IF(Input!$K$16=4,M2463*Input!$J$16,0)</f>
        <v>0</v>
      </c>
    </row>
    <row r="2464" spans="8:17" x14ac:dyDescent="0.25">
      <c r="H2464" s="43">
        <v>2457</v>
      </c>
      <c r="I2464" s="55">
        <f>Bühler!I2490</f>
        <v>3.9444455328916446</v>
      </c>
      <c r="J2464" s="58">
        <f>Bühler!J2490</f>
        <v>48.260554491046889</v>
      </c>
      <c r="K2464" s="58">
        <f>Bühler!K2490</f>
        <v>2.8242581106934237</v>
      </c>
      <c r="L2464" s="58">
        <f>Bühler!L2490</f>
        <v>1.4121290553467118</v>
      </c>
      <c r="M2464" s="57">
        <f>Bühler!M2490</f>
        <v>0</v>
      </c>
      <c r="N2464" s="55">
        <f>IF(Input!$K$13=1,J2464*Input!$J$13,0)+IF(Input!$K$14=1,K2464*Input!$J$14,0)+IF(Input!$K$15=1,L2464*Input!$J$15,0)+IF(Input!$K$16=1,M2464*Input!$J$16,0)</f>
        <v>5.7912665389256262</v>
      </c>
      <c r="O2464" s="58">
        <f>IF(Input!$K$13=2,J2464*Input!$J$13,0)+IF(Input!$K$14=2,K2464*Input!$J$14,0)+IF(Input!$K$15=2,L2464*Input!$J$15,0)+IF(Input!$K$16=2,M2464*Input!$J$16,0)</f>
        <v>0.38127484494361219</v>
      </c>
      <c r="P2464" s="58">
        <f>IF(Input!$K$13=3,J2464*Input!$J$13,0)+IF(Input!$K$14=3,K2464*Input!$J$14,0)+IF(Input!$K$15=3,L2464*Input!$J$15,0)+IF(Input!$K$16=3,M2464*Input!$J$16,0)</f>
        <v>0</v>
      </c>
      <c r="Q2464" s="71">
        <f>IF(Input!$K$13=4,J2464*Input!$J$13,0)+IF(Input!$K$14=4,K2464*Input!$J$14,0)+IF(Input!$K$15=4,L2464*Input!$J$15,0)+IF(Input!$K$16=4,M2464*Input!$J$16,0)</f>
        <v>0</v>
      </c>
    </row>
    <row r="2465" spans="8:17" x14ac:dyDescent="0.25">
      <c r="H2465" s="43">
        <v>2458</v>
      </c>
      <c r="I2465" s="55">
        <f>Bühler!I2491</f>
        <v>4.3537747863049283</v>
      </c>
      <c r="J2465" s="58">
        <f>Bühler!J2491</f>
        <v>53.268725240117796</v>
      </c>
      <c r="K2465" s="58">
        <f>Bühler!K2491</f>
        <v>3.1173414995389677</v>
      </c>
      <c r="L2465" s="58">
        <f>Bühler!L2491</f>
        <v>1.5586707497694838</v>
      </c>
      <c r="M2465" s="57">
        <f>Bühler!M2491</f>
        <v>0</v>
      </c>
      <c r="N2465" s="55">
        <f>IF(Input!$K$13=1,J2465*Input!$J$13,0)+IF(Input!$K$14=1,K2465*Input!$J$14,0)+IF(Input!$K$15=1,L2465*Input!$J$15,0)+IF(Input!$K$16=1,M2465*Input!$J$16,0)</f>
        <v>6.3922470288141353</v>
      </c>
      <c r="O2465" s="58">
        <f>IF(Input!$K$13=2,J2465*Input!$J$13,0)+IF(Input!$K$14=2,K2465*Input!$J$14,0)+IF(Input!$K$15=2,L2465*Input!$J$15,0)+IF(Input!$K$16=2,M2465*Input!$J$16,0)</f>
        <v>0.42084110243776063</v>
      </c>
      <c r="P2465" s="58">
        <f>IF(Input!$K$13=3,J2465*Input!$J$13,0)+IF(Input!$K$14=3,K2465*Input!$J$14,0)+IF(Input!$K$15=3,L2465*Input!$J$15,0)+IF(Input!$K$16=3,M2465*Input!$J$16,0)</f>
        <v>0</v>
      </c>
      <c r="Q2465" s="71">
        <f>IF(Input!$K$13=4,J2465*Input!$J$13,0)+IF(Input!$K$14=4,K2465*Input!$J$14,0)+IF(Input!$K$15=4,L2465*Input!$J$15,0)+IF(Input!$K$16=4,M2465*Input!$J$16,0)</f>
        <v>0</v>
      </c>
    </row>
    <row r="2466" spans="8:17" x14ac:dyDescent="0.25">
      <c r="H2466" s="43">
        <v>2459</v>
      </c>
      <c r="I2466" s="55">
        <f>Bühler!I2492</f>
        <v>4.3537747863049283</v>
      </c>
      <c r="J2466" s="58">
        <f>Bühler!J2492</f>
        <v>53.268725240117796</v>
      </c>
      <c r="K2466" s="58">
        <f>Bühler!K2492</f>
        <v>3.1173414995389677</v>
      </c>
      <c r="L2466" s="58">
        <f>Bühler!L2492</f>
        <v>1.5586707497694838</v>
      </c>
      <c r="M2466" s="57">
        <f>Bühler!M2492</f>
        <v>0</v>
      </c>
      <c r="N2466" s="55">
        <f>IF(Input!$K$13=1,J2466*Input!$J$13,0)+IF(Input!$K$14=1,K2466*Input!$J$14,0)+IF(Input!$K$15=1,L2466*Input!$J$15,0)+IF(Input!$K$16=1,M2466*Input!$J$16,0)</f>
        <v>6.3922470288141353</v>
      </c>
      <c r="O2466" s="58">
        <f>IF(Input!$K$13=2,J2466*Input!$J$13,0)+IF(Input!$K$14=2,K2466*Input!$J$14,0)+IF(Input!$K$15=2,L2466*Input!$J$15,0)+IF(Input!$K$16=2,M2466*Input!$J$16,0)</f>
        <v>0.42084110243776063</v>
      </c>
      <c r="P2466" s="58">
        <f>IF(Input!$K$13=3,J2466*Input!$J$13,0)+IF(Input!$K$14=3,K2466*Input!$J$14,0)+IF(Input!$K$15=3,L2466*Input!$J$15,0)+IF(Input!$K$16=3,M2466*Input!$J$16,0)</f>
        <v>0</v>
      </c>
      <c r="Q2466" s="71">
        <f>IF(Input!$K$13=4,J2466*Input!$J$13,0)+IF(Input!$K$14=4,K2466*Input!$J$14,0)+IF(Input!$K$15=4,L2466*Input!$J$15,0)+IF(Input!$K$16=4,M2466*Input!$J$16,0)</f>
        <v>0</v>
      </c>
    </row>
    <row r="2467" spans="8:17" x14ac:dyDescent="0.25">
      <c r="H2467" s="43">
        <v>2460</v>
      </c>
      <c r="I2467" s="55">
        <f>Bühler!I2493</f>
        <v>5.2096450434417942</v>
      </c>
      <c r="J2467" s="58">
        <f>Bühler!J2493</f>
        <v>63.740354988175127</v>
      </c>
      <c r="K2467" s="58">
        <f>Bühler!K2493</f>
        <v>3.7301522216705592</v>
      </c>
      <c r="L2467" s="58">
        <f>Bühler!L2493</f>
        <v>1.8650761108352796</v>
      </c>
      <c r="M2467" s="57">
        <f>Bühler!M2493</f>
        <v>0</v>
      </c>
      <c r="N2467" s="55">
        <f>IF(Input!$K$13=1,J2467*Input!$J$13,0)+IF(Input!$K$14=1,K2467*Input!$J$14,0)+IF(Input!$K$15=1,L2467*Input!$J$15,0)+IF(Input!$K$16=1,M2467*Input!$J$16,0)</f>
        <v>7.6488425985810151</v>
      </c>
      <c r="O2467" s="58">
        <f>IF(Input!$K$13=2,J2467*Input!$J$13,0)+IF(Input!$K$14=2,K2467*Input!$J$14,0)+IF(Input!$K$15=2,L2467*Input!$J$15,0)+IF(Input!$K$16=2,M2467*Input!$J$16,0)</f>
        <v>0.50357054992552541</v>
      </c>
      <c r="P2467" s="58">
        <f>IF(Input!$K$13=3,J2467*Input!$J$13,0)+IF(Input!$K$14=3,K2467*Input!$J$14,0)+IF(Input!$K$15=3,L2467*Input!$J$15,0)+IF(Input!$K$16=3,M2467*Input!$J$16,0)</f>
        <v>0</v>
      </c>
      <c r="Q2467" s="71">
        <f>IF(Input!$K$13=4,J2467*Input!$J$13,0)+IF(Input!$K$14=4,K2467*Input!$J$14,0)+IF(Input!$K$15=4,L2467*Input!$J$15,0)+IF(Input!$K$16=4,M2467*Input!$J$16,0)</f>
        <v>0</v>
      </c>
    </row>
    <row r="2468" spans="8:17" x14ac:dyDescent="0.25">
      <c r="H2468" s="43">
        <v>2461</v>
      </c>
      <c r="I2468" s="55">
        <f>Bühler!I2494</f>
        <v>5.2096450434417942</v>
      </c>
      <c r="J2468" s="58">
        <f>Bühler!J2494</f>
        <v>63.740354988175127</v>
      </c>
      <c r="K2468" s="58">
        <f>Bühler!K2494</f>
        <v>3.7301522216705592</v>
      </c>
      <c r="L2468" s="58">
        <f>Bühler!L2494</f>
        <v>1.8650761108352796</v>
      </c>
      <c r="M2468" s="57">
        <f>Bühler!M2494</f>
        <v>0</v>
      </c>
      <c r="N2468" s="55">
        <f>IF(Input!$K$13=1,J2468*Input!$J$13,0)+IF(Input!$K$14=1,K2468*Input!$J$14,0)+IF(Input!$K$15=1,L2468*Input!$J$15,0)+IF(Input!$K$16=1,M2468*Input!$J$16,0)</f>
        <v>7.6488425985810151</v>
      </c>
      <c r="O2468" s="58">
        <f>IF(Input!$K$13=2,J2468*Input!$J$13,0)+IF(Input!$K$14=2,K2468*Input!$J$14,0)+IF(Input!$K$15=2,L2468*Input!$J$15,0)+IF(Input!$K$16=2,M2468*Input!$J$16,0)</f>
        <v>0.50357054992552541</v>
      </c>
      <c r="P2468" s="58">
        <f>IF(Input!$K$13=3,J2468*Input!$J$13,0)+IF(Input!$K$14=3,K2468*Input!$J$14,0)+IF(Input!$K$15=3,L2468*Input!$J$15,0)+IF(Input!$K$16=3,M2468*Input!$J$16,0)</f>
        <v>0</v>
      </c>
      <c r="Q2468" s="71">
        <f>IF(Input!$K$13=4,J2468*Input!$J$13,0)+IF(Input!$K$14=4,K2468*Input!$J$14,0)+IF(Input!$K$15=4,L2468*Input!$J$15,0)+IF(Input!$K$16=4,M2468*Input!$J$16,0)</f>
        <v>0</v>
      </c>
    </row>
    <row r="2469" spans="8:17" x14ac:dyDescent="0.25">
      <c r="H2469" s="43">
        <v>2462</v>
      </c>
      <c r="I2469" s="55">
        <f>Bühler!I2495</f>
        <v>3.4606927788577631</v>
      </c>
      <c r="J2469" s="58">
        <f>Bühler!J2495</f>
        <v>42.34180724214491</v>
      </c>
      <c r="K2469" s="58">
        <f>Bühler!K2495</f>
        <v>2.4778868329668713</v>
      </c>
      <c r="L2469" s="58">
        <f>Bühler!L2495</f>
        <v>1.2389434164834356</v>
      </c>
      <c r="M2469" s="57">
        <f>Bühler!M2495</f>
        <v>0</v>
      </c>
      <c r="N2469" s="55">
        <f>IF(Input!$K$13=1,J2469*Input!$J$13,0)+IF(Input!$K$14=1,K2469*Input!$J$14,0)+IF(Input!$K$15=1,L2469*Input!$J$15,0)+IF(Input!$K$16=1,M2469*Input!$J$16,0)</f>
        <v>5.0810168690573887</v>
      </c>
      <c r="O2469" s="58">
        <f>IF(Input!$K$13=2,J2469*Input!$J$13,0)+IF(Input!$K$14=2,K2469*Input!$J$14,0)+IF(Input!$K$15=2,L2469*Input!$J$15,0)+IF(Input!$K$16=2,M2469*Input!$J$16,0)</f>
        <v>0.3345147224505276</v>
      </c>
      <c r="P2469" s="58">
        <f>IF(Input!$K$13=3,J2469*Input!$J$13,0)+IF(Input!$K$14=3,K2469*Input!$J$14,0)+IF(Input!$K$15=3,L2469*Input!$J$15,0)+IF(Input!$K$16=3,M2469*Input!$J$16,0)</f>
        <v>0</v>
      </c>
      <c r="Q2469" s="71">
        <f>IF(Input!$K$13=4,J2469*Input!$J$13,0)+IF(Input!$K$14=4,K2469*Input!$J$14,0)+IF(Input!$K$15=4,L2469*Input!$J$15,0)+IF(Input!$K$16=4,M2469*Input!$J$16,0)</f>
        <v>0</v>
      </c>
    </row>
    <row r="2470" spans="8:17" x14ac:dyDescent="0.25">
      <c r="H2470" s="43">
        <v>2463</v>
      </c>
      <c r="I2470" s="55">
        <f>Bühler!I2496</f>
        <v>5.2096450434417942</v>
      </c>
      <c r="J2470" s="58">
        <f>Bühler!J2496</f>
        <v>63.740354988175127</v>
      </c>
      <c r="K2470" s="58">
        <f>Bühler!K2496</f>
        <v>3.7301522216705592</v>
      </c>
      <c r="L2470" s="58">
        <f>Bühler!L2496</f>
        <v>1.8650761108352796</v>
      </c>
      <c r="M2470" s="57">
        <f>Bühler!M2496</f>
        <v>0</v>
      </c>
      <c r="N2470" s="55">
        <f>IF(Input!$K$13=1,J2470*Input!$J$13,0)+IF(Input!$K$14=1,K2470*Input!$J$14,0)+IF(Input!$K$15=1,L2470*Input!$J$15,0)+IF(Input!$K$16=1,M2470*Input!$J$16,0)</f>
        <v>7.6488425985810151</v>
      </c>
      <c r="O2470" s="58">
        <f>IF(Input!$K$13=2,J2470*Input!$J$13,0)+IF(Input!$K$14=2,K2470*Input!$J$14,0)+IF(Input!$K$15=2,L2470*Input!$J$15,0)+IF(Input!$K$16=2,M2470*Input!$J$16,0)</f>
        <v>0.50357054992552541</v>
      </c>
      <c r="P2470" s="58">
        <f>IF(Input!$K$13=3,J2470*Input!$J$13,0)+IF(Input!$K$14=3,K2470*Input!$J$14,0)+IF(Input!$K$15=3,L2470*Input!$J$15,0)+IF(Input!$K$16=3,M2470*Input!$J$16,0)</f>
        <v>0</v>
      </c>
      <c r="Q2470" s="71">
        <f>IF(Input!$K$13=4,J2470*Input!$J$13,0)+IF(Input!$K$14=4,K2470*Input!$J$14,0)+IF(Input!$K$15=4,L2470*Input!$J$15,0)+IF(Input!$K$16=4,M2470*Input!$J$16,0)</f>
        <v>0</v>
      </c>
    </row>
    <row r="2471" spans="8:17" x14ac:dyDescent="0.25">
      <c r="H2471" s="43">
        <v>2464</v>
      </c>
      <c r="I2471" s="55">
        <f>Bühler!I2497</f>
        <v>5.2096450434417942</v>
      </c>
      <c r="J2471" s="58">
        <f>Bühler!J2497</f>
        <v>63.740354988175127</v>
      </c>
      <c r="K2471" s="58">
        <f>Bühler!K2497</f>
        <v>3.7301522216705592</v>
      </c>
      <c r="L2471" s="58">
        <f>Bühler!L2497</f>
        <v>1.8650761108352796</v>
      </c>
      <c r="M2471" s="57">
        <f>Bühler!M2497</f>
        <v>0</v>
      </c>
      <c r="N2471" s="55">
        <f>IF(Input!$K$13=1,J2471*Input!$J$13,0)+IF(Input!$K$14=1,K2471*Input!$J$14,0)+IF(Input!$K$15=1,L2471*Input!$J$15,0)+IF(Input!$K$16=1,M2471*Input!$J$16,0)</f>
        <v>7.6488425985810151</v>
      </c>
      <c r="O2471" s="58">
        <f>IF(Input!$K$13=2,J2471*Input!$J$13,0)+IF(Input!$K$14=2,K2471*Input!$J$14,0)+IF(Input!$K$15=2,L2471*Input!$J$15,0)+IF(Input!$K$16=2,M2471*Input!$J$16,0)</f>
        <v>0.50357054992552541</v>
      </c>
      <c r="P2471" s="58">
        <f>IF(Input!$K$13=3,J2471*Input!$J$13,0)+IF(Input!$K$14=3,K2471*Input!$J$14,0)+IF(Input!$K$15=3,L2471*Input!$J$15,0)+IF(Input!$K$16=3,M2471*Input!$J$16,0)</f>
        <v>0</v>
      </c>
      <c r="Q2471" s="71">
        <f>IF(Input!$K$13=4,J2471*Input!$J$13,0)+IF(Input!$K$14=4,K2471*Input!$J$14,0)+IF(Input!$K$15=4,L2471*Input!$J$15,0)+IF(Input!$K$16=4,M2471*Input!$J$16,0)</f>
        <v>0</v>
      </c>
    </row>
    <row r="2472" spans="8:17" x14ac:dyDescent="0.25">
      <c r="H2472" s="43">
        <v>2465</v>
      </c>
      <c r="I2472" s="55">
        <f>Bühler!I2498</f>
        <v>4.3531332044030275</v>
      </c>
      <c r="J2472" s="58">
        <f>Bühler!J2498</f>
        <v>38.951374738818785</v>
      </c>
      <c r="K2472" s="58">
        <f>Bühler!K2498</f>
        <v>2.1981254163415795</v>
      </c>
      <c r="L2472" s="58">
        <f>Bühler!L2498</f>
        <v>1.0990627081707898</v>
      </c>
      <c r="M2472" s="57">
        <f>Bühler!M2498</f>
        <v>0</v>
      </c>
      <c r="N2472" s="55">
        <f>IF(Input!$K$13=1,J2472*Input!$J$13,0)+IF(Input!$K$14=1,K2472*Input!$J$14,0)+IF(Input!$K$15=1,L2472*Input!$J$15,0)+IF(Input!$K$16=1,M2472*Input!$J$16,0)</f>
        <v>4.6741649686582543</v>
      </c>
      <c r="O2472" s="58">
        <f>IF(Input!$K$13=2,J2472*Input!$J$13,0)+IF(Input!$K$14=2,K2472*Input!$J$14,0)+IF(Input!$K$15=2,L2472*Input!$J$15,0)+IF(Input!$K$16=2,M2472*Input!$J$16,0)</f>
        <v>0.29674693120611323</v>
      </c>
      <c r="P2472" s="58">
        <f>IF(Input!$K$13=3,J2472*Input!$J$13,0)+IF(Input!$K$14=3,K2472*Input!$J$14,0)+IF(Input!$K$15=3,L2472*Input!$J$15,0)+IF(Input!$K$16=3,M2472*Input!$J$16,0)</f>
        <v>0</v>
      </c>
      <c r="Q2472" s="71">
        <f>IF(Input!$K$13=4,J2472*Input!$J$13,0)+IF(Input!$K$14=4,K2472*Input!$J$14,0)+IF(Input!$K$15=4,L2472*Input!$J$15,0)+IF(Input!$K$16=4,M2472*Input!$J$16,0)</f>
        <v>0</v>
      </c>
    </row>
    <row r="2473" spans="8:17" x14ac:dyDescent="0.25">
      <c r="H2473" s="43">
        <v>2466</v>
      </c>
      <c r="I2473" s="55">
        <f>Bühler!I2499</f>
        <v>3.4613343607596652</v>
      </c>
      <c r="J2473" s="58">
        <f>Bühler!J2499</f>
        <v>18.361592989862171</v>
      </c>
      <c r="K2473" s="58">
        <f>Bühler!K2499</f>
        <v>0.93816705776422515</v>
      </c>
      <c r="L2473" s="58">
        <f>Bühler!L2499</f>
        <v>0.46908352888211258</v>
      </c>
      <c r="M2473" s="57">
        <f>Bühler!M2499</f>
        <v>0</v>
      </c>
      <c r="N2473" s="55">
        <f>IF(Input!$K$13=1,J2473*Input!$J$13,0)+IF(Input!$K$14=1,K2473*Input!$J$14,0)+IF(Input!$K$15=1,L2473*Input!$J$15,0)+IF(Input!$K$16=1,M2473*Input!$J$16,0)</f>
        <v>2.2033911587834605</v>
      </c>
      <c r="O2473" s="58">
        <f>IF(Input!$K$13=2,J2473*Input!$J$13,0)+IF(Input!$K$14=2,K2473*Input!$J$14,0)+IF(Input!$K$15=2,L2473*Input!$J$15,0)+IF(Input!$K$16=2,M2473*Input!$J$16,0)</f>
        <v>0.12665255279817039</v>
      </c>
      <c r="P2473" s="58">
        <f>IF(Input!$K$13=3,J2473*Input!$J$13,0)+IF(Input!$K$14=3,K2473*Input!$J$14,0)+IF(Input!$K$15=3,L2473*Input!$J$15,0)+IF(Input!$K$16=3,M2473*Input!$J$16,0)</f>
        <v>0</v>
      </c>
      <c r="Q2473" s="71">
        <f>IF(Input!$K$13=4,J2473*Input!$J$13,0)+IF(Input!$K$14=4,K2473*Input!$J$14,0)+IF(Input!$K$15=4,L2473*Input!$J$15,0)+IF(Input!$K$16=4,M2473*Input!$J$16,0)</f>
        <v>0</v>
      </c>
    </row>
    <row r="2474" spans="8:17" x14ac:dyDescent="0.25">
      <c r="H2474" s="43">
        <v>2467</v>
      </c>
      <c r="I2474" s="55">
        <f>Bühler!I2500</f>
        <v>1.2831638038033979</v>
      </c>
      <c r="J2474" s="58">
        <f>Bühler!J2500</f>
        <v>11.033891426152886</v>
      </c>
      <c r="K2474" s="58">
        <f>Bühler!K2500</f>
        <v>0.61919025812438866</v>
      </c>
      <c r="L2474" s="58">
        <f>Bühler!L2500</f>
        <v>0.30959512906219433</v>
      </c>
      <c r="M2474" s="57">
        <f>Bühler!M2500</f>
        <v>0</v>
      </c>
      <c r="N2474" s="55">
        <f>IF(Input!$K$13=1,J2474*Input!$J$13,0)+IF(Input!$K$14=1,K2474*Input!$J$14,0)+IF(Input!$K$15=1,L2474*Input!$J$15,0)+IF(Input!$K$16=1,M2474*Input!$J$16,0)</f>
        <v>1.3240669711383464</v>
      </c>
      <c r="O2474" s="58">
        <f>IF(Input!$K$13=2,J2474*Input!$J$13,0)+IF(Input!$K$14=2,K2474*Input!$J$14,0)+IF(Input!$K$15=2,L2474*Input!$J$15,0)+IF(Input!$K$16=2,M2474*Input!$J$16,0)</f>
        <v>8.3590684846792468E-2</v>
      </c>
      <c r="P2474" s="58">
        <f>IF(Input!$K$13=3,J2474*Input!$J$13,0)+IF(Input!$K$14=3,K2474*Input!$J$14,0)+IF(Input!$K$15=3,L2474*Input!$J$15,0)+IF(Input!$K$16=3,M2474*Input!$J$16,0)</f>
        <v>0</v>
      </c>
      <c r="Q2474" s="71">
        <f>IF(Input!$K$13=4,J2474*Input!$J$13,0)+IF(Input!$K$14=4,K2474*Input!$J$14,0)+IF(Input!$K$15=4,L2474*Input!$J$15,0)+IF(Input!$K$16=4,M2474*Input!$J$16,0)</f>
        <v>0</v>
      </c>
    </row>
    <row r="2475" spans="8:17" x14ac:dyDescent="0.25">
      <c r="H2475" s="43">
        <v>2468</v>
      </c>
      <c r="I2475" s="55">
        <f>Bühler!I2501</f>
        <v>1.2831638038033979</v>
      </c>
      <c r="J2475" s="58">
        <f>Bühler!J2501</f>
        <v>11.033891426152886</v>
      </c>
      <c r="K2475" s="58">
        <f>Bühler!K2501</f>
        <v>0.61919025812438866</v>
      </c>
      <c r="L2475" s="58">
        <f>Bühler!L2501</f>
        <v>0.30959512906219433</v>
      </c>
      <c r="M2475" s="57">
        <f>Bühler!M2501</f>
        <v>0</v>
      </c>
      <c r="N2475" s="55">
        <f>IF(Input!$K$13=1,J2475*Input!$J$13,0)+IF(Input!$K$14=1,K2475*Input!$J$14,0)+IF(Input!$K$15=1,L2475*Input!$J$15,0)+IF(Input!$K$16=1,M2475*Input!$J$16,0)</f>
        <v>1.3240669711383464</v>
      </c>
      <c r="O2475" s="58">
        <f>IF(Input!$K$13=2,J2475*Input!$J$13,0)+IF(Input!$K$14=2,K2475*Input!$J$14,0)+IF(Input!$K$15=2,L2475*Input!$J$15,0)+IF(Input!$K$16=2,M2475*Input!$J$16,0)</f>
        <v>8.3590684846792468E-2</v>
      </c>
      <c r="P2475" s="58">
        <f>IF(Input!$K$13=3,J2475*Input!$J$13,0)+IF(Input!$K$14=3,K2475*Input!$J$14,0)+IF(Input!$K$15=3,L2475*Input!$J$15,0)+IF(Input!$K$16=3,M2475*Input!$J$16,0)</f>
        <v>0</v>
      </c>
      <c r="Q2475" s="71">
        <f>IF(Input!$K$13=4,J2475*Input!$J$13,0)+IF(Input!$K$14=4,K2475*Input!$J$14,0)+IF(Input!$K$15=4,L2475*Input!$J$15,0)+IF(Input!$K$16=4,M2475*Input!$J$16,0)</f>
        <v>0</v>
      </c>
    </row>
    <row r="2476" spans="8:17" x14ac:dyDescent="0.25">
      <c r="H2476" s="43">
        <v>2469</v>
      </c>
      <c r="I2476" s="55">
        <f>Bühler!I2502</f>
        <v>1.2831638038033979</v>
      </c>
      <c r="J2476" s="58">
        <f>Bühler!J2502</f>
        <v>11.033891426152886</v>
      </c>
      <c r="K2476" s="58">
        <f>Bühler!K2502</f>
        <v>0.61919025812438866</v>
      </c>
      <c r="L2476" s="58">
        <f>Bühler!L2502</f>
        <v>0.30959512906219433</v>
      </c>
      <c r="M2476" s="57">
        <f>Bühler!M2502</f>
        <v>0</v>
      </c>
      <c r="N2476" s="55">
        <f>IF(Input!$K$13=1,J2476*Input!$J$13,0)+IF(Input!$K$14=1,K2476*Input!$J$14,0)+IF(Input!$K$15=1,L2476*Input!$J$15,0)+IF(Input!$K$16=1,M2476*Input!$J$16,0)</f>
        <v>1.3240669711383464</v>
      </c>
      <c r="O2476" s="58">
        <f>IF(Input!$K$13=2,J2476*Input!$J$13,0)+IF(Input!$K$14=2,K2476*Input!$J$14,0)+IF(Input!$K$15=2,L2476*Input!$J$15,0)+IF(Input!$K$16=2,M2476*Input!$J$16,0)</f>
        <v>8.3590684846792468E-2</v>
      </c>
      <c r="P2476" s="58">
        <f>IF(Input!$K$13=3,J2476*Input!$J$13,0)+IF(Input!$K$14=3,K2476*Input!$J$14,0)+IF(Input!$K$15=3,L2476*Input!$J$15,0)+IF(Input!$K$16=3,M2476*Input!$J$16,0)</f>
        <v>0</v>
      </c>
      <c r="Q2476" s="71">
        <f>IF(Input!$K$13=4,J2476*Input!$J$13,0)+IF(Input!$K$14=4,K2476*Input!$J$14,0)+IF(Input!$K$15=4,L2476*Input!$J$15,0)+IF(Input!$K$16=4,M2476*Input!$J$16,0)</f>
        <v>0</v>
      </c>
    </row>
    <row r="2477" spans="8:17" x14ac:dyDescent="0.25">
      <c r="H2477" s="43">
        <v>2470</v>
      </c>
      <c r="I2477" s="55">
        <f>Bühler!I2503</f>
        <v>1.2831638038033979</v>
      </c>
      <c r="J2477" s="58">
        <f>Bühler!J2503</f>
        <v>11.033891426152886</v>
      </c>
      <c r="K2477" s="58">
        <f>Bühler!K2503</f>
        <v>0.61919025812438866</v>
      </c>
      <c r="L2477" s="58">
        <f>Bühler!L2503</f>
        <v>0.30959512906219433</v>
      </c>
      <c r="M2477" s="57">
        <f>Bühler!M2503</f>
        <v>0</v>
      </c>
      <c r="N2477" s="55">
        <f>IF(Input!$K$13=1,J2477*Input!$J$13,0)+IF(Input!$K$14=1,K2477*Input!$J$14,0)+IF(Input!$K$15=1,L2477*Input!$J$15,0)+IF(Input!$K$16=1,M2477*Input!$J$16,0)</f>
        <v>1.3240669711383464</v>
      </c>
      <c r="O2477" s="58">
        <f>IF(Input!$K$13=2,J2477*Input!$J$13,0)+IF(Input!$K$14=2,K2477*Input!$J$14,0)+IF(Input!$K$15=2,L2477*Input!$J$15,0)+IF(Input!$K$16=2,M2477*Input!$J$16,0)</f>
        <v>8.3590684846792468E-2</v>
      </c>
      <c r="P2477" s="58">
        <f>IF(Input!$K$13=3,J2477*Input!$J$13,0)+IF(Input!$K$14=3,K2477*Input!$J$14,0)+IF(Input!$K$15=3,L2477*Input!$J$15,0)+IF(Input!$K$16=3,M2477*Input!$J$16,0)</f>
        <v>0</v>
      </c>
      <c r="Q2477" s="71">
        <f>IF(Input!$K$13=4,J2477*Input!$J$13,0)+IF(Input!$K$14=4,K2477*Input!$J$14,0)+IF(Input!$K$15=4,L2477*Input!$J$15,0)+IF(Input!$K$16=4,M2477*Input!$J$16,0)</f>
        <v>0</v>
      </c>
    </row>
    <row r="2478" spans="8:17" x14ac:dyDescent="0.25">
      <c r="H2478" s="43">
        <v>2471</v>
      </c>
      <c r="I2478" s="55">
        <f>Bühler!I2504</f>
        <v>1.2831638038033979</v>
      </c>
      <c r="J2478" s="58">
        <f>Bühler!J2504</f>
        <v>11.033891426152886</v>
      </c>
      <c r="K2478" s="58">
        <f>Bühler!K2504</f>
        <v>0.61919025812438866</v>
      </c>
      <c r="L2478" s="58">
        <f>Bühler!L2504</f>
        <v>0.30959512906219433</v>
      </c>
      <c r="M2478" s="57">
        <f>Bühler!M2504</f>
        <v>0</v>
      </c>
      <c r="N2478" s="55">
        <f>IF(Input!$K$13=1,J2478*Input!$J$13,0)+IF(Input!$K$14=1,K2478*Input!$J$14,0)+IF(Input!$K$15=1,L2478*Input!$J$15,0)+IF(Input!$K$16=1,M2478*Input!$J$16,0)</f>
        <v>1.3240669711383464</v>
      </c>
      <c r="O2478" s="58">
        <f>IF(Input!$K$13=2,J2478*Input!$J$13,0)+IF(Input!$K$14=2,K2478*Input!$J$14,0)+IF(Input!$K$15=2,L2478*Input!$J$15,0)+IF(Input!$K$16=2,M2478*Input!$J$16,0)</f>
        <v>8.3590684846792468E-2</v>
      </c>
      <c r="P2478" s="58">
        <f>IF(Input!$K$13=3,J2478*Input!$J$13,0)+IF(Input!$K$14=3,K2478*Input!$J$14,0)+IF(Input!$K$15=3,L2478*Input!$J$15,0)+IF(Input!$K$16=3,M2478*Input!$J$16,0)</f>
        <v>0</v>
      </c>
      <c r="Q2478" s="71">
        <f>IF(Input!$K$13=4,J2478*Input!$J$13,0)+IF(Input!$K$14=4,K2478*Input!$J$14,0)+IF(Input!$K$15=4,L2478*Input!$J$15,0)+IF(Input!$K$16=4,M2478*Input!$J$16,0)</f>
        <v>0</v>
      </c>
    </row>
    <row r="2479" spans="8:17" x14ac:dyDescent="0.25">
      <c r="H2479" s="43">
        <v>2472</v>
      </c>
      <c r="I2479" s="55">
        <f>Bühler!I2505</f>
        <v>1.2831638038033979</v>
      </c>
      <c r="J2479" s="58">
        <f>Bühler!J2505</f>
        <v>11.033891426152886</v>
      </c>
      <c r="K2479" s="58">
        <f>Bühler!K2505</f>
        <v>0.61919025812438866</v>
      </c>
      <c r="L2479" s="58">
        <f>Bühler!L2505</f>
        <v>0.30959512906219433</v>
      </c>
      <c r="M2479" s="57">
        <f>Bühler!M2505</f>
        <v>0</v>
      </c>
      <c r="N2479" s="55">
        <f>IF(Input!$K$13=1,J2479*Input!$J$13,0)+IF(Input!$K$14=1,K2479*Input!$J$14,0)+IF(Input!$K$15=1,L2479*Input!$J$15,0)+IF(Input!$K$16=1,M2479*Input!$J$16,0)</f>
        <v>1.3240669711383464</v>
      </c>
      <c r="O2479" s="58">
        <f>IF(Input!$K$13=2,J2479*Input!$J$13,0)+IF(Input!$K$14=2,K2479*Input!$J$14,0)+IF(Input!$K$15=2,L2479*Input!$J$15,0)+IF(Input!$K$16=2,M2479*Input!$J$16,0)</f>
        <v>8.3590684846792468E-2</v>
      </c>
      <c r="P2479" s="58">
        <f>IF(Input!$K$13=3,J2479*Input!$J$13,0)+IF(Input!$K$14=3,K2479*Input!$J$14,0)+IF(Input!$K$15=3,L2479*Input!$J$15,0)+IF(Input!$K$16=3,M2479*Input!$J$16,0)</f>
        <v>0</v>
      </c>
      <c r="Q2479" s="71">
        <f>IF(Input!$K$13=4,J2479*Input!$J$13,0)+IF(Input!$K$14=4,K2479*Input!$J$14,0)+IF(Input!$K$15=4,L2479*Input!$J$15,0)+IF(Input!$K$16=4,M2479*Input!$J$16,0)</f>
        <v>0</v>
      </c>
    </row>
    <row r="2480" spans="8:17" x14ac:dyDescent="0.25">
      <c r="H2480" s="43">
        <v>2473</v>
      </c>
      <c r="I2480" s="55">
        <f>Bühler!I2506</f>
        <v>3.3231155867147875</v>
      </c>
      <c r="J2480" s="58">
        <f>Bühler!J2506</f>
        <v>21.269130245231239</v>
      </c>
      <c r="K2480" s="58">
        <f>Bühler!K2506</f>
        <v>0.98072968318942677</v>
      </c>
      <c r="L2480" s="58">
        <f>Bühler!L2506</f>
        <v>0.49036484159471339</v>
      </c>
      <c r="M2480" s="57">
        <f>Bühler!M2506</f>
        <v>0</v>
      </c>
      <c r="N2480" s="55">
        <f>IF(Input!$K$13=1,J2480*Input!$J$13,0)+IF(Input!$K$14=1,K2480*Input!$J$14,0)+IF(Input!$K$15=1,L2480*Input!$J$15,0)+IF(Input!$K$16=1,M2480*Input!$J$16,0)</f>
        <v>2.5522956294277486</v>
      </c>
      <c r="O2480" s="58">
        <f>IF(Input!$K$13=2,J2480*Input!$J$13,0)+IF(Input!$K$14=2,K2480*Input!$J$14,0)+IF(Input!$K$15=2,L2480*Input!$J$15,0)+IF(Input!$K$16=2,M2480*Input!$J$16,0)</f>
        <v>0.13239850723057262</v>
      </c>
      <c r="P2480" s="58">
        <f>IF(Input!$K$13=3,J2480*Input!$J$13,0)+IF(Input!$K$14=3,K2480*Input!$J$14,0)+IF(Input!$K$15=3,L2480*Input!$J$15,0)+IF(Input!$K$16=3,M2480*Input!$J$16,0)</f>
        <v>0</v>
      </c>
      <c r="Q2480" s="71">
        <f>IF(Input!$K$13=4,J2480*Input!$J$13,0)+IF(Input!$K$14=4,K2480*Input!$J$14,0)+IF(Input!$K$15=4,L2480*Input!$J$15,0)+IF(Input!$K$16=4,M2480*Input!$J$16,0)</f>
        <v>0</v>
      </c>
    </row>
    <row r="2481" spans="8:17" x14ac:dyDescent="0.25">
      <c r="H2481" s="43">
        <v>2474</v>
      </c>
      <c r="I2481" s="55">
        <f>Bühler!I2507</f>
        <v>3.3231155867147875</v>
      </c>
      <c r="J2481" s="58">
        <f>Bühler!J2507</f>
        <v>14.308580285379536</v>
      </c>
      <c r="K2481" s="58">
        <f>Bühler!K2507</f>
        <v>0.59438162617541013</v>
      </c>
      <c r="L2481" s="58">
        <f>Bühler!L2507</f>
        <v>0.29719081308770506</v>
      </c>
      <c r="M2481" s="57">
        <f>Bühler!M2507</f>
        <v>0</v>
      </c>
      <c r="N2481" s="55">
        <f>IF(Input!$K$13=1,J2481*Input!$J$13,0)+IF(Input!$K$14=1,K2481*Input!$J$14,0)+IF(Input!$K$15=1,L2481*Input!$J$15,0)+IF(Input!$K$16=1,M2481*Input!$J$16,0)</f>
        <v>1.7170296342455442</v>
      </c>
      <c r="O2481" s="58">
        <f>IF(Input!$K$13=2,J2481*Input!$J$13,0)+IF(Input!$K$14=2,K2481*Input!$J$14,0)+IF(Input!$K$15=2,L2481*Input!$J$15,0)+IF(Input!$K$16=2,M2481*Input!$J$16,0)</f>
        <v>8.0241519533680361E-2</v>
      </c>
      <c r="P2481" s="58">
        <f>IF(Input!$K$13=3,J2481*Input!$J$13,0)+IF(Input!$K$14=3,K2481*Input!$J$14,0)+IF(Input!$K$15=3,L2481*Input!$J$15,0)+IF(Input!$K$16=3,M2481*Input!$J$16,0)</f>
        <v>0</v>
      </c>
      <c r="Q2481" s="71">
        <f>IF(Input!$K$13=4,J2481*Input!$J$13,0)+IF(Input!$K$14=4,K2481*Input!$J$14,0)+IF(Input!$K$15=4,L2481*Input!$J$15,0)+IF(Input!$K$16=4,M2481*Input!$J$16,0)</f>
        <v>0</v>
      </c>
    </row>
    <row r="2482" spans="8:17" x14ac:dyDescent="0.25">
      <c r="H2482" s="43">
        <v>2475</v>
      </c>
      <c r="I2482" s="55">
        <f>Bühler!I2508</f>
        <v>3.3231155867147875</v>
      </c>
      <c r="J2482" s="58">
        <f>Bühler!J2508</f>
        <v>14.308580285379536</v>
      </c>
      <c r="K2482" s="58">
        <f>Bühler!K2508</f>
        <v>0.59438162617541013</v>
      </c>
      <c r="L2482" s="58">
        <f>Bühler!L2508</f>
        <v>0.29719081308770506</v>
      </c>
      <c r="M2482" s="57">
        <f>Bühler!M2508</f>
        <v>0</v>
      </c>
      <c r="N2482" s="55">
        <f>IF(Input!$K$13=1,J2482*Input!$J$13,0)+IF(Input!$K$14=1,K2482*Input!$J$14,0)+IF(Input!$K$15=1,L2482*Input!$J$15,0)+IF(Input!$K$16=1,M2482*Input!$J$16,0)</f>
        <v>1.7170296342455442</v>
      </c>
      <c r="O2482" s="58">
        <f>IF(Input!$K$13=2,J2482*Input!$J$13,0)+IF(Input!$K$14=2,K2482*Input!$J$14,0)+IF(Input!$K$15=2,L2482*Input!$J$15,0)+IF(Input!$K$16=2,M2482*Input!$J$16,0)</f>
        <v>8.0241519533680361E-2</v>
      </c>
      <c r="P2482" s="58">
        <f>IF(Input!$K$13=3,J2482*Input!$J$13,0)+IF(Input!$K$14=3,K2482*Input!$J$14,0)+IF(Input!$K$15=3,L2482*Input!$J$15,0)+IF(Input!$K$16=3,M2482*Input!$J$16,0)</f>
        <v>0</v>
      </c>
      <c r="Q2482" s="71">
        <f>IF(Input!$K$13=4,J2482*Input!$J$13,0)+IF(Input!$K$14=4,K2482*Input!$J$14,0)+IF(Input!$K$15=4,L2482*Input!$J$15,0)+IF(Input!$K$16=4,M2482*Input!$J$16,0)</f>
        <v>0</v>
      </c>
    </row>
    <row r="2483" spans="8:17" x14ac:dyDescent="0.25">
      <c r="H2483" s="43">
        <v>2476</v>
      </c>
      <c r="I2483" s="55">
        <f>Bühler!I2509</f>
        <v>3.3231155867147875</v>
      </c>
      <c r="J2483" s="58">
        <f>Bühler!J2509</f>
        <v>14.308580285379536</v>
      </c>
      <c r="K2483" s="58">
        <f>Bühler!K2509</f>
        <v>0.59438162617541013</v>
      </c>
      <c r="L2483" s="58">
        <f>Bühler!L2509</f>
        <v>0.29719081308770506</v>
      </c>
      <c r="M2483" s="57">
        <f>Bühler!M2509</f>
        <v>0</v>
      </c>
      <c r="N2483" s="55">
        <f>IF(Input!$K$13=1,J2483*Input!$J$13,0)+IF(Input!$K$14=1,K2483*Input!$J$14,0)+IF(Input!$K$15=1,L2483*Input!$J$15,0)+IF(Input!$K$16=1,M2483*Input!$J$16,0)</f>
        <v>1.7170296342455442</v>
      </c>
      <c r="O2483" s="58">
        <f>IF(Input!$K$13=2,J2483*Input!$J$13,0)+IF(Input!$K$14=2,K2483*Input!$J$14,0)+IF(Input!$K$15=2,L2483*Input!$J$15,0)+IF(Input!$K$16=2,M2483*Input!$J$16,0)</f>
        <v>8.0241519533680361E-2</v>
      </c>
      <c r="P2483" s="58">
        <f>IF(Input!$K$13=3,J2483*Input!$J$13,0)+IF(Input!$K$14=3,K2483*Input!$J$14,0)+IF(Input!$K$15=3,L2483*Input!$J$15,0)+IF(Input!$K$16=3,M2483*Input!$J$16,0)</f>
        <v>0</v>
      </c>
      <c r="Q2483" s="71">
        <f>IF(Input!$K$13=4,J2483*Input!$J$13,0)+IF(Input!$K$14=4,K2483*Input!$J$14,0)+IF(Input!$K$15=4,L2483*Input!$J$15,0)+IF(Input!$K$16=4,M2483*Input!$J$16,0)</f>
        <v>0</v>
      </c>
    </row>
    <row r="2484" spans="8:17" x14ac:dyDescent="0.25">
      <c r="H2484" s="43">
        <v>2477</v>
      </c>
      <c r="I2484" s="55">
        <f>Bühler!I2510</f>
        <v>3.3231155867147875</v>
      </c>
      <c r="J2484" s="58">
        <f>Bühler!J2510</f>
        <v>14.308580285379536</v>
      </c>
      <c r="K2484" s="58">
        <f>Bühler!K2510</f>
        <v>0.59438162617541013</v>
      </c>
      <c r="L2484" s="58">
        <f>Bühler!L2510</f>
        <v>0.29719081308770506</v>
      </c>
      <c r="M2484" s="57">
        <f>Bühler!M2510</f>
        <v>0</v>
      </c>
      <c r="N2484" s="55">
        <f>IF(Input!$K$13=1,J2484*Input!$J$13,0)+IF(Input!$K$14=1,K2484*Input!$J$14,0)+IF(Input!$K$15=1,L2484*Input!$J$15,0)+IF(Input!$K$16=1,M2484*Input!$J$16,0)</f>
        <v>1.7170296342455442</v>
      </c>
      <c r="O2484" s="58">
        <f>IF(Input!$K$13=2,J2484*Input!$J$13,0)+IF(Input!$K$14=2,K2484*Input!$J$14,0)+IF(Input!$K$15=2,L2484*Input!$J$15,0)+IF(Input!$K$16=2,M2484*Input!$J$16,0)</f>
        <v>8.0241519533680361E-2</v>
      </c>
      <c r="P2484" s="58">
        <f>IF(Input!$K$13=3,J2484*Input!$J$13,0)+IF(Input!$K$14=3,K2484*Input!$J$14,0)+IF(Input!$K$15=3,L2484*Input!$J$15,0)+IF(Input!$K$16=3,M2484*Input!$J$16,0)</f>
        <v>0</v>
      </c>
      <c r="Q2484" s="71">
        <f>IF(Input!$K$13=4,J2484*Input!$J$13,0)+IF(Input!$K$14=4,K2484*Input!$J$14,0)+IF(Input!$K$15=4,L2484*Input!$J$15,0)+IF(Input!$K$16=4,M2484*Input!$J$16,0)</f>
        <v>0</v>
      </c>
    </row>
    <row r="2485" spans="8:17" x14ac:dyDescent="0.25">
      <c r="H2485" s="43">
        <v>2478</v>
      </c>
      <c r="I2485" s="55">
        <f>Bühler!I2511</f>
        <v>3.3231155867147875</v>
      </c>
      <c r="J2485" s="58">
        <f>Bühler!J2511</f>
        <v>14.308580285379536</v>
      </c>
      <c r="K2485" s="58">
        <f>Bühler!K2511</f>
        <v>0.59438162617541013</v>
      </c>
      <c r="L2485" s="58">
        <f>Bühler!L2511</f>
        <v>0.29719081308770506</v>
      </c>
      <c r="M2485" s="57">
        <f>Bühler!M2511</f>
        <v>0</v>
      </c>
      <c r="N2485" s="55">
        <f>IF(Input!$K$13=1,J2485*Input!$J$13,0)+IF(Input!$K$14=1,K2485*Input!$J$14,0)+IF(Input!$K$15=1,L2485*Input!$J$15,0)+IF(Input!$K$16=1,M2485*Input!$J$16,0)</f>
        <v>1.7170296342455442</v>
      </c>
      <c r="O2485" s="58">
        <f>IF(Input!$K$13=2,J2485*Input!$J$13,0)+IF(Input!$K$14=2,K2485*Input!$J$14,0)+IF(Input!$K$15=2,L2485*Input!$J$15,0)+IF(Input!$K$16=2,M2485*Input!$J$16,0)</f>
        <v>8.0241519533680361E-2</v>
      </c>
      <c r="P2485" s="58">
        <f>IF(Input!$K$13=3,J2485*Input!$J$13,0)+IF(Input!$K$14=3,K2485*Input!$J$14,0)+IF(Input!$K$15=3,L2485*Input!$J$15,0)+IF(Input!$K$16=3,M2485*Input!$J$16,0)</f>
        <v>0</v>
      </c>
      <c r="Q2485" s="71">
        <f>IF(Input!$K$13=4,J2485*Input!$J$13,0)+IF(Input!$K$14=4,K2485*Input!$J$14,0)+IF(Input!$K$15=4,L2485*Input!$J$15,0)+IF(Input!$K$16=4,M2485*Input!$J$16,0)</f>
        <v>0</v>
      </c>
    </row>
    <row r="2486" spans="8:17" x14ac:dyDescent="0.25">
      <c r="H2486" s="43">
        <v>2479</v>
      </c>
      <c r="I2486" s="55">
        <f>Bühler!I2512</f>
        <v>3.3231155867147875</v>
      </c>
      <c r="J2486" s="58">
        <f>Bühler!J2512</f>
        <v>14.308580285379536</v>
      </c>
      <c r="K2486" s="58">
        <f>Bühler!K2512</f>
        <v>0.59438162617541013</v>
      </c>
      <c r="L2486" s="58">
        <f>Bühler!L2512</f>
        <v>0.29719081308770506</v>
      </c>
      <c r="M2486" s="57">
        <f>Bühler!M2512</f>
        <v>0</v>
      </c>
      <c r="N2486" s="55">
        <f>IF(Input!$K$13=1,J2486*Input!$J$13,0)+IF(Input!$K$14=1,K2486*Input!$J$14,0)+IF(Input!$K$15=1,L2486*Input!$J$15,0)+IF(Input!$K$16=1,M2486*Input!$J$16,0)</f>
        <v>1.7170296342455442</v>
      </c>
      <c r="O2486" s="58">
        <f>IF(Input!$K$13=2,J2486*Input!$J$13,0)+IF(Input!$K$14=2,K2486*Input!$J$14,0)+IF(Input!$K$15=2,L2486*Input!$J$15,0)+IF(Input!$K$16=2,M2486*Input!$J$16,0)</f>
        <v>8.0241519533680361E-2</v>
      </c>
      <c r="P2486" s="58">
        <f>IF(Input!$K$13=3,J2486*Input!$J$13,0)+IF(Input!$K$14=3,K2486*Input!$J$14,0)+IF(Input!$K$15=3,L2486*Input!$J$15,0)+IF(Input!$K$16=3,M2486*Input!$J$16,0)</f>
        <v>0</v>
      </c>
      <c r="Q2486" s="71">
        <f>IF(Input!$K$13=4,J2486*Input!$J$13,0)+IF(Input!$K$14=4,K2486*Input!$J$14,0)+IF(Input!$K$15=4,L2486*Input!$J$15,0)+IF(Input!$K$16=4,M2486*Input!$J$16,0)</f>
        <v>0</v>
      </c>
    </row>
    <row r="2487" spans="8:17" x14ac:dyDescent="0.25">
      <c r="H2487" s="43">
        <v>2480</v>
      </c>
      <c r="I2487" s="55">
        <f>Bühler!I2513</f>
        <v>9.0045712672271652</v>
      </c>
      <c r="J2487" s="58">
        <f>Bühler!J2513</f>
        <v>55.373325789190844</v>
      </c>
      <c r="K2487" s="58">
        <f>Bühler!K2513</f>
        <v>2.5320657275072471</v>
      </c>
      <c r="L2487" s="58">
        <f>Bühler!L2513</f>
        <v>1.2660328637536236</v>
      </c>
      <c r="M2487" s="57">
        <f>Bühler!M2513</f>
        <v>0</v>
      </c>
      <c r="N2487" s="55">
        <f>IF(Input!$K$13=1,J2487*Input!$J$13,0)+IF(Input!$K$14=1,K2487*Input!$J$14,0)+IF(Input!$K$15=1,L2487*Input!$J$15,0)+IF(Input!$K$16=1,M2487*Input!$J$16,0)</f>
        <v>6.6447990947029014</v>
      </c>
      <c r="O2487" s="58">
        <f>IF(Input!$K$13=2,J2487*Input!$J$13,0)+IF(Input!$K$14=2,K2487*Input!$J$14,0)+IF(Input!$K$15=2,L2487*Input!$J$15,0)+IF(Input!$K$16=2,M2487*Input!$J$16,0)</f>
        <v>0.34182887321347832</v>
      </c>
      <c r="P2487" s="58">
        <f>IF(Input!$K$13=3,J2487*Input!$J$13,0)+IF(Input!$K$14=3,K2487*Input!$J$14,0)+IF(Input!$K$15=3,L2487*Input!$J$15,0)+IF(Input!$K$16=3,M2487*Input!$J$16,0)</f>
        <v>0</v>
      </c>
      <c r="Q2487" s="71">
        <f>IF(Input!$K$13=4,J2487*Input!$J$13,0)+IF(Input!$K$14=4,K2487*Input!$J$14,0)+IF(Input!$K$15=4,L2487*Input!$J$15,0)+IF(Input!$K$16=4,M2487*Input!$J$16,0)</f>
        <v>0</v>
      </c>
    </row>
    <row r="2488" spans="8:17" x14ac:dyDescent="0.25">
      <c r="H2488" s="43">
        <v>2481</v>
      </c>
      <c r="I2488" s="55">
        <f>Bühler!I2514</f>
        <v>11.255714084033956</v>
      </c>
      <c r="J2488" s="58">
        <f>Bühler!J2514</f>
        <v>69.216657236488558</v>
      </c>
      <c r="K2488" s="58">
        <f>Bühler!K2514</f>
        <v>3.1650821593840588</v>
      </c>
      <c r="L2488" s="58">
        <f>Bühler!L2514</f>
        <v>1.5825410796920294</v>
      </c>
      <c r="M2488" s="57">
        <f>Bühler!M2514</f>
        <v>0</v>
      </c>
      <c r="N2488" s="55">
        <f>IF(Input!$K$13=1,J2488*Input!$J$13,0)+IF(Input!$K$14=1,K2488*Input!$J$14,0)+IF(Input!$K$15=1,L2488*Input!$J$15,0)+IF(Input!$K$16=1,M2488*Input!$J$16,0)</f>
        <v>8.3059988683786266</v>
      </c>
      <c r="O2488" s="58">
        <f>IF(Input!$K$13=2,J2488*Input!$J$13,0)+IF(Input!$K$14=2,K2488*Input!$J$14,0)+IF(Input!$K$15=2,L2488*Input!$J$15,0)+IF(Input!$K$16=2,M2488*Input!$J$16,0)</f>
        <v>0.42728609151684793</v>
      </c>
      <c r="P2488" s="58">
        <f>IF(Input!$K$13=3,J2488*Input!$J$13,0)+IF(Input!$K$14=3,K2488*Input!$J$14,0)+IF(Input!$K$15=3,L2488*Input!$J$15,0)+IF(Input!$K$16=3,M2488*Input!$J$16,0)</f>
        <v>0</v>
      </c>
      <c r="Q2488" s="71">
        <f>IF(Input!$K$13=4,J2488*Input!$J$13,0)+IF(Input!$K$14=4,K2488*Input!$J$14,0)+IF(Input!$K$15=4,L2488*Input!$J$15,0)+IF(Input!$K$16=4,M2488*Input!$J$16,0)</f>
        <v>0</v>
      </c>
    </row>
    <row r="2489" spans="8:17" x14ac:dyDescent="0.25">
      <c r="H2489" s="43">
        <v>2482</v>
      </c>
      <c r="I2489" s="55">
        <f>Bühler!I2515</f>
        <v>12.381285492437351</v>
      </c>
      <c r="J2489" s="58">
        <f>Bühler!J2515</f>
        <v>76.138322960137415</v>
      </c>
      <c r="K2489" s="58">
        <f>Bühler!K2515</f>
        <v>3.4815903753224653</v>
      </c>
      <c r="L2489" s="58">
        <f>Bühler!L2515</f>
        <v>1.7407951876612326</v>
      </c>
      <c r="M2489" s="57">
        <f>Bühler!M2515</f>
        <v>0</v>
      </c>
      <c r="N2489" s="55">
        <f>IF(Input!$K$13=1,J2489*Input!$J$13,0)+IF(Input!$K$14=1,K2489*Input!$J$14,0)+IF(Input!$K$15=1,L2489*Input!$J$15,0)+IF(Input!$K$16=1,M2489*Input!$J$16,0)</f>
        <v>9.1365987552164896</v>
      </c>
      <c r="O2489" s="58">
        <f>IF(Input!$K$13=2,J2489*Input!$J$13,0)+IF(Input!$K$14=2,K2489*Input!$J$14,0)+IF(Input!$K$15=2,L2489*Input!$J$15,0)+IF(Input!$K$16=2,M2489*Input!$J$16,0)</f>
        <v>0.47001470066853279</v>
      </c>
      <c r="P2489" s="58">
        <f>IF(Input!$K$13=3,J2489*Input!$J$13,0)+IF(Input!$K$14=3,K2489*Input!$J$14,0)+IF(Input!$K$15=3,L2489*Input!$J$15,0)+IF(Input!$K$16=3,M2489*Input!$J$16,0)</f>
        <v>0</v>
      </c>
      <c r="Q2489" s="71">
        <f>IF(Input!$K$13=4,J2489*Input!$J$13,0)+IF(Input!$K$14=4,K2489*Input!$J$14,0)+IF(Input!$K$15=4,L2489*Input!$J$15,0)+IF(Input!$K$16=4,M2489*Input!$J$16,0)</f>
        <v>0</v>
      </c>
    </row>
    <row r="2490" spans="8:17" x14ac:dyDescent="0.25">
      <c r="H2490" s="43">
        <v>2483</v>
      </c>
      <c r="I2490" s="55">
        <f>Bühler!I2516</f>
        <v>12.381285492437351</v>
      </c>
      <c r="J2490" s="58">
        <f>Bühler!J2516</f>
        <v>76.138322960137415</v>
      </c>
      <c r="K2490" s="58">
        <f>Bühler!K2516</f>
        <v>3.4815903753224653</v>
      </c>
      <c r="L2490" s="58">
        <f>Bühler!L2516</f>
        <v>1.7407951876612326</v>
      </c>
      <c r="M2490" s="57">
        <f>Bühler!M2516</f>
        <v>0</v>
      </c>
      <c r="N2490" s="55">
        <f>IF(Input!$K$13=1,J2490*Input!$J$13,0)+IF(Input!$K$14=1,K2490*Input!$J$14,0)+IF(Input!$K$15=1,L2490*Input!$J$15,0)+IF(Input!$K$16=1,M2490*Input!$J$16,0)</f>
        <v>9.1365987552164896</v>
      </c>
      <c r="O2490" s="58">
        <f>IF(Input!$K$13=2,J2490*Input!$J$13,0)+IF(Input!$K$14=2,K2490*Input!$J$14,0)+IF(Input!$K$15=2,L2490*Input!$J$15,0)+IF(Input!$K$16=2,M2490*Input!$J$16,0)</f>
        <v>0.47001470066853279</v>
      </c>
      <c r="P2490" s="58">
        <f>IF(Input!$K$13=3,J2490*Input!$J$13,0)+IF(Input!$K$14=3,K2490*Input!$J$14,0)+IF(Input!$K$15=3,L2490*Input!$J$15,0)+IF(Input!$K$16=3,M2490*Input!$J$16,0)</f>
        <v>0</v>
      </c>
      <c r="Q2490" s="71">
        <f>IF(Input!$K$13=4,J2490*Input!$J$13,0)+IF(Input!$K$14=4,K2490*Input!$J$14,0)+IF(Input!$K$15=4,L2490*Input!$J$15,0)+IF(Input!$K$16=4,M2490*Input!$J$16,0)</f>
        <v>0</v>
      </c>
    </row>
    <row r="2491" spans="8:17" x14ac:dyDescent="0.25">
      <c r="H2491" s="43">
        <v>2484</v>
      </c>
      <c r="I2491" s="55">
        <f>Bühler!I2517</f>
        <v>14.632428309244142</v>
      </c>
      <c r="J2491" s="58">
        <f>Bühler!J2517</f>
        <v>89.98165440743513</v>
      </c>
      <c r="K2491" s="58">
        <f>Bühler!K2517</f>
        <v>4.1146068071992765</v>
      </c>
      <c r="L2491" s="58">
        <f>Bühler!L2517</f>
        <v>2.0573034035996383</v>
      </c>
      <c r="M2491" s="57">
        <f>Bühler!M2517</f>
        <v>0</v>
      </c>
      <c r="N2491" s="55">
        <f>IF(Input!$K$13=1,J2491*Input!$J$13,0)+IF(Input!$K$14=1,K2491*Input!$J$14,0)+IF(Input!$K$15=1,L2491*Input!$J$15,0)+IF(Input!$K$16=1,M2491*Input!$J$16,0)</f>
        <v>10.797798528892216</v>
      </c>
      <c r="O2491" s="58">
        <f>IF(Input!$K$13=2,J2491*Input!$J$13,0)+IF(Input!$K$14=2,K2491*Input!$J$14,0)+IF(Input!$K$15=2,L2491*Input!$J$15,0)+IF(Input!$K$16=2,M2491*Input!$J$16,0)</f>
        <v>0.55547191897190229</v>
      </c>
      <c r="P2491" s="58">
        <f>IF(Input!$K$13=3,J2491*Input!$J$13,0)+IF(Input!$K$14=3,K2491*Input!$J$14,0)+IF(Input!$K$15=3,L2491*Input!$J$15,0)+IF(Input!$K$16=3,M2491*Input!$J$16,0)</f>
        <v>0</v>
      </c>
      <c r="Q2491" s="71">
        <f>IF(Input!$K$13=4,J2491*Input!$J$13,0)+IF(Input!$K$14=4,K2491*Input!$J$14,0)+IF(Input!$K$15=4,L2491*Input!$J$15,0)+IF(Input!$K$16=4,M2491*Input!$J$16,0)</f>
        <v>0</v>
      </c>
    </row>
    <row r="2492" spans="8:17" x14ac:dyDescent="0.25">
      <c r="H2492" s="43">
        <v>2485</v>
      </c>
      <c r="I2492" s="55">
        <f>Bühler!I2518</f>
        <v>14.632428309244142</v>
      </c>
      <c r="J2492" s="58">
        <f>Bühler!J2518</f>
        <v>89.98165440743513</v>
      </c>
      <c r="K2492" s="58">
        <f>Bühler!K2518</f>
        <v>4.1146068071992765</v>
      </c>
      <c r="L2492" s="58">
        <f>Bühler!L2518</f>
        <v>2.0573034035996383</v>
      </c>
      <c r="M2492" s="57">
        <f>Bühler!M2518</f>
        <v>0</v>
      </c>
      <c r="N2492" s="55">
        <f>IF(Input!$K$13=1,J2492*Input!$J$13,0)+IF(Input!$K$14=1,K2492*Input!$J$14,0)+IF(Input!$K$15=1,L2492*Input!$J$15,0)+IF(Input!$K$16=1,M2492*Input!$J$16,0)</f>
        <v>10.797798528892216</v>
      </c>
      <c r="O2492" s="58">
        <f>IF(Input!$K$13=2,J2492*Input!$J$13,0)+IF(Input!$K$14=2,K2492*Input!$J$14,0)+IF(Input!$K$15=2,L2492*Input!$J$15,0)+IF(Input!$K$16=2,M2492*Input!$J$16,0)</f>
        <v>0.55547191897190229</v>
      </c>
      <c r="P2492" s="58">
        <f>IF(Input!$K$13=3,J2492*Input!$J$13,0)+IF(Input!$K$14=3,K2492*Input!$J$14,0)+IF(Input!$K$15=3,L2492*Input!$J$15,0)+IF(Input!$K$16=3,M2492*Input!$J$16,0)</f>
        <v>0</v>
      </c>
      <c r="Q2492" s="71">
        <f>IF(Input!$K$13=4,J2492*Input!$J$13,0)+IF(Input!$K$14=4,K2492*Input!$J$14,0)+IF(Input!$K$15=4,L2492*Input!$J$15,0)+IF(Input!$K$16=4,M2492*Input!$J$16,0)</f>
        <v>0</v>
      </c>
    </row>
    <row r="2493" spans="8:17" x14ac:dyDescent="0.25">
      <c r="H2493" s="43">
        <v>2486</v>
      </c>
      <c r="I2493" s="55">
        <f>Bühler!I2519</f>
        <v>10.130142675630561</v>
      </c>
      <c r="J2493" s="58">
        <f>Bühler!J2519</f>
        <v>62.294991512839701</v>
      </c>
      <c r="K2493" s="58">
        <f>Bühler!K2519</f>
        <v>2.8485739434456532</v>
      </c>
      <c r="L2493" s="58">
        <f>Bühler!L2519</f>
        <v>1.4242869717228266</v>
      </c>
      <c r="M2493" s="57">
        <f>Bühler!M2519</f>
        <v>0</v>
      </c>
      <c r="N2493" s="55">
        <f>IF(Input!$K$13=1,J2493*Input!$J$13,0)+IF(Input!$K$14=1,K2493*Input!$J$14,0)+IF(Input!$K$15=1,L2493*Input!$J$15,0)+IF(Input!$K$16=1,M2493*Input!$J$16,0)</f>
        <v>7.4753989815407635</v>
      </c>
      <c r="O2493" s="58">
        <f>IF(Input!$K$13=2,J2493*Input!$J$13,0)+IF(Input!$K$14=2,K2493*Input!$J$14,0)+IF(Input!$K$15=2,L2493*Input!$J$15,0)+IF(Input!$K$16=2,M2493*Input!$J$16,0)</f>
        <v>0.38455748236516318</v>
      </c>
      <c r="P2493" s="58">
        <f>IF(Input!$K$13=3,J2493*Input!$J$13,0)+IF(Input!$K$14=3,K2493*Input!$J$14,0)+IF(Input!$K$15=3,L2493*Input!$J$15,0)+IF(Input!$K$16=3,M2493*Input!$J$16,0)</f>
        <v>0</v>
      </c>
      <c r="Q2493" s="71">
        <f>IF(Input!$K$13=4,J2493*Input!$J$13,0)+IF(Input!$K$14=4,K2493*Input!$J$14,0)+IF(Input!$K$15=4,L2493*Input!$J$15,0)+IF(Input!$K$16=4,M2493*Input!$J$16,0)</f>
        <v>0</v>
      </c>
    </row>
    <row r="2494" spans="8:17" x14ac:dyDescent="0.25">
      <c r="H2494" s="43">
        <v>2487</v>
      </c>
      <c r="I2494" s="55">
        <f>Bühler!I2520</f>
        <v>14.632428309244142</v>
      </c>
      <c r="J2494" s="58">
        <f>Bühler!J2520</f>
        <v>89.98165440743513</v>
      </c>
      <c r="K2494" s="58">
        <f>Bühler!K2520</f>
        <v>4.1146068071992765</v>
      </c>
      <c r="L2494" s="58">
        <f>Bühler!L2520</f>
        <v>2.0573034035996383</v>
      </c>
      <c r="M2494" s="57">
        <f>Bühler!M2520</f>
        <v>0</v>
      </c>
      <c r="N2494" s="55">
        <f>IF(Input!$K$13=1,J2494*Input!$J$13,0)+IF(Input!$K$14=1,K2494*Input!$J$14,0)+IF(Input!$K$15=1,L2494*Input!$J$15,0)+IF(Input!$K$16=1,M2494*Input!$J$16,0)</f>
        <v>10.797798528892216</v>
      </c>
      <c r="O2494" s="58">
        <f>IF(Input!$K$13=2,J2494*Input!$J$13,0)+IF(Input!$K$14=2,K2494*Input!$J$14,0)+IF(Input!$K$15=2,L2494*Input!$J$15,0)+IF(Input!$K$16=2,M2494*Input!$J$16,0)</f>
        <v>0.55547191897190229</v>
      </c>
      <c r="P2494" s="58">
        <f>IF(Input!$K$13=3,J2494*Input!$J$13,0)+IF(Input!$K$14=3,K2494*Input!$J$14,0)+IF(Input!$K$15=3,L2494*Input!$J$15,0)+IF(Input!$K$16=3,M2494*Input!$J$16,0)</f>
        <v>0</v>
      </c>
      <c r="Q2494" s="71">
        <f>IF(Input!$K$13=4,J2494*Input!$J$13,0)+IF(Input!$K$14=4,K2494*Input!$J$14,0)+IF(Input!$K$15=4,L2494*Input!$J$15,0)+IF(Input!$K$16=4,M2494*Input!$J$16,0)</f>
        <v>0</v>
      </c>
    </row>
    <row r="2495" spans="8:17" x14ac:dyDescent="0.25">
      <c r="H2495" s="43">
        <v>2488</v>
      </c>
      <c r="I2495" s="55">
        <f>Bühler!I2521</f>
        <v>12.381285492437351</v>
      </c>
      <c r="J2495" s="58">
        <f>Bühler!J2521</f>
        <v>70.436026262258906</v>
      </c>
      <c r="K2495" s="58">
        <f>Bühler!K2521</f>
        <v>3.1650821593840588</v>
      </c>
      <c r="L2495" s="58">
        <f>Bühler!L2521</f>
        <v>1.5825410796920294</v>
      </c>
      <c r="M2495" s="57">
        <f>Bühler!M2521</f>
        <v>0</v>
      </c>
      <c r="N2495" s="55">
        <f>IF(Input!$K$13=1,J2495*Input!$J$13,0)+IF(Input!$K$14=1,K2495*Input!$J$14,0)+IF(Input!$K$15=1,L2495*Input!$J$15,0)+IF(Input!$K$16=1,M2495*Input!$J$16,0)</f>
        <v>8.4523231514710684</v>
      </c>
      <c r="O2495" s="58">
        <f>IF(Input!$K$13=2,J2495*Input!$J$13,0)+IF(Input!$K$14=2,K2495*Input!$J$14,0)+IF(Input!$K$15=2,L2495*Input!$J$15,0)+IF(Input!$K$16=2,M2495*Input!$J$16,0)</f>
        <v>0.42728609151684793</v>
      </c>
      <c r="P2495" s="58">
        <f>IF(Input!$K$13=3,J2495*Input!$J$13,0)+IF(Input!$K$14=3,K2495*Input!$J$14,0)+IF(Input!$K$15=3,L2495*Input!$J$15,0)+IF(Input!$K$16=3,M2495*Input!$J$16,0)</f>
        <v>0</v>
      </c>
      <c r="Q2495" s="71">
        <f>IF(Input!$K$13=4,J2495*Input!$J$13,0)+IF(Input!$K$14=4,K2495*Input!$J$14,0)+IF(Input!$K$15=4,L2495*Input!$J$15,0)+IF(Input!$K$16=4,M2495*Input!$J$16,0)</f>
        <v>0</v>
      </c>
    </row>
    <row r="2496" spans="8:17" x14ac:dyDescent="0.25">
      <c r="H2496" s="43">
        <v>2489</v>
      </c>
      <c r="I2496" s="55">
        <f>Bühler!I2522</f>
        <v>10.719727699079959</v>
      </c>
      <c r="J2496" s="58">
        <f>Bühler!J2522</f>
        <v>38.384384340099587</v>
      </c>
      <c r="K2496" s="58">
        <f>Bühler!K2522</f>
        <v>1.4859540654385253</v>
      </c>
      <c r="L2496" s="58">
        <f>Bühler!L2522</f>
        <v>0.74297703271926263</v>
      </c>
      <c r="M2496" s="57">
        <f>Bühler!M2522</f>
        <v>0</v>
      </c>
      <c r="N2496" s="55">
        <f>IF(Input!$K$13=1,J2496*Input!$J$13,0)+IF(Input!$K$14=1,K2496*Input!$J$14,0)+IF(Input!$K$15=1,L2496*Input!$J$15,0)+IF(Input!$K$16=1,M2496*Input!$J$16,0)</f>
        <v>4.6061261208119504</v>
      </c>
      <c r="O2496" s="58">
        <f>IF(Input!$K$13=2,J2496*Input!$J$13,0)+IF(Input!$K$14=2,K2496*Input!$J$14,0)+IF(Input!$K$15=2,L2496*Input!$J$15,0)+IF(Input!$K$16=2,M2496*Input!$J$16,0)</f>
        <v>0.2006037988342009</v>
      </c>
      <c r="P2496" s="58">
        <f>IF(Input!$K$13=3,J2496*Input!$J$13,0)+IF(Input!$K$14=3,K2496*Input!$J$14,0)+IF(Input!$K$15=3,L2496*Input!$J$15,0)+IF(Input!$K$16=3,M2496*Input!$J$16,0)</f>
        <v>0</v>
      </c>
      <c r="Q2496" s="71">
        <f>IF(Input!$K$13=4,J2496*Input!$J$13,0)+IF(Input!$K$14=4,K2496*Input!$J$14,0)+IF(Input!$K$15=4,L2496*Input!$J$15,0)+IF(Input!$K$16=4,M2496*Input!$J$16,0)</f>
        <v>0</v>
      </c>
    </row>
    <row r="2497" spans="8:17" x14ac:dyDescent="0.25">
      <c r="H2497" s="43">
        <v>2490</v>
      </c>
      <c r="I2497" s="55">
        <f>Bühler!I2523</f>
        <v>9.0045712672271652</v>
      </c>
      <c r="J2497" s="58">
        <f>Bühler!J2523</f>
        <v>27.424040565786321</v>
      </c>
      <c r="K2497" s="58">
        <f>Bühler!K2523</f>
        <v>0.98072968318942677</v>
      </c>
      <c r="L2497" s="58">
        <f>Bühler!L2523</f>
        <v>0.49036484159471339</v>
      </c>
      <c r="M2497" s="57">
        <f>Bühler!M2523</f>
        <v>0</v>
      </c>
      <c r="N2497" s="55">
        <f>IF(Input!$K$13=1,J2497*Input!$J$13,0)+IF(Input!$K$14=1,K2497*Input!$J$14,0)+IF(Input!$K$15=1,L2497*Input!$J$15,0)+IF(Input!$K$16=1,M2497*Input!$J$16,0)</f>
        <v>3.2908848678943583</v>
      </c>
      <c r="O2497" s="58">
        <f>IF(Input!$K$13=2,J2497*Input!$J$13,0)+IF(Input!$K$14=2,K2497*Input!$J$14,0)+IF(Input!$K$15=2,L2497*Input!$J$15,0)+IF(Input!$K$16=2,M2497*Input!$J$16,0)</f>
        <v>0.13239850723057262</v>
      </c>
      <c r="P2497" s="58">
        <f>IF(Input!$K$13=3,J2497*Input!$J$13,0)+IF(Input!$K$14=3,K2497*Input!$J$14,0)+IF(Input!$K$15=3,L2497*Input!$J$15,0)+IF(Input!$K$16=3,M2497*Input!$J$16,0)</f>
        <v>0</v>
      </c>
      <c r="Q2497" s="71">
        <f>IF(Input!$K$13=4,J2497*Input!$J$13,0)+IF(Input!$K$14=4,K2497*Input!$J$14,0)+IF(Input!$K$15=4,L2497*Input!$J$15,0)+IF(Input!$K$16=4,M2497*Input!$J$16,0)</f>
        <v>0</v>
      </c>
    </row>
    <row r="2498" spans="8:17" x14ac:dyDescent="0.25">
      <c r="H2498" s="43">
        <v>2491</v>
      </c>
      <c r="I2498" s="55">
        <f>Bühler!I2524</f>
        <v>3.3231155867147875</v>
      </c>
      <c r="J2498" s="58">
        <f>Bühler!J2524</f>
        <v>14.844007205368129</v>
      </c>
      <c r="K2498" s="58">
        <f>Bühler!K2524</f>
        <v>0.62410070748418056</v>
      </c>
      <c r="L2498" s="58">
        <f>Bühler!L2524</f>
        <v>0.31205035374209028</v>
      </c>
      <c r="M2498" s="57">
        <f>Bühler!M2524</f>
        <v>0</v>
      </c>
      <c r="N2498" s="55">
        <f>IF(Input!$K$13=1,J2498*Input!$J$13,0)+IF(Input!$K$14=1,K2498*Input!$J$14,0)+IF(Input!$K$15=1,L2498*Input!$J$15,0)+IF(Input!$K$16=1,M2498*Input!$J$16,0)</f>
        <v>1.7812808646441753</v>
      </c>
      <c r="O2498" s="58">
        <f>IF(Input!$K$13=2,J2498*Input!$J$13,0)+IF(Input!$K$14=2,K2498*Input!$J$14,0)+IF(Input!$K$15=2,L2498*Input!$J$15,0)+IF(Input!$K$16=2,M2498*Input!$J$16,0)</f>
        <v>8.4253595510364376E-2</v>
      </c>
      <c r="P2498" s="58">
        <f>IF(Input!$K$13=3,J2498*Input!$J$13,0)+IF(Input!$K$14=3,K2498*Input!$J$14,0)+IF(Input!$K$15=3,L2498*Input!$J$15,0)+IF(Input!$K$16=3,M2498*Input!$J$16,0)</f>
        <v>0</v>
      </c>
      <c r="Q2498" s="71">
        <f>IF(Input!$K$13=4,J2498*Input!$J$13,0)+IF(Input!$K$14=4,K2498*Input!$J$14,0)+IF(Input!$K$15=4,L2498*Input!$J$15,0)+IF(Input!$K$16=4,M2498*Input!$J$16,0)</f>
        <v>0</v>
      </c>
    </row>
    <row r="2499" spans="8:17" x14ac:dyDescent="0.25">
      <c r="H2499" s="43">
        <v>2492</v>
      </c>
      <c r="I2499" s="55">
        <f>Bühler!I2525</f>
        <v>3.3231155867147875</v>
      </c>
      <c r="J2499" s="58">
        <f>Bühler!J2525</f>
        <v>14.308580285379536</v>
      </c>
      <c r="K2499" s="58">
        <f>Bühler!K2525</f>
        <v>0.59438162617541013</v>
      </c>
      <c r="L2499" s="58">
        <f>Bühler!L2525</f>
        <v>0.29719081308770506</v>
      </c>
      <c r="M2499" s="57">
        <f>Bühler!M2525</f>
        <v>0</v>
      </c>
      <c r="N2499" s="55">
        <f>IF(Input!$K$13=1,J2499*Input!$J$13,0)+IF(Input!$K$14=1,K2499*Input!$J$14,0)+IF(Input!$K$15=1,L2499*Input!$J$15,0)+IF(Input!$K$16=1,M2499*Input!$J$16,0)</f>
        <v>1.7170296342455442</v>
      </c>
      <c r="O2499" s="58">
        <f>IF(Input!$K$13=2,J2499*Input!$J$13,0)+IF(Input!$K$14=2,K2499*Input!$J$14,0)+IF(Input!$K$15=2,L2499*Input!$J$15,0)+IF(Input!$K$16=2,M2499*Input!$J$16,0)</f>
        <v>8.0241519533680361E-2</v>
      </c>
      <c r="P2499" s="58">
        <f>IF(Input!$K$13=3,J2499*Input!$J$13,0)+IF(Input!$K$14=3,K2499*Input!$J$14,0)+IF(Input!$K$15=3,L2499*Input!$J$15,0)+IF(Input!$K$16=3,M2499*Input!$J$16,0)</f>
        <v>0</v>
      </c>
      <c r="Q2499" s="71">
        <f>IF(Input!$K$13=4,J2499*Input!$J$13,0)+IF(Input!$K$14=4,K2499*Input!$J$14,0)+IF(Input!$K$15=4,L2499*Input!$J$15,0)+IF(Input!$K$16=4,M2499*Input!$J$16,0)</f>
        <v>0</v>
      </c>
    </row>
    <row r="2500" spans="8:17" x14ac:dyDescent="0.25">
      <c r="H2500" s="43">
        <v>2493</v>
      </c>
      <c r="I2500" s="55">
        <f>Bühler!I2526</f>
        <v>3.3231155867147875</v>
      </c>
      <c r="J2500" s="58">
        <f>Bühler!J2526</f>
        <v>14.308580285379536</v>
      </c>
      <c r="K2500" s="58">
        <f>Bühler!K2526</f>
        <v>0.59438162617541013</v>
      </c>
      <c r="L2500" s="58">
        <f>Bühler!L2526</f>
        <v>0.29719081308770506</v>
      </c>
      <c r="M2500" s="57">
        <f>Bühler!M2526</f>
        <v>0</v>
      </c>
      <c r="N2500" s="55">
        <f>IF(Input!$K$13=1,J2500*Input!$J$13,0)+IF(Input!$K$14=1,K2500*Input!$J$14,0)+IF(Input!$K$15=1,L2500*Input!$J$15,0)+IF(Input!$K$16=1,M2500*Input!$J$16,0)</f>
        <v>1.7170296342455442</v>
      </c>
      <c r="O2500" s="58">
        <f>IF(Input!$K$13=2,J2500*Input!$J$13,0)+IF(Input!$K$14=2,K2500*Input!$J$14,0)+IF(Input!$K$15=2,L2500*Input!$J$15,0)+IF(Input!$K$16=2,M2500*Input!$J$16,0)</f>
        <v>8.0241519533680361E-2</v>
      </c>
      <c r="P2500" s="58">
        <f>IF(Input!$K$13=3,J2500*Input!$J$13,0)+IF(Input!$K$14=3,K2500*Input!$J$14,0)+IF(Input!$K$15=3,L2500*Input!$J$15,0)+IF(Input!$K$16=3,M2500*Input!$J$16,0)</f>
        <v>0</v>
      </c>
      <c r="Q2500" s="71">
        <f>IF(Input!$K$13=4,J2500*Input!$J$13,0)+IF(Input!$K$14=4,K2500*Input!$J$14,0)+IF(Input!$K$15=4,L2500*Input!$J$15,0)+IF(Input!$K$16=4,M2500*Input!$J$16,0)</f>
        <v>0</v>
      </c>
    </row>
    <row r="2501" spans="8:17" x14ac:dyDescent="0.25">
      <c r="H2501" s="43">
        <v>2494</v>
      </c>
      <c r="I2501" s="55">
        <f>Bühler!I2527</f>
        <v>3.3231155867147875</v>
      </c>
      <c r="J2501" s="58">
        <f>Bühler!J2527</f>
        <v>14.308580285379536</v>
      </c>
      <c r="K2501" s="58">
        <f>Bühler!K2527</f>
        <v>0.59438162617541013</v>
      </c>
      <c r="L2501" s="58">
        <f>Bühler!L2527</f>
        <v>0.29719081308770506</v>
      </c>
      <c r="M2501" s="57">
        <f>Bühler!M2527</f>
        <v>0</v>
      </c>
      <c r="N2501" s="55">
        <f>IF(Input!$K$13=1,J2501*Input!$J$13,0)+IF(Input!$K$14=1,K2501*Input!$J$14,0)+IF(Input!$K$15=1,L2501*Input!$J$15,0)+IF(Input!$K$16=1,M2501*Input!$J$16,0)</f>
        <v>1.7170296342455442</v>
      </c>
      <c r="O2501" s="58">
        <f>IF(Input!$K$13=2,J2501*Input!$J$13,0)+IF(Input!$K$14=2,K2501*Input!$J$14,0)+IF(Input!$K$15=2,L2501*Input!$J$15,0)+IF(Input!$K$16=2,M2501*Input!$J$16,0)</f>
        <v>8.0241519533680361E-2</v>
      </c>
      <c r="P2501" s="58">
        <f>IF(Input!$K$13=3,J2501*Input!$J$13,0)+IF(Input!$K$14=3,K2501*Input!$J$14,0)+IF(Input!$K$15=3,L2501*Input!$J$15,0)+IF(Input!$K$16=3,M2501*Input!$J$16,0)</f>
        <v>0</v>
      </c>
      <c r="Q2501" s="71">
        <f>IF(Input!$K$13=4,J2501*Input!$J$13,0)+IF(Input!$K$14=4,K2501*Input!$J$14,0)+IF(Input!$K$15=4,L2501*Input!$J$15,0)+IF(Input!$K$16=4,M2501*Input!$J$16,0)</f>
        <v>0</v>
      </c>
    </row>
    <row r="2502" spans="8:17" x14ac:dyDescent="0.25">
      <c r="H2502" s="43">
        <v>2495</v>
      </c>
      <c r="I2502" s="55">
        <f>Bühler!I2528</f>
        <v>3.3231155867147875</v>
      </c>
      <c r="J2502" s="58">
        <f>Bühler!J2528</f>
        <v>14.308580285379536</v>
      </c>
      <c r="K2502" s="58">
        <f>Bühler!K2528</f>
        <v>0.59438162617541013</v>
      </c>
      <c r="L2502" s="58">
        <f>Bühler!L2528</f>
        <v>0.29719081308770506</v>
      </c>
      <c r="M2502" s="57">
        <f>Bühler!M2528</f>
        <v>0</v>
      </c>
      <c r="N2502" s="55">
        <f>IF(Input!$K$13=1,J2502*Input!$J$13,0)+IF(Input!$K$14=1,K2502*Input!$J$14,0)+IF(Input!$K$15=1,L2502*Input!$J$15,0)+IF(Input!$K$16=1,M2502*Input!$J$16,0)</f>
        <v>1.7170296342455442</v>
      </c>
      <c r="O2502" s="58">
        <f>IF(Input!$K$13=2,J2502*Input!$J$13,0)+IF(Input!$K$14=2,K2502*Input!$J$14,0)+IF(Input!$K$15=2,L2502*Input!$J$15,0)+IF(Input!$K$16=2,M2502*Input!$J$16,0)</f>
        <v>8.0241519533680361E-2</v>
      </c>
      <c r="P2502" s="58">
        <f>IF(Input!$K$13=3,J2502*Input!$J$13,0)+IF(Input!$K$14=3,K2502*Input!$J$14,0)+IF(Input!$K$15=3,L2502*Input!$J$15,0)+IF(Input!$K$16=3,M2502*Input!$J$16,0)</f>
        <v>0</v>
      </c>
      <c r="Q2502" s="71">
        <f>IF(Input!$K$13=4,J2502*Input!$J$13,0)+IF(Input!$K$14=4,K2502*Input!$J$14,0)+IF(Input!$K$15=4,L2502*Input!$J$15,0)+IF(Input!$K$16=4,M2502*Input!$J$16,0)</f>
        <v>0</v>
      </c>
    </row>
    <row r="2503" spans="8:17" x14ac:dyDescent="0.25">
      <c r="H2503" s="43">
        <v>2496</v>
      </c>
      <c r="I2503" s="55">
        <f>Bühler!I2529</f>
        <v>3.3231155867147875</v>
      </c>
      <c r="J2503" s="58">
        <f>Bühler!J2529</f>
        <v>14.308580285379536</v>
      </c>
      <c r="K2503" s="58">
        <f>Bühler!K2529</f>
        <v>0.59438162617541013</v>
      </c>
      <c r="L2503" s="58">
        <f>Bühler!L2529</f>
        <v>0.29719081308770506</v>
      </c>
      <c r="M2503" s="57">
        <f>Bühler!M2529</f>
        <v>0</v>
      </c>
      <c r="N2503" s="55">
        <f>IF(Input!$K$13=1,J2503*Input!$J$13,0)+IF(Input!$K$14=1,K2503*Input!$J$14,0)+IF(Input!$K$15=1,L2503*Input!$J$15,0)+IF(Input!$K$16=1,M2503*Input!$J$16,0)</f>
        <v>1.7170296342455442</v>
      </c>
      <c r="O2503" s="58">
        <f>IF(Input!$K$13=2,J2503*Input!$J$13,0)+IF(Input!$K$14=2,K2503*Input!$J$14,0)+IF(Input!$K$15=2,L2503*Input!$J$15,0)+IF(Input!$K$16=2,M2503*Input!$J$16,0)</f>
        <v>8.0241519533680361E-2</v>
      </c>
      <c r="P2503" s="58">
        <f>IF(Input!$K$13=3,J2503*Input!$J$13,0)+IF(Input!$K$14=3,K2503*Input!$J$14,0)+IF(Input!$K$15=3,L2503*Input!$J$15,0)+IF(Input!$K$16=3,M2503*Input!$J$16,0)</f>
        <v>0</v>
      </c>
      <c r="Q2503" s="71">
        <f>IF(Input!$K$13=4,J2503*Input!$J$13,0)+IF(Input!$K$14=4,K2503*Input!$J$14,0)+IF(Input!$K$15=4,L2503*Input!$J$15,0)+IF(Input!$K$16=4,M2503*Input!$J$16,0)</f>
        <v>0</v>
      </c>
    </row>
    <row r="2504" spans="8:17" x14ac:dyDescent="0.25">
      <c r="H2504" s="43">
        <v>2497</v>
      </c>
      <c r="I2504" s="55">
        <f>Bühler!I2530</f>
        <v>1.6205101721848008</v>
      </c>
      <c r="J2504" s="58">
        <f>Bühler!J2530</f>
        <v>15.074468218464569</v>
      </c>
      <c r="K2504" s="58">
        <f>Bühler!K2530</f>
        <v>0.42017150401345749</v>
      </c>
      <c r="L2504" s="58">
        <f>Bühler!L2530</f>
        <v>0.21008575200672874</v>
      </c>
      <c r="M2504" s="57">
        <f>Bühler!M2530</f>
        <v>0</v>
      </c>
      <c r="N2504" s="55">
        <f>IF(Input!$K$13=1,J2504*Input!$J$13,0)+IF(Input!$K$14=1,K2504*Input!$J$14,0)+IF(Input!$K$15=1,L2504*Input!$J$15,0)+IF(Input!$K$16=1,M2504*Input!$J$16,0)</f>
        <v>1.8089361862157483</v>
      </c>
      <c r="O2504" s="58">
        <f>IF(Input!$K$13=2,J2504*Input!$J$13,0)+IF(Input!$K$14=2,K2504*Input!$J$14,0)+IF(Input!$K$15=2,L2504*Input!$J$15,0)+IF(Input!$K$16=2,M2504*Input!$J$16,0)</f>
        <v>5.6723153041816757E-2</v>
      </c>
      <c r="P2504" s="58">
        <f>IF(Input!$K$13=3,J2504*Input!$J$13,0)+IF(Input!$K$14=3,K2504*Input!$J$14,0)+IF(Input!$K$15=3,L2504*Input!$J$15,0)+IF(Input!$K$16=3,M2504*Input!$J$16,0)</f>
        <v>0</v>
      </c>
      <c r="Q2504" s="71">
        <f>IF(Input!$K$13=4,J2504*Input!$J$13,0)+IF(Input!$K$14=4,K2504*Input!$J$14,0)+IF(Input!$K$15=4,L2504*Input!$J$15,0)+IF(Input!$K$16=4,M2504*Input!$J$16,0)</f>
        <v>0</v>
      </c>
    </row>
    <row r="2505" spans="8:17" x14ac:dyDescent="0.25">
      <c r="H2505" s="43">
        <v>2498</v>
      </c>
      <c r="I2505" s="55">
        <f>Bühler!I2531</f>
        <v>3.1638531933131828</v>
      </c>
      <c r="J2505" s="58">
        <f>Bühler!J2531</f>
        <v>14.246019542060282</v>
      </c>
      <c r="K2505" s="58">
        <f>Bühler!K2531</f>
        <v>0.37815435361211175</v>
      </c>
      <c r="L2505" s="58">
        <f>Bühler!L2531</f>
        <v>0.18907717680605587</v>
      </c>
      <c r="M2505" s="57">
        <f>Bühler!M2531</f>
        <v>0</v>
      </c>
      <c r="N2505" s="55">
        <f>IF(Input!$K$13=1,J2505*Input!$J$13,0)+IF(Input!$K$14=1,K2505*Input!$J$14,0)+IF(Input!$K$15=1,L2505*Input!$J$15,0)+IF(Input!$K$16=1,M2505*Input!$J$16,0)</f>
        <v>1.7095223450472337</v>
      </c>
      <c r="O2505" s="58">
        <f>IF(Input!$K$13=2,J2505*Input!$J$13,0)+IF(Input!$K$14=2,K2505*Input!$J$14,0)+IF(Input!$K$15=2,L2505*Input!$J$15,0)+IF(Input!$K$16=2,M2505*Input!$J$16,0)</f>
        <v>5.105083773763508E-2</v>
      </c>
      <c r="P2505" s="58">
        <f>IF(Input!$K$13=3,J2505*Input!$J$13,0)+IF(Input!$K$14=3,K2505*Input!$J$14,0)+IF(Input!$K$15=3,L2505*Input!$J$15,0)+IF(Input!$K$16=3,M2505*Input!$J$16,0)</f>
        <v>0</v>
      </c>
      <c r="Q2505" s="71">
        <f>IF(Input!$K$13=4,J2505*Input!$J$13,0)+IF(Input!$K$14=4,K2505*Input!$J$14,0)+IF(Input!$K$15=4,L2505*Input!$J$15,0)+IF(Input!$K$16=4,M2505*Input!$J$16,0)</f>
        <v>0</v>
      </c>
    </row>
    <row r="2506" spans="8:17" x14ac:dyDescent="0.25">
      <c r="H2506" s="43">
        <v>2499</v>
      </c>
      <c r="I2506" s="55">
        <f>Bühler!I2532</f>
        <v>3.1638531933131828</v>
      </c>
      <c r="J2506" s="58">
        <f>Bühler!J2532</f>
        <v>14.246019542060282</v>
      </c>
      <c r="K2506" s="58">
        <f>Bühler!K2532</f>
        <v>0.37815435361211175</v>
      </c>
      <c r="L2506" s="58">
        <f>Bühler!L2532</f>
        <v>0.18907717680605587</v>
      </c>
      <c r="M2506" s="57">
        <f>Bühler!M2532</f>
        <v>0</v>
      </c>
      <c r="N2506" s="55">
        <f>IF(Input!$K$13=1,J2506*Input!$J$13,0)+IF(Input!$K$14=1,K2506*Input!$J$14,0)+IF(Input!$K$15=1,L2506*Input!$J$15,0)+IF(Input!$K$16=1,M2506*Input!$J$16,0)</f>
        <v>1.7095223450472337</v>
      </c>
      <c r="O2506" s="58">
        <f>IF(Input!$K$13=2,J2506*Input!$J$13,0)+IF(Input!$K$14=2,K2506*Input!$J$14,0)+IF(Input!$K$15=2,L2506*Input!$J$15,0)+IF(Input!$K$16=2,M2506*Input!$J$16,0)</f>
        <v>5.105083773763508E-2</v>
      </c>
      <c r="P2506" s="58">
        <f>IF(Input!$K$13=3,J2506*Input!$J$13,0)+IF(Input!$K$14=3,K2506*Input!$J$14,0)+IF(Input!$K$15=3,L2506*Input!$J$15,0)+IF(Input!$K$16=3,M2506*Input!$J$16,0)</f>
        <v>0</v>
      </c>
      <c r="Q2506" s="71">
        <f>IF(Input!$K$13=4,J2506*Input!$J$13,0)+IF(Input!$K$14=4,K2506*Input!$J$14,0)+IF(Input!$K$15=4,L2506*Input!$J$15,0)+IF(Input!$K$16=4,M2506*Input!$J$16,0)</f>
        <v>0</v>
      </c>
    </row>
    <row r="2507" spans="8:17" x14ac:dyDescent="0.25">
      <c r="H2507" s="43">
        <v>2500</v>
      </c>
      <c r="I2507" s="55">
        <f>Bühler!I2533</f>
        <v>3.1638531933131828</v>
      </c>
      <c r="J2507" s="58">
        <f>Bühler!J2533</f>
        <v>14.246019542060282</v>
      </c>
      <c r="K2507" s="58">
        <f>Bühler!K2533</f>
        <v>0.37815435361211175</v>
      </c>
      <c r="L2507" s="58">
        <f>Bühler!L2533</f>
        <v>0.18907717680605587</v>
      </c>
      <c r="M2507" s="57">
        <f>Bühler!M2533</f>
        <v>0</v>
      </c>
      <c r="N2507" s="55">
        <f>IF(Input!$K$13=1,J2507*Input!$J$13,0)+IF(Input!$K$14=1,K2507*Input!$J$14,0)+IF(Input!$K$15=1,L2507*Input!$J$15,0)+IF(Input!$K$16=1,M2507*Input!$J$16,0)</f>
        <v>1.7095223450472337</v>
      </c>
      <c r="O2507" s="58">
        <f>IF(Input!$K$13=2,J2507*Input!$J$13,0)+IF(Input!$K$14=2,K2507*Input!$J$14,0)+IF(Input!$K$15=2,L2507*Input!$J$15,0)+IF(Input!$K$16=2,M2507*Input!$J$16,0)</f>
        <v>5.105083773763508E-2</v>
      </c>
      <c r="P2507" s="58">
        <f>IF(Input!$K$13=3,J2507*Input!$J$13,0)+IF(Input!$K$14=3,K2507*Input!$J$14,0)+IF(Input!$K$15=3,L2507*Input!$J$15,0)+IF(Input!$K$16=3,M2507*Input!$J$16,0)</f>
        <v>0</v>
      </c>
      <c r="Q2507" s="71">
        <f>IF(Input!$K$13=4,J2507*Input!$J$13,0)+IF(Input!$K$14=4,K2507*Input!$J$14,0)+IF(Input!$K$15=4,L2507*Input!$J$15,0)+IF(Input!$K$16=4,M2507*Input!$J$16,0)</f>
        <v>0</v>
      </c>
    </row>
    <row r="2508" spans="8:17" x14ac:dyDescent="0.25">
      <c r="H2508" s="43">
        <v>2501</v>
      </c>
      <c r="I2508" s="55">
        <f>Bühler!I2534</f>
        <v>3.1638531933131828</v>
      </c>
      <c r="J2508" s="58">
        <f>Bühler!J2534</f>
        <v>14.246019542060282</v>
      </c>
      <c r="K2508" s="58">
        <f>Bühler!K2534</f>
        <v>0.37815435361211175</v>
      </c>
      <c r="L2508" s="58">
        <f>Bühler!L2534</f>
        <v>0.18907717680605587</v>
      </c>
      <c r="M2508" s="57">
        <f>Bühler!M2534</f>
        <v>0</v>
      </c>
      <c r="N2508" s="55">
        <f>IF(Input!$K$13=1,J2508*Input!$J$13,0)+IF(Input!$K$14=1,K2508*Input!$J$14,0)+IF(Input!$K$15=1,L2508*Input!$J$15,0)+IF(Input!$K$16=1,M2508*Input!$J$16,0)</f>
        <v>1.7095223450472337</v>
      </c>
      <c r="O2508" s="58">
        <f>IF(Input!$K$13=2,J2508*Input!$J$13,0)+IF(Input!$K$14=2,K2508*Input!$J$14,0)+IF(Input!$K$15=2,L2508*Input!$J$15,0)+IF(Input!$K$16=2,M2508*Input!$J$16,0)</f>
        <v>5.105083773763508E-2</v>
      </c>
      <c r="P2508" s="58">
        <f>IF(Input!$K$13=3,J2508*Input!$J$13,0)+IF(Input!$K$14=3,K2508*Input!$J$14,0)+IF(Input!$K$15=3,L2508*Input!$J$15,0)+IF(Input!$K$16=3,M2508*Input!$J$16,0)</f>
        <v>0</v>
      </c>
      <c r="Q2508" s="71">
        <f>IF(Input!$K$13=4,J2508*Input!$J$13,0)+IF(Input!$K$14=4,K2508*Input!$J$14,0)+IF(Input!$K$15=4,L2508*Input!$J$15,0)+IF(Input!$K$16=4,M2508*Input!$J$16,0)</f>
        <v>0</v>
      </c>
    </row>
    <row r="2509" spans="8:17" x14ac:dyDescent="0.25">
      <c r="H2509" s="43">
        <v>2502</v>
      </c>
      <c r="I2509" s="55">
        <f>Bühler!I2535</f>
        <v>3.9355247038773733</v>
      </c>
      <c r="J2509" s="58">
        <f>Bühler!J2535</f>
        <v>14.278172521667123</v>
      </c>
      <c r="K2509" s="58">
        <f>Bühler!K2535</f>
        <v>0.37815435361211175</v>
      </c>
      <c r="L2509" s="58">
        <f>Bühler!L2535</f>
        <v>0.18907717680605587</v>
      </c>
      <c r="M2509" s="57">
        <f>Bühler!M2535</f>
        <v>0</v>
      </c>
      <c r="N2509" s="55">
        <f>IF(Input!$K$13=1,J2509*Input!$J$13,0)+IF(Input!$K$14=1,K2509*Input!$J$14,0)+IF(Input!$K$15=1,L2509*Input!$J$15,0)+IF(Input!$K$16=1,M2509*Input!$J$16,0)</f>
        <v>1.7133807026000547</v>
      </c>
      <c r="O2509" s="58">
        <f>IF(Input!$K$13=2,J2509*Input!$J$13,0)+IF(Input!$K$14=2,K2509*Input!$J$14,0)+IF(Input!$K$15=2,L2509*Input!$J$15,0)+IF(Input!$K$16=2,M2509*Input!$J$16,0)</f>
        <v>5.105083773763508E-2</v>
      </c>
      <c r="P2509" s="58">
        <f>IF(Input!$K$13=3,J2509*Input!$J$13,0)+IF(Input!$K$14=3,K2509*Input!$J$14,0)+IF(Input!$K$15=3,L2509*Input!$J$15,0)+IF(Input!$K$16=3,M2509*Input!$J$16,0)</f>
        <v>0</v>
      </c>
      <c r="Q2509" s="71">
        <f>IF(Input!$K$13=4,J2509*Input!$J$13,0)+IF(Input!$K$14=4,K2509*Input!$J$14,0)+IF(Input!$K$15=4,L2509*Input!$J$15,0)+IF(Input!$K$16=4,M2509*Input!$J$16,0)</f>
        <v>0</v>
      </c>
    </row>
    <row r="2510" spans="8:17" x14ac:dyDescent="0.25">
      <c r="H2510" s="43">
        <v>2503</v>
      </c>
      <c r="I2510" s="55">
        <f>Bühler!I2536</f>
        <v>4.9386976676108221</v>
      </c>
      <c r="J2510" s="58">
        <f>Bühler!J2536</f>
        <v>14.319971395156017</v>
      </c>
      <c r="K2510" s="58">
        <f>Bühler!K2536</f>
        <v>0.37815435361211175</v>
      </c>
      <c r="L2510" s="58">
        <f>Bühler!L2536</f>
        <v>0.18907717680605587</v>
      </c>
      <c r="M2510" s="57">
        <f>Bühler!M2536</f>
        <v>0</v>
      </c>
      <c r="N2510" s="55">
        <f>IF(Input!$K$13=1,J2510*Input!$J$13,0)+IF(Input!$K$14=1,K2510*Input!$J$14,0)+IF(Input!$K$15=1,L2510*Input!$J$15,0)+IF(Input!$K$16=1,M2510*Input!$J$16,0)</f>
        <v>1.718396567418722</v>
      </c>
      <c r="O2510" s="58">
        <f>IF(Input!$K$13=2,J2510*Input!$J$13,0)+IF(Input!$K$14=2,K2510*Input!$J$14,0)+IF(Input!$K$15=2,L2510*Input!$J$15,0)+IF(Input!$K$16=2,M2510*Input!$J$16,0)</f>
        <v>5.105083773763508E-2</v>
      </c>
      <c r="P2510" s="58">
        <f>IF(Input!$K$13=3,J2510*Input!$J$13,0)+IF(Input!$K$14=3,K2510*Input!$J$14,0)+IF(Input!$K$15=3,L2510*Input!$J$15,0)+IF(Input!$K$16=3,M2510*Input!$J$16,0)</f>
        <v>0</v>
      </c>
      <c r="Q2510" s="71">
        <f>IF(Input!$K$13=4,J2510*Input!$J$13,0)+IF(Input!$K$14=4,K2510*Input!$J$14,0)+IF(Input!$K$15=4,L2510*Input!$J$15,0)+IF(Input!$K$16=4,M2510*Input!$J$16,0)</f>
        <v>0</v>
      </c>
    </row>
    <row r="2511" spans="8:17" x14ac:dyDescent="0.25">
      <c r="H2511" s="43">
        <v>2504</v>
      </c>
      <c r="I2511" s="55">
        <f>Bühler!I2537</f>
        <v>5.6332020271185925</v>
      </c>
      <c r="J2511" s="58">
        <f>Bühler!J2537</f>
        <v>14.348909076802173</v>
      </c>
      <c r="K2511" s="58">
        <f>Bühler!K2537</f>
        <v>0.37815435361211175</v>
      </c>
      <c r="L2511" s="58">
        <f>Bühler!L2537</f>
        <v>0.18907717680605587</v>
      </c>
      <c r="M2511" s="57">
        <f>Bühler!M2537</f>
        <v>0</v>
      </c>
      <c r="N2511" s="55">
        <f>IF(Input!$K$13=1,J2511*Input!$J$13,0)+IF(Input!$K$14=1,K2511*Input!$J$14,0)+IF(Input!$K$15=1,L2511*Input!$J$15,0)+IF(Input!$K$16=1,M2511*Input!$J$16,0)</f>
        <v>1.7218690892162607</v>
      </c>
      <c r="O2511" s="58">
        <f>IF(Input!$K$13=2,J2511*Input!$J$13,0)+IF(Input!$K$14=2,K2511*Input!$J$14,0)+IF(Input!$K$15=2,L2511*Input!$J$15,0)+IF(Input!$K$16=2,M2511*Input!$J$16,0)</f>
        <v>5.105083773763508E-2</v>
      </c>
      <c r="P2511" s="58">
        <f>IF(Input!$K$13=3,J2511*Input!$J$13,0)+IF(Input!$K$14=3,K2511*Input!$J$14,0)+IF(Input!$K$15=3,L2511*Input!$J$15,0)+IF(Input!$K$16=3,M2511*Input!$J$16,0)</f>
        <v>0</v>
      </c>
      <c r="Q2511" s="71">
        <f>IF(Input!$K$13=4,J2511*Input!$J$13,0)+IF(Input!$K$14=4,K2511*Input!$J$14,0)+IF(Input!$K$15=4,L2511*Input!$J$15,0)+IF(Input!$K$16=4,M2511*Input!$J$16,0)</f>
        <v>0</v>
      </c>
    </row>
    <row r="2512" spans="8:17" x14ac:dyDescent="0.25">
      <c r="H2512" s="43">
        <v>2505</v>
      </c>
      <c r="I2512" s="55">
        <f>Bühler!I2538</f>
        <v>5.6332020271185925</v>
      </c>
      <c r="J2512" s="58">
        <f>Bühler!J2538</f>
        <v>14.348909076802173</v>
      </c>
      <c r="K2512" s="58">
        <f>Bühler!K2538</f>
        <v>0.37815435361211175</v>
      </c>
      <c r="L2512" s="58">
        <f>Bühler!L2538</f>
        <v>0.18907717680605587</v>
      </c>
      <c r="M2512" s="57">
        <f>Bühler!M2538</f>
        <v>0</v>
      </c>
      <c r="N2512" s="55">
        <f>IF(Input!$K$13=1,J2512*Input!$J$13,0)+IF(Input!$K$14=1,K2512*Input!$J$14,0)+IF(Input!$K$15=1,L2512*Input!$J$15,0)+IF(Input!$K$16=1,M2512*Input!$J$16,0)</f>
        <v>1.7218690892162607</v>
      </c>
      <c r="O2512" s="58">
        <f>IF(Input!$K$13=2,J2512*Input!$J$13,0)+IF(Input!$K$14=2,K2512*Input!$J$14,0)+IF(Input!$K$15=2,L2512*Input!$J$15,0)+IF(Input!$K$16=2,M2512*Input!$J$16,0)</f>
        <v>5.105083773763508E-2</v>
      </c>
      <c r="P2512" s="58">
        <f>IF(Input!$K$13=3,J2512*Input!$J$13,0)+IF(Input!$K$14=3,K2512*Input!$J$14,0)+IF(Input!$K$15=3,L2512*Input!$J$15,0)+IF(Input!$K$16=3,M2512*Input!$J$16,0)</f>
        <v>0</v>
      </c>
      <c r="Q2512" s="71">
        <f>IF(Input!$K$13=4,J2512*Input!$J$13,0)+IF(Input!$K$14=4,K2512*Input!$J$14,0)+IF(Input!$K$15=4,L2512*Input!$J$15,0)+IF(Input!$K$16=4,M2512*Input!$J$16,0)</f>
        <v>0</v>
      </c>
    </row>
    <row r="2513" spans="8:17" x14ac:dyDescent="0.25">
      <c r="H2513" s="43">
        <v>2506</v>
      </c>
      <c r="I2513" s="55">
        <f>Bühler!I2539</f>
        <v>5.6332020271185925</v>
      </c>
      <c r="J2513" s="58">
        <f>Bühler!J2539</f>
        <v>14.348909076802173</v>
      </c>
      <c r="K2513" s="58">
        <f>Bühler!K2539</f>
        <v>0.37815435361211175</v>
      </c>
      <c r="L2513" s="58">
        <f>Bühler!L2539</f>
        <v>0.18907717680605587</v>
      </c>
      <c r="M2513" s="57">
        <f>Bühler!M2539</f>
        <v>0</v>
      </c>
      <c r="N2513" s="55">
        <f>IF(Input!$K$13=1,J2513*Input!$J$13,0)+IF(Input!$K$14=1,K2513*Input!$J$14,0)+IF(Input!$K$15=1,L2513*Input!$J$15,0)+IF(Input!$K$16=1,M2513*Input!$J$16,0)</f>
        <v>1.7218690892162607</v>
      </c>
      <c r="O2513" s="58">
        <f>IF(Input!$K$13=2,J2513*Input!$J$13,0)+IF(Input!$K$14=2,K2513*Input!$J$14,0)+IF(Input!$K$15=2,L2513*Input!$J$15,0)+IF(Input!$K$16=2,M2513*Input!$J$16,0)</f>
        <v>5.105083773763508E-2</v>
      </c>
      <c r="P2513" s="58">
        <f>IF(Input!$K$13=3,J2513*Input!$J$13,0)+IF(Input!$K$14=3,K2513*Input!$J$14,0)+IF(Input!$K$15=3,L2513*Input!$J$15,0)+IF(Input!$K$16=3,M2513*Input!$J$16,0)</f>
        <v>0</v>
      </c>
      <c r="Q2513" s="71">
        <f>IF(Input!$K$13=4,J2513*Input!$J$13,0)+IF(Input!$K$14=4,K2513*Input!$J$14,0)+IF(Input!$K$15=4,L2513*Input!$J$15,0)+IF(Input!$K$16=4,M2513*Input!$J$16,0)</f>
        <v>0</v>
      </c>
    </row>
    <row r="2514" spans="8:17" x14ac:dyDescent="0.25">
      <c r="H2514" s="43">
        <v>2507</v>
      </c>
      <c r="I2514" s="55">
        <f>Bühler!I2540</f>
        <v>5.6332020271185925</v>
      </c>
      <c r="J2514" s="58">
        <f>Bühler!J2540</f>
        <v>14.348909076802173</v>
      </c>
      <c r="K2514" s="58">
        <f>Bühler!K2540</f>
        <v>0.37815435361211175</v>
      </c>
      <c r="L2514" s="58">
        <f>Bühler!L2540</f>
        <v>0.18907717680605587</v>
      </c>
      <c r="M2514" s="57">
        <f>Bühler!M2540</f>
        <v>0</v>
      </c>
      <c r="N2514" s="55">
        <f>IF(Input!$K$13=1,J2514*Input!$J$13,0)+IF(Input!$K$14=1,K2514*Input!$J$14,0)+IF(Input!$K$15=1,L2514*Input!$J$15,0)+IF(Input!$K$16=1,M2514*Input!$J$16,0)</f>
        <v>1.7218690892162607</v>
      </c>
      <c r="O2514" s="58">
        <f>IF(Input!$K$13=2,J2514*Input!$J$13,0)+IF(Input!$K$14=2,K2514*Input!$J$14,0)+IF(Input!$K$15=2,L2514*Input!$J$15,0)+IF(Input!$K$16=2,M2514*Input!$J$16,0)</f>
        <v>5.105083773763508E-2</v>
      </c>
      <c r="P2514" s="58">
        <f>IF(Input!$K$13=3,J2514*Input!$J$13,0)+IF(Input!$K$14=3,K2514*Input!$J$14,0)+IF(Input!$K$15=3,L2514*Input!$J$15,0)+IF(Input!$K$16=3,M2514*Input!$J$16,0)</f>
        <v>0</v>
      </c>
      <c r="Q2514" s="71">
        <f>IF(Input!$K$13=4,J2514*Input!$J$13,0)+IF(Input!$K$14=4,K2514*Input!$J$14,0)+IF(Input!$K$15=4,L2514*Input!$J$15,0)+IF(Input!$K$16=4,M2514*Input!$J$16,0)</f>
        <v>0</v>
      </c>
    </row>
    <row r="2515" spans="8:17" x14ac:dyDescent="0.25">
      <c r="H2515" s="43">
        <v>2508</v>
      </c>
      <c r="I2515" s="55">
        <f>Bühler!I2541</f>
        <v>5.6332020271185925</v>
      </c>
      <c r="J2515" s="58">
        <f>Bühler!J2541</f>
        <v>14.348909076802173</v>
      </c>
      <c r="K2515" s="58">
        <f>Bühler!K2541</f>
        <v>0.37815435361211175</v>
      </c>
      <c r="L2515" s="58">
        <f>Bühler!L2541</f>
        <v>0.18907717680605587</v>
      </c>
      <c r="M2515" s="57">
        <f>Bühler!M2541</f>
        <v>0</v>
      </c>
      <c r="N2515" s="55">
        <f>IF(Input!$K$13=1,J2515*Input!$J$13,0)+IF(Input!$K$14=1,K2515*Input!$J$14,0)+IF(Input!$K$15=1,L2515*Input!$J$15,0)+IF(Input!$K$16=1,M2515*Input!$J$16,0)</f>
        <v>1.7218690892162607</v>
      </c>
      <c r="O2515" s="58">
        <f>IF(Input!$K$13=2,J2515*Input!$J$13,0)+IF(Input!$K$14=2,K2515*Input!$J$14,0)+IF(Input!$K$15=2,L2515*Input!$J$15,0)+IF(Input!$K$16=2,M2515*Input!$J$16,0)</f>
        <v>5.105083773763508E-2</v>
      </c>
      <c r="P2515" s="58">
        <f>IF(Input!$K$13=3,J2515*Input!$J$13,0)+IF(Input!$K$14=3,K2515*Input!$J$14,0)+IF(Input!$K$15=3,L2515*Input!$J$15,0)+IF(Input!$K$16=3,M2515*Input!$J$16,0)</f>
        <v>0</v>
      </c>
      <c r="Q2515" s="71">
        <f>IF(Input!$K$13=4,J2515*Input!$J$13,0)+IF(Input!$K$14=4,K2515*Input!$J$14,0)+IF(Input!$K$15=4,L2515*Input!$J$15,0)+IF(Input!$K$16=4,M2515*Input!$J$16,0)</f>
        <v>0</v>
      </c>
    </row>
    <row r="2516" spans="8:17" x14ac:dyDescent="0.25">
      <c r="H2516" s="43">
        <v>2509</v>
      </c>
      <c r="I2516" s="55">
        <f>Bühler!I2542</f>
        <v>5.6332020271185925</v>
      </c>
      <c r="J2516" s="58">
        <f>Bühler!J2542</f>
        <v>14.348909076802173</v>
      </c>
      <c r="K2516" s="58">
        <f>Bühler!K2542</f>
        <v>0.37815435361211175</v>
      </c>
      <c r="L2516" s="58">
        <f>Bühler!L2542</f>
        <v>0.18907717680605587</v>
      </c>
      <c r="M2516" s="57">
        <f>Bühler!M2542</f>
        <v>0</v>
      </c>
      <c r="N2516" s="55">
        <f>IF(Input!$K$13=1,J2516*Input!$J$13,0)+IF(Input!$K$14=1,K2516*Input!$J$14,0)+IF(Input!$K$15=1,L2516*Input!$J$15,0)+IF(Input!$K$16=1,M2516*Input!$J$16,0)</f>
        <v>1.7218690892162607</v>
      </c>
      <c r="O2516" s="58">
        <f>IF(Input!$K$13=2,J2516*Input!$J$13,0)+IF(Input!$K$14=2,K2516*Input!$J$14,0)+IF(Input!$K$15=2,L2516*Input!$J$15,0)+IF(Input!$K$16=2,M2516*Input!$J$16,0)</f>
        <v>5.105083773763508E-2</v>
      </c>
      <c r="P2516" s="58">
        <f>IF(Input!$K$13=3,J2516*Input!$J$13,0)+IF(Input!$K$14=3,K2516*Input!$J$14,0)+IF(Input!$K$15=3,L2516*Input!$J$15,0)+IF(Input!$K$16=3,M2516*Input!$J$16,0)</f>
        <v>0</v>
      </c>
      <c r="Q2516" s="71">
        <f>IF(Input!$K$13=4,J2516*Input!$J$13,0)+IF(Input!$K$14=4,K2516*Input!$J$14,0)+IF(Input!$K$15=4,L2516*Input!$J$15,0)+IF(Input!$K$16=4,M2516*Input!$J$16,0)</f>
        <v>0</v>
      </c>
    </row>
    <row r="2517" spans="8:17" x14ac:dyDescent="0.25">
      <c r="H2517" s="43">
        <v>2510</v>
      </c>
      <c r="I2517" s="55">
        <f>Bühler!I2543</f>
        <v>5.6332020271185925</v>
      </c>
      <c r="J2517" s="58">
        <f>Bühler!J2543</f>
        <v>14.348909076802173</v>
      </c>
      <c r="K2517" s="58">
        <f>Bühler!K2543</f>
        <v>0.37815435361211175</v>
      </c>
      <c r="L2517" s="58">
        <f>Bühler!L2543</f>
        <v>0.18907717680605587</v>
      </c>
      <c r="M2517" s="57">
        <f>Bühler!M2543</f>
        <v>0</v>
      </c>
      <c r="N2517" s="55">
        <f>IF(Input!$K$13=1,J2517*Input!$J$13,0)+IF(Input!$K$14=1,K2517*Input!$J$14,0)+IF(Input!$K$15=1,L2517*Input!$J$15,0)+IF(Input!$K$16=1,M2517*Input!$J$16,0)</f>
        <v>1.7218690892162607</v>
      </c>
      <c r="O2517" s="58">
        <f>IF(Input!$K$13=2,J2517*Input!$J$13,0)+IF(Input!$K$14=2,K2517*Input!$J$14,0)+IF(Input!$K$15=2,L2517*Input!$J$15,0)+IF(Input!$K$16=2,M2517*Input!$J$16,0)</f>
        <v>5.105083773763508E-2</v>
      </c>
      <c r="P2517" s="58">
        <f>IF(Input!$K$13=3,J2517*Input!$J$13,0)+IF(Input!$K$14=3,K2517*Input!$J$14,0)+IF(Input!$K$15=3,L2517*Input!$J$15,0)+IF(Input!$K$16=3,M2517*Input!$J$16,0)</f>
        <v>0</v>
      </c>
      <c r="Q2517" s="71">
        <f>IF(Input!$K$13=4,J2517*Input!$J$13,0)+IF(Input!$K$14=4,K2517*Input!$J$14,0)+IF(Input!$K$15=4,L2517*Input!$J$15,0)+IF(Input!$K$16=4,M2517*Input!$J$16,0)</f>
        <v>0</v>
      </c>
    </row>
    <row r="2518" spans="8:17" x14ac:dyDescent="0.25">
      <c r="H2518" s="43">
        <v>2511</v>
      </c>
      <c r="I2518" s="55">
        <f>Bühler!I2544</f>
        <v>5.6332020271185925</v>
      </c>
      <c r="J2518" s="58">
        <f>Bühler!J2544</f>
        <v>14.348909076802173</v>
      </c>
      <c r="K2518" s="58">
        <f>Bühler!K2544</f>
        <v>0.37815435361211175</v>
      </c>
      <c r="L2518" s="58">
        <f>Bühler!L2544</f>
        <v>0.18907717680605587</v>
      </c>
      <c r="M2518" s="57">
        <f>Bühler!M2544</f>
        <v>0</v>
      </c>
      <c r="N2518" s="55">
        <f>IF(Input!$K$13=1,J2518*Input!$J$13,0)+IF(Input!$K$14=1,K2518*Input!$J$14,0)+IF(Input!$K$15=1,L2518*Input!$J$15,0)+IF(Input!$K$16=1,M2518*Input!$J$16,0)</f>
        <v>1.7218690892162607</v>
      </c>
      <c r="O2518" s="58">
        <f>IF(Input!$K$13=2,J2518*Input!$J$13,0)+IF(Input!$K$14=2,K2518*Input!$J$14,0)+IF(Input!$K$15=2,L2518*Input!$J$15,0)+IF(Input!$K$16=2,M2518*Input!$J$16,0)</f>
        <v>5.105083773763508E-2</v>
      </c>
      <c r="P2518" s="58">
        <f>IF(Input!$K$13=3,J2518*Input!$J$13,0)+IF(Input!$K$14=3,K2518*Input!$J$14,0)+IF(Input!$K$15=3,L2518*Input!$J$15,0)+IF(Input!$K$16=3,M2518*Input!$J$16,0)</f>
        <v>0</v>
      </c>
      <c r="Q2518" s="71">
        <f>IF(Input!$K$13=4,J2518*Input!$J$13,0)+IF(Input!$K$14=4,K2518*Input!$J$14,0)+IF(Input!$K$15=4,L2518*Input!$J$15,0)+IF(Input!$K$16=4,M2518*Input!$J$16,0)</f>
        <v>0</v>
      </c>
    </row>
    <row r="2519" spans="8:17" x14ac:dyDescent="0.25">
      <c r="H2519" s="43">
        <v>2512</v>
      </c>
      <c r="I2519" s="55">
        <f>Bühler!I2545</f>
        <v>5.0930319697236595</v>
      </c>
      <c r="J2519" s="58">
        <f>Bühler!J2545</f>
        <v>14.326401991077384</v>
      </c>
      <c r="K2519" s="58">
        <f>Bühler!K2545</f>
        <v>0.37815435361211175</v>
      </c>
      <c r="L2519" s="58">
        <f>Bühler!L2545</f>
        <v>0.18907717680605587</v>
      </c>
      <c r="M2519" s="57">
        <f>Bühler!M2545</f>
        <v>0</v>
      </c>
      <c r="N2519" s="55">
        <f>IF(Input!$K$13=1,J2519*Input!$J$13,0)+IF(Input!$K$14=1,K2519*Input!$J$14,0)+IF(Input!$K$15=1,L2519*Input!$J$15,0)+IF(Input!$K$16=1,M2519*Input!$J$16,0)</f>
        <v>1.7191682389292862</v>
      </c>
      <c r="O2519" s="58">
        <f>IF(Input!$K$13=2,J2519*Input!$J$13,0)+IF(Input!$K$14=2,K2519*Input!$J$14,0)+IF(Input!$K$15=2,L2519*Input!$J$15,0)+IF(Input!$K$16=2,M2519*Input!$J$16,0)</f>
        <v>5.105083773763508E-2</v>
      </c>
      <c r="P2519" s="58">
        <f>IF(Input!$K$13=3,J2519*Input!$J$13,0)+IF(Input!$K$14=3,K2519*Input!$J$14,0)+IF(Input!$K$15=3,L2519*Input!$J$15,0)+IF(Input!$K$16=3,M2519*Input!$J$16,0)</f>
        <v>0</v>
      </c>
      <c r="Q2519" s="71">
        <f>IF(Input!$K$13=4,J2519*Input!$J$13,0)+IF(Input!$K$14=4,K2519*Input!$J$14,0)+IF(Input!$K$15=4,L2519*Input!$J$15,0)+IF(Input!$K$16=4,M2519*Input!$J$16,0)</f>
        <v>0</v>
      </c>
    </row>
    <row r="2520" spans="8:17" x14ac:dyDescent="0.25">
      <c r="H2520" s="43">
        <v>2513</v>
      </c>
      <c r="I2520" s="55">
        <f>Bühler!I2546</f>
        <v>4.6300290633851455</v>
      </c>
      <c r="J2520" s="58">
        <f>Bühler!J2546</f>
        <v>14.307110203313281</v>
      </c>
      <c r="K2520" s="58">
        <f>Bühler!K2546</f>
        <v>0.37815435361211175</v>
      </c>
      <c r="L2520" s="58">
        <f>Bühler!L2546</f>
        <v>0.18907717680605587</v>
      </c>
      <c r="M2520" s="57">
        <f>Bühler!M2546</f>
        <v>0</v>
      </c>
      <c r="N2520" s="55">
        <f>IF(Input!$K$13=1,J2520*Input!$J$13,0)+IF(Input!$K$14=1,K2520*Input!$J$14,0)+IF(Input!$K$15=1,L2520*Input!$J$15,0)+IF(Input!$K$16=1,M2520*Input!$J$16,0)</f>
        <v>1.7168532243975936</v>
      </c>
      <c r="O2520" s="58">
        <f>IF(Input!$K$13=2,J2520*Input!$J$13,0)+IF(Input!$K$14=2,K2520*Input!$J$14,0)+IF(Input!$K$15=2,L2520*Input!$J$15,0)+IF(Input!$K$16=2,M2520*Input!$J$16,0)</f>
        <v>5.105083773763508E-2</v>
      </c>
      <c r="P2520" s="58">
        <f>IF(Input!$K$13=3,J2520*Input!$J$13,0)+IF(Input!$K$14=3,K2520*Input!$J$14,0)+IF(Input!$K$15=3,L2520*Input!$J$15,0)+IF(Input!$K$16=3,M2520*Input!$J$16,0)</f>
        <v>0</v>
      </c>
      <c r="Q2520" s="71">
        <f>IF(Input!$K$13=4,J2520*Input!$J$13,0)+IF(Input!$K$14=4,K2520*Input!$J$14,0)+IF(Input!$K$15=4,L2520*Input!$J$15,0)+IF(Input!$K$16=4,M2520*Input!$J$16,0)</f>
        <v>0</v>
      </c>
    </row>
    <row r="2521" spans="8:17" x14ac:dyDescent="0.25">
      <c r="H2521" s="43">
        <v>2514</v>
      </c>
      <c r="I2521" s="55">
        <f>Bühler!I2547</f>
        <v>4.1670261570466307</v>
      </c>
      <c r="J2521" s="58">
        <f>Bühler!J2547</f>
        <v>14.287818415549175</v>
      </c>
      <c r="K2521" s="58">
        <f>Bühler!K2547</f>
        <v>0.37815435361211175</v>
      </c>
      <c r="L2521" s="58">
        <f>Bühler!L2547</f>
        <v>0.18907717680605587</v>
      </c>
      <c r="M2521" s="57">
        <f>Bühler!M2547</f>
        <v>0</v>
      </c>
      <c r="N2521" s="55">
        <f>IF(Input!$K$13=1,J2521*Input!$J$13,0)+IF(Input!$K$14=1,K2521*Input!$J$14,0)+IF(Input!$K$15=1,L2521*Input!$J$15,0)+IF(Input!$K$16=1,M2521*Input!$J$16,0)</f>
        <v>1.714538209865901</v>
      </c>
      <c r="O2521" s="58">
        <f>IF(Input!$K$13=2,J2521*Input!$J$13,0)+IF(Input!$K$14=2,K2521*Input!$J$14,0)+IF(Input!$K$15=2,L2521*Input!$J$15,0)+IF(Input!$K$16=2,M2521*Input!$J$16,0)</f>
        <v>5.105083773763508E-2</v>
      </c>
      <c r="P2521" s="58">
        <f>IF(Input!$K$13=3,J2521*Input!$J$13,0)+IF(Input!$K$14=3,K2521*Input!$J$14,0)+IF(Input!$K$15=3,L2521*Input!$J$15,0)+IF(Input!$K$16=3,M2521*Input!$J$16,0)</f>
        <v>0</v>
      </c>
      <c r="Q2521" s="71">
        <f>IF(Input!$K$13=4,J2521*Input!$J$13,0)+IF(Input!$K$14=4,K2521*Input!$J$14,0)+IF(Input!$K$15=4,L2521*Input!$J$15,0)+IF(Input!$K$16=4,M2521*Input!$J$16,0)</f>
        <v>0</v>
      </c>
    </row>
    <row r="2522" spans="8:17" x14ac:dyDescent="0.25">
      <c r="H2522" s="43">
        <v>2515</v>
      </c>
      <c r="I2522" s="55">
        <f>Bühler!I2548</f>
        <v>4.0126918549337924</v>
      </c>
      <c r="J2522" s="58">
        <f>Bühler!J2548</f>
        <v>14.281387819627808</v>
      </c>
      <c r="K2522" s="58">
        <f>Bühler!K2548</f>
        <v>0.37815435361211175</v>
      </c>
      <c r="L2522" s="58">
        <f>Bühler!L2548</f>
        <v>0.18907717680605587</v>
      </c>
      <c r="M2522" s="57">
        <f>Bühler!M2548</f>
        <v>0</v>
      </c>
      <c r="N2522" s="55">
        <f>IF(Input!$K$13=1,J2522*Input!$J$13,0)+IF(Input!$K$14=1,K2522*Input!$J$14,0)+IF(Input!$K$15=1,L2522*Input!$J$15,0)+IF(Input!$K$16=1,M2522*Input!$J$16,0)</f>
        <v>1.7137665383553369</v>
      </c>
      <c r="O2522" s="58">
        <f>IF(Input!$K$13=2,J2522*Input!$J$13,0)+IF(Input!$K$14=2,K2522*Input!$J$14,0)+IF(Input!$K$15=2,L2522*Input!$J$15,0)+IF(Input!$K$16=2,M2522*Input!$J$16,0)</f>
        <v>5.105083773763508E-2</v>
      </c>
      <c r="P2522" s="58">
        <f>IF(Input!$K$13=3,J2522*Input!$J$13,0)+IF(Input!$K$14=3,K2522*Input!$J$14,0)+IF(Input!$K$15=3,L2522*Input!$J$15,0)+IF(Input!$K$16=3,M2522*Input!$J$16,0)</f>
        <v>0</v>
      </c>
      <c r="Q2522" s="71">
        <f>IF(Input!$K$13=4,J2522*Input!$J$13,0)+IF(Input!$K$14=4,K2522*Input!$J$14,0)+IF(Input!$K$15=4,L2522*Input!$J$15,0)+IF(Input!$K$16=4,M2522*Input!$J$16,0)</f>
        <v>0</v>
      </c>
    </row>
    <row r="2523" spans="8:17" x14ac:dyDescent="0.25">
      <c r="H2523" s="43">
        <v>2516</v>
      </c>
      <c r="I2523" s="55">
        <f>Bühler!I2549</f>
        <v>3.2410203443696015</v>
      </c>
      <c r="J2523" s="58">
        <f>Bühler!J2549</f>
        <v>14.249234840020966</v>
      </c>
      <c r="K2523" s="58">
        <f>Bühler!K2549</f>
        <v>0.37815435361211175</v>
      </c>
      <c r="L2523" s="58">
        <f>Bühler!L2549</f>
        <v>0.18907717680605587</v>
      </c>
      <c r="M2523" s="57">
        <f>Bühler!M2549</f>
        <v>0</v>
      </c>
      <c r="N2523" s="55">
        <f>IF(Input!$K$13=1,J2523*Input!$J$13,0)+IF(Input!$K$14=1,K2523*Input!$J$14,0)+IF(Input!$K$15=1,L2523*Input!$J$15,0)+IF(Input!$K$16=1,M2523*Input!$J$16,0)</f>
        <v>1.7099081808025158</v>
      </c>
      <c r="O2523" s="58">
        <f>IF(Input!$K$13=2,J2523*Input!$J$13,0)+IF(Input!$K$14=2,K2523*Input!$J$14,0)+IF(Input!$K$15=2,L2523*Input!$J$15,0)+IF(Input!$K$16=2,M2523*Input!$J$16,0)</f>
        <v>5.105083773763508E-2</v>
      </c>
      <c r="P2523" s="58">
        <f>IF(Input!$K$13=3,J2523*Input!$J$13,0)+IF(Input!$K$14=3,K2523*Input!$J$14,0)+IF(Input!$K$15=3,L2523*Input!$J$15,0)+IF(Input!$K$16=3,M2523*Input!$J$16,0)</f>
        <v>0</v>
      </c>
      <c r="Q2523" s="71">
        <f>IF(Input!$K$13=4,J2523*Input!$J$13,0)+IF(Input!$K$14=4,K2523*Input!$J$14,0)+IF(Input!$K$15=4,L2523*Input!$J$15,0)+IF(Input!$K$16=4,M2523*Input!$J$16,0)</f>
        <v>0</v>
      </c>
    </row>
    <row r="2524" spans="8:17" x14ac:dyDescent="0.25">
      <c r="H2524" s="43">
        <v>2517</v>
      </c>
      <c r="I2524" s="55">
        <f>Bühler!I2550</f>
        <v>2.3921816827489915</v>
      </c>
      <c r="J2524" s="58">
        <f>Bühler!J2550</f>
        <v>14.213866562453441</v>
      </c>
      <c r="K2524" s="58">
        <f>Bühler!K2550</f>
        <v>0.37815435361211175</v>
      </c>
      <c r="L2524" s="58">
        <f>Bühler!L2550</f>
        <v>0.18907717680605587</v>
      </c>
      <c r="M2524" s="57">
        <f>Bühler!M2550</f>
        <v>0</v>
      </c>
      <c r="N2524" s="55">
        <f>IF(Input!$K$13=1,J2524*Input!$J$13,0)+IF(Input!$K$14=1,K2524*Input!$J$14,0)+IF(Input!$K$15=1,L2524*Input!$J$15,0)+IF(Input!$K$16=1,M2524*Input!$J$16,0)</f>
        <v>1.7056639874944128</v>
      </c>
      <c r="O2524" s="58">
        <f>IF(Input!$K$13=2,J2524*Input!$J$13,0)+IF(Input!$K$14=2,K2524*Input!$J$14,0)+IF(Input!$K$15=2,L2524*Input!$J$15,0)+IF(Input!$K$16=2,M2524*Input!$J$16,0)</f>
        <v>5.105083773763508E-2</v>
      </c>
      <c r="P2524" s="58">
        <f>IF(Input!$K$13=3,J2524*Input!$J$13,0)+IF(Input!$K$14=3,K2524*Input!$J$14,0)+IF(Input!$K$15=3,L2524*Input!$J$15,0)+IF(Input!$K$16=3,M2524*Input!$J$16,0)</f>
        <v>0</v>
      </c>
      <c r="Q2524" s="71">
        <f>IF(Input!$K$13=4,J2524*Input!$J$13,0)+IF(Input!$K$14=4,K2524*Input!$J$14,0)+IF(Input!$K$15=4,L2524*Input!$J$15,0)+IF(Input!$K$16=4,M2524*Input!$J$16,0)</f>
        <v>0</v>
      </c>
    </row>
    <row r="2525" spans="8:17" x14ac:dyDescent="0.25">
      <c r="H2525" s="43">
        <v>2518</v>
      </c>
      <c r="I2525" s="55">
        <f>Bühler!I2551</f>
        <v>2.3921816827489915</v>
      </c>
      <c r="J2525" s="58">
        <f>Bühler!J2551</f>
        <v>14.213866562453441</v>
      </c>
      <c r="K2525" s="58">
        <f>Bühler!K2551</f>
        <v>0.37815435361211175</v>
      </c>
      <c r="L2525" s="58">
        <f>Bühler!L2551</f>
        <v>0.18907717680605587</v>
      </c>
      <c r="M2525" s="57">
        <f>Bühler!M2551</f>
        <v>0</v>
      </c>
      <c r="N2525" s="55">
        <f>IF(Input!$K$13=1,J2525*Input!$J$13,0)+IF(Input!$K$14=1,K2525*Input!$J$14,0)+IF(Input!$K$15=1,L2525*Input!$J$15,0)+IF(Input!$K$16=1,M2525*Input!$J$16,0)</f>
        <v>1.7056639874944128</v>
      </c>
      <c r="O2525" s="58">
        <f>IF(Input!$K$13=2,J2525*Input!$J$13,0)+IF(Input!$K$14=2,K2525*Input!$J$14,0)+IF(Input!$K$15=2,L2525*Input!$J$15,0)+IF(Input!$K$16=2,M2525*Input!$J$16,0)</f>
        <v>5.105083773763508E-2</v>
      </c>
      <c r="P2525" s="58">
        <f>IF(Input!$K$13=3,J2525*Input!$J$13,0)+IF(Input!$K$14=3,K2525*Input!$J$14,0)+IF(Input!$K$15=3,L2525*Input!$J$15,0)+IF(Input!$K$16=3,M2525*Input!$J$16,0)</f>
        <v>0</v>
      </c>
      <c r="Q2525" s="71">
        <f>IF(Input!$K$13=4,J2525*Input!$J$13,0)+IF(Input!$K$14=4,K2525*Input!$J$14,0)+IF(Input!$K$15=4,L2525*Input!$J$15,0)+IF(Input!$K$16=4,M2525*Input!$J$16,0)</f>
        <v>0</v>
      </c>
    </row>
    <row r="2526" spans="8:17" x14ac:dyDescent="0.25">
      <c r="H2526" s="43">
        <v>2519</v>
      </c>
      <c r="I2526" s="55">
        <f>Bühler!I2552</f>
        <v>2.3921816827489915</v>
      </c>
      <c r="J2526" s="58">
        <f>Bühler!J2552</f>
        <v>14.213866562453441</v>
      </c>
      <c r="K2526" s="58">
        <f>Bühler!K2552</f>
        <v>0.37815435361211175</v>
      </c>
      <c r="L2526" s="58">
        <f>Bühler!L2552</f>
        <v>0.18907717680605587</v>
      </c>
      <c r="M2526" s="57">
        <f>Bühler!M2552</f>
        <v>0</v>
      </c>
      <c r="N2526" s="55">
        <f>IF(Input!$K$13=1,J2526*Input!$J$13,0)+IF(Input!$K$14=1,K2526*Input!$J$14,0)+IF(Input!$K$15=1,L2526*Input!$J$15,0)+IF(Input!$K$16=1,M2526*Input!$J$16,0)</f>
        <v>1.7056639874944128</v>
      </c>
      <c r="O2526" s="58">
        <f>IF(Input!$K$13=2,J2526*Input!$J$13,0)+IF(Input!$K$14=2,K2526*Input!$J$14,0)+IF(Input!$K$15=2,L2526*Input!$J$15,0)+IF(Input!$K$16=2,M2526*Input!$J$16,0)</f>
        <v>5.105083773763508E-2</v>
      </c>
      <c r="P2526" s="58">
        <f>IF(Input!$K$13=3,J2526*Input!$J$13,0)+IF(Input!$K$14=3,K2526*Input!$J$14,0)+IF(Input!$K$15=3,L2526*Input!$J$15,0)+IF(Input!$K$16=3,M2526*Input!$J$16,0)</f>
        <v>0</v>
      </c>
      <c r="Q2526" s="71">
        <f>IF(Input!$K$13=4,J2526*Input!$J$13,0)+IF(Input!$K$14=4,K2526*Input!$J$14,0)+IF(Input!$K$15=4,L2526*Input!$J$15,0)+IF(Input!$K$16=4,M2526*Input!$J$16,0)</f>
        <v>0</v>
      </c>
    </row>
    <row r="2527" spans="8:17" x14ac:dyDescent="0.25">
      <c r="H2527" s="43">
        <v>2520</v>
      </c>
      <c r="I2527" s="55">
        <f>Bühler!I2553</f>
        <v>2.3921816827489915</v>
      </c>
      <c r="J2527" s="58">
        <f>Bühler!J2553</f>
        <v>14.213866562453441</v>
      </c>
      <c r="K2527" s="58">
        <f>Bühler!K2553</f>
        <v>0.37815435361211175</v>
      </c>
      <c r="L2527" s="58">
        <f>Bühler!L2553</f>
        <v>0.18907717680605587</v>
      </c>
      <c r="M2527" s="57">
        <f>Bühler!M2553</f>
        <v>0</v>
      </c>
      <c r="N2527" s="55">
        <f>IF(Input!$K$13=1,J2527*Input!$J$13,0)+IF(Input!$K$14=1,K2527*Input!$J$14,0)+IF(Input!$K$15=1,L2527*Input!$J$15,0)+IF(Input!$K$16=1,M2527*Input!$J$16,0)</f>
        <v>1.7056639874944128</v>
      </c>
      <c r="O2527" s="58">
        <f>IF(Input!$K$13=2,J2527*Input!$J$13,0)+IF(Input!$K$14=2,K2527*Input!$J$14,0)+IF(Input!$K$15=2,L2527*Input!$J$15,0)+IF(Input!$K$16=2,M2527*Input!$J$16,0)</f>
        <v>5.105083773763508E-2</v>
      </c>
      <c r="P2527" s="58">
        <f>IF(Input!$K$13=3,J2527*Input!$J$13,0)+IF(Input!$K$14=3,K2527*Input!$J$14,0)+IF(Input!$K$15=3,L2527*Input!$J$15,0)+IF(Input!$K$16=3,M2527*Input!$J$16,0)</f>
        <v>0</v>
      </c>
      <c r="Q2527" s="71">
        <f>IF(Input!$K$13=4,J2527*Input!$J$13,0)+IF(Input!$K$14=4,K2527*Input!$J$14,0)+IF(Input!$K$15=4,L2527*Input!$J$15,0)+IF(Input!$K$16=4,M2527*Input!$J$16,0)</f>
        <v>0</v>
      </c>
    </row>
    <row r="2528" spans="8:17" x14ac:dyDescent="0.25">
      <c r="H2528" s="43">
        <v>2521</v>
      </c>
      <c r="I2528" s="55">
        <f>Bühler!I2554</f>
        <v>1.9240951898363976</v>
      </c>
      <c r="J2528" s="58">
        <f>Bühler!J2554</f>
        <v>11.479187828074879</v>
      </c>
      <c r="K2528" s="58">
        <f>Bühler!K2554</f>
        <v>0.33566164820231981</v>
      </c>
      <c r="L2528" s="58">
        <f>Bühler!L2554</f>
        <v>0.1678308241011599</v>
      </c>
      <c r="M2528" s="57">
        <f>Bühler!M2554</f>
        <v>0</v>
      </c>
      <c r="N2528" s="55">
        <f>IF(Input!$K$13=1,J2528*Input!$J$13,0)+IF(Input!$K$14=1,K2528*Input!$J$14,0)+IF(Input!$K$15=1,L2528*Input!$J$15,0)+IF(Input!$K$16=1,M2528*Input!$J$16,0)</f>
        <v>1.3775025393689855</v>
      </c>
      <c r="O2528" s="58">
        <f>IF(Input!$K$13=2,J2528*Input!$J$13,0)+IF(Input!$K$14=2,K2528*Input!$J$14,0)+IF(Input!$K$15=2,L2528*Input!$J$15,0)+IF(Input!$K$16=2,M2528*Input!$J$16,0)</f>
        <v>4.5314322507313168E-2</v>
      </c>
      <c r="P2528" s="58">
        <f>IF(Input!$K$13=3,J2528*Input!$J$13,0)+IF(Input!$K$14=3,K2528*Input!$J$14,0)+IF(Input!$K$15=3,L2528*Input!$J$15,0)+IF(Input!$K$16=3,M2528*Input!$J$16,0)</f>
        <v>0</v>
      </c>
      <c r="Q2528" s="71">
        <f>IF(Input!$K$13=4,J2528*Input!$J$13,0)+IF(Input!$K$14=4,K2528*Input!$J$14,0)+IF(Input!$K$15=4,L2528*Input!$J$15,0)+IF(Input!$K$16=4,M2528*Input!$J$16,0)</f>
        <v>0</v>
      </c>
    </row>
    <row r="2529" spans="8:17" x14ac:dyDescent="0.25">
      <c r="H2529" s="43">
        <v>2522</v>
      </c>
      <c r="I2529" s="55">
        <f>Bühler!I2555</f>
        <v>2.2344331236809785</v>
      </c>
      <c r="J2529" s="58">
        <f>Bühler!J2555</f>
        <v>11.492118575318404</v>
      </c>
      <c r="K2529" s="58">
        <f>Bühler!K2555</f>
        <v>0.33566164820231981</v>
      </c>
      <c r="L2529" s="58">
        <f>Bühler!L2555</f>
        <v>0.1678308241011599</v>
      </c>
      <c r="M2529" s="57">
        <f>Bühler!M2555</f>
        <v>0</v>
      </c>
      <c r="N2529" s="55">
        <f>IF(Input!$K$13=1,J2529*Input!$J$13,0)+IF(Input!$K$14=1,K2529*Input!$J$14,0)+IF(Input!$K$15=1,L2529*Input!$J$15,0)+IF(Input!$K$16=1,M2529*Input!$J$16,0)</f>
        <v>1.3790542290382084</v>
      </c>
      <c r="O2529" s="58">
        <f>IF(Input!$K$13=2,J2529*Input!$J$13,0)+IF(Input!$K$14=2,K2529*Input!$J$14,0)+IF(Input!$K$15=2,L2529*Input!$J$15,0)+IF(Input!$K$16=2,M2529*Input!$J$16,0)</f>
        <v>4.5314322507313168E-2</v>
      </c>
      <c r="P2529" s="58">
        <f>IF(Input!$K$13=3,J2529*Input!$J$13,0)+IF(Input!$K$14=3,K2529*Input!$J$14,0)+IF(Input!$K$15=3,L2529*Input!$J$15,0)+IF(Input!$K$16=3,M2529*Input!$J$16,0)</f>
        <v>0</v>
      </c>
      <c r="Q2529" s="71">
        <f>IF(Input!$K$13=4,J2529*Input!$J$13,0)+IF(Input!$K$14=4,K2529*Input!$J$14,0)+IF(Input!$K$15=4,L2529*Input!$J$15,0)+IF(Input!$K$16=4,M2529*Input!$J$16,0)</f>
        <v>0</v>
      </c>
    </row>
    <row r="2530" spans="8:17" x14ac:dyDescent="0.25">
      <c r="H2530" s="43">
        <v>2523</v>
      </c>
      <c r="I2530" s="55">
        <f>Bühler!I2556</f>
        <v>2.2344331236809785</v>
      </c>
      <c r="J2530" s="58">
        <f>Bühler!J2556</f>
        <v>11.492118575318404</v>
      </c>
      <c r="K2530" s="58">
        <f>Bühler!K2556</f>
        <v>0.33566164820231981</v>
      </c>
      <c r="L2530" s="58">
        <f>Bühler!L2556</f>
        <v>0.1678308241011599</v>
      </c>
      <c r="M2530" s="57">
        <f>Bühler!M2556</f>
        <v>0</v>
      </c>
      <c r="N2530" s="55">
        <f>IF(Input!$K$13=1,J2530*Input!$J$13,0)+IF(Input!$K$14=1,K2530*Input!$J$14,0)+IF(Input!$K$15=1,L2530*Input!$J$15,0)+IF(Input!$K$16=1,M2530*Input!$J$16,0)</f>
        <v>1.3790542290382084</v>
      </c>
      <c r="O2530" s="58">
        <f>IF(Input!$K$13=2,J2530*Input!$J$13,0)+IF(Input!$K$14=2,K2530*Input!$J$14,0)+IF(Input!$K$15=2,L2530*Input!$J$15,0)+IF(Input!$K$16=2,M2530*Input!$J$16,0)</f>
        <v>4.5314322507313168E-2</v>
      </c>
      <c r="P2530" s="58">
        <f>IF(Input!$K$13=3,J2530*Input!$J$13,0)+IF(Input!$K$14=3,K2530*Input!$J$14,0)+IF(Input!$K$15=3,L2530*Input!$J$15,0)+IF(Input!$K$16=3,M2530*Input!$J$16,0)</f>
        <v>0</v>
      </c>
      <c r="Q2530" s="71">
        <f>IF(Input!$K$13=4,J2530*Input!$J$13,0)+IF(Input!$K$14=4,K2530*Input!$J$14,0)+IF(Input!$K$15=4,L2530*Input!$J$15,0)+IF(Input!$K$16=4,M2530*Input!$J$16,0)</f>
        <v>0</v>
      </c>
    </row>
    <row r="2531" spans="8:17" x14ac:dyDescent="0.25">
      <c r="H2531" s="43">
        <v>2524</v>
      </c>
      <c r="I2531" s="55">
        <f>Bühler!I2557</f>
        <v>2.2344331236809785</v>
      </c>
      <c r="J2531" s="58">
        <f>Bühler!J2557</f>
        <v>11.492118575318404</v>
      </c>
      <c r="K2531" s="58">
        <f>Bühler!K2557</f>
        <v>0.33566164820231981</v>
      </c>
      <c r="L2531" s="58">
        <f>Bühler!L2557</f>
        <v>0.1678308241011599</v>
      </c>
      <c r="M2531" s="57">
        <f>Bühler!M2557</f>
        <v>0</v>
      </c>
      <c r="N2531" s="55">
        <f>IF(Input!$K$13=1,J2531*Input!$J$13,0)+IF(Input!$K$14=1,K2531*Input!$J$14,0)+IF(Input!$K$15=1,L2531*Input!$J$15,0)+IF(Input!$K$16=1,M2531*Input!$J$16,0)</f>
        <v>1.3790542290382084</v>
      </c>
      <c r="O2531" s="58">
        <f>IF(Input!$K$13=2,J2531*Input!$J$13,0)+IF(Input!$K$14=2,K2531*Input!$J$14,0)+IF(Input!$K$15=2,L2531*Input!$J$15,0)+IF(Input!$K$16=2,M2531*Input!$J$16,0)</f>
        <v>4.5314322507313168E-2</v>
      </c>
      <c r="P2531" s="58">
        <f>IF(Input!$K$13=3,J2531*Input!$J$13,0)+IF(Input!$K$14=3,K2531*Input!$J$14,0)+IF(Input!$K$15=3,L2531*Input!$J$15,0)+IF(Input!$K$16=3,M2531*Input!$J$16,0)</f>
        <v>0</v>
      </c>
      <c r="Q2531" s="71">
        <f>IF(Input!$K$13=4,J2531*Input!$J$13,0)+IF(Input!$K$14=4,K2531*Input!$J$14,0)+IF(Input!$K$15=4,L2531*Input!$J$15,0)+IF(Input!$K$16=4,M2531*Input!$J$16,0)</f>
        <v>0</v>
      </c>
    </row>
    <row r="2532" spans="8:17" x14ac:dyDescent="0.25">
      <c r="H2532" s="43">
        <v>2525</v>
      </c>
      <c r="I2532" s="55">
        <f>Bühler!I2558</f>
        <v>2.2344331236809785</v>
      </c>
      <c r="J2532" s="58">
        <f>Bühler!J2558</f>
        <v>11.492118575318404</v>
      </c>
      <c r="K2532" s="58">
        <f>Bühler!K2558</f>
        <v>0.33566164820231981</v>
      </c>
      <c r="L2532" s="58">
        <f>Bühler!L2558</f>
        <v>0.1678308241011599</v>
      </c>
      <c r="M2532" s="57">
        <f>Bühler!M2558</f>
        <v>0</v>
      </c>
      <c r="N2532" s="55">
        <f>IF(Input!$K$13=1,J2532*Input!$J$13,0)+IF(Input!$K$14=1,K2532*Input!$J$14,0)+IF(Input!$K$15=1,L2532*Input!$J$15,0)+IF(Input!$K$16=1,M2532*Input!$J$16,0)</f>
        <v>1.3790542290382084</v>
      </c>
      <c r="O2532" s="58">
        <f>IF(Input!$K$13=2,J2532*Input!$J$13,0)+IF(Input!$K$14=2,K2532*Input!$J$14,0)+IF(Input!$K$15=2,L2532*Input!$J$15,0)+IF(Input!$K$16=2,M2532*Input!$J$16,0)</f>
        <v>4.5314322507313168E-2</v>
      </c>
      <c r="P2532" s="58">
        <f>IF(Input!$K$13=3,J2532*Input!$J$13,0)+IF(Input!$K$14=3,K2532*Input!$J$14,0)+IF(Input!$K$15=3,L2532*Input!$J$15,0)+IF(Input!$K$16=3,M2532*Input!$J$16,0)</f>
        <v>0</v>
      </c>
      <c r="Q2532" s="71">
        <f>IF(Input!$K$13=4,J2532*Input!$J$13,0)+IF(Input!$K$14=4,K2532*Input!$J$14,0)+IF(Input!$K$15=4,L2532*Input!$J$15,0)+IF(Input!$K$16=4,M2532*Input!$J$16,0)</f>
        <v>0</v>
      </c>
    </row>
    <row r="2533" spans="8:17" x14ac:dyDescent="0.25">
      <c r="H2533" s="43">
        <v>2526</v>
      </c>
      <c r="I2533" s="55">
        <f>Bühler!I2559</f>
        <v>2.7930414046012224</v>
      </c>
      <c r="J2533" s="58">
        <f>Bühler!J2559</f>
        <v>11.515393920356747</v>
      </c>
      <c r="K2533" s="58">
        <f>Bühler!K2559</f>
        <v>0.33566164820231981</v>
      </c>
      <c r="L2533" s="58">
        <f>Bühler!L2559</f>
        <v>0.1678308241011599</v>
      </c>
      <c r="M2533" s="57">
        <f>Bühler!M2559</f>
        <v>0</v>
      </c>
      <c r="N2533" s="55">
        <f>IF(Input!$K$13=1,J2533*Input!$J$13,0)+IF(Input!$K$14=1,K2533*Input!$J$14,0)+IF(Input!$K$15=1,L2533*Input!$J$15,0)+IF(Input!$K$16=1,M2533*Input!$J$16,0)</f>
        <v>1.3818472704428095</v>
      </c>
      <c r="O2533" s="58">
        <f>IF(Input!$K$13=2,J2533*Input!$J$13,0)+IF(Input!$K$14=2,K2533*Input!$J$14,0)+IF(Input!$K$15=2,L2533*Input!$J$15,0)+IF(Input!$K$16=2,M2533*Input!$J$16,0)</f>
        <v>4.5314322507313168E-2</v>
      </c>
      <c r="P2533" s="58">
        <f>IF(Input!$K$13=3,J2533*Input!$J$13,0)+IF(Input!$K$14=3,K2533*Input!$J$14,0)+IF(Input!$K$15=3,L2533*Input!$J$15,0)+IF(Input!$K$16=3,M2533*Input!$J$16,0)</f>
        <v>0</v>
      </c>
      <c r="Q2533" s="71">
        <f>IF(Input!$K$13=4,J2533*Input!$J$13,0)+IF(Input!$K$14=4,K2533*Input!$J$14,0)+IF(Input!$K$15=4,L2533*Input!$J$15,0)+IF(Input!$K$16=4,M2533*Input!$J$16,0)</f>
        <v>0</v>
      </c>
    </row>
    <row r="2534" spans="8:17" x14ac:dyDescent="0.25">
      <c r="H2534" s="43">
        <v>2527</v>
      </c>
      <c r="I2534" s="55">
        <f>Bühler!I2560</f>
        <v>3.2895820987525513</v>
      </c>
      <c r="J2534" s="58">
        <f>Bühler!J2560</f>
        <v>11.536083115946386</v>
      </c>
      <c r="K2534" s="58">
        <f>Bühler!K2560</f>
        <v>0.33566164820231981</v>
      </c>
      <c r="L2534" s="58">
        <f>Bühler!L2560</f>
        <v>0.1678308241011599</v>
      </c>
      <c r="M2534" s="57">
        <f>Bühler!M2560</f>
        <v>0</v>
      </c>
      <c r="N2534" s="55">
        <f>IF(Input!$K$13=1,J2534*Input!$J$13,0)+IF(Input!$K$14=1,K2534*Input!$J$14,0)+IF(Input!$K$15=1,L2534*Input!$J$15,0)+IF(Input!$K$16=1,M2534*Input!$J$16,0)</f>
        <v>1.3843299739135664</v>
      </c>
      <c r="O2534" s="58">
        <f>IF(Input!$K$13=2,J2534*Input!$J$13,0)+IF(Input!$K$14=2,K2534*Input!$J$14,0)+IF(Input!$K$15=2,L2534*Input!$J$15,0)+IF(Input!$K$16=2,M2534*Input!$J$16,0)</f>
        <v>4.5314322507313168E-2</v>
      </c>
      <c r="P2534" s="58">
        <f>IF(Input!$K$13=3,J2534*Input!$J$13,0)+IF(Input!$K$14=3,K2534*Input!$J$14,0)+IF(Input!$K$15=3,L2534*Input!$J$15,0)+IF(Input!$K$16=3,M2534*Input!$J$16,0)</f>
        <v>0</v>
      </c>
      <c r="Q2534" s="71">
        <f>IF(Input!$K$13=4,J2534*Input!$J$13,0)+IF(Input!$K$14=4,K2534*Input!$J$14,0)+IF(Input!$K$15=4,L2534*Input!$J$15,0)+IF(Input!$K$16=4,M2534*Input!$J$16,0)</f>
        <v>0</v>
      </c>
    </row>
    <row r="2535" spans="8:17" x14ac:dyDescent="0.25">
      <c r="H2535" s="43">
        <v>2528</v>
      </c>
      <c r="I2535" s="55">
        <f>Bühler!I2561</f>
        <v>3.9102579664417121</v>
      </c>
      <c r="J2535" s="58">
        <f>Bühler!J2561</f>
        <v>11.561944610433434</v>
      </c>
      <c r="K2535" s="58">
        <f>Bühler!K2561</f>
        <v>0.33566164820231981</v>
      </c>
      <c r="L2535" s="58">
        <f>Bühler!L2561</f>
        <v>0.1678308241011599</v>
      </c>
      <c r="M2535" s="57">
        <f>Bühler!M2561</f>
        <v>0</v>
      </c>
      <c r="N2535" s="55">
        <f>IF(Input!$K$13=1,J2535*Input!$J$13,0)+IF(Input!$K$14=1,K2535*Input!$J$14,0)+IF(Input!$K$15=1,L2535*Input!$J$15,0)+IF(Input!$K$16=1,M2535*Input!$J$16,0)</f>
        <v>1.387433353252012</v>
      </c>
      <c r="O2535" s="58">
        <f>IF(Input!$K$13=2,J2535*Input!$J$13,0)+IF(Input!$K$14=2,K2535*Input!$J$14,0)+IF(Input!$K$15=2,L2535*Input!$J$15,0)+IF(Input!$K$16=2,M2535*Input!$J$16,0)</f>
        <v>4.5314322507313168E-2</v>
      </c>
      <c r="P2535" s="58">
        <f>IF(Input!$K$13=3,J2535*Input!$J$13,0)+IF(Input!$K$14=3,K2535*Input!$J$14,0)+IF(Input!$K$15=3,L2535*Input!$J$15,0)+IF(Input!$K$16=3,M2535*Input!$J$16,0)</f>
        <v>0</v>
      </c>
      <c r="Q2535" s="71">
        <f>IF(Input!$K$13=4,J2535*Input!$J$13,0)+IF(Input!$K$14=4,K2535*Input!$J$14,0)+IF(Input!$K$15=4,L2535*Input!$J$15,0)+IF(Input!$K$16=4,M2535*Input!$J$16,0)</f>
        <v>0</v>
      </c>
    </row>
    <row r="2536" spans="8:17" x14ac:dyDescent="0.25">
      <c r="H2536" s="43">
        <v>2529</v>
      </c>
      <c r="I2536" s="55">
        <f>Bühler!I2562</f>
        <v>3.9102579664417121</v>
      </c>
      <c r="J2536" s="58">
        <f>Bühler!J2562</f>
        <v>11.561944610433434</v>
      </c>
      <c r="K2536" s="58">
        <f>Bühler!K2562</f>
        <v>0.33566164820231981</v>
      </c>
      <c r="L2536" s="58">
        <f>Bühler!L2562</f>
        <v>0.1678308241011599</v>
      </c>
      <c r="M2536" s="57">
        <f>Bühler!M2562</f>
        <v>0</v>
      </c>
      <c r="N2536" s="55">
        <f>IF(Input!$K$13=1,J2536*Input!$J$13,0)+IF(Input!$K$14=1,K2536*Input!$J$14,0)+IF(Input!$K$15=1,L2536*Input!$J$15,0)+IF(Input!$K$16=1,M2536*Input!$J$16,0)</f>
        <v>1.387433353252012</v>
      </c>
      <c r="O2536" s="58">
        <f>IF(Input!$K$13=2,J2536*Input!$J$13,0)+IF(Input!$K$14=2,K2536*Input!$J$14,0)+IF(Input!$K$15=2,L2536*Input!$J$15,0)+IF(Input!$K$16=2,M2536*Input!$J$16,0)</f>
        <v>4.5314322507313168E-2</v>
      </c>
      <c r="P2536" s="58">
        <f>IF(Input!$K$13=3,J2536*Input!$J$13,0)+IF(Input!$K$14=3,K2536*Input!$J$14,0)+IF(Input!$K$15=3,L2536*Input!$J$15,0)+IF(Input!$K$16=3,M2536*Input!$J$16,0)</f>
        <v>0</v>
      </c>
      <c r="Q2536" s="71">
        <f>IF(Input!$K$13=4,J2536*Input!$J$13,0)+IF(Input!$K$14=4,K2536*Input!$J$14,0)+IF(Input!$K$15=4,L2536*Input!$J$15,0)+IF(Input!$K$16=4,M2536*Input!$J$16,0)</f>
        <v>0</v>
      </c>
    </row>
    <row r="2537" spans="8:17" x14ac:dyDescent="0.25">
      <c r="H2537" s="43">
        <v>2530</v>
      </c>
      <c r="I2537" s="55">
        <f>Bühler!I2563</f>
        <v>3.9102579664417121</v>
      </c>
      <c r="J2537" s="58">
        <f>Bühler!J2563</f>
        <v>11.561944610433434</v>
      </c>
      <c r="K2537" s="58">
        <f>Bühler!K2563</f>
        <v>0.33566164820231981</v>
      </c>
      <c r="L2537" s="58">
        <f>Bühler!L2563</f>
        <v>0.1678308241011599</v>
      </c>
      <c r="M2537" s="57">
        <f>Bühler!M2563</f>
        <v>0</v>
      </c>
      <c r="N2537" s="55">
        <f>IF(Input!$K$13=1,J2537*Input!$J$13,0)+IF(Input!$K$14=1,K2537*Input!$J$14,0)+IF(Input!$K$15=1,L2537*Input!$J$15,0)+IF(Input!$K$16=1,M2537*Input!$J$16,0)</f>
        <v>1.387433353252012</v>
      </c>
      <c r="O2537" s="58">
        <f>IF(Input!$K$13=2,J2537*Input!$J$13,0)+IF(Input!$K$14=2,K2537*Input!$J$14,0)+IF(Input!$K$15=2,L2537*Input!$J$15,0)+IF(Input!$K$16=2,M2537*Input!$J$16,0)</f>
        <v>4.5314322507313168E-2</v>
      </c>
      <c r="P2537" s="58">
        <f>IF(Input!$K$13=3,J2537*Input!$J$13,0)+IF(Input!$K$14=3,K2537*Input!$J$14,0)+IF(Input!$K$15=3,L2537*Input!$J$15,0)+IF(Input!$K$16=3,M2537*Input!$J$16,0)</f>
        <v>0</v>
      </c>
      <c r="Q2537" s="71">
        <f>IF(Input!$K$13=4,J2537*Input!$J$13,0)+IF(Input!$K$14=4,K2537*Input!$J$14,0)+IF(Input!$K$15=4,L2537*Input!$J$15,0)+IF(Input!$K$16=4,M2537*Input!$J$16,0)</f>
        <v>0</v>
      </c>
    </row>
    <row r="2538" spans="8:17" x14ac:dyDescent="0.25">
      <c r="H2538" s="43">
        <v>2531</v>
      </c>
      <c r="I2538" s="55">
        <f>Bühler!I2564</f>
        <v>3.9102579664417121</v>
      </c>
      <c r="J2538" s="58">
        <f>Bühler!J2564</f>
        <v>11.561944610433434</v>
      </c>
      <c r="K2538" s="58">
        <f>Bühler!K2564</f>
        <v>0.33566164820231981</v>
      </c>
      <c r="L2538" s="58">
        <f>Bühler!L2564</f>
        <v>0.1678308241011599</v>
      </c>
      <c r="M2538" s="57">
        <f>Bühler!M2564</f>
        <v>0</v>
      </c>
      <c r="N2538" s="55">
        <f>IF(Input!$K$13=1,J2538*Input!$J$13,0)+IF(Input!$K$14=1,K2538*Input!$J$14,0)+IF(Input!$K$15=1,L2538*Input!$J$15,0)+IF(Input!$K$16=1,M2538*Input!$J$16,0)</f>
        <v>1.387433353252012</v>
      </c>
      <c r="O2538" s="58">
        <f>IF(Input!$K$13=2,J2538*Input!$J$13,0)+IF(Input!$K$14=2,K2538*Input!$J$14,0)+IF(Input!$K$15=2,L2538*Input!$J$15,0)+IF(Input!$K$16=2,M2538*Input!$J$16,0)</f>
        <v>4.5314322507313168E-2</v>
      </c>
      <c r="P2538" s="58">
        <f>IF(Input!$K$13=3,J2538*Input!$J$13,0)+IF(Input!$K$14=3,K2538*Input!$J$14,0)+IF(Input!$K$15=3,L2538*Input!$J$15,0)+IF(Input!$K$16=3,M2538*Input!$J$16,0)</f>
        <v>0</v>
      </c>
      <c r="Q2538" s="71">
        <f>IF(Input!$K$13=4,J2538*Input!$J$13,0)+IF(Input!$K$14=4,K2538*Input!$J$14,0)+IF(Input!$K$15=4,L2538*Input!$J$15,0)+IF(Input!$K$16=4,M2538*Input!$J$16,0)</f>
        <v>0</v>
      </c>
    </row>
    <row r="2539" spans="8:17" x14ac:dyDescent="0.25">
      <c r="H2539" s="43">
        <v>2532</v>
      </c>
      <c r="I2539" s="55">
        <f>Bühler!I2565</f>
        <v>3.9102579664417121</v>
      </c>
      <c r="J2539" s="58">
        <f>Bühler!J2565</f>
        <v>11.561944610433434</v>
      </c>
      <c r="K2539" s="58">
        <f>Bühler!K2565</f>
        <v>0.33566164820231981</v>
      </c>
      <c r="L2539" s="58">
        <f>Bühler!L2565</f>
        <v>0.1678308241011599</v>
      </c>
      <c r="M2539" s="57">
        <f>Bühler!M2565</f>
        <v>0</v>
      </c>
      <c r="N2539" s="55">
        <f>IF(Input!$K$13=1,J2539*Input!$J$13,0)+IF(Input!$K$14=1,K2539*Input!$J$14,0)+IF(Input!$K$15=1,L2539*Input!$J$15,0)+IF(Input!$K$16=1,M2539*Input!$J$16,0)</f>
        <v>1.387433353252012</v>
      </c>
      <c r="O2539" s="58">
        <f>IF(Input!$K$13=2,J2539*Input!$J$13,0)+IF(Input!$K$14=2,K2539*Input!$J$14,0)+IF(Input!$K$15=2,L2539*Input!$J$15,0)+IF(Input!$K$16=2,M2539*Input!$J$16,0)</f>
        <v>4.5314322507313168E-2</v>
      </c>
      <c r="P2539" s="58">
        <f>IF(Input!$K$13=3,J2539*Input!$J$13,0)+IF(Input!$K$14=3,K2539*Input!$J$14,0)+IF(Input!$K$15=3,L2539*Input!$J$15,0)+IF(Input!$K$16=3,M2539*Input!$J$16,0)</f>
        <v>0</v>
      </c>
      <c r="Q2539" s="71">
        <f>IF(Input!$K$13=4,J2539*Input!$J$13,0)+IF(Input!$K$14=4,K2539*Input!$J$14,0)+IF(Input!$K$15=4,L2539*Input!$J$15,0)+IF(Input!$K$16=4,M2539*Input!$J$16,0)</f>
        <v>0</v>
      </c>
    </row>
    <row r="2540" spans="8:17" x14ac:dyDescent="0.25">
      <c r="H2540" s="43">
        <v>2533</v>
      </c>
      <c r="I2540" s="55">
        <f>Bühler!I2566</f>
        <v>3.9102579664417121</v>
      </c>
      <c r="J2540" s="58">
        <f>Bühler!J2566</f>
        <v>11.561944610433434</v>
      </c>
      <c r="K2540" s="58">
        <f>Bühler!K2566</f>
        <v>0.33566164820231981</v>
      </c>
      <c r="L2540" s="58">
        <f>Bühler!L2566</f>
        <v>0.1678308241011599</v>
      </c>
      <c r="M2540" s="57">
        <f>Bühler!M2566</f>
        <v>0</v>
      </c>
      <c r="N2540" s="55">
        <f>IF(Input!$K$13=1,J2540*Input!$J$13,0)+IF(Input!$K$14=1,K2540*Input!$J$14,0)+IF(Input!$K$15=1,L2540*Input!$J$15,0)+IF(Input!$K$16=1,M2540*Input!$J$16,0)</f>
        <v>1.387433353252012</v>
      </c>
      <c r="O2540" s="58">
        <f>IF(Input!$K$13=2,J2540*Input!$J$13,0)+IF(Input!$K$14=2,K2540*Input!$J$14,0)+IF(Input!$K$15=2,L2540*Input!$J$15,0)+IF(Input!$K$16=2,M2540*Input!$J$16,0)</f>
        <v>4.5314322507313168E-2</v>
      </c>
      <c r="P2540" s="58">
        <f>IF(Input!$K$13=3,J2540*Input!$J$13,0)+IF(Input!$K$14=3,K2540*Input!$J$14,0)+IF(Input!$K$15=3,L2540*Input!$J$15,0)+IF(Input!$K$16=3,M2540*Input!$J$16,0)</f>
        <v>0</v>
      </c>
      <c r="Q2540" s="71">
        <f>IF(Input!$K$13=4,J2540*Input!$J$13,0)+IF(Input!$K$14=4,K2540*Input!$J$14,0)+IF(Input!$K$15=4,L2540*Input!$J$15,0)+IF(Input!$K$16=4,M2540*Input!$J$16,0)</f>
        <v>0</v>
      </c>
    </row>
    <row r="2541" spans="8:17" x14ac:dyDescent="0.25">
      <c r="H2541" s="43">
        <v>2534</v>
      </c>
      <c r="I2541" s="55">
        <f>Bühler!I2567</f>
        <v>3.9102579664417121</v>
      </c>
      <c r="J2541" s="58">
        <f>Bühler!J2567</f>
        <v>11.561944610433434</v>
      </c>
      <c r="K2541" s="58">
        <f>Bühler!K2567</f>
        <v>0.33566164820231981</v>
      </c>
      <c r="L2541" s="58">
        <f>Bühler!L2567</f>
        <v>0.1678308241011599</v>
      </c>
      <c r="M2541" s="57">
        <f>Bühler!M2567</f>
        <v>0</v>
      </c>
      <c r="N2541" s="55">
        <f>IF(Input!$K$13=1,J2541*Input!$J$13,0)+IF(Input!$K$14=1,K2541*Input!$J$14,0)+IF(Input!$K$15=1,L2541*Input!$J$15,0)+IF(Input!$K$16=1,M2541*Input!$J$16,0)</f>
        <v>1.387433353252012</v>
      </c>
      <c r="O2541" s="58">
        <f>IF(Input!$K$13=2,J2541*Input!$J$13,0)+IF(Input!$K$14=2,K2541*Input!$J$14,0)+IF(Input!$K$15=2,L2541*Input!$J$15,0)+IF(Input!$K$16=2,M2541*Input!$J$16,0)</f>
        <v>4.5314322507313168E-2</v>
      </c>
      <c r="P2541" s="58">
        <f>IF(Input!$K$13=3,J2541*Input!$J$13,0)+IF(Input!$K$14=3,K2541*Input!$J$14,0)+IF(Input!$K$15=3,L2541*Input!$J$15,0)+IF(Input!$K$16=3,M2541*Input!$J$16,0)</f>
        <v>0</v>
      </c>
      <c r="Q2541" s="71">
        <f>IF(Input!$K$13=4,J2541*Input!$J$13,0)+IF(Input!$K$14=4,K2541*Input!$J$14,0)+IF(Input!$K$15=4,L2541*Input!$J$15,0)+IF(Input!$K$16=4,M2541*Input!$J$16,0)</f>
        <v>0</v>
      </c>
    </row>
    <row r="2542" spans="8:17" x14ac:dyDescent="0.25">
      <c r="H2542" s="43">
        <v>2535</v>
      </c>
      <c r="I2542" s="55">
        <f>Bühler!I2568</f>
        <v>3.9102579664417121</v>
      </c>
      <c r="J2542" s="58">
        <f>Bühler!J2568</f>
        <v>11.561944610433434</v>
      </c>
      <c r="K2542" s="58">
        <f>Bühler!K2568</f>
        <v>0.33566164820231981</v>
      </c>
      <c r="L2542" s="58">
        <f>Bühler!L2568</f>
        <v>0.1678308241011599</v>
      </c>
      <c r="M2542" s="57">
        <f>Bühler!M2568</f>
        <v>0</v>
      </c>
      <c r="N2542" s="55">
        <f>IF(Input!$K$13=1,J2542*Input!$J$13,0)+IF(Input!$K$14=1,K2542*Input!$J$14,0)+IF(Input!$K$15=1,L2542*Input!$J$15,0)+IF(Input!$K$16=1,M2542*Input!$J$16,0)</f>
        <v>1.387433353252012</v>
      </c>
      <c r="O2542" s="58">
        <f>IF(Input!$K$13=2,J2542*Input!$J$13,0)+IF(Input!$K$14=2,K2542*Input!$J$14,0)+IF(Input!$K$15=2,L2542*Input!$J$15,0)+IF(Input!$K$16=2,M2542*Input!$J$16,0)</f>
        <v>4.5314322507313168E-2</v>
      </c>
      <c r="P2542" s="58">
        <f>IF(Input!$K$13=3,J2542*Input!$J$13,0)+IF(Input!$K$14=3,K2542*Input!$J$14,0)+IF(Input!$K$15=3,L2542*Input!$J$15,0)+IF(Input!$K$16=3,M2542*Input!$J$16,0)</f>
        <v>0</v>
      </c>
      <c r="Q2542" s="71">
        <f>IF(Input!$K$13=4,J2542*Input!$J$13,0)+IF(Input!$K$14=4,K2542*Input!$J$14,0)+IF(Input!$K$15=4,L2542*Input!$J$15,0)+IF(Input!$K$16=4,M2542*Input!$J$16,0)</f>
        <v>0</v>
      </c>
    </row>
    <row r="2543" spans="8:17" x14ac:dyDescent="0.25">
      <c r="H2543" s="43">
        <v>2536</v>
      </c>
      <c r="I2543" s="55">
        <f>Bühler!I2569</f>
        <v>3.4757848590592992</v>
      </c>
      <c r="J2543" s="58">
        <f>Bühler!J2569</f>
        <v>11.543841564292499</v>
      </c>
      <c r="K2543" s="58">
        <f>Bühler!K2569</f>
        <v>0.33566164820231981</v>
      </c>
      <c r="L2543" s="58">
        <f>Bühler!L2569</f>
        <v>0.1678308241011599</v>
      </c>
      <c r="M2543" s="57">
        <f>Bühler!M2569</f>
        <v>0</v>
      </c>
      <c r="N2543" s="55">
        <f>IF(Input!$K$13=1,J2543*Input!$J$13,0)+IF(Input!$K$14=1,K2543*Input!$J$14,0)+IF(Input!$K$15=1,L2543*Input!$J$15,0)+IF(Input!$K$16=1,M2543*Input!$J$16,0)</f>
        <v>1.3852609877150999</v>
      </c>
      <c r="O2543" s="58">
        <f>IF(Input!$K$13=2,J2543*Input!$J$13,0)+IF(Input!$K$14=2,K2543*Input!$J$14,0)+IF(Input!$K$15=2,L2543*Input!$J$15,0)+IF(Input!$K$16=2,M2543*Input!$J$16,0)</f>
        <v>4.5314322507313168E-2</v>
      </c>
      <c r="P2543" s="58">
        <f>IF(Input!$K$13=3,J2543*Input!$J$13,0)+IF(Input!$K$14=3,K2543*Input!$J$14,0)+IF(Input!$K$15=3,L2543*Input!$J$15,0)+IF(Input!$K$16=3,M2543*Input!$J$16,0)</f>
        <v>0</v>
      </c>
      <c r="Q2543" s="71">
        <f>IF(Input!$K$13=4,J2543*Input!$J$13,0)+IF(Input!$K$14=4,K2543*Input!$J$14,0)+IF(Input!$K$15=4,L2543*Input!$J$15,0)+IF(Input!$K$16=4,M2543*Input!$J$16,0)</f>
        <v>0</v>
      </c>
    </row>
    <row r="2544" spans="8:17" x14ac:dyDescent="0.25">
      <c r="H2544" s="43">
        <v>2537</v>
      </c>
      <c r="I2544" s="55">
        <f>Bühler!I2570</f>
        <v>3.4137172722903832</v>
      </c>
      <c r="J2544" s="58">
        <f>Bühler!J2570</f>
        <v>11.541255414843794</v>
      </c>
      <c r="K2544" s="58">
        <f>Bühler!K2570</f>
        <v>0.33566164820231981</v>
      </c>
      <c r="L2544" s="58">
        <f>Bühler!L2570</f>
        <v>0.1678308241011599</v>
      </c>
      <c r="M2544" s="57">
        <f>Bühler!M2570</f>
        <v>0</v>
      </c>
      <c r="N2544" s="55">
        <f>IF(Input!$K$13=1,J2544*Input!$J$13,0)+IF(Input!$K$14=1,K2544*Input!$J$14,0)+IF(Input!$K$15=1,L2544*Input!$J$15,0)+IF(Input!$K$16=1,M2544*Input!$J$16,0)</f>
        <v>1.3849506497812554</v>
      </c>
      <c r="O2544" s="58">
        <f>IF(Input!$K$13=2,J2544*Input!$J$13,0)+IF(Input!$K$14=2,K2544*Input!$J$14,0)+IF(Input!$K$15=2,L2544*Input!$J$15,0)+IF(Input!$K$16=2,M2544*Input!$J$16,0)</f>
        <v>4.5314322507313168E-2</v>
      </c>
      <c r="P2544" s="58">
        <f>IF(Input!$K$13=3,J2544*Input!$J$13,0)+IF(Input!$K$14=3,K2544*Input!$J$14,0)+IF(Input!$K$15=3,L2544*Input!$J$15,0)+IF(Input!$K$16=3,M2544*Input!$J$16,0)</f>
        <v>0</v>
      </c>
      <c r="Q2544" s="71">
        <f>IF(Input!$K$13=4,J2544*Input!$J$13,0)+IF(Input!$K$14=4,K2544*Input!$J$14,0)+IF(Input!$K$15=4,L2544*Input!$J$15,0)+IF(Input!$K$16=4,M2544*Input!$J$16,0)</f>
        <v>0</v>
      </c>
    </row>
    <row r="2545" spans="8:17" x14ac:dyDescent="0.25">
      <c r="H2545" s="43">
        <v>2538</v>
      </c>
      <c r="I2545" s="55">
        <f>Bühler!I2571</f>
        <v>2.9171765781390548</v>
      </c>
      <c r="J2545" s="58">
        <f>Bühler!J2571</f>
        <v>11.520566219254157</v>
      </c>
      <c r="K2545" s="58">
        <f>Bühler!K2571</f>
        <v>0.33566164820231981</v>
      </c>
      <c r="L2545" s="58">
        <f>Bühler!L2571</f>
        <v>0.1678308241011599</v>
      </c>
      <c r="M2545" s="57">
        <f>Bühler!M2571</f>
        <v>0</v>
      </c>
      <c r="N2545" s="55">
        <f>IF(Input!$K$13=1,J2545*Input!$J$13,0)+IF(Input!$K$14=1,K2545*Input!$J$14,0)+IF(Input!$K$15=1,L2545*Input!$J$15,0)+IF(Input!$K$16=1,M2545*Input!$J$16,0)</f>
        <v>1.3824679463104987</v>
      </c>
      <c r="O2545" s="58">
        <f>IF(Input!$K$13=2,J2545*Input!$J$13,0)+IF(Input!$K$14=2,K2545*Input!$J$14,0)+IF(Input!$K$15=2,L2545*Input!$J$15,0)+IF(Input!$K$16=2,M2545*Input!$J$16,0)</f>
        <v>4.5314322507313168E-2</v>
      </c>
      <c r="P2545" s="58">
        <f>IF(Input!$K$13=3,J2545*Input!$J$13,0)+IF(Input!$K$14=3,K2545*Input!$J$14,0)+IF(Input!$K$15=3,L2545*Input!$J$15,0)+IF(Input!$K$16=3,M2545*Input!$J$16,0)</f>
        <v>0</v>
      </c>
      <c r="Q2545" s="71">
        <f>IF(Input!$K$13=4,J2545*Input!$J$13,0)+IF(Input!$K$14=4,K2545*Input!$J$14,0)+IF(Input!$K$15=4,L2545*Input!$J$15,0)+IF(Input!$K$16=4,M2545*Input!$J$16,0)</f>
        <v>0</v>
      </c>
    </row>
    <row r="2546" spans="8:17" x14ac:dyDescent="0.25">
      <c r="H2546" s="43">
        <v>2539</v>
      </c>
      <c r="I2546" s="55">
        <f>Bühler!I2572</f>
        <v>2.7309738178323069</v>
      </c>
      <c r="J2546" s="58">
        <f>Bühler!J2572</f>
        <v>11.512807770908042</v>
      </c>
      <c r="K2546" s="58">
        <f>Bühler!K2572</f>
        <v>0.33566164820231981</v>
      </c>
      <c r="L2546" s="58">
        <f>Bühler!L2572</f>
        <v>0.1678308241011599</v>
      </c>
      <c r="M2546" s="57">
        <f>Bühler!M2572</f>
        <v>0</v>
      </c>
      <c r="N2546" s="55">
        <f>IF(Input!$K$13=1,J2546*Input!$J$13,0)+IF(Input!$K$14=1,K2546*Input!$J$14,0)+IF(Input!$K$15=1,L2546*Input!$J$15,0)+IF(Input!$K$16=1,M2546*Input!$J$16,0)</f>
        <v>1.381536932508965</v>
      </c>
      <c r="O2546" s="58">
        <f>IF(Input!$K$13=2,J2546*Input!$J$13,0)+IF(Input!$K$14=2,K2546*Input!$J$14,0)+IF(Input!$K$15=2,L2546*Input!$J$15,0)+IF(Input!$K$16=2,M2546*Input!$J$16,0)</f>
        <v>4.5314322507313168E-2</v>
      </c>
      <c r="P2546" s="58">
        <f>IF(Input!$K$13=3,J2546*Input!$J$13,0)+IF(Input!$K$14=3,K2546*Input!$J$14,0)+IF(Input!$K$15=3,L2546*Input!$J$15,0)+IF(Input!$K$16=3,M2546*Input!$J$16,0)</f>
        <v>0</v>
      </c>
      <c r="Q2546" s="71">
        <f>IF(Input!$K$13=4,J2546*Input!$J$13,0)+IF(Input!$K$14=4,K2546*Input!$J$14,0)+IF(Input!$K$15=4,L2546*Input!$J$15,0)+IF(Input!$K$16=4,M2546*Input!$J$16,0)</f>
        <v>0</v>
      </c>
    </row>
    <row r="2547" spans="8:17" x14ac:dyDescent="0.25">
      <c r="H2547" s="43">
        <v>2540</v>
      </c>
      <c r="I2547" s="55">
        <f>Bühler!I2573</f>
        <v>2.2965007104498945</v>
      </c>
      <c r="J2547" s="58">
        <f>Bühler!J2573</f>
        <v>11.494704724767109</v>
      </c>
      <c r="K2547" s="58">
        <f>Bühler!K2573</f>
        <v>0.33566164820231981</v>
      </c>
      <c r="L2547" s="58">
        <f>Bühler!L2573</f>
        <v>0.1678308241011599</v>
      </c>
      <c r="M2547" s="57">
        <f>Bühler!M2573</f>
        <v>0</v>
      </c>
      <c r="N2547" s="55">
        <f>IF(Input!$K$13=1,J2547*Input!$J$13,0)+IF(Input!$K$14=1,K2547*Input!$J$14,0)+IF(Input!$K$15=1,L2547*Input!$J$15,0)+IF(Input!$K$16=1,M2547*Input!$J$16,0)</f>
        <v>1.3793645669720531</v>
      </c>
      <c r="O2547" s="58">
        <f>IF(Input!$K$13=2,J2547*Input!$J$13,0)+IF(Input!$K$14=2,K2547*Input!$J$14,0)+IF(Input!$K$15=2,L2547*Input!$J$15,0)+IF(Input!$K$16=2,M2547*Input!$J$16,0)</f>
        <v>4.5314322507313168E-2</v>
      </c>
      <c r="P2547" s="58">
        <f>IF(Input!$K$13=3,J2547*Input!$J$13,0)+IF(Input!$K$14=3,K2547*Input!$J$14,0)+IF(Input!$K$15=3,L2547*Input!$J$15,0)+IF(Input!$K$16=3,M2547*Input!$J$16,0)</f>
        <v>0</v>
      </c>
      <c r="Q2547" s="71">
        <f>IF(Input!$K$13=4,J2547*Input!$J$13,0)+IF(Input!$K$14=4,K2547*Input!$J$14,0)+IF(Input!$K$15=4,L2547*Input!$J$15,0)+IF(Input!$K$16=4,M2547*Input!$J$16,0)</f>
        <v>0</v>
      </c>
    </row>
    <row r="2548" spans="8:17" x14ac:dyDescent="0.25">
      <c r="H2548" s="43">
        <v>2541</v>
      </c>
      <c r="I2548" s="55">
        <f>Bühler!I2574</f>
        <v>1.9240951898363976</v>
      </c>
      <c r="J2548" s="58">
        <f>Bühler!J2574</f>
        <v>11.479187828074879</v>
      </c>
      <c r="K2548" s="58">
        <f>Bühler!K2574</f>
        <v>0.33566164820231981</v>
      </c>
      <c r="L2548" s="58">
        <f>Bühler!L2574</f>
        <v>0.1678308241011599</v>
      </c>
      <c r="M2548" s="57">
        <f>Bühler!M2574</f>
        <v>0</v>
      </c>
      <c r="N2548" s="55">
        <f>IF(Input!$K$13=1,J2548*Input!$J$13,0)+IF(Input!$K$14=1,K2548*Input!$J$14,0)+IF(Input!$K$15=1,L2548*Input!$J$15,0)+IF(Input!$K$16=1,M2548*Input!$J$16,0)</f>
        <v>1.3775025393689855</v>
      </c>
      <c r="O2548" s="58">
        <f>IF(Input!$K$13=2,J2548*Input!$J$13,0)+IF(Input!$K$14=2,K2548*Input!$J$14,0)+IF(Input!$K$15=2,L2548*Input!$J$15,0)+IF(Input!$K$16=2,M2548*Input!$J$16,0)</f>
        <v>4.5314322507313168E-2</v>
      </c>
      <c r="P2548" s="58">
        <f>IF(Input!$K$13=3,J2548*Input!$J$13,0)+IF(Input!$K$14=3,K2548*Input!$J$14,0)+IF(Input!$K$15=3,L2548*Input!$J$15,0)+IF(Input!$K$16=3,M2548*Input!$J$16,0)</f>
        <v>0</v>
      </c>
      <c r="Q2548" s="71">
        <f>IF(Input!$K$13=4,J2548*Input!$J$13,0)+IF(Input!$K$14=4,K2548*Input!$J$14,0)+IF(Input!$K$15=4,L2548*Input!$J$15,0)+IF(Input!$K$16=4,M2548*Input!$J$16,0)</f>
        <v>0</v>
      </c>
    </row>
    <row r="2549" spans="8:17" x14ac:dyDescent="0.25">
      <c r="H2549" s="43">
        <v>2542</v>
      </c>
      <c r="I2549" s="55">
        <f>Bühler!I2575</f>
        <v>1.6758248427607336</v>
      </c>
      <c r="J2549" s="58">
        <f>Bühler!J2575</f>
        <v>11.468843230280061</v>
      </c>
      <c r="K2549" s="58">
        <f>Bühler!K2575</f>
        <v>0.33566164820231981</v>
      </c>
      <c r="L2549" s="58">
        <f>Bühler!L2575</f>
        <v>0.1678308241011599</v>
      </c>
      <c r="M2549" s="57">
        <f>Bühler!M2575</f>
        <v>0</v>
      </c>
      <c r="N2549" s="55">
        <f>IF(Input!$K$13=1,J2549*Input!$J$13,0)+IF(Input!$K$14=1,K2549*Input!$J$14,0)+IF(Input!$K$15=1,L2549*Input!$J$15,0)+IF(Input!$K$16=1,M2549*Input!$J$16,0)</f>
        <v>1.3762611876336073</v>
      </c>
      <c r="O2549" s="58">
        <f>IF(Input!$K$13=2,J2549*Input!$J$13,0)+IF(Input!$K$14=2,K2549*Input!$J$14,0)+IF(Input!$K$15=2,L2549*Input!$J$15,0)+IF(Input!$K$16=2,M2549*Input!$J$16,0)</f>
        <v>4.5314322507313168E-2</v>
      </c>
      <c r="P2549" s="58">
        <f>IF(Input!$K$13=3,J2549*Input!$J$13,0)+IF(Input!$K$14=3,K2549*Input!$J$14,0)+IF(Input!$K$15=3,L2549*Input!$J$15,0)+IF(Input!$K$16=3,M2549*Input!$J$16,0)</f>
        <v>0</v>
      </c>
      <c r="Q2549" s="71">
        <f>IF(Input!$K$13=4,J2549*Input!$J$13,0)+IF(Input!$K$14=4,K2549*Input!$J$14,0)+IF(Input!$K$15=4,L2549*Input!$J$15,0)+IF(Input!$K$16=4,M2549*Input!$J$16,0)</f>
        <v>0</v>
      </c>
    </row>
    <row r="2550" spans="8:17" x14ac:dyDescent="0.25">
      <c r="H2550" s="43">
        <v>2543</v>
      </c>
      <c r="I2550" s="55">
        <f>Bühler!I2576</f>
        <v>1.6758248427607336</v>
      </c>
      <c r="J2550" s="58">
        <f>Bühler!J2576</f>
        <v>11.468843230280061</v>
      </c>
      <c r="K2550" s="58">
        <f>Bühler!K2576</f>
        <v>0.33566164820231981</v>
      </c>
      <c r="L2550" s="58">
        <f>Bühler!L2576</f>
        <v>0.1678308241011599</v>
      </c>
      <c r="M2550" s="57">
        <f>Bühler!M2576</f>
        <v>0</v>
      </c>
      <c r="N2550" s="55">
        <f>IF(Input!$K$13=1,J2550*Input!$J$13,0)+IF(Input!$K$14=1,K2550*Input!$J$14,0)+IF(Input!$K$15=1,L2550*Input!$J$15,0)+IF(Input!$K$16=1,M2550*Input!$J$16,0)</f>
        <v>1.3762611876336073</v>
      </c>
      <c r="O2550" s="58">
        <f>IF(Input!$K$13=2,J2550*Input!$J$13,0)+IF(Input!$K$14=2,K2550*Input!$J$14,0)+IF(Input!$K$15=2,L2550*Input!$J$15,0)+IF(Input!$K$16=2,M2550*Input!$J$16,0)</f>
        <v>4.5314322507313168E-2</v>
      </c>
      <c r="P2550" s="58">
        <f>IF(Input!$K$13=3,J2550*Input!$J$13,0)+IF(Input!$K$14=3,K2550*Input!$J$14,0)+IF(Input!$K$15=3,L2550*Input!$J$15,0)+IF(Input!$K$16=3,M2550*Input!$J$16,0)</f>
        <v>0</v>
      </c>
      <c r="Q2550" s="71">
        <f>IF(Input!$K$13=4,J2550*Input!$J$13,0)+IF(Input!$K$14=4,K2550*Input!$J$14,0)+IF(Input!$K$15=4,L2550*Input!$J$15,0)+IF(Input!$K$16=4,M2550*Input!$J$16,0)</f>
        <v>0</v>
      </c>
    </row>
    <row r="2551" spans="8:17" x14ac:dyDescent="0.25">
      <c r="H2551" s="43">
        <v>2544</v>
      </c>
      <c r="I2551" s="55">
        <f>Bühler!I2577</f>
        <v>1.6758248427607336</v>
      </c>
      <c r="J2551" s="58">
        <f>Bühler!J2577</f>
        <v>11.468843230280061</v>
      </c>
      <c r="K2551" s="58">
        <f>Bühler!K2577</f>
        <v>0.33566164820231981</v>
      </c>
      <c r="L2551" s="58">
        <f>Bühler!L2577</f>
        <v>0.1678308241011599</v>
      </c>
      <c r="M2551" s="57">
        <f>Bühler!M2577</f>
        <v>0</v>
      </c>
      <c r="N2551" s="55">
        <f>IF(Input!$K$13=1,J2551*Input!$J$13,0)+IF(Input!$K$14=1,K2551*Input!$J$14,0)+IF(Input!$K$15=1,L2551*Input!$J$15,0)+IF(Input!$K$16=1,M2551*Input!$J$16,0)</f>
        <v>1.3762611876336073</v>
      </c>
      <c r="O2551" s="58">
        <f>IF(Input!$K$13=2,J2551*Input!$J$13,0)+IF(Input!$K$14=2,K2551*Input!$J$14,0)+IF(Input!$K$15=2,L2551*Input!$J$15,0)+IF(Input!$K$16=2,M2551*Input!$J$16,0)</f>
        <v>4.5314322507313168E-2</v>
      </c>
      <c r="P2551" s="58">
        <f>IF(Input!$K$13=3,J2551*Input!$J$13,0)+IF(Input!$K$14=3,K2551*Input!$J$14,0)+IF(Input!$K$15=3,L2551*Input!$J$15,0)+IF(Input!$K$16=3,M2551*Input!$J$16,0)</f>
        <v>0</v>
      </c>
      <c r="Q2551" s="71">
        <f>IF(Input!$K$13=4,J2551*Input!$J$13,0)+IF(Input!$K$14=4,K2551*Input!$J$14,0)+IF(Input!$K$15=4,L2551*Input!$J$15,0)+IF(Input!$K$16=4,M2551*Input!$J$16,0)</f>
        <v>0</v>
      </c>
    </row>
    <row r="2552" spans="8:17" x14ac:dyDescent="0.25">
      <c r="H2552" s="43">
        <v>2545</v>
      </c>
      <c r="I2552" s="55">
        <f>Bühler!I2578</f>
        <v>0.3803006861785756</v>
      </c>
      <c r="J2552" s="58">
        <f>Bühler!J2578</f>
        <v>8.9676426427819713</v>
      </c>
      <c r="K2552" s="58">
        <f>Bühler!K2578</f>
        <v>0.58599695709345323</v>
      </c>
      <c r="L2552" s="58">
        <f>Bühler!L2578</f>
        <v>0.29299847854672662</v>
      </c>
      <c r="M2552" s="57">
        <f>Bühler!M2578</f>
        <v>0</v>
      </c>
      <c r="N2552" s="55">
        <f>IF(Input!$K$13=1,J2552*Input!$J$13,0)+IF(Input!$K$14=1,K2552*Input!$J$14,0)+IF(Input!$K$15=1,L2552*Input!$J$15,0)+IF(Input!$K$16=1,M2552*Input!$J$16,0)</f>
        <v>1.0761171171338366</v>
      </c>
      <c r="O2552" s="58">
        <f>IF(Input!$K$13=2,J2552*Input!$J$13,0)+IF(Input!$K$14=2,K2552*Input!$J$14,0)+IF(Input!$K$15=2,L2552*Input!$J$15,0)+IF(Input!$K$16=2,M2552*Input!$J$16,0)</f>
        <v>7.9109589207616182E-2</v>
      </c>
      <c r="P2552" s="58">
        <f>IF(Input!$K$13=3,J2552*Input!$J$13,0)+IF(Input!$K$14=3,K2552*Input!$J$14,0)+IF(Input!$K$15=3,L2552*Input!$J$15,0)+IF(Input!$K$16=3,M2552*Input!$J$16,0)</f>
        <v>0</v>
      </c>
      <c r="Q2552" s="71">
        <f>IF(Input!$K$13=4,J2552*Input!$J$13,0)+IF(Input!$K$14=4,K2552*Input!$J$14,0)+IF(Input!$K$15=4,L2552*Input!$J$15,0)+IF(Input!$K$16=4,M2552*Input!$J$16,0)</f>
        <v>0</v>
      </c>
    </row>
    <row r="2553" spans="8:17" x14ac:dyDescent="0.25">
      <c r="H2553" s="43">
        <v>2546</v>
      </c>
      <c r="I2553" s="55">
        <f>Bühler!I2579</f>
        <v>0.3803006861785756</v>
      </c>
      <c r="J2553" s="58">
        <f>Bühler!J2579</f>
        <v>8.9676426427819713</v>
      </c>
      <c r="K2553" s="58">
        <f>Bühler!K2579</f>
        <v>0.58599695709345323</v>
      </c>
      <c r="L2553" s="58">
        <f>Bühler!L2579</f>
        <v>0.29299847854672662</v>
      </c>
      <c r="M2553" s="57">
        <f>Bühler!M2579</f>
        <v>0</v>
      </c>
      <c r="N2553" s="55">
        <f>IF(Input!$K$13=1,J2553*Input!$J$13,0)+IF(Input!$K$14=1,K2553*Input!$J$14,0)+IF(Input!$K$15=1,L2553*Input!$J$15,0)+IF(Input!$K$16=1,M2553*Input!$J$16,0)</f>
        <v>1.0761171171338366</v>
      </c>
      <c r="O2553" s="58">
        <f>IF(Input!$K$13=2,J2553*Input!$J$13,0)+IF(Input!$K$14=2,K2553*Input!$J$14,0)+IF(Input!$K$15=2,L2553*Input!$J$15,0)+IF(Input!$K$16=2,M2553*Input!$J$16,0)</f>
        <v>7.9109589207616182E-2</v>
      </c>
      <c r="P2553" s="58">
        <f>IF(Input!$K$13=3,J2553*Input!$J$13,0)+IF(Input!$K$14=3,K2553*Input!$J$14,0)+IF(Input!$K$15=3,L2553*Input!$J$15,0)+IF(Input!$K$16=3,M2553*Input!$J$16,0)</f>
        <v>0</v>
      </c>
      <c r="Q2553" s="71">
        <f>IF(Input!$K$13=4,J2553*Input!$J$13,0)+IF(Input!$K$14=4,K2553*Input!$J$14,0)+IF(Input!$K$15=4,L2553*Input!$J$15,0)+IF(Input!$K$16=4,M2553*Input!$J$16,0)</f>
        <v>0</v>
      </c>
    </row>
    <row r="2554" spans="8:17" x14ac:dyDescent="0.25">
      <c r="H2554" s="43">
        <v>2547</v>
      </c>
      <c r="I2554" s="55">
        <f>Bühler!I2580</f>
        <v>0.3803006861785756</v>
      </c>
      <c r="J2554" s="58">
        <f>Bühler!J2580</f>
        <v>8.9676426427819713</v>
      </c>
      <c r="K2554" s="58">
        <f>Bühler!K2580</f>
        <v>0.58599695709345323</v>
      </c>
      <c r="L2554" s="58">
        <f>Bühler!L2580</f>
        <v>0.29299847854672662</v>
      </c>
      <c r="M2554" s="57">
        <f>Bühler!M2580</f>
        <v>0</v>
      </c>
      <c r="N2554" s="55">
        <f>IF(Input!$K$13=1,J2554*Input!$J$13,0)+IF(Input!$K$14=1,K2554*Input!$J$14,0)+IF(Input!$K$15=1,L2554*Input!$J$15,0)+IF(Input!$K$16=1,M2554*Input!$J$16,0)</f>
        <v>1.0761171171338366</v>
      </c>
      <c r="O2554" s="58">
        <f>IF(Input!$K$13=2,J2554*Input!$J$13,0)+IF(Input!$K$14=2,K2554*Input!$J$14,0)+IF(Input!$K$15=2,L2554*Input!$J$15,0)+IF(Input!$K$16=2,M2554*Input!$J$16,0)</f>
        <v>7.9109589207616182E-2</v>
      </c>
      <c r="P2554" s="58">
        <f>IF(Input!$K$13=3,J2554*Input!$J$13,0)+IF(Input!$K$14=3,K2554*Input!$J$14,0)+IF(Input!$K$15=3,L2554*Input!$J$15,0)+IF(Input!$K$16=3,M2554*Input!$J$16,0)</f>
        <v>0</v>
      </c>
      <c r="Q2554" s="71">
        <f>IF(Input!$K$13=4,J2554*Input!$J$13,0)+IF(Input!$K$14=4,K2554*Input!$J$14,0)+IF(Input!$K$15=4,L2554*Input!$J$15,0)+IF(Input!$K$16=4,M2554*Input!$J$16,0)</f>
        <v>0</v>
      </c>
    </row>
    <row r="2555" spans="8:17" x14ac:dyDescent="0.25">
      <c r="H2555" s="43">
        <v>2548</v>
      </c>
      <c r="I2555" s="55">
        <f>Bühler!I2581</f>
        <v>0.3803006861785756</v>
      </c>
      <c r="J2555" s="58">
        <f>Bühler!J2581</f>
        <v>8.9676426427819713</v>
      </c>
      <c r="K2555" s="58">
        <f>Bühler!K2581</f>
        <v>0.58599695709345323</v>
      </c>
      <c r="L2555" s="58">
        <f>Bühler!L2581</f>
        <v>0.29299847854672662</v>
      </c>
      <c r="M2555" s="57">
        <f>Bühler!M2581</f>
        <v>0</v>
      </c>
      <c r="N2555" s="55">
        <f>IF(Input!$K$13=1,J2555*Input!$J$13,0)+IF(Input!$K$14=1,K2555*Input!$J$14,0)+IF(Input!$K$15=1,L2555*Input!$J$15,0)+IF(Input!$K$16=1,M2555*Input!$J$16,0)</f>
        <v>1.0761171171338366</v>
      </c>
      <c r="O2555" s="58">
        <f>IF(Input!$K$13=2,J2555*Input!$J$13,0)+IF(Input!$K$14=2,K2555*Input!$J$14,0)+IF(Input!$K$15=2,L2555*Input!$J$15,0)+IF(Input!$K$16=2,M2555*Input!$J$16,0)</f>
        <v>7.9109589207616182E-2</v>
      </c>
      <c r="P2555" s="58">
        <f>IF(Input!$K$13=3,J2555*Input!$J$13,0)+IF(Input!$K$14=3,K2555*Input!$J$14,0)+IF(Input!$K$15=3,L2555*Input!$J$15,0)+IF(Input!$K$16=3,M2555*Input!$J$16,0)</f>
        <v>0</v>
      </c>
      <c r="Q2555" s="71">
        <f>IF(Input!$K$13=4,J2555*Input!$J$13,0)+IF(Input!$K$14=4,K2555*Input!$J$14,0)+IF(Input!$K$15=4,L2555*Input!$J$15,0)+IF(Input!$K$16=4,M2555*Input!$J$16,0)</f>
        <v>0</v>
      </c>
    </row>
    <row r="2556" spans="8:17" x14ac:dyDescent="0.25">
      <c r="H2556" s="43">
        <v>2549</v>
      </c>
      <c r="I2556" s="55">
        <f>Bühler!I2582</f>
        <v>0.3803006861785756</v>
      </c>
      <c r="J2556" s="58">
        <f>Bühler!J2582</f>
        <v>8.9676426427819713</v>
      </c>
      <c r="K2556" s="58">
        <f>Bühler!K2582</f>
        <v>0.58599695709345323</v>
      </c>
      <c r="L2556" s="58">
        <f>Bühler!L2582</f>
        <v>0.29299847854672662</v>
      </c>
      <c r="M2556" s="57">
        <f>Bühler!M2582</f>
        <v>0</v>
      </c>
      <c r="N2556" s="55">
        <f>IF(Input!$K$13=1,J2556*Input!$J$13,0)+IF(Input!$K$14=1,K2556*Input!$J$14,0)+IF(Input!$K$15=1,L2556*Input!$J$15,0)+IF(Input!$K$16=1,M2556*Input!$J$16,0)</f>
        <v>1.0761171171338366</v>
      </c>
      <c r="O2556" s="58">
        <f>IF(Input!$K$13=2,J2556*Input!$J$13,0)+IF(Input!$K$14=2,K2556*Input!$J$14,0)+IF(Input!$K$15=2,L2556*Input!$J$15,0)+IF(Input!$K$16=2,M2556*Input!$J$16,0)</f>
        <v>7.9109589207616182E-2</v>
      </c>
      <c r="P2556" s="58">
        <f>IF(Input!$K$13=3,J2556*Input!$J$13,0)+IF(Input!$K$14=3,K2556*Input!$J$14,0)+IF(Input!$K$15=3,L2556*Input!$J$15,0)+IF(Input!$K$16=3,M2556*Input!$J$16,0)</f>
        <v>0</v>
      </c>
      <c r="Q2556" s="71">
        <f>IF(Input!$K$13=4,J2556*Input!$J$13,0)+IF(Input!$K$14=4,K2556*Input!$J$14,0)+IF(Input!$K$15=4,L2556*Input!$J$15,0)+IF(Input!$K$16=4,M2556*Input!$J$16,0)</f>
        <v>0</v>
      </c>
    </row>
    <row r="2557" spans="8:17" x14ac:dyDescent="0.25">
      <c r="H2557" s="43">
        <v>2550</v>
      </c>
      <c r="I2557" s="55">
        <f>Bühler!I2583</f>
        <v>0.3803006861785756</v>
      </c>
      <c r="J2557" s="58">
        <f>Bühler!J2583</f>
        <v>8.9676426427819713</v>
      </c>
      <c r="K2557" s="58">
        <f>Bühler!K2583</f>
        <v>0.58599695709345323</v>
      </c>
      <c r="L2557" s="58">
        <f>Bühler!L2583</f>
        <v>0.29299847854672662</v>
      </c>
      <c r="M2557" s="57">
        <f>Bühler!M2583</f>
        <v>0</v>
      </c>
      <c r="N2557" s="55">
        <f>IF(Input!$K$13=1,J2557*Input!$J$13,0)+IF(Input!$K$14=1,K2557*Input!$J$14,0)+IF(Input!$K$15=1,L2557*Input!$J$15,0)+IF(Input!$K$16=1,M2557*Input!$J$16,0)</f>
        <v>1.0761171171338366</v>
      </c>
      <c r="O2557" s="58">
        <f>IF(Input!$K$13=2,J2557*Input!$J$13,0)+IF(Input!$K$14=2,K2557*Input!$J$14,0)+IF(Input!$K$15=2,L2557*Input!$J$15,0)+IF(Input!$K$16=2,M2557*Input!$J$16,0)</f>
        <v>7.9109589207616182E-2</v>
      </c>
      <c r="P2557" s="58">
        <f>IF(Input!$K$13=3,J2557*Input!$J$13,0)+IF(Input!$K$14=3,K2557*Input!$J$14,0)+IF(Input!$K$15=3,L2557*Input!$J$15,0)+IF(Input!$K$16=3,M2557*Input!$J$16,0)</f>
        <v>0</v>
      </c>
      <c r="Q2557" s="71">
        <f>IF(Input!$K$13=4,J2557*Input!$J$13,0)+IF(Input!$K$14=4,K2557*Input!$J$14,0)+IF(Input!$K$15=4,L2557*Input!$J$15,0)+IF(Input!$K$16=4,M2557*Input!$J$16,0)</f>
        <v>0</v>
      </c>
    </row>
    <row r="2558" spans="8:17" x14ac:dyDescent="0.25">
      <c r="H2558" s="43">
        <v>2551</v>
      </c>
      <c r="I2558" s="55">
        <f>Bühler!I2584</f>
        <v>0.3803006861785756</v>
      </c>
      <c r="J2558" s="58">
        <f>Bühler!J2584</f>
        <v>8.9676426427819713</v>
      </c>
      <c r="K2558" s="58">
        <f>Bühler!K2584</f>
        <v>0.58599695709345323</v>
      </c>
      <c r="L2558" s="58">
        <f>Bühler!L2584</f>
        <v>0.29299847854672662</v>
      </c>
      <c r="M2558" s="57">
        <f>Bühler!M2584</f>
        <v>0</v>
      </c>
      <c r="N2558" s="55">
        <f>IF(Input!$K$13=1,J2558*Input!$J$13,0)+IF(Input!$K$14=1,K2558*Input!$J$14,0)+IF(Input!$K$15=1,L2558*Input!$J$15,0)+IF(Input!$K$16=1,M2558*Input!$J$16,0)</f>
        <v>1.0761171171338366</v>
      </c>
      <c r="O2558" s="58">
        <f>IF(Input!$K$13=2,J2558*Input!$J$13,0)+IF(Input!$K$14=2,K2558*Input!$J$14,0)+IF(Input!$K$15=2,L2558*Input!$J$15,0)+IF(Input!$K$16=2,M2558*Input!$J$16,0)</f>
        <v>7.9109589207616182E-2</v>
      </c>
      <c r="P2558" s="58">
        <f>IF(Input!$K$13=3,J2558*Input!$J$13,0)+IF(Input!$K$14=3,K2558*Input!$J$14,0)+IF(Input!$K$15=3,L2558*Input!$J$15,0)+IF(Input!$K$16=3,M2558*Input!$J$16,0)</f>
        <v>0</v>
      </c>
      <c r="Q2558" s="71">
        <f>IF(Input!$K$13=4,J2558*Input!$J$13,0)+IF(Input!$K$14=4,K2558*Input!$J$14,0)+IF(Input!$K$15=4,L2558*Input!$J$15,0)+IF(Input!$K$16=4,M2558*Input!$J$16,0)</f>
        <v>0</v>
      </c>
    </row>
    <row r="2559" spans="8:17" x14ac:dyDescent="0.25">
      <c r="H2559" s="43">
        <v>2552</v>
      </c>
      <c r="I2559" s="55">
        <f>Bühler!I2585</f>
        <v>1.6543079848768041</v>
      </c>
      <c r="J2559" s="58">
        <f>Bühler!J2585</f>
        <v>38.239236975153602</v>
      </c>
      <c r="K2559" s="58">
        <f>Bühler!K2585</f>
        <v>2.4963470372181105</v>
      </c>
      <c r="L2559" s="58">
        <f>Bühler!L2585</f>
        <v>1.2481735186090552</v>
      </c>
      <c r="M2559" s="57">
        <f>Bühler!M2585</f>
        <v>0</v>
      </c>
      <c r="N2559" s="55">
        <f>IF(Input!$K$13=1,J2559*Input!$J$13,0)+IF(Input!$K$14=1,K2559*Input!$J$14,0)+IF(Input!$K$15=1,L2559*Input!$J$15,0)+IF(Input!$K$16=1,M2559*Input!$J$16,0)</f>
        <v>4.5887084370184317</v>
      </c>
      <c r="O2559" s="58">
        <f>IF(Input!$K$13=2,J2559*Input!$J$13,0)+IF(Input!$K$14=2,K2559*Input!$J$14,0)+IF(Input!$K$15=2,L2559*Input!$J$15,0)+IF(Input!$K$16=2,M2559*Input!$J$16,0)</f>
        <v>0.33700685002444486</v>
      </c>
      <c r="P2559" s="58">
        <f>IF(Input!$K$13=3,J2559*Input!$J$13,0)+IF(Input!$K$14=3,K2559*Input!$J$14,0)+IF(Input!$K$15=3,L2559*Input!$J$15,0)+IF(Input!$K$16=3,M2559*Input!$J$16,0)</f>
        <v>0</v>
      </c>
      <c r="Q2559" s="71">
        <f>IF(Input!$K$13=4,J2559*Input!$J$13,0)+IF(Input!$K$14=4,K2559*Input!$J$14,0)+IF(Input!$K$15=4,L2559*Input!$J$15,0)+IF(Input!$K$16=4,M2559*Input!$J$16,0)</f>
        <v>0</v>
      </c>
    </row>
    <row r="2560" spans="8:17" x14ac:dyDescent="0.25">
      <c r="H2560" s="43">
        <v>2553</v>
      </c>
      <c r="I2560" s="55">
        <f>Bühler!I2586</f>
        <v>1.8610964829864045</v>
      </c>
      <c r="J2560" s="58">
        <f>Bühler!J2586</f>
        <v>43.019141597047806</v>
      </c>
      <c r="K2560" s="58">
        <f>Bühler!K2586</f>
        <v>2.8083904168703744</v>
      </c>
      <c r="L2560" s="58">
        <f>Bühler!L2586</f>
        <v>1.4041952084351872</v>
      </c>
      <c r="M2560" s="57">
        <f>Bühler!M2586</f>
        <v>0</v>
      </c>
      <c r="N2560" s="55">
        <f>IF(Input!$K$13=1,J2560*Input!$J$13,0)+IF(Input!$K$14=1,K2560*Input!$J$14,0)+IF(Input!$K$15=1,L2560*Input!$J$15,0)+IF(Input!$K$16=1,M2560*Input!$J$16,0)</f>
        <v>5.1622969916457366</v>
      </c>
      <c r="O2560" s="58">
        <f>IF(Input!$K$13=2,J2560*Input!$J$13,0)+IF(Input!$K$14=2,K2560*Input!$J$14,0)+IF(Input!$K$15=2,L2560*Input!$J$15,0)+IF(Input!$K$16=2,M2560*Input!$J$16,0)</f>
        <v>0.37913270627750051</v>
      </c>
      <c r="P2560" s="58">
        <f>IF(Input!$K$13=3,J2560*Input!$J$13,0)+IF(Input!$K$14=3,K2560*Input!$J$14,0)+IF(Input!$K$15=3,L2560*Input!$J$15,0)+IF(Input!$K$16=3,M2560*Input!$J$16,0)</f>
        <v>0</v>
      </c>
      <c r="Q2560" s="71">
        <f>IF(Input!$K$13=4,J2560*Input!$J$13,0)+IF(Input!$K$14=4,K2560*Input!$J$14,0)+IF(Input!$K$15=4,L2560*Input!$J$15,0)+IF(Input!$K$16=4,M2560*Input!$J$16,0)</f>
        <v>0</v>
      </c>
    </row>
    <row r="2561" spans="8:17" x14ac:dyDescent="0.25">
      <c r="H2561" s="43">
        <v>2554</v>
      </c>
      <c r="I2561" s="55">
        <f>Bühler!I2587</f>
        <v>2.0678849810960047</v>
      </c>
      <c r="J2561" s="58">
        <f>Bühler!J2587</f>
        <v>47.79904621894201</v>
      </c>
      <c r="K2561" s="58">
        <f>Bühler!K2587</f>
        <v>3.1204337965226383</v>
      </c>
      <c r="L2561" s="58">
        <f>Bühler!L2587</f>
        <v>1.5602168982613192</v>
      </c>
      <c r="M2561" s="57">
        <f>Bühler!M2587</f>
        <v>0</v>
      </c>
      <c r="N2561" s="55">
        <f>IF(Input!$K$13=1,J2561*Input!$J$13,0)+IF(Input!$K$14=1,K2561*Input!$J$14,0)+IF(Input!$K$15=1,L2561*Input!$J$15,0)+IF(Input!$K$16=1,M2561*Input!$J$16,0)</f>
        <v>5.7358855462730407</v>
      </c>
      <c r="O2561" s="58">
        <f>IF(Input!$K$13=2,J2561*Input!$J$13,0)+IF(Input!$K$14=2,K2561*Input!$J$14,0)+IF(Input!$K$15=2,L2561*Input!$J$15,0)+IF(Input!$K$16=2,M2561*Input!$J$16,0)</f>
        <v>0.42125856253055616</v>
      </c>
      <c r="P2561" s="58">
        <f>IF(Input!$K$13=3,J2561*Input!$J$13,0)+IF(Input!$K$14=3,K2561*Input!$J$14,0)+IF(Input!$K$15=3,L2561*Input!$J$15,0)+IF(Input!$K$16=3,M2561*Input!$J$16,0)</f>
        <v>0</v>
      </c>
      <c r="Q2561" s="71">
        <f>IF(Input!$K$13=4,J2561*Input!$J$13,0)+IF(Input!$K$14=4,K2561*Input!$J$14,0)+IF(Input!$K$15=4,L2561*Input!$J$15,0)+IF(Input!$K$16=4,M2561*Input!$J$16,0)</f>
        <v>0</v>
      </c>
    </row>
    <row r="2562" spans="8:17" x14ac:dyDescent="0.25">
      <c r="H2562" s="43">
        <v>2555</v>
      </c>
      <c r="I2562" s="55">
        <f>Bühler!I2588</f>
        <v>2.0678849810960047</v>
      </c>
      <c r="J2562" s="58">
        <f>Bühler!J2588</f>
        <v>47.79904621894201</v>
      </c>
      <c r="K2562" s="58">
        <f>Bühler!K2588</f>
        <v>3.1204337965226383</v>
      </c>
      <c r="L2562" s="58">
        <f>Bühler!L2588</f>
        <v>1.5602168982613192</v>
      </c>
      <c r="M2562" s="57">
        <f>Bühler!M2588</f>
        <v>0</v>
      </c>
      <c r="N2562" s="55">
        <f>IF(Input!$K$13=1,J2562*Input!$J$13,0)+IF(Input!$K$14=1,K2562*Input!$J$14,0)+IF(Input!$K$15=1,L2562*Input!$J$15,0)+IF(Input!$K$16=1,M2562*Input!$J$16,0)</f>
        <v>5.7358855462730407</v>
      </c>
      <c r="O2562" s="58">
        <f>IF(Input!$K$13=2,J2562*Input!$J$13,0)+IF(Input!$K$14=2,K2562*Input!$J$14,0)+IF(Input!$K$15=2,L2562*Input!$J$15,0)+IF(Input!$K$16=2,M2562*Input!$J$16,0)</f>
        <v>0.42125856253055616</v>
      </c>
      <c r="P2562" s="58">
        <f>IF(Input!$K$13=3,J2562*Input!$J$13,0)+IF(Input!$K$14=3,K2562*Input!$J$14,0)+IF(Input!$K$15=3,L2562*Input!$J$15,0)+IF(Input!$K$16=3,M2562*Input!$J$16,0)</f>
        <v>0</v>
      </c>
      <c r="Q2562" s="71">
        <f>IF(Input!$K$13=4,J2562*Input!$J$13,0)+IF(Input!$K$14=4,K2562*Input!$J$14,0)+IF(Input!$K$15=4,L2562*Input!$J$15,0)+IF(Input!$K$16=4,M2562*Input!$J$16,0)</f>
        <v>0</v>
      </c>
    </row>
    <row r="2563" spans="8:17" x14ac:dyDescent="0.25">
      <c r="H2563" s="43">
        <v>2556</v>
      </c>
      <c r="I2563" s="55">
        <f>Bühler!I2589</f>
        <v>2.4814619773152056</v>
      </c>
      <c r="J2563" s="58">
        <f>Bühler!J2589</f>
        <v>57.358855462730403</v>
      </c>
      <c r="K2563" s="58">
        <f>Bühler!K2589</f>
        <v>3.7445205558271653</v>
      </c>
      <c r="L2563" s="58">
        <f>Bühler!L2589</f>
        <v>1.8722602779135826</v>
      </c>
      <c r="M2563" s="57">
        <f>Bühler!M2589</f>
        <v>0</v>
      </c>
      <c r="N2563" s="55">
        <f>IF(Input!$K$13=1,J2563*Input!$J$13,0)+IF(Input!$K$14=1,K2563*Input!$J$14,0)+IF(Input!$K$15=1,L2563*Input!$J$15,0)+IF(Input!$K$16=1,M2563*Input!$J$16,0)</f>
        <v>6.883062655527648</v>
      </c>
      <c r="O2563" s="58">
        <f>IF(Input!$K$13=2,J2563*Input!$J$13,0)+IF(Input!$K$14=2,K2563*Input!$J$14,0)+IF(Input!$K$15=2,L2563*Input!$J$15,0)+IF(Input!$K$16=2,M2563*Input!$J$16,0)</f>
        <v>0.50551027503666734</v>
      </c>
      <c r="P2563" s="58">
        <f>IF(Input!$K$13=3,J2563*Input!$J$13,0)+IF(Input!$K$14=3,K2563*Input!$J$14,0)+IF(Input!$K$15=3,L2563*Input!$J$15,0)+IF(Input!$K$16=3,M2563*Input!$J$16,0)</f>
        <v>0</v>
      </c>
      <c r="Q2563" s="71">
        <f>IF(Input!$K$13=4,J2563*Input!$J$13,0)+IF(Input!$K$14=4,K2563*Input!$J$14,0)+IF(Input!$K$15=4,L2563*Input!$J$15,0)+IF(Input!$K$16=4,M2563*Input!$J$16,0)</f>
        <v>0</v>
      </c>
    </row>
    <row r="2564" spans="8:17" x14ac:dyDescent="0.25">
      <c r="H2564" s="43">
        <v>2557</v>
      </c>
      <c r="I2564" s="55">
        <f>Bühler!I2590</f>
        <v>2.4814619773152056</v>
      </c>
      <c r="J2564" s="58">
        <f>Bühler!J2590</f>
        <v>57.358855462730403</v>
      </c>
      <c r="K2564" s="58">
        <f>Bühler!K2590</f>
        <v>3.7445205558271653</v>
      </c>
      <c r="L2564" s="58">
        <f>Bühler!L2590</f>
        <v>1.8722602779135826</v>
      </c>
      <c r="M2564" s="57">
        <f>Bühler!M2590</f>
        <v>0</v>
      </c>
      <c r="N2564" s="55">
        <f>IF(Input!$K$13=1,J2564*Input!$J$13,0)+IF(Input!$K$14=1,K2564*Input!$J$14,0)+IF(Input!$K$15=1,L2564*Input!$J$15,0)+IF(Input!$K$16=1,M2564*Input!$J$16,0)</f>
        <v>6.883062655527648</v>
      </c>
      <c r="O2564" s="58">
        <f>IF(Input!$K$13=2,J2564*Input!$J$13,0)+IF(Input!$K$14=2,K2564*Input!$J$14,0)+IF(Input!$K$15=2,L2564*Input!$J$15,0)+IF(Input!$K$16=2,M2564*Input!$J$16,0)</f>
        <v>0.50551027503666734</v>
      </c>
      <c r="P2564" s="58">
        <f>IF(Input!$K$13=3,J2564*Input!$J$13,0)+IF(Input!$K$14=3,K2564*Input!$J$14,0)+IF(Input!$K$15=3,L2564*Input!$J$15,0)+IF(Input!$K$16=3,M2564*Input!$J$16,0)</f>
        <v>0</v>
      </c>
      <c r="Q2564" s="71">
        <f>IF(Input!$K$13=4,J2564*Input!$J$13,0)+IF(Input!$K$14=4,K2564*Input!$J$14,0)+IF(Input!$K$15=4,L2564*Input!$J$15,0)+IF(Input!$K$16=4,M2564*Input!$J$16,0)</f>
        <v>0</v>
      </c>
    </row>
    <row r="2565" spans="8:17" x14ac:dyDescent="0.25">
      <c r="H2565" s="43">
        <v>2558</v>
      </c>
      <c r="I2565" s="55">
        <f>Bühler!I2591</f>
        <v>1.6543079848768041</v>
      </c>
      <c r="J2565" s="58">
        <f>Bühler!J2591</f>
        <v>38.239236975153602</v>
      </c>
      <c r="K2565" s="58">
        <f>Bühler!K2591</f>
        <v>2.4963470372181105</v>
      </c>
      <c r="L2565" s="58">
        <f>Bühler!L2591</f>
        <v>1.2481735186090552</v>
      </c>
      <c r="M2565" s="57">
        <f>Bühler!M2591</f>
        <v>0</v>
      </c>
      <c r="N2565" s="55">
        <f>IF(Input!$K$13=1,J2565*Input!$J$13,0)+IF(Input!$K$14=1,K2565*Input!$J$14,0)+IF(Input!$K$15=1,L2565*Input!$J$15,0)+IF(Input!$K$16=1,M2565*Input!$J$16,0)</f>
        <v>4.5887084370184317</v>
      </c>
      <c r="O2565" s="58">
        <f>IF(Input!$K$13=2,J2565*Input!$J$13,0)+IF(Input!$K$14=2,K2565*Input!$J$14,0)+IF(Input!$K$15=2,L2565*Input!$J$15,0)+IF(Input!$K$16=2,M2565*Input!$J$16,0)</f>
        <v>0.33700685002444486</v>
      </c>
      <c r="P2565" s="58">
        <f>IF(Input!$K$13=3,J2565*Input!$J$13,0)+IF(Input!$K$14=3,K2565*Input!$J$14,0)+IF(Input!$K$15=3,L2565*Input!$J$15,0)+IF(Input!$K$16=3,M2565*Input!$J$16,0)</f>
        <v>0</v>
      </c>
      <c r="Q2565" s="71">
        <f>IF(Input!$K$13=4,J2565*Input!$J$13,0)+IF(Input!$K$14=4,K2565*Input!$J$14,0)+IF(Input!$K$15=4,L2565*Input!$J$15,0)+IF(Input!$K$16=4,M2565*Input!$J$16,0)</f>
        <v>0</v>
      </c>
    </row>
    <row r="2566" spans="8:17" x14ac:dyDescent="0.25">
      <c r="H2566" s="43">
        <v>2559</v>
      </c>
      <c r="I2566" s="55">
        <f>Bühler!I2592</f>
        <v>2.4814619773152056</v>
      </c>
      <c r="J2566" s="58">
        <f>Bühler!J2592</f>
        <v>57.358855462730403</v>
      </c>
      <c r="K2566" s="58">
        <f>Bühler!K2592</f>
        <v>3.7445205558271653</v>
      </c>
      <c r="L2566" s="58">
        <f>Bühler!L2592</f>
        <v>1.8722602779135826</v>
      </c>
      <c r="M2566" s="57">
        <f>Bühler!M2592</f>
        <v>0</v>
      </c>
      <c r="N2566" s="55">
        <f>IF(Input!$K$13=1,J2566*Input!$J$13,0)+IF(Input!$K$14=1,K2566*Input!$J$14,0)+IF(Input!$K$15=1,L2566*Input!$J$15,0)+IF(Input!$K$16=1,M2566*Input!$J$16,0)</f>
        <v>6.883062655527648</v>
      </c>
      <c r="O2566" s="58">
        <f>IF(Input!$K$13=2,J2566*Input!$J$13,0)+IF(Input!$K$14=2,K2566*Input!$J$14,0)+IF(Input!$K$15=2,L2566*Input!$J$15,0)+IF(Input!$K$16=2,M2566*Input!$J$16,0)</f>
        <v>0.50551027503666734</v>
      </c>
      <c r="P2566" s="58">
        <f>IF(Input!$K$13=3,J2566*Input!$J$13,0)+IF(Input!$K$14=3,K2566*Input!$J$14,0)+IF(Input!$K$15=3,L2566*Input!$J$15,0)+IF(Input!$K$16=3,M2566*Input!$J$16,0)</f>
        <v>0</v>
      </c>
      <c r="Q2566" s="71">
        <f>IF(Input!$K$13=4,J2566*Input!$J$13,0)+IF(Input!$K$14=4,K2566*Input!$J$14,0)+IF(Input!$K$15=4,L2566*Input!$J$15,0)+IF(Input!$K$16=4,M2566*Input!$J$16,0)</f>
        <v>0</v>
      </c>
    </row>
    <row r="2567" spans="8:17" x14ac:dyDescent="0.25">
      <c r="H2567" s="43">
        <v>2560</v>
      </c>
      <c r="I2567" s="55">
        <f>Bühler!I2593</f>
        <v>2.4814619773152056</v>
      </c>
      <c r="J2567" s="58">
        <f>Bühler!J2593</f>
        <v>57.358855462730403</v>
      </c>
      <c r="K2567" s="58">
        <f>Bühler!K2593</f>
        <v>3.7445205558271653</v>
      </c>
      <c r="L2567" s="58">
        <f>Bühler!L2593</f>
        <v>1.8722602779135826</v>
      </c>
      <c r="M2567" s="57">
        <f>Bühler!M2593</f>
        <v>0</v>
      </c>
      <c r="N2567" s="55">
        <f>IF(Input!$K$13=1,J2567*Input!$J$13,0)+IF(Input!$K$14=1,K2567*Input!$J$14,0)+IF(Input!$K$15=1,L2567*Input!$J$15,0)+IF(Input!$K$16=1,M2567*Input!$J$16,0)</f>
        <v>6.883062655527648</v>
      </c>
      <c r="O2567" s="58">
        <f>IF(Input!$K$13=2,J2567*Input!$J$13,0)+IF(Input!$K$14=2,K2567*Input!$J$14,0)+IF(Input!$K$15=2,L2567*Input!$J$15,0)+IF(Input!$K$16=2,M2567*Input!$J$16,0)</f>
        <v>0.50551027503666734</v>
      </c>
      <c r="P2567" s="58">
        <f>IF(Input!$K$13=3,J2567*Input!$J$13,0)+IF(Input!$K$14=3,K2567*Input!$J$14,0)+IF(Input!$K$15=3,L2567*Input!$J$15,0)+IF(Input!$K$16=3,M2567*Input!$J$16,0)</f>
        <v>0</v>
      </c>
      <c r="Q2567" s="71">
        <f>IF(Input!$K$13=4,J2567*Input!$J$13,0)+IF(Input!$K$14=4,K2567*Input!$J$14,0)+IF(Input!$K$15=4,L2567*Input!$J$15,0)+IF(Input!$K$16=4,M2567*Input!$J$16,0)</f>
        <v>0</v>
      </c>
    </row>
    <row r="2568" spans="8:17" x14ac:dyDescent="0.25">
      <c r="H2568" s="43">
        <v>2561</v>
      </c>
      <c r="I2568" s="55">
        <f>Bühler!I2594</f>
        <v>2.0678849810960047</v>
      </c>
      <c r="J2568" s="58">
        <f>Bühler!J2594</f>
        <v>34.131394972115608</v>
      </c>
      <c r="K2568" s="58">
        <f>Bühler!K2594</f>
        <v>2.1843036575658465</v>
      </c>
      <c r="L2568" s="58">
        <f>Bühler!L2594</f>
        <v>1.0921518287829233</v>
      </c>
      <c r="M2568" s="57">
        <f>Bühler!M2594</f>
        <v>0</v>
      </c>
      <c r="N2568" s="55">
        <f>IF(Input!$K$13=1,J2568*Input!$J$13,0)+IF(Input!$K$14=1,K2568*Input!$J$14,0)+IF(Input!$K$15=1,L2568*Input!$J$15,0)+IF(Input!$K$16=1,M2568*Input!$J$16,0)</f>
        <v>4.0957673966538728</v>
      </c>
      <c r="O2568" s="58">
        <f>IF(Input!$K$13=2,J2568*Input!$J$13,0)+IF(Input!$K$14=2,K2568*Input!$J$14,0)+IF(Input!$K$15=2,L2568*Input!$J$15,0)+IF(Input!$K$16=2,M2568*Input!$J$16,0)</f>
        <v>0.29488099377138932</v>
      </c>
      <c r="P2568" s="58">
        <f>IF(Input!$K$13=3,J2568*Input!$J$13,0)+IF(Input!$K$14=3,K2568*Input!$J$14,0)+IF(Input!$K$15=3,L2568*Input!$J$15,0)+IF(Input!$K$16=3,M2568*Input!$J$16,0)</f>
        <v>0</v>
      </c>
      <c r="Q2568" s="71">
        <f>IF(Input!$K$13=4,J2568*Input!$J$13,0)+IF(Input!$K$14=4,K2568*Input!$J$14,0)+IF(Input!$K$15=4,L2568*Input!$J$15,0)+IF(Input!$K$16=4,M2568*Input!$J$16,0)</f>
        <v>0</v>
      </c>
    </row>
    <row r="2569" spans="8:17" x14ac:dyDescent="0.25">
      <c r="H2569" s="43">
        <v>2562</v>
      </c>
      <c r="I2569" s="55">
        <f>Bühler!I2595</f>
        <v>1.6638155020312684</v>
      </c>
      <c r="J2569" s="58">
        <f>Bühler!J2595</f>
        <v>10.914234291751475</v>
      </c>
      <c r="K2569" s="58">
        <f>Bühler!K2595</f>
        <v>0.62408675930452762</v>
      </c>
      <c r="L2569" s="58">
        <f>Bühler!L2595</f>
        <v>0.31204337965226381</v>
      </c>
      <c r="M2569" s="57">
        <f>Bühler!M2595</f>
        <v>0</v>
      </c>
      <c r="N2569" s="55">
        <f>IF(Input!$K$13=1,J2569*Input!$J$13,0)+IF(Input!$K$14=1,K2569*Input!$J$14,0)+IF(Input!$K$15=1,L2569*Input!$J$15,0)+IF(Input!$K$16=1,M2569*Input!$J$16,0)</f>
        <v>1.309708115010177</v>
      </c>
      <c r="O2569" s="58">
        <f>IF(Input!$K$13=2,J2569*Input!$J$13,0)+IF(Input!$K$14=2,K2569*Input!$J$14,0)+IF(Input!$K$15=2,L2569*Input!$J$15,0)+IF(Input!$K$16=2,M2569*Input!$J$16,0)</f>
        <v>8.4251712506111215E-2</v>
      </c>
      <c r="P2569" s="58">
        <f>IF(Input!$K$13=3,J2569*Input!$J$13,0)+IF(Input!$K$14=3,K2569*Input!$J$14,0)+IF(Input!$K$15=3,L2569*Input!$J$15,0)+IF(Input!$K$16=3,M2569*Input!$J$16,0)</f>
        <v>0</v>
      </c>
      <c r="Q2569" s="71">
        <f>IF(Input!$K$13=4,J2569*Input!$J$13,0)+IF(Input!$K$14=4,K2569*Input!$J$14,0)+IF(Input!$K$15=4,L2569*Input!$J$15,0)+IF(Input!$K$16=4,M2569*Input!$J$16,0)</f>
        <v>0</v>
      </c>
    </row>
    <row r="2570" spans="8:17" x14ac:dyDescent="0.25">
      <c r="H2570" s="43">
        <v>2563</v>
      </c>
      <c r="I2570" s="55">
        <f>Bühler!I2596</f>
        <v>0.59421982215402436</v>
      </c>
      <c r="J2570" s="58">
        <f>Bühler!J2596</f>
        <v>9.6271708850597992</v>
      </c>
      <c r="K2570" s="58">
        <f>Bühler!K2596</f>
        <v>0.61529680494812578</v>
      </c>
      <c r="L2570" s="58">
        <f>Bühler!L2596</f>
        <v>0.30764840247406289</v>
      </c>
      <c r="M2570" s="57">
        <f>Bühler!M2596</f>
        <v>0</v>
      </c>
      <c r="N2570" s="55">
        <f>IF(Input!$K$13=1,J2570*Input!$J$13,0)+IF(Input!$K$14=1,K2570*Input!$J$14,0)+IF(Input!$K$15=1,L2570*Input!$J$15,0)+IF(Input!$K$16=1,M2570*Input!$J$16,0)</f>
        <v>1.1552605062071759</v>
      </c>
      <c r="O2570" s="58">
        <f>IF(Input!$K$13=2,J2570*Input!$J$13,0)+IF(Input!$K$14=2,K2570*Input!$J$14,0)+IF(Input!$K$15=2,L2570*Input!$J$15,0)+IF(Input!$K$16=2,M2570*Input!$J$16,0)</f>
        <v>8.3065068667996983E-2</v>
      </c>
      <c r="P2570" s="58">
        <f>IF(Input!$K$13=3,J2570*Input!$J$13,0)+IF(Input!$K$14=3,K2570*Input!$J$14,0)+IF(Input!$K$15=3,L2570*Input!$J$15,0)+IF(Input!$K$16=3,M2570*Input!$J$16,0)</f>
        <v>0</v>
      </c>
      <c r="Q2570" s="71">
        <f>IF(Input!$K$13=4,J2570*Input!$J$13,0)+IF(Input!$K$14=4,K2570*Input!$J$14,0)+IF(Input!$K$15=4,L2570*Input!$J$15,0)+IF(Input!$K$16=4,M2570*Input!$J$16,0)</f>
        <v>0</v>
      </c>
    </row>
    <row r="2571" spans="8:17" x14ac:dyDescent="0.25">
      <c r="H2571" s="43">
        <v>2564</v>
      </c>
      <c r="I2571" s="55">
        <f>Bühler!I2597</f>
        <v>0.59421982215402436</v>
      </c>
      <c r="J2571" s="58">
        <f>Bühler!J2597</f>
        <v>9.6271708850597992</v>
      </c>
      <c r="K2571" s="58">
        <f>Bühler!K2597</f>
        <v>0.61529680494812578</v>
      </c>
      <c r="L2571" s="58">
        <f>Bühler!L2597</f>
        <v>0.30764840247406289</v>
      </c>
      <c r="M2571" s="57">
        <f>Bühler!M2597</f>
        <v>0</v>
      </c>
      <c r="N2571" s="55">
        <f>IF(Input!$K$13=1,J2571*Input!$J$13,0)+IF(Input!$K$14=1,K2571*Input!$J$14,0)+IF(Input!$K$15=1,L2571*Input!$J$15,0)+IF(Input!$K$16=1,M2571*Input!$J$16,0)</f>
        <v>1.1552605062071759</v>
      </c>
      <c r="O2571" s="58">
        <f>IF(Input!$K$13=2,J2571*Input!$J$13,0)+IF(Input!$K$14=2,K2571*Input!$J$14,0)+IF(Input!$K$15=2,L2571*Input!$J$15,0)+IF(Input!$K$16=2,M2571*Input!$J$16,0)</f>
        <v>8.3065068667996983E-2</v>
      </c>
      <c r="P2571" s="58">
        <f>IF(Input!$K$13=3,J2571*Input!$J$13,0)+IF(Input!$K$14=3,K2571*Input!$J$14,0)+IF(Input!$K$15=3,L2571*Input!$J$15,0)+IF(Input!$K$16=3,M2571*Input!$J$16,0)</f>
        <v>0</v>
      </c>
      <c r="Q2571" s="71">
        <f>IF(Input!$K$13=4,J2571*Input!$J$13,0)+IF(Input!$K$14=4,K2571*Input!$J$14,0)+IF(Input!$K$15=4,L2571*Input!$J$15,0)+IF(Input!$K$16=4,M2571*Input!$J$16,0)</f>
        <v>0</v>
      </c>
    </row>
    <row r="2572" spans="8:17" x14ac:dyDescent="0.25">
      <c r="H2572" s="43">
        <v>2565</v>
      </c>
      <c r="I2572" s="55">
        <f>Bühler!I2598</f>
        <v>0.59421982215402436</v>
      </c>
      <c r="J2572" s="58">
        <f>Bühler!J2598</f>
        <v>9.6271708850597992</v>
      </c>
      <c r="K2572" s="58">
        <f>Bühler!K2598</f>
        <v>0.61529680494812578</v>
      </c>
      <c r="L2572" s="58">
        <f>Bühler!L2598</f>
        <v>0.30764840247406289</v>
      </c>
      <c r="M2572" s="57">
        <f>Bühler!M2598</f>
        <v>0</v>
      </c>
      <c r="N2572" s="55">
        <f>IF(Input!$K$13=1,J2572*Input!$J$13,0)+IF(Input!$K$14=1,K2572*Input!$J$14,0)+IF(Input!$K$15=1,L2572*Input!$J$15,0)+IF(Input!$K$16=1,M2572*Input!$J$16,0)</f>
        <v>1.1552605062071759</v>
      </c>
      <c r="O2572" s="58">
        <f>IF(Input!$K$13=2,J2572*Input!$J$13,0)+IF(Input!$K$14=2,K2572*Input!$J$14,0)+IF(Input!$K$15=2,L2572*Input!$J$15,0)+IF(Input!$K$16=2,M2572*Input!$J$16,0)</f>
        <v>8.3065068667996983E-2</v>
      </c>
      <c r="P2572" s="58">
        <f>IF(Input!$K$13=3,J2572*Input!$J$13,0)+IF(Input!$K$14=3,K2572*Input!$J$14,0)+IF(Input!$K$15=3,L2572*Input!$J$15,0)+IF(Input!$K$16=3,M2572*Input!$J$16,0)</f>
        <v>0</v>
      </c>
      <c r="Q2572" s="71">
        <f>IF(Input!$K$13=4,J2572*Input!$J$13,0)+IF(Input!$K$14=4,K2572*Input!$J$14,0)+IF(Input!$K$15=4,L2572*Input!$J$15,0)+IF(Input!$K$16=4,M2572*Input!$J$16,0)</f>
        <v>0</v>
      </c>
    </row>
    <row r="2573" spans="8:17" x14ac:dyDescent="0.25">
      <c r="H2573" s="43">
        <v>2566</v>
      </c>
      <c r="I2573" s="55">
        <f>Bühler!I2599</f>
        <v>0.59421982215402436</v>
      </c>
      <c r="J2573" s="58">
        <f>Bühler!J2599</f>
        <v>9.6271708850597992</v>
      </c>
      <c r="K2573" s="58">
        <f>Bühler!K2599</f>
        <v>0.61529680494812578</v>
      </c>
      <c r="L2573" s="58">
        <f>Bühler!L2599</f>
        <v>0.30764840247406289</v>
      </c>
      <c r="M2573" s="57">
        <f>Bühler!M2599</f>
        <v>0</v>
      </c>
      <c r="N2573" s="55">
        <f>IF(Input!$K$13=1,J2573*Input!$J$13,0)+IF(Input!$K$14=1,K2573*Input!$J$14,0)+IF(Input!$K$15=1,L2573*Input!$J$15,0)+IF(Input!$K$16=1,M2573*Input!$J$16,0)</f>
        <v>1.1552605062071759</v>
      </c>
      <c r="O2573" s="58">
        <f>IF(Input!$K$13=2,J2573*Input!$J$13,0)+IF(Input!$K$14=2,K2573*Input!$J$14,0)+IF(Input!$K$15=2,L2573*Input!$J$15,0)+IF(Input!$K$16=2,M2573*Input!$J$16,0)</f>
        <v>8.3065068667996983E-2</v>
      </c>
      <c r="P2573" s="58">
        <f>IF(Input!$K$13=3,J2573*Input!$J$13,0)+IF(Input!$K$14=3,K2573*Input!$J$14,0)+IF(Input!$K$15=3,L2573*Input!$J$15,0)+IF(Input!$K$16=3,M2573*Input!$J$16,0)</f>
        <v>0</v>
      </c>
      <c r="Q2573" s="71">
        <f>IF(Input!$K$13=4,J2573*Input!$J$13,0)+IF(Input!$K$14=4,K2573*Input!$J$14,0)+IF(Input!$K$15=4,L2573*Input!$J$15,0)+IF(Input!$K$16=4,M2573*Input!$J$16,0)</f>
        <v>0</v>
      </c>
    </row>
    <row r="2574" spans="8:17" x14ac:dyDescent="0.25">
      <c r="H2574" s="43">
        <v>2567</v>
      </c>
      <c r="I2574" s="55">
        <f>Bühler!I2600</f>
        <v>0.59421982215402436</v>
      </c>
      <c r="J2574" s="58">
        <f>Bühler!J2600</f>
        <v>9.6271708850597992</v>
      </c>
      <c r="K2574" s="58">
        <f>Bühler!K2600</f>
        <v>0.61529680494812578</v>
      </c>
      <c r="L2574" s="58">
        <f>Bühler!L2600</f>
        <v>0.30764840247406289</v>
      </c>
      <c r="M2574" s="57">
        <f>Bühler!M2600</f>
        <v>0</v>
      </c>
      <c r="N2574" s="55">
        <f>IF(Input!$K$13=1,J2574*Input!$J$13,0)+IF(Input!$K$14=1,K2574*Input!$J$14,0)+IF(Input!$K$15=1,L2574*Input!$J$15,0)+IF(Input!$K$16=1,M2574*Input!$J$16,0)</f>
        <v>1.1552605062071759</v>
      </c>
      <c r="O2574" s="58">
        <f>IF(Input!$K$13=2,J2574*Input!$J$13,0)+IF(Input!$K$14=2,K2574*Input!$J$14,0)+IF(Input!$K$15=2,L2574*Input!$J$15,0)+IF(Input!$K$16=2,M2574*Input!$J$16,0)</f>
        <v>8.3065068667996983E-2</v>
      </c>
      <c r="P2574" s="58">
        <f>IF(Input!$K$13=3,J2574*Input!$J$13,0)+IF(Input!$K$14=3,K2574*Input!$J$14,0)+IF(Input!$K$15=3,L2574*Input!$J$15,0)+IF(Input!$K$16=3,M2574*Input!$J$16,0)</f>
        <v>0</v>
      </c>
      <c r="Q2574" s="71">
        <f>IF(Input!$K$13=4,J2574*Input!$J$13,0)+IF(Input!$K$14=4,K2574*Input!$J$14,0)+IF(Input!$K$15=4,L2574*Input!$J$15,0)+IF(Input!$K$16=4,M2574*Input!$J$16,0)</f>
        <v>0</v>
      </c>
    </row>
    <row r="2575" spans="8:17" x14ac:dyDescent="0.25">
      <c r="H2575" s="43">
        <v>2568</v>
      </c>
      <c r="I2575" s="55">
        <f>Bühler!I2601</f>
        <v>0.59421982215402436</v>
      </c>
      <c r="J2575" s="58">
        <f>Bühler!J2601</f>
        <v>9.6271708850597992</v>
      </c>
      <c r="K2575" s="58">
        <f>Bühler!K2601</f>
        <v>0.61529680494812578</v>
      </c>
      <c r="L2575" s="58">
        <f>Bühler!L2601</f>
        <v>0.30764840247406289</v>
      </c>
      <c r="M2575" s="57">
        <f>Bühler!M2601</f>
        <v>0</v>
      </c>
      <c r="N2575" s="55">
        <f>IF(Input!$K$13=1,J2575*Input!$J$13,0)+IF(Input!$K$14=1,K2575*Input!$J$14,0)+IF(Input!$K$15=1,L2575*Input!$J$15,0)+IF(Input!$K$16=1,M2575*Input!$J$16,0)</f>
        <v>1.1552605062071759</v>
      </c>
      <c r="O2575" s="58">
        <f>IF(Input!$K$13=2,J2575*Input!$J$13,0)+IF(Input!$K$14=2,K2575*Input!$J$14,0)+IF(Input!$K$15=2,L2575*Input!$J$15,0)+IF(Input!$K$16=2,M2575*Input!$J$16,0)</f>
        <v>8.3065068667996983E-2</v>
      </c>
      <c r="P2575" s="58">
        <f>IF(Input!$K$13=3,J2575*Input!$J$13,0)+IF(Input!$K$14=3,K2575*Input!$J$14,0)+IF(Input!$K$15=3,L2575*Input!$J$15,0)+IF(Input!$K$16=3,M2575*Input!$J$16,0)</f>
        <v>0</v>
      </c>
      <c r="Q2575" s="71">
        <f>IF(Input!$K$13=4,J2575*Input!$J$13,0)+IF(Input!$K$14=4,K2575*Input!$J$14,0)+IF(Input!$K$15=4,L2575*Input!$J$15,0)+IF(Input!$K$16=4,M2575*Input!$J$16,0)</f>
        <v>0</v>
      </c>
    </row>
    <row r="2576" spans="8:17" x14ac:dyDescent="0.25">
      <c r="H2576" s="43">
        <v>2569</v>
      </c>
      <c r="I2576" s="55">
        <f>Bühler!I2602</f>
        <v>0.57263016681403056</v>
      </c>
      <c r="J2576" s="58">
        <f>Bühler!J2602</f>
        <v>6.4160296471538567</v>
      </c>
      <c r="K2576" s="58">
        <f>Bühler!K2602</f>
        <v>0.39277137100276804</v>
      </c>
      <c r="L2576" s="58">
        <f>Bühler!L2602</f>
        <v>0.19638568550138402</v>
      </c>
      <c r="M2576" s="57">
        <f>Bühler!M2602</f>
        <v>0</v>
      </c>
      <c r="N2576" s="55">
        <f>IF(Input!$K$13=1,J2576*Input!$J$13,0)+IF(Input!$K$14=1,K2576*Input!$J$14,0)+IF(Input!$K$15=1,L2576*Input!$J$15,0)+IF(Input!$K$16=1,M2576*Input!$J$16,0)</f>
        <v>0.76992355765846276</v>
      </c>
      <c r="O2576" s="58">
        <f>IF(Input!$K$13=2,J2576*Input!$J$13,0)+IF(Input!$K$14=2,K2576*Input!$J$14,0)+IF(Input!$K$15=2,L2576*Input!$J$15,0)+IF(Input!$K$16=2,M2576*Input!$J$16,0)</f>
        <v>5.302413508537368E-2</v>
      </c>
      <c r="P2576" s="58">
        <f>IF(Input!$K$13=3,J2576*Input!$J$13,0)+IF(Input!$K$14=3,K2576*Input!$J$14,0)+IF(Input!$K$15=3,L2576*Input!$J$15,0)+IF(Input!$K$16=3,M2576*Input!$J$16,0)</f>
        <v>0</v>
      </c>
      <c r="Q2576" s="71">
        <f>IF(Input!$K$13=4,J2576*Input!$J$13,0)+IF(Input!$K$14=4,K2576*Input!$J$14,0)+IF(Input!$K$15=4,L2576*Input!$J$15,0)+IF(Input!$K$16=4,M2576*Input!$J$16,0)</f>
        <v>0</v>
      </c>
    </row>
    <row r="2577" spans="8:17" x14ac:dyDescent="0.25">
      <c r="H2577" s="43">
        <v>2570</v>
      </c>
      <c r="I2577" s="55">
        <f>Bühler!I2603</f>
        <v>0.57263016681403056</v>
      </c>
      <c r="J2577" s="58">
        <f>Bühler!J2603</f>
        <v>9.4518621851296611</v>
      </c>
      <c r="K2577" s="58">
        <f>Bühler!K2603</f>
        <v>0.59850875581374186</v>
      </c>
      <c r="L2577" s="58">
        <f>Bühler!L2603</f>
        <v>0.29925437790687093</v>
      </c>
      <c r="M2577" s="57">
        <f>Bühler!M2603</f>
        <v>0</v>
      </c>
      <c r="N2577" s="55">
        <f>IF(Input!$K$13=1,J2577*Input!$J$13,0)+IF(Input!$K$14=1,K2577*Input!$J$14,0)+IF(Input!$K$15=1,L2577*Input!$J$15,0)+IF(Input!$K$16=1,M2577*Input!$J$16,0)</f>
        <v>1.1342234622155594</v>
      </c>
      <c r="O2577" s="58">
        <f>IF(Input!$K$13=2,J2577*Input!$J$13,0)+IF(Input!$K$14=2,K2577*Input!$J$14,0)+IF(Input!$K$15=2,L2577*Input!$J$15,0)+IF(Input!$K$16=2,M2577*Input!$J$16,0)</f>
        <v>8.0798682034855157E-2</v>
      </c>
      <c r="P2577" s="58">
        <f>IF(Input!$K$13=3,J2577*Input!$J$13,0)+IF(Input!$K$14=3,K2577*Input!$J$14,0)+IF(Input!$K$15=3,L2577*Input!$J$15,0)+IF(Input!$K$16=3,M2577*Input!$J$16,0)</f>
        <v>0</v>
      </c>
      <c r="Q2577" s="71">
        <f>IF(Input!$K$13=4,J2577*Input!$J$13,0)+IF(Input!$K$14=4,K2577*Input!$J$14,0)+IF(Input!$K$15=4,L2577*Input!$J$15,0)+IF(Input!$K$16=4,M2577*Input!$J$16,0)</f>
        <v>0</v>
      </c>
    </row>
    <row r="2578" spans="8:17" x14ac:dyDescent="0.25">
      <c r="H2578" s="43">
        <v>2571</v>
      </c>
      <c r="I2578" s="55">
        <f>Bühler!I2604</f>
        <v>0.57263016681403056</v>
      </c>
      <c r="J2578" s="58">
        <f>Bühler!J2604</f>
        <v>9.4518621851296611</v>
      </c>
      <c r="K2578" s="58">
        <f>Bühler!K2604</f>
        <v>0.59850875581374186</v>
      </c>
      <c r="L2578" s="58">
        <f>Bühler!L2604</f>
        <v>0.29925437790687093</v>
      </c>
      <c r="M2578" s="57">
        <f>Bühler!M2604</f>
        <v>0</v>
      </c>
      <c r="N2578" s="55">
        <f>IF(Input!$K$13=1,J2578*Input!$J$13,0)+IF(Input!$K$14=1,K2578*Input!$J$14,0)+IF(Input!$K$15=1,L2578*Input!$J$15,0)+IF(Input!$K$16=1,M2578*Input!$J$16,0)</f>
        <v>1.1342234622155594</v>
      </c>
      <c r="O2578" s="58">
        <f>IF(Input!$K$13=2,J2578*Input!$J$13,0)+IF(Input!$K$14=2,K2578*Input!$J$14,0)+IF(Input!$K$15=2,L2578*Input!$J$15,0)+IF(Input!$K$16=2,M2578*Input!$J$16,0)</f>
        <v>8.0798682034855157E-2</v>
      </c>
      <c r="P2578" s="58">
        <f>IF(Input!$K$13=3,J2578*Input!$J$13,0)+IF(Input!$K$14=3,K2578*Input!$J$14,0)+IF(Input!$K$15=3,L2578*Input!$J$15,0)+IF(Input!$K$16=3,M2578*Input!$J$16,0)</f>
        <v>0</v>
      </c>
      <c r="Q2578" s="71">
        <f>IF(Input!$K$13=4,J2578*Input!$J$13,0)+IF(Input!$K$14=4,K2578*Input!$J$14,0)+IF(Input!$K$15=4,L2578*Input!$J$15,0)+IF(Input!$K$16=4,M2578*Input!$J$16,0)</f>
        <v>0</v>
      </c>
    </row>
    <row r="2579" spans="8:17" x14ac:dyDescent="0.25">
      <c r="H2579" s="43">
        <v>2572</v>
      </c>
      <c r="I2579" s="55">
        <f>Bühler!I2605</f>
        <v>0.57263016681403056</v>
      </c>
      <c r="J2579" s="58">
        <f>Bühler!J2605</f>
        <v>9.4518621851296611</v>
      </c>
      <c r="K2579" s="58">
        <f>Bühler!K2605</f>
        <v>0.59850875581374186</v>
      </c>
      <c r="L2579" s="58">
        <f>Bühler!L2605</f>
        <v>0.29925437790687093</v>
      </c>
      <c r="M2579" s="57">
        <f>Bühler!M2605</f>
        <v>0</v>
      </c>
      <c r="N2579" s="55">
        <f>IF(Input!$K$13=1,J2579*Input!$J$13,0)+IF(Input!$K$14=1,K2579*Input!$J$14,0)+IF(Input!$K$15=1,L2579*Input!$J$15,0)+IF(Input!$K$16=1,M2579*Input!$J$16,0)</f>
        <v>1.1342234622155594</v>
      </c>
      <c r="O2579" s="58">
        <f>IF(Input!$K$13=2,J2579*Input!$J$13,0)+IF(Input!$K$14=2,K2579*Input!$J$14,0)+IF(Input!$K$15=2,L2579*Input!$J$15,0)+IF(Input!$K$16=2,M2579*Input!$J$16,0)</f>
        <v>8.0798682034855157E-2</v>
      </c>
      <c r="P2579" s="58">
        <f>IF(Input!$K$13=3,J2579*Input!$J$13,0)+IF(Input!$K$14=3,K2579*Input!$J$14,0)+IF(Input!$K$15=3,L2579*Input!$J$15,0)+IF(Input!$K$16=3,M2579*Input!$J$16,0)</f>
        <v>0</v>
      </c>
      <c r="Q2579" s="71">
        <f>IF(Input!$K$13=4,J2579*Input!$J$13,0)+IF(Input!$K$14=4,K2579*Input!$J$14,0)+IF(Input!$K$15=4,L2579*Input!$J$15,0)+IF(Input!$K$16=4,M2579*Input!$J$16,0)</f>
        <v>0</v>
      </c>
    </row>
    <row r="2580" spans="8:17" x14ac:dyDescent="0.25">
      <c r="H2580" s="43">
        <v>2573</v>
      </c>
      <c r="I2580" s="55">
        <f>Bühler!I2606</f>
        <v>0.57263016681403056</v>
      </c>
      <c r="J2580" s="58">
        <f>Bühler!J2606</f>
        <v>9.4518621851296611</v>
      </c>
      <c r="K2580" s="58">
        <f>Bühler!K2606</f>
        <v>0.59850875581374186</v>
      </c>
      <c r="L2580" s="58">
        <f>Bühler!L2606</f>
        <v>0.29925437790687093</v>
      </c>
      <c r="M2580" s="57">
        <f>Bühler!M2606</f>
        <v>0</v>
      </c>
      <c r="N2580" s="55">
        <f>IF(Input!$K$13=1,J2580*Input!$J$13,0)+IF(Input!$K$14=1,K2580*Input!$J$14,0)+IF(Input!$K$15=1,L2580*Input!$J$15,0)+IF(Input!$K$16=1,M2580*Input!$J$16,0)</f>
        <v>1.1342234622155594</v>
      </c>
      <c r="O2580" s="58">
        <f>IF(Input!$K$13=2,J2580*Input!$J$13,0)+IF(Input!$K$14=2,K2580*Input!$J$14,0)+IF(Input!$K$15=2,L2580*Input!$J$15,0)+IF(Input!$K$16=2,M2580*Input!$J$16,0)</f>
        <v>8.0798682034855157E-2</v>
      </c>
      <c r="P2580" s="58">
        <f>IF(Input!$K$13=3,J2580*Input!$J$13,0)+IF(Input!$K$14=3,K2580*Input!$J$14,0)+IF(Input!$K$15=3,L2580*Input!$J$15,0)+IF(Input!$K$16=3,M2580*Input!$J$16,0)</f>
        <v>0</v>
      </c>
      <c r="Q2580" s="71">
        <f>IF(Input!$K$13=4,J2580*Input!$J$13,0)+IF(Input!$K$14=4,K2580*Input!$J$14,0)+IF(Input!$K$15=4,L2580*Input!$J$15,0)+IF(Input!$K$16=4,M2580*Input!$J$16,0)</f>
        <v>0</v>
      </c>
    </row>
    <row r="2581" spans="8:17" x14ac:dyDescent="0.25">
      <c r="H2581" s="43">
        <v>2574</v>
      </c>
      <c r="I2581" s="55">
        <f>Bühler!I2607</f>
        <v>0.57263016681403056</v>
      </c>
      <c r="J2581" s="58">
        <f>Bühler!J2607</f>
        <v>9.4518621851296611</v>
      </c>
      <c r="K2581" s="58">
        <f>Bühler!K2607</f>
        <v>0.59850875581374186</v>
      </c>
      <c r="L2581" s="58">
        <f>Bühler!L2607</f>
        <v>0.29925437790687093</v>
      </c>
      <c r="M2581" s="57">
        <f>Bühler!M2607</f>
        <v>0</v>
      </c>
      <c r="N2581" s="55">
        <f>IF(Input!$K$13=1,J2581*Input!$J$13,0)+IF(Input!$K$14=1,K2581*Input!$J$14,0)+IF(Input!$K$15=1,L2581*Input!$J$15,0)+IF(Input!$K$16=1,M2581*Input!$J$16,0)</f>
        <v>1.1342234622155594</v>
      </c>
      <c r="O2581" s="58">
        <f>IF(Input!$K$13=2,J2581*Input!$J$13,0)+IF(Input!$K$14=2,K2581*Input!$J$14,0)+IF(Input!$K$15=2,L2581*Input!$J$15,0)+IF(Input!$K$16=2,M2581*Input!$J$16,0)</f>
        <v>8.0798682034855157E-2</v>
      </c>
      <c r="P2581" s="58">
        <f>IF(Input!$K$13=3,J2581*Input!$J$13,0)+IF(Input!$K$14=3,K2581*Input!$J$14,0)+IF(Input!$K$15=3,L2581*Input!$J$15,0)+IF(Input!$K$16=3,M2581*Input!$J$16,0)</f>
        <v>0</v>
      </c>
      <c r="Q2581" s="71">
        <f>IF(Input!$K$13=4,J2581*Input!$J$13,0)+IF(Input!$K$14=4,K2581*Input!$J$14,0)+IF(Input!$K$15=4,L2581*Input!$J$15,0)+IF(Input!$K$16=4,M2581*Input!$J$16,0)</f>
        <v>0</v>
      </c>
    </row>
    <row r="2582" spans="8:17" x14ac:dyDescent="0.25">
      <c r="H2582" s="43">
        <v>2575</v>
      </c>
      <c r="I2582" s="55">
        <f>Bühler!I2608</f>
        <v>0.57263016681403056</v>
      </c>
      <c r="J2582" s="58">
        <f>Bühler!J2608</f>
        <v>9.4518621851296611</v>
      </c>
      <c r="K2582" s="58">
        <f>Bühler!K2608</f>
        <v>0.59850875581374186</v>
      </c>
      <c r="L2582" s="58">
        <f>Bühler!L2608</f>
        <v>0.29925437790687093</v>
      </c>
      <c r="M2582" s="57">
        <f>Bühler!M2608</f>
        <v>0</v>
      </c>
      <c r="N2582" s="55">
        <f>IF(Input!$K$13=1,J2582*Input!$J$13,0)+IF(Input!$K$14=1,K2582*Input!$J$14,0)+IF(Input!$K$15=1,L2582*Input!$J$15,0)+IF(Input!$K$16=1,M2582*Input!$J$16,0)</f>
        <v>1.1342234622155594</v>
      </c>
      <c r="O2582" s="58">
        <f>IF(Input!$K$13=2,J2582*Input!$J$13,0)+IF(Input!$K$14=2,K2582*Input!$J$14,0)+IF(Input!$K$15=2,L2582*Input!$J$15,0)+IF(Input!$K$16=2,M2582*Input!$J$16,0)</f>
        <v>8.0798682034855157E-2</v>
      </c>
      <c r="P2582" s="58">
        <f>IF(Input!$K$13=3,J2582*Input!$J$13,0)+IF(Input!$K$14=3,K2582*Input!$J$14,0)+IF(Input!$K$15=3,L2582*Input!$J$15,0)+IF(Input!$K$16=3,M2582*Input!$J$16,0)</f>
        <v>0</v>
      </c>
      <c r="Q2582" s="71">
        <f>IF(Input!$K$13=4,J2582*Input!$J$13,0)+IF(Input!$K$14=4,K2582*Input!$J$14,0)+IF(Input!$K$15=4,L2582*Input!$J$15,0)+IF(Input!$K$16=4,M2582*Input!$J$16,0)</f>
        <v>0</v>
      </c>
    </row>
    <row r="2583" spans="8:17" x14ac:dyDescent="0.25">
      <c r="H2583" s="43">
        <v>2576</v>
      </c>
      <c r="I2583" s="55">
        <f>Bühler!I2609</f>
        <v>1.6495443192417072</v>
      </c>
      <c r="J2583" s="58">
        <f>Bühler!J2609</f>
        <v>39.017352652475729</v>
      </c>
      <c r="K2583" s="58">
        <f>Bühler!K2609</f>
        <v>2.5230884737273049</v>
      </c>
      <c r="L2583" s="58">
        <f>Bühler!L2609</f>
        <v>1.2615442368636525</v>
      </c>
      <c r="M2583" s="57">
        <f>Bühler!M2609</f>
        <v>0</v>
      </c>
      <c r="N2583" s="55">
        <f>IF(Input!$K$13=1,J2583*Input!$J$13,0)+IF(Input!$K$14=1,K2583*Input!$J$14,0)+IF(Input!$K$15=1,L2583*Input!$J$15,0)+IF(Input!$K$16=1,M2583*Input!$J$16,0)</f>
        <v>4.6820823182970877</v>
      </c>
      <c r="O2583" s="58">
        <f>IF(Input!$K$13=2,J2583*Input!$J$13,0)+IF(Input!$K$14=2,K2583*Input!$J$14,0)+IF(Input!$K$15=2,L2583*Input!$J$15,0)+IF(Input!$K$16=2,M2583*Input!$J$16,0)</f>
        <v>0.34061694395318615</v>
      </c>
      <c r="P2583" s="58">
        <f>IF(Input!$K$13=3,J2583*Input!$J$13,0)+IF(Input!$K$14=3,K2583*Input!$J$14,0)+IF(Input!$K$15=3,L2583*Input!$J$15,0)+IF(Input!$K$16=3,M2583*Input!$J$16,0)</f>
        <v>0</v>
      </c>
      <c r="Q2583" s="71">
        <f>IF(Input!$K$13=4,J2583*Input!$J$13,0)+IF(Input!$K$14=4,K2583*Input!$J$14,0)+IF(Input!$K$15=4,L2583*Input!$J$15,0)+IF(Input!$K$16=4,M2583*Input!$J$16,0)</f>
        <v>0</v>
      </c>
    </row>
    <row r="2584" spans="8:17" x14ac:dyDescent="0.25">
      <c r="H2584" s="43">
        <v>2577</v>
      </c>
      <c r="I2584" s="55">
        <f>Bühler!I2610</f>
        <v>1.840544187785484</v>
      </c>
      <c r="J2584" s="58">
        <f>Bühler!J2610</f>
        <v>43.535151380657126</v>
      </c>
      <c r="K2584" s="58">
        <f>Bühler!K2610</f>
        <v>2.8152355601588881</v>
      </c>
      <c r="L2584" s="58">
        <f>Bühler!L2610</f>
        <v>1.407617780079444</v>
      </c>
      <c r="M2584" s="57">
        <f>Bühler!M2610</f>
        <v>0</v>
      </c>
      <c r="N2584" s="55">
        <f>IF(Input!$K$13=1,J2584*Input!$J$13,0)+IF(Input!$K$14=1,K2584*Input!$J$14,0)+IF(Input!$K$15=1,L2584*Input!$J$15,0)+IF(Input!$K$16=1,M2584*Input!$J$16,0)</f>
        <v>5.2242181656788551</v>
      </c>
      <c r="O2584" s="58">
        <f>IF(Input!$K$13=2,J2584*Input!$J$13,0)+IF(Input!$K$14=2,K2584*Input!$J$14,0)+IF(Input!$K$15=2,L2584*Input!$J$15,0)+IF(Input!$K$16=2,M2584*Input!$J$16,0)</f>
        <v>0.38005680062144986</v>
      </c>
      <c r="P2584" s="58">
        <f>IF(Input!$K$13=3,J2584*Input!$J$13,0)+IF(Input!$K$14=3,K2584*Input!$J$14,0)+IF(Input!$K$15=3,L2584*Input!$J$15,0)+IF(Input!$K$16=3,M2584*Input!$J$16,0)</f>
        <v>0</v>
      </c>
      <c r="Q2584" s="71">
        <f>IF(Input!$K$13=4,J2584*Input!$J$13,0)+IF(Input!$K$14=4,K2584*Input!$J$14,0)+IF(Input!$K$15=4,L2584*Input!$J$15,0)+IF(Input!$K$16=4,M2584*Input!$J$16,0)</f>
        <v>0</v>
      </c>
    </row>
    <row r="2585" spans="8:17" x14ac:dyDescent="0.25">
      <c r="H2585" s="43">
        <v>2578</v>
      </c>
      <c r="I2585" s="55">
        <f>Bühler!I2611</f>
        <v>2.0315440563292606</v>
      </c>
      <c r="J2585" s="58">
        <f>Bühler!J2611</f>
        <v>48.05295010883853</v>
      </c>
      <c r="K2585" s="58">
        <f>Bühler!K2611</f>
        <v>3.1073826465904708</v>
      </c>
      <c r="L2585" s="58">
        <f>Bühler!L2611</f>
        <v>1.5536913232952354</v>
      </c>
      <c r="M2585" s="57">
        <f>Bühler!M2611</f>
        <v>0</v>
      </c>
      <c r="N2585" s="55">
        <f>IF(Input!$K$13=1,J2585*Input!$J$13,0)+IF(Input!$K$14=1,K2585*Input!$J$14,0)+IF(Input!$K$15=1,L2585*Input!$J$15,0)+IF(Input!$K$16=1,M2585*Input!$J$16,0)</f>
        <v>5.7663540130606235</v>
      </c>
      <c r="O2585" s="58">
        <f>IF(Input!$K$13=2,J2585*Input!$J$13,0)+IF(Input!$K$14=2,K2585*Input!$J$14,0)+IF(Input!$K$15=2,L2585*Input!$J$15,0)+IF(Input!$K$16=2,M2585*Input!$J$16,0)</f>
        <v>0.41949665728971353</v>
      </c>
      <c r="P2585" s="58">
        <f>IF(Input!$K$13=3,J2585*Input!$J$13,0)+IF(Input!$K$14=3,K2585*Input!$J$14,0)+IF(Input!$K$15=3,L2585*Input!$J$15,0)+IF(Input!$K$16=3,M2585*Input!$J$16,0)</f>
        <v>0</v>
      </c>
      <c r="Q2585" s="71">
        <f>IF(Input!$K$13=4,J2585*Input!$J$13,0)+IF(Input!$K$14=4,K2585*Input!$J$14,0)+IF(Input!$K$15=4,L2585*Input!$J$15,0)+IF(Input!$K$16=4,M2585*Input!$J$16,0)</f>
        <v>0</v>
      </c>
    </row>
    <row r="2586" spans="8:17" x14ac:dyDescent="0.25">
      <c r="H2586" s="43">
        <v>2579</v>
      </c>
      <c r="I2586" s="55">
        <f>Bühler!I2612</f>
        <v>2.0315440563292606</v>
      </c>
      <c r="J2586" s="58">
        <f>Bühler!J2612</f>
        <v>48.05295010883853</v>
      </c>
      <c r="K2586" s="58">
        <f>Bühler!K2612</f>
        <v>3.1073826465904708</v>
      </c>
      <c r="L2586" s="58">
        <f>Bühler!L2612</f>
        <v>1.5536913232952354</v>
      </c>
      <c r="M2586" s="57">
        <f>Bühler!M2612</f>
        <v>0</v>
      </c>
      <c r="N2586" s="55">
        <f>IF(Input!$K$13=1,J2586*Input!$J$13,0)+IF(Input!$K$14=1,K2586*Input!$J$14,0)+IF(Input!$K$15=1,L2586*Input!$J$15,0)+IF(Input!$K$16=1,M2586*Input!$J$16,0)</f>
        <v>5.7663540130606235</v>
      </c>
      <c r="O2586" s="58">
        <f>IF(Input!$K$13=2,J2586*Input!$J$13,0)+IF(Input!$K$14=2,K2586*Input!$J$14,0)+IF(Input!$K$15=2,L2586*Input!$J$15,0)+IF(Input!$K$16=2,M2586*Input!$J$16,0)</f>
        <v>0.41949665728971353</v>
      </c>
      <c r="P2586" s="58">
        <f>IF(Input!$K$13=3,J2586*Input!$J$13,0)+IF(Input!$K$14=3,K2586*Input!$J$14,0)+IF(Input!$K$15=3,L2586*Input!$J$15,0)+IF(Input!$K$16=3,M2586*Input!$J$16,0)</f>
        <v>0</v>
      </c>
      <c r="Q2586" s="71">
        <f>IF(Input!$K$13=4,J2586*Input!$J$13,0)+IF(Input!$K$14=4,K2586*Input!$J$14,0)+IF(Input!$K$15=4,L2586*Input!$J$15,0)+IF(Input!$K$16=4,M2586*Input!$J$16,0)</f>
        <v>0</v>
      </c>
    </row>
    <row r="2587" spans="8:17" x14ac:dyDescent="0.25">
      <c r="H2587" s="43">
        <v>2580</v>
      </c>
      <c r="I2587" s="55">
        <f>Bühler!I2613</f>
        <v>2.4309074178298844</v>
      </c>
      <c r="J2587" s="58">
        <f>Bühler!J2613</f>
        <v>57.499256540490549</v>
      </c>
      <c r="K2587" s="58">
        <f>Bühler!K2613</f>
        <v>3.7182356454928702</v>
      </c>
      <c r="L2587" s="58">
        <f>Bühler!L2613</f>
        <v>1.8591178227464351</v>
      </c>
      <c r="M2587" s="57">
        <f>Bühler!M2613</f>
        <v>0</v>
      </c>
      <c r="N2587" s="55">
        <f>IF(Input!$K$13=1,J2587*Input!$J$13,0)+IF(Input!$K$14=1,K2587*Input!$J$14,0)+IF(Input!$K$15=1,L2587*Input!$J$15,0)+IF(Input!$K$16=1,M2587*Input!$J$16,0)</f>
        <v>6.8999107848588652</v>
      </c>
      <c r="O2587" s="58">
        <f>IF(Input!$K$13=2,J2587*Input!$J$13,0)+IF(Input!$K$14=2,K2587*Input!$J$14,0)+IF(Input!$K$15=2,L2587*Input!$J$15,0)+IF(Input!$K$16=2,M2587*Input!$J$16,0)</f>
        <v>0.50196181214153746</v>
      </c>
      <c r="P2587" s="58">
        <f>IF(Input!$K$13=3,J2587*Input!$J$13,0)+IF(Input!$K$14=3,K2587*Input!$J$14,0)+IF(Input!$K$15=3,L2587*Input!$J$15,0)+IF(Input!$K$16=3,M2587*Input!$J$16,0)</f>
        <v>0</v>
      </c>
      <c r="Q2587" s="71">
        <f>IF(Input!$K$13=4,J2587*Input!$J$13,0)+IF(Input!$K$14=4,K2587*Input!$J$14,0)+IF(Input!$K$15=4,L2587*Input!$J$15,0)+IF(Input!$K$16=4,M2587*Input!$J$16,0)</f>
        <v>0</v>
      </c>
    </row>
    <row r="2588" spans="8:17" x14ac:dyDescent="0.25">
      <c r="H2588" s="43">
        <v>2581</v>
      </c>
      <c r="I2588" s="55">
        <f>Bühler!I2614</f>
        <v>2.4309074178298844</v>
      </c>
      <c r="J2588" s="58">
        <f>Bühler!J2614</f>
        <v>57.499256540490549</v>
      </c>
      <c r="K2588" s="58">
        <f>Bühler!K2614</f>
        <v>3.7182356454928702</v>
      </c>
      <c r="L2588" s="58">
        <f>Bühler!L2614</f>
        <v>1.8591178227464351</v>
      </c>
      <c r="M2588" s="57">
        <f>Bühler!M2614</f>
        <v>0</v>
      </c>
      <c r="N2588" s="55">
        <f>IF(Input!$K$13=1,J2588*Input!$J$13,0)+IF(Input!$K$14=1,K2588*Input!$J$14,0)+IF(Input!$K$15=1,L2588*Input!$J$15,0)+IF(Input!$K$16=1,M2588*Input!$J$16,0)</f>
        <v>6.8999107848588652</v>
      </c>
      <c r="O2588" s="58">
        <f>IF(Input!$K$13=2,J2588*Input!$J$13,0)+IF(Input!$K$14=2,K2588*Input!$J$14,0)+IF(Input!$K$15=2,L2588*Input!$J$15,0)+IF(Input!$K$16=2,M2588*Input!$J$16,0)</f>
        <v>0.50196181214153746</v>
      </c>
      <c r="P2588" s="58">
        <f>IF(Input!$K$13=3,J2588*Input!$J$13,0)+IF(Input!$K$14=3,K2588*Input!$J$14,0)+IF(Input!$K$15=3,L2588*Input!$J$15,0)+IF(Input!$K$16=3,M2588*Input!$J$16,0)</f>
        <v>0</v>
      </c>
      <c r="Q2588" s="71">
        <f>IF(Input!$K$13=4,J2588*Input!$J$13,0)+IF(Input!$K$14=4,K2588*Input!$J$14,0)+IF(Input!$K$15=4,L2588*Input!$J$15,0)+IF(Input!$K$16=4,M2588*Input!$J$16,0)</f>
        <v>0</v>
      </c>
    </row>
    <row r="2589" spans="8:17" x14ac:dyDescent="0.25">
      <c r="H2589" s="43">
        <v>2582</v>
      </c>
      <c r="I2589" s="55">
        <f>Bühler!I2615</f>
        <v>1.6148170704155658</v>
      </c>
      <c r="J2589" s="58">
        <f>Bühler!J2615</f>
        <v>38.195934701897286</v>
      </c>
      <c r="K2589" s="58">
        <f>Bühler!K2615</f>
        <v>2.4699708216488352</v>
      </c>
      <c r="L2589" s="58">
        <f>Bühler!L2615</f>
        <v>1.2349854108244176</v>
      </c>
      <c r="M2589" s="57">
        <f>Bühler!M2615</f>
        <v>0</v>
      </c>
      <c r="N2589" s="55">
        <f>IF(Input!$K$13=1,J2589*Input!$J$13,0)+IF(Input!$K$14=1,K2589*Input!$J$14,0)+IF(Input!$K$15=1,L2589*Input!$J$15,0)+IF(Input!$K$16=1,M2589*Input!$J$16,0)</f>
        <v>4.5835121642276739</v>
      </c>
      <c r="O2589" s="58">
        <f>IF(Input!$K$13=2,J2589*Input!$J$13,0)+IF(Input!$K$14=2,K2589*Input!$J$14,0)+IF(Input!$K$15=2,L2589*Input!$J$15,0)+IF(Input!$K$16=2,M2589*Input!$J$16,0)</f>
        <v>0.33344606092259277</v>
      </c>
      <c r="P2589" s="58">
        <f>IF(Input!$K$13=3,J2589*Input!$J$13,0)+IF(Input!$K$14=3,K2589*Input!$J$14,0)+IF(Input!$K$15=3,L2589*Input!$J$15,0)+IF(Input!$K$16=3,M2589*Input!$J$16,0)</f>
        <v>0</v>
      </c>
      <c r="Q2589" s="71">
        <f>IF(Input!$K$13=4,J2589*Input!$J$13,0)+IF(Input!$K$14=4,K2589*Input!$J$14,0)+IF(Input!$K$15=4,L2589*Input!$J$15,0)+IF(Input!$K$16=4,M2589*Input!$J$16,0)</f>
        <v>0</v>
      </c>
    </row>
    <row r="2590" spans="8:17" x14ac:dyDescent="0.25">
      <c r="H2590" s="43">
        <v>2583</v>
      </c>
      <c r="I2590" s="55">
        <f>Bühler!I2616</f>
        <v>2.4309074178298844</v>
      </c>
      <c r="J2590" s="58">
        <f>Bühler!J2616</f>
        <v>57.499256540490549</v>
      </c>
      <c r="K2590" s="58">
        <f>Bühler!K2616</f>
        <v>3.7182356454928702</v>
      </c>
      <c r="L2590" s="58">
        <f>Bühler!L2616</f>
        <v>1.8591178227464351</v>
      </c>
      <c r="M2590" s="57">
        <f>Bühler!M2616</f>
        <v>0</v>
      </c>
      <c r="N2590" s="55">
        <f>IF(Input!$K$13=1,J2590*Input!$J$13,0)+IF(Input!$K$14=1,K2590*Input!$J$14,0)+IF(Input!$K$15=1,L2590*Input!$J$15,0)+IF(Input!$K$16=1,M2590*Input!$J$16,0)</f>
        <v>6.8999107848588652</v>
      </c>
      <c r="O2590" s="58">
        <f>IF(Input!$K$13=2,J2590*Input!$J$13,0)+IF(Input!$K$14=2,K2590*Input!$J$14,0)+IF(Input!$K$15=2,L2590*Input!$J$15,0)+IF(Input!$K$16=2,M2590*Input!$J$16,0)</f>
        <v>0.50196181214153746</v>
      </c>
      <c r="P2590" s="58">
        <f>IF(Input!$K$13=3,J2590*Input!$J$13,0)+IF(Input!$K$14=3,K2590*Input!$J$14,0)+IF(Input!$K$15=3,L2590*Input!$J$15,0)+IF(Input!$K$16=3,M2590*Input!$J$16,0)</f>
        <v>0</v>
      </c>
      <c r="Q2590" s="71">
        <f>IF(Input!$K$13=4,J2590*Input!$J$13,0)+IF(Input!$K$14=4,K2590*Input!$J$14,0)+IF(Input!$K$15=4,L2590*Input!$J$15,0)+IF(Input!$K$16=4,M2590*Input!$J$16,0)</f>
        <v>0</v>
      </c>
    </row>
    <row r="2591" spans="8:17" x14ac:dyDescent="0.25">
      <c r="H2591" s="43">
        <v>2584</v>
      </c>
      <c r="I2591" s="55">
        <f>Bühler!I2617</f>
        <v>2.4309074178298844</v>
      </c>
      <c r="J2591" s="58">
        <f>Bühler!J2617</f>
        <v>57.499256540490549</v>
      </c>
      <c r="K2591" s="58">
        <f>Bühler!K2617</f>
        <v>3.7182356454928702</v>
      </c>
      <c r="L2591" s="58">
        <f>Bühler!L2617</f>
        <v>1.8591178227464351</v>
      </c>
      <c r="M2591" s="57">
        <f>Bühler!M2617</f>
        <v>0</v>
      </c>
      <c r="N2591" s="55">
        <f>IF(Input!$K$13=1,J2591*Input!$J$13,0)+IF(Input!$K$14=1,K2591*Input!$J$14,0)+IF(Input!$K$15=1,L2591*Input!$J$15,0)+IF(Input!$K$16=1,M2591*Input!$J$16,0)</f>
        <v>6.8999107848588652</v>
      </c>
      <c r="O2591" s="58">
        <f>IF(Input!$K$13=2,J2591*Input!$J$13,0)+IF(Input!$K$14=2,K2591*Input!$J$14,0)+IF(Input!$K$15=2,L2591*Input!$J$15,0)+IF(Input!$K$16=2,M2591*Input!$J$16,0)</f>
        <v>0.50196181214153746</v>
      </c>
      <c r="P2591" s="58">
        <f>IF(Input!$K$13=3,J2591*Input!$J$13,0)+IF(Input!$K$14=3,K2591*Input!$J$14,0)+IF(Input!$K$15=3,L2591*Input!$J$15,0)+IF(Input!$K$16=3,M2591*Input!$J$16,0)</f>
        <v>0</v>
      </c>
      <c r="Q2591" s="71">
        <f>IF(Input!$K$13=4,J2591*Input!$J$13,0)+IF(Input!$K$14=4,K2591*Input!$J$14,0)+IF(Input!$K$15=4,L2591*Input!$J$15,0)+IF(Input!$K$16=4,M2591*Input!$J$16,0)</f>
        <v>0</v>
      </c>
    </row>
    <row r="2592" spans="8:17" x14ac:dyDescent="0.25">
      <c r="H2592" s="43">
        <v>2585</v>
      </c>
      <c r="I2592" s="55">
        <f>Bühler!I2618</f>
        <v>2.0319134951465601</v>
      </c>
      <c r="J2592" s="58">
        <f>Bühler!J2618</f>
        <v>34.532856149184425</v>
      </c>
      <c r="K2592" s="58">
        <f>Bühler!K2618</f>
        <v>2.1911031482368704</v>
      </c>
      <c r="L2592" s="58">
        <f>Bühler!L2618</f>
        <v>1.0955515741184352</v>
      </c>
      <c r="M2592" s="57">
        <f>Bühler!M2618</f>
        <v>0</v>
      </c>
      <c r="N2592" s="55">
        <f>IF(Input!$K$13=1,J2592*Input!$J$13,0)+IF(Input!$K$14=1,K2592*Input!$J$14,0)+IF(Input!$K$15=1,L2592*Input!$J$15,0)+IF(Input!$K$16=1,M2592*Input!$J$16,0)</f>
        <v>4.1439427379021305</v>
      </c>
      <c r="O2592" s="58">
        <f>IF(Input!$K$13=2,J2592*Input!$J$13,0)+IF(Input!$K$14=2,K2592*Input!$J$14,0)+IF(Input!$K$15=2,L2592*Input!$J$15,0)+IF(Input!$K$16=2,M2592*Input!$J$16,0)</f>
        <v>0.29579892501197746</v>
      </c>
      <c r="P2592" s="58">
        <f>IF(Input!$K$13=3,J2592*Input!$J$13,0)+IF(Input!$K$14=3,K2592*Input!$J$14,0)+IF(Input!$K$15=3,L2592*Input!$J$15,0)+IF(Input!$K$16=3,M2592*Input!$J$16,0)</f>
        <v>0</v>
      </c>
      <c r="Q2592" s="71">
        <f>IF(Input!$K$13=4,J2592*Input!$J$13,0)+IF(Input!$K$14=4,K2592*Input!$J$14,0)+IF(Input!$K$15=4,L2592*Input!$J$15,0)+IF(Input!$K$16=4,M2592*Input!$J$16,0)</f>
        <v>0</v>
      </c>
    </row>
    <row r="2593" spans="8:17" x14ac:dyDescent="0.25">
      <c r="H2593" s="43">
        <v>2586</v>
      </c>
      <c r="I2593" s="55">
        <f>Bühler!I2619</f>
        <v>1.6144476315982668</v>
      </c>
      <c r="J2593" s="58">
        <f>Bühler!J2619</f>
        <v>15.548223743212386</v>
      </c>
      <c r="K2593" s="58">
        <f>Bühler!K2619</f>
        <v>0.93516993095897161</v>
      </c>
      <c r="L2593" s="58">
        <f>Bühler!L2619</f>
        <v>0.4675849654794858</v>
      </c>
      <c r="M2593" s="57">
        <f>Bühler!M2619</f>
        <v>0</v>
      </c>
      <c r="N2593" s="55">
        <f>IF(Input!$K$13=1,J2593*Input!$J$13,0)+IF(Input!$K$14=1,K2593*Input!$J$14,0)+IF(Input!$K$15=1,L2593*Input!$J$15,0)+IF(Input!$K$16=1,M2593*Input!$J$16,0)</f>
        <v>1.8657868491854863</v>
      </c>
      <c r="O2593" s="58">
        <f>IF(Input!$K$13=2,J2593*Input!$J$13,0)+IF(Input!$K$14=2,K2593*Input!$J$14,0)+IF(Input!$K$15=2,L2593*Input!$J$15,0)+IF(Input!$K$16=2,M2593*Input!$J$16,0)</f>
        <v>0.12624794067946116</v>
      </c>
      <c r="P2593" s="58">
        <f>IF(Input!$K$13=3,J2593*Input!$J$13,0)+IF(Input!$K$14=3,K2593*Input!$J$14,0)+IF(Input!$K$15=3,L2593*Input!$J$15,0)+IF(Input!$K$16=3,M2593*Input!$J$16,0)</f>
        <v>0</v>
      </c>
      <c r="Q2593" s="71">
        <f>IF(Input!$K$13=4,J2593*Input!$J$13,0)+IF(Input!$K$14=4,K2593*Input!$J$14,0)+IF(Input!$K$15=4,L2593*Input!$J$15,0)+IF(Input!$K$16=4,M2593*Input!$J$16,0)</f>
        <v>0</v>
      </c>
    </row>
    <row r="2594" spans="8:17" x14ac:dyDescent="0.25">
      <c r="H2594" s="43">
        <v>2587</v>
      </c>
      <c r="I2594" s="55">
        <f>Bühler!I2620</f>
        <v>0.57263016681403056</v>
      </c>
      <c r="J2594" s="58">
        <f>Bühler!J2620</f>
        <v>9.7278469613092788</v>
      </c>
      <c r="K2594" s="58">
        <f>Bühler!K2620</f>
        <v>0.61721215443292121</v>
      </c>
      <c r="L2594" s="58">
        <f>Bühler!L2620</f>
        <v>0.30860607721646061</v>
      </c>
      <c r="M2594" s="57">
        <f>Bühler!M2620</f>
        <v>0</v>
      </c>
      <c r="N2594" s="55">
        <f>IF(Input!$K$13=1,J2594*Input!$J$13,0)+IF(Input!$K$14=1,K2594*Input!$J$14,0)+IF(Input!$K$15=1,L2594*Input!$J$15,0)+IF(Input!$K$16=1,M2594*Input!$J$16,0)</f>
        <v>1.1673416353571133</v>
      </c>
      <c r="O2594" s="58">
        <f>IF(Input!$K$13=2,J2594*Input!$J$13,0)+IF(Input!$K$14=2,K2594*Input!$J$14,0)+IF(Input!$K$15=2,L2594*Input!$J$15,0)+IF(Input!$K$16=2,M2594*Input!$J$16,0)</f>
        <v>8.3323640848444361E-2</v>
      </c>
      <c r="P2594" s="58">
        <f>IF(Input!$K$13=3,J2594*Input!$J$13,0)+IF(Input!$K$14=3,K2594*Input!$J$14,0)+IF(Input!$K$15=3,L2594*Input!$J$15,0)+IF(Input!$K$16=3,M2594*Input!$J$16,0)</f>
        <v>0</v>
      </c>
      <c r="Q2594" s="71">
        <f>IF(Input!$K$13=4,J2594*Input!$J$13,0)+IF(Input!$K$14=4,K2594*Input!$J$14,0)+IF(Input!$K$15=4,L2594*Input!$J$15,0)+IF(Input!$K$16=4,M2594*Input!$J$16,0)</f>
        <v>0</v>
      </c>
    </row>
    <row r="2595" spans="8:17" x14ac:dyDescent="0.25">
      <c r="H2595" s="43">
        <v>2588</v>
      </c>
      <c r="I2595" s="55">
        <f>Bühler!I2621</f>
        <v>0.57263016681403056</v>
      </c>
      <c r="J2595" s="58">
        <f>Bühler!J2621</f>
        <v>9.7278469613092788</v>
      </c>
      <c r="K2595" s="58">
        <f>Bühler!K2621</f>
        <v>0.61721215443292121</v>
      </c>
      <c r="L2595" s="58">
        <f>Bühler!L2621</f>
        <v>0.30860607721646061</v>
      </c>
      <c r="M2595" s="57">
        <f>Bühler!M2621</f>
        <v>0</v>
      </c>
      <c r="N2595" s="55">
        <f>IF(Input!$K$13=1,J2595*Input!$J$13,0)+IF(Input!$K$14=1,K2595*Input!$J$14,0)+IF(Input!$K$15=1,L2595*Input!$J$15,0)+IF(Input!$K$16=1,M2595*Input!$J$16,0)</f>
        <v>1.1673416353571133</v>
      </c>
      <c r="O2595" s="58">
        <f>IF(Input!$K$13=2,J2595*Input!$J$13,0)+IF(Input!$K$14=2,K2595*Input!$J$14,0)+IF(Input!$K$15=2,L2595*Input!$J$15,0)+IF(Input!$K$16=2,M2595*Input!$J$16,0)</f>
        <v>8.3323640848444361E-2</v>
      </c>
      <c r="P2595" s="58">
        <f>IF(Input!$K$13=3,J2595*Input!$J$13,0)+IF(Input!$K$14=3,K2595*Input!$J$14,0)+IF(Input!$K$15=3,L2595*Input!$J$15,0)+IF(Input!$K$16=3,M2595*Input!$J$16,0)</f>
        <v>0</v>
      </c>
      <c r="Q2595" s="71">
        <f>IF(Input!$K$13=4,J2595*Input!$J$13,0)+IF(Input!$K$14=4,K2595*Input!$J$14,0)+IF(Input!$K$15=4,L2595*Input!$J$15,0)+IF(Input!$K$16=4,M2595*Input!$J$16,0)</f>
        <v>0</v>
      </c>
    </row>
    <row r="2596" spans="8:17" x14ac:dyDescent="0.25">
      <c r="H2596" s="43">
        <v>2589</v>
      </c>
      <c r="I2596" s="55">
        <f>Bühler!I2622</f>
        <v>0.57263016681403056</v>
      </c>
      <c r="J2596" s="58">
        <f>Bühler!J2622</f>
        <v>9.7278469613092788</v>
      </c>
      <c r="K2596" s="58">
        <f>Bühler!K2622</f>
        <v>0.61721215443292121</v>
      </c>
      <c r="L2596" s="58">
        <f>Bühler!L2622</f>
        <v>0.30860607721646061</v>
      </c>
      <c r="M2596" s="57">
        <f>Bühler!M2622</f>
        <v>0</v>
      </c>
      <c r="N2596" s="55">
        <f>IF(Input!$K$13=1,J2596*Input!$J$13,0)+IF(Input!$K$14=1,K2596*Input!$J$14,0)+IF(Input!$K$15=1,L2596*Input!$J$15,0)+IF(Input!$K$16=1,M2596*Input!$J$16,0)</f>
        <v>1.1673416353571133</v>
      </c>
      <c r="O2596" s="58">
        <f>IF(Input!$K$13=2,J2596*Input!$J$13,0)+IF(Input!$K$14=2,K2596*Input!$J$14,0)+IF(Input!$K$15=2,L2596*Input!$J$15,0)+IF(Input!$K$16=2,M2596*Input!$J$16,0)</f>
        <v>8.3323640848444361E-2</v>
      </c>
      <c r="P2596" s="58">
        <f>IF(Input!$K$13=3,J2596*Input!$J$13,0)+IF(Input!$K$14=3,K2596*Input!$J$14,0)+IF(Input!$K$15=3,L2596*Input!$J$15,0)+IF(Input!$K$16=3,M2596*Input!$J$16,0)</f>
        <v>0</v>
      </c>
      <c r="Q2596" s="71">
        <f>IF(Input!$K$13=4,J2596*Input!$J$13,0)+IF(Input!$K$14=4,K2596*Input!$J$14,0)+IF(Input!$K$15=4,L2596*Input!$J$15,0)+IF(Input!$K$16=4,M2596*Input!$J$16,0)</f>
        <v>0</v>
      </c>
    </row>
    <row r="2597" spans="8:17" x14ac:dyDescent="0.25">
      <c r="H2597" s="43">
        <v>2590</v>
      </c>
      <c r="I2597" s="55">
        <f>Bühler!I2623</f>
        <v>0.57263016681403056</v>
      </c>
      <c r="J2597" s="58">
        <f>Bühler!J2623</f>
        <v>9.7278469613092788</v>
      </c>
      <c r="K2597" s="58">
        <f>Bühler!K2623</f>
        <v>0.61721215443292121</v>
      </c>
      <c r="L2597" s="58">
        <f>Bühler!L2623</f>
        <v>0.30860607721646061</v>
      </c>
      <c r="M2597" s="57">
        <f>Bühler!M2623</f>
        <v>0</v>
      </c>
      <c r="N2597" s="55">
        <f>IF(Input!$K$13=1,J2597*Input!$J$13,0)+IF(Input!$K$14=1,K2597*Input!$J$14,0)+IF(Input!$K$15=1,L2597*Input!$J$15,0)+IF(Input!$K$16=1,M2597*Input!$J$16,0)</f>
        <v>1.1673416353571133</v>
      </c>
      <c r="O2597" s="58">
        <f>IF(Input!$K$13=2,J2597*Input!$J$13,0)+IF(Input!$K$14=2,K2597*Input!$J$14,0)+IF(Input!$K$15=2,L2597*Input!$J$15,0)+IF(Input!$K$16=2,M2597*Input!$J$16,0)</f>
        <v>8.3323640848444361E-2</v>
      </c>
      <c r="P2597" s="58">
        <f>IF(Input!$K$13=3,J2597*Input!$J$13,0)+IF(Input!$K$14=3,K2597*Input!$J$14,0)+IF(Input!$K$15=3,L2597*Input!$J$15,0)+IF(Input!$K$16=3,M2597*Input!$J$16,0)</f>
        <v>0</v>
      </c>
      <c r="Q2597" s="71">
        <f>IF(Input!$K$13=4,J2597*Input!$J$13,0)+IF(Input!$K$14=4,K2597*Input!$J$14,0)+IF(Input!$K$15=4,L2597*Input!$J$15,0)+IF(Input!$K$16=4,M2597*Input!$J$16,0)</f>
        <v>0</v>
      </c>
    </row>
    <row r="2598" spans="8:17" x14ac:dyDescent="0.25">
      <c r="H2598" s="43">
        <v>2591</v>
      </c>
      <c r="I2598" s="55">
        <f>Bühler!I2624</f>
        <v>0.57263016681403056</v>
      </c>
      <c r="J2598" s="58">
        <f>Bühler!J2624</f>
        <v>9.7278469613092788</v>
      </c>
      <c r="K2598" s="58">
        <f>Bühler!K2624</f>
        <v>0.61721215443292121</v>
      </c>
      <c r="L2598" s="58">
        <f>Bühler!L2624</f>
        <v>0.30860607721646061</v>
      </c>
      <c r="M2598" s="57">
        <f>Bühler!M2624</f>
        <v>0</v>
      </c>
      <c r="N2598" s="55">
        <f>IF(Input!$K$13=1,J2598*Input!$J$13,0)+IF(Input!$K$14=1,K2598*Input!$J$14,0)+IF(Input!$K$15=1,L2598*Input!$J$15,0)+IF(Input!$K$16=1,M2598*Input!$J$16,0)</f>
        <v>1.1673416353571133</v>
      </c>
      <c r="O2598" s="58">
        <f>IF(Input!$K$13=2,J2598*Input!$J$13,0)+IF(Input!$K$14=2,K2598*Input!$J$14,0)+IF(Input!$K$15=2,L2598*Input!$J$15,0)+IF(Input!$K$16=2,M2598*Input!$J$16,0)</f>
        <v>8.3323640848444361E-2</v>
      </c>
      <c r="P2598" s="58">
        <f>IF(Input!$K$13=3,J2598*Input!$J$13,0)+IF(Input!$K$14=3,K2598*Input!$J$14,0)+IF(Input!$K$15=3,L2598*Input!$J$15,0)+IF(Input!$K$16=3,M2598*Input!$J$16,0)</f>
        <v>0</v>
      </c>
      <c r="Q2598" s="71">
        <f>IF(Input!$K$13=4,J2598*Input!$J$13,0)+IF(Input!$K$14=4,K2598*Input!$J$14,0)+IF(Input!$K$15=4,L2598*Input!$J$15,0)+IF(Input!$K$16=4,M2598*Input!$J$16,0)</f>
        <v>0</v>
      </c>
    </row>
    <row r="2599" spans="8:17" x14ac:dyDescent="0.25">
      <c r="H2599" s="43">
        <v>2592</v>
      </c>
      <c r="I2599" s="55">
        <f>Bühler!I2625</f>
        <v>0.57263016681403056</v>
      </c>
      <c r="J2599" s="58">
        <f>Bühler!J2625</f>
        <v>9.7278469613092788</v>
      </c>
      <c r="K2599" s="58">
        <f>Bühler!K2625</f>
        <v>0.61721215443292121</v>
      </c>
      <c r="L2599" s="58">
        <f>Bühler!L2625</f>
        <v>0.30860607721646061</v>
      </c>
      <c r="M2599" s="57">
        <f>Bühler!M2625</f>
        <v>0</v>
      </c>
      <c r="N2599" s="55">
        <f>IF(Input!$K$13=1,J2599*Input!$J$13,0)+IF(Input!$K$14=1,K2599*Input!$J$14,0)+IF(Input!$K$15=1,L2599*Input!$J$15,0)+IF(Input!$K$16=1,M2599*Input!$J$16,0)</f>
        <v>1.1673416353571133</v>
      </c>
      <c r="O2599" s="58">
        <f>IF(Input!$K$13=2,J2599*Input!$J$13,0)+IF(Input!$K$14=2,K2599*Input!$J$14,0)+IF(Input!$K$15=2,L2599*Input!$J$15,0)+IF(Input!$K$16=2,M2599*Input!$J$16,0)</f>
        <v>8.3323640848444361E-2</v>
      </c>
      <c r="P2599" s="58">
        <f>IF(Input!$K$13=3,J2599*Input!$J$13,0)+IF(Input!$K$14=3,K2599*Input!$J$14,0)+IF(Input!$K$15=3,L2599*Input!$J$15,0)+IF(Input!$K$16=3,M2599*Input!$J$16,0)</f>
        <v>0</v>
      </c>
      <c r="Q2599" s="71">
        <f>IF(Input!$K$13=4,J2599*Input!$J$13,0)+IF(Input!$K$14=4,K2599*Input!$J$14,0)+IF(Input!$K$15=4,L2599*Input!$J$15,0)+IF(Input!$K$16=4,M2599*Input!$J$16,0)</f>
        <v>0</v>
      </c>
    </row>
    <row r="2600" spans="8:17" x14ac:dyDescent="0.25">
      <c r="H2600" s="43">
        <v>2593</v>
      </c>
      <c r="I2600" s="55">
        <f>Bühler!I2626</f>
        <v>1.3695540645935125</v>
      </c>
      <c r="J2600" s="58">
        <f>Bühler!J2626</f>
        <v>11.204089012557599</v>
      </c>
      <c r="K2600" s="58">
        <f>Bühler!K2626</f>
        <v>0.62008612267447205</v>
      </c>
      <c r="L2600" s="58">
        <f>Bühler!L2626</f>
        <v>0.31004306133723603</v>
      </c>
      <c r="M2600" s="57">
        <f>Bühler!M2626</f>
        <v>0</v>
      </c>
      <c r="N2600" s="55">
        <f>IF(Input!$K$13=1,J2600*Input!$J$13,0)+IF(Input!$K$14=1,K2600*Input!$J$14,0)+IF(Input!$K$15=1,L2600*Input!$J$15,0)+IF(Input!$K$16=1,M2600*Input!$J$16,0)</f>
        <v>1.3444906815069118</v>
      </c>
      <c r="O2600" s="58">
        <f>IF(Input!$K$13=2,J2600*Input!$J$13,0)+IF(Input!$K$14=2,K2600*Input!$J$14,0)+IF(Input!$K$15=2,L2600*Input!$J$15,0)+IF(Input!$K$16=2,M2600*Input!$J$16,0)</f>
        <v>8.3711626561053715E-2</v>
      </c>
      <c r="P2600" s="58">
        <f>IF(Input!$K$13=3,J2600*Input!$J$13,0)+IF(Input!$K$14=3,K2600*Input!$J$14,0)+IF(Input!$K$15=3,L2600*Input!$J$15,0)+IF(Input!$K$16=3,M2600*Input!$J$16,0)</f>
        <v>0</v>
      </c>
      <c r="Q2600" s="71">
        <f>IF(Input!$K$13=4,J2600*Input!$J$13,0)+IF(Input!$K$14=4,K2600*Input!$J$14,0)+IF(Input!$K$15=4,L2600*Input!$J$15,0)+IF(Input!$K$16=4,M2600*Input!$J$16,0)</f>
        <v>0</v>
      </c>
    </row>
    <row r="2601" spans="8:17" x14ac:dyDescent="0.25">
      <c r="H2601" s="43">
        <v>2594</v>
      </c>
      <c r="I2601" s="55">
        <f>Bühler!I2627</f>
        <v>1.3695540645935125</v>
      </c>
      <c r="J2601" s="58">
        <f>Bühler!J2627</f>
        <v>11.204089012557599</v>
      </c>
      <c r="K2601" s="58">
        <f>Bühler!K2627</f>
        <v>0.62008612267447205</v>
      </c>
      <c r="L2601" s="58">
        <f>Bühler!L2627</f>
        <v>0.31004306133723603</v>
      </c>
      <c r="M2601" s="57">
        <f>Bühler!M2627</f>
        <v>0</v>
      </c>
      <c r="N2601" s="55">
        <f>IF(Input!$K$13=1,J2601*Input!$J$13,0)+IF(Input!$K$14=1,K2601*Input!$J$14,0)+IF(Input!$K$15=1,L2601*Input!$J$15,0)+IF(Input!$K$16=1,M2601*Input!$J$16,0)</f>
        <v>1.3444906815069118</v>
      </c>
      <c r="O2601" s="58">
        <f>IF(Input!$K$13=2,J2601*Input!$J$13,0)+IF(Input!$K$14=2,K2601*Input!$J$14,0)+IF(Input!$K$15=2,L2601*Input!$J$15,0)+IF(Input!$K$16=2,M2601*Input!$J$16,0)</f>
        <v>8.3711626561053715E-2</v>
      </c>
      <c r="P2601" s="58">
        <f>IF(Input!$K$13=3,J2601*Input!$J$13,0)+IF(Input!$K$14=3,K2601*Input!$J$14,0)+IF(Input!$K$15=3,L2601*Input!$J$15,0)+IF(Input!$K$16=3,M2601*Input!$J$16,0)</f>
        <v>0</v>
      </c>
      <c r="Q2601" s="71">
        <f>IF(Input!$K$13=4,J2601*Input!$J$13,0)+IF(Input!$K$14=4,K2601*Input!$J$14,0)+IF(Input!$K$15=4,L2601*Input!$J$15,0)+IF(Input!$K$16=4,M2601*Input!$J$16,0)</f>
        <v>0</v>
      </c>
    </row>
    <row r="2602" spans="8:17" x14ac:dyDescent="0.25">
      <c r="H2602" s="43">
        <v>2595</v>
      </c>
      <c r="I2602" s="55">
        <f>Bühler!I2628</f>
        <v>1.3695540645935125</v>
      </c>
      <c r="J2602" s="58">
        <f>Bühler!J2628</f>
        <v>11.204089012557599</v>
      </c>
      <c r="K2602" s="58">
        <f>Bühler!K2628</f>
        <v>0.62008612267447205</v>
      </c>
      <c r="L2602" s="58">
        <f>Bühler!L2628</f>
        <v>0.31004306133723603</v>
      </c>
      <c r="M2602" s="57">
        <f>Bühler!M2628</f>
        <v>0</v>
      </c>
      <c r="N2602" s="55">
        <f>IF(Input!$K$13=1,J2602*Input!$J$13,0)+IF(Input!$K$14=1,K2602*Input!$J$14,0)+IF(Input!$K$15=1,L2602*Input!$J$15,0)+IF(Input!$K$16=1,M2602*Input!$J$16,0)</f>
        <v>1.3444906815069118</v>
      </c>
      <c r="O2602" s="58">
        <f>IF(Input!$K$13=2,J2602*Input!$J$13,0)+IF(Input!$K$14=2,K2602*Input!$J$14,0)+IF(Input!$K$15=2,L2602*Input!$J$15,0)+IF(Input!$K$16=2,M2602*Input!$J$16,0)</f>
        <v>8.3711626561053715E-2</v>
      </c>
      <c r="P2602" s="58">
        <f>IF(Input!$K$13=3,J2602*Input!$J$13,0)+IF(Input!$K$14=3,K2602*Input!$J$14,0)+IF(Input!$K$15=3,L2602*Input!$J$15,0)+IF(Input!$K$16=3,M2602*Input!$J$16,0)</f>
        <v>0</v>
      </c>
      <c r="Q2602" s="71">
        <f>IF(Input!$K$13=4,J2602*Input!$J$13,0)+IF(Input!$K$14=4,K2602*Input!$J$14,0)+IF(Input!$K$15=4,L2602*Input!$J$15,0)+IF(Input!$K$16=4,M2602*Input!$J$16,0)</f>
        <v>0</v>
      </c>
    </row>
    <row r="2603" spans="8:17" x14ac:dyDescent="0.25">
      <c r="H2603" s="43">
        <v>2596</v>
      </c>
      <c r="I2603" s="55">
        <f>Bühler!I2629</f>
        <v>1.3695540645935125</v>
      </c>
      <c r="J2603" s="58">
        <f>Bühler!J2629</f>
        <v>11.204089012557599</v>
      </c>
      <c r="K2603" s="58">
        <f>Bühler!K2629</f>
        <v>0.62008612267447205</v>
      </c>
      <c r="L2603" s="58">
        <f>Bühler!L2629</f>
        <v>0.31004306133723603</v>
      </c>
      <c r="M2603" s="57">
        <f>Bühler!M2629</f>
        <v>0</v>
      </c>
      <c r="N2603" s="55">
        <f>IF(Input!$K$13=1,J2603*Input!$J$13,0)+IF(Input!$K$14=1,K2603*Input!$J$14,0)+IF(Input!$K$15=1,L2603*Input!$J$15,0)+IF(Input!$K$16=1,M2603*Input!$J$16,0)</f>
        <v>1.3444906815069118</v>
      </c>
      <c r="O2603" s="58">
        <f>IF(Input!$K$13=2,J2603*Input!$J$13,0)+IF(Input!$K$14=2,K2603*Input!$J$14,0)+IF(Input!$K$15=2,L2603*Input!$J$15,0)+IF(Input!$K$16=2,M2603*Input!$J$16,0)</f>
        <v>8.3711626561053715E-2</v>
      </c>
      <c r="P2603" s="58">
        <f>IF(Input!$K$13=3,J2603*Input!$J$13,0)+IF(Input!$K$14=3,K2603*Input!$J$14,0)+IF(Input!$K$15=3,L2603*Input!$J$15,0)+IF(Input!$K$16=3,M2603*Input!$J$16,0)</f>
        <v>0</v>
      </c>
      <c r="Q2603" s="71">
        <f>IF(Input!$K$13=4,J2603*Input!$J$13,0)+IF(Input!$K$14=4,K2603*Input!$J$14,0)+IF(Input!$K$15=4,L2603*Input!$J$15,0)+IF(Input!$K$16=4,M2603*Input!$J$16,0)</f>
        <v>0</v>
      </c>
    </row>
    <row r="2604" spans="8:17" x14ac:dyDescent="0.25">
      <c r="H2604" s="43">
        <v>2597</v>
      </c>
      <c r="I2604" s="55">
        <f>Bühler!I2630</f>
        <v>1.3695540645935125</v>
      </c>
      <c r="J2604" s="58">
        <f>Bühler!J2630</f>
        <v>11.204089012557599</v>
      </c>
      <c r="K2604" s="58">
        <f>Bühler!K2630</f>
        <v>0.62008612267447205</v>
      </c>
      <c r="L2604" s="58">
        <f>Bühler!L2630</f>
        <v>0.31004306133723603</v>
      </c>
      <c r="M2604" s="57">
        <f>Bühler!M2630</f>
        <v>0</v>
      </c>
      <c r="N2604" s="55">
        <f>IF(Input!$K$13=1,J2604*Input!$J$13,0)+IF(Input!$K$14=1,K2604*Input!$J$14,0)+IF(Input!$K$15=1,L2604*Input!$J$15,0)+IF(Input!$K$16=1,M2604*Input!$J$16,0)</f>
        <v>1.3444906815069118</v>
      </c>
      <c r="O2604" s="58">
        <f>IF(Input!$K$13=2,J2604*Input!$J$13,0)+IF(Input!$K$14=2,K2604*Input!$J$14,0)+IF(Input!$K$15=2,L2604*Input!$J$15,0)+IF(Input!$K$16=2,M2604*Input!$J$16,0)</f>
        <v>8.3711626561053715E-2</v>
      </c>
      <c r="P2604" s="58">
        <f>IF(Input!$K$13=3,J2604*Input!$J$13,0)+IF(Input!$K$14=3,K2604*Input!$J$14,0)+IF(Input!$K$15=3,L2604*Input!$J$15,0)+IF(Input!$K$16=3,M2604*Input!$J$16,0)</f>
        <v>0</v>
      </c>
      <c r="Q2604" s="71">
        <f>IF(Input!$K$13=4,J2604*Input!$J$13,0)+IF(Input!$K$14=4,K2604*Input!$J$14,0)+IF(Input!$K$15=4,L2604*Input!$J$15,0)+IF(Input!$K$16=4,M2604*Input!$J$16,0)</f>
        <v>0</v>
      </c>
    </row>
    <row r="2605" spans="8:17" x14ac:dyDescent="0.25">
      <c r="H2605" s="43">
        <v>2598</v>
      </c>
      <c r="I2605" s="55">
        <f>Bühler!I2631</f>
        <v>1.3695540645935125</v>
      </c>
      <c r="J2605" s="58">
        <f>Bühler!J2631</f>
        <v>11.204089012557599</v>
      </c>
      <c r="K2605" s="58">
        <f>Bühler!K2631</f>
        <v>0.62008612267447205</v>
      </c>
      <c r="L2605" s="58">
        <f>Bühler!L2631</f>
        <v>0.31004306133723603</v>
      </c>
      <c r="M2605" s="57">
        <f>Bühler!M2631</f>
        <v>0</v>
      </c>
      <c r="N2605" s="55">
        <f>IF(Input!$K$13=1,J2605*Input!$J$13,0)+IF(Input!$K$14=1,K2605*Input!$J$14,0)+IF(Input!$K$15=1,L2605*Input!$J$15,0)+IF(Input!$K$16=1,M2605*Input!$J$16,0)</f>
        <v>1.3444906815069118</v>
      </c>
      <c r="O2605" s="58">
        <f>IF(Input!$K$13=2,J2605*Input!$J$13,0)+IF(Input!$K$14=2,K2605*Input!$J$14,0)+IF(Input!$K$15=2,L2605*Input!$J$15,0)+IF(Input!$K$16=2,M2605*Input!$J$16,0)</f>
        <v>8.3711626561053715E-2</v>
      </c>
      <c r="P2605" s="58">
        <f>IF(Input!$K$13=3,J2605*Input!$J$13,0)+IF(Input!$K$14=3,K2605*Input!$J$14,0)+IF(Input!$K$15=3,L2605*Input!$J$15,0)+IF(Input!$K$16=3,M2605*Input!$J$16,0)</f>
        <v>0</v>
      </c>
      <c r="Q2605" s="71">
        <f>IF(Input!$K$13=4,J2605*Input!$J$13,0)+IF(Input!$K$14=4,K2605*Input!$J$14,0)+IF(Input!$K$15=4,L2605*Input!$J$15,0)+IF(Input!$K$16=4,M2605*Input!$J$16,0)</f>
        <v>0</v>
      </c>
    </row>
    <row r="2606" spans="8:17" x14ac:dyDescent="0.25">
      <c r="H2606" s="43">
        <v>2599</v>
      </c>
      <c r="I2606" s="55">
        <f>Bühler!I2632</f>
        <v>1.3695540645935125</v>
      </c>
      <c r="J2606" s="58">
        <f>Bühler!J2632</f>
        <v>11.204089012557599</v>
      </c>
      <c r="K2606" s="58">
        <f>Bühler!K2632</f>
        <v>0.62008612267447205</v>
      </c>
      <c r="L2606" s="58">
        <f>Bühler!L2632</f>
        <v>0.31004306133723603</v>
      </c>
      <c r="M2606" s="57">
        <f>Bühler!M2632</f>
        <v>0</v>
      </c>
      <c r="N2606" s="55">
        <f>IF(Input!$K$13=1,J2606*Input!$J$13,0)+IF(Input!$K$14=1,K2606*Input!$J$14,0)+IF(Input!$K$15=1,L2606*Input!$J$15,0)+IF(Input!$K$16=1,M2606*Input!$J$16,0)</f>
        <v>1.3444906815069118</v>
      </c>
      <c r="O2606" s="58">
        <f>IF(Input!$K$13=2,J2606*Input!$J$13,0)+IF(Input!$K$14=2,K2606*Input!$J$14,0)+IF(Input!$K$15=2,L2606*Input!$J$15,0)+IF(Input!$K$16=2,M2606*Input!$J$16,0)</f>
        <v>8.3711626561053715E-2</v>
      </c>
      <c r="P2606" s="58">
        <f>IF(Input!$K$13=3,J2606*Input!$J$13,0)+IF(Input!$K$14=3,K2606*Input!$J$14,0)+IF(Input!$K$15=3,L2606*Input!$J$15,0)+IF(Input!$K$16=3,M2606*Input!$J$16,0)</f>
        <v>0</v>
      </c>
      <c r="Q2606" s="71">
        <f>IF(Input!$K$13=4,J2606*Input!$J$13,0)+IF(Input!$K$14=4,K2606*Input!$J$14,0)+IF(Input!$K$15=4,L2606*Input!$J$15,0)+IF(Input!$K$16=4,M2606*Input!$J$16,0)</f>
        <v>0</v>
      </c>
    </row>
    <row r="2607" spans="8:17" x14ac:dyDescent="0.25">
      <c r="H2607" s="43">
        <v>2600</v>
      </c>
      <c r="I2607" s="55">
        <f>Bühler!I2633</f>
        <v>3.7731214479551256</v>
      </c>
      <c r="J2607" s="58">
        <f>Bühler!J2633</f>
        <v>43.8233874535943</v>
      </c>
      <c r="K2607" s="58">
        <f>Bühler!K2633</f>
        <v>2.5348369075389776</v>
      </c>
      <c r="L2607" s="58">
        <f>Bühler!L2633</f>
        <v>1.2674184537694888</v>
      </c>
      <c r="M2607" s="57">
        <f>Bühler!M2633</f>
        <v>0</v>
      </c>
      <c r="N2607" s="55">
        <f>IF(Input!$K$13=1,J2607*Input!$J$13,0)+IF(Input!$K$14=1,K2607*Input!$J$14,0)+IF(Input!$K$15=1,L2607*Input!$J$15,0)+IF(Input!$K$16=1,M2607*Input!$J$16,0)</f>
        <v>5.2588064944313162</v>
      </c>
      <c r="O2607" s="58">
        <f>IF(Input!$K$13=2,J2607*Input!$J$13,0)+IF(Input!$K$14=2,K2607*Input!$J$14,0)+IF(Input!$K$15=2,L2607*Input!$J$15,0)+IF(Input!$K$16=2,M2607*Input!$J$16,0)</f>
        <v>0.34220298251776193</v>
      </c>
      <c r="P2607" s="58">
        <f>IF(Input!$K$13=3,J2607*Input!$J$13,0)+IF(Input!$K$14=3,K2607*Input!$J$14,0)+IF(Input!$K$15=3,L2607*Input!$J$15,0)+IF(Input!$K$16=3,M2607*Input!$J$16,0)</f>
        <v>0</v>
      </c>
      <c r="Q2607" s="71">
        <f>IF(Input!$K$13=4,J2607*Input!$J$13,0)+IF(Input!$K$14=4,K2607*Input!$J$14,0)+IF(Input!$K$15=4,L2607*Input!$J$15,0)+IF(Input!$K$16=4,M2607*Input!$J$16,0)</f>
        <v>0</v>
      </c>
    </row>
    <row r="2608" spans="8:17" x14ac:dyDescent="0.25">
      <c r="H2608" s="43">
        <v>2601</v>
      </c>
      <c r="I2608" s="55">
        <f>Bühler!I2634</f>
        <v>4.210009194560457</v>
      </c>
      <c r="J2608" s="58">
        <f>Bühler!J2634</f>
        <v>48.897674421905229</v>
      </c>
      <c r="K2608" s="58">
        <f>Bühler!K2634</f>
        <v>2.8283443389382281</v>
      </c>
      <c r="L2608" s="58">
        <f>Bühler!L2634</f>
        <v>1.4141721694691141</v>
      </c>
      <c r="M2608" s="57">
        <f>Bühler!M2634</f>
        <v>0</v>
      </c>
      <c r="N2608" s="55">
        <f>IF(Input!$K$13=1,J2608*Input!$J$13,0)+IF(Input!$K$14=1,K2608*Input!$J$14,0)+IF(Input!$K$15=1,L2608*Input!$J$15,0)+IF(Input!$K$16=1,M2608*Input!$J$16,0)</f>
        <v>5.8677209306286269</v>
      </c>
      <c r="O2608" s="58">
        <f>IF(Input!$K$13=2,J2608*Input!$J$13,0)+IF(Input!$K$14=2,K2608*Input!$J$14,0)+IF(Input!$K$15=2,L2608*Input!$J$15,0)+IF(Input!$K$16=2,M2608*Input!$J$16,0)</f>
        <v>0.38182648575666078</v>
      </c>
      <c r="P2608" s="58">
        <f>IF(Input!$K$13=3,J2608*Input!$J$13,0)+IF(Input!$K$14=3,K2608*Input!$J$14,0)+IF(Input!$K$15=3,L2608*Input!$J$15,0)+IF(Input!$K$16=3,M2608*Input!$J$16,0)</f>
        <v>0</v>
      </c>
      <c r="Q2608" s="71">
        <f>IF(Input!$K$13=4,J2608*Input!$J$13,0)+IF(Input!$K$14=4,K2608*Input!$J$14,0)+IF(Input!$K$15=4,L2608*Input!$J$15,0)+IF(Input!$K$16=4,M2608*Input!$J$16,0)</f>
        <v>0</v>
      </c>
    </row>
    <row r="2609" spans="8:17" x14ac:dyDescent="0.25">
      <c r="H2609" s="43">
        <v>2602</v>
      </c>
      <c r="I2609" s="55">
        <f>Bühler!I2635</f>
        <v>4.646896941165787</v>
      </c>
      <c r="J2609" s="58">
        <f>Bühler!J2635</f>
        <v>53.971961390216158</v>
      </c>
      <c r="K2609" s="58">
        <f>Bühler!K2635</f>
        <v>3.1218517703374782</v>
      </c>
      <c r="L2609" s="58">
        <f>Bühler!L2635</f>
        <v>1.5609258851687391</v>
      </c>
      <c r="M2609" s="57">
        <f>Bühler!M2635</f>
        <v>0</v>
      </c>
      <c r="N2609" s="55">
        <f>IF(Input!$K$13=1,J2609*Input!$J$13,0)+IF(Input!$K$14=1,K2609*Input!$J$14,0)+IF(Input!$K$15=1,L2609*Input!$J$15,0)+IF(Input!$K$16=1,M2609*Input!$J$16,0)</f>
        <v>6.4766353668259384</v>
      </c>
      <c r="O2609" s="58">
        <f>IF(Input!$K$13=2,J2609*Input!$J$13,0)+IF(Input!$K$14=2,K2609*Input!$J$14,0)+IF(Input!$K$15=2,L2609*Input!$J$15,0)+IF(Input!$K$16=2,M2609*Input!$J$16,0)</f>
        <v>0.42144998899555952</v>
      </c>
      <c r="P2609" s="58">
        <f>IF(Input!$K$13=3,J2609*Input!$J$13,0)+IF(Input!$K$14=3,K2609*Input!$J$14,0)+IF(Input!$K$15=3,L2609*Input!$J$15,0)+IF(Input!$K$16=3,M2609*Input!$J$16,0)</f>
        <v>0</v>
      </c>
      <c r="Q2609" s="71">
        <f>IF(Input!$K$13=4,J2609*Input!$J$13,0)+IF(Input!$K$14=4,K2609*Input!$J$14,0)+IF(Input!$K$15=4,L2609*Input!$J$15,0)+IF(Input!$K$16=4,M2609*Input!$J$16,0)</f>
        <v>0</v>
      </c>
    </row>
    <row r="2610" spans="8:17" x14ac:dyDescent="0.25">
      <c r="H2610" s="43">
        <v>2603</v>
      </c>
      <c r="I2610" s="55">
        <f>Bühler!I2636</f>
        <v>4.646896941165787</v>
      </c>
      <c r="J2610" s="58">
        <f>Bühler!J2636</f>
        <v>53.971961390216158</v>
      </c>
      <c r="K2610" s="58">
        <f>Bühler!K2636</f>
        <v>3.1218517703374782</v>
      </c>
      <c r="L2610" s="58">
        <f>Bühler!L2636</f>
        <v>1.5609258851687391</v>
      </c>
      <c r="M2610" s="57">
        <f>Bühler!M2636</f>
        <v>0</v>
      </c>
      <c r="N2610" s="55">
        <f>IF(Input!$K$13=1,J2610*Input!$J$13,0)+IF(Input!$K$14=1,K2610*Input!$J$14,0)+IF(Input!$K$15=1,L2610*Input!$J$15,0)+IF(Input!$K$16=1,M2610*Input!$J$16,0)</f>
        <v>6.4766353668259384</v>
      </c>
      <c r="O2610" s="58">
        <f>IF(Input!$K$13=2,J2610*Input!$J$13,0)+IF(Input!$K$14=2,K2610*Input!$J$14,0)+IF(Input!$K$15=2,L2610*Input!$J$15,0)+IF(Input!$K$16=2,M2610*Input!$J$16,0)</f>
        <v>0.42144998899555952</v>
      </c>
      <c r="P2610" s="58">
        <f>IF(Input!$K$13=3,J2610*Input!$J$13,0)+IF(Input!$K$14=3,K2610*Input!$J$14,0)+IF(Input!$K$15=3,L2610*Input!$J$15,0)+IF(Input!$K$16=3,M2610*Input!$J$16,0)</f>
        <v>0</v>
      </c>
      <c r="Q2610" s="71">
        <f>IF(Input!$K$13=4,J2610*Input!$J$13,0)+IF(Input!$K$14=4,K2610*Input!$J$14,0)+IF(Input!$K$15=4,L2610*Input!$J$15,0)+IF(Input!$K$16=4,M2610*Input!$J$16,0)</f>
        <v>0</v>
      </c>
    </row>
    <row r="2611" spans="8:17" x14ac:dyDescent="0.25">
      <c r="H2611" s="43">
        <v>2604</v>
      </c>
      <c r="I2611" s="55">
        <f>Bühler!I2637</f>
        <v>5.5603895022496586</v>
      </c>
      <c r="J2611" s="58">
        <f>Bühler!J2637</f>
        <v>64.581834142138987</v>
      </c>
      <c r="K2611" s="58">
        <f>Bühler!K2637</f>
        <v>3.7355491268995458</v>
      </c>
      <c r="L2611" s="58">
        <f>Bühler!L2637</f>
        <v>1.8677745634497729</v>
      </c>
      <c r="M2611" s="57">
        <f>Bühler!M2637</f>
        <v>0</v>
      </c>
      <c r="N2611" s="55">
        <f>IF(Input!$K$13=1,J2611*Input!$J$13,0)+IF(Input!$K$14=1,K2611*Input!$J$14,0)+IF(Input!$K$15=1,L2611*Input!$J$15,0)+IF(Input!$K$16=1,M2611*Input!$J$16,0)</f>
        <v>7.749820097056678</v>
      </c>
      <c r="O2611" s="58">
        <f>IF(Input!$K$13=2,J2611*Input!$J$13,0)+IF(Input!$K$14=2,K2611*Input!$J$14,0)+IF(Input!$K$15=2,L2611*Input!$J$15,0)+IF(Input!$K$16=2,M2611*Input!$J$16,0)</f>
        <v>0.50429913213143873</v>
      </c>
      <c r="P2611" s="58">
        <f>IF(Input!$K$13=3,J2611*Input!$J$13,0)+IF(Input!$K$14=3,K2611*Input!$J$14,0)+IF(Input!$K$15=3,L2611*Input!$J$15,0)+IF(Input!$K$16=3,M2611*Input!$J$16,0)</f>
        <v>0</v>
      </c>
      <c r="Q2611" s="71">
        <f>IF(Input!$K$13=4,J2611*Input!$J$13,0)+IF(Input!$K$14=4,K2611*Input!$J$14,0)+IF(Input!$K$15=4,L2611*Input!$J$15,0)+IF(Input!$K$16=4,M2611*Input!$J$16,0)</f>
        <v>0</v>
      </c>
    </row>
    <row r="2612" spans="8:17" x14ac:dyDescent="0.25">
      <c r="H2612" s="43">
        <v>2605</v>
      </c>
      <c r="I2612" s="55">
        <f>Bühler!I2638</f>
        <v>5.5603895022496586</v>
      </c>
      <c r="J2612" s="58">
        <f>Bühler!J2638</f>
        <v>64.581834142138987</v>
      </c>
      <c r="K2612" s="58">
        <f>Bühler!K2638</f>
        <v>3.7355491268995458</v>
      </c>
      <c r="L2612" s="58">
        <f>Bühler!L2638</f>
        <v>1.8677745634497729</v>
      </c>
      <c r="M2612" s="57">
        <f>Bühler!M2638</f>
        <v>0</v>
      </c>
      <c r="N2612" s="55">
        <f>IF(Input!$K$13=1,J2612*Input!$J$13,0)+IF(Input!$K$14=1,K2612*Input!$J$14,0)+IF(Input!$K$15=1,L2612*Input!$J$15,0)+IF(Input!$K$16=1,M2612*Input!$J$16,0)</f>
        <v>7.749820097056678</v>
      </c>
      <c r="O2612" s="58">
        <f>IF(Input!$K$13=2,J2612*Input!$J$13,0)+IF(Input!$K$14=2,K2612*Input!$J$14,0)+IF(Input!$K$15=2,L2612*Input!$J$15,0)+IF(Input!$K$16=2,M2612*Input!$J$16,0)</f>
        <v>0.50429913213143873</v>
      </c>
      <c r="P2612" s="58">
        <f>IF(Input!$K$13=3,J2612*Input!$J$13,0)+IF(Input!$K$14=3,K2612*Input!$J$14,0)+IF(Input!$K$15=3,L2612*Input!$J$15,0)+IF(Input!$K$16=3,M2612*Input!$J$16,0)</f>
        <v>0</v>
      </c>
      <c r="Q2612" s="71">
        <f>IF(Input!$K$13=4,J2612*Input!$J$13,0)+IF(Input!$K$14=4,K2612*Input!$J$14,0)+IF(Input!$K$15=4,L2612*Input!$J$15,0)+IF(Input!$K$16=4,M2612*Input!$J$16,0)</f>
        <v>0</v>
      </c>
    </row>
    <row r="2613" spans="8:17" x14ac:dyDescent="0.25">
      <c r="H2613" s="43">
        <v>2606</v>
      </c>
      <c r="I2613" s="55">
        <f>Bühler!I2639</f>
        <v>3.6936873122087022</v>
      </c>
      <c r="J2613" s="58">
        <f>Bühler!J2639</f>
        <v>42.900789822992323</v>
      </c>
      <c r="K2613" s="58">
        <f>Bühler!K2639</f>
        <v>2.4814719200118418</v>
      </c>
      <c r="L2613" s="58">
        <f>Bühler!L2639</f>
        <v>1.2407359600059209</v>
      </c>
      <c r="M2613" s="57">
        <f>Bühler!M2639</f>
        <v>0</v>
      </c>
      <c r="N2613" s="55">
        <f>IF(Input!$K$13=1,J2613*Input!$J$13,0)+IF(Input!$K$14=1,K2613*Input!$J$14,0)+IF(Input!$K$15=1,L2613*Input!$J$15,0)+IF(Input!$K$16=1,M2613*Input!$J$16,0)</f>
        <v>5.1480947787590789</v>
      </c>
      <c r="O2613" s="58">
        <f>IF(Input!$K$13=2,J2613*Input!$J$13,0)+IF(Input!$K$14=2,K2613*Input!$J$14,0)+IF(Input!$K$15=2,L2613*Input!$J$15,0)+IF(Input!$K$16=2,M2613*Input!$J$16,0)</f>
        <v>0.33499870920159863</v>
      </c>
      <c r="P2613" s="58">
        <f>IF(Input!$K$13=3,J2613*Input!$J$13,0)+IF(Input!$K$14=3,K2613*Input!$J$14,0)+IF(Input!$K$15=3,L2613*Input!$J$15,0)+IF(Input!$K$16=3,M2613*Input!$J$16,0)</f>
        <v>0</v>
      </c>
      <c r="Q2613" s="71">
        <f>IF(Input!$K$13=4,J2613*Input!$J$13,0)+IF(Input!$K$14=4,K2613*Input!$J$14,0)+IF(Input!$K$15=4,L2613*Input!$J$15,0)+IF(Input!$K$16=4,M2613*Input!$J$16,0)</f>
        <v>0</v>
      </c>
    </row>
    <row r="2614" spans="8:17" x14ac:dyDescent="0.25">
      <c r="H2614" s="43">
        <v>2607</v>
      </c>
      <c r="I2614" s="55">
        <f>Bühler!I2640</f>
        <v>5.5603895022496586</v>
      </c>
      <c r="J2614" s="58">
        <f>Bühler!J2640</f>
        <v>64.581834142138987</v>
      </c>
      <c r="K2614" s="58">
        <f>Bühler!K2640</f>
        <v>3.7355491268995458</v>
      </c>
      <c r="L2614" s="58">
        <f>Bühler!L2640</f>
        <v>1.8677745634497729</v>
      </c>
      <c r="M2614" s="57">
        <f>Bühler!M2640</f>
        <v>0</v>
      </c>
      <c r="N2614" s="55">
        <f>IF(Input!$K$13=1,J2614*Input!$J$13,0)+IF(Input!$K$14=1,K2614*Input!$J$14,0)+IF(Input!$K$15=1,L2614*Input!$J$15,0)+IF(Input!$K$16=1,M2614*Input!$J$16,0)</f>
        <v>7.749820097056678</v>
      </c>
      <c r="O2614" s="58">
        <f>IF(Input!$K$13=2,J2614*Input!$J$13,0)+IF(Input!$K$14=2,K2614*Input!$J$14,0)+IF(Input!$K$15=2,L2614*Input!$J$15,0)+IF(Input!$K$16=2,M2614*Input!$J$16,0)</f>
        <v>0.50429913213143873</v>
      </c>
      <c r="P2614" s="58">
        <f>IF(Input!$K$13=3,J2614*Input!$J$13,0)+IF(Input!$K$14=3,K2614*Input!$J$14,0)+IF(Input!$K$15=3,L2614*Input!$J$15,0)+IF(Input!$K$16=3,M2614*Input!$J$16,0)</f>
        <v>0</v>
      </c>
      <c r="Q2614" s="71">
        <f>IF(Input!$K$13=4,J2614*Input!$J$13,0)+IF(Input!$K$14=4,K2614*Input!$J$14,0)+IF(Input!$K$15=4,L2614*Input!$J$15,0)+IF(Input!$K$16=4,M2614*Input!$J$16,0)</f>
        <v>0</v>
      </c>
    </row>
    <row r="2615" spans="8:17" x14ac:dyDescent="0.25">
      <c r="H2615" s="43">
        <v>2608</v>
      </c>
      <c r="I2615" s="55">
        <f>Bühler!I2641</f>
        <v>5.5603895022496586</v>
      </c>
      <c r="J2615" s="58">
        <f>Bühler!J2641</f>
        <v>64.581834142138987</v>
      </c>
      <c r="K2615" s="58">
        <f>Bühler!K2641</f>
        <v>3.7355491268995458</v>
      </c>
      <c r="L2615" s="58">
        <f>Bühler!L2641</f>
        <v>1.8677745634497729</v>
      </c>
      <c r="M2615" s="57">
        <f>Bühler!M2641</f>
        <v>0</v>
      </c>
      <c r="N2615" s="55">
        <f>IF(Input!$K$13=1,J2615*Input!$J$13,0)+IF(Input!$K$14=1,K2615*Input!$J$14,0)+IF(Input!$K$15=1,L2615*Input!$J$15,0)+IF(Input!$K$16=1,M2615*Input!$J$16,0)</f>
        <v>7.749820097056678</v>
      </c>
      <c r="O2615" s="58">
        <f>IF(Input!$K$13=2,J2615*Input!$J$13,0)+IF(Input!$K$14=2,K2615*Input!$J$14,0)+IF(Input!$K$15=2,L2615*Input!$J$15,0)+IF(Input!$K$16=2,M2615*Input!$J$16,0)</f>
        <v>0.50429913213143873</v>
      </c>
      <c r="P2615" s="58">
        <f>IF(Input!$K$13=3,J2615*Input!$J$13,0)+IF(Input!$K$14=3,K2615*Input!$J$14,0)+IF(Input!$K$15=3,L2615*Input!$J$15,0)+IF(Input!$K$16=3,M2615*Input!$J$16,0)</f>
        <v>0</v>
      </c>
      <c r="Q2615" s="71">
        <f>IF(Input!$K$13=4,J2615*Input!$J$13,0)+IF(Input!$K$14=4,K2615*Input!$J$14,0)+IF(Input!$K$15=4,L2615*Input!$J$15,0)+IF(Input!$K$16=4,M2615*Input!$J$16,0)</f>
        <v>0</v>
      </c>
    </row>
    <row r="2616" spans="8:17" x14ac:dyDescent="0.25">
      <c r="H2616" s="43">
        <v>2609</v>
      </c>
      <c r="I2616" s="55">
        <f>Bühler!I2642</f>
        <v>4.646212164133491</v>
      </c>
      <c r="J2616" s="58">
        <f>Bühler!J2642</f>
        <v>39.540835832308218</v>
      </c>
      <c r="K2616" s="58">
        <f>Bühler!K2642</f>
        <v>2.2013057354943757</v>
      </c>
      <c r="L2616" s="58">
        <f>Bühler!L2642</f>
        <v>1.1006528677471878</v>
      </c>
      <c r="M2616" s="57">
        <f>Bühler!M2642</f>
        <v>0</v>
      </c>
      <c r="N2616" s="55">
        <f>IF(Input!$K$13=1,J2616*Input!$J$13,0)+IF(Input!$K$14=1,K2616*Input!$J$14,0)+IF(Input!$K$15=1,L2616*Input!$J$15,0)+IF(Input!$K$16=1,M2616*Input!$J$16,0)</f>
        <v>4.7449002998769858</v>
      </c>
      <c r="O2616" s="58">
        <f>IF(Input!$K$13=2,J2616*Input!$J$13,0)+IF(Input!$K$14=2,K2616*Input!$J$14,0)+IF(Input!$K$15=2,L2616*Input!$J$15,0)+IF(Input!$K$16=2,M2616*Input!$J$16,0)</f>
        <v>0.29717627429174071</v>
      </c>
      <c r="P2616" s="58">
        <f>IF(Input!$K$13=3,J2616*Input!$J$13,0)+IF(Input!$K$14=3,K2616*Input!$J$14,0)+IF(Input!$K$15=3,L2616*Input!$J$15,0)+IF(Input!$K$16=3,M2616*Input!$J$16,0)</f>
        <v>0</v>
      </c>
      <c r="Q2616" s="71">
        <f>IF(Input!$K$13=4,J2616*Input!$J$13,0)+IF(Input!$K$14=4,K2616*Input!$J$14,0)+IF(Input!$K$15=4,L2616*Input!$J$15,0)+IF(Input!$K$16=4,M2616*Input!$J$16,0)</f>
        <v>0</v>
      </c>
    </row>
    <row r="2617" spans="8:17" x14ac:dyDescent="0.25">
      <c r="H2617" s="43">
        <v>2610</v>
      </c>
      <c r="I2617" s="55">
        <f>Bühler!I2643</f>
        <v>3.6943720892409995</v>
      </c>
      <c r="J2617" s="58">
        <f>Bühler!J2643</f>
        <v>18.730123464225166</v>
      </c>
      <c r="K2617" s="58">
        <f>Bühler!K2643</f>
        <v>0.93952442829465443</v>
      </c>
      <c r="L2617" s="58">
        <f>Bühler!L2643</f>
        <v>0.46976221414732722</v>
      </c>
      <c r="M2617" s="57">
        <f>Bühler!M2643</f>
        <v>0</v>
      </c>
      <c r="N2617" s="55">
        <f>IF(Input!$K$13=1,J2617*Input!$J$13,0)+IF(Input!$K$14=1,K2617*Input!$J$14,0)+IF(Input!$K$15=1,L2617*Input!$J$15,0)+IF(Input!$K$16=1,M2617*Input!$J$16,0)</f>
        <v>2.2476148157070197</v>
      </c>
      <c r="O2617" s="58">
        <f>IF(Input!$K$13=2,J2617*Input!$J$13,0)+IF(Input!$K$14=2,K2617*Input!$J$14,0)+IF(Input!$K$15=2,L2617*Input!$J$15,0)+IF(Input!$K$16=2,M2617*Input!$J$16,0)</f>
        <v>0.12683579781977836</v>
      </c>
      <c r="P2617" s="58">
        <f>IF(Input!$K$13=3,J2617*Input!$J$13,0)+IF(Input!$K$14=3,K2617*Input!$J$14,0)+IF(Input!$K$15=3,L2617*Input!$J$15,0)+IF(Input!$K$16=3,M2617*Input!$J$16,0)</f>
        <v>0</v>
      </c>
      <c r="Q2617" s="71">
        <f>IF(Input!$K$13=4,J2617*Input!$J$13,0)+IF(Input!$K$14=4,K2617*Input!$J$14,0)+IF(Input!$K$15=4,L2617*Input!$J$15,0)+IF(Input!$K$16=4,M2617*Input!$J$16,0)</f>
        <v>0</v>
      </c>
    </row>
    <row r="2618" spans="8:17" x14ac:dyDescent="0.25">
      <c r="H2618" s="43">
        <v>2611</v>
      </c>
      <c r="I2618" s="55">
        <f>Bühler!I2644</f>
        <v>1.3695540645935125</v>
      </c>
      <c r="J2618" s="58">
        <f>Bühler!J2644</f>
        <v>11.204089012557599</v>
      </c>
      <c r="K2618" s="58">
        <f>Bühler!K2644</f>
        <v>0.62008612267447205</v>
      </c>
      <c r="L2618" s="58">
        <f>Bühler!L2644</f>
        <v>0.31004306133723603</v>
      </c>
      <c r="M2618" s="57">
        <f>Bühler!M2644</f>
        <v>0</v>
      </c>
      <c r="N2618" s="55">
        <f>IF(Input!$K$13=1,J2618*Input!$J$13,0)+IF(Input!$K$14=1,K2618*Input!$J$14,0)+IF(Input!$K$15=1,L2618*Input!$J$15,0)+IF(Input!$K$16=1,M2618*Input!$J$16,0)</f>
        <v>1.3444906815069118</v>
      </c>
      <c r="O2618" s="58">
        <f>IF(Input!$K$13=2,J2618*Input!$J$13,0)+IF(Input!$K$14=2,K2618*Input!$J$14,0)+IF(Input!$K$15=2,L2618*Input!$J$15,0)+IF(Input!$K$16=2,M2618*Input!$J$16,0)</f>
        <v>8.3711626561053715E-2</v>
      </c>
      <c r="P2618" s="58">
        <f>IF(Input!$K$13=3,J2618*Input!$J$13,0)+IF(Input!$K$14=3,K2618*Input!$J$14,0)+IF(Input!$K$15=3,L2618*Input!$J$15,0)+IF(Input!$K$16=3,M2618*Input!$J$16,0)</f>
        <v>0</v>
      </c>
      <c r="Q2618" s="71">
        <f>IF(Input!$K$13=4,J2618*Input!$J$13,0)+IF(Input!$K$14=4,K2618*Input!$J$14,0)+IF(Input!$K$15=4,L2618*Input!$J$15,0)+IF(Input!$K$16=4,M2618*Input!$J$16,0)</f>
        <v>0</v>
      </c>
    </row>
    <row r="2619" spans="8:17" x14ac:dyDescent="0.25">
      <c r="H2619" s="43">
        <v>2612</v>
      </c>
      <c r="I2619" s="55">
        <f>Bühler!I2645</f>
        <v>1.3695540645935125</v>
      </c>
      <c r="J2619" s="58">
        <f>Bühler!J2645</f>
        <v>11.204089012557599</v>
      </c>
      <c r="K2619" s="58">
        <f>Bühler!K2645</f>
        <v>0.62008612267447205</v>
      </c>
      <c r="L2619" s="58">
        <f>Bühler!L2645</f>
        <v>0.31004306133723603</v>
      </c>
      <c r="M2619" s="57">
        <f>Bühler!M2645</f>
        <v>0</v>
      </c>
      <c r="N2619" s="55">
        <f>IF(Input!$K$13=1,J2619*Input!$J$13,0)+IF(Input!$K$14=1,K2619*Input!$J$14,0)+IF(Input!$K$15=1,L2619*Input!$J$15,0)+IF(Input!$K$16=1,M2619*Input!$J$16,0)</f>
        <v>1.3444906815069118</v>
      </c>
      <c r="O2619" s="58">
        <f>IF(Input!$K$13=2,J2619*Input!$J$13,0)+IF(Input!$K$14=2,K2619*Input!$J$14,0)+IF(Input!$K$15=2,L2619*Input!$J$15,0)+IF(Input!$K$16=2,M2619*Input!$J$16,0)</f>
        <v>8.3711626561053715E-2</v>
      </c>
      <c r="P2619" s="58">
        <f>IF(Input!$K$13=3,J2619*Input!$J$13,0)+IF(Input!$K$14=3,K2619*Input!$J$14,0)+IF(Input!$K$15=3,L2619*Input!$J$15,0)+IF(Input!$K$16=3,M2619*Input!$J$16,0)</f>
        <v>0</v>
      </c>
      <c r="Q2619" s="71">
        <f>IF(Input!$K$13=4,J2619*Input!$J$13,0)+IF(Input!$K$14=4,K2619*Input!$J$14,0)+IF(Input!$K$15=4,L2619*Input!$J$15,0)+IF(Input!$K$16=4,M2619*Input!$J$16,0)</f>
        <v>0</v>
      </c>
    </row>
    <row r="2620" spans="8:17" x14ac:dyDescent="0.25">
      <c r="H2620" s="43">
        <v>2613</v>
      </c>
      <c r="I2620" s="55">
        <f>Bühler!I2646</f>
        <v>1.3695540645935125</v>
      </c>
      <c r="J2620" s="58">
        <f>Bühler!J2646</f>
        <v>11.204089012557599</v>
      </c>
      <c r="K2620" s="58">
        <f>Bühler!K2646</f>
        <v>0.62008612267447205</v>
      </c>
      <c r="L2620" s="58">
        <f>Bühler!L2646</f>
        <v>0.31004306133723603</v>
      </c>
      <c r="M2620" s="57">
        <f>Bühler!M2646</f>
        <v>0</v>
      </c>
      <c r="N2620" s="55">
        <f>IF(Input!$K$13=1,J2620*Input!$J$13,0)+IF(Input!$K$14=1,K2620*Input!$J$14,0)+IF(Input!$K$15=1,L2620*Input!$J$15,0)+IF(Input!$K$16=1,M2620*Input!$J$16,0)</f>
        <v>1.3444906815069118</v>
      </c>
      <c r="O2620" s="58">
        <f>IF(Input!$K$13=2,J2620*Input!$J$13,0)+IF(Input!$K$14=2,K2620*Input!$J$14,0)+IF(Input!$K$15=2,L2620*Input!$J$15,0)+IF(Input!$K$16=2,M2620*Input!$J$16,0)</f>
        <v>8.3711626561053715E-2</v>
      </c>
      <c r="P2620" s="58">
        <f>IF(Input!$K$13=3,J2620*Input!$J$13,0)+IF(Input!$K$14=3,K2620*Input!$J$14,0)+IF(Input!$K$15=3,L2620*Input!$J$15,0)+IF(Input!$K$16=3,M2620*Input!$J$16,0)</f>
        <v>0</v>
      </c>
      <c r="Q2620" s="71">
        <f>IF(Input!$K$13=4,J2620*Input!$J$13,0)+IF(Input!$K$14=4,K2620*Input!$J$14,0)+IF(Input!$K$15=4,L2620*Input!$J$15,0)+IF(Input!$K$16=4,M2620*Input!$J$16,0)</f>
        <v>0</v>
      </c>
    </row>
    <row r="2621" spans="8:17" x14ac:dyDescent="0.25">
      <c r="H2621" s="43">
        <v>2614</v>
      </c>
      <c r="I2621" s="55">
        <f>Bühler!I2647</f>
        <v>1.3695540645935125</v>
      </c>
      <c r="J2621" s="58">
        <f>Bühler!J2647</f>
        <v>11.204089012557599</v>
      </c>
      <c r="K2621" s="58">
        <f>Bühler!K2647</f>
        <v>0.62008612267447205</v>
      </c>
      <c r="L2621" s="58">
        <f>Bühler!L2647</f>
        <v>0.31004306133723603</v>
      </c>
      <c r="M2621" s="57">
        <f>Bühler!M2647</f>
        <v>0</v>
      </c>
      <c r="N2621" s="55">
        <f>IF(Input!$K$13=1,J2621*Input!$J$13,0)+IF(Input!$K$14=1,K2621*Input!$J$14,0)+IF(Input!$K$15=1,L2621*Input!$J$15,0)+IF(Input!$K$16=1,M2621*Input!$J$16,0)</f>
        <v>1.3444906815069118</v>
      </c>
      <c r="O2621" s="58">
        <f>IF(Input!$K$13=2,J2621*Input!$J$13,0)+IF(Input!$K$14=2,K2621*Input!$J$14,0)+IF(Input!$K$15=2,L2621*Input!$J$15,0)+IF(Input!$K$16=2,M2621*Input!$J$16,0)</f>
        <v>8.3711626561053715E-2</v>
      </c>
      <c r="P2621" s="58">
        <f>IF(Input!$K$13=3,J2621*Input!$J$13,0)+IF(Input!$K$14=3,K2621*Input!$J$14,0)+IF(Input!$K$15=3,L2621*Input!$J$15,0)+IF(Input!$K$16=3,M2621*Input!$J$16,0)</f>
        <v>0</v>
      </c>
      <c r="Q2621" s="71">
        <f>IF(Input!$K$13=4,J2621*Input!$J$13,0)+IF(Input!$K$14=4,K2621*Input!$J$14,0)+IF(Input!$K$15=4,L2621*Input!$J$15,0)+IF(Input!$K$16=4,M2621*Input!$J$16,0)</f>
        <v>0</v>
      </c>
    </row>
    <row r="2622" spans="8:17" x14ac:dyDescent="0.25">
      <c r="H2622" s="43">
        <v>2615</v>
      </c>
      <c r="I2622" s="55">
        <f>Bühler!I2648</f>
        <v>1.3695540645935125</v>
      </c>
      <c r="J2622" s="58">
        <f>Bühler!J2648</f>
        <v>11.204089012557599</v>
      </c>
      <c r="K2622" s="58">
        <f>Bühler!K2648</f>
        <v>0.62008612267447205</v>
      </c>
      <c r="L2622" s="58">
        <f>Bühler!L2648</f>
        <v>0.31004306133723603</v>
      </c>
      <c r="M2622" s="57">
        <f>Bühler!M2648</f>
        <v>0</v>
      </c>
      <c r="N2622" s="55">
        <f>IF(Input!$K$13=1,J2622*Input!$J$13,0)+IF(Input!$K$14=1,K2622*Input!$J$14,0)+IF(Input!$K$15=1,L2622*Input!$J$15,0)+IF(Input!$K$16=1,M2622*Input!$J$16,0)</f>
        <v>1.3444906815069118</v>
      </c>
      <c r="O2622" s="58">
        <f>IF(Input!$K$13=2,J2622*Input!$J$13,0)+IF(Input!$K$14=2,K2622*Input!$J$14,0)+IF(Input!$K$15=2,L2622*Input!$J$15,0)+IF(Input!$K$16=2,M2622*Input!$J$16,0)</f>
        <v>8.3711626561053715E-2</v>
      </c>
      <c r="P2622" s="58">
        <f>IF(Input!$K$13=3,J2622*Input!$J$13,0)+IF(Input!$K$14=3,K2622*Input!$J$14,0)+IF(Input!$K$15=3,L2622*Input!$J$15,0)+IF(Input!$K$16=3,M2622*Input!$J$16,0)</f>
        <v>0</v>
      </c>
      <c r="Q2622" s="71">
        <f>IF(Input!$K$13=4,J2622*Input!$J$13,0)+IF(Input!$K$14=4,K2622*Input!$J$14,0)+IF(Input!$K$15=4,L2622*Input!$J$15,0)+IF(Input!$K$16=4,M2622*Input!$J$16,0)</f>
        <v>0</v>
      </c>
    </row>
    <row r="2623" spans="8:17" x14ac:dyDescent="0.25">
      <c r="H2623" s="43">
        <v>2616</v>
      </c>
      <c r="I2623" s="55">
        <f>Bühler!I2649</f>
        <v>1.3695540645935125</v>
      </c>
      <c r="J2623" s="58">
        <f>Bühler!J2649</f>
        <v>11.204089012557599</v>
      </c>
      <c r="K2623" s="58">
        <f>Bühler!K2649</f>
        <v>0.62008612267447205</v>
      </c>
      <c r="L2623" s="58">
        <f>Bühler!L2649</f>
        <v>0.31004306133723603</v>
      </c>
      <c r="M2623" s="57">
        <f>Bühler!M2649</f>
        <v>0</v>
      </c>
      <c r="N2623" s="55">
        <f>IF(Input!$K$13=1,J2623*Input!$J$13,0)+IF(Input!$K$14=1,K2623*Input!$J$14,0)+IF(Input!$K$15=1,L2623*Input!$J$15,0)+IF(Input!$K$16=1,M2623*Input!$J$16,0)</f>
        <v>1.3444906815069118</v>
      </c>
      <c r="O2623" s="58">
        <f>IF(Input!$K$13=2,J2623*Input!$J$13,0)+IF(Input!$K$14=2,K2623*Input!$J$14,0)+IF(Input!$K$15=2,L2623*Input!$J$15,0)+IF(Input!$K$16=2,M2623*Input!$J$16,0)</f>
        <v>8.3711626561053715E-2</v>
      </c>
      <c r="P2623" s="58">
        <f>IF(Input!$K$13=3,J2623*Input!$J$13,0)+IF(Input!$K$14=3,K2623*Input!$J$14,0)+IF(Input!$K$15=3,L2623*Input!$J$15,0)+IF(Input!$K$16=3,M2623*Input!$J$16,0)</f>
        <v>0</v>
      </c>
      <c r="Q2623" s="71">
        <f>IF(Input!$K$13=4,J2623*Input!$J$13,0)+IF(Input!$K$14=4,K2623*Input!$J$14,0)+IF(Input!$K$15=4,L2623*Input!$J$15,0)+IF(Input!$K$16=4,M2623*Input!$J$16,0)</f>
        <v>0</v>
      </c>
    </row>
    <row r="2624" spans="8:17" x14ac:dyDescent="0.25">
      <c r="H2624" s="43">
        <v>2617</v>
      </c>
      <c r="I2624" s="55">
        <f>Bühler!I2650</f>
        <v>0.89440763024788605</v>
      </c>
      <c r="J2624" s="58">
        <f>Bühler!J2650</f>
        <v>10.268002287331687</v>
      </c>
      <c r="K2624" s="58">
        <f>Bühler!K2650</f>
        <v>0.61515886764901395</v>
      </c>
      <c r="L2624" s="58">
        <f>Bühler!L2650</f>
        <v>0.30757943382450698</v>
      </c>
      <c r="M2624" s="57">
        <f>Bühler!M2650</f>
        <v>0</v>
      </c>
      <c r="N2624" s="55">
        <f>IF(Input!$K$13=1,J2624*Input!$J$13,0)+IF(Input!$K$14=1,K2624*Input!$J$14,0)+IF(Input!$K$15=1,L2624*Input!$J$15,0)+IF(Input!$K$16=1,M2624*Input!$J$16,0)</f>
        <v>1.2321602744798024</v>
      </c>
      <c r="O2624" s="58">
        <f>IF(Input!$K$13=2,J2624*Input!$J$13,0)+IF(Input!$K$14=2,K2624*Input!$J$14,0)+IF(Input!$K$15=2,L2624*Input!$J$15,0)+IF(Input!$K$16=2,M2624*Input!$J$16,0)</f>
        <v>8.3046447132616885E-2</v>
      </c>
      <c r="P2624" s="58">
        <f>IF(Input!$K$13=3,J2624*Input!$J$13,0)+IF(Input!$K$14=3,K2624*Input!$J$14,0)+IF(Input!$K$15=3,L2624*Input!$J$15,0)+IF(Input!$K$16=3,M2624*Input!$J$16,0)</f>
        <v>0</v>
      </c>
      <c r="Q2624" s="71">
        <f>IF(Input!$K$13=4,J2624*Input!$J$13,0)+IF(Input!$K$14=4,K2624*Input!$J$14,0)+IF(Input!$K$15=4,L2624*Input!$J$15,0)+IF(Input!$K$16=4,M2624*Input!$J$16,0)</f>
        <v>0</v>
      </c>
    </row>
    <row r="2625" spans="8:17" x14ac:dyDescent="0.25">
      <c r="H2625" s="43">
        <v>2618</v>
      </c>
      <c r="I2625" s="55">
        <f>Bühler!I2651</f>
        <v>0.89440763024788605</v>
      </c>
      <c r="J2625" s="58">
        <f>Bühler!J2651</f>
        <v>10.268002287331687</v>
      </c>
      <c r="K2625" s="58">
        <f>Bühler!K2651</f>
        <v>0.61515886764901395</v>
      </c>
      <c r="L2625" s="58">
        <f>Bühler!L2651</f>
        <v>0.30757943382450698</v>
      </c>
      <c r="M2625" s="57">
        <f>Bühler!M2651</f>
        <v>0</v>
      </c>
      <c r="N2625" s="55">
        <f>IF(Input!$K$13=1,J2625*Input!$J$13,0)+IF(Input!$K$14=1,K2625*Input!$J$14,0)+IF(Input!$K$15=1,L2625*Input!$J$15,0)+IF(Input!$K$16=1,M2625*Input!$J$16,0)</f>
        <v>1.2321602744798024</v>
      </c>
      <c r="O2625" s="58">
        <f>IF(Input!$K$13=2,J2625*Input!$J$13,0)+IF(Input!$K$14=2,K2625*Input!$J$14,0)+IF(Input!$K$15=2,L2625*Input!$J$15,0)+IF(Input!$K$16=2,M2625*Input!$J$16,0)</f>
        <v>8.3046447132616885E-2</v>
      </c>
      <c r="P2625" s="58">
        <f>IF(Input!$K$13=3,J2625*Input!$J$13,0)+IF(Input!$K$14=3,K2625*Input!$J$14,0)+IF(Input!$K$15=3,L2625*Input!$J$15,0)+IF(Input!$K$16=3,M2625*Input!$J$16,0)</f>
        <v>0</v>
      </c>
      <c r="Q2625" s="71">
        <f>IF(Input!$K$13=4,J2625*Input!$J$13,0)+IF(Input!$K$14=4,K2625*Input!$J$14,0)+IF(Input!$K$15=4,L2625*Input!$J$15,0)+IF(Input!$K$16=4,M2625*Input!$J$16,0)</f>
        <v>0</v>
      </c>
    </row>
    <row r="2626" spans="8:17" x14ac:dyDescent="0.25">
      <c r="H2626" s="43">
        <v>2619</v>
      </c>
      <c r="I2626" s="55">
        <f>Bühler!I2652</f>
        <v>0.89440763024788605</v>
      </c>
      <c r="J2626" s="58">
        <f>Bühler!J2652</f>
        <v>10.268002287331687</v>
      </c>
      <c r="K2626" s="58">
        <f>Bühler!K2652</f>
        <v>0.61515886764901395</v>
      </c>
      <c r="L2626" s="58">
        <f>Bühler!L2652</f>
        <v>0.30757943382450698</v>
      </c>
      <c r="M2626" s="57">
        <f>Bühler!M2652</f>
        <v>0</v>
      </c>
      <c r="N2626" s="55">
        <f>IF(Input!$K$13=1,J2626*Input!$J$13,0)+IF(Input!$K$14=1,K2626*Input!$J$14,0)+IF(Input!$K$15=1,L2626*Input!$J$15,0)+IF(Input!$K$16=1,M2626*Input!$J$16,0)</f>
        <v>1.2321602744798024</v>
      </c>
      <c r="O2626" s="58">
        <f>IF(Input!$K$13=2,J2626*Input!$J$13,0)+IF(Input!$K$14=2,K2626*Input!$J$14,0)+IF(Input!$K$15=2,L2626*Input!$J$15,0)+IF(Input!$K$16=2,M2626*Input!$J$16,0)</f>
        <v>8.3046447132616885E-2</v>
      </c>
      <c r="P2626" s="58">
        <f>IF(Input!$K$13=3,J2626*Input!$J$13,0)+IF(Input!$K$14=3,K2626*Input!$J$14,0)+IF(Input!$K$15=3,L2626*Input!$J$15,0)+IF(Input!$K$16=3,M2626*Input!$J$16,0)</f>
        <v>0</v>
      </c>
      <c r="Q2626" s="71">
        <f>IF(Input!$K$13=4,J2626*Input!$J$13,0)+IF(Input!$K$14=4,K2626*Input!$J$14,0)+IF(Input!$K$15=4,L2626*Input!$J$15,0)+IF(Input!$K$16=4,M2626*Input!$J$16,0)</f>
        <v>0</v>
      </c>
    </row>
    <row r="2627" spans="8:17" x14ac:dyDescent="0.25">
      <c r="H2627" s="43">
        <v>2620</v>
      </c>
      <c r="I2627" s="55">
        <f>Bühler!I2653</f>
        <v>0.89440763024788605</v>
      </c>
      <c r="J2627" s="58">
        <f>Bühler!J2653</f>
        <v>10.268002287331687</v>
      </c>
      <c r="K2627" s="58">
        <f>Bühler!K2653</f>
        <v>0.61515886764901395</v>
      </c>
      <c r="L2627" s="58">
        <f>Bühler!L2653</f>
        <v>0.30757943382450698</v>
      </c>
      <c r="M2627" s="57">
        <f>Bühler!M2653</f>
        <v>0</v>
      </c>
      <c r="N2627" s="55">
        <f>IF(Input!$K$13=1,J2627*Input!$J$13,0)+IF(Input!$K$14=1,K2627*Input!$J$14,0)+IF(Input!$K$15=1,L2627*Input!$J$15,0)+IF(Input!$K$16=1,M2627*Input!$J$16,0)</f>
        <v>1.2321602744798024</v>
      </c>
      <c r="O2627" s="58">
        <f>IF(Input!$K$13=2,J2627*Input!$J$13,0)+IF(Input!$K$14=2,K2627*Input!$J$14,0)+IF(Input!$K$15=2,L2627*Input!$J$15,0)+IF(Input!$K$16=2,M2627*Input!$J$16,0)</f>
        <v>8.3046447132616885E-2</v>
      </c>
      <c r="P2627" s="58">
        <f>IF(Input!$K$13=3,J2627*Input!$J$13,0)+IF(Input!$K$14=3,K2627*Input!$J$14,0)+IF(Input!$K$15=3,L2627*Input!$J$15,0)+IF(Input!$K$16=3,M2627*Input!$J$16,0)</f>
        <v>0</v>
      </c>
      <c r="Q2627" s="71">
        <f>IF(Input!$K$13=4,J2627*Input!$J$13,0)+IF(Input!$K$14=4,K2627*Input!$J$14,0)+IF(Input!$K$15=4,L2627*Input!$J$15,0)+IF(Input!$K$16=4,M2627*Input!$J$16,0)</f>
        <v>0</v>
      </c>
    </row>
    <row r="2628" spans="8:17" x14ac:dyDescent="0.25">
      <c r="H2628" s="43">
        <v>2621</v>
      </c>
      <c r="I2628" s="55">
        <f>Bühler!I2654</f>
        <v>0.89440763024788605</v>
      </c>
      <c r="J2628" s="58">
        <f>Bühler!J2654</f>
        <v>10.268002287331687</v>
      </c>
      <c r="K2628" s="58">
        <f>Bühler!K2654</f>
        <v>0.61515886764901395</v>
      </c>
      <c r="L2628" s="58">
        <f>Bühler!L2654</f>
        <v>0.30757943382450698</v>
      </c>
      <c r="M2628" s="57">
        <f>Bühler!M2654</f>
        <v>0</v>
      </c>
      <c r="N2628" s="55">
        <f>IF(Input!$K$13=1,J2628*Input!$J$13,0)+IF(Input!$K$14=1,K2628*Input!$J$14,0)+IF(Input!$K$15=1,L2628*Input!$J$15,0)+IF(Input!$K$16=1,M2628*Input!$J$16,0)</f>
        <v>1.2321602744798024</v>
      </c>
      <c r="O2628" s="58">
        <f>IF(Input!$K$13=2,J2628*Input!$J$13,0)+IF(Input!$K$14=2,K2628*Input!$J$14,0)+IF(Input!$K$15=2,L2628*Input!$J$15,0)+IF(Input!$K$16=2,M2628*Input!$J$16,0)</f>
        <v>8.3046447132616885E-2</v>
      </c>
      <c r="P2628" s="58">
        <f>IF(Input!$K$13=3,J2628*Input!$J$13,0)+IF(Input!$K$14=3,K2628*Input!$J$14,0)+IF(Input!$K$15=3,L2628*Input!$J$15,0)+IF(Input!$K$16=3,M2628*Input!$J$16,0)</f>
        <v>0</v>
      </c>
      <c r="Q2628" s="71">
        <f>IF(Input!$K$13=4,J2628*Input!$J$13,0)+IF(Input!$K$14=4,K2628*Input!$J$14,0)+IF(Input!$K$15=4,L2628*Input!$J$15,0)+IF(Input!$K$16=4,M2628*Input!$J$16,0)</f>
        <v>0</v>
      </c>
    </row>
    <row r="2629" spans="8:17" x14ac:dyDescent="0.25">
      <c r="H2629" s="43">
        <v>2622</v>
      </c>
      <c r="I2629" s="55">
        <f>Bühler!I2655</f>
        <v>0.89440763024788605</v>
      </c>
      <c r="J2629" s="58">
        <f>Bühler!J2655</f>
        <v>10.268002287331687</v>
      </c>
      <c r="K2629" s="58">
        <f>Bühler!K2655</f>
        <v>0.61515886764901395</v>
      </c>
      <c r="L2629" s="58">
        <f>Bühler!L2655</f>
        <v>0.30757943382450698</v>
      </c>
      <c r="M2629" s="57">
        <f>Bühler!M2655</f>
        <v>0</v>
      </c>
      <c r="N2629" s="55">
        <f>IF(Input!$K$13=1,J2629*Input!$J$13,0)+IF(Input!$K$14=1,K2629*Input!$J$14,0)+IF(Input!$K$15=1,L2629*Input!$J$15,0)+IF(Input!$K$16=1,M2629*Input!$J$16,0)</f>
        <v>1.2321602744798024</v>
      </c>
      <c r="O2629" s="58">
        <f>IF(Input!$K$13=2,J2629*Input!$J$13,0)+IF(Input!$K$14=2,K2629*Input!$J$14,0)+IF(Input!$K$15=2,L2629*Input!$J$15,0)+IF(Input!$K$16=2,M2629*Input!$J$16,0)</f>
        <v>8.3046447132616885E-2</v>
      </c>
      <c r="P2629" s="58">
        <f>IF(Input!$K$13=3,J2629*Input!$J$13,0)+IF(Input!$K$14=3,K2629*Input!$J$14,0)+IF(Input!$K$15=3,L2629*Input!$J$15,0)+IF(Input!$K$16=3,M2629*Input!$J$16,0)</f>
        <v>0</v>
      </c>
      <c r="Q2629" s="71">
        <f>IF(Input!$K$13=4,J2629*Input!$J$13,0)+IF(Input!$K$14=4,K2629*Input!$J$14,0)+IF(Input!$K$15=4,L2629*Input!$J$15,0)+IF(Input!$K$16=4,M2629*Input!$J$16,0)</f>
        <v>0</v>
      </c>
    </row>
    <row r="2630" spans="8:17" x14ac:dyDescent="0.25">
      <c r="H2630" s="43">
        <v>2623</v>
      </c>
      <c r="I2630" s="55">
        <f>Bühler!I2656</f>
        <v>0.89440763024788605</v>
      </c>
      <c r="J2630" s="58">
        <f>Bühler!J2656</f>
        <v>10.268002287331687</v>
      </c>
      <c r="K2630" s="58">
        <f>Bühler!K2656</f>
        <v>0.61515886764901395</v>
      </c>
      <c r="L2630" s="58">
        <f>Bühler!L2656</f>
        <v>0.30757943382450698</v>
      </c>
      <c r="M2630" s="57">
        <f>Bühler!M2656</f>
        <v>0</v>
      </c>
      <c r="N2630" s="55">
        <f>IF(Input!$K$13=1,J2630*Input!$J$13,0)+IF(Input!$K$14=1,K2630*Input!$J$14,0)+IF(Input!$K$15=1,L2630*Input!$J$15,0)+IF(Input!$K$16=1,M2630*Input!$J$16,0)</f>
        <v>1.2321602744798024</v>
      </c>
      <c r="O2630" s="58">
        <f>IF(Input!$K$13=2,J2630*Input!$J$13,0)+IF(Input!$K$14=2,K2630*Input!$J$14,0)+IF(Input!$K$15=2,L2630*Input!$J$15,0)+IF(Input!$K$16=2,M2630*Input!$J$16,0)</f>
        <v>8.3046447132616885E-2</v>
      </c>
      <c r="P2630" s="58">
        <f>IF(Input!$K$13=3,J2630*Input!$J$13,0)+IF(Input!$K$14=3,K2630*Input!$J$14,0)+IF(Input!$K$15=3,L2630*Input!$J$15,0)+IF(Input!$K$16=3,M2630*Input!$J$16,0)</f>
        <v>0</v>
      </c>
      <c r="Q2630" s="71">
        <f>IF(Input!$K$13=4,J2630*Input!$J$13,0)+IF(Input!$K$14=4,K2630*Input!$J$14,0)+IF(Input!$K$15=4,L2630*Input!$J$15,0)+IF(Input!$K$16=4,M2630*Input!$J$16,0)</f>
        <v>0</v>
      </c>
    </row>
    <row r="2631" spans="8:17" x14ac:dyDescent="0.25">
      <c r="H2631" s="43">
        <v>2624</v>
      </c>
      <c r="I2631" s="55">
        <f>Bühler!I2657</f>
        <v>2.4640930213329257</v>
      </c>
      <c r="J2631" s="58">
        <f>Bühler!J2657</f>
        <v>40.682867039693534</v>
      </c>
      <c r="K2631" s="58">
        <f>Bühler!K2657</f>
        <v>2.514694886237939</v>
      </c>
      <c r="L2631" s="58">
        <f>Bühler!L2657</f>
        <v>1.2573474431189695</v>
      </c>
      <c r="M2631" s="57">
        <f>Bühler!M2657</f>
        <v>0</v>
      </c>
      <c r="N2631" s="55">
        <f>IF(Input!$K$13=1,J2631*Input!$J$13,0)+IF(Input!$K$14=1,K2631*Input!$J$14,0)+IF(Input!$K$15=1,L2631*Input!$J$15,0)+IF(Input!$K$16=1,M2631*Input!$J$16,0)</f>
        <v>4.8819440447632241</v>
      </c>
      <c r="O2631" s="58">
        <f>IF(Input!$K$13=2,J2631*Input!$J$13,0)+IF(Input!$K$14=2,K2631*Input!$J$14,0)+IF(Input!$K$15=2,L2631*Input!$J$15,0)+IF(Input!$K$16=2,M2631*Input!$J$16,0)</f>
        <v>0.33948380964212177</v>
      </c>
      <c r="P2631" s="58">
        <f>IF(Input!$K$13=3,J2631*Input!$J$13,0)+IF(Input!$K$14=3,K2631*Input!$J$14,0)+IF(Input!$K$15=3,L2631*Input!$J$15,0)+IF(Input!$K$16=3,M2631*Input!$J$16,0)</f>
        <v>0</v>
      </c>
      <c r="Q2631" s="71">
        <f>IF(Input!$K$13=4,J2631*Input!$J$13,0)+IF(Input!$K$14=4,K2631*Input!$J$14,0)+IF(Input!$K$15=4,L2631*Input!$J$15,0)+IF(Input!$K$16=4,M2631*Input!$J$16,0)</f>
        <v>0</v>
      </c>
    </row>
    <row r="2632" spans="8:17" x14ac:dyDescent="0.25">
      <c r="H2632" s="43">
        <v>2625</v>
      </c>
      <c r="I2632" s="55">
        <f>Bühler!I2658</f>
        <v>2.7494090553820016</v>
      </c>
      <c r="J2632" s="58">
        <f>Bühler!J2658</f>
        <v>45.393514802184363</v>
      </c>
      <c r="K2632" s="58">
        <f>Bühler!K2658</f>
        <v>2.8058700835918056</v>
      </c>
      <c r="L2632" s="58">
        <f>Bühler!L2658</f>
        <v>1.4029350417959028</v>
      </c>
      <c r="M2632" s="57">
        <f>Bühler!M2658</f>
        <v>0</v>
      </c>
      <c r="N2632" s="55">
        <f>IF(Input!$K$13=1,J2632*Input!$J$13,0)+IF(Input!$K$14=1,K2632*Input!$J$14,0)+IF(Input!$K$15=1,L2632*Input!$J$15,0)+IF(Input!$K$16=1,M2632*Input!$J$16,0)</f>
        <v>5.4472217762621238</v>
      </c>
      <c r="O2632" s="58">
        <f>IF(Input!$K$13=2,J2632*Input!$J$13,0)+IF(Input!$K$14=2,K2632*Input!$J$14,0)+IF(Input!$K$15=2,L2632*Input!$J$15,0)+IF(Input!$K$16=2,M2632*Input!$J$16,0)</f>
        <v>0.37879246128489374</v>
      </c>
      <c r="P2632" s="58">
        <f>IF(Input!$K$13=3,J2632*Input!$J$13,0)+IF(Input!$K$14=3,K2632*Input!$J$14,0)+IF(Input!$K$15=3,L2632*Input!$J$15,0)+IF(Input!$K$16=3,M2632*Input!$J$16,0)</f>
        <v>0</v>
      </c>
      <c r="Q2632" s="71">
        <f>IF(Input!$K$13=4,J2632*Input!$J$13,0)+IF(Input!$K$14=4,K2632*Input!$J$14,0)+IF(Input!$K$15=4,L2632*Input!$J$15,0)+IF(Input!$K$16=4,M2632*Input!$J$16,0)</f>
        <v>0</v>
      </c>
    </row>
    <row r="2633" spans="8:17" x14ac:dyDescent="0.25">
      <c r="H2633" s="43">
        <v>2626</v>
      </c>
      <c r="I2633" s="55">
        <f>Bühler!I2659</f>
        <v>3.0347250894310771</v>
      </c>
      <c r="J2633" s="58">
        <f>Bühler!J2659</f>
        <v>50.104162564675192</v>
      </c>
      <c r="K2633" s="58">
        <f>Bühler!K2659</f>
        <v>3.0970452809456721</v>
      </c>
      <c r="L2633" s="58">
        <f>Bühler!L2659</f>
        <v>1.5485226404728361</v>
      </c>
      <c r="M2633" s="57">
        <f>Bühler!M2659</f>
        <v>0</v>
      </c>
      <c r="N2633" s="55">
        <f>IF(Input!$K$13=1,J2633*Input!$J$13,0)+IF(Input!$K$14=1,K2633*Input!$J$14,0)+IF(Input!$K$15=1,L2633*Input!$J$15,0)+IF(Input!$K$16=1,M2633*Input!$J$16,0)</f>
        <v>6.0124995077610226</v>
      </c>
      <c r="O2633" s="58">
        <f>IF(Input!$K$13=2,J2633*Input!$J$13,0)+IF(Input!$K$14=2,K2633*Input!$J$14,0)+IF(Input!$K$15=2,L2633*Input!$J$15,0)+IF(Input!$K$16=2,M2633*Input!$J$16,0)</f>
        <v>0.41810111292766572</v>
      </c>
      <c r="P2633" s="58">
        <f>IF(Input!$K$13=3,J2633*Input!$J$13,0)+IF(Input!$K$14=3,K2633*Input!$J$14,0)+IF(Input!$K$15=3,L2633*Input!$J$15,0)+IF(Input!$K$16=3,M2633*Input!$J$16,0)</f>
        <v>0</v>
      </c>
      <c r="Q2633" s="71">
        <f>IF(Input!$K$13=4,J2633*Input!$J$13,0)+IF(Input!$K$14=4,K2633*Input!$J$14,0)+IF(Input!$K$15=4,L2633*Input!$J$15,0)+IF(Input!$K$16=4,M2633*Input!$J$16,0)</f>
        <v>0</v>
      </c>
    </row>
    <row r="2634" spans="8:17" x14ac:dyDescent="0.25">
      <c r="H2634" s="43">
        <v>2627</v>
      </c>
      <c r="I2634" s="55">
        <f>Bühler!I2660</f>
        <v>3.0347250894310771</v>
      </c>
      <c r="J2634" s="58">
        <f>Bühler!J2660</f>
        <v>50.104162564675192</v>
      </c>
      <c r="K2634" s="58">
        <f>Bühler!K2660</f>
        <v>3.0970452809456721</v>
      </c>
      <c r="L2634" s="58">
        <f>Bühler!L2660</f>
        <v>1.5485226404728361</v>
      </c>
      <c r="M2634" s="57">
        <f>Bühler!M2660</f>
        <v>0</v>
      </c>
      <c r="N2634" s="55">
        <f>IF(Input!$K$13=1,J2634*Input!$J$13,0)+IF(Input!$K$14=1,K2634*Input!$J$14,0)+IF(Input!$K$15=1,L2634*Input!$J$15,0)+IF(Input!$K$16=1,M2634*Input!$J$16,0)</f>
        <v>6.0124995077610226</v>
      </c>
      <c r="O2634" s="58">
        <f>IF(Input!$K$13=2,J2634*Input!$J$13,0)+IF(Input!$K$14=2,K2634*Input!$J$14,0)+IF(Input!$K$15=2,L2634*Input!$J$15,0)+IF(Input!$K$16=2,M2634*Input!$J$16,0)</f>
        <v>0.41810111292766572</v>
      </c>
      <c r="P2634" s="58">
        <f>IF(Input!$K$13=3,J2634*Input!$J$13,0)+IF(Input!$K$14=3,K2634*Input!$J$14,0)+IF(Input!$K$15=3,L2634*Input!$J$15,0)+IF(Input!$K$16=3,M2634*Input!$J$16,0)</f>
        <v>0</v>
      </c>
      <c r="Q2634" s="71">
        <f>IF(Input!$K$13=4,J2634*Input!$J$13,0)+IF(Input!$K$14=4,K2634*Input!$J$14,0)+IF(Input!$K$15=4,L2634*Input!$J$15,0)+IF(Input!$K$16=4,M2634*Input!$J$16,0)</f>
        <v>0</v>
      </c>
    </row>
    <row r="2635" spans="8:17" x14ac:dyDescent="0.25">
      <c r="H2635" s="43">
        <v>2628</v>
      </c>
      <c r="I2635" s="55">
        <f>Bühler!I2661</f>
        <v>3.6312949788064164</v>
      </c>
      <c r="J2635" s="58">
        <f>Bühler!J2661</f>
        <v>59.953698795337843</v>
      </c>
      <c r="K2635" s="58">
        <f>Bühler!K2661</f>
        <v>3.7058661481401201</v>
      </c>
      <c r="L2635" s="58">
        <f>Bühler!L2661</f>
        <v>1.85293307407006</v>
      </c>
      <c r="M2635" s="57">
        <f>Bühler!M2661</f>
        <v>0</v>
      </c>
      <c r="N2635" s="55">
        <f>IF(Input!$K$13=1,J2635*Input!$J$13,0)+IF(Input!$K$14=1,K2635*Input!$J$14,0)+IF(Input!$K$15=1,L2635*Input!$J$15,0)+IF(Input!$K$16=1,M2635*Input!$J$16,0)</f>
        <v>7.1944438554405412</v>
      </c>
      <c r="O2635" s="58">
        <f>IF(Input!$K$13=2,J2635*Input!$J$13,0)+IF(Input!$K$14=2,K2635*Input!$J$14,0)+IF(Input!$K$15=2,L2635*Input!$J$15,0)+IF(Input!$K$16=2,M2635*Input!$J$16,0)</f>
        <v>0.50029192999891614</v>
      </c>
      <c r="P2635" s="58">
        <f>IF(Input!$K$13=3,J2635*Input!$J$13,0)+IF(Input!$K$14=3,K2635*Input!$J$14,0)+IF(Input!$K$15=3,L2635*Input!$J$15,0)+IF(Input!$K$16=3,M2635*Input!$J$16,0)</f>
        <v>0</v>
      </c>
      <c r="Q2635" s="71">
        <f>IF(Input!$K$13=4,J2635*Input!$J$13,0)+IF(Input!$K$14=4,K2635*Input!$J$14,0)+IF(Input!$K$15=4,L2635*Input!$J$15,0)+IF(Input!$K$16=4,M2635*Input!$J$16,0)</f>
        <v>0</v>
      </c>
    </row>
    <row r="2636" spans="8:17" x14ac:dyDescent="0.25">
      <c r="H2636" s="43">
        <v>2629</v>
      </c>
      <c r="I2636" s="55">
        <f>Bühler!I2662</f>
        <v>3.6312949788064164</v>
      </c>
      <c r="J2636" s="58">
        <f>Bühler!J2662</f>
        <v>59.953698795337843</v>
      </c>
      <c r="K2636" s="58">
        <f>Bühler!K2662</f>
        <v>3.7058661481401201</v>
      </c>
      <c r="L2636" s="58">
        <f>Bühler!L2662</f>
        <v>1.85293307407006</v>
      </c>
      <c r="M2636" s="57">
        <f>Bühler!M2662</f>
        <v>0</v>
      </c>
      <c r="N2636" s="55">
        <f>IF(Input!$K$13=1,J2636*Input!$J$13,0)+IF(Input!$K$14=1,K2636*Input!$J$14,0)+IF(Input!$K$15=1,L2636*Input!$J$15,0)+IF(Input!$K$16=1,M2636*Input!$J$16,0)</f>
        <v>7.1944438554405412</v>
      </c>
      <c r="O2636" s="58">
        <f>IF(Input!$K$13=2,J2636*Input!$J$13,0)+IF(Input!$K$14=2,K2636*Input!$J$14,0)+IF(Input!$K$15=2,L2636*Input!$J$15,0)+IF(Input!$K$16=2,M2636*Input!$J$16,0)</f>
        <v>0.50029192999891614</v>
      </c>
      <c r="P2636" s="58">
        <f>IF(Input!$K$13=3,J2636*Input!$J$13,0)+IF(Input!$K$14=3,K2636*Input!$J$14,0)+IF(Input!$K$15=3,L2636*Input!$J$15,0)+IF(Input!$K$16=3,M2636*Input!$J$16,0)</f>
        <v>0</v>
      </c>
      <c r="Q2636" s="71">
        <f>IF(Input!$K$13=4,J2636*Input!$J$13,0)+IF(Input!$K$14=4,K2636*Input!$J$14,0)+IF(Input!$K$15=4,L2636*Input!$J$15,0)+IF(Input!$K$16=4,M2636*Input!$J$16,0)</f>
        <v>0</v>
      </c>
    </row>
    <row r="2637" spans="8:17" x14ac:dyDescent="0.25">
      <c r="H2637" s="43">
        <v>2630</v>
      </c>
      <c r="I2637" s="55">
        <f>Bühler!I2663</f>
        <v>2.4122173787785481</v>
      </c>
      <c r="J2637" s="58">
        <f>Bühler!J2663</f>
        <v>39.826385628331558</v>
      </c>
      <c r="K2637" s="58">
        <f>Bühler!K2663</f>
        <v>2.4617539412645084</v>
      </c>
      <c r="L2637" s="58">
        <f>Bühler!L2663</f>
        <v>1.2308769706322542</v>
      </c>
      <c r="M2637" s="57">
        <f>Bühler!M2663</f>
        <v>0</v>
      </c>
      <c r="N2637" s="55">
        <f>IF(Input!$K$13=1,J2637*Input!$J$13,0)+IF(Input!$K$14=1,K2637*Input!$J$14,0)+IF(Input!$K$15=1,L2637*Input!$J$15,0)+IF(Input!$K$16=1,M2637*Input!$J$16,0)</f>
        <v>4.7791662753997866</v>
      </c>
      <c r="O2637" s="58">
        <f>IF(Input!$K$13=2,J2637*Input!$J$13,0)+IF(Input!$K$14=2,K2637*Input!$J$14,0)+IF(Input!$K$15=2,L2637*Input!$J$15,0)+IF(Input!$K$16=2,M2637*Input!$J$16,0)</f>
        <v>0.3323367820707086</v>
      </c>
      <c r="P2637" s="58">
        <f>IF(Input!$K$13=3,J2637*Input!$J$13,0)+IF(Input!$K$14=3,K2637*Input!$J$14,0)+IF(Input!$K$15=3,L2637*Input!$J$15,0)+IF(Input!$K$16=3,M2637*Input!$J$16,0)</f>
        <v>0</v>
      </c>
      <c r="Q2637" s="71">
        <f>IF(Input!$K$13=4,J2637*Input!$J$13,0)+IF(Input!$K$14=4,K2637*Input!$J$14,0)+IF(Input!$K$15=4,L2637*Input!$J$15,0)+IF(Input!$K$16=4,M2637*Input!$J$16,0)</f>
        <v>0</v>
      </c>
    </row>
    <row r="2638" spans="8:17" x14ac:dyDescent="0.25">
      <c r="H2638" s="43">
        <v>2631</v>
      </c>
      <c r="I2638" s="55">
        <f>Bühler!I2664</f>
        <v>3.6312949788064164</v>
      </c>
      <c r="J2638" s="58">
        <f>Bühler!J2664</f>
        <v>59.953698795337843</v>
      </c>
      <c r="K2638" s="58">
        <f>Bühler!K2664</f>
        <v>3.7058661481401201</v>
      </c>
      <c r="L2638" s="58">
        <f>Bühler!L2664</f>
        <v>1.85293307407006</v>
      </c>
      <c r="M2638" s="57">
        <f>Bühler!M2664</f>
        <v>0</v>
      </c>
      <c r="N2638" s="55">
        <f>IF(Input!$K$13=1,J2638*Input!$J$13,0)+IF(Input!$K$14=1,K2638*Input!$J$14,0)+IF(Input!$K$15=1,L2638*Input!$J$15,0)+IF(Input!$K$16=1,M2638*Input!$J$16,0)</f>
        <v>7.1944438554405412</v>
      </c>
      <c r="O2638" s="58">
        <f>IF(Input!$K$13=2,J2638*Input!$J$13,0)+IF(Input!$K$14=2,K2638*Input!$J$14,0)+IF(Input!$K$15=2,L2638*Input!$J$15,0)+IF(Input!$K$16=2,M2638*Input!$J$16,0)</f>
        <v>0.50029192999891614</v>
      </c>
      <c r="P2638" s="58">
        <f>IF(Input!$K$13=3,J2638*Input!$J$13,0)+IF(Input!$K$14=3,K2638*Input!$J$14,0)+IF(Input!$K$15=3,L2638*Input!$J$15,0)+IF(Input!$K$16=3,M2638*Input!$J$16,0)</f>
        <v>0</v>
      </c>
      <c r="Q2638" s="71">
        <f>IF(Input!$K$13=4,J2638*Input!$J$13,0)+IF(Input!$K$14=4,K2638*Input!$J$14,0)+IF(Input!$K$15=4,L2638*Input!$J$15,0)+IF(Input!$K$16=4,M2638*Input!$J$16,0)</f>
        <v>0</v>
      </c>
    </row>
    <row r="2639" spans="8:17" x14ac:dyDescent="0.25">
      <c r="H2639" s="43">
        <v>2632</v>
      </c>
      <c r="I2639" s="55">
        <f>Bühler!I2665</f>
        <v>3.6312949788064164</v>
      </c>
      <c r="J2639" s="58">
        <f>Bühler!J2665</f>
        <v>59.953698795337843</v>
      </c>
      <c r="K2639" s="58">
        <f>Bühler!K2665</f>
        <v>3.7058661481401201</v>
      </c>
      <c r="L2639" s="58">
        <f>Bühler!L2665</f>
        <v>1.85293307407006</v>
      </c>
      <c r="M2639" s="57">
        <f>Bühler!M2665</f>
        <v>0</v>
      </c>
      <c r="N2639" s="55">
        <f>IF(Input!$K$13=1,J2639*Input!$J$13,0)+IF(Input!$K$14=1,K2639*Input!$J$14,0)+IF(Input!$K$15=1,L2639*Input!$J$15,0)+IF(Input!$K$16=1,M2639*Input!$J$16,0)</f>
        <v>7.1944438554405412</v>
      </c>
      <c r="O2639" s="58">
        <f>IF(Input!$K$13=2,J2639*Input!$J$13,0)+IF(Input!$K$14=2,K2639*Input!$J$14,0)+IF(Input!$K$15=2,L2639*Input!$J$15,0)+IF(Input!$K$16=2,M2639*Input!$J$16,0)</f>
        <v>0.50029192999891614</v>
      </c>
      <c r="P2639" s="58">
        <f>IF(Input!$K$13=3,J2639*Input!$J$13,0)+IF(Input!$K$14=3,K2639*Input!$J$14,0)+IF(Input!$K$15=3,L2639*Input!$J$15,0)+IF(Input!$K$16=3,M2639*Input!$J$16,0)</f>
        <v>0</v>
      </c>
      <c r="Q2639" s="71">
        <f>IF(Input!$K$13=4,J2639*Input!$J$13,0)+IF(Input!$K$14=4,K2639*Input!$J$14,0)+IF(Input!$K$15=4,L2639*Input!$J$15,0)+IF(Input!$K$16=4,M2639*Input!$J$16,0)</f>
        <v>0</v>
      </c>
    </row>
    <row r="2640" spans="8:17" x14ac:dyDescent="0.25">
      <c r="H2640" s="43">
        <v>2633</v>
      </c>
      <c r="I2640" s="55">
        <f>Bühler!I2666</f>
        <v>3.0342778856159534</v>
      </c>
      <c r="J2640" s="58">
        <f>Bühler!J2666</f>
        <v>36.298799818116436</v>
      </c>
      <c r="K2640" s="58">
        <f>Bühler!K2666</f>
        <v>2.1838139801539991</v>
      </c>
      <c r="L2640" s="58">
        <f>Bühler!L2666</f>
        <v>1.0919069900769995</v>
      </c>
      <c r="M2640" s="57">
        <f>Bühler!M2666</f>
        <v>0</v>
      </c>
      <c r="N2640" s="55">
        <f>IF(Input!$K$13=1,J2640*Input!$J$13,0)+IF(Input!$K$14=1,K2640*Input!$J$14,0)+IF(Input!$K$15=1,L2640*Input!$J$15,0)+IF(Input!$K$16=1,M2640*Input!$J$16,0)</f>
        <v>4.3558559781739721</v>
      </c>
      <c r="O2640" s="58">
        <f>IF(Input!$K$13=2,J2640*Input!$J$13,0)+IF(Input!$K$14=2,K2640*Input!$J$14,0)+IF(Input!$K$15=2,L2640*Input!$J$15,0)+IF(Input!$K$16=2,M2640*Input!$J$16,0)</f>
        <v>0.29481488732078986</v>
      </c>
      <c r="P2640" s="58">
        <f>IF(Input!$K$13=3,J2640*Input!$J$13,0)+IF(Input!$K$14=3,K2640*Input!$J$14,0)+IF(Input!$K$15=3,L2640*Input!$J$15,0)+IF(Input!$K$16=3,M2640*Input!$J$16,0)</f>
        <v>0</v>
      </c>
      <c r="Q2640" s="71">
        <f>IF(Input!$K$13=4,J2640*Input!$J$13,0)+IF(Input!$K$14=4,K2640*Input!$J$14,0)+IF(Input!$K$15=4,L2640*Input!$J$15,0)+IF(Input!$K$16=4,M2640*Input!$J$16,0)</f>
        <v>0</v>
      </c>
    </row>
    <row r="2641" spans="8:17" x14ac:dyDescent="0.25">
      <c r="H2641" s="43">
        <v>2634</v>
      </c>
      <c r="I2641" s="55">
        <f>Bühler!I2667</f>
        <v>2.4126645825936728</v>
      </c>
      <c r="J2641" s="58">
        <f>Bühler!J2667</f>
        <v>16.703205855228717</v>
      </c>
      <c r="K2641" s="58">
        <f>Bühler!K2667</f>
        <v>0.93205889037729384</v>
      </c>
      <c r="L2641" s="58">
        <f>Bühler!L2667</f>
        <v>0.46602944518864692</v>
      </c>
      <c r="M2641" s="57">
        <f>Bühler!M2667</f>
        <v>0</v>
      </c>
      <c r="N2641" s="55">
        <f>IF(Input!$K$13=1,J2641*Input!$J$13,0)+IF(Input!$K$14=1,K2641*Input!$J$14,0)+IF(Input!$K$15=1,L2641*Input!$J$15,0)+IF(Input!$K$16=1,M2641*Input!$J$16,0)</f>
        <v>2.0043847026274459</v>
      </c>
      <c r="O2641" s="58">
        <f>IF(Input!$K$13=2,J2641*Input!$J$13,0)+IF(Input!$K$14=2,K2641*Input!$J$14,0)+IF(Input!$K$15=2,L2641*Input!$J$15,0)+IF(Input!$K$16=2,M2641*Input!$J$16,0)</f>
        <v>0.12582795020093468</v>
      </c>
      <c r="P2641" s="58">
        <f>IF(Input!$K$13=3,J2641*Input!$J$13,0)+IF(Input!$K$14=3,K2641*Input!$J$14,0)+IF(Input!$K$15=3,L2641*Input!$J$15,0)+IF(Input!$K$16=3,M2641*Input!$J$16,0)</f>
        <v>0</v>
      </c>
      <c r="Q2641" s="71">
        <f>IF(Input!$K$13=4,J2641*Input!$J$13,0)+IF(Input!$K$14=4,K2641*Input!$J$14,0)+IF(Input!$K$15=4,L2641*Input!$J$15,0)+IF(Input!$K$16=4,M2641*Input!$J$16,0)</f>
        <v>0</v>
      </c>
    </row>
    <row r="2642" spans="8:17" x14ac:dyDescent="0.25">
      <c r="H2642" s="43">
        <v>2635</v>
      </c>
      <c r="I2642" s="55">
        <f>Bühler!I2668</f>
        <v>0.89440763024788605</v>
      </c>
      <c r="J2642" s="58">
        <f>Bühler!J2668</f>
        <v>10.268002287331687</v>
      </c>
      <c r="K2642" s="58">
        <f>Bühler!K2668</f>
        <v>0.61515886764901395</v>
      </c>
      <c r="L2642" s="58">
        <f>Bühler!L2668</f>
        <v>0.30757943382450698</v>
      </c>
      <c r="M2642" s="57">
        <f>Bühler!M2668</f>
        <v>0</v>
      </c>
      <c r="N2642" s="55">
        <f>IF(Input!$K$13=1,J2642*Input!$J$13,0)+IF(Input!$K$14=1,K2642*Input!$J$14,0)+IF(Input!$K$15=1,L2642*Input!$J$15,0)+IF(Input!$K$16=1,M2642*Input!$J$16,0)</f>
        <v>1.2321602744798024</v>
      </c>
      <c r="O2642" s="58">
        <f>IF(Input!$K$13=2,J2642*Input!$J$13,0)+IF(Input!$K$14=2,K2642*Input!$J$14,0)+IF(Input!$K$15=2,L2642*Input!$J$15,0)+IF(Input!$K$16=2,M2642*Input!$J$16,0)</f>
        <v>8.3046447132616885E-2</v>
      </c>
      <c r="P2642" s="58">
        <f>IF(Input!$K$13=3,J2642*Input!$J$13,0)+IF(Input!$K$14=3,K2642*Input!$J$14,0)+IF(Input!$K$15=3,L2642*Input!$J$15,0)+IF(Input!$K$16=3,M2642*Input!$J$16,0)</f>
        <v>0</v>
      </c>
      <c r="Q2642" s="71">
        <f>IF(Input!$K$13=4,J2642*Input!$J$13,0)+IF(Input!$K$14=4,K2642*Input!$J$14,0)+IF(Input!$K$15=4,L2642*Input!$J$15,0)+IF(Input!$K$16=4,M2642*Input!$J$16,0)</f>
        <v>0</v>
      </c>
    </row>
    <row r="2643" spans="8:17" x14ac:dyDescent="0.25">
      <c r="H2643" s="43">
        <v>2636</v>
      </c>
      <c r="I2643" s="55">
        <f>Bühler!I2669</f>
        <v>0.89440763024788605</v>
      </c>
      <c r="J2643" s="58">
        <f>Bühler!J2669</f>
        <v>10.268002287331687</v>
      </c>
      <c r="K2643" s="58">
        <f>Bühler!K2669</f>
        <v>0.61515886764901395</v>
      </c>
      <c r="L2643" s="58">
        <f>Bühler!L2669</f>
        <v>0.30757943382450698</v>
      </c>
      <c r="M2643" s="57">
        <f>Bühler!M2669</f>
        <v>0</v>
      </c>
      <c r="N2643" s="55">
        <f>IF(Input!$K$13=1,J2643*Input!$J$13,0)+IF(Input!$K$14=1,K2643*Input!$J$14,0)+IF(Input!$K$15=1,L2643*Input!$J$15,0)+IF(Input!$K$16=1,M2643*Input!$J$16,0)</f>
        <v>1.2321602744798024</v>
      </c>
      <c r="O2643" s="58">
        <f>IF(Input!$K$13=2,J2643*Input!$J$13,0)+IF(Input!$K$14=2,K2643*Input!$J$14,0)+IF(Input!$K$15=2,L2643*Input!$J$15,0)+IF(Input!$K$16=2,M2643*Input!$J$16,0)</f>
        <v>8.3046447132616885E-2</v>
      </c>
      <c r="P2643" s="58">
        <f>IF(Input!$K$13=3,J2643*Input!$J$13,0)+IF(Input!$K$14=3,K2643*Input!$J$14,0)+IF(Input!$K$15=3,L2643*Input!$J$15,0)+IF(Input!$K$16=3,M2643*Input!$J$16,0)</f>
        <v>0</v>
      </c>
      <c r="Q2643" s="71">
        <f>IF(Input!$K$13=4,J2643*Input!$J$13,0)+IF(Input!$K$14=4,K2643*Input!$J$14,0)+IF(Input!$K$15=4,L2643*Input!$J$15,0)+IF(Input!$K$16=4,M2643*Input!$J$16,0)</f>
        <v>0</v>
      </c>
    </row>
    <row r="2644" spans="8:17" x14ac:dyDescent="0.25">
      <c r="H2644" s="43">
        <v>2637</v>
      </c>
      <c r="I2644" s="55">
        <f>Bühler!I2670</f>
        <v>0.89440763024788605</v>
      </c>
      <c r="J2644" s="58">
        <f>Bühler!J2670</f>
        <v>10.268002287331687</v>
      </c>
      <c r="K2644" s="58">
        <f>Bühler!K2670</f>
        <v>0.61515886764901395</v>
      </c>
      <c r="L2644" s="58">
        <f>Bühler!L2670</f>
        <v>0.30757943382450698</v>
      </c>
      <c r="M2644" s="57">
        <f>Bühler!M2670</f>
        <v>0</v>
      </c>
      <c r="N2644" s="55">
        <f>IF(Input!$K$13=1,J2644*Input!$J$13,0)+IF(Input!$K$14=1,K2644*Input!$J$14,0)+IF(Input!$K$15=1,L2644*Input!$J$15,0)+IF(Input!$K$16=1,M2644*Input!$J$16,0)</f>
        <v>1.2321602744798024</v>
      </c>
      <c r="O2644" s="58">
        <f>IF(Input!$K$13=2,J2644*Input!$J$13,0)+IF(Input!$K$14=2,K2644*Input!$J$14,0)+IF(Input!$K$15=2,L2644*Input!$J$15,0)+IF(Input!$K$16=2,M2644*Input!$J$16,0)</f>
        <v>8.3046447132616885E-2</v>
      </c>
      <c r="P2644" s="58">
        <f>IF(Input!$K$13=3,J2644*Input!$J$13,0)+IF(Input!$K$14=3,K2644*Input!$J$14,0)+IF(Input!$K$15=3,L2644*Input!$J$15,0)+IF(Input!$K$16=3,M2644*Input!$J$16,0)</f>
        <v>0</v>
      </c>
      <c r="Q2644" s="71">
        <f>IF(Input!$K$13=4,J2644*Input!$J$13,0)+IF(Input!$K$14=4,K2644*Input!$J$14,0)+IF(Input!$K$15=4,L2644*Input!$J$15,0)+IF(Input!$K$16=4,M2644*Input!$J$16,0)</f>
        <v>0</v>
      </c>
    </row>
    <row r="2645" spans="8:17" x14ac:dyDescent="0.25">
      <c r="H2645" s="43">
        <v>2638</v>
      </c>
      <c r="I2645" s="55">
        <f>Bühler!I2671</f>
        <v>0.89440763024788605</v>
      </c>
      <c r="J2645" s="58">
        <f>Bühler!J2671</f>
        <v>10.268002287331687</v>
      </c>
      <c r="K2645" s="58">
        <f>Bühler!K2671</f>
        <v>0.61515886764901395</v>
      </c>
      <c r="L2645" s="58">
        <f>Bühler!L2671</f>
        <v>0.30757943382450698</v>
      </c>
      <c r="M2645" s="57">
        <f>Bühler!M2671</f>
        <v>0</v>
      </c>
      <c r="N2645" s="55">
        <f>IF(Input!$K$13=1,J2645*Input!$J$13,0)+IF(Input!$K$14=1,K2645*Input!$J$14,0)+IF(Input!$K$15=1,L2645*Input!$J$15,0)+IF(Input!$K$16=1,M2645*Input!$J$16,0)</f>
        <v>1.2321602744798024</v>
      </c>
      <c r="O2645" s="58">
        <f>IF(Input!$K$13=2,J2645*Input!$J$13,0)+IF(Input!$K$14=2,K2645*Input!$J$14,0)+IF(Input!$K$15=2,L2645*Input!$J$15,0)+IF(Input!$K$16=2,M2645*Input!$J$16,0)</f>
        <v>8.3046447132616885E-2</v>
      </c>
      <c r="P2645" s="58">
        <f>IF(Input!$K$13=3,J2645*Input!$J$13,0)+IF(Input!$K$14=3,K2645*Input!$J$14,0)+IF(Input!$K$15=3,L2645*Input!$J$15,0)+IF(Input!$K$16=3,M2645*Input!$J$16,0)</f>
        <v>0</v>
      </c>
      <c r="Q2645" s="71">
        <f>IF(Input!$K$13=4,J2645*Input!$J$13,0)+IF(Input!$K$14=4,K2645*Input!$J$14,0)+IF(Input!$K$15=4,L2645*Input!$J$15,0)+IF(Input!$K$16=4,M2645*Input!$J$16,0)</f>
        <v>0</v>
      </c>
    </row>
    <row r="2646" spans="8:17" x14ac:dyDescent="0.25">
      <c r="H2646" s="43">
        <v>2639</v>
      </c>
      <c r="I2646" s="55">
        <f>Bühler!I2672</f>
        <v>0.89440763024788605</v>
      </c>
      <c r="J2646" s="58">
        <f>Bühler!J2672</f>
        <v>10.268002287331687</v>
      </c>
      <c r="K2646" s="58">
        <f>Bühler!K2672</f>
        <v>0.61515886764901395</v>
      </c>
      <c r="L2646" s="58">
        <f>Bühler!L2672</f>
        <v>0.30757943382450698</v>
      </c>
      <c r="M2646" s="57">
        <f>Bühler!M2672</f>
        <v>0</v>
      </c>
      <c r="N2646" s="55">
        <f>IF(Input!$K$13=1,J2646*Input!$J$13,0)+IF(Input!$K$14=1,K2646*Input!$J$14,0)+IF(Input!$K$15=1,L2646*Input!$J$15,0)+IF(Input!$K$16=1,M2646*Input!$J$16,0)</f>
        <v>1.2321602744798024</v>
      </c>
      <c r="O2646" s="58">
        <f>IF(Input!$K$13=2,J2646*Input!$J$13,0)+IF(Input!$K$14=2,K2646*Input!$J$14,0)+IF(Input!$K$15=2,L2646*Input!$J$15,0)+IF(Input!$K$16=2,M2646*Input!$J$16,0)</f>
        <v>8.3046447132616885E-2</v>
      </c>
      <c r="P2646" s="58">
        <f>IF(Input!$K$13=3,J2646*Input!$J$13,0)+IF(Input!$K$14=3,K2646*Input!$J$14,0)+IF(Input!$K$15=3,L2646*Input!$J$15,0)+IF(Input!$K$16=3,M2646*Input!$J$16,0)</f>
        <v>0</v>
      </c>
      <c r="Q2646" s="71">
        <f>IF(Input!$K$13=4,J2646*Input!$J$13,0)+IF(Input!$K$14=4,K2646*Input!$J$14,0)+IF(Input!$K$15=4,L2646*Input!$J$15,0)+IF(Input!$K$16=4,M2646*Input!$J$16,0)</f>
        <v>0</v>
      </c>
    </row>
    <row r="2647" spans="8:17" x14ac:dyDescent="0.25">
      <c r="H2647" s="43">
        <v>2640</v>
      </c>
      <c r="I2647" s="55">
        <f>Bühler!I2673</f>
        <v>0.89440763024788605</v>
      </c>
      <c r="J2647" s="58">
        <f>Bühler!J2673</f>
        <v>10.268002287331687</v>
      </c>
      <c r="K2647" s="58">
        <f>Bühler!K2673</f>
        <v>0.61515886764901395</v>
      </c>
      <c r="L2647" s="58">
        <f>Bühler!L2673</f>
        <v>0.30757943382450698</v>
      </c>
      <c r="M2647" s="57">
        <f>Bühler!M2673</f>
        <v>0</v>
      </c>
      <c r="N2647" s="55">
        <f>IF(Input!$K$13=1,J2647*Input!$J$13,0)+IF(Input!$K$14=1,K2647*Input!$J$14,0)+IF(Input!$K$15=1,L2647*Input!$J$15,0)+IF(Input!$K$16=1,M2647*Input!$J$16,0)</f>
        <v>1.2321602744798024</v>
      </c>
      <c r="O2647" s="58">
        <f>IF(Input!$K$13=2,J2647*Input!$J$13,0)+IF(Input!$K$14=2,K2647*Input!$J$14,0)+IF(Input!$K$15=2,L2647*Input!$J$15,0)+IF(Input!$K$16=2,M2647*Input!$J$16,0)</f>
        <v>8.3046447132616885E-2</v>
      </c>
      <c r="P2647" s="58">
        <f>IF(Input!$K$13=3,J2647*Input!$J$13,0)+IF(Input!$K$14=3,K2647*Input!$J$14,0)+IF(Input!$K$15=3,L2647*Input!$J$15,0)+IF(Input!$K$16=3,M2647*Input!$J$16,0)</f>
        <v>0</v>
      </c>
      <c r="Q2647" s="71">
        <f>IF(Input!$K$13=4,J2647*Input!$J$13,0)+IF(Input!$K$14=4,K2647*Input!$J$14,0)+IF(Input!$K$15=4,L2647*Input!$J$15,0)+IF(Input!$K$16=4,M2647*Input!$J$16,0)</f>
        <v>0</v>
      </c>
    </row>
    <row r="2648" spans="8:17" x14ac:dyDescent="0.25">
      <c r="H2648" s="43">
        <v>2641</v>
      </c>
      <c r="I2648" s="55">
        <f>Bühler!I2674</f>
        <v>0.49599172997532065</v>
      </c>
      <c r="J2648" s="58">
        <f>Bühler!J2674</f>
        <v>13.463733236891123</v>
      </c>
      <c r="K2648" s="58">
        <f>Bühler!K2674</f>
        <v>0.92526823238156874</v>
      </c>
      <c r="L2648" s="58">
        <f>Bühler!L2674</f>
        <v>0.46263411619078437</v>
      </c>
      <c r="M2648" s="57">
        <f>Bühler!M2674</f>
        <v>0</v>
      </c>
      <c r="N2648" s="55">
        <f>IF(Input!$K$13=1,J2648*Input!$J$13,0)+IF(Input!$K$14=1,K2648*Input!$J$14,0)+IF(Input!$K$15=1,L2648*Input!$J$15,0)+IF(Input!$K$16=1,M2648*Input!$J$16,0)</f>
        <v>1.6156479884269348</v>
      </c>
      <c r="O2648" s="58">
        <f>IF(Input!$K$13=2,J2648*Input!$J$13,0)+IF(Input!$K$14=2,K2648*Input!$J$14,0)+IF(Input!$K$15=2,L2648*Input!$J$15,0)+IF(Input!$K$16=2,M2648*Input!$J$16,0)</f>
        <v>0.12491121137151176</v>
      </c>
      <c r="P2648" s="58">
        <f>IF(Input!$K$13=3,J2648*Input!$J$13,0)+IF(Input!$K$14=3,K2648*Input!$J$14,0)+IF(Input!$K$15=3,L2648*Input!$J$15,0)+IF(Input!$K$16=3,M2648*Input!$J$16,0)</f>
        <v>0</v>
      </c>
      <c r="Q2648" s="71">
        <f>IF(Input!$K$13=4,J2648*Input!$J$13,0)+IF(Input!$K$14=4,K2648*Input!$J$14,0)+IF(Input!$K$15=4,L2648*Input!$J$15,0)+IF(Input!$K$16=4,M2648*Input!$J$16,0)</f>
        <v>0</v>
      </c>
    </row>
    <row r="2649" spans="8:17" x14ac:dyDescent="0.25">
      <c r="H2649" s="43">
        <v>2642</v>
      </c>
      <c r="I2649" s="55">
        <f>Bühler!I2675</f>
        <v>0.49599172997532065</v>
      </c>
      <c r="J2649" s="58">
        <f>Bühler!J2675</f>
        <v>8.3715115636861075</v>
      </c>
      <c r="K2649" s="58">
        <f>Bühler!K2675</f>
        <v>0.56076862568579922</v>
      </c>
      <c r="L2649" s="58">
        <f>Bühler!L2675</f>
        <v>0.28038431284289961</v>
      </c>
      <c r="M2649" s="57">
        <f>Bühler!M2675</f>
        <v>0</v>
      </c>
      <c r="N2649" s="55">
        <f>IF(Input!$K$13=1,J2649*Input!$J$13,0)+IF(Input!$K$14=1,K2649*Input!$J$14,0)+IF(Input!$K$15=1,L2649*Input!$J$15,0)+IF(Input!$K$16=1,M2649*Input!$J$16,0)</f>
        <v>1.0045813876423328</v>
      </c>
      <c r="O2649" s="58">
        <f>IF(Input!$K$13=2,J2649*Input!$J$13,0)+IF(Input!$K$14=2,K2649*Input!$J$14,0)+IF(Input!$K$15=2,L2649*Input!$J$15,0)+IF(Input!$K$16=2,M2649*Input!$J$16,0)</f>
        <v>7.5703764467582896E-2</v>
      </c>
      <c r="P2649" s="58">
        <f>IF(Input!$K$13=3,J2649*Input!$J$13,0)+IF(Input!$K$14=3,K2649*Input!$J$14,0)+IF(Input!$K$15=3,L2649*Input!$J$15,0)+IF(Input!$K$16=3,M2649*Input!$J$16,0)</f>
        <v>0</v>
      </c>
      <c r="Q2649" s="71">
        <f>IF(Input!$K$13=4,J2649*Input!$J$13,0)+IF(Input!$K$14=4,K2649*Input!$J$14,0)+IF(Input!$K$15=4,L2649*Input!$J$15,0)+IF(Input!$K$16=4,M2649*Input!$J$16,0)</f>
        <v>0</v>
      </c>
    </row>
    <row r="2650" spans="8:17" x14ac:dyDescent="0.25">
      <c r="H2650" s="43">
        <v>2643</v>
      </c>
      <c r="I2650" s="55">
        <f>Bühler!I2676</f>
        <v>0.49599172997532065</v>
      </c>
      <c r="J2650" s="58">
        <f>Bühler!J2676</f>
        <v>8.3715115636861075</v>
      </c>
      <c r="K2650" s="58">
        <f>Bühler!K2676</f>
        <v>0.56076862568579922</v>
      </c>
      <c r="L2650" s="58">
        <f>Bühler!L2676</f>
        <v>0.28038431284289961</v>
      </c>
      <c r="M2650" s="57">
        <f>Bühler!M2676</f>
        <v>0</v>
      </c>
      <c r="N2650" s="55">
        <f>IF(Input!$K$13=1,J2650*Input!$J$13,0)+IF(Input!$K$14=1,K2650*Input!$J$14,0)+IF(Input!$K$15=1,L2650*Input!$J$15,0)+IF(Input!$K$16=1,M2650*Input!$J$16,0)</f>
        <v>1.0045813876423328</v>
      </c>
      <c r="O2650" s="58">
        <f>IF(Input!$K$13=2,J2650*Input!$J$13,0)+IF(Input!$K$14=2,K2650*Input!$J$14,0)+IF(Input!$K$15=2,L2650*Input!$J$15,0)+IF(Input!$K$16=2,M2650*Input!$J$16,0)</f>
        <v>7.5703764467582896E-2</v>
      </c>
      <c r="P2650" s="58">
        <f>IF(Input!$K$13=3,J2650*Input!$J$13,0)+IF(Input!$K$14=3,K2650*Input!$J$14,0)+IF(Input!$K$15=3,L2650*Input!$J$15,0)+IF(Input!$K$16=3,M2650*Input!$J$16,0)</f>
        <v>0</v>
      </c>
      <c r="Q2650" s="71">
        <f>IF(Input!$K$13=4,J2650*Input!$J$13,0)+IF(Input!$K$14=4,K2650*Input!$J$14,0)+IF(Input!$K$15=4,L2650*Input!$J$15,0)+IF(Input!$K$16=4,M2650*Input!$J$16,0)</f>
        <v>0</v>
      </c>
    </row>
    <row r="2651" spans="8:17" x14ac:dyDescent="0.25">
      <c r="H2651" s="43">
        <v>2644</v>
      </c>
      <c r="I2651" s="55">
        <f>Bühler!I2677</f>
        <v>0.49599172997532065</v>
      </c>
      <c r="J2651" s="58">
        <f>Bühler!J2677</f>
        <v>8.3715115636861075</v>
      </c>
      <c r="K2651" s="58">
        <f>Bühler!K2677</f>
        <v>0.56076862568579922</v>
      </c>
      <c r="L2651" s="58">
        <f>Bühler!L2677</f>
        <v>0.28038431284289961</v>
      </c>
      <c r="M2651" s="57">
        <f>Bühler!M2677</f>
        <v>0</v>
      </c>
      <c r="N2651" s="55">
        <f>IF(Input!$K$13=1,J2651*Input!$J$13,0)+IF(Input!$K$14=1,K2651*Input!$J$14,0)+IF(Input!$K$15=1,L2651*Input!$J$15,0)+IF(Input!$K$16=1,M2651*Input!$J$16,0)</f>
        <v>1.0045813876423328</v>
      </c>
      <c r="O2651" s="58">
        <f>IF(Input!$K$13=2,J2651*Input!$J$13,0)+IF(Input!$K$14=2,K2651*Input!$J$14,0)+IF(Input!$K$15=2,L2651*Input!$J$15,0)+IF(Input!$K$16=2,M2651*Input!$J$16,0)</f>
        <v>7.5703764467582896E-2</v>
      </c>
      <c r="P2651" s="58">
        <f>IF(Input!$K$13=3,J2651*Input!$J$13,0)+IF(Input!$K$14=3,K2651*Input!$J$14,0)+IF(Input!$K$15=3,L2651*Input!$J$15,0)+IF(Input!$K$16=3,M2651*Input!$J$16,0)</f>
        <v>0</v>
      </c>
      <c r="Q2651" s="71">
        <f>IF(Input!$K$13=4,J2651*Input!$J$13,0)+IF(Input!$K$14=4,K2651*Input!$J$14,0)+IF(Input!$K$15=4,L2651*Input!$J$15,0)+IF(Input!$K$16=4,M2651*Input!$J$16,0)</f>
        <v>0</v>
      </c>
    </row>
    <row r="2652" spans="8:17" x14ac:dyDescent="0.25">
      <c r="H2652" s="43">
        <v>2645</v>
      </c>
      <c r="I2652" s="55">
        <f>Bühler!I2678</f>
        <v>0.49599172997532065</v>
      </c>
      <c r="J2652" s="58">
        <f>Bühler!J2678</f>
        <v>8.3715115636861075</v>
      </c>
      <c r="K2652" s="58">
        <f>Bühler!K2678</f>
        <v>0.56076862568579922</v>
      </c>
      <c r="L2652" s="58">
        <f>Bühler!L2678</f>
        <v>0.28038431284289961</v>
      </c>
      <c r="M2652" s="57">
        <f>Bühler!M2678</f>
        <v>0</v>
      </c>
      <c r="N2652" s="55">
        <f>IF(Input!$K$13=1,J2652*Input!$J$13,0)+IF(Input!$K$14=1,K2652*Input!$J$14,0)+IF(Input!$K$15=1,L2652*Input!$J$15,0)+IF(Input!$K$16=1,M2652*Input!$J$16,0)</f>
        <v>1.0045813876423328</v>
      </c>
      <c r="O2652" s="58">
        <f>IF(Input!$K$13=2,J2652*Input!$J$13,0)+IF(Input!$K$14=2,K2652*Input!$J$14,0)+IF(Input!$K$15=2,L2652*Input!$J$15,0)+IF(Input!$K$16=2,M2652*Input!$J$16,0)</f>
        <v>7.5703764467582896E-2</v>
      </c>
      <c r="P2652" s="58">
        <f>IF(Input!$K$13=3,J2652*Input!$J$13,0)+IF(Input!$K$14=3,K2652*Input!$J$14,0)+IF(Input!$K$15=3,L2652*Input!$J$15,0)+IF(Input!$K$16=3,M2652*Input!$J$16,0)</f>
        <v>0</v>
      </c>
      <c r="Q2652" s="71">
        <f>IF(Input!$K$13=4,J2652*Input!$J$13,0)+IF(Input!$K$14=4,K2652*Input!$J$14,0)+IF(Input!$K$15=4,L2652*Input!$J$15,0)+IF(Input!$K$16=4,M2652*Input!$J$16,0)</f>
        <v>0</v>
      </c>
    </row>
    <row r="2653" spans="8:17" x14ac:dyDescent="0.25">
      <c r="H2653" s="43">
        <v>2646</v>
      </c>
      <c r="I2653" s="55">
        <f>Bühler!I2679</f>
        <v>0.49599172997532065</v>
      </c>
      <c r="J2653" s="58">
        <f>Bühler!J2679</f>
        <v>8.3715115636861075</v>
      </c>
      <c r="K2653" s="58">
        <f>Bühler!K2679</f>
        <v>0.56076862568579922</v>
      </c>
      <c r="L2653" s="58">
        <f>Bühler!L2679</f>
        <v>0.28038431284289961</v>
      </c>
      <c r="M2653" s="57">
        <f>Bühler!M2679</f>
        <v>0</v>
      </c>
      <c r="N2653" s="55">
        <f>IF(Input!$K$13=1,J2653*Input!$J$13,0)+IF(Input!$K$14=1,K2653*Input!$J$14,0)+IF(Input!$K$15=1,L2653*Input!$J$15,0)+IF(Input!$K$16=1,M2653*Input!$J$16,0)</f>
        <v>1.0045813876423328</v>
      </c>
      <c r="O2653" s="58">
        <f>IF(Input!$K$13=2,J2653*Input!$J$13,0)+IF(Input!$K$14=2,K2653*Input!$J$14,0)+IF(Input!$K$15=2,L2653*Input!$J$15,0)+IF(Input!$K$16=2,M2653*Input!$J$16,0)</f>
        <v>7.5703764467582896E-2</v>
      </c>
      <c r="P2653" s="58">
        <f>IF(Input!$K$13=3,J2653*Input!$J$13,0)+IF(Input!$K$14=3,K2653*Input!$J$14,0)+IF(Input!$K$15=3,L2653*Input!$J$15,0)+IF(Input!$K$16=3,M2653*Input!$J$16,0)</f>
        <v>0</v>
      </c>
      <c r="Q2653" s="71">
        <f>IF(Input!$K$13=4,J2653*Input!$J$13,0)+IF(Input!$K$14=4,K2653*Input!$J$14,0)+IF(Input!$K$15=4,L2653*Input!$J$15,0)+IF(Input!$K$16=4,M2653*Input!$J$16,0)</f>
        <v>0</v>
      </c>
    </row>
    <row r="2654" spans="8:17" x14ac:dyDescent="0.25">
      <c r="H2654" s="43">
        <v>2647</v>
      </c>
      <c r="I2654" s="55">
        <f>Bühler!I2680</f>
        <v>0.49599172997532065</v>
      </c>
      <c r="J2654" s="58">
        <f>Bühler!J2680</f>
        <v>8.3715115636861075</v>
      </c>
      <c r="K2654" s="58">
        <f>Bühler!K2680</f>
        <v>0.56076862568579922</v>
      </c>
      <c r="L2654" s="58">
        <f>Bühler!L2680</f>
        <v>0.28038431284289961</v>
      </c>
      <c r="M2654" s="57">
        <f>Bühler!M2680</f>
        <v>0</v>
      </c>
      <c r="N2654" s="55">
        <f>IF(Input!$K$13=1,J2654*Input!$J$13,0)+IF(Input!$K$14=1,K2654*Input!$J$14,0)+IF(Input!$K$15=1,L2654*Input!$J$15,0)+IF(Input!$K$16=1,M2654*Input!$J$16,0)</f>
        <v>1.0045813876423328</v>
      </c>
      <c r="O2654" s="58">
        <f>IF(Input!$K$13=2,J2654*Input!$J$13,0)+IF(Input!$K$14=2,K2654*Input!$J$14,0)+IF(Input!$K$15=2,L2654*Input!$J$15,0)+IF(Input!$K$16=2,M2654*Input!$J$16,0)</f>
        <v>7.5703764467582896E-2</v>
      </c>
      <c r="P2654" s="58">
        <f>IF(Input!$K$13=3,J2654*Input!$J$13,0)+IF(Input!$K$14=3,K2654*Input!$J$14,0)+IF(Input!$K$15=3,L2654*Input!$J$15,0)+IF(Input!$K$16=3,M2654*Input!$J$16,0)</f>
        <v>0</v>
      </c>
      <c r="Q2654" s="71">
        <f>IF(Input!$K$13=4,J2654*Input!$J$13,0)+IF(Input!$K$14=4,K2654*Input!$J$14,0)+IF(Input!$K$15=4,L2654*Input!$J$15,0)+IF(Input!$K$16=4,M2654*Input!$J$16,0)</f>
        <v>0</v>
      </c>
    </row>
    <row r="2655" spans="8:17" x14ac:dyDescent="0.25">
      <c r="H2655" s="43">
        <v>2648</v>
      </c>
      <c r="I2655" s="55">
        <f>Bühler!I2681</f>
        <v>1.3439775909008689</v>
      </c>
      <c r="J2655" s="58">
        <f>Bühler!J2681</f>
        <v>34.829613150942656</v>
      </c>
      <c r="K2655" s="58">
        <f>Bühler!K2681</f>
        <v>2.3888743454215047</v>
      </c>
      <c r="L2655" s="58">
        <f>Bühler!L2681</f>
        <v>1.1944371727107523</v>
      </c>
      <c r="M2655" s="57">
        <f>Bühler!M2681</f>
        <v>0</v>
      </c>
      <c r="N2655" s="55">
        <f>IF(Input!$K$13=1,J2655*Input!$J$13,0)+IF(Input!$K$14=1,K2655*Input!$J$14,0)+IF(Input!$K$15=1,L2655*Input!$J$15,0)+IF(Input!$K$16=1,M2655*Input!$J$16,0)</f>
        <v>4.1795535781131186</v>
      </c>
      <c r="O2655" s="58">
        <f>IF(Input!$K$13=2,J2655*Input!$J$13,0)+IF(Input!$K$14=2,K2655*Input!$J$14,0)+IF(Input!$K$15=2,L2655*Input!$J$15,0)+IF(Input!$K$16=2,M2655*Input!$J$16,0)</f>
        <v>0.32249803663190313</v>
      </c>
      <c r="P2655" s="58">
        <f>IF(Input!$K$13=3,J2655*Input!$J$13,0)+IF(Input!$K$14=3,K2655*Input!$J$14,0)+IF(Input!$K$15=3,L2655*Input!$J$15,0)+IF(Input!$K$16=3,M2655*Input!$J$16,0)</f>
        <v>0</v>
      </c>
      <c r="Q2655" s="71">
        <f>IF(Input!$K$13=4,J2655*Input!$J$13,0)+IF(Input!$K$14=4,K2655*Input!$J$14,0)+IF(Input!$K$15=4,L2655*Input!$J$15,0)+IF(Input!$K$16=4,M2655*Input!$J$16,0)</f>
        <v>0</v>
      </c>
    </row>
    <row r="2656" spans="8:17" x14ac:dyDescent="0.25">
      <c r="H2656" s="43">
        <v>2649</v>
      </c>
      <c r="I2656" s="55">
        <f>Bühler!I2682</f>
        <v>1.679971988626086</v>
      </c>
      <c r="J2656" s="58">
        <f>Bühler!J2682</f>
        <v>43.537016438678322</v>
      </c>
      <c r="K2656" s="58">
        <f>Bühler!K2682</f>
        <v>2.9860929317768807</v>
      </c>
      <c r="L2656" s="58">
        <f>Bühler!L2682</f>
        <v>1.4930464658884404</v>
      </c>
      <c r="M2656" s="57">
        <f>Bühler!M2682</f>
        <v>0</v>
      </c>
      <c r="N2656" s="55">
        <f>IF(Input!$K$13=1,J2656*Input!$J$13,0)+IF(Input!$K$14=1,K2656*Input!$J$14,0)+IF(Input!$K$15=1,L2656*Input!$J$15,0)+IF(Input!$K$16=1,M2656*Input!$J$16,0)</f>
        <v>5.2244419726413982</v>
      </c>
      <c r="O2656" s="58">
        <f>IF(Input!$K$13=2,J2656*Input!$J$13,0)+IF(Input!$K$14=2,K2656*Input!$J$14,0)+IF(Input!$K$15=2,L2656*Input!$J$15,0)+IF(Input!$K$16=2,M2656*Input!$J$16,0)</f>
        <v>0.40312254578987888</v>
      </c>
      <c r="P2656" s="58">
        <f>IF(Input!$K$13=3,J2656*Input!$J$13,0)+IF(Input!$K$14=3,K2656*Input!$J$14,0)+IF(Input!$K$15=3,L2656*Input!$J$15,0)+IF(Input!$K$16=3,M2656*Input!$J$16,0)</f>
        <v>0</v>
      </c>
      <c r="Q2656" s="71">
        <f>IF(Input!$K$13=4,J2656*Input!$J$13,0)+IF(Input!$K$14=4,K2656*Input!$J$14,0)+IF(Input!$K$15=4,L2656*Input!$J$15,0)+IF(Input!$K$16=4,M2656*Input!$J$16,0)</f>
        <v>0</v>
      </c>
    </row>
    <row r="2657" spans="8:17" x14ac:dyDescent="0.25">
      <c r="H2657" s="43">
        <v>2650</v>
      </c>
      <c r="I2657" s="55">
        <f>Bühler!I2683</f>
        <v>1.8479691874886948</v>
      </c>
      <c r="J2657" s="58">
        <f>Bühler!J2683</f>
        <v>47.890718082546158</v>
      </c>
      <c r="K2657" s="58">
        <f>Bühler!K2683</f>
        <v>3.2847022249545694</v>
      </c>
      <c r="L2657" s="58">
        <f>Bühler!L2683</f>
        <v>1.6423511124772847</v>
      </c>
      <c r="M2657" s="57">
        <f>Bühler!M2683</f>
        <v>0</v>
      </c>
      <c r="N2657" s="55">
        <f>IF(Input!$K$13=1,J2657*Input!$J$13,0)+IF(Input!$K$14=1,K2657*Input!$J$14,0)+IF(Input!$K$15=1,L2657*Input!$J$15,0)+IF(Input!$K$16=1,M2657*Input!$J$16,0)</f>
        <v>5.7468861699055385</v>
      </c>
      <c r="O2657" s="58">
        <f>IF(Input!$K$13=2,J2657*Input!$J$13,0)+IF(Input!$K$14=2,K2657*Input!$J$14,0)+IF(Input!$K$15=2,L2657*Input!$J$15,0)+IF(Input!$K$16=2,M2657*Input!$J$16,0)</f>
        <v>0.44343480036886684</v>
      </c>
      <c r="P2657" s="58">
        <f>IF(Input!$K$13=3,J2657*Input!$J$13,0)+IF(Input!$K$14=3,K2657*Input!$J$14,0)+IF(Input!$K$15=3,L2657*Input!$J$15,0)+IF(Input!$K$16=3,M2657*Input!$J$16,0)</f>
        <v>0</v>
      </c>
      <c r="Q2657" s="71">
        <f>IF(Input!$K$13=4,J2657*Input!$J$13,0)+IF(Input!$K$14=4,K2657*Input!$J$14,0)+IF(Input!$K$15=4,L2657*Input!$J$15,0)+IF(Input!$K$16=4,M2657*Input!$J$16,0)</f>
        <v>0</v>
      </c>
    </row>
    <row r="2658" spans="8:17" x14ac:dyDescent="0.25">
      <c r="H2658" s="43">
        <v>2651</v>
      </c>
      <c r="I2658" s="55">
        <f>Bühler!I2684</f>
        <v>1.8479691874886948</v>
      </c>
      <c r="J2658" s="58">
        <f>Bühler!J2684</f>
        <v>47.890718082546158</v>
      </c>
      <c r="K2658" s="58">
        <f>Bühler!K2684</f>
        <v>3.2847022249545694</v>
      </c>
      <c r="L2658" s="58">
        <f>Bühler!L2684</f>
        <v>1.6423511124772847</v>
      </c>
      <c r="M2658" s="57">
        <f>Bühler!M2684</f>
        <v>0</v>
      </c>
      <c r="N2658" s="55">
        <f>IF(Input!$K$13=1,J2658*Input!$J$13,0)+IF(Input!$K$14=1,K2658*Input!$J$14,0)+IF(Input!$K$15=1,L2658*Input!$J$15,0)+IF(Input!$K$16=1,M2658*Input!$J$16,0)</f>
        <v>5.7468861699055385</v>
      </c>
      <c r="O2658" s="58">
        <f>IF(Input!$K$13=2,J2658*Input!$J$13,0)+IF(Input!$K$14=2,K2658*Input!$J$14,0)+IF(Input!$K$15=2,L2658*Input!$J$15,0)+IF(Input!$K$16=2,M2658*Input!$J$16,0)</f>
        <v>0.44343480036886684</v>
      </c>
      <c r="P2658" s="58">
        <f>IF(Input!$K$13=3,J2658*Input!$J$13,0)+IF(Input!$K$14=3,K2658*Input!$J$14,0)+IF(Input!$K$15=3,L2658*Input!$J$15,0)+IF(Input!$K$16=3,M2658*Input!$J$16,0)</f>
        <v>0</v>
      </c>
      <c r="Q2658" s="71">
        <f>IF(Input!$K$13=4,J2658*Input!$J$13,0)+IF(Input!$K$14=4,K2658*Input!$J$14,0)+IF(Input!$K$15=4,L2658*Input!$J$15,0)+IF(Input!$K$16=4,M2658*Input!$J$16,0)</f>
        <v>0</v>
      </c>
    </row>
    <row r="2659" spans="8:17" x14ac:dyDescent="0.25">
      <c r="H2659" s="43">
        <v>2652</v>
      </c>
      <c r="I2659" s="55">
        <f>Bühler!I2685</f>
        <v>2.1839635852139119</v>
      </c>
      <c r="J2659" s="58">
        <f>Bühler!J2685</f>
        <v>56.598121370281817</v>
      </c>
      <c r="K2659" s="58">
        <f>Bühler!K2685</f>
        <v>3.8819208113099455</v>
      </c>
      <c r="L2659" s="58">
        <f>Bühler!L2685</f>
        <v>1.9409604056549727</v>
      </c>
      <c r="M2659" s="57">
        <f>Bühler!M2685</f>
        <v>0</v>
      </c>
      <c r="N2659" s="55">
        <f>IF(Input!$K$13=1,J2659*Input!$J$13,0)+IF(Input!$K$14=1,K2659*Input!$J$14,0)+IF(Input!$K$15=1,L2659*Input!$J$15,0)+IF(Input!$K$16=1,M2659*Input!$J$16,0)</f>
        <v>6.7917745644338181</v>
      </c>
      <c r="O2659" s="58">
        <f>IF(Input!$K$13=2,J2659*Input!$J$13,0)+IF(Input!$K$14=2,K2659*Input!$J$14,0)+IF(Input!$K$15=2,L2659*Input!$J$15,0)+IF(Input!$K$16=2,M2659*Input!$J$16,0)</f>
        <v>0.52405930952684265</v>
      </c>
      <c r="P2659" s="58">
        <f>IF(Input!$K$13=3,J2659*Input!$J$13,0)+IF(Input!$K$14=3,K2659*Input!$J$14,0)+IF(Input!$K$15=3,L2659*Input!$J$15,0)+IF(Input!$K$16=3,M2659*Input!$J$16,0)</f>
        <v>0</v>
      </c>
      <c r="Q2659" s="71">
        <f>IF(Input!$K$13=4,J2659*Input!$J$13,0)+IF(Input!$K$14=4,K2659*Input!$J$14,0)+IF(Input!$K$15=4,L2659*Input!$J$15,0)+IF(Input!$K$16=4,M2659*Input!$J$16,0)</f>
        <v>0</v>
      </c>
    </row>
    <row r="2660" spans="8:17" x14ac:dyDescent="0.25">
      <c r="H2660" s="43">
        <v>2653</v>
      </c>
      <c r="I2660" s="55">
        <f>Bühler!I2686</f>
        <v>2.1839635852139119</v>
      </c>
      <c r="J2660" s="58">
        <f>Bühler!J2686</f>
        <v>56.598121370281817</v>
      </c>
      <c r="K2660" s="58">
        <f>Bühler!K2686</f>
        <v>3.8819208113099455</v>
      </c>
      <c r="L2660" s="58">
        <f>Bühler!L2686</f>
        <v>1.9409604056549727</v>
      </c>
      <c r="M2660" s="57">
        <f>Bühler!M2686</f>
        <v>0</v>
      </c>
      <c r="N2660" s="55">
        <f>IF(Input!$K$13=1,J2660*Input!$J$13,0)+IF(Input!$K$14=1,K2660*Input!$J$14,0)+IF(Input!$K$15=1,L2660*Input!$J$15,0)+IF(Input!$K$16=1,M2660*Input!$J$16,0)</f>
        <v>6.7917745644338181</v>
      </c>
      <c r="O2660" s="58">
        <f>IF(Input!$K$13=2,J2660*Input!$J$13,0)+IF(Input!$K$14=2,K2660*Input!$J$14,0)+IF(Input!$K$15=2,L2660*Input!$J$15,0)+IF(Input!$K$16=2,M2660*Input!$J$16,0)</f>
        <v>0.52405930952684265</v>
      </c>
      <c r="P2660" s="58">
        <f>IF(Input!$K$13=3,J2660*Input!$J$13,0)+IF(Input!$K$14=3,K2660*Input!$J$14,0)+IF(Input!$K$15=3,L2660*Input!$J$15,0)+IF(Input!$K$16=3,M2660*Input!$J$16,0)</f>
        <v>0</v>
      </c>
      <c r="Q2660" s="71">
        <f>IF(Input!$K$13=4,J2660*Input!$J$13,0)+IF(Input!$K$14=4,K2660*Input!$J$14,0)+IF(Input!$K$15=4,L2660*Input!$J$15,0)+IF(Input!$K$16=4,M2660*Input!$J$16,0)</f>
        <v>0</v>
      </c>
    </row>
    <row r="2661" spans="8:17" x14ac:dyDescent="0.25">
      <c r="H2661" s="43">
        <v>2654</v>
      </c>
      <c r="I2661" s="55">
        <f>Bühler!I2687</f>
        <v>1.5119747897634774</v>
      </c>
      <c r="J2661" s="58">
        <f>Bühler!J2687</f>
        <v>39.183314794810485</v>
      </c>
      <c r="K2661" s="58">
        <f>Bühler!K2687</f>
        <v>2.6874836385991929</v>
      </c>
      <c r="L2661" s="58">
        <f>Bühler!L2687</f>
        <v>1.3437418192995965</v>
      </c>
      <c r="M2661" s="57">
        <f>Bühler!M2687</f>
        <v>0</v>
      </c>
      <c r="N2661" s="55">
        <f>IF(Input!$K$13=1,J2661*Input!$J$13,0)+IF(Input!$K$14=1,K2661*Input!$J$14,0)+IF(Input!$K$15=1,L2661*Input!$J$15,0)+IF(Input!$K$16=1,M2661*Input!$J$16,0)</f>
        <v>4.7019977753772579</v>
      </c>
      <c r="O2661" s="58">
        <f>IF(Input!$K$13=2,J2661*Input!$J$13,0)+IF(Input!$K$14=2,K2661*Input!$J$14,0)+IF(Input!$K$15=2,L2661*Input!$J$15,0)+IF(Input!$K$16=2,M2661*Input!$J$16,0)</f>
        <v>0.36281029121089103</v>
      </c>
      <c r="P2661" s="58">
        <f>IF(Input!$K$13=3,J2661*Input!$J$13,0)+IF(Input!$K$14=3,K2661*Input!$J$14,0)+IF(Input!$K$15=3,L2661*Input!$J$15,0)+IF(Input!$K$16=3,M2661*Input!$J$16,0)</f>
        <v>0</v>
      </c>
      <c r="Q2661" s="71">
        <f>IF(Input!$K$13=4,J2661*Input!$J$13,0)+IF(Input!$K$14=4,K2661*Input!$J$14,0)+IF(Input!$K$15=4,L2661*Input!$J$15,0)+IF(Input!$K$16=4,M2661*Input!$J$16,0)</f>
        <v>0</v>
      </c>
    </row>
    <row r="2662" spans="8:17" x14ac:dyDescent="0.25">
      <c r="H2662" s="43">
        <v>2655</v>
      </c>
      <c r="I2662" s="55">
        <f>Bühler!I2688</f>
        <v>2.1839635852139119</v>
      </c>
      <c r="J2662" s="58">
        <f>Bühler!J2688</f>
        <v>56.598121370281817</v>
      </c>
      <c r="K2662" s="58">
        <f>Bühler!K2688</f>
        <v>3.8819208113099455</v>
      </c>
      <c r="L2662" s="58">
        <f>Bühler!L2688</f>
        <v>1.9409604056549727</v>
      </c>
      <c r="M2662" s="57">
        <f>Bühler!M2688</f>
        <v>0</v>
      </c>
      <c r="N2662" s="55">
        <f>IF(Input!$K$13=1,J2662*Input!$J$13,0)+IF(Input!$K$14=1,K2662*Input!$J$14,0)+IF(Input!$K$15=1,L2662*Input!$J$15,0)+IF(Input!$K$16=1,M2662*Input!$J$16,0)</f>
        <v>6.7917745644338181</v>
      </c>
      <c r="O2662" s="58">
        <f>IF(Input!$K$13=2,J2662*Input!$J$13,0)+IF(Input!$K$14=2,K2662*Input!$J$14,0)+IF(Input!$K$15=2,L2662*Input!$J$15,0)+IF(Input!$K$16=2,M2662*Input!$J$16,0)</f>
        <v>0.52405930952684265</v>
      </c>
      <c r="P2662" s="58">
        <f>IF(Input!$K$13=3,J2662*Input!$J$13,0)+IF(Input!$K$14=3,K2662*Input!$J$14,0)+IF(Input!$K$15=3,L2662*Input!$J$15,0)+IF(Input!$K$16=3,M2662*Input!$J$16,0)</f>
        <v>0</v>
      </c>
      <c r="Q2662" s="71">
        <f>IF(Input!$K$13=4,J2662*Input!$J$13,0)+IF(Input!$K$14=4,K2662*Input!$J$14,0)+IF(Input!$K$15=4,L2662*Input!$J$15,0)+IF(Input!$K$16=4,M2662*Input!$J$16,0)</f>
        <v>0</v>
      </c>
    </row>
    <row r="2663" spans="8:17" x14ac:dyDescent="0.25">
      <c r="H2663" s="43">
        <v>2656</v>
      </c>
      <c r="I2663" s="55">
        <f>Bühler!I2689</f>
        <v>1.8479691874886948</v>
      </c>
      <c r="J2663" s="58">
        <f>Bühler!J2689</f>
        <v>43.719013404112815</v>
      </c>
      <c r="K2663" s="58">
        <f>Bühler!K2689</f>
        <v>2.9860929317768807</v>
      </c>
      <c r="L2663" s="58">
        <f>Bühler!L2689</f>
        <v>1.4930464658884404</v>
      </c>
      <c r="M2663" s="57">
        <f>Bühler!M2689</f>
        <v>0</v>
      </c>
      <c r="N2663" s="55">
        <f>IF(Input!$K$13=1,J2663*Input!$J$13,0)+IF(Input!$K$14=1,K2663*Input!$J$14,0)+IF(Input!$K$15=1,L2663*Input!$J$15,0)+IF(Input!$K$16=1,M2663*Input!$J$16,0)</f>
        <v>5.246281608493538</v>
      </c>
      <c r="O2663" s="58">
        <f>IF(Input!$K$13=2,J2663*Input!$J$13,0)+IF(Input!$K$14=2,K2663*Input!$J$14,0)+IF(Input!$K$15=2,L2663*Input!$J$15,0)+IF(Input!$K$16=2,M2663*Input!$J$16,0)</f>
        <v>0.40312254578987888</v>
      </c>
      <c r="P2663" s="58">
        <f>IF(Input!$K$13=3,J2663*Input!$J$13,0)+IF(Input!$K$14=3,K2663*Input!$J$14,0)+IF(Input!$K$15=3,L2663*Input!$J$15,0)+IF(Input!$K$16=3,M2663*Input!$J$16,0)</f>
        <v>0</v>
      </c>
      <c r="Q2663" s="71">
        <f>IF(Input!$K$13=4,J2663*Input!$J$13,0)+IF(Input!$K$14=4,K2663*Input!$J$14,0)+IF(Input!$K$15=4,L2663*Input!$J$15,0)+IF(Input!$K$16=4,M2663*Input!$J$16,0)</f>
        <v>0</v>
      </c>
    </row>
    <row r="2664" spans="8:17" x14ac:dyDescent="0.25">
      <c r="H2664" s="43">
        <v>2657</v>
      </c>
      <c r="I2664" s="55">
        <f>Bühler!I2690</f>
        <v>1.5999733225010346</v>
      </c>
      <c r="J2664" s="58">
        <f>Bühler!J2690</f>
        <v>21.318772406574897</v>
      </c>
      <c r="K2664" s="58">
        <f>Bühler!K2690</f>
        <v>1.4019215642144982</v>
      </c>
      <c r="L2664" s="58">
        <f>Bühler!L2690</f>
        <v>0.7009607821072491</v>
      </c>
      <c r="M2664" s="57">
        <f>Bühler!M2690</f>
        <v>0</v>
      </c>
      <c r="N2664" s="55">
        <f>IF(Input!$K$13=1,J2664*Input!$J$13,0)+IF(Input!$K$14=1,K2664*Input!$J$14,0)+IF(Input!$K$15=1,L2664*Input!$J$15,0)+IF(Input!$K$16=1,M2664*Input!$J$16,0)</f>
        <v>2.5582526887889876</v>
      </c>
      <c r="O2664" s="58">
        <f>IF(Input!$K$13=2,J2664*Input!$J$13,0)+IF(Input!$K$14=2,K2664*Input!$J$14,0)+IF(Input!$K$15=2,L2664*Input!$J$15,0)+IF(Input!$K$16=2,M2664*Input!$J$16,0)</f>
        <v>0.18925941116895725</v>
      </c>
      <c r="P2664" s="58">
        <f>IF(Input!$K$13=3,J2664*Input!$J$13,0)+IF(Input!$K$14=3,K2664*Input!$J$14,0)+IF(Input!$K$15=3,L2664*Input!$J$15,0)+IF(Input!$K$16=3,M2664*Input!$J$16,0)</f>
        <v>0</v>
      </c>
      <c r="Q2664" s="71">
        <f>IF(Input!$K$13=4,J2664*Input!$J$13,0)+IF(Input!$K$14=4,K2664*Input!$J$14,0)+IF(Input!$K$15=4,L2664*Input!$J$15,0)+IF(Input!$K$16=4,M2664*Input!$J$16,0)</f>
        <v>0</v>
      </c>
    </row>
    <row r="2665" spans="8:17" x14ac:dyDescent="0.25">
      <c r="H2665" s="43">
        <v>2658</v>
      </c>
      <c r="I2665" s="55">
        <f>Bühler!I2691</f>
        <v>1.3439775909008689</v>
      </c>
      <c r="J2665" s="58">
        <f>Bühler!J2691</f>
        <v>14.382384586227134</v>
      </c>
      <c r="K2665" s="58">
        <f>Bühler!K2691</f>
        <v>0.92526823238156874</v>
      </c>
      <c r="L2665" s="58">
        <f>Bühler!L2691</f>
        <v>0.46263411619078437</v>
      </c>
      <c r="M2665" s="57">
        <f>Bühler!M2691</f>
        <v>0</v>
      </c>
      <c r="N2665" s="55">
        <f>IF(Input!$K$13=1,J2665*Input!$J$13,0)+IF(Input!$K$14=1,K2665*Input!$J$14,0)+IF(Input!$K$15=1,L2665*Input!$J$15,0)+IF(Input!$K$16=1,M2665*Input!$J$16,0)</f>
        <v>1.725886150347256</v>
      </c>
      <c r="O2665" s="58">
        <f>IF(Input!$K$13=2,J2665*Input!$J$13,0)+IF(Input!$K$14=2,K2665*Input!$J$14,0)+IF(Input!$K$15=2,L2665*Input!$J$15,0)+IF(Input!$K$16=2,M2665*Input!$J$16,0)</f>
        <v>0.12491121137151176</v>
      </c>
      <c r="P2665" s="58">
        <f>IF(Input!$K$13=3,J2665*Input!$J$13,0)+IF(Input!$K$14=3,K2665*Input!$J$14,0)+IF(Input!$K$15=3,L2665*Input!$J$15,0)+IF(Input!$K$16=3,M2665*Input!$J$16,0)</f>
        <v>0</v>
      </c>
      <c r="Q2665" s="71">
        <f>IF(Input!$K$13=4,J2665*Input!$J$13,0)+IF(Input!$K$14=4,K2665*Input!$J$14,0)+IF(Input!$K$15=4,L2665*Input!$J$15,0)+IF(Input!$K$16=4,M2665*Input!$J$16,0)</f>
        <v>0</v>
      </c>
    </row>
    <row r="2666" spans="8:17" x14ac:dyDescent="0.25">
      <c r="H2666" s="43">
        <v>2659</v>
      </c>
      <c r="I2666" s="55">
        <f>Bühler!I2692</f>
        <v>0.49599172997532065</v>
      </c>
      <c r="J2666" s="58">
        <f>Bühler!J2692</f>
        <v>8.7632209231634164</v>
      </c>
      <c r="K2666" s="58">
        <f>Bühler!K2692</f>
        <v>0.58880705697008917</v>
      </c>
      <c r="L2666" s="58">
        <f>Bühler!L2692</f>
        <v>0.29440352848504459</v>
      </c>
      <c r="M2666" s="57">
        <f>Bühler!M2692</f>
        <v>0</v>
      </c>
      <c r="N2666" s="55">
        <f>IF(Input!$K$13=1,J2666*Input!$J$13,0)+IF(Input!$K$14=1,K2666*Input!$J$14,0)+IF(Input!$K$15=1,L2666*Input!$J$15,0)+IF(Input!$K$16=1,M2666*Input!$J$16,0)</f>
        <v>1.0515865107796099</v>
      </c>
      <c r="O2666" s="58">
        <f>IF(Input!$K$13=2,J2666*Input!$J$13,0)+IF(Input!$K$14=2,K2666*Input!$J$14,0)+IF(Input!$K$15=2,L2666*Input!$J$15,0)+IF(Input!$K$16=2,M2666*Input!$J$16,0)</f>
        <v>7.9488952690962039E-2</v>
      </c>
      <c r="P2666" s="58">
        <f>IF(Input!$K$13=3,J2666*Input!$J$13,0)+IF(Input!$K$14=3,K2666*Input!$J$14,0)+IF(Input!$K$15=3,L2666*Input!$J$15,0)+IF(Input!$K$16=3,M2666*Input!$J$16,0)</f>
        <v>0</v>
      </c>
      <c r="Q2666" s="71">
        <f>IF(Input!$K$13=4,J2666*Input!$J$13,0)+IF(Input!$K$14=4,K2666*Input!$J$14,0)+IF(Input!$K$15=4,L2666*Input!$J$15,0)+IF(Input!$K$16=4,M2666*Input!$J$16,0)</f>
        <v>0</v>
      </c>
    </row>
    <row r="2667" spans="8:17" x14ac:dyDescent="0.25">
      <c r="H2667" s="43">
        <v>2660</v>
      </c>
      <c r="I2667" s="55">
        <f>Bühler!I2693</f>
        <v>0.49599172997532065</v>
      </c>
      <c r="J2667" s="58">
        <f>Bühler!J2693</f>
        <v>8.3715115636861075</v>
      </c>
      <c r="K2667" s="58">
        <f>Bühler!K2693</f>
        <v>0.56076862568579922</v>
      </c>
      <c r="L2667" s="58">
        <f>Bühler!L2693</f>
        <v>0.28038431284289961</v>
      </c>
      <c r="M2667" s="57">
        <f>Bühler!M2693</f>
        <v>0</v>
      </c>
      <c r="N2667" s="55">
        <f>IF(Input!$K$13=1,J2667*Input!$J$13,0)+IF(Input!$K$14=1,K2667*Input!$J$14,0)+IF(Input!$K$15=1,L2667*Input!$J$15,0)+IF(Input!$K$16=1,M2667*Input!$J$16,0)</f>
        <v>1.0045813876423328</v>
      </c>
      <c r="O2667" s="58">
        <f>IF(Input!$K$13=2,J2667*Input!$J$13,0)+IF(Input!$K$14=2,K2667*Input!$J$14,0)+IF(Input!$K$15=2,L2667*Input!$J$15,0)+IF(Input!$K$16=2,M2667*Input!$J$16,0)</f>
        <v>7.5703764467582896E-2</v>
      </c>
      <c r="P2667" s="58">
        <f>IF(Input!$K$13=3,J2667*Input!$J$13,0)+IF(Input!$K$14=3,K2667*Input!$J$14,0)+IF(Input!$K$15=3,L2667*Input!$J$15,0)+IF(Input!$K$16=3,M2667*Input!$J$16,0)</f>
        <v>0</v>
      </c>
      <c r="Q2667" s="71">
        <f>IF(Input!$K$13=4,J2667*Input!$J$13,0)+IF(Input!$K$14=4,K2667*Input!$J$14,0)+IF(Input!$K$15=4,L2667*Input!$J$15,0)+IF(Input!$K$16=4,M2667*Input!$J$16,0)</f>
        <v>0</v>
      </c>
    </row>
    <row r="2668" spans="8:17" x14ac:dyDescent="0.25">
      <c r="H2668" s="43">
        <v>2661</v>
      </c>
      <c r="I2668" s="55">
        <f>Bühler!I2694</f>
        <v>0.49599172997532065</v>
      </c>
      <c r="J2668" s="58">
        <f>Bühler!J2694</f>
        <v>8.3715115636861075</v>
      </c>
      <c r="K2668" s="58">
        <f>Bühler!K2694</f>
        <v>0.56076862568579922</v>
      </c>
      <c r="L2668" s="58">
        <f>Bühler!L2694</f>
        <v>0.28038431284289961</v>
      </c>
      <c r="M2668" s="57">
        <f>Bühler!M2694</f>
        <v>0</v>
      </c>
      <c r="N2668" s="55">
        <f>IF(Input!$K$13=1,J2668*Input!$J$13,0)+IF(Input!$K$14=1,K2668*Input!$J$14,0)+IF(Input!$K$15=1,L2668*Input!$J$15,0)+IF(Input!$K$16=1,M2668*Input!$J$16,0)</f>
        <v>1.0045813876423328</v>
      </c>
      <c r="O2668" s="58">
        <f>IF(Input!$K$13=2,J2668*Input!$J$13,0)+IF(Input!$K$14=2,K2668*Input!$J$14,0)+IF(Input!$K$15=2,L2668*Input!$J$15,0)+IF(Input!$K$16=2,M2668*Input!$J$16,0)</f>
        <v>7.5703764467582896E-2</v>
      </c>
      <c r="P2668" s="58">
        <f>IF(Input!$K$13=3,J2668*Input!$J$13,0)+IF(Input!$K$14=3,K2668*Input!$J$14,0)+IF(Input!$K$15=3,L2668*Input!$J$15,0)+IF(Input!$K$16=3,M2668*Input!$J$16,0)</f>
        <v>0</v>
      </c>
      <c r="Q2668" s="71">
        <f>IF(Input!$K$13=4,J2668*Input!$J$13,0)+IF(Input!$K$14=4,K2668*Input!$J$14,0)+IF(Input!$K$15=4,L2668*Input!$J$15,0)+IF(Input!$K$16=4,M2668*Input!$J$16,0)</f>
        <v>0</v>
      </c>
    </row>
    <row r="2669" spans="8:17" x14ac:dyDescent="0.25">
      <c r="H2669" s="43">
        <v>2662</v>
      </c>
      <c r="I2669" s="55">
        <f>Bühler!I2695</f>
        <v>0.49599172997532065</v>
      </c>
      <c r="J2669" s="58">
        <f>Bühler!J2695</f>
        <v>8.3715115636861075</v>
      </c>
      <c r="K2669" s="58">
        <f>Bühler!K2695</f>
        <v>0.56076862568579922</v>
      </c>
      <c r="L2669" s="58">
        <f>Bühler!L2695</f>
        <v>0.28038431284289961</v>
      </c>
      <c r="M2669" s="57">
        <f>Bühler!M2695</f>
        <v>0</v>
      </c>
      <c r="N2669" s="55">
        <f>IF(Input!$K$13=1,J2669*Input!$J$13,0)+IF(Input!$K$14=1,K2669*Input!$J$14,0)+IF(Input!$K$15=1,L2669*Input!$J$15,0)+IF(Input!$K$16=1,M2669*Input!$J$16,0)</f>
        <v>1.0045813876423328</v>
      </c>
      <c r="O2669" s="58">
        <f>IF(Input!$K$13=2,J2669*Input!$J$13,0)+IF(Input!$K$14=2,K2669*Input!$J$14,0)+IF(Input!$K$15=2,L2669*Input!$J$15,0)+IF(Input!$K$16=2,M2669*Input!$J$16,0)</f>
        <v>7.5703764467582896E-2</v>
      </c>
      <c r="P2669" s="58">
        <f>IF(Input!$K$13=3,J2669*Input!$J$13,0)+IF(Input!$K$14=3,K2669*Input!$J$14,0)+IF(Input!$K$15=3,L2669*Input!$J$15,0)+IF(Input!$K$16=3,M2669*Input!$J$16,0)</f>
        <v>0</v>
      </c>
      <c r="Q2669" s="71">
        <f>IF(Input!$K$13=4,J2669*Input!$J$13,0)+IF(Input!$K$14=4,K2669*Input!$J$14,0)+IF(Input!$K$15=4,L2669*Input!$J$15,0)+IF(Input!$K$16=4,M2669*Input!$J$16,0)</f>
        <v>0</v>
      </c>
    </row>
    <row r="2670" spans="8:17" x14ac:dyDescent="0.25">
      <c r="H2670" s="43">
        <v>2663</v>
      </c>
      <c r="I2670" s="55">
        <f>Bühler!I2696</f>
        <v>0.49599172997532065</v>
      </c>
      <c r="J2670" s="58">
        <f>Bühler!J2696</f>
        <v>8.3715115636861075</v>
      </c>
      <c r="K2670" s="58">
        <f>Bühler!K2696</f>
        <v>0.56076862568579922</v>
      </c>
      <c r="L2670" s="58">
        <f>Bühler!L2696</f>
        <v>0.28038431284289961</v>
      </c>
      <c r="M2670" s="57">
        <f>Bühler!M2696</f>
        <v>0</v>
      </c>
      <c r="N2670" s="55">
        <f>IF(Input!$K$13=1,J2670*Input!$J$13,0)+IF(Input!$K$14=1,K2670*Input!$J$14,0)+IF(Input!$K$15=1,L2670*Input!$J$15,0)+IF(Input!$K$16=1,M2670*Input!$J$16,0)</f>
        <v>1.0045813876423328</v>
      </c>
      <c r="O2670" s="58">
        <f>IF(Input!$K$13=2,J2670*Input!$J$13,0)+IF(Input!$K$14=2,K2670*Input!$J$14,0)+IF(Input!$K$15=2,L2670*Input!$J$15,0)+IF(Input!$K$16=2,M2670*Input!$J$16,0)</f>
        <v>7.5703764467582896E-2</v>
      </c>
      <c r="P2670" s="58">
        <f>IF(Input!$K$13=3,J2670*Input!$J$13,0)+IF(Input!$K$14=3,K2670*Input!$J$14,0)+IF(Input!$K$15=3,L2670*Input!$J$15,0)+IF(Input!$K$16=3,M2670*Input!$J$16,0)</f>
        <v>0</v>
      </c>
      <c r="Q2670" s="71">
        <f>IF(Input!$K$13=4,J2670*Input!$J$13,0)+IF(Input!$K$14=4,K2670*Input!$J$14,0)+IF(Input!$K$15=4,L2670*Input!$J$15,0)+IF(Input!$K$16=4,M2670*Input!$J$16,0)</f>
        <v>0</v>
      </c>
    </row>
    <row r="2671" spans="8:17" x14ac:dyDescent="0.25">
      <c r="H2671" s="43">
        <v>2664</v>
      </c>
      <c r="I2671" s="55">
        <f>Bühler!I2697</f>
        <v>0.49599172997532065</v>
      </c>
      <c r="J2671" s="58">
        <f>Bühler!J2697</f>
        <v>8.3715115636861075</v>
      </c>
      <c r="K2671" s="58">
        <f>Bühler!K2697</f>
        <v>0.56076862568579922</v>
      </c>
      <c r="L2671" s="58">
        <f>Bühler!L2697</f>
        <v>0.28038431284289961</v>
      </c>
      <c r="M2671" s="57">
        <f>Bühler!M2697</f>
        <v>0</v>
      </c>
      <c r="N2671" s="55">
        <f>IF(Input!$K$13=1,J2671*Input!$J$13,0)+IF(Input!$K$14=1,K2671*Input!$J$14,0)+IF(Input!$K$15=1,L2671*Input!$J$15,0)+IF(Input!$K$16=1,M2671*Input!$J$16,0)</f>
        <v>1.0045813876423328</v>
      </c>
      <c r="O2671" s="58">
        <f>IF(Input!$K$13=2,J2671*Input!$J$13,0)+IF(Input!$K$14=2,K2671*Input!$J$14,0)+IF(Input!$K$15=2,L2671*Input!$J$15,0)+IF(Input!$K$16=2,M2671*Input!$J$16,0)</f>
        <v>7.5703764467582896E-2</v>
      </c>
      <c r="P2671" s="58">
        <f>IF(Input!$K$13=3,J2671*Input!$J$13,0)+IF(Input!$K$14=3,K2671*Input!$J$14,0)+IF(Input!$K$15=3,L2671*Input!$J$15,0)+IF(Input!$K$16=3,M2671*Input!$J$16,0)</f>
        <v>0</v>
      </c>
      <c r="Q2671" s="71">
        <f>IF(Input!$K$13=4,J2671*Input!$J$13,0)+IF(Input!$K$14=4,K2671*Input!$J$14,0)+IF(Input!$K$15=4,L2671*Input!$J$15,0)+IF(Input!$K$16=4,M2671*Input!$J$16,0)</f>
        <v>0</v>
      </c>
    </row>
    <row r="2672" spans="8:17" x14ac:dyDescent="0.25">
      <c r="H2672" s="43">
        <v>2665</v>
      </c>
      <c r="I2672" s="55">
        <f>Bühler!I2698</f>
        <v>0.22777091819477094</v>
      </c>
      <c r="J2672" s="58">
        <f>Bühler!J2698</f>
        <v>5.4943031214076736</v>
      </c>
      <c r="K2672" s="58">
        <f>Bühler!K2698</f>
        <v>0.25240185341653593</v>
      </c>
      <c r="L2672" s="58">
        <f>Bühler!L2698</f>
        <v>0.12620092670826796</v>
      </c>
      <c r="M2672" s="57">
        <f>Bühler!M2698</f>
        <v>0</v>
      </c>
      <c r="N2672" s="55">
        <f>IF(Input!$K$13=1,J2672*Input!$J$13,0)+IF(Input!$K$14=1,K2672*Input!$J$14,0)+IF(Input!$K$15=1,L2672*Input!$J$15,0)+IF(Input!$K$16=1,M2672*Input!$J$16,0)</f>
        <v>0.65931637456892078</v>
      </c>
      <c r="O2672" s="58">
        <f>IF(Input!$K$13=2,J2672*Input!$J$13,0)+IF(Input!$K$14=2,K2672*Input!$J$14,0)+IF(Input!$K$15=2,L2672*Input!$J$15,0)+IF(Input!$K$16=2,M2672*Input!$J$16,0)</f>
        <v>3.4074250211232351E-2</v>
      </c>
      <c r="P2672" s="58">
        <f>IF(Input!$K$13=3,J2672*Input!$J$13,0)+IF(Input!$K$14=3,K2672*Input!$J$14,0)+IF(Input!$K$15=3,L2672*Input!$J$15,0)+IF(Input!$K$16=3,M2672*Input!$J$16,0)</f>
        <v>0</v>
      </c>
      <c r="Q2672" s="71">
        <f>IF(Input!$K$13=4,J2672*Input!$J$13,0)+IF(Input!$K$14=4,K2672*Input!$J$14,0)+IF(Input!$K$15=4,L2672*Input!$J$15,0)+IF(Input!$K$16=4,M2672*Input!$J$16,0)</f>
        <v>0</v>
      </c>
    </row>
    <row r="2673" spans="8:17" x14ac:dyDescent="0.25">
      <c r="H2673" s="43">
        <v>2666</v>
      </c>
      <c r="I2673" s="55">
        <f>Bühler!I2699</f>
        <v>0.44469560218979098</v>
      </c>
      <c r="J2673" s="58">
        <f>Bühler!J2699</f>
        <v>5.0572273541818937</v>
      </c>
      <c r="K2673" s="58">
        <f>Bühler!K2699</f>
        <v>0.22716166807488228</v>
      </c>
      <c r="L2673" s="58">
        <f>Bühler!L2699</f>
        <v>0.11358083403744114</v>
      </c>
      <c r="M2673" s="57">
        <f>Bühler!M2699</f>
        <v>0</v>
      </c>
      <c r="N2673" s="55">
        <f>IF(Input!$K$13=1,J2673*Input!$J$13,0)+IF(Input!$K$14=1,K2673*Input!$J$14,0)+IF(Input!$K$15=1,L2673*Input!$J$15,0)+IF(Input!$K$16=1,M2673*Input!$J$16,0)</f>
        <v>0.6068672825018272</v>
      </c>
      <c r="O2673" s="58">
        <f>IF(Input!$K$13=2,J2673*Input!$J$13,0)+IF(Input!$K$14=2,K2673*Input!$J$14,0)+IF(Input!$K$15=2,L2673*Input!$J$15,0)+IF(Input!$K$16=2,M2673*Input!$J$16,0)</f>
        <v>3.0666825190109104E-2</v>
      </c>
      <c r="P2673" s="58">
        <f>IF(Input!$K$13=3,J2673*Input!$J$13,0)+IF(Input!$K$14=3,K2673*Input!$J$14,0)+IF(Input!$K$15=3,L2673*Input!$J$15,0)+IF(Input!$K$16=3,M2673*Input!$J$16,0)</f>
        <v>0</v>
      </c>
      <c r="Q2673" s="71">
        <f>IF(Input!$K$13=4,J2673*Input!$J$13,0)+IF(Input!$K$14=4,K2673*Input!$J$14,0)+IF(Input!$K$15=4,L2673*Input!$J$15,0)+IF(Input!$K$16=4,M2673*Input!$J$16,0)</f>
        <v>0</v>
      </c>
    </row>
    <row r="2674" spans="8:17" x14ac:dyDescent="0.25">
      <c r="H2674" s="43">
        <v>2667</v>
      </c>
      <c r="I2674" s="55">
        <f>Bühler!I2700</f>
        <v>0.44469560218979098</v>
      </c>
      <c r="J2674" s="58">
        <f>Bühler!J2700</f>
        <v>5.0572273541818937</v>
      </c>
      <c r="K2674" s="58">
        <f>Bühler!K2700</f>
        <v>0.22716166807488228</v>
      </c>
      <c r="L2674" s="58">
        <f>Bühler!L2700</f>
        <v>0.11358083403744114</v>
      </c>
      <c r="M2674" s="57">
        <f>Bühler!M2700</f>
        <v>0</v>
      </c>
      <c r="N2674" s="55">
        <f>IF(Input!$K$13=1,J2674*Input!$J$13,0)+IF(Input!$K$14=1,K2674*Input!$J$14,0)+IF(Input!$K$15=1,L2674*Input!$J$15,0)+IF(Input!$K$16=1,M2674*Input!$J$16,0)</f>
        <v>0.6068672825018272</v>
      </c>
      <c r="O2674" s="58">
        <f>IF(Input!$K$13=2,J2674*Input!$J$13,0)+IF(Input!$K$14=2,K2674*Input!$J$14,0)+IF(Input!$K$15=2,L2674*Input!$J$15,0)+IF(Input!$K$16=2,M2674*Input!$J$16,0)</f>
        <v>3.0666825190109104E-2</v>
      </c>
      <c r="P2674" s="58">
        <f>IF(Input!$K$13=3,J2674*Input!$J$13,0)+IF(Input!$K$14=3,K2674*Input!$J$14,0)+IF(Input!$K$15=3,L2674*Input!$J$15,0)+IF(Input!$K$16=3,M2674*Input!$J$16,0)</f>
        <v>0</v>
      </c>
      <c r="Q2674" s="71">
        <f>IF(Input!$K$13=4,J2674*Input!$J$13,0)+IF(Input!$K$14=4,K2674*Input!$J$14,0)+IF(Input!$K$15=4,L2674*Input!$J$15,0)+IF(Input!$K$16=4,M2674*Input!$J$16,0)</f>
        <v>0</v>
      </c>
    </row>
    <row r="2675" spans="8:17" x14ac:dyDescent="0.25">
      <c r="H2675" s="43">
        <v>2668</v>
      </c>
      <c r="I2675" s="55">
        <f>Bühler!I2701</f>
        <v>0.44469560218979098</v>
      </c>
      <c r="J2675" s="58">
        <f>Bühler!J2701</f>
        <v>5.0572273541818937</v>
      </c>
      <c r="K2675" s="58">
        <f>Bühler!K2701</f>
        <v>0.22716166807488228</v>
      </c>
      <c r="L2675" s="58">
        <f>Bühler!L2701</f>
        <v>0.11358083403744114</v>
      </c>
      <c r="M2675" s="57">
        <f>Bühler!M2701</f>
        <v>0</v>
      </c>
      <c r="N2675" s="55">
        <f>IF(Input!$K$13=1,J2675*Input!$J$13,0)+IF(Input!$K$14=1,K2675*Input!$J$14,0)+IF(Input!$K$15=1,L2675*Input!$J$15,0)+IF(Input!$K$16=1,M2675*Input!$J$16,0)</f>
        <v>0.6068672825018272</v>
      </c>
      <c r="O2675" s="58">
        <f>IF(Input!$K$13=2,J2675*Input!$J$13,0)+IF(Input!$K$14=2,K2675*Input!$J$14,0)+IF(Input!$K$15=2,L2675*Input!$J$15,0)+IF(Input!$K$16=2,M2675*Input!$J$16,0)</f>
        <v>3.0666825190109104E-2</v>
      </c>
      <c r="P2675" s="58">
        <f>IF(Input!$K$13=3,J2675*Input!$J$13,0)+IF(Input!$K$14=3,K2675*Input!$J$14,0)+IF(Input!$K$15=3,L2675*Input!$J$15,0)+IF(Input!$K$16=3,M2675*Input!$J$16,0)</f>
        <v>0</v>
      </c>
      <c r="Q2675" s="71">
        <f>IF(Input!$K$13=4,J2675*Input!$J$13,0)+IF(Input!$K$14=4,K2675*Input!$J$14,0)+IF(Input!$K$15=4,L2675*Input!$J$15,0)+IF(Input!$K$16=4,M2675*Input!$J$16,0)</f>
        <v>0</v>
      </c>
    </row>
    <row r="2676" spans="8:17" x14ac:dyDescent="0.25">
      <c r="H2676" s="43">
        <v>2669</v>
      </c>
      <c r="I2676" s="55">
        <f>Bühler!I2702</f>
        <v>0.44469560218979098</v>
      </c>
      <c r="J2676" s="58">
        <f>Bühler!J2702</f>
        <v>5.0572273541818937</v>
      </c>
      <c r="K2676" s="58">
        <f>Bühler!K2702</f>
        <v>0.22716166807488228</v>
      </c>
      <c r="L2676" s="58">
        <f>Bühler!L2702</f>
        <v>0.11358083403744114</v>
      </c>
      <c r="M2676" s="57">
        <f>Bühler!M2702</f>
        <v>0</v>
      </c>
      <c r="N2676" s="55">
        <f>IF(Input!$K$13=1,J2676*Input!$J$13,0)+IF(Input!$K$14=1,K2676*Input!$J$14,0)+IF(Input!$K$15=1,L2676*Input!$J$15,0)+IF(Input!$K$16=1,M2676*Input!$J$16,0)</f>
        <v>0.6068672825018272</v>
      </c>
      <c r="O2676" s="58">
        <f>IF(Input!$K$13=2,J2676*Input!$J$13,0)+IF(Input!$K$14=2,K2676*Input!$J$14,0)+IF(Input!$K$15=2,L2676*Input!$J$15,0)+IF(Input!$K$16=2,M2676*Input!$J$16,0)</f>
        <v>3.0666825190109104E-2</v>
      </c>
      <c r="P2676" s="58">
        <f>IF(Input!$K$13=3,J2676*Input!$J$13,0)+IF(Input!$K$14=3,K2676*Input!$J$14,0)+IF(Input!$K$15=3,L2676*Input!$J$15,0)+IF(Input!$K$16=3,M2676*Input!$J$16,0)</f>
        <v>0</v>
      </c>
      <c r="Q2676" s="71">
        <f>IF(Input!$K$13=4,J2676*Input!$J$13,0)+IF(Input!$K$14=4,K2676*Input!$J$14,0)+IF(Input!$K$15=4,L2676*Input!$J$15,0)+IF(Input!$K$16=4,M2676*Input!$J$16,0)</f>
        <v>0</v>
      </c>
    </row>
    <row r="2677" spans="8:17" x14ac:dyDescent="0.25">
      <c r="H2677" s="43">
        <v>2670</v>
      </c>
      <c r="I2677" s="55">
        <f>Bühler!I2703</f>
        <v>0.55315794418730091</v>
      </c>
      <c r="J2677" s="58">
        <f>Bühler!J2703</f>
        <v>5.0617466184317896</v>
      </c>
      <c r="K2677" s="58">
        <f>Bühler!K2703</f>
        <v>0.22716166807488228</v>
      </c>
      <c r="L2677" s="58">
        <f>Bühler!L2703</f>
        <v>0.11358083403744114</v>
      </c>
      <c r="M2677" s="57">
        <f>Bühler!M2703</f>
        <v>0</v>
      </c>
      <c r="N2677" s="55">
        <f>IF(Input!$K$13=1,J2677*Input!$J$13,0)+IF(Input!$K$14=1,K2677*Input!$J$14,0)+IF(Input!$K$15=1,L2677*Input!$J$15,0)+IF(Input!$K$16=1,M2677*Input!$J$16,0)</f>
        <v>0.60740959421181473</v>
      </c>
      <c r="O2677" s="58">
        <f>IF(Input!$K$13=2,J2677*Input!$J$13,0)+IF(Input!$K$14=2,K2677*Input!$J$14,0)+IF(Input!$K$15=2,L2677*Input!$J$15,0)+IF(Input!$K$16=2,M2677*Input!$J$16,0)</f>
        <v>3.0666825190109104E-2</v>
      </c>
      <c r="P2677" s="58">
        <f>IF(Input!$K$13=3,J2677*Input!$J$13,0)+IF(Input!$K$14=3,K2677*Input!$J$14,0)+IF(Input!$K$15=3,L2677*Input!$J$15,0)+IF(Input!$K$16=3,M2677*Input!$J$16,0)</f>
        <v>0</v>
      </c>
      <c r="Q2677" s="71">
        <f>IF(Input!$K$13=4,J2677*Input!$J$13,0)+IF(Input!$K$14=4,K2677*Input!$J$14,0)+IF(Input!$K$15=4,L2677*Input!$J$15,0)+IF(Input!$K$16=4,M2677*Input!$J$16,0)</f>
        <v>0</v>
      </c>
    </row>
    <row r="2678" spans="8:17" x14ac:dyDescent="0.25">
      <c r="H2678" s="43">
        <v>2671</v>
      </c>
      <c r="I2678" s="55">
        <f>Bühler!I2704</f>
        <v>0.6941589887840639</v>
      </c>
      <c r="J2678" s="58">
        <f>Bühler!J2704</f>
        <v>5.0676216619566548</v>
      </c>
      <c r="K2678" s="58">
        <f>Bühler!K2704</f>
        <v>0.22716166807488228</v>
      </c>
      <c r="L2678" s="58">
        <f>Bühler!L2704</f>
        <v>0.11358083403744114</v>
      </c>
      <c r="M2678" s="57">
        <f>Bühler!M2704</f>
        <v>0</v>
      </c>
      <c r="N2678" s="55">
        <f>IF(Input!$K$13=1,J2678*Input!$J$13,0)+IF(Input!$K$14=1,K2678*Input!$J$14,0)+IF(Input!$K$15=1,L2678*Input!$J$15,0)+IF(Input!$K$16=1,M2678*Input!$J$16,0)</f>
        <v>0.60811459943479851</v>
      </c>
      <c r="O2678" s="58">
        <f>IF(Input!$K$13=2,J2678*Input!$J$13,0)+IF(Input!$K$14=2,K2678*Input!$J$14,0)+IF(Input!$K$15=2,L2678*Input!$J$15,0)+IF(Input!$K$16=2,M2678*Input!$J$16,0)</f>
        <v>3.0666825190109104E-2</v>
      </c>
      <c r="P2678" s="58">
        <f>IF(Input!$K$13=3,J2678*Input!$J$13,0)+IF(Input!$K$14=3,K2678*Input!$J$14,0)+IF(Input!$K$15=3,L2678*Input!$J$15,0)+IF(Input!$K$16=3,M2678*Input!$J$16,0)</f>
        <v>0</v>
      </c>
      <c r="Q2678" s="71">
        <f>IF(Input!$K$13=4,J2678*Input!$J$13,0)+IF(Input!$K$14=4,K2678*Input!$J$14,0)+IF(Input!$K$15=4,L2678*Input!$J$15,0)+IF(Input!$K$16=4,M2678*Input!$J$16,0)</f>
        <v>0</v>
      </c>
    </row>
    <row r="2679" spans="8:17" x14ac:dyDescent="0.25">
      <c r="H2679" s="43">
        <v>2672</v>
      </c>
      <c r="I2679" s="55">
        <f>Bühler!I2705</f>
        <v>0.79177509658182277</v>
      </c>
      <c r="J2679" s="58">
        <f>Bühler!J2705</f>
        <v>5.0716889997815615</v>
      </c>
      <c r="K2679" s="58">
        <f>Bühler!K2705</f>
        <v>0.22716166807488228</v>
      </c>
      <c r="L2679" s="58">
        <f>Bühler!L2705</f>
        <v>0.11358083403744114</v>
      </c>
      <c r="M2679" s="57">
        <f>Bühler!M2705</f>
        <v>0</v>
      </c>
      <c r="N2679" s="55">
        <f>IF(Input!$K$13=1,J2679*Input!$J$13,0)+IF(Input!$K$14=1,K2679*Input!$J$14,0)+IF(Input!$K$15=1,L2679*Input!$J$15,0)+IF(Input!$K$16=1,M2679*Input!$J$16,0)</f>
        <v>0.60860267997378736</v>
      </c>
      <c r="O2679" s="58">
        <f>IF(Input!$K$13=2,J2679*Input!$J$13,0)+IF(Input!$K$14=2,K2679*Input!$J$14,0)+IF(Input!$K$15=2,L2679*Input!$J$15,0)+IF(Input!$K$16=2,M2679*Input!$J$16,0)</f>
        <v>3.0666825190109104E-2</v>
      </c>
      <c r="P2679" s="58">
        <f>IF(Input!$K$13=3,J2679*Input!$J$13,0)+IF(Input!$K$14=3,K2679*Input!$J$14,0)+IF(Input!$K$15=3,L2679*Input!$J$15,0)+IF(Input!$K$16=3,M2679*Input!$J$16,0)</f>
        <v>0</v>
      </c>
      <c r="Q2679" s="71">
        <f>IF(Input!$K$13=4,J2679*Input!$J$13,0)+IF(Input!$K$14=4,K2679*Input!$J$14,0)+IF(Input!$K$15=4,L2679*Input!$J$15,0)+IF(Input!$K$16=4,M2679*Input!$J$16,0)</f>
        <v>0</v>
      </c>
    </row>
    <row r="2680" spans="8:17" x14ac:dyDescent="0.25">
      <c r="H2680" s="43">
        <v>2673</v>
      </c>
      <c r="I2680" s="55">
        <f>Bühler!I2706</f>
        <v>0.79177509658182277</v>
      </c>
      <c r="J2680" s="58">
        <f>Bühler!J2706</f>
        <v>5.0716889997815615</v>
      </c>
      <c r="K2680" s="58">
        <f>Bühler!K2706</f>
        <v>0.22716166807488228</v>
      </c>
      <c r="L2680" s="58">
        <f>Bühler!L2706</f>
        <v>0.11358083403744114</v>
      </c>
      <c r="M2680" s="57">
        <f>Bühler!M2706</f>
        <v>0</v>
      </c>
      <c r="N2680" s="55">
        <f>IF(Input!$K$13=1,J2680*Input!$J$13,0)+IF(Input!$K$14=1,K2680*Input!$J$14,0)+IF(Input!$K$15=1,L2680*Input!$J$15,0)+IF(Input!$K$16=1,M2680*Input!$J$16,0)</f>
        <v>0.60860267997378736</v>
      </c>
      <c r="O2680" s="58">
        <f>IF(Input!$K$13=2,J2680*Input!$J$13,0)+IF(Input!$K$14=2,K2680*Input!$J$14,0)+IF(Input!$K$15=2,L2680*Input!$J$15,0)+IF(Input!$K$16=2,M2680*Input!$J$16,0)</f>
        <v>3.0666825190109104E-2</v>
      </c>
      <c r="P2680" s="58">
        <f>IF(Input!$K$13=3,J2680*Input!$J$13,0)+IF(Input!$K$14=3,K2680*Input!$J$14,0)+IF(Input!$K$15=3,L2680*Input!$J$15,0)+IF(Input!$K$16=3,M2680*Input!$J$16,0)</f>
        <v>0</v>
      </c>
      <c r="Q2680" s="71">
        <f>IF(Input!$K$13=4,J2680*Input!$J$13,0)+IF(Input!$K$14=4,K2680*Input!$J$14,0)+IF(Input!$K$15=4,L2680*Input!$J$15,0)+IF(Input!$K$16=4,M2680*Input!$J$16,0)</f>
        <v>0</v>
      </c>
    </row>
    <row r="2681" spans="8:17" x14ac:dyDescent="0.25">
      <c r="H2681" s="43">
        <v>2674</v>
      </c>
      <c r="I2681" s="55">
        <f>Bühler!I2707</f>
        <v>0.79177509658182277</v>
      </c>
      <c r="J2681" s="58">
        <f>Bühler!J2707</f>
        <v>5.0716889997815615</v>
      </c>
      <c r="K2681" s="58">
        <f>Bühler!K2707</f>
        <v>0.22716166807488228</v>
      </c>
      <c r="L2681" s="58">
        <f>Bühler!L2707</f>
        <v>0.11358083403744114</v>
      </c>
      <c r="M2681" s="57">
        <f>Bühler!M2707</f>
        <v>0</v>
      </c>
      <c r="N2681" s="55">
        <f>IF(Input!$K$13=1,J2681*Input!$J$13,0)+IF(Input!$K$14=1,K2681*Input!$J$14,0)+IF(Input!$K$15=1,L2681*Input!$J$15,0)+IF(Input!$K$16=1,M2681*Input!$J$16,0)</f>
        <v>0.60860267997378736</v>
      </c>
      <c r="O2681" s="58">
        <f>IF(Input!$K$13=2,J2681*Input!$J$13,0)+IF(Input!$K$14=2,K2681*Input!$J$14,0)+IF(Input!$K$15=2,L2681*Input!$J$15,0)+IF(Input!$K$16=2,M2681*Input!$J$16,0)</f>
        <v>3.0666825190109104E-2</v>
      </c>
      <c r="P2681" s="58">
        <f>IF(Input!$K$13=3,J2681*Input!$J$13,0)+IF(Input!$K$14=3,K2681*Input!$J$14,0)+IF(Input!$K$15=3,L2681*Input!$J$15,0)+IF(Input!$K$16=3,M2681*Input!$J$16,0)</f>
        <v>0</v>
      </c>
      <c r="Q2681" s="71">
        <f>IF(Input!$K$13=4,J2681*Input!$J$13,0)+IF(Input!$K$14=4,K2681*Input!$J$14,0)+IF(Input!$K$15=4,L2681*Input!$J$15,0)+IF(Input!$K$16=4,M2681*Input!$J$16,0)</f>
        <v>0</v>
      </c>
    </row>
    <row r="2682" spans="8:17" x14ac:dyDescent="0.25">
      <c r="H2682" s="43">
        <v>2675</v>
      </c>
      <c r="I2682" s="55">
        <f>Bühler!I2708</f>
        <v>0.79177509658182277</v>
      </c>
      <c r="J2682" s="58">
        <f>Bühler!J2708</f>
        <v>5.0716889997815615</v>
      </c>
      <c r="K2682" s="58">
        <f>Bühler!K2708</f>
        <v>0.22716166807488228</v>
      </c>
      <c r="L2682" s="58">
        <f>Bühler!L2708</f>
        <v>0.11358083403744114</v>
      </c>
      <c r="M2682" s="57">
        <f>Bühler!M2708</f>
        <v>0</v>
      </c>
      <c r="N2682" s="55">
        <f>IF(Input!$K$13=1,J2682*Input!$J$13,0)+IF(Input!$K$14=1,K2682*Input!$J$14,0)+IF(Input!$K$15=1,L2682*Input!$J$15,0)+IF(Input!$K$16=1,M2682*Input!$J$16,0)</f>
        <v>0.60860267997378736</v>
      </c>
      <c r="O2682" s="58">
        <f>IF(Input!$K$13=2,J2682*Input!$J$13,0)+IF(Input!$K$14=2,K2682*Input!$J$14,0)+IF(Input!$K$15=2,L2682*Input!$J$15,0)+IF(Input!$K$16=2,M2682*Input!$J$16,0)</f>
        <v>3.0666825190109104E-2</v>
      </c>
      <c r="P2682" s="58">
        <f>IF(Input!$K$13=3,J2682*Input!$J$13,0)+IF(Input!$K$14=3,K2682*Input!$J$14,0)+IF(Input!$K$15=3,L2682*Input!$J$15,0)+IF(Input!$K$16=3,M2682*Input!$J$16,0)</f>
        <v>0</v>
      </c>
      <c r="Q2682" s="71">
        <f>IF(Input!$K$13=4,J2682*Input!$J$13,0)+IF(Input!$K$14=4,K2682*Input!$J$14,0)+IF(Input!$K$15=4,L2682*Input!$J$15,0)+IF(Input!$K$16=4,M2682*Input!$J$16,0)</f>
        <v>0</v>
      </c>
    </row>
    <row r="2683" spans="8:17" x14ac:dyDescent="0.25">
      <c r="H2683" s="43">
        <v>2676</v>
      </c>
      <c r="I2683" s="55">
        <f>Bühler!I2709</f>
        <v>0.79177509658182277</v>
      </c>
      <c r="J2683" s="58">
        <f>Bühler!J2709</f>
        <v>5.0716889997815615</v>
      </c>
      <c r="K2683" s="58">
        <f>Bühler!K2709</f>
        <v>0.22716166807488228</v>
      </c>
      <c r="L2683" s="58">
        <f>Bühler!L2709</f>
        <v>0.11358083403744114</v>
      </c>
      <c r="M2683" s="57">
        <f>Bühler!M2709</f>
        <v>0</v>
      </c>
      <c r="N2683" s="55">
        <f>IF(Input!$K$13=1,J2683*Input!$J$13,0)+IF(Input!$K$14=1,K2683*Input!$J$14,0)+IF(Input!$K$15=1,L2683*Input!$J$15,0)+IF(Input!$K$16=1,M2683*Input!$J$16,0)</f>
        <v>0.60860267997378736</v>
      </c>
      <c r="O2683" s="58">
        <f>IF(Input!$K$13=2,J2683*Input!$J$13,0)+IF(Input!$K$14=2,K2683*Input!$J$14,0)+IF(Input!$K$15=2,L2683*Input!$J$15,0)+IF(Input!$K$16=2,M2683*Input!$J$16,0)</f>
        <v>3.0666825190109104E-2</v>
      </c>
      <c r="P2683" s="58">
        <f>IF(Input!$K$13=3,J2683*Input!$J$13,0)+IF(Input!$K$14=3,K2683*Input!$J$14,0)+IF(Input!$K$15=3,L2683*Input!$J$15,0)+IF(Input!$K$16=3,M2683*Input!$J$16,0)</f>
        <v>0</v>
      </c>
      <c r="Q2683" s="71">
        <f>IF(Input!$K$13=4,J2683*Input!$J$13,0)+IF(Input!$K$14=4,K2683*Input!$J$14,0)+IF(Input!$K$15=4,L2683*Input!$J$15,0)+IF(Input!$K$16=4,M2683*Input!$J$16,0)</f>
        <v>0</v>
      </c>
    </row>
    <row r="2684" spans="8:17" x14ac:dyDescent="0.25">
      <c r="H2684" s="43">
        <v>2677</v>
      </c>
      <c r="I2684" s="55">
        <f>Bühler!I2710</f>
        <v>0.79177509658182277</v>
      </c>
      <c r="J2684" s="58">
        <f>Bühler!J2710</f>
        <v>5.0716889997815615</v>
      </c>
      <c r="K2684" s="58">
        <f>Bühler!K2710</f>
        <v>0.22716166807488228</v>
      </c>
      <c r="L2684" s="58">
        <f>Bühler!L2710</f>
        <v>0.11358083403744114</v>
      </c>
      <c r="M2684" s="57">
        <f>Bühler!M2710</f>
        <v>0</v>
      </c>
      <c r="N2684" s="55">
        <f>IF(Input!$K$13=1,J2684*Input!$J$13,0)+IF(Input!$K$14=1,K2684*Input!$J$14,0)+IF(Input!$K$15=1,L2684*Input!$J$15,0)+IF(Input!$K$16=1,M2684*Input!$J$16,0)</f>
        <v>0.60860267997378736</v>
      </c>
      <c r="O2684" s="58">
        <f>IF(Input!$K$13=2,J2684*Input!$J$13,0)+IF(Input!$K$14=2,K2684*Input!$J$14,0)+IF(Input!$K$15=2,L2684*Input!$J$15,0)+IF(Input!$K$16=2,M2684*Input!$J$16,0)</f>
        <v>3.0666825190109104E-2</v>
      </c>
      <c r="P2684" s="58">
        <f>IF(Input!$K$13=3,J2684*Input!$J$13,0)+IF(Input!$K$14=3,K2684*Input!$J$14,0)+IF(Input!$K$15=3,L2684*Input!$J$15,0)+IF(Input!$K$16=3,M2684*Input!$J$16,0)</f>
        <v>0</v>
      </c>
      <c r="Q2684" s="71">
        <f>IF(Input!$K$13=4,J2684*Input!$J$13,0)+IF(Input!$K$14=4,K2684*Input!$J$14,0)+IF(Input!$K$15=4,L2684*Input!$J$15,0)+IF(Input!$K$16=4,M2684*Input!$J$16,0)</f>
        <v>0</v>
      </c>
    </row>
    <row r="2685" spans="8:17" x14ac:dyDescent="0.25">
      <c r="H2685" s="43">
        <v>2678</v>
      </c>
      <c r="I2685" s="55">
        <f>Bühler!I2711</f>
        <v>0.79177509658182277</v>
      </c>
      <c r="J2685" s="58">
        <f>Bühler!J2711</f>
        <v>5.0716889997815615</v>
      </c>
      <c r="K2685" s="58">
        <f>Bühler!K2711</f>
        <v>0.22716166807488228</v>
      </c>
      <c r="L2685" s="58">
        <f>Bühler!L2711</f>
        <v>0.11358083403744114</v>
      </c>
      <c r="M2685" s="57">
        <f>Bühler!M2711</f>
        <v>0</v>
      </c>
      <c r="N2685" s="55">
        <f>IF(Input!$K$13=1,J2685*Input!$J$13,0)+IF(Input!$K$14=1,K2685*Input!$J$14,0)+IF(Input!$K$15=1,L2685*Input!$J$15,0)+IF(Input!$K$16=1,M2685*Input!$J$16,0)</f>
        <v>0.60860267997378736</v>
      </c>
      <c r="O2685" s="58">
        <f>IF(Input!$K$13=2,J2685*Input!$J$13,0)+IF(Input!$K$14=2,K2685*Input!$J$14,0)+IF(Input!$K$15=2,L2685*Input!$J$15,0)+IF(Input!$K$16=2,M2685*Input!$J$16,0)</f>
        <v>3.0666825190109104E-2</v>
      </c>
      <c r="P2685" s="58">
        <f>IF(Input!$K$13=3,J2685*Input!$J$13,0)+IF(Input!$K$14=3,K2685*Input!$J$14,0)+IF(Input!$K$15=3,L2685*Input!$J$15,0)+IF(Input!$K$16=3,M2685*Input!$J$16,0)</f>
        <v>0</v>
      </c>
      <c r="Q2685" s="71">
        <f>IF(Input!$K$13=4,J2685*Input!$J$13,0)+IF(Input!$K$14=4,K2685*Input!$J$14,0)+IF(Input!$K$15=4,L2685*Input!$J$15,0)+IF(Input!$K$16=4,M2685*Input!$J$16,0)</f>
        <v>0</v>
      </c>
    </row>
    <row r="2686" spans="8:17" x14ac:dyDescent="0.25">
      <c r="H2686" s="43">
        <v>2679</v>
      </c>
      <c r="I2686" s="55">
        <f>Bühler!I2712</f>
        <v>0.79177509658182277</v>
      </c>
      <c r="J2686" s="58">
        <f>Bühler!J2712</f>
        <v>5.0716889997815615</v>
      </c>
      <c r="K2686" s="58">
        <f>Bühler!K2712</f>
        <v>0.22716166807488228</v>
      </c>
      <c r="L2686" s="58">
        <f>Bühler!L2712</f>
        <v>0.11358083403744114</v>
      </c>
      <c r="M2686" s="57">
        <f>Bühler!M2712</f>
        <v>0</v>
      </c>
      <c r="N2686" s="55">
        <f>IF(Input!$K$13=1,J2686*Input!$J$13,0)+IF(Input!$K$14=1,K2686*Input!$J$14,0)+IF(Input!$K$15=1,L2686*Input!$J$15,0)+IF(Input!$K$16=1,M2686*Input!$J$16,0)</f>
        <v>0.60860267997378736</v>
      </c>
      <c r="O2686" s="58">
        <f>IF(Input!$K$13=2,J2686*Input!$J$13,0)+IF(Input!$K$14=2,K2686*Input!$J$14,0)+IF(Input!$K$15=2,L2686*Input!$J$15,0)+IF(Input!$K$16=2,M2686*Input!$J$16,0)</f>
        <v>3.0666825190109104E-2</v>
      </c>
      <c r="P2686" s="58">
        <f>IF(Input!$K$13=3,J2686*Input!$J$13,0)+IF(Input!$K$14=3,K2686*Input!$J$14,0)+IF(Input!$K$15=3,L2686*Input!$J$15,0)+IF(Input!$K$16=3,M2686*Input!$J$16,0)</f>
        <v>0</v>
      </c>
      <c r="Q2686" s="71">
        <f>IF(Input!$K$13=4,J2686*Input!$J$13,0)+IF(Input!$K$14=4,K2686*Input!$J$14,0)+IF(Input!$K$15=4,L2686*Input!$J$15,0)+IF(Input!$K$16=4,M2686*Input!$J$16,0)</f>
        <v>0</v>
      </c>
    </row>
    <row r="2687" spans="8:17" x14ac:dyDescent="0.25">
      <c r="H2687" s="43">
        <v>2680</v>
      </c>
      <c r="I2687" s="55">
        <f>Bühler!I2713</f>
        <v>0.7158514571835658</v>
      </c>
      <c r="J2687" s="58">
        <f>Bühler!J2713</f>
        <v>5.0685255148066339</v>
      </c>
      <c r="K2687" s="58">
        <f>Bühler!K2713</f>
        <v>0.22716166807488228</v>
      </c>
      <c r="L2687" s="58">
        <f>Bühler!L2713</f>
        <v>0.11358083403744114</v>
      </c>
      <c r="M2687" s="57">
        <f>Bühler!M2713</f>
        <v>0</v>
      </c>
      <c r="N2687" s="55">
        <f>IF(Input!$K$13=1,J2687*Input!$J$13,0)+IF(Input!$K$14=1,K2687*Input!$J$14,0)+IF(Input!$K$15=1,L2687*Input!$J$15,0)+IF(Input!$K$16=1,M2687*Input!$J$16,0)</f>
        <v>0.60822306177679608</v>
      </c>
      <c r="O2687" s="58">
        <f>IF(Input!$K$13=2,J2687*Input!$J$13,0)+IF(Input!$K$14=2,K2687*Input!$J$14,0)+IF(Input!$K$15=2,L2687*Input!$J$15,0)+IF(Input!$K$16=2,M2687*Input!$J$16,0)</f>
        <v>3.0666825190109104E-2</v>
      </c>
      <c r="P2687" s="58">
        <f>IF(Input!$K$13=3,J2687*Input!$J$13,0)+IF(Input!$K$14=3,K2687*Input!$J$14,0)+IF(Input!$K$15=3,L2687*Input!$J$15,0)+IF(Input!$K$16=3,M2687*Input!$J$16,0)</f>
        <v>0</v>
      </c>
      <c r="Q2687" s="71">
        <f>IF(Input!$K$13=4,J2687*Input!$J$13,0)+IF(Input!$K$14=4,K2687*Input!$J$14,0)+IF(Input!$K$15=4,L2687*Input!$J$15,0)+IF(Input!$K$16=4,M2687*Input!$J$16,0)</f>
        <v>0</v>
      </c>
    </row>
    <row r="2688" spans="8:17" x14ac:dyDescent="0.25">
      <c r="H2688" s="43">
        <v>2681</v>
      </c>
      <c r="I2688" s="55">
        <f>Bühler!I2714</f>
        <v>0.65077405198505989</v>
      </c>
      <c r="J2688" s="58">
        <f>Bühler!J2714</f>
        <v>5.0658139562566964</v>
      </c>
      <c r="K2688" s="58">
        <f>Bühler!K2714</f>
        <v>0.22716166807488228</v>
      </c>
      <c r="L2688" s="58">
        <f>Bühler!L2714</f>
        <v>0.11358083403744114</v>
      </c>
      <c r="M2688" s="57">
        <f>Bühler!M2714</f>
        <v>0</v>
      </c>
      <c r="N2688" s="55">
        <f>IF(Input!$K$13=1,J2688*Input!$J$13,0)+IF(Input!$K$14=1,K2688*Input!$J$14,0)+IF(Input!$K$15=1,L2688*Input!$J$15,0)+IF(Input!$K$16=1,M2688*Input!$J$16,0)</f>
        <v>0.60789767475080358</v>
      </c>
      <c r="O2688" s="58">
        <f>IF(Input!$K$13=2,J2688*Input!$J$13,0)+IF(Input!$K$14=2,K2688*Input!$J$14,0)+IF(Input!$K$15=2,L2688*Input!$J$15,0)+IF(Input!$K$16=2,M2688*Input!$J$16,0)</f>
        <v>3.0666825190109104E-2</v>
      </c>
      <c r="P2688" s="58">
        <f>IF(Input!$K$13=3,J2688*Input!$J$13,0)+IF(Input!$K$14=3,K2688*Input!$J$14,0)+IF(Input!$K$15=3,L2688*Input!$J$15,0)+IF(Input!$K$16=3,M2688*Input!$J$16,0)</f>
        <v>0</v>
      </c>
      <c r="Q2688" s="71">
        <f>IF(Input!$K$13=4,J2688*Input!$J$13,0)+IF(Input!$K$14=4,K2688*Input!$J$14,0)+IF(Input!$K$15=4,L2688*Input!$J$15,0)+IF(Input!$K$16=4,M2688*Input!$J$16,0)</f>
        <v>0</v>
      </c>
    </row>
    <row r="2689" spans="8:17" x14ac:dyDescent="0.25">
      <c r="H2689" s="43">
        <v>2682</v>
      </c>
      <c r="I2689" s="55">
        <f>Bühler!I2715</f>
        <v>0.58569664678655387</v>
      </c>
      <c r="J2689" s="58">
        <f>Bühler!J2715</f>
        <v>5.0631023977067589</v>
      </c>
      <c r="K2689" s="58">
        <f>Bühler!K2715</f>
        <v>0.22716166807488228</v>
      </c>
      <c r="L2689" s="58">
        <f>Bühler!L2715</f>
        <v>0.11358083403744114</v>
      </c>
      <c r="M2689" s="57">
        <f>Bühler!M2715</f>
        <v>0</v>
      </c>
      <c r="N2689" s="55">
        <f>IF(Input!$K$13=1,J2689*Input!$J$13,0)+IF(Input!$K$14=1,K2689*Input!$J$14,0)+IF(Input!$K$15=1,L2689*Input!$J$15,0)+IF(Input!$K$16=1,M2689*Input!$J$16,0)</f>
        <v>0.60757228772481109</v>
      </c>
      <c r="O2689" s="58">
        <f>IF(Input!$K$13=2,J2689*Input!$J$13,0)+IF(Input!$K$14=2,K2689*Input!$J$14,0)+IF(Input!$K$15=2,L2689*Input!$J$15,0)+IF(Input!$K$16=2,M2689*Input!$J$16,0)</f>
        <v>3.0666825190109104E-2</v>
      </c>
      <c r="P2689" s="58">
        <f>IF(Input!$K$13=3,J2689*Input!$J$13,0)+IF(Input!$K$14=3,K2689*Input!$J$14,0)+IF(Input!$K$15=3,L2689*Input!$J$15,0)+IF(Input!$K$16=3,M2689*Input!$J$16,0)</f>
        <v>0</v>
      </c>
      <c r="Q2689" s="71">
        <f>IF(Input!$K$13=4,J2689*Input!$J$13,0)+IF(Input!$K$14=4,K2689*Input!$J$14,0)+IF(Input!$K$15=4,L2689*Input!$J$15,0)+IF(Input!$K$16=4,M2689*Input!$J$16,0)</f>
        <v>0</v>
      </c>
    </row>
    <row r="2690" spans="8:17" x14ac:dyDescent="0.25">
      <c r="H2690" s="43">
        <v>2683</v>
      </c>
      <c r="I2690" s="55">
        <f>Bühler!I2716</f>
        <v>0.56400417838705186</v>
      </c>
      <c r="J2690" s="58">
        <f>Bühler!J2716</f>
        <v>5.0621985448567797</v>
      </c>
      <c r="K2690" s="58">
        <f>Bühler!K2716</f>
        <v>0.22716166807488228</v>
      </c>
      <c r="L2690" s="58">
        <f>Bühler!L2716</f>
        <v>0.11358083403744114</v>
      </c>
      <c r="M2690" s="57">
        <f>Bühler!M2716</f>
        <v>0</v>
      </c>
      <c r="N2690" s="55">
        <f>IF(Input!$K$13=1,J2690*Input!$J$13,0)+IF(Input!$K$14=1,K2690*Input!$J$14,0)+IF(Input!$K$15=1,L2690*Input!$J$15,0)+IF(Input!$K$16=1,M2690*Input!$J$16,0)</f>
        <v>0.60746382538281352</v>
      </c>
      <c r="O2690" s="58">
        <f>IF(Input!$K$13=2,J2690*Input!$J$13,0)+IF(Input!$K$14=2,K2690*Input!$J$14,0)+IF(Input!$K$15=2,L2690*Input!$J$15,0)+IF(Input!$K$16=2,M2690*Input!$J$16,0)</f>
        <v>3.0666825190109104E-2</v>
      </c>
      <c r="P2690" s="58">
        <f>IF(Input!$K$13=3,J2690*Input!$J$13,0)+IF(Input!$K$14=3,K2690*Input!$J$14,0)+IF(Input!$K$15=3,L2690*Input!$J$15,0)+IF(Input!$K$16=3,M2690*Input!$J$16,0)</f>
        <v>0</v>
      </c>
      <c r="Q2690" s="71">
        <f>IF(Input!$K$13=4,J2690*Input!$J$13,0)+IF(Input!$K$14=4,K2690*Input!$J$14,0)+IF(Input!$K$15=4,L2690*Input!$J$15,0)+IF(Input!$K$16=4,M2690*Input!$J$16,0)</f>
        <v>0</v>
      </c>
    </row>
    <row r="2691" spans="8:17" x14ac:dyDescent="0.25">
      <c r="H2691" s="43">
        <v>2684</v>
      </c>
      <c r="I2691" s="55">
        <f>Bühler!I2717</f>
        <v>0.45554183638954188</v>
      </c>
      <c r="J2691" s="58">
        <f>Bühler!J2717</f>
        <v>5.0576792806068829</v>
      </c>
      <c r="K2691" s="58">
        <f>Bühler!K2717</f>
        <v>0.22716166807488228</v>
      </c>
      <c r="L2691" s="58">
        <f>Bühler!L2717</f>
        <v>0.11358083403744114</v>
      </c>
      <c r="M2691" s="57">
        <f>Bühler!M2717</f>
        <v>0</v>
      </c>
      <c r="N2691" s="55">
        <f>IF(Input!$K$13=1,J2691*Input!$J$13,0)+IF(Input!$K$14=1,K2691*Input!$J$14,0)+IF(Input!$K$15=1,L2691*Input!$J$15,0)+IF(Input!$K$16=1,M2691*Input!$J$16,0)</f>
        <v>0.60692151367282587</v>
      </c>
      <c r="O2691" s="58">
        <f>IF(Input!$K$13=2,J2691*Input!$J$13,0)+IF(Input!$K$14=2,K2691*Input!$J$14,0)+IF(Input!$K$15=2,L2691*Input!$J$15,0)+IF(Input!$K$16=2,M2691*Input!$J$16,0)</f>
        <v>3.0666825190109104E-2</v>
      </c>
      <c r="P2691" s="58">
        <f>IF(Input!$K$13=3,J2691*Input!$J$13,0)+IF(Input!$K$14=3,K2691*Input!$J$14,0)+IF(Input!$K$15=3,L2691*Input!$J$15,0)+IF(Input!$K$16=3,M2691*Input!$J$16,0)</f>
        <v>0</v>
      </c>
      <c r="Q2691" s="71">
        <f>IF(Input!$K$13=4,J2691*Input!$J$13,0)+IF(Input!$K$14=4,K2691*Input!$J$14,0)+IF(Input!$K$15=4,L2691*Input!$J$15,0)+IF(Input!$K$16=4,M2691*Input!$J$16,0)</f>
        <v>0</v>
      </c>
    </row>
    <row r="2692" spans="8:17" x14ac:dyDescent="0.25">
      <c r="H2692" s="43">
        <v>2685</v>
      </c>
      <c r="I2692" s="55">
        <f>Bühler!I2718</f>
        <v>0.33623326019228089</v>
      </c>
      <c r="J2692" s="58">
        <f>Bühler!J2718</f>
        <v>5.0527080899319969</v>
      </c>
      <c r="K2692" s="58">
        <f>Bühler!K2718</f>
        <v>0.22716166807488228</v>
      </c>
      <c r="L2692" s="58">
        <f>Bühler!L2718</f>
        <v>0.11358083403744114</v>
      </c>
      <c r="M2692" s="57">
        <f>Bühler!M2718</f>
        <v>0</v>
      </c>
      <c r="N2692" s="55">
        <f>IF(Input!$K$13=1,J2692*Input!$J$13,0)+IF(Input!$K$14=1,K2692*Input!$J$14,0)+IF(Input!$K$15=1,L2692*Input!$J$15,0)+IF(Input!$K$16=1,M2692*Input!$J$16,0)</f>
        <v>0.60632497079183956</v>
      </c>
      <c r="O2692" s="58">
        <f>IF(Input!$K$13=2,J2692*Input!$J$13,0)+IF(Input!$K$14=2,K2692*Input!$J$14,0)+IF(Input!$K$15=2,L2692*Input!$J$15,0)+IF(Input!$K$16=2,M2692*Input!$J$16,0)</f>
        <v>3.0666825190109104E-2</v>
      </c>
      <c r="P2692" s="58">
        <f>IF(Input!$K$13=3,J2692*Input!$J$13,0)+IF(Input!$K$14=3,K2692*Input!$J$14,0)+IF(Input!$K$15=3,L2692*Input!$J$15,0)+IF(Input!$K$16=3,M2692*Input!$J$16,0)</f>
        <v>0</v>
      </c>
      <c r="Q2692" s="71">
        <f>IF(Input!$K$13=4,J2692*Input!$J$13,0)+IF(Input!$K$14=4,K2692*Input!$J$14,0)+IF(Input!$K$15=4,L2692*Input!$J$15,0)+IF(Input!$K$16=4,M2692*Input!$J$16,0)</f>
        <v>0</v>
      </c>
    </row>
    <row r="2693" spans="8:17" x14ac:dyDescent="0.25">
      <c r="H2693" s="43">
        <v>2686</v>
      </c>
      <c r="I2693" s="55">
        <f>Bühler!I2719</f>
        <v>0.33623326019228089</v>
      </c>
      <c r="J2693" s="58">
        <f>Bühler!J2719</f>
        <v>5.0527080899319969</v>
      </c>
      <c r="K2693" s="58">
        <f>Bühler!K2719</f>
        <v>0.22716166807488228</v>
      </c>
      <c r="L2693" s="58">
        <f>Bühler!L2719</f>
        <v>0.11358083403744114</v>
      </c>
      <c r="M2693" s="57">
        <f>Bühler!M2719</f>
        <v>0</v>
      </c>
      <c r="N2693" s="55">
        <f>IF(Input!$K$13=1,J2693*Input!$J$13,0)+IF(Input!$K$14=1,K2693*Input!$J$14,0)+IF(Input!$K$15=1,L2693*Input!$J$15,0)+IF(Input!$K$16=1,M2693*Input!$J$16,0)</f>
        <v>0.60632497079183956</v>
      </c>
      <c r="O2693" s="58">
        <f>IF(Input!$K$13=2,J2693*Input!$J$13,0)+IF(Input!$K$14=2,K2693*Input!$J$14,0)+IF(Input!$K$15=2,L2693*Input!$J$15,0)+IF(Input!$K$16=2,M2693*Input!$J$16,0)</f>
        <v>3.0666825190109104E-2</v>
      </c>
      <c r="P2693" s="58">
        <f>IF(Input!$K$13=3,J2693*Input!$J$13,0)+IF(Input!$K$14=3,K2693*Input!$J$14,0)+IF(Input!$K$15=3,L2693*Input!$J$15,0)+IF(Input!$K$16=3,M2693*Input!$J$16,0)</f>
        <v>0</v>
      </c>
      <c r="Q2693" s="71">
        <f>IF(Input!$K$13=4,J2693*Input!$J$13,0)+IF(Input!$K$14=4,K2693*Input!$J$14,0)+IF(Input!$K$15=4,L2693*Input!$J$15,0)+IF(Input!$K$16=4,M2693*Input!$J$16,0)</f>
        <v>0</v>
      </c>
    </row>
    <row r="2694" spans="8:17" x14ac:dyDescent="0.25">
      <c r="H2694" s="43">
        <v>2687</v>
      </c>
      <c r="I2694" s="55">
        <f>Bühler!I2720</f>
        <v>0.33623326019228089</v>
      </c>
      <c r="J2694" s="58">
        <f>Bühler!J2720</f>
        <v>5.0527080899319969</v>
      </c>
      <c r="K2694" s="58">
        <f>Bühler!K2720</f>
        <v>0.22716166807488228</v>
      </c>
      <c r="L2694" s="58">
        <f>Bühler!L2720</f>
        <v>0.11358083403744114</v>
      </c>
      <c r="M2694" s="57">
        <f>Bühler!M2720</f>
        <v>0</v>
      </c>
      <c r="N2694" s="55">
        <f>IF(Input!$K$13=1,J2694*Input!$J$13,0)+IF(Input!$K$14=1,K2694*Input!$J$14,0)+IF(Input!$K$15=1,L2694*Input!$J$15,0)+IF(Input!$K$16=1,M2694*Input!$J$16,0)</f>
        <v>0.60632497079183956</v>
      </c>
      <c r="O2694" s="58">
        <f>IF(Input!$K$13=2,J2694*Input!$J$13,0)+IF(Input!$K$14=2,K2694*Input!$J$14,0)+IF(Input!$K$15=2,L2694*Input!$J$15,0)+IF(Input!$K$16=2,M2694*Input!$J$16,0)</f>
        <v>3.0666825190109104E-2</v>
      </c>
      <c r="P2694" s="58">
        <f>IF(Input!$K$13=3,J2694*Input!$J$13,0)+IF(Input!$K$14=3,K2694*Input!$J$14,0)+IF(Input!$K$15=3,L2694*Input!$J$15,0)+IF(Input!$K$16=3,M2694*Input!$J$16,0)</f>
        <v>0</v>
      </c>
      <c r="Q2694" s="71">
        <f>IF(Input!$K$13=4,J2694*Input!$J$13,0)+IF(Input!$K$14=4,K2694*Input!$J$14,0)+IF(Input!$K$15=4,L2694*Input!$J$15,0)+IF(Input!$K$16=4,M2694*Input!$J$16,0)</f>
        <v>0</v>
      </c>
    </row>
    <row r="2695" spans="8:17" x14ac:dyDescent="0.25">
      <c r="H2695" s="43">
        <v>2688</v>
      </c>
      <c r="I2695" s="55">
        <f>Bühler!I2721</f>
        <v>0.33623326019228089</v>
      </c>
      <c r="J2695" s="58">
        <f>Bühler!J2721</f>
        <v>5.0527080899319969</v>
      </c>
      <c r="K2695" s="58">
        <f>Bühler!K2721</f>
        <v>0.22716166807488228</v>
      </c>
      <c r="L2695" s="58">
        <f>Bühler!L2721</f>
        <v>0.11358083403744114</v>
      </c>
      <c r="M2695" s="57">
        <f>Bühler!M2721</f>
        <v>0</v>
      </c>
      <c r="N2695" s="55">
        <f>IF(Input!$K$13=1,J2695*Input!$J$13,0)+IF(Input!$K$14=1,K2695*Input!$J$14,0)+IF(Input!$K$15=1,L2695*Input!$J$15,0)+IF(Input!$K$16=1,M2695*Input!$J$16,0)</f>
        <v>0.60632497079183956</v>
      </c>
      <c r="O2695" s="58">
        <f>IF(Input!$K$13=2,J2695*Input!$J$13,0)+IF(Input!$K$14=2,K2695*Input!$J$14,0)+IF(Input!$K$15=2,L2695*Input!$J$15,0)+IF(Input!$K$16=2,M2695*Input!$J$16,0)</f>
        <v>3.0666825190109104E-2</v>
      </c>
      <c r="P2695" s="58">
        <f>IF(Input!$K$13=3,J2695*Input!$J$13,0)+IF(Input!$K$14=3,K2695*Input!$J$14,0)+IF(Input!$K$15=3,L2695*Input!$J$15,0)+IF(Input!$K$16=3,M2695*Input!$J$16,0)</f>
        <v>0</v>
      </c>
      <c r="Q2695" s="71">
        <f>IF(Input!$K$13=4,J2695*Input!$J$13,0)+IF(Input!$K$14=4,K2695*Input!$J$14,0)+IF(Input!$K$15=4,L2695*Input!$J$15,0)+IF(Input!$K$16=4,M2695*Input!$J$16,0)</f>
        <v>0</v>
      </c>
    </row>
    <row r="2696" spans="8:17" x14ac:dyDescent="0.25">
      <c r="H2696" s="43">
        <v>2689</v>
      </c>
      <c r="I2696" s="55">
        <f>Bühler!I2722</f>
        <v>0.31601152430554896</v>
      </c>
      <c r="J2696" s="58">
        <f>Bühler!J2722</f>
        <v>4.7226040892709413</v>
      </c>
      <c r="K2696" s="58">
        <f>Bühler!K2722</f>
        <v>0.22100000545190424</v>
      </c>
      <c r="L2696" s="58">
        <f>Bühler!L2722</f>
        <v>0.11050000272595212</v>
      </c>
      <c r="M2696" s="57">
        <f>Bühler!M2722</f>
        <v>0</v>
      </c>
      <c r="N2696" s="55">
        <f>IF(Input!$K$13=1,J2696*Input!$J$13,0)+IF(Input!$K$14=1,K2696*Input!$J$14,0)+IF(Input!$K$15=1,L2696*Input!$J$15,0)+IF(Input!$K$16=1,M2696*Input!$J$16,0)</f>
        <v>0.56671249071251295</v>
      </c>
      <c r="O2696" s="58">
        <f>IF(Input!$K$13=2,J2696*Input!$J$13,0)+IF(Input!$K$14=2,K2696*Input!$J$14,0)+IF(Input!$K$15=2,L2696*Input!$J$15,0)+IF(Input!$K$16=2,M2696*Input!$J$16,0)</f>
        <v>2.9835000736007072E-2</v>
      </c>
      <c r="P2696" s="58">
        <f>IF(Input!$K$13=3,J2696*Input!$J$13,0)+IF(Input!$K$14=3,K2696*Input!$J$14,0)+IF(Input!$K$15=3,L2696*Input!$J$15,0)+IF(Input!$K$16=3,M2696*Input!$J$16,0)</f>
        <v>0</v>
      </c>
      <c r="Q2696" s="71">
        <f>IF(Input!$K$13=4,J2696*Input!$J$13,0)+IF(Input!$K$14=4,K2696*Input!$J$14,0)+IF(Input!$K$15=4,L2696*Input!$J$15,0)+IF(Input!$K$16=4,M2696*Input!$J$16,0)</f>
        <v>0</v>
      </c>
    </row>
    <row r="2697" spans="8:17" x14ac:dyDescent="0.25">
      <c r="H2697" s="43">
        <v>2690</v>
      </c>
      <c r="I2697" s="55">
        <f>Bühler!I2723</f>
        <v>0.3669811249999923</v>
      </c>
      <c r="J2697" s="58">
        <f>Bühler!J2723</f>
        <v>4.7247278226332101</v>
      </c>
      <c r="K2697" s="58">
        <f>Bühler!K2723</f>
        <v>0.22100000545190424</v>
      </c>
      <c r="L2697" s="58">
        <f>Bühler!L2723</f>
        <v>0.11050000272595212</v>
      </c>
      <c r="M2697" s="57">
        <f>Bühler!M2723</f>
        <v>0</v>
      </c>
      <c r="N2697" s="55">
        <f>IF(Input!$K$13=1,J2697*Input!$J$13,0)+IF(Input!$K$14=1,K2697*Input!$J$14,0)+IF(Input!$K$15=1,L2697*Input!$J$15,0)+IF(Input!$K$16=1,M2697*Input!$J$16,0)</f>
        <v>0.56696733871598515</v>
      </c>
      <c r="O2697" s="58">
        <f>IF(Input!$K$13=2,J2697*Input!$J$13,0)+IF(Input!$K$14=2,K2697*Input!$J$14,0)+IF(Input!$K$15=2,L2697*Input!$J$15,0)+IF(Input!$K$16=2,M2697*Input!$J$16,0)</f>
        <v>2.9835000736007072E-2</v>
      </c>
      <c r="P2697" s="58">
        <f>IF(Input!$K$13=3,J2697*Input!$J$13,0)+IF(Input!$K$14=3,K2697*Input!$J$14,0)+IF(Input!$K$15=3,L2697*Input!$J$15,0)+IF(Input!$K$16=3,M2697*Input!$J$16,0)</f>
        <v>0</v>
      </c>
      <c r="Q2697" s="71">
        <f>IF(Input!$K$13=4,J2697*Input!$J$13,0)+IF(Input!$K$14=4,K2697*Input!$J$14,0)+IF(Input!$K$15=4,L2697*Input!$J$15,0)+IF(Input!$K$16=4,M2697*Input!$J$16,0)</f>
        <v>0</v>
      </c>
    </row>
    <row r="2698" spans="8:17" x14ac:dyDescent="0.25">
      <c r="H2698" s="43">
        <v>2691</v>
      </c>
      <c r="I2698" s="55">
        <f>Bühler!I2724</f>
        <v>0.3669811249999923</v>
      </c>
      <c r="J2698" s="58">
        <f>Bühler!J2724</f>
        <v>4.7247278226332101</v>
      </c>
      <c r="K2698" s="58">
        <f>Bühler!K2724</f>
        <v>0.22100000545190424</v>
      </c>
      <c r="L2698" s="58">
        <f>Bühler!L2724</f>
        <v>0.11050000272595212</v>
      </c>
      <c r="M2698" s="57">
        <f>Bühler!M2724</f>
        <v>0</v>
      </c>
      <c r="N2698" s="55">
        <f>IF(Input!$K$13=1,J2698*Input!$J$13,0)+IF(Input!$K$14=1,K2698*Input!$J$14,0)+IF(Input!$K$15=1,L2698*Input!$J$15,0)+IF(Input!$K$16=1,M2698*Input!$J$16,0)</f>
        <v>0.56696733871598515</v>
      </c>
      <c r="O2698" s="58">
        <f>IF(Input!$K$13=2,J2698*Input!$J$13,0)+IF(Input!$K$14=2,K2698*Input!$J$14,0)+IF(Input!$K$15=2,L2698*Input!$J$15,0)+IF(Input!$K$16=2,M2698*Input!$J$16,0)</f>
        <v>2.9835000736007072E-2</v>
      </c>
      <c r="P2698" s="58">
        <f>IF(Input!$K$13=3,J2698*Input!$J$13,0)+IF(Input!$K$14=3,K2698*Input!$J$14,0)+IF(Input!$K$15=3,L2698*Input!$J$15,0)+IF(Input!$K$16=3,M2698*Input!$J$16,0)</f>
        <v>0</v>
      </c>
      <c r="Q2698" s="71">
        <f>IF(Input!$K$13=4,J2698*Input!$J$13,0)+IF(Input!$K$14=4,K2698*Input!$J$14,0)+IF(Input!$K$15=4,L2698*Input!$J$15,0)+IF(Input!$K$16=4,M2698*Input!$J$16,0)</f>
        <v>0</v>
      </c>
    </row>
    <row r="2699" spans="8:17" x14ac:dyDescent="0.25">
      <c r="H2699" s="43">
        <v>2692</v>
      </c>
      <c r="I2699" s="55">
        <f>Bühler!I2725</f>
        <v>0.3669811249999923</v>
      </c>
      <c r="J2699" s="58">
        <f>Bühler!J2725</f>
        <v>4.7247278226332101</v>
      </c>
      <c r="K2699" s="58">
        <f>Bühler!K2725</f>
        <v>0.22100000545190424</v>
      </c>
      <c r="L2699" s="58">
        <f>Bühler!L2725</f>
        <v>0.11050000272595212</v>
      </c>
      <c r="M2699" s="57">
        <f>Bühler!M2725</f>
        <v>0</v>
      </c>
      <c r="N2699" s="55">
        <f>IF(Input!$K$13=1,J2699*Input!$J$13,0)+IF(Input!$K$14=1,K2699*Input!$J$14,0)+IF(Input!$K$15=1,L2699*Input!$J$15,0)+IF(Input!$K$16=1,M2699*Input!$J$16,0)</f>
        <v>0.56696733871598515</v>
      </c>
      <c r="O2699" s="58">
        <f>IF(Input!$K$13=2,J2699*Input!$J$13,0)+IF(Input!$K$14=2,K2699*Input!$J$14,0)+IF(Input!$K$15=2,L2699*Input!$J$15,0)+IF(Input!$K$16=2,M2699*Input!$J$16,0)</f>
        <v>2.9835000736007072E-2</v>
      </c>
      <c r="P2699" s="58">
        <f>IF(Input!$K$13=3,J2699*Input!$J$13,0)+IF(Input!$K$14=3,K2699*Input!$J$14,0)+IF(Input!$K$15=3,L2699*Input!$J$15,0)+IF(Input!$K$16=3,M2699*Input!$J$16,0)</f>
        <v>0</v>
      </c>
      <c r="Q2699" s="71">
        <f>IF(Input!$K$13=4,J2699*Input!$J$13,0)+IF(Input!$K$14=4,K2699*Input!$J$14,0)+IF(Input!$K$15=4,L2699*Input!$J$15,0)+IF(Input!$K$16=4,M2699*Input!$J$16,0)</f>
        <v>0</v>
      </c>
    </row>
    <row r="2700" spans="8:17" x14ac:dyDescent="0.25">
      <c r="H2700" s="43">
        <v>2693</v>
      </c>
      <c r="I2700" s="55">
        <f>Bühler!I2726</f>
        <v>0.3669811249999923</v>
      </c>
      <c r="J2700" s="58">
        <f>Bühler!J2726</f>
        <v>4.7247278226332101</v>
      </c>
      <c r="K2700" s="58">
        <f>Bühler!K2726</f>
        <v>0.22100000545190424</v>
      </c>
      <c r="L2700" s="58">
        <f>Bühler!L2726</f>
        <v>0.11050000272595212</v>
      </c>
      <c r="M2700" s="57">
        <f>Bühler!M2726</f>
        <v>0</v>
      </c>
      <c r="N2700" s="55">
        <f>IF(Input!$K$13=1,J2700*Input!$J$13,0)+IF(Input!$K$14=1,K2700*Input!$J$14,0)+IF(Input!$K$15=1,L2700*Input!$J$15,0)+IF(Input!$K$16=1,M2700*Input!$J$16,0)</f>
        <v>0.56696733871598515</v>
      </c>
      <c r="O2700" s="58">
        <f>IF(Input!$K$13=2,J2700*Input!$J$13,0)+IF(Input!$K$14=2,K2700*Input!$J$14,0)+IF(Input!$K$15=2,L2700*Input!$J$15,0)+IF(Input!$K$16=2,M2700*Input!$J$16,0)</f>
        <v>2.9835000736007072E-2</v>
      </c>
      <c r="P2700" s="58">
        <f>IF(Input!$K$13=3,J2700*Input!$J$13,0)+IF(Input!$K$14=3,K2700*Input!$J$14,0)+IF(Input!$K$15=3,L2700*Input!$J$15,0)+IF(Input!$K$16=3,M2700*Input!$J$16,0)</f>
        <v>0</v>
      </c>
      <c r="Q2700" s="71">
        <f>IF(Input!$K$13=4,J2700*Input!$J$13,0)+IF(Input!$K$14=4,K2700*Input!$J$14,0)+IF(Input!$K$15=4,L2700*Input!$J$15,0)+IF(Input!$K$16=4,M2700*Input!$J$16,0)</f>
        <v>0</v>
      </c>
    </row>
    <row r="2701" spans="8:17" x14ac:dyDescent="0.25">
      <c r="H2701" s="43">
        <v>2694</v>
      </c>
      <c r="I2701" s="55">
        <f>Bühler!I2727</f>
        <v>0.45872640624999034</v>
      </c>
      <c r="J2701" s="58">
        <f>Bühler!J2727</f>
        <v>4.7285505426852934</v>
      </c>
      <c r="K2701" s="58">
        <f>Bühler!K2727</f>
        <v>0.22100000545190424</v>
      </c>
      <c r="L2701" s="58">
        <f>Bühler!L2727</f>
        <v>0.11050000272595212</v>
      </c>
      <c r="M2701" s="57">
        <f>Bühler!M2727</f>
        <v>0</v>
      </c>
      <c r="N2701" s="55">
        <f>IF(Input!$K$13=1,J2701*Input!$J$13,0)+IF(Input!$K$14=1,K2701*Input!$J$14,0)+IF(Input!$K$15=1,L2701*Input!$J$15,0)+IF(Input!$K$16=1,M2701*Input!$J$16,0)</f>
        <v>0.56742606512223515</v>
      </c>
      <c r="O2701" s="58">
        <f>IF(Input!$K$13=2,J2701*Input!$J$13,0)+IF(Input!$K$14=2,K2701*Input!$J$14,0)+IF(Input!$K$15=2,L2701*Input!$J$15,0)+IF(Input!$K$16=2,M2701*Input!$J$16,0)</f>
        <v>2.9835000736007072E-2</v>
      </c>
      <c r="P2701" s="58">
        <f>IF(Input!$K$13=3,J2701*Input!$J$13,0)+IF(Input!$K$14=3,K2701*Input!$J$14,0)+IF(Input!$K$15=3,L2701*Input!$J$15,0)+IF(Input!$K$16=3,M2701*Input!$J$16,0)</f>
        <v>0</v>
      </c>
      <c r="Q2701" s="71">
        <f>IF(Input!$K$13=4,J2701*Input!$J$13,0)+IF(Input!$K$14=4,K2701*Input!$J$14,0)+IF(Input!$K$15=4,L2701*Input!$J$15,0)+IF(Input!$K$16=4,M2701*Input!$J$16,0)</f>
        <v>0</v>
      </c>
    </row>
    <row r="2702" spans="8:17" x14ac:dyDescent="0.25">
      <c r="H2702" s="43">
        <v>2695</v>
      </c>
      <c r="I2702" s="55">
        <f>Bühler!I2728</f>
        <v>0.54027776736109978</v>
      </c>
      <c r="J2702" s="58">
        <f>Bühler!J2728</f>
        <v>4.7319485160649224</v>
      </c>
      <c r="K2702" s="58">
        <f>Bühler!K2728</f>
        <v>0.22100000545190424</v>
      </c>
      <c r="L2702" s="58">
        <f>Bühler!L2728</f>
        <v>0.11050000272595212</v>
      </c>
      <c r="M2702" s="57">
        <f>Bühler!M2728</f>
        <v>0</v>
      </c>
      <c r="N2702" s="55">
        <f>IF(Input!$K$13=1,J2702*Input!$J$13,0)+IF(Input!$K$14=1,K2702*Input!$J$14,0)+IF(Input!$K$15=1,L2702*Input!$J$15,0)+IF(Input!$K$16=1,M2702*Input!$J$16,0)</f>
        <v>0.56783382192779064</v>
      </c>
      <c r="O2702" s="58">
        <f>IF(Input!$K$13=2,J2702*Input!$J$13,0)+IF(Input!$K$14=2,K2702*Input!$J$14,0)+IF(Input!$K$15=2,L2702*Input!$J$15,0)+IF(Input!$K$16=2,M2702*Input!$J$16,0)</f>
        <v>2.9835000736007072E-2</v>
      </c>
      <c r="P2702" s="58">
        <f>IF(Input!$K$13=3,J2702*Input!$J$13,0)+IF(Input!$K$14=3,K2702*Input!$J$14,0)+IF(Input!$K$15=3,L2702*Input!$J$15,0)+IF(Input!$K$16=3,M2702*Input!$J$16,0)</f>
        <v>0</v>
      </c>
      <c r="Q2702" s="71">
        <f>IF(Input!$K$13=4,J2702*Input!$J$13,0)+IF(Input!$K$14=4,K2702*Input!$J$14,0)+IF(Input!$K$15=4,L2702*Input!$J$15,0)+IF(Input!$K$16=4,M2702*Input!$J$16,0)</f>
        <v>0</v>
      </c>
    </row>
    <row r="2703" spans="8:17" x14ac:dyDescent="0.25">
      <c r="H2703" s="43">
        <v>2696</v>
      </c>
      <c r="I2703" s="55">
        <f>Bühler!I2729</f>
        <v>0.64221696874998657</v>
      </c>
      <c r="J2703" s="58">
        <f>Bühler!J2729</f>
        <v>4.7361959827894591</v>
      </c>
      <c r="K2703" s="58">
        <f>Bühler!K2729</f>
        <v>0.22100000545190424</v>
      </c>
      <c r="L2703" s="58">
        <f>Bühler!L2729</f>
        <v>0.11050000272595212</v>
      </c>
      <c r="M2703" s="57">
        <f>Bühler!M2729</f>
        <v>0</v>
      </c>
      <c r="N2703" s="55">
        <f>IF(Input!$K$13=1,J2703*Input!$J$13,0)+IF(Input!$K$14=1,K2703*Input!$J$14,0)+IF(Input!$K$15=1,L2703*Input!$J$15,0)+IF(Input!$K$16=1,M2703*Input!$J$16,0)</f>
        <v>0.56834351793473503</v>
      </c>
      <c r="O2703" s="58">
        <f>IF(Input!$K$13=2,J2703*Input!$J$13,0)+IF(Input!$K$14=2,K2703*Input!$J$14,0)+IF(Input!$K$15=2,L2703*Input!$J$15,0)+IF(Input!$K$16=2,M2703*Input!$J$16,0)</f>
        <v>2.9835000736007072E-2</v>
      </c>
      <c r="P2703" s="58">
        <f>IF(Input!$K$13=3,J2703*Input!$J$13,0)+IF(Input!$K$14=3,K2703*Input!$J$14,0)+IF(Input!$K$15=3,L2703*Input!$J$15,0)+IF(Input!$K$16=3,M2703*Input!$J$16,0)</f>
        <v>0</v>
      </c>
      <c r="Q2703" s="71">
        <f>IF(Input!$K$13=4,J2703*Input!$J$13,0)+IF(Input!$K$14=4,K2703*Input!$J$14,0)+IF(Input!$K$15=4,L2703*Input!$J$15,0)+IF(Input!$K$16=4,M2703*Input!$J$16,0)</f>
        <v>0</v>
      </c>
    </row>
    <row r="2704" spans="8:17" x14ac:dyDescent="0.25">
      <c r="H2704" s="43">
        <v>2697</v>
      </c>
      <c r="I2704" s="55">
        <f>Bühler!I2730</f>
        <v>0.64221696874998657</v>
      </c>
      <c r="J2704" s="58">
        <f>Bühler!J2730</f>
        <v>4.7361959827894591</v>
      </c>
      <c r="K2704" s="58">
        <f>Bühler!K2730</f>
        <v>0.22100000545190424</v>
      </c>
      <c r="L2704" s="58">
        <f>Bühler!L2730</f>
        <v>0.11050000272595212</v>
      </c>
      <c r="M2704" s="57">
        <f>Bühler!M2730</f>
        <v>0</v>
      </c>
      <c r="N2704" s="55">
        <f>IF(Input!$K$13=1,J2704*Input!$J$13,0)+IF(Input!$K$14=1,K2704*Input!$J$14,0)+IF(Input!$K$15=1,L2704*Input!$J$15,0)+IF(Input!$K$16=1,M2704*Input!$J$16,0)</f>
        <v>0.56834351793473503</v>
      </c>
      <c r="O2704" s="58">
        <f>IF(Input!$K$13=2,J2704*Input!$J$13,0)+IF(Input!$K$14=2,K2704*Input!$J$14,0)+IF(Input!$K$15=2,L2704*Input!$J$15,0)+IF(Input!$K$16=2,M2704*Input!$J$16,0)</f>
        <v>2.9835000736007072E-2</v>
      </c>
      <c r="P2704" s="58">
        <f>IF(Input!$K$13=3,J2704*Input!$J$13,0)+IF(Input!$K$14=3,K2704*Input!$J$14,0)+IF(Input!$K$15=3,L2704*Input!$J$15,0)+IF(Input!$K$16=3,M2704*Input!$J$16,0)</f>
        <v>0</v>
      </c>
      <c r="Q2704" s="71">
        <f>IF(Input!$K$13=4,J2704*Input!$J$13,0)+IF(Input!$K$14=4,K2704*Input!$J$14,0)+IF(Input!$K$15=4,L2704*Input!$J$15,0)+IF(Input!$K$16=4,M2704*Input!$J$16,0)</f>
        <v>0</v>
      </c>
    </row>
    <row r="2705" spans="8:17" x14ac:dyDescent="0.25">
      <c r="H2705" s="43">
        <v>2698</v>
      </c>
      <c r="I2705" s="55">
        <f>Bühler!I2731</f>
        <v>0.64221696874998657</v>
      </c>
      <c r="J2705" s="58">
        <f>Bühler!J2731</f>
        <v>4.7361959827894591</v>
      </c>
      <c r="K2705" s="58">
        <f>Bühler!K2731</f>
        <v>0.22100000545190424</v>
      </c>
      <c r="L2705" s="58">
        <f>Bühler!L2731</f>
        <v>0.11050000272595212</v>
      </c>
      <c r="M2705" s="57">
        <f>Bühler!M2731</f>
        <v>0</v>
      </c>
      <c r="N2705" s="55">
        <f>IF(Input!$K$13=1,J2705*Input!$J$13,0)+IF(Input!$K$14=1,K2705*Input!$J$14,0)+IF(Input!$K$15=1,L2705*Input!$J$15,0)+IF(Input!$K$16=1,M2705*Input!$J$16,0)</f>
        <v>0.56834351793473503</v>
      </c>
      <c r="O2705" s="58">
        <f>IF(Input!$K$13=2,J2705*Input!$J$13,0)+IF(Input!$K$14=2,K2705*Input!$J$14,0)+IF(Input!$K$15=2,L2705*Input!$J$15,0)+IF(Input!$K$16=2,M2705*Input!$J$16,0)</f>
        <v>2.9835000736007072E-2</v>
      </c>
      <c r="P2705" s="58">
        <f>IF(Input!$K$13=3,J2705*Input!$J$13,0)+IF(Input!$K$14=3,K2705*Input!$J$14,0)+IF(Input!$K$15=3,L2705*Input!$J$15,0)+IF(Input!$K$16=3,M2705*Input!$J$16,0)</f>
        <v>0</v>
      </c>
      <c r="Q2705" s="71">
        <f>IF(Input!$K$13=4,J2705*Input!$J$13,0)+IF(Input!$K$14=4,K2705*Input!$J$14,0)+IF(Input!$K$15=4,L2705*Input!$J$15,0)+IF(Input!$K$16=4,M2705*Input!$J$16,0)</f>
        <v>0</v>
      </c>
    </row>
    <row r="2706" spans="8:17" x14ac:dyDescent="0.25">
      <c r="H2706" s="43">
        <v>2699</v>
      </c>
      <c r="I2706" s="55">
        <f>Bühler!I2732</f>
        <v>0.64221696874998657</v>
      </c>
      <c r="J2706" s="58">
        <f>Bühler!J2732</f>
        <v>4.7361959827894591</v>
      </c>
      <c r="K2706" s="58">
        <f>Bühler!K2732</f>
        <v>0.22100000545190424</v>
      </c>
      <c r="L2706" s="58">
        <f>Bühler!L2732</f>
        <v>0.11050000272595212</v>
      </c>
      <c r="M2706" s="57">
        <f>Bühler!M2732</f>
        <v>0</v>
      </c>
      <c r="N2706" s="55">
        <f>IF(Input!$K$13=1,J2706*Input!$J$13,0)+IF(Input!$K$14=1,K2706*Input!$J$14,0)+IF(Input!$K$15=1,L2706*Input!$J$15,0)+IF(Input!$K$16=1,M2706*Input!$J$16,0)</f>
        <v>0.56834351793473503</v>
      </c>
      <c r="O2706" s="58">
        <f>IF(Input!$K$13=2,J2706*Input!$J$13,0)+IF(Input!$K$14=2,K2706*Input!$J$14,0)+IF(Input!$K$15=2,L2706*Input!$J$15,0)+IF(Input!$K$16=2,M2706*Input!$J$16,0)</f>
        <v>2.9835000736007072E-2</v>
      </c>
      <c r="P2706" s="58">
        <f>IF(Input!$K$13=3,J2706*Input!$J$13,0)+IF(Input!$K$14=3,K2706*Input!$J$14,0)+IF(Input!$K$15=3,L2706*Input!$J$15,0)+IF(Input!$K$16=3,M2706*Input!$J$16,0)</f>
        <v>0</v>
      </c>
      <c r="Q2706" s="71">
        <f>IF(Input!$K$13=4,J2706*Input!$J$13,0)+IF(Input!$K$14=4,K2706*Input!$J$14,0)+IF(Input!$K$15=4,L2706*Input!$J$15,0)+IF(Input!$K$16=4,M2706*Input!$J$16,0)</f>
        <v>0</v>
      </c>
    </row>
    <row r="2707" spans="8:17" x14ac:dyDescent="0.25">
      <c r="H2707" s="43">
        <v>2700</v>
      </c>
      <c r="I2707" s="55">
        <f>Bühler!I2733</f>
        <v>0.64221696874998657</v>
      </c>
      <c r="J2707" s="58">
        <f>Bühler!J2733</f>
        <v>4.7361959827894591</v>
      </c>
      <c r="K2707" s="58">
        <f>Bühler!K2733</f>
        <v>0.22100000545190424</v>
      </c>
      <c r="L2707" s="58">
        <f>Bühler!L2733</f>
        <v>0.11050000272595212</v>
      </c>
      <c r="M2707" s="57">
        <f>Bühler!M2733</f>
        <v>0</v>
      </c>
      <c r="N2707" s="55">
        <f>IF(Input!$K$13=1,J2707*Input!$J$13,0)+IF(Input!$K$14=1,K2707*Input!$J$14,0)+IF(Input!$K$15=1,L2707*Input!$J$15,0)+IF(Input!$K$16=1,M2707*Input!$J$16,0)</f>
        <v>0.56834351793473503</v>
      </c>
      <c r="O2707" s="58">
        <f>IF(Input!$K$13=2,J2707*Input!$J$13,0)+IF(Input!$K$14=2,K2707*Input!$J$14,0)+IF(Input!$K$15=2,L2707*Input!$J$15,0)+IF(Input!$K$16=2,M2707*Input!$J$16,0)</f>
        <v>2.9835000736007072E-2</v>
      </c>
      <c r="P2707" s="58">
        <f>IF(Input!$K$13=3,J2707*Input!$J$13,0)+IF(Input!$K$14=3,K2707*Input!$J$14,0)+IF(Input!$K$15=3,L2707*Input!$J$15,0)+IF(Input!$K$16=3,M2707*Input!$J$16,0)</f>
        <v>0</v>
      </c>
      <c r="Q2707" s="71">
        <f>IF(Input!$K$13=4,J2707*Input!$J$13,0)+IF(Input!$K$14=4,K2707*Input!$J$14,0)+IF(Input!$K$15=4,L2707*Input!$J$15,0)+IF(Input!$K$16=4,M2707*Input!$J$16,0)</f>
        <v>0</v>
      </c>
    </row>
    <row r="2708" spans="8:17" x14ac:dyDescent="0.25">
      <c r="H2708" s="43">
        <v>2701</v>
      </c>
      <c r="I2708" s="55">
        <f>Bühler!I2734</f>
        <v>0.64221696874998657</v>
      </c>
      <c r="J2708" s="58">
        <f>Bühler!J2734</f>
        <v>4.7361959827894591</v>
      </c>
      <c r="K2708" s="58">
        <f>Bühler!K2734</f>
        <v>0.22100000545190424</v>
      </c>
      <c r="L2708" s="58">
        <f>Bühler!L2734</f>
        <v>0.11050000272595212</v>
      </c>
      <c r="M2708" s="57">
        <f>Bühler!M2734</f>
        <v>0</v>
      </c>
      <c r="N2708" s="55">
        <f>IF(Input!$K$13=1,J2708*Input!$J$13,0)+IF(Input!$K$14=1,K2708*Input!$J$14,0)+IF(Input!$K$15=1,L2708*Input!$J$15,0)+IF(Input!$K$16=1,M2708*Input!$J$16,0)</f>
        <v>0.56834351793473503</v>
      </c>
      <c r="O2708" s="58">
        <f>IF(Input!$K$13=2,J2708*Input!$J$13,0)+IF(Input!$K$14=2,K2708*Input!$J$14,0)+IF(Input!$K$15=2,L2708*Input!$J$15,0)+IF(Input!$K$16=2,M2708*Input!$J$16,0)</f>
        <v>2.9835000736007072E-2</v>
      </c>
      <c r="P2708" s="58">
        <f>IF(Input!$K$13=3,J2708*Input!$J$13,0)+IF(Input!$K$14=3,K2708*Input!$J$14,0)+IF(Input!$K$15=3,L2708*Input!$J$15,0)+IF(Input!$K$16=3,M2708*Input!$J$16,0)</f>
        <v>0</v>
      </c>
      <c r="Q2708" s="71">
        <f>IF(Input!$K$13=4,J2708*Input!$J$13,0)+IF(Input!$K$14=4,K2708*Input!$J$14,0)+IF(Input!$K$15=4,L2708*Input!$J$15,0)+IF(Input!$K$16=4,M2708*Input!$J$16,0)</f>
        <v>0</v>
      </c>
    </row>
    <row r="2709" spans="8:17" x14ac:dyDescent="0.25">
      <c r="H2709" s="43">
        <v>2702</v>
      </c>
      <c r="I2709" s="55">
        <f>Bühler!I2735</f>
        <v>0.64221696874998657</v>
      </c>
      <c r="J2709" s="58">
        <f>Bühler!J2735</f>
        <v>4.7361959827894591</v>
      </c>
      <c r="K2709" s="58">
        <f>Bühler!K2735</f>
        <v>0.22100000545190424</v>
      </c>
      <c r="L2709" s="58">
        <f>Bühler!L2735</f>
        <v>0.11050000272595212</v>
      </c>
      <c r="M2709" s="57">
        <f>Bühler!M2735</f>
        <v>0</v>
      </c>
      <c r="N2709" s="55">
        <f>IF(Input!$K$13=1,J2709*Input!$J$13,0)+IF(Input!$K$14=1,K2709*Input!$J$14,0)+IF(Input!$K$15=1,L2709*Input!$J$15,0)+IF(Input!$K$16=1,M2709*Input!$J$16,0)</f>
        <v>0.56834351793473503</v>
      </c>
      <c r="O2709" s="58">
        <f>IF(Input!$K$13=2,J2709*Input!$J$13,0)+IF(Input!$K$14=2,K2709*Input!$J$14,0)+IF(Input!$K$15=2,L2709*Input!$J$15,0)+IF(Input!$K$16=2,M2709*Input!$J$16,0)</f>
        <v>2.9835000736007072E-2</v>
      </c>
      <c r="P2709" s="58">
        <f>IF(Input!$K$13=3,J2709*Input!$J$13,0)+IF(Input!$K$14=3,K2709*Input!$J$14,0)+IF(Input!$K$15=3,L2709*Input!$J$15,0)+IF(Input!$K$16=3,M2709*Input!$J$16,0)</f>
        <v>0</v>
      </c>
      <c r="Q2709" s="71">
        <f>IF(Input!$K$13=4,J2709*Input!$J$13,0)+IF(Input!$K$14=4,K2709*Input!$J$14,0)+IF(Input!$K$15=4,L2709*Input!$J$15,0)+IF(Input!$K$16=4,M2709*Input!$J$16,0)</f>
        <v>0</v>
      </c>
    </row>
    <row r="2710" spans="8:17" x14ac:dyDescent="0.25">
      <c r="H2710" s="43">
        <v>2703</v>
      </c>
      <c r="I2710" s="55">
        <f>Bühler!I2736</f>
        <v>0.64221696874998657</v>
      </c>
      <c r="J2710" s="58">
        <f>Bühler!J2736</f>
        <v>4.7361959827894591</v>
      </c>
      <c r="K2710" s="58">
        <f>Bühler!K2736</f>
        <v>0.22100000545190424</v>
      </c>
      <c r="L2710" s="58">
        <f>Bühler!L2736</f>
        <v>0.11050000272595212</v>
      </c>
      <c r="M2710" s="57">
        <f>Bühler!M2736</f>
        <v>0</v>
      </c>
      <c r="N2710" s="55">
        <f>IF(Input!$K$13=1,J2710*Input!$J$13,0)+IF(Input!$K$14=1,K2710*Input!$J$14,0)+IF(Input!$K$15=1,L2710*Input!$J$15,0)+IF(Input!$K$16=1,M2710*Input!$J$16,0)</f>
        <v>0.56834351793473503</v>
      </c>
      <c r="O2710" s="58">
        <f>IF(Input!$K$13=2,J2710*Input!$J$13,0)+IF(Input!$K$14=2,K2710*Input!$J$14,0)+IF(Input!$K$15=2,L2710*Input!$J$15,0)+IF(Input!$K$16=2,M2710*Input!$J$16,0)</f>
        <v>2.9835000736007072E-2</v>
      </c>
      <c r="P2710" s="58">
        <f>IF(Input!$K$13=3,J2710*Input!$J$13,0)+IF(Input!$K$14=3,K2710*Input!$J$14,0)+IF(Input!$K$15=3,L2710*Input!$J$15,0)+IF(Input!$K$16=3,M2710*Input!$J$16,0)</f>
        <v>0</v>
      </c>
      <c r="Q2710" s="71">
        <f>IF(Input!$K$13=4,J2710*Input!$J$13,0)+IF(Input!$K$14=4,K2710*Input!$J$14,0)+IF(Input!$K$15=4,L2710*Input!$J$15,0)+IF(Input!$K$16=4,M2710*Input!$J$16,0)</f>
        <v>0</v>
      </c>
    </row>
    <row r="2711" spans="8:17" x14ac:dyDescent="0.25">
      <c r="H2711" s="43">
        <v>2704</v>
      </c>
      <c r="I2711" s="55">
        <f>Bühler!I2737</f>
        <v>0.57085952777776583</v>
      </c>
      <c r="J2711" s="58">
        <f>Bühler!J2737</f>
        <v>4.7332227560822835</v>
      </c>
      <c r="K2711" s="58">
        <f>Bühler!K2737</f>
        <v>0.22100000545190424</v>
      </c>
      <c r="L2711" s="58">
        <f>Bühler!L2737</f>
        <v>0.11050000272595212</v>
      </c>
      <c r="M2711" s="57">
        <f>Bühler!M2737</f>
        <v>0</v>
      </c>
      <c r="N2711" s="55">
        <f>IF(Input!$K$13=1,J2711*Input!$J$13,0)+IF(Input!$K$14=1,K2711*Input!$J$14,0)+IF(Input!$K$15=1,L2711*Input!$J$15,0)+IF(Input!$K$16=1,M2711*Input!$J$16,0)</f>
        <v>0.56798673072987405</v>
      </c>
      <c r="O2711" s="58">
        <f>IF(Input!$K$13=2,J2711*Input!$J$13,0)+IF(Input!$K$14=2,K2711*Input!$J$14,0)+IF(Input!$K$15=2,L2711*Input!$J$15,0)+IF(Input!$K$16=2,M2711*Input!$J$16,0)</f>
        <v>2.9835000736007072E-2</v>
      </c>
      <c r="P2711" s="58">
        <f>IF(Input!$K$13=3,J2711*Input!$J$13,0)+IF(Input!$K$14=3,K2711*Input!$J$14,0)+IF(Input!$K$15=3,L2711*Input!$J$15,0)+IF(Input!$K$16=3,M2711*Input!$J$16,0)</f>
        <v>0</v>
      </c>
      <c r="Q2711" s="71">
        <f>IF(Input!$K$13=4,J2711*Input!$J$13,0)+IF(Input!$K$14=4,K2711*Input!$J$14,0)+IF(Input!$K$15=4,L2711*Input!$J$15,0)+IF(Input!$K$16=4,M2711*Input!$J$16,0)</f>
        <v>0</v>
      </c>
    </row>
    <row r="2712" spans="8:17" x14ac:dyDescent="0.25">
      <c r="H2712" s="43">
        <v>2705</v>
      </c>
      <c r="I2712" s="55">
        <f>Bühler!I2738</f>
        <v>0.56066560763887718</v>
      </c>
      <c r="J2712" s="58">
        <f>Bühler!J2738</f>
        <v>4.7327980094098301</v>
      </c>
      <c r="K2712" s="58">
        <f>Bühler!K2738</f>
        <v>0.22100000545190424</v>
      </c>
      <c r="L2712" s="58">
        <f>Bühler!L2738</f>
        <v>0.11050000272595212</v>
      </c>
      <c r="M2712" s="57">
        <f>Bühler!M2738</f>
        <v>0</v>
      </c>
      <c r="N2712" s="55">
        <f>IF(Input!$K$13=1,J2712*Input!$J$13,0)+IF(Input!$K$14=1,K2712*Input!$J$14,0)+IF(Input!$K$15=1,L2712*Input!$J$15,0)+IF(Input!$K$16=1,M2712*Input!$J$16,0)</f>
        <v>0.56793576112917954</v>
      </c>
      <c r="O2712" s="58">
        <f>IF(Input!$K$13=2,J2712*Input!$J$13,0)+IF(Input!$K$14=2,K2712*Input!$J$14,0)+IF(Input!$K$15=2,L2712*Input!$J$15,0)+IF(Input!$K$16=2,M2712*Input!$J$16,0)</f>
        <v>2.9835000736007072E-2</v>
      </c>
      <c r="P2712" s="58">
        <f>IF(Input!$K$13=3,J2712*Input!$J$13,0)+IF(Input!$K$14=3,K2712*Input!$J$14,0)+IF(Input!$K$15=3,L2712*Input!$J$15,0)+IF(Input!$K$16=3,M2712*Input!$J$16,0)</f>
        <v>0</v>
      </c>
      <c r="Q2712" s="71">
        <f>IF(Input!$K$13=4,J2712*Input!$J$13,0)+IF(Input!$K$14=4,K2712*Input!$J$14,0)+IF(Input!$K$15=4,L2712*Input!$J$15,0)+IF(Input!$K$16=4,M2712*Input!$J$16,0)</f>
        <v>0</v>
      </c>
    </row>
    <row r="2713" spans="8:17" x14ac:dyDescent="0.25">
      <c r="H2713" s="43">
        <v>2706</v>
      </c>
      <c r="I2713" s="55">
        <f>Bühler!I2739</f>
        <v>0.4791142465277678</v>
      </c>
      <c r="J2713" s="58">
        <f>Bühler!J2739</f>
        <v>4.7294000360302002</v>
      </c>
      <c r="K2713" s="58">
        <f>Bühler!K2739</f>
        <v>0.22100000545190424</v>
      </c>
      <c r="L2713" s="58">
        <f>Bühler!L2739</f>
        <v>0.11050000272595212</v>
      </c>
      <c r="M2713" s="57">
        <f>Bühler!M2739</f>
        <v>0</v>
      </c>
      <c r="N2713" s="55">
        <f>IF(Input!$K$13=1,J2713*Input!$J$13,0)+IF(Input!$K$14=1,K2713*Input!$J$14,0)+IF(Input!$K$15=1,L2713*Input!$J$15,0)+IF(Input!$K$16=1,M2713*Input!$J$16,0)</f>
        <v>0.56752800432362405</v>
      </c>
      <c r="O2713" s="58">
        <f>IF(Input!$K$13=2,J2713*Input!$J$13,0)+IF(Input!$K$14=2,K2713*Input!$J$14,0)+IF(Input!$K$15=2,L2713*Input!$J$15,0)+IF(Input!$K$16=2,M2713*Input!$J$16,0)</f>
        <v>2.9835000736007072E-2</v>
      </c>
      <c r="P2713" s="58">
        <f>IF(Input!$K$13=3,J2713*Input!$J$13,0)+IF(Input!$K$14=3,K2713*Input!$J$14,0)+IF(Input!$K$15=3,L2713*Input!$J$15,0)+IF(Input!$K$16=3,M2713*Input!$J$16,0)</f>
        <v>0</v>
      </c>
      <c r="Q2713" s="71">
        <f>IF(Input!$K$13=4,J2713*Input!$J$13,0)+IF(Input!$K$14=4,K2713*Input!$J$14,0)+IF(Input!$K$15=4,L2713*Input!$J$15,0)+IF(Input!$K$16=4,M2713*Input!$J$16,0)</f>
        <v>0</v>
      </c>
    </row>
    <row r="2714" spans="8:17" x14ac:dyDescent="0.25">
      <c r="H2714" s="43">
        <v>2707</v>
      </c>
      <c r="I2714" s="55">
        <f>Bühler!I2740</f>
        <v>0.44853248611110175</v>
      </c>
      <c r="J2714" s="58">
        <f>Bühler!J2740</f>
        <v>4.7281257960128391</v>
      </c>
      <c r="K2714" s="58">
        <f>Bühler!K2740</f>
        <v>0.22100000545190424</v>
      </c>
      <c r="L2714" s="58">
        <f>Bühler!L2740</f>
        <v>0.11050000272595212</v>
      </c>
      <c r="M2714" s="57">
        <f>Bühler!M2740</f>
        <v>0</v>
      </c>
      <c r="N2714" s="55">
        <f>IF(Input!$K$13=1,J2714*Input!$J$13,0)+IF(Input!$K$14=1,K2714*Input!$J$14,0)+IF(Input!$K$15=1,L2714*Input!$J$15,0)+IF(Input!$K$16=1,M2714*Input!$J$16,0)</f>
        <v>0.56737509552154064</v>
      </c>
      <c r="O2714" s="58">
        <f>IF(Input!$K$13=2,J2714*Input!$J$13,0)+IF(Input!$K$14=2,K2714*Input!$J$14,0)+IF(Input!$K$15=2,L2714*Input!$J$15,0)+IF(Input!$K$16=2,M2714*Input!$J$16,0)</f>
        <v>2.9835000736007072E-2</v>
      </c>
      <c r="P2714" s="58">
        <f>IF(Input!$K$13=3,J2714*Input!$J$13,0)+IF(Input!$K$14=3,K2714*Input!$J$14,0)+IF(Input!$K$15=3,L2714*Input!$J$15,0)+IF(Input!$K$16=3,M2714*Input!$J$16,0)</f>
        <v>0</v>
      </c>
      <c r="Q2714" s="71">
        <f>IF(Input!$K$13=4,J2714*Input!$J$13,0)+IF(Input!$K$14=4,K2714*Input!$J$14,0)+IF(Input!$K$15=4,L2714*Input!$J$15,0)+IF(Input!$K$16=4,M2714*Input!$J$16,0)</f>
        <v>0</v>
      </c>
    </row>
    <row r="2715" spans="8:17" x14ac:dyDescent="0.25">
      <c r="H2715" s="43">
        <v>2708</v>
      </c>
      <c r="I2715" s="55">
        <f>Bühler!I2741</f>
        <v>0.37717504513888106</v>
      </c>
      <c r="J2715" s="58">
        <f>Bühler!J2741</f>
        <v>4.7251525693056635</v>
      </c>
      <c r="K2715" s="58">
        <f>Bühler!K2741</f>
        <v>0.22100000545190424</v>
      </c>
      <c r="L2715" s="58">
        <f>Bühler!L2741</f>
        <v>0.11050000272595212</v>
      </c>
      <c r="M2715" s="57">
        <f>Bühler!M2741</f>
        <v>0</v>
      </c>
      <c r="N2715" s="55">
        <f>IF(Input!$K$13=1,J2715*Input!$J$13,0)+IF(Input!$K$14=1,K2715*Input!$J$14,0)+IF(Input!$K$15=1,L2715*Input!$J$15,0)+IF(Input!$K$16=1,M2715*Input!$J$16,0)</f>
        <v>0.56701830831667965</v>
      </c>
      <c r="O2715" s="58">
        <f>IF(Input!$K$13=2,J2715*Input!$J$13,0)+IF(Input!$K$14=2,K2715*Input!$J$14,0)+IF(Input!$K$15=2,L2715*Input!$J$15,0)+IF(Input!$K$16=2,M2715*Input!$J$16,0)</f>
        <v>2.9835000736007072E-2</v>
      </c>
      <c r="P2715" s="58">
        <f>IF(Input!$K$13=3,J2715*Input!$J$13,0)+IF(Input!$K$14=3,K2715*Input!$J$14,0)+IF(Input!$K$15=3,L2715*Input!$J$15,0)+IF(Input!$K$16=3,M2715*Input!$J$16,0)</f>
        <v>0</v>
      </c>
      <c r="Q2715" s="71">
        <f>IF(Input!$K$13=4,J2715*Input!$J$13,0)+IF(Input!$K$14=4,K2715*Input!$J$14,0)+IF(Input!$K$15=4,L2715*Input!$J$15,0)+IF(Input!$K$16=4,M2715*Input!$J$16,0)</f>
        <v>0</v>
      </c>
    </row>
    <row r="2716" spans="8:17" x14ac:dyDescent="0.25">
      <c r="H2716" s="43">
        <v>2709</v>
      </c>
      <c r="I2716" s="55">
        <f>Bühler!I2742</f>
        <v>0.31601152430554896</v>
      </c>
      <c r="J2716" s="58">
        <f>Bühler!J2742</f>
        <v>4.7226040892709413</v>
      </c>
      <c r="K2716" s="58">
        <f>Bühler!K2742</f>
        <v>0.22100000545190424</v>
      </c>
      <c r="L2716" s="58">
        <f>Bühler!L2742</f>
        <v>0.11050000272595212</v>
      </c>
      <c r="M2716" s="57">
        <f>Bühler!M2742</f>
        <v>0</v>
      </c>
      <c r="N2716" s="55">
        <f>IF(Input!$K$13=1,J2716*Input!$J$13,0)+IF(Input!$K$14=1,K2716*Input!$J$14,0)+IF(Input!$K$15=1,L2716*Input!$J$15,0)+IF(Input!$K$16=1,M2716*Input!$J$16,0)</f>
        <v>0.56671249071251295</v>
      </c>
      <c r="O2716" s="58">
        <f>IF(Input!$K$13=2,J2716*Input!$J$13,0)+IF(Input!$K$14=2,K2716*Input!$J$14,0)+IF(Input!$K$15=2,L2716*Input!$J$15,0)+IF(Input!$K$16=2,M2716*Input!$J$16,0)</f>
        <v>2.9835000736007072E-2</v>
      </c>
      <c r="P2716" s="58">
        <f>IF(Input!$K$13=3,J2716*Input!$J$13,0)+IF(Input!$K$14=3,K2716*Input!$J$14,0)+IF(Input!$K$15=3,L2716*Input!$J$15,0)+IF(Input!$K$16=3,M2716*Input!$J$16,0)</f>
        <v>0</v>
      </c>
      <c r="Q2716" s="71">
        <f>IF(Input!$K$13=4,J2716*Input!$J$13,0)+IF(Input!$K$14=4,K2716*Input!$J$14,0)+IF(Input!$K$15=4,L2716*Input!$J$15,0)+IF(Input!$K$16=4,M2716*Input!$J$16,0)</f>
        <v>0</v>
      </c>
    </row>
    <row r="2717" spans="8:17" x14ac:dyDescent="0.25">
      <c r="H2717" s="43">
        <v>2710</v>
      </c>
      <c r="I2717" s="55">
        <f>Bühler!I2743</f>
        <v>0.27523584374999421</v>
      </c>
      <c r="J2717" s="58">
        <f>Bühler!J2743</f>
        <v>4.7209051025811268</v>
      </c>
      <c r="K2717" s="58">
        <f>Bühler!K2743</f>
        <v>0.22100000545190424</v>
      </c>
      <c r="L2717" s="58">
        <f>Bühler!L2743</f>
        <v>0.11050000272595212</v>
      </c>
      <c r="M2717" s="57">
        <f>Bühler!M2743</f>
        <v>0</v>
      </c>
      <c r="N2717" s="55">
        <f>IF(Input!$K$13=1,J2717*Input!$J$13,0)+IF(Input!$K$14=1,K2717*Input!$J$14,0)+IF(Input!$K$15=1,L2717*Input!$J$15,0)+IF(Input!$K$16=1,M2717*Input!$J$16,0)</f>
        <v>0.56650861230973515</v>
      </c>
      <c r="O2717" s="58">
        <f>IF(Input!$K$13=2,J2717*Input!$J$13,0)+IF(Input!$K$14=2,K2717*Input!$J$14,0)+IF(Input!$K$15=2,L2717*Input!$J$15,0)+IF(Input!$K$16=2,M2717*Input!$J$16,0)</f>
        <v>2.9835000736007072E-2</v>
      </c>
      <c r="P2717" s="58">
        <f>IF(Input!$K$13=3,J2717*Input!$J$13,0)+IF(Input!$K$14=3,K2717*Input!$J$14,0)+IF(Input!$K$15=3,L2717*Input!$J$15,0)+IF(Input!$K$16=3,M2717*Input!$J$16,0)</f>
        <v>0</v>
      </c>
      <c r="Q2717" s="71">
        <f>IF(Input!$K$13=4,J2717*Input!$J$13,0)+IF(Input!$K$14=4,K2717*Input!$J$14,0)+IF(Input!$K$15=4,L2717*Input!$J$15,0)+IF(Input!$K$16=4,M2717*Input!$J$16,0)</f>
        <v>0</v>
      </c>
    </row>
    <row r="2718" spans="8:17" x14ac:dyDescent="0.25">
      <c r="H2718" s="43">
        <v>2711</v>
      </c>
      <c r="I2718" s="55">
        <f>Bühler!I2744</f>
        <v>0.27523584374999421</v>
      </c>
      <c r="J2718" s="58">
        <f>Bühler!J2744</f>
        <v>4.7209051025811268</v>
      </c>
      <c r="K2718" s="58">
        <f>Bühler!K2744</f>
        <v>0.22100000545190424</v>
      </c>
      <c r="L2718" s="58">
        <f>Bühler!L2744</f>
        <v>0.11050000272595212</v>
      </c>
      <c r="M2718" s="57">
        <f>Bühler!M2744</f>
        <v>0</v>
      </c>
      <c r="N2718" s="55">
        <f>IF(Input!$K$13=1,J2718*Input!$J$13,0)+IF(Input!$K$14=1,K2718*Input!$J$14,0)+IF(Input!$K$15=1,L2718*Input!$J$15,0)+IF(Input!$K$16=1,M2718*Input!$J$16,0)</f>
        <v>0.56650861230973515</v>
      </c>
      <c r="O2718" s="58">
        <f>IF(Input!$K$13=2,J2718*Input!$J$13,0)+IF(Input!$K$14=2,K2718*Input!$J$14,0)+IF(Input!$K$15=2,L2718*Input!$J$15,0)+IF(Input!$K$16=2,M2718*Input!$J$16,0)</f>
        <v>2.9835000736007072E-2</v>
      </c>
      <c r="P2718" s="58">
        <f>IF(Input!$K$13=3,J2718*Input!$J$13,0)+IF(Input!$K$14=3,K2718*Input!$J$14,0)+IF(Input!$K$15=3,L2718*Input!$J$15,0)+IF(Input!$K$16=3,M2718*Input!$J$16,0)</f>
        <v>0</v>
      </c>
      <c r="Q2718" s="71">
        <f>IF(Input!$K$13=4,J2718*Input!$J$13,0)+IF(Input!$K$14=4,K2718*Input!$J$14,0)+IF(Input!$K$15=4,L2718*Input!$J$15,0)+IF(Input!$K$16=4,M2718*Input!$J$16,0)</f>
        <v>0</v>
      </c>
    </row>
    <row r="2719" spans="8:17" x14ac:dyDescent="0.25">
      <c r="H2719" s="43">
        <v>2712</v>
      </c>
      <c r="I2719" s="55">
        <f>Bühler!I2745</f>
        <v>0.27523584374999421</v>
      </c>
      <c r="J2719" s="58">
        <f>Bühler!J2745</f>
        <v>4.7209051025811268</v>
      </c>
      <c r="K2719" s="58">
        <f>Bühler!K2745</f>
        <v>0.22100000545190424</v>
      </c>
      <c r="L2719" s="58">
        <f>Bühler!L2745</f>
        <v>0.11050000272595212</v>
      </c>
      <c r="M2719" s="57">
        <f>Bühler!M2745</f>
        <v>0</v>
      </c>
      <c r="N2719" s="55">
        <f>IF(Input!$K$13=1,J2719*Input!$J$13,0)+IF(Input!$K$14=1,K2719*Input!$J$14,0)+IF(Input!$K$15=1,L2719*Input!$J$15,0)+IF(Input!$K$16=1,M2719*Input!$J$16,0)</f>
        <v>0.56650861230973515</v>
      </c>
      <c r="O2719" s="58">
        <f>IF(Input!$K$13=2,J2719*Input!$J$13,0)+IF(Input!$K$14=2,K2719*Input!$J$14,0)+IF(Input!$K$15=2,L2719*Input!$J$15,0)+IF(Input!$K$16=2,M2719*Input!$J$16,0)</f>
        <v>2.9835000736007072E-2</v>
      </c>
      <c r="P2719" s="58">
        <f>IF(Input!$K$13=3,J2719*Input!$J$13,0)+IF(Input!$K$14=3,K2719*Input!$J$14,0)+IF(Input!$K$15=3,L2719*Input!$J$15,0)+IF(Input!$K$16=3,M2719*Input!$J$16,0)</f>
        <v>0</v>
      </c>
      <c r="Q2719" s="71">
        <f>IF(Input!$K$13=4,J2719*Input!$J$13,0)+IF(Input!$K$14=4,K2719*Input!$J$14,0)+IF(Input!$K$15=4,L2719*Input!$J$15,0)+IF(Input!$K$16=4,M2719*Input!$J$16,0)</f>
        <v>0</v>
      </c>
    </row>
    <row r="2720" spans="8:17" x14ac:dyDescent="0.25">
      <c r="H2720" s="43">
        <v>2713</v>
      </c>
      <c r="I2720" s="55">
        <f>Bühler!I2746</f>
        <v>0.30465913042434323</v>
      </c>
      <c r="J2720" s="58">
        <f>Bühler!J2746</f>
        <v>8.0770681351610829</v>
      </c>
      <c r="K2720" s="58">
        <f>Bühler!K2746</f>
        <v>0.5765407489205685</v>
      </c>
      <c r="L2720" s="58">
        <f>Bühler!L2746</f>
        <v>0.28827037446028425</v>
      </c>
      <c r="M2720" s="57">
        <f>Bühler!M2746</f>
        <v>0</v>
      </c>
      <c r="N2720" s="55">
        <f>IF(Input!$K$13=1,J2720*Input!$J$13,0)+IF(Input!$K$14=1,K2720*Input!$J$14,0)+IF(Input!$K$15=1,L2720*Input!$J$15,0)+IF(Input!$K$16=1,M2720*Input!$J$16,0)</f>
        <v>0.9692481762193299</v>
      </c>
      <c r="O2720" s="58">
        <f>IF(Input!$K$13=2,J2720*Input!$J$13,0)+IF(Input!$K$14=2,K2720*Input!$J$14,0)+IF(Input!$K$15=2,L2720*Input!$J$15,0)+IF(Input!$K$16=2,M2720*Input!$J$16,0)</f>
        <v>7.7833001104276739E-2</v>
      </c>
      <c r="P2720" s="58">
        <f>IF(Input!$K$13=3,J2720*Input!$J$13,0)+IF(Input!$K$14=3,K2720*Input!$J$14,0)+IF(Input!$K$15=3,L2720*Input!$J$15,0)+IF(Input!$K$16=3,M2720*Input!$J$16,0)</f>
        <v>0</v>
      </c>
      <c r="Q2720" s="71">
        <f>IF(Input!$K$13=4,J2720*Input!$J$13,0)+IF(Input!$K$14=4,K2720*Input!$J$14,0)+IF(Input!$K$15=4,L2720*Input!$J$15,0)+IF(Input!$K$16=4,M2720*Input!$J$16,0)</f>
        <v>0</v>
      </c>
    </row>
    <row r="2721" spans="8:17" x14ac:dyDescent="0.25">
      <c r="H2721" s="43">
        <v>2714</v>
      </c>
      <c r="I2721" s="55">
        <f>Bühler!I2747</f>
        <v>0.30465913042434323</v>
      </c>
      <c r="J2721" s="58">
        <f>Bühler!J2747</f>
        <v>8.0770681351610829</v>
      </c>
      <c r="K2721" s="58">
        <f>Bühler!K2747</f>
        <v>0.5765407489205685</v>
      </c>
      <c r="L2721" s="58">
        <f>Bühler!L2747</f>
        <v>0.28827037446028425</v>
      </c>
      <c r="M2721" s="57">
        <f>Bühler!M2747</f>
        <v>0</v>
      </c>
      <c r="N2721" s="55">
        <f>IF(Input!$K$13=1,J2721*Input!$J$13,0)+IF(Input!$K$14=1,K2721*Input!$J$14,0)+IF(Input!$K$15=1,L2721*Input!$J$15,0)+IF(Input!$K$16=1,M2721*Input!$J$16,0)</f>
        <v>0.9692481762193299</v>
      </c>
      <c r="O2721" s="58">
        <f>IF(Input!$K$13=2,J2721*Input!$J$13,0)+IF(Input!$K$14=2,K2721*Input!$J$14,0)+IF(Input!$K$15=2,L2721*Input!$J$15,0)+IF(Input!$K$16=2,M2721*Input!$J$16,0)</f>
        <v>7.7833001104276739E-2</v>
      </c>
      <c r="P2721" s="58">
        <f>IF(Input!$K$13=3,J2721*Input!$J$13,0)+IF(Input!$K$14=3,K2721*Input!$J$14,0)+IF(Input!$K$15=3,L2721*Input!$J$15,0)+IF(Input!$K$16=3,M2721*Input!$J$16,0)</f>
        <v>0</v>
      </c>
      <c r="Q2721" s="71">
        <f>IF(Input!$K$13=4,J2721*Input!$J$13,0)+IF(Input!$K$14=4,K2721*Input!$J$14,0)+IF(Input!$K$15=4,L2721*Input!$J$15,0)+IF(Input!$K$16=4,M2721*Input!$J$16,0)</f>
        <v>0</v>
      </c>
    </row>
    <row r="2722" spans="8:17" x14ac:dyDescent="0.25">
      <c r="H2722" s="43">
        <v>2715</v>
      </c>
      <c r="I2722" s="55">
        <f>Bühler!I2748</f>
        <v>0.30465913042434323</v>
      </c>
      <c r="J2722" s="58">
        <f>Bühler!J2748</f>
        <v>8.0770681351610829</v>
      </c>
      <c r="K2722" s="58">
        <f>Bühler!K2748</f>
        <v>0.5765407489205685</v>
      </c>
      <c r="L2722" s="58">
        <f>Bühler!L2748</f>
        <v>0.28827037446028425</v>
      </c>
      <c r="M2722" s="57">
        <f>Bühler!M2748</f>
        <v>0</v>
      </c>
      <c r="N2722" s="55">
        <f>IF(Input!$K$13=1,J2722*Input!$J$13,0)+IF(Input!$K$14=1,K2722*Input!$J$14,0)+IF(Input!$K$15=1,L2722*Input!$J$15,0)+IF(Input!$K$16=1,M2722*Input!$J$16,0)</f>
        <v>0.9692481762193299</v>
      </c>
      <c r="O2722" s="58">
        <f>IF(Input!$K$13=2,J2722*Input!$J$13,0)+IF(Input!$K$14=2,K2722*Input!$J$14,0)+IF(Input!$K$15=2,L2722*Input!$J$15,0)+IF(Input!$K$16=2,M2722*Input!$J$16,0)</f>
        <v>7.7833001104276739E-2</v>
      </c>
      <c r="P2722" s="58">
        <f>IF(Input!$K$13=3,J2722*Input!$J$13,0)+IF(Input!$K$14=3,K2722*Input!$J$14,0)+IF(Input!$K$15=3,L2722*Input!$J$15,0)+IF(Input!$K$16=3,M2722*Input!$J$16,0)</f>
        <v>0</v>
      </c>
      <c r="Q2722" s="71">
        <f>IF(Input!$K$13=4,J2722*Input!$J$13,0)+IF(Input!$K$14=4,K2722*Input!$J$14,0)+IF(Input!$K$15=4,L2722*Input!$J$15,0)+IF(Input!$K$16=4,M2722*Input!$J$16,0)</f>
        <v>0</v>
      </c>
    </row>
    <row r="2723" spans="8:17" x14ac:dyDescent="0.25">
      <c r="H2723" s="43">
        <v>2716</v>
      </c>
      <c r="I2723" s="55">
        <f>Bühler!I2749</f>
        <v>0.30465913042434323</v>
      </c>
      <c r="J2723" s="58">
        <f>Bühler!J2749</f>
        <v>8.0770681351610829</v>
      </c>
      <c r="K2723" s="58">
        <f>Bühler!K2749</f>
        <v>0.5765407489205685</v>
      </c>
      <c r="L2723" s="58">
        <f>Bühler!L2749</f>
        <v>0.28827037446028425</v>
      </c>
      <c r="M2723" s="57">
        <f>Bühler!M2749</f>
        <v>0</v>
      </c>
      <c r="N2723" s="55">
        <f>IF(Input!$K$13=1,J2723*Input!$J$13,0)+IF(Input!$K$14=1,K2723*Input!$J$14,0)+IF(Input!$K$15=1,L2723*Input!$J$15,0)+IF(Input!$K$16=1,M2723*Input!$J$16,0)</f>
        <v>0.9692481762193299</v>
      </c>
      <c r="O2723" s="58">
        <f>IF(Input!$K$13=2,J2723*Input!$J$13,0)+IF(Input!$K$14=2,K2723*Input!$J$14,0)+IF(Input!$K$15=2,L2723*Input!$J$15,0)+IF(Input!$K$16=2,M2723*Input!$J$16,0)</f>
        <v>7.7833001104276739E-2</v>
      </c>
      <c r="P2723" s="58">
        <f>IF(Input!$K$13=3,J2723*Input!$J$13,0)+IF(Input!$K$14=3,K2723*Input!$J$14,0)+IF(Input!$K$15=3,L2723*Input!$J$15,0)+IF(Input!$K$16=3,M2723*Input!$J$16,0)</f>
        <v>0</v>
      </c>
      <c r="Q2723" s="71">
        <f>IF(Input!$K$13=4,J2723*Input!$J$13,0)+IF(Input!$K$14=4,K2723*Input!$J$14,0)+IF(Input!$K$15=4,L2723*Input!$J$15,0)+IF(Input!$K$16=4,M2723*Input!$J$16,0)</f>
        <v>0</v>
      </c>
    </row>
    <row r="2724" spans="8:17" x14ac:dyDescent="0.25">
      <c r="H2724" s="43">
        <v>2717</v>
      </c>
      <c r="I2724" s="55">
        <f>Bühler!I2750</f>
        <v>0.30465913042434323</v>
      </c>
      <c r="J2724" s="58">
        <f>Bühler!J2750</f>
        <v>8.0770681351610829</v>
      </c>
      <c r="K2724" s="58">
        <f>Bühler!K2750</f>
        <v>0.5765407489205685</v>
      </c>
      <c r="L2724" s="58">
        <f>Bühler!L2750</f>
        <v>0.28827037446028425</v>
      </c>
      <c r="M2724" s="57">
        <f>Bühler!M2750</f>
        <v>0</v>
      </c>
      <c r="N2724" s="55">
        <f>IF(Input!$K$13=1,J2724*Input!$J$13,0)+IF(Input!$K$14=1,K2724*Input!$J$14,0)+IF(Input!$K$15=1,L2724*Input!$J$15,0)+IF(Input!$K$16=1,M2724*Input!$J$16,0)</f>
        <v>0.9692481762193299</v>
      </c>
      <c r="O2724" s="58">
        <f>IF(Input!$K$13=2,J2724*Input!$J$13,0)+IF(Input!$K$14=2,K2724*Input!$J$14,0)+IF(Input!$K$15=2,L2724*Input!$J$15,0)+IF(Input!$K$16=2,M2724*Input!$J$16,0)</f>
        <v>7.7833001104276739E-2</v>
      </c>
      <c r="P2724" s="58">
        <f>IF(Input!$K$13=3,J2724*Input!$J$13,0)+IF(Input!$K$14=3,K2724*Input!$J$14,0)+IF(Input!$K$15=3,L2724*Input!$J$15,0)+IF(Input!$K$16=3,M2724*Input!$J$16,0)</f>
        <v>0</v>
      </c>
      <c r="Q2724" s="71">
        <f>IF(Input!$K$13=4,J2724*Input!$J$13,0)+IF(Input!$K$14=4,K2724*Input!$J$14,0)+IF(Input!$K$15=4,L2724*Input!$J$15,0)+IF(Input!$K$16=4,M2724*Input!$J$16,0)</f>
        <v>0</v>
      </c>
    </row>
    <row r="2725" spans="8:17" x14ac:dyDescent="0.25">
      <c r="H2725" s="43">
        <v>2718</v>
      </c>
      <c r="I2725" s="55">
        <f>Bühler!I2751</f>
        <v>0.30465913042434323</v>
      </c>
      <c r="J2725" s="58">
        <f>Bühler!J2751</f>
        <v>8.0770681351610829</v>
      </c>
      <c r="K2725" s="58">
        <f>Bühler!K2751</f>
        <v>0.5765407489205685</v>
      </c>
      <c r="L2725" s="58">
        <f>Bühler!L2751</f>
        <v>0.28827037446028425</v>
      </c>
      <c r="M2725" s="57">
        <f>Bühler!M2751</f>
        <v>0</v>
      </c>
      <c r="N2725" s="55">
        <f>IF(Input!$K$13=1,J2725*Input!$J$13,0)+IF(Input!$K$14=1,K2725*Input!$J$14,0)+IF(Input!$K$15=1,L2725*Input!$J$15,0)+IF(Input!$K$16=1,M2725*Input!$J$16,0)</f>
        <v>0.9692481762193299</v>
      </c>
      <c r="O2725" s="58">
        <f>IF(Input!$K$13=2,J2725*Input!$J$13,0)+IF(Input!$K$14=2,K2725*Input!$J$14,0)+IF(Input!$K$15=2,L2725*Input!$J$15,0)+IF(Input!$K$16=2,M2725*Input!$J$16,0)</f>
        <v>7.7833001104276739E-2</v>
      </c>
      <c r="P2725" s="58">
        <f>IF(Input!$K$13=3,J2725*Input!$J$13,0)+IF(Input!$K$14=3,K2725*Input!$J$14,0)+IF(Input!$K$15=3,L2725*Input!$J$15,0)+IF(Input!$K$16=3,M2725*Input!$J$16,0)</f>
        <v>0</v>
      </c>
      <c r="Q2725" s="71">
        <f>IF(Input!$K$13=4,J2725*Input!$J$13,0)+IF(Input!$K$14=4,K2725*Input!$J$14,0)+IF(Input!$K$15=4,L2725*Input!$J$15,0)+IF(Input!$K$16=4,M2725*Input!$J$16,0)</f>
        <v>0</v>
      </c>
    </row>
    <row r="2726" spans="8:17" x14ac:dyDescent="0.25">
      <c r="H2726" s="43">
        <v>2719</v>
      </c>
      <c r="I2726" s="55">
        <f>Bühler!I2752</f>
        <v>0.30465913042434323</v>
      </c>
      <c r="J2726" s="58">
        <f>Bühler!J2752</f>
        <v>8.0770681351610829</v>
      </c>
      <c r="K2726" s="58">
        <f>Bühler!K2752</f>
        <v>0.5765407489205685</v>
      </c>
      <c r="L2726" s="58">
        <f>Bühler!L2752</f>
        <v>0.28827037446028425</v>
      </c>
      <c r="M2726" s="57">
        <f>Bühler!M2752</f>
        <v>0</v>
      </c>
      <c r="N2726" s="55">
        <f>IF(Input!$K$13=1,J2726*Input!$J$13,0)+IF(Input!$K$14=1,K2726*Input!$J$14,0)+IF(Input!$K$15=1,L2726*Input!$J$15,0)+IF(Input!$K$16=1,M2726*Input!$J$16,0)</f>
        <v>0.9692481762193299</v>
      </c>
      <c r="O2726" s="58">
        <f>IF(Input!$K$13=2,J2726*Input!$J$13,0)+IF(Input!$K$14=2,K2726*Input!$J$14,0)+IF(Input!$K$15=2,L2726*Input!$J$15,0)+IF(Input!$K$16=2,M2726*Input!$J$16,0)</f>
        <v>7.7833001104276739E-2</v>
      </c>
      <c r="P2726" s="58">
        <f>IF(Input!$K$13=3,J2726*Input!$J$13,0)+IF(Input!$K$14=3,K2726*Input!$J$14,0)+IF(Input!$K$15=3,L2726*Input!$J$15,0)+IF(Input!$K$16=3,M2726*Input!$J$16,0)</f>
        <v>0</v>
      </c>
      <c r="Q2726" s="71">
        <f>IF(Input!$K$13=4,J2726*Input!$J$13,0)+IF(Input!$K$14=4,K2726*Input!$J$14,0)+IF(Input!$K$15=4,L2726*Input!$J$15,0)+IF(Input!$K$16=4,M2726*Input!$J$16,0)</f>
        <v>0</v>
      </c>
    </row>
    <row r="2727" spans="8:17" x14ac:dyDescent="0.25">
      <c r="H2727" s="43">
        <v>2720</v>
      </c>
      <c r="I2727" s="55">
        <f>Bühler!I2753</f>
        <v>1.325267217345893</v>
      </c>
      <c r="J2727" s="58">
        <f>Bühler!J2753</f>
        <v>34.438014521002579</v>
      </c>
      <c r="K2727" s="58">
        <f>Bühler!K2753</f>
        <v>2.4560635904016217</v>
      </c>
      <c r="L2727" s="58">
        <f>Bühler!L2753</f>
        <v>1.2280317952008108</v>
      </c>
      <c r="M2727" s="57">
        <f>Bühler!M2753</f>
        <v>0</v>
      </c>
      <c r="N2727" s="55">
        <f>IF(Input!$K$13=1,J2727*Input!$J$13,0)+IF(Input!$K$14=1,K2727*Input!$J$14,0)+IF(Input!$K$15=1,L2727*Input!$J$15,0)+IF(Input!$K$16=1,M2727*Input!$J$16,0)</f>
        <v>4.1325617425203092</v>
      </c>
      <c r="O2727" s="58">
        <f>IF(Input!$K$13=2,J2727*Input!$J$13,0)+IF(Input!$K$14=2,K2727*Input!$J$14,0)+IF(Input!$K$15=2,L2727*Input!$J$15,0)+IF(Input!$K$16=2,M2727*Input!$J$16,0)</f>
        <v>0.3315685847042189</v>
      </c>
      <c r="P2727" s="58">
        <f>IF(Input!$K$13=3,J2727*Input!$J$13,0)+IF(Input!$K$14=3,K2727*Input!$J$14,0)+IF(Input!$K$15=3,L2727*Input!$J$15,0)+IF(Input!$K$16=3,M2727*Input!$J$16,0)</f>
        <v>0</v>
      </c>
      <c r="Q2727" s="71">
        <f>IF(Input!$K$13=4,J2727*Input!$J$13,0)+IF(Input!$K$14=4,K2727*Input!$J$14,0)+IF(Input!$K$15=4,L2727*Input!$J$15,0)+IF(Input!$K$16=4,M2727*Input!$J$16,0)</f>
        <v>0</v>
      </c>
    </row>
    <row r="2728" spans="8:17" x14ac:dyDescent="0.25">
      <c r="H2728" s="43">
        <v>2721</v>
      </c>
      <c r="I2728" s="55">
        <f>Bühler!I2754</f>
        <v>1.4909256195141296</v>
      </c>
      <c r="J2728" s="58">
        <f>Bühler!J2754</f>
        <v>38.7427663361279</v>
      </c>
      <c r="K2728" s="58">
        <f>Bühler!K2754</f>
        <v>2.7630715392018241</v>
      </c>
      <c r="L2728" s="58">
        <f>Bühler!L2754</f>
        <v>1.3815357696009121</v>
      </c>
      <c r="M2728" s="57">
        <f>Bühler!M2754</f>
        <v>0</v>
      </c>
      <c r="N2728" s="55">
        <f>IF(Input!$K$13=1,J2728*Input!$J$13,0)+IF(Input!$K$14=1,K2728*Input!$J$14,0)+IF(Input!$K$15=1,L2728*Input!$J$15,0)+IF(Input!$K$16=1,M2728*Input!$J$16,0)</f>
        <v>4.6491319603353478</v>
      </c>
      <c r="O2728" s="58">
        <f>IF(Input!$K$13=2,J2728*Input!$J$13,0)+IF(Input!$K$14=2,K2728*Input!$J$14,0)+IF(Input!$K$15=2,L2728*Input!$J$15,0)+IF(Input!$K$16=2,M2728*Input!$J$16,0)</f>
        <v>0.3730146577922463</v>
      </c>
      <c r="P2728" s="58">
        <f>IF(Input!$K$13=3,J2728*Input!$J$13,0)+IF(Input!$K$14=3,K2728*Input!$J$14,0)+IF(Input!$K$15=3,L2728*Input!$J$15,0)+IF(Input!$K$16=3,M2728*Input!$J$16,0)</f>
        <v>0</v>
      </c>
      <c r="Q2728" s="71">
        <f>IF(Input!$K$13=4,J2728*Input!$J$13,0)+IF(Input!$K$14=4,K2728*Input!$J$14,0)+IF(Input!$K$15=4,L2728*Input!$J$15,0)+IF(Input!$K$16=4,M2728*Input!$J$16,0)</f>
        <v>0</v>
      </c>
    </row>
    <row r="2729" spans="8:17" x14ac:dyDescent="0.25">
      <c r="H2729" s="43">
        <v>2722</v>
      </c>
      <c r="I2729" s="55">
        <f>Bühler!I2755</f>
        <v>1.6565840216823662</v>
      </c>
      <c r="J2729" s="58">
        <f>Bühler!J2755</f>
        <v>43.047518151253222</v>
      </c>
      <c r="K2729" s="58">
        <f>Bühler!K2755</f>
        <v>3.070079488002027</v>
      </c>
      <c r="L2729" s="58">
        <f>Bühler!L2755</f>
        <v>1.5350397440010135</v>
      </c>
      <c r="M2729" s="57">
        <f>Bühler!M2755</f>
        <v>0</v>
      </c>
      <c r="N2729" s="55">
        <f>IF(Input!$K$13=1,J2729*Input!$J$13,0)+IF(Input!$K$14=1,K2729*Input!$J$14,0)+IF(Input!$K$15=1,L2729*Input!$J$15,0)+IF(Input!$K$16=1,M2729*Input!$J$16,0)</f>
        <v>5.1657021781503865</v>
      </c>
      <c r="O2729" s="58">
        <f>IF(Input!$K$13=2,J2729*Input!$J$13,0)+IF(Input!$K$14=2,K2729*Input!$J$14,0)+IF(Input!$K$15=2,L2729*Input!$J$15,0)+IF(Input!$K$16=2,M2729*Input!$J$16,0)</f>
        <v>0.41446073088027363</v>
      </c>
      <c r="P2729" s="58">
        <f>IF(Input!$K$13=3,J2729*Input!$J$13,0)+IF(Input!$K$14=3,K2729*Input!$J$14,0)+IF(Input!$K$15=3,L2729*Input!$J$15,0)+IF(Input!$K$16=3,M2729*Input!$J$16,0)</f>
        <v>0</v>
      </c>
      <c r="Q2729" s="71">
        <f>IF(Input!$K$13=4,J2729*Input!$J$13,0)+IF(Input!$K$14=4,K2729*Input!$J$14,0)+IF(Input!$K$15=4,L2729*Input!$J$15,0)+IF(Input!$K$16=4,M2729*Input!$J$16,0)</f>
        <v>0</v>
      </c>
    </row>
    <row r="2730" spans="8:17" x14ac:dyDescent="0.25">
      <c r="H2730" s="43">
        <v>2723</v>
      </c>
      <c r="I2730" s="55">
        <f>Bühler!I2756</f>
        <v>1.6565840216823662</v>
      </c>
      <c r="J2730" s="58">
        <f>Bühler!J2756</f>
        <v>43.047518151253222</v>
      </c>
      <c r="K2730" s="58">
        <f>Bühler!K2756</f>
        <v>3.070079488002027</v>
      </c>
      <c r="L2730" s="58">
        <f>Bühler!L2756</f>
        <v>1.5350397440010135</v>
      </c>
      <c r="M2730" s="57">
        <f>Bühler!M2756</f>
        <v>0</v>
      </c>
      <c r="N2730" s="55">
        <f>IF(Input!$K$13=1,J2730*Input!$J$13,0)+IF(Input!$K$14=1,K2730*Input!$J$14,0)+IF(Input!$K$15=1,L2730*Input!$J$15,0)+IF(Input!$K$16=1,M2730*Input!$J$16,0)</f>
        <v>5.1657021781503865</v>
      </c>
      <c r="O2730" s="58">
        <f>IF(Input!$K$13=2,J2730*Input!$J$13,0)+IF(Input!$K$14=2,K2730*Input!$J$14,0)+IF(Input!$K$15=2,L2730*Input!$J$15,0)+IF(Input!$K$16=2,M2730*Input!$J$16,0)</f>
        <v>0.41446073088027363</v>
      </c>
      <c r="P2730" s="58">
        <f>IF(Input!$K$13=3,J2730*Input!$J$13,0)+IF(Input!$K$14=3,K2730*Input!$J$14,0)+IF(Input!$K$15=3,L2730*Input!$J$15,0)+IF(Input!$K$16=3,M2730*Input!$J$16,0)</f>
        <v>0</v>
      </c>
      <c r="Q2730" s="71">
        <f>IF(Input!$K$13=4,J2730*Input!$J$13,0)+IF(Input!$K$14=4,K2730*Input!$J$14,0)+IF(Input!$K$15=4,L2730*Input!$J$15,0)+IF(Input!$K$16=4,M2730*Input!$J$16,0)</f>
        <v>0</v>
      </c>
    </row>
    <row r="2731" spans="8:17" x14ac:dyDescent="0.25">
      <c r="H2731" s="43">
        <v>2724</v>
      </c>
      <c r="I2731" s="55">
        <f>Bühler!I2757</f>
        <v>1.9879008260188389</v>
      </c>
      <c r="J2731" s="58">
        <f>Bühler!J2757</f>
        <v>51.657021781503857</v>
      </c>
      <c r="K2731" s="58">
        <f>Bühler!K2757</f>
        <v>3.6840953856024319</v>
      </c>
      <c r="L2731" s="58">
        <f>Bühler!L2757</f>
        <v>1.8420476928012159</v>
      </c>
      <c r="M2731" s="57">
        <f>Bühler!M2757</f>
        <v>0</v>
      </c>
      <c r="N2731" s="55">
        <f>IF(Input!$K$13=1,J2731*Input!$J$13,0)+IF(Input!$K$14=1,K2731*Input!$J$14,0)+IF(Input!$K$15=1,L2731*Input!$J$15,0)+IF(Input!$K$16=1,M2731*Input!$J$16,0)</f>
        <v>6.1988426137804629</v>
      </c>
      <c r="O2731" s="58">
        <f>IF(Input!$K$13=2,J2731*Input!$J$13,0)+IF(Input!$K$14=2,K2731*Input!$J$14,0)+IF(Input!$K$15=2,L2731*Input!$J$15,0)+IF(Input!$K$16=2,M2731*Input!$J$16,0)</f>
        <v>0.4973528770563283</v>
      </c>
      <c r="P2731" s="58">
        <f>IF(Input!$K$13=3,J2731*Input!$J$13,0)+IF(Input!$K$14=3,K2731*Input!$J$14,0)+IF(Input!$K$15=3,L2731*Input!$J$15,0)+IF(Input!$K$16=3,M2731*Input!$J$16,0)</f>
        <v>0</v>
      </c>
      <c r="Q2731" s="71">
        <f>IF(Input!$K$13=4,J2731*Input!$J$13,0)+IF(Input!$K$14=4,K2731*Input!$J$14,0)+IF(Input!$K$15=4,L2731*Input!$J$15,0)+IF(Input!$K$16=4,M2731*Input!$J$16,0)</f>
        <v>0</v>
      </c>
    </row>
    <row r="2732" spans="8:17" x14ac:dyDescent="0.25">
      <c r="H2732" s="43">
        <v>2725</v>
      </c>
      <c r="I2732" s="55">
        <f>Bühler!I2758</f>
        <v>1.9879008260188389</v>
      </c>
      <c r="J2732" s="58">
        <f>Bühler!J2758</f>
        <v>51.657021781503857</v>
      </c>
      <c r="K2732" s="58">
        <f>Bühler!K2758</f>
        <v>3.6840953856024319</v>
      </c>
      <c r="L2732" s="58">
        <f>Bühler!L2758</f>
        <v>1.8420476928012159</v>
      </c>
      <c r="M2732" s="57">
        <f>Bühler!M2758</f>
        <v>0</v>
      </c>
      <c r="N2732" s="55">
        <f>IF(Input!$K$13=1,J2732*Input!$J$13,0)+IF(Input!$K$14=1,K2732*Input!$J$14,0)+IF(Input!$K$15=1,L2732*Input!$J$15,0)+IF(Input!$K$16=1,M2732*Input!$J$16,0)</f>
        <v>6.1988426137804629</v>
      </c>
      <c r="O2732" s="58">
        <f>IF(Input!$K$13=2,J2732*Input!$J$13,0)+IF(Input!$K$14=2,K2732*Input!$J$14,0)+IF(Input!$K$15=2,L2732*Input!$J$15,0)+IF(Input!$K$16=2,M2732*Input!$J$16,0)</f>
        <v>0.4973528770563283</v>
      </c>
      <c r="P2732" s="58">
        <f>IF(Input!$K$13=3,J2732*Input!$J$13,0)+IF(Input!$K$14=3,K2732*Input!$J$14,0)+IF(Input!$K$15=3,L2732*Input!$J$15,0)+IF(Input!$K$16=3,M2732*Input!$J$16,0)</f>
        <v>0</v>
      </c>
      <c r="Q2732" s="71">
        <f>IF(Input!$K$13=4,J2732*Input!$J$13,0)+IF(Input!$K$14=4,K2732*Input!$J$14,0)+IF(Input!$K$15=4,L2732*Input!$J$15,0)+IF(Input!$K$16=4,M2732*Input!$J$16,0)</f>
        <v>0</v>
      </c>
    </row>
    <row r="2733" spans="8:17" x14ac:dyDescent="0.25">
      <c r="H2733" s="43">
        <v>2726</v>
      </c>
      <c r="I2733" s="55">
        <f>Bühler!I2759</f>
        <v>1.325267217345893</v>
      </c>
      <c r="J2733" s="58">
        <f>Bühler!J2759</f>
        <v>34.438014521002579</v>
      </c>
      <c r="K2733" s="58">
        <f>Bühler!K2759</f>
        <v>2.4560635904016217</v>
      </c>
      <c r="L2733" s="58">
        <f>Bühler!L2759</f>
        <v>1.2280317952008108</v>
      </c>
      <c r="M2733" s="57">
        <f>Bühler!M2759</f>
        <v>0</v>
      </c>
      <c r="N2733" s="55">
        <f>IF(Input!$K$13=1,J2733*Input!$J$13,0)+IF(Input!$K$14=1,K2733*Input!$J$14,0)+IF(Input!$K$15=1,L2733*Input!$J$15,0)+IF(Input!$K$16=1,M2733*Input!$J$16,0)</f>
        <v>4.1325617425203092</v>
      </c>
      <c r="O2733" s="58">
        <f>IF(Input!$K$13=2,J2733*Input!$J$13,0)+IF(Input!$K$14=2,K2733*Input!$J$14,0)+IF(Input!$K$15=2,L2733*Input!$J$15,0)+IF(Input!$K$16=2,M2733*Input!$J$16,0)</f>
        <v>0.3315685847042189</v>
      </c>
      <c r="P2733" s="58">
        <f>IF(Input!$K$13=3,J2733*Input!$J$13,0)+IF(Input!$K$14=3,K2733*Input!$J$14,0)+IF(Input!$K$15=3,L2733*Input!$J$15,0)+IF(Input!$K$16=3,M2733*Input!$J$16,0)</f>
        <v>0</v>
      </c>
      <c r="Q2733" s="71">
        <f>IF(Input!$K$13=4,J2733*Input!$J$13,0)+IF(Input!$K$14=4,K2733*Input!$J$14,0)+IF(Input!$K$15=4,L2733*Input!$J$15,0)+IF(Input!$K$16=4,M2733*Input!$J$16,0)</f>
        <v>0</v>
      </c>
    </row>
    <row r="2734" spans="8:17" x14ac:dyDescent="0.25">
      <c r="H2734" s="43">
        <v>2727</v>
      </c>
      <c r="I2734" s="55">
        <f>Bühler!I2760</f>
        <v>1.9879008260188389</v>
      </c>
      <c r="J2734" s="58">
        <f>Bühler!J2760</f>
        <v>51.657021781503857</v>
      </c>
      <c r="K2734" s="58">
        <f>Bühler!K2760</f>
        <v>3.6840953856024319</v>
      </c>
      <c r="L2734" s="58">
        <f>Bühler!L2760</f>
        <v>1.8420476928012159</v>
      </c>
      <c r="M2734" s="57">
        <f>Bühler!M2760</f>
        <v>0</v>
      </c>
      <c r="N2734" s="55">
        <f>IF(Input!$K$13=1,J2734*Input!$J$13,0)+IF(Input!$K$14=1,K2734*Input!$J$14,0)+IF(Input!$K$15=1,L2734*Input!$J$15,0)+IF(Input!$K$16=1,M2734*Input!$J$16,0)</f>
        <v>6.1988426137804629</v>
      </c>
      <c r="O2734" s="58">
        <f>IF(Input!$K$13=2,J2734*Input!$J$13,0)+IF(Input!$K$14=2,K2734*Input!$J$14,0)+IF(Input!$K$15=2,L2734*Input!$J$15,0)+IF(Input!$K$16=2,M2734*Input!$J$16,0)</f>
        <v>0.4973528770563283</v>
      </c>
      <c r="P2734" s="58">
        <f>IF(Input!$K$13=3,J2734*Input!$J$13,0)+IF(Input!$K$14=3,K2734*Input!$J$14,0)+IF(Input!$K$15=3,L2734*Input!$J$15,0)+IF(Input!$K$16=3,M2734*Input!$J$16,0)</f>
        <v>0</v>
      </c>
      <c r="Q2734" s="71">
        <f>IF(Input!$K$13=4,J2734*Input!$J$13,0)+IF(Input!$K$14=4,K2734*Input!$J$14,0)+IF(Input!$K$15=4,L2734*Input!$J$15,0)+IF(Input!$K$16=4,M2734*Input!$J$16,0)</f>
        <v>0</v>
      </c>
    </row>
    <row r="2735" spans="8:17" x14ac:dyDescent="0.25">
      <c r="H2735" s="43">
        <v>2728</v>
      </c>
      <c r="I2735" s="55">
        <f>Bühler!I2761</f>
        <v>1.9879008260188389</v>
      </c>
      <c r="J2735" s="58">
        <f>Bühler!J2761</f>
        <v>51.657021781503857</v>
      </c>
      <c r="K2735" s="58">
        <f>Bühler!K2761</f>
        <v>3.6840953856024319</v>
      </c>
      <c r="L2735" s="58">
        <f>Bühler!L2761</f>
        <v>1.8420476928012159</v>
      </c>
      <c r="M2735" s="57">
        <f>Bühler!M2761</f>
        <v>0</v>
      </c>
      <c r="N2735" s="55">
        <f>IF(Input!$K$13=1,J2735*Input!$J$13,0)+IF(Input!$K$14=1,K2735*Input!$J$14,0)+IF(Input!$K$15=1,L2735*Input!$J$15,0)+IF(Input!$K$16=1,M2735*Input!$J$16,0)</f>
        <v>6.1988426137804629</v>
      </c>
      <c r="O2735" s="58">
        <f>IF(Input!$K$13=2,J2735*Input!$J$13,0)+IF(Input!$K$14=2,K2735*Input!$J$14,0)+IF(Input!$K$15=2,L2735*Input!$J$15,0)+IF(Input!$K$16=2,M2735*Input!$J$16,0)</f>
        <v>0.4973528770563283</v>
      </c>
      <c r="P2735" s="58">
        <f>IF(Input!$K$13=3,J2735*Input!$J$13,0)+IF(Input!$K$14=3,K2735*Input!$J$14,0)+IF(Input!$K$15=3,L2735*Input!$J$15,0)+IF(Input!$K$16=3,M2735*Input!$J$16,0)</f>
        <v>0</v>
      </c>
      <c r="Q2735" s="71">
        <f>IF(Input!$K$13=4,J2735*Input!$J$13,0)+IF(Input!$K$14=4,K2735*Input!$J$14,0)+IF(Input!$K$15=4,L2735*Input!$J$15,0)+IF(Input!$K$16=4,M2735*Input!$J$16,0)</f>
        <v>0</v>
      </c>
    </row>
    <row r="2736" spans="8:17" x14ac:dyDescent="0.25">
      <c r="H2736" s="43">
        <v>2729</v>
      </c>
      <c r="I2736" s="55">
        <f>Bühler!I2762</f>
        <v>1.6565840216823662</v>
      </c>
      <c r="J2736" s="58">
        <f>Bühler!J2762</f>
        <v>30.671652512924023</v>
      </c>
      <c r="K2736" s="58">
        <f>Bühler!K2762</f>
        <v>2.1490556416014188</v>
      </c>
      <c r="L2736" s="58">
        <f>Bühler!L2762</f>
        <v>1.0745278208007094</v>
      </c>
      <c r="M2736" s="57">
        <f>Bühler!M2762</f>
        <v>0</v>
      </c>
      <c r="N2736" s="55">
        <f>IF(Input!$K$13=1,J2736*Input!$J$13,0)+IF(Input!$K$14=1,K2736*Input!$J$14,0)+IF(Input!$K$15=1,L2736*Input!$J$15,0)+IF(Input!$K$16=1,M2736*Input!$J$16,0)</f>
        <v>3.6805983015508827</v>
      </c>
      <c r="O2736" s="58">
        <f>IF(Input!$K$13=2,J2736*Input!$J$13,0)+IF(Input!$K$14=2,K2736*Input!$J$14,0)+IF(Input!$K$15=2,L2736*Input!$J$15,0)+IF(Input!$K$16=2,M2736*Input!$J$16,0)</f>
        <v>0.29012251161619151</v>
      </c>
      <c r="P2736" s="58">
        <f>IF(Input!$K$13=3,J2736*Input!$J$13,0)+IF(Input!$K$14=3,K2736*Input!$J$14,0)+IF(Input!$K$15=3,L2736*Input!$J$15,0)+IF(Input!$K$16=3,M2736*Input!$J$16,0)</f>
        <v>0</v>
      </c>
      <c r="Q2736" s="71">
        <f>IF(Input!$K$13=4,J2736*Input!$J$13,0)+IF(Input!$K$14=4,K2736*Input!$J$14,0)+IF(Input!$K$15=4,L2736*Input!$J$15,0)+IF(Input!$K$16=4,M2736*Input!$J$16,0)</f>
        <v>0</v>
      </c>
    </row>
    <row r="2737" spans="8:17" x14ac:dyDescent="0.25">
      <c r="H2737" s="43">
        <v>2730</v>
      </c>
      <c r="I2737" s="55">
        <f>Bühler!I2763</f>
        <v>1.3328836956065016</v>
      </c>
      <c r="J2737" s="58">
        <f>Bühler!J2763</f>
        <v>9.6945344291265094</v>
      </c>
      <c r="K2737" s="58">
        <f>Bühler!K2763</f>
        <v>0.61401589760040542</v>
      </c>
      <c r="L2737" s="58">
        <f>Bühler!L2763</f>
        <v>0.30700794880020271</v>
      </c>
      <c r="M2737" s="57">
        <f>Bühler!M2763</f>
        <v>0</v>
      </c>
      <c r="N2737" s="55">
        <f>IF(Input!$K$13=1,J2737*Input!$J$13,0)+IF(Input!$K$14=1,K2737*Input!$J$14,0)+IF(Input!$K$15=1,L2737*Input!$J$15,0)+IF(Input!$K$16=1,M2737*Input!$J$16,0)</f>
        <v>1.1633441314951811</v>
      </c>
      <c r="O2737" s="58">
        <f>IF(Input!$K$13=2,J2737*Input!$J$13,0)+IF(Input!$K$14=2,K2737*Input!$J$14,0)+IF(Input!$K$15=2,L2737*Input!$J$15,0)+IF(Input!$K$16=2,M2737*Input!$J$16,0)</f>
        <v>8.2892146176054726E-2</v>
      </c>
      <c r="P2737" s="58">
        <f>IF(Input!$K$13=3,J2737*Input!$J$13,0)+IF(Input!$K$14=3,K2737*Input!$J$14,0)+IF(Input!$K$15=3,L2737*Input!$J$15,0)+IF(Input!$K$16=3,M2737*Input!$J$16,0)</f>
        <v>0</v>
      </c>
      <c r="Q2737" s="71">
        <f>IF(Input!$K$13=4,J2737*Input!$J$13,0)+IF(Input!$K$14=4,K2737*Input!$J$14,0)+IF(Input!$K$15=4,L2737*Input!$J$15,0)+IF(Input!$K$16=4,M2737*Input!$J$16,0)</f>
        <v>0</v>
      </c>
    </row>
    <row r="2738" spans="8:17" x14ac:dyDescent="0.25">
      <c r="H2738" s="43">
        <v>2731</v>
      </c>
      <c r="I2738" s="55">
        <f>Bühler!I2764</f>
        <v>0.4760298912880363</v>
      </c>
      <c r="J2738" s="58">
        <f>Bühler!J2764</f>
        <v>8.6500708299568156</v>
      </c>
      <c r="K2738" s="58">
        <f>Bühler!K2764</f>
        <v>0.60536778636659694</v>
      </c>
      <c r="L2738" s="58">
        <f>Bühler!L2764</f>
        <v>0.30268389318329847</v>
      </c>
      <c r="M2738" s="57">
        <f>Bühler!M2764</f>
        <v>0</v>
      </c>
      <c r="N2738" s="55">
        <f>IF(Input!$K$13=1,J2738*Input!$J$13,0)+IF(Input!$K$14=1,K2738*Input!$J$14,0)+IF(Input!$K$15=1,L2738*Input!$J$15,0)+IF(Input!$K$16=1,M2738*Input!$J$16,0)</f>
        <v>1.0380084995948178</v>
      </c>
      <c r="O2738" s="58">
        <f>IF(Input!$K$13=2,J2738*Input!$J$13,0)+IF(Input!$K$14=2,K2738*Input!$J$14,0)+IF(Input!$K$15=2,L2738*Input!$J$15,0)+IF(Input!$K$16=2,M2738*Input!$J$16,0)</f>
        <v>8.1724651159490583E-2</v>
      </c>
      <c r="P2738" s="58">
        <f>IF(Input!$K$13=3,J2738*Input!$J$13,0)+IF(Input!$K$14=3,K2738*Input!$J$14,0)+IF(Input!$K$15=3,L2738*Input!$J$15,0)+IF(Input!$K$16=3,M2738*Input!$J$16,0)</f>
        <v>0</v>
      </c>
      <c r="Q2738" s="71">
        <f>IF(Input!$K$13=4,J2738*Input!$J$13,0)+IF(Input!$K$14=4,K2738*Input!$J$14,0)+IF(Input!$K$15=4,L2738*Input!$J$15,0)+IF(Input!$K$16=4,M2738*Input!$J$16,0)</f>
        <v>0</v>
      </c>
    </row>
    <row r="2739" spans="8:17" x14ac:dyDescent="0.25">
      <c r="H2739" s="43">
        <v>2732</v>
      </c>
      <c r="I2739" s="55">
        <f>Bühler!I2765</f>
        <v>0.4760298912880363</v>
      </c>
      <c r="J2739" s="58">
        <f>Bühler!J2765</f>
        <v>8.6500708299568156</v>
      </c>
      <c r="K2739" s="58">
        <f>Bühler!K2765</f>
        <v>0.60536778636659694</v>
      </c>
      <c r="L2739" s="58">
        <f>Bühler!L2765</f>
        <v>0.30268389318329847</v>
      </c>
      <c r="M2739" s="57">
        <f>Bühler!M2765</f>
        <v>0</v>
      </c>
      <c r="N2739" s="55">
        <f>IF(Input!$K$13=1,J2739*Input!$J$13,0)+IF(Input!$K$14=1,K2739*Input!$J$14,0)+IF(Input!$K$15=1,L2739*Input!$J$15,0)+IF(Input!$K$16=1,M2739*Input!$J$16,0)</f>
        <v>1.0380084995948178</v>
      </c>
      <c r="O2739" s="58">
        <f>IF(Input!$K$13=2,J2739*Input!$J$13,0)+IF(Input!$K$14=2,K2739*Input!$J$14,0)+IF(Input!$K$15=2,L2739*Input!$J$15,0)+IF(Input!$K$16=2,M2739*Input!$J$16,0)</f>
        <v>8.1724651159490583E-2</v>
      </c>
      <c r="P2739" s="58">
        <f>IF(Input!$K$13=3,J2739*Input!$J$13,0)+IF(Input!$K$14=3,K2739*Input!$J$14,0)+IF(Input!$K$15=3,L2739*Input!$J$15,0)+IF(Input!$K$16=3,M2739*Input!$J$16,0)</f>
        <v>0</v>
      </c>
      <c r="Q2739" s="71">
        <f>IF(Input!$K$13=4,J2739*Input!$J$13,0)+IF(Input!$K$14=4,K2739*Input!$J$14,0)+IF(Input!$K$15=4,L2739*Input!$J$15,0)+IF(Input!$K$16=4,M2739*Input!$J$16,0)</f>
        <v>0</v>
      </c>
    </row>
    <row r="2740" spans="8:17" x14ac:dyDescent="0.25">
      <c r="H2740" s="43">
        <v>2733</v>
      </c>
      <c r="I2740" s="55">
        <f>Bühler!I2766</f>
        <v>0.4760298912880363</v>
      </c>
      <c r="J2740" s="58">
        <f>Bühler!J2766</f>
        <v>8.6500708299568156</v>
      </c>
      <c r="K2740" s="58">
        <f>Bühler!K2766</f>
        <v>0.60536778636659694</v>
      </c>
      <c r="L2740" s="58">
        <f>Bühler!L2766</f>
        <v>0.30268389318329847</v>
      </c>
      <c r="M2740" s="57">
        <f>Bühler!M2766</f>
        <v>0</v>
      </c>
      <c r="N2740" s="55">
        <f>IF(Input!$K$13=1,J2740*Input!$J$13,0)+IF(Input!$K$14=1,K2740*Input!$J$14,0)+IF(Input!$K$15=1,L2740*Input!$J$15,0)+IF(Input!$K$16=1,M2740*Input!$J$16,0)</f>
        <v>1.0380084995948178</v>
      </c>
      <c r="O2740" s="58">
        <f>IF(Input!$K$13=2,J2740*Input!$J$13,0)+IF(Input!$K$14=2,K2740*Input!$J$14,0)+IF(Input!$K$15=2,L2740*Input!$J$15,0)+IF(Input!$K$16=2,M2740*Input!$J$16,0)</f>
        <v>8.1724651159490583E-2</v>
      </c>
      <c r="P2740" s="58">
        <f>IF(Input!$K$13=3,J2740*Input!$J$13,0)+IF(Input!$K$14=3,K2740*Input!$J$14,0)+IF(Input!$K$15=3,L2740*Input!$J$15,0)+IF(Input!$K$16=3,M2740*Input!$J$16,0)</f>
        <v>0</v>
      </c>
      <c r="Q2740" s="71">
        <f>IF(Input!$K$13=4,J2740*Input!$J$13,0)+IF(Input!$K$14=4,K2740*Input!$J$14,0)+IF(Input!$K$15=4,L2740*Input!$J$15,0)+IF(Input!$K$16=4,M2740*Input!$J$16,0)</f>
        <v>0</v>
      </c>
    </row>
    <row r="2741" spans="8:17" x14ac:dyDescent="0.25">
      <c r="H2741" s="43">
        <v>2734</v>
      </c>
      <c r="I2741" s="55">
        <f>Bühler!I2767</f>
        <v>0.4760298912880363</v>
      </c>
      <c r="J2741" s="58">
        <f>Bühler!J2767</f>
        <v>8.6500708299568156</v>
      </c>
      <c r="K2741" s="58">
        <f>Bühler!K2767</f>
        <v>0.60536778636659694</v>
      </c>
      <c r="L2741" s="58">
        <f>Bühler!L2767</f>
        <v>0.30268389318329847</v>
      </c>
      <c r="M2741" s="57">
        <f>Bühler!M2767</f>
        <v>0</v>
      </c>
      <c r="N2741" s="55">
        <f>IF(Input!$K$13=1,J2741*Input!$J$13,0)+IF(Input!$K$14=1,K2741*Input!$J$14,0)+IF(Input!$K$15=1,L2741*Input!$J$15,0)+IF(Input!$K$16=1,M2741*Input!$J$16,0)</f>
        <v>1.0380084995948178</v>
      </c>
      <c r="O2741" s="58">
        <f>IF(Input!$K$13=2,J2741*Input!$J$13,0)+IF(Input!$K$14=2,K2741*Input!$J$14,0)+IF(Input!$K$15=2,L2741*Input!$J$15,0)+IF(Input!$K$16=2,M2741*Input!$J$16,0)</f>
        <v>8.1724651159490583E-2</v>
      </c>
      <c r="P2741" s="58">
        <f>IF(Input!$K$13=3,J2741*Input!$J$13,0)+IF(Input!$K$14=3,K2741*Input!$J$14,0)+IF(Input!$K$15=3,L2741*Input!$J$15,0)+IF(Input!$K$16=3,M2741*Input!$J$16,0)</f>
        <v>0</v>
      </c>
      <c r="Q2741" s="71">
        <f>IF(Input!$K$13=4,J2741*Input!$J$13,0)+IF(Input!$K$14=4,K2741*Input!$J$14,0)+IF(Input!$K$15=4,L2741*Input!$J$15,0)+IF(Input!$K$16=4,M2741*Input!$J$16,0)</f>
        <v>0</v>
      </c>
    </row>
    <row r="2742" spans="8:17" x14ac:dyDescent="0.25">
      <c r="H2742" s="43">
        <v>2735</v>
      </c>
      <c r="I2742" s="55">
        <f>Bühler!I2768</f>
        <v>0.4760298912880363</v>
      </c>
      <c r="J2742" s="58">
        <f>Bühler!J2768</f>
        <v>8.6500708299568156</v>
      </c>
      <c r="K2742" s="58">
        <f>Bühler!K2768</f>
        <v>0.60536778636659694</v>
      </c>
      <c r="L2742" s="58">
        <f>Bühler!L2768</f>
        <v>0.30268389318329847</v>
      </c>
      <c r="M2742" s="57">
        <f>Bühler!M2768</f>
        <v>0</v>
      </c>
      <c r="N2742" s="55">
        <f>IF(Input!$K$13=1,J2742*Input!$J$13,0)+IF(Input!$K$14=1,K2742*Input!$J$14,0)+IF(Input!$K$15=1,L2742*Input!$J$15,0)+IF(Input!$K$16=1,M2742*Input!$J$16,0)</f>
        <v>1.0380084995948178</v>
      </c>
      <c r="O2742" s="58">
        <f>IF(Input!$K$13=2,J2742*Input!$J$13,0)+IF(Input!$K$14=2,K2742*Input!$J$14,0)+IF(Input!$K$15=2,L2742*Input!$J$15,0)+IF(Input!$K$16=2,M2742*Input!$J$16,0)</f>
        <v>8.1724651159490583E-2</v>
      </c>
      <c r="P2742" s="58">
        <f>IF(Input!$K$13=3,J2742*Input!$J$13,0)+IF(Input!$K$14=3,K2742*Input!$J$14,0)+IF(Input!$K$15=3,L2742*Input!$J$15,0)+IF(Input!$K$16=3,M2742*Input!$J$16,0)</f>
        <v>0</v>
      </c>
      <c r="Q2742" s="71">
        <f>IF(Input!$K$13=4,J2742*Input!$J$13,0)+IF(Input!$K$14=4,K2742*Input!$J$14,0)+IF(Input!$K$15=4,L2742*Input!$J$15,0)+IF(Input!$K$16=4,M2742*Input!$J$16,0)</f>
        <v>0</v>
      </c>
    </row>
    <row r="2743" spans="8:17" x14ac:dyDescent="0.25">
      <c r="H2743" s="43">
        <v>2736</v>
      </c>
      <c r="I2743" s="55">
        <f>Bühler!I2769</f>
        <v>0.4760298912880363</v>
      </c>
      <c r="J2743" s="58">
        <f>Bühler!J2769</f>
        <v>8.6500708299568156</v>
      </c>
      <c r="K2743" s="58">
        <f>Bühler!K2769</f>
        <v>0.60536778636659694</v>
      </c>
      <c r="L2743" s="58">
        <f>Bühler!L2769</f>
        <v>0.30268389318329847</v>
      </c>
      <c r="M2743" s="57">
        <f>Bühler!M2769</f>
        <v>0</v>
      </c>
      <c r="N2743" s="55">
        <f>IF(Input!$K$13=1,J2743*Input!$J$13,0)+IF(Input!$K$14=1,K2743*Input!$J$14,0)+IF(Input!$K$15=1,L2743*Input!$J$15,0)+IF(Input!$K$16=1,M2743*Input!$J$16,0)</f>
        <v>1.0380084995948178</v>
      </c>
      <c r="O2743" s="58">
        <f>IF(Input!$K$13=2,J2743*Input!$J$13,0)+IF(Input!$K$14=2,K2743*Input!$J$14,0)+IF(Input!$K$15=2,L2743*Input!$J$15,0)+IF(Input!$K$16=2,M2743*Input!$J$16,0)</f>
        <v>8.1724651159490583E-2</v>
      </c>
      <c r="P2743" s="58">
        <f>IF(Input!$K$13=3,J2743*Input!$J$13,0)+IF(Input!$K$14=3,K2743*Input!$J$14,0)+IF(Input!$K$15=3,L2743*Input!$J$15,0)+IF(Input!$K$16=3,M2743*Input!$J$16,0)</f>
        <v>0</v>
      </c>
      <c r="Q2743" s="71">
        <f>IF(Input!$K$13=4,J2743*Input!$J$13,0)+IF(Input!$K$14=4,K2743*Input!$J$14,0)+IF(Input!$K$15=4,L2743*Input!$J$15,0)+IF(Input!$K$16=4,M2743*Input!$J$16,0)</f>
        <v>0</v>
      </c>
    </row>
    <row r="2744" spans="8:17" x14ac:dyDescent="0.25">
      <c r="H2744" s="43">
        <v>2737</v>
      </c>
      <c r="I2744" s="55">
        <f>Bühler!I2770</f>
        <v>0.73974565204608089</v>
      </c>
      <c r="J2744" s="58">
        <f>Bühler!J2770</f>
        <v>6.6953993166546022</v>
      </c>
      <c r="K2744" s="58">
        <f>Bühler!K2770</f>
        <v>0.39392122893654535</v>
      </c>
      <c r="L2744" s="58">
        <f>Bühler!L2770</f>
        <v>0.19696061446827268</v>
      </c>
      <c r="M2744" s="57">
        <f>Bühler!M2770</f>
        <v>0</v>
      </c>
      <c r="N2744" s="55">
        <f>IF(Input!$K$13=1,J2744*Input!$J$13,0)+IF(Input!$K$14=1,K2744*Input!$J$14,0)+IF(Input!$K$15=1,L2744*Input!$J$15,0)+IF(Input!$K$16=1,M2744*Input!$J$16,0)</f>
        <v>0.8034479179985522</v>
      </c>
      <c r="O2744" s="58">
        <f>IF(Input!$K$13=2,J2744*Input!$J$13,0)+IF(Input!$K$14=2,K2744*Input!$J$14,0)+IF(Input!$K$15=2,L2744*Input!$J$15,0)+IF(Input!$K$16=2,M2744*Input!$J$16,0)</f>
        <v>5.3179365906433615E-2</v>
      </c>
      <c r="P2744" s="58">
        <f>IF(Input!$K$13=3,J2744*Input!$J$13,0)+IF(Input!$K$14=3,K2744*Input!$J$14,0)+IF(Input!$K$15=3,L2744*Input!$J$15,0)+IF(Input!$K$16=3,M2744*Input!$J$16,0)</f>
        <v>0</v>
      </c>
      <c r="Q2744" s="71">
        <f>IF(Input!$K$13=4,J2744*Input!$J$13,0)+IF(Input!$K$14=4,K2744*Input!$J$14,0)+IF(Input!$K$15=4,L2744*Input!$J$15,0)+IF(Input!$K$16=4,M2744*Input!$J$16,0)</f>
        <v>0</v>
      </c>
    </row>
    <row r="2745" spans="8:17" x14ac:dyDescent="0.25">
      <c r="H2745" s="43">
        <v>2738</v>
      </c>
      <c r="I2745" s="55">
        <f>Bühler!I2771</f>
        <v>0.73974565204608089</v>
      </c>
      <c r="J2745" s="58">
        <f>Bühler!J2771</f>
        <v>9.7827369418760988</v>
      </c>
      <c r="K2745" s="58">
        <f>Bühler!K2771</f>
        <v>0.60026092028425959</v>
      </c>
      <c r="L2745" s="58">
        <f>Bühler!L2771</f>
        <v>0.3001304601421298</v>
      </c>
      <c r="M2745" s="57">
        <f>Bühler!M2771</f>
        <v>0</v>
      </c>
      <c r="N2745" s="55">
        <f>IF(Input!$K$13=1,J2745*Input!$J$13,0)+IF(Input!$K$14=1,K2745*Input!$J$14,0)+IF(Input!$K$15=1,L2745*Input!$J$15,0)+IF(Input!$K$16=1,M2745*Input!$J$16,0)</f>
        <v>1.1739284330251318</v>
      </c>
      <c r="O2745" s="58">
        <f>IF(Input!$K$13=2,J2745*Input!$J$13,0)+IF(Input!$K$14=2,K2745*Input!$J$14,0)+IF(Input!$K$15=2,L2745*Input!$J$15,0)+IF(Input!$K$16=2,M2745*Input!$J$16,0)</f>
        <v>8.1035224238375045E-2</v>
      </c>
      <c r="P2745" s="58">
        <f>IF(Input!$K$13=3,J2745*Input!$J$13,0)+IF(Input!$K$14=3,K2745*Input!$J$14,0)+IF(Input!$K$15=3,L2745*Input!$J$15,0)+IF(Input!$K$16=3,M2745*Input!$J$16,0)</f>
        <v>0</v>
      </c>
      <c r="Q2745" s="71">
        <f>IF(Input!$K$13=4,J2745*Input!$J$13,0)+IF(Input!$K$14=4,K2745*Input!$J$14,0)+IF(Input!$K$15=4,L2745*Input!$J$15,0)+IF(Input!$K$16=4,M2745*Input!$J$16,0)</f>
        <v>0</v>
      </c>
    </row>
    <row r="2746" spans="8:17" x14ac:dyDescent="0.25">
      <c r="H2746" s="43">
        <v>2739</v>
      </c>
      <c r="I2746" s="55">
        <f>Bühler!I2772</f>
        <v>0.73974565204608089</v>
      </c>
      <c r="J2746" s="58">
        <f>Bühler!J2772</f>
        <v>9.7827369418760988</v>
      </c>
      <c r="K2746" s="58">
        <f>Bühler!K2772</f>
        <v>0.60026092028425959</v>
      </c>
      <c r="L2746" s="58">
        <f>Bühler!L2772</f>
        <v>0.3001304601421298</v>
      </c>
      <c r="M2746" s="57">
        <f>Bühler!M2772</f>
        <v>0</v>
      </c>
      <c r="N2746" s="55">
        <f>IF(Input!$K$13=1,J2746*Input!$J$13,0)+IF(Input!$K$14=1,K2746*Input!$J$14,0)+IF(Input!$K$15=1,L2746*Input!$J$15,0)+IF(Input!$K$16=1,M2746*Input!$J$16,0)</f>
        <v>1.1739284330251318</v>
      </c>
      <c r="O2746" s="58">
        <f>IF(Input!$K$13=2,J2746*Input!$J$13,0)+IF(Input!$K$14=2,K2746*Input!$J$14,0)+IF(Input!$K$15=2,L2746*Input!$J$15,0)+IF(Input!$K$16=2,M2746*Input!$J$16,0)</f>
        <v>8.1035224238375045E-2</v>
      </c>
      <c r="P2746" s="58">
        <f>IF(Input!$K$13=3,J2746*Input!$J$13,0)+IF(Input!$K$14=3,K2746*Input!$J$14,0)+IF(Input!$K$15=3,L2746*Input!$J$15,0)+IF(Input!$K$16=3,M2746*Input!$J$16,0)</f>
        <v>0</v>
      </c>
      <c r="Q2746" s="71">
        <f>IF(Input!$K$13=4,J2746*Input!$J$13,0)+IF(Input!$K$14=4,K2746*Input!$J$14,0)+IF(Input!$K$15=4,L2746*Input!$J$15,0)+IF(Input!$K$16=4,M2746*Input!$J$16,0)</f>
        <v>0</v>
      </c>
    </row>
    <row r="2747" spans="8:17" x14ac:dyDescent="0.25">
      <c r="H2747" s="43">
        <v>2740</v>
      </c>
      <c r="I2747" s="55">
        <f>Bühler!I2773</f>
        <v>0.73974565204608089</v>
      </c>
      <c r="J2747" s="58">
        <f>Bühler!J2773</f>
        <v>9.7827369418760988</v>
      </c>
      <c r="K2747" s="58">
        <f>Bühler!K2773</f>
        <v>0.60026092028425959</v>
      </c>
      <c r="L2747" s="58">
        <f>Bühler!L2773</f>
        <v>0.3001304601421298</v>
      </c>
      <c r="M2747" s="57">
        <f>Bühler!M2773</f>
        <v>0</v>
      </c>
      <c r="N2747" s="55">
        <f>IF(Input!$K$13=1,J2747*Input!$J$13,0)+IF(Input!$K$14=1,K2747*Input!$J$14,0)+IF(Input!$K$15=1,L2747*Input!$J$15,0)+IF(Input!$K$16=1,M2747*Input!$J$16,0)</f>
        <v>1.1739284330251318</v>
      </c>
      <c r="O2747" s="58">
        <f>IF(Input!$K$13=2,J2747*Input!$J$13,0)+IF(Input!$K$14=2,K2747*Input!$J$14,0)+IF(Input!$K$15=2,L2747*Input!$J$15,0)+IF(Input!$K$16=2,M2747*Input!$J$16,0)</f>
        <v>8.1035224238375045E-2</v>
      </c>
      <c r="P2747" s="58">
        <f>IF(Input!$K$13=3,J2747*Input!$J$13,0)+IF(Input!$K$14=3,K2747*Input!$J$14,0)+IF(Input!$K$15=3,L2747*Input!$J$15,0)+IF(Input!$K$16=3,M2747*Input!$J$16,0)</f>
        <v>0</v>
      </c>
      <c r="Q2747" s="71">
        <f>IF(Input!$K$13=4,J2747*Input!$J$13,0)+IF(Input!$K$14=4,K2747*Input!$J$14,0)+IF(Input!$K$15=4,L2747*Input!$J$15,0)+IF(Input!$K$16=4,M2747*Input!$J$16,0)</f>
        <v>0</v>
      </c>
    </row>
    <row r="2748" spans="8:17" x14ac:dyDescent="0.25">
      <c r="H2748" s="43">
        <v>2741</v>
      </c>
      <c r="I2748" s="55">
        <f>Bühler!I2774</f>
        <v>0.73974565204608089</v>
      </c>
      <c r="J2748" s="58">
        <f>Bühler!J2774</f>
        <v>9.7827369418760988</v>
      </c>
      <c r="K2748" s="58">
        <f>Bühler!K2774</f>
        <v>0.60026092028425959</v>
      </c>
      <c r="L2748" s="58">
        <f>Bühler!L2774</f>
        <v>0.3001304601421298</v>
      </c>
      <c r="M2748" s="57">
        <f>Bühler!M2774</f>
        <v>0</v>
      </c>
      <c r="N2748" s="55">
        <f>IF(Input!$K$13=1,J2748*Input!$J$13,0)+IF(Input!$K$14=1,K2748*Input!$J$14,0)+IF(Input!$K$15=1,L2748*Input!$J$15,0)+IF(Input!$K$16=1,M2748*Input!$J$16,0)</f>
        <v>1.1739284330251318</v>
      </c>
      <c r="O2748" s="58">
        <f>IF(Input!$K$13=2,J2748*Input!$J$13,0)+IF(Input!$K$14=2,K2748*Input!$J$14,0)+IF(Input!$K$15=2,L2748*Input!$J$15,0)+IF(Input!$K$16=2,M2748*Input!$J$16,0)</f>
        <v>8.1035224238375045E-2</v>
      </c>
      <c r="P2748" s="58">
        <f>IF(Input!$K$13=3,J2748*Input!$J$13,0)+IF(Input!$K$14=3,K2748*Input!$J$14,0)+IF(Input!$K$15=3,L2748*Input!$J$15,0)+IF(Input!$K$16=3,M2748*Input!$J$16,0)</f>
        <v>0</v>
      </c>
      <c r="Q2748" s="71">
        <f>IF(Input!$K$13=4,J2748*Input!$J$13,0)+IF(Input!$K$14=4,K2748*Input!$J$14,0)+IF(Input!$K$15=4,L2748*Input!$J$15,0)+IF(Input!$K$16=4,M2748*Input!$J$16,0)</f>
        <v>0</v>
      </c>
    </row>
    <row r="2749" spans="8:17" x14ac:dyDescent="0.25">
      <c r="H2749" s="43">
        <v>2742</v>
      </c>
      <c r="I2749" s="55">
        <f>Bühler!I2775</f>
        <v>0.73974565204608089</v>
      </c>
      <c r="J2749" s="58">
        <f>Bühler!J2775</f>
        <v>9.7827369418760988</v>
      </c>
      <c r="K2749" s="58">
        <f>Bühler!K2775</f>
        <v>0.60026092028425959</v>
      </c>
      <c r="L2749" s="58">
        <f>Bühler!L2775</f>
        <v>0.3001304601421298</v>
      </c>
      <c r="M2749" s="57">
        <f>Bühler!M2775</f>
        <v>0</v>
      </c>
      <c r="N2749" s="55">
        <f>IF(Input!$K$13=1,J2749*Input!$J$13,0)+IF(Input!$K$14=1,K2749*Input!$J$14,0)+IF(Input!$K$15=1,L2749*Input!$J$15,0)+IF(Input!$K$16=1,M2749*Input!$J$16,0)</f>
        <v>1.1739284330251318</v>
      </c>
      <c r="O2749" s="58">
        <f>IF(Input!$K$13=2,J2749*Input!$J$13,0)+IF(Input!$K$14=2,K2749*Input!$J$14,0)+IF(Input!$K$15=2,L2749*Input!$J$15,0)+IF(Input!$K$16=2,M2749*Input!$J$16,0)</f>
        <v>8.1035224238375045E-2</v>
      </c>
      <c r="P2749" s="58">
        <f>IF(Input!$K$13=3,J2749*Input!$J$13,0)+IF(Input!$K$14=3,K2749*Input!$J$14,0)+IF(Input!$K$15=3,L2749*Input!$J$15,0)+IF(Input!$K$16=3,M2749*Input!$J$16,0)</f>
        <v>0</v>
      </c>
      <c r="Q2749" s="71">
        <f>IF(Input!$K$13=4,J2749*Input!$J$13,0)+IF(Input!$K$14=4,K2749*Input!$J$14,0)+IF(Input!$K$15=4,L2749*Input!$J$15,0)+IF(Input!$K$16=4,M2749*Input!$J$16,0)</f>
        <v>0</v>
      </c>
    </row>
    <row r="2750" spans="8:17" x14ac:dyDescent="0.25">
      <c r="H2750" s="43">
        <v>2743</v>
      </c>
      <c r="I2750" s="55">
        <f>Bühler!I2776</f>
        <v>0.73974565204608089</v>
      </c>
      <c r="J2750" s="58">
        <f>Bühler!J2776</f>
        <v>9.7827369418760988</v>
      </c>
      <c r="K2750" s="58">
        <f>Bühler!K2776</f>
        <v>0.60026092028425959</v>
      </c>
      <c r="L2750" s="58">
        <f>Bühler!L2776</f>
        <v>0.3001304601421298</v>
      </c>
      <c r="M2750" s="57">
        <f>Bühler!M2776</f>
        <v>0</v>
      </c>
      <c r="N2750" s="55">
        <f>IF(Input!$K$13=1,J2750*Input!$J$13,0)+IF(Input!$K$14=1,K2750*Input!$J$14,0)+IF(Input!$K$15=1,L2750*Input!$J$15,0)+IF(Input!$K$16=1,M2750*Input!$J$16,0)</f>
        <v>1.1739284330251318</v>
      </c>
      <c r="O2750" s="58">
        <f>IF(Input!$K$13=2,J2750*Input!$J$13,0)+IF(Input!$K$14=2,K2750*Input!$J$14,0)+IF(Input!$K$15=2,L2750*Input!$J$15,0)+IF(Input!$K$16=2,M2750*Input!$J$16,0)</f>
        <v>8.1035224238375045E-2</v>
      </c>
      <c r="P2750" s="58">
        <f>IF(Input!$K$13=3,J2750*Input!$J$13,0)+IF(Input!$K$14=3,K2750*Input!$J$14,0)+IF(Input!$K$15=3,L2750*Input!$J$15,0)+IF(Input!$K$16=3,M2750*Input!$J$16,0)</f>
        <v>0</v>
      </c>
      <c r="Q2750" s="71">
        <f>IF(Input!$K$13=4,J2750*Input!$J$13,0)+IF(Input!$K$14=4,K2750*Input!$J$14,0)+IF(Input!$K$15=4,L2750*Input!$J$15,0)+IF(Input!$K$16=4,M2750*Input!$J$16,0)</f>
        <v>0</v>
      </c>
    </row>
    <row r="2751" spans="8:17" x14ac:dyDescent="0.25">
      <c r="H2751" s="43">
        <v>2744</v>
      </c>
      <c r="I2751" s="55">
        <f>Bühler!I2777</f>
        <v>2.1309447331520972</v>
      </c>
      <c r="J2751" s="58">
        <f>Bühler!J2777</f>
        <v>40.170509428403882</v>
      </c>
      <c r="K2751" s="58">
        <f>Bühler!K2777</f>
        <v>2.5304749420733317</v>
      </c>
      <c r="L2751" s="58">
        <f>Bühler!L2777</f>
        <v>1.2652374710366658</v>
      </c>
      <c r="M2751" s="57">
        <f>Bühler!M2777</f>
        <v>0</v>
      </c>
      <c r="N2751" s="55">
        <f>IF(Input!$K$13=1,J2751*Input!$J$13,0)+IF(Input!$K$14=1,K2751*Input!$J$14,0)+IF(Input!$K$15=1,L2751*Input!$J$15,0)+IF(Input!$K$16=1,M2751*Input!$J$16,0)</f>
        <v>4.8204611314084653</v>
      </c>
      <c r="O2751" s="58">
        <f>IF(Input!$K$13=2,J2751*Input!$J$13,0)+IF(Input!$K$14=2,K2751*Input!$J$14,0)+IF(Input!$K$15=2,L2751*Input!$J$15,0)+IF(Input!$K$16=2,M2751*Input!$J$16,0)</f>
        <v>0.34161411717989976</v>
      </c>
      <c r="P2751" s="58">
        <f>IF(Input!$K$13=3,J2751*Input!$J$13,0)+IF(Input!$K$14=3,K2751*Input!$J$14,0)+IF(Input!$K$15=3,L2751*Input!$J$15,0)+IF(Input!$K$16=3,M2751*Input!$J$16,0)</f>
        <v>0</v>
      </c>
      <c r="Q2751" s="71">
        <f>IF(Input!$K$13=4,J2751*Input!$J$13,0)+IF(Input!$K$14=4,K2751*Input!$J$14,0)+IF(Input!$K$15=4,L2751*Input!$J$15,0)+IF(Input!$K$16=4,M2751*Input!$J$16,0)</f>
        <v>0</v>
      </c>
    </row>
    <row r="2752" spans="8:17" x14ac:dyDescent="0.25">
      <c r="H2752" s="43">
        <v>2745</v>
      </c>
      <c r="I2752" s="55">
        <f>Bühler!I2778</f>
        <v>2.3776857022539191</v>
      </c>
      <c r="J2752" s="58">
        <f>Bühler!J2778</f>
        <v>44.821831572745388</v>
      </c>
      <c r="K2752" s="58">
        <f>Bühler!K2778</f>
        <v>2.8234773037870862</v>
      </c>
      <c r="L2752" s="58">
        <f>Bühler!L2778</f>
        <v>1.4117386518935431</v>
      </c>
      <c r="M2752" s="57">
        <f>Bühler!M2778</f>
        <v>0</v>
      </c>
      <c r="N2752" s="55">
        <f>IF(Input!$K$13=1,J2752*Input!$J$13,0)+IF(Input!$K$14=1,K2752*Input!$J$14,0)+IF(Input!$K$15=1,L2752*Input!$J$15,0)+IF(Input!$K$16=1,M2752*Input!$J$16,0)</f>
        <v>5.3786197887294467</v>
      </c>
      <c r="O2752" s="58">
        <f>IF(Input!$K$13=2,J2752*Input!$J$13,0)+IF(Input!$K$14=2,K2752*Input!$J$14,0)+IF(Input!$K$15=2,L2752*Input!$J$15,0)+IF(Input!$K$16=2,M2752*Input!$J$16,0)</f>
        <v>0.38116943601125663</v>
      </c>
      <c r="P2752" s="58">
        <f>IF(Input!$K$13=3,J2752*Input!$J$13,0)+IF(Input!$K$14=3,K2752*Input!$J$14,0)+IF(Input!$K$15=3,L2752*Input!$J$15,0)+IF(Input!$K$16=3,M2752*Input!$J$16,0)</f>
        <v>0</v>
      </c>
      <c r="Q2752" s="71">
        <f>IF(Input!$K$13=4,J2752*Input!$J$13,0)+IF(Input!$K$14=4,K2752*Input!$J$14,0)+IF(Input!$K$15=4,L2752*Input!$J$15,0)+IF(Input!$K$16=4,M2752*Input!$J$16,0)</f>
        <v>0</v>
      </c>
    </row>
    <row r="2753" spans="8:17" x14ac:dyDescent="0.25">
      <c r="H2753" s="43">
        <v>2746</v>
      </c>
      <c r="I2753" s="55">
        <f>Bühler!I2779</f>
        <v>2.6244266713557409</v>
      </c>
      <c r="J2753" s="58">
        <f>Bühler!J2779</f>
        <v>49.473153717086895</v>
      </c>
      <c r="K2753" s="58">
        <f>Bühler!K2779</f>
        <v>3.1164796655008407</v>
      </c>
      <c r="L2753" s="58">
        <f>Bühler!L2779</f>
        <v>1.5582398327504203</v>
      </c>
      <c r="M2753" s="57">
        <f>Bühler!M2779</f>
        <v>0</v>
      </c>
      <c r="N2753" s="55">
        <f>IF(Input!$K$13=1,J2753*Input!$J$13,0)+IF(Input!$K$14=1,K2753*Input!$J$14,0)+IF(Input!$K$15=1,L2753*Input!$J$15,0)+IF(Input!$K$16=1,M2753*Input!$J$16,0)</f>
        <v>5.9367784460504271</v>
      </c>
      <c r="O2753" s="58">
        <f>IF(Input!$K$13=2,J2753*Input!$J$13,0)+IF(Input!$K$14=2,K2753*Input!$J$14,0)+IF(Input!$K$15=2,L2753*Input!$J$15,0)+IF(Input!$K$16=2,M2753*Input!$J$16,0)</f>
        <v>0.42072475484261346</v>
      </c>
      <c r="P2753" s="58">
        <f>IF(Input!$K$13=3,J2753*Input!$J$13,0)+IF(Input!$K$14=3,K2753*Input!$J$14,0)+IF(Input!$K$15=3,L2753*Input!$J$15,0)+IF(Input!$K$16=3,M2753*Input!$J$16,0)</f>
        <v>0</v>
      </c>
      <c r="Q2753" s="71">
        <f>IF(Input!$K$13=4,J2753*Input!$J$13,0)+IF(Input!$K$14=4,K2753*Input!$J$14,0)+IF(Input!$K$15=4,L2753*Input!$J$15,0)+IF(Input!$K$16=4,M2753*Input!$J$16,0)</f>
        <v>0</v>
      </c>
    </row>
    <row r="2754" spans="8:17" x14ac:dyDescent="0.25">
      <c r="H2754" s="43">
        <v>2747</v>
      </c>
      <c r="I2754" s="55">
        <f>Bühler!I2780</f>
        <v>2.6244266713557409</v>
      </c>
      <c r="J2754" s="58">
        <f>Bühler!J2780</f>
        <v>49.473153717086895</v>
      </c>
      <c r="K2754" s="58">
        <f>Bühler!K2780</f>
        <v>3.1164796655008407</v>
      </c>
      <c r="L2754" s="58">
        <f>Bühler!L2780</f>
        <v>1.5582398327504203</v>
      </c>
      <c r="M2754" s="57">
        <f>Bühler!M2780</f>
        <v>0</v>
      </c>
      <c r="N2754" s="55">
        <f>IF(Input!$K$13=1,J2754*Input!$J$13,0)+IF(Input!$K$14=1,K2754*Input!$J$14,0)+IF(Input!$K$15=1,L2754*Input!$J$15,0)+IF(Input!$K$16=1,M2754*Input!$J$16,0)</f>
        <v>5.9367784460504271</v>
      </c>
      <c r="O2754" s="58">
        <f>IF(Input!$K$13=2,J2754*Input!$J$13,0)+IF(Input!$K$14=2,K2754*Input!$J$14,0)+IF(Input!$K$15=2,L2754*Input!$J$15,0)+IF(Input!$K$16=2,M2754*Input!$J$16,0)</f>
        <v>0.42072475484261346</v>
      </c>
      <c r="P2754" s="58">
        <f>IF(Input!$K$13=3,J2754*Input!$J$13,0)+IF(Input!$K$14=3,K2754*Input!$J$14,0)+IF(Input!$K$15=3,L2754*Input!$J$15,0)+IF(Input!$K$16=3,M2754*Input!$J$16,0)</f>
        <v>0</v>
      </c>
      <c r="Q2754" s="71">
        <f>IF(Input!$K$13=4,J2754*Input!$J$13,0)+IF(Input!$K$14=4,K2754*Input!$J$14,0)+IF(Input!$K$15=4,L2754*Input!$J$15,0)+IF(Input!$K$16=4,M2754*Input!$J$16,0)</f>
        <v>0</v>
      </c>
    </row>
    <row r="2755" spans="8:17" x14ac:dyDescent="0.25">
      <c r="H2755" s="43">
        <v>2748</v>
      </c>
      <c r="I2755" s="55">
        <f>Bühler!I2781</f>
        <v>3.1403396067504592</v>
      </c>
      <c r="J2755" s="58">
        <f>Bühler!J2781</f>
        <v>59.198645473437303</v>
      </c>
      <c r="K2755" s="58">
        <f>Bühler!K2781</f>
        <v>3.7291209672659629</v>
      </c>
      <c r="L2755" s="58">
        <f>Bühler!L2781</f>
        <v>1.8645604836329814</v>
      </c>
      <c r="M2755" s="57">
        <f>Bühler!M2781</f>
        <v>0</v>
      </c>
      <c r="N2755" s="55">
        <f>IF(Input!$K$13=1,J2755*Input!$J$13,0)+IF(Input!$K$14=1,K2755*Input!$J$14,0)+IF(Input!$K$15=1,L2755*Input!$J$15,0)+IF(Input!$K$16=1,M2755*Input!$J$16,0)</f>
        <v>7.1038374568124762</v>
      </c>
      <c r="O2755" s="58">
        <f>IF(Input!$K$13=2,J2755*Input!$J$13,0)+IF(Input!$K$14=2,K2755*Input!$J$14,0)+IF(Input!$K$15=2,L2755*Input!$J$15,0)+IF(Input!$K$16=2,M2755*Input!$J$16,0)</f>
        <v>0.50343133058090495</v>
      </c>
      <c r="P2755" s="58">
        <f>IF(Input!$K$13=3,J2755*Input!$J$13,0)+IF(Input!$K$14=3,K2755*Input!$J$14,0)+IF(Input!$K$15=3,L2755*Input!$J$15,0)+IF(Input!$K$16=3,M2755*Input!$J$16,0)</f>
        <v>0</v>
      </c>
      <c r="Q2755" s="71">
        <f>IF(Input!$K$13=4,J2755*Input!$J$13,0)+IF(Input!$K$14=4,K2755*Input!$J$14,0)+IF(Input!$K$15=4,L2755*Input!$J$15,0)+IF(Input!$K$16=4,M2755*Input!$J$16,0)</f>
        <v>0</v>
      </c>
    </row>
    <row r="2756" spans="8:17" x14ac:dyDescent="0.25">
      <c r="H2756" s="43">
        <v>2749</v>
      </c>
      <c r="I2756" s="55">
        <f>Bühler!I2782</f>
        <v>3.1403396067504592</v>
      </c>
      <c r="J2756" s="58">
        <f>Bühler!J2782</f>
        <v>59.198645473437303</v>
      </c>
      <c r="K2756" s="58">
        <f>Bühler!K2782</f>
        <v>3.7291209672659629</v>
      </c>
      <c r="L2756" s="58">
        <f>Bühler!L2782</f>
        <v>1.8645604836329814</v>
      </c>
      <c r="M2756" s="57">
        <f>Bühler!M2782</f>
        <v>0</v>
      </c>
      <c r="N2756" s="55">
        <f>IF(Input!$K$13=1,J2756*Input!$J$13,0)+IF(Input!$K$14=1,K2756*Input!$J$14,0)+IF(Input!$K$15=1,L2756*Input!$J$15,0)+IF(Input!$K$16=1,M2756*Input!$J$16,0)</f>
        <v>7.1038374568124762</v>
      </c>
      <c r="O2756" s="58">
        <f>IF(Input!$K$13=2,J2756*Input!$J$13,0)+IF(Input!$K$14=2,K2756*Input!$J$14,0)+IF(Input!$K$15=2,L2756*Input!$J$15,0)+IF(Input!$K$16=2,M2756*Input!$J$16,0)</f>
        <v>0.50343133058090495</v>
      </c>
      <c r="P2756" s="58">
        <f>IF(Input!$K$13=3,J2756*Input!$J$13,0)+IF(Input!$K$14=3,K2756*Input!$J$14,0)+IF(Input!$K$15=3,L2756*Input!$J$15,0)+IF(Input!$K$16=3,M2756*Input!$J$16,0)</f>
        <v>0</v>
      </c>
      <c r="Q2756" s="71">
        <f>IF(Input!$K$13=4,J2756*Input!$J$13,0)+IF(Input!$K$14=4,K2756*Input!$J$14,0)+IF(Input!$K$15=4,L2756*Input!$J$15,0)+IF(Input!$K$16=4,M2756*Input!$J$16,0)</f>
        <v>0</v>
      </c>
    </row>
    <row r="2757" spans="8:17" x14ac:dyDescent="0.25">
      <c r="H2757" s="43">
        <v>2750</v>
      </c>
      <c r="I2757" s="55">
        <f>Bühler!I2783</f>
        <v>2.0860827387699477</v>
      </c>
      <c r="J2757" s="58">
        <f>Bühler!J2783</f>
        <v>39.324814493069063</v>
      </c>
      <c r="K2757" s="58">
        <f>Bühler!K2783</f>
        <v>2.4772017853981039</v>
      </c>
      <c r="L2757" s="58">
        <f>Bühler!L2783</f>
        <v>1.2386008926990519</v>
      </c>
      <c r="M2757" s="57">
        <f>Bühler!M2783</f>
        <v>0</v>
      </c>
      <c r="N2757" s="55">
        <f>IF(Input!$K$13=1,J2757*Input!$J$13,0)+IF(Input!$K$14=1,K2757*Input!$J$14,0)+IF(Input!$K$15=1,L2757*Input!$J$15,0)+IF(Input!$K$16=1,M2757*Input!$J$16,0)</f>
        <v>4.7189777391682872</v>
      </c>
      <c r="O2757" s="58">
        <f>IF(Input!$K$13=2,J2757*Input!$J$13,0)+IF(Input!$K$14=2,K2757*Input!$J$14,0)+IF(Input!$K$15=2,L2757*Input!$J$15,0)+IF(Input!$K$16=2,M2757*Input!$J$16,0)</f>
        <v>0.33442224102874402</v>
      </c>
      <c r="P2757" s="58">
        <f>IF(Input!$K$13=3,J2757*Input!$J$13,0)+IF(Input!$K$14=3,K2757*Input!$J$14,0)+IF(Input!$K$15=3,L2757*Input!$J$15,0)+IF(Input!$K$16=3,M2757*Input!$J$16,0)</f>
        <v>0</v>
      </c>
      <c r="Q2757" s="71">
        <f>IF(Input!$K$13=4,J2757*Input!$J$13,0)+IF(Input!$K$14=4,K2757*Input!$J$14,0)+IF(Input!$K$15=4,L2757*Input!$J$15,0)+IF(Input!$K$16=4,M2757*Input!$J$16,0)</f>
        <v>0</v>
      </c>
    </row>
    <row r="2758" spans="8:17" x14ac:dyDescent="0.25">
      <c r="H2758" s="43">
        <v>2751</v>
      </c>
      <c r="I2758" s="55">
        <f>Bühler!I2784</f>
        <v>3.1403396067504592</v>
      </c>
      <c r="J2758" s="58">
        <f>Bühler!J2784</f>
        <v>59.198645473437303</v>
      </c>
      <c r="K2758" s="58">
        <f>Bühler!K2784</f>
        <v>3.7291209672659629</v>
      </c>
      <c r="L2758" s="58">
        <f>Bühler!L2784</f>
        <v>1.8645604836329814</v>
      </c>
      <c r="M2758" s="57">
        <f>Bühler!M2784</f>
        <v>0</v>
      </c>
      <c r="N2758" s="55">
        <f>IF(Input!$K$13=1,J2758*Input!$J$13,0)+IF(Input!$K$14=1,K2758*Input!$J$14,0)+IF(Input!$K$15=1,L2758*Input!$J$15,0)+IF(Input!$K$16=1,M2758*Input!$J$16,0)</f>
        <v>7.1038374568124762</v>
      </c>
      <c r="O2758" s="58">
        <f>IF(Input!$K$13=2,J2758*Input!$J$13,0)+IF(Input!$K$14=2,K2758*Input!$J$14,0)+IF(Input!$K$15=2,L2758*Input!$J$15,0)+IF(Input!$K$16=2,M2758*Input!$J$16,0)</f>
        <v>0.50343133058090495</v>
      </c>
      <c r="P2758" s="58">
        <f>IF(Input!$K$13=3,J2758*Input!$J$13,0)+IF(Input!$K$14=3,K2758*Input!$J$14,0)+IF(Input!$K$15=3,L2758*Input!$J$15,0)+IF(Input!$K$16=3,M2758*Input!$J$16,0)</f>
        <v>0</v>
      </c>
      <c r="Q2758" s="71">
        <f>IF(Input!$K$13=4,J2758*Input!$J$13,0)+IF(Input!$K$14=4,K2758*Input!$J$14,0)+IF(Input!$K$15=4,L2758*Input!$J$15,0)+IF(Input!$K$16=4,M2758*Input!$J$16,0)</f>
        <v>0</v>
      </c>
    </row>
    <row r="2759" spans="8:17" x14ac:dyDescent="0.25">
      <c r="H2759" s="43">
        <v>2752</v>
      </c>
      <c r="I2759" s="55">
        <f>Bühler!I2785</f>
        <v>3.1403396067504592</v>
      </c>
      <c r="J2759" s="58">
        <f>Bühler!J2785</f>
        <v>59.198645473437303</v>
      </c>
      <c r="K2759" s="58">
        <f>Bühler!K2785</f>
        <v>3.7291209672659629</v>
      </c>
      <c r="L2759" s="58">
        <f>Bühler!L2785</f>
        <v>1.8645604836329814</v>
      </c>
      <c r="M2759" s="57">
        <f>Bühler!M2785</f>
        <v>0</v>
      </c>
      <c r="N2759" s="55">
        <f>IF(Input!$K$13=1,J2759*Input!$J$13,0)+IF(Input!$K$14=1,K2759*Input!$J$14,0)+IF(Input!$K$15=1,L2759*Input!$J$15,0)+IF(Input!$K$16=1,M2759*Input!$J$16,0)</f>
        <v>7.1038374568124762</v>
      </c>
      <c r="O2759" s="58">
        <f>IF(Input!$K$13=2,J2759*Input!$J$13,0)+IF(Input!$K$14=2,K2759*Input!$J$14,0)+IF(Input!$K$15=2,L2759*Input!$J$15,0)+IF(Input!$K$16=2,M2759*Input!$J$16,0)</f>
        <v>0.50343133058090495</v>
      </c>
      <c r="P2759" s="58">
        <f>IF(Input!$K$13=3,J2759*Input!$J$13,0)+IF(Input!$K$14=3,K2759*Input!$J$14,0)+IF(Input!$K$15=3,L2759*Input!$J$15,0)+IF(Input!$K$16=3,M2759*Input!$J$16,0)</f>
        <v>0</v>
      </c>
      <c r="Q2759" s="71">
        <f>IF(Input!$K$13=4,J2759*Input!$J$13,0)+IF(Input!$K$14=4,K2759*Input!$J$14,0)+IF(Input!$K$15=4,L2759*Input!$J$15,0)+IF(Input!$K$16=4,M2759*Input!$J$16,0)</f>
        <v>0</v>
      </c>
    </row>
    <row r="2760" spans="8:17" x14ac:dyDescent="0.25">
      <c r="H2760" s="43">
        <v>2753</v>
      </c>
      <c r="I2760" s="55">
        <f>Bühler!I2786</f>
        <v>2.6249039266151253</v>
      </c>
      <c r="J2760" s="58">
        <f>Bühler!J2786</f>
        <v>35.723791629108689</v>
      </c>
      <c r="K2760" s="58">
        <f>Bühler!K2786</f>
        <v>2.1975177128531564</v>
      </c>
      <c r="L2760" s="58">
        <f>Bühler!L2786</f>
        <v>1.0987588564265782</v>
      </c>
      <c r="M2760" s="57">
        <f>Bühler!M2786</f>
        <v>0</v>
      </c>
      <c r="N2760" s="55">
        <f>IF(Input!$K$13=1,J2760*Input!$J$13,0)+IF(Input!$K$14=1,K2760*Input!$J$14,0)+IF(Input!$K$15=1,L2760*Input!$J$15,0)+IF(Input!$K$16=1,M2760*Input!$J$16,0)</f>
        <v>4.2868549954930426</v>
      </c>
      <c r="O2760" s="58">
        <f>IF(Input!$K$13=2,J2760*Input!$J$13,0)+IF(Input!$K$14=2,K2760*Input!$J$14,0)+IF(Input!$K$15=2,L2760*Input!$J$15,0)+IF(Input!$K$16=2,M2760*Input!$J$16,0)</f>
        <v>0.29666489123517614</v>
      </c>
      <c r="P2760" s="58">
        <f>IF(Input!$K$13=3,J2760*Input!$J$13,0)+IF(Input!$K$14=3,K2760*Input!$J$14,0)+IF(Input!$K$15=3,L2760*Input!$J$15,0)+IF(Input!$K$16=3,M2760*Input!$J$16,0)</f>
        <v>0</v>
      </c>
      <c r="Q2760" s="71">
        <f>IF(Input!$K$13=4,J2760*Input!$J$13,0)+IF(Input!$K$14=4,K2760*Input!$J$14,0)+IF(Input!$K$15=4,L2760*Input!$J$15,0)+IF(Input!$K$16=4,M2760*Input!$J$16,0)</f>
        <v>0</v>
      </c>
    </row>
    <row r="2761" spans="8:17" x14ac:dyDescent="0.25">
      <c r="H2761" s="43">
        <v>2754</v>
      </c>
      <c r="I2761" s="55">
        <f>Bühler!I2787</f>
        <v>2.0856054835105633</v>
      </c>
      <c r="J2761" s="58">
        <f>Bühler!J2787</f>
        <v>16.292758782385686</v>
      </c>
      <c r="K2761" s="58">
        <f>Bühler!K2787</f>
        <v>0.9379076879441558</v>
      </c>
      <c r="L2761" s="58">
        <f>Bühler!L2787</f>
        <v>0.4689538439720779</v>
      </c>
      <c r="M2761" s="57">
        <f>Bühler!M2787</f>
        <v>0</v>
      </c>
      <c r="N2761" s="55">
        <f>IF(Input!$K$13=1,J2761*Input!$J$13,0)+IF(Input!$K$14=1,K2761*Input!$J$14,0)+IF(Input!$K$15=1,L2761*Input!$J$15,0)+IF(Input!$K$16=1,M2761*Input!$J$16,0)</f>
        <v>1.9551310538862823</v>
      </c>
      <c r="O2761" s="58">
        <f>IF(Input!$K$13=2,J2761*Input!$J$13,0)+IF(Input!$K$14=2,K2761*Input!$J$14,0)+IF(Input!$K$15=2,L2761*Input!$J$15,0)+IF(Input!$K$16=2,M2761*Input!$J$16,0)</f>
        <v>0.12661753787246102</v>
      </c>
      <c r="P2761" s="58">
        <f>IF(Input!$K$13=3,J2761*Input!$J$13,0)+IF(Input!$K$14=3,K2761*Input!$J$14,0)+IF(Input!$K$15=3,L2761*Input!$J$15,0)+IF(Input!$K$16=3,M2761*Input!$J$16,0)</f>
        <v>0</v>
      </c>
      <c r="Q2761" s="71">
        <f>IF(Input!$K$13=4,J2761*Input!$J$13,0)+IF(Input!$K$14=4,K2761*Input!$J$14,0)+IF(Input!$K$15=4,L2761*Input!$J$15,0)+IF(Input!$K$16=4,M2761*Input!$J$16,0)</f>
        <v>0</v>
      </c>
    </row>
    <row r="2762" spans="8:17" x14ac:dyDescent="0.25">
      <c r="H2762" s="43">
        <v>2755</v>
      </c>
      <c r="I2762" s="55">
        <f>Bühler!I2788</f>
        <v>0.73974565204608089</v>
      </c>
      <c r="J2762" s="58">
        <f>Bühler!J2788</f>
        <v>10.063403998714417</v>
      </c>
      <c r="K2762" s="58">
        <f>Bühler!K2788</f>
        <v>0.61901907404314271</v>
      </c>
      <c r="L2762" s="58">
        <f>Bühler!L2788</f>
        <v>0.30950953702157136</v>
      </c>
      <c r="M2762" s="57">
        <f>Bühler!M2788</f>
        <v>0</v>
      </c>
      <c r="N2762" s="55">
        <f>IF(Input!$K$13=1,J2762*Input!$J$13,0)+IF(Input!$K$14=1,K2762*Input!$J$14,0)+IF(Input!$K$15=1,L2762*Input!$J$15,0)+IF(Input!$K$16=1,M2762*Input!$J$16,0)</f>
        <v>1.2076084798457301</v>
      </c>
      <c r="O2762" s="58">
        <f>IF(Input!$K$13=2,J2762*Input!$J$13,0)+IF(Input!$K$14=2,K2762*Input!$J$14,0)+IF(Input!$K$15=2,L2762*Input!$J$15,0)+IF(Input!$K$16=2,M2762*Input!$J$16,0)</f>
        <v>8.3567574995824262E-2</v>
      </c>
      <c r="P2762" s="58">
        <f>IF(Input!$K$13=3,J2762*Input!$J$13,0)+IF(Input!$K$14=3,K2762*Input!$J$14,0)+IF(Input!$K$15=3,L2762*Input!$J$15,0)+IF(Input!$K$16=3,M2762*Input!$J$16,0)</f>
        <v>0</v>
      </c>
      <c r="Q2762" s="71">
        <f>IF(Input!$K$13=4,J2762*Input!$J$13,0)+IF(Input!$K$14=4,K2762*Input!$J$14,0)+IF(Input!$K$15=4,L2762*Input!$J$15,0)+IF(Input!$K$16=4,M2762*Input!$J$16,0)</f>
        <v>0</v>
      </c>
    </row>
    <row r="2763" spans="8:17" x14ac:dyDescent="0.25">
      <c r="H2763" s="43">
        <v>2756</v>
      </c>
      <c r="I2763" s="55">
        <f>Bühler!I2789</f>
        <v>0.73974565204608089</v>
      </c>
      <c r="J2763" s="58">
        <f>Bühler!J2789</f>
        <v>10.063403998714417</v>
      </c>
      <c r="K2763" s="58">
        <f>Bühler!K2789</f>
        <v>0.61901907404314271</v>
      </c>
      <c r="L2763" s="58">
        <f>Bühler!L2789</f>
        <v>0.30950953702157136</v>
      </c>
      <c r="M2763" s="57">
        <f>Bühler!M2789</f>
        <v>0</v>
      </c>
      <c r="N2763" s="55">
        <f>IF(Input!$K$13=1,J2763*Input!$J$13,0)+IF(Input!$K$14=1,K2763*Input!$J$14,0)+IF(Input!$K$15=1,L2763*Input!$J$15,0)+IF(Input!$K$16=1,M2763*Input!$J$16,0)</f>
        <v>1.2076084798457301</v>
      </c>
      <c r="O2763" s="58">
        <f>IF(Input!$K$13=2,J2763*Input!$J$13,0)+IF(Input!$K$14=2,K2763*Input!$J$14,0)+IF(Input!$K$15=2,L2763*Input!$J$15,0)+IF(Input!$K$16=2,M2763*Input!$J$16,0)</f>
        <v>8.3567574995824262E-2</v>
      </c>
      <c r="P2763" s="58">
        <f>IF(Input!$K$13=3,J2763*Input!$J$13,0)+IF(Input!$K$14=3,K2763*Input!$J$14,0)+IF(Input!$K$15=3,L2763*Input!$J$15,0)+IF(Input!$K$16=3,M2763*Input!$J$16,0)</f>
        <v>0</v>
      </c>
      <c r="Q2763" s="71">
        <f>IF(Input!$K$13=4,J2763*Input!$J$13,0)+IF(Input!$K$14=4,K2763*Input!$J$14,0)+IF(Input!$K$15=4,L2763*Input!$J$15,0)+IF(Input!$K$16=4,M2763*Input!$J$16,0)</f>
        <v>0</v>
      </c>
    </row>
    <row r="2764" spans="8:17" x14ac:dyDescent="0.25">
      <c r="H2764" s="43">
        <v>2757</v>
      </c>
      <c r="I2764" s="55">
        <f>Bühler!I2790</f>
        <v>0.73974565204608089</v>
      </c>
      <c r="J2764" s="58">
        <f>Bühler!J2790</f>
        <v>10.063403998714417</v>
      </c>
      <c r="K2764" s="58">
        <f>Bühler!K2790</f>
        <v>0.61901907404314271</v>
      </c>
      <c r="L2764" s="58">
        <f>Bühler!L2790</f>
        <v>0.30950953702157136</v>
      </c>
      <c r="M2764" s="57">
        <f>Bühler!M2790</f>
        <v>0</v>
      </c>
      <c r="N2764" s="55">
        <f>IF(Input!$K$13=1,J2764*Input!$J$13,0)+IF(Input!$K$14=1,K2764*Input!$J$14,0)+IF(Input!$K$15=1,L2764*Input!$J$15,0)+IF(Input!$K$16=1,M2764*Input!$J$16,0)</f>
        <v>1.2076084798457301</v>
      </c>
      <c r="O2764" s="58">
        <f>IF(Input!$K$13=2,J2764*Input!$J$13,0)+IF(Input!$K$14=2,K2764*Input!$J$14,0)+IF(Input!$K$15=2,L2764*Input!$J$15,0)+IF(Input!$K$16=2,M2764*Input!$J$16,0)</f>
        <v>8.3567574995824262E-2</v>
      </c>
      <c r="P2764" s="58">
        <f>IF(Input!$K$13=3,J2764*Input!$J$13,0)+IF(Input!$K$14=3,K2764*Input!$J$14,0)+IF(Input!$K$15=3,L2764*Input!$J$15,0)+IF(Input!$K$16=3,M2764*Input!$J$16,0)</f>
        <v>0</v>
      </c>
      <c r="Q2764" s="71">
        <f>IF(Input!$K$13=4,J2764*Input!$J$13,0)+IF(Input!$K$14=4,K2764*Input!$J$14,0)+IF(Input!$K$15=4,L2764*Input!$J$15,0)+IF(Input!$K$16=4,M2764*Input!$J$16,0)</f>
        <v>0</v>
      </c>
    </row>
    <row r="2765" spans="8:17" x14ac:dyDescent="0.25">
      <c r="H2765" s="43">
        <v>2758</v>
      </c>
      <c r="I2765" s="55">
        <f>Bühler!I2791</f>
        <v>0.73974565204608089</v>
      </c>
      <c r="J2765" s="58">
        <f>Bühler!J2791</f>
        <v>10.063403998714417</v>
      </c>
      <c r="K2765" s="58">
        <f>Bühler!K2791</f>
        <v>0.61901907404314271</v>
      </c>
      <c r="L2765" s="58">
        <f>Bühler!L2791</f>
        <v>0.30950953702157136</v>
      </c>
      <c r="M2765" s="57">
        <f>Bühler!M2791</f>
        <v>0</v>
      </c>
      <c r="N2765" s="55">
        <f>IF(Input!$K$13=1,J2765*Input!$J$13,0)+IF(Input!$K$14=1,K2765*Input!$J$14,0)+IF(Input!$K$15=1,L2765*Input!$J$15,0)+IF(Input!$K$16=1,M2765*Input!$J$16,0)</f>
        <v>1.2076084798457301</v>
      </c>
      <c r="O2765" s="58">
        <f>IF(Input!$K$13=2,J2765*Input!$J$13,0)+IF(Input!$K$14=2,K2765*Input!$J$14,0)+IF(Input!$K$15=2,L2765*Input!$J$15,0)+IF(Input!$K$16=2,M2765*Input!$J$16,0)</f>
        <v>8.3567574995824262E-2</v>
      </c>
      <c r="P2765" s="58">
        <f>IF(Input!$K$13=3,J2765*Input!$J$13,0)+IF(Input!$K$14=3,K2765*Input!$J$14,0)+IF(Input!$K$15=3,L2765*Input!$J$15,0)+IF(Input!$K$16=3,M2765*Input!$J$16,0)</f>
        <v>0</v>
      </c>
      <c r="Q2765" s="71">
        <f>IF(Input!$K$13=4,J2765*Input!$J$13,0)+IF(Input!$K$14=4,K2765*Input!$J$14,0)+IF(Input!$K$15=4,L2765*Input!$J$15,0)+IF(Input!$K$16=4,M2765*Input!$J$16,0)</f>
        <v>0</v>
      </c>
    </row>
    <row r="2766" spans="8:17" x14ac:dyDescent="0.25">
      <c r="H2766" s="43">
        <v>2759</v>
      </c>
      <c r="I2766" s="55">
        <f>Bühler!I2792</f>
        <v>0.73974565204608089</v>
      </c>
      <c r="J2766" s="58">
        <f>Bühler!J2792</f>
        <v>10.063403998714417</v>
      </c>
      <c r="K2766" s="58">
        <f>Bühler!K2792</f>
        <v>0.61901907404314271</v>
      </c>
      <c r="L2766" s="58">
        <f>Bühler!L2792</f>
        <v>0.30950953702157136</v>
      </c>
      <c r="M2766" s="57">
        <f>Bühler!M2792</f>
        <v>0</v>
      </c>
      <c r="N2766" s="55">
        <f>IF(Input!$K$13=1,J2766*Input!$J$13,0)+IF(Input!$K$14=1,K2766*Input!$J$14,0)+IF(Input!$K$15=1,L2766*Input!$J$15,0)+IF(Input!$K$16=1,M2766*Input!$J$16,0)</f>
        <v>1.2076084798457301</v>
      </c>
      <c r="O2766" s="58">
        <f>IF(Input!$K$13=2,J2766*Input!$J$13,0)+IF(Input!$K$14=2,K2766*Input!$J$14,0)+IF(Input!$K$15=2,L2766*Input!$J$15,0)+IF(Input!$K$16=2,M2766*Input!$J$16,0)</f>
        <v>8.3567574995824262E-2</v>
      </c>
      <c r="P2766" s="58">
        <f>IF(Input!$K$13=3,J2766*Input!$J$13,0)+IF(Input!$K$14=3,K2766*Input!$J$14,0)+IF(Input!$K$15=3,L2766*Input!$J$15,0)+IF(Input!$K$16=3,M2766*Input!$J$16,0)</f>
        <v>0</v>
      </c>
      <c r="Q2766" s="71">
        <f>IF(Input!$K$13=4,J2766*Input!$J$13,0)+IF(Input!$K$14=4,K2766*Input!$J$14,0)+IF(Input!$K$15=4,L2766*Input!$J$15,0)+IF(Input!$K$16=4,M2766*Input!$J$16,0)</f>
        <v>0</v>
      </c>
    </row>
    <row r="2767" spans="8:17" x14ac:dyDescent="0.25">
      <c r="H2767" s="43">
        <v>2760</v>
      </c>
      <c r="I2767" s="55">
        <f>Bühler!I2793</f>
        <v>0.73974565204608089</v>
      </c>
      <c r="J2767" s="58">
        <f>Bühler!J2793</f>
        <v>10.063403998714417</v>
      </c>
      <c r="K2767" s="58">
        <f>Bühler!K2793</f>
        <v>0.61901907404314271</v>
      </c>
      <c r="L2767" s="58">
        <f>Bühler!L2793</f>
        <v>0.30950953702157136</v>
      </c>
      <c r="M2767" s="57">
        <f>Bühler!M2793</f>
        <v>0</v>
      </c>
      <c r="N2767" s="55">
        <f>IF(Input!$K$13=1,J2767*Input!$J$13,0)+IF(Input!$K$14=1,K2767*Input!$J$14,0)+IF(Input!$K$15=1,L2767*Input!$J$15,0)+IF(Input!$K$16=1,M2767*Input!$J$16,0)</f>
        <v>1.2076084798457301</v>
      </c>
      <c r="O2767" s="58">
        <f>IF(Input!$K$13=2,J2767*Input!$J$13,0)+IF(Input!$K$14=2,K2767*Input!$J$14,0)+IF(Input!$K$15=2,L2767*Input!$J$15,0)+IF(Input!$K$16=2,M2767*Input!$J$16,0)</f>
        <v>8.3567574995824262E-2</v>
      </c>
      <c r="P2767" s="58">
        <f>IF(Input!$K$13=3,J2767*Input!$J$13,0)+IF(Input!$K$14=3,K2767*Input!$J$14,0)+IF(Input!$K$15=3,L2767*Input!$J$15,0)+IF(Input!$K$16=3,M2767*Input!$J$16,0)</f>
        <v>0</v>
      </c>
      <c r="Q2767" s="71">
        <f>IF(Input!$K$13=4,J2767*Input!$J$13,0)+IF(Input!$K$14=4,K2767*Input!$J$14,0)+IF(Input!$K$15=4,L2767*Input!$J$15,0)+IF(Input!$K$16=4,M2767*Input!$J$16,0)</f>
        <v>0</v>
      </c>
    </row>
    <row r="2768" spans="8:17" x14ac:dyDescent="0.25">
      <c r="H2768" s="43">
        <v>2761</v>
      </c>
      <c r="I2768" s="55">
        <f>Bühler!I2794</f>
        <v>1.7151151077539679</v>
      </c>
      <c r="J2768" s="58">
        <f>Bühler!J2794</f>
        <v>11.884879358176445</v>
      </c>
      <c r="K2768" s="58">
        <f>Bühler!K2794</f>
        <v>0.62366958087480506</v>
      </c>
      <c r="L2768" s="58">
        <f>Bühler!L2794</f>
        <v>0.31183479043740253</v>
      </c>
      <c r="M2768" s="57">
        <f>Bühler!M2794</f>
        <v>0</v>
      </c>
      <c r="N2768" s="55">
        <f>IF(Input!$K$13=1,J2768*Input!$J$13,0)+IF(Input!$K$14=1,K2768*Input!$J$14,0)+IF(Input!$K$15=1,L2768*Input!$J$15,0)+IF(Input!$K$16=1,M2768*Input!$J$16,0)</f>
        <v>1.4261855229811733</v>
      </c>
      <c r="O2768" s="58">
        <f>IF(Input!$K$13=2,J2768*Input!$J$13,0)+IF(Input!$K$14=2,K2768*Input!$J$14,0)+IF(Input!$K$15=2,L2768*Input!$J$15,0)+IF(Input!$K$16=2,M2768*Input!$J$16,0)</f>
        <v>8.4195393418098674E-2</v>
      </c>
      <c r="P2768" s="58">
        <f>IF(Input!$K$13=3,J2768*Input!$J$13,0)+IF(Input!$K$14=3,K2768*Input!$J$14,0)+IF(Input!$K$15=3,L2768*Input!$J$15,0)+IF(Input!$K$16=3,M2768*Input!$J$16,0)</f>
        <v>0</v>
      </c>
      <c r="Q2768" s="71">
        <f>IF(Input!$K$13=4,J2768*Input!$J$13,0)+IF(Input!$K$14=4,K2768*Input!$J$14,0)+IF(Input!$K$15=4,L2768*Input!$J$15,0)+IF(Input!$K$16=4,M2768*Input!$J$16,0)</f>
        <v>0</v>
      </c>
    </row>
    <row r="2769" spans="8:17" x14ac:dyDescent="0.25">
      <c r="H2769" s="43">
        <v>2762</v>
      </c>
      <c r="I2769" s="55">
        <f>Bühler!I2795</f>
        <v>1.7151151077539679</v>
      </c>
      <c r="J2769" s="58">
        <f>Bühler!J2795</f>
        <v>11.884879358176445</v>
      </c>
      <c r="K2769" s="58">
        <f>Bühler!K2795</f>
        <v>0.62366958087480506</v>
      </c>
      <c r="L2769" s="58">
        <f>Bühler!L2795</f>
        <v>0.31183479043740253</v>
      </c>
      <c r="M2769" s="57">
        <f>Bühler!M2795</f>
        <v>0</v>
      </c>
      <c r="N2769" s="55">
        <f>IF(Input!$K$13=1,J2769*Input!$J$13,0)+IF(Input!$K$14=1,K2769*Input!$J$14,0)+IF(Input!$K$15=1,L2769*Input!$J$15,0)+IF(Input!$K$16=1,M2769*Input!$J$16,0)</f>
        <v>1.4261855229811733</v>
      </c>
      <c r="O2769" s="58">
        <f>IF(Input!$K$13=2,J2769*Input!$J$13,0)+IF(Input!$K$14=2,K2769*Input!$J$14,0)+IF(Input!$K$15=2,L2769*Input!$J$15,0)+IF(Input!$K$16=2,M2769*Input!$J$16,0)</f>
        <v>8.4195393418098674E-2</v>
      </c>
      <c r="P2769" s="58">
        <f>IF(Input!$K$13=3,J2769*Input!$J$13,0)+IF(Input!$K$14=3,K2769*Input!$J$14,0)+IF(Input!$K$15=3,L2769*Input!$J$15,0)+IF(Input!$K$16=3,M2769*Input!$J$16,0)</f>
        <v>0</v>
      </c>
      <c r="Q2769" s="71">
        <f>IF(Input!$K$13=4,J2769*Input!$J$13,0)+IF(Input!$K$14=4,K2769*Input!$J$14,0)+IF(Input!$K$15=4,L2769*Input!$J$15,0)+IF(Input!$K$16=4,M2769*Input!$J$16,0)</f>
        <v>0</v>
      </c>
    </row>
    <row r="2770" spans="8:17" x14ac:dyDescent="0.25">
      <c r="H2770" s="43">
        <v>2763</v>
      </c>
      <c r="I2770" s="55">
        <f>Bühler!I2796</f>
        <v>1.7151151077539679</v>
      </c>
      <c r="J2770" s="58">
        <f>Bühler!J2796</f>
        <v>11.884879358176445</v>
      </c>
      <c r="K2770" s="58">
        <f>Bühler!K2796</f>
        <v>0.62366958087480506</v>
      </c>
      <c r="L2770" s="58">
        <f>Bühler!L2796</f>
        <v>0.31183479043740253</v>
      </c>
      <c r="M2770" s="57">
        <f>Bühler!M2796</f>
        <v>0</v>
      </c>
      <c r="N2770" s="55">
        <f>IF(Input!$K$13=1,J2770*Input!$J$13,0)+IF(Input!$K$14=1,K2770*Input!$J$14,0)+IF(Input!$K$15=1,L2770*Input!$J$15,0)+IF(Input!$K$16=1,M2770*Input!$J$16,0)</f>
        <v>1.4261855229811733</v>
      </c>
      <c r="O2770" s="58">
        <f>IF(Input!$K$13=2,J2770*Input!$J$13,0)+IF(Input!$K$14=2,K2770*Input!$J$14,0)+IF(Input!$K$15=2,L2770*Input!$J$15,0)+IF(Input!$K$16=2,M2770*Input!$J$16,0)</f>
        <v>8.4195393418098674E-2</v>
      </c>
      <c r="P2770" s="58">
        <f>IF(Input!$K$13=3,J2770*Input!$J$13,0)+IF(Input!$K$14=3,K2770*Input!$J$14,0)+IF(Input!$K$15=3,L2770*Input!$J$15,0)+IF(Input!$K$16=3,M2770*Input!$J$16,0)</f>
        <v>0</v>
      </c>
      <c r="Q2770" s="71">
        <f>IF(Input!$K$13=4,J2770*Input!$J$13,0)+IF(Input!$K$14=4,K2770*Input!$J$14,0)+IF(Input!$K$15=4,L2770*Input!$J$15,0)+IF(Input!$K$16=4,M2770*Input!$J$16,0)</f>
        <v>0</v>
      </c>
    </row>
    <row r="2771" spans="8:17" x14ac:dyDescent="0.25">
      <c r="H2771" s="43">
        <v>2764</v>
      </c>
      <c r="I2771" s="55">
        <f>Bühler!I2797</f>
        <v>1.7151151077539679</v>
      </c>
      <c r="J2771" s="58">
        <f>Bühler!J2797</f>
        <v>11.884879358176445</v>
      </c>
      <c r="K2771" s="58">
        <f>Bühler!K2797</f>
        <v>0.62366958087480506</v>
      </c>
      <c r="L2771" s="58">
        <f>Bühler!L2797</f>
        <v>0.31183479043740253</v>
      </c>
      <c r="M2771" s="57">
        <f>Bühler!M2797</f>
        <v>0</v>
      </c>
      <c r="N2771" s="55">
        <f>IF(Input!$K$13=1,J2771*Input!$J$13,0)+IF(Input!$K$14=1,K2771*Input!$J$14,0)+IF(Input!$K$15=1,L2771*Input!$J$15,0)+IF(Input!$K$16=1,M2771*Input!$J$16,0)</f>
        <v>1.4261855229811733</v>
      </c>
      <c r="O2771" s="58">
        <f>IF(Input!$K$13=2,J2771*Input!$J$13,0)+IF(Input!$K$14=2,K2771*Input!$J$14,0)+IF(Input!$K$15=2,L2771*Input!$J$15,0)+IF(Input!$K$16=2,M2771*Input!$J$16,0)</f>
        <v>8.4195393418098674E-2</v>
      </c>
      <c r="P2771" s="58">
        <f>IF(Input!$K$13=3,J2771*Input!$J$13,0)+IF(Input!$K$14=3,K2771*Input!$J$14,0)+IF(Input!$K$15=3,L2771*Input!$J$15,0)+IF(Input!$K$16=3,M2771*Input!$J$16,0)</f>
        <v>0</v>
      </c>
      <c r="Q2771" s="71">
        <f>IF(Input!$K$13=4,J2771*Input!$J$13,0)+IF(Input!$K$14=4,K2771*Input!$J$14,0)+IF(Input!$K$15=4,L2771*Input!$J$15,0)+IF(Input!$K$16=4,M2771*Input!$J$16,0)</f>
        <v>0</v>
      </c>
    </row>
    <row r="2772" spans="8:17" x14ac:dyDescent="0.25">
      <c r="H2772" s="43">
        <v>2765</v>
      </c>
      <c r="I2772" s="55">
        <f>Bühler!I2798</f>
        <v>1.7151151077539679</v>
      </c>
      <c r="J2772" s="58">
        <f>Bühler!J2798</f>
        <v>11.884879358176445</v>
      </c>
      <c r="K2772" s="58">
        <f>Bühler!K2798</f>
        <v>0.62366958087480506</v>
      </c>
      <c r="L2772" s="58">
        <f>Bühler!L2798</f>
        <v>0.31183479043740253</v>
      </c>
      <c r="M2772" s="57">
        <f>Bühler!M2798</f>
        <v>0</v>
      </c>
      <c r="N2772" s="55">
        <f>IF(Input!$K$13=1,J2772*Input!$J$13,0)+IF(Input!$K$14=1,K2772*Input!$J$14,0)+IF(Input!$K$15=1,L2772*Input!$J$15,0)+IF(Input!$K$16=1,M2772*Input!$J$16,0)</f>
        <v>1.4261855229811733</v>
      </c>
      <c r="O2772" s="58">
        <f>IF(Input!$K$13=2,J2772*Input!$J$13,0)+IF(Input!$K$14=2,K2772*Input!$J$14,0)+IF(Input!$K$15=2,L2772*Input!$J$15,0)+IF(Input!$K$16=2,M2772*Input!$J$16,0)</f>
        <v>8.4195393418098674E-2</v>
      </c>
      <c r="P2772" s="58">
        <f>IF(Input!$K$13=3,J2772*Input!$J$13,0)+IF(Input!$K$14=3,K2772*Input!$J$14,0)+IF(Input!$K$15=3,L2772*Input!$J$15,0)+IF(Input!$K$16=3,M2772*Input!$J$16,0)</f>
        <v>0</v>
      </c>
      <c r="Q2772" s="71">
        <f>IF(Input!$K$13=4,J2772*Input!$J$13,0)+IF(Input!$K$14=4,K2772*Input!$J$14,0)+IF(Input!$K$15=4,L2772*Input!$J$15,0)+IF(Input!$K$16=4,M2772*Input!$J$16,0)</f>
        <v>0</v>
      </c>
    </row>
    <row r="2773" spans="8:17" x14ac:dyDescent="0.25">
      <c r="H2773" s="43">
        <v>2766</v>
      </c>
      <c r="I2773" s="55">
        <f>Bühler!I2799</f>
        <v>1.7151151077539679</v>
      </c>
      <c r="J2773" s="58">
        <f>Bühler!J2799</f>
        <v>11.884879358176445</v>
      </c>
      <c r="K2773" s="58">
        <f>Bühler!K2799</f>
        <v>0.62366958087480506</v>
      </c>
      <c r="L2773" s="58">
        <f>Bühler!L2799</f>
        <v>0.31183479043740253</v>
      </c>
      <c r="M2773" s="57">
        <f>Bühler!M2799</f>
        <v>0</v>
      </c>
      <c r="N2773" s="55">
        <f>IF(Input!$K$13=1,J2773*Input!$J$13,0)+IF(Input!$K$14=1,K2773*Input!$J$14,0)+IF(Input!$K$15=1,L2773*Input!$J$15,0)+IF(Input!$K$16=1,M2773*Input!$J$16,0)</f>
        <v>1.4261855229811733</v>
      </c>
      <c r="O2773" s="58">
        <f>IF(Input!$K$13=2,J2773*Input!$J$13,0)+IF(Input!$K$14=2,K2773*Input!$J$14,0)+IF(Input!$K$15=2,L2773*Input!$J$15,0)+IF(Input!$K$16=2,M2773*Input!$J$16,0)</f>
        <v>8.4195393418098674E-2</v>
      </c>
      <c r="P2773" s="58">
        <f>IF(Input!$K$13=3,J2773*Input!$J$13,0)+IF(Input!$K$14=3,K2773*Input!$J$14,0)+IF(Input!$K$15=3,L2773*Input!$J$15,0)+IF(Input!$K$16=3,M2773*Input!$J$16,0)</f>
        <v>0</v>
      </c>
      <c r="Q2773" s="71">
        <f>IF(Input!$K$13=4,J2773*Input!$J$13,0)+IF(Input!$K$14=4,K2773*Input!$J$14,0)+IF(Input!$K$15=4,L2773*Input!$J$15,0)+IF(Input!$K$16=4,M2773*Input!$J$16,0)</f>
        <v>0</v>
      </c>
    </row>
    <row r="2774" spans="8:17" x14ac:dyDescent="0.25">
      <c r="H2774" s="43">
        <v>2767</v>
      </c>
      <c r="I2774" s="55">
        <f>Bühler!I2800</f>
        <v>1.7151151077539679</v>
      </c>
      <c r="J2774" s="58">
        <f>Bühler!J2800</f>
        <v>11.884879358176445</v>
      </c>
      <c r="K2774" s="58">
        <f>Bühler!K2800</f>
        <v>0.62366958087480506</v>
      </c>
      <c r="L2774" s="58">
        <f>Bühler!L2800</f>
        <v>0.31183479043740253</v>
      </c>
      <c r="M2774" s="57">
        <f>Bühler!M2800</f>
        <v>0</v>
      </c>
      <c r="N2774" s="55">
        <f>IF(Input!$K$13=1,J2774*Input!$J$13,0)+IF(Input!$K$14=1,K2774*Input!$J$14,0)+IF(Input!$K$15=1,L2774*Input!$J$15,0)+IF(Input!$K$16=1,M2774*Input!$J$16,0)</f>
        <v>1.4261855229811733</v>
      </c>
      <c r="O2774" s="58">
        <f>IF(Input!$K$13=2,J2774*Input!$J$13,0)+IF(Input!$K$14=2,K2774*Input!$J$14,0)+IF(Input!$K$15=2,L2774*Input!$J$15,0)+IF(Input!$K$16=2,M2774*Input!$J$16,0)</f>
        <v>8.4195393418098674E-2</v>
      </c>
      <c r="P2774" s="58">
        <f>IF(Input!$K$13=3,J2774*Input!$J$13,0)+IF(Input!$K$14=3,K2774*Input!$J$14,0)+IF(Input!$K$15=3,L2774*Input!$J$15,0)+IF(Input!$K$16=3,M2774*Input!$J$16,0)</f>
        <v>0</v>
      </c>
      <c r="Q2774" s="71">
        <f>IF(Input!$K$13=4,J2774*Input!$J$13,0)+IF(Input!$K$14=4,K2774*Input!$J$14,0)+IF(Input!$K$15=4,L2774*Input!$J$15,0)+IF(Input!$K$16=4,M2774*Input!$J$16,0)</f>
        <v>0</v>
      </c>
    </row>
    <row r="2775" spans="8:17" x14ac:dyDescent="0.25">
      <c r="H2775" s="43">
        <v>2768</v>
      </c>
      <c r="I2775" s="55">
        <f>Bühler!I2801</f>
        <v>4.7251421218621816</v>
      </c>
      <c r="J2775" s="58">
        <f>Bühler!J2801</f>
        <v>46.107402300067612</v>
      </c>
      <c r="K2775" s="58">
        <f>Bühler!K2801</f>
        <v>2.5494856503033696</v>
      </c>
      <c r="L2775" s="58">
        <f>Bühler!L2801</f>
        <v>1.2747428251516848</v>
      </c>
      <c r="M2775" s="57">
        <f>Bühler!M2801</f>
        <v>0</v>
      </c>
      <c r="N2775" s="55">
        <f>IF(Input!$K$13=1,J2775*Input!$J$13,0)+IF(Input!$K$14=1,K2775*Input!$J$14,0)+IF(Input!$K$15=1,L2775*Input!$J$15,0)+IF(Input!$K$16=1,M2775*Input!$J$16,0)</f>
        <v>5.5328882760081131</v>
      </c>
      <c r="O2775" s="58">
        <f>IF(Input!$K$13=2,J2775*Input!$J$13,0)+IF(Input!$K$14=2,K2775*Input!$J$14,0)+IF(Input!$K$15=2,L2775*Input!$J$15,0)+IF(Input!$K$16=2,M2775*Input!$J$16,0)</f>
        <v>0.34418056279095488</v>
      </c>
      <c r="P2775" s="58">
        <f>IF(Input!$K$13=3,J2775*Input!$J$13,0)+IF(Input!$K$14=3,K2775*Input!$J$14,0)+IF(Input!$K$15=3,L2775*Input!$J$15,0)+IF(Input!$K$16=3,M2775*Input!$J$16,0)</f>
        <v>0</v>
      </c>
      <c r="Q2775" s="71">
        <f>IF(Input!$K$13=4,J2775*Input!$J$13,0)+IF(Input!$K$14=4,K2775*Input!$J$14,0)+IF(Input!$K$15=4,L2775*Input!$J$15,0)+IF(Input!$K$16=4,M2775*Input!$J$16,0)</f>
        <v>0</v>
      </c>
    </row>
    <row r="2776" spans="8:17" x14ac:dyDescent="0.25">
      <c r="H2776" s="43">
        <v>2769</v>
      </c>
      <c r="I2776" s="55">
        <f>Bühler!I2802</f>
        <v>5.2722638412356977</v>
      </c>
      <c r="J2776" s="58">
        <f>Bühler!J2802</f>
        <v>51.446154145338582</v>
      </c>
      <c r="K2776" s="58">
        <f>Bühler!K2802</f>
        <v>2.844689251917444</v>
      </c>
      <c r="L2776" s="58">
        <f>Bühler!L2802</f>
        <v>1.422344625958722</v>
      </c>
      <c r="M2776" s="57">
        <f>Bühler!M2802</f>
        <v>0</v>
      </c>
      <c r="N2776" s="55">
        <f>IF(Input!$K$13=1,J2776*Input!$J$13,0)+IF(Input!$K$14=1,K2776*Input!$J$14,0)+IF(Input!$K$15=1,L2776*Input!$J$15,0)+IF(Input!$K$16=1,M2776*Input!$J$16,0)</f>
        <v>6.1735384974406298</v>
      </c>
      <c r="O2776" s="58">
        <f>IF(Input!$K$13=2,J2776*Input!$J$13,0)+IF(Input!$K$14=2,K2776*Input!$J$14,0)+IF(Input!$K$15=2,L2776*Input!$J$15,0)+IF(Input!$K$16=2,M2776*Input!$J$16,0)</f>
        <v>0.38403304900885493</v>
      </c>
      <c r="P2776" s="58">
        <f>IF(Input!$K$13=3,J2776*Input!$J$13,0)+IF(Input!$K$14=3,K2776*Input!$J$14,0)+IF(Input!$K$15=3,L2776*Input!$J$15,0)+IF(Input!$K$16=3,M2776*Input!$J$16,0)</f>
        <v>0</v>
      </c>
      <c r="Q2776" s="71">
        <f>IF(Input!$K$13=4,J2776*Input!$J$13,0)+IF(Input!$K$14=4,K2776*Input!$J$14,0)+IF(Input!$K$15=4,L2776*Input!$J$15,0)+IF(Input!$K$16=4,M2776*Input!$J$16,0)</f>
        <v>0</v>
      </c>
    </row>
    <row r="2777" spans="8:17" x14ac:dyDescent="0.25">
      <c r="H2777" s="43">
        <v>2770</v>
      </c>
      <c r="I2777" s="55">
        <f>Bühler!I2803</f>
        <v>5.8193855606092137</v>
      </c>
      <c r="J2777" s="58">
        <f>Bühler!J2803</f>
        <v>56.784905990609573</v>
      </c>
      <c r="K2777" s="58">
        <f>Bühler!K2803</f>
        <v>3.1398928535315185</v>
      </c>
      <c r="L2777" s="58">
        <f>Bühler!L2803</f>
        <v>1.5699464267657592</v>
      </c>
      <c r="M2777" s="57">
        <f>Bühler!M2803</f>
        <v>0</v>
      </c>
      <c r="N2777" s="55">
        <f>IF(Input!$K$13=1,J2777*Input!$J$13,0)+IF(Input!$K$14=1,K2777*Input!$J$14,0)+IF(Input!$K$15=1,L2777*Input!$J$15,0)+IF(Input!$K$16=1,M2777*Input!$J$16,0)</f>
        <v>6.8141887188731483</v>
      </c>
      <c r="O2777" s="58">
        <f>IF(Input!$K$13=2,J2777*Input!$J$13,0)+IF(Input!$K$14=2,K2777*Input!$J$14,0)+IF(Input!$K$15=2,L2777*Input!$J$15,0)+IF(Input!$K$16=2,M2777*Input!$J$16,0)</f>
        <v>0.42388553522675498</v>
      </c>
      <c r="P2777" s="58">
        <f>IF(Input!$K$13=3,J2777*Input!$J$13,0)+IF(Input!$K$14=3,K2777*Input!$J$14,0)+IF(Input!$K$15=3,L2777*Input!$J$15,0)+IF(Input!$K$16=3,M2777*Input!$J$16,0)</f>
        <v>0</v>
      </c>
      <c r="Q2777" s="71">
        <f>IF(Input!$K$13=4,J2777*Input!$J$13,0)+IF(Input!$K$14=4,K2777*Input!$J$14,0)+IF(Input!$K$15=4,L2777*Input!$J$15,0)+IF(Input!$K$16=4,M2777*Input!$J$16,0)</f>
        <v>0</v>
      </c>
    </row>
    <row r="2778" spans="8:17" x14ac:dyDescent="0.25">
      <c r="H2778" s="43">
        <v>2771</v>
      </c>
      <c r="I2778" s="55">
        <f>Bühler!I2804</f>
        <v>5.8193855606092137</v>
      </c>
      <c r="J2778" s="58">
        <f>Bühler!J2804</f>
        <v>56.784905990609573</v>
      </c>
      <c r="K2778" s="58">
        <f>Bühler!K2804</f>
        <v>3.1398928535315185</v>
      </c>
      <c r="L2778" s="58">
        <f>Bühler!L2804</f>
        <v>1.5699464267657592</v>
      </c>
      <c r="M2778" s="57">
        <f>Bühler!M2804</f>
        <v>0</v>
      </c>
      <c r="N2778" s="55">
        <f>IF(Input!$K$13=1,J2778*Input!$J$13,0)+IF(Input!$K$14=1,K2778*Input!$J$14,0)+IF(Input!$K$15=1,L2778*Input!$J$15,0)+IF(Input!$K$16=1,M2778*Input!$J$16,0)</f>
        <v>6.8141887188731483</v>
      </c>
      <c r="O2778" s="58">
        <f>IF(Input!$K$13=2,J2778*Input!$J$13,0)+IF(Input!$K$14=2,K2778*Input!$J$14,0)+IF(Input!$K$15=2,L2778*Input!$J$15,0)+IF(Input!$K$16=2,M2778*Input!$J$16,0)</f>
        <v>0.42388553522675498</v>
      </c>
      <c r="P2778" s="58">
        <f>IF(Input!$K$13=3,J2778*Input!$J$13,0)+IF(Input!$K$14=3,K2778*Input!$J$14,0)+IF(Input!$K$15=3,L2778*Input!$J$15,0)+IF(Input!$K$16=3,M2778*Input!$J$16,0)</f>
        <v>0</v>
      </c>
      <c r="Q2778" s="71">
        <f>IF(Input!$K$13=4,J2778*Input!$J$13,0)+IF(Input!$K$14=4,K2778*Input!$J$14,0)+IF(Input!$K$15=4,L2778*Input!$J$15,0)+IF(Input!$K$16=4,M2778*Input!$J$16,0)</f>
        <v>0</v>
      </c>
    </row>
    <row r="2779" spans="8:17" x14ac:dyDescent="0.25">
      <c r="H2779" s="43">
        <v>2772</v>
      </c>
      <c r="I2779" s="55">
        <f>Bühler!I2805</f>
        <v>6.9633673374811096</v>
      </c>
      <c r="J2779" s="58">
        <f>Bühler!J2805</f>
        <v>67.94775075799437</v>
      </c>
      <c r="K2779" s="58">
        <f>Bühler!K2805</f>
        <v>3.7571367478154922</v>
      </c>
      <c r="L2779" s="58">
        <f>Bühler!L2805</f>
        <v>1.8785683739077461</v>
      </c>
      <c r="M2779" s="57">
        <f>Bühler!M2805</f>
        <v>0</v>
      </c>
      <c r="N2779" s="55">
        <f>IF(Input!$K$13=1,J2779*Input!$J$13,0)+IF(Input!$K$14=1,K2779*Input!$J$14,0)+IF(Input!$K$15=1,L2779*Input!$J$15,0)+IF(Input!$K$16=1,M2779*Input!$J$16,0)</f>
        <v>8.1537300909593249</v>
      </c>
      <c r="O2779" s="58">
        <f>IF(Input!$K$13=2,J2779*Input!$J$13,0)+IF(Input!$K$14=2,K2779*Input!$J$14,0)+IF(Input!$K$15=2,L2779*Input!$J$15,0)+IF(Input!$K$16=2,M2779*Input!$J$16,0)</f>
        <v>0.50721346095509146</v>
      </c>
      <c r="P2779" s="58">
        <f>IF(Input!$K$13=3,J2779*Input!$J$13,0)+IF(Input!$K$14=3,K2779*Input!$J$14,0)+IF(Input!$K$15=3,L2779*Input!$J$15,0)+IF(Input!$K$16=3,M2779*Input!$J$16,0)</f>
        <v>0</v>
      </c>
      <c r="Q2779" s="71">
        <f>IF(Input!$K$13=4,J2779*Input!$J$13,0)+IF(Input!$K$14=4,K2779*Input!$J$14,0)+IF(Input!$K$15=4,L2779*Input!$J$15,0)+IF(Input!$K$16=4,M2779*Input!$J$16,0)</f>
        <v>0</v>
      </c>
    </row>
    <row r="2780" spans="8:17" x14ac:dyDescent="0.25">
      <c r="H2780" s="43">
        <v>2773</v>
      </c>
      <c r="I2780" s="55">
        <f>Bühler!I2806</f>
        <v>6.9633673374811096</v>
      </c>
      <c r="J2780" s="58">
        <f>Bühler!J2806</f>
        <v>67.94775075799437</v>
      </c>
      <c r="K2780" s="58">
        <f>Bühler!K2806</f>
        <v>3.7571367478154922</v>
      </c>
      <c r="L2780" s="58">
        <f>Bühler!L2806</f>
        <v>1.8785683739077461</v>
      </c>
      <c r="M2780" s="57">
        <f>Bühler!M2806</f>
        <v>0</v>
      </c>
      <c r="N2780" s="55">
        <f>IF(Input!$K$13=1,J2780*Input!$J$13,0)+IF(Input!$K$14=1,K2780*Input!$J$14,0)+IF(Input!$K$15=1,L2780*Input!$J$15,0)+IF(Input!$K$16=1,M2780*Input!$J$16,0)</f>
        <v>8.1537300909593249</v>
      </c>
      <c r="O2780" s="58">
        <f>IF(Input!$K$13=2,J2780*Input!$J$13,0)+IF(Input!$K$14=2,K2780*Input!$J$14,0)+IF(Input!$K$15=2,L2780*Input!$J$15,0)+IF(Input!$K$16=2,M2780*Input!$J$16,0)</f>
        <v>0.50721346095509146</v>
      </c>
      <c r="P2780" s="58">
        <f>IF(Input!$K$13=3,J2780*Input!$J$13,0)+IF(Input!$K$14=3,K2780*Input!$J$14,0)+IF(Input!$K$15=3,L2780*Input!$J$15,0)+IF(Input!$K$16=3,M2780*Input!$J$16,0)</f>
        <v>0</v>
      </c>
      <c r="Q2780" s="71">
        <f>IF(Input!$K$13=4,J2780*Input!$J$13,0)+IF(Input!$K$14=4,K2780*Input!$J$14,0)+IF(Input!$K$15=4,L2780*Input!$J$15,0)+IF(Input!$K$16=4,M2780*Input!$J$16,0)</f>
        <v>0</v>
      </c>
    </row>
    <row r="2781" spans="8:17" x14ac:dyDescent="0.25">
      <c r="H2781" s="43">
        <v>2774</v>
      </c>
      <c r="I2781" s="55">
        <f>Bühler!I2807</f>
        <v>4.6256654456124515</v>
      </c>
      <c r="J2781" s="58">
        <f>Bühler!J2807</f>
        <v>45.136720146381968</v>
      </c>
      <c r="K2781" s="58">
        <f>Bühler!K2807</f>
        <v>2.4958122681917199</v>
      </c>
      <c r="L2781" s="58">
        <f>Bühler!L2807</f>
        <v>1.2479061340958599</v>
      </c>
      <c r="M2781" s="57">
        <f>Bühler!M2807</f>
        <v>0</v>
      </c>
      <c r="N2781" s="55">
        <f>IF(Input!$K$13=1,J2781*Input!$J$13,0)+IF(Input!$K$14=1,K2781*Input!$J$14,0)+IF(Input!$K$15=1,L2781*Input!$J$15,0)+IF(Input!$K$16=1,M2781*Input!$J$16,0)</f>
        <v>5.4164064175658364</v>
      </c>
      <c r="O2781" s="58">
        <f>IF(Input!$K$13=2,J2781*Input!$J$13,0)+IF(Input!$K$14=2,K2781*Input!$J$14,0)+IF(Input!$K$15=2,L2781*Input!$J$15,0)+IF(Input!$K$16=2,M2781*Input!$J$16,0)</f>
        <v>0.33693465620588214</v>
      </c>
      <c r="P2781" s="58">
        <f>IF(Input!$K$13=3,J2781*Input!$J$13,0)+IF(Input!$K$14=3,K2781*Input!$J$14,0)+IF(Input!$K$15=3,L2781*Input!$J$15,0)+IF(Input!$K$16=3,M2781*Input!$J$16,0)</f>
        <v>0</v>
      </c>
      <c r="Q2781" s="71">
        <f>IF(Input!$K$13=4,J2781*Input!$J$13,0)+IF(Input!$K$14=4,K2781*Input!$J$14,0)+IF(Input!$K$15=4,L2781*Input!$J$15,0)+IF(Input!$K$16=4,M2781*Input!$J$16,0)</f>
        <v>0</v>
      </c>
    </row>
    <row r="2782" spans="8:17" x14ac:dyDescent="0.25">
      <c r="H2782" s="43">
        <v>2775</v>
      </c>
      <c r="I2782" s="55">
        <f>Bühler!I2808</f>
        <v>6.9633673374811096</v>
      </c>
      <c r="J2782" s="58">
        <f>Bühler!J2808</f>
        <v>67.94775075799437</v>
      </c>
      <c r="K2782" s="58">
        <f>Bühler!K2808</f>
        <v>3.7571367478154922</v>
      </c>
      <c r="L2782" s="58">
        <f>Bühler!L2808</f>
        <v>1.8785683739077461</v>
      </c>
      <c r="M2782" s="57">
        <f>Bühler!M2808</f>
        <v>0</v>
      </c>
      <c r="N2782" s="55">
        <f>IF(Input!$K$13=1,J2782*Input!$J$13,0)+IF(Input!$K$14=1,K2782*Input!$J$14,0)+IF(Input!$K$15=1,L2782*Input!$J$15,0)+IF(Input!$K$16=1,M2782*Input!$J$16,0)</f>
        <v>8.1537300909593249</v>
      </c>
      <c r="O2782" s="58">
        <f>IF(Input!$K$13=2,J2782*Input!$J$13,0)+IF(Input!$K$14=2,K2782*Input!$J$14,0)+IF(Input!$K$15=2,L2782*Input!$J$15,0)+IF(Input!$K$16=2,M2782*Input!$J$16,0)</f>
        <v>0.50721346095509146</v>
      </c>
      <c r="P2782" s="58">
        <f>IF(Input!$K$13=3,J2782*Input!$J$13,0)+IF(Input!$K$14=3,K2782*Input!$J$14,0)+IF(Input!$K$15=3,L2782*Input!$J$15,0)+IF(Input!$K$16=3,M2782*Input!$J$16,0)</f>
        <v>0</v>
      </c>
      <c r="Q2782" s="71">
        <f>IF(Input!$K$13=4,J2782*Input!$J$13,0)+IF(Input!$K$14=4,K2782*Input!$J$14,0)+IF(Input!$K$15=4,L2782*Input!$J$15,0)+IF(Input!$K$16=4,M2782*Input!$J$16,0)</f>
        <v>0</v>
      </c>
    </row>
    <row r="2783" spans="8:17" x14ac:dyDescent="0.25">
      <c r="H2783" s="43">
        <v>2776</v>
      </c>
      <c r="I2783" s="55">
        <f>Bühler!I2809</f>
        <v>6.9633673374811096</v>
      </c>
      <c r="J2783" s="58">
        <f>Bühler!J2809</f>
        <v>67.94775075799437</v>
      </c>
      <c r="K2783" s="58">
        <f>Bühler!K2809</f>
        <v>3.7571367478154922</v>
      </c>
      <c r="L2783" s="58">
        <f>Bühler!L2809</f>
        <v>1.8785683739077461</v>
      </c>
      <c r="M2783" s="57">
        <f>Bühler!M2809</f>
        <v>0</v>
      </c>
      <c r="N2783" s="55">
        <f>IF(Input!$K$13=1,J2783*Input!$J$13,0)+IF(Input!$K$14=1,K2783*Input!$J$14,0)+IF(Input!$K$15=1,L2783*Input!$J$15,0)+IF(Input!$K$16=1,M2783*Input!$J$16,0)</f>
        <v>8.1537300909593249</v>
      </c>
      <c r="O2783" s="58">
        <f>IF(Input!$K$13=2,J2783*Input!$J$13,0)+IF(Input!$K$14=2,K2783*Input!$J$14,0)+IF(Input!$K$15=2,L2783*Input!$J$15,0)+IF(Input!$K$16=2,M2783*Input!$J$16,0)</f>
        <v>0.50721346095509146</v>
      </c>
      <c r="P2783" s="58">
        <f>IF(Input!$K$13=3,J2783*Input!$J$13,0)+IF(Input!$K$14=3,K2783*Input!$J$14,0)+IF(Input!$K$15=3,L2783*Input!$J$15,0)+IF(Input!$K$16=3,M2783*Input!$J$16,0)</f>
        <v>0</v>
      </c>
      <c r="Q2783" s="71">
        <f>IF(Input!$K$13=4,J2783*Input!$J$13,0)+IF(Input!$K$14=4,K2783*Input!$J$14,0)+IF(Input!$K$15=4,L2783*Input!$J$15,0)+IF(Input!$K$16=4,M2783*Input!$J$16,0)</f>
        <v>0</v>
      </c>
    </row>
    <row r="2784" spans="8:17" x14ac:dyDescent="0.25">
      <c r="H2784" s="43">
        <v>2777</v>
      </c>
      <c r="I2784" s="55">
        <f>Bühler!I2810</f>
        <v>5.818528003055337</v>
      </c>
      <c r="J2784" s="58">
        <f>Bühler!J2810</f>
        <v>41.898680206265865</v>
      </c>
      <c r="K2784" s="58">
        <f>Bühler!K2810</f>
        <v>2.2140270121055581</v>
      </c>
      <c r="L2784" s="58">
        <f>Bühler!L2810</f>
        <v>1.107013506052779</v>
      </c>
      <c r="M2784" s="57">
        <f>Bühler!M2810</f>
        <v>0</v>
      </c>
      <c r="N2784" s="55">
        <f>IF(Input!$K$13=1,J2784*Input!$J$13,0)+IF(Input!$K$14=1,K2784*Input!$J$14,0)+IF(Input!$K$15=1,L2784*Input!$J$15,0)+IF(Input!$K$16=1,M2784*Input!$J$16,0)</f>
        <v>5.027841624751904</v>
      </c>
      <c r="O2784" s="58">
        <f>IF(Input!$K$13=2,J2784*Input!$J$13,0)+IF(Input!$K$14=2,K2784*Input!$J$14,0)+IF(Input!$K$15=2,L2784*Input!$J$15,0)+IF(Input!$K$16=2,M2784*Input!$J$16,0)</f>
        <v>0.29889364663425033</v>
      </c>
      <c r="P2784" s="58">
        <f>IF(Input!$K$13=3,J2784*Input!$J$13,0)+IF(Input!$K$14=3,K2784*Input!$J$14,0)+IF(Input!$K$15=3,L2784*Input!$J$15,0)+IF(Input!$K$16=3,M2784*Input!$J$16,0)</f>
        <v>0</v>
      </c>
      <c r="Q2784" s="71">
        <f>IF(Input!$K$13=4,J2784*Input!$J$13,0)+IF(Input!$K$14=4,K2784*Input!$J$14,0)+IF(Input!$K$15=4,L2784*Input!$J$15,0)+IF(Input!$K$16=4,M2784*Input!$J$16,0)</f>
        <v>0</v>
      </c>
    </row>
    <row r="2785" spans="8:17" x14ac:dyDescent="0.25">
      <c r="H2785" s="43">
        <v>2778</v>
      </c>
      <c r="I2785" s="55">
        <f>Bühler!I2811</f>
        <v>4.6265230031663291</v>
      </c>
      <c r="J2785" s="58">
        <f>Bühler!J2811</f>
        <v>20.204245361677131</v>
      </c>
      <c r="K2785" s="58">
        <f>Bühler!K2811</f>
        <v>0.94495391041637133</v>
      </c>
      <c r="L2785" s="58">
        <f>Bühler!L2811</f>
        <v>0.47247695520818567</v>
      </c>
      <c r="M2785" s="57">
        <f>Bühler!M2811</f>
        <v>0</v>
      </c>
      <c r="N2785" s="55">
        <f>IF(Input!$K$13=1,J2785*Input!$J$13,0)+IF(Input!$K$14=1,K2785*Input!$J$14,0)+IF(Input!$K$15=1,L2785*Input!$J$15,0)+IF(Input!$K$16=1,M2785*Input!$J$16,0)</f>
        <v>2.4245094434012557</v>
      </c>
      <c r="O2785" s="58">
        <f>IF(Input!$K$13=2,J2785*Input!$J$13,0)+IF(Input!$K$14=2,K2785*Input!$J$14,0)+IF(Input!$K$15=2,L2785*Input!$J$15,0)+IF(Input!$K$16=2,M2785*Input!$J$16,0)</f>
        <v>0.12756877790621013</v>
      </c>
      <c r="P2785" s="58">
        <f>IF(Input!$K$13=3,J2785*Input!$J$13,0)+IF(Input!$K$14=3,K2785*Input!$J$14,0)+IF(Input!$K$15=3,L2785*Input!$J$15,0)+IF(Input!$K$16=3,M2785*Input!$J$16,0)</f>
        <v>0</v>
      </c>
      <c r="Q2785" s="71">
        <f>IF(Input!$K$13=4,J2785*Input!$J$13,0)+IF(Input!$K$14=4,K2785*Input!$J$14,0)+IF(Input!$K$15=4,L2785*Input!$J$15,0)+IF(Input!$K$16=4,M2785*Input!$J$16,0)</f>
        <v>0</v>
      </c>
    </row>
    <row r="2786" spans="8:17" x14ac:dyDescent="0.25">
      <c r="H2786" s="43">
        <v>2779</v>
      </c>
      <c r="I2786" s="55">
        <f>Bühler!I2812</f>
        <v>1.7151151077539679</v>
      </c>
      <c r="J2786" s="58">
        <f>Bühler!J2812</f>
        <v>11.884879358176445</v>
      </c>
      <c r="K2786" s="58">
        <f>Bühler!K2812</f>
        <v>0.62366958087480506</v>
      </c>
      <c r="L2786" s="58">
        <f>Bühler!L2812</f>
        <v>0.31183479043740253</v>
      </c>
      <c r="M2786" s="57">
        <f>Bühler!M2812</f>
        <v>0</v>
      </c>
      <c r="N2786" s="55">
        <f>IF(Input!$K$13=1,J2786*Input!$J$13,0)+IF(Input!$K$14=1,K2786*Input!$J$14,0)+IF(Input!$K$15=1,L2786*Input!$J$15,0)+IF(Input!$K$16=1,M2786*Input!$J$16,0)</f>
        <v>1.4261855229811733</v>
      </c>
      <c r="O2786" s="58">
        <f>IF(Input!$K$13=2,J2786*Input!$J$13,0)+IF(Input!$K$14=2,K2786*Input!$J$14,0)+IF(Input!$K$15=2,L2786*Input!$J$15,0)+IF(Input!$K$16=2,M2786*Input!$J$16,0)</f>
        <v>8.4195393418098674E-2</v>
      </c>
      <c r="P2786" s="58">
        <f>IF(Input!$K$13=3,J2786*Input!$J$13,0)+IF(Input!$K$14=3,K2786*Input!$J$14,0)+IF(Input!$K$15=3,L2786*Input!$J$15,0)+IF(Input!$K$16=3,M2786*Input!$J$16,0)</f>
        <v>0</v>
      </c>
      <c r="Q2786" s="71">
        <f>IF(Input!$K$13=4,J2786*Input!$J$13,0)+IF(Input!$K$14=4,K2786*Input!$J$14,0)+IF(Input!$K$15=4,L2786*Input!$J$15,0)+IF(Input!$K$16=4,M2786*Input!$J$16,0)</f>
        <v>0</v>
      </c>
    </row>
    <row r="2787" spans="8:17" x14ac:dyDescent="0.25">
      <c r="H2787" s="43">
        <v>2780</v>
      </c>
      <c r="I2787" s="55">
        <f>Bühler!I2813</f>
        <v>1.7151151077539679</v>
      </c>
      <c r="J2787" s="58">
        <f>Bühler!J2813</f>
        <v>11.884879358176445</v>
      </c>
      <c r="K2787" s="58">
        <f>Bühler!K2813</f>
        <v>0.62366958087480506</v>
      </c>
      <c r="L2787" s="58">
        <f>Bühler!L2813</f>
        <v>0.31183479043740253</v>
      </c>
      <c r="M2787" s="57">
        <f>Bühler!M2813</f>
        <v>0</v>
      </c>
      <c r="N2787" s="55">
        <f>IF(Input!$K$13=1,J2787*Input!$J$13,0)+IF(Input!$K$14=1,K2787*Input!$J$14,0)+IF(Input!$K$15=1,L2787*Input!$J$15,0)+IF(Input!$K$16=1,M2787*Input!$J$16,0)</f>
        <v>1.4261855229811733</v>
      </c>
      <c r="O2787" s="58">
        <f>IF(Input!$K$13=2,J2787*Input!$J$13,0)+IF(Input!$K$14=2,K2787*Input!$J$14,0)+IF(Input!$K$15=2,L2787*Input!$J$15,0)+IF(Input!$K$16=2,M2787*Input!$J$16,0)</f>
        <v>8.4195393418098674E-2</v>
      </c>
      <c r="P2787" s="58">
        <f>IF(Input!$K$13=3,J2787*Input!$J$13,0)+IF(Input!$K$14=3,K2787*Input!$J$14,0)+IF(Input!$K$15=3,L2787*Input!$J$15,0)+IF(Input!$K$16=3,M2787*Input!$J$16,0)</f>
        <v>0</v>
      </c>
      <c r="Q2787" s="71">
        <f>IF(Input!$K$13=4,J2787*Input!$J$13,0)+IF(Input!$K$14=4,K2787*Input!$J$14,0)+IF(Input!$K$15=4,L2787*Input!$J$15,0)+IF(Input!$K$16=4,M2787*Input!$J$16,0)</f>
        <v>0</v>
      </c>
    </row>
    <row r="2788" spans="8:17" x14ac:dyDescent="0.25">
      <c r="H2788" s="43">
        <v>2781</v>
      </c>
      <c r="I2788" s="55">
        <f>Bühler!I2814</f>
        <v>1.7151151077539679</v>
      </c>
      <c r="J2788" s="58">
        <f>Bühler!J2814</f>
        <v>11.884879358176445</v>
      </c>
      <c r="K2788" s="58">
        <f>Bühler!K2814</f>
        <v>0.62366958087480506</v>
      </c>
      <c r="L2788" s="58">
        <f>Bühler!L2814</f>
        <v>0.31183479043740253</v>
      </c>
      <c r="M2788" s="57">
        <f>Bühler!M2814</f>
        <v>0</v>
      </c>
      <c r="N2788" s="55">
        <f>IF(Input!$K$13=1,J2788*Input!$J$13,0)+IF(Input!$K$14=1,K2788*Input!$J$14,0)+IF(Input!$K$15=1,L2788*Input!$J$15,0)+IF(Input!$K$16=1,M2788*Input!$J$16,0)</f>
        <v>1.4261855229811733</v>
      </c>
      <c r="O2788" s="58">
        <f>IF(Input!$K$13=2,J2788*Input!$J$13,0)+IF(Input!$K$14=2,K2788*Input!$J$14,0)+IF(Input!$K$15=2,L2788*Input!$J$15,0)+IF(Input!$K$16=2,M2788*Input!$J$16,0)</f>
        <v>8.4195393418098674E-2</v>
      </c>
      <c r="P2788" s="58">
        <f>IF(Input!$K$13=3,J2788*Input!$J$13,0)+IF(Input!$K$14=3,K2788*Input!$J$14,0)+IF(Input!$K$15=3,L2788*Input!$J$15,0)+IF(Input!$K$16=3,M2788*Input!$J$16,0)</f>
        <v>0</v>
      </c>
      <c r="Q2788" s="71">
        <f>IF(Input!$K$13=4,J2788*Input!$J$13,0)+IF(Input!$K$14=4,K2788*Input!$J$14,0)+IF(Input!$K$15=4,L2788*Input!$J$15,0)+IF(Input!$K$16=4,M2788*Input!$J$16,0)</f>
        <v>0</v>
      </c>
    </row>
    <row r="2789" spans="8:17" x14ac:dyDescent="0.25">
      <c r="H2789" s="43">
        <v>2782</v>
      </c>
      <c r="I2789" s="55">
        <f>Bühler!I2815</f>
        <v>1.7151151077539679</v>
      </c>
      <c r="J2789" s="58">
        <f>Bühler!J2815</f>
        <v>11.884879358176445</v>
      </c>
      <c r="K2789" s="58">
        <f>Bühler!K2815</f>
        <v>0.62366958087480506</v>
      </c>
      <c r="L2789" s="58">
        <f>Bühler!L2815</f>
        <v>0.31183479043740253</v>
      </c>
      <c r="M2789" s="57">
        <f>Bühler!M2815</f>
        <v>0</v>
      </c>
      <c r="N2789" s="55">
        <f>IF(Input!$K$13=1,J2789*Input!$J$13,0)+IF(Input!$K$14=1,K2789*Input!$J$14,0)+IF(Input!$K$15=1,L2789*Input!$J$15,0)+IF(Input!$K$16=1,M2789*Input!$J$16,0)</f>
        <v>1.4261855229811733</v>
      </c>
      <c r="O2789" s="58">
        <f>IF(Input!$K$13=2,J2789*Input!$J$13,0)+IF(Input!$K$14=2,K2789*Input!$J$14,0)+IF(Input!$K$15=2,L2789*Input!$J$15,0)+IF(Input!$K$16=2,M2789*Input!$J$16,0)</f>
        <v>8.4195393418098674E-2</v>
      </c>
      <c r="P2789" s="58">
        <f>IF(Input!$K$13=3,J2789*Input!$J$13,0)+IF(Input!$K$14=3,K2789*Input!$J$14,0)+IF(Input!$K$15=3,L2789*Input!$J$15,0)+IF(Input!$K$16=3,M2789*Input!$J$16,0)</f>
        <v>0</v>
      </c>
      <c r="Q2789" s="71">
        <f>IF(Input!$K$13=4,J2789*Input!$J$13,0)+IF(Input!$K$14=4,K2789*Input!$J$14,0)+IF(Input!$K$15=4,L2789*Input!$J$15,0)+IF(Input!$K$16=4,M2789*Input!$J$16,0)</f>
        <v>0</v>
      </c>
    </row>
    <row r="2790" spans="8:17" x14ac:dyDescent="0.25">
      <c r="H2790" s="43">
        <v>2783</v>
      </c>
      <c r="I2790" s="55">
        <f>Bühler!I2816</f>
        <v>1.7151151077539679</v>
      </c>
      <c r="J2790" s="58">
        <f>Bühler!J2816</f>
        <v>11.884879358176445</v>
      </c>
      <c r="K2790" s="58">
        <f>Bühler!K2816</f>
        <v>0.62366958087480506</v>
      </c>
      <c r="L2790" s="58">
        <f>Bühler!L2816</f>
        <v>0.31183479043740253</v>
      </c>
      <c r="M2790" s="57">
        <f>Bühler!M2816</f>
        <v>0</v>
      </c>
      <c r="N2790" s="55">
        <f>IF(Input!$K$13=1,J2790*Input!$J$13,0)+IF(Input!$K$14=1,K2790*Input!$J$14,0)+IF(Input!$K$15=1,L2790*Input!$J$15,0)+IF(Input!$K$16=1,M2790*Input!$J$16,0)</f>
        <v>1.4261855229811733</v>
      </c>
      <c r="O2790" s="58">
        <f>IF(Input!$K$13=2,J2790*Input!$J$13,0)+IF(Input!$K$14=2,K2790*Input!$J$14,0)+IF(Input!$K$15=2,L2790*Input!$J$15,0)+IF(Input!$K$16=2,M2790*Input!$J$16,0)</f>
        <v>8.4195393418098674E-2</v>
      </c>
      <c r="P2790" s="58">
        <f>IF(Input!$K$13=3,J2790*Input!$J$13,0)+IF(Input!$K$14=3,K2790*Input!$J$14,0)+IF(Input!$K$15=3,L2790*Input!$J$15,0)+IF(Input!$K$16=3,M2790*Input!$J$16,0)</f>
        <v>0</v>
      </c>
      <c r="Q2790" s="71">
        <f>IF(Input!$K$13=4,J2790*Input!$J$13,0)+IF(Input!$K$14=4,K2790*Input!$J$14,0)+IF(Input!$K$15=4,L2790*Input!$J$15,0)+IF(Input!$K$16=4,M2790*Input!$J$16,0)</f>
        <v>0</v>
      </c>
    </row>
    <row r="2791" spans="8:17" x14ac:dyDescent="0.25">
      <c r="H2791" s="43">
        <v>2784</v>
      </c>
      <c r="I2791" s="55">
        <f>Bühler!I2817</f>
        <v>1.7151151077539679</v>
      </c>
      <c r="J2791" s="58">
        <f>Bühler!J2817</f>
        <v>11.884879358176445</v>
      </c>
      <c r="K2791" s="58">
        <f>Bühler!K2817</f>
        <v>0.62366958087480506</v>
      </c>
      <c r="L2791" s="58">
        <f>Bühler!L2817</f>
        <v>0.31183479043740253</v>
      </c>
      <c r="M2791" s="57">
        <f>Bühler!M2817</f>
        <v>0</v>
      </c>
      <c r="N2791" s="55">
        <f>IF(Input!$K$13=1,J2791*Input!$J$13,0)+IF(Input!$K$14=1,K2791*Input!$J$14,0)+IF(Input!$K$15=1,L2791*Input!$J$15,0)+IF(Input!$K$16=1,M2791*Input!$J$16,0)</f>
        <v>1.4261855229811733</v>
      </c>
      <c r="O2791" s="58">
        <f>IF(Input!$K$13=2,J2791*Input!$J$13,0)+IF(Input!$K$14=2,K2791*Input!$J$14,0)+IF(Input!$K$15=2,L2791*Input!$J$15,0)+IF(Input!$K$16=2,M2791*Input!$J$16,0)</f>
        <v>8.4195393418098674E-2</v>
      </c>
      <c r="P2791" s="58">
        <f>IF(Input!$K$13=3,J2791*Input!$J$13,0)+IF(Input!$K$14=3,K2791*Input!$J$14,0)+IF(Input!$K$15=3,L2791*Input!$J$15,0)+IF(Input!$K$16=3,M2791*Input!$J$16,0)</f>
        <v>0</v>
      </c>
      <c r="Q2791" s="71">
        <f>IF(Input!$K$13=4,J2791*Input!$J$13,0)+IF(Input!$K$14=4,K2791*Input!$J$14,0)+IF(Input!$K$15=4,L2791*Input!$J$15,0)+IF(Input!$K$16=4,M2791*Input!$J$16,0)</f>
        <v>0</v>
      </c>
    </row>
    <row r="2792" spans="8:17" x14ac:dyDescent="0.25">
      <c r="H2792" s="43">
        <v>2785</v>
      </c>
      <c r="I2792" s="55">
        <f>Bühler!I2818</f>
        <v>1.196773543013284</v>
      </c>
      <c r="J2792" s="58">
        <f>Bühler!J2818</f>
        <v>10.863693839748175</v>
      </c>
      <c r="K2792" s="58">
        <f>Bühler!K2818</f>
        <v>0.61829439357430538</v>
      </c>
      <c r="L2792" s="58">
        <f>Bühler!L2818</f>
        <v>0.30914719678715269</v>
      </c>
      <c r="M2792" s="57">
        <f>Bühler!M2818</f>
        <v>0</v>
      </c>
      <c r="N2792" s="55">
        <f>IF(Input!$K$13=1,J2792*Input!$J$13,0)+IF(Input!$K$14=1,K2792*Input!$J$14,0)+IF(Input!$K$15=1,L2792*Input!$J$15,0)+IF(Input!$K$16=1,M2792*Input!$J$16,0)</f>
        <v>1.303643260769781</v>
      </c>
      <c r="O2792" s="58">
        <f>IF(Input!$K$13=2,J2792*Input!$J$13,0)+IF(Input!$K$14=2,K2792*Input!$J$14,0)+IF(Input!$K$15=2,L2792*Input!$J$15,0)+IF(Input!$K$16=2,M2792*Input!$J$16,0)</f>
        <v>8.3469743132531221E-2</v>
      </c>
      <c r="P2792" s="58">
        <f>IF(Input!$K$13=3,J2792*Input!$J$13,0)+IF(Input!$K$14=3,K2792*Input!$J$14,0)+IF(Input!$K$15=3,L2792*Input!$J$15,0)+IF(Input!$K$16=3,M2792*Input!$J$16,0)</f>
        <v>0</v>
      </c>
      <c r="Q2792" s="71">
        <f>IF(Input!$K$13=4,J2792*Input!$J$13,0)+IF(Input!$K$14=4,K2792*Input!$J$14,0)+IF(Input!$K$15=4,L2792*Input!$J$15,0)+IF(Input!$K$16=4,M2792*Input!$J$16,0)</f>
        <v>0</v>
      </c>
    </row>
    <row r="2793" spans="8:17" x14ac:dyDescent="0.25">
      <c r="H2793" s="43">
        <v>2786</v>
      </c>
      <c r="I2793" s="55">
        <f>Bühler!I2819</f>
        <v>1.196773543013284</v>
      </c>
      <c r="J2793" s="58">
        <f>Bühler!J2819</f>
        <v>10.863693839748175</v>
      </c>
      <c r="K2793" s="58">
        <f>Bühler!K2819</f>
        <v>0.61829439357430538</v>
      </c>
      <c r="L2793" s="58">
        <f>Bühler!L2819</f>
        <v>0.30914719678715269</v>
      </c>
      <c r="M2793" s="57">
        <f>Bühler!M2819</f>
        <v>0</v>
      </c>
      <c r="N2793" s="55">
        <f>IF(Input!$K$13=1,J2793*Input!$J$13,0)+IF(Input!$K$14=1,K2793*Input!$J$14,0)+IF(Input!$K$15=1,L2793*Input!$J$15,0)+IF(Input!$K$16=1,M2793*Input!$J$16,0)</f>
        <v>1.303643260769781</v>
      </c>
      <c r="O2793" s="58">
        <f>IF(Input!$K$13=2,J2793*Input!$J$13,0)+IF(Input!$K$14=2,K2793*Input!$J$14,0)+IF(Input!$K$15=2,L2793*Input!$J$15,0)+IF(Input!$K$16=2,M2793*Input!$J$16,0)</f>
        <v>8.3469743132531221E-2</v>
      </c>
      <c r="P2793" s="58">
        <f>IF(Input!$K$13=3,J2793*Input!$J$13,0)+IF(Input!$K$14=3,K2793*Input!$J$14,0)+IF(Input!$K$15=3,L2793*Input!$J$15,0)+IF(Input!$K$16=3,M2793*Input!$J$16,0)</f>
        <v>0</v>
      </c>
      <c r="Q2793" s="71">
        <f>IF(Input!$K$13=4,J2793*Input!$J$13,0)+IF(Input!$K$14=4,K2793*Input!$J$14,0)+IF(Input!$K$15=4,L2793*Input!$J$15,0)+IF(Input!$K$16=4,M2793*Input!$J$16,0)</f>
        <v>0</v>
      </c>
    </row>
    <row r="2794" spans="8:17" x14ac:dyDescent="0.25">
      <c r="H2794" s="43">
        <v>2787</v>
      </c>
      <c r="I2794" s="55">
        <f>Bühler!I2820</f>
        <v>1.196773543013284</v>
      </c>
      <c r="J2794" s="58">
        <f>Bühler!J2820</f>
        <v>10.863693839748175</v>
      </c>
      <c r="K2794" s="58">
        <f>Bühler!K2820</f>
        <v>0.61829439357430538</v>
      </c>
      <c r="L2794" s="58">
        <f>Bühler!L2820</f>
        <v>0.30914719678715269</v>
      </c>
      <c r="M2794" s="57">
        <f>Bühler!M2820</f>
        <v>0</v>
      </c>
      <c r="N2794" s="55">
        <f>IF(Input!$K$13=1,J2794*Input!$J$13,0)+IF(Input!$K$14=1,K2794*Input!$J$14,0)+IF(Input!$K$15=1,L2794*Input!$J$15,0)+IF(Input!$K$16=1,M2794*Input!$J$16,0)</f>
        <v>1.303643260769781</v>
      </c>
      <c r="O2794" s="58">
        <f>IF(Input!$K$13=2,J2794*Input!$J$13,0)+IF(Input!$K$14=2,K2794*Input!$J$14,0)+IF(Input!$K$15=2,L2794*Input!$J$15,0)+IF(Input!$K$16=2,M2794*Input!$J$16,0)</f>
        <v>8.3469743132531221E-2</v>
      </c>
      <c r="P2794" s="58">
        <f>IF(Input!$K$13=3,J2794*Input!$J$13,0)+IF(Input!$K$14=3,K2794*Input!$J$14,0)+IF(Input!$K$15=3,L2794*Input!$J$15,0)+IF(Input!$K$16=3,M2794*Input!$J$16,0)</f>
        <v>0</v>
      </c>
      <c r="Q2794" s="71">
        <f>IF(Input!$K$13=4,J2794*Input!$J$13,0)+IF(Input!$K$14=4,K2794*Input!$J$14,0)+IF(Input!$K$15=4,L2794*Input!$J$15,0)+IF(Input!$K$16=4,M2794*Input!$J$16,0)</f>
        <v>0</v>
      </c>
    </row>
    <row r="2795" spans="8:17" x14ac:dyDescent="0.25">
      <c r="H2795" s="43">
        <v>2788</v>
      </c>
      <c r="I2795" s="55">
        <f>Bühler!I2821</f>
        <v>1.196773543013284</v>
      </c>
      <c r="J2795" s="58">
        <f>Bühler!J2821</f>
        <v>10.863693839748175</v>
      </c>
      <c r="K2795" s="58">
        <f>Bühler!K2821</f>
        <v>0.61829439357430538</v>
      </c>
      <c r="L2795" s="58">
        <f>Bühler!L2821</f>
        <v>0.30914719678715269</v>
      </c>
      <c r="M2795" s="57">
        <f>Bühler!M2821</f>
        <v>0</v>
      </c>
      <c r="N2795" s="55">
        <f>IF(Input!$K$13=1,J2795*Input!$J$13,0)+IF(Input!$K$14=1,K2795*Input!$J$14,0)+IF(Input!$K$15=1,L2795*Input!$J$15,0)+IF(Input!$K$16=1,M2795*Input!$J$16,0)</f>
        <v>1.303643260769781</v>
      </c>
      <c r="O2795" s="58">
        <f>IF(Input!$K$13=2,J2795*Input!$J$13,0)+IF(Input!$K$14=2,K2795*Input!$J$14,0)+IF(Input!$K$15=2,L2795*Input!$J$15,0)+IF(Input!$K$16=2,M2795*Input!$J$16,0)</f>
        <v>8.3469743132531221E-2</v>
      </c>
      <c r="P2795" s="58">
        <f>IF(Input!$K$13=3,J2795*Input!$J$13,0)+IF(Input!$K$14=3,K2795*Input!$J$14,0)+IF(Input!$K$15=3,L2795*Input!$J$15,0)+IF(Input!$K$16=3,M2795*Input!$J$16,0)</f>
        <v>0</v>
      </c>
      <c r="Q2795" s="71">
        <f>IF(Input!$K$13=4,J2795*Input!$J$13,0)+IF(Input!$K$14=4,K2795*Input!$J$14,0)+IF(Input!$K$15=4,L2795*Input!$J$15,0)+IF(Input!$K$16=4,M2795*Input!$J$16,0)</f>
        <v>0</v>
      </c>
    </row>
    <row r="2796" spans="8:17" x14ac:dyDescent="0.25">
      <c r="H2796" s="43">
        <v>2789</v>
      </c>
      <c r="I2796" s="55">
        <f>Bühler!I2822</f>
        <v>1.196773543013284</v>
      </c>
      <c r="J2796" s="58">
        <f>Bühler!J2822</f>
        <v>10.863693839748175</v>
      </c>
      <c r="K2796" s="58">
        <f>Bühler!K2822</f>
        <v>0.61829439357430538</v>
      </c>
      <c r="L2796" s="58">
        <f>Bühler!L2822</f>
        <v>0.30914719678715269</v>
      </c>
      <c r="M2796" s="57">
        <f>Bühler!M2822</f>
        <v>0</v>
      </c>
      <c r="N2796" s="55">
        <f>IF(Input!$K$13=1,J2796*Input!$J$13,0)+IF(Input!$K$14=1,K2796*Input!$J$14,0)+IF(Input!$K$15=1,L2796*Input!$J$15,0)+IF(Input!$K$16=1,M2796*Input!$J$16,0)</f>
        <v>1.303643260769781</v>
      </c>
      <c r="O2796" s="58">
        <f>IF(Input!$K$13=2,J2796*Input!$J$13,0)+IF(Input!$K$14=2,K2796*Input!$J$14,0)+IF(Input!$K$15=2,L2796*Input!$J$15,0)+IF(Input!$K$16=2,M2796*Input!$J$16,0)</f>
        <v>8.3469743132531221E-2</v>
      </c>
      <c r="P2796" s="58">
        <f>IF(Input!$K$13=3,J2796*Input!$J$13,0)+IF(Input!$K$14=3,K2796*Input!$J$14,0)+IF(Input!$K$15=3,L2796*Input!$J$15,0)+IF(Input!$K$16=3,M2796*Input!$J$16,0)</f>
        <v>0</v>
      </c>
      <c r="Q2796" s="71">
        <f>IF(Input!$K$13=4,J2796*Input!$J$13,0)+IF(Input!$K$14=4,K2796*Input!$J$14,0)+IF(Input!$K$15=4,L2796*Input!$J$15,0)+IF(Input!$K$16=4,M2796*Input!$J$16,0)</f>
        <v>0</v>
      </c>
    </row>
    <row r="2797" spans="8:17" x14ac:dyDescent="0.25">
      <c r="H2797" s="43">
        <v>2790</v>
      </c>
      <c r="I2797" s="55">
        <f>Bühler!I2823</f>
        <v>1.196773543013284</v>
      </c>
      <c r="J2797" s="58">
        <f>Bühler!J2823</f>
        <v>10.863693839748175</v>
      </c>
      <c r="K2797" s="58">
        <f>Bühler!K2823</f>
        <v>0.61829439357430538</v>
      </c>
      <c r="L2797" s="58">
        <f>Bühler!L2823</f>
        <v>0.30914719678715269</v>
      </c>
      <c r="M2797" s="57">
        <f>Bühler!M2823</f>
        <v>0</v>
      </c>
      <c r="N2797" s="55">
        <f>IF(Input!$K$13=1,J2797*Input!$J$13,0)+IF(Input!$K$14=1,K2797*Input!$J$14,0)+IF(Input!$K$15=1,L2797*Input!$J$15,0)+IF(Input!$K$16=1,M2797*Input!$J$16,0)</f>
        <v>1.303643260769781</v>
      </c>
      <c r="O2797" s="58">
        <f>IF(Input!$K$13=2,J2797*Input!$J$13,0)+IF(Input!$K$14=2,K2797*Input!$J$14,0)+IF(Input!$K$15=2,L2797*Input!$J$15,0)+IF(Input!$K$16=2,M2797*Input!$J$16,0)</f>
        <v>8.3469743132531221E-2</v>
      </c>
      <c r="P2797" s="58">
        <f>IF(Input!$K$13=3,J2797*Input!$J$13,0)+IF(Input!$K$14=3,K2797*Input!$J$14,0)+IF(Input!$K$15=3,L2797*Input!$J$15,0)+IF(Input!$K$16=3,M2797*Input!$J$16,0)</f>
        <v>0</v>
      </c>
      <c r="Q2797" s="71">
        <f>IF(Input!$K$13=4,J2797*Input!$J$13,0)+IF(Input!$K$14=4,K2797*Input!$J$14,0)+IF(Input!$K$15=4,L2797*Input!$J$15,0)+IF(Input!$K$16=4,M2797*Input!$J$16,0)</f>
        <v>0</v>
      </c>
    </row>
    <row r="2798" spans="8:17" x14ac:dyDescent="0.25">
      <c r="H2798" s="43">
        <v>2791</v>
      </c>
      <c r="I2798" s="55">
        <f>Bühler!I2824</f>
        <v>1.196773543013284</v>
      </c>
      <c r="J2798" s="58">
        <f>Bühler!J2824</f>
        <v>10.863693839748175</v>
      </c>
      <c r="K2798" s="58">
        <f>Bühler!K2824</f>
        <v>0.61829439357430538</v>
      </c>
      <c r="L2798" s="58">
        <f>Bühler!L2824</f>
        <v>0.30914719678715269</v>
      </c>
      <c r="M2798" s="57">
        <f>Bühler!M2824</f>
        <v>0</v>
      </c>
      <c r="N2798" s="55">
        <f>IF(Input!$K$13=1,J2798*Input!$J$13,0)+IF(Input!$K$14=1,K2798*Input!$J$14,0)+IF(Input!$K$15=1,L2798*Input!$J$15,0)+IF(Input!$K$16=1,M2798*Input!$J$16,0)</f>
        <v>1.303643260769781</v>
      </c>
      <c r="O2798" s="58">
        <f>IF(Input!$K$13=2,J2798*Input!$J$13,0)+IF(Input!$K$14=2,K2798*Input!$J$14,0)+IF(Input!$K$15=2,L2798*Input!$J$15,0)+IF(Input!$K$16=2,M2798*Input!$J$16,0)</f>
        <v>8.3469743132531221E-2</v>
      </c>
      <c r="P2798" s="58">
        <f>IF(Input!$K$13=3,J2798*Input!$J$13,0)+IF(Input!$K$14=3,K2798*Input!$J$14,0)+IF(Input!$K$15=3,L2798*Input!$J$15,0)+IF(Input!$K$16=3,M2798*Input!$J$16,0)</f>
        <v>0</v>
      </c>
      <c r="Q2798" s="71">
        <f>IF(Input!$K$13=4,J2798*Input!$J$13,0)+IF(Input!$K$14=4,K2798*Input!$J$14,0)+IF(Input!$K$15=4,L2798*Input!$J$15,0)+IF(Input!$K$16=4,M2798*Input!$J$16,0)</f>
        <v>0</v>
      </c>
    </row>
    <row r="2799" spans="8:17" x14ac:dyDescent="0.25">
      <c r="H2799" s="43">
        <v>2792</v>
      </c>
      <c r="I2799" s="55">
        <f>Bühler!I2825</f>
        <v>3.2971111110015969</v>
      </c>
      <c r="J2799" s="58">
        <f>Bühler!J2825</f>
        <v>42.681380030357651</v>
      </c>
      <c r="K2799" s="58">
        <f>Bühler!K2825</f>
        <v>2.527512536156781</v>
      </c>
      <c r="L2799" s="58">
        <f>Bühler!L2825</f>
        <v>1.2637562680783905</v>
      </c>
      <c r="M2799" s="57">
        <f>Bühler!M2825</f>
        <v>0</v>
      </c>
      <c r="N2799" s="55">
        <f>IF(Input!$K$13=1,J2799*Input!$J$13,0)+IF(Input!$K$14=1,K2799*Input!$J$14,0)+IF(Input!$K$15=1,L2799*Input!$J$15,0)+IF(Input!$K$16=1,M2799*Input!$J$16,0)</f>
        <v>5.1217656036429178</v>
      </c>
      <c r="O2799" s="58">
        <f>IF(Input!$K$13=2,J2799*Input!$J$13,0)+IF(Input!$K$14=2,K2799*Input!$J$14,0)+IF(Input!$K$15=2,L2799*Input!$J$15,0)+IF(Input!$K$16=2,M2799*Input!$J$16,0)</f>
        <v>0.3412141923811654</v>
      </c>
      <c r="P2799" s="58">
        <f>IF(Input!$K$13=3,J2799*Input!$J$13,0)+IF(Input!$K$14=3,K2799*Input!$J$14,0)+IF(Input!$K$15=3,L2799*Input!$J$15,0)+IF(Input!$K$16=3,M2799*Input!$J$16,0)</f>
        <v>0</v>
      </c>
      <c r="Q2799" s="71">
        <f>IF(Input!$K$13=4,J2799*Input!$J$13,0)+IF(Input!$K$14=4,K2799*Input!$J$14,0)+IF(Input!$K$15=4,L2799*Input!$J$15,0)+IF(Input!$K$16=4,M2799*Input!$J$16,0)</f>
        <v>0</v>
      </c>
    </row>
    <row r="2800" spans="8:17" x14ac:dyDescent="0.25">
      <c r="H2800" s="43">
        <v>2793</v>
      </c>
      <c r="I2800" s="55">
        <f>Bühler!I2826</f>
        <v>3.6788818712228348</v>
      </c>
      <c r="J2800" s="58">
        <f>Bühler!J2826</f>
        <v>47.623434560188549</v>
      </c>
      <c r="K2800" s="58">
        <f>Bühler!K2826</f>
        <v>2.8201718824486193</v>
      </c>
      <c r="L2800" s="58">
        <f>Bühler!L2826</f>
        <v>1.4100859412243096</v>
      </c>
      <c r="M2800" s="57">
        <f>Bühler!M2826</f>
        <v>0</v>
      </c>
      <c r="N2800" s="55">
        <f>IF(Input!$K$13=1,J2800*Input!$J$13,0)+IF(Input!$K$14=1,K2800*Input!$J$14,0)+IF(Input!$K$15=1,L2800*Input!$J$15,0)+IF(Input!$K$16=1,M2800*Input!$J$16,0)</f>
        <v>5.7148121472226254</v>
      </c>
      <c r="O2800" s="58">
        <f>IF(Input!$K$13=2,J2800*Input!$J$13,0)+IF(Input!$K$14=2,K2800*Input!$J$14,0)+IF(Input!$K$15=2,L2800*Input!$J$15,0)+IF(Input!$K$16=2,M2800*Input!$J$16,0)</f>
        <v>0.3807232041305636</v>
      </c>
      <c r="P2800" s="58">
        <f>IF(Input!$K$13=3,J2800*Input!$J$13,0)+IF(Input!$K$14=3,K2800*Input!$J$14,0)+IF(Input!$K$15=3,L2800*Input!$J$15,0)+IF(Input!$K$16=3,M2800*Input!$J$16,0)</f>
        <v>0</v>
      </c>
      <c r="Q2800" s="71">
        <f>IF(Input!$K$13=4,J2800*Input!$J$13,0)+IF(Input!$K$14=4,K2800*Input!$J$14,0)+IF(Input!$K$15=4,L2800*Input!$J$15,0)+IF(Input!$K$16=4,M2800*Input!$J$16,0)</f>
        <v>0</v>
      </c>
    </row>
    <row r="2801" spans="8:17" x14ac:dyDescent="0.25">
      <c r="H2801" s="43">
        <v>2794</v>
      </c>
      <c r="I2801" s="55">
        <f>Bühler!I2827</f>
        <v>4.0606526314440732</v>
      </c>
      <c r="J2801" s="58">
        <f>Bühler!J2827</f>
        <v>52.56548909001944</v>
      </c>
      <c r="K2801" s="58">
        <f>Bühler!K2827</f>
        <v>3.1128312287404571</v>
      </c>
      <c r="L2801" s="58">
        <f>Bühler!L2827</f>
        <v>1.5564156143702286</v>
      </c>
      <c r="M2801" s="57">
        <f>Bühler!M2827</f>
        <v>0</v>
      </c>
      <c r="N2801" s="55">
        <f>IF(Input!$K$13=1,J2801*Input!$J$13,0)+IF(Input!$K$14=1,K2801*Input!$J$14,0)+IF(Input!$K$15=1,L2801*Input!$J$15,0)+IF(Input!$K$16=1,M2801*Input!$J$16,0)</f>
        <v>6.3078586908023322</v>
      </c>
      <c r="O2801" s="58">
        <f>IF(Input!$K$13=2,J2801*Input!$J$13,0)+IF(Input!$K$14=2,K2801*Input!$J$14,0)+IF(Input!$K$15=2,L2801*Input!$J$15,0)+IF(Input!$K$16=2,M2801*Input!$J$16,0)</f>
        <v>0.42023221587996168</v>
      </c>
      <c r="P2801" s="58">
        <f>IF(Input!$K$13=3,J2801*Input!$J$13,0)+IF(Input!$K$14=3,K2801*Input!$J$14,0)+IF(Input!$K$15=3,L2801*Input!$J$15,0)+IF(Input!$K$16=3,M2801*Input!$J$16,0)</f>
        <v>0</v>
      </c>
      <c r="Q2801" s="71">
        <f>IF(Input!$K$13=4,J2801*Input!$J$13,0)+IF(Input!$K$14=4,K2801*Input!$J$14,0)+IF(Input!$K$15=4,L2801*Input!$J$15,0)+IF(Input!$K$16=4,M2801*Input!$J$16,0)</f>
        <v>0</v>
      </c>
    </row>
    <row r="2802" spans="8:17" x14ac:dyDescent="0.25">
      <c r="H2802" s="43">
        <v>2795</v>
      </c>
      <c r="I2802" s="55">
        <f>Bühler!I2828</f>
        <v>4.0606526314440732</v>
      </c>
      <c r="J2802" s="58">
        <f>Bühler!J2828</f>
        <v>52.56548909001944</v>
      </c>
      <c r="K2802" s="58">
        <f>Bühler!K2828</f>
        <v>3.1128312287404571</v>
      </c>
      <c r="L2802" s="58">
        <f>Bühler!L2828</f>
        <v>1.5564156143702286</v>
      </c>
      <c r="M2802" s="57">
        <f>Bühler!M2828</f>
        <v>0</v>
      </c>
      <c r="N2802" s="55">
        <f>IF(Input!$K$13=1,J2802*Input!$J$13,0)+IF(Input!$K$14=1,K2802*Input!$J$14,0)+IF(Input!$K$15=1,L2802*Input!$J$15,0)+IF(Input!$K$16=1,M2802*Input!$J$16,0)</f>
        <v>6.3078586908023322</v>
      </c>
      <c r="O2802" s="58">
        <f>IF(Input!$K$13=2,J2802*Input!$J$13,0)+IF(Input!$K$14=2,K2802*Input!$J$14,0)+IF(Input!$K$15=2,L2802*Input!$J$15,0)+IF(Input!$K$16=2,M2802*Input!$J$16,0)</f>
        <v>0.42023221587996168</v>
      </c>
      <c r="P2802" s="58">
        <f>IF(Input!$K$13=3,J2802*Input!$J$13,0)+IF(Input!$K$14=3,K2802*Input!$J$14,0)+IF(Input!$K$15=3,L2802*Input!$J$15,0)+IF(Input!$K$16=3,M2802*Input!$J$16,0)</f>
        <v>0</v>
      </c>
      <c r="Q2802" s="71">
        <f>IF(Input!$K$13=4,J2802*Input!$J$13,0)+IF(Input!$K$14=4,K2802*Input!$J$14,0)+IF(Input!$K$15=4,L2802*Input!$J$15,0)+IF(Input!$K$16=4,M2802*Input!$J$16,0)</f>
        <v>0</v>
      </c>
    </row>
    <row r="2803" spans="8:17" x14ac:dyDescent="0.25">
      <c r="H2803" s="43">
        <v>2796</v>
      </c>
      <c r="I2803" s="55">
        <f>Bühler!I2829</f>
        <v>4.8589005846339326</v>
      </c>
      <c r="J2803" s="58">
        <f>Bühler!J2829</f>
        <v>62.898875834211282</v>
      </c>
      <c r="K2803" s="58">
        <f>Bühler!K2829</f>
        <v>3.7247553164415725</v>
      </c>
      <c r="L2803" s="58">
        <f>Bühler!L2829</f>
        <v>1.8623776582207863</v>
      </c>
      <c r="M2803" s="57">
        <f>Bühler!M2829</f>
        <v>0</v>
      </c>
      <c r="N2803" s="55">
        <f>IF(Input!$K$13=1,J2803*Input!$J$13,0)+IF(Input!$K$14=1,K2803*Input!$J$14,0)+IF(Input!$K$15=1,L2803*Input!$J$15,0)+IF(Input!$K$16=1,M2803*Input!$J$16,0)</f>
        <v>7.5478651001053532</v>
      </c>
      <c r="O2803" s="58">
        <f>IF(Input!$K$13=2,J2803*Input!$J$13,0)+IF(Input!$K$14=2,K2803*Input!$J$14,0)+IF(Input!$K$15=2,L2803*Input!$J$15,0)+IF(Input!$K$16=2,M2803*Input!$J$16,0)</f>
        <v>0.50284196771961231</v>
      </c>
      <c r="P2803" s="58">
        <f>IF(Input!$K$13=3,J2803*Input!$J$13,0)+IF(Input!$K$14=3,K2803*Input!$J$14,0)+IF(Input!$K$15=3,L2803*Input!$J$15,0)+IF(Input!$K$16=3,M2803*Input!$J$16,0)</f>
        <v>0</v>
      </c>
      <c r="Q2803" s="71">
        <f>IF(Input!$K$13=4,J2803*Input!$J$13,0)+IF(Input!$K$14=4,K2803*Input!$J$14,0)+IF(Input!$K$15=4,L2803*Input!$J$15,0)+IF(Input!$K$16=4,M2803*Input!$J$16,0)</f>
        <v>0</v>
      </c>
    </row>
    <row r="2804" spans="8:17" x14ac:dyDescent="0.25">
      <c r="H2804" s="43">
        <v>2797</v>
      </c>
      <c r="I2804" s="55">
        <f>Bühler!I2830</f>
        <v>4.8589005846339326</v>
      </c>
      <c r="J2804" s="58">
        <f>Bühler!J2830</f>
        <v>62.898875834211282</v>
      </c>
      <c r="K2804" s="58">
        <f>Bühler!K2830</f>
        <v>3.7247553164415725</v>
      </c>
      <c r="L2804" s="58">
        <f>Bühler!L2830</f>
        <v>1.8623776582207863</v>
      </c>
      <c r="M2804" s="57">
        <f>Bühler!M2830</f>
        <v>0</v>
      </c>
      <c r="N2804" s="55">
        <f>IF(Input!$K$13=1,J2804*Input!$J$13,0)+IF(Input!$K$14=1,K2804*Input!$J$14,0)+IF(Input!$K$15=1,L2804*Input!$J$15,0)+IF(Input!$K$16=1,M2804*Input!$J$16,0)</f>
        <v>7.5478651001053532</v>
      </c>
      <c r="O2804" s="58">
        <f>IF(Input!$K$13=2,J2804*Input!$J$13,0)+IF(Input!$K$14=2,K2804*Input!$J$14,0)+IF(Input!$K$15=2,L2804*Input!$J$15,0)+IF(Input!$K$16=2,M2804*Input!$J$16,0)</f>
        <v>0.50284196771961231</v>
      </c>
      <c r="P2804" s="58">
        <f>IF(Input!$K$13=3,J2804*Input!$J$13,0)+IF(Input!$K$14=3,K2804*Input!$J$14,0)+IF(Input!$K$15=3,L2804*Input!$J$15,0)+IF(Input!$K$16=3,M2804*Input!$J$16,0)</f>
        <v>0</v>
      </c>
      <c r="Q2804" s="71">
        <f>IF(Input!$K$13=4,J2804*Input!$J$13,0)+IF(Input!$K$14=4,K2804*Input!$J$14,0)+IF(Input!$K$15=4,L2804*Input!$J$15,0)+IF(Input!$K$16=4,M2804*Input!$J$16,0)</f>
        <v>0</v>
      </c>
    </row>
    <row r="2805" spans="8:17" x14ac:dyDescent="0.25">
      <c r="H2805" s="43">
        <v>2798</v>
      </c>
      <c r="I2805" s="55">
        <f>Bühler!I2831</f>
        <v>3.227698245506827</v>
      </c>
      <c r="J2805" s="58">
        <f>Bühler!J2831</f>
        <v>41.782824661297497</v>
      </c>
      <c r="K2805" s="58">
        <f>Bühler!K2831</f>
        <v>2.4743017459219017</v>
      </c>
      <c r="L2805" s="58">
        <f>Bühler!L2831</f>
        <v>1.2371508729609508</v>
      </c>
      <c r="M2805" s="57">
        <f>Bühler!M2831</f>
        <v>0</v>
      </c>
      <c r="N2805" s="55">
        <f>IF(Input!$K$13=1,J2805*Input!$J$13,0)+IF(Input!$K$14=1,K2805*Input!$J$14,0)+IF(Input!$K$15=1,L2805*Input!$J$15,0)+IF(Input!$K$16=1,M2805*Input!$J$16,0)</f>
        <v>5.0139389593556993</v>
      </c>
      <c r="O2805" s="58">
        <f>IF(Input!$K$13=2,J2805*Input!$J$13,0)+IF(Input!$K$14=2,K2805*Input!$J$14,0)+IF(Input!$K$15=2,L2805*Input!$J$15,0)+IF(Input!$K$16=2,M2805*Input!$J$16,0)</f>
        <v>0.33403073569945674</v>
      </c>
      <c r="P2805" s="58">
        <f>IF(Input!$K$13=3,J2805*Input!$J$13,0)+IF(Input!$K$14=3,K2805*Input!$J$14,0)+IF(Input!$K$15=3,L2805*Input!$J$15,0)+IF(Input!$K$16=3,M2805*Input!$J$16,0)</f>
        <v>0</v>
      </c>
      <c r="Q2805" s="71">
        <f>IF(Input!$K$13=4,J2805*Input!$J$13,0)+IF(Input!$K$14=4,K2805*Input!$J$14,0)+IF(Input!$K$15=4,L2805*Input!$J$15,0)+IF(Input!$K$16=4,M2805*Input!$J$16,0)</f>
        <v>0</v>
      </c>
    </row>
    <row r="2806" spans="8:17" x14ac:dyDescent="0.25">
      <c r="H2806" s="43">
        <v>2799</v>
      </c>
      <c r="I2806" s="55">
        <f>Bühler!I2832</f>
        <v>4.8589005846339326</v>
      </c>
      <c r="J2806" s="58">
        <f>Bühler!J2832</f>
        <v>62.898875834211282</v>
      </c>
      <c r="K2806" s="58">
        <f>Bühler!K2832</f>
        <v>3.7247553164415725</v>
      </c>
      <c r="L2806" s="58">
        <f>Bühler!L2832</f>
        <v>1.8623776582207863</v>
      </c>
      <c r="M2806" s="57">
        <f>Bühler!M2832</f>
        <v>0</v>
      </c>
      <c r="N2806" s="55">
        <f>IF(Input!$K$13=1,J2806*Input!$J$13,0)+IF(Input!$K$14=1,K2806*Input!$J$14,0)+IF(Input!$K$15=1,L2806*Input!$J$15,0)+IF(Input!$K$16=1,M2806*Input!$J$16,0)</f>
        <v>7.5478651001053532</v>
      </c>
      <c r="O2806" s="58">
        <f>IF(Input!$K$13=2,J2806*Input!$J$13,0)+IF(Input!$K$14=2,K2806*Input!$J$14,0)+IF(Input!$K$15=2,L2806*Input!$J$15,0)+IF(Input!$K$16=2,M2806*Input!$J$16,0)</f>
        <v>0.50284196771961231</v>
      </c>
      <c r="P2806" s="58">
        <f>IF(Input!$K$13=3,J2806*Input!$J$13,0)+IF(Input!$K$14=3,K2806*Input!$J$14,0)+IF(Input!$K$15=3,L2806*Input!$J$15,0)+IF(Input!$K$16=3,M2806*Input!$J$16,0)</f>
        <v>0</v>
      </c>
      <c r="Q2806" s="71">
        <f>IF(Input!$K$13=4,J2806*Input!$J$13,0)+IF(Input!$K$14=4,K2806*Input!$J$14,0)+IF(Input!$K$15=4,L2806*Input!$J$15,0)+IF(Input!$K$16=4,M2806*Input!$J$16,0)</f>
        <v>0</v>
      </c>
    </row>
    <row r="2807" spans="8:17" x14ac:dyDescent="0.25">
      <c r="H2807" s="43">
        <v>2800</v>
      </c>
      <c r="I2807" s="55">
        <f>Bühler!I2833</f>
        <v>4.8589005846339326</v>
      </c>
      <c r="J2807" s="58">
        <f>Bühler!J2833</f>
        <v>62.898875834211282</v>
      </c>
      <c r="K2807" s="58">
        <f>Bühler!K2833</f>
        <v>3.7247553164415725</v>
      </c>
      <c r="L2807" s="58">
        <f>Bühler!L2833</f>
        <v>1.8623776582207863</v>
      </c>
      <c r="M2807" s="57">
        <f>Bühler!M2833</f>
        <v>0</v>
      </c>
      <c r="N2807" s="55">
        <f>IF(Input!$K$13=1,J2807*Input!$J$13,0)+IF(Input!$K$14=1,K2807*Input!$J$14,0)+IF(Input!$K$15=1,L2807*Input!$J$15,0)+IF(Input!$K$16=1,M2807*Input!$J$16,0)</f>
        <v>7.5478651001053532</v>
      </c>
      <c r="O2807" s="58">
        <f>IF(Input!$K$13=2,J2807*Input!$J$13,0)+IF(Input!$K$14=2,K2807*Input!$J$14,0)+IF(Input!$K$15=2,L2807*Input!$J$15,0)+IF(Input!$K$16=2,M2807*Input!$J$16,0)</f>
        <v>0.50284196771961231</v>
      </c>
      <c r="P2807" s="58">
        <f>IF(Input!$K$13=3,J2807*Input!$J$13,0)+IF(Input!$K$14=3,K2807*Input!$J$14,0)+IF(Input!$K$15=3,L2807*Input!$J$15,0)+IF(Input!$K$16=3,M2807*Input!$J$16,0)</f>
        <v>0</v>
      </c>
      <c r="Q2807" s="71">
        <f>IF(Input!$K$13=4,J2807*Input!$J$13,0)+IF(Input!$K$14=4,K2807*Input!$J$14,0)+IF(Input!$K$15=4,L2807*Input!$J$15,0)+IF(Input!$K$16=4,M2807*Input!$J$16,0)</f>
        <v>0</v>
      </c>
    </row>
    <row r="2808" spans="8:17" x14ac:dyDescent="0.25">
      <c r="H2808" s="43">
        <v>2801</v>
      </c>
      <c r="I2808" s="55">
        <f>Bühler!I2834</f>
        <v>4.0600542446725658</v>
      </c>
      <c r="J2808" s="58">
        <f>Bühler!J2834</f>
        <v>38.361913645329373</v>
      </c>
      <c r="K2808" s="58">
        <f>Bühler!K2834</f>
        <v>2.1949450971887838</v>
      </c>
      <c r="L2808" s="58">
        <f>Bühler!L2834</f>
        <v>1.0974725485943919</v>
      </c>
      <c r="M2808" s="57">
        <f>Bühler!M2834</f>
        <v>0</v>
      </c>
      <c r="N2808" s="55">
        <f>IF(Input!$K$13=1,J2808*Input!$J$13,0)+IF(Input!$K$14=1,K2808*Input!$J$14,0)+IF(Input!$K$15=1,L2808*Input!$J$15,0)+IF(Input!$K$16=1,M2808*Input!$J$16,0)</f>
        <v>4.6034296374395245</v>
      </c>
      <c r="O2808" s="58">
        <f>IF(Input!$K$13=2,J2808*Input!$J$13,0)+IF(Input!$K$14=2,K2808*Input!$J$14,0)+IF(Input!$K$15=2,L2808*Input!$J$15,0)+IF(Input!$K$16=2,M2808*Input!$J$16,0)</f>
        <v>0.29631758812048581</v>
      </c>
      <c r="P2808" s="58">
        <f>IF(Input!$K$13=3,J2808*Input!$J$13,0)+IF(Input!$K$14=3,K2808*Input!$J$14,0)+IF(Input!$K$15=3,L2808*Input!$J$15,0)+IF(Input!$K$16=3,M2808*Input!$J$16,0)</f>
        <v>0</v>
      </c>
      <c r="Q2808" s="71">
        <f>IF(Input!$K$13=4,J2808*Input!$J$13,0)+IF(Input!$K$14=4,K2808*Input!$J$14,0)+IF(Input!$K$15=4,L2808*Input!$J$15,0)+IF(Input!$K$16=4,M2808*Input!$J$16,0)</f>
        <v>0</v>
      </c>
    </row>
    <row r="2809" spans="8:17" x14ac:dyDescent="0.25">
      <c r="H2809" s="43">
        <v>2802</v>
      </c>
      <c r="I2809" s="55">
        <f>Bühler!I2835</f>
        <v>3.2282966322783335</v>
      </c>
      <c r="J2809" s="58">
        <f>Bühler!J2835</f>
        <v>17.993062515499179</v>
      </c>
      <c r="K2809" s="58">
        <f>Bühler!K2835</f>
        <v>0.93680968723379598</v>
      </c>
      <c r="L2809" s="58">
        <f>Bühler!L2835</f>
        <v>0.46840484361689799</v>
      </c>
      <c r="M2809" s="57">
        <f>Bühler!M2835</f>
        <v>0</v>
      </c>
      <c r="N2809" s="55">
        <f>IF(Input!$K$13=1,J2809*Input!$J$13,0)+IF(Input!$K$14=1,K2809*Input!$J$14,0)+IF(Input!$K$15=1,L2809*Input!$J$15,0)+IF(Input!$K$16=1,M2809*Input!$J$16,0)</f>
        <v>2.1591675018599013</v>
      </c>
      <c r="O2809" s="58">
        <f>IF(Input!$K$13=2,J2809*Input!$J$13,0)+IF(Input!$K$14=2,K2809*Input!$J$14,0)+IF(Input!$K$15=2,L2809*Input!$J$15,0)+IF(Input!$K$16=2,M2809*Input!$J$16,0)</f>
        <v>0.12646930777656246</v>
      </c>
      <c r="P2809" s="58">
        <f>IF(Input!$K$13=3,J2809*Input!$J$13,0)+IF(Input!$K$14=3,K2809*Input!$J$14,0)+IF(Input!$K$15=3,L2809*Input!$J$15,0)+IF(Input!$K$16=3,M2809*Input!$J$16,0)</f>
        <v>0</v>
      </c>
      <c r="Q2809" s="71">
        <f>IF(Input!$K$13=4,J2809*Input!$J$13,0)+IF(Input!$K$14=4,K2809*Input!$J$14,0)+IF(Input!$K$15=4,L2809*Input!$J$15,0)+IF(Input!$K$16=4,M2809*Input!$J$16,0)</f>
        <v>0</v>
      </c>
    </row>
    <row r="2810" spans="8:17" x14ac:dyDescent="0.25">
      <c r="H2810" s="43">
        <v>2803</v>
      </c>
      <c r="I2810" s="55">
        <f>Bühler!I2836</f>
        <v>1.196773543013284</v>
      </c>
      <c r="J2810" s="58">
        <f>Bühler!J2836</f>
        <v>10.863693839748175</v>
      </c>
      <c r="K2810" s="58">
        <f>Bühler!K2836</f>
        <v>0.61829439357430538</v>
      </c>
      <c r="L2810" s="58">
        <f>Bühler!L2836</f>
        <v>0.30914719678715269</v>
      </c>
      <c r="M2810" s="57">
        <f>Bühler!M2836</f>
        <v>0</v>
      </c>
      <c r="N2810" s="55">
        <f>IF(Input!$K$13=1,J2810*Input!$J$13,0)+IF(Input!$K$14=1,K2810*Input!$J$14,0)+IF(Input!$K$15=1,L2810*Input!$J$15,0)+IF(Input!$K$16=1,M2810*Input!$J$16,0)</f>
        <v>1.303643260769781</v>
      </c>
      <c r="O2810" s="58">
        <f>IF(Input!$K$13=2,J2810*Input!$J$13,0)+IF(Input!$K$14=2,K2810*Input!$J$14,0)+IF(Input!$K$15=2,L2810*Input!$J$15,0)+IF(Input!$K$16=2,M2810*Input!$J$16,0)</f>
        <v>8.3469743132531221E-2</v>
      </c>
      <c r="P2810" s="58">
        <f>IF(Input!$K$13=3,J2810*Input!$J$13,0)+IF(Input!$K$14=3,K2810*Input!$J$14,0)+IF(Input!$K$15=3,L2810*Input!$J$15,0)+IF(Input!$K$16=3,M2810*Input!$J$16,0)</f>
        <v>0</v>
      </c>
      <c r="Q2810" s="71">
        <f>IF(Input!$K$13=4,J2810*Input!$J$13,0)+IF(Input!$K$14=4,K2810*Input!$J$14,0)+IF(Input!$K$15=4,L2810*Input!$J$15,0)+IF(Input!$K$16=4,M2810*Input!$J$16,0)</f>
        <v>0</v>
      </c>
    </row>
    <row r="2811" spans="8:17" x14ac:dyDescent="0.25">
      <c r="H2811" s="43">
        <v>2804</v>
      </c>
      <c r="I2811" s="55">
        <f>Bühler!I2837</f>
        <v>1.196773543013284</v>
      </c>
      <c r="J2811" s="58">
        <f>Bühler!J2837</f>
        <v>10.863693839748175</v>
      </c>
      <c r="K2811" s="58">
        <f>Bühler!K2837</f>
        <v>0.61829439357430538</v>
      </c>
      <c r="L2811" s="58">
        <f>Bühler!L2837</f>
        <v>0.30914719678715269</v>
      </c>
      <c r="M2811" s="57">
        <f>Bühler!M2837</f>
        <v>0</v>
      </c>
      <c r="N2811" s="55">
        <f>IF(Input!$K$13=1,J2811*Input!$J$13,0)+IF(Input!$K$14=1,K2811*Input!$J$14,0)+IF(Input!$K$15=1,L2811*Input!$J$15,0)+IF(Input!$K$16=1,M2811*Input!$J$16,0)</f>
        <v>1.303643260769781</v>
      </c>
      <c r="O2811" s="58">
        <f>IF(Input!$K$13=2,J2811*Input!$J$13,0)+IF(Input!$K$14=2,K2811*Input!$J$14,0)+IF(Input!$K$15=2,L2811*Input!$J$15,0)+IF(Input!$K$16=2,M2811*Input!$J$16,0)</f>
        <v>8.3469743132531221E-2</v>
      </c>
      <c r="P2811" s="58">
        <f>IF(Input!$K$13=3,J2811*Input!$J$13,0)+IF(Input!$K$14=3,K2811*Input!$J$14,0)+IF(Input!$K$15=3,L2811*Input!$J$15,0)+IF(Input!$K$16=3,M2811*Input!$J$16,0)</f>
        <v>0</v>
      </c>
      <c r="Q2811" s="71">
        <f>IF(Input!$K$13=4,J2811*Input!$J$13,0)+IF(Input!$K$14=4,K2811*Input!$J$14,0)+IF(Input!$K$15=4,L2811*Input!$J$15,0)+IF(Input!$K$16=4,M2811*Input!$J$16,0)</f>
        <v>0</v>
      </c>
    </row>
    <row r="2812" spans="8:17" x14ac:dyDescent="0.25">
      <c r="H2812" s="43">
        <v>2805</v>
      </c>
      <c r="I2812" s="55">
        <f>Bühler!I2838</f>
        <v>1.196773543013284</v>
      </c>
      <c r="J2812" s="58">
        <f>Bühler!J2838</f>
        <v>10.863693839748175</v>
      </c>
      <c r="K2812" s="58">
        <f>Bühler!K2838</f>
        <v>0.61829439357430538</v>
      </c>
      <c r="L2812" s="58">
        <f>Bühler!L2838</f>
        <v>0.30914719678715269</v>
      </c>
      <c r="M2812" s="57">
        <f>Bühler!M2838</f>
        <v>0</v>
      </c>
      <c r="N2812" s="55">
        <f>IF(Input!$K$13=1,J2812*Input!$J$13,0)+IF(Input!$K$14=1,K2812*Input!$J$14,0)+IF(Input!$K$15=1,L2812*Input!$J$15,0)+IF(Input!$K$16=1,M2812*Input!$J$16,0)</f>
        <v>1.303643260769781</v>
      </c>
      <c r="O2812" s="58">
        <f>IF(Input!$K$13=2,J2812*Input!$J$13,0)+IF(Input!$K$14=2,K2812*Input!$J$14,0)+IF(Input!$K$15=2,L2812*Input!$J$15,0)+IF(Input!$K$16=2,M2812*Input!$J$16,0)</f>
        <v>8.3469743132531221E-2</v>
      </c>
      <c r="P2812" s="58">
        <f>IF(Input!$K$13=3,J2812*Input!$J$13,0)+IF(Input!$K$14=3,K2812*Input!$J$14,0)+IF(Input!$K$15=3,L2812*Input!$J$15,0)+IF(Input!$K$16=3,M2812*Input!$J$16,0)</f>
        <v>0</v>
      </c>
      <c r="Q2812" s="71">
        <f>IF(Input!$K$13=4,J2812*Input!$J$13,0)+IF(Input!$K$14=4,K2812*Input!$J$14,0)+IF(Input!$K$15=4,L2812*Input!$J$15,0)+IF(Input!$K$16=4,M2812*Input!$J$16,0)</f>
        <v>0</v>
      </c>
    </row>
    <row r="2813" spans="8:17" x14ac:dyDescent="0.25">
      <c r="H2813" s="43">
        <v>2806</v>
      </c>
      <c r="I2813" s="55">
        <f>Bühler!I2839</f>
        <v>1.196773543013284</v>
      </c>
      <c r="J2813" s="58">
        <f>Bühler!J2839</f>
        <v>10.863693839748175</v>
      </c>
      <c r="K2813" s="58">
        <f>Bühler!K2839</f>
        <v>0.61829439357430538</v>
      </c>
      <c r="L2813" s="58">
        <f>Bühler!L2839</f>
        <v>0.30914719678715269</v>
      </c>
      <c r="M2813" s="57">
        <f>Bühler!M2839</f>
        <v>0</v>
      </c>
      <c r="N2813" s="55">
        <f>IF(Input!$K$13=1,J2813*Input!$J$13,0)+IF(Input!$K$14=1,K2813*Input!$J$14,0)+IF(Input!$K$15=1,L2813*Input!$J$15,0)+IF(Input!$K$16=1,M2813*Input!$J$16,0)</f>
        <v>1.303643260769781</v>
      </c>
      <c r="O2813" s="58">
        <f>IF(Input!$K$13=2,J2813*Input!$J$13,0)+IF(Input!$K$14=2,K2813*Input!$J$14,0)+IF(Input!$K$15=2,L2813*Input!$J$15,0)+IF(Input!$K$16=2,M2813*Input!$J$16,0)</f>
        <v>8.3469743132531221E-2</v>
      </c>
      <c r="P2813" s="58">
        <f>IF(Input!$K$13=3,J2813*Input!$J$13,0)+IF(Input!$K$14=3,K2813*Input!$J$14,0)+IF(Input!$K$15=3,L2813*Input!$J$15,0)+IF(Input!$K$16=3,M2813*Input!$J$16,0)</f>
        <v>0</v>
      </c>
      <c r="Q2813" s="71">
        <f>IF(Input!$K$13=4,J2813*Input!$J$13,0)+IF(Input!$K$14=4,K2813*Input!$J$14,0)+IF(Input!$K$15=4,L2813*Input!$J$15,0)+IF(Input!$K$16=4,M2813*Input!$J$16,0)</f>
        <v>0</v>
      </c>
    </row>
    <row r="2814" spans="8:17" x14ac:dyDescent="0.25">
      <c r="H2814" s="43">
        <v>2807</v>
      </c>
      <c r="I2814" s="55">
        <f>Bühler!I2840</f>
        <v>1.196773543013284</v>
      </c>
      <c r="J2814" s="58">
        <f>Bühler!J2840</f>
        <v>10.863693839748175</v>
      </c>
      <c r="K2814" s="58">
        <f>Bühler!K2840</f>
        <v>0.61829439357430538</v>
      </c>
      <c r="L2814" s="58">
        <f>Bühler!L2840</f>
        <v>0.30914719678715269</v>
      </c>
      <c r="M2814" s="57">
        <f>Bühler!M2840</f>
        <v>0</v>
      </c>
      <c r="N2814" s="55">
        <f>IF(Input!$K$13=1,J2814*Input!$J$13,0)+IF(Input!$K$14=1,K2814*Input!$J$14,0)+IF(Input!$K$15=1,L2814*Input!$J$15,0)+IF(Input!$K$16=1,M2814*Input!$J$16,0)</f>
        <v>1.303643260769781</v>
      </c>
      <c r="O2814" s="58">
        <f>IF(Input!$K$13=2,J2814*Input!$J$13,0)+IF(Input!$K$14=2,K2814*Input!$J$14,0)+IF(Input!$K$15=2,L2814*Input!$J$15,0)+IF(Input!$K$16=2,M2814*Input!$J$16,0)</f>
        <v>8.3469743132531221E-2</v>
      </c>
      <c r="P2814" s="58">
        <f>IF(Input!$K$13=3,J2814*Input!$J$13,0)+IF(Input!$K$14=3,K2814*Input!$J$14,0)+IF(Input!$K$15=3,L2814*Input!$J$15,0)+IF(Input!$K$16=3,M2814*Input!$J$16,0)</f>
        <v>0</v>
      </c>
      <c r="Q2814" s="71">
        <f>IF(Input!$K$13=4,J2814*Input!$J$13,0)+IF(Input!$K$14=4,K2814*Input!$J$14,0)+IF(Input!$K$15=4,L2814*Input!$J$15,0)+IF(Input!$K$16=4,M2814*Input!$J$16,0)</f>
        <v>0</v>
      </c>
    </row>
    <row r="2815" spans="8:17" x14ac:dyDescent="0.25">
      <c r="H2815" s="43">
        <v>2808</v>
      </c>
      <c r="I2815" s="55">
        <f>Bühler!I2841</f>
        <v>1.196773543013284</v>
      </c>
      <c r="J2815" s="58">
        <f>Bühler!J2841</f>
        <v>10.863693839748175</v>
      </c>
      <c r="K2815" s="58">
        <f>Bühler!K2841</f>
        <v>0.61829439357430538</v>
      </c>
      <c r="L2815" s="58">
        <f>Bühler!L2841</f>
        <v>0.30914719678715269</v>
      </c>
      <c r="M2815" s="57">
        <f>Bühler!M2841</f>
        <v>0</v>
      </c>
      <c r="N2815" s="55">
        <f>IF(Input!$K$13=1,J2815*Input!$J$13,0)+IF(Input!$K$14=1,K2815*Input!$J$14,0)+IF(Input!$K$15=1,L2815*Input!$J$15,0)+IF(Input!$K$16=1,M2815*Input!$J$16,0)</f>
        <v>1.303643260769781</v>
      </c>
      <c r="O2815" s="58">
        <f>IF(Input!$K$13=2,J2815*Input!$J$13,0)+IF(Input!$K$14=2,K2815*Input!$J$14,0)+IF(Input!$K$15=2,L2815*Input!$J$15,0)+IF(Input!$K$16=2,M2815*Input!$J$16,0)</f>
        <v>8.3469743132531221E-2</v>
      </c>
      <c r="P2815" s="58">
        <f>IF(Input!$K$13=3,J2815*Input!$J$13,0)+IF(Input!$K$14=3,K2815*Input!$J$14,0)+IF(Input!$K$15=3,L2815*Input!$J$15,0)+IF(Input!$K$16=3,M2815*Input!$J$16,0)</f>
        <v>0</v>
      </c>
      <c r="Q2815" s="71">
        <f>IF(Input!$K$13=4,J2815*Input!$J$13,0)+IF(Input!$K$14=4,K2815*Input!$J$14,0)+IF(Input!$K$15=4,L2815*Input!$J$15,0)+IF(Input!$K$16=4,M2815*Input!$J$16,0)</f>
        <v>0</v>
      </c>
    </row>
    <row r="2816" spans="8:17" x14ac:dyDescent="0.25">
      <c r="H2816" s="43">
        <v>2809</v>
      </c>
      <c r="I2816" s="55">
        <f>Bühler!I2842</f>
        <v>0.54629070632713161</v>
      </c>
      <c r="J2816" s="58">
        <f>Bühler!J2842</f>
        <v>14.103739781873781</v>
      </c>
      <c r="K2816" s="58">
        <f>Bühler!K2842</f>
        <v>0.93211532507389716</v>
      </c>
      <c r="L2816" s="58">
        <f>Bühler!L2842</f>
        <v>0.46605766253694858</v>
      </c>
      <c r="M2816" s="57">
        <f>Bühler!M2842</f>
        <v>0</v>
      </c>
      <c r="N2816" s="55">
        <f>IF(Input!$K$13=1,J2816*Input!$J$13,0)+IF(Input!$K$14=1,K2816*Input!$J$14,0)+IF(Input!$K$15=1,L2816*Input!$J$15,0)+IF(Input!$K$16=1,M2816*Input!$J$16,0)</f>
        <v>1.6924487738248537</v>
      </c>
      <c r="O2816" s="58">
        <f>IF(Input!$K$13=2,J2816*Input!$J$13,0)+IF(Input!$K$14=2,K2816*Input!$J$14,0)+IF(Input!$K$15=2,L2816*Input!$J$15,0)+IF(Input!$K$16=2,M2816*Input!$J$16,0)</f>
        <v>0.1258355688849761</v>
      </c>
      <c r="P2816" s="58">
        <f>IF(Input!$K$13=3,J2816*Input!$J$13,0)+IF(Input!$K$14=3,K2816*Input!$J$14,0)+IF(Input!$K$15=3,L2816*Input!$J$15,0)+IF(Input!$K$16=3,M2816*Input!$J$16,0)</f>
        <v>0</v>
      </c>
      <c r="Q2816" s="71">
        <f>IF(Input!$K$13=4,J2816*Input!$J$13,0)+IF(Input!$K$14=4,K2816*Input!$J$14,0)+IF(Input!$K$15=4,L2816*Input!$J$15,0)+IF(Input!$K$16=4,M2816*Input!$J$16,0)</f>
        <v>0</v>
      </c>
    </row>
    <row r="2817" spans="8:17" x14ac:dyDescent="0.25">
      <c r="H2817" s="43">
        <v>2810</v>
      </c>
      <c r="I2817" s="55">
        <f>Bühler!I2843</f>
        <v>0.54629070632713161</v>
      </c>
      <c r="J2817" s="58">
        <f>Bühler!J2843</f>
        <v>8.7808602955025066</v>
      </c>
      <c r="K2817" s="58">
        <f>Bühler!K2843</f>
        <v>0.56491837883266494</v>
      </c>
      <c r="L2817" s="58">
        <f>Bühler!L2843</f>
        <v>0.28245918941633247</v>
      </c>
      <c r="M2817" s="57">
        <f>Bühler!M2843</f>
        <v>0</v>
      </c>
      <c r="N2817" s="55">
        <f>IF(Input!$K$13=1,J2817*Input!$J$13,0)+IF(Input!$K$14=1,K2817*Input!$J$14,0)+IF(Input!$K$15=1,L2817*Input!$J$15,0)+IF(Input!$K$16=1,M2817*Input!$J$16,0)</f>
        <v>1.0537032354603006</v>
      </c>
      <c r="O2817" s="58">
        <f>IF(Input!$K$13=2,J2817*Input!$J$13,0)+IF(Input!$K$14=2,K2817*Input!$J$14,0)+IF(Input!$K$15=2,L2817*Input!$J$15,0)+IF(Input!$K$16=2,M2817*Input!$J$16,0)</f>
        <v>7.6263981142409759E-2</v>
      </c>
      <c r="P2817" s="58">
        <f>IF(Input!$K$13=3,J2817*Input!$J$13,0)+IF(Input!$K$14=3,K2817*Input!$J$14,0)+IF(Input!$K$15=3,L2817*Input!$J$15,0)+IF(Input!$K$16=3,M2817*Input!$J$16,0)</f>
        <v>0</v>
      </c>
      <c r="Q2817" s="71">
        <f>IF(Input!$K$13=4,J2817*Input!$J$13,0)+IF(Input!$K$14=4,K2817*Input!$J$14,0)+IF(Input!$K$15=4,L2817*Input!$J$15,0)+IF(Input!$K$16=4,M2817*Input!$J$16,0)</f>
        <v>0</v>
      </c>
    </row>
    <row r="2818" spans="8:17" x14ac:dyDescent="0.25">
      <c r="H2818" s="43">
        <v>2811</v>
      </c>
      <c r="I2818" s="55">
        <f>Bühler!I2844</f>
        <v>0.54629070632713161</v>
      </c>
      <c r="J2818" s="58">
        <f>Bühler!J2844</f>
        <v>8.7808602955025066</v>
      </c>
      <c r="K2818" s="58">
        <f>Bühler!K2844</f>
        <v>0.56491837883266494</v>
      </c>
      <c r="L2818" s="58">
        <f>Bühler!L2844</f>
        <v>0.28245918941633247</v>
      </c>
      <c r="M2818" s="57">
        <f>Bühler!M2844</f>
        <v>0</v>
      </c>
      <c r="N2818" s="55">
        <f>IF(Input!$K$13=1,J2818*Input!$J$13,0)+IF(Input!$K$14=1,K2818*Input!$J$14,0)+IF(Input!$K$15=1,L2818*Input!$J$15,0)+IF(Input!$K$16=1,M2818*Input!$J$16,0)</f>
        <v>1.0537032354603006</v>
      </c>
      <c r="O2818" s="58">
        <f>IF(Input!$K$13=2,J2818*Input!$J$13,0)+IF(Input!$K$14=2,K2818*Input!$J$14,0)+IF(Input!$K$15=2,L2818*Input!$J$15,0)+IF(Input!$K$16=2,M2818*Input!$J$16,0)</f>
        <v>7.6263981142409759E-2</v>
      </c>
      <c r="P2818" s="58">
        <f>IF(Input!$K$13=3,J2818*Input!$J$13,0)+IF(Input!$K$14=3,K2818*Input!$J$14,0)+IF(Input!$K$15=3,L2818*Input!$J$15,0)+IF(Input!$K$16=3,M2818*Input!$J$16,0)</f>
        <v>0</v>
      </c>
      <c r="Q2818" s="71">
        <f>IF(Input!$K$13=4,J2818*Input!$J$13,0)+IF(Input!$K$14=4,K2818*Input!$J$14,0)+IF(Input!$K$15=4,L2818*Input!$J$15,0)+IF(Input!$K$16=4,M2818*Input!$J$16,0)</f>
        <v>0</v>
      </c>
    </row>
    <row r="2819" spans="8:17" x14ac:dyDescent="0.25">
      <c r="H2819" s="43">
        <v>2812</v>
      </c>
      <c r="I2819" s="55">
        <f>Bühler!I2845</f>
        <v>0.54629070632713161</v>
      </c>
      <c r="J2819" s="58">
        <f>Bühler!J2845</f>
        <v>8.7808602955025066</v>
      </c>
      <c r="K2819" s="58">
        <f>Bühler!K2845</f>
        <v>0.56491837883266494</v>
      </c>
      <c r="L2819" s="58">
        <f>Bühler!L2845</f>
        <v>0.28245918941633247</v>
      </c>
      <c r="M2819" s="57">
        <f>Bühler!M2845</f>
        <v>0</v>
      </c>
      <c r="N2819" s="55">
        <f>IF(Input!$K$13=1,J2819*Input!$J$13,0)+IF(Input!$K$14=1,K2819*Input!$J$14,0)+IF(Input!$K$15=1,L2819*Input!$J$15,0)+IF(Input!$K$16=1,M2819*Input!$J$16,0)</f>
        <v>1.0537032354603006</v>
      </c>
      <c r="O2819" s="58">
        <f>IF(Input!$K$13=2,J2819*Input!$J$13,0)+IF(Input!$K$14=2,K2819*Input!$J$14,0)+IF(Input!$K$15=2,L2819*Input!$J$15,0)+IF(Input!$K$16=2,M2819*Input!$J$16,0)</f>
        <v>7.6263981142409759E-2</v>
      </c>
      <c r="P2819" s="58">
        <f>IF(Input!$K$13=3,J2819*Input!$J$13,0)+IF(Input!$K$14=3,K2819*Input!$J$14,0)+IF(Input!$K$15=3,L2819*Input!$J$15,0)+IF(Input!$K$16=3,M2819*Input!$J$16,0)</f>
        <v>0</v>
      </c>
      <c r="Q2819" s="71">
        <f>IF(Input!$K$13=4,J2819*Input!$J$13,0)+IF(Input!$K$14=4,K2819*Input!$J$14,0)+IF(Input!$K$15=4,L2819*Input!$J$15,0)+IF(Input!$K$16=4,M2819*Input!$J$16,0)</f>
        <v>0</v>
      </c>
    </row>
    <row r="2820" spans="8:17" x14ac:dyDescent="0.25">
      <c r="H2820" s="43">
        <v>2813</v>
      </c>
      <c r="I2820" s="55">
        <f>Bühler!I2846</f>
        <v>0.54629070632713161</v>
      </c>
      <c r="J2820" s="58">
        <f>Bühler!J2846</f>
        <v>8.7808602955025066</v>
      </c>
      <c r="K2820" s="58">
        <f>Bühler!K2846</f>
        <v>0.56491837883266494</v>
      </c>
      <c r="L2820" s="58">
        <f>Bühler!L2846</f>
        <v>0.28245918941633247</v>
      </c>
      <c r="M2820" s="57">
        <f>Bühler!M2846</f>
        <v>0</v>
      </c>
      <c r="N2820" s="55">
        <f>IF(Input!$K$13=1,J2820*Input!$J$13,0)+IF(Input!$K$14=1,K2820*Input!$J$14,0)+IF(Input!$K$15=1,L2820*Input!$J$15,0)+IF(Input!$K$16=1,M2820*Input!$J$16,0)</f>
        <v>1.0537032354603006</v>
      </c>
      <c r="O2820" s="58">
        <f>IF(Input!$K$13=2,J2820*Input!$J$13,0)+IF(Input!$K$14=2,K2820*Input!$J$14,0)+IF(Input!$K$15=2,L2820*Input!$J$15,0)+IF(Input!$K$16=2,M2820*Input!$J$16,0)</f>
        <v>7.6263981142409759E-2</v>
      </c>
      <c r="P2820" s="58">
        <f>IF(Input!$K$13=3,J2820*Input!$J$13,0)+IF(Input!$K$14=3,K2820*Input!$J$14,0)+IF(Input!$K$15=3,L2820*Input!$J$15,0)+IF(Input!$K$16=3,M2820*Input!$J$16,0)</f>
        <v>0</v>
      </c>
      <c r="Q2820" s="71">
        <f>IF(Input!$K$13=4,J2820*Input!$J$13,0)+IF(Input!$K$14=4,K2820*Input!$J$14,0)+IF(Input!$K$15=4,L2820*Input!$J$15,0)+IF(Input!$K$16=4,M2820*Input!$J$16,0)</f>
        <v>0</v>
      </c>
    </row>
    <row r="2821" spans="8:17" x14ac:dyDescent="0.25">
      <c r="H2821" s="43">
        <v>2814</v>
      </c>
      <c r="I2821" s="55">
        <f>Bühler!I2847</f>
        <v>0.54629070632713161</v>
      </c>
      <c r="J2821" s="58">
        <f>Bühler!J2847</f>
        <v>8.7808602955025066</v>
      </c>
      <c r="K2821" s="58">
        <f>Bühler!K2847</f>
        <v>0.56491837883266494</v>
      </c>
      <c r="L2821" s="58">
        <f>Bühler!L2847</f>
        <v>0.28245918941633247</v>
      </c>
      <c r="M2821" s="57">
        <f>Bühler!M2847</f>
        <v>0</v>
      </c>
      <c r="N2821" s="55">
        <f>IF(Input!$K$13=1,J2821*Input!$J$13,0)+IF(Input!$K$14=1,K2821*Input!$J$14,0)+IF(Input!$K$15=1,L2821*Input!$J$15,0)+IF(Input!$K$16=1,M2821*Input!$J$16,0)</f>
        <v>1.0537032354603006</v>
      </c>
      <c r="O2821" s="58">
        <f>IF(Input!$K$13=2,J2821*Input!$J$13,0)+IF(Input!$K$14=2,K2821*Input!$J$14,0)+IF(Input!$K$15=2,L2821*Input!$J$15,0)+IF(Input!$K$16=2,M2821*Input!$J$16,0)</f>
        <v>7.6263981142409759E-2</v>
      </c>
      <c r="P2821" s="58">
        <f>IF(Input!$K$13=3,J2821*Input!$J$13,0)+IF(Input!$K$14=3,K2821*Input!$J$14,0)+IF(Input!$K$15=3,L2821*Input!$J$15,0)+IF(Input!$K$16=3,M2821*Input!$J$16,0)</f>
        <v>0</v>
      </c>
      <c r="Q2821" s="71">
        <f>IF(Input!$K$13=4,J2821*Input!$J$13,0)+IF(Input!$K$14=4,K2821*Input!$J$14,0)+IF(Input!$K$15=4,L2821*Input!$J$15,0)+IF(Input!$K$16=4,M2821*Input!$J$16,0)</f>
        <v>0</v>
      </c>
    </row>
    <row r="2822" spans="8:17" x14ac:dyDescent="0.25">
      <c r="H2822" s="43">
        <v>2815</v>
      </c>
      <c r="I2822" s="55">
        <f>Bühler!I2848</f>
        <v>0.54629070632713161</v>
      </c>
      <c r="J2822" s="58">
        <f>Bühler!J2848</f>
        <v>8.7808602955025066</v>
      </c>
      <c r="K2822" s="58">
        <f>Bühler!K2848</f>
        <v>0.56491837883266494</v>
      </c>
      <c r="L2822" s="58">
        <f>Bühler!L2848</f>
        <v>0.28245918941633247</v>
      </c>
      <c r="M2822" s="57">
        <f>Bühler!M2848</f>
        <v>0</v>
      </c>
      <c r="N2822" s="55">
        <f>IF(Input!$K$13=1,J2822*Input!$J$13,0)+IF(Input!$K$14=1,K2822*Input!$J$14,0)+IF(Input!$K$15=1,L2822*Input!$J$15,0)+IF(Input!$K$16=1,M2822*Input!$J$16,0)</f>
        <v>1.0537032354603006</v>
      </c>
      <c r="O2822" s="58">
        <f>IF(Input!$K$13=2,J2822*Input!$J$13,0)+IF(Input!$K$14=2,K2822*Input!$J$14,0)+IF(Input!$K$15=2,L2822*Input!$J$15,0)+IF(Input!$K$16=2,M2822*Input!$J$16,0)</f>
        <v>7.6263981142409759E-2</v>
      </c>
      <c r="P2822" s="58">
        <f>IF(Input!$K$13=3,J2822*Input!$J$13,0)+IF(Input!$K$14=3,K2822*Input!$J$14,0)+IF(Input!$K$15=3,L2822*Input!$J$15,0)+IF(Input!$K$16=3,M2822*Input!$J$16,0)</f>
        <v>0</v>
      </c>
      <c r="Q2822" s="71">
        <f>IF(Input!$K$13=4,J2822*Input!$J$13,0)+IF(Input!$K$14=4,K2822*Input!$J$14,0)+IF(Input!$K$15=4,L2822*Input!$J$15,0)+IF(Input!$K$16=4,M2822*Input!$J$16,0)</f>
        <v>0</v>
      </c>
    </row>
    <row r="2823" spans="8:17" x14ac:dyDescent="0.25">
      <c r="H2823" s="43">
        <v>2816</v>
      </c>
      <c r="I2823" s="55">
        <f>Bühler!I2849</f>
        <v>1.4802715913380338</v>
      </c>
      <c r="J2823" s="58">
        <f>Bühler!J2849</f>
        <v>36.488960806423826</v>
      </c>
      <c r="K2823" s="58">
        <f>Bühler!K2849</f>
        <v>2.4065522938271524</v>
      </c>
      <c r="L2823" s="58">
        <f>Bühler!L2849</f>
        <v>1.2032761469135762</v>
      </c>
      <c r="M2823" s="57">
        <f>Bühler!M2849</f>
        <v>0</v>
      </c>
      <c r="N2823" s="55">
        <f>IF(Input!$K$13=1,J2823*Input!$J$13,0)+IF(Input!$K$14=1,K2823*Input!$J$14,0)+IF(Input!$K$15=1,L2823*Input!$J$15,0)+IF(Input!$K$16=1,M2823*Input!$J$16,0)</f>
        <v>4.3786752967708589</v>
      </c>
      <c r="O2823" s="58">
        <f>IF(Input!$K$13=2,J2823*Input!$J$13,0)+IF(Input!$K$14=2,K2823*Input!$J$14,0)+IF(Input!$K$15=2,L2823*Input!$J$15,0)+IF(Input!$K$16=2,M2823*Input!$J$16,0)</f>
        <v>0.32488455966666552</v>
      </c>
      <c r="P2823" s="58">
        <f>IF(Input!$K$13=3,J2823*Input!$J$13,0)+IF(Input!$K$14=3,K2823*Input!$J$14,0)+IF(Input!$K$15=3,L2823*Input!$J$15,0)+IF(Input!$K$16=3,M2823*Input!$J$16,0)</f>
        <v>0</v>
      </c>
      <c r="Q2823" s="71">
        <f>IF(Input!$K$13=4,J2823*Input!$J$13,0)+IF(Input!$K$14=4,K2823*Input!$J$14,0)+IF(Input!$K$15=4,L2823*Input!$J$15,0)+IF(Input!$K$16=4,M2823*Input!$J$16,0)</f>
        <v>0</v>
      </c>
    </row>
    <row r="2824" spans="8:17" x14ac:dyDescent="0.25">
      <c r="H2824" s="43">
        <v>2817</v>
      </c>
      <c r="I2824" s="55">
        <f>Bühler!I2850</f>
        <v>1.8503394891725422</v>
      </c>
      <c r="J2824" s="58">
        <f>Bühler!J2850</f>
        <v>45.611201008029781</v>
      </c>
      <c r="K2824" s="58">
        <f>Bühler!K2850</f>
        <v>3.0081903672839405</v>
      </c>
      <c r="L2824" s="58">
        <f>Bühler!L2850</f>
        <v>1.5040951836419703</v>
      </c>
      <c r="M2824" s="57">
        <f>Bühler!M2850</f>
        <v>0</v>
      </c>
      <c r="N2824" s="55">
        <f>IF(Input!$K$13=1,J2824*Input!$J$13,0)+IF(Input!$K$14=1,K2824*Input!$J$14,0)+IF(Input!$K$15=1,L2824*Input!$J$15,0)+IF(Input!$K$16=1,M2824*Input!$J$16,0)</f>
        <v>5.4733441209635734</v>
      </c>
      <c r="O2824" s="58">
        <f>IF(Input!$K$13=2,J2824*Input!$J$13,0)+IF(Input!$K$14=2,K2824*Input!$J$14,0)+IF(Input!$K$15=2,L2824*Input!$J$15,0)+IF(Input!$K$16=2,M2824*Input!$J$16,0)</f>
        <v>0.40610569958333198</v>
      </c>
      <c r="P2824" s="58">
        <f>IF(Input!$K$13=3,J2824*Input!$J$13,0)+IF(Input!$K$14=3,K2824*Input!$J$14,0)+IF(Input!$K$15=3,L2824*Input!$J$15,0)+IF(Input!$K$16=3,M2824*Input!$J$16,0)</f>
        <v>0</v>
      </c>
      <c r="Q2824" s="71">
        <f>IF(Input!$K$13=4,J2824*Input!$J$13,0)+IF(Input!$K$14=4,K2824*Input!$J$14,0)+IF(Input!$K$15=4,L2824*Input!$J$15,0)+IF(Input!$K$16=4,M2824*Input!$J$16,0)</f>
        <v>0</v>
      </c>
    </row>
    <row r="2825" spans="8:17" x14ac:dyDescent="0.25">
      <c r="H2825" s="43">
        <v>2818</v>
      </c>
      <c r="I2825" s="55">
        <f>Bühler!I2851</f>
        <v>2.0353734380897963</v>
      </c>
      <c r="J2825" s="58">
        <f>Bühler!J2851</f>
        <v>50.172321108832762</v>
      </c>
      <c r="K2825" s="58">
        <f>Bühler!K2851</f>
        <v>3.3090094040123343</v>
      </c>
      <c r="L2825" s="58">
        <f>Bühler!L2851</f>
        <v>1.6545047020061672</v>
      </c>
      <c r="M2825" s="57">
        <f>Bühler!M2851</f>
        <v>0</v>
      </c>
      <c r="N2825" s="55">
        <f>IF(Input!$K$13=1,J2825*Input!$J$13,0)+IF(Input!$K$14=1,K2825*Input!$J$14,0)+IF(Input!$K$15=1,L2825*Input!$J$15,0)+IF(Input!$K$16=1,M2825*Input!$J$16,0)</f>
        <v>6.0206785330599315</v>
      </c>
      <c r="O2825" s="58">
        <f>IF(Input!$K$13=2,J2825*Input!$J$13,0)+IF(Input!$K$14=2,K2825*Input!$J$14,0)+IF(Input!$K$15=2,L2825*Input!$J$15,0)+IF(Input!$K$16=2,M2825*Input!$J$16,0)</f>
        <v>0.4467162695416651</v>
      </c>
      <c r="P2825" s="58">
        <f>IF(Input!$K$13=3,J2825*Input!$J$13,0)+IF(Input!$K$14=3,K2825*Input!$J$14,0)+IF(Input!$K$15=3,L2825*Input!$J$15,0)+IF(Input!$K$16=3,M2825*Input!$J$16,0)</f>
        <v>0</v>
      </c>
      <c r="Q2825" s="71">
        <f>IF(Input!$K$13=4,J2825*Input!$J$13,0)+IF(Input!$K$14=4,K2825*Input!$J$14,0)+IF(Input!$K$15=4,L2825*Input!$J$15,0)+IF(Input!$K$16=4,M2825*Input!$J$16,0)</f>
        <v>0</v>
      </c>
    </row>
    <row r="2826" spans="8:17" x14ac:dyDescent="0.25">
      <c r="H2826" s="43">
        <v>2819</v>
      </c>
      <c r="I2826" s="55">
        <f>Bühler!I2852</f>
        <v>2.0353734380897963</v>
      </c>
      <c r="J2826" s="58">
        <f>Bühler!J2852</f>
        <v>50.172321108832762</v>
      </c>
      <c r="K2826" s="58">
        <f>Bühler!K2852</f>
        <v>3.3090094040123343</v>
      </c>
      <c r="L2826" s="58">
        <f>Bühler!L2852</f>
        <v>1.6545047020061672</v>
      </c>
      <c r="M2826" s="57">
        <f>Bühler!M2852</f>
        <v>0</v>
      </c>
      <c r="N2826" s="55">
        <f>IF(Input!$K$13=1,J2826*Input!$J$13,0)+IF(Input!$K$14=1,K2826*Input!$J$14,0)+IF(Input!$K$15=1,L2826*Input!$J$15,0)+IF(Input!$K$16=1,M2826*Input!$J$16,0)</f>
        <v>6.0206785330599315</v>
      </c>
      <c r="O2826" s="58">
        <f>IF(Input!$K$13=2,J2826*Input!$J$13,0)+IF(Input!$K$14=2,K2826*Input!$J$14,0)+IF(Input!$K$15=2,L2826*Input!$J$15,0)+IF(Input!$K$16=2,M2826*Input!$J$16,0)</f>
        <v>0.4467162695416651</v>
      </c>
      <c r="P2826" s="58">
        <f>IF(Input!$K$13=3,J2826*Input!$J$13,0)+IF(Input!$K$14=3,K2826*Input!$J$14,0)+IF(Input!$K$15=3,L2826*Input!$J$15,0)+IF(Input!$K$16=3,M2826*Input!$J$16,0)</f>
        <v>0</v>
      </c>
      <c r="Q2826" s="71">
        <f>IF(Input!$K$13=4,J2826*Input!$J$13,0)+IF(Input!$K$14=4,K2826*Input!$J$14,0)+IF(Input!$K$15=4,L2826*Input!$J$15,0)+IF(Input!$K$16=4,M2826*Input!$J$16,0)</f>
        <v>0</v>
      </c>
    </row>
    <row r="2827" spans="8:17" x14ac:dyDescent="0.25">
      <c r="H2827" s="43">
        <v>2820</v>
      </c>
      <c r="I2827" s="55">
        <f>Bühler!I2853</f>
        <v>2.4054413359243045</v>
      </c>
      <c r="J2827" s="58">
        <f>Bühler!J2853</f>
        <v>59.294561310438723</v>
      </c>
      <c r="K2827" s="58">
        <f>Bühler!K2853</f>
        <v>3.9106474774691229</v>
      </c>
      <c r="L2827" s="58">
        <f>Bühler!L2853</f>
        <v>1.9553237387345614</v>
      </c>
      <c r="M2827" s="57">
        <f>Bühler!M2853</f>
        <v>0</v>
      </c>
      <c r="N2827" s="55">
        <f>IF(Input!$K$13=1,J2827*Input!$J$13,0)+IF(Input!$K$14=1,K2827*Input!$J$14,0)+IF(Input!$K$15=1,L2827*Input!$J$15,0)+IF(Input!$K$16=1,M2827*Input!$J$16,0)</f>
        <v>7.1153473572526469</v>
      </c>
      <c r="O2827" s="58">
        <f>IF(Input!$K$13=2,J2827*Input!$J$13,0)+IF(Input!$K$14=2,K2827*Input!$J$14,0)+IF(Input!$K$15=2,L2827*Input!$J$15,0)+IF(Input!$K$16=2,M2827*Input!$J$16,0)</f>
        <v>0.52793740945833156</v>
      </c>
      <c r="P2827" s="58">
        <f>IF(Input!$K$13=3,J2827*Input!$J$13,0)+IF(Input!$K$14=3,K2827*Input!$J$14,0)+IF(Input!$K$15=3,L2827*Input!$J$15,0)+IF(Input!$K$16=3,M2827*Input!$J$16,0)</f>
        <v>0</v>
      </c>
      <c r="Q2827" s="71">
        <f>IF(Input!$K$13=4,J2827*Input!$J$13,0)+IF(Input!$K$14=4,K2827*Input!$J$14,0)+IF(Input!$K$15=4,L2827*Input!$J$15,0)+IF(Input!$K$16=4,M2827*Input!$J$16,0)</f>
        <v>0</v>
      </c>
    </row>
    <row r="2828" spans="8:17" x14ac:dyDescent="0.25">
      <c r="H2828" s="43">
        <v>2821</v>
      </c>
      <c r="I2828" s="55">
        <f>Bühler!I2854</f>
        <v>2.4054413359243045</v>
      </c>
      <c r="J2828" s="58">
        <f>Bühler!J2854</f>
        <v>59.294561310438723</v>
      </c>
      <c r="K2828" s="58">
        <f>Bühler!K2854</f>
        <v>3.9106474774691229</v>
      </c>
      <c r="L2828" s="58">
        <f>Bühler!L2854</f>
        <v>1.9553237387345614</v>
      </c>
      <c r="M2828" s="57">
        <f>Bühler!M2854</f>
        <v>0</v>
      </c>
      <c r="N2828" s="55">
        <f>IF(Input!$K$13=1,J2828*Input!$J$13,0)+IF(Input!$K$14=1,K2828*Input!$J$14,0)+IF(Input!$K$15=1,L2828*Input!$J$15,0)+IF(Input!$K$16=1,M2828*Input!$J$16,0)</f>
        <v>7.1153473572526469</v>
      </c>
      <c r="O2828" s="58">
        <f>IF(Input!$K$13=2,J2828*Input!$J$13,0)+IF(Input!$K$14=2,K2828*Input!$J$14,0)+IF(Input!$K$15=2,L2828*Input!$J$15,0)+IF(Input!$K$16=2,M2828*Input!$J$16,0)</f>
        <v>0.52793740945833156</v>
      </c>
      <c r="P2828" s="58">
        <f>IF(Input!$K$13=3,J2828*Input!$J$13,0)+IF(Input!$K$14=3,K2828*Input!$J$14,0)+IF(Input!$K$15=3,L2828*Input!$J$15,0)+IF(Input!$K$16=3,M2828*Input!$J$16,0)</f>
        <v>0</v>
      </c>
      <c r="Q2828" s="71">
        <f>IF(Input!$K$13=4,J2828*Input!$J$13,0)+IF(Input!$K$14=4,K2828*Input!$J$14,0)+IF(Input!$K$15=4,L2828*Input!$J$15,0)+IF(Input!$K$16=4,M2828*Input!$J$16,0)</f>
        <v>0</v>
      </c>
    </row>
    <row r="2829" spans="8:17" x14ac:dyDescent="0.25">
      <c r="H2829" s="43">
        <v>2822</v>
      </c>
      <c r="I2829" s="55">
        <f>Bühler!I2855</f>
        <v>1.6653055402552881</v>
      </c>
      <c r="J2829" s="58">
        <f>Bühler!J2855</f>
        <v>41.050080907226807</v>
      </c>
      <c r="K2829" s="58">
        <f>Bühler!K2855</f>
        <v>2.7073713305555462</v>
      </c>
      <c r="L2829" s="58">
        <f>Bühler!L2855</f>
        <v>1.3536856652777731</v>
      </c>
      <c r="M2829" s="57">
        <f>Bühler!M2855</f>
        <v>0</v>
      </c>
      <c r="N2829" s="55">
        <f>IF(Input!$K$13=1,J2829*Input!$J$13,0)+IF(Input!$K$14=1,K2829*Input!$J$14,0)+IF(Input!$K$15=1,L2829*Input!$J$15,0)+IF(Input!$K$16=1,M2829*Input!$J$16,0)</f>
        <v>4.926009708867217</v>
      </c>
      <c r="O2829" s="58">
        <f>IF(Input!$K$13=2,J2829*Input!$J$13,0)+IF(Input!$K$14=2,K2829*Input!$J$14,0)+IF(Input!$K$15=2,L2829*Input!$J$15,0)+IF(Input!$K$16=2,M2829*Input!$J$16,0)</f>
        <v>0.36549512962499875</v>
      </c>
      <c r="P2829" s="58">
        <f>IF(Input!$K$13=3,J2829*Input!$J$13,0)+IF(Input!$K$14=3,K2829*Input!$J$14,0)+IF(Input!$K$15=3,L2829*Input!$J$15,0)+IF(Input!$K$16=3,M2829*Input!$J$16,0)</f>
        <v>0</v>
      </c>
      <c r="Q2829" s="71">
        <f>IF(Input!$K$13=4,J2829*Input!$J$13,0)+IF(Input!$K$14=4,K2829*Input!$J$14,0)+IF(Input!$K$15=4,L2829*Input!$J$15,0)+IF(Input!$K$16=4,M2829*Input!$J$16,0)</f>
        <v>0</v>
      </c>
    </row>
    <row r="2830" spans="8:17" x14ac:dyDescent="0.25">
      <c r="H2830" s="43">
        <v>2823</v>
      </c>
      <c r="I2830" s="55">
        <f>Bühler!I2856</f>
        <v>2.4054413359243045</v>
      </c>
      <c r="J2830" s="58">
        <f>Bühler!J2856</f>
        <v>59.294561310438723</v>
      </c>
      <c r="K2830" s="58">
        <f>Bühler!K2856</f>
        <v>3.9106474774691229</v>
      </c>
      <c r="L2830" s="58">
        <f>Bühler!L2856</f>
        <v>1.9553237387345614</v>
      </c>
      <c r="M2830" s="57">
        <f>Bühler!M2856</f>
        <v>0</v>
      </c>
      <c r="N2830" s="55">
        <f>IF(Input!$K$13=1,J2830*Input!$J$13,0)+IF(Input!$K$14=1,K2830*Input!$J$14,0)+IF(Input!$K$15=1,L2830*Input!$J$15,0)+IF(Input!$K$16=1,M2830*Input!$J$16,0)</f>
        <v>7.1153473572526469</v>
      </c>
      <c r="O2830" s="58">
        <f>IF(Input!$K$13=2,J2830*Input!$J$13,0)+IF(Input!$K$14=2,K2830*Input!$J$14,0)+IF(Input!$K$15=2,L2830*Input!$J$15,0)+IF(Input!$K$16=2,M2830*Input!$J$16,0)</f>
        <v>0.52793740945833156</v>
      </c>
      <c r="P2830" s="58">
        <f>IF(Input!$K$13=3,J2830*Input!$J$13,0)+IF(Input!$K$14=3,K2830*Input!$J$14,0)+IF(Input!$K$15=3,L2830*Input!$J$15,0)+IF(Input!$K$16=3,M2830*Input!$J$16,0)</f>
        <v>0</v>
      </c>
      <c r="Q2830" s="71">
        <f>IF(Input!$K$13=4,J2830*Input!$J$13,0)+IF(Input!$K$14=4,K2830*Input!$J$14,0)+IF(Input!$K$15=4,L2830*Input!$J$15,0)+IF(Input!$K$16=4,M2830*Input!$J$16,0)</f>
        <v>0</v>
      </c>
    </row>
    <row r="2831" spans="8:17" x14ac:dyDescent="0.25">
      <c r="H2831" s="43">
        <v>2824</v>
      </c>
      <c r="I2831" s="55">
        <f>Bühler!I2857</f>
        <v>2.0353734380897963</v>
      </c>
      <c r="J2831" s="58">
        <f>Bühler!J2857</f>
        <v>45.811654452690142</v>
      </c>
      <c r="K2831" s="58">
        <f>Bühler!K2857</f>
        <v>3.0081903672839405</v>
      </c>
      <c r="L2831" s="58">
        <f>Bühler!L2857</f>
        <v>1.5040951836419703</v>
      </c>
      <c r="M2831" s="57">
        <f>Bühler!M2857</f>
        <v>0</v>
      </c>
      <c r="N2831" s="55">
        <f>IF(Input!$K$13=1,J2831*Input!$J$13,0)+IF(Input!$K$14=1,K2831*Input!$J$14,0)+IF(Input!$K$15=1,L2831*Input!$J$15,0)+IF(Input!$K$16=1,M2831*Input!$J$16,0)</f>
        <v>5.4973985343228167</v>
      </c>
      <c r="O2831" s="58">
        <f>IF(Input!$K$13=2,J2831*Input!$J$13,0)+IF(Input!$K$14=2,K2831*Input!$J$14,0)+IF(Input!$K$15=2,L2831*Input!$J$15,0)+IF(Input!$K$16=2,M2831*Input!$J$16,0)</f>
        <v>0.40610569958333198</v>
      </c>
      <c r="P2831" s="58">
        <f>IF(Input!$K$13=3,J2831*Input!$J$13,0)+IF(Input!$K$14=3,K2831*Input!$J$14,0)+IF(Input!$K$15=3,L2831*Input!$J$15,0)+IF(Input!$K$16=3,M2831*Input!$J$16,0)</f>
        <v>0</v>
      </c>
      <c r="Q2831" s="71">
        <f>IF(Input!$K$13=4,J2831*Input!$J$13,0)+IF(Input!$K$14=4,K2831*Input!$J$14,0)+IF(Input!$K$15=4,L2831*Input!$J$15,0)+IF(Input!$K$16=4,M2831*Input!$J$16,0)</f>
        <v>0</v>
      </c>
    </row>
    <row r="2832" spans="8:17" x14ac:dyDescent="0.25">
      <c r="H2832" s="43">
        <v>2825</v>
      </c>
      <c r="I2832" s="55">
        <f>Bühler!I2858</f>
        <v>1.7622280849262308</v>
      </c>
      <c r="J2832" s="58">
        <f>Bühler!J2858</f>
        <v>22.381693834457032</v>
      </c>
      <c r="K2832" s="58">
        <f>Bühler!K2858</f>
        <v>1.4122959470816623</v>
      </c>
      <c r="L2832" s="58">
        <f>Bühler!L2858</f>
        <v>0.70614797354083114</v>
      </c>
      <c r="M2832" s="57">
        <f>Bühler!M2858</f>
        <v>0</v>
      </c>
      <c r="N2832" s="55">
        <f>IF(Input!$K$13=1,J2832*Input!$J$13,0)+IF(Input!$K$14=1,K2832*Input!$J$14,0)+IF(Input!$K$15=1,L2832*Input!$J$15,0)+IF(Input!$K$16=1,M2832*Input!$J$16,0)</f>
        <v>2.6858032601348438</v>
      </c>
      <c r="O2832" s="58">
        <f>IF(Input!$K$13=2,J2832*Input!$J$13,0)+IF(Input!$K$14=2,K2832*Input!$J$14,0)+IF(Input!$K$15=2,L2832*Input!$J$15,0)+IF(Input!$K$16=2,M2832*Input!$J$16,0)</f>
        <v>0.19065995285602438</v>
      </c>
      <c r="P2832" s="58">
        <f>IF(Input!$K$13=3,J2832*Input!$J$13,0)+IF(Input!$K$14=3,K2832*Input!$J$14,0)+IF(Input!$K$15=3,L2832*Input!$J$15,0)+IF(Input!$K$16=3,M2832*Input!$J$16,0)</f>
        <v>0</v>
      </c>
      <c r="Q2832" s="71">
        <f>IF(Input!$K$13=4,J2832*Input!$J$13,0)+IF(Input!$K$14=4,K2832*Input!$J$14,0)+IF(Input!$K$15=4,L2832*Input!$J$15,0)+IF(Input!$K$16=4,M2832*Input!$J$16,0)</f>
        <v>0</v>
      </c>
    </row>
    <row r="2833" spans="8:17" x14ac:dyDescent="0.25">
      <c r="H2833" s="43">
        <v>2826</v>
      </c>
      <c r="I2833" s="55">
        <f>Bühler!I2859</f>
        <v>1.4802715913380338</v>
      </c>
      <c r="J2833" s="58">
        <f>Bühler!J2859</f>
        <v>15.115552407302259</v>
      </c>
      <c r="K2833" s="58">
        <f>Bühler!K2859</f>
        <v>0.93211532507389716</v>
      </c>
      <c r="L2833" s="58">
        <f>Bühler!L2859</f>
        <v>0.46605766253694858</v>
      </c>
      <c r="M2833" s="57">
        <f>Bühler!M2859</f>
        <v>0</v>
      </c>
      <c r="N2833" s="55">
        <f>IF(Input!$K$13=1,J2833*Input!$J$13,0)+IF(Input!$K$14=1,K2833*Input!$J$14,0)+IF(Input!$K$15=1,L2833*Input!$J$15,0)+IF(Input!$K$16=1,M2833*Input!$J$16,0)</f>
        <v>1.8138662888762709</v>
      </c>
      <c r="O2833" s="58">
        <f>IF(Input!$K$13=2,J2833*Input!$J$13,0)+IF(Input!$K$14=2,K2833*Input!$J$14,0)+IF(Input!$K$15=2,L2833*Input!$J$15,0)+IF(Input!$K$16=2,M2833*Input!$J$16,0)</f>
        <v>0.1258355688849761</v>
      </c>
      <c r="P2833" s="58">
        <f>IF(Input!$K$13=3,J2833*Input!$J$13,0)+IF(Input!$K$14=3,K2833*Input!$J$14,0)+IF(Input!$K$15=3,L2833*Input!$J$15,0)+IF(Input!$K$16=3,M2833*Input!$J$16,0)</f>
        <v>0</v>
      </c>
      <c r="Q2833" s="71">
        <f>IF(Input!$K$13=4,J2833*Input!$J$13,0)+IF(Input!$K$14=4,K2833*Input!$J$14,0)+IF(Input!$K$15=4,L2833*Input!$J$15,0)+IF(Input!$K$16=4,M2833*Input!$J$16,0)</f>
        <v>0</v>
      </c>
    </row>
    <row r="2834" spans="8:17" x14ac:dyDescent="0.25">
      <c r="H2834" s="43">
        <v>2827</v>
      </c>
      <c r="I2834" s="55">
        <f>Bühler!I2860</f>
        <v>0.54629070632713161</v>
      </c>
      <c r="J2834" s="58">
        <f>Bühler!J2860</f>
        <v>9.1903125636849126</v>
      </c>
      <c r="K2834" s="58">
        <f>Bühler!K2860</f>
        <v>0.59316429777429813</v>
      </c>
      <c r="L2834" s="58">
        <f>Bühler!L2860</f>
        <v>0.29658214888714907</v>
      </c>
      <c r="M2834" s="57">
        <f>Bühler!M2860</f>
        <v>0</v>
      </c>
      <c r="N2834" s="55">
        <f>IF(Input!$K$13=1,J2834*Input!$J$13,0)+IF(Input!$K$14=1,K2834*Input!$J$14,0)+IF(Input!$K$15=1,L2834*Input!$J$15,0)+IF(Input!$K$16=1,M2834*Input!$J$16,0)</f>
        <v>1.1028375076421895</v>
      </c>
      <c r="O2834" s="58">
        <f>IF(Input!$K$13=2,J2834*Input!$J$13,0)+IF(Input!$K$14=2,K2834*Input!$J$14,0)+IF(Input!$K$15=2,L2834*Input!$J$15,0)+IF(Input!$K$16=2,M2834*Input!$J$16,0)</f>
        <v>8.0077180199530251E-2</v>
      </c>
      <c r="P2834" s="58">
        <f>IF(Input!$K$13=3,J2834*Input!$J$13,0)+IF(Input!$K$14=3,K2834*Input!$J$14,0)+IF(Input!$K$15=3,L2834*Input!$J$15,0)+IF(Input!$K$16=3,M2834*Input!$J$16,0)</f>
        <v>0</v>
      </c>
      <c r="Q2834" s="71">
        <f>IF(Input!$K$13=4,J2834*Input!$J$13,0)+IF(Input!$K$14=4,K2834*Input!$J$14,0)+IF(Input!$K$15=4,L2834*Input!$J$15,0)+IF(Input!$K$16=4,M2834*Input!$J$16,0)</f>
        <v>0</v>
      </c>
    </row>
    <row r="2835" spans="8:17" x14ac:dyDescent="0.25">
      <c r="H2835" s="43">
        <v>2828</v>
      </c>
      <c r="I2835" s="55">
        <f>Bühler!I2861</f>
        <v>0.54629070632713161</v>
      </c>
      <c r="J2835" s="58">
        <f>Bühler!J2861</f>
        <v>8.7808602955025066</v>
      </c>
      <c r="K2835" s="58">
        <f>Bühler!K2861</f>
        <v>0.56491837883266494</v>
      </c>
      <c r="L2835" s="58">
        <f>Bühler!L2861</f>
        <v>0.28245918941633247</v>
      </c>
      <c r="M2835" s="57">
        <f>Bühler!M2861</f>
        <v>0</v>
      </c>
      <c r="N2835" s="55">
        <f>IF(Input!$K$13=1,J2835*Input!$J$13,0)+IF(Input!$K$14=1,K2835*Input!$J$14,0)+IF(Input!$K$15=1,L2835*Input!$J$15,0)+IF(Input!$K$16=1,M2835*Input!$J$16,0)</f>
        <v>1.0537032354603006</v>
      </c>
      <c r="O2835" s="58">
        <f>IF(Input!$K$13=2,J2835*Input!$J$13,0)+IF(Input!$K$14=2,K2835*Input!$J$14,0)+IF(Input!$K$15=2,L2835*Input!$J$15,0)+IF(Input!$K$16=2,M2835*Input!$J$16,0)</f>
        <v>7.6263981142409759E-2</v>
      </c>
      <c r="P2835" s="58">
        <f>IF(Input!$K$13=3,J2835*Input!$J$13,0)+IF(Input!$K$14=3,K2835*Input!$J$14,0)+IF(Input!$K$15=3,L2835*Input!$J$15,0)+IF(Input!$K$16=3,M2835*Input!$J$16,0)</f>
        <v>0</v>
      </c>
      <c r="Q2835" s="71">
        <f>IF(Input!$K$13=4,J2835*Input!$J$13,0)+IF(Input!$K$14=4,K2835*Input!$J$14,0)+IF(Input!$K$15=4,L2835*Input!$J$15,0)+IF(Input!$K$16=4,M2835*Input!$J$16,0)</f>
        <v>0</v>
      </c>
    </row>
    <row r="2836" spans="8:17" x14ac:dyDescent="0.25">
      <c r="H2836" s="43">
        <v>2829</v>
      </c>
      <c r="I2836" s="55">
        <f>Bühler!I2862</f>
        <v>0.54629070632713161</v>
      </c>
      <c r="J2836" s="58">
        <f>Bühler!J2862</f>
        <v>8.7808602955025066</v>
      </c>
      <c r="K2836" s="58">
        <f>Bühler!K2862</f>
        <v>0.56491837883266494</v>
      </c>
      <c r="L2836" s="58">
        <f>Bühler!L2862</f>
        <v>0.28245918941633247</v>
      </c>
      <c r="M2836" s="57">
        <f>Bühler!M2862</f>
        <v>0</v>
      </c>
      <c r="N2836" s="55">
        <f>IF(Input!$K$13=1,J2836*Input!$J$13,0)+IF(Input!$K$14=1,K2836*Input!$J$14,0)+IF(Input!$K$15=1,L2836*Input!$J$15,0)+IF(Input!$K$16=1,M2836*Input!$J$16,0)</f>
        <v>1.0537032354603006</v>
      </c>
      <c r="O2836" s="58">
        <f>IF(Input!$K$13=2,J2836*Input!$J$13,0)+IF(Input!$K$14=2,K2836*Input!$J$14,0)+IF(Input!$K$15=2,L2836*Input!$J$15,0)+IF(Input!$K$16=2,M2836*Input!$J$16,0)</f>
        <v>7.6263981142409759E-2</v>
      </c>
      <c r="P2836" s="58">
        <f>IF(Input!$K$13=3,J2836*Input!$J$13,0)+IF(Input!$K$14=3,K2836*Input!$J$14,0)+IF(Input!$K$15=3,L2836*Input!$J$15,0)+IF(Input!$K$16=3,M2836*Input!$J$16,0)</f>
        <v>0</v>
      </c>
      <c r="Q2836" s="71">
        <f>IF(Input!$K$13=4,J2836*Input!$J$13,0)+IF(Input!$K$14=4,K2836*Input!$J$14,0)+IF(Input!$K$15=4,L2836*Input!$J$15,0)+IF(Input!$K$16=4,M2836*Input!$J$16,0)</f>
        <v>0</v>
      </c>
    </row>
    <row r="2837" spans="8:17" x14ac:dyDescent="0.25">
      <c r="H2837" s="43">
        <v>2830</v>
      </c>
      <c r="I2837" s="55">
        <f>Bühler!I2863</f>
        <v>0.54629070632713161</v>
      </c>
      <c r="J2837" s="58">
        <f>Bühler!J2863</f>
        <v>8.7808602955025066</v>
      </c>
      <c r="K2837" s="58">
        <f>Bühler!K2863</f>
        <v>0.56491837883266494</v>
      </c>
      <c r="L2837" s="58">
        <f>Bühler!L2863</f>
        <v>0.28245918941633247</v>
      </c>
      <c r="M2837" s="57">
        <f>Bühler!M2863</f>
        <v>0</v>
      </c>
      <c r="N2837" s="55">
        <f>IF(Input!$K$13=1,J2837*Input!$J$13,0)+IF(Input!$K$14=1,K2837*Input!$J$14,0)+IF(Input!$K$15=1,L2837*Input!$J$15,0)+IF(Input!$K$16=1,M2837*Input!$J$16,0)</f>
        <v>1.0537032354603006</v>
      </c>
      <c r="O2837" s="58">
        <f>IF(Input!$K$13=2,J2837*Input!$J$13,0)+IF(Input!$K$14=2,K2837*Input!$J$14,0)+IF(Input!$K$15=2,L2837*Input!$J$15,0)+IF(Input!$K$16=2,M2837*Input!$J$16,0)</f>
        <v>7.6263981142409759E-2</v>
      </c>
      <c r="P2837" s="58">
        <f>IF(Input!$K$13=3,J2837*Input!$J$13,0)+IF(Input!$K$14=3,K2837*Input!$J$14,0)+IF(Input!$K$15=3,L2837*Input!$J$15,0)+IF(Input!$K$16=3,M2837*Input!$J$16,0)</f>
        <v>0</v>
      </c>
      <c r="Q2837" s="71">
        <f>IF(Input!$K$13=4,J2837*Input!$J$13,0)+IF(Input!$K$14=4,K2837*Input!$J$14,0)+IF(Input!$K$15=4,L2837*Input!$J$15,0)+IF(Input!$K$16=4,M2837*Input!$J$16,0)</f>
        <v>0</v>
      </c>
    </row>
    <row r="2838" spans="8:17" x14ac:dyDescent="0.25">
      <c r="H2838" s="43">
        <v>2831</v>
      </c>
      <c r="I2838" s="55">
        <f>Bühler!I2864</f>
        <v>0.54629070632713161</v>
      </c>
      <c r="J2838" s="58">
        <f>Bühler!J2864</f>
        <v>8.7808602955025066</v>
      </c>
      <c r="K2838" s="58">
        <f>Bühler!K2864</f>
        <v>0.56491837883266494</v>
      </c>
      <c r="L2838" s="58">
        <f>Bühler!L2864</f>
        <v>0.28245918941633247</v>
      </c>
      <c r="M2838" s="57">
        <f>Bühler!M2864</f>
        <v>0</v>
      </c>
      <c r="N2838" s="55">
        <f>IF(Input!$K$13=1,J2838*Input!$J$13,0)+IF(Input!$K$14=1,K2838*Input!$J$14,0)+IF(Input!$K$15=1,L2838*Input!$J$15,0)+IF(Input!$K$16=1,M2838*Input!$J$16,0)</f>
        <v>1.0537032354603006</v>
      </c>
      <c r="O2838" s="58">
        <f>IF(Input!$K$13=2,J2838*Input!$J$13,0)+IF(Input!$K$14=2,K2838*Input!$J$14,0)+IF(Input!$K$15=2,L2838*Input!$J$15,0)+IF(Input!$K$16=2,M2838*Input!$J$16,0)</f>
        <v>7.6263981142409759E-2</v>
      </c>
      <c r="P2838" s="58">
        <f>IF(Input!$K$13=3,J2838*Input!$J$13,0)+IF(Input!$K$14=3,K2838*Input!$J$14,0)+IF(Input!$K$15=3,L2838*Input!$J$15,0)+IF(Input!$K$16=3,M2838*Input!$J$16,0)</f>
        <v>0</v>
      </c>
      <c r="Q2838" s="71">
        <f>IF(Input!$K$13=4,J2838*Input!$J$13,0)+IF(Input!$K$14=4,K2838*Input!$J$14,0)+IF(Input!$K$15=4,L2838*Input!$J$15,0)+IF(Input!$K$16=4,M2838*Input!$J$16,0)</f>
        <v>0</v>
      </c>
    </row>
    <row r="2839" spans="8:17" x14ac:dyDescent="0.25">
      <c r="H2839" s="43">
        <v>2832</v>
      </c>
      <c r="I2839" s="55">
        <f>Bühler!I2865</f>
        <v>0.54629070632713161</v>
      </c>
      <c r="J2839" s="58">
        <f>Bühler!J2865</f>
        <v>8.7808602955025066</v>
      </c>
      <c r="K2839" s="58">
        <f>Bühler!K2865</f>
        <v>0.56491837883266494</v>
      </c>
      <c r="L2839" s="58">
        <f>Bühler!L2865</f>
        <v>0.28245918941633247</v>
      </c>
      <c r="M2839" s="57">
        <f>Bühler!M2865</f>
        <v>0</v>
      </c>
      <c r="N2839" s="55">
        <f>IF(Input!$K$13=1,J2839*Input!$J$13,0)+IF(Input!$K$14=1,K2839*Input!$J$14,0)+IF(Input!$K$15=1,L2839*Input!$J$15,0)+IF(Input!$K$16=1,M2839*Input!$J$16,0)</f>
        <v>1.0537032354603006</v>
      </c>
      <c r="O2839" s="58">
        <f>IF(Input!$K$13=2,J2839*Input!$J$13,0)+IF(Input!$K$14=2,K2839*Input!$J$14,0)+IF(Input!$K$15=2,L2839*Input!$J$15,0)+IF(Input!$K$16=2,M2839*Input!$J$16,0)</f>
        <v>7.6263981142409759E-2</v>
      </c>
      <c r="P2839" s="58">
        <f>IF(Input!$K$13=3,J2839*Input!$J$13,0)+IF(Input!$K$14=3,K2839*Input!$J$14,0)+IF(Input!$K$15=3,L2839*Input!$J$15,0)+IF(Input!$K$16=3,M2839*Input!$J$16,0)</f>
        <v>0</v>
      </c>
      <c r="Q2839" s="71">
        <f>IF(Input!$K$13=4,J2839*Input!$J$13,0)+IF(Input!$K$14=4,K2839*Input!$J$14,0)+IF(Input!$K$15=4,L2839*Input!$J$15,0)+IF(Input!$K$16=4,M2839*Input!$J$16,0)</f>
        <v>0</v>
      </c>
    </row>
    <row r="2840" spans="8:17" x14ac:dyDescent="0.25">
      <c r="H2840" s="43">
        <v>2833</v>
      </c>
      <c r="I2840" s="55">
        <f>Bühler!I2866</f>
        <v>0.25733141168679596</v>
      </c>
      <c r="J2840" s="58">
        <f>Bühler!J2866</f>
        <v>6.3860228474560268</v>
      </c>
      <c r="K2840" s="58">
        <f>Bühler!K2866</f>
        <v>0.273373059741151</v>
      </c>
      <c r="L2840" s="58">
        <f>Bühler!L2866</f>
        <v>0.1366865298705755</v>
      </c>
      <c r="M2840" s="57">
        <f>Bühler!M2866</f>
        <v>0</v>
      </c>
      <c r="N2840" s="55">
        <f>IF(Input!$K$13=1,J2840*Input!$J$13,0)+IF(Input!$K$14=1,K2840*Input!$J$14,0)+IF(Input!$K$15=1,L2840*Input!$J$15,0)+IF(Input!$K$16=1,M2840*Input!$J$16,0)</f>
        <v>0.76632274169472314</v>
      </c>
      <c r="O2840" s="58">
        <f>IF(Input!$K$13=2,J2840*Input!$J$13,0)+IF(Input!$K$14=2,K2840*Input!$J$14,0)+IF(Input!$K$15=2,L2840*Input!$J$15,0)+IF(Input!$K$16=2,M2840*Input!$J$16,0)</f>
        <v>3.6905363065055388E-2</v>
      </c>
      <c r="P2840" s="58">
        <f>IF(Input!$K$13=3,J2840*Input!$J$13,0)+IF(Input!$K$14=3,K2840*Input!$J$14,0)+IF(Input!$K$15=3,L2840*Input!$J$15,0)+IF(Input!$K$16=3,M2840*Input!$J$16,0)</f>
        <v>0</v>
      </c>
      <c r="Q2840" s="71">
        <f>IF(Input!$K$13=4,J2840*Input!$J$13,0)+IF(Input!$K$14=4,K2840*Input!$J$14,0)+IF(Input!$K$15=4,L2840*Input!$J$15,0)+IF(Input!$K$16=4,M2840*Input!$J$16,0)</f>
        <v>0</v>
      </c>
    </row>
    <row r="2841" spans="8:17" x14ac:dyDescent="0.25">
      <c r="H2841" s="43">
        <v>2834</v>
      </c>
      <c r="I2841" s="55">
        <f>Bühler!I2867</f>
        <v>0.50240894662660174</v>
      </c>
      <c r="J2841" s="58">
        <f>Bühler!J2867</f>
        <v>5.8942900731997305</v>
      </c>
      <c r="K2841" s="58">
        <f>Bühler!K2867</f>
        <v>0.24603575376703593</v>
      </c>
      <c r="L2841" s="58">
        <f>Bühler!L2867</f>
        <v>0.12301787688351797</v>
      </c>
      <c r="M2841" s="57">
        <f>Bühler!M2867</f>
        <v>0</v>
      </c>
      <c r="N2841" s="55">
        <f>IF(Input!$K$13=1,J2841*Input!$J$13,0)+IF(Input!$K$14=1,K2841*Input!$J$14,0)+IF(Input!$K$15=1,L2841*Input!$J$15,0)+IF(Input!$K$16=1,M2841*Input!$J$16,0)</f>
        <v>0.70731480878396769</v>
      </c>
      <c r="O2841" s="58">
        <f>IF(Input!$K$13=2,J2841*Input!$J$13,0)+IF(Input!$K$14=2,K2841*Input!$J$14,0)+IF(Input!$K$15=2,L2841*Input!$J$15,0)+IF(Input!$K$16=2,M2841*Input!$J$16,0)</f>
        <v>3.3214826758549851E-2</v>
      </c>
      <c r="P2841" s="58">
        <f>IF(Input!$K$13=3,J2841*Input!$J$13,0)+IF(Input!$K$14=3,K2841*Input!$J$14,0)+IF(Input!$K$15=3,L2841*Input!$J$15,0)+IF(Input!$K$16=3,M2841*Input!$J$16,0)</f>
        <v>0</v>
      </c>
      <c r="Q2841" s="71">
        <f>IF(Input!$K$13=4,J2841*Input!$J$13,0)+IF(Input!$K$14=4,K2841*Input!$J$14,0)+IF(Input!$K$15=4,L2841*Input!$J$15,0)+IF(Input!$K$16=4,M2841*Input!$J$16,0)</f>
        <v>0</v>
      </c>
    </row>
    <row r="2842" spans="8:17" x14ac:dyDescent="0.25">
      <c r="H2842" s="43">
        <v>2835</v>
      </c>
      <c r="I2842" s="55">
        <f>Bühler!I2868</f>
        <v>0.50240894662660174</v>
      </c>
      <c r="J2842" s="58">
        <f>Bühler!J2868</f>
        <v>5.8942900731997305</v>
      </c>
      <c r="K2842" s="58">
        <f>Bühler!K2868</f>
        <v>0.24603575376703593</v>
      </c>
      <c r="L2842" s="58">
        <f>Bühler!L2868</f>
        <v>0.12301787688351797</v>
      </c>
      <c r="M2842" s="57">
        <f>Bühler!M2868</f>
        <v>0</v>
      </c>
      <c r="N2842" s="55">
        <f>IF(Input!$K$13=1,J2842*Input!$J$13,0)+IF(Input!$K$14=1,K2842*Input!$J$14,0)+IF(Input!$K$15=1,L2842*Input!$J$15,0)+IF(Input!$K$16=1,M2842*Input!$J$16,0)</f>
        <v>0.70731480878396769</v>
      </c>
      <c r="O2842" s="58">
        <f>IF(Input!$K$13=2,J2842*Input!$J$13,0)+IF(Input!$K$14=2,K2842*Input!$J$14,0)+IF(Input!$K$15=2,L2842*Input!$J$15,0)+IF(Input!$K$16=2,M2842*Input!$J$16,0)</f>
        <v>3.3214826758549851E-2</v>
      </c>
      <c r="P2842" s="58">
        <f>IF(Input!$K$13=3,J2842*Input!$J$13,0)+IF(Input!$K$14=3,K2842*Input!$J$14,0)+IF(Input!$K$15=3,L2842*Input!$J$15,0)+IF(Input!$K$16=3,M2842*Input!$J$16,0)</f>
        <v>0</v>
      </c>
      <c r="Q2842" s="71">
        <f>IF(Input!$K$13=4,J2842*Input!$J$13,0)+IF(Input!$K$14=4,K2842*Input!$J$14,0)+IF(Input!$K$15=4,L2842*Input!$J$15,0)+IF(Input!$K$16=4,M2842*Input!$J$16,0)</f>
        <v>0</v>
      </c>
    </row>
    <row r="2843" spans="8:17" x14ac:dyDescent="0.25">
      <c r="H2843" s="43">
        <v>2836</v>
      </c>
      <c r="I2843" s="55">
        <f>Bühler!I2869</f>
        <v>0.50240894662660174</v>
      </c>
      <c r="J2843" s="58">
        <f>Bühler!J2869</f>
        <v>5.8942900731997305</v>
      </c>
      <c r="K2843" s="58">
        <f>Bühler!K2869</f>
        <v>0.24603575376703593</v>
      </c>
      <c r="L2843" s="58">
        <f>Bühler!L2869</f>
        <v>0.12301787688351797</v>
      </c>
      <c r="M2843" s="57">
        <f>Bühler!M2869</f>
        <v>0</v>
      </c>
      <c r="N2843" s="55">
        <f>IF(Input!$K$13=1,J2843*Input!$J$13,0)+IF(Input!$K$14=1,K2843*Input!$J$14,0)+IF(Input!$K$15=1,L2843*Input!$J$15,0)+IF(Input!$K$16=1,M2843*Input!$J$16,0)</f>
        <v>0.70731480878396769</v>
      </c>
      <c r="O2843" s="58">
        <f>IF(Input!$K$13=2,J2843*Input!$J$13,0)+IF(Input!$K$14=2,K2843*Input!$J$14,0)+IF(Input!$K$15=2,L2843*Input!$J$15,0)+IF(Input!$K$16=2,M2843*Input!$J$16,0)</f>
        <v>3.3214826758549851E-2</v>
      </c>
      <c r="P2843" s="58">
        <f>IF(Input!$K$13=3,J2843*Input!$J$13,0)+IF(Input!$K$14=3,K2843*Input!$J$14,0)+IF(Input!$K$15=3,L2843*Input!$J$15,0)+IF(Input!$K$16=3,M2843*Input!$J$16,0)</f>
        <v>0</v>
      </c>
      <c r="Q2843" s="71">
        <f>IF(Input!$K$13=4,J2843*Input!$J$13,0)+IF(Input!$K$14=4,K2843*Input!$J$14,0)+IF(Input!$K$15=4,L2843*Input!$J$15,0)+IF(Input!$K$16=4,M2843*Input!$J$16,0)</f>
        <v>0</v>
      </c>
    </row>
    <row r="2844" spans="8:17" x14ac:dyDescent="0.25">
      <c r="H2844" s="43">
        <v>2837</v>
      </c>
      <c r="I2844" s="55">
        <f>Bühler!I2870</f>
        <v>0.50240894662660174</v>
      </c>
      <c r="J2844" s="58">
        <f>Bühler!J2870</f>
        <v>5.8942900731997305</v>
      </c>
      <c r="K2844" s="58">
        <f>Bühler!K2870</f>
        <v>0.24603575376703593</v>
      </c>
      <c r="L2844" s="58">
        <f>Bühler!L2870</f>
        <v>0.12301787688351797</v>
      </c>
      <c r="M2844" s="57">
        <f>Bühler!M2870</f>
        <v>0</v>
      </c>
      <c r="N2844" s="55">
        <f>IF(Input!$K$13=1,J2844*Input!$J$13,0)+IF(Input!$K$14=1,K2844*Input!$J$14,0)+IF(Input!$K$15=1,L2844*Input!$J$15,0)+IF(Input!$K$16=1,M2844*Input!$J$16,0)</f>
        <v>0.70731480878396769</v>
      </c>
      <c r="O2844" s="58">
        <f>IF(Input!$K$13=2,J2844*Input!$J$13,0)+IF(Input!$K$14=2,K2844*Input!$J$14,0)+IF(Input!$K$15=2,L2844*Input!$J$15,0)+IF(Input!$K$16=2,M2844*Input!$J$16,0)</f>
        <v>3.3214826758549851E-2</v>
      </c>
      <c r="P2844" s="58">
        <f>IF(Input!$K$13=3,J2844*Input!$J$13,0)+IF(Input!$K$14=3,K2844*Input!$J$14,0)+IF(Input!$K$15=3,L2844*Input!$J$15,0)+IF(Input!$K$16=3,M2844*Input!$J$16,0)</f>
        <v>0</v>
      </c>
      <c r="Q2844" s="71">
        <f>IF(Input!$K$13=4,J2844*Input!$J$13,0)+IF(Input!$K$14=4,K2844*Input!$J$14,0)+IF(Input!$K$15=4,L2844*Input!$J$15,0)+IF(Input!$K$16=4,M2844*Input!$J$16,0)</f>
        <v>0</v>
      </c>
    </row>
    <row r="2845" spans="8:17" x14ac:dyDescent="0.25">
      <c r="H2845" s="43">
        <v>2838</v>
      </c>
      <c r="I2845" s="55">
        <f>Bühler!I2871</f>
        <v>0.62494771409650451</v>
      </c>
      <c r="J2845" s="58">
        <f>Bühler!J2871</f>
        <v>5.8993958551776426</v>
      </c>
      <c r="K2845" s="58">
        <f>Bühler!K2871</f>
        <v>0.24603575376703593</v>
      </c>
      <c r="L2845" s="58">
        <f>Bühler!L2871</f>
        <v>0.12301787688351797</v>
      </c>
      <c r="M2845" s="57">
        <f>Bühler!M2871</f>
        <v>0</v>
      </c>
      <c r="N2845" s="55">
        <f>IF(Input!$K$13=1,J2845*Input!$J$13,0)+IF(Input!$K$14=1,K2845*Input!$J$14,0)+IF(Input!$K$15=1,L2845*Input!$J$15,0)+IF(Input!$K$16=1,M2845*Input!$J$16,0)</f>
        <v>0.7079275026213171</v>
      </c>
      <c r="O2845" s="58">
        <f>IF(Input!$K$13=2,J2845*Input!$J$13,0)+IF(Input!$K$14=2,K2845*Input!$J$14,0)+IF(Input!$K$15=2,L2845*Input!$J$15,0)+IF(Input!$K$16=2,M2845*Input!$J$16,0)</f>
        <v>3.3214826758549851E-2</v>
      </c>
      <c r="P2845" s="58">
        <f>IF(Input!$K$13=3,J2845*Input!$J$13,0)+IF(Input!$K$14=3,K2845*Input!$J$14,0)+IF(Input!$K$15=3,L2845*Input!$J$15,0)+IF(Input!$K$16=3,M2845*Input!$J$16,0)</f>
        <v>0</v>
      </c>
      <c r="Q2845" s="71">
        <f>IF(Input!$K$13=4,J2845*Input!$J$13,0)+IF(Input!$K$14=4,K2845*Input!$J$14,0)+IF(Input!$K$15=4,L2845*Input!$J$15,0)+IF(Input!$K$16=4,M2845*Input!$J$16,0)</f>
        <v>0</v>
      </c>
    </row>
    <row r="2846" spans="8:17" x14ac:dyDescent="0.25">
      <c r="H2846" s="43">
        <v>2839</v>
      </c>
      <c r="I2846" s="55">
        <f>Bühler!I2872</f>
        <v>0.7842481118073783</v>
      </c>
      <c r="J2846" s="58">
        <f>Bühler!J2872</f>
        <v>5.9060333717489293</v>
      </c>
      <c r="K2846" s="58">
        <f>Bühler!K2872</f>
        <v>0.24603575376703593</v>
      </c>
      <c r="L2846" s="58">
        <f>Bühler!L2872</f>
        <v>0.12301787688351797</v>
      </c>
      <c r="M2846" s="57">
        <f>Bühler!M2872</f>
        <v>0</v>
      </c>
      <c r="N2846" s="55">
        <f>IF(Input!$K$13=1,J2846*Input!$J$13,0)+IF(Input!$K$14=1,K2846*Input!$J$14,0)+IF(Input!$K$15=1,L2846*Input!$J$15,0)+IF(Input!$K$16=1,M2846*Input!$J$16,0)</f>
        <v>0.70872400460987151</v>
      </c>
      <c r="O2846" s="58">
        <f>IF(Input!$K$13=2,J2846*Input!$J$13,0)+IF(Input!$K$14=2,K2846*Input!$J$14,0)+IF(Input!$K$15=2,L2846*Input!$J$15,0)+IF(Input!$K$16=2,M2846*Input!$J$16,0)</f>
        <v>3.3214826758549851E-2</v>
      </c>
      <c r="P2846" s="58">
        <f>IF(Input!$K$13=3,J2846*Input!$J$13,0)+IF(Input!$K$14=3,K2846*Input!$J$14,0)+IF(Input!$K$15=3,L2846*Input!$J$15,0)+IF(Input!$K$16=3,M2846*Input!$J$16,0)</f>
        <v>0</v>
      </c>
      <c r="Q2846" s="71">
        <f>IF(Input!$K$13=4,J2846*Input!$J$13,0)+IF(Input!$K$14=4,K2846*Input!$J$14,0)+IF(Input!$K$15=4,L2846*Input!$J$15,0)+IF(Input!$K$16=4,M2846*Input!$J$16,0)</f>
        <v>0</v>
      </c>
    </row>
    <row r="2847" spans="8:17" x14ac:dyDescent="0.25">
      <c r="H2847" s="43">
        <v>2840</v>
      </c>
      <c r="I2847" s="55">
        <f>Bühler!I2873</f>
        <v>0.89453300253029078</v>
      </c>
      <c r="J2847" s="58">
        <f>Bühler!J2873</f>
        <v>5.9106285755290511</v>
      </c>
      <c r="K2847" s="58">
        <f>Bühler!K2873</f>
        <v>0.24603575376703593</v>
      </c>
      <c r="L2847" s="58">
        <f>Bühler!L2873</f>
        <v>0.12301787688351797</v>
      </c>
      <c r="M2847" s="57">
        <f>Bühler!M2873</f>
        <v>0</v>
      </c>
      <c r="N2847" s="55">
        <f>IF(Input!$K$13=1,J2847*Input!$J$13,0)+IF(Input!$K$14=1,K2847*Input!$J$14,0)+IF(Input!$K$15=1,L2847*Input!$J$15,0)+IF(Input!$K$16=1,M2847*Input!$J$16,0)</f>
        <v>0.70927542906348606</v>
      </c>
      <c r="O2847" s="58">
        <f>IF(Input!$K$13=2,J2847*Input!$J$13,0)+IF(Input!$K$14=2,K2847*Input!$J$14,0)+IF(Input!$K$15=2,L2847*Input!$J$15,0)+IF(Input!$K$16=2,M2847*Input!$J$16,0)</f>
        <v>3.3214826758549851E-2</v>
      </c>
      <c r="P2847" s="58">
        <f>IF(Input!$K$13=3,J2847*Input!$J$13,0)+IF(Input!$K$14=3,K2847*Input!$J$14,0)+IF(Input!$K$15=3,L2847*Input!$J$15,0)+IF(Input!$K$16=3,M2847*Input!$J$16,0)</f>
        <v>0</v>
      </c>
      <c r="Q2847" s="71">
        <f>IF(Input!$K$13=4,J2847*Input!$J$13,0)+IF(Input!$K$14=4,K2847*Input!$J$14,0)+IF(Input!$K$15=4,L2847*Input!$J$15,0)+IF(Input!$K$16=4,M2847*Input!$J$16,0)</f>
        <v>0</v>
      </c>
    </row>
    <row r="2848" spans="8:17" x14ac:dyDescent="0.25">
      <c r="H2848" s="43">
        <v>2841</v>
      </c>
      <c r="I2848" s="55">
        <f>Bühler!I2874</f>
        <v>0.89453300253029078</v>
      </c>
      <c r="J2848" s="58">
        <f>Bühler!J2874</f>
        <v>5.9106285755290511</v>
      </c>
      <c r="K2848" s="58">
        <f>Bühler!K2874</f>
        <v>0.24603575376703593</v>
      </c>
      <c r="L2848" s="58">
        <f>Bühler!L2874</f>
        <v>0.12301787688351797</v>
      </c>
      <c r="M2848" s="57">
        <f>Bühler!M2874</f>
        <v>0</v>
      </c>
      <c r="N2848" s="55">
        <f>IF(Input!$K$13=1,J2848*Input!$J$13,0)+IF(Input!$K$14=1,K2848*Input!$J$14,0)+IF(Input!$K$15=1,L2848*Input!$J$15,0)+IF(Input!$K$16=1,M2848*Input!$J$16,0)</f>
        <v>0.70927542906348606</v>
      </c>
      <c r="O2848" s="58">
        <f>IF(Input!$K$13=2,J2848*Input!$J$13,0)+IF(Input!$K$14=2,K2848*Input!$J$14,0)+IF(Input!$K$15=2,L2848*Input!$J$15,0)+IF(Input!$K$16=2,M2848*Input!$J$16,0)</f>
        <v>3.3214826758549851E-2</v>
      </c>
      <c r="P2848" s="58">
        <f>IF(Input!$K$13=3,J2848*Input!$J$13,0)+IF(Input!$K$14=3,K2848*Input!$J$14,0)+IF(Input!$K$15=3,L2848*Input!$J$15,0)+IF(Input!$K$16=3,M2848*Input!$J$16,0)</f>
        <v>0</v>
      </c>
      <c r="Q2848" s="71">
        <f>IF(Input!$K$13=4,J2848*Input!$J$13,0)+IF(Input!$K$14=4,K2848*Input!$J$14,0)+IF(Input!$K$15=4,L2848*Input!$J$15,0)+IF(Input!$K$16=4,M2848*Input!$J$16,0)</f>
        <v>0</v>
      </c>
    </row>
    <row r="2849" spans="8:17" x14ac:dyDescent="0.25">
      <c r="H2849" s="43">
        <v>2842</v>
      </c>
      <c r="I2849" s="55">
        <f>Bühler!I2875</f>
        <v>0.89453300253029078</v>
      </c>
      <c r="J2849" s="58">
        <f>Bühler!J2875</f>
        <v>5.9106285755290511</v>
      </c>
      <c r="K2849" s="58">
        <f>Bühler!K2875</f>
        <v>0.24603575376703593</v>
      </c>
      <c r="L2849" s="58">
        <f>Bühler!L2875</f>
        <v>0.12301787688351797</v>
      </c>
      <c r="M2849" s="57">
        <f>Bühler!M2875</f>
        <v>0</v>
      </c>
      <c r="N2849" s="55">
        <f>IF(Input!$K$13=1,J2849*Input!$J$13,0)+IF(Input!$K$14=1,K2849*Input!$J$14,0)+IF(Input!$K$15=1,L2849*Input!$J$15,0)+IF(Input!$K$16=1,M2849*Input!$J$16,0)</f>
        <v>0.70927542906348606</v>
      </c>
      <c r="O2849" s="58">
        <f>IF(Input!$K$13=2,J2849*Input!$J$13,0)+IF(Input!$K$14=2,K2849*Input!$J$14,0)+IF(Input!$K$15=2,L2849*Input!$J$15,0)+IF(Input!$K$16=2,M2849*Input!$J$16,0)</f>
        <v>3.3214826758549851E-2</v>
      </c>
      <c r="P2849" s="58">
        <f>IF(Input!$K$13=3,J2849*Input!$J$13,0)+IF(Input!$K$14=3,K2849*Input!$J$14,0)+IF(Input!$K$15=3,L2849*Input!$J$15,0)+IF(Input!$K$16=3,M2849*Input!$J$16,0)</f>
        <v>0</v>
      </c>
      <c r="Q2849" s="71">
        <f>IF(Input!$K$13=4,J2849*Input!$J$13,0)+IF(Input!$K$14=4,K2849*Input!$J$14,0)+IF(Input!$K$15=4,L2849*Input!$J$15,0)+IF(Input!$K$16=4,M2849*Input!$J$16,0)</f>
        <v>0</v>
      </c>
    </row>
    <row r="2850" spans="8:17" x14ac:dyDescent="0.25">
      <c r="H2850" s="43">
        <v>2843</v>
      </c>
      <c r="I2850" s="55">
        <f>Bühler!I2876</f>
        <v>0.89453300253029078</v>
      </c>
      <c r="J2850" s="58">
        <f>Bühler!J2876</f>
        <v>5.9106285755290511</v>
      </c>
      <c r="K2850" s="58">
        <f>Bühler!K2876</f>
        <v>0.24603575376703593</v>
      </c>
      <c r="L2850" s="58">
        <f>Bühler!L2876</f>
        <v>0.12301787688351797</v>
      </c>
      <c r="M2850" s="57">
        <f>Bühler!M2876</f>
        <v>0</v>
      </c>
      <c r="N2850" s="55">
        <f>IF(Input!$K$13=1,J2850*Input!$J$13,0)+IF(Input!$K$14=1,K2850*Input!$J$14,0)+IF(Input!$K$15=1,L2850*Input!$J$15,0)+IF(Input!$K$16=1,M2850*Input!$J$16,0)</f>
        <v>0.70927542906348606</v>
      </c>
      <c r="O2850" s="58">
        <f>IF(Input!$K$13=2,J2850*Input!$J$13,0)+IF(Input!$K$14=2,K2850*Input!$J$14,0)+IF(Input!$K$15=2,L2850*Input!$J$15,0)+IF(Input!$K$16=2,M2850*Input!$J$16,0)</f>
        <v>3.3214826758549851E-2</v>
      </c>
      <c r="P2850" s="58">
        <f>IF(Input!$K$13=3,J2850*Input!$J$13,0)+IF(Input!$K$14=3,K2850*Input!$J$14,0)+IF(Input!$K$15=3,L2850*Input!$J$15,0)+IF(Input!$K$16=3,M2850*Input!$J$16,0)</f>
        <v>0</v>
      </c>
      <c r="Q2850" s="71">
        <f>IF(Input!$K$13=4,J2850*Input!$J$13,0)+IF(Input!$K$14=4,K2850*Input!$J$14,0)+IF(Input!$K$15=4,L2850*Input!$J$15,0)+IF(Input!$K$16=4,M2850*Input!$J$16,0)</f>
        <v>0</v>
      </c>
    </row>
    <row r="2851" spans="8:17" x14ac:dyDescent="0.25">
      <c r="H2851" s="43">
        <v>2844</v>
      </c>
      <c r="I2851" s="55">
        <f>Bühler!I2877</f>
        <v>0.89453300253029078</v>
      </c>
      <c r="J2851" s="58">
        <f>Bühler!J2877</f>
        <v>5.9106285755290511</v>
      </c>
      <c r="K2851" s="58">
        <f>Bühler!K2877</f>
        <v>0.24603575376703593</v>
      </c>
      <c r="L2851" s="58">
        <f>Bühler!L2877</f>
        <v>0.12301787688351797</v>
      </c>
      <c r="M2851" s="57">
        <f>Bühler!M2877</f>
        <v>0</v>
      </c>
      <c r="N2851" s="55">
        <f>IF(Input!$K$13=1,J2851*Input!$J$13,0)+IF(Input!$K$14=1,K2851*Input!$J$14,0)+IF(Input!$K$15=1,L2851*Input!$J$15,0)+IF(Input!$K$16=1,M2851*Input!$J$16,0)</f>
        <v>0.70927542906348606</v>
      </c>
      <c r="O2851" s="58">
        <f>IF(Input!$K$13=2,J2851*Input!$J$13,0)+IF(Input!$K$14=2,K2851*Input!$J$14,0)+IF(Input!$K$15=2,L2851*Input!$J$15,0)+IF(Input!$K$16=2,M2851*Input!$J$16,0)</f>
        <v>3.3214826758549851E-2</v>
      </c>
      <c r="P2851" s="58">
        <f>IF(Input!$K$13=3,J2851*Input!$J$13,0)+IF(Input!$K$14=3,K2851*Input!$J$14,0)+IF(Input!$K$15=3,L2851*Input!$J$15,0)+IF(Input!$K$16=3,M2851*Input!$J$16,0)</f>
        <v>0</v>
      </c>
      <c r="Q2851" s="71">
        <f>IF(Input!$K$13=4,J2851*Input!$J$13,0)+IF(Input!$K$14=4,K2851*Input!$J$14,0)+IF(Input!$K$15=4,L2851*Input!$J$15,0)+IF(Input!$K$16=4,M2851*Input!$J$16,0)</f>
        <v>0</v>
      </c>
    </row>
    <row r="2852" spans="8:17" x14ac:dyDescent="0.25">
      <c r="H2852" s="43">
        <v>2845</v>
      </c>
      <c r="I2852" s="55">
        <f>Bühler!I2878</f>
        <v>0.89453300253029078</v>
      </c>
      <c r="J2852" s="58">
        <f>Bühler!J2878</f>
        <v>5.9106285755290511</v>
      </c>
      <c r="K2852" s="58">
        <f>Bühler!K2878</f>
        <v>0.24603575376703593</v>
      </c>
      <c r="L2852" s="58">
        <f>Bühler!L2878</f>
        <v>0.12301787688351797</v>
      </c>
      <c r="M2852" s="57">
        <f>Bühler!M2878</f>
        <v>0</v>
      </c>
      <c r="N2852" s="55">
        <f>IF(Input!$K$13=1,J2852*Input!$J$13,0)+IF(Input!$K$14=1,K2852*Input!$J$14,0)+IF(Input!$K$15=1,L2852*Input!$J$15,0)+IF(Input!$K$16=1,M2852*Input!$J$16,0)</f>
        <v>0.70927542906348606</v>
      </c>
      <c r="O2852" s="58">
        <f>IF(Input!$K$13=2,J2852*Input!$J$13,0)+IF(Input!$K$14=2,K2852*Input!$J$14,0)+IF(Input!$K$15=2,L2852*Input!$J$15,0)+IF(Input!$K$16=2,M2852*Input!$J$16,0)</f>
        <v>3.3214826758549851E-2</v>
      </c>
      <c r="P2852" s="58">
        <f>IF(Input!$K$13=3,J2852*Input!$J$13,0)+IF(Input!$K$14=3,K2852*Input!$J$14,0)+IF(Input!$K$15=3,L2852*Input!$J$15,0)+IF(Input!$K$16=3,M2852*Input!$J$16,0)</f>
        <v>0</v>
      </c>
      <c r="Q2852" s="71">
        <f>IF(Input!$K$13=4,J2852*Input!$J$13,0)+IF(Input!$K$14=4,K2852*Input!$J$14,0)+IF(Input!$K$15=4,L2852*Input!$J$15,0)+IF(Input!$K$16=4,M2852*Input!$J$16,0)</f>
        <v>0</v>
      </c>
    </row>
    <row r="2853" spans="8:17" x14ac:dyDescent="0.25">
      <c r="H2853" s="43">
        <v>2846</v>
      </c>
      <c r="I2853" s="55">
        <f>Bühler!I2879</f>
        <v>0.89453300253029078</v>
      </c>
      <c r="J2853" s="58">
        <f>Bühler!J2879</f>
        <v>5.9106285755290511</v>
      </c>
      <c r="K2853" s="58">
        <f>Bühler!K2879</f>
        <v>0.24603575376703593</v>
      </c>
      <c r="L2853" s="58">
        <f>Bühler!L2879</f>
        <v>0.12301787688351797</v>
      </c>
      <c r="M2853" s="57">
        <f>Bühler!M2879</f>
        <v>0</v>
      </c>
      <c r="N2853" s="55">
        <f>IF(Input!$K$13=1,J2853*Input!$J$13,0)+IF(Input!$K$14=1,K2853*Input!$J$14,0)+IF(Input!$K$15=1,L2853*Input!$J$15,0)+IF(Input!$K$16=1,M2853*Input!$J$16,0)</f>
        <v>0.70927542906348606</v>
      </c>
      <c r="O2853" s="58">
        <f>IF(Input!$K$13=2,J2853*Input!$J$13,0)+IF(Input!$K$14=2,K2853*Input!$J$14,0)+IF(Input!$K$15=2,L2853*Input!$J$15,0)+IF(Input!$K$16=2,M2853*Input!$J$16,0)</f>
        <v>3.3214826758549851E-2</v>
      </c>
      <c r="P2853" s="58">
        <f>IF(Input!$K$13=3,J2853*Input!$J$13,0)+IF(Input!$K$14=3,K2853*Input!$J$14,0)+IF(Input!$K$15=3,L2853*Input!$J$15,0)+IF(Input!$K$16=3,M2853*Input!$J$16,0)</f>
        <v>0</v>
      </c>
      <c r="Q2853" s="71">
        <f>IF(Input!$K$13=4,J2853*Input!$J$13,0)+IF(Input!$K$14=4,K2853*Input!$J$14,0)+IF(Input!$K$15=4,L2853*Input!$J$15,0)+IF(Input!$K$16=4,M2853*Input!$J$16,0)</f>
        <v>0</v>
      </c>
    </row>
    <row r="2854" spans="8:17" x14ac:dyDescent="0.25">
      <c r="H2854" s="43">
        <v>2847</v>
      </c>
      <c r="I2854" s="55">
        <f>Bühler!I2880</f>
        <v>0.89453300253029078</v>
      </c>
      <c r="J2854" s="58">
        <f>Bühler!J2880</f>
        <v>5.9106285755290511</v>
      </c>
      <c r="K2854" s="58">
        <f>Bühler!K2880</f>
        <v>0.24603575376703593</v>
      </c>
      <c r="L2854" s="58">
        <f>Bühler!L2880</f>
        <v>0.12301787688351797</v>
      </c>
      <c r="M2854" s="57">
        <f>Bühler!M2880</f>
        <v>0</v>
      </c>
      <c r="N2854" s="55">
        <f>IF(Input!$K$13=1,J2854*Input!$J$13,0)+IF(Input!$K$14=1,K2854*Input!$J$14,0)+IF(Input!$K$15=1,L2854*Input!$J$15,0)+IF(Input!$K$16=1,M2854*Input!$J$16,0)</f>
        <v>0.70927542906348606</v>
      </c>
      <c r="O2854" s="58">
        <f>IF(Input!$K$13=2,J2854*Input!$J$13,0)+IF(Input!$K$14=2,K2854*Input!$J$14,0)+IF(Input!$K$15=2,L2854*Input!$J$15,0)+IF(Input!$K$16=2,M2854*Input!$J$16,0)</f>
        <v>3.3214826758549851E-2</v>
      </c>
      <c r="P2854" s="58">
        <f>IF(Input!$K$13=3,J2854*Input!$J$13,0)+IF(Input!$K$14=3,K2854*Input!$J$14,0)+IF(Input!$K$15=3,L2854*Input!$J$15,0)+IF(Input!$K$16=3,M2854*Input!$J$16,0)</f>
        <v>0</v>
      </c>
      <c r="Q2854" s="71">
        <f>IF(Input!$K$13=4,J2854*Input!$J$13,0)+IF(Input!$K$14=4,K2854*Input!$J$14,0)+IF(Input!$K$15=4,L2854*Input!$J$15,0)+IF(Input!$K$16=4,M2854*Input!$J$16,0)</f>
        <v>0</v>
      </c>
    </row>
    <row r="2855" spans="8:17" x14ac:dyDescent="0.25">
      <c r="H2855" s="43">
        <v>2848</v>
      </c>
      <c r="I2855" s="55">
        <f>Bühler!I2881</f>
        <v>0.80875586530135879</v>
      </c>
      <c r="J2855" s="58">
        <f>Bühler!J2881</f>
        <v>5.9070545281445117</v>
      </c>
      <c r="K2855" s="58">
        <f>Bühler!K2881</f>
        <v>0.24603575376703593</v>
      </c>
      <c r="L2855" s="58">
        <f>Bühler!L2881</f>
        <v>0.12301787688351797</v>
      </c>
      <c r="M2855" s="57">
        <f>Bühler!M2881</f>
        <v>0</v>
      </c>
      <c r="N2855" s="55">
        <f>IF(Input!$K$13=1,J2855*Input!$J$13,0)+IF(Input!$K$14=1,K2855*Input!$J$14,0)+IF(Input!$K$15=1,L2855*Input!$J$15,0)+IF(Input!$K$16=1,M2855*Input!$J$16,0)</f>
        <v>0.70884654337734143</v>
      </c>
      <c r="O2855" s="58">
        <f>IF(Input!$K$13=2,J2855*Input!$J$13,0)+IF(Input!$K$14=2,K2855*Input!$J$14,0)+IF(Input!$K$15=2,L2855*Input!$J$15,0)+IF(Input!$K$16=2,M2855*Input!$J$16,0)</f>
        <v>3.3214826758549851E-2</v>
      </c>
      <c r="P2855" s="58">
        <f>IF(Input!$K$13=3,J2855*Input!$J$13,0)+IF(Input!$K$14=3,K2855*Input!$J$14,0)+IF(Input!$K$15=3,L2855*Input!$J$15,0)+IF(Input!$K$16=3,M2855*Input!$J$16,0)</f>
        <v>0</v>
      </c>
      <c r="Q2855" s="71">
        <f>IF(Input!$K$13=4,J2855*Input!$J$13,0)+IF(Input!$K$14=4,K2855*Input!$J$14,0)+IF(Input!$K$15=4,L2855*Input!$J$15,0)+IF(Input!$K$16=4,M2855*Input!$J$16,0)</f>
        <v>0</v>
      </c>
    </row>
    <row r="2856" spans="8:17" x14ac:dyDescent="0.25">
      <c r="H2856" s="43">
        <v>2849</v>
      </c>
      <c r="I2856" s="55">
        <f>Bühler!I2882</f>
        <v>0.7352326048194171</v>
      </c>
      <c r="J2856" s="58">
        <f>Bühler!J2882</f>
        <v>5.9039910589577644</v>
      </c>
      <c r="K2856" s="58">
        <f>Bühler!K2882</f>
        <v>0.24603575376703593</v>
      </c>
      <c r="L2856" s="58">
        <f>Bühler!L2882</f>
        <v>0.12301787688351797</v>
      </c>
      <c r="M2856" s="57">
        <f>Bühler!M2882</f>
        <v>0</v>
      </c>
      <c r="N2856" s="55">
        <f>IF(Input!$K$13=1,J2856*Input!$J$13,0)+IF(Input!$K$14=1,K2856*Input!$J$14,0)+IF(Input!$K$15=1,L2856*Input!$J$15,0)+IF(Input!$K$16=1,M2856*Input!$J$16,0)</f>
        <v>0.70847892707493165</v>
      </c>
      <c r="O2856" s="58">
        <f>IF(Input!$K$13=2,J2856*Input!$J$13,0)+IF(Input!$K$14=2,K2856*Input!$J$14,0)+IF(Input!$K$15=2,L2856*Input!$J$15,0)+IF(Input!$K$16=2,M2856*Input!$J$16,0)</f>
        <v>3.3214826758549851E-2</v>
      </c>
      <c r="P2856" s="58">
        <f>IF(Input!$K$13=3,J2856*Input!$J$13,0)+IF(Input!$K$14=3,K2856*Input!$J$14,0)+IF(Input!$K$15=3,L2856*Input!$J$15,0)+IF(Input!$K$16=3,M2856*Input!$J$16,0)</f>
        <v>0</v>
      </c>
      <c r="Q2856" s="71">
        <f>IF(Input!$K$13=4,J2856*Input!$J$13,0)+IF(Input!$K$14=4,K2856*Input!$J$14,0)+IF(Input!$K$15=4,L2856*Input!$J$15,0)+IF(Input!$K$16=4,M2856*Input!$J$16,0)</f>
        <v>0</v>
      </c>
    </row>
    <row r="2857" spans="8:17" x14ac:dyDescent="0.25">
      <c r="H2857" s="43">
        <v>2850</v>
      </c>
      <c r="I2857" s="55">
        <f>Bühler!I2883</f>
        <v>0.66170934433747541</v>
      </c>
      <c r="J2857" s="58">
        <f>Bühler!J2883</f>
        <v>5.9009275897710172</v>
      </c>
      <c r="K2857" s="58">
        <f>Bühler!K2883</f>
        <v>0.24603575376703593</v>
      </c>
      <c r="L2857" s="58">
        <f>Bühler!L2883</f>
        <v>0.12301787688351797</v>
      </c>
      <c r="M2857" s="57">
        <f>Bühler!M2883</f>
        <v>0</v>
      </c>
      <c r="N2857" s="55">
        <f>IF(Input!$K$13=1,J2857*Input!$J$13,0)+IF(Input!$K$14=1,K2857*Input!$J$14,0)+IF(Input!$K$15=1,L2857*Input!$J$15,0)+IF(Input!$K$16=1,M2857*Input!$J$16,0)</f>
        <v>0.70811131077252198</v>
      </c>
      <c r="O2857" s="58">
        <f>IF(Input!$K$13=2,J2857*Input!$J$13,0)+IF(Input!$K$14=2,K2857*Input!$J$14,0)+IF(Input!$K$15=2,L2857*Input!$J$15,0)+IF(Input!$K$16=2,M2857*Input!$J$16,0)</f>
        <v>3.3214826758549851E-2</v>
      </c>
      <c r="P2857" s="58">
        <f>IF(Input!$K$13=3,J2857*Input!$J$13,0)+IF(Input!$K$14=3,K2857*Input!$J$14,0)+IF(Input!$K$15=3,L2857*Input!$J$15,0)+IF(Input!$K$16=3,M2857*Input!$J$16,0)</f>
        <v>0</v>
      </c>
      <c r="Q2857" s="71">
        <f>IF(Input!$K$13=4,J2857*Input!$J$13,0)+IF(Input!$K$14=4,K2857*Input!$J$14,0)+IF(Input!$K$15=4,L2857*Input!$J$15,0)+IF(Input!$K$16=4,M2857*Input!$J$16,0)</f>
        <v>0</v>
      </c>
    </row>
    <row r="2858" spans="8:17" x14ac:dyDescent="0.25">
      <c r="H2858" s="43">
        <v>2851</v>
      </c>
      <c r="I2858" s="55">
        <f>Bühler!I2884</f>
        <v>0.63720159084349492</v>
      </c>
      <c r="J2858" s="58">
        <f>Bühler!J2884</f>
        <v>5.8999064333754347</v>
      </c>
      <c r="K2858" s="58">
        <f>Bühler!K2884</f>
        <v>0.24603575376703593</v>
      </c>
      <c r="L2858" s="58">
        <f>Bühler!L2884</f>
        <v>0.12301787688351797</v>
      </c>
      <c r="M2858" s="57">
        <f>Bühler!M2884</f>
        <v>0</v>
      </c>
      <c r="N2858" s="55">
        <f>IF(Input!$K$13=1,J2858*Input!$J$13,0)+IF(Input!$K$14=1,K2858*Input!$J$14,0)+IF(Input!$K$15=1,L2858*Input!$J$15,0)+IF(Input!$K$16=1,M2858*Input!$J$16,0)</f>
        <v>0.70798877200505217</v>
      </c>
      <c r="O2858" s="58">
        <f>IF(Input!$K$13=2,J2858*Input!$J$13,0)+IF(Input!$K$14=2,K2858*Input!$J$14,0)+IF(Input!$K$15=2,L2858*Input!$J$15,0)+IF(Input!$K$16=2,M2858*Input!$J$16,0)</f>
        <v>3.3214826758549851E-2</v>
      </c>
      <c r="P2858" s="58">
        <f>IF(Input!$K$13=3,J2858*Input!$J$13,0)+IF(Input!$K$14=3,K2858*Input!$J$14,0)+IF(Input!$K$15=3,L2858*Input!$J$15,0)+IF(Input!$K$16=3,M2858*Input!$J$16,0)</f>
        <v>0</v>
      </c>
      <c r="Q2858" s="71">
        <f>IF(Input!$K$13=4,J2858*Input!$J$13,0)+IF(Input!$K$14=4,K2858*Input!$J$14,0)+IF(Input!$K$15=4,L2858*Input!$J$15,0)+IF(Input!$K$16=4,M2858*Input!$J$16,0)</f>
        <v>0</v>
      </c>
    </row>
    <row r="2859" spans="8:17" x14ac:dyDescent="0.25">
      <c r="H2859" s="43">
        <v>2852</v>
      </c>
      <c r="I2859" s="55">
        <f>Bühler!I2885</f>
        <v>0.51466282337359193</v>
      </c>
      <c r="J2859" s="58">
        <f>Bühler!J2885</f>
        <v>5.8948006513975217</v>
      </c>
      <c r="K2859" s="58">
        <f>Bühler!K2885</f>
        <v>0.24603575376703593</v>
      </c>
      <c r="L2859" s="58">
        <f>Bühler!L2885</f>
        <v>0.12301787688351797</v>
      </c>
      <c r="M2859" s="57">
        <f>Bühler!M2885</f>
        <v>0</v>
      </c>
      <c r="N2859" s="55">
        <f>IF(Input!$K$13=1,J2859*Input!$J$13,0)+IF(Input!$K$14=1,K2859*Input!$J$14,0)+IF(Input!$K$15=1,L2859*Input!$J$15,0)+IF(Input!$K$16=1,M2859*Input!$J$16,0)</f>
        <v>0.70737607816770254</v>
      </c>
      <c r="O2859" s="58">
        <f>IF(Input!$K$13=2,J2859*Input!$J$13,0)+IF(Input!$K$14=2,K2859*Input!$J$14,0)+IF(Input!$K$15=2,L2859*Input!$J$15,0)+IF(Input!$K$16=2,M2859*Input!$J$16,0)</f>
        <v>3.3214826758549851E-2</v>
      </c>
      <c r="P2859" s="58">
        <f>IF(Input!$K$13=3,J2859*Input!$J$13,0)+IF(Input!$K$14=3,K2859*Input!$J$14,0)+IF(Input!$K$15=3,L2859*Input!$J$15,0)+IF(Input!$K$16=3,M2859*Input!$J$16,0)</f>
        <v>0</v>
      </c>
      <c r="Q2859" s="71">
        <f>IF(Input!$K$13=4,J2859*Input!$J$13,0)+IF(Input!$K$14=4,K2859*Input!$J$14,0)+IF(Input!$K$15=4,L2859*Input!$J$15,0)+IF(Input!$K$16=4,M2859*Input!$J$16,0)</f>
        <v>0</v>
      </c>
    </row>
    <row r="2860" spans="8:17" x14ac:dyDescent="0.25">
      <c r="H2860" s="43">
        <v>2853</v>
      </c>
      <c r="I2860" s="55">
        <f>Bühler!I2886</f>
        <v>0.37987017915669885</v>
      </c>
      <c r="J2860" s="58">
        <f>Bühler!J2886</f>
        <v>5.8891842912218175</v>
      </c>
      <c r="K2860" s="58">
        <f>Bühler!K2886</f>
        <v>0.24603575376703593</v>
      </c>
      <c r="L2860" s="58">
        <f>Bühler!L2886</f>
        <v>0.12301787688351797</v>
      </c>
      <c r="M2860" s="57">
        <f>Bühler!M2886</f>
        <v>0</v>
      </c>
      <c r="N2860" s="55">
        <f>IF(Input!$K$13=1,J2860*Input!$J$13,0)+IF(Input!$K$14=1,K2860*Input!$J$14,0)+IF(Input!$K$15=1,L2860*Input!$J$15,0)+IF(Input!$K$16=1,M2860*Input!$J$16,0)</f>
        <v>0.70670211494661805</v>
      </c>
      <c r="O2860" s="58">
        <f>IF(Input!$K$13=2,J2860*Input!$J$13,0)+IF(Input!$K$14=2,K2860*Input!$J$14,0)+IF(Input!$K$15=2,L2860*Input!$J$15,0)+IF(Input!$K$16=2,M2860*Input!$J$16,0)</f>
        <v>3.3214826758549851E-2</v>
      </c>
      <c r="P2860" s="58">
        <f>IF(Input!$K$13=3,J2860*Input!$J$13,0)+IF(Input!$K$14=3,K2860*Input!$J$14,0)+IF(Input!$K$15=3,L2860*Input!$J$15,0)+IF(Input!$K$16=3,M2860*Input!$J$16,0)</f>
        <v>0</v>
      </c>
      <c r="Q2860" s="71">
        <f>IF(Input!$K$13=4,J2860*Input!$J$13,0)+IF(Input!$K$14=4,K2860*Input!$J$14,0)+IF(Input!$K$15=4,L2860*Input!$J$15,0)+IF(Input!$K$16=4,M2860*Input!$J$16,0)</f>
        <v>0</v>
      </c>
    </row>
    <row r="2861" spans="8:17" x14ac:dyDescent="0.25">
      <c r="H2861" s="43">
        <v>2854</v>
      </c>
      <c r="I2861" s="55">
        <f>Bühler!I2887</f>
        <v>0.37987017915669885</v>
      </c>
      <c r="J2861" s="58">
        <f>Bühler!J2887</f>
        <v>5.8891842912218175</v>
      </c>
      <c r="K2861" s="58">
        <f>Bühler!K2887</f>
        <v>0.24603575376703593</v>
      </c>
      <c r="L2861" s="58">
        <f>Bühler!L2887</f>
        <v>0.12301787688351797</v>
      </c>
      <c r="M2861" s="57">
        <f>Bühler!M2887</f>
        <v>0</v>
      </c>
      <c r="N2861" s="55">
        <f>IF(Input!$K$13=1,J2861*Input!$J$13,0)+IF(Input!$K$14=1,K2861*Input!$J$14,0)+IF(Input!$K$15=1,L2861*Input!$J$15,0)+IF(Input!$K$16=1,M2861*Input!$J$16,0)</f>
        <v>0.70670211494661805</v>
      </c>
      <c r="O2861" s="58">
        <f>IF(Input!$K$13=2,J2861*Input!$J$13,0)+IF(Input!$K$14=2,K2861*Input!$J$14,0)+IF(Input!$K$15=2,L2861*Input!$J$15,0)+IF(Input!$K$16=2,M2861*Input!$J$16,0)</f>
        <v>3.3214826758549851E-2</v>
      </c>
      <c r="P2861" s="58">
        <f>IF(Input!$K$13=3,J2861*Input!$J$13,0)+IF(Input!$K$14=3,K2861*Input!$J$14,0)+IF(Input!$K$15=3,L2861*Input!$J$15,0)+IF(Input!$K$16=3,M2861*Input!$J$16,0)</f>
        <v>0</v>
      </c>
      <c r="Q2861" s="71">
        <f>IF(Input!$K$13=4,J2861*Input!$J$13,0)+IF(Input!$K$14=4,K2861*Input!$J$14,0)+IF(Input!$K$15=4,L2861*Input!$J$15,0)+IF(Input!$K$16=4,M2861*Input!$J$16,0)</f>
        <v>0</v>
      </c>
    </row>
    <row r="2862" spans="8:17" x14ac:dyDescent="0.25">
      <c r="H2862" s="43">
        <v>2855</v>
      </c>
      <c r="I2862" s="55">
        <f>Bühler!I2888</f>
        <v>0.37987017915669885</v>
      </c>
      <c r="J2862" s="58">
        <f>Bühler!J2888</f>
        <v>5.8891842912218175</v>
      </c>
      <c r="K2862" s="58">
        <f>Bühler!K2888</f>
        <v>0.24603575376703593</v>
      </c>
      <c r="L2862" s="58">
        <f>Bühler!L2888</f>
        <v>0.12301787688351797</v>
      </c>
      <c r="M2862" s="57">
        <f>Bühler!M2888</f>
        <v>0</v>
      </c>
      <c r="N2862" s="55">
        <f>IF(Input!$K$13=1,J2862*Input!$J$13,0)+IF(Input!$K$14=1,K2862*Input!$J$14,0)+IF(Input!$K$15=1,L2862*Input!$J$15,0)+IF(Input!$K$16=1,M2862*Input!$J$16,0)</f>
        <v>0.70670211494661805</v>
      </c>
      <c r="O2862" s="58">
        <f>IF(Input!$K$13=2,J2862*Input!$J$13,0)+IF(Input!$K$14=2,K2862*Input!$J$14,0)+IF(Input!$K$15=2,L2862*Input!$J$15,0)+IF(Input!$K$16=2,M2862*Input!$J$16,0)</f>
        <v>3.3214826758549851E-2</v>
      </c>
      <c r="P2862" s="58">
        <f>IF(Input!$K$13=3,J2862*Input!$J$13,0)+IF(Input!$K$14=3,K2862*Input!$J$14,0)+IF(Input!$K$15=3,L2862*Input!$J$15,0)+IF(Input!$K$16=3,M2862*Input!$J$16,0)</f>
        <v>0</v>
      </c>
      <c r="Q2862" s="71">
        <f>IF(Input!$K$13=4,J2862*Input!$J$13,0)+IF(Input!$K$14=4,K2862*Input!$J$14,0)+IF(Input!$K$15=4,L2862*Input!$J$15,0)+IF(Input!$K$16=4,M2862*Input!$J$16,0)</f>
        <v>0</v>
      </c>
    </row>
    <row r="2863" spans="8:17" x14ac:dyDescent="0.25">
      <c r="H2863" s="43">
        <v>2856</v>
      </c>
      <c r="I2863" s="55">
        <f>Bühler!I2889</f>
        <v>0.37987017915669885</v>
      </c>
      <c r="J2863" s="58">
        <f>Bühler!J2889</f>
        <v>5.8891842912218175</v>
      </c>
      <c r="K2863" s="58">
        <f>Bühler!K2889</f>
        <v>0.24603575376703593</v>
      </c>
      <c r="L2863" s="58">
        <f>Bühler!L2889</f>
        <v>0.12301787688351797</v>
      </c>
      <c r="M2863" s="57">
        <f>Bühler!M2889</f>
        <v>0</v>
      </c>
      <c r="N2863" s="55">
        <f>IF(Input!$K$13=1,J2863*Input!$J$13,0)+IF(Input!$K$14=1,K2863*Input!$J$14,0)+IF(Input!$K$15=1,L2863*Input!$J$15,0)+IF(Input!$K$16=1,M2863*Input!$J$16,0)</f>
        <v>0.70670211494661805</v>
      </c>
      <c r="O2863" s="58">
        <f>IF(Input!$K$13=2,J2863*Input!$J$13,0)+IF(Input!$K$14=2,K2863*Input!$J$14,0)+IF(Input!$K$15=2,L2863*Input!$J$15,0)+IF(Input!$K$16=2,M2863*Input!$J$16,0)</f>
        <v>3.3214826758549851E-2</v>
      </c>
      <c r="P2863" s="58">
        <f>IF(Input!$K$13=3,J2863*Input!$J$13,0)+IF(Input!$K$14=3,K2863*Input!$J$14,0)+IF(Input!$K$15=3,L2863*Input!$J$15,0)+IF(Input!$K$16=3,M2863*Input!$J$16,0)</f>
        <v>0</v>
      </c>
      <c r="Q2863" s="71">
        <f>IF(Input!$K$13=4,J2863*Input!$J$13,0)+IF(Input!$K$14=4,K2863*Input!$J$14,0)+IF(Input!$K$15=4,L2863*Input!$J$15,0)+IF(Input!$K$16=4,M2863*Input!$J$16,0)</f>
        <v>0</v>
      </c>
    </row>
    <row r="2864" spans="8:17" x14ac:dyDescent="0.25">
      <c r="H2864" s="43">
        <v>2857</v>
      </c>
      <c r="I2864" s="55">
        <f>Bühler!I2890</f>
        <v>0.44826336854286275</v>
      </c>
      <c r="J2864" s="58">
        <f>Bühler!J2890</f>
        <v>6.306144532060979</v>
      </c>
      <c r="K2864" s="58">
        <f>Bühler!K2890</f>
        <v>0.25349529675545945</v>
      </c>
      <c r="L2864" s="58">
        <f>Bühler!L2890</f>
        <v>0.12674764837772973</v>
      </c>
      <c r="M2864" s="57">
        <f>Bühler!M2890</f>
        <v>0</v>
      </c>
      <c r="N2864" s="55">
        <f>IF(Input!$K$13=1,J2864*Input!$J$13,0)+IF(Input!$K$14=1,K2864*Input!$J$14,0)+IF(Input!$K$15=1,L2864*Input!$J$15,0)+IF(Input!$K$16=1,M2864*Input!$J$16,0)</f>
        <v>0.7567373438473175</v>
      </c>
      <c r="O2864" s="58">
        <f>IF(Input!$K$13=2,J2864*Input!$J$13,0)+IF(Input!$K$14=2,K2864*Input!$J$14,0)+IF(Input!$K$15=2,L2864*Input!$J$15,0)+IF(Input!$K$16=2,M2864*Input!$J$16,0)</f>
        <v>3.4221865061987024E-2</v>
      </c>
      <c r="P2864" s="58">
        <f>IF(Input!$K$13=3,J2864*Input!$J$13,0)+IF(Input!$K$14=3,K2864*Input!$J$14,0)+IF(Input!$K$15=3,L2864*Input!$J$15,0)+IF(Input!$K$16=3,M2864*Input!$J$16,0)</f>
        <v>0</v>
      </c>
      <c r="Q2864" s="71">
        <f>IF(Input!$K$13=4,J2864*Input!$J$13,0)+IF(Input!$K$14=4,K2864*Input!$J$14,0)+IF(Input!$K$15=4,L2864*Input!$J$15,0)+IF(Input!$K$16=4,M2864*Input!$J$16,0)</f>
        <v>0</v>
      </c>
    </row>
    <row r="2865" spans="8:17" x14ac:dyDescent="0.25">
      <c r="H2865" s="43">
        <v>2858</v>
      </c>
      <c r="I2865" s="55">
        <f>Bühler!I2891</f>
        <v>0.52056391185622775</v>
      </c>
      <c r="J2865" s="58">
        <f>Bühler!J2891</f>
        <v>6.3091570546990354</v>
      </c>
      <c r="K2865" s="58">
        <f>Bühler!K2891</f>
        <v>0.25349529675545945</v>
      </c>
      <c r="L2865" s="58">
        <f>Bühler!L2891</f>
        <v>0.12674764837772973</v>
      </c>
      <c r="M2865" s="57">
        <f>Bühler!M2891</f>
        <v>0</v>
      </c>
      <c r="N2865" s="55">
        <f>IF(Input!$K$13=1,J2865*Input!$J$13,0)+IF(Input!$K$14=1,K2865*Input!$J$14,0)+IF(Input!$K$15=1,L2865*Input!$J$15,0)+IF(Input!$K$16=1,M2865*Input!$J$16,0)</f>
        <v>0.75709884656388426</v>
      </c>
      <c r="O2865" s="58">
        <f>IF(Input!$K$13=2,J2865*Input!$J$13,0)+IF(Input!$K$14=2,K2865*Input!$J$14,0)+IF(Input!$K$15=2,L2865*Input!$J$15,0)+IF(Input!$K$16=2,M2865*Input!$J$16,0)</f>
        <v>3.4221865061987024E-2</v>
      </c>
      <c r="P2865" s="58">
        <f>IF(Input!$K$13=3,J2865*Input!$J$13,0)+IF(Input!$K$14=3,K2865*Input!$J$14,0)+IF(Input!$K$15=3,L2865*Input!$J$15,0)+IF(Input!$K$16=3,M2865*Input!$J$16,0)</f>
        <v>0</v>
      </c>
      <c r="Q2865" s="71">
        <f>IF(Input!$K$13=4,J2865*Input!$J$13,0)+IF(Input!$K$14=4,K2865*Input!$J$14,0)+IF(Input!$K$15=4,L2865*Input!$J$15,0)+IF(Input!$K$16=4,M2865*Input!$J$16,0)</f>
        <v>0</v>
      </c>
    </row>
    <row r="2866" spans="8:17" x14ac:dyDescent="0.25">
      <c r="H2866" s="43">
        <v>2859</v>
      </c>
      <c r="I2866" s="55">
        <f>Bühler!I2892</f>
        <v>0.52056391185622775</v>
      </c>
      <c r="J2866" s="58">
        <f>Bühler!J2892</f>
        <v>6.3091570546990354</v>
      </c>
      <c r="K2866" s="58">
        <f>Bühler!K2892</f>
        <v>0.25349529675545945</v>
      </c>
      <c r="L2866" s="58">
        <f>Bühler!L2892</f>
        <v>0.12674764837772973</v>
      </c>
      <c r="M2866" s="57">
        <f>Bühler!M2892</f>
        <v>0</v>
      </c>
      <c r="N2866" s="55">
        <f>IF(Input!$K$13=1,J2866*Input!$J$13,0)+IF(Input!$K$14=1,K2866*Input!$J$14,0)+IF(Input!$K$15=1,L2866*Input!$J$15,0)+IF(Input!$K$16=1,M2866*Input!$J$16,0)</f>
        <v>0.75709884656388426</v>
      </c>
      <c r="O2866" s="58">
        <f>IF(Input!$K$13=2,J2866*Input!$J$13,0)+IF(Input!$K$14=2,K2866*Input!$J$14,0)+IF(Input!$K$15=2,L2866*Input!$J$15,0)+IF(Input!$K$16=2,M2866*Input!$J$16,0)</f>
        <v>3.4221865061987024E-2</v>
      </c>
      <c r="P2866" s="58">
        <f>IF(Input!$K$13=3,J2866*Input!$J$13,0)+IF(Input!$K$14=3,K2866*Input!$J$14,0)+IF(Input!$K$15=3,L2866*Input!$J$15,0)+IF(Input!$K$16=3,M2866*Input!$J$16,0)</f>
        <v>0</v>
      </c>
      <c r="Q2866" s="71">
        <f>IF(Input!$K$13=4,J2866*Input!$J$13,0)+IF(Input!$K$14=4,K2866*Input!$J$14,0)+IF(Input!$K$15=4,L2866*Input!$J$15,0)+IF(Input!$K$16=4,M2866*Input!$J$16,0)</f>
        <v>0</v>
      </c>
    </row>
    <row r="2867" spans="8:17" x14ac:dyDescent="0.25">
      <c r="H2867" s="43">
        <v>2860</v>
      </c>
      <c r="I2867" s="55">
        <f>Bühler!I2893</f>
        <v>0.52056391185622775</v>
      </c>
      <c r="J2867" s="58">
        <f>Bühler!J2893</f>
        <v>6.3091570546990354</v>
      </c>
      <c r="K2867" s="58">
        <f>Bühler!K2893</f>
        <v>0.25349529675545945</v>
      </c>
      <c r="L2867" s="58">
        <f>Bühler!L2893</f>
        <v>0.12674764837772973</v>
      </c>
      <c r="M2867" s="57">
        <f>Bühler!M2893</f>
        <v>0</v>
      </c>
      <c r="N2867" s="55">
        <f>IF(Input!$K$13=1,J2867*Input!$J$13,0)+IF(Input!$K$14=1,K2867*Input!$J$14,0)+IF(Input!$K$15=1,L2867*Input!$J$15,0)+IF(Input!$K$16=1,M2867*Input!$J$16,0)</f>
        <v>0.75709884656388426</v>
      </c>
      <c r="O2867" s="58">
        <f>IF(Input!$K$13=2,J2867*Input!$J$13,0)+IF(Input!$K$14=2,K2867*Input!$J$14,0)+IF(Input!$K$15=2,L2867*Input!$J$15,0)+IF(Input!$K$16=2,M2867*Input!$J$16,0)</f>
        <v>3.4221865061987024E-2</v>
      </c>
      <c r="P2867" s="58">
        <f>IF(Input!$K$13=3,J2867*Input!$J$13,0)+IF(Input!$K$14=3,K2867*Input!$J$14,0)+IF(Input!$K$15=3,L2867*Input!$J$15,0)+IF(Input!$K$16=3,M2867*Input!$J$16,0)</f>
        <v>0</v>
      </c>
      <c r="Q2867" s="71">
        <f>IF(Input!$K$13=4,J2867*Input!$J$13,0)+IF(Input!$K$14=4,K2867*Input!$J$14,0)+IF(Input!$K$15=4,L2867*Input!$J$15,0)+IF(Input!$K$16=4,M2867*Input!$J$16,0)</f>
        <v>0</v>
      </c>
    </row>
    <row r="2868" spans="8:17" x14ac:dyDescent="0.25">
      <c r="H2868" s="43">
        <v>2861</v>
      </c>
      <c r="I2868" s="55">
        <f>Bühler!I2894</f>
        <v>0.52056391185622775</v>
      </c>
      <c r="J2868" s="58">
        <f>Bühler!J2894</f>
        <v>6.3091570546990354</v>
      </c>
      <c r="K2868" s="58">
        <f>Bühler!K2894</f>
        <v>0.25349529675545945</v>
      </c>
      <c r="L2868" s="58">
        <f>Bühler!L2894</f>
        <v>0.12674764837772973</v>
      </c>
      <c r="M2868" s="57">
        <f>Bühler!M2894</f>
        <v>0</v>
      </c>
      <c r="N2868" s="55">
        <f>IF(Input!$K$13=1,J2868*Input!$J$13,0)+IF(Input!$K$14=1,K2868*Input!$J$14,0)+IF(Input!$K$15=1,L2868*Input!$J$15,0)+IF(Input!$K$16=1,M2868*Input!$J$16,0)</f>
        <v>0.75709884656388426</v>
      </c>
      <c r="O2868" s="58">
        <f>IF(Input!$K$13=2,J2868*Input!$J$13,0)+IF(Input!$K$14=2,K2868*Input!$J$14,0)+IF(Input!$K$15=2,L2868*Input!$J$15,0)+IF(Input!$K$16=2,M2868*Input!$J$16,0)</f>
        <v>3.4221865061987024E-2</v>
      </c>
      <c r="P2868" s="58">
        <f>IF(Input!$K$13=3,J2868*Input!$J$13,0)+IF(Input!$K$14=3,K2868*Input!$J$14,0)+IF(Input!$K$15=3,L2868*Input!$J$15,0)+IF(Input!$K$16=3,M2868*Input!$J$16,0)</f>
        <v>0</v>
      </c>
      <c r="Q2868" s="71">
        <f>IF(Input!$K$13=4,J2868*Input!$J$13,0)+IF(Input!$K$14=4,K2868*Input!$J$14,0)+IF(Input!$K$15=4,L2868*Input!$J$15,0)+IF(Input!$K$16=4,M2868*Input!$J$16,0)</f>
        <v>0</v>
      </c>
    </row>
    <row r="2869" spans="8:17" x14ac:dyDescent="0.25">
      <c r="H2869" s="43">
        <v>2862</v>
      </c>
      <c r="I2869" s="55">
        <f>Bühler!I2895</f>
        <v>0.65070488982028452</v>
      </c>
      <c r="J2869" s="58">
        <f>Bühler!J2895</f>
        <v>6.3145795954475377</v>
      </c>
      <c r="K2869" s="58">
        <f>Bühler!K2895</f>
        <v>0.25349529675545945</v>
      </c>
      <c r="L2869" s="58">
        <f>Bühler!L2895</f>
        <v>0.12674764837772973</v>
      </c>
      <c r="M2869" s="57">
        <f>Bühler!M2895</f>
        <v>0</v>
      </c>
      <c r="N2869" s="55">
        <f>IF(Input!$K$13=1,J2869*Input!$J$13,0)+IF(Input!$K$14=1,K2869*Input!$J$14,0)+IF(Input!$K$15=1,L2869*Input!$J$15,0)+IF(Input!$K$16=1,M2869*Input!$J$16,0)</f>
        <v>0.75774955145370448</v>
      </c>
      <c r="O2869" s="58">
        <f>IF(Input!$K$13=2,J2869*Input!$J$13,0)+IF(Input!$K$14=2,K2869*Input!$J$14,0)+IF(Input!$K$15=2,L2869*Input!$J$15,0)+IF(Input!$K$16=2,M2869*Input!$J$16,0)</f>
        <v>3.4221865061987024E-2</v>
      </c>
      <c r="P2869" s="58">
        <f>IF(Input!$K$13=3,J2869*Input!$J$13,0)+IF(Input!$K$14=3,K2869*Input!$J$14,0)+IF(Input!$K$15=3,L2869*Input!$J$15,0)+IF(Input!$K$16=3,M2869*Input!$J$16,0)</f>
        <v>0</v>
      </c>
      <c r="Q2869" s="71">
        <f>IF(Input!$K$13=4,J2869*Input!$J$13,0)+IF(Input!$K$14=4,K2869*Input!$J$14,0)+IF(Input!$K$15=4,L2869*Input!$J$15,0)+IF(Input!$K$16=4,M2869*Input!$J$16,0)</f>
        <v>0</v>
      </c>
    </row>
    <row r="2870" spans="8:17" x14ac:dyDescent="0.25">
      <c r="H2870" s="43">
        <v>2863</v>
      </c>
      <c r="I2870" s="55">
        <f>Bühler!I2896</f>
        <v>0.76638575912166862</v>
      </c>
      <c r="J2870" s="58">
        <f>Bühler!J2896</f>
        <v>6.3193996316684284</v>
      </c>
      <c r="K2870" s="58">
        <f>Bühler!K2896</f>
        <v>0.25349529675545945</v>
      </c>
      <c r="L2870" s="58">
        <f>Bühler!L2896</f>
        <v>0.12674764837772973</v>
      </c>
      <c r="M2870" s="57">
        <f>Bühler!M2896</f>
        <v>0</v>
      </c>
      <c r="N2870" s="55">
        <f>IF(Input!$K$13=1,J2870*Input!$J$13,0)+IF(Input!$K$14=1,K2870*Input!$J$14,0)+IF(Input!$K$15=1,L2870*Input!$J$15,0)+IF(Input!$K$16=1,M2870*Input!$J$16,0)</f>
        <v>0.7583279558002114</v>
      </c>
      <c r="O2870" s="58">
        <f>IF(Input!$K$13=2,J2870*Input!$J$13,0)+IF(Input!$K$14=2,K2870*Input!$J$14,0)+IF(Input!$K$15=2,L2870*Input!$J$15,0)+IF(Input!$K$16=2,M2870*Input!$J$16,0)</f>
        <v>3.4221865061987024E-2</v>
      </c>
      <c r="P2870" s="58">
        <f>IF(Input!$K$13=3,J2870*Input!$J$13,0)+IF(Input!$K$14=3,K2870*Input!$J$14,0)+IF(Input!$K$15=3,L2870*Input!$J$15,0)+IF(Input!$K$16=3,M2870*Input!$J$16,0)</f>
        <v>0</v>
      </c>
      <c r="Q2870" s="71">
        <f>IF(Input!$K$13=4,J2870*Input!$J$13,0)+IF(Input!$K$14=4,K2870*Input!$J$14,0)+IF(Input!$K$15=4,L2870*Input!$J$15,0)+IF(Input!$K$16=4,M2870*Input!$J$16,0)</f>
        <v>0</v>
      </c>
    </row>
    <row r="2871" spans="8:17" x14ac:dyDescent="0.25">
      <c r="H2871" s="43">
        <v>2864</v>
      </c>
      <c r="I2871" s="55">
        <f>Bühler!I2897</f>
        <v>0.91098684574839861</v>
      </c>
      <c r="J2871" s="58">
        <f>Bühler!J2897</f>
        <v>6.3254246769445421</v>
      </c>
      <c r="K2871" s="58">
        <f>Bühler!K2897</f>
        <v>0.25349529675545945</v>
      </c>
      <c r="L2871" s="58">
        <f>Bühler!L2897</f>
        <v>0.12674764837772973</v>
      </c>
      <c r="M2871" s="57">
        <f>Bühler!M2897</f>
        <v>0</v>
      </c>
      <c r="N2871" s="55">
        <f>IF(Input!$K$13=1,J2871*Input!$J$13,0)+IF(Input!$K$14=1,K2871*Input!$J$14,0)+IF(Input!$K$15=1,L2871*Input!$J$15,0)+IF(Input!$K$16=1,M2871*Input!$J$16,0)</f>
        <v>0.75905096123334503</v>
      </c>
      <c r="O2871" s="58">
        <f>IF(Input!$K$13=2,J2871*Input!$J$13,0)+IF(Input!$K$14=2,K2871*Input!$J$14,0)+IF(Input!$K$15=2,L2871*Input!$J$15,0)+IF(Input!$K$16=2,M2871*Input!$J$16,0)</f>
        <v>3.4221865061987024E-2</v>
      </c>
      <c r="P2871" s="58">
        <f>IF(Input!$K$13=3,J2871*Input!$J$13,0)+IF(Input!$K$14=3,K2871*Input!$J$14,0)+IF(Input!$K$15=3,L2871*Input!$J$15,0)+IF(Input!$K$16=3,M2871*Input!$J$16,0)</f>
        <v>0</v>
      </c>
      <c r="Q2871" s="71">
        <f>IF(Input!$K$13=4,J2871*Input!$J$13,0)+IF(Input!$K$14=4,K2871*Input!$J$14,0)+IF(Input!$K$15=4,L2871*Input!$J$15,0)+IF(Input!$K$16=4,M2871*Input!$J$16,0)</f>
        <v>0</v>
      </c>
    </row>
    <row r="2872" spans="8:17" x14ac:dyDescent="0.25">
      <c r="H2872" s="43">
        <v>2865</v>
      </c>
      <c r="I2872" s="55">
        <f>Bühler!I2898</f>
        <v>0.91098684574839861</v>
      </c>
      <c r="J2872" s="58">
        <f>Bühler!J2898</f>
        <v>6.3254246769445421</v>
      </c>
      <c r="K2872" s="58">
        <f>Bühler!K2898</f>
        <v>0.25349529675545945</v>
      </c>
      <c r="L2872" s="58">
        <f>Bühler!L2898</f>
        <v>0.12674764837772973</v>
      </c>
      <c r="M2872" s="57">
        <f>Bühler!M2898</f>
        <v>0</v>
      </c>
      <c r="N2872" s="55">
        <f>IF(Input!$K$13=1,J2872*Input!$J$13,0)+IF(Input!$K$14=1,K2872*Input!$J$14,0)+IF(Input!$K$15=1,L2872*Input!$J$15,0)+IF(Input!$K$16=1,M2872*Input!$J$16,0)</f>
        <v>0.75905096123334503</v>
      </c>
      <c r="O2872" s="58">
        <f>IF(Input!$K$13=2,J2872*Input!$J$13,0)+IF(Input!$K$14=2,K2872*Input!$J$14,0)+IF(Input!$K$15=2,L2872*Input!$J$15,0)+IF(Input!$K$16=2,M2872*Input!$J$16,0)</f>
        <v>3.4221865061987024E-2</v>
      </c>
      <c r="P2872" s="58">
        <f>IF(Input!$K$13=3,J2872*Input!$J$13,0)+IF(Input!$K$14=3,K2872*Input!$J$14,0)+IF(Input!$K$15=3,L2872*Input!$J$15,0)+IF(Input!$K$16=3,M2872*Input!$J$16,0)</f>
        <v>0</v>
      </c>
      <c r="Q2872" s="71">
        <f>IF(Input!$K$13=4,J2872*Input!$J$13,0)+IF(Input!$K$14=4,K2872*Input!$J$14,0)+IF(Input!$K$15=4,L2872*Input!$J$15,0)+IF(Input!$K$16=4,M2872*Input!$J$16,0)</f>
        <v>0</v>
      </c>
    </row>
    <row r="2873" spans="8:17" x14ac:dyDescent="0.25">
      <c r="H2873" s="43">
        <v>2866</v>
      </c>
      <c r="I2873" s="55">
        <f>Bühler!I2899</f>
        <v>0.91098684574839861</v>
      </c>
      <c r="J2873" s="58">
        <f>Bühler!J2899</f>
        <v>6.3254246769445421</v>
      </c>
      <c r="K2873" s="58">
        <f>Bühler!K2899</f>
        <v>0.25349529675545945</v>
      </c>
      <c r="L2873" s="58">
        <f>Bühler!L2899</f>
        <v>0.12674764837772973</v>
      </c>
      <c r="M2873" s="57">
        <f>Bühler!M2899</f>
        <v>0</v>
      </c>
      <c r="N2873" s="55">
        <f>IF(Input!$K$13=1,J2873*Input!$J$13,0)+IF(Input!$K$14=1,K2873*Input!$J$14,0)+IF(Input!$K$15=1,L2873*Input!$J$15,0)+IF(Input!$K$16=1,M2873*Input!$J$16,0)</f>
        <v>0.75905096123334503</v>
      </c>
      <c r="O2873" s="58">
        <f>IF(Input!$K$13=2,J2873*Input!$J$13,0)+IF(Input!$K$14=2,K2873*Input!$J$14,0)+IF(Input!$K$15=2,L2873*Input!$J$15,0)+IF(Input!$K$16=2,M2873*Input!$J$16,0)</f>
        <v>3.4221865061987024E-2</v>
      </c>
      <c r="P2873" s="58">
        <f>IF(Input!$K$13=3,J2873*Input!$J$13,0)+IF(Input!$K$14=3,K2873*Input!$J$14,0)+IF(Input!$K$15=3,L2873*Input!$J$15,0)+IF(Input!$K$16=3,M2873*Input!$J$16,0)</f>
        <v>0</v>
      </c>
      <c r="Q2873" s="71">
        <f>IF(Input!$K$13=4,J2873*Input!$J$13,0)+IF(Input!$K$14=4,K2873*Input!$J$14,0)+IF(Input!$K$15=4,L2873*Input!$J$15,0)+IF(Input!$K$16=4,M2873*Input!$J$16,0)</f>
        <v>0</v>
      </c>
    </row>
    <row r="2874" spans="8:17" x14ac:dyDescent="0.25">
      <c r="H2874" s="43">
        <v>2867</v>
      </c>
      <c r="I2874" s="55">
        <f>Bühler!I2900</f>
        <v>0.91098684574839861</v>
      </c>
      <c r="J2874" s="58">
        <f>Bühler!J2900</f>
        <v>6.3254246769445421</v>
      </c>
      <c r="K2874" s="58">
        <f>Bühler!K2900</f>
        <v>0.25349529675545945</v>
      </c>
      <c r="L2874" s="58">
        <f>Bühler!L2900</f>
        <v>0.12674764837772973</v>
      </c>
      <c r="M2874" s="57">
        <f>Bühler!M2900</f>
        <v>0</v>
      </c>
      <c r="N2874" s="55">
        <f>IF(Input!$K$13=1,J2874*Input!$J$13,0)+IF(Input!$K$14=1,K2874*Input!$J$14,0)+IF(Input!$K$15=1,L2874*Input!$J$15,0)+IF(Input!$K$16=1,M2874*Input!$J$16,0)</f>
        <v>0.75905096123334503</v>
      </c>
      <c r="O2874" s="58">
        <f>IF(Input!$K$13=2,J2874*Input!$J$13,0)+IF(Input!$K$14=2,K2874*Input!$J$14,0)+IF(Input!$K$15=2,L2874*Input!$J$15,0)+IF(Input!$K$16=2,M2874*Input!$J$16,0)</f>
        <v>3.4221865061987024E-2</v>
      </c>
      <c r="P2874" s="58">
        <f>IF(Input!$K$13=3,J2874*Input!$J$13,0)+IF(Input!$K$14=3,K2874*Input!$J$14,0)+IF(Input!$K$15=3,L2874*Input!$J$15,0)+IF(Input!$K$16=3,M2874*Input!$J$16,0)</f>
        <v>0</v>
      </c>
      <c r="Q2874" s="71">
        <f>IF(Input!$K$13=4,J2874*Input!$J$13,0)+IF(Input!$K$14=4,K2874*Input!$J$14,0)+IF(Input!$K$15=4,L2874*Input!$J$15,0)+IF(Input!$K$16=4,M2874*Input!$J$16,0)</f>
        <v>0</v>
      </c>
    </row>
    <row r="2875" spans="8:17" x14ac:dyDescent="0.25">
      <c r="H2875" s="43">
        <v>2868</v>
      </c>
      <c r="I2875" s="55">
        <f>Bühler!I2901</f>
        <v>0.91098684574839861</v>
      </c>
      <c r="J2875" s="58">
        <f>Bühler!J2901</f>
        <v>6.3254246769445421</v>
      </c>
      <c r="K2875" s="58">
        <f>Bühler!K2901</f>
        <v>0.25349529675545945</v>
      </c>
      <c r="L2875" s="58">
        <f>Bühler!L2901</f>
        <v>0.12674764837772973</v>
      </c>
      <c r="M2875" s="57">
        <f>Bühler!M2901</f>
        <v>0</v>
      </c>
      <c r="N2875" s="55">
        <f>IF(Input!$K$13=1,J2875*Input!$J$13,0)+IF(Input!$K$14=1,K2875*Input!$J$14,0)+IF(Input!$K$15=1,L2875*Input!$J$15,0)+IF(Input!$K$16=1,M2875*Input!$J$16,0)</f>
        <v>0.75905096123334503</v>
      </c>
      <c r="O2875" s="58">
        <f>IF(Input!$K$13=2,J2875*Input!$J$13,0)+IF(Input!$K$14=2,K2875*Input!$J$14,0)+IF(Input!$K$15=2,L2875*Input!$J$15,0)+IF(Input!$K$16=2,M2875*Input!$J$16,0)</f>
        <v>3.4221865061987024E-2</v>
      </c>
      <c r="P2875" s="58">
        <f>IF(Input!$K$13=3,J2875*Input!$J$13,0)+IF(Input!$K$14=3,K2875*Input!$J$14,0)+IF(Input!$K$15=3,L2875*Input!$J$15,0)+IF(Input!$K$16=3,M2875*Input!$J$16,0)</f>
        <v>0</v>
      </c>
      <c r="Q2875" s="71">
        <f>IF(Input!$K$13=4,J2875*Input!$J$13,0)+IF(Input!$K$14=4,K2875*Input!$J$14,0)+IF(Input!$K$15=4,L2875*Input!$J$15,0)+IF(Input!$K$16=4,M2875*Input!$J$16,0)</f>
        <v>0</v>
      </c>
    </row>
    <row r="2876" spans="8:17" x14ac:dyDescent="0.25">
      <c r="H2876" s="43">
        <v>2869</v>
      </c>
      <c r="I2876" s="55">
        <f>Bühler!I2902</f>
        <v>0.91098684574839861</v>
      </c>
      <c r="J2876" s="58">
        <f>Bühler!J2902</f>
        <v>6.3254246769445421</v>
      </c>
      <c r="K2876" s="58">
        <f>Bühler!K2902</f>
        <v>0.25349529675545945</v>
      </c>
      <c r="L2876" s="58">
        <f>Bühler!L2902</f>
        <v>0.12674764837772973</v>
      </c>
      <c r="M2876" s="57">
        <f>Bühler!M2902</f>
        <v>0</v>
      </c>
      <c r="N2876" s="55">
        <f>IF(Input!$K$13=1,J2876*Input!$J$13,0)+IF(Input!$K$14=1,K2876*Input!$J$14,0)+IF(Input!$K$15=1,L2876*Input!$J$15,0)+IF(Input!$K$16=1,M2876*Input!$J$16,0)</f>
        <v>0.75905096123334503</v>
      </c>
      <c r="O2876" s="58">
        <f>IF(Input!$K$13=2,J2876*Input!$J$13,0)+IF(Input!$K$14=2,K2876*Input!$J$14,0)+IF(Input!$K$15=2,L2876*Input!$J$15,0)+IF(Input!$K$16=2,M2876*Input!$J$16,0)</f>
        <v>3.4221865061987024E-2</v>
      </c>
      <c r="P2876" s="58">
        <f>IF(Input!$K$13=3,J2876*Input!$J$13,0)+IF(Input!$K$14=3,K2876*Input!$J$14,0)+IF(Input!$K$15=3,L2876*Input!$J$15,0)+IF(Input!$K$16=3,M2876*Input!$J$16,0)</f>
        <v>0</v>
      </c>
      <c r="Q2876" s="71">
        <f>IF(Input!$K$13=4,J2876*Input!$J$13,0)+IF(Input!$K$14=4,K2876*Input!$J$14,0)+IF(Input!$K$15=4,L2876*Input!$J$15,0)+IF(Input!$K$16=4,M2876*Input!$J$16,0)</f>
        <v>0</v>
      </c>
    </row>
    <row r="2877" spans="8:17" x14ac:dyDescent="0.25">
      <c r="H2877" s="43">
        <v>2870</v>
      </c>
      <c r="I2877" s="55">
        <f>Bühler!I2903</f>
        <v>0.91098684574839861</v>
      </c>
      <c r="J2877" s="58">
        <f>Bühler!J2903</f>
        <v>6.3254246769445421</v>
      </c>
      <c r="K2877" s="58">
        <f>Bühler!K2903</f>
        <v>0.25349529675545945</v>
      </c>
      <c r="L2877" s="58">
        <f>Bühler!L2903</f>
        <v>0.12674764837772973</v>
      </c>
      <c r="M2877" s="57">
        <f>Bühler!M2903</f>
        <v>0</v>
      </c>
      <c r="N2877" s="55">
        <f>IF(Input!$K$13=1,J2877*Input!$J$13,0)+IF(Input!$K$14=1,K2877*Input!$J$14,0)+IF(Input!$K$15=1,L2877*Input!$J$15,0)+IF(Input!$K$16=1,M2877*Input!$J$16,0)</f>
        <v>0.75905096123334503</v>
      </c>
      <c r="O2877" s="58">
        <f>IF(Input!$K$13=2,J2877*Input!$J$13,0)+IF(Input!$K$14=2,K2877*Input!$J$14,0)+IF(Input!$K$15=2,L2877*Input!$J$15,0)+IF(Input!$K$16=2,M2877*Input!$J$16,0)</f>
        <v>3.4221865061987024E-2</v>
      </c>
      <c r="P2877" s="58">
        <f>IF(Input!$K$13=3,J2877*Input!$J$13,0)+IF(Input!$K$14=3,K2877*Input!$J$14,0)+IF(Input!$K$15=3,L2877*Input!$J$15,0)+IF(Input!$K$16=3,M2877*Input!$J$16,0)</f>
        <v>0</v>
      </c>
      <c r="Q2877" s="71">
        <f>IF(Input!$K$13=4,J2877*Input!$J$13,0)+IF(Input!$K$14=4,K2877*Input!$J$14,0)+IF(Input!$K$15=4,L2877*Input!$J$15,0)+IF(Input!$K$16=4,M2877*Input!$J$16,0)</f>
        <v>0</v>
      </c>
    </row>
    <row r="2878" spans="8:17" x14ac:dyDescent="0.25">
      <c r="H2878" s="43">
        <v>2871</v>
      </c>
      <c r="I2878" s="55">
        <f>Bühler!I2904</f>
        <v>0.91098684574839861</v>
      </c>
      <c r="J2878" s="58">
        <f>Bühler!J2904</f>
        <v>6.3254246769445421</v>
      </c>
      <c r="K2878" s="58">
        <f>Bühler!K2904</f>
        <v>0.25349529675545945</v>
      </c>
      <c r="L2878" s="58">
        <f>Bühler!L2904</f>
        <v>0.12674764837772973</v>
      </c>
      <c r="M2878" s="57">
        <f>Bühler!M2904</f>
        <v>0</v>
      </c>
      <c r="N2878" s="55">
        <f>IF(Input!$K$13=1,J2878*Input!$J$13,0)+IF(Input!$K$14=1,K2878*Input!$J$14,0)+IF(Input!$K$15=1,L2878*Input!$J$15,0)+IF(Input!$K$16=1,M2878*Input!$J$16,0)</f>
        <v>0.75905096123334503</v>
      </c>
      <c r="O2878" s="58">
        <f>IF(Input!$K$13=2,J2878*Input!$J$13,0)+IF(Input!$K$14=2,K2878*Input!$J$14,0)+IF(Input!$K$15=2,L2878*Input!$J$15,0)+IF(Input!$K$16=2,M2878*Input!$J$16,0)</f>
        <v>3.4221865061987024E-2</v>
      </c>
      <c r="P2878" s="58">
        <f>IF(Input!$K$13=3,J2878*Input!$J$13,0)+IF(Input!$K$14=3,K2878*Input!$J$14,0)+IF(Input!$K$15=3,L2878*Input!$J$15,0)+IF(Input!$K$16=3,M2878*Input!$J$16,0)</f>
        <v>0</v>
      </c>
      <c r="Q2878" s="71">
        <f>IF(Input!$K$13=4,J2878*Input!$J$13,0)+IF(Input!$K$14=4,K2878*Input!$J$14,0)+IF(Input!$K$15=4,L2878*Input!$J$15,0)+IF(Input!$K$16=4,M2878*Input!$J$16,0)</f>
        <v>0</v>
      </c>
    </row>
    <row r="2879" spans="8:17" x14ac:dyDescent="0.25">
      <c r="H2879" s="43">
        <v>2872</v>
      </c>
      <c r="I2879" s="55">
        <f>Bühler!I2905</f>
        <v>0.80976608510968762</v>
      </c>
      <c r="J2879" s="58">
        <f>Bühler!J2905</f>
        <v>6.3212071452512628</v>
      </c>
      <c r="K2879" s="58">
        <f>Bühler!K2905</f>
        <v>0.25349529675545945</v>
      </c>
      <c r="L2879" s="58">
        <f>Bühler!L2905</f>
        <v>0.12674764837772973</v>
      </c>
      <c r="M2879" s="57">
        <f>Bühler!M2905</f>
        <v>0</v>
      </c>
      <c r="N2879" s="55">
        <f>IF(Input!$K$13=1,J2879*Input!$J$13,0)+IF(Input!$K$14=1,K2879*Input!$J$14,0)+IF(Input!$K$15=1,L2879*Input!$J$15,0)+IF(Input!$K$16=1,M2879*Input!$J$16,0)</f>
        <v>0.75854485743015154</v>
      </c>
      <c r="O2879" s="58">
        <f>IF(Input!$K$13=2,J2879*Input!$J$13,0)+IF(Input!$K$14=2,K2879*Input!$J$14,0)+IF(Input!$K$15=2,L2879*Input!$J$15,0)+IF(Input!$K$16=2,M2879*Input!$J$16,0)</f>
        <v>3.4221865061987024E-2</v>
      </c>
      <c r="P2879" s="58">
        <f>IF(Input!$K$13=3,J2879*Input!$J$13,0)+IF(Input!$K$14=3,K2879*Input!$J$14,0)+IF(Input!$K$15=3,L2879*Input!$J$15,0)+IF(Input!$K$16=3,M2879*Input!$J$16,0)</f>
        <v>0</v>
      </c>
      <c r="Q2879" s="71">
        <f>IF(Input!$K$13=4,J2879*Input!$J$13,0)+IF(Input!$K$14=4,K2879*Input!$J$14,0)+IF(Input!$K$15=4,L2879*Input!$J$15,0)+IF(Input!$K$16=4,M2879*Input!$J$16,0)</f>
        <v>0</v>
      </c>
    </row>
    <row r="2880" spans="8:17" x14ac:dyDescent="0.25">
      <c r="H2880" s="43">
        <v>2873</v>
      </c>
      <c r="I2880" s="55">
        <f>Bühler!I2906</f>
        <v>0.7953059764470144</v>
      </c>
      <c r="J2880" s="58">
        <f>Bühler!J2906</f>
        <v>6.3206046407236514</v>
      </c>
      <c r="K2880" s="58">
        <f>Bühler!K2906</f>
        <v>0.25349529675545945</v>
      </c>
      <c r="L2880" s="58">
        <f>Bühler!L2906</f>
        <v>0.12674764837772973</v>
      </c>
      <c r="M2880" s="57">
        <f>Bühler!M2906</f>
        <v>0</v>
      </c>
      <c r="N2880" s="55">
        <f>IF(Input!$K$13=1,J2880*Input!$J$13,0)+IF(Input!$K$14=1,K2880*Input!$J$14,0)+IF(Input!$K$15=1,L2880*Input!$J$15,0)+IF(Input!$K$16=1,M2880*Input!$J$16,0)</f>
        <v>0.75847255688683812</v>
      </c>
      <c r="O2880" s="58">
        <f>IF(Input!$K$13=2,J2880*Input!$J$13,0)+IF(Input!$K$14=2,K2880*Input!$J$14,0)+IF(Input!$K$15=2,L2880*Input!$J$15,0)+IF(Input!$K$16=2,M2880*Input!$J$16,0)</f>
        <v>3.4221865061987024E-2</v>
      </c>
      <c r="P2880" s="58">
        <f>IF(Input!$K$13=3,J2880*Input!$J$13,0)+IF(Input!$K$14=3,K2880*Input!$J$14,0)+IF(Input!$K$15=3,L2880*Input!$J$15,0)+IF(Input!$K$16=3,M2880*Input!$J$16,0)</f>
        <v>0</v>
      </c>
      <c r="Q2880" s="71">
        <f>IF(Input!$K$13=4,J2880*Input!$J$13,0)+IF(Input!$K$14=4,K2880*Input!$J$14,0)+IF(Input!$K$15=4,L2880*Input!$J$15,0)+IF(Input!$K$16=4,M2880*Input!$J$16,0)</f>
        <v>0</v>
      </c>
    </row>
    <row r="2881" spans="8:17" x14ac:dyDescent="0.25">
      <c r="H2881" s="43">
        <v>2874</v>
      </c>
      <c r="I2881" s="55">
        <f>Bühler!I2907</f>
        <v>0.67962510714563062</v>
      </c>
      <c r="J2881" s="58">
        <f>Bühler!J2907</f>
        <v>6.3157846045027606</v>
      </c>
      <c r="K2881" s="58">
        <f>Bühler!K2907</f>
        <v>0.25349529675545945</v>
      </c>
      <c r="L2881" s="58">
        <f>Bühler!L2907</f>
        <v>0.12674764837772973</v>
      </c>
      <c r="M2881" s="57">
        <f>Bühler!M2907</f>
        <v>0</v>
      </c>
      <c r="N2881" s="55">
        <f>IF(Input!$K$13=1,J2881*Input!$J$13,0)+IF(Input!$K$14=1,K2881*Input!$J$14,0)+IF(Input!$K$15=1,L2881*Input!$J$15,0)+IF(Input!$K$16=1,M2881*Input!$J$16,0)</f>
        <v>0.75789415254033121</v>
      </c>
      <c r="O2881" s="58">
        <f>IF(Input!$K$13=2,J2881*Input!$J$13,0)+IF(Input!$K$14=2,K2881*Input!$J$14,0)+IF(Input!$K$15=2,L2881*Input!$J$15,0)+IF(Input!$K$16=2,M2881*Input!$J$16,0)</f>
        <v>3.4221865061987024E-2</v>
      </c>
      <c r="P2881" s="58">
        <f>IF(Input!$K$13=3,J2881*Input!$J$13,0)+IF(Input!$K$14=3,K2881*Input!$J$14,0)+IF(Input!$K$15=3,L2881*Input!$J$15,0)+IF(Input!$K$16=3,M2881*Input!$J$16,0)</f>
        <v>0</v>
      </c>
      <c r="Q2881" s="71">
        <f>IF(Input!$K$13=4,J2881*Input!$J$13,0)+IF(Input!$K$14=4,K2881*Input!$J$14,0)+IF(Input!$K$15=4,L2881*Input!$J$15,0)+IF(Input!$K$16=4,M2881*Input!$J$16,0)</f>
        <v>0</v>
      </c>
    </row>
    <row r="2882" spans="8:17" x14ac:dyDescent="0.25">
      <c r="H2882" s="43">
        <v>2875</v>
      </c>
      <c r="I2882" s="55">
        <f>Bühler!I2908</f>
        <v>0.63624478115761163</v>
      </c>
      <c r="J2882" s="58">
        <f>Bühler!J2908</f>
        <v>6.3139770909199262</v>
      </c>
      <c r="K2882" s="58">
        <f>Bühler!K2908</f>
        <v>0.25349529675545945</v>
      </c>
      <c r="L2882" s="58">
        <f>Bühler!L2908</f>
        <v>0.12674764837772973</v>
      </c>
      <c r="M2882" s="57">
        <f>Bühler!M2908</f>
        <v>0</v>
      </c>
      <c r="N2882" s="55">
        <f>IF(Input!$K$13=1,J2882*Input!$J$13,0)+IF(Input!$K$14=1,K2882*Input!$J$14,0)+IF(Input!$K$15=1,L2882*Input!$J$15,0)+IF(Input!$K$16=1,M2882*Input!$J$16,0)</f>
        <v>0.75767725091039106</v>
      </c>
      <c r="O2882" s="58">
        <f>IF(Input!$K$13=2,J2882*Input!$J$13,0)+IF(Input!$K$14=2,K2882*Input!$J$14,0)+IF(Input!$K$15=2,L2882*Input!$J$15,0)+IF(Input!$K$16=2,M2882*Input!$J$16,0)</f>
        <v>3.4221865061987024E-2</v>
      </c>
      <c r="P2882" s="58">
        <f>IF(Input!$K$13=3,J2882*Input!$J$13,0)+IF(Input!$K$14=3,K2882*Input!$J$14,0)+IF(Input!$K$15=3,L2882*Input!$J$15,0)+IF(Input!$K$16=3,M2882*Input!$J$16,0)</f>
        <v>0</v>
      </c>
      <c r="Q2882" s="71">
        <f>IF(Input!$K$13=4,J2882*Input!$J$13,0)+IF(Input!$K$14=4,K2882*Input!$J$14,0)+IF(Input!$K$15=4,L2882*Input!$J$15,0)+IF(Input!$K$16=4,M2882*Input!$J$16,0)</f>
        <v>0</v>
      </c>
    </row>
    <row r="2883" spans="8:17" x14ac:dyDescent="0.25">
      <c r="H2883" s="43">
        <v>2876</v>
      </c>
      <c r="I2883" s="55">
        <f>Bühler!I2909</f>
        <v>0.53502402051890074</v>
      </c>
      <c r="J2883" s="58">
        <f>Bühler!J2909</f>
        <v>6.3097595592266469</v>
      </c>
      <c r="K2883" s="58">
        <f>Bühler!K2909</f>
        <v>0.25349529675545945</v>
      </c>
      <c r="L2883" s="58">
        <f>Bühler!L2909</f>
        <v>0.12674764837772973</v>
      </c>
      <c r="M2883" s="57">
        <f>Bühler!M2909</f>
        <v>0</v>
      </c>
      <c r="N2883" s="55">
        <f>IF(Input!$K$13=1,J2883*Input!$J$13,0)+IF(Input!$K$14=1,K2883*Input!$J$14,0)+IF(Input!$K$15=1,L2883*Input!$J$15,0)+IF(Input!$K$16=1,M2883*Input!$J$16,0)</f>
        <v>0.75717114710719757</v>
      </c>
      <c r="O2883" s="58">
        <f>IF(Input!$K$13=2,J2883*Input!$J$13,0)+IF(Input!$K$14=2,K2883*Input!$J$14,0)+IF(Input!$K$15=2,L2883*Input!$J$15,0)+IF(Input!$K$16=2,M2883*Input!$J$16,0)</f>
        <v>3.4221865061987024E-2</v>
      </c>
      <c r="P2883" s="58">
        <f>IF(Input!$K$13=3,J2883*Input!$J$13,0)+IF(Input!$K$14=3,K2883*Input!$J$14,0)+IF(Input!$K$15=3,L2883*Input!$J$15,0)+IF(Input!$K$16=3,M2883*Input!$J$16,0)</f>
        <v>0</v>
      </c>
      <c r="Q2883" s="71">
        <f>IF(Input!$K$13=4,J2883*Input!$J$13,0)+IF(Input!$K$14=4,K2883*Input!$J$14,0)+IF(Input!$K$15=4,L2883*Input!$J$15,0)+IF(Input!$K$16=4,M2883*Input!$J$16,0)</f>
        <v>0</v>
      </c>
    </row>
    <row r="2884" spans="8:17" x14ac:dyDescent="0.25">
      <c r="H2884" s="43">
        <v>2877</v>
      </c>
      <c r="I2884" s="55">
        <f>Bühler!I2910</f>
        <v>0.44826336854286275</v>
      </c>
      <c r="J2884" s="58">
        <f>Bühler!J2910</f>
        <v>6.306144532060979</v>
      </c>
      <c r="K2884" s="58">
        <f>Bühler!K2910</f>
        <v>0.25349529675545945</v>
      </c>
      <c r="L2884" s="58">
        <f>Bühler!L2910</f>
        <v>0.12674764837772973</v>
      </c>
      <c r="M2884" s="57">
        <f>Bühler!M2910</f>
        <v>0</v>
      </c>
      <c r="N2884" s="55">
        <f>IF(Input!$K$13=1,J2884*Input!$J$13,0)+IF(Input!$K$14=1,K2884*Input!$J$14,0)+IF(Input!$K$15=1,L2884*Input!$J$15,0)+IF(Input!$K$16=1,M2884*Input!$J$16,0)</f>
        <v>0.7567373438473175</v>
      </c>
      <c r="O2884" s="58">
        <f>IF(Input!$K$13=2,J2884*Input!$J$13,0)+IF(Input!$K$14=2,K2884*Input!$J$14,0)+IF(Input!$K$15=2,L2884*Input!$J$15,0)+IF(Input!$K$16=2,M2884*Input!$J$16,0)</f>
        <v>3.4221865061987024E-2</v>
      </c>
      <c r="P2884" s="58">
        <f>IF(Input!$K$13=3,J2884*Input!$J$13,0)+IF(Input!$K$14=3,K2884*Input!$J$14,0)+IF(Input!$K$15=3,L2884*Input!$J$15,0)+IF(Input!$K$16=3,M2884*Input!$J$16,0)</f>
        <v>0</v>
      </c>
      <c r="Q2884" s="71">
        <f>IF(Input!$K$13=4,J2884*Input!$J$13,0)+IF(Input!$K$14=4,K2884*Input!$J$14,0)+IF(Input!$K$15=4,L2884*Input!$J$15,0)+IF(Input!$K$16=4,M2884*Input!$J$16,0)</f>
        <v>0</v>
      </c>
    </row>
    <row r="2885" spans="8:17" x14ac:dyDescent="0.25">
      <c r="H2885" s="43">
        <v>2878</v>
      </c>
      <c r="I2885" s="55">
        <f>Bühler!I2911</f>
        <v>0.39042293389217081</v>
      </c>
      <c r="J2885" s="58">
        <f>Bühler!J2911</f>
        <v>6.3037345139505332</v>
      </c>
      <c r="K2885" s="58">
        <f>Bühler!K2911</f>
        <v>0.25349529675545945</v>
      </c>
      <c r="L2885" s="58">
        <f>Bühler!L2911</f>
        <v>0.12674764837772973</v>
      </c>
      <c r="M2885" s="57">
        <f>Bühler!M2911</f>
        <v>0</v>
      </c>
      <c r="N2885" s="55">
        <f>IF(Input!$K$13=1,J2885*Input!$J$13,0)+IF(Input!$K$14=1,K2885*Input!$J$14,0)+IF(Input!$K$15=1,L2885*Input!$J$15,0)+IF(Input!$K$16=1,M2885*Input!$J$16,0)</f>
        <v>0.75644814167406393</v>
      </c>
      <c r="O2885" s="58">
        <f>IF(Input!$K$13=2,J2885*Input!$J$13,0)+IF(Input!$K$14=2,K2885*Input!$J$14,0)+IF(Input!$K$15=2,L2885*Input!$J$15,0)+IF(Input!$K$16=2,M2885*Input!$J$16,0)</f>
        <v>3.4221865061987024E-2</v>
      </c>
      <c r="P2885" s="58">
        <f>IF(Input!$K$13=3,J2885*Input!$J$13,0)+IF(Input!$K$14=3,K2885*Input!$J$14,0)+IF(Input!$K$15=3,L2885*Input!$J$15,0)+IF(Input!$K$16=3,M2885*Input!$J$16,0)</f>
        <v>0</v>
      </c>
      <c r="Q2885" s="71">
        <f>IF(Input!$K$13=4,J2885*Input!$J$13,0)+IF(Input!$K$14=4,K2885*Input!$J$14,0)+IF(Input!$K$15=4,L2885*Input!$J$15,0)+IF(Input!$K$16=4,M2885*Input!$J$16,0)</f>
        <v>0</v>
      </c>
    </row>
    <row r="2886" spans="8:17" x14ac:dyDescent="0.25">
      <c r="H2886" s="43">
        <v>2879</v>
      </c>
      <c r="I2886" s="55">
        <f>Bühler!I2912</f>
        <v>0.39042293389217081</v>
      </c>
      <c r="J2886" s="58">
        <f>Bühler!J2912</f>
        <v>6.3037345139505332</v>
      </c>
      <c r="K2886" s="58">
        <f>Bühler!K2912</f>
        <v>0.25349529675545945</v>
      </c>
      <c r="L2886" s="58">
        <f>Bühler!L2912</f>
        <v>0.12674764837772973</v>
      </c>
      <c r="M2886" s="57">
        <f>Bühler!M2912</f>
        <v>0</v>
      </c>
      <c r="N2886" s="55">
        <f>IF(Input!$K$13=1,J2886*Input!$J$13,0)+IF(Input!$K$14=1,K2886*Input!$J$14,0)+IF(Input!$K$15=1,L2886*Input!$J$15,0)+IF(Input!$K$16=1,M2886*Input!$J$16,0)</f>
        <v>0.75644814167406393</v>
      </c>
      <c r="O2886" s="58">
        <f>IF(Input!$K$13=2,J2886*Input!$J$13,0)+IF(Input!$K$14=2,K2886*Input!$J$14,0)+IF(Input!$K$15=2,L2886*Input!$J$15,0)+IF(Input!$K$16=2,M2886*Input!$J$16,0)</f>
        <v>3.4221865061987024E-2</v>
      </c>
      <c r="P2886" s="58">
        <f>IF(Input!$K$13=3,J2886*Input!$J$13,0)+IF(Input!$K$14=3,K2886*Input!$J$14,0)+IF(Input!$K$15=3,L2886*Input!$J$15,0)+IF(Input!$K$16=3,M2886*Input!$J$16,0)</f>
        <v>0</v>
      </c>
      <c r="Q2886" s="71">
        <f>IF(Input!$K$13=4,J2886*Input!$J$13,0)+IF(Input!$K$14=4,K2886*Input!$J$14,0)+IF(Input!$K$15=4,L2886*Input!$J$15,0)+IF(Input!$K$16=4,M2886*Input!$J$16,0)</f>
        <v>0</v>
      </c>
    </row>
    <row r="2887" spans="8:17" x14ac:dyDescent="0.25">
      <c r="H2887" s="43">
        <v>2880</v>
      </c>
      <c r="I2887" s="55">
        <f>Bühler!I2913</f>
        <v>0.39042293389217081</v>
      </c>
      <c r="J2887" s="58">
        <f>Bühler!J2913</f>
        <v>6.3037345139505332</v>
      </c>
      <c r="K2887" s="58">
        <f>Bühler!K2913</f>
        <v>0.25349529675545945</v>
      </c>
      <c r="L2887" s="58">
        <f>Bühler!L2913</f>
        <v>0.12674764837772973</v>
      </c>
      <c r="M2887" s="57">
        <f>Bühler!M2913</f>
        <v>0</v>
      </c>
      <c r="N2887" s="55">
        <f>IF(Input!$K$13=1,J2887*Input!$J$13,0)+IF(Input!$K$14=1,K2887*Input!$J$14,0)+IF(Input!$K$15=1,L2887*Input!$J$15,0)+IF(Input!$K$16=1,M2887*Input!$J$16,0)</f>
        <v>0.75644814167406393</v>
      </c>
      <c r="O2887" s="58">
        <f>IF(Input!$K$13=2,J2887*Input!$J$13,0)+IF(Input!$K$14=2,K2887*Input!$J$14,0)+IF(Input!$K$15=2,L2887*Input!$J$15,0)+IF(Input!$K$16=2,M2887*Input!$J$16,0)</f>
        <v>3.4221865061987024E-2</v>
      </c>
      <c r="P2887" s="58">
        <f>IF(Input!$K$13=3,J2887*Input!$J$13,0)+IF(Input!$K$14=3,K2887*Input!$J$14,0)+IF(Input!$K$15=3,L2887*Input!$J$15,0)+IF(Input!$K$16=3,M2887*Input!$J$16,0)</f>
        <v>0</v>
      </c>
      <c r="Q2887" s="71">
        <f>IF(Input!$K$13=4,J2887*Input!$J$13,0)+IF(Input!$K$14=4,K2887*Input!$J$14,0)+IF(Input!$K$15=4,L2887*Input!$J$15,0)+IF(Input!$K$16=4,M2887*Input!$J$16,0)</f>
        <v>0</v>
      </c>
    </row>
    <row r="2888" spans="8:17" x14ac:dyDescent="0.25">
      <c r="H2888" s="43">
        <v>2881</v>
      </c>
      <c r="I2888" s="55">
        <f>Bühler!I2914</f>
        <v>0.34935641337002604</v>
      </c>
      <c r="J2888" s="58">
        <f>Bühler!J2914</f>
        <v>8.6033167078461528</v>
      </c>
      <c r="K2888" s="58">
        <f>Bühler!K2914</f>
        <v>0.58212850829545493</v>
      </c>
      <c r="L2888" s="58">
        <f>Bühler!L2914</f>
        <v>0.29106425414772746</v>
      </c>
      <c r="M2888" s="57">
        <f>Bühler!M2914</f>
        <v>0</v>
      </c>
      <c r="N2888" s="55">
        <f>IF(Input!$K$13=1,J2888*Input!$J$13,0)+IF(Input!$K$14=1,K2888*Input!$J$14,0)+IF(Input!$K$15=1,L2888*Input!$J$15,0)+IF(Input!$K$16=1,M2888*Input!$J$16,0)</f>
        <v>1.0323980049415382</v>
      </c>
      <c r="O2888" s="58">
        <f>IF(Input!$K$13=2,J2888*Input!$J$13,0)+IF(Input!$K$14=2,K2888*Input!$J$14,0)+IF(Input!$K$15=2,L2888*Input!$J$15,0)+IF(Input!$K$16=2,M2888*Input!$J$16,0)</f>
        <v>7.8587348619886421E-2</v>
      </c>
      <c r="P2888" s="58">
        <f>IF(Input!$K$13=3,J2888*Input!$J$13,0)+IF(Input!$K$14=3,K2888*Input!$J$14,0)+IF(Input!$K$15=3,L2888*Input!$J$15,0)+IF(Input!$K$16=3,M2888*Input!$J$16,0)</f>
        <v>0</v>
      </c>
      <c r="Q2888" s="71">
        <f>IF(Input!$K$13=4,J2888*Input!$J$13,0)+IF(Input!$K$14=4,K2888*Input!$J$14,0)+IF(Input!$K$15=4,L2888*Input!$J$15,0)+IF(Input!$K$16=4,M2888*Input!$J$16,0)</f>
        <v>0</v>
      </c>
    </row>
    <row r="2889" spans="8:17" x14ac:dyDescent="0.25">
      <c r="H2889" s="43">
        <v>2882</v>
      </c>
      <c r="I2889" s="55">
        <f>Bühler!I2915</f>
        <v>0.34935641337002604</v>
      </c>
      <c r="J2889" s="58">
        <f>Bühler!J2915</f>
        <v>8.6033167078461528</v>
      </c>
      <c r="K2889" s="58">
        <f>Bühler!K2915</f>
        <v>0.58212850829545493</v>
      </c>
      <c r="L2889" s="58">
        <f>Bühler!L2915</f>
        <v>0.29106425414772746</v>
      </c>
      <c r="M2889" s="57">
        <f>Bühler!M2915</f>
        <v>0</v>
      </c>
      <c r="N2889" s="55">
        <f>IF(Input!$K$13=1,J2889*Input!$J$13,0)+IF(Input!$K$14=1,K2889*Input!$J$14,0)+IF(Input!$K$15=1,L2889*Input!$J$15,0)+IF(Input!$K$16=1,M2889*Input!$J$16,0)</f>
        <v>1.0323980049415382</v>
      </c>
      <c r="O2889" s="58">
        <f>IF(Input!$K$13=2,J2889*Input!$J$13,0)+IF(Input!$K$14=2,K2889*Input!$J$14,0)+IF(Input!$K$15=2,L2889*Input!$J$15,0)+IF(Input!$K$16=2,M2889*Input!$J$16,0)</f>
        <v>7.8587348619886421E-2</v>
      </c>
      <c r="P2889" s="58">
        <f>IF(Input!$K$13=3,J2889*Input!$J$13,0)+IF(Input!$K$14=3,K2889*Input!$J$14,0)+IF(Input!$K$15=3,L2889*Input!$J$15,0)+IF(Input!$K$16=3,M2889*Input!$J$16,0)</f>
        <v>0</v>
      </c>
      <c r="Q2889" s="71">
        <f>IF(Input!$K$13=4,J2889*Input!$J$13,0)+IF(Input!$K$14=4,K2889*Input!$J$14,0)+IF(Input!$K$15=4,L2889*Input!$J$15,0)+IF(Input!$K$16=4,M2889*Input!$J$16,0)</f>
        <v>0</v>
      </c>
    </row>
    <row r="2890" spans="8:17" x14ac:dyDescent="0.25">
      <c r="H2890" s="43">
        <v>2883</v>
      </c>
      <c r="I2890" s="55">
        <f>Bühler!I2916</f>
        <v>0.34935641337002604</v>
      </c>
      <c r="J2890" s="58">
        <f>Bühler!J2916</f>
        <v>8.6033167078461528</v>
      </c>
      <c r="K2890" s="58">
        <f>Bühler!K2916</f>
        <v>0.58212850829545493</v>
      </c>
      <c r="L2890" s="58">
        <f>Bühler!L2916</f>
        <v>0.29106425414772746</v>
      </c>
      <c r="M2890" s="57">
        <f>Bühler!M2916</f>
        <v>0</v>
      </c>
      <c r="N2890" s="55">
        <f>IF(Input!$K$13=1,J2890*Input!$J$13,0)+IF(Input!$K$14=1,K2890*Input!$J$14,0)+IF(Input!$K$15=1,L2890*Input!$J$15,0)+IF(Input!$K$16=1,M2890*Input!$J$16,0)</f>
        <v>1.0323980049415382</v>
      </c>
      <c r="O2890" s="58">
        <f>IF(Input!$K$13=2,J2890*Input!$J$13,0)+IF(Input!$K$14=2,K2890*Input!$J$14,0)+IF(Input!$K$15=2,L2890*Input!$J$15,0)+IF(Input!$K$16=2,M2890*Input!$J$16,0)</f>
        <v>7.8587348619886421E-2</v>
      </c>
      <c r="P2890" s="58">
        <f>IF(Input!$K$13=3,J2890*Input!$J$13,0)+IF(Input!$K$14=3,K2890*Input!$J$14,0)+IF(Input!$K$15=3,L2890*Input!$J$15,0)+IF(Input!$K$16=3,M2890*Input!$J$16,0)</f>
        <v>0</v>
      </c>
      <c r="Q2890" s="71">
        <f>IF(Input!$K$13=4,J2890*Input!$J$13,0)+IF(Input!$K$14=4,K2890*Input!$J$14,0)+IF(Input!$K$15=4,L2890*Input!$J$15,0)+IF(Input!$K$16=4,M2890*Input!$J$16,0)</f>
        <v>0</v>
      </c>
    </row>
    <row r="2891" spans="8:17" x14ac:dyDescent="0.25">
      <c r="H2891" s="43">
        <v>2884</v>
      </c>
      <c r="I2891" s="55">
        <f>Bühler!I2917</f>
        <v>0.34935641337002604</v>
      </c>
      <c r="J2891" s="58">
        <f>Bühler!J2917</f>
        <v>8.6033167078461528</v>
      </c>
      <c r="K2891" s="58">
        <f>Bühler!K2917</f>
        <v>0.58212850829545493</v>
      </c>
      <c r="L2891" s="58">
        <f>Bühler!L2917</f>
        <v>0.29106425414772746</v>
      </c>
      <c r="M2891" s="57">
        <f>Bühler!M2917</f>
        <v>0</v>
      </c>
      <c r="N2891" s="55">
        <f>IF(Input!$K$13=1,J2891*Input!$J$13,0)+IF(Input!$K$14=1,K2891*Input!$J$14,0)+IF(Input!$K$15=1,L2891*Input!$J$15,0)+IF(Input!$K$16=1,M2891*Input!$J$16,0)</f>
        <v>1.0323980049415382</v>
      </c>
      <c r="O2891" s="58">
        <f>IF(Input!$K$13=2,J2891*Input!$J$13,0)+IF(Input!$K$14=2,K2891*Input!$J$14,0)+IF(Input!$K$15=2,L2891*Input!$J$15,0)+IF(Input!$K$16=2,M2891*Input!$J$16,0)</f>
        <v>7.8587348619886421E-2</v>
      </c>
      <c r="P2891" s="58">
        <f>IF(Input!$K$13=3,J2891*Input!$J$13,0)+IF(Input!$K$14=3,K2891*Input!$J$14,0)+IF(Input!$K$15=3,L2891*Input!$J$15,0)+IF(Input!$K$16=3,M2891*Input!$J$16,0)</f>
        <v>0</v>
      </c>
      <c r="Q2891" s="71">
        <f>IF(Input!$K$13=4,J2891*Input!$J$13,0)+IF(Input!$K$14=4,K2891*Input!$J$14,0)+IF(Input!$K$15=4,L2891*Input!$J$15,0)+IF(Input!$K$16=4,M2891*Input!$J$16,0)</f>
        <v>0</v>
      </c>
    </row>
    <row r="2892" spans="8:17" x14ac:dyDescent="0.25">
      <c r="H2892" s="43">
        <v>2885</v>
      </c>
      <c r="I2892" s="55">
        <f>Bühler!I2918</f>
        <v>0.34935641337002604</v>
      </c>
      <c r="J2892" s="58">
        <f>Bühler!J2918</f>
        <v>8.6033167078461528</v>
      </c>
      <c r="K2892" s="58">
        <f>Bühler!K2918</f>
        <v>0.58212850829545493</v>
      </c>
      <c r="L2892" s="58">
        <f>Bühler!L2918</f>
        <v>0.29106425414772746</v>
      </c>
      <c r="M2892" s="57">
        <f>Bühler!M2918</f>
        <v>0</v>
      </c>
      <c r="N2892" s="55">
        <f>IF(Input!$K$13=1,J2892*Input!$J$13,0)+IF(Input!$K$14=1,K2892*Input!$J$14,0)+IF(Input!$K$15=1,L2892*Input!$J$15,0)+IF(Input!$K$16=1,M2892*Input!$J$16,0)</f>
        <v>1.0323980049415382</v>
      </c>
      <c r="O2892" s="58">
        <f>IF(Input!$K$13=2,J2892*Input!$J$13,0)+IF(Input!$K$14=2,K2892*Input!$J$14,0)+IF(Input!$K$15=2,L2892*Input!$J$15,0)+IF(Input!$K$16=2,M2892*Input!$J$16,0)</f>
        <v>7.8587348619886421E-2</v>
      </c>
      <c r="P2892" s="58">
        <f>IF(Input!$K$13=3,J2892*Input!$J$13,0)+IF(Input!$K$14=3,K2892*Input!$J$14,0)+IF(Input!$K$15=3,L2892*Input!$J$15,0)+IF(Input!$K$16=3,M2892*Input!$J$16,0)</f>
        <v>0</v>
      </c>
      <c r="Q2892" s="71">
        <f>IF(Input!$K$13=4,J2892*Input!$J$13,0)+IF(Input!$K$14=4,K2892*Input!$J$14,0)+IF(Input!$K$15=4,L2892*Input!$J$15,0)+IF(Input!$K$16=4,M2892*Input!$J$16,0)</f>
        <v>0</v>
      </c>
    </row>
    <row r="2893" spans="8:17" x14ac:dyDescent="0.25">
      <c r="H2893" s="43">
        <v>2886</v>
      </c>
      <c r="I2893" s="55">
        <f>Bühler!I2919</f>
        <v>0.34935641337002604</v>
      </c>
      <c r="J2893" s="58">
        <f>Bühler!J2919</f>
        <v>8.6033167078461528</v>
      </c>
      <c r="K2893" s="58">
        <f>Bühler!K2919</f>
        <v>0.58212850829545493</v>
      </c>
      <c r="L2893" s="58">
        <f>Bühler!L2919</f>
        <v>0.29106425414772746</v>
      </c>
      <c r="M2893" s="57">
        <f>Bühler!M2919</f>
        <v>0</v>
      </c>
      <c r="N2893" s="55">
        <f>IF(Input!$K$13=1,J2893*Input!$J$13,0)+IF(Input!$K$14=1,K2893*Input!$J$14,0)+IF(Input!$K$15=1,L2893*Input!$J$15,0)+IF(Input!$K$16=1,M2893*Input!$J$16,0)</f>
        <v>1.0323980049415382</v>
      </c>
      <c r="O2893" s="58">
        <f>IF(Input!$K$13=2,J2893*Input!$J$13,0)+IF(Input!$K$14=2,K2893*Input!$J$14,0)+IF(Input!$K$15=2,L2893*Input!$J$15,0)+IF(Input!$K$16=2,M2893*Input!$J$16,0)</f>
        <v>7.8587348619886421E-2</v>
      </c>
      <c r="P2893" s="58">
        <f>IF(Input!$K$13=3,J2893*Input!$J$13,0)+IF(Input!$K$14=3,K2893*Input!$J$14,0)+IF(Input!$K$15=3,L2893*Input!$J$15,0)+IF(Input!$K$16=3,M2893*Input!$J$16,0)</f>
        <v>0</v>
      </c>
      <c r="Q2893" s="71">
        <f>IF(Input!$K$13=4,J2893*Input!$J$13,0)+IF(Input!$K$14=4,K2893*Input!$J$14,0)+IF(Input!$K$15=4,L2893*Input!$J$15,0)+IF(Input!$K$16=4,M2893*Input!$J$16,0)</f>
        <v>0</v>
      </c>
    </row>
    <row r="2894" spans="8:17" x14ac:dyDescent="0.25">
      <c r="H2894" s="43">
        <v>2887</v>
      </c>
      <c r="I2894" s="55">
        <f>Bühler!I2920</f>
        <v>0.34935641337002604</v>
      </c>
      <c r="J2894" s="58">
        <f>Bühler!J2920</f>
        <v>8.6033167078461528</v>
      </c>
      <c r="K2894" s="58">
        <f>Bühler!K2920</f>
        <v>0.58212850829545493</v>
      </c>
      <c r="L2894" s="58">
        <f>Bühler!L2920</f>
        <v>0.29106425414772746</v>
      </c>
      <c r="M2894" s="57">
        <f>Bühler!M2920</f>
        <v>0</v>
      </c>
      <c r="N2894" s="55">
        <f>IF(Input!$K$13=1,J2894*Input!$J$13,0)+IF(Input!$K$14=1,K2894*Input!$J$14,0)+IF(Input!$K$15=1,L2894*Input!$J$15,0)+IF(Input!$K$16=1,M2894*Input!$J$16,0)</f>
        <v>1.0323980049415382</v>
      </c>
      <c r="O2894" s="58">
        <f>IF(Input!$K$13=2,J2894*Input!$J$13,0)+IF(Input!$K$14=2,K2894*Input!$J$14,0)+IF(Input!$K$15=2,L2894*Input!$J$15,0)+IF(Input!$K$16=2,M2894*Input!$J$16,0)</f>
        <v>7.8587348619886421E-2</v>
      </c>
      <c r="P2894" s="58">
        <f>IF(Input!$K$13=3,J2894*Input!$J$13,0)+IF(Input!$K$14=3,K2894*Input!$J$14,0)+IF(Input!$K$15=3,L2894*Input!$J$15,0)+IF(Input!$K$16=3,M2894*Input!$J$16,0)</f>
        <v>0</v>
      </c>
      <c r="Q2894" s="71">
        <f>IF(Input!$K$13=4,J2894*Input!$J$13,0)+IF(Input!$K$14=4,K2894*Input!$J$14,0)+IF(Input!$K$15=4,L2894*Input!$J$15,0)+IF(Input!$K$16=4,M2894*Input!$J$16,0)</f>
        <v>0</v>
      </c>
    </row>
    <row r="2895" spans="8:17" x14ac:dyDescent="0.25">
      <c r="H2895" s="43">
        <v>2888</v>
      </c>
      <c r="I2895" s="55">
        <f>Bühler!I2921</f>
        <v>1.5197003981596133</v>
      </c>
      <c r="J2895" s="58">
        <f>Bühler!J2921</f>
        <v>36.684191425728187</v>
      </c>
      <c r="K2895" s="58">
        <f>Bühler!K2921</f>
        <v>2.479867445338638</v>
      </c>
      <c r="L2895" s="58">
        <f>Bühler!L2921</f>
        <v>1.239933722669319</v>
      </c>
      <c r="M2895" s="57">
        <f>Bühler!M2921</f>
        <v>0</v>
      </c>
      <c r="N2895" s="55">
        <f>IF(Input!$K$13=1,J2895*Input!$J$13,0)+IF(Input!$K$14=1,K2895*Input!$J$14,0)+IF(Input!$K$15=1,L2895*Input!$J$15,0)+IF(Input!$K$16=1,M2895*Input!$J$16,0)</f>
        <v>4.4021029710873822</v>
      </c>
      <c r="O2895" s="58">
        <f>IF(Input!$K$13=2,J2895*Input!$J$13,0)+IF(Input!$K$14=2,K2895*Input!$J$14,0)+IF(Input!$K$15=2,L2895*Input!$J$15,0)+IF(Input!$K$16=2,M2895*Input!$J$16,0)</f>
        <v>0.33478210512071616</v>
      </c>
      <c r="P2895" s="58">
        <f>IF(Input!$K$13=3,J2895*Input!$J$13,0)+IF(Input!$K$14=3,K2895*Input!$J$14,0)+IF(Input!$K$15=3,L2895*Input!$J$15,0)+IF(Input!$K$16=3,M2895*Input!$J$16,0)</f>
        <v>0</v>
      </c>
      <c r="Q2895" s="71">
        <f>IF(Input!$K$13=4,J2895*Input!$J$13,0)+IF(Input!$K$14=4,K2895*Input!$J$14,0)+IF(Input!$K$15=4,L2895*Input!$J$15,0)+IF(Input!$K$16=4,M2895*Input!$J$16,0)</f>
        <v>0</v>
      </c>
    </row>
    <row r="2896" spans="8:17" x14ac:dyDescent="0.25">
      <c r="H2896" s="43">
        <v>2889</v>
      </c>
      <c r="I2896" s="55">
        <f>Bühler!I2922</f>
        <v>1.7096629479295651</v>
      </c>
      <c r="J2896" s="58">
        <f>Bühler!J2922</f>
        <v>41.269715353944214</v>
      </c>
      <c r="K2896" s="58">
        <f>Bühler!K2922</f>
        <v>2.7898508760059673</v>
      </c>
      <c r="L2896" s="58">
        <f>Bühler!L2922</f>
        <v>1.3949254380029836</v>
      </c>
      <c r="M2896" s="57">
        <f>Bühler!M2922</f>
        <v>0</v>
      </c>
      <c r="N2896" s="55">
        <f>IF(Input!$K$13=1,J2896*Input!$J$13,0)+IF(Input!$K$14=1,K2896*Input!$J$14,0)+IF(Input!$K$15=1,L2896*Input!$J$15,0)+IF(Input!$K$16=1,M2896*Input!$J$16,0)</f>
        <v>4.9523658424733057</v>
      </c>
      <c r="O2896" s="58">
        <f>IF(Input!$K$13=2,J2896*Input!$J$13,0)+IF(Input!$K$14=2,K2896*Input!$J$14,0)+IF(Input!$K$15=2,L2896*Input!$J$15,0)+IF(Input!$K$16=2,M2896*Input!$J$16,0)</f>
        <v>0.37662986826080558</v>
      </c>
      <c r="P2896" s="58">
        <f>IF(Input!$K$13=3,J2896*Input!$J$13,0)+IF(Input!$K$14=3,K2896*Input!$J$14,0)+IF(Input!$K$15=3,L2896*Input!$J$15,0)+IF(Input!$K$16=3,M2896*Input!$J$16,0)</f>
        <v>0</v>
      </c>
      <c r="Q2896" s="71">
        <f>IF(Input!$K$13=4,J2896*Input!$J$13,0)+IF(Input!$K$14=4,K2896*Input!$J$14,0)+IF(Input!$K$15=4,L2896*Input!$J$15,0)+IF(Input!$K$16=4,M2896*Input!$J$16,0)</f>
        <v>0</v>
      </c>
    </row>
    <row r="2897" spans="8:17" x14ac:dyDescent="0.25">
      <c r="H2897" s="43">
        <v>2890</v>
      </c>
      <c r="I2897" s="55">
        <f>Bühler!I2923</f>
        <v>1.8996254976995166</v>
      </c>
      <c r="J2897" s="58">
        <f>Bühler!J2923</f>
        <v>45.855239282160234</v>
      </c>
      <c r="K2897" s="58">
        <f>Bühler!K2923</f>
        <v>3.099834306673297</v>
      </c>
      <c r="L2897" s="58">
        <f>Bühler!L2923</f>
        <v>1.5499171533366485</v>
      </c>
      <c r="M2897" s="57">
        <f>Bühler!M2923</f>
        <v>0</v>
      </c>
      <c r="N2897" s="55">
        <f>IF(Input!$K$13=1,J2897*Input!$J$13,0)+IF(Input!$K$14=1,K2897*Input!$J$14,0)+IF(Input!$K$15=1,L2897*Input!$J$15,0)+IF(Input!$K$16=1,M2897*Input!$J$16,0)</f>
        <v>5.5026287138592282</v>
      </c>
      <c r="O2897" s="58">
        <f>IF(Input!$K$13=2,J2897*Input!$J$13,0)+IF(Input!$K$14=2,K2897*Input!$J$14,0)+IF(Input!$K$15=2,L2897*Input!$J$15,0)+IF(Input!$K$16=2,M2897*Input!$J$16,0)</f>
        <v>0.41847763140089511</v>
      </c>
      <c r="P2897" s="58">
        <f>IF(Input!$K$13=3,J2897*Input!$J$13,0)+IF(Input!$K$14=3,K2897*Input!$J$14,0)+IF(Input!$K$15=3,L2897*Input!$J$15,0)+IF(Input!$K$16=3,M2897*Input!$J$16,0)</f>
        <v>0</v>
      </c>
      <c r="Q2897" s="71">
        <f>IF(Input!$K$13=4,J2897*Input!$J$13,0)+IF(Input!$K$14=4,K2897*Input!$J$14,0)+IF(Input!$K$15=4,L2897*Input!$J$15,0)+IF(Input!$K$16=4,M2897*Input!$J$16,0)</f>
        <v>0</v>
      </c>
    </row>
    <row r="2898" spans="8:17" x14ac:dyDescent="0.25">
      <c r="H2898" s="43">
        <v>2891</v>
      </c>
      <c r="I2898" s="55">
        <f>Bühler!I2924</f>
        <v>1.8996254976995166</v>
      </c>
      <c r="J2898" s="58">
        <f>Bühler!J2924</f>
        <v>45.855239282160234</v>
      </c>
      <c r="K2898" s="58">
        <f>Bühler!K2924</f>
        <v>3.099834306673297</v>
      </c>
      <c r="L2898" s="58">
        <f>Bühler!L2924</f>
        <v>1.5499171533366485</v>
      </c>
      <c r="M2898" s="57">
        <f>Bühler!M2924</f>
        <v>0</v>
      </c>
      <c r="N2898" s="55">
        <f>IF(Input!$K$13=1,J2898*Input!$J$13,0)+IF(Input!$K$14=1,K2898*Input!$J$14,0)+IF(Input!$K$15=1,L2898*Input!$J$15,0)+IF(Input!$K$16=1,M2898*Input!$J$16,0)</f>
        <v>5.5026287138592282</v>
      </c>
      <c r="O2898" s="58">
        <f>IF(Input!$K$13=2,J2898*Input!$J$13,0)+IF(Input!$K$14=2,K2898*Input!$J$14,0)+IF(Input!$K$15=2,L2898*Input!$J$15,0)+IF(Input!$K$16=2,M2898*Input!$J$16,0)</f>
        <v>0.41847763140089511</v>
      </c>
      <c r="P2898" s="58">
        <f>IF(Input!$K$13=3,J2898*Input!$J$13,0)+IF(Input!$K$14=3,K2898*Input!$J$14,0)+IF(Input!$K$15=3,L2898*Input!$J$15,0)+IF(Input!$K$16=3,M2898*Input!$J$16,0)</f>
        <v>0</v>
      </c>
      <c r="Q2898" s="71">
        <f>IF(Input!$K$13=4,J2898*Input!$J$13,0)+IF(Input!$K$14=4,K2898*Input!$J$14,0)+IF(Input!$K$15=4,L2898*Input!$J$15,0)+IF(Input!$K$16=4,M2898*Input!$J$16,0)</f>
        <v>0</v>
      </c>
    </row>
    <row r="2899" spans="8:17" x14ac:dyDescent="0.25">
      <c r="H2899" s="43">
        <v>2892</v>
      </c>
      <c r="I2899" s="55">
        <f>Bühler!I2925</f>
        <v>2.2795505972394197</v>
      </c>
      <c r="J2899" s="58">
        <f>Bühler!J2925</f>
        <v>55.026287138592267</v>
      </c>
      <c r="K2899" s="58">
        <f>Bühler!K2925</f>
        <v>3.7198011680079559</v>
      </c>
      <c r="L2899" s="58">
        <f>Bühler!L2925</f>
        <v>1.859900584003978</v>
      </c>
      <c r="M2899" s="57">
        <f>Bühler!M2925</f>
        <v>0</v>
      </c>
      <c r="N2899" s="55">
        <f>IF(Input!$K$13=1,J2899*Input!$J$13,0)+IF(Input!$K$14=1,K2899*Input!$J$14,0)+IF(Input!$K$15=1,L2899*Input!$J$15,0)+IF(Input!$K$16=1,M2899*Input!$J$16,0)</f>
        <v>6.6031544566310716</v>
      </c>
      <c r="O2899" s="58">
        <f>IF(Input!$K$13=2,J2899*Input!$J$13,0)+IF(Input!$K$14=2,K2899*Input!$J$14,0)+IF(Input!$K$15=2,L2899*Input!$J$15,0)+IF(Input!$K$16=2,M2899*Input!$J$16,0)</f>
        <v>0.50217315768107407</v>
      </c>
      <c r="P2899" s="58">
        <f>IF(Input!$K$13=3,J2899*Input!$J$13,0)+IF(Input!$K$14=3,K2899*Input!$J$14,0)+IF(Input!$K$15=3,L2899*Input!$J$15,0)+IF(Input!$K$16=3,M2899*Input!$J$16,0)</f>
        <v>0</v>
      </c>
      <c r="Q2899" s="71">
        <f>IF(Input!$K$13=4,J2899*Input!$J$13,0)+IF(Input!$K$14=4,K2899*Input!$J$14,0)+IF(Input!$K$15=4,L2899*Input!$J$15,0)+IF(Input!$K$16=4,M2899*Input!$J$16,0)</f>
        <v>0</v>
      </c>
    </row>
    <row r="2900" spans="8:17" x14ac:dyDescent="0.25">
      <c r="H2900" s="43">
        <v>2893</v>
      </c>
      <c r="I2900" s="55">
        <f>Bühler!I2926</f>
        <v>2.2795505972394197</v>
      </c>
      <c r="J2900" s="58">
        <f>Bühler!J2926</f>
        <v>55.026287138592267</v>
      </c>
      <c r="K2900" s="58">
        <f>Bühler!K2926</f>
        <v>3.7198011680079559</v>
      </c>
      <c r="L2900" s="58">
        <f>Bühler!L2926</f>
        <v>1.859900584003978</v>
      </c>
      <c r="M2900" s="57">
        <f>Bühler!M2926</f>
        <v>0</v>
      </c>
      <c r="N2900" s="55">
        <f>IF(Input!$K$13=1,J2900*Input!$J$13,0)+IF(Input!$K$14=1,K2900*Input!$J$14,0)+IF(Input!$K$15=1,L2900*Input!$J$15,0)+IF(Input!$K$16=1,M2900*Input!$J$16,0)</f>
        <v>6.6031544566310716</v>
      </c>
      <c r="O2900" s="58">
        <f>IF(Input!$K$13=2,J2900*Input!$J$13,0)+IF(Input!$K$14=2,K2900*Input!$J$14,0)+IF(Input!$K$15=2,L2900*Input!$J$15,0)+IF(Input!$K$16=2,M2900*Input!$J$16,0)</f>
        <v>0.50217315768107407</v>
      </c>
      <c r="P2900" s="58">
        <f>IF(Input!$K$13=3,J2900*Input!$J$13,0)+IF(Input!$K$14=3,K2900*Input!$J$14,0)+IF(Input!$K$15=3,L2900*Input!$J$15,0)+IF(Input!$K$16=3,M2900*Input!$J$16,0)</f>
        <v>0</v>
      </c>
      <c r="Q2900" s="71">
        <f>IF(Input!$K$13=4,J2900*Input!$J$13,0)+IF(Input!$K$14=4,K2900*Input!$J$14,0)+IF(Input!$K$15=4,L2900*Input!$J$15,0)+IF(Input!$K$16=4,M2900*Input!$J$16,0)</f>
        <v>0</v>
      </c>
    </row>
    <row r="2901" spans="8:17" x14ac:dyDescent="0.25">
      <c r="H2901" s="43">
        <v>2894</v>
      </c>
      <c r="I2901" s="55">
        <f>Bühler!I2927</f>
        <v>1.5197003981596133</v>
      </c>
      <c r="J2901" s="58">
        <f>Bühler!J2927</f>
        <v>36.684191425728187</v>
      </c>
      <c r="K2901" s="58">
        <f>Bühler!K2927</f>
        <v>2.479867445338638</v>
      </c>
      <c r="L2901" s="58">
        <f>Bühler!L2927</f>
        <v>1.239933722669319</v>
      </c>
      <c r="M2901" s="57">
        <f>Bühler!M2927</f>
        <v>0</v>
      </c>
      <c r="N2901" s="55">
        <f>IF(Input!$K$13=1,J2901*Input!$J$13,0)+IF(Input!$K$14=1,K2901*Input!$J$14,0)+IF(Input!$K$15=1,L2901*Input!$J$15,0)+IF(Input!$K$16=1,M2901*Input!$J$16,0)</f>
        <v>4.4021029710873822</v>
      </c>
      <c r="O2901" s="58">
        <f>IF(Input!$K$13=2,J2901*Input!$J$13,0)+IF(Input!$K$14=2,K2901*Input!$J$14,0)+IF(Input!$K$15=2,L2901*Input!$J$15,0)+IF(Input!$K$16=2,M2901*Input!$J$16,0)</f>
        <v>0.33478210512071616</v>
      </c>
      <c r="P2901" s="58">
        <f>IF(Input!$K$13=3,J2901*Input!$J$13,0)+IF(Input!$K$14=3,K2901*Input!$J$14,0)+IF(Input!$K$15=3,L2901*Input!$J$15,0)+IF(Input!$K$16=3,M2901*Input!$J$16,0)</f>
        <v>0</v>
      </c>
      <c r="Q2901" s="71">
        <f>IF(Input!$K$13=4,J2901*Input!$J$13,0)+IF(Input!$K$14=4,K2901*Input!$J$14,0)+IF(Input!$K$15=4,L2901*Input!$J$15,0)+IF(Input!$K$16=4,M2901*Input!$J$16,0)</f>
        <v>0</v>
      </c>
    </row>
    <row r="2902" spans="8:17" x14ac:dyDescent="0.25">
      <c r="H2902" s="43">
        <v>2895</v>
      </c>
      <c r="I2902" s="55">
        <f>Bühler!I2928</f>
        <v>2.2795505972394197</v>
      </c>
      <c r="J2902" s="58">
        <f>Bühler!J2928</f>
        <v>55.026287138592267</v>
      </c>
      <c r="K2902" s="58">
        <f>Bühler!K2928</f>
        <v>3.7198011680079559</v>
      </c>
      <c r="L2902" s="58">
        <f>Bühler!L2928</f>
        <v>1.859900584003978</v>
      </c>
      <c r="M2902" s="57">
        <f>Bühler!M2928</f>
        <v>0</v>
      </c>
      <c r="N2902" s="55">
        <f>IF(Input!$K$13=1,J2902*Input!$J$13,0)+IF(Input!$K$14=1,K2902*Input!$J$14,0)+IF(Input!$K$15=1,L2902*Input!$J$15,0)+IF(Input!$K$16=1,M2902*Input!$J$16,0)</f>
        <v>6.6031544566310716</v>
      </c>
      <c r="O2902" s="58">
        <f>IF(Input!$K$13=2,J2902*Input!$J$13,0)+IF(Input!$K$14=2,K2902*Input!$J$14,0)+IF(Input!$K$15=2,L2902*Input!$J$15,0)+IF(Input!$K$16=2,M2902*Input!$J$16,0)</f>
        <v>0.50217315768107407</v>
      </c>
      <c r="P2902" s="58">
        <f>IF(Input!$K$13=3,J2902*Input!$J$13,0)+IF(Input!$K$14=3,K2902*Input!$J$14,0)+IF(Input!$K$15=3,L2902*Input!$J$15,0)+IF(Input!$K$16=3,M2902*Input!$J$16,0)</f>
        <v>0</v>
      </c>
      <c r="Q2902" s="71">
        <f>IF(Input!$K$13=4,J2902*Input!$J$13,0)+IF(Input!$K$14=4,K2902*Input!$J$14,0)+IF(Input!$K$15=4,L2902*Input!$J$15,0)+IF(Input!$K$16=4,M2902*Input!$J$16,0)</f>
        <v>0</v>
      </c>
    </row>
    <row r="2903" spans="8:17" x14ac:dyDescent="0.25">
      <c r="H2903" s="43">
        <v>2896</v>
      </c>
      <c r="I2903" s="55">
        <f>Bühler!I2929</f>
        <v>2.2795505972394197</v>
      </c>
      <c r="J2903" s="58">
        <f>Bühler!J2929</f>
        <v>55.026287138592267</v>
      </c>
      <c r="K2903" s="58">
        <f>Bühler!K2929</f>
        <v>3.7198011680079559</v>
      </c>
      <c r="L2903" s="58">
        <f>Bühler!L2929</f>
        <v>1.859900584003978</v>
      </c>
      <c r="M2903" s="57">
        <f>Bühler!M2929</f>
        <v>0</v>
      </c>
      <c r="N2903" s="55">
        <f>IF(Input!$K$13=1,J2903*Input!$J$13,0)+IF(Input!$K$14=1,K2903*Input!$J$14,0)+IF(Input!$K$15=1,L2903*Input!$J$15,0)+IF(Input!$K$16=1,M2903*Input!$J$16,0)</f>
        <v>6.6031544566310716</v>
      </c>
      <c r="O2903" s="58">
        <f>IF(Input!$K$13=2,J2903*Input!$J$13,0)+IF(Input!$K$14=2,K2903*Input!$J$14,0)+IF(Input!$K$15=2,L2903*Input!$J$15,0)+IF(Input!$K$16=2,M2903*Input!$J$16,0)</f>
        <v>0.50217315768107407</v>
      </c>
      <c r="P2903" s="58">
        <f>IF(Input!$K$13=3,J2903*Input!$J$13,0)+IF(Input!$K$14=3,K2903*Input!$J$14,0)+IF(Input!$K$15=3,L2903*Input!$J$15,0)+IF(Input!$K$16=3,M2903*Input!$J$16,0)</f>
        <v>0</v>
      </c>
      <c r="Q2903" s="71">
        <f>IF(Input!$K$13=4,J2903*Input!$J$13,0)+IF(Input!$K$14=4,K2903*Input!$J$14,0)+IF(Input!$K$15=4,L2903*Input!$J$15,0)+IF(Input!$K$16=4,M2903*Input!$J$16,0)</f>
        <v>0</v>
      </c>
    </row>
    <row r="2904" spans="8:17" x14ac:dyDescent="0.25">
      <c r="H2904" s="43">
        <v>2897</v>
      </c>
      <c r="I2904" s="55">
        <f>Bühler!I2930</f>
        <v>1.8996254976995166</v>
      </c>
      <c r="J2904" s="58">
        <f>Bühler!J2930</f>
        <v>32.716045784264502</v>
      </c>
      <c r="K2904" s="58">
        <f>Bühler!K2930</f>
        <v>2.1698840146713079</v>
      </c>
      <c r="L2904" s="58">
        <f>Bühler!L2930</f>
        <v>1.0849420073356539</v>
      </c>
      <c r="M2904" s="57">
        <f>Bühler!M2930</f>
        <v>0</v>
      </c>
      <c r="N2904" s="55">
        <f>IF(Input!$K$13=1,J2904*Input!$J$13,0)+IF(Input!$K$14=1,K2904*Input!$J$14,0)+IF(Input!$K$15=1,L2904*Input!$J$15,0)+IF(Input!$K$16=1,M2904*Input!$J$16,0)</f>
        <v>3.9259254941117399</v>
      </c>
      <c r="O2904" s="58">
        <f>IF(Input!$K$13=2,J2904*Input!$J$13,0)+IF(Input!$K$14=2,K2904*Input!$J$14,0)+IF(Input!$K$15=2,L2904*Input!$J$15,0)+IF(Input!$K$16=2,M2904*Input!$J$16,0)</f>
        <v>0.29293434198062657</v>
      </c>
      <c r="P2904" s="58">
        <f>IF(Input!$K$13=3,J2904*Input!$J$13,0)+IF(Input!$K$14=3,K2904*Input!$J$14,0)+IF(Input!$K$15=3,L2904*Input!$J$15,0)+IF(Input!$K$16=3,M2904*Input!$J$16,0)</f>
        <v>0</v>
      </c>
      <c r="Q2904" s="71">
        <f>IF(Input!$K$13=4,J2904*Input!$J$13,0)+IF(Input!$K$14=4,K2904*Input!$J$14,0)+IF(Input!$K$15=4,L2904*Input!$J$15,0)+IF(Input!$K$16=4,M2904*Input!$J$16,0)</f>
        <v>0</v>
      </c>
    </row>
    <row r="2905" spans="8:17" x14ac:dyDescent="0.25">
      <c r="H2905" s="43">
        <v>2898</v>
      </c>
      <c r="I2905" s="55">
        <f>Bühler!I2931</f>
        <v>1.5284343084938641</v>
      </c>
      <c r="J2905" s="58">
        <f>Bühler!J2931</f>
        <v>10.415266166132172</v>
      </c>
      <c r="K2905" s="58">
        <f>Bühler!K2931</f>
        <v>0.6199668613346595</v>
      </c>
      <c r="L2905" s="58">
        <f>Bühler!L2931</f>
        <v>0.30998343066732975</v>
      </c>
      <c r="M2905" s="57">
        <f>Bühler!M2931</f>
        <v>0</v>
      </c>
      <c r="N2905" s="55">
        <f>IF(Input!$K$13=1,J2905*Input!$J$13,0)+IF(Input!$K$14=1,K2905*Input!$J$14,0)+IF(Input!$K$15=1,L2905*Input!$J$15,0)+IF(Input!$K$16=1,M2905*Input!$J$16,0)</f>
        <v>1.2498319399358606</v>
      </c>
      <c r="O2905" s="58">
        <f>IF(Input!$K$13=2,J2905*Input!$J$13,0)+IF(Input!$K$14=2,K2905*Input!$J$14,0)+IF(Input!$K$15=2,L2905*Input!$J$15,0)+IF(Input!$K$16=2,M2905*Input!$J$16,0)</f>
        <v>8.3695526280179039E-2</v>
      </c>
      <c r="P2905" s="58">
        <f>IF(Input!$K$13=3,J2905*Input!$J$13,0)+IF(Input!$K$14=3,K2905*Input!$J$14,0)+IF(Input!$K$15=3,L2905*Input!$J$15,0)+IF(Input!$K$16=3,M2905*Input!$J$16,0)</f>
        <v>0</v>
      </c>
      <c r="Q2905" s="71">
        <f>IF(Input!$K$13=4,J2905*Input!$J$13,0)+IF(Input!$K$14=4,K2905*Input!$J$14,0)+IF(Input!$K$15=4,L2905*Input!$J$15,0)+IF(Input!$K$16=4,M2905*Input!$J$16,0)</f>
        <v>0</v>
      </c>
    </row>
    <row r="2906" spans="8:17" x14ac:dyDescent="0.25">
      <c r="H2906" s="43">
        <v>2899</v>
      </c>
      <c r="I2906" s="55">
        <f>Bühler!I2932</f>
        <v>0.54586939589066574</v>
      </c>
      <c r="J2906" s="58">
        <f>Bühler!J2932</f>
        <v>9.2274481352449431</v>
      </c>
      <c r="K2906" s="58">
        <f>Bühler!K2932</f>
        <v>0.61123493371022752</v>
      </c>
      <c r="L2906" s="58">
        <f>Bühler!L2932</f>
        <v>0.30561746685511376</v>
      </c>
      <c r="M2906" s="57">
        <f>Bühler!M2932</f>
        <v>0</v>
      </c>
      <c r="N2906" s="55">
        <f>IF(Input!$K$13=1,J2906*Input!$J$13,0)+IF(Input!$K$14=1,K2906*Input!$J$14,0)+IF(Input!$K$15=1,L2906*Input!$J$15,0)+IF(Input!$K$16=1,M2906*Input!$J$16,0)</f>
        <v>1.1072937762293931</v>
      </c>
      <c r="O2906" s="58">
        <f>IF(Input!$K$13=2,J2906*Input!$J$13,0)+IF(Input!$K$14=2,K2906*Input!$J$14,0)+IF(Input!$K$15=2,L2906*Input!$J$15,0)+IF(Input!$K$16=2,M2906*Input!$J$16,0)</f>
        <v>8.2516716050880706E-2</v>
      </c>
      <c r="P2906" s="58">
        <f>IF(Input!$K$13=3,J2906*Input!$J$13,0)+IF(Input!$K$14=3,K2906*Input!$J$14,0)+IF(Input!$K$15=3,L2906*Input!$J$15,0)+IF(Input!$K$16=3,M2906*Input!$J$16,0)</f>
        <v>0</v>
      </c>
      <c r="Q2906" s="71">
        <f>IF(Input!$K$13=4,J2906*Input!$J$13,0)+IF(Input!$K$14=4,K2906*Input!$J$14,0)+IF(Input!$K$15=4,L2906*Input!$J$15,0)+IF(Input!$K$16=4,M2906*Input!$J$16,0)</f>
        <v>0</v>
      </c>
    </row>
    <row r="2907" spans="8:17" x14ac:dyDescent="0.25">
      <c r="H2907" s="43">
        <v>2900</v>
      </c>
      <c r="I2907" s="55">
        <f>Bühler!I2933</f>
        <v>0.54586939589066574</v>
      </c>
      <c r="J2907" s="58">
        <f>Bühler!J2933</f>
        <v>9.2274481352449431</v>
      </c>
      <c r="K2907" s="58">
        <f>Bühler!K2933</f>
        <v>0.61123493371022752</v>
      </c>
      <c r="L2907" s="58">
        <f>Bühler!L2933</f>
        <v>0.30561746685511376</v>
      </c>
      <c r="M2907" s="57">
        <f>Bühler!M2933</f>
        <v>0</v>
      </c>
      <c r="N2907" s="55">
        <f>IF(Input!$K$13=1,J2907*Input!$J$13,0)+IF(Input!$K$14=1,K2907*Input!$J$14,0)+IF(Input!$K$15=1,L2907*Input!$J$15,0)+IF(Input!$K$16=1,M2907*Input!$J$16,0)</f>
        <v>1.1072937762293931</v>
      </c>
      <c r="O2907" s="58">
        <f>IF(Input!$K$13=2,J2907*Input!$J$13,0)+IF(Input!$K$14=2,K2907*Input!$J$14,0)+IF(Input!$K$15=2,L2907*Input!$J$15,0)+IF(Input!$K$16=2,M2907*Input!$J$16,0)</f>
        <v>8.2516716050880706E-2</v>
      </c>
      <c r="P2907" s="58">
        <f>IF(Input!$K$13=3,J2907*Input!$J$13,0)+IF(Input!$K$14=3,K2907*Input!$J$14,0)+IF(Input!$K$15=3,L2907*Input!$J$15,0)+IF(Input!$K$16=3,M2907*Input!$J$16,0)</f>
        <v>0</v>
      </c>
      <c r="Q2907" s="71">
        <f>IF(Input!$K$13=4,J2907*Input!$J$13,0)+IF(Input!$K$14=4,K2907*Input!$J$14,0)+IF(Input!$K$15=4,L2907*Input!$J$15,0)+IF(Input!$K$16=4,M2907*Input!$J$16,0)</f>
        <v>0</v>
      </c>
    </row>
    <row r="2908" spans="8:17" x14ac:dyDescent="0.25">
      <c r="H2908" s="43">
        <v>2901</v>
      </c>
      <c r="I2908" s="55">
        <f>Bühler!I2934</f>
        <v>0.54586939589066574</v>
      </c>
      <c r="J2908" s="58">
        <f>Bühler!J2934</f>
        <v>9.2274481352449431</v>
      </c>
      <c r="K2908" s="58">
        <f>Bühler!K2934</f>
        <v>0.61123493371022752</v>
      </c>
      <c r="L2908" s="58">
        <f>Bühler!L2934</f>
        <v>0.30561746685511376</v>
      </c>
      <c r="M2908" s="57">
        <f>Bühler!M2934</f>
        <v>0</v>
      </c>
      <c r="N2908" s="55">
        <f>IF(Input!$K$13=1,J2908*Input!$J$13,0)+IF(Input!$K$14=1,K2908*Input!$J$14,0)+IF(Input!$K$15=1,L2908*Input!$J$15,0)+IF(Input!$K$16=1,M2908*Input!$J$16,0)</f>
        <v>1.1072937762293931</v>
      </c>
      <c r="O2908" s="58">
        <f>IF(Input!$K$13=2,J2908*Input!$J$13,0)+IF(Input!$K$14=2,K2908*Input!$J$14,0)+IF(Input!$K$15=2,L2908*Input!$J$15,0)+IF(Input!$K$16=2,M2908*Input!$J$16,0)</f>
        <v>8.2516716050880706E-2</v>
      </c>
      <c r="P2908" s="58">
        <f>IF(Input!$K$13=3,J2908*Input!$J$13,0)+IF(Input!$K$14=3,K2908*Input!$J$14,0)+IF(Input!$K$15=3,L2908*Input!$J$15,0)+IF(Input!$K$16=3,M2908*Input!$J$16,0)</f>
        <v>0</v>
      </c>
      <c r="Q2908" s="71">
        <f>IF(Input!$K$13=4,J2908*Input!$J$13,0)+IF(Input!$K$14=4,K2908*Input!$J$14,0)+IF(Input!$K$15=4,L2908*Input!$J$15,0)+IF(Input!$K$16=4,M2908*Input!$J$16,0)</f>
        <v>0</v>
      </c>
    </row>
    <row r="2909" spans="8:17" x14ac:dyDescent="0.25">
      <c r="H2909" s="43">
        <v>2902</v>
      </c>
      <c r="I2909" s="55">
        <f>Bühler!I2935</f>
        <v>0.54586939589066574</v>
      </c>
      <c r="J2909" s="58">
        <f>Bühler!J2935</f>
        <v>9.2274481352449431</v>
      </c>
      <c r="K2909" s="58">
        <f>Bühler!K2935</f>
        <v>0.61123493371022752</v>
      </c>
      <c r="L2909" s="58">
        <f>Bühler!L2935</f>
        <v>0.30561746685511376</v>
      </c>
      <c r="M2909" s="57">
        <f>Bühler!M2935</f>
        <v>0</v>
      </c>
      <c r="N2909" s="55">
        <f>IF(Input!$K$13=1,J2909*Input!$J$13,0)+IF(Input!$K$14=1,K2909*Input!$J$14,0)+IF(Input!$K$15=1,L2909*Input!$J$15,0)+IF(Input!$K$16=1,M2909*Input!$J$16,0)</f>
        <v>1.1072937762293931</v>
      </c>
      <c r="O2909" s="58">
        <f>IF(Input!$K$13=2,J2909*Input!$J$13,0)+IF(Input!$K$14=2,K2909*Input!$J$14,0)+IF(Input!$K$15=2,L2909*Input!$J$15,0)+IF(Input!$K$16=2,M2909*Input!$J$16,0)</f>
        <v>8.2516716050880706E-2</v>
      </c>
      <c r="P2909" s="58">
        <f>IF(Input!$K$13=3,J2909*Input!$J$13,0)+IF(Input!$K$14=3,K2909*Input!$J$14,0)+IF(Input!$K$15=3,L2909*Input!$J$15,0)+IF(Input!$K$16=3,M2909*Input!$J$16,0)</f>
        <v>0</v>
      </c>
      <c r="Q2909" s="71">
        <f>IF(Input!$K$13=4,J2909*Input!$J$13,0)+IF(Input!$K$14=4,K2909*Input!$J$14,0)+IF(Input!$K$15=4,L2909*Input!$J$15,0)+IF(Input!$K$16=4,M2909*Input!$J$16,0)</f>
        <v>0</v>
      </c>
    </row>
    <row r="2910" spans="8:17" x14ac:dyDescent="0.25">
      <c r="H2910" s="43">
        <v>2903</v>
      </c>
      <c r="I2910" s="55">
        <f>Bühler!I2936</f>
        <v>0.54586939589066574</v>
      </c>
      <c r="J2910" s="58">
        <f>Bühler!J2936</f>
        <v>9.2274481352449431</v>
      </c>
      <c r="K2910" s="58">
        <f>Bühler!K2936</f>
        <v>0.61123493371022752</v>
      </c>
      <c r="L2910" s="58">
        <f>Bühler!L2936</f>
        <v>0.30561746685511376</v>
      </c>
      <c r="M2910" s="57">
        <f>Bühler!M2936</f>
        <v>0</v>
      </c>
      <c r="N2910" s="55">
        <f>IF(Input!$K$13=1,J2910*Input!$J$13,0)+IF(Input!$K$14=1,K2910*Input!$J$14,0)+IF(Input!$K$15=1,L2910*Input!$J$15,0)+IF(Input!$K$16=1,M2910*Input!$J$16,0)</f>
        <v>1.1072937762293931</v>
      </c>
      <c r="O2910" s="58">
        <f>IF(Input!$K$13=2,J2910*Input!$J$13,0)+IF(Input!$K$14=2,K2910*Input!$J$14,0)+IF(Input!$K$15=2,L2910*Input!$J$15,0)+IF(Input!$K$16=2,M2910*Input!$J$16,0)</f>
        <v>8.2516716050880706E-2</v>
      </c>
      <c r="P2910" s="58">
        <f>IF(Input!$K$13=3,J2910*Input!$J$13,0)+IF(Input!$K$14=3,K2910*Input!$J$14,0)+IF(Input!$K$15=3,L2910*Input!$J$15,0)+IF(Input!$K$16=3,M2910*Input!$J$16,0)</f>
        <v>0</v>
      </c>
      <c r="Q2910" s="71">
        <f>IF(Input!$K$13=4,J2910*Input!$J$13,0)+IF(Input!$K$14=4,K2910*Input!$J$14,0)+IF(Input!$K$15=4,L2910*Input!$J$15,0)+IF(Input!$K$16=4,M2910*Input!$J$16,0)</f>
        <v>0</v>
      </c>
    </row>
    <row r="2911" spans="8:17" x14ac:dyDescent="0.25">
      <c r="H2911" s="43">
        <v>2904</v>
      </c>
      <c r="I2911" s="55">
        <f>Bühler!I2937</f>
        <v>0.54586939589066574</v>
      </c>
      <c r="J2911" s="58">
        <f>Bühler!J2937</f>
        <v>9.2274481352449431</v>
      </c>
      <c r="K2911" s="58">
        <f>Bühler!K2937</f>
        <v>0.61123493371022752</v>
      </c>
      <c r="L2911" s="58">
        <f>Bühler!L2937</f>
        <v>0.30561746685511376</v>
      </c>
      <c r="M2911" s="57">
        <f>Bühler!M2937</f>
        <v>0</v>
      </c>
      <c r="N2911" s="55">
        <f>IF(Input!$K$13=1,J2911*Input!$J$13,0)+IF(Input!$K$14=1,K2911*Input!$J$14,0)+IF(Input!$K$15=1,L2911*Input!$J$15,0)+IF(Input!$K$16=1,M2911*Input!$J$16,0)</f>
        <v>1.1072937762293931</v>
      </c>
      <c r="O2911" s="58">
        <f>IF(Input!$K$13=2,J2911*Input!$J$13,0)+IF(Input!$K$14=2,K2911*Input!$J$14,0)+IF(Input!$K$15=2,L2911*Input!$J$15,0)+IF(Input!$K$16=2,M2911*Input!$J$16,0)</f>
        <v>8.2516716050880706E-2</v>
      </c>
      <c r="P2911" s="58">
        <f>IF(Input!$K$13=3,J2911*Input!$J$13,0)+IF(Input!$K$14=3,K2911*Input!$J$14,0)+IF(Input!$K$15=3,L2911*Input!$J$15,0)+IF(Input!$K$16=3,M2911*Input!$J$16,0)</f>
        <v>0</v>
      </c>
      <c r="Q2911" s="71">
        <f>IF(Input!$K$13=4,J2911*Input!$J$13,0)+IF(Input!$K$14=4,K2911*Input!$J$14,0)+IF(Input!$K$15=4,L2911*Input!$J$15,0)+IF(Input!$K$16=4,M2911*Input!$J$16,0)</f>
        <v>0</v>
      </c>
    </row>
    <row r="2912" spans="8:17" x14ac:dyDescent="0.25">
      <c r="H2912" s="43">
        <v>2905</v>
      </c>
      <c r="I2912" s="55">
        <f>Bühler!I2938</f>
        <v>0.42141900860720627</v>
      </c>
      <c r="J2912" s="58">
        <f>Bühler!J2938</f>
        <v>5.5147583553512867</v>
      </c>
      <c r="K2912" s="58">
        <f>Bühler!K2938</f>
        <v>0.38414743649943767</v>
      </c>
      <c r="L2912" s="58">
        <f>Bühler!L2938</f>
        <v>0.19207371824971883</v>
      </c>
      <c r="M2912" s="57">
        <f>Bühler!M2938</f>
        <v>0</v>
      </c>
      <c r="N2912" s="55">
        <f>IF(Input!$K$13=1,J2912*Input!$J$13,0)+IF(Input!$K$14=1,K2912*Input!$J$14,0)+IF(Input!$K$15=1,L2912*Input!$J$15,0)+IF(Input!$K$16=1,M2912*Input!$J$16,0)</f>
        <v>0.66177100264215438</v>
      </c>
      <c r="O2912" s="58">
        <f>IF(Input!$K$13=2,J2912*Input!$J$13,0)+IF(Input!$K$14=2,K2912*Input!$J$14,0)+IF(Input!$K$15=2,L2912*Input!$J$15,0)+IF(Input!$K$16=2,M2912*Input!$J$16,0)</f>
        <v>5.1859903927424081E-2</v>
      </c>
      <c r="P2912" s="58">
        <f>IF(Input!$K$13=3,J2912*Input!$J$13,0)+IF(Input!$K$14=3,K2912*Input!$J$14,0)+IF(Input!$K$15=3,L2912*Input!$J$15,0)+IF(Input!$K$16=3,M2912*Input!$J$16,0)</f>
        <v>0</v>
      </c>
      <c r="Q2912" s="71">
        <f>IF(Input!$K$13=4,J2912*Input!$J$13,0)+IF(Input!$K$14=4,K2912*Input!$J$14,0)+IF(Input!$K$15=4,L2912*Input!$J$15,0)+IF(Input!$K$16=4,M2912*Input!$J$16,0)</f>
        <v>0</v>
      </c>
    </row>
    <row r="2913" spans="8:17" x14ac:dyDescent="0.25">
      <c r="H2913" s="43">
        <v>2906</v>
      </c>
      <c r="I2913" s="55">
        <f>Bühler!I2939</f>
        <v>0.42141900860720627</v>
      </c>
      <c r="J2913" s="58">
        <f>Bühler!J2939</f>
        <v>8.1643027389843787</v>
      </c>
      <c r="K2913" s="58">
        <f>Bühler!K2939</f>
        <v>0.58536752228485744</v>
      </c>
      <c r="L2913" s="58">
        <f>Bühler!L2939</f>
        <v>0.29268376114242872</v>
      </c>
      <c r="M2913" s="57">
        <f>Bühler!M2939</f>
        <v>0</v>
      </c>
      <c r="N2913" s="55">
        <f>IF(Input!$K$13=1,J2913*Input!$J$13,0)+IF(Input!$K$14=1,K2913*Input!$J$14,0)+IF(Input!$K$15=1,L2913*Input!$J$15,0)+IF(Input!$K$16=1,M2913*Input!$J$16,0)</f>
        <v>0.97971632867812541</v>
      </c>
      <c r="O2913" s="58">
        <f>IF(Input!$K$13=2,J2913*Input!$J$13,0)+IF(Input!$K$14=2,K2913*Input!$J$14,0)+IF(Input!$K$15=2,L2913*Input!$J$15,0)+IF(Input!$K$16=2,M2913*Input!$J$16,0)</f>
        <v>7.9024615508455756E-2</v>
      </c>
      <c r="P2913" s="58">
        <f>IF(Input!$K$13=3,J2913*Input!$J$13,0)+IF(Input!$K$14=3,K2913*Input!$J$14,0)+IF(Input!$K$15=3,L2913*Input!$J$15,0)+IF(Input!$K$16=3,M2913*Input!$J$16,0)</f>
        <v>0</v>
      </c>
      <c r="Q2913" s="71">
        <f>IF(Input!$K$13=4,J2913*Input!$J$13,0)+IF(Input!$K$14=4,K2913*Input!$J$14,0)+IF(Input!$K$15=4,L2913*Input!$J$15,0)+IF(Input!$K$16=4,M2913*Input!$J$16,0)</f>
        <v>0</v>
      </c>
    </row>
    <row r="2914" spans="8:17" x14ac:dyDescent="0.25">
      <c r="H2914" s="43">
        <v>2907</v>
      </c>
      <c r="I2914" s="55">
        <f>Bühler!I2940</f>
        <v>0.42141900860720627</v>
      </c>
      <c r="J2914" s="58">
        <f>Bühler!J2940</f>
        <v>8.1643027389843787</v>
      </c>
      <c r="K2914" s="58">
        <f>Bühler!K2940</f>
        <v>0.58536752228485744</v>
      </c>
      <c r="L2914" s="58">
        <f>Bühler!L2940</f>
        <v>0.29268376114242872</v>
      </c>
      <c r="M2914" s="57">
        <f>Bühler!M2940</f>
        <v>0</v>
      </c>
      <c r="N2914" s="55">
        <f>IF(Input!$K$13=1,J2914*Input!$J$13,0)+IF(Input!$K$14=1,K2914*Input!$J$14,0)+IF(Input!$K$15=1,L2914*Input!$J$15,0)+IF(Input!$K$16=1,M2914*Input!$J$16,0)</f>
        <v>0.97971632867812541</v>
      </c>
      <c r="O2914" s="58">
        <f>IF(Input!$K$13=2,J2914*Input!$J$13,0)+IF(Input!$K$14=2,K2914*Input!$J$14,0)+IF(Input!$K$15=2,L2914*Input!$J$15,0)+IF(Input!$K$16=2,M2914*Input!$J$16,0)</f>
        <v>7.9024615508455756E-2</v>
      </c>
      <c r="P2914" s="58">
        <f>IF(Input!$K$13=3,J2914*Input!$J$13,0)+IF(Input!$K$14=3,K2914*Input!$J$14,0)+IF(Input!$K$15=3,L2914*Input!$J$15,0)+IF(Input!$K$16=3,M2914*Input!$J$16,0)</f>
        <v>0</v>
      </c>
      <c r="Q2914" s="71">
        <f>IF(Input!$K$13=4,J2914*Input!$J$13,0)+IF(Input!$K$14=4,K2914*Input!$J$14,0)+IF(Input!$K$15=4,L2914*Input!$J$15,0)+IF(Input!$K$16=4,M2914*Input!$J$16,0)</f>
        <v>0</v>
      </c>
    </row>
    <row r="2915" spans="8:17" x14ac:dyDescent="0.25">
      <c r="H2915" s="43">
        <v>2908</v>
      </c>
      <c r="I2915" s="55">
        <f>Bühler!I2941</f>
        <v>0.42141900860720627</v>
      </c>
      <c r="J2915" s="58">
        <f>Bühler!J2941</f>
        <v>8.1643027389843787</v>
      </c>
      <c r="K2915" s="58">
        <f>Bühler!K2941</f>
        <v>0.58536752228485744</v>
      </c>
      <c r="L2915" s="58">
        <f>Bühler!L2941</f>
        <v>0.29268376114242872</v>
      </c>
      <c r="M2915" s="57">
        <f>Bühler!M2941</f>
        <v>0</v>
      </c>
      <c r="N2915" s="55">
        <f>IF(Input!$K$13=1,J2915*Input!$J$13,0)+IF(Input!$K$14=1,K2915*Input!$J$14,0)+IF(Input!$K$15=1,L2915*Input!$J$15,0)+IF(Input!$K$16=1,M2915*Input!$J$16,0)</f>
        <v>0.97971632867812541</v>
      </c>
      <c r="O2915" s="58">
        <f>IF(Input!$K$13=2,J2915*Input!$J$13,0)+IF(Input!$K$14=2,K2915*Input!$J$14,0)+IF(Input!$K$15=2,L2915*Input!$J$15,0)+IF(Input!$K$16=2,M2915*Input!$J$16,0)</f>
        <v>7.9024615508455756E-2</v>
      </c>
      <c r="P2915" s="58">
        <f>IF(Input!$K$13=3,J2915*Input!$J$13,0)+IF(Input!$K$14=3,K2915*Input!$J$14,0)+IF(Input!$K$15=3,L2915*Input!$J$15,0)+IF(Input!$K$16=3,M2915*Input!$J$16,0)</f>
        <v>0</v>
      </c>
      <c r="Q2915" s="71">
        <f>IF(Input!$K$13=4,J2915*Input!$J$13,0)+IF(Input!$K$14=4,K2915*Input!$J$14,0)+IF(Input!$K$15=4,L2915*Input!$J$15,0)+IF(Input!$K$16=4,M2915*Input!$J$16,0)</f>
        <v>0</v>
      </c>
    </row>
    <row r="2916" spans="8:17" x14ac:dyDescent="0.25">
      <c r="H2916" s="43">
        <v>2909</v>
      </c>
      <c r="I2916" s="55">
        <f>Bühler!I2942</f>
        <v>0.42141900860720627</v>
      </c>
      <c r="J2916" s="58">
        <f>Bühler!J2942</f>
        <v>8.1643027389843787</v>
      </c>
      <c r="K2916" s="58">
        <f>Bühler!K2942</f>
        <v>0.58536752228485744</v>
      </c>
      <c r="L2916" s="58">
        <f>Bühler!L2942</f>
        <v>0.29268376114242872</v>
      </c>
      <c r="M2916" s="57">
        <f>Bühler!M2942</f>
        <v>0</v>
      </c>
      <c r="N2916" s="55">
        <f>IF(Input!$K$13=1,J2916*Input!$J$13,0)+IF(Input!$K$14=1,K2916*Input!$J$14,0)+IF(Input!$K$15=1,L2916*Input!$J$15,0)+IF(Input!$K$16=1,M2916*Input!$J$16,0)</f>
        <v>0.97971632867812541</v>
      </c>
      <c r="O2916" s="58">
        <f>IF(Input!$K$13=2,J2916*Input!$J$13,0)+IF(Input!$K$14=2,K2916*Input!$J$14,0)+IF(Input!$K$15=2,L2916*Input!$J$15,0)+IF(Input!$K$16=2,M2916*Input!$J$16,0)</f>
        <v>7.9024615508455756E-2</v>
      </c>
      <c r="P2916" s="58">
        <f>IF(Input!$K$13=3,J2916*Input!$J$13,0)+IF(Input!$K$14=3,K2916*Input!$J$14,0)+IF(Input!$K$15=3,L2916*Input!$J$15,0)+IF(Input!$K$16=3,M2916*Input!$J$16,0)</f>
        <v>0</v>
      </c>
      <c r="Q2916" s="71">
        <f>IF(Input!$K$13=4,J2916*Input!$J$13,0)+IF(Input!$K$14=4,K2916*Input!$J$14,0)+IF(Input!$K$15=4,L2916*Input!$J$15,0)+IF(Input!$K$16=4,M2916*Input!$J$16,0)</f>
        <v>0</v>
      </c>
    </row>
    <row r="2917" spans="8:17" x14ac:dyDescent="0.25">
      <c r="H2917" s="43">
        <v>2910</v>
      </c>
      <c r="I2917" s="55">
        <f>Bühler!I2943</f>
        <v>0.42141900860720627</v>
      </c>
      <c r="J2917" s="58">
        <f>Bühler!J2943</f>
        <v>8.1643027389843787</v>
      </c>
      <c r="K2917" s="58">
        <f>Bühler!K2943</f>
        <v>0.58536752228485744</v>
      </c>
      <c r="L2917" s="58">
        <f>Bühler!L2943</f>
        <v>0.29268376114242872</v>
      </c>
      <c r="M2917" s="57">
        <f>Bühler!M2943</f>
        <v>0</v>
      </c>
      <c r="N2917" s="55">
        <f>IF(Input!$K$13=1,J2917*Input!$J$13,0)+IF(Input!$K$14=1,K2917*Input!$J$14,0)+IF(Input!$K$15=1,L2917*Input!$J$15,0)+IF(Input!$K$16=1,M2917*Input!$J$16,0)</f>
        <v>0.97971632867812541</v>
      </c>
      <c r="O2917" s="58">
        <f>IF(Input!$K$13=2,J2917*Input!$J$13,0)+IF(Input!$K$14=2,K2917*Input!$J$14,0)+IF(Input!$K$15=2,L2917*Input!$J$15,0)+IF(Input!$K$16=2,M2917*Input!$J$16,0)</f>
        <v>7.9024615508455756E-2</v>
      </c>
      <c r="P2917" s="58">
        <f>IF(Input!$K$13=3,J2917*Input!$J$13,0)+IF(Input!$K$14=3,K2917*Input!$J$14,0)+IF(Input!$K$15=3,L2917*Input!$J$15,0)+IF(Input!$K$16=3,M2917*Input!$J$16,0)</f>
        <v>0</v>
      </c>
      <c r="Q2917" s="71">
        <f>IF(Input!$K$13=4,J2917*Input!$J$13,0)+IF(Input!$K$14=4,K2917*Input!$J$14,0)+IF(Input!$K$15=4,L2917*Input!$J$15,0)+IF(Input!$K$16=4,M2917*Input!$J$16,0)</f>
        <v>0</v>
      </c>
    </row>
    <row r="2918" spans="8:17" x14ac:dyDescent="0.25">
      <c r="H2918" s="43">
        <v>2911</v>
      </c>
      <c r="I2918" s="55">
        <f>Bühler!I2944</f>
        <v>0.42141900860720627</v>
      </c>
      <c r="J2918" s="58">
        <f>Bühler!J2944</f>
        <v>8.1643027389843787</v>
      </c>
      <c r="K2918" s="58">
        <f>Bühler!K2944</f>
        <v>0.58536752228485744</v>
      </c>
      <c r="L2918" s="58">
        <f>Bühler!L2944</f>
        <v>0.29268376114242872</v>
      </c>
      <c r="M2918" s="57">
        <f>Bühler!M2944</f>
        <v>0</v>
      </c>
      <c r="N2918" s="55">
        <f>IF(Input!$K$13=1,J2918*Input!$J$13,0)+IF(Input!$K$14=1,K2918*Input!$J$14,0)+IF(Input!$K$15=1,L2918*Input!$J$15,0)+IF(Input!$K$16=1,M2918*Input!$J$16,0)</f>
        <v>0.97971632867812541</v>
      </c>
      <c r="O2918" s="58">
        <f>IF(Input!$K$13=2,J2918*Input!$J$13,0)+IF(Input!$K$14=2,K2918*Input!$J$14,0)+IF(Input!$K$15=2,L2918*Input!$J$15,0)+IF(Input!$K$16=2,M2918*Input!$J$16,0)</f>
        <v>7.9024615508455756E-2</v>
      </c>
      <c r="P2918" s="58">
        <f>IF(Input!$K$13=3,J2918*Input!$J$13,0)+IF(Input!$K$14=3,K2918*Input!$J$14,0)+IF(Input!$K$15=3,L2918*Input!$J$15,0)+IF(Input!$K$16=3,M2918*Input!$J$16,0)</f>
        <v>0</v>
      </c>
      <c r="Q2918" s="71">
        <f>IF(Input!$K$13=4,J2918*Input!$J$13,0)+IF(Input!$K$14=4,K2918*Input!$J$14,0)+IF(Input!$K$15=4,L2918*Input!$J$15,0)+IF(Input!$K$16=4,M2918*Input!$J$16,0)</f>
        <v>0</v>
      </c>
    </row>
    <row r="2919" spans="8:17" x14ac:dyDescent="0.25">
      <c r="H2919" s="43">
        <v>2912</v>
      </c>
      <c r="I2919" s="55">
        <f>Bühler!I2945</f>
        <v>1.2139586280201133</v>
      </c>
      <c r="J2919" s="58">
        <f>Bühler!J2945</f>
        <v>33.808170697213079</v>
      </c>
      <c r="K2919" s="58">
        <f>Bühler!K2945</f>
        <v>2.4676899611321024</v>
      </c>
      <c r="L2919" s="58">
        <f>Bühler!L2945</f>
        <v>1.2338449805660512</v>
      </c>
      <c r="M2919" s="57">
        <f>Bühler!M2945</f>
        <v>0</v>
      </c>
      <c r="N2919" s="55">
        <f>IF(Input!$K$13=1,J2919*Input!$J$13,0)+IF(Input!$K$14=1,K2919*Input!$J$14,0)+IF(Input!$K$15=1,L2919*Input!$J$15,0)+IF(Input!$K$16=1,M2919*Input!$J$16,0)</f>
        <v>4.0569804836655692</v>
      </c>
      <c r="O2919" s="58">
        <f>IF(Input!$K$13=2,J2919*Input!$J$13,0)+IF(Input!$K$14=2,K2919*Input!$J$14,0)+IF(Input!$K$15=2,L2919*Input!$J$15,0)+IF(Input!$K$16=2,M2919*Input!$J$16,0)</f>
        <v>0.33313814475283382</v>
      </c>
      <c r="P2919" s="58">
        <f>IF(Input!$K$13=3,J2919*Input!$J$13,0)+IF(Input!$K$14=3,K2919*Input!$J$14,0)+IF(Input!$K$15=3,L2919*Input!$J$15,0)+IF(Input!$K$16=3,M2919*Input!$J$16,0)</f>
        <v>0</v>
      </c>
      <c r="Q2919" s="71">
        <f>IF(Input!$K$13=4,J2919*Input!$J$13,0)+IF(Input!$K$14=4,K2919*Input!$J$14,0)+IF(Input!$K$15=4,L2919*Input!$J$15,0)+IF(Input!$K$16=4,M2919*Input!$J$16,0)</f>
        <v>0</v>
      </c>
    </row>
    <row r="2920" spans="8:17" x14ac:dyDescent="0.25">
      <c r="H2920" s="43">
        <v>2913</v>
      </c>
      <c r="I2920" s="55">
        <f>Bühler!I2946</f>
        <v>1.3545222586329686</v>
      </c>
      <c r="J2920" s="58">
        <f>Bühler!J2946</f>
        <v>37.722800988469324</v>
      </c>
      <c r="K2920" s="58">
        <f>Bühler!K2946</f>
        <v>2.7534224829473977</v>
      </c>
      <c r="L2920" s="58">
        <f>Bühler!L2946</f>
        <v>1.3767112414736988</v>
      </c>
      <c r="M2920" s="57">
        <f>Bühler!M2946</f>
        <v>0</v>
      </c>
      <c r="N2920" s="55">
        <f>IF(Input!$K$13=1,J2920*Input!$J$13,0)+IF(Input!$K$14=1,K2920*Input!$J$14,0)+IF(Input!$K$15=1,L2920*Input!$J$15,0)+IF(Input!$K$16=1,M2920*Input!$J$16,0)</f>
        <v>4.5267361186163191</v>
      </c>
      <c r="O2920" s="58">
        <f>IF(Input!$K$13=2,J2920*Input!$J$13,0)+IF(Input!$K$14=2,K2920*Input!$J$14,0)+IF(Input!$K$15=2,L2920*Input!$J$15,0)+IF(Input!$K$16=2,M2920*Input!$J$16,0)</f>
        <v>0.37171203519789864</v>
      </c>
      <c r="P2920" s="58">
        <f>IF(Input!$K$13=3,J2920*Input!$J$13,0)+IF(Input!$K$14=3,K2920*Input!$J$14,0)+IF(Input!$K$15=3,L2920*Input!$J$15,0)+IF(Input!$K$16=3,M2920*Input!$J$16,0)</f>
        <v>0</v>
      </c>
      <c r="Q2920" s="71">
        <f>IF(Input!$K$13=4,J2920*Input!$J$13,0)+IF(Input!$K$14=4,K2920*Input!$J$14,0)+IF(Input!$K$15=4,L2920*Input!$J$15,0)+IF(Input!$K$16=4,M2920*Input!$J$16,0)</f>
        <v>0</v>
      </c>
    </row>
    <row r="2921" spans="8:17" x14ac:dyDescent="0.25">
      <c r="H2921" s="43">
        <v>2914</v>
      </c>
      <c r="I2921" s="55">
        <f>Bühler!I2947</f>
        <v>1.4950858892458241</v>
      </c>
      <c r="J2921" s="58">
        <f>Bühler!J2947</f>
        <v>41.637431279725575</v>
      </c>
      <c r="K2921" s="58">
        <f>Bühler!K2947</f>
        <v>3.0391550047626943</v>
      </c>
      <c r="L2921" s="58">
        <f>Bühler!L2947</f>
        <v>1.5195775023813471</v>
      </c>
      <c r="M2921" s="57">
        <f>Bühler!M2947</f>
        <v>0</v>
      </c>
      <c r="N2921" s="55">
        <f>IF(Input!$K$13=1,J2921*Input!$J$13,0)+IF(Input!$K$14=1,K2921*Input!$J$14,0)+IF(Input!$K$15=1,L2921*Input!$J$15,0)+IF(Input!$K$16=1,M2921*Input!$J$16,0)</f>
        <v>4.996491753567069</v>
      </c>
      <c r="O2921" s="58">
        <f>IF(Input!$K$13=2,J2921*Input!$J$13,0)+IF(Input!$K$14=2,K2921*Input!$J$14,0)+IF(Input!$K$15=2,L2921*Input!$J$15,0)+IF(Input!$K$16=2,M2921*Input!$J$16,0)</f>
        <v>0.41028592564296373</v>
      </c>
      <c r="P2921" s="58">
        <f>IF(Input!$K$13=3,J2921*Input!$J$13,0)+IF(Input!$K$14=3,K2921*Input!$J$14,0)+IF(Input!$K$15=3,L2921*Input!$J$15,0)+IF(Input!$K$16=3,M2921*Input!$J$16,0)</f>
        <v>0</v>
      </c>
      <c r="Q2921" s="71">
        <f>IF(Input!$K$13=4,J2921*Input!$J$13,0)+IF(Input!$K$14=4,K2921*Input!$J$14,0)+IF(Input!$K$15=4,L2921*Input!$J$15,0)+IF(Input!$K$16=4,M2921*Input!$J$16,0)</f>
        <v>0</v>
      </c>
    </row>
    <row r="2922" spans="8:17" x14ac:dyDescent="0.25">
      <c r="H2922" s="43">
        <v>2915</v>
      </c>
      <c r="I2922" s="55">
        <f>Bühler!I2948</f>
        <v>1.4950858892458241</v>
      </c>
      <c r="J2922" s="58">
        <f>Bühler!J2948</f>
        <v>41.637431279725575</v>
      </c>
      <c r="K2922" s="58">
        <f>Bühler!K2948</f>
        <v>3.0391550047626943</v>
      </c>
      <c r="L2922" s="58">
        <f>Bühler!L2948</f>
        <v>1.5195775023813471</v>
      </c>
      <c r="M2922" s="57">
        <f>Bühler!M2948</f>
        <v>0</v>
      </c>
      <c r="N2922" s="55">
        <f>IF(Input!$K$13=1,J2922*Input!$J$13,0)+IF(Input!$K$14=1,K2922*Input!$J$14,0)+IF(Input!$K$15=1,L2922*Input!$J$15,0)+IF(Input!$K$16=1,M2922*Input!$J$16,0)</f>
        <v>4.996491753567069</v>
      </c>
      <c r="O2922" s="58">
        <f>IF(Input!$K$13=2,J2922*Input!$J$13,0)+IF(Input!$K$14=2,K2922*Input!$J$14,0)+IF(Input!$K$15=2,L2922*Input!$J$15,0)+IF(Input!$K$16=2,M2922*Input!$J$16,0)</f>
        <v>0.41028592564296373</v>
      </c>
      <c r="P2922" s="58">
        <f>IF(Input!$K$13=3,J2922*Input!$J$13,0)+IF(Input!$K$14=3,K2922*Input!$J$14,0)+IF(Input!$K$15=3,L2922*Input!$J$15,0)+IF(Input!$K$16=3,M2922*Input!$J$16,0)</f>
        <v>0</v>
      </c>
      <c r="Q2922" s="71">
        <f>IF(Input!$K$13=4,J2922*Input!$J$13,0)+IF(Input!$K$14=4,K2922*Input!$J$14,0)+IF(Input!$K$15=4,L2922*Input!$J$15,0)+IF(Input!$K$16=4,M2922*Input!$J$16,0)</f>
        <v>0</v>
      </c>
    </row>
    <row r="2923" spans="8:17" x14ac:dyDescent="0.25">
      <c r="H2923" s="43">
        <v>2916</v>
      </c>
      <c r="I2923" s="55">
        <f>Bühler!I2949</f>
        <v>1.7889916623454307</v>
      </c>
      <c r="J2923" s="58">
        <f>Bühler!J2949</f>
        <v>49.822567343261369</v>
      </c>
      <c r="K2923" s="58">
        <f>Bühler!K2949</f>
        <v>3.6365957321946758</v>
      </c>
      <c r="L2923" s="58">
        <f>Bühler!L2949</f>
        <v>1.8182978660973379</v>
      </c>
      <c r="M2923" s="57">
        <f>Bühler!M2949</f>
        <v>0</v>
      </c>
      <c r="N2923" s="55">
        <f>IF(Input!$K$13=1,J2923*Input!$J$13,0)+IF(Input!$K$14=1,K2923*Input!$J$14,0)+IF(Input!$K$15=1,L2923*Input!$J$15,0)+IF(Input!$K$16=1,M2923*Input!$J$16,0)</f>
        <v>5.978708081191364</v>
      </c>
      <c r="O2923" s="58">
        <f>IF(Input!$K$13=2,J2923*Input!$J$13,0)+IF(Input!$K$14=2,K2923*Input!$J$14,0)+IF(Input!$K$15=2,L2923*Input!$J$15,0)+IF(Input!$K$16=2,M2923*Input!$J$16,0)</f>
        <v>0.49094042384628123</v>
      </c>
      <c r="P2923" s="58">
        <f>IF(Input!$K$13=3,J2923*Input!$J$13,0)+IF(Input!$K$14=3,K2923*Input!$J$14,0)+IF(Input!$K$15=3,L2923*Input!$J$15,0)+IF(Input!$K$16=3,M2923*Input!$J$16,0)</f>
        <v>0</v>
      </c>
      <c r="Q2923" s="71">
        <f>IF(Input!$K$13=4,J2923*Input!$J$13,0)+IF(Input!$K$14=4,K2923*Input!$J$14,0)+IF(Input!$K$15=4,L2923*Input!$J$15,0)+IF(Input!$K$16=4,M2923*Input!$J$16,0)</f>
        <v>0</v>
      </c>
    </row>
    <row r="2924" spans="8:17" x14ac:dyDescent="0.25">
      <c r="H2924" s="43">
        <v>2917</v>
      </c>
      <c r="I2924" s="55">
        <f>Bühler!I2950</f>
        <v>1.7889916623454307</v>
      </c>
      <c r="J2924" s="58">
        <f>Bühler!J2950</f>
        <v>49.822567343261369</v>
      </c>
      <c r="K2924" s="58">
        <f>Bühler!K2950</f>
        <v>3.6365957321946758</v>
      </c>
      <c r="L2924" s="58">
        <f>Bühler!L2950</f>
        <v>1.8182978660973379</v>
      </c>
      <c r="M2924" s="57">
        <f>Bühler!M2950</f>
        <v>0</v>
      </c>
      <c r="N2924" s="55">
        <f>IF(Input!$K$13=1,J2924*Input!$J$13,0)+IF(Input!$K$14=1,K2924*Input!$J$14,0)+IF(Input!$K$15=1,L2924*Input!$J$15,0)+IF(Input!$K$16=1,M2924*Input!$J$16,0)</f>
        <v>5.978708081191364</v>
      </c>
      <c r="O2924" s="58">
        <f>IF(Input!$K$13=2,J2924*Input!$J$13,0)+IF(Input!$K$14=2,K2924*Input!$J$14,0)+IF(Input!$K$15=2,L2924*Input!$J$15,0)+IF(Input!$K$16=2,M2924*Input!$J$16,0)</f>
        <v>0.49094042384628123</v>
      </c>
      <c r="P2924" s="58">
        <f>IF(Input!$K$13=3,J2924*Input!$J$13,0)+IF(Input!$K$14=3,K2924*Input!$J$14,0)+IF(Input!$K$15=3,L2924*Input!$J$15,0)+IF(Input!$K$16=3,M2924*Input!$J$16,0)</f>
        <v>0</v>
      </c>
      <c r="Q2924" s="71">
        <f>IF(Input!$K$13=4,J2924*Input!$J$13,0)+IF(Input!$K$14=4,K2924*Input!$J$14,0)+IF(Input!$K$15=4,L2924*Input!$J$15,0)+IF(Input!$K$16=4,M2924*Input!$J$16,0)</f>
        <v>0</v>
      </c>
    </row>
    <row r="2925" spans="8:17" x14ac:dyDescent="0.25">
      <c r="H2925" s="43">
        <v>2918</v>
      </c>
      <c r="I2925" s="55">
        <f>Bühler!I2951</f>
        <v>1.1884016042723213</v>
      </c>
      <c r="J2925" s="58">
        <f>Bühler!J2951</f>
        <v>33.096419735166485</v>
      </c>
      <c r="K2925" s="58">
        <f>Bühler!K2951</f>
        <v>2.415738593529321</v>
      </c>
      <c r="L2925" s="58">
        <f>Bühler!L2951</f>
        <v>1.2078692967646605</v>
      </c>
      <c r="M2925" s="57">
        <f>Bühler!M2951</f>
        <v>0</v>
      </c>
      <c r="N2925" s="55">
        <f>IF(Input!$K$13=1,J2925*Input!$J$13,0)+IF(Input!$K$14=1,K2925*Input!$J$14,0)+IF(Input!$K$15=1,L2925*Input!$J$15,0)+IF(Input!$K$16=1,M2925*Input!$J$16,0)</f>
        <v>3.9715703682199779</v>
      </c>
      <c r="O2925" s="58">
        <f>IF(Input!$K$13=2,J2925*Input!$J$13,0)+IF(Input!$K$14=2,K2925*Input!$J$14,0)+IF(Input!$K$15=2,L2925*Input!$J$15,0)+IF(Input!$K$16=2,M2925*Input!$J$16,0)</f>
        <v>0.32612471012645827</v>
      </c>
      <c r="P2925" s="58">
        <f>IF(Input!$K$13=3,J2925*Input!$J$13,0)+IF(Input!$K$14=3,K2925*Input!$J$14,0)+IF(Input!$K$15=3,L2925*Input!$J$15,0)+IF(Input!$K$16=3,M2925*Input!$J$16,0)</f>
        <v>0</v>
      </c>
      <c r="Q2925" s="71">
        <f>IF(Input!$K$13=4,J2925*Input!$J$13,0)+IF(Input!$K$14=4,K2925*Input!$J$14,0)+IF(Input!$K$15=4,L2925*Input!$J$15,0)+IF(Input!$K$16=4,M2925*Input!$J$16,0)</f>
        <v>0</v>
      </c>
    </row>
    <row r="2926" spans="8:17" x14ac:dyDescent="0.25">
      <c r="H2926" s="43">
        <v>2919</v>
      </c>
      <c r="I2926" s="55">
        <f>Bühler!I2952</f>
        <v>1.7889916623454307</v>
      </c>
      <c r="J2926" s="58">
        <f>Bühler!J2952</f>
        <v>49.822567343261369</v>
      </c>
      <c r="K2926" s="58">
        <f>Bühler!K2952</f>
        <v>3.6365957321946758</v>
      </c>
      <c r="L2926" s="58">
        <f>Bühler!L2952</f>
        <v>1.8182978660973379</v>
      </c>
      <c r="M2926" s="57">
        <f>Bühler!M2952</f>
        <v>0</v>
      </c>
      <c r="N2926" s="55">
        <f>IF(Input!$K$13=1,J2926*Input!$J$13,0)+IF(Input!$K$14=1,K2926*Input!$J$14,0)+IF(Input!$K$15=1,L2926*Input!$J$15,0)+IF(Input!$K$16=1,M2926*Input!$J$16,0)</f>
        <v>5.978708081191364</v>
      </c>
      <c r="O2926" s="58">
        <f>IF(Input!$K$13=2,J2926*Input!$J$13,0)+IF(Input!$K$14=2,K2926*Input!$J$14,0)+IF(Input!$K$15=2,L2926*Input!$J$15,0)+IF(Input!$K$16=2,M2926*Input!$J$16,0)</f>
        <v>0.49094042384628123</v>
      </c>
      <c r="P2926" s="58">
        <f>IF(Input!$K$13=3,J2926*Input!$J$13,0)+IF(Input!$K$14=3,K2926*Input!$J$14,0)+IF(Input!$K$15=3,L2926*Input!$J$15,0)+IF(Input!$K$16=3,M2926*Input!$J$16,0)</f>
        <v>0</v>
      </c>
      <c r="Q2926" s="71">
        <f>IF(Input!$K$13=4,J2926*Input!$J$13,0)+IF(Input!$K$14=4,K2926*Input!$J$14,0)+IF(Input!$K$15=4,L2926*Input!$J$15,0)+IF(Input!$K$16=4,M2926*Input!$J$16,0)</f>
        <v>0</v>
      </c>
    </row>
    <row r="2927" spans="8:17" x14ac:dyDescent="0.25">
      <c r="H2927" s="43">
        <v>2920</v>
      </c>
      <c r="I2927" s="55">
        <f>Bühler!I2953</f>
        <v>1.7889916623454307</v>
      </c>
      <c r="J2927" s="58">
        <f>Bühler!J2953</f>
        <v>49.822567343261369</v>
      </c>
      <c r="K2927" s="58">
        <f>Bühler!K2953</f>
        <v>3.6365957321946758</v>
      </c>
      <c r="L2927" s="58">
        <f>Bühler!L2953</f>
        <v>1.8182978660973379</v>
      </c>
      <c r="M2927" s="57">
        <f>Bühler!M2953</f>
        <v>0</v>
      </c>
      <c r="N2927" s="55">
        <f>IF(Input!$K$13=1,J2927*Input!$J$13,0)+IF(Input!$K$14=1,K2927*Input!$J$14,0)+IF(Input!$K$15=1,L2927*Input!$J$15,0)+IF(Input!$K$16=1,M2927*Input!$J$16,0)</f>
        <v>5.978708081191364</v>
      </c>
      <c r="O2927" s="58">
        <f>IF(Input!$K$13=2,J2927*Input!$J$13,0)+IF(Input!$K$14=2,K2927*Input!$J$14,0)+IF(Input!$K$15=2,L2927*Input!$J$15,0)+IF(Input!$K$16=2,M2927*Input!$J$16,0)</f>
        <v>0.49094042384628123</v>
      </c>
      <c r="P2927" s="58">
        <f>IF(Input!$K$13=3,J2927*Input!$J$13,0)+IF(Input!$K$14=3,K2927*Input!$J$14,0)+IF(Input!$K$15=3,L2927*Input!$J$15,0)+IF(Input!$K$16=3,M2927*Input!$J$16,0)</f>
        <v>0</v>
      </c>
      <c r="Q2927" s="71">
        <f>IF(Input!$K$13=4,J2927*Input!$J$13,0)+IF(Input!$K$14=4,K2927*Input!$J$14,0)+IF(Input!$K$15=4,L2927*Input!$J$15,0)+IF(Input!$K$16=4,M2927*Input!$J$16,0)</f>
        <v>0</v>
      </c>
    </row>
    <row r="2928" spans="8:17" x14ac:dyDescent="0.25">
      <c r="H2928" s="43">
        <v>2921</v>
      </c>
      <c r="I2928" s="55">
        <f>Bühler!I2954</f>
        <v>1.4953577724771834</v>
      </c>
      <c r="J2928" s="58">
        <f>Bühler!J2954</f>
        <v>29.837618605876045</v>
      </c>
      <c r="K2928" s="58">
        <f>Bühler!K2954</f>
        <v>2.14299391361472</v>
      </c>
      <c r="L2928" s="58">
        <f>Bühler!L2954</f>
        <v>1.07149695680736</v>
      </c>
      <c r="M2928" s="57">
        <f>Bühler!M2954</f>
        <v>0</v>
      </c>
      <c r="N2928" s="55">
        <f>IF(Input!$K$13=1,J2928*Input!$J$13,0)+IF(Input!$K$14=1,K2928*Input!$J$14,0)+IF(Input!$K$15=1,L2928*Input!$J$15,0)+IF(Input!$K$16=1,M2928*Input!$J$16,0)</f>
        <v>3.5805142327051254</v>
      </c>
      <c r="O2928" s="58">
        <f>IF(Input!$K$13=2,J2928*Input!$J$13,0)+IF(Input!$K$14=2,K2928*Input!$J$14,0)+IF(Input!$K$15=2,L2928*Input!$J$15,0)+IF(Input!$K$16=2,M2928*Input!$J$16,0)</f>
        <v>0.28930417833798716</v>
      </c>
      <c r="P2928" s="58">
        <f>IF(Input!$K$13=3,J2928*Input!$J$13,0)+IF(Input!$K$14=3,K2928*Input!$J$14,0)+IF(Input!$K$15=3,L2928*Input!$J$15,0)+IF(Input!$K$16=3,M2928*Input!$J$16,0)</f>
        <v>0</v>
      </c>
      <c r="Q2928" s="71">
        <f>IF(Input!$K$13=4,J2928*Input!$J$13,0)+IF(Input!$K$14=4,K2928*Input!$J$14,0)+IF(Input!$K$15=4,L2928*Input!$J$15,0)+IF(Input!$K$16=4,M2928*Input!$J$16,0)</f>
        <v>0</v>
      </c>
    </row>
    <row r="2929" spans="8:17" x14ac:dyDescent="0.25">
      <c r="H2929" s="43">
        <v>2922</v>
      </c>
      <c r="I2929" s="55">
        <f>Bühler!I2955</f>
        <v>1.1881297210409623</v>
      </c>
      <c r="J2929" s="58">
        <f>Bühler!J2955</f>
        <v>13.330524093096312</v>
      </c>
      <c r="K2929" s="58">
        <f>Bühler!K2955</f>
        <v>0.91463675357008989</v>
      </c>
      <c r="L2929" s="58">
        <f>Bühler!L2955</f>
        <v>0.45731837678504494</v>
      </c>
      <c r="M2929" s="57">
        <f>Bühler!M2955</f>
        <v>0</v>
      </c>
      <c r="N2929" s="55">
        <f>IF(Input!$K$13=1,J2929*Input!$J$13,0)+IF(Input!$K$14=1,K2929*Input!$J$14,0)+IF(Input!$K$15=1,L2929*Input!$J$15,0)+IF(Input!$K$16=1,M2929*Input!$J$16,0)</f>
        <v>1.5996628911715574</v>
      </c>
      <c r="O2929" s="58">
        <f>IF(Input!$K$13=2,J2929*Input!$J$13,0)+IF(Input!$K$14=2,K2929*Input!$J$14,0)+IF(Input!$K$15=2,L2929*Input!$J$15,0)+IF(Input!$K$16=2,M2929*Input!$J$16,0)</f>
        <v>0.12347596173196212</v>
      </c>
      <c r="P2929" s="58">
        <f>IF(Input!$K$13=3,J2929*Input!$J$13,0)+IF(Input!$K$14=3,K2929*Input!$J$14,0)+IF(Input!$K$15=3,L2929*Input!$J$15,0)+IF(Input!$K$16=3,M2929*Input!$J$16,0)</f>
        <v>0</v>
      </c>
      <c r="Q2929" s="71">
        <f>IF(Input!$K$13=4,J2929*Input!$J$13,0)+IF(Input!$K$14=4,K2929*Input!$J$14,0)+IF(Input!$K$15=4,L2929*Input!$J$15,0)+IF(Input!$K$16=4,M2929*Input!$J$16,0)</f>
        <v>0</v>
      </c>
    </row>
    <row r="2930" spans="8:17" x14ac:dyDescent="0.25">
      <c r="H2930" s="43">
        <v>2923</v>
      </c>
      <c r="I2930" s="55">
        <f>Bühler!I2956</f>
        <v>0.42141900860720627</v>
      </c>
      <c r="J2930" s="58">
        <f>Bühler!J2956</f>
        <v>8.4051704102237501</v>
      </c>
      <c r="K2930" s="58">
        <f>Bühler!K2956</f>
        <v>0.60366025735625917</v>
      </c>
      <c r="L2930" s="58">
        <f>Bühler!L2956</f>
        <v>0.30183012867812958</v>
      </c>
      <c r="M2930" s="57">
        <f>Bühler!M2956</f>
        <v>0</v>
      </c>
      <c r="N2930" s="55">
        <f>IF(Input!$K$13=1,J2930*Input!$J$13,0)+IF(Input!$K$14=1,K2930*Input!$J$14,0)+IF(Input!$K$15=1,L2930*Input!$J$15,0)+IF(Input!$K$16=1,M2930*Input!$J$16,0)</f>
        <v>1.00862044922685</v>
      </c>
      <c r="O2930" s="58">
        <f>IF(Input!$K$13=2,J2930*Input!$J$13,0)+IF(Input!$K$14=2,K2930*Input!$J$14,0)+IF(Input!$K$15=2,L2930*Input!$J$15,0)+IF(Input!$K$16=2,M2930*Input!$J$16,0)</f>
        <v>8.1494134743094984E-2</v>
      </c>
      <c r="P2930" s="58">
        <f>IF(Input!$K$13=3,J2930*Input!$J$13,0)+IF(Input!$K$14=3,K2930*Input!$J$14,0)+IF(Input!$K$15=3,L2930*Input!$J$15,0)+IF(Input!$K$16=3,M2930*Input!$J$16,0)</f>
        <v>0</v>
      </c>
      <c r="Q2930" s="71">
        <f>IF(Input!$K$13=4,J2930*Input!$J$13,0)+IF(Input!$K$14=4,K2930*Input!$J$14,0)+IF(Input!$K$15=4,L2930*Input!$J$15,0)+IF(Input!$K$16=4,M2930*Input!$J$16,0)</f>
        <v>0</v>
      </c>
    </row>
    <row r="2931" spans="8:17" x14ac:dyDescent="0.25">
      <c r="H2931" s="43">
        <v>2924</v>
      </c>
      <c r="I2931" s="55">
        <f>Bühler!I2957</f>
        <v>0.42141900860720627</v>
      </c>
      <c r="J2931" s="58">
        <f>Bühler!J2957</f>
        <v>8.4051704102237501</v>
      </c>
      <c r="K2931" s="58">
        <f>Bühler!K2957</f>
        <v>0.60366025735625917</v>
      </c>
      <c r="L2931" s="58">
        <f>Bühler!L2957</f>
        <v>0.30183012867812958</v>
      </c>
      <c r="M2931" s="57">
        <f>Bühler!M2957</f>
        <v>0</v>
      </c>
      <c r="N2931" s="55">
        <f>IF(Input!$K$13=1,J2931*Input!$J$13,0)+IF(Input!$K$14=1,K2931*Input!$J$14,0)+IF(Input!$K$15=1,L2931*Input!$J$15,0)+IF(Input!$K$16=1,M2931*Input!$J$16,0)</f>
        <v>1.00862044922685</v>
      </c>
      <c r="O2931" s="58">
        <f>IF(Input!$K$13=2,J2931*Input!$J$13,0)+IF(Input!$K$14=2,K2931*Input!$J$14,0)+IF(Input!$K$15=2,L2931*Input!$J$15,0)+IF(Input!$K$16=2,M2931*Input!$J$16,0)</f>
        <v>8.1494134743094984E-2</v>
      </c>
      <c r="P2931" s="58">
        <f>IF(Input!$K$13=3,J2931*Input!$J$13,0)+IF(Input!$K$14=3,K2931*Input!$J$14,0)+IF(Input!$K$15=3,L2931*Input!$J$15,0)+IF(Input!$K$16=3,M2931*Input!$J$16,0)</f>
        <v>0</v>
      </c>
      <c r="Q2931" s="71">
        <f>IF(Input!$K$13=4,J2931*Input!$J$13,0)+IF(Input!$K$14=4,K2931*Input!$J$14,0)+IF(Input!$K$15=4,L2931*Input!$J$15,0)+IF(Input!$K$16=4,M2931*Input!$J$16,0)</f>
        <v>0</v>
      </c>
    </row>
    <row r="2932" spans="8:17" x14ac:dyDescent="0.25">
      <c r="H2932" s="43">
        <v>2925</v>
      </c>
      <c r="I2932" s="55">
        <f>Bühler!I2958</f>
        <v>0.42141900860720627</v>
      </c>
      <c r="J2932" s="58">
        <f>Bühler!J2958</f>
        <v>8.4051704102237501</v>
      </c>
      <c r="K2932" s="58">
        <f>Bühler!K2958</f>
        <v>0.60366025735625917</v>
      </c>
      <c r="L2932" s="58">
        <f>Bühler!L2958</f>
        <v>0.30183012867812958</v>
      </c>
      <c r="M2932" s="57">
        <f>Bühler!M2958</f>
        <v>0</v>
      </c>
      <c r="N2932" s="55">
        <f>IF(Input!$K$13=1,J2932*Input!$J$13,0)+IF(Input!$K$14=1,K2932*Input!$J$14,0)+IF(Input!$K$15=1,L2932*Input!$J$15,0)+IF(Input!$K$16=1,M2932*Input!$J$16,0)</f>
        <v>1.00862044922685</v>
      </c>
      <c r="O2932" s="58">
        <f>IF(Input!$K$13=2,J2932*Input!$J$13,0)+IF(Input!$K$14=2,K2932*Input!$J$14,0)+IF(Input!$K$15=2,L2932*Input!$J$15,0)+IF(Input!$K$16=2,M2932*Input!$J$16,0)</f>
        <v>8.1494134743094984E-2</v>
      </c>
      <c r="P2932" s="58">
        <f>IF(Input!$K$13=3,J2932*Input!$J$13,0)+IF(Input!$K$14=3,K2932*Input!$J$14,0)+IF(Input!$K$15=3,L2932*Input!$J$15,0)+IF(Input!$K$16=3,M2932*Input!$J$16,0)</f>
        <v>0</v>
      </c>
      <c r="Q2932" s="71">
        <f>IF(Input!$K$13=4,J2932*Input!$J$13,0)+IF(Input!$K$14=4,K2932*Input!$J$14,0)+IF(Input!$K$15=4,L2932*Input!$J$15,0)+IF(Input!$K$16=4,M2932*Input!$J$16,0)</f>
        <v>0</v>
      </c>
    </row>
    <row r="2933" spans="8:17" x14ac:dyDescent="0.25">
      <c r="H2933" s="43">
        <v>2926</v>
      </c>
      <c r="I2933" s="55">
        <f>Bühler!I2959</f>
        <v>0.42141900860720627</v>
      </c>
      <c r="J2933" s="58">
        <f>Bühler!J2959</f>
        <v>8.4051704102237501</v>
      </c>
      <c r="K2933" s="58">
        <f>Bühler!K2959</f>
        <v>0.60366025735625917</v>
      </c>
      <c r="L2933" s="58">
        <f>Bühler!L2959</f>
        <v>0.30183012867812958</v>
      </c>
      <c r="M2933" s="57">
        <f>Bühler!M2959</f>
        <v>0</v>
      </c>
      <c r="N2933" s="55">
        <f>IF(Input!$K$13=1,J2933*Input!$J$13,0)+IF(Input!$K$14=1,K2933*Input!$J$14,0)+IF(Input!$K$15=1,L2933*Input!$J$15,0)+IF(Input!$K$16=1,M2933*Input!$J$16,0)</f>
        <v>1.00862044922685</v>
      </c>
      <c r="O2933" s="58">
        <f>IF(Input!$K$13=2,J2933*Input!$J$13,0)+IF(Input!$K$14=2,K2933*Input!$J$14,0)+IF(Input!$K$15=2,L2933*Input!$J$15,0)+IF(Input!$K$16=2,M2933*Input!$J$16,0)</f>
        <v>8.1494134743094984E-2</v>
      </c>
      <c r="P2933" s="58">
        <f>IF(Input!$K$13=3,J2933*Input!$J$13,0)+IF(Input!$K$14=3,K2933*Input!$J$14,0)+IF(Input!$K$15=3,L2933*Input!$J$15,0)+IF(Input!$K$16=3,M2933*Input!$J$16,0)</f>
        <v>0</v>
      </c>
      <c r="Q2933" s="71">
        <f>IF(Input!$K$13=4,J2933*Input!$J$13,0)+IF(Input!$K$14=4,K2933*Input!$J$14,0)+IF(Input!$K$15=4,L2933*Input!$J$15,0)+IF(Input!$K$16=4,M2933*Input!$J$16,0)</f>
        <v>0</v>
      </c>
    </row>
    <row r="2934" spans="8:17" x14ac:dyDescent="0.25">
      <c r="H2934" s="43">
        <v>2927</v>
      </c>
      <c r="I2934" s="55">
        <f>Bühler!I2960</f>
        <v>0.42141900860720627</v>
      </c>
      <c r="J2934" s="58">
        <f>Bühler!J2960</f>
        <v>8.4051704102237501</v>
      </c>
      <c r="K2934" s="58">
        <f>Bühler!K2960</f>
        <v>0.60366025735625917</v>
      </c>
      <c r="L2934" s="58">
        <f>Bühler!L2960</f>
        <v>0.30183012867812958</v>
      </c>
      <c r="M2934" s="57">
        <f>Bühler!M2960</f>
        <v>0</v>
      </c>
      <c r="N2934" s="55">
        <f>IF(Input!$K$13=1,J2934*Input!$J$13,0)+IF(Input!$K$14=1,K2934*Input!$J$14,0)+IF(Input!$K$15=1,L2934*Input!$J$15,0)+IF(Input!$K$16=1,M2934*Input!$J$16,0)</f>
        <v>1.00862044922685</v>
      </c>
      <c r="O2934" s="58">
        <f>IF(Input!$K$13=2,J2934*Input!$J$13,0)+IF(Input!$K$14=2,K2934*Input!$J$14,0)+IF(Input!$K$15=2,L2934*Input!$J$15,0)+IF(Input!$K$16=2,M2934*Input!$J$16,0)</f>
        <v>8.1494134743094984E-2</v>
      </c>
      <c r="P2934" s="58">
        <f>IF(Input!$K$13=3,J2934*Input!$J$13,0)+IF(Input!$K$14=3,K2934*Input!$J$14,0)+IF(Input!$K$15=3,L2934*Input!$J$15,0)+IF(Input!$K$16=3,M2934*Input!$J$16,0)</f>
        <v>0</v>
      </c>
      <c r="Q2934" s="71">
        <f>IF(Input!$K$13=4,J2934*Input!$J$13,0)+IF(Input!$K$14=4,K2934*Input!$J$14,0)+IF(Input!$K$15=4,L2934*Input!$J$15,0)+IF(Input!$K$16=4,M2934*Input!$J$16,0)</f>
        <v>0</v>
      </c>
    </row>
    <row r="2935" spans="8:17" x14ac:dyDescent="0.25">
      <c r="H2935" s="43">
        <v>2928</v>
      </c>
      <c r="I2935" s="55">
        <f>Bühler!I2961</f>
        <v>0.42141900860720627</v>
      </c>
      <c r="J2935" s="58">
        <f>Bühler!J2961</f>
        <v>8.4051704102237501</v>
      </c>
      <c r="K2935" s="58">
        <f>Bühler!K2961</f>
        <v>0.60366025735625917</v>
      </c>
      <c r="L2935" s="58">
        <f>Bühler!L2961</f>
        <v>0.30183012867812958</v>
      </c>
      <c r="M2935" s="57">
        <f>Bühler!M2961</f>
        <v>0</v>
      </c>
      <c r="N2935" s="55">
        <f>IF(Input!$K$13=1,J2935*Input!$J$13,0)+IF(Input!$K$14=1,K2935*Input!$J$14,0)+IF(Input!$K$15=1,L2935*Input!$J$15,0)+IF(Input!$K$16=1,M2935*Input!$J$16,0)</f>
        <v>1.00862044922685</v>
      </c>
      <c r="O2935" s="58">
        <f>IF(Input!$K$13=2,J2935*Input!$J$13,0)+IF(Input!$K$14=2,K2935*Input!$J$14,0)+IF(Input!$K$15=2,L2935*Input!$J$15,0)+IF(Input!$K$16=2,M2935*Input!$J$16,0)</f>
        <v>8.1494134743094984E-2</v>
      </c>
      <c r="P2935" s="58">
        <f>IF(Input!$K$13=3,J2935*Input!$J$13,0)+IF(Input!$K$14=3,K2935*Input!$J$14,0)+IF(Input!$K$15=3,L2935*Input!$J$15,0)+IF(Input!$K$16=3,M2935*Input!$J$16,0)</f>
        <v>0</v>
      </c>
      <c r="Q2935" s="71">
        <f>IF(Input!$K$13=4,J2935*Input!$J$13,0)+IF(Input!$K$14=4,K2935*Input!$J$14,0)+IF(Input!$K$15=4,L2935*Input!$J$15,0)+IF(Input!$K$16=4,M2935*Input!$J$16,0)</f>
        <v>0</v>
      </c>
    </row>
    <row r="2936" spans="8:17" x14ac:dyDescent="0.25">
      <c r="H2936" s="43">
        <v>2929</v>
      </c>
      <c r="I2936" s="55">
        <f>Bühler!I2962</f>
        <v>0.48260577907609942</v>
      </c>
      <c r="J2936" s="58">
        <f>Bühler!J2962</f>
        <v>8.7493696942130157</v>
      </c>
      <c r="K2936" s="58">
        <f>Bühler!K2962</f>
        <v>0.60261676394784813</v>
      </c>
      <c r="L2936" s="58">
        <f>Bühler!L2962</f>
        <v>0.30130838197392407</v>
      </c>
      <c r="M2936" s="57">
        <f>Bühler!M2962</f>
        <v>0</v>
      </c>
      <c r="N2936" s="55">
        <f>IF(Input!$K$13=1,J2936*Input!$J$13,0)+IF(Input!$K$14=1,K2936*Input!$J$14,0)+IF(Input!$K$15=1,L2936*Input!$J$15,0)+IF(Input!$K$16=1,M2936*Input!$J$16,0)</f>
        <v>1.0499243633055619</v>
      </c>
      <c r="O2936" s="58">
        <f>IF(Input!$K$13=2,J2936*Input!$J$13,0)+IF(Input!$K$14=2,K2936*Input!$J$14,0)+IF(Input!$K$15=2,L2936*Input!$J$15,0)+IF(Input!$K$16=2,M2936*Input!$J$16,0)</f>
        <v>8.1353263132959486E-2</v>
      </c>
      <c r="P2936" s="58">
        <f>IF(Input!$K$13=3,J2936*Input!$J$13,0)+IF(Input!$K$14=3,K2936*Input!$J$14,0)+IF(Input!$K$15=3,L2936*Input!$J$15,0)+IF(Input!$K$16=3,M2936*Input!$J$16,0)</f>
        <v>0</v>
      </c>
      <c r="Q2936" s="71">
        <f>IF(Input!$K$13=4,J2936*Input!$J$13,0)+IF(Input!$K$14=4,K2936*Input!$J$14,0)+IF(Input!$K$15=4,L2936*Input!$J$15,0)+IF(Input!$K$16=4,M2936*Input!$J$16,0)</f>
        <v>0</v>
      </c>
    </row>
    <row r="2937" spans="8:17" x14ac:dyDescent="0.25">
      <c r="H2937" s="43">
        <v>2930</v>
      </c>
      <c r="I2937" s="55">
        <f>Bühler!I2963</f>
        <v>0.48260577907609942</v>
      </c>
      <c r="J2937" s="58">
        <f>Bühler!J2963</f>
        <v>8.7493696942130157</v>
      </c>
      <c r="K2937" s="58">
        <f>Bühler!K2963</f>
        <v>0.60261676394784813</v>
      </c>
      <c r="L2937" s="58">
        <f>Bühler!L2963</f>
        <v>0.30130838197392407</v>
      </c>
      <c r="M2937" s="57">
        <f>Bühler!M2963</f>
        <v>0</v>
      </c>
      <c r="N2937" s="55">
        <f>IF(Input!$K$13=1,J2937*Input!$J$13,0)+IF(Input!$K$14=1,K2937*Input!$J$14,0)+IF(Input!$K$15=1,L2937*Input!$J$15,0)+IF(Input!$K$16=1,M2937*Input!$J$16,0)</f>
        <v>1.0499243633055619</v>
      </c>
      <c r="O2937" s="58">
        <f>IF(Input!$K$13=2,J2937*Input!$J$13,0)+IF(Input!$K$14=2,K2937*Input!$J$14,0)+IF(Input!$K$15=2,L2937*Input!$J$15,0)+IF(Input!$K$16=2,M2937*Input!$J$16,0)</f>
        <v>8.1353263132959486E-2</v>
      </c>
      <c r="P2937" s="58">
        <f>IF(Input!$K$13=3,J2937*Input!$J$13,0)+IF(Input!$K$14=3,K2937*Input!$J$14,0)+IF(Input!$K$15=3,L2937*Input!$J$15,0)+IF(Input!$K$16=3,M2937*Input!$J$16,0)</f>
        <v>0</v>
      </c>
      <c r="Q2937" s="71">
        <f>IF(Input!$K$13=4,J2937*Input!$J$13,0)+IF(Input!$K$14=4,K2937*Input!$J$14,0)+IF(Input!$K$15=4,L2937*Input!$J$15,0)+IF(Input!$K$16=4,M2937*Input!$J$16,0)</f>
        <v>0</v>
      </c>
    </row>
    <row r="2938" spans="8:17" x14ac:dyDescent="0.25">
      <c r="H2938" s="43">
        <v>2931</v>
      </c>
      <c r="I2938" s="55">
        <f>Bühler!I2964</f>
        <v>0.48260577907609942</v>
      </c>
      <c r="J2938" s="58">
        <f>Bühler!J2964</f>
        <v>8.7493696942130157</v>
      </c>
      <c r="K2938" s="58">
        <f>Bühler!K2964</f>
        <v>0.60261676394784813</v>
      </c>
      <c r="L2938" s="58">
        <f>Bühler!L2964</f>
        <v>0.30130838197392407</v>
      </c>
      <c r="M2938" s="57">
        <f>Bühler!M2964</f>
        <v>0</v>
      </c>
      <c r="N2938" s="55">
        <f>IF(Input!$K$13=1,J2938*Input!$J$13,0)+IF(Input!$K$14=1,K2938*Input!$J$14,0)+IF(Input!$K$15=1,L2938*Input!$J$15,0)+IF(Input!$K$16=1,M2938*Input!$J$16,0)</f>
        <v>1.0499243633055619</v>
      </c>
      <c r="O2938" s="58">
        <f>IF(Input!$K$13=2,J2938*Input!$J$13,0)+IF(Input!$K$14=2,K2938*Input!$J$14,0)+IF(Input!$K$15=2,L2938*Input!$J$15,0)+IF(Input!$K$16=2,M2938*Input!$J$16,0)</f>
        <v>8.1353263132959486E-2</v>
      </c>
      <c r="P2938" s="58">
        <f>IF(Input!$K$13=3,J2938*Input!$J$13,0)+IF(Input!$K$14=3,K2938*Input!$J$14,0)+IF(Input!$K$15=3,L2938*Input!$J$15,0)+IF(Input!$K$16=3,M2938*Input!$J$16,0)</f>
        <v>0</v>
      </c>
      <c r="Q2938" s="71">
        <f>IF(Input!$K$13=4,J2938*Input!$J$13,0)+IF(Input!$K$14=4,K2938*Input!$J$14,0)+IF(Input!$K$15=4,L2938*Input!$J$15,0)+IF(Input!$K$16=4,M2938*Input!$J$16,0)</f>
        <v>0</v>
      </c>
    </row>
    <row r="2939" spans="8:17" x14ac:dyDescent="0.25">
      <c r="H2939" s="43">
        <v>2932</v>
      </c>
      <c r="I2939" s="55">
        <f>Bühler!I2965</f>
        <v>0.48260577907609942</v>
      </c>
      <c r="J2939" s="58">
        <f>Bühler!J2965</f>
        <v>8.7493696942130157</v>
      </c>
      <c r="K2939" s="58">
        <f>Bühler!K2965</f>
        <v>0.60261676394784813</v>
      </c>
      <c r="L2939" s="58">
        <f>Bühler!L2965</f>
        <v>0.30130838197392407</v>
      </c>
      <c r="M2939" s="57">
        <f>Bühler!M2965</f>
        <v>0</v>
      </c>
      <c r="N2939" s="55">
        <f>IF(Input!$K$13=1,J2939*Input!$J$13,0)+IF(Input!$K$14=1,K2939*Input!$J$14,0)+IF(Input!$K$15=1,L2939*Input!$J$15,0)+IF(Input!$K$16=1,M2939*Input!$J$16,0)</f>
        <v>1.0499243633055619</v>
      </c>
      <c r="O2939" s="58">
        <f>IF(Input!$K$13=2,J2939*Input!$J$13,0)+IF(Input!$K$14=2,K2939*Input!$J$14,0)+IF(Input!$K$15=2,L2939*Input!$J$15,0)+IF(Input!$K$16=2,M2939*Input!$J$16,0)</f>
        <v>8.1353263132959486E-2</v>
      </c>
      <c r="P2939" s="58">
        <f>IF(Input!$K$13=3,J2939*Input!$J$13,0)+IF(Input!$K$14=3,K2939*Input!$J$14,0)+IF(Input!$K$15=3,L2939*Input!$J$15,0)+IF(Input!$K$16=3,M2939*Input!$J$16,0)</f>
        <v>0</v>
      </c>
      <c r="Q2939" s="71">
        <f>IF(Input!$K$13=4,J2939*Input!$J$13,0)+IF(Input!$K$14=4,K2939*Input!$J$14,0)+IF(Input!$K$15=4,L2939*Input!$J$15,0)+IF(Input!$K$16=4,M2939*Input!$J$16,0)</f>
        <v>0</v>
      </c>
    </row>
    <row r="2940" spans="8:17" x14ac:dyDescent="0.25">
      <c r="H2940" s="43">
        <v>2933</v>
      </c>
      <c r="I2940" s="55">
        <f>Bühler!I2966</f>
        <v>0.48260577907609942</v>
      </c>
      <c r="J2940" s="58">
        <f>Bühler!J2966</f>
        <v>8.7493696942130157</v>
      </c>
      <c r="K2940" s="58">
        <f>Bühler!K2966</f>
        <v>0.60261676394784813</v>
      </c>
      <c r="L2940" s="58">
        <f>Bühler!L2966</f>
        <v>0.30130838197392407</v>
      </c>
      <c r="M2940" s="57">
        <f>Bühler!M2966</f>
        <v>0</v>
      </c>
      <c r="N2940" s="55">
        <f>IF(Input!$K$13=1,J2940*Input!$J$13,0)+IF(Input!$K$14=1,K2940*Input!$J$14,0)+IF(Input!$K$15=1,L2940*Input!$J$15,0)+IF(Input!$K$16=1,M2940*Input!$J$16,0)</f>
        <v>1.0499243633055619</v>
      </c>
      <c r="O2940" s="58">
        <f>IF(Input!$K$13=2,J2940*Input!$J$13,0)+IF(Input!$K$14=2,K2940*Input!$J$14,0)+IF(Input!$K$15=2,L2940*Input!$J$15,0)+IF(Input!$K$16=2,M2940*Input!$J$16,0)</f>
        <v>8.1353263132959486E-2</v>
      </c>
      <c r="P2940" s="58">
        <f>IF(Input!$K$13=3,J2940*Input!$J$13,0)+IF(Input!$K$14=3,K2940*Input!$J$14,0)+IF(Input!$K$15=3,L2940*Input!$J$15,0)+IF(Input!$K$16=3,M2940*Input!$J$16,0)</f>
        <v>0</v>
      </c>
      <c r="Q2940" s="71">
        <f>IF(Input!$K$13=4,J2940*Input!$J$13,0)+IF(Input!$K$14=4,K2940*Input!$J$14,0)+IF(Input!$K$15=4,L2940*Input!$J$15,0)+IF(Input!$K$16=4,M2940*Input!$J$16,0)</f>
        <v>0</v>
      </c>
    </row>
    <row r="2941" spans="8:17" x14ac:dyDescent="0.25">
      <c r="H2941" s="43">
        <v>2934</v>
      </c>
      <c r="I2941" s="55">
        <f>Bühler!I2967</f>
        <v>0.48260577907609942</v>
      </c>
      <c r="J2941" s="58">
        <f>Bühler!J2967</f>
        <v>8.7493696942130157</v>
      </c>
      <c r="K2941" s="58">
        <f>Bühler!K2967</f>
        <v>0.60261676394784813</v>
      </c>
      <c r="L2941" s="58">
        <f>Bühler!L2967</f>
        <v>0.30130838197392407</v>
      </c>
      <c r="M2941" s="57">
        <f>Bühler!M2967</f>
        <v>0</v>
      </c>
      <c r="N2941" s="55">
        <f>IF(Input!$K$13=1,J2941*Input!$J$13,0)+IF(Input!$K$14=1,K2941*Input!$J$14,0)+IF(Input!$K$15=1,L2941*Input!$J$15,0)+IF(Input!$K$16=1,M2941*Input!$J$16,0)</f>
        <v>1.0499243633055619</v>
      </c>
      <c r="O2941" s="58">
        <f>IF(Input!$K$13=2,J2941*Input!$J$13,0)+IF(Input!$K$14=2,K2941*Input!$J$14,0)+IF(Input!$K$15=2,L2941*Input!$J$15,0)+IF(Input!$K$16=2,M2941*Input!$J$16,0)</f>
        <v>8.1353263132959486E-2</v>
      </c>
      <c r="P2941" s="58">
        <f>IF(Input!$K$13=3,J2941*Input!$J$13,0)+IF(Input!$K$14=3,K2941*Input!$J$14,0)+IF(Input!$K$15=3,L2941*Input!$J$15,0)+IF(Input!$K$16=3,M2941*Input!$J$16,0)</f>
        <v>0</v>
      </c>
      <c r="Q2941" s="71">
        <f>IF(Input!$K$13=4,J2941*Input!$J$13,0)+IF(Input!$K$14=4,K2941*Input!$J$14,0)+IF(Input!$K$15=4,L2941*Input!$J$15,0)+IF(Input!$K$16=4,M2941*Input!$J$16,0)</f>
        <v>0</v>
      </c>
    </row>
    <row r="2942" spans="8:17" x14ac:dyDescent="0.25">
      <c r="H2942" s="43">
        <v>2935</v>
      </c>
      <c r="I2942" s="55">
        <f>Bühler!I2968</f>
        <v>0.48260577907609942</v>
      </c>
      <c r="J2942" s="58">
        <f>Bühler!J2968</f>
        <v>8.7493696942130157</v>
      </c>
      <c r="K2942" s="58">
        <f>Bühler!K2968</f>
        <v>0.60261676394784813</v>
      </c>
      <c r="L2942" s="58">
        <f>Bühler!L2968</f>
        <v>0.30130838197392407</v>
      </c>
      <c r="M2942" s="57">
        <f>Bühler!M2968</f>
        <v>0</v>
      </c>
      <c r="N2942" s="55">
        <f>IF(Input!$K$13=1,J2942*Input!$J$13,0)+IF(Input!$K$14=1,K2942*Input!$J$14,0)+IF(Input!$K$15=1,L2942*Input!$J$15,0)+IF(Input!$K$16=1,M2942*Input!$J$16,0)</f>
        <v>1.0499243633055619</v>
      </c>
      <c r="O2942" s="58">
        <f>IF(Input!$K$13=2,J2942*Input!$J$13,0)+IF(Input!$K$14=2,K2942*Input!$J$14,0)+IF(Input!$K$15=2,L2942*Input!$J$15,0)+IF(Input!$K$16=2,M2942*Input!$J$16,0)</f>
        <v>8.1353263132959486E-2</v>
      </c>
      <c r="P2942" s="58">
        <f>IF(Input!$K$13=3,J2942*Input!$J$13,0)+IF(Input!$K$14=3,K2942*Input!$J$14,0)+IF(Input!$K$15=3,L2942*Input!$J$15,0)+IF(Input!$K$16=3,M2942*Input!$J$16,0)</f>
        <v>0</v>
      </c>
      <c r="Q2942" s="71">
        <f>IF(Input!$K$13=4,J2942*Input!$J$13,0)+IF(Input!$K$14=4,K2942*Input!$J$14,0)+IF(Input!$K$15=4,L2942*Input!$J$15,0)+IF(Input!$K$16=4,M2942*Input!$J$16,0)</f>
        <v>0</v>
      </c>
    </row>
    <row r="2943" spans="8:17" x14ac:dyDescent="0.25">
      <c r="H2943" s="43">
        <v>2936</v>
      </c>
      <c r="I2943" s="55">
        <f>Bühler!I2969</f>
        <v>1.3295789213546536</v>
      </c>
      <c r="J2943" s="58">
        <f>Bühler!J2969</f>
        <v>35.069503190624793</v>
      </c>
      <c r="K2943" s="58">
        <f>Bühler!K2969</f>
        <v>2.4634242865625668</v>
      </c>
      <c r="L2943" s="58">
        <f>Bühler!L2969</f>
        <v>1.2317121432812834</v>
      </c>
      <c r="M2943" s="57">
        <f>Bühler!M2969</f>
        <v>0</v>
      </c>
      <c r="N2943" s="55">
        <f>IF(Input!$K$13=1,J2943*Input!$J$13,0)+IF(Input!$K$14=1,K2943*Input!$J$14,0)+IF(Input!$K$15=1,L2943*Input!$J$15,0)+IF(Input!$K$16=1,M2943*Input!$J$16,0)</f>
        <v>4.208340382874975</v>
      </c>
      <c r="O2943" s="58">
        <f>IF(Input!$K$13=2,J2943*Input!$J$13,0)+IF(Input!$K$14=2,K2943*Input!$J$14,0)+IF(Input!$K$15=2,L2943*Input!$J$15,0)+IF(Input!$K$16=2,M2943*Input!$J$16,0)</f>
        <v>0.33256227868594651</v>
      </c>
      <c r="P2943" s="58">
        <f>IF(Input!$K$13=3,J2943*Input!$J$13,0)+IF(Input!$K$14=3,K2943*Input!$J$14,0)+IF(Input!$K$15=3,L2943*Input!$J$15,0)+IF(Input!$K$16=3,M2943*Input!$J$16,0)</f>
        <v>0</v>
      </c>
      <c r="Q2943" s="71">
        <f>IF(Input!$K$13=4,J2943*Input!$J$13,0)+IF(Input!$K$14=4,K2943*Input!$J$14,0)+IF(Input!$K$15=4,L2943*Input!$J$15,0)+IF(Input!$K$16=4,M2943*Input!$J$16,0)</f>
        <v>0</v>
      </c>
    </row>
    <row r="2944" spans="8:17" x14ac:dyDescent="0.25">
      <c r="H2944" s="43">
        <v>2937</v>
      </c>
      <c r="I2944" s="55">
        <f>Bühler!I2970</f>
        <v>1.4835301648799295</v>
      </c>
      <c r="J2944" s="58">
        <f>Bühler!J2970</f>
        <v>39.130182507433986</v>
      </c>
      <c r="K2944" s="58">
        <f>Bühler!K2970</f>
        <v>2.7486628881645485</v>
      </c>
      <c r="L2944" s="58">
        <f>Bühler!L2970</f>
        <v>1.3743314440822743</v>
      </c>
      <c r="M2944" s="57">
        <f>Bühler!M2970</f>
        <v>0</v>
      </c>
      <c r="N2944" s="55">
        <f>IF(Input!$K$13=1,J2944*Input!$J$13,0)+IF(Input!$K$14=1,K2944*Input!$J$14,0)+IF(Input!$K$15=1,L2944*Input!$J$15,0)+IF(Input!$K$16=1,M2944*Input!$J$16,0)</f>
        <v>4.6956219008920783</v>
      </c>
      <c r="O2944" s="58">
        <f>IF(Input!$K$13=2,J2944*Input!$J$13,0)+IF(Input!$K$14=2,K2944*Input!$J$14,0)+IF(Input!$K$15=2,L2944*Input!$J$15,0)+IF(Input!$K$16=2,M2944*Input!$J$16,0)</f>
        <v>0.371069489902214</v>
      </c>
      <c r="P2944" s="58">
        <f>IF(Input!$K$13=3,J2944*Input!$J$13,0)+IF(Input!$K$14=3,K2944*Input!$J$14,0)+IF(Input!$K$15=3,L2944*Input!$J$15,0)+IF(Input!$K$16=3,M2944*Input!$J$16,0)</f>
        <v>0</v>
      </c>
      <c r="Q2944" s="71">
        <f>IF(Input!$K$13=4,J2944*Input!$J$13,0)+IF(Input!$K$14=4,K2944*Input!$J$14,0)+IF(Input!$K$15=4,L2944*Input!$J$15,0)+IF(Input!$K$16=4,M2944*Input!$J$16,0)</f>
        <v>0</v>
      </c>
    </row>
    <row r="2945" spans="8:17" x14ac:dyDescent="0.25">
      <c r="H2945" s="43">
        <v>2938</v>
      </c>
      <c r="I2945" s="55">
        <f>Bühler!I2971</f>
        <v>1.637481408405205</v>
      </c>
      <c r="J2945" s="58">
        <f>Bühler!J2971</f>
        <v>43.190861824243171</v>
      </c>
      <c r="K2945" s="58">
        <f>Bühler!K2971</f>
        <v>3.0339014897665297</v>
      </c>
      <c r="L2945" s="58">
        <f>Bühler!L2971</f>
        <v>1.5169507448832649</v>
      </c>
      <c r="M2945" s="57">
        <f>Bühler!M2971</f>
        <v>0</v>
      </c>
      <c r="N2945" s="55">
        <f>IF(Input!$K$13=1,J2945*Input!$J$13,0)+IF(Input!$K$14=1,K2945*Input!$J$14,0)+IF(Input!$K$15=1,L2945*Input!$J$15,0)+IF(Input!$K$16=1,M2945*Input!$J$16,0)</f>
        <v>5.1829034189091807</v>
      </c>
      <c r="O2945" s="58">
        <f>IF(Input!$K$13=2,J2945*Input!$J$13,0)+IF(Input!$K$14=2,K2945*Input!$J$14,0)+IF(Input!$K$15=2,L2945*Input!$J$15,0)+IF(Input!$K$16=2,M2945*Input!$J$16,0)</f>
        <v>0.40957670111848149</v>
      </c>
      <c r="P2945" s="58">
        <f>IF(Input!$K$13=3,J2945*Input!$J$13,0)+IF(Input!$K$14=3,K2945*Input!$J$14,0)+IF(Input!$K$15=3,L2945*Input!$J$15,0)+IF(Input!$K$16=3,M2945*Input!$J$16,0)</f>
        <v>0</v>
      </c>
      <c r="Q2945" s="71">
        <f>IF(Input!$K$13=4,J2945*Input!$J$13,0)+IF(Input!$K$14=4,K2945*Input!$J$14,0)+IF(Input!$K$15=4,L2945*Input!$J$15,0)+IF(Input!$K$16=4,M2945*Input!$J$16,0)</f>
        <v>0</v>
      </c>
    </row>
    <row r="2946" spans="8:17" x14ac:dyDescent="0.25">
      <c r="H2946" s="43">
        <v>2939</v>
      </c>
      <c r="I2946" s="55">
        <f>Bühler!I2972</f>
        <v>1.637481408405205</v>
      </c>
      <c r="J2946" s="58">
        <f>Bühler!J2972</f>
        <v>43.190861824243171</v>
      </c>
      <c r="K2946" s="58">
        <f>Bühler!K2972</f>
        <v>3.0339014897665297</v>
      </c>
      <c r="L2946" s="58">
        <f>Bühler!L2972</f>
        <v>1.5169507448832649</v>
      </c>
      <c r="M2946" s="57">
        <f>Bühler!M2972</f>
        <v>0</v>
      </c>
      <c r="N2946" s="55">
        <f>IF(Input!$K$13=1,J2946*Input!$J$13,0)+IF(Input!$K$14=1,K2946*Input!$J$14,0)+IF(Input!$K$15=1,L2946*Input!$J$15,0)+IF(Input!$K$16=1,M2946*Input!$J$16,0)</f>
        <v>5.1829034189091807</v>
      </c>
      <c r="O2946" s="58">
        <f>IF(Input!$K$13=2,J2946*Input!$J$13,0)+IF(Input!$K$14=2,K2946*Input!$J$14,0)+IF(Input!$K$15=2,L2946*Input!$J$15,0)+IF(Input!$K$16=2,M2946*Input!$J$16,0)</f>
        <v>0.40957670111848149</v>
      </c>
      <c r="P2946" s="58">
        <f>IF(Input!$K$13=3,J2946*Input!$J$13,0)+IF(Input!$K$14=3,K2946*Input!$J$14,0)+IF(Input!$K$15=3,L2946*Input!$J$15,0)+IF(Input!$K$16=3,M2946*Input!$J$16,0)</f>
        <v>0</v>
      </c>
      <c r="Q2946" s="71">
        <f>IF(Input!$K$13=4,J2946*Input!$J$13,0)+IF(Input!$K$14=4,K2946*Input!$J$14,0)+IF(Input!$K$15=4,L2946*Input!$J$15,0)+IF(Input!$K$16=4,M2946*Input!$J$16,0)</f>
        <v>0</v>
      </c>
    </row>
    <row r="2947" spans="8:17" x14ac:dyDescent="0.25">
      <c r="H2947" s="43">
        <v>2940</v>
      </c>
      <c r="I2947" s="55">
        <f>Bühler!I2973</f>
        <v>1.9593794630489634</v>
      </c>
      <c r="J2947" s="58">
        <f>Bühler!J2973</f>
        <v>51.681373123026013</v>
      </c>
      <c r="K2947" s="58">
        <f>Bühler!K2973</f>
        <v>3.6303094749343088</v>
      </c>
      <c r="L2947" s="58">
        <f>Bühler!L2973</f>
        <v>1.8151547374671544</v>
      </c>
      <c r="M2947" s="57">
        <f>Bühler!M2973</f>
        <v>0</v>
      </c>
      <c r="N2947" s="55">
        <f>IF(Input!$K$13=1,J2947*Input!$J$13,0)+IF(Input!$K$14=1,K2947*Input!$J$14,0)+IF(Input!$K$15=1,L2947*Input!$J$15,0)+IF(Input!$K$16=1,M2947*Input!$J$16,0)</f>
        <v>6.201764774763121</v>
      </c>
      <c r="O2947" s="58">
        <f>IF(Input!$K$13=2,J2947*Input!$J$13,0)+IF(Input!$K$14=2,K2947*Input!$J$14,0)+IF(Input!$K$15=2,L2947*Input!$J$15,0)+IF(Input!$K$16=2,M2947*Input!$J$16,0)</f>
        <v>0.49009177911613167</v>
      </c>
      <c r="P2947" s="58">
        <f>IF(Input!$K$13=3,J2947*Input!$J$13,0)+IF(Input!$K$14=3,K2947*Input!$J$14,0)+IF(Input!$K$15=3,L2947*Input!$J$15,0)+IF(Input!$K$16=3,M2947*Input!$J$16,0)</f>
        <v>0</v>
      </c>
      <c r="Q2947" s="71">
        <f>IF(Input!$K$13=4,J2947*Input!$J$13,0)+IF(Input!$K$14=4,K2947*Input!$J$14,0)+IF(Input!$K$15=4,L2947*Input!$J$15,0)+IF(Input!$K$16=4,M2947*Input!$J$16,0)</f>
        <v>0</v>
      </c>
    </row>
    <row r="2948" spans="8:17" x14ac:dyDescent="0.25">
      <c r="H2948" s="43">
        <v>2941</v>
      </c>
      <c r="I2948" s="55">
        <f>Bühler!I2974</f>
        <v>1.9593794630489634</v>
      </c>
      <c r="J2948" s="58">
        <f>Bühler!J2974</f>
        <v>51.681373123026013</v>
      </c>
      <c r="K2948" s="58">
        <f>Bühler!K2974</f>
        <v>3.6303094749343088</v>
      </c>
      <c r="L2948" s="58">
        <f>Bühler!L2974</f>
        <v>1.8151547374671544</v>
      </c>
      <c r="M2948" s="57">
        <f>Bühler!M2974</f>
        <v>0</v>
      </c>
      <c r="N2948" s="55">
        <f>IF(Input!$K$13=1,J2948*Input!$J$13,0)+IF(Input!$K$14=1,K2948*Input!$J$14,0)+IF(Input!$K$15=1,L2948*Input!$J$15,0)+IF(Input!$K$16=1,M2948*Input!$J$16,0)</f>
        <v>6.201764774763121</v>
      </c>
      <c r="O2948" s="58">
        <f>IF(Input!$K$13=2,J2948*Input!$J$13,0)+IF(Input!$K$14=2,K2948*Input!$J$14,0)+IF(Input!$K$15=2,L2948*Input!$J$15,0)+IF(Input!$K$16=2,M2948*Input!$J$16,0)</f>
        <v>0.49009177911613167</v>
      </c>
      <c r="P2948" s="58">
        <f>IF(Input!$K$13=3,J2948*Input!$J$13,0)+IF(Input!$K$14=3,K2948*Input!$J$14,0)+IF(Input!$K$15=3,L2948*Input!$J$15,0)+IF(Input!$K$16=3,M2948*Input!$J$16,0)</f>
        <v>0</v>
      </c>
      <c r="Q2948" s="71">
        <f>IF(Input!$K$13=4,J2948*Input!$J$13,0)+IF(Input!$K$14=4,K2948*Input!$J$14,0)+IF(Input!$K$15=4,L2948*Input!$J$15,0)+IF(Input!$K$16=4,M2948*Input!$J$16,0)</f>
        <v>0</v>
      </c>
    </row>
    <row r="2949" spans="8:17" x14ac:dyDescent="0.25">
      <c r="H2949" s="43">
        <v>2942</v>
      </c>
      <c r="I2949" s="55">
        <f>Bühler!I2975</f>
        <v>1.3015877861682399</v>
      </c>
      <c r="J2949" s="58">
        <f>Bühler!J2975</f>
        <v>34.331197860295845</v>
      </c>
      <c r="K2949" s="58">
        <f>Bühler!K2975</f>
        <v>2.4115627226349337</v>
      </c>
      <c r="L2949" s="58">
        <f>Bühler!L2975</f>
        <v>1.2057813613174668</v>
      </c>
      <c r="M2949" s="57">
        <f>Bühler!M2975</f>
        <v>0</v>
      </c>
      <c r="N2949" s="55">
        <f>IF(Input!$K$13=1,J2949*Input!$J$13,0)+IF(Input!$K$14=1,K2949*Input!$J$14,0)+IF(Input!$K$15=1,L2949*Input!$J$15,0)+IF(Input!$K$16=1,M2949*Input!$J$16,0)</f>
        <v>4.1197437432355013</v>
      </c>
      <c r="O2949" s="58">
        <f>IF(Input!$K$13=2,J2949*Input!$J$13,0)+IF(Input!$K$14=2,K2949*Input!$J$14,0)+IF(Input!$K$15=2,L2949*Input!$J$15,0)+IF(Input!$K$16=2,M2949*Input!$J$16,0)</f>
        <v>0.32556096755571601</v>
      </c>
      <c r="P2949" s="58">
        <f>IF(Input!$K$13=3,J2949*Input!$J$13,0)+IF(Input!$K$14=3,K2949*Input!$J$14,0)+IF(Input!$K$15=3,L2949*Input!$J$15,0)+IF(Input!$K$16=3,M2949*Input!$J$16,0)</f>
        <v>0</v>
      </c>
      <c r="Q2949" s="71">
        <f>IF(Input!$K$13=4,J2949*Input!$J$13,0)+IF(Input!$K$14=4,K2949*Input!$J$14,0)+IF(Input!$K$15=4,L2949*Input!$J$15,0)+IF(Input!$K$16=4,M2949*Input!$J$16,0)</f>
        <v>0</v>
      </c>
    </row>
    <row r="2950" spans="8:17" x14ac:dyDescent="0.25">
      <c r="H2950" s="43">
        <v>2943</v>
      </c>
      <c r="I2950" s="55">
        <f>Bühler!I2976</f>
        <v>1.9593794630489634</v>
      </c>
      <c r="J2950" s="58">
        <f>Bühler!J2976</f>
        <v>51.681373123026013</v>
      </c>
      <c r="K2950" s="58">
        <f>Bühler!K2976</f>
        <v>3.6303094749343088</v>
      </c>
      <c r="L2950" s="58">
        <f>Bühler!L2976</f>
        <v>1.8151547374671544</v>
      </c>
      <c r="M2950" s="57">
        <f>Bühler!M2976</f>
        <v>0</v>
      </c>
      <c r="N2950" s="55">
        <f>IF(Input!$K$13=1,J2950*Input!$J$13,0)+IF(Input!$K$14=1,K2950*Input!$J$14,0)+IF(Input!$K$15=1,L2950*Input!$J$15,0)+IF(Input!$K$16=1,M2950*Input!$J$16,0)</f>
        <v>6.201764774763121</v>
      </c>
      <c r="O2950" s="58">
        <f>IF(Input!$K$13=2,J2950*Input!$J$13,0)+IF(Input!$K$14=2,K2950*Input!$J$14,0)+IF(Input!$K$15=2,L2950*Input!$J$15,0)+IF(Input!$K$16=2,M2950*Input!$J$16,0)</f>
        <v>0.49009177911613167</v>
      </c>
      <c r="P2950" s="58">
        <f>IF(Input!$K$13=3,J2950*Input!$J$13,0)+IF(Input!$K$14=3,K2950*Input!$J$14,0)+IF(Input!$K$15=3,L2950*Input!$J$15,0)+IF(Input!$K$16=3,M2950*Input!$J$16,0)</f>
        <v>0</v>
      </c>
      <c r="Q2950" s="71">
        <f>IF(Input!$K$13=4,J2950*Input!$J$13,0)+IF(Input!$K$14=4,K2950*Input!$J$14,0)+IF(Input!$K$15=4,L2950*Input!$J$15,0)+IF(Input!$K$16=4,M2950*Input!$J$16,0)</f>
        <v>0</v>
      </c>
    </row>
    <row r="2951" spans="8:17" x14ac:dyDescent="0.25">
      <c r="H2951" s="43">
        <v>2944</v>
      </c>
      <c r="I2951" s="55">
        <f>Bühler!I2977</f>
        <v>1.9593794630489634</v>
      </c>
      <c r="J2951" s="58">
        <f>Bühler!J2977</f>
        <v>51.681373123026013</v>
      </c>
      <c r="K2951" s="58">
        <f>Bühler!K2977</f>
        <v>3.6303094749343088</v>
      </c>
      <c r="L2951" s="58">
        <f>Bühler!L2977</f>
        <v>1.8151547374671544</v>
      </c>
      <c r="M2951" s="57">
        <f>Bühler!M2977</f>
        <v>0</v>
      </c>
      <c r="N2951" s="55">
        <f>IF(Input!$K$13=1,J2951*Input!$J$13,0)+IF(Input!$K$14=1,K2951*Input!$J$14,0)+IF(Input!$K$15=1,L2951*Input!$J$15,0)+IF(Input!$K$16=1,M2951*Input!$J$16,0)</f>
        <v>6.201764774763121</v>
      </c>
      <c r="O2951" s="58">
        <f>IF(Input!$K$13=2,J2951*Input!$J$13,0)+IF(Input!$K$14=2,K2951*Input!$J$14,0)+IF(Input!$K$15=2,L2951*Input!$J$15,0)+IF(Input!$K$16=2,M2951*Input!$J$16,0)</f>
        <v>0.49009177911613167</v>
      </c>
      <c r="P2951" s="58">
        <f>IF(Input!$K$13=3,J2951*Input!$J$13,0)+IF(Input!$K$14=3,K2951*Input!$J$14,0)+IF(Input!$K$15=3,L2951*Input!$J$15,0)+IF(Input!$K$16=3,M2951*Input!$J$16,0)</f>
        <v>0</v>
      </c>
      <c r="Q2951" s="71">
        <f>IF(Input!$K$13=4,J2951*Input!$J$13,0)+IF(Input!$K$14=4,K2951*Input!$J$14,0)+IF(Input!$K$15=4,L2951*Input!$J$15,0)+IF(Input!$K$16=4,M2951*Input!$J$16,0)</f>
        <v>0</v>
      </c>
    </row>
    <row r="2952" spans="8:17" x14ac:dyDescent="0.25">
      <c r="H2952" s="43">
        <v>2945</v>
      </c>
      <c r="I2952" s="55">
        <f>Bühler!I2978</f>
        <v>1.6372401055156676</v>
      </c>
      <c r="J2952" s="58">
        <f>Bühler!J2978</f>
        <v>30.97791780340134</v>
      </c>
      <c r="K2952" s="58">
        <f>Bühler!K2978</f>
        <v>2.139289512014861</v>
      </c>
      <c r="L2952" s="58">
        <f>Bühler!L2978</f>
        <v>1.0696447560074305</v>
      </c>
      <c r="M2952" s="57">
        <f>Bühler!M2978</f>
        <v>0</v>
      </c>
      <c r="N2952" s="55">
        <f>IF(Input!$K$13=1,J2952*Input!$J$13,0)+IF(Input!$K$14=1,K2952*Input!$J$14,0)+IF(Input!$K$15=1,L2952*Input!$J$15,0)+IF(Input!$K$16=1,M2952*Input!$J$16,0)</f>
        <v>3.7173501364081605</v>
      </c>
      <c r="O2952" s="58">
        <f>IF(Input!$K$13=2,J2952*Input!$J$13,0)+IF(Input!$K$14=2,K2952*Input!$J$14,0)+IF(Input!$K$15=2,L2952*Input!$J$15,0)+IF(Input!$K$16=2,M2952*Input!$J$16,0)</f>
        <v>0.2888040841220062</v>
      </c>
      <c r="P2952" s="58">
        <f>IF(Input!$K$13=3,J2952*Input!$J$13,0)+IF(Input!$K$14=3,K2952*Input!$J$14,0)+IF(Input!$K$15=3,L2952*Input!$J$15,0)+IF(Input!$K$16=3,M2952*Input!$J$16,0)</f>
        <v>0</v>
      </c>
      <c r="Q2952" s="71">
        <f>IF(Input!$K$13=4,J2952*Input!$J$13,0)+IF(Input!$K$14=4,K2952*Input!$J$14,0)+IF(Input!$K$15=4,L2952*Input!$J$15,0)+IF(Input!$K$16=4,M2952*Input!$J$16,0)</f>
        <v>0</v>
      </c>
    </row>
    <row r="2953" spans="8:17" x14ac:dyDescent="0.25">
      <c r="H2953" s="43">
        <v>2946</v>
      </c>
      <c r="I2953" s="55">
        <f>Bühler!I2979</f>
        <v>1.3018290890577782</v>
      </c>
      <c r="J2953" s="58">
        <f>Bühler!J2979</f>
        <v>13.874779644783159</v>
      </c>
      <c r="K2953" s="58">
        <f>Bühler!K2979</f>
        <v>0.91305570295128502</v>
      </c>
      <c r="L2953" s="58">
        <f>Bühler!L2979</f>
        <v>0.45652785147564251</v>
      </c>
      <c r="M2953" s="57">
        <f>Bühler!M2979</f>
        <v>0</v>
      </c>
      <c r="N2953" s="55">
        <f>IF(Input!$K$13=1,J2953*Input!$J$13,0)+IF(Input!$K$14=1,K2953*Input!$J$14,0)+IF(Input!$K$15=1,L2953*Input!$J$15,0)+IF(Input!$K$16=1,M2953*Input!$J$16,0)</f>
        <v>1.664973557373979</v>
      </c>
      <c r="O2953" s="58">
        <f>IF(Input!$K$13=2,J2953*Input!$J$13,0)+IF(Input!$K$14=2,K2953*Input!$J$14,0)+IF(Input!$K$15=2,L2953*Input!$J$15,0)+IF(Input!$K$16=2,M2953*Input!$J$16,0)</f>
        <v>0.12326251989842348</v>
      </c>
      <c r="P2953" s="58">
        <f>IF(Input!$K$13=3,J2953*Input!$J$13,0)+IF(Input!$K$14=3,K2953*Input!$J$14,0)+IF(Input!$K$15=3,L2953*Input!$J$15,0)+IF(Input!$K$16=3,M2953*Input!$J$16,0)</f>
        <v>0</v>
      </c>
      <c r="Q2953" s="71">
        <f>IF(Input!$K$13=4,J2953*Input!$J$13,0)+IF(Input!$K$14=4,K2953*Input!$J$14,0)+IF(Input!$K$15=4,L2953*Input!$J$15,0)+IF(Input!$K$16=4,M2953*Input!$J$16,0)</f>
        <v>0</v>
      </c>
    </row>
    <row r="2954" spans="8:17" x14ac:dyDescent="0.25">
      <c r="H2954" s="43">
        <v>2947</v>
      </c>
      <c r="I2954" s="55">
        <f>Bühler!I2980</f>
        <v>0.48260577907609942</v>
      </c>
      <c r="J2954" s="58">
        <f>Bühler!J2980</f>
        <v>8.7493696942130157</v>
      </c>
      <c r="K2954" s="58">
        <f>Bühler!K2980</f>
        <v>0.60261676394784813</v>
      </c>
      <c r="L2954" s="58">
        <f>Bühler!L2980</f>
        <v>0.30130838197392407</v>
      </c>
      <c r="M2954" s="57">
        <f>Bühler!M2980</f>
        <v>0</v>
      </c>
      <c r="N2954" s="55">
        <f>IF(Input!$K$13=1,J2954*Input!$J$13,0)+IF(Input!$K$14=1,K2954*Input!$J$14,0)+IF(Input!$K$15=1,L2954*Input!$J$15,0)+IF(Input!$K$16=1,M2954*Input!$J$16,0)</f>
        <v>1.0499243633055619</v>
      </c>
      <c r="O2954" s="58">
        <f>IF(Input!$K$13=2,J2954*Input!$J$13,0)+IF(Input!$K$14=2,K2954*Input!$J$14,0)+IF(Input!$K$15=2,L2954*Input!$J$15,0)+IF(Input!$K$16=2,M2954*Input!$J$16,0)</f>
        <v>8.1353263132959486E-2</v>
      </c>
      <c r="P2954" s="58">
        <f>IF(Input!$K$13=3,J2954*Input!$J$13,0)+IF(Input!$K$14=3,K2954*Input!$J$14,0)+IF(Input!$K$15=3,L2954*Input!$J$15,0)+IF(Input!$K$16=3,M2954*Input!$J$16,0)</f>
        <v>0</v>
      </c>
      <c r="Q2954" s="71">
        <f>IF(Input!$K$13=4,J2954*Input!$J$13,0)+IF(Input!$K$14=4,K2954*Input!$J$14,0)+IF(Input!$K$15=4,L2954*Input!$J$15,0)+IF(Input!$K$16=4,M2954*Input!$J$16,0)</f>
        <v>0</v>
      </c>
    </row>
    <row r="2955" spans="8:17" x14ac:dyDescent="0.25">
      <c r="H2955" s="43">
        <v>2948</v>
      </c>
      <c r="I2955" s="55">
        <f>Bühler!I2981</f>
        <v>0.48260577907609942</v>
      </c>
      <c r="J2955" s="58">
        <f>Bühler!J2981</f>
        <v>8.7493696942130157</v>
      </c>
      <c r="K2955" s="58">
        <f>Bühler!K2981</f>
        <v>0.60261676394784813</v>
      </c>
      <c r="L2955" s="58">
        <f>Bühler!L2981</f>
        <v>0.30130838197392407</v>
      </c>
      <c r="M2955" s="57">
        <f>Bühler!M2981</f>
        <v>0</v>
      </c>
      <c r="N2955" s="55">
        <f>IF(Input!$K$13=1,J2955*Input!$J$13,0)+IF(Input!$K$14=1,K2955*Input!$J$14,0)+IF(Input!$K$15=1,L2955*Input!$J$15,0)+IF(Input!$K$16=1,M2955*Input!$J$16,0)</f>
        <v>1.0499243633055619</v>
      </c>
      <c r="O2955" s="58">
        <f>IF(Input!$K$13=2,J2955*Input!$J$13,0)+IF(Input!$K$14=2,K2955*Input!$J$14,0)+IF(Input!$K$15=2,L2955*Input!$J$15,0)+IF(Input!$K$16=2,M2955*Input!$J$16,0)</f>
        <v>8.1353263132959486E-2</v>
      </c>
      <c r="P2955" s="58">
        <f>IF(Input!$K$13=3,J2955*Input!$J$13,0)+IF(Input!$K$14=3,K2955*Input!$J$14,0)+IF(Input!$K$15=3,L2955*Input!$J$15,0)+IF(Input!$K$16=3,M2955*Input!$J$16,0)</f>
        <v>0</v>
      </c>
      <c r="Q2955" s="71">
        <f>IF(Input!$K$13=4,J2955*Input!$J$13,0)+IF(Input!$K$14=4,K2955*Input!$J$14,0)+IF(Input!$K$15=4,L2955*Input!$J$15,0)+IF(Input!$K$16=4,M2955*Input!$J$16,0)</f>
        <v>0</v>
      </c>
    </row>
    <row r="2956" spans="8:17" x14ac:dyDescent="0.25">
      <c r="H2956" s="43">
        <v>2949</v>
      </c>
      <c r="I2956" s="55">
        <f>Bühler!I2982</f>
        <v>0.48260577907609942</v>
      </c>
      <c r="J2956" s="58">
        <f>Bühler!J2982</f>
        <v>8.7493696942130157</v>
      </c>
      <c r="K2956" s="58">
        <f>Bühler!K2982</f>
        <v>0.60261676394784813</v>
      </c>
      <c r="L2956" s="58">
        <f>Bühler!L2982</f>
        <v>0.30130838197392407</v>
      </c>
      <c r="M2956" s="57">
        <f>Bühler!M2982</f>
        <v>0</v>
      </c>
      <c r="N2956" s="55">
        <f>IF(Input!$K$13=1,J2956*Input!$J$13,0)+IF(Input!$K$14=1,K2956*Input!$J$14,0)+IF(Input!$K$15=1,L2956*Input!$J$15,0)+IF(Input!$K$16=1,M2956*Input!$J$16,0)</f>
        <v>1.0499243633055619</v>
      </c>
      <c r="O2956" s="58">
        <f>IF(Input!$K$13=2,J2956*Input!$J$13,0)+IF(Input!$K$14=2,K2956*Input!$J$14,0)+IF(Input!$K$15=2,L2956*Input!$J$15,0)+IF(Input!$K$16=2,M2956*Input!$J$16,0)</f>
        <v>8.1353263132959486E-2</v>
      </c>
      <c r="P2956" s="58">
        <f>IF(Input!$K$13=3,J2956*Input!$J$13,0)+IF(Input!$K$14=3,K2956*Input!$J$14,0)+IF(Input!$K$15=3,L2956*Input!$J$15,0)+IF(Input!$K$16=3,M2956*Input!$J$16,0)</f>
        <v>0</v>
      </c>
      <c r="Q2956" s="71">
        <f>IF(Input!$K$13=4,J2956*Input!$J$13,0)+IF(Input!$K$14=4,K2956*Input!$J$14,0)+IF(Input!$K$15=4,L2956*Input!$J$15,0)+IF(Input!$K$16=4,M2956*Input!$J$16,0)</f>
        <v>0</v>
      </c>
    </row>
    <row r="2957" spans="8:17" x14ac:dyDescent="0.25">
      <c r="H2957" s="43">
        <v>2950</v>
      </c>
      <c r="I2957" s="55">
        <f>Bühler!I2983</f>
        <v>0.48260577907609942</v>
      </c>
      <c r="J2957" s="58">
        <f>Bühler!J2983</f>
        <v>8.7493696942130157</v>
      </c>
      <c r="K2957" s="58">
        <f>Bühler!K2983</f>
        <v>0.60261676394784813</v>
      </c>
      <c r="L2957" s="58">
        <f>Bühler!L2983</f>
        <v>0.30130838197392407</v>
      </c>
      <c r="M2957" s="57">
        <f>Bühler!M2983</f>
        <v>0</v>
      </c>
      <c r="N2957" s="55">
        <f>IF(Input!$K$13=1,J2957*Input!$J$13,0)+IF(Input!$K$14=1,K2957*Input!$J$14,0)+IF(Input!$K$15=1,L2957*Input!$J$15,0)+IF(Input!$K$16=1,M2957*Input!$J$16,0)</f>
        <v>1.0499243633055619</v>
      </c>
      <c r="O2957" s="58">
        <f>IF(Input!$K$13=2,J2957*Input!$J$13,0)+IF(Input!$K$14=2,K2957*Input!$J$14,0)+IF(Input!$K$15=2,L2957*Input!$J$15,0)+IF(Input!$K$16=2,M2957*Input!$J$16,0)</f>
        <v>8.1353263132959486E-2</v>
      </c>
      <c r="P2957" s="58">
        <f>IF(Input!$K$13=3,J2957*Input!$J$13,0)+IF(Input!$K$14=3,K2957*Input!$J$14,0)+IF(Input!$K$15=3,L2957*Input!$J$15,0)+IF(Input!$K$16=3,M2957*Input!$J$16,0)</f>
        <v>0</v>
      </c>
      <c r="Q2957" s="71">
        <f>IF(Input!$K$13=4,J2957*Input!$J$13,0)+IF(Input!$K$14=4,K2957*Input!$J$14,0)+IF(Input!$K$15=4,L2957*Input!$J$15,0)+IF(Input!$K$16=4,M2957*Input!$J$16,0)</f>
        <v>0</v>
      </c>
    </row>
    <row r="2958" spans="8:17" x14ac:dyDescent="0.25">
      <c r="H2958" s="43">
        <v>2951</v>
      </c>
      <c r="I2958" s="55">
        <f>Bühler!I2984</f>
        <v>0.48260577907609942</v>
      </c>
      <c r="J2958" s="58">
        <f>Bühler!J2984</f>
        <v>8.7493696942130157</v>
      </c>
      <c r="K2958" s="58">
        <f>Bühler!K2984</f>
        <v>0.60261676394784813</v>
      </c>
      <c r="L2958" s="58">
        <f>Bühler!L2984</f>
        <v>0.30130838197392407</v>
      </c>
      <c r="M2958" s="57">
        <f>Bühler!M2984</f>
        <v>0</v>
      </c>
      <c r="N2958" s="55">
        <f>IF(Input!$K$13=1,J2958*Input!$J$13,0)+IF(Input!$K$14=1,K2958*Input!$J$14,0)+IF(Input!$K$15=1,L2958*Input!$J$15,0)+IF(Input!$K$16=1,M2958*Input!$J$16,0)</f>
        <v>1.0499243633055619</v>
      </c>
      <c r="O2958" s="58">
        <f>IF(Input!$K$13=2,J2958*Input!$J$13,0)+IF(Input!$K$14=2,K2958*Input!$J$14,0)+IF(Input!$K$15=2,L2958*Input!$J$15,0)+IF(Input!$K$16=2,M2958*Input!$J$16,0)</f>
        <v>8.1353263132959486E-2</v>
      </c>
      <c r="P2958" s="58">
        <f>IF(Input!$K$13=3,J2958*Input!$J$13,0)+IF(Input!$K$14=3,K2958*Input!$J$14,0)+IF(Input!$K$15=3,L2958*Input!$J$15,0)+IF(Input!$K$16=3,M2958*Input!$J$16,0)</f>
        <v>0</v>
      </c>
      <c r="Q2958" s="71">
        <f>IF(Input!$K$13=4,J2958*Input!$J$13,0)+IF(Input!$K$14=4,K2958*Input!$J$14,0)+IF(Input!$K$15=4,L2958*Input!$J$15,0)+IF(Input!$K$16=4,M2958*Input!$J$16,0)</f>
        <v>0</v>
      </c>
    </row>
    <row r="2959" spans="8:17" x14ac:dyDescent="0.25">
      <c r="H2959" s="43">
        <v>2952</v>
      </c>
      <c r="I2959" s="55">
        <f>Bühler!I2985</f>
        <v>0.48260577907609942</v>
      </c>
      <c r="J2959" s="58">
        <f>Bühler!J2985</f>
        <v>8.7493696942130157</v>
      </c>
      <c r="K2959" s="58">
        <f>Bühler!K2985</f>
        <v>0.60261676394784813</v>
      </c>
      <c r="L2959" s="58">
        <f>Bühler!L2985</f>
        <v>0.30130838197392407</v>
      </c>
      <c r="M2959" s="57">
        <f>Bühler!M2985</f>
        <v>0</v>
      </c>
      <c r="N2959" s="55">
        <f>IF(Input!$K$13=1,J2959*Input!$J$13,0)+IF(Input!$K$14=1,K2959*Input!$J$14,0)+IF(Input!$K$15=1,L2959*Input!$J$15,0)+IF(Input!$K$16=1,M2959*Input!$J$16,0)</f>
        <v>1.0499243633055619</v>
      </c>
      <c r="O2959" s="58">
        <f>IF(Input!$K$13=2,J2959*Input!$J$13,0)+IF(Input!$K$14=2,K2959*Input!$J$14,0)+IF(Input!$K$15=2,L2959*Input!$J$15,0)+IF(Input!$K$16=2,M2959*Input!$J$16,0)</f>
        <v>8.1353263132959486E-2</v>
      </c>
      <c r="P2959" s="58">
        <f>IF(Input!$K$13=3,J2959*Input!$J$13,0)+IF(Input!$K$14=3,K2959*Input!$J$14,0)+IF(Input!$K$15=3,L2959*Input!$J$15,0)+IF(Input!$K$16=3,M2959*Input!$J$16,0)</f>
        <v>0</v>
      </c>
      <c r="Q2959" s="71">
        <f>IF(Input!$K$13=4,J2959*Input!$J$13,0)+IF(Input!$K$14=4,K2959*Input!$J$14,0)+IF(Input!$K$15=4,L2959*Input!$J$15,0)+IF(Input!$K$16=4,M2959*Input!$J$16,0)</f>
        <v>0</v>
      </c>
    </row>
    <row r="2960" spans="8:17" x14ac:dyDescent="0.25">
      <c r="H2960" s="43">
        <v>2953</v>
      </c>
      <c r="I2960" s="55">
        <f>Bühler!I2986</f>
        <v>0.49302824940051715</v>
      </c>
      <c r="J2960" s="58">
        <f>Bühler!J2986</f>
        <v>8.837268840946555</v>
      </c>
      <c r="K2960" s="58">
        <f>Bühler!K2986</f>
        <v>0.60351262849793119</v>
      </c>
      <c r="L2960" s="58">
        <f>Bühler!L2986</f>
        <v>0.3017563142489656</v>
      </c>
      <c r="M2960" s="57">
        <f>Bühler!M2986</f>
        <v>0</v>
      </c>
      <c r="N2960" s="55">
        <f>IF(Input!$K$13=1,J2960*Input!$J$13,0)+IF(Input!$K$14=1,K2960*Input!$J$14,0)+IF(Input!$K$15=1,L2960*Input!$J$15,0)+IF(Input!$K$16=1,M2960*Input!$J$16,0)</f>
        <v>1.0604722609135866</v>
      </c>
      <c r="O2960" s="58">
        <f>IF(Input!$K$13=2,J2960*Input!$J$13,0)+IF(Input!$K$14=2,K2960*Input!$J$14,0)+IF(Input!$K$15=2,L2960*Input!$J$15,0)+IF(Input!$K$16=2,M2960*Input!$J$16,0)</f>
        <v>8.1474204847220705E-2</v>
      </c>
      <c r="P2960" s="58">
        <f>IF(Input!$K$13=3,J2960*Input!$J$13,0)+IF(Input!$K$14=3,K2960*Input!$J$14,0)+IF(Input!$K$15=3,L2960*Input!$J$15,0)+IF(Input!$K$16=3,M2960*Input!$J$16,0)</f>
        <v>0</v>
      </c>
      <c r="Q2960" s="71">
        <f>IF(Input!$K$13=4,J2960*Input!$J$13,0)+IF(Input!$K$14=4,K2960*Input!$J$14,0)+IF(Input!$K$15=4,L2960*Input!$J$15,0)+IF(Input!$K$16=4,M2960*Input!$J$16,0)</f>
        <v>0</v>
      </c>
    </row>
    <row r="2961" spans="8:17" x14ac:dyDescent="0.25">
      <c r="H2961" s="43">
        <v>2954</v>
      </c>
      <c r="I2961" s="55">
        <f>Bühler!I2987</f>
        <v>0.49302824940051715</v>
      </c>
      <c r="J2961" s="58">
        <f>Bühler!J2987</f>
        <v>8.837268840946555</v>
      </c>
      <c r="K2961" s="58">
        <f>Bühler!K2987</f>
        <v>0.60351262849793119</v>
      </c>
      <c r="L2961" s="58">
        <f>Bühler!L2987</f>
        <v>0.3017563142489656</v>
      </c>
      <c r="M2961" s="57">
        <f>Bühler!M2987</f>
        <v>0</v>
      </c>
      <c r="N2961" s="55">
        <f>IF(Input!$K$13=1,J2961*Input!$J$13,0)+IF(Input!$K$14=1,K2961*Input!$J$14,0)+IF(Input!$K$15=1,L2961*Input!$J$15,0)+IF(Input!$K$16=1,M2961*Input!$J$16,0)</f>
        <v>1.0604722609135866</v>
      </c>
      <c r="O2961" s="58">
        <f>IF(Input!$K$13=2,J2961*Input!$J$13,0)+IF(Input!$K$14=2,K2961*Input!$J$14,0)+IF(Input!$K$15=2,L2961*Input!$J$15,0)+IF(Input!$K$16=2,M2961*Input!$J$16,0)</f>
        <v>8.1474204847220705E-2</v>
      </c>
      <c r="P2961" s="58">
        <f>IF(Input!$K$13=3,J2961*Input!$J$13,0)+IF(Input!$K$14=3,K2961*Input!$J$14,0)+IF(Input!$K$15=3,L2961*Input!$J$15,0)+IF(Input!$K$16=3,M2961*Input!$J$16,0)</f>
        <v>0</v>
      </c>
      <c r="Q2961" s="71">
        <f>IF(Input!$K$13=4,J2961*Input!$J$13,0)+IF(Input!$K$14=4,K2961*Input!$J$14,0)+IF(Input!$K$15=4,L2961*Input!$J$15,0)+IF(Input!$K$16=4,M2961*Input!$J$16,0)</f>
        <v>0</v>
      </c>
    </row>
    <row r="2962" spans="8:17" x14ac:dyDescent="0.25">
      <c r="H2962" s="43">
        <v>2955</v>
      </c>
      <c r="I2962" s="55">
        <f>Bühler!I2988</f>
        <v>0.49302824940051715</v>
      </c>
      <c r="J2962" s="58">
        <f>Bühler!J2988</f>
        <v>8.837268840946555</v>
      </c>
      <c r="K2962" s="58">
        <f>Bühler!K2988</f>
        <v>0.60351262849793119</v>
      </c>
      <c r="L2962" s="58">
        <f>Bühler!L2988</f>
        <v>0.3017563142489656</v>
      </c>
      <c r="M2962" s="57">
        <f>Bühler!M2988</f>
        <v>0</v>
      </c>
      <c r="N2962" s="55">
        <f>IF(Input!$K$13=1,J2962*Input!$J$13,0)+IF(Input!$K$14=1,K2962*Input!$J$14,0)+IF(Input!$K$15=1,L2962*Input!$J$15,0)+IF(Input!$K$16=1,M2962*Input!$J$16,0)</f>
        <v>1.0604722609135866</v>
      </c>
      <c r="O2962" s="58">
        <f>IF(Input!$K$13=2,J2962*Input!$J$13,0)+IF(Input!$K$14=2,K2962*Input!$J$14,0)+IF(Input!$K$15=2,L2962*Input!$J$15,0)+IF(Input!$K$16=2,M2962*Input!$J$16,0)</f>
        <v>8.1474204847220705E-2</v>
      </c>
      <c r="P2962" s="58">
        <f>IF(Input!$K$13=3,J2962*Input!$J$13,0)+IF(Input!$K$14=3,K2962*Input!$J$14,0)+IF(Input!$K$15=3,L2962*Input!$J$15,0)+IF(Input!$K$16=3,M2962*Input!$J$16,0)</f>
        <v>0</v>
      </c>
      <c r="Q2962" s="71">
        <f>IF(Input!$K$13=4,J2962*Input!$J$13,0)+IF(Input!$K$14=4,K2962*Input!$J$14,0)+IF(Input!$K$15=4,L2962*Input!$J$15,0)+IF(Input!$K$16=4,M2962*Input!$J$16,0)</f>
        <v>0</v>
      </c>
    </row>
    <row r="2963" spans="8:17" x14ac:dyDescent="0.25">
      <c r="H2963" s="43">
        <v>2956</v>
      </c>
      <c r="I2963" s="55">
        <f>Bühler!I2989</f>
        <v>0.49302824940051715</v>
      </c>
      <c r="J2963" s="58">
        <f>Bühler!J2989</f>
        <v>8.837268840946555</v>
      </c>
      <c r="K2963" s="58">
        <f>Bühler!K2989</f>
        <v>0.60351262849793119</v>
      </c>
      <c r="L2963" s="58">
        <f>Bühler!L2989</f>
        <v>0.3017563142489656</v>
      </c>
      <c r="M2963" s="57">
        <f>Bühler!M2989</f>
        <v>0</v>
      </c>
      <c r="N2963" s="55">
        <f>IF(Input!$K$13=1,J2963*Input!$J$13,0)+IF(Input!$K$14=1,K2963*Input!$J$14,0)+IF(Input!$K$15=1,L2963*Input!$J$15,0)+IF(Input!$K$16=1,M2963*Input!$J$16,0)</f>
        <v>1.0604722609135866</v>
      </c>
      <c r="O2963" s="58">
        <f>IF(Input!$K$13=2,J2963*Input!$J$13,0)+IF(Input!$K$14=2,K2963*Input!$J$14,0)+IF(Input!$K$15=2,L2963*Input!$J$15,0)+IF(Input!$K$16=2,M2963*Input!$J$16,0)</f>
        <v>8.1474204847220705E-2</v>
      </c>
      <c r="P2963" s="58">
        <f>IF(Input!$K$13=3,J2963*Input!$J$13,0)+IF(Input!$K$14=3,K2963*Input!$J$14,0)+IF(Input!$K$15=3,L2963*Input!$J$15,0)+IF(Input!$K$16=3,M2963*Input!$J$16,0)</f>
        <v>0</v>
      </c>
      <c r="Q2963" s="71">
        <f>IF(Input!$K$13=4,J2963*Input!$J$13,0)+IF(Input!$K$14=4,K2963*Input!$J$14,0)+IF(Input!$K$15=4,L2963*Input!$J$15,0)+IF(Input!$K$16=4,M2963*Input!$J$16,0)</f>
        <v>0</v>
      </c>
    </row>
    <row r="2964" spans="8:17" x14ac:dyDescent="0.25">
      <c r="H2964" s="43">
        <v>2957</v>
      </c>
      <c r="I2964" s="55">
        <f>Bühler!I2990</f>
        <v>0.49302824940051715</v>
      </c>
      <c r="J2964" s="58">
        <f>Bühler!J2990</f>
        <v>8.837268840946555</v>
      </c>
      <c r="K2964" s="58">
        <f>Bühler!K2990</f>
        <v>0.60351262849793119</v>
      </c>
      <c r="L2964" s="58">
        <f>Bühler!L2990</f>
        <v>0.3017563142489656</v>
      </c>
      <c r="M2964" s="57">
        <f>Bühler!M2990</f>
        <v>0</v>
      </c>
      <c r="N2964" s="55">
        <f>IF(Input!$K$13=1,J2964*Input!$J$13,0)+IF(Input!$K$14=1,K2964*Input!$J$14,0)+IF(Input!$K$15=1,L2964*Input!$J$15,0)+IF(Input!$K$16=1,M2964*Input!$J$16,0)</f>
        <v>1.0604722609135866</v>
      </c>
      <c r="O2964" s="58">
        <f>IF(Input!$K$13=2,J2964*Input!$J$13,0)+IF(Input!$K$14=2,K2964*Input!$J$14,0)+IF(Input!$K$15=2,L2964*Input!$J$15,0)+IF(Input!$K$16=2,M2964*Input!$J$16,0)</f>
        <v>8.1474204847220705E-2</v>
      </c>
      <c r="P2964" s="58">
        <f>IF(Input!$K$13=3,J2964*Input!$J$13,0)+IF(Input!$K$14=3,K2964*Input!$J$14,0)+IF(Input!$K$15=3,L2964*Input!$J$15,0)+IF(Input!$K$16=3,M2964*Input!$J$16,0)</f>
        <v>0</v>
      </c>
      <c r="Q2964" s="71">
        <f>IF(Input!$K$13=4,J2964*Input!$J$13,0)+IF(Input!$K$14=4,K2964*Input!$J$14,0)+IF(Input!$K$15=4,L2964*Input!$J$15,0)+IF(Input!$K$16=4,M2964*Input!$J$16,0)</f>
        <v>0</v>
      </c>
    </row>
    <row r="2965" spans="8:17" x14ac:dyDescent="0.25">
      <c r="H2965" s="43">
        <v>2958</v>
      </c>
      <c r="I2965" s="55">
        <f>Bühler!I2991</f>
        <v>0.49302824940051715</v>
      </c>
      <c r="J2965" s="58">
        <f>Bühler!J2991</f>
        <v>8.837268840946555</v>
      </c>
      <c r="K2965" s="58">
        <f>Bühler!K2991</f>
        <v>0.60351262849793119</v>
      </c>
      <c r="L2965" s="58">
        <f>Bühler!L2991</f>
        <v>0.3017563142489656</v>
      </c>
      <c r="M2965" s="57">
        <f>Bühler!M2991</f>
        <v>0</v>
      </c>
      <c r="N2965" s="55">
        <f>IF(Input!$K$13=1,J2965*Input!$J$13,0)+IF(Input!$K$14=1,K2965*Input!$J$14,0)+IF(Input!$K$15=1,L2965*Input!$J$15,0)+IF(Input!$K$16=1,M2965*Input!$J$16,0)</f>
        <v>1.0604722609135866</v>
      </c>
      <c r="O2965" s="58">
        <f>IF(Input!$K$13=2,J2965*Input!$J$13,0)+IF(Input!$K$14=2,K2965*Input!$J$14,0)+IF(Input!$K$15=2,L2965*Input!$J$15,0)+IF(Input!$K$16=2,M2965*Input!$J$16,0)</f>
        <v>8.1474204847220705E-2</v>
      </c>
      <c r="P2965" s="58">
        <f>IF(Input!$K$13=3,J2965*Input!$J$13,0)+IF(Input!$K$14=3,K2965*Input!$J$14,0)+IF(Input!$K$15=3,L2965*Input!$J$15,0)+IF(Input!$K$16=3,M2965*Input!$J$16,0)</f>
        <v>0</v>
      </c>
      <c r="Q2965" s="71">
        <f>IF(Input!$K$13=4,J2965*Input!$J$13,0)+IF(Input!$K$14=4,K2965*Input!$J$14,0)+IF(Input!$K$15=4,L2965*Input!$J$15,0)+IF(Input!$K$16=4,M2965*Input!$J$16,0)</f>
        <v>0</v>
      </c>
    </row>
    <row r="2966" spans="8:17" x14ac:dyDescent="0.25">
      <c r="H2966" s="43">
        <v>2959</v>
      </c>
      <c r="I2966" s="55">
        <f>Bühler!I2992</f>
        <v>0.49302824940051715</v>
      </c>
      <c r="J2966" s="58">
        <f>Bühler!J2992</f>
        <v>8.837268840946555</v>
      </c>
      <c r="K2966" s="58">
        <f>Bühler!K2992</f>
        <v>0.60351262849793119</v>
      </c>
      <c r="L2966" s="58">
        <f>Bühler!L2992</f>
        <v>0.3017563142489656</v>
      </c>
      <c r="M2966" s="57">
        <f>Bühler!M2992</f>
        <v>0</v>
      </c>
      <c r="N2966" s="55">
        <f>IF(Input!$K$13=1,J2966*Input!$J$13,0)+IF(Input!$K$14=1,K2966*Input!$J$14,0)+IF(Input!$K$15=1,L2966*Input!$J$15,0)+IF(Input!$K$16=1,M2966*Input!$J$16,0)</f>
        <v>1.0604722609135866</v>
      </c>
      <c r="O2966" s="58">
        <f>IF(Input!$K$13=2,J2966*Input!$J$13,0)+IF(Input!$K$14=2,K2966*Input!$J$14,0)+IF(Input!$K$15=2,L2966*Input!$J$15,0)+IF(Input!$K$16=2,M2966*Input!$J$16,0)</f>
        <v>8.1474204847220705E-2</v>
      </c>
      <c r="P2966" s="58">
        <f>IF(Input!$K$13=3,J2966*Input!$J$13,0)+IF(Input!$K$14=3,K2966*Input!$J$14,0)+IF(Input!$K$15=3,L2966*Input!$J$15,0)+IF(Input!$K$16=3,M2966*Input!$J$16,0)</f>
        <v>0</v>
      </c>
      <c r="Q2966" s="71">
        <f>IF(Input!$K$13=4,J2966*Input!$J$13,0)+IF(Input!$K$14=4,K2966*Input!$J$14,0)+IF(Input!$K$15=4,L2966*Input!$J$15,0)+IF(Input!$K$16=4,M2966*Input!$J$16,0)</f>
        <v>0</v>
      </c>
    </row>
    <row r="2967" spans="8:17" x14ac:dyDescent="0.25">
      <c r="H2967" s="43">
        <v>2960</v>
      </c>
      <c r="I2967" s="55">
        <f>Bühler!I2993</f>
        <v>1.3582928270984242</v>
      </c>
      <c r="J2967" s="58">
        <f>Bühler!J2993</f>
        <v>35.413774700949027</v>
      </c>
      <c r="K2967" s="58">
        <f>Bühler!K2993</f>
        <v>2.4670864722536638</v>
      </c>
      <c r="L2967" s="58">
        <f>Bühler!L2993</f>
        <v>1.2335432361268319</v>
      </c>
      <c r="M2967" s="57">
        <f>Bühler!M2993</f>
        <v>0</v>
      </c>
      <c r="N2967" s="55">
        <f>IF(Input!$K$13=1,J2967*Input!$J$13,0)+IF(Input!$K$14=1,K2967*Input!$J$14,0)+IF(Input!$K$15=1,L2967*Input!$J$15,0)+IF(Input!$K$16=1,M2967*Input!$J$16,0)</f>
        <v>4.2496529641138832</v>
      </c>
      <c r="O2967" s="58">
        <f>IF(Input!$K$13=2,J2967*Input!$J$13,0)+IF(Input!$K$14=2,K2967*Input!$J$14,0)+IF(Input!$K$15=2,L2967*Input!$J$15,0)+IF(Input!$K$16=2,M2967*Input!$J$16,0)</f>
        <v>0.33305667375424464</v>
      </c>
      <c r="P2967" s="58">
        <f>IF(Input!$K$13=3,J2967*Input!$J$13,0)+IF(Input!$K$14=3,K2967*Input!$J$14,0)+IF(Input!$K$15=3,L2967*Input!$J$15,0)+IF(Input!$K$16=3,M2967*Input!$J$16,0)</f>
        <v>0</v>
      </c>
      <c r="Q2967" s="71">
        <f>IF(Input!$K$13=4,J2967*Input!$J$13,0)+IF(Input!$K$14=4,K2967*Input!$J$14,0)+IF(Input!$K$15=4,L2967*Input!$J$15,0)+IF(Input!$K$16=4,M2967*Input!$J$16,0)</f>
        <v>0</v>
      </c>
    </row>
    <row r="2968" spans="8:17" x14ac:dyDescent="0.25">
      <c r="H2968" s="43">
        <v>2961</v>
      </c>
      <c r="I2968" s="55">
        <f>Bühler!I2994</f>
        <v>1.5155688386571895</v>
      </c>
      <c r="J2968" s="58">
        <f>Bühler!J2994</f>
        <v>39.514317034743137</v>
      </c>
      <c r="K2968" s="58">
        <f>Bühler!K2994</f>
        <v>2.752749116409352</v>
      </c>
      <c r="L2968" s="58">
        <f>Bühler!L2994</f>
        <v>1.376374558204676</v>
      </c>
      <c r="M2968" s="57">
        <f>Bühler!M2994</f>
        <v>0</v>
      </c>
      <c r="N2968" s="55">
        <f>IF(Input!$K$13=1,J2968*Input!$J$13,0)+IF(Input!$K$14=1,K2968*Input!$J$14,0)+IF(Input!$K$15=1,L2968*Input!$J$15,0)+IF(Input!$K$16=1,M2968*Input!$J$16,0)</f>
        <v>4.7417180441691764</v>
      </c>
      <c r="O2968" s="58">
        <f>IF(Input!$K$13=2,J2968*Input!$J$13,0)+IF(Input!$K$14=2,K2968*Input!$J$14,0)+IF(Input!$K$15=2,L2968*Input!$J$15,0)+IF(Input!$K$16=2,M2968*Input!$J$16,0)</f>
        <v>0.37162113071526248</v>
      </c>
      <c r="P2968" s="58">
        <f>IF(Input!$K$13=3,J2968*Input!$J$13,0)+IF(Input!$K$14=3,K2968*Input!$J$14,0)+IF(Input!$K$15=3,L2968*Input!$J$15,0)+IF(Input!$K$16=3,M2968*Input!$J$16,0)</f>
        <v>0</v>
      </c>
      <c r="Q2968" s="71">
        <f>IF(Input!$K$13=4,J2968*Input!$J$13,0)+IF(Input!$K$14=4,K2968*Input!$J$14,0)+IF(Input!$K$15=4,L2968*Input!$J$15,0)+IF(Input!$K$16=4,M2968*Input!$J$16,0)</f>
        <v>0</v>
      </c>
    </row>
    <row r="2969" spans="8:17" x14ac:dyDescent="0.25">
      <c r="H2969" s="43">
        <v>2962</v>
      </c>
      <c r="I2969" s="55">
        <f>Bühler!I2995</f>
        <v>1.6728448502159543</v>
      </c>
      <c r="J2969" s="58">
        <f>Bühler!J2995</f>
        <v>43.614859368537232</v>
      </c>
      <c r="K2969" s="58">
        <f>Bühler!K2995</f>
        <v>3.0384117605650394</v>
      </c>
      <c r="L2969" s="58">
        <f>Bühler!L2995</f>
        <v>1.5192058802825197</v>
      </c>
      <c r="M2969" s="57">
        <f>Bühler!M2995</f>
        <v>0</v>
      </c>
      <c r="N2969" s="55">
        <f>IF(Input!$K$13=1,J2969*Input!$J$13,0)+IF(Input!$K$14=1,K2969*Input!$J$14,0)+IF(Input!$K$15=1,L2969*Input!$J$15,0)+IF(Input!$K$16=1,M2969*Input!$J$16,0)</f>
        <v>5.2337831242244679</v>
      </c>
      <c r="O2969" s="58">
        <f>IF(Input!$K$13=2,J2969*Input!$J$13,0)+IF(Input!$K$14=2,K2969*Input!$J$14,0)+IF(Input!$K$15=2,L2969*Input!$J$15,0)+IF(Input!$K$16=2,M2969*Input!$J$16,0)</f>
        <v>0.41018558767628033</v>
      </c>
      <c r="P2969" s="58">
        <f>IF(Input!$K$13=3,J2969*Input!$J$13,0)+IF(Input!$K$14=3,K2969*Input!$J$14,0)+IF(Input!$K$15=3,L2969*Input!$J$15,0)+IF(Input!$K$16=3,M2969*Input!$J$16,0)</f>
        <v>0</v>
      </c>
      <c r="Q2969" s="71">
        <f>IF(Input!$K$13=4,J2969*Input!$J$13,0)+IF(Input!$K$14=4,K2969*Input!$J$14,0)+IF(Input!$K$15=4,L2969*Input!$J$15,0)+IF(Input!$K$16=4,M2969*Input!$J$16,0)</f>
        <v>0</v>
      </c>
    </row>
    <row r="2970" spans="8:17" x14ac:dyDescent="0.25">
      <c r="H2970" s="43">
        <v>2963</v>
      </c>
      <c r="I2970" s="55">
        <f>Bühler!I2996</f>
        <v>1.6728448502159543</v>
      </c>
      <c r="J2970" s="58">
        <f>Bühler!J2996</f>
        <v>43.614859368537232</v>
      </c>
      <c r="K2970" s="58">
        <f>Bühler!K2996</f>
        <v>3.0384117605650394</v>
      </c>
      <c r="L2970" s="58">
        <f>Bühler!L2996</f>
        <v>1.5192058802825197</v>
      </c>
      <c r="M2970" s="57">
        <f>Bühler!M2996</f>
        <v>0</v>
      </c>
      <c r="N2970" s="55">
        <f>IF(Input!$K$13=1,J2970*Input!$J$13,0)+IF(Input!$K$14=1,K2970*Input!$J$14,0)+IF(Input!$K$15=1,L2970*Input!$J$15,0)+IF(Input!$K$16=1,M2970*Input!$J$16,0)</f>
        <v>5.2337831242244679</v>
      </c>
      <c r="O2970" s="58">
        <f>IF(Input!$K$13=2,J2970*Input!$J$13,0)+IF(Input!$K$14=2,K2970*Input!$J$14,0)+IF(Input!$K$15=2,L2970*Input!$J$15,0)+IF(Input!$K$16=2,M2970*Input!$J$16,0)</f>
        <v>0.41018558767628033</v>
      </c>
      <c r="P2970" s="58">
        <f>IF(Input!$K$13=3,J2970*Input!$J$13,0)+IF(Input!$K$14=3,K2970*Input!$J$14,0)+IF(Input!$K$15=3,L2970*Input!$J$15,0)+IF(Input!$K$16=3,M2970*Input!$J$16,0)</f>
        <v>0</v>
      </c>
      <c r="Q2970" s="71">
        <f>IF(Input!$K$13=4,J2970*Input!$J$13,0)+IF(Input!$K$14=4,K2970*Input!$J$14,0)+IF(Input!$K$15=4,L2970*Input!$J$15,0)+IF(Input!$K$16=4,M2970*Input!$J$16,0)</f>
        <v>0</v>
      </c>
    </row>
    <row r="2971" spans="8:17" x14ac:dyDescent="0.25">
      <c r="H2971" s="43">
        <v>2964</v>
      </c>
      <c r="I2971" s="55">
        <f>Bühler!I2997</f>
        <v>2.0016946925660992</v>
      </c>
      <c r="J2971" s="58">
        <f>Bühler!J2997</f>
        <v>52.188720611924893</v>
      </c>
      <c r="K2971" s="58">
        <f>Bühler!K2997</f>
        <v>3.6357063801632945</v>
      </c>
      <c r="L2971" s="58">
        <f>Bühler!L2997</f>
        <v>1.8178531900816473</v>
      </c>
      <c r="M2971" s="57">
        <f>Bühler!M2997</f>
        <v>0</v>
      </c>
      <c r="N2971" s="55">
        <f>IF(Input!$K$13=1,J2971*Input!$J$13,0)+IF(Input!$K$14=1,K2971*Input!$J$14,0)+IF(Input!$K$15=1,L2971*Input!$J$15,0)+IF(Input!$K$16=1,M2971*Input!$J$16,0)</f>
        <v>6.262646473430987</v>
      </c>
      <c r="O2971" s="58">
        <f>IF(Input!$K$13=2,J2971*Input!$J$13,0)+IF(Input!$K$14=2,K2971*Input!$J$14,0)+IF(Input!$K$15=2,L2971*Input!$J$15,0)+IF(Input!$K$16=2,M2971*Input!$J$16,0)</f>
        <v>0.49082036132204476</v>
      </c>
      <c r="P2971" s="58">
        <f>IF(Input!$K$13=3,J2971*Input!$J$13,0)+IF(Input!$K$14=3,K2971*Input!$J$14,0)+IF(Input!$K$15=3,L2971*Input!$J$15,0)+IF(Input!$K$16=3,M2971*Input!$J$16,0)</f>
        <v>0</v>
      </c>
      <c r="Q2971" s="71">
        <f>IF(Input!$K$13=4,J2971*Input!$J$13,0)+IF(Input!$K$14=4,K2971*Input!$J$14,0)+IF(Input!$K$15=4,L2971*Input!$J$15,0)+IF(Input!$K$16=4,M2971*Input!$J$16,0)</f>
        <v>0</v>
      </c>
    </row>
    <row r="2972" spans="8:17" x14ac:dyDescent="0.25">
      <c r="H2972" s="43">
        <v>2965</v>
      </c>
      <c r="I2972" s="55">
        <f>Bühler!I2998</f>
        <v>2.0016946925660992</v>
      </c>
      <c r="J2972" s="58">
        <f>Bühler!J2998</f>
        <v>52.188720611924893</v>
      </c>
      <c r="K2972" s="58">
        <f>Bühler!K2998</f>
        <v>3.6357063801632945</v>
      </c>
      <c r="L2972" s="58">
        <f>Bühler!L2998</f>
        <v>1.8178531900816473</v>
      </c>
      <c r="M2972" s="57">
        <f>Bühler!M2998</f>
        <v>0</v>
      </c>
      <c r="N2972" s="55">
        <f>IF(Input!$K$13=1,J2972*Input!$J$13,0)+IF(Input!$K$14=1,K2972*Input!$J$14,0)+IF(Input!$K$15=1,L2972*Input!$J$15,0)+IF(Input!$K$16=1,M2972*Input!$J$16,0)</f>
        <v>6.262646473430987</v>
      </c>
      <c r="O2972" s="58">
        <f>IF(Input!$K$13=2,J2972*Input!$J$13,0)+IF(Input!$K$14=2,K2972*Input!$J$14,0)+IF(Input!$K$15=2,L2972*Input!$J$15,0)+IF(Input!$K$16=2,M2972*Input!$J$16,0)</f>
        <v>0.49082036132204476</v>
      </c>
      <c r="P2972" s="58">
        <f>IF(Input!$K$13=3,J2972*Input!$J$13,0)+IF(Input!$K$14=3,K2972*Input!$J$14,0)+IF(Input!$K$15=3,L2972*Input!$J$15,0)+IF(Input!$K$16=3,M2972*Input!$J$16,0)</f>
        <v>0</v>
      </c>
      <c r="Q2972" s="71">
        <f>IF(Input!$K$13=4,J2972*Input!$J$13,0)+IF(Input!$K$14=4,K2972*Input!$J$14,0)+IF(Input!$K$15=4,L2972*Input!$J$15,0)+IF(Input!$K$16=4,M2972*Input!$J$16,0)</f>
        <v>0</v>
      </c>
    </row>
    <row r="2973" spans="8:17" x14ac:dyDescent="0.25">
      <c r="H2973" s="43">
        <v>2966</v>
      </c>
      <c r="I2973" s="55">
        <f>Bühler!I2999</f>
        <v>1.3296971886331943</v>
      </c>
      <c r="J2973" s="58">
        <f>Bühler!J2999</f>
        <v>34.668221549350108</v>
      </c>
      <c r="K2973" s="58">
        <f>Bühler!K2999</f>
        <v>2.4151478096799028</v>
      </c>
      <c r="L2973" s="58">
        <f>Bühler!L2999</f>
        <v>1.2075739048399514</v>
      </c>
      <c r="M2973" s="57">
        <f>Bühler!M2999</f>
        <v>0</v>
      </c>
      <c r="N2973" s="55">
        <f>IF(Input!$K$13=1,J2973*Input!$J$13,0)+IF(Input!$K$14=1,K2973*Input!$J$14,0)+IF(Input!$K$15=1,L2973*Input!$J$15,0)+IF(Input!$K$16=1,M2973*Input!$J$16,0)</f>
        <v>4.1601865859220126</v>
      </c>
      <c r="O2973" s="58">
        <f>IF(Input!$K$13=2,J2973*Input!$J$13,0)+IF(Input!$K$14=2,K2973*Input!$J$14,0)+IF(Input!$K$15=2,L2973*Input!$J$15,0)+IF(Input!$K$16=2,M2973*Input!$J$16,0)</f>
        <v>0.32604495430678687</v>
      </c>
      <c r="P2973" s="58">
        <f>IF(Input!$K$13=3,J2973*Input!$J$13,0)+IF(Input!$K$14=3,K2973*Input!$J$14,0)+IF(Input!$K$15=3,L2973*Input!$J$15,0)+IF(Input!$K$16=3,M2973*Input!$J$16,0)</f>
        <v>0</v>
      </c>
      <c r="Q2973" s="71">
        <f>IF(Input!$K$13=4,J2973*Input!$J$13,0)+IF(Input!$K$14=4,K2973*Input!$J$14,0)+IF(Input!$K$15=4,L2973*Input!$J$15,0)+IF(Input!$K$16=4,M2973*Input!$J$16,0)</f>
        <v>0</v>
      </c>
    </row>
    <row r="2974" spans="8:17" x14ac:dyDescent="0.25">
      <c r="H2974" s="43">
        <v>2967</v>
      </c>
      <c r="I2974" s="55">
        <f>Bühler!I3000</f>
        <v>2.0016946925660992</v>
      </c>
      <c r="J2974" s="58">
        <f>Bühler!J3000</f>
        <v>52.188720611924893</v>
      </c>
      <c r="K2974" s="58">
        <f>Bühler!K3000</f>
        <v>3.6357063801632945</v>
      </c>
      <c r="L2974" s="58">
        <f>Bühler!L3000</f>
        <v>1.8178531900816473</v>
      </c>
      <c r="M2974" s="57">
        <f>Bühler!M3000</f>
        <v>0</v>
      </c>
      <c r="N2974" s="55">
        <f>IF(Input!$K$13=1,J2974*Input!$J$13,0)+IF(Input!$K$14=1,K2974*Input!$J$14,0)+IF(Input!$K$15=1,L2974*Input!$J$15,0)+IF(Input!$K$16=1,M2974*Input!$J$16,0)</f>
        <v>6.262646473430987</v>
      </c>
      <c r="O2974" s="58">
        <f>IF(Input!$K$13=2,J2974*Input!$J$13,0)+IF(Input!$K$14=2,K2974*Input!$J$14,0)+IF(Input!$K$15=2,L2974*Input!$J$15,0)+IF(Input!$K$16=2,M2974*Input!$J$16,0)</f>
        <v>0.49082036132204476</v>
      </c>
      <c r="P2974" s="58">
        <f>IF(Input!$K$13=3,J2974*Input!$J$13,0)+IF(Input!$K$14=3,K2974*Input!$J$14,0)+IF(Input!$K$15=3,L2974*Input!$J$15,0)+IF(Input!$K$16=3,M2974*Input!$J$16,0)</f>
        <v>0</v>
      </c>
      <c r="Q2974" s="71">
        <f>IF(Input!$K$13=4,J2974*Input!$J$13,0)+IF(Input!$K$14=4,K2974*Input!$J$14,0)+IF(Input!$K$15=4,L2974*Input!$J$15,0)+IF(Input!$K$16=4,M2974*Input!$J$16,0)</f>
        <v>0</v>
      </c>
    </row>
    <row r="2975" spans="8:17" x14ac:dyDescent="0.25">
      <c r="H2975" s="43">
        <v>2968</v>
      </c>
      <c r="I2975" s="55">
        <f>Bühler!I3001</f>
        <v>2.0016946925660992</v>
      </c>
      <c r="J2975" s="58">
        <f>Bühler!J3001</f>
        <v>52.188720611924893</v>
      </c>
      <c r="K2975" s="58">
        <f>Bühler!K3001</f>
        <v>3.6357063801632945</v>
      </c>
      <c r="L2975" s="58">
        <f>Bühler!L3001</f>
        <v>1.8178531900816473</v>
      </c>
      <c r="M2975" s="57">
        <f>Bühler!M3001</f>
        <v>0</v>
      </c>
      <c r="N2975" s="55">
        <f>IF(Input!$K$13=1,J2975*Input!$J$13,0)+IF(Input!$K$14=1,K2975*Input!$J$14,0)+IF(Input!$K$15=1,L2975*Input!$J$15,0)+IF(Input!$K$16=1,M2975*Input!$J$16,0)</f>
        <v>6.262646473430987</v>
      </c>
      <c r="O2975" s="58">
        <f>IF(Input!$K$13=2,J2975*Input!$J$13,0)+IF(Input!$K$14=2,K2975*Input!$J$14,0)+IF(Input!$K$15=2,L2975*Input!$J$15,0)+IF(Input!$K$16=2,M2975*Input!$J$16,0)</f>
        <v>0.49082036132204476</v>
      </c>
      <c r="P2975" s="58">
        <f>IF(Input!$K$13=3,J2975*Input!$J$13,0)+IF(Input!$K$14=3,K2975*Input!$J$14,0)+IF(Input!$K$15=3,L2975*Input!$J$15,0)+IF(Input!$K$16=3,M2975*Input!$J$16,0)</f>
        <v>0</v>
      </c>
      <c r="Q2975" s="71">
        <f>IF(Input!$K$13=4,J2975*Input!$J$13,0)+IF(Input!$K$14=4,K2975*Input!$J$14,0)+IF(Input!$K$15=4,L2975*Input!$J$15,0)+IF(Input!$K$16=4,M2975*Input!$J$16,0)</f>
        <v>0</v>
      </c>
    </row>
    <row r="2976" spans="8:17" x14ac:dyDescent="0.25">
      <c r="H2976" s="43">
        <v>2969</v>
      </c>
      <c r="I2976" s="55">
        <f>Bühler!I3002</f>
        <v>1.6725983360912544</v>
      </c>
      <c r="J2976" s="58">
        <f>Bühler!J3002</f>
        <v>31.288181440306296</v>
      </c>
      <c r="K2976" s="58">
        <f>Bühler!K3002</f>
        <v>2.1424698311676558</v>
      </c>
      <c r="L2976" s="58">
        <f>Bühler!L3002</f>
        <v>1.0712349155838279</v>
      </c>
      <c r="M2976" s="57">
        <f>Bühler!M3002</f>
        <v>0</v>
      </c>
      <c r="N2976" s="55">
        <f>IF(Input!$K$13=1,J2976*Input!$J$13,0)+IF(Input!$K$14=1,K2976*Input!$J$14,0)+IF(Input!$K$15=1,L2976*Input!$J$15,0)+IF(Input!$K$16=1,M2976*Input!$J$16,0)</f>
        <v>3.7545817728367554</v>
      </c>
      <c r="O2976" s="58">
        <f>IF(Input!$K$13=2,J2976*Input!$J$13,0)+IF(Input!$K$14=2,K2976*Input!$J$14,0)+IF(Input!$K$15=2,L2976*Input!$J$15,0)+IF(Input!$K$16=2,M2976*Input!$J$16,0)</f>
        <v>0.28923342720763351</v>
      </c>
      <c r="P2976" s="58">
        <f>IF(Input!$K$13=3,J2976*Input!$J$13,0)+IF(Input!$K$14=3,K2976*Input!$J$14,0)+IF(Input!$K$15=3,L2976*Input!$J$15,0)+IF(Input!$K$16=3,M2976*Input!$J$16,0)</f>
        <v>0</v>
      </c>
      <c r="Q2976" s="71">
        <f>IF(Input!$K$13=4,J2976*Input!$J$13,0)+IF(Input!$K$14=4,K2976*Input!$J$14,0)+IF(Input!$K$15=4,L2976*Input!$J$15,0)+IF(Input!$K$16=4,M2976*Input!$J$16,0)</f>
        <v>0</v>
      </c>
    </row>
    <row r="2977" spans="8:17" x14ac:dyDescent="0.25">
      <c r="H2977" s="43">
        <v>2970</v>
      </c>
      <c r="I2977" s="55">
        <f>Bühler!I3003</f>
        <v>1.3299437027578946</v>
      </c>
      <c r="J2977" s="58">
        <f>Bühler!J3003</f>
        <v>14.021310078133165</v>
      </c>
      <c r="K2977" s="58">
        <f>Bühler!K3003</f>
        <v>0.91441307348171397</v>
      </c>
      <c r="L2977" s="58">
        <f>Bühler!L3003</f>
        <v>0.45720653674085698</v>
      </c>
      <c r="M2977" s="57">
        <f>Bühler!M3003</f>
        <v>0</v>
      </c>
      <c r="N2977" s="55">
        <f>IF(Input!$K$13=1,J2977*Input!$J$13,0)+IF(Input!$K$14=1,K2977*Input!$J$14,0)+IF(Input!$K$15=1,L2977*Input!$J$15,0)+IF(Input!$K$16=1,M2977*Input!$J$16,0)</f>
        <v>1.6825572093759797</v>
      </c>
      <c r="O2977" s="58">
        <f>IF(Input!$K$13=2,J2977*Input!$J$13,0)+IF(Input!$K$14=2,K2977*Input!$J$14,0)+IF(Input!$K$15=2,L2977*Input!$J$15,0)+IF(Input!$K$16=2,M2977*Input!$J$16,0)</f>
        <v>0.12344576492003137</v>
      </c>
      <c r="P2977" s="58">
        <f>IF(Input!$K$13=3,J2977*Input!$J$13,0)+IF(Input!$K$14=3,K2977*Input!$J$14,0)+IF(Input!$K$15=3,L2977*Input!$J$15,0)+IF(Input!$K$16=3,M2977*Input!$J$16,0)</f>
        <v>0</v>
      </c>
      <c r="Q2977" s="71">
        <f>IF(Input!$K$13=4,J2977*Input!$J$13,0)+IF(Input!$K$14=4,K2977*Input!$J$14,0)+IF(Input!$K$15=4,L2977*Input!$J$15,0)+IF(Input!$K$16=4,M2977*Input!$J$16,0)</f>
        <v>0</v>
      </c>
    </row>
    <row r="2978" spans="8:17" x14ac:dyDescent="0.25">
      <c r="H2978" s="43">
        <v>2971</v>
      </c>
      <c r="I2978" s="55">
        <f>Bühler!I3004</f>
        <v>0.49302824940051715</v>
      </c>
      <c r="J2978" s="58">
        <f>Bühler!J3004</f>
        <v>8.837268840946555</v>
      </c>
      <c r="K2978" s="58">
        <f>Bühler!K3004</f>
        <v>0.60351262849793119</v>
      </c>
      <c r="L2978" s="58">
        <f>Bühler!L3004</f>
        <v>0.3017563142489656</v>
      </c>
      <c r="M2978" s="57">
        <f>Bühler!M3004</f>
        <v>0</v>
      </c>
      <c r="N2978" s="55">
        <f>IF(Input!$K$13=1,J2978*Input!$J$13,0)+IF(Input!$K$14=1,K2978*Input!$J$14,0)+IF(Input!$K$15=1,L2978*Input!$J$15,0)+IF(Input!$K$16=1,M2978*Input!$J$16,0)</f>
        <v>1.0604722609135866</v>
      </c>
      <c r="O2978" s="58">
        <f>IF(Input!$K$13=2,J2978*Input!$J$13,0)+IF(Input!$K$14=2,K2978*Input!$J$14,0)+IF(Input!$K$15=2,L2978*Input!$J$15,0)+IF(Input!$K$16=2,M2978*Input!$J$16,0)</f>
        <v>8.1474204847220705E-2</v>
      </c>
      <c r="P2978" s="58">
        <f>IF(Input!$K$13=3,J2978*Input!$J$13,0)+IF(Input!$K$14=3,K2978*Input!$J$14,0)+IF(Input!$K$15=3,L2978*Input!$J$15,0)+IF(Input!$K$16=3,M2978*Input!$J$16,0)</f>
        <v>0</v>
      </c>
      <c r="Q2978" s="71">
        <f>IF(Input!$K$13=4,J2978*Input!$J$13,0)+IF(Input!$K$14=4,K2978*Input!$J$14,0)+IF(Input!$K$15=4,L2978*Input!$J$15,0)+IF(Input!$K$16=4,M2978*Input!$J$16,0)</f>
        <v>0</v>
      </c>
    </row>
    <row r="2979" spans="8:17" x14ac:dyDescent="0.25">
      <c r="H2979" s="43">
        <v>2972</v>
      </c>
      <c r="I2979" s="55">
        <f>Bühler!I3005</f>
        <v>0.49302824940051715</v>
      </c>
      <c r="J2979" s="58">
        <f>Bühler!J3005</f>
        <v>8.837268840946555</v>
      </c>
      <c r="K2979" s="58">
        <f>Bühler!K3005</f>
        <v>0.60351262849793119</v>
      </c>
      <c r="L2979" s="58">
        <f>Bühler!L3005</f>
        <v>0.3017563142489656</v>
      </c>
      <c r="M2979" s="57">
        <f>Bühler!M3005</f>
        <v>0</v>
      </c>
      <c r="N2979" s="55">
        <f>IF(Input!$K$13=1,J2979*Input!$J$13,0)+IF(Input!$K$14=1,K2979*Input!$J$14,0)+IF(Input!$K$15=1,L2979*Input!$J$15,0)+IF(Input!$K$16=1,M2979*Input!$J$16,0)</f>
        <v>1.0604722609135866</v>
      </c>
      <c r="O2979" s="58">
        <f>IF(Input!$K$13=2,J2979*Input!$J$13,0)+IF(Input!$K$14=2,K2979*Input!$J$14,0)+IF(Input!$K$15=2,L2979*Input!$J$15,0)+IF(Input!$K$16=2,M2979*Input!$J$16,0)</f>
        <v>8.1474204847220705E-2</v>
      </c>
      <c r="P2979" s="58">
        <f>IF(Input!$K$13=3,J2979*Input!$J$13,0)+IF(Input!$K$14=3,K2979*Input!$J$14,0)+IF(Input!$K$15=3,L2979*Input!$J$15,0)+IF(Input!$K$16=3,M2979*Input!$J$16,0)</f>
        <v>0</v>
      </c>
      <c r="Q2979" s="71">
        <f>IF(Input!$K$13=4,J2979*Input!$J$13,0)+IF(Input!$K$14=4,K2979*Input!$J$14,0)+IF(Input!$K$15=4,L2979*Input!$J$15,0)+IF(Input!$K$16=4,M2979*Input!$J$16,0)</f>
        <v>0</v>
      </c>
    </row>
    <row r="2980" spans="8:17" x14ac:dyDescent="0.25">
      <c r="H2980" s="43">
        <v>2973</v>
      </c>
      <c r="I2980" s="55">
        <f>Bühler!I3006</f>
        <v>0.49302824940051715</v>
      </c>
      <c r="J2980" s="58">
        <f>Bühler!J3006</f>
        <v>8.837268840946555</v>
      </c>
      <c r="K2980" s="58">
        <f>Bühler!K3006</f>
        <v>0.60351262849793119</v>
      </c>
      <c r="L2980" s="58">
        <f>Bühler!L3006</f>
        <v>0.3017563142489656</v>
      </c>
      <c r="M2980" s="57">
        <f>Bühler!M3006</f>
        <v>0</v>
      </c>
      <c r="N2980" s="55">
        <f>IF(Input!$K$13=1,J2980*Input!$J$13,0)+IF(Input!$K$14=1,K2980*Input!$J$14,0)+IF(Input!$K$15=1,L2980*Input!$J$15,0)+IF(Input!$K$16=1,M2980*Input!$J$16,0)</f>
        <v>1.0604722609135866</v>
      </c>
      <c r="O2980" s="58">
        <f>IF(Input!$K$13=2,J2980*Input!$J$13,0)+IF(Input!$K$14=2,K2980*Input!$J$14,0)+IF(Input!$K$15=2,L2980*Input!$J$15,0)+IF(Input!$K$16=2,M2980*Input!$J$16,0)</f>
        <v>8.1474204847220705E-2</v>
      </c>
      <c r="P2980" s="58">
        <f>IF(Input!$K$13=3,J2980*Input!$J$13,0)+IF(Input!$K$14=3,K2980*Input!$J$14,0)+IF(Input!$K$15=3,L2980*Input!$J$15,0)+IF(Input!$K$16=3,M2980*Input!$J$16,0)</f>
        <v>0</v>
      </c>
      <c r="Q2980" s="71">
        <f>IF(Input!$K$13=4,J2980*Input!$J$13,0)+IF(Input!$K$14=4,K2980*Input!$J$14,0)+IF(Input!$K$15=4,L2980*Input!$J$15,0)+IF(Input!$K$16=4,M2980*Input!$J$16,0)</f>
        <v>0</v>
      </c>
    </row>
    <row r="2981" spans="8:17" x14ac:dyDescent="0.25">
      <c r="H2981" s="43">
        <v>2974</v>
      </c>
      <c r="I2981" s="55">
        <f>Bühler!I3007</f>
        <v>0.49302824940051715</v>
      </c>
      <c r="J2981" s="58">
        <f>Bühler!J3007</f>
        <v>8.837268840946555</v>
      </c>
      <c r="K2981" s="58">
        <f>Bühler!K3007</f>
        <v>0.60351262849793119</v>
      </c>
      <c r="L2981" s="58">
        <f>Bühler!L3007</f>
        <v>0.3017563142489656</v>
      </c>
      <c r="M2981" s="57">
        <f>Bühler!M3007</f>
        <v>0</v>
      </c>
      <c r="N2981" s="55">
        <f>IF(Input!$K$13=1,J2981*Input!$J$13,0)+IF(Input!$K$14=1,K2981*Input!$J$14,0)+IF(Input!$K$15=1,L2981*Input!$J$15,0)+IF(Input!$K$16=1,M2981*Input!$J$16,0)</f>
        <v>1.0604722609135866</v>
      </c>
      <c r="O2981" s="58">
        <f>IF(Input!$K$13=2,J2981*Input!$J$13,0)+IF(Input!$K$14=2,K2981*Input!$J$14,0)+IF(Input!$K$15=2,L2981*Input!$J$15,0)+IF(Input!$K$16=2,M2981*Input!$J$16,0)</f>
        <v>8.1474204847220705E-2</v>
      </c>
      <c r="P2981" s="58">
        <f>IF(Input!$K$13=3,J2981*Input!$J$13,0)+IF(Input!$K$14=3,K2981*Input!$J$14,0)+IF(Input!$K$15=3,L2981*Input!$J$15,0)+IF(Input!$K$16=3,M2981*Input!$J$16,0)</f>
        <v>0</v>
      </c>
      <c r="Q2981" s="71">
        <f>IF(Input!$K$13=4,J2981*Input!$J$13,0)+IF(Input!$K$14=4,K2981*Input!$J$14,0)+IF(Input!$K$15=4,L2981*Input!$J$15,0)+IF(Input!$K$16=4,M2981*Input!$J$16,0)</f>
        <v>0</v>
      </c>
    </row>
    <row r="2982" spans="8:17" x14ac:dyDescent="0.25">
      <c r="H2982" s="43">
        <v>2975</v>
      </c>
      <c r="I2982" s="55">
        <f>Bühler!I3008</f>
        <v>0.49302824940051715</v>
      </c>
      <c r="J2982" s="58">
        <f>Bühler!J3008</f>
        <v>8.837268840946555</v>
      </c>
      <c r="K2982" s="58">
        <f>Bühler!K3008</f>
        <v>0.60351262849793119</v>
      </c>
      <c r="L2982" s="58">
        <f>Bühler!L3008</f>
        <v>0.3017563142489656</v>
      </c>
      <c r="M2982" s="57">
        <f>Bühler!M3008</f>
        <v>0</v>
      </c>
      <c r="N2982" s="55">
        <f>IF(Input!$K$13=1,J2982*Input!$J$13,0)+IF(Input!$K$14=1,K2982*Input!$J$14,0)+IF(Input!$K$15=1,L2982*Input!$J$15,0)+IF(Input!$K$16=1,M2982*Input!$J$16,0)</f>
        <v>1.0604722609135866</v>
      </c>
      <c r="O2982" s="58">
        <f>IF(Input!$K$13=2,J2982*Input!$J$13,0)+IF(Input!$K$14=2,K2982*Input!$J$14,0)+IF(Input!$K$15=2,L2982*Input!$J$15,0)+IF(Input!$K$16=2,M2982*Input!$J$16,0)</f>
        <v>8.1474204847220705E-2</v>
      </c>
      <c r="P2982" s="58">
        <f>IF(Input!$K$13=3,J2982*Input!$J$13,0)+IF(Input!$K$14=3,K2982*Input!$J$14,0)+IF(Input!$K$15=3,L2982*Input!$J$15,0)+IF(Input!$K$16=3,M2982*Input!$J$16,0)</f>
        <v>0</v>
      </c>
      <c r="Q2982" s="71">
        <f>IF(Input!$K$13=4,J2982*Input!$J$13,0)+IF(Input!$K$14=4,K2982*Input!$J$14,0)+IF(Input!$K$15=4,L2982*Input!$J$15,0)+IF(Input!$K$16=4,M2982*Input!$J$16,0)</f>
        <v>0</v>
      </c>
    </row>
    <row r="2983" spans="8:17" x14ac:dyDescent="0.25">
      <c r="H2983" s="43">
        <v>2976</v>
      </c>
      <c r="I2983" s="55">
        <f>Bühler!I3009</f>
        <v>0.49302824940051715</v>
      </c>
      <c r="J2983" s="58">
        <f>Bühler!J3009</f>
        <v>8.837268840946555</v>
      </c>
      <c r="K2983" s="58">
        <f>Bühler!K3009</f>
        <v>0.60351262849793119</v>
      </c>
      <c r="L2983" s="58">
        <f>Bühler!L3009</f>
        <v>0.3017563142489656</v>
      </c>
      <c r="M2983" s="57">
        <f>Bühler!M3009</f>
        <v>0</v>
      </c>
      <c r="N2983" s="55">
        <f>IF(Input!$K$13=1,J2983*Input!$J$13,0)+IF(Input!$K$14=1,K2983*Input!$J$14,0)+IF(Input!$K$15=1,L2983*Input!$J$15,0)+IF(Input!$K$16=1,M2983*Input!$J$16,0)</f>
        <v>1.0604722609135866</v>
      </c>
      <c r="O2983" s="58">
        <f>IF(Input!$K$13=2,J2983*Input!$J$13,0)+IF(Input!$K$14=2,K2983*Input!$J$14,0)+IF(Input!$K$15=2,L2983*Input!$J$15,0)+IF(Input!$K$16=2,M2983*Input!$J$16,0)</f>
        <v>8.1474204847220705E-2</v>
      </c>
      <c r="P2983" s="58">
        <f>IF(Input!$K$13=3,J2983*Input!$J$13,0)+IF(Input!$K$14=3,K2983*Input!$J$14,0)+IF(Input!$K$15=3,L2983*Input!$J$15,0)+IF(Input!$K$16=3,M2983*Input!$J$16,0)</f>
        <v>0</v>
      </c>
      <c r="Q2983" s="71">
        <f>IF(Input!$K$13=4,J2983*Input!$J$13,0)+IF(Input!$K$14=4,K2983*Input!$J$14,0)+IF(Input!$K$15=4,L2983*Input!$J$15,0)+IF(Input!$K$16=4,M2983*Input!$J$16,0)</f>
        <v>0</v>
      </c>
    </row>
    <row r="2984" spans="8:17" x14ac:dyDescent="0.25">
      <c r="H2984" s="43">
        <v>2977</v>
      </c>
      <c r="I2984" s="55">
        <f>Bühler!I3010</f>
        <v>0.38030408436615587</v>
      </c>
      <c r="J2984" s="58">
        <f>Bühler!J3010</f>
        <v>11.991718183431026</v>
      </c>
      <c r="K2984" s="58">
        <f>Bühler!K3010</f>
        <v>0.90951991918921438</v>
      </c>
      <c r="L2984" s="58">
        <f>Bühler!L3010</f>
        <v>0.45475995959460719</v>
      </c>
      <c r="M2984" s="57">
        <f>Bühler!M3010</f>
        <v>0</v>
      </c>
      <c r="N2984" s="55">
        <f>IF(Input!$K$13=1,J2984*Input!$J$13,0)+IF(Input!$K$14=1,K2984*Input!$J$14,0)+IF(Input!$K$15=1,L2984*Input!$J$15,0)+IF(Input!$K$16=1,M2984*Input!$J$16,0)</f>
        <v>1.439006182011723</v>
      </c>
      <c r="O2984" s="58">
        <f>IF(Input!$K$13=2,J2984*Input!$J$13,0)+IF(Input!$K$14=2,K2984*Input!$J$14,0)+IF(Input!$K$15=2,L2984*Input!$J$15,0)+IF(Input!$K$16=2,M2984*Input!$J$16,0)</f>
        <v>0.12278518909054394</v>
      </c>
      <c r="P2984" s="58">
        <f>IF(Input!$K$13=3,J2984*Input!$J$13,0)+IF(Input!$K$14=3,K2984*Input!$J$14,0)+IF(Input!$K$15=3,L2984*Input!$J$15,0)+IF(Input!$K$16=3,M2984*Input!$J$16,0)</f>
        <v>0</v>
      </c>
      <c r="Q2984" s="71">
        <f>IF(Input!$K$13=4,J2984*Input!$J$13,0)+IF(Input!$K$14=4,K2984*Input!$J$14,0)+IF(Input!$K$15=4,L2984*Input!$J$15,0)+IF(Input!$K$16=4,M2984*Input!$J$16,0)</f>
        <v>0</v>
      </c>
    </row>
    <row r="2985" spans="8:17" x14ac:dyDescent="0.25">
      <c r="H2985" s="43">
        <v>2978</v>
      </c>
      <c r="I2985" s="55">
        <f>Bühler!I3011</f>
        <v>0.38030408436615587</v>
      </c>
      <c r="J2985" s="58">
        <f>Bühler!J3011</f>
        <v>7.4300094805083994</v>
      </c>
      <c r="K2985" s="58">
        <f>Bühler!K3011</f>
        <v>0.55122419344800866</v>
      </c>
      <c r="L2985" s="58">
        <f>Bühler!L3011</f>
        <v>0.27561209672400433</v>
      </c>
      <c r="M2985" s="57">
        <f>Bühler!M3011</f>
        <v>0</v>
      </c>
      <c r="N2985" s="55">
        <f>IF(Input!$K$13=1,J2985*Input!$J$13,0)+IF(Input!$K$14=1,K2985*Input!$J$14,0)+IF(Input!$K$15=1,L2985*Input!$J$15,0)+IF(Input!$K$16=1,M2985*Input!$J$16,0)</f>
        <v>0.8916011376610079</v>
      </c>
      <c r="O2985" s="58">
        <f>IF(Input!$K$13=2,J2985*Input!$J$13,0)+IF(Input!$K$14=2,K2985*Input!$J$14,0)+IF(Input!$K$15=2,L2985*Input!$J$15,0)+IF(Input!$K$16=2,M2985*Input!$J$16,0)</f>
        <v>7.441526611548116E-2</v>
      </c>
      <c r="P2985" s="58">
        <f>IF(Input!$K$13=3,J2985*Input!$J$13,0)+IF(Input!$K$14=3,K2985*Input!$J$14,0)+IF(Input!$K$15=3,L2985*Input!$J$15,0)+IF(Input!$K$16=3,M2985*Input!$J$16,0)</f>
        <v>0</v>
      </c>
      <c r="Q2985" s="71">
        <f>IF(Input!$K$13=4,J2985*Input!$J$13,0)+IF(Input!$K$14=4,K2985*Input!$J$14,0)+IF(Input!$K$15=4,L2985*Input!$J$15,0)+IF(Input!$K$16=4,M2985*Input!$J$16,0)</f>
        <v>0</v>
      </c>
    </row>
    <row r="2986" spans="8:17" x14ac:dyDescent="0.25">
      <c r="H2986" s="43">
        <v>2979</v>
      </c>
      <c r="I2986" s="55">
        <f>Bühler!I3012</f>
        <v>0.38030408436615587</v>
      </c>
      <c r="J2986" s="58">
        <f>Bühler!J3012</f>
        <v>7.4300094805083994</v>
      </c>
      <c r="K2986" s="58">
        <f>Bühler!K3012</f>
        <v>0.55122419344800866</v>
      </c>
      <c r="L2986" s="58">
        <f>Bühler!L3012</f>
        <v>0.27561209672400433</v>
      </c>
      <c r="M2986" s="57">
        <f>Bühler!M3012</f>
        <v>0</v>
      </c>
      <c r="N2986" s="55">
        <f>IF(Input!$K$13=1,J2986*Input!$J$13,0)+IF(Input!$K$14=1,K2986*Input!$J$14,0)+IF(Input!$K$15=1,L2986*Input!$J$15,0)+IF(Input!$K$16=1,M2986*Input!$J$16,0)</f>
        <v>0.8916011376610079</v>
      </c>
      <c r="O2986" s="58">
        <f>IF(Input!$K$13=2,J2986*Input!$J$13,0)+IF(Input!$K$14=2,K2986*Input!$J$14,0)+IF(Input!$K$15=2,L2986*Input!$J$15,0)+IF(Input!$K$16=2,M2986*Input!$J$16,0)</f>
        <v>7.441526611548116E-2</v>
      </c>
      <c r="P2986" s="58">
        <f>IF(Input!$K$13=3,J2986*Input!$J$13,0)+IF(Input!$K$14=3,K2986*Input!$J$14,0)+IF(Input!$K$15=3,L2986*Input!$J$15,0)+IF(Input!$K$16=3,M2986*Input!$J$16,0)</f>
        <v>0</v>
      </c>
      <c r="Q2986" s="71">
        <f>IF(Input!$K$13=4,J2986*Input!$J$13,0)+IF(Input!$K$14=4,K2986*Input!$J$14,0)+IF(Input!$K$15=4,L2986*Input!$J$15,0)+IF(Input!$K$16=4,M2986*Input!$J$16,0)</f>
        <v>0</v>
      </c>
    </row>
    <row r="2987" spans="8:17" x14ac:dyDescent="0.25">
      <c r="H2987" s="43">
        <v>2980</v>
      </c>
      <c r="I2987" s="55">
        <f>Bühler!I3013</f>
        <v>0.38030408436615587</v>
      </c>
      <c r="J2987" s="58">
        <f>Bühler!J3013</f>
        <v>7.4300094805083994</v>
      </c>
      <c r="K2987" s="58">
        <f>Bühler!K3013</f>
        <v>0.55122419344800866</v>
      </c>
      <c r="L2987" s="58">
        <f>Bühler!L3013</f>
        <v>0.27561209672400433</v>
      </c>
      <c r="M2987" s="57">
        <f>Bühler!M3013</f>
        <v>0</v>
      </c>
      <c r="N2987" s="55">
        <f>IF(Input!$K$13=1,J2987*Input!$J$13,0)+IF(Input!$K$14=1,K2987*Input!$J$14,0)+IF(Input!$K$15=1,L2987*Input!$J$15,0)+IF(Input!$K$16=1,M2987*Input!$J$16,0)</f>
        <v>0.8916011376610079</v>
      </c>
      <c r="O2987" s="58">
        <f>IF(Input!$K$13=2,J2987*Input!$J$13,0)+IF(Input!$K$14=2,K2987*Input!$J$14,0)+IF(Input!$K$15=2,L2987*Input!$J$15,0)+IF(Input!$K$16=2,M2987*Input!$J$16,0)</f>
        <v>7.441526611548116E-2</v>
      </c>
      <c r="P2987" s="58">
        <f>IF(Input!$K$13=3,J2987*Input!$J$13,0)+IF(Input!$K$14=3,K2987*Input!$J$14,0)+IF(Input!$K$15=3,L2987*Input!$J$15,0)+IF(Input!$K$16=3,M2987*Input!$J$16,0)</f>
        <v>0</v>
      </c>
      <c r="Q2987" s="71">
        <f>IF(Input!$K$13=4,J2987*Input!$J$13,0)+IF(Input!$K$14=4,K2987*Input!$J$14,0)+IF(Input!$K$15=4,L2987*Input!$J$15,0)+IF(Input!$K$16=4,M2987*Input!$J$16,0)</f>
        <v>0</v>
      </c>
    </row>
    <row r="2988" spans="8:17" x14ac:dyDescent="0.25">
      <c r="H2988" s="43">
        <v>2981</v>
      </c>
      <c r="I2988" s="55">
        <f>Bühler!I3014</f>
        <v>0.38030408436615587</v>
      </c>
      <c r="J2988" s="58">
        <f>Bühler!J3014</f>
        <v>7.4300094805083994</v>
      </c>
      <c r="K2988" s="58">
        <f>Bühler!K3014</f>
        <v>0.55122419344800866</v>
      </c>
      <c r="L2988" s="58">
        <f>Bühler!L3014</f>
        <v>0.27561209672400433</v>
      </c>
      <c r="M2988" s="57">
        <f>Bühler!M3014</f>
        <v>0</v>
      </c>
      <c r="N2988" s="55">
        <f>IF(Input!$K$13=1,J2988*Input!$J$13,0)+IF(Input!$K$14=1,K2988*Input!$J$14,0)+IF(Input!$K$15=1,L2988*Input!$J$15,0)+IF(Input!$K$16=1,M2988*Input!$J$16,0)</f>
        <v>0.8916011376610079</v>
      </c>
      <c r="O2988" s="58">
        <f>IF(Input!$K$13=2,J2988*Input!$J$13,0)+IF(Input!$K$14=2,K2988*Input!$J$14,0)+IF(Input!$K$15=2,L2988*Input!$J$15,0)+IF(Input!$K$16=2,M2988*Input!$J$16,0)</f>
        <v>7.441526611548116E-2</v>
      </c>
      <c r="P2988" s="58">
        <f>IF(Input!$K$13=3,J2988*Input!$J$13,0)+IF(Input!$K$14=3,K2988*Input!$J$14,0)+IF(Input!$K$15=3,L2988*Input!$J$15,0)+IF(Input!$K$16=3,M2988*Input!$J$16,0)</f>
        <v>0</v>
      </c>
      <c r="Q2988" s="71">
        <f>IF(Input!$K$13=4,J2988*Input!$J$13,0)+IF(Input!$K$14=4,K2988*Input!$J$14,0)+IF(Input!$K$15=4,L2988*Input!$J$15,0)+IF(Input!$K$16=4,M2988*Input!$J$16,0)</f>
        <v>0</v>
      </c>
    </row>
    <row r="2989" spans="8:17" x14ac:dyDescent="0.25">
      <c r="H2989" s="43">
        <v>2982</v>
      </c>
      <c r="I2989" s="55">
        <f>Bühler!I3015</f>
        <v>0.38030408436615587</v>
      </c>
      <c r="J2989" s="58">
        <f>Bühler!J3015</f>
        <v>7.4300094805083994</v>
      </c>
      <c r="K2989" s="58">
        <f>Bühler!K3015</f>
        <v>0.55122419344800866</v>
      </c>
      <c r="L2989" s="58">
        <f>Bühler!L3015</f>
        <v>0.27561209672400433</v>
      </c>
      <c r="M2989" s="57">
        <f>Bühler!M3015</f>
        <v>0</v>
      </c>
      <c r="N2989" s="55">
        <f>IF(Input!$K$13=1,J2989*Input!$J$13,0)+IF(Input!$K$14=1,K2989*Input!$J$14,0)+IF(Input!$K$15=1,L2989*Input!$J$15,0)+IF(Input!$K$16=1,M2989*Input!$J$16,0)</f>
        <v>0.8916011376610079</v>
      </c>
      <c r="O2989" s="58">
        <f>IF(Input!$K$13=2,J2989*Input!$J$13,0)+IF(Input!$K$14=2,K2989*Input!$J$14,0)+IF(Input!$K$15=2,L2989*Input!$J$15,0)+IF(Input!$K$16=2,M2989*Input!$J$16,0)</f>
        <v>7.441526611548116E-2</v>
      </c>
      <c r="P2989" s="58">
        <f>IF(Input!$K$13=3,J2989*Input!$J$13,0)+IF(Input!$K$14=3,K2989*Input!$J$14,0)+IF(Input!$K$15=3,L2989*Input!$J$15,0)+IF(Input!$K$16=3,M2989*Input!$J$16,0)</f>
        <v>0</v>
      </c>
      <c r="Q2989" s="71">
        <f>IF(Input!$K$13=4,J2989*Input!$J$13,0)+IF(Input!$K$14=4,K2989*Input!$J$14,0)+IF(Input!$K$15=4,L2989*Input!$J$15,0)+IF(Input!$K$16=4,M2989*Input!$J$16,0)</f>
        <v>0</v>
      </c>
    </row>
    <row r="2990" spans="8:17" x14ac:dyDescent="0.25">
      <c r="H2990" s="43">
        <v>2983</v>
      </c>
      <c r="I2990" s="55">
        <f>Bühler!I3016</f>
        <v>0.38030408436615587</v>
      </c>
      <c r="J2990" s="58">
        <f>Bühler!J3016</f>
        <v>7.4300094805083994</v>
      </c>
      <c r="K2990" s="58">
        <f>Bühler!K3016</f>
        <v>0.55122419344800866</v>
      </c>
      <c r="L2990" s="58">
        <f>Bühler!L3016</f>
        <v>0.27561209672400433</v>
      </c>
      <c r="M2990" s="57">
        <f>Bühler!M3016</f>
        <v>0</v>
      </c>
      <c r="N2990" s="55">
        <f>IF(Input!$K$13=1,J2990*Input!$J$13,0)+IF(Input!$K$14=1,K2990*Input!$J$14,0)+IF(Input!$K$15=1,L2990*Input!$J$15,0)+IF(Input!$K$16=1,M2990*Input!$J$16,0)</f>
        <v>0.8916011376610079</v>
      </c>
      <c r="O2990" s="58">
        <f>IF(Input!$K$13=2,J2990*Input!$J$13,0)+IF(Input!$K$14=2,K2990*Input!$J$14,0)+IF(Input!$K$15=2,L2990*Input!$J$15,0)+IF(Input!$K$16=2,M2990*Input!$J$16,0)</f>
        <v>7.441526611548116E-2</v>
      </c>
      <c r="P2990" s="58">
        <f>IF(Input!$K$13=3,J2990*Input!$J$13,0)+IF(Input!$K$14=3,K2990*Input!$J$14,0)+IF(Input!$K$15=3,L2990*Input!$J$15,0)+IF(Input!$K$16=3,M2990*Input!$J$16,0)</f>
        <v>0</v>
      </c>
      <c r="Q2990" s="71">
        <f>IF(Input!$K$13=4,J2990*Input!$J$13,0)+IF(Input!$K$14=4,K2990*Input!$J$14,0)+IF(Input!$K$15=4,L2990*Input!$J$15,0)+IF(Input!$K$16=4,M2990*Input!$J$16,0)</f>
        <v>0</v>
      </c>
    </row>
    <row r="2991" spans="8:17" x14ac:dyDescent="0.25">
      <c r="H2991" s="43">
        <v>2984</v>
      </c>
      <c r="I2991" s="55">
        <f>Bühler!I3017</f>
        <v>1.0305013898953901</v>
      </c>
      <c r="J2991" s="58">
        <f>Bühler!J3017</f>
        <v>31.013113543335976</v>
      </c>
      <c r="K2991" s="58">
        <f>Bühler!K3017</f>
        <v>2.3482150640885169</v>
      </c>
      <c r="L2991" s="58">
        <f>Bühler!L3017</f>
        <v>1.1741075320442584</v>
      </c>
      <c r="M2991" s="57">
        <f>Bühler!M3017</f>
        <v>0</v>
      </c>
      <c r="N2991" s="55">
        <f>IF(Input!$K$13=1,J2991*Input!$J$13,0)+IF(Input!$K$14=1,K2991*Input!$J$14,0)+IF(Input!$K$15=1,L2991*Input!$J$15,0)+IF(Input!$K$16=1,M2991*Input!$J$16,0)</f>
        <v>3.7215736252003171</v>
      </c>
      <c r="O2991" s="58">
        <f>IF(Input!$K$13=2,J2991*Input!$J$13,0)+IF(Input!$K$14=2,K2991*Input!$J$14,0)+IF(Input!$K$15=2,L2991*Input!$J$15,0)+IF(Input!$K$16=2,M2991*Input!$J$16,0)</f>
        <v>0.31700903365194977</v>
      </c>
      <c r="P2991" s="58">
        <f>IF(Input!$K$13=3,J2991*Input!$J$13,0)+IF(Input!$K$14=3,K2991*Input!$J$14,0)+IF(Input!$K$15=3,L2991*Input!$J$15,0)+IF(Input!$K$16=3,M2991*Input!$J$16,0)</f>
        <v>0</v>
      </c>
      <c r="Q2991" s="71">
        <f>IF(Input!$K$13=4,J2991*Input!$J$13,0)+IF(Input!$K$14=4,K2991*Input!$J$14,0)+IF(Input!$K$15=4,L2991*Input!$J$15,0)+IF(Input!$K$16=4,M2991*Input!$J$16,0)</f>
        <v>0</v>
      </c>
    </row>
    <row r="2992" spans="8:17" x14ac:dyDescent="0.25">
      <c r="H2992" s="43">
        <v>2985</v>
      </c>
      <c r="I2992" s="55">
        <f>Bühler!I3018</f>
        <v>1.2881267373692376</v>
      </c>
      <c r="J2992" s="58">
        <f>Bühler!J3018</f>
        <v>38.76639192916997</v>
      </c>
      <c r="K2992" s="58">
        <f>Bühler!K3018</f>
        <v>2.9352688301106458</v>
      </c>
      <c r="L2992" s="58">
        <f>Bühler!L3018</f>
        <v>1.4676344150553229</v>
      </c>
      <c r="M2992" s="57">
        <f>Bühler!M3018</f>
        <v>0</v>
      </c>
      <c r="N2992" s="55">
        <f>IF(Input!$K$13=1,J2992*Input!$J$13,0)+IF(Input!$K$14=1,K2992*Input!$J$14,0)+IF(Input!$K$15=1,L2992*Input!$J$15,0)+IF(Input!$K$16=1,M2992*Input!$J$16,0)</f>
        <v>4.651967031500396</v>
      </c>
      <c r="O2992" s="58">
        <f>IF(Input!$K$13=2,J2992*Input!$J$13,0)+IF(Input!$K$14=2,K2992*Input!$J$14,0)+IF(Input!$K$15=2,L2992*Input!$J$15,0)+IF(Input!$K$16=2,M2992*Input!$J$16,0)</f>
        <v>0.39626129206493715</v>
      </c>
      <c r="P2992" s="58">
        <f>IF(Input!$K$13=3,J2992*Input!$J$13,0)+IF(Input!$K$14=3,K2992*Input!$J$14,0)+IF(Input!$K$15=3,L2992*Input!$J$15,0)+IF(Input!$K$16=3,M2992*Input!$J$16,0)</f>
        <v>0</v>
      </c>
      <c r="Q2992" s="71">
        <f>IF(Input!$K$13=4,J2992*Input!$J$13,0)+IF(Input!$K$14=4,K2992*Input!$J$14,0)+IF(Input!$K$15=4,L2992*Input!$J$15,0)+IF(Input!$K$16=4,M2992*Input!$J$16,0)</f>
        <v>0</v>
      </c>
    </row>
    <row r="2993" spans="8:17" x14ac:dyDescent="0.25">
      <c r="H2993" s="43">
        <v>2986</v>
      </c>
      <c r="I2993" s="55">
        <f>Bühler!I3019</f>
        <v>1.4169394111061613</v>
      </c>
      <c r="J2993" s="58">
        <f>Bühler!J3019</f>
        <v>42.64303112208696</v>
      </c>
      <c r="K2993" s="58">
        <f>Bühler!K3019</f>
        <v>3.2287957131217104</v>
      </c>
      <c r="L2993" s="58">
        <f>Bühler!L3019</f>
        <v>1.6143978565608552</v>
      </c>
      <c r="M2993" s="57">
        <f>Bühler!M3019</f>
        <v>0</v>
      </c>
      <c r="N2993" s="55">
        <f>IF(Input!$K$13=1,J2993*Input!$J$13,0)+IF(Input!$K$14=1,K2993*Input!$J$14,0)+IF(Input!$K$15=1,L2993*Input!$J$15,0)+IF(Input!$K$16=1,M2993*Input!$J$16,0)</f>
        <v>5.1171637346504353</v>
      </c>
      <c r="O2993" s="58">
        <f>IF(Input!$K$13=2,J2993*Input!$J$13,0)+IF(Input!$K$14=2,K2993*Input!$J$14,0)+IF(Input!$K$15=2,L2993*Input!$J$15,0)+IF(Input!$K$16=2,M2993*Input!$J$16,0)</f>
        <v>0.43588742127143087</v>
      </c>
      <c r="P2993" s="58">
        <f>IF(Input!$K$13=3,J2993*Input!$J$13,0)+IF(Input!$K$14=3,K2993*Input!$J$14,0)+IF(Input!$K$15=3,L2993*Input!$J$15,0)+IF(Input!$K$16=3,M2993*Input!$J$16,0)</f>
        <v>0</v>
      </c>
      <c r="Q2993" s="71">
        <f>IF(Input!$K$13=4,J2993*Input!$J$13,0)+IF(Input!$K$14=4,K2993*Input!$J$14,0)+IF(Input!$K$15=4,L2993*Input!$J$15,0)+IF(Input!$K$16=4,M2993*Input!$J$16,0)</f>
        <v>0</v>
      </c>
    </row>
    <row r="2994" spans="8:17" x14ac:dyDescent="0.25">
      <c r="H2994" s="43">
        <v>2987</v>
      </c>
      <c r="I2994" s="55">
        <f>Bühler!I3020</f>
        <v>1.4169394111061613</v>
      </c>
      <c r="J2994" s="58">
        <f>Bühler!J3020</f>
        <v>42.64303112208696</v>
      </c>
      <c r="K2994" s="58">
        <f>Bühler!K3020</f>
        <v>3.2287957131217104</v>
      </c>
      <c r="L2994" s="58">
        <f>Bühler!L3020</f>
        <v>1.6143978565608552</v>
      </c>
      <c r="M2994" s="57">
        <f>Bühler!M3020</f>
        <v>0</v>
      </c>
      <c r="N2994" s="55">
        <f>IF(Input!$K$13=1,J2994*Input!$J$13,0)+IF(Input!$K$14=1,K2994*Input!$J$14,0)+IF(Input!$K$15=1,L2994*Input!$J$15,0)+IF(Input!$K$16=1,M2994*Input!$J$16,0)</f>
        <v>5.1171637346504353</v>
      </c>
      <c r="O2994" s="58">
        <f>IF(Input!$K$13=2,J2994*Input!$J$13,0)+IF(Input!$K$14=2,K2994*Input!$J$14,0)+IF(Input!$K$15=2,L2994*Input!$J$15,0)+IF(Input!$K$16=2,M2994*Input!$J$16,0)</f>
        <v>0.43588742127143087</v>
      </c>
      <c r="P2994" s="58">
        <f>IF(Input!$K$13=3,J2994*Input!$J$13,0)+IF(Input!$K$14=3,K2994*Input!$J$14,0)+IF(Input!$K$15=3,L2994*Input!$J$15,0)+IF(Input!$K$16=3,M2994*Input!$J$16,0)</f>
        <v>0</v>
      </c>
      <c r="Q2994" s="71">
        <f>IF(Input!$K$13=4,J2994*Input!$J$13,0)+IF(Input!$K$14=4,K2994*Input!$J$14,0)+IF(Input!$K$15=4,L2994*Input!$J$15,0)+IF(Input!$K$16=4,M2994*Input!$J$16,0)</f>
        <v>0</v>
      </c>
    </row>
    <row r="2995" spans="8:17" x14ac:dyDescent="0.25">
      <c r="H2995" s="43">
        <v>2988</v>
      </c>
      <c r="I2995" s="55">
        <f>Bühler!I3021</f>
        <v>1.674564758580009</v>
      </c>
      <c r="J2995" s="58">
        <f>Bühler!J3021</f>
        <v>50.396309507920961</v>
      </c>
      <c r="K2995" s="58">
        <f>Bühler!K3021</f>
        <v>3.8158494791438402</v>
      </c>
      <c r="L2995" s="58">
        <f>Bühler!L3021</f>
        <v>1.9079247395719201</v>
      </c>
      <c r="M2995" s="57">
        <f>Bühler!M3021</f>
        <v>0</v>
      </c>
      <c r="N2995" s="55">
        <f>IF(Input!$K$13=1,J2995*Input!$J$13,0)+IF(Input!$K$14=1,K2995*Input!$J$14,0)+IF(Input!$K$15=1,L2995*Input!$J$15,0)+IF(Input!$K$16=1,M2995*Input!$J$16,0)</f>
        <v>6.0475571409505147</v>
      </c>
      <c r="O2995" s="58">
        <f>IF(Input!$K$13=2,J2995*Input!$J$13,0)+IF(Input!$K$14=2,K2995*Input!$J$14,0)+IF(Input!$K$15=2,L2995*Input!$J$15,0)+IF(Input!$K$16=2,M2995*Input!$J$16,0)</f>
        <v>0.51513967968441843</v>
      </c>
      <c r="P2995" s="58">
        <f>IF(Input!$K$13=3,J2995*Input!$J$13,0)+IF(Input!$K$14=3,K2995*Input!$J$14,0)+IF(Input!$K$15=3,L2995*Input!$J$15,0)+IF(Input!$K$16=3,M2995*Input!$J$16,0)</f>
        <v>0</v>
      </c>
      <c r="Q2995" s="71">
        <f>IF(Input!$K$13=4,J2995*Input!$J$13,0)+IF(Input!$K$14=4,K2995*Input!$J$14,0)+IF(Input!$K$15=4,L2995*Input!$J$15,0)+IF(Input!$K$16=4,M2995*Input!$J$16,0)</f>
        <v>0</v>
      </c>
    </row>
    <row r="2996" spans="8:17" x14ac:dyDescent="0.25">
      <c r="H2996" s="43">
        <v>2989</v>
      </c>
      <c r="I2996" s="55">
        <f>Bühler!I3022</f>
        <v>1.674564758580009</v>
      </c>
      <c r="J2996" s="58">
        <f>Bühler!J3022</f>
        <v>50.396309507920961</v>
      </c>
      <c r="K2996" s="58">
        <f>Bühler!K3022</f>
        <v>3.8158494791438402</v>
      </c>
      <c r="L2996" s="58">
        <f>Bühler!L3022</f>
        <v>1.9079247395719201</v>
      </c>
      <c r="M2996" s="57">
        <f>Bühler!M3022</f>
        <v>0</v>
      </c>
      <c r="N2996" s="55">
        <f>IF(Input!$K$13=1,J2996*Input!$J$13,0)+IF(Input!$K$14=1,K2996*Input!$J$14,0)+IF(Input!$K$15=1,L2996*Input!$J$15,0)+IF(Input!$K$16=1,M2996*Input!$J$16,0)</f>
        <v>6.0475571409505147</v>
      </c>
      <c r="O2996" s="58">
        <f>IF(Input!$K$13=2,J2996*Input!$J$13,0)+IF(Input!$K$14=2,K2996*Input!$J$14,0)+IF(Input!$K$15=2,L2996*Input!$J$15,0)+IF(Input!$K$16=2,M2996*Input!$J$16,0)</f>
        <v>0.51513967968441843</v>
      </c>
      <c r="P2996" s="58">
        <f>IF(Input!$K$13=3,J2996*Input!$J$13,0)+IF(Input!$K$14=3,K2996*Input!$J$14,0)+IF(Input!$K$15=3,L2996*Input!$J$15,0)+IF(Input!$K$16=3,M2996*Input!$J$16,0)</f>
        <v>0</v>
      </c>
      <c r="Q2996" s="71">
        <f>IF(Input!$K$13=4,J2996*Input!$J$13,0)+IF(Input!$K$14=4,K2996*Input!$J$14,0)+IF(Input!$K$15=4,L2996*Input!$J$15,0)+IF(Input!$K$16=4,M2996*Input!$J$16,0)</f>
        <v>0</v>
      </c>
    </row>
    <row r="2997" spans="8:17" x14ac:dyDescent="0.25">
      <c r="H2997" s="43">
        <v>2990</v>
      </c>
      <c r="I2997" s="55">
        <f>Bühler!I3023</f>
        <v>1.159314063632314</v>
      </c>
      <c r="J2997" s="58">
        <f>Bühler!J3023</f>
        <v>34.889752736252966</v>
      </c>
      <c r="K2997" s="58">
        <f>Bühler!K3023</f>
        <v>2.6417419470995811</v>
      </c>
      <c r="L2997" s="58">
        <f>Bühler!L3023</f>
        <v>1.3208709735497906</v>
      </c>
      <c r="M2997" s="57">
        <f>Bühler!M3023</f>
        <v>0</v>
      </c>
      <c r="N2997" s="55">
        <f>IF(Input!$K$13=1,J2997*Input!$J$13,0)+IF(Input!$K$14=1,K2997*Input!$J$14,0)+IF(Input!$K$15=1,L2997*Input!$J$15,0)+IF(Input!$K$16=1,M2997*Input!$J$16,0)</f>
        <v>4.1867703283503559</v>
      </c>
      <c r="O2997" s="58">
        <f>IF(Input!$K$13=2,J2997*Input!$J$13,0)+IF(Input!$K$14=2,K2997*Input!$J$14,0)+IF(Input!$K$15=2,L2997*Input!$J$15,0)+IF(Input!$K$16=2,M2997*Input!$J$16,0)</f>
        <v>0.35663516285844343</v>
      </c>
      <c r="P2997" s="58">
        <f>IF(Input!$K$13=3,J2997*Input!$J$13,0)+IF(Input!$K$14=3,K2997*Input!$J$14,0)+IF(Input!$K$15=3,L2997*Input!$J$15,0)+IF(Input!$K$16=3,M2997*Input!$J$16,0)</f>
        <v>0</v>
      </c>
      <c r="Q2997" s="71">
        <f>IF(Input!$K$13=4,J2997*Input!$J$13,0)+IF(Input!$K$14=4,K2997*Input!$J$14,0)+IF(Input!$K$15=4,L2997*Input!$J$15,0)+IF(Input!$K$16=4,M2997*Input!$J$16,0)</f>
        <v>0</v>
      </c>
    </row>
    <row r="2998" spans="8:17" x14ac:dyDescent="0.25">
      <c r="H2998" s="43">
        <v>2991</v>
      </c>
      <c r="I2998" s="55">
        <f>Bühler!I3024</f>
        <v>1.674564758580009</v>
      </c>
      <c r="J2998" s="58">
        <f>Bühler!J3024</f>
        <v>50.396309507920961</v>
      </c>
      <c r="K2998" s="58">
        <f>Bühler!K3024</f>
        <v>3.8158494791438402</v>
      </c>
      <c r="L2998" s="58">
        <f>Bühler!L3024</f>
        <v>1.9079247395719201</v>
      </c>
      <c r="M2998" s="57">
        <f>Bühler!M3024</f>
        <v>0</v>
      </c>
      <c r="N2998" s="55">
        <f>IF(Input!$K$13=1,J2998*Input!$J$13,0)+IF(Input!$K$14=1,K2998*Input!$J$14,0)+IF(Input!$K$15=1,L2998*Input!$J$15,0)+IF(Input!$K$16=1,M2998*Input!$J$16,0)</f>
        <v>6.0475571409505147</v>
      </c>
      <c r="O2998" s="58">
        <f>IF(Input!$K$13=2,J2998*Input!$J$13,0)+IF(Input!$K$14=2,K2998*Input!$J$14,0)+IF(Input!$K$15=2,L2998*Input!$J$15,0)+IF(Input!$K$16=2,M2998*Input!$J$16,0)</f>
        <v>0.51513967968441843</v>
      </c>
      <c r="P2998" s="58">
        <f>IF(Input!$K$13=3,J2998*Input!$J$13,0)+IF(Input!$K$14=3,K2998*Input!$J$14,0)+IF(Input!$K$15=3,L2998*Input!$J$15,0)+IF(Input!$K$16=3,M2998*Input!$J$16,0)</f>
        <v>0</v>
      </c>
      <c r="Q2998" s="71">
        <f>IF(Input!$K$13=4,J2998*Input!$J$13,0)+IF(Input!$K$14=4,K2998*Input!$J$14,0)+IF(Input!$K$15=4,L2998*Input!$J$15,0)+IF(Input!$K$16=4,M2998*Input!$J$16,0)</f>
        <v>0</v>
      </c>
    </row>
    <row r="2999" spans="8:17" x14ac:dyDescent="0.25">
      <c r="H2999" s="43">
        <v>2992</v>
      </c>
      <c r="I2999" s="55">
        <f>Bühler!I3025</f>
        <v>1.4169394111061613</v>
      </c>
      <c r="J2999" s="58">
        <f>Bühler!J3025</f>
        <v>38.905938992384968</v>
      </c>
      <c r="K2999" s="58">
        <f>Bühler!K3025</f>
        <v>2.9352688301106458</v>
      </c>
      <c r="L2999" s="58">
        <f>Bühler!L3025</f>
        <v>1.4676344150553229</v>
      </c>
      <c r="M2999" s="57">
        <f>Bühler!M3025</f>
        <v>0</v>
      </c>
      <c r="N2999" s="55">
        <f>IF(Input!$K$13=1,J2999*Input!$J$13,0)+IF(Input!$K$14=1,K2999*Input!$J$14,0)+IF(Input!$K$15=1,L2999*Input!$J$15,0)+IF(Input!$K$16=1,M2999*Input!$J$16,0)</f>
        <v>4.6687126790861964</v>
      </c>
      <c r="O2999" s="58">
        <f>IF(Input!$K$13=2,J2999*Input!$J$13,0)+IF(Input!$K$14=2,K2999*Input!$J$14,0)+IF(Input!$K$15=2,L2999*Input!$J$15,0)+IF(Input!$K$16=2,M2999*Input!$J$16,0)</f>
        <v>0.39626129206493715</v>
      </c>
      <c r="P2999" s="58">
        <f>IF(Input!$K$13=3,J2999*Input!$J$13,0)+IF(Input!$K$14=3,K2999*Input!$J$14,0)+IF(Input!$K$15=3,L2999*Input!$J$15,0)+IF(Input!$K$16=3,M2999*Input!$J$16,0)</f>
        <v>0</v>
      </c>
      <c r="Q2999" s="71">
        <f>IF(Input!$K$13=4,J2999*Input!$J$13,0)+IF(Input!$K$14=4,K2999*Input!$J$14,0)+IF(Input!$K$15=4,L2999*Input!$J$15,0)+IF(Input!$K$16=4,M2999*Input!$J$16,0)</f>
        <v>0</v>
      </c>
    </row>
    <row r="3000" spans="8:17" x14ac:dyDescent="0.25">
      <c r="H3000" s="43">
        <v>2993</v>
      </c>
      <c r="I3000" s="55">
        <f>Bühler!I3026</f>
        <v>1.2267873689230837</v>
      </c>
      <c r="J3000" s="58">
        <f>Bühler!J3026</f>
        <v>18.874053122446</v>
      </c>
      <c r="K3000" s="58">
        <f>Bühler!K3026</f>
        <v>1.3780604836200214</v>
      </c>
      <c r="L3000" s="58">
        <f>Bühler!L3026</f>
        <v>0.68903024181001071</v>
      </c>
      <c r="M3000" s="57">
        <f>Bühler!M3026</f>
        <v>0</v>
      </c>
      <c r="N3000" s="55">
        <f>IF(Input!$K$13=1,J3000*Input!$J$13,0)+IF(Input!$K$14=1,K3000*Input!$J$14,0)+IF(Input!$K$15=1,L3000*Input!$J$15,0)+IF(Input!$K$16=1,M3000*Input!$J$16,0)</f>
        <v>2.2648863746935199</v>
      </c>
      <c r="O3000" s="58">
        <f>IF(Input!$K$13=2,J3000*Input!$J$13,0)+IF(Input!$K$14=2,K3000*Input!$J$14,0)+IF(Input!$K$15=2,L3000*Input!$J$15,0)+IF(Input!$K$16=2,M3000*Input!$J$16,0)</f>
        <v>0.18603816528870287</v>
      </c>
      <c r="P3000" s="58">
        <f>IF(Input!$K$13=3,J3000*Input!$J$13,0)+IF(Input!$K$14=3,K3000*Input!$J$14,0)+IF(Input!$K$15=3,L3000*Input!$J$15,0)+IF(Input!$K$16=3,M3000*Input!$J$16,0)</f>
        <v>0</v>
      </c>
      <c r="Q3000" s="71">
        <f>IF(Input!$K$13=4,J3000*Input!$J$13,0)+IF(Input!$K$14=4,K3000*Input!$J$14,0)+IF(Input!$K$15=4,L3000*Input!$J$15,0)+IF(Input!$K$16=4,M3000*Input!$J$16,0)</f>
        <v>0</v>
      </c>
    </row>
    <row r="3001" spans="8:17" x14ac:dyDescent="0.25">
      <c r="H3001" s="43">
        <v>2994</v>
      </c>
      <c r="I3001" s="55">
        <f>Bühler!I3027</f>
        <v>1.0305013898953901</v>
      </c>
      <c r="J3001" s="58">
        <f>Bühler!J3027</f>
        <v>12.696098597754363</v>
      </c>
      <c r="K3001" s="58">
        <f>Bühler!K3027</f>
        <v>0.90951991918921438</v>
      </c>
      <c r="L3001" s="58">
        <f>Bühler!L3027</f>
        <v>0.45475995959460719</v>
      </c>
      <c r="M3001" s="57">
        <f>Bühler!M3027</f>
        <v>0</v>
      </c>
      <c r="N3001" s="55">
        <f>IF(Input!$K$13=1,J3001*Input!$J$13,0)+IF(Input!$K$14=1,K3001*Input!$J$14,0)+IF(Input!$K$15=1,L3001*Input!$J$15,0)+IF(Input!$K$16=1,M3001*Input!$J$16,0)</f>
        <v>1.5235318317305235</v>
      </c>
      <c r="O3001" s="58">
        <f>IF(Input!$K$13=2,J3001*Input!$J$13,0)+IF(Input!$K$14=2,K3001*Input!$J$14,0)+IF(Input!$K$15=2,L3001*Input!$J$15,0)+IF(Input!$K$16=2,M3001*Input!$J$16,0)</f>
        <v>0.12278518909054394</v>
      </c>
      <c r="P3001" s="58">
        <f>IF(Input!$K$13=3,J3001*Input!$J$13,0)+IF(Input!$K$14=3,K3001*Input!$J$14,0)+IF(Input!$K$15=3,L3001*Input!$J$15,0)+IF(Input!$K$16=3,M3001*Input!$J$16,0)</f>
        <v>0</v>
      </c>
      <c r="Q3001" s="71">
        <f>IF(Input!$K$13=4,J3001*Input!$J$13,0)+IF(Input!$K$14=4,K3001*Input!$J$14,0)+IF(Input!$K$15=4,L3001*Input!$J$15,0)+IF(Input!$K$16=4,M3001*Input!$J$16,0)</f>
        <v>0</v>
      </c>
    </row>
    <row r="3002" spans="8:17" x14ac:dyDescent="0.25">
      <c r="H3002" s="43">
        <v>2995</v>
      </c>
      <c r="I3002" s="55">
        <f>Bühler!I3028</f>
        <v>0.38030408436615587</v>
      </c>
      <c r="J3002" s="58">
        <f>Bühler!J3028</f>
        <v>7.7809101499639839</v>
      </c>
      <c r="K3002" s="58">
        <f>Bühler!K3028</f>
        <v>0.57878540312040894</v>
      </c>
      <c r="L3002" s="58">
        <f>Bühler!L3028</f>
        <v>0.28939270156020447</v>
      </c>
      <c r="M3002" s="57">
        <f>Bühler!M3028</f>
        <v>0</v>
      </c>
      <c r="N3002" s="55">
        <f>IF(Input!$K$13=1,J3002*Input!$J$13,0)+IF(Input!$K$14=1,K3002*Input!$J$14,0)+IF(Input!$K$15=1,L3002*Input!$J$15,0)+IF(Input!$K$16=1,M3002*Input!$J$16,0)</f>
        <v>0.93370921799567808</v>
      </c>
      <c r="O3002" s="58">
        <f>IF(Input!$K$13=2,J3002*Input!$J$13,0)+IF(Input!$K$14=2,K3002*Input!$J$14,0)+IF(Input!$K$15=2,L3002*Input!$J$15,0)+IF(Input!$K$16=2,M3002*Input!$J$16,0)</f>
        <v>7.8136029421255193E-2</v>
      </c>
      <c r="P3002" s="58">
        <f>IF(Input!$K$13=3,J3002*Input!$J$13,0)+IF(Input!$K$14=3,K3002*Input!$J$14,0)+IF(Input!$K$15=3,L3002*Input!$J$15,0)+IF(Input!$K$16=3,M3002*Input!$J$16,0)</f>
        <v>0</v>
      </c>
      <c r="Q3002" s="71">
        <f>IF(Input!$K$13=4,J3002*Input!$J$13,0)+IF(Input!$K$14=4,K3002*Input!$J$14,0)+IF(Input!$K$15=4,L3002*Input!$J$15,0)+IF(Input!$K$16=4,M3002*Input!$J$16,0)</f>
        <v>0</v>
      </c>
    </row>
    <row r="3003" spans="8:17" x14ac:dyDescent="0.25">
      <c r="H3003" s="43">
        <v>2996</v>
      </c>
      <c r="I3003" s="55">
        <f>Bühler!I3029</f>
        <v>0.38030408436615587</v>
      </c>
      <c r="J3003" s="58">
        <f>Bühler!J3029</f>
        <v>7.4300094805083994</v>
      </c>
      <c r="K3003" s="58">
        <f>Bühler!K3029</f>
        <v>0.55122419344800866</v>
      </c>
      <c r="L3003" s="58">
        <f>Bühler!L3029</f>
        <v>0.27561209672400433</v>
      </c>
      <c r="M3003" s="57">
        <f>Bühler!M3029</f>
        <v>0</v>
      </c>
      <c r="N3003" s="55">
        <f>IF(Input!$K$13=1,J3003*Input!$J$13,0)+IF(Input!$K$14=1,K3003*Input!$J$14,0)+IF(Input!$K$15=1,L3003*Input!$J$15,0)+IF(Input!$K$16=1,M3003*Input!$J$16,0)</f>
        <v>0.8916011376610079</v>
      </c>
      <c r="O3003" s="58">
        <f>IF(Input!$K$13=2,J3003*Input!$J$13,0)+IF(Input!$K$14=2,K3003*Input!$J$14,0)+IF(Input!$K$15=2,L3003*Input!$J$15,0)+IF(Input!$K$16=2,M3003*Input!$J$16,0)</f>
        <v>7.441526611548116E-2</v>
      </c>
      <c r="P3003" s="58">
        <f>IF(Input!$K$13=3,J3003*Input!$J$13,0)+IF(Input!$K$14=3,K3003*Input!$J$14,0)+IF(Input!$K$15=3,L3003*Input!$J$15,0)+IF(Input!$K$16=3,M3003*Input!$J$16,0)</f>
        <v>0</v>
      </c>
      <c r="Q3003" s="71">
        <f>IF(Input!$K$13=4,J3003*Input!$J$13,0)+IF(Input!$K$14=4,K3003*Input!$J$14,0)+IF(Input!$K$15=4,L3003*Input!$J$15,0)+IF(Input!$K$16=4,M3003*Input!$J$16,0)</f>
        <v>0</v>
      </c>
    </row>
    <row r="3004" spans="8:17" x14ac:dyDescent="0.25">
      <c r="H3004" s="43">
        <v>2997</v>
      </c>
      <c r="I3004" s="55">
        <f>Bühler!I3030</f>
        <v>0.38030408436615587</v>
      </c>
      <c r="J3004" s="58">
        <f>Bühler!J3030</f>
        <v>7.4300094805083994</v>
      </c>
      <c r="K3004" s="58">
        <f>Bühler!K3030</f>
        <v>0.55122419344800866</v>
      </c>
      <c r="L3004" s="58">
        <f>Bühler!L3030</f>
        <v>0.27561209672400433</v>
      </c>
      <c r="M3004" s="57">
        <f>Bühler!M3030</f>
        <v>0</v>
      </c>
      <c r="N3004" s="55">
        <f>IF(Input!$K$13=1,J3004*Input!$J$13,0)+IF(Input!$K$14=1,K3004*Input!$J$14,0)+IF(Input!$K$15=1,L3004*Input!$J$15,0)+IF(Input!$K$16=1,M3004*Input!$J$16,0)</f>
        <v>0.8916011376610079</v>
      </c>
      <c r="O3004" s="58">
        <f>IF(Input!$K$13=2,J3004*Input!$J$13,0)+IF(Input!$K$14=2,K3004*Input!$J$14,0)+IF(Input!$K$15=2,L3004*Input!$J$15,0)+IF(Input!$K$16=2,M3004*Input!$J$16,0)</f>
        <v>7.441526611548116E-2</v>
      </c>
      <c r="P3004" s="58">
        <f>IF(Input!$K$13=3,J3004*Input!$J$13,0)+IF(Input!$K$14=3,K3004*Input!$J$14,0)+IF(Input!$K$15=3,L3004*Input!$J$15,0)+IF(Input!$K$16=3,M3004*Input!$J$16,0)</f>
        <v>0</v>
      </c>
      <c r="Q3004" s="71">
        <f>IF(Input!$K$13=4,J3004*Input!$J$13,0)+IF(Input!$K$14=4,K3004*Input!$J$14,0)+IF(Input!$K$15=4,L3004*Input!$J$15,0)+IF(Input!$K$16=4,M3004*Input!$J$16,0)</f>
        <v>0</v>
      </c>
    </row>
    <row r="3005" spans="8:17" x14ac:dyDescent="0.25">
      <c r="H3005" s="43">
        <v>2998</v>
      </c>
      <c r="I3005" s="55">
        <f>Bühler!I3031</f>
        <v>0.38030408436615587</v>
      </c>
      <c r="J3005" s="58">
        <f>Bühler!J3031</f>
        <v>7.4300094805083994</v>
      </c>
      <c r="K3005" s="58">
        <f>Bühler!K3031</f>
        <v>0.55122419344800866</v>
      </c>
      <c r="L3005" s="58">
        <f>Bühler!L3031</f>
        <v>0.27561209672400433</v>
      </c>
      <c r="M3005" s="57">
        <f>Bühler!M3031</f>
        <v>0</v>
      </c>
      <c r="N3005" s="55">
        <f>IF(Input!$K$13=1,J3005*Input!$J$13,0)+IF(Input!$K$14=1,K3005*Input!$J$14,0)+IF(Input!$K$15=1,L3005*Input!$J$15,0)+IF(Input!$K$16=1,M3005*Input!$J$16,0)</f>
        <v>0.8916011376610079</v>
      </c>
      <c r="O3005" s="58">
        <f>IF(Input!$K$13=2,J3005*Input!$J$13,0)+IF(Input!$K$14=2,K3005*Input!$J$14,0)+IF(Input!$K$15=2,L3005*Input!$J$15,0)+IF(Input!$K$16=2,M3005*Input!$J$16,0)</f>
        <v>7.441526611548116E-2</v>
      </c>
      <c r="P3005" s="58">
        <f>IF(Input!$K$13=3,J3005*Input!$J$13,0)+IF(Input!$K$14=3,K3005*Input!$J$14,0)+IF(Input!$K$15=3,L3005*Input!$J$15,0)+IF(Input!$K$16=3,M3005*Input!$J$16,0)</f>
        <v>0</v>
      </c>
      <c r="Q3005" s="71">
        <f>IF(Input!$K$13=4,J3005*Input!$J$13,0)+IF(Input!$K$14=4,K3005*Input!$J$14,0)+IF(Input!$K$15=4,L3005*Input!$J$15,0)+IF(Input!$K$16=4,M3005*Input!$J$16,0)</f>
        <v>0</v>
      </c>
    </row>
    <row r="3006" spans="8:17" x14ac:dyDescent="0.25">
      <c r="H3006" s="43">
        <v>2999</v>
      </c>
      <c r="I3006" s="55">
        <f>Bühler!I3032</f>
        <v>0.38030408436615587</v>
      </c>
      <c r="J3006" s="58">
        <f>Bühler!J3032</f>
        <v>7.4300094805083994</v>
      </c>
      <c r="K3006" s="58">
        <f>Bühler!K3032</f>
        <v>0.55122419344800866</v>
      </c>
      <c r="L3006" s="58">
        <f>Bühler!L3032</f>
        <v>0.27561209672400433</v>
      </c>
      <c r="M3006" s="57">
        <f>Bühler!M3032</f>
        <v>0</v>
      </c>
      <c r="N3006" s="55">
        <f>IF(Input!$K$13=1,J3006*Input!$J$13,0)+IF(Input!$K$14=1,K3006*Input!$J$14,0)+IF(Input!$K$15=1,L3006*Input!$J$15,0)+IF(Input!$K$16=1,M3006*Input!$J$16,0)</f>
        <v>0.8916011376610079</v>
      </c>
      <c r="O3006" s="58">
        <f>IF(Input!$K$13=2,J3006*Input!$J$13,0)+IF(Input!$K$14=2,K3006*Input!$J$14,0)+IF(Input!$K$15=2,L3006*Input!$J$15,0)+IF(Input!$K$16=2,M3006*Input!$J$16,0)</f>
        <v>7.441526611548116E-2</v>
      </c>
      <c r="P3006" s="58">
        <f>IF(Input!$K$13=3,J3006*Input!$J$13,0)+IF(Input!$K$14=3,K3006*Input!$J$14,0)+IF(Input!$K$15=3,L3006*Input!$J$15,0)+IF(Input!$K$16=3,M3006*Input!$J$16,0)</f>
        <v>0</v>
      </c>
      <c r="Q3006" s="71">
        <f>IF(Input!$K$13=4,J3006*Input!$J$13,0)+IF(Input!$K$14=4,K3006*Input!$J$14,0)+IF(Input!$K$15=4,L3006*Input!$J$15,0)+IF(Input!$K$16=4,M3006*Input!$J$16,0)</f>
        <v>0</v>
      </c>
    </row>
    <row r="3007" spans="8:17" x14ac:dyDescent="0.25">
      <c r="H3007" s="43">
        <v>3000</v>
      </c>
      <c r="I3007" s="55">
        <f>Bühler!I3033</f>
        <v>0.38030408436615587</v>
      </c>
      <c r="J3007" s="58">
        <f>Bühler!J3033</f>
        <v>7.4300094805083994</v>
      </c>
      <c r="K3007" s="58">
        <f>Bühler!K3033</f>
        <v>0.55122419344800866</v>
      </c>
      <c r="L3007" s="58">
        <f>Bühler!L3033</f>
        <v>0.27561209672400433</v>
      </c>
      <c r="M3007" s="57">
        <f>Bühler!M3033</f>
        <v>0</v>
      </c>
      <c r="N3007" s="55">
        <f>IF(Input!$K$13=1,J3007*Input!$J$13,0)+IF(Input!$K$14=1,K3007*Input!$J$14,0)+IF(Input!$K$15=1,L3007*Input!$J$15,0)+IF(Input!$K$16=1,M3007*Input!$J$16,0)</f>
        <v>0.8916011376610079</v>
      </c>
      <c r="O3007" s="58">
        <f>IF(Input!$K$13=2,J3007*Input!$J$13,0)+IF(Input!$K$14=2,K3007*Input!$J$14,0)+IF(Input!$K$15=2,L3007*Input!$J$15,0)+IF(Input!$K$16=2,M3007*Input!$J$16,0)</f>
        <v>7.441526611548116E-2</v>
      </c>
      <c r="P3007" s="58">
        <f>IF(Input!$K$13=3,J3007*Input!$J$13,0)+IF(Input!$K$14=3,K3007*Input!$J$14,0)+IF(Input!$K$15=3,L3007*Input!$J$15,0)+IF(Input!$K$16=3,M3007*Input!$J$16,0)</f>
        <v>0</v>
      </c>
      <c r="Q3007" s="71">
        <f>IF(Input!$K$13=4,J3007*Input!$J$13,0)+IF(Input!$K$14=4,K3007*Input!$J$14,0)+IF(Input!$K$15=4,L3007*Input!$J$15,0)+IF(Input!$K$16=4,M3007*Input!$J$16,0)</f>
        <v>0</v>
      </c>
    </row>
    <row r="3008" spans="8:17" x14ac:dyDescent="0.25">
      <c r="H3008" s="43">
        <v>3001</v>
      </c>
      <c r="I3008" s="55">
        <f>Bühler!I3034</f>
        <v>0.14894293554937099</v>
      </c>
      <c r="J3008" s="58">
        <f>Bühler!J3034</f>
        <v>4.8816205481772572</v>
      </c>
      <c r="K3008" s="58">
        <f>Bühler!K3034</f>
        <v>0.2431073263034837</v>
      </c>
      <c r="L3008" s="58">
        <f>Bühler!L3034</f>
        <v>0.12155366315174185</v>
      </c>
      <c r="M3008" s="57">
        <f>Bühler!M3034</f>
        <v>0</v>
      </c>
      <c r="N3008" s="55">
        <f>IF(Input!$K$13=1,J3008*Input!$J$13,0)+IF(Input!$K$14=1,K3008*Input!$J$14,0)+IF(Input!$K$15=1,L3008*Input!$J$15,0)+IF(Input!$K$16=1,M3008*Input!$J$16,0)</f>
        <v>0.58579446578127081</v>
      </c>
      <c r="O3008" s="58">
        <f>IF(Input!$K$13=2,J3008*Input!$J$13,0)+IF(Input!$K$14=2,K3008*Input!$J$14,0)+IF(Input!$K$15=2,L3008*Input!$J$15,0)+IF(Input!$K$16=2,M3008*Input!$J$16,0)</f>
        <v>3.2819489050970298E-2</v>
      </c>
      <c r="P3008" s="58">
        <f>IF(Input!$K$13=3,J3008*Input!$J$13,0)+IF(Input!$K$14=3,K3008*Input!$J$14,0)+IF(Input!$K$15=3,L3008*Input!$J$15,0)+IF(Input!$K$16=3,M3008*Input!$J$16,0)</f>
        <v>0</v>
      </c>
      <c r="Q3008" s="71">
        <f>IF(Input!$K$13=4,J3008*Input!$J$13,0)+IF(Input!$K$14=4,K3008*Input!$J$14,0)+IF(Input!$K$15=4,L3008*Input!$J$15,0)+IF(Input!$K$16=4,M3008*Input!$J$16,0)</f>
        <v>0</v>
      </c>
    </row>
    <row r="3009" spans="8:17" x14ac:dyDescent="0.25">
      <c r="H3009" s="43">
        <v>3002</v>
      </c>
      <c r="I3009" s="55">
        <f>Bühler!I3035</f>
        <v>0.29079335035829573</v>
      </c>
      <c r="J3009" s="58">
        <f>Bühler!J3035</f>
        <v>4.4790310888314693</v>
      </c>
      <c r="K3009" s="58">
        <f>Bühler!K3035</f>
        <v>0.21879659367313534</v>
      </c>
      <c r="L3009" s="58">
        <f>Bühler!L3035</f>
        <v>0.10939829683656767</v>
      </c>
      <c r="M3009" s="57">
        <f>Bühler!M3035</f>
        <v>0</v>
      </c>
      <c r="N3009" s="55">
        <f>IF(Input!$K$13=1,J3009*Input!$J$13,0)+IF(Input!$K$14=1,K3009*Input!$J$14,0)+IF(Input!$K$15=1,L3009*Input!$J$15,0)+IF(Input!$K$16=1,M3009*Input!$J$16,0)</f>
        <v>0.53748373065977628</v>
      </c>
      <c r="O3009" s="58">
        <f>IF(Input!$K$13=2,J3009*Input!$J$13,0)+IF(Input!$K$14=2,K3009*Input!$J$14,0)+IF(Input!$K$15=2,L3009*Input!$J$15,0)+IF(Input!$K$16=2,M3009*Input!$J$16,0)</f>
        <v>2.9537540145873269E-2</v>
      </c>
      <c r="P3009" s="58">
        <f>IF(Input!$K$13=3,J3009*Input!$J$13,0)+IF(Input!$K$14=3,K3009*Input!$J$14,0)+IF(Input!$K$15=3,L3009*Input!$J$15,0)+IF(Input!$K$16=3,M3009*Input!$J$16,0)</f>
        <v>0</v>
      </c>
      <c r="Q3009" s="71">
        <f>IF(Input!$K$13=4,J3009*Input!$J$13,0)+IF(Input!$K$14=4,K3009*Input!$J$14,0)+IF(Input!$K$15=4,L3009*Input!$J$15,0)+IF(Input!$K$16=4,M3009*Input!$J$16,0)</f>
        <v>0</v>
      </c>
    </row>
    <row r="3010" spans="8:17" x14ac:dyDescent="0.25">
      <c r="H3010" s="43">
        <v>3003</v>
      </c>
      <c r="I3010" s="55">
        <f>Bühler!I3036</f>
        <v>0.29079335035829573</v>
      </c>
      <c r="J3010" s="58">
        <f>Bühler!J3036</f>
        <v>4.4790310888314693</v>
      </c>
      <c r="K3010" s="58">
        <f>Bühler!K3036</f>
        <v>0.21879659367313534</v>
      </c>
      <c r="L3010" s="58">
        <f>Bühler!L3036</f>
        <v>0.10939829683656767</v>
      </c>
      <c r="M3010" s="57">
        <f>Bühler!M3036</f>
        <v>0</v>
      </c>
      <c r="N3010" s="55">
        <f>IF(Input!$K$13=1,J3010*Input!$J$13,0)+IF(Input!$K$14=1,K3010*Input!$J$14,0)+IF(Input!$K$15=1,L3010*Input!$J$15,0)+IF(Input!$K$16=1,M3010*Input!$J$16,0)</f>
        <v>0.53748373065977628</v>
      </c>
      <c r="O3010" s="58">
        <f>IF(Input!$K$13=2,J3010*Input!$J$13,0)+IF(Input!$K$14=2,K3010*Input!$J$14,0)+IF(Input!$K$15=2,L3010*Input!$J$15,0)+IF(Input!$K$16=2,M3010*Input!$J$16,0)</f>
        <v>2.9537540145873269E-2</v>
      </c>
      <c r="P3010" s="58">
        <f>IF(Input!$K$13=3,J3010*Input!$J$13,0)+IF(Input!$K$14=3,K3010*Input!$J$14,0)+IF(Input!$K$15=3,L3010*Input!$J$15,0)+IF(Input!$K$16=3,M3010*Input!$J$16,0)</f>
        <v>0</v>
      </c>
      <c r="Q3010" s="71">
        <f>IF(Input!$K$13=4,J3010*Input!$J$13,0)+IF(Input!$K$14=4,K3010*Input!$J$14,0)+IF(Input!$K$15=4,L3010*Input!$J$15,0)+IF(Input!$K$16=4,M3010*Input!$J$16,0)</f>
        <v>0</v>
      </c>
    </row>
    <row r="3011" spans="8:17" x14ac:dyDescent="0.25">
      <c r="H3011" s="43">
        <v>3004</v>
      </c>
      <c r="I3011" s="55">
        <f>Bühler!I3037</f>
        <v>0.29079335035829573</v>
      </c>
      <c r="J3011" s="58">
        <f>Bühler!J3037</f>
        <v>4.4790310888314693</v>
      </c>
      <c r="K3011" s="58">
        <f>Bühler!K3037</f>
        <v>0.21879659367313534</v>
      </c>
      <c r="L3011" s="58">
        <f>Bühler!L3037</f>
        <v>0.10939829683656767</v>
      </c>
      <c r="M3011" s="57">
        <f>Bühler!M3037</f>
        <v>0</v>
      </c>
      <c r="N3011" s="55">
        <f>IF(Input!$K$13=1,J3011*Input!$J$13,0)+IF(Input!$K$14=1,K3011*Input!$J$14,0)+IF(Input!$K$15=1,L3011*Input!$J$15,0)+IF(Input!$K$16=1,M3011*Input!$J$16,0)</f>
        <v>0.53748373065977628</v>
      </c>
      <c r="O3011" s="58">
        <f>IF(Input!$K$13=2,J3011*Input!$J$13,0)+IF(Input!$K$14=2,K3011*Input!$J$14,0)+IF(Input!$K$15=2,L3011*Input!$J$15,0)+IF(Input!$K$16=2,M3011*Input!$J$16,0)</f>
        <v>2.9537540145873269E-2</v>
      </c>
      <c r="P3011" s="58">
        <f>IF(Input!$K$13=3,J3011*Input!$J$13,0)+IF(Input!$K$14=3,K3011*Input!$J$14,0)+IF(Input!$K$15=3,L3011*Input!$J$15,0)+IF(Input!$K$16=3,M3011*Input!$J$16,0)</f>
        <v>0</v>
      </c>
      <c r="Q3011" s="71">
        <f>IF(Input!$K$13=4,J3011*Input!$J$13,0)+IF(Input!$K$14=4,K3011*Input!$J$14,0)+IF(Input!$K$15=4,L3011*Input!$J$15,0)+IF(Input!$K$16=4,M3011*Input!$J$16,0)</f>
        <v>0</v>
      </c>
    </row>
    <row r="3012" spans="8:17" x14ac:dyDescent="0.25">
      <c r="H3012" s="43">
        <v>3005</v>
      </c>
      <c r="I3012" s="55">
        <f>Bühler!I3038</f>
        <v>0.29079335035829573</v>
      </c>
      <c r="J3012" s="58">
        <f>Bühler!J3038</f>
        <v>4.4790310888314693</v>
      </c>
      <c r="K3012" s="58">
        <f>Bühler!K3038</f>
        <v>0.21879659367313534</v>
      </c>
      <c r="L3012" s="58">
        <f>Bühler!L3038</f>
        <v>0.10939829683656767</v>
      </c>
      <c r="M3012" s="57">
        <f>Bühler!M3038</f>
        <v>0</v>
      </c>
      <c r="N3012" s="55">
        <f>IF(Input!$K$13=1,J3012*Input!$J$13,0)+IF(Input!$K$14=1,K3012*Input!$J$14,0)+IF(Input!$K$15=1,L3012*Input!$J$15,0)+IF(Input!$K$16=1,M3012*Input!$J$16,0)</f>
        <v>0.53748373065977628</v>
      </c>
      <c r="O3012" s="58">
        <f>IF(Input!$K$13=2,J3012*Input!$J$13,0)+IF(Input!$K$14=2,K3012*Input!$J$14,0)+IF(Input!$K$15=2,L3012*Input!$J$15,0)+IF(Input!$K$16=2,M3012*Input!$J$16,0)</f>
        <v>2.9537540145873269E-2</v>
      </c>
      <c r="P3012" s="58">
        <f>IF(Input!$K$13=3,J3012*Input!$J$13,0)+IF(Input!$K$14=3,K3012*Input!$J$14,0)+IF(Input!$K$15=3,L3012*Input!$J$15,0)+IF(Input!$K$16=3,M3012*Input!$J$16,0)</f>
        <v>0</v>
      </c>
      <c r="Q3012" s="71">
        <f>IF(Input!$K$13=4,J3012*Input!$J$13,0)+IF(Input!$K$14=4,K3012*Input!$J$14,0)+IF(Input!$K$15=4,L3012*Input!$J$15,0)+IF(Input!$K$16=4,M3012*Input!$J$16,0)</f>
        <v>0</v>
      </c>
    </row>
    <row r="3013" spans="8:17" x14ac:dyDescent="0.25">
      <c r="H3013" s="43">
        <v>3006</v>
      </c>
      <c r="I3013" s="55">
        <f>Bühler!I3039</f>
        <v>0.36171855776275819</v>
      </c>
      <c r="J3013" s="58">
        <f>Bühler!J3039</f>
        <v>4.4819863058066556</v>
      </c>
      <c r="K3013" s="58">
        <f>Bühler!K3039</f>
        <v>0.21879659367313534</v>
      </c>
      <c r="L3013" s="58">
        <f>Bühler!L3039</f>
        <v>0.10939829683656767</v>
      </c>
      <c r="M3013" s="57">
        <f>Bühler!M3039</f>
        <v>0</v>
      </c>
      <c r="N3013" s="55">
        <f>IF(Input!$K$13=1,J3013*Input!$J$13,0)+IF(Input!$K$14=1,K3013*Input!$J$14,0)+IF(Input!$K$15=1,L3013*Input!$J$15,0)+IF(Input!$K$16=1,M3013*Input!$J$16,0)</f>
        <v>0.53783835669679869</v>
      </c>
      <c r="O3013" s="58">
        <f>IF(Input!$K$13=2,J3013*Input!$J$13,0)+IF(Input!$K$14=2,K3013*Input!$J$14,0)+IF(Input!$K$15=2,L3013*Input!$J$15,0)+IF(Input!$K$16=2,M3013*Input!$J$16,0)</f>
        <v>2.9537540145873269E-2</v>
      </c>
      <c r="P3013" s="58">
        <f>IF(Input!$K$13=3,J3013*Input!$J$13,0)+IF(Input!$K$14=3,K3013*Input!$J$14,0)+IF(Input!$K$15=3,L3013*Input!$J$15,0)+IF(Input!$K$16=3,M3013*Input!$J$16,0)</f>
        <v>0</v>
      </c>
      <c r="Q3013" s="71">
        <f>IF(Input!$K$13=4,J3013*Input!$J$13,0)+IF(Input!$K$14=4,K3013*Input!$J$14,0)+IF(Input!$K$15=4,L3013*Input!$J$15,0)+IF(Input!$K$16=4,M3013*Input!$J$16,0)</f>
        <v>0</v>
      </c>
    </row>
    <row r="3014" spans="8:17" x14ac:dyDescent="0.25">
      <c r="H3014" s="43">
        <v>3007</v>
      </c>
      <c r="I3014" s="55">
        <f>Bühler!I3040</f>
        <v>0.45392132738855928</v>
      </c>
      <c r="J3014" s="58">
        <f>Bühler!J3040</f>
        <v>4.4858280878743972</v>
      </c>
      <c r="K3014" s="58">
        <f>Bühler!K3040</f>
        <v>0.21879659367313534</v>
      </c>
      <c r="L3014" s="58">
        <f>Bühler!L3040</f>
        <v>0.10939829683656767</v>
      </c>
      <c r="M3014" s="57">
        <f>Bühler!M3040</f>
        <v>0</v>
      </c>
      <c r="N3014" s="55">
        <f>IF(Input!$K$13=1,J3014*Input!$J$13,0)+IF(Input!$K$14=1,K3014*Input!$J$14,0)+IF(Input!$K$15=1,L3014*Input!$J$15,0)+IF(Input!$K$16=1,M3014*Input!$J$16,0)</f>
        <v>0.5382993705449276</v>
      </c>
      <c r="O3014" s="58">
        <f>IF(Input!$K$13=2,J3014*Input!$J$13,0)+IF(Input!$K$14=2,K3014*Input!$J$14,0)+IF(Input!$K$15=2,L3014*Input!$J$15,0)+IF(Input!$K$16=2,M3014*Input!$J$16,0)</f>
        <v>2.9537540145873269E-2</v>
      </c>
      <c r="P3014" s="58">
        <f>IF(Input!$K$13=3,J3014*Input!$J$13,0)+IF(Input!$K$14=3,K3014*Input!$J$14,0)+IF(Input!$K$15=3,L3014*Input!$J$15,0)+IF(Input!$K$16=3,M3014*Input!$J$16,0)</f>
        <v>0</v>
      </c>
      <c r="Q3014" s="71">
        <f>IF(Input!$K$13=4,J3014*Input!$J$13,0)+IF(Input!$K$14=4,K3014*Input!$J$14,0)+IF(Input!$K$15=4,L3014*Input!$J$15,0)+IF(Input!$K$16=4,M3014*Input!$J$16,0)</f>
        <v>0</v>
      </c>
    </row>
    <row r="3015" spans="8:17" x14ac:dyDescent="0.25">
      <c r="H3015" s="43">
        <v>3008</v>
      </c>
      <c r="I3015" s="55">
        <f>Bühler!I3041</f>
        <v>0.51775401405257526</v>
      </c>
      <c r="J3015" s="58">
        <f>Bühler!J3041</f>
        <v>4.4884877831520642</v>
      </c>
      <c r="K3015" s="58">
        <f>Bühler!K3041</f>
        <v>0.21879659367313534</v>
      </c>
      <c r="L3015" s="58">
        <f>Bühler!L3041</f>
        <v>0.10939829683656767</v>
      </c>
      <c r="M3015" s="57">
        <f>Bühler!M3041</f>
        <v>0</v>
      </c>
      <c r="N3015" s="55">
        <f>IF(Input!$K$13=1,J3015*Input!$J$13,0)+IF(Input!$K$14=1,K3015*Input!$J$14,0)+IF(Input!$K$15=1,L3015*Input!$J$15,0)+IF(Input!$K$16=1,M3015*Input!$J$16,0)</f>
        <v>0.53861853397824766</v>
      </c>
      <c r="O3015" s="58">
        <f>IF(Input!$K$13=2,J3015*Input!$J$13,0)+IF(Input!$K$14=2,K3015*Input!$J$14,0)+IF(Input!$K$15=2,L3015*Input!$J$15,0)+IF(Input!$K$16=2,M3015*Input!$J$16,0)</f>
        <v>2.9537540145873269E-2</v>
      </c>
      <c r="P3015" s="58">
        <f>IF(Input!$K$13=3,J3015*Input!$J$13,0)+IF(Input!$K$14=3,K3015*Input!$J$14,0)+IF(Input!$K$15=3,L3015*Input!$J$15,0)+IF(Input!$K$16=3,M3015*Input!$J$16,0)</f>
        <v>0</v>
      </c>
      <c r="Q3015" s="71">
        <f>IF(Input!$K$13=4,J3015*Input!$J$13,0)+IF(Input!$K$14=4,K3015*Input!$J$14,0)+IF(Input!$K$15=4,L3015*Input!$J$15,0)+IF(Input!$K$16=4,M3015*Input!$J$16,0)</f>
        <v>0</v>
      </c>
    </row>
    <row r="3016" spans="8:17" x14ac:dyDescent="0.25">
      <c r="H3016" s="43">
        <v>3009</v>
      </c>
      <c r="I3016" s="55">
        <f>Bühler!I3042</f>
        <v>0.51775401405257526</v>
      </c>
      <c r="J3016" s="58">
        <f>Bühler!J3042</f>
        <v>4.4884877831520642</v>
      </c>
      <c r="K3016" s="58">
        <f>Bühler!K3042</f>
        <v>0.21879659367313534</v>
      </c>
      <c r="L3016" s="58">
        <f>Bühler!L3042</f>
        <v>0.10939829683656767</v>
      </c>
      <c r="M3016" s="57">
        <f>Bühler!M3042</f>
        <v>0</v>
      </c>
      <c r="N3016" s="55">
        <f>IF(Input!$K$13=1,J3016*Input!$J$13,0)+IF(Input!$K$14=1,K3016*Input!$J$14,0)+IF(Input!$K$15=1,L3016*Input!$J$15,0)+IF(Input!$K$16=1,M3016*Input!$J$16,0)</f>
        <v>0.53861853397824766</v>
      </c>
      <c r="O3016" s="58">
        <f>IF(Input!$K$13=2,J3016*Input!$J$13,0)+IF(Input!$K$14=2,K3016*Input!$J$14,0)+IF(Input!$K$15=2,L3016*Input!$J$15,0)+IF(Input!$K$16=2,M3016*Input!$J$16,0)</f>
        <v>2.9537540145873269E-2</v>
      </c>
      <c r="P3016" s="58">
        <f>IF(Input!$K$13=3,J3016*Input!$J$13,0)+IF(Input!$K$14=3,K3016*Input!$J$14,0)+IF(Input!$K$15=3,L3016*Input!$J$15,0)+IF(Input!$K$16=3,M3016*Input!$J$16,0)</f>
        <v>0</v>
      </c>
      <c r="Q3016" s="71">
        <f>IF(Input!$K$13=4,J3016*Input!$J$13,0)+IF(Input!$K$14=4,K3016*Input!$J$14,0)+IF(Input!$K$15=4,L3016*Input!$J$15,0)+IF(Input!$K$16=4,M3016*Input!$J$16,0)</f>
        <v>0</v>
      </c>
    </row>
    <row r="3017" spans="8:17" x14ac:dyDescent="0.25">
      <c r="H3017" s="43">
        <v>3010</v>
      </c>
      <c r="I3017" s="55">
        <f>Bühler!I3043</f>
        <v>0.51775401405257526</v>
      </c>
      <c r="J3017" s="58">
        <f>Bühler!J3043</f>
        <v>4.4884877831520642</v>
      </c>
      <c r="K3017" s="58">
        <f>Bühler!K3043</f>
        <v>0.21879659367313534</v>
      </c>
      <c r="L3017" s="58">
        <f>Bühler!L3043</f>
        <v>0.10939829683656767</v>
      </c>
      <c r="M3017" s="57">
        <f>Bühler!M3043</f>
        <v>0</v>
      </c>
      <c r="N3017" s="55">
        <f>IF(Input!$K$13=1,J3017*Input!$J$13,0)+IF(Input!$K$14=1,K3017*Input!$J$14,0)+IF(Input!$K$15=1,L3017*Input!$J$15,0)+IF(Input!$K$16=1,M3017*Input!$J$16,0)</f>
        <v>0.53861853397824766</v>
      </c>
      <c r="O3017" s="58">
        <f>IF(Input!$K$13=2,J3017*Input!$J$13,0)+IF(Input!$K$14=2,K3017*Input!$J$14,0)+IF(Input!$K$15=2,L3017*Input!$J$15,0)+IF(Input!$K$16=2,M3017*Input!$J$16,0)</f>
        <v>2.9537540145873269E-2</v>
      </c>
      <c r="P3017" s="58">
        <f>IF(Input!$K$13=3,J3017*Input!$J$13,0)+IF(Input!$K$14=3,K3017*Input!$J$14,0)+IF(Input!$K$15=3,L3017*Input!$J$15,0)+IF(Input!$K$16=3,M3017*Input!$J$16,0)</f>
        <v>0</v>
      </c>
      <c r="Q3017" s="71">
        <f>IF(Input!$K$13=4,J3017*Input!$J$13,0)+IF(Input!$K$14=4,K3017*Input!$J$14,0)+IF(Input!$K$15=4,L3017*Input!$J$15,0)+IF(Input!$K$16=4,M3017*Input!$J$16,0)</f>
        <v>0</v>
      </c>
    </row>
    <row r="3018" spans="8:17" x14ac:dyDescent="0.25">
      <c r="H3018" s="43">
        <v>3011</v>
      </c>
      <c r="I3018" s="55">
        <f>Bühler!I3044</f>
        <v>0.51775401405257526</v>
      </c>
      <c r="J3018" s="58">
        <f>Bühler!J3044</f>
        <v>4.4884877831520642</v>
      </c>
      <c r="K3018" s="58">
        <f>Bühler!K3044</f>
        <v>0.21879659367313534</v>
      </c>
      <c r="L3018" s="58">
        <f>Bühler!L3044</f>
        <v>0.10939829683656767</v>
      </c>
      <c r="M3018" s="57">
        <f>Bühler!M3044</f>
        <v>0</v>
      </c>
      <c r="N3018" s="55">
        <f>IF(Input!$K$13=1,J3018*Input!$J$13,0)+IF(Input!$K$14=1,K3018*Input!$J$14,0)+IF(Input!$K$15=1,L3018*Input!$J$15,0)+IF(Input!$K$16=1,M3018*Input!$J$16,0)</f>
        <v>0.53861853397824766</v>
      </c>
      <c r="O3018" s="58">
        <f>IF(Input!$K$13=2,J3018*Input!$J$13,0)+IF(Input!$K$14=2,K3018*Input!$J$14,0)+IF(Input!$K$15=2,L3018*Input!$J$15,0)+IF(Input!$K$16=2,M3018*Input!$J$16,0)</f>
        <v>2.9537540145873269E-2</v>
      </c>
      <c r="P3018" s="58">
        <f>IF(Input!$K$13=3,J3018*Input!$J$13,0)+IF(Input!$K$14=3,K3018*Input!$J$14,0)+IF(Input!$K$15=3,L3018*Input!$J$15,0)+IF(Input!$K$16=3,M3018*Input!$J$16,0)</f>
        <v>0</v>
      </c>
      <c r="Q3018" s="71">
        <f>IF(Input!$K$13=4,J3018*Input!$J$13,0)+IF(Input!$K$14=4,K3018*Input!$J$14,0)+IF(Input!$K$15=4,L3018*Input!$J$15,0)+IF(Input!$K$16=4,M3018*Input!$J$16,0)</f>
        <v>0</v>
      </c>
    </row>
    <row r="3019" spans="8:17" x14ac:dyDescent="0.25">
      <c r="H3019" s="43">
        <v>3012</v>
      </c>
      <c r="I3019" s="55">
        <f>Bühler!I3045</f>
        <v>0.51775401405257526</v>
      </c>
      <c r="J3019" s="58">
        <f>Bühler!J3045</f>
        <v>4.4884877831520642</v>
      </c>
      <c r="K3019" s="58">
        <f>Bühler!K3045</f>
        <v>0.21879659367313534</v>
      </c>
      <c r="L3019" s="58">
        <f>Bühler!L3045</f>
        <v>0.10939829683656767</v>
      </c>
      <c r="M3019" s="57">
        <f>Bühler!M3045</f>
        <v>0</v>
      </c>
      <c r="N3019" s="55">
        <f>IF(Input!$K$13=1,J3019*Input!$J$13,0)+IF(Input!$K$14=1,K3019*Input!$J$14,0)+IF(Input!$K$15=1,L3019*Input!$J$15,0)+IF(Input!$K$16=1,M3019*Input!$J$16,0)</f>
        <v>0.53861853397824766</v>
      </c>
      <c r="O3019" s="58">
        <f>IF(Input!$K$13=2,J3019*Input!$J$13,0)+IF(Input!$K$14=2,K3019*Input!$J$14,0)+IF(Input!$K$15=2,L3019*Input!$J$15,0)+IF(Input!$K$16=2,M3019*Input!$J$16,0)</f>
        <v>2.9537540145873269E-2</v>
      </c>
      <c r="P3019" s="58">
        <f>IF(Input!$K$13=3,J3019*Input!$J$13,0)+IF(Input!$K$14=3,K3019*Input!$J$14,0)+IF(Input!$K$15=3,L3019*Input!$J$15,0)+IF(Input!$K$16=3,M3019*Input!$J$16,0)</f>
        <v>0</v>
      </c>
      <c r="Q3019" s="71">
        <f>IF(Input!$K$13=4,J3019*Input!$J$13,0)+IF(Input!$K$14=4,K3019*Input!$J$14,0)+IF(Input!$K$15=4,L3019*Input!$J$15,0)+IF(Input!$K$16=4,M3019*Input!$J$16,0)</f>
        <v>0</v>
      </c>
    </row>
    <row r="3020" spans="8:17" x14ac:dyDescent="0.25">
      <c r="H3020" s="43">
        <v>3013</v>
      </c>
      <c r="I3020" s="55">
        <f>Bühler!I3046</f>
        <v>0.51775401405257526</v>
      </c>
      <c r="J3020" s="58">
        <f>Bühler!J3046</f>
        <v>4.4884877831520642</v>
      </c>
      <c r="K3020" s="58">
        <f>Bühler!K3046</f>
        <v>0.21879659367313534</v>
      </c>
      <c r="L3020" s="58">
        <f>Bühler!L3046</f>
        <v>0.10939829683656767</v>
      </c>
      <c r="M3020" s="57">
        <f>Bühler!M3046</f>
        <v>0</v>
      </c>
      <c r="N3020" s="55">
        <f>IF(Input!$K$13=1,J3020*Input!$J$13,0)+IF(Input!$K$14=1,K3020*Input!$J$14,0)+IF(Input!$K$15=1,L3020*Input!$J$15,0)+IF(Input!$K$16=1,M3020*Input!$J$16,0)</f>
        <v>0.53861853397824766</v>
      </c>
      <c r="O3020" s="58">
        <f>IF(Input!$K$13=2,J3020*Input!$J$13,0)+IF(Input!$K$14=2,K3020*Input!$J$14,0)+IF(Input!$K$15=2,L3020*Input!$J$15,0)+IF(Input!$K$16=2,M3020*Input!$J$16,0)</f>
        <v>2.9537540145873269E-2</v>
      </c>
      <c r="P3020" s="58">
        <f>IF(Input!$K$13=3,J3020*Input!$J$13,0)+IF(Input!$K$14=3,K3020*Input!$J$14,0)+IF(Input!$K$15=3,L3020*Input!$J$15,0)+IF(Input!$K$16=3,M3020*Input!$J$16,0)</f>
        <v>0</v>
      </c>
      <c r="Q3020" s="71">
        <f>IF(Input!$K$13=4,J3020*Input!$J$13,0)+IF(Input!$K$14=4,K3020*Input!$J$14,0)+IF(Input!$K$15=4,L3020*Input!$J$15,0)+IF(Input!$K$16=4,M3020*Input!$J$16,0)</f>
        <v>0</v>
      </c>
    </row>
    <row r="3021" spans="8:17" x14ac:dyDescent="0.25">
      <c r="H3021" s="43">
        <v>3014</v>
      </c>
      <c r="I3021" s="55">
        <f>Bühler!I3047</f>
        <v>0.51775401405257526</v>
      </c>
      <c r="J3021" s="58">
        <f>Bühler!J3047</f>
        <v>4.4884877831520642</v>
      </c>
      <c r="K3021" s="58">
        <f>Bühler!K3047</f>
        <v>0.21879659367313534</v>
      </c>
      <c r="L3021" s="58">
        <f>Bühler!L3047</f>
        <v>0.10939829683656767</v>
      </c>
      <c r="M3021" s="57">
        <f>Bühler!M3047</f>
        <v>0</v>
      </c>
      <c r="N3021" s="55">
        <f>IF(Input!$K$13=1,J3021*Input!$J$13,0)+IF(Input!$K$14=1,K3021*Input!$J$14,0)+IF(Input!$K$15=1,L3021*Input!$J$15,0)+IF(Input!$K$16=1,M3021*Input!$J$16,0)</f>
        <v>0.53861853397824766</v>
      </c>
      <c r="O3021" s="58">
        <f>IF(Input!$K$13=2,J3021*Input!$J$13,0)+IF(Input!$K$14=2,K3021*Input!$J$14,0)+IF(Input!$K$15=2,L3021*Input!$J$15,0)+IF(Input!$K$16=2,M3021*Input!$J$16,0)</f>
        <v>2.9537540145873269E-2</v>
      </c>
      <c r="P3021" s="58">
        <f>IF(Input!$K$13=3,J3021*Input!$J$13,0)+IF(Input!$K$14=3,K3021*Input!$J$14,0)+IF(Input!$K$15=3,L3021*Input!$J$15,0)+IF(Input!$K$16=3,M3021*Input!$J$16,0)</f>
        <v>0</v>
      </c>
      <c r="Q3021" s="71">
        <f>IF(Input!$K$13=4,J3021*Input!$J$13,0)+IF(Input!$K$14=4,K3021*Input!$J$14,0)+IF(Input!$K$15=4,L3021*Input!$J$15,0)+IF(Input!$K$16=4,M3021*Input!$J$16,0)</f>
        <v>0</v>
      </c>
    </row>
    <row r="3022" spans="8:17" x14ac:dyDescent="0.25">
      <c r="H3022" s="43">
        <v>3015</v>
      </c>
      <c r="I3022" s="55">
        <f>Bühler!I3048</f>
        <v>0.51775401405257526</v>
      </c>
      <c r="J3022" s="58">
        <f>Bühler!J3048</f>
        <v>4.4884877831520642</v>
      </c>
      <c r="K3022" s="58">
        <f>Bühler!K3048</f>
        <v>0.21879659367313534</v>
      </c>
      <c r="L3022" s="58">
        <f>Bühler!L3048</f>
        <v>0.10939829683656767</v>
      </c>
      <c r="M3022" s="57">
        <f>Bühler!M3048</f>
        <v>0</v>
      </c>
      <c r="N3022" s="55">
        <f>IF(Input!$K$13=1,J3022*Input!$J$13,0)+IF(Input!$K$14=1,K3022*Input!$J$14,0)+IF(Input!$K$15=1,L3022*Input!$J$15,0)+IF(Input!$K$16=1,M3022*Input!$J$16,0)</f>
        <v>0.53861853397824766</v>
      </c>
      <c r="O3022" s="58">
        <f>IF(Input!$K$13=2,J3022*Input!$J$13,0)+IF(Input!$K$14=2,K3022*Input!$J$14,0)+IF(Input!$K$15=2,L3022*Input!$J$15,0)+IF(Input!$K$16=2,M3022*Input!$J$16,0)</f>
        <v>2.9537540145873269E-2</v>
      </c>
      <c r="P3022" s="58">
        <f>IF(Input!$K$13=3,J3022*Input!$J$13,0)+IF(Input!$K$14=3,K3022*Input!$J$14,0)+IF(Input!$K$15=3,L3022*Input!$J$15,0)+IF(Input!$K$16=3,M3022*Input!$J$16,0)</f>
        <v>0</v>
      </c>
      <c r="Q3022" s="71">
        <f>IF(Input!$K$13=4,J3022*Input!$J$13,0)+IF(Input!$K$14=4,K3022*Input!$J$14,0)+IF(Input!$K$15=4,L3022*Input!$J$15,0)+IF(Input!$K$16=4,M3022*Input!$J$16,0)</f>
        <v>0</v>
      </c>
    </row>
    <row r="3023" spans="8:17" x14ac:dyDescent="0.25">
      <c r="H3023" s="43">
        <v>3016</v>
      </c>
      <c r="I3023" s="55">
        <f>Bühler!I3049</f>
        <v>0.46810636886945167</v>
      </c>
      <c r="J3023" s="58">
        <f>Bühler!J3049</f>
        <v>4.4864191312694341</v>
      </c>
      <c r="K3023" s="58">
        <f>Bühler!K3049</f>
        <v>0.21879659367313534</v>
      </c>
      <c r="L3023" s="58">
        <f>Bühler!L3049</f>
        <v>0.10939829683656767</v>
      </c>
      <c r="M3023" s="57">
        <f>Bühler!M3049</f>
        <v>0</v>
      </c>
      <c r="N3023" s="55">
        <f>IF(Input!$K$13=1,J3023*Input!$J$13,0)+IF(Input!$K$14=1,K3023*Input!$J$14,0)+IF(Input!$K$15=1,L3023*Input!$J$15,0)+IF(Input!$K$16=1,M3023*Input!$J$16,0)</f>
        <v>0.53837029575233208</v>
      </c>
      <c r="O3023" s="58">
        <f>IF(Input!$K$13=2,J3023*Input!$J$13,0)+IF(Input!$K$14=2,K3023*Input!$J$14,0)+IF(Input!$K$15=2,L3023*Input!$J$15,0)+IF(Input!$K$16=2,M3023*Input!$J$16,0)</f>
        <v>2.9537540145873269E-2</v>
      </c>
      <c r="P3023" s="58">
        <f>IF(Input!$K$13=3,J3023*Input!$J$13,0)+IF(Input!$K$14=3,K3023*Input!$J$14,0)+IF(Input!$K$15=3,L3023*Input!$J$15,0)+IF(Input!$K$16=3,M3023*Input!$J$16,0)</f>
        <v>0</v>
      </c>
      <c r="Q3023" s="71">
        <f>IF(Input!$K$13=4,J3023*Input!$J$13,0)+IF(Input!$K$14=4,K3023*Input!$J$14,0)+IF(Input!$K$15=4,L3023*Input!$J$15,0)+IF(Input!$K$16=4,M3023*Input!$J$16,0)</f>
        <v>0</v>
      </c>
    </row>
    <row r="3024" spans="8:17" x14ac:dyDescent="0.25">
      <c r="H3024" s="43">
        <v>3017</v>
      </c>
      <c r="I3024" s="55">
        <f>Bühler!I3050</f>
        <v>0.42555124442677422</v>
      </c>
      <c r="J3024" s="58">
        <f>Bühler!J3050</f>
        <v>4.4846460010843225</v>
      </c>
      <c r="K3024" s="58">
        <f>Bühler!K3050</f>
        <v>0.21879659367313534</v>
      </c>
      <c r="L3024" s="58">
        <f>Bühler!L3050</f>
        <v>0.10939829683656767</v>
      </c>
      <c r="M3024" s="57">
        <f>Bühler!M3050</f>
        <v>0</v>
      </c>
      <c r="N3024" s="55">
        <f>IF(Input!$K$13=1,J3024*Input!$J$13,0)+IF(Input!$K$14=1,K3024*Input!$J$14,0)+IF(Input!$K$15=1,L3024*Input!$J$15,0)+IF(Input!$K$16=1,M3024*Input!$J$16,0)</f>
        <v>0.53815752013011864</v>
      </c>
      <c r="O3024" s="58">
        <f>IF(Input!$K$13=2,J3024*Input!$J$13,0)+IF(Input!$K$14=2,K3024*Input!$J$14,0)+IF(Input!$K$15=2,L3024*Input!$J$15,0)+IF(Input!$K$16=2,M3024*Input!$J$16,0)</f>
        <v>2.9537540145873269E-2</v>
      </c>
      <c r="P3024" s="58">
        <f>IF(Input!$K$13=3,J3024*Input!$J$13,0)+IF(Input!$K$14=3,K3024*Input!$J$14,0)+IF(Input!$K$15=3,L3024*Input!$J$15,0)+IF(Input!$K$16=3,M3024*Input!$J$16,0)</f>
        <v>0</v>
      </c>
      <c r="Q3024" s="71">
        <f>IF(Input!$K$13=4,J3024*Input!$J$13,0)+IF(Input!$K$14=4,K3024*Input!$J$14,0)+IF(Input!$K$15=4,L3024*Input!$J$15,0)+IF(Input!$K$16=4,M3024*Input!$J$16,0)</f>
        <v>0</v>
      </c>
    </row>
    <row r="3025" spans="8:17" x14ac:dyDescent="0.25">
      <c r="H3025" s="43">
        <v>3018</v>
      </c>
      <c r="I3025" s="55">
        <f>Bühler!I3051</f>
        <v>0.38299611998409683</v>
      </c>
      <c r="J3025" s="58">
        <f>Bühler!J3051</f>
        <v>4.4828728708992109</v>
      </c>
      <c r="K3025" s="58">
        <f>Bühler!K3051</f>
        <v>0.21879659367313534</v>
      </c>
      <c r="L3025" s="58">
        <f>Bühler!L3051</f>
        <v>0.10939829683656767</v>
      </c>
      <c r="M3025" s="57">
        <f>Bühler!M3051</f>
        <v>0</v>
      </c>
      <c r="N3025" s="55">
        <f>IF(Input!$K$13=1,J3025*Input!$J$13,0)+IF(Input!$K$14=1,K3025*Input!$J$14,0)+IF(Input!$K$15=1,L3025*Input!$J$15,0)+IF(Input!$K$16=1,M3025*Input!$J$16,0)</f>
        <v>0.5379447445079053</v>
      </c>
      <c r="O3025" s="58">
        <f>IF(Input!$K$13=2,J3025*Input!$J$13,0)+IF(Input!$K$14=2,K3025*Input!$J$14,0)+IF(Input!$K$15=2,L3025*Input!$J$15,0)+IF(Input!$K$16=2,M3025*Input!$J$16,0)</f>
        <v>2.9537540145873269E-2</v>
      </c>
      <c r="P3025" s="58">
        <f>IF(Input!$K$13=3,J3025*Input!$J$13,0)+IF(Input!$K$14=3,K3025*Input!$J$14,0)+IF(Input!$K$15=3,L3025*Input!$J$15,0)+IF(Input!$K$16=3,M3025*Input!$J$16,0)</f>
        <v>0</v>
      </c>
      <c r="Q3025" s="71">
        <f>IF(Input!$K$13=4,J3025*Input!$J$13,0)+IF(Input!$K$14=4,K3025*Input!$J$14,0)+IF(Input!$K$15=4,L3025*Input!$J$15,0)+IF(Input!$K$16=4,M3025*Input!$J$16,0)</f>
        <v>0</v>
      </c>
    </row>
    <row r="3026" spans="8:17" x14ac:dyDescent="0.25">
      <c r="H3026" s="43">
        <v>3019</v>
      </c>
      <c r="I3026" s="55">
        <f>Bühler!I3052</f>
        <v>0.36881107850320433</v>
      </c>
      <c r="J3026" s="58">
        <f>Bühler!J3052</f>
        <v>4.482281827504174</v>
      </c>
      <c r="K3026" s="58">
        <f>Bühler!K3052</f>
        <v>0.21879659367313534</v>
      </c>
      <c r="L3026" s="58">
        <f>Bühler!L3052</f>
        <v>0.10939829683656767</v>
      </c>
      <c r="M3026" s="57">
        <f>Bühler!M3052</f>
        <v>0</v>
      </c>
      <c r="N3026" s="55">
        <f>IF(Input!$K$13=1,J3026*Input!$J$13,0)+IF(Input!$K$14=1,K3026*Input!$J$14,0)+IF(Input!$K$15=1,L3026*Input!$J$15,0)+IF(Input!$K$16=1,M3026*Input!$J$16,0)</f>
        <v>0.53787381930050082</v>
      </c>
      <c r="O3026" s="58">
        <f>IF(Input!$K$13=2,J3026*Input!$J$13,0)+IF(Input!$K$14=2,K3026*Input!$J$14,0)+IF(Input!$K$15=2,L3026*Input!$J$15,0)+IF(Input!$K$16=2,M3026*Input!$J$16,0)</f>
        <v>2.9537540145873269E-2</v>
      </c>
      <c r="P3026" s="58">
        <f>IF(Input!$K$13=3,J3026*Input!$J$13,0)+IF(Input!$K$14=3,K3026*Input!$J$14,0)+IF(Input!$K$15=3,L3026*Input!$J$15,0)+IF(Input!$K$16=3,M3026*Input!$J$16,0)</f>
        <v>0</v>
      </c>
      <c r="Q3026" s="71">
        <f>IF(Input!$K$13=4,J3026*Input!$J$13,0)+IF(Input!$K$14=4,K3026*Input!$J$14,0)+IF(Input!$K$15=4,L3026*Input!$J$15,0)+IF(Input!$K$16=4,M3026*Input!$J$16,0)</f>
        <v>0</v>
      </c>
    </row>
    <row r="3027" spans="8:17" x14ac:dyDescent="0.25">
      <c r="H3027" s="43">
        <v>3020</v>
      </c>
      <c r="I3027" s="55">
        <f>Bühler!I3053</f>
        <v>0.29788587109874198</v>
      </c>
      <c r="J3027" s="58">
        <f>Bühler!J3053</f>
        <v>4.4793266105289877</v>
      </c>
      <c r="K3027" s="58">
        <f>Bühler!K3053</f>
        <v>0.21879659367313534</v>
      </c>
      <c r="L3027" s="58">
        <f>Bühler!L3053</f>
        <v>0.10939829683656767</v>
      </c>
      <c r="M3027" s="57">
        <f>Bühler!M3053</f>
        <v>0</v>
      </c>
      <c r="N3027" s="55">
        <f>IF(Input!$K$13=1,J3027*Input!$J$13,0)+IF(Input!$K$14=1,K3027*Input!$J$14,0)+IF(Input!$K$15=1,L3027*Input!$J$15,0)+IF(Input!$K$16=1,M3027*Input!$J$16,0)</f>
        <v>0.53751919326347852</v>
      </c>
      <c r="O3027" s="58">
        <f>IF(Input!$K$13=2,J3027*Input!$J$13,0)+IF(Input!$K$14=2,K3027*Input!$J$14,0)+IF(Input!$K$15=2,L3027*Input!$J$15,0)+IF(Input!$K$16=2,M3027*Input!$J$16,0)</f>
        <v>2.9537540145873269E-2</v>
      </c>
      <c r="P3027" s="58">
        <f>IF(Input!$K$13=3,J3027*Input!$J$13,0)+IF(Input!$K$14=3,K3027*Input!$J$14,0)+IF(Input!$K$15=3,L3027*Input!$J$15,0)+IF(Input!$K$16=3,M3027*Input!$J$16,0)</f>
        <v>0</v>
      </c>
      <c r="Q3027" s="71">
        <f>IF(Input!$K$13=4,J3027*Input!$J$13,0)+IF(Input!$K$14=4,K3027*Input!$J$14,0)+IF(Input!$K$15=4,L3027*Input!$J$15,0)+IF(Input!$K$16=4,M3027*Input!$J$16,0)</f>
        <v>0</v>
      </c>
    </row>
    <row r="3028" spans="8:17" x14ac:dyDescent="0.25">
      <c r="H3028" s="43">
        <v>3021</v>
      </c>
      <c r="I3028" s="55">
        <f>Bühler!I3054</f>
        <v>0.21986814295383336</v>
      </c>
      <c r="J3028" s="58">
        <f>Bühler!J3054</f>
        <v>4.4760758718562839</v>
      </c>
      <c r="K3028" s="58">
        <f>Bühler!K3054</f>
        <v>0.21879659367313534</v>
      </c>
      <c r="L3028" s="58">
        <f>Bühler!L3054</f>
        <v>0.10939829683656767</v>
      </c>
      <c r="M3028" s="57">
        <f>Bühler!M3054</f>
        <v>0</v>
      </c>
      <c r="N3028" s="55">
        <f>IF(Input!$K$13=1,J3028*Input!$J$13,0)+IF(Input!$K$14=1,K3028*Input!$J$14,0)+IF(Input!$K$15=1,L3028*Input!$J$15,0)+IF(Input!$K$16=1,M3028*Input!$J$16,0)</f>
        <v>0.53712910462275409</v>
      </c>
      <c r="O3028" s="58">
        <f>IF(Input!$K$13=2,J3028*Input!$J$13,0)+IF(Input!$K$14=2,K3028*Input!$J$14,0)+IF(Input!$K$15=2,L3028*Input!$J$15,0)+IF(Input!$K$16=2,M3028*Input!$J$16,0)</f>
        <v>2.9537540145873269E-2</v>
      </c>
      <c r="P3028" s="58">
        <f>IF(Input!$K$13=3,J3028*Input!$J$13,0)+IF(Input!$K$14=3,K3028*Input!$J$14,0)+IF(Input!$K$15=3,L3028*Input!$J$15,0)+IF(Input!$K$16=3,M3028*Input!$J$16,0)</f>
        <v>0</v>
      </c>
      <c r="Q3028" s="71">
        <f>IF(Input!$K$13=4,J3028*Input!$J$13,0)+IF(Input!$K$14=4,K3028*Input!$J$14,0)+IF(Input!$K$15=4,L3028*Input!$J$15,0)+IF(Input!$K$16=4,M3028*Input!$J$16,0)</f>
        <v>0</v>
      </c>
    </row>
    <row r="3029" spans="8:17" x14ac:dyDescent="0.25">
      <c r="H3029" s="43">
        <v>3022</v>
      </c>
      <c r="I3029" s="55">
        <f>Bühler!I3055</f>
        <v>0.21986814295383336</v>
      </c>
      <c r="J3029" s="58">
        <f>Bühler!J3055</f>
        <v>4.4760758718562839</v>
      </c>
      <c r="K3029" s="58">
        <f>Bühler!K3055</f>
        <v>0.21879659367313534</v>
      </c>
      <c r="L3029" s="58">
        <f>Bühler!L3055</f>
        <v>0.10939829683656767</v>
      </c>
      <c r="M3029" s="57">
        <f>Bühler!M3055</f>
        <v>0</v>
      </c>
      <c r="N3029" s="55">
        <f>IF(Input!$K$13=1,J3029*Input!$J$13,0)+IF(Input!$K$14=1,K3029*Input!$J$14,0)+IF(Input!$K$15=1,L3029*Input!$J$15,0)+IF(Input!$K$16=1,M3029*Input!$J$16,0)</f>
        <v>0.53712910462275409</v>
      </c>
      <c r="O3029" s="58">
        <f>IF(Input!$K$13=2,J3029*Input!$J$13,0)+IF(Input!$K$14=2,K3029*Input!$J$14,0)+IF(Input!$K$15=2,L3029*Input!$J$15,0)+IF(Input!$K$16=2,M3029*Input!$J$16,0)</f>
        <v>2.9537540145873269E-2</v>
      </c>
      <c r="P3029" s="58">
        <f>IF(Input!$K$13=3,J3029*Input!$J$13,0)+IF(Input!$K$14=3,K3029*Input!$J$14,0)+IF(Input!$K$15=3,L3029*Input!$J$15,0)+IF(Input!$K$16=3,M3029*Input!$J$16,0)</f>
        <v>0</v>
      </c>
      <c r="Q3029" s="71">
        <f>IF(Input!$K$13=4,J3029*Input!$J$13,0)+IF(Input!$K$14=4,K3029*Input!$J$14,0)+IF(Input!$K$15=4,L3029*Input!$J$15,0)+IF(Input!$K$16=4,M3029*Input!$J$16,0)</f>
        <v>0</v>
      </c>
    </row>
    <row r="3030" spans="8:17" x14ac:dyDescent="0.25">
      <c r="H3030" s="43">
        <v>3023</v>
      </c>
      <c r="I3030" s="55">
        <f>Bühler!I3056</f>
        <v>0.21986814295383336</v>
      </c>
      <c r="J3030" s="58">
        <f>Bühler!J3056</f>
        <v>4.4760758718562839</v>
      </c>
      <c r="K3030" s="58">
        <f>Bühler!K3056</f>
        <v>0.21879659367313534</v>
      </c>
      <c r="L3030" s="58">
        <f>Bühler!L3056</f>
        <v>0.10939829683656767</v>
      </c>
      <c r="M3030" s="57">
        <f>Bühler!M3056</f>
        <v>0</v>
      </c>
      <c r="N3030" s="55">
        <f>IF(Input!$K$13=1,J3030*Input!$J$13,0)+IF(Input!$K$14=1,K3030*Input!$J$14,0)+IF(Input!$K$15=1,L3030*Input!$J$15,0)+IF(Input!$K$16=1,M3030*Input!$J$16,0)</f>
        <v>0.53712910462275409</v>
      </c>
      <c r="O3030" s="58">
        <f>IF(Input!$K$13=2,J3030*Input!$J$13,0)+IF(Input!$K$14=2,K3030*Input!$J$14,0)+IF(Input!$K$15=2,L3030*Input!$J$15,0)+IF(Input!$K$16=2,M3030*Input!$J$16,0)</f>
        <v>2.9537540145873269E-2</v>
      </c>
      <c r="P3030" s="58">
        <f>IF(Input!$K$13=3,J3030*Input!$J$13,0)+IF(Input!$K$14=3,K3030*Input!$J$14,0)+IF(Input!$K$15=3,L3030*Input!$J$15,0)+IF(Input!$K$16=3,M3030*Input!$J$16,0)</f>
        <v>0</v>
      </c>
      <c r="Q3030" s="71">
        <f>IF(Input!$K$13=4,J3030*Input!$J$13,0)+IF(Input!$K$14=4,K3030*Input!$J$14,0)+IF(Input!$K$15=4,L3030*Input!$J$15,0)+IF(Input!$K$16=4,M3030*Input!$J$16,0)</f>
        <v>0</v>
      </c>
    </row>
    <row r="3031" spans="8:17" x14ac:dyDescent="0.25">
      <c r="H3031" s="43">
        <v>3024</v>
      </c>
      <c r="I3031" s="55">
        <f>Bühler!I3057</f>
        <v>0.21986814295383336</v>
      </c>
      <c r="J3031" s="58">
        <f>Bühler!J3057</f>
        <v>4.4760758718562839</v>
      </c>
      <c r="K3031" s="58">
        <f>Bühler!K3057</f>
        <v>0.21879659367313534</v>
      </c>
      <c r="L3031" s="58">
        <f>Bühler!L3057</f>
        <v>0.10939829683656767</v>
      </c>
      <c r="M3031" s="57">
        <f>Bühler!M3057</f>
        <v>0</v>
      </c>
      <c r="N3031" s="55">
        <f>IF(Input!$K$13=1,J3031*Input!$J$13,0)+IF(Input!$K$14=1,K3031*Input!$J$14,0)+IF(Input!$K$15=1,L3031*Input!$J$15,0)+IF(Input!$K$16=1,M3031*Input!$J$16,0)</f>
        <v>0.53712910462275409</v>
      </c>
      <c r="O3031" s="58">
        <f>IF(Input!$K$13=2,J3031*Input!$J$13,0)+IF(Input!$K$14=2,K3031*Input!$J$14,0)+IF(Input!$K$15=2,L3031*Input!$J$15,0)+IF(Input!$K$16=2,M3031*Input!$J$16,0)</f>
        <v>2.9537540145873269E-2</v>
      </c>
      <c r="P3031" s="58">
        <f>IF(Input!$K$13=3,J3031*Input!$J$13,0)+IF(Input!$K$14=3,K3031*Input!$J$14,0)+IF(Input!$K$15=3,L3031*Input!$J$15,0)+IF(Input!$K$16=3,M3031*Input!$J$16,0)</f>
        <v>0</v>
      </c>
      <c r="Q3031" s="71">
        <f>IF(Input!$K$13=4,J3031*Input!$J$13,0)+IF(Input!$K$14=4,K3031*Input!$J$14,0)+IF(Input!$K$15=4,L3031*Input!$J$15,0)+IF(Input!$K$16=4,M3031*Input!$J$16,0)</f>
        <v>0</v>
      </c>
    </row>
    <row r="3032" spans="8:17" x14ac:dyDescent="0.25">
      <c r="H3032" s="43">
        <v>3025</v>
      </c>
      <c r="I3032" s="55">
        <f>Bühler!I3058</f>
        <v>0.37800457629178985</v>
      </c>
      <c r="J3032" s="58">
        <f>Bühler!J3058</f>
        <v>5.023681081860417</v>
      </c>
      <c r="K3032" s="58">
        <f>Bühler!K3058</f>
        <v>0.22663322032090893</v>
      </c>
      <c r="L3032" s="58">
        <f>Bühler!L3058</f>
        <v>0.11331661016045447</v>
      </c>
      <c r="M3032" s="57">
        <f>Bühler!M3058</f>
        <v>0</v>
      </c>
      <c r="N3032" s="55">
        <f>IF(Input!$K$13=1,J3032*Input!$J$13,0)+IF(Input!$K$14=1,K3032*Input!$J$14,0)+IF(Input!$K$15=1,L3032*Input!$J$15,0)+IF(Input!$K$16=1,M3032*Input!$J$16,0)</f>
        <v>0.60284172982325002</v>
      </c>
      <c r="O3032" s="58">
        <f>IF(Input!$K$13=2,J3032*Input!$J$13,0)+IF(Input!$K$14=2,K3032*Input!$J$14,0)+IF(Input!$K$15=2,L3032*Input!$J$15,0)+IF(Input!$K$16=2,M3032*Input!$J$16,0)</f>
        <v>3.0595484743322708E-2</v>
      </c>
      <c r="P3032" s="58">
        <f>IF(Input!$K$13=3,J3032*Input!$J$13,0)+IF(Input!$K$14=3,K3032*Input!$J$14,0)+IF(Input!$K$15=3,L3032*Input!$J$15,0)+IF(Input!$K$16=3,M3032*Input!$J$16,0)</f>
        <v>0</v>
      </c>
      <c r="Q3032" s="71">
        <f>IF(Input!$K$13=4,J3032*Input!$J$13,0)+IF(Input!$K$14=4,K3032*Input!$J$14,0)+IF(Input!$K$15=4,L3032*Input!$J$15,0)+IF(Input!$K$16=4,M3032*Input!$J$16,0)</f>
        <v>0</v>
      </c>
    </row>
    <row r="3033" spans="8:17" x14ac:dyDescent="0.25">
      <c r="H3033" s="43">
        <v>3026</v>
      </c>
      <c r="I3033" s="55">
        <f>Bühler!I3059</f>
        <v>0.43897305633885275</v>
      </c>
      <c r="J3033" s="58">
        <f>Bühler!J3059</f>
        <v>5.0262214351957111</v>
      </c>
      <c r="K3033" s="58">
        <f>Bühler!K3059</f>
        <v>0.22663322032090893</v>
      </c>
      <c r="L3033" s="58">
        <f>Bühler!L3059</f>
        <v>0.11331661016045447</v>
      </c>
      <c r="M3033" s="57">
        <f>Bühler!M3059</f>
        <v>0</v>
      </c>
      <c r="N3033" s="55">
        <f>IF(Input!$K$13=1,J3033*Input!$J$13,0)+IF(Input!$K$14=1,K3033*Input!$J$14,0)+IF(Input!$K$15=1,L3033*Input!$J$15,0)+IF(Input!$K$16=1,M3033*Input!$J$16,0)</f>
        <v>0.60314657222348533</v>
      </c>
      <c r="O3033" s="58">
        <f>IF(Input!$K$13=2,J3033*Input!$J$13,0)+IF(Input!$K$14=2,K3033*Input!$J$14,0)+IF(Input!$K$15=2,L3033*Input!$J$15,0)+IF(Input!$K$16=2,M3033*Input!$J$16,0)</f>
        <v>3.0595484743322708E-2</v>
      </c>
      <c r="P3033" s="58">
        <f>IF(Input!$K$13=3,J3033*Input!$J$13,0)+IF(Input!$K$14=3,K3033*Input!$J$14,0)+IF(Input!$K$15=3,L3033*Input!$J$15,0)+IF(Input!$K$16=3,M3033*Input!$J$16,0)</f>
        <v>0</v>
      </c>
      <c r="Q3033" s="71">
        <f>IF(Input!$K$13=4,J3033*Input!$J$13,0)+IF(Input!$K$14=4,K3033*Input!$J$14,0)+IF(Input!$K$15=4,L3033*Input!$J$15,0)+IF(Input!$K$16=4,M3033*Input!$J$16,0)</f>
        <v>0</v>
      </c>
    </row>
    <row r="3034" spans="8:17" x14ac:dyDescent="0.25">
      <c r="H3034" s="43">
        <v>3027</v>
      </c>
      <c r="I3034" s="55">
        <f>Bühler!I3060</f>
        <v>0.43897305633885275</v>
      </c>
      <c r="J3034" s="58">
        <f>Bühler!J3060</f>
        <v>5.0262214351957111</v>
      </c>
      <c r="K3034" s="58">
        <f>Bühler!K3060</f>
        <v>0.22663322032090893</v>
      </c>
      <c r="L3034" s="58">
        <f>Bühler!L3060</f>
        <v>0.11331661016045447</v>
      </c>
      <c r="M3034" s="57">
        <f>Bühler!M3060</f>
        <v>0</v>
      </c>
      <c r="N3034" s="55">
        <f>IF(Input!$K$13=1,J3034*Input!$J$13,0)+IF(Input!$K$14=1,K3034*Input!$J$14,0)+IF(Input!$K$15=1,L3034*Input!$J$15,0)+IF(Input!$K$16=1,M3034*Input!$J$16,0)</f>
        <v>0.60314657222348533</v>
      </c>
      <c r="O3034" s="58">
        <f>IF(Input!$K$13=2,J3034*Input!$J$13,0)+IF(Input!$K$14=2,K3034*Input!$J$14,0)+IF(Input!$K$15=2,L3034*Input!$J$15,0)+IF(Input!$K$16=2,M3034*Input!$J$16,0)</f>
        <v>3.0595484743322708E-2</v>
      </c>
      <c r="P3034" s="58">
        <f>IF(Input!$K$13=3,J3034*Input!$J$13,0)+IF(Input!$K$14=3,K3034*Input!$J$14,0)+IF(Input!$K$15=3,L3034*Input!$J$15,0)+IF(Input!$K$16=3,M3034*Input!$J$16,0)</f>
        <v>0</v>
      </c>
      <c r="Q3034" s="71">
        <f>IF(Input!$K$13=4,J3034*Input!$J$13,0)+IF(Input!$K$14=4,K3034*Input!$J$14,0)+IF(Input!$K$15=4,L3034*Input!$J$15,0)+IF(Input!$K$16=4,M3034*Input!$J$16,0)</f>
        <v>0</v>
      </c>
    </row>
    <row r="3035" spans="8:17" x14ac:dyDescent="0.25">
      <c r="H3035" s="43">
        <v>3028</v>
      </c>
      <c r="I3035" s="55">
        <f>Bühler!I3061</f>
        <v>0.43897305633885275</v>
      </c>
      <c r="J3035" s="58">
        <f>Bühler!J3061</f>
        <v>5.0262214351957111</v>
      </c>
      <c r="K3035" s="58">
        <f>Bühler!K3061</f>
        <v>0.22663322032090893</v>
      </c>
      <c r="L3035" s="58">
        <f>Bühler!L3061</f>
        <v>0.11331661016045447</v>
      </c>
      <c r="M3035" s="57">
        <f>Bühler!M3061</f>
        <v>0</v>
      </c>
      <c r="N3035" s="55">
        <f>IF(Input!$K$13=1,J3035*Input!$J$13,0)+IF(Input!$K$14=1,K3035*Input!$J$14,0)+IF(Input!$K$15=1,L3035*Input!$J$15,0)+IF(Input!$K$16=1,M3035*Input!$J$16,0)</f>
        <v>0.60314657222348533</v>
      </c>
      <c r="O3035" s="58">
        <f>IF(Input!$K$13=2,J3035*Input!$J$13,0)+IF(Input!$K$14=2,K3035*Input!$J$14,0)+IF(Input!$K$15=2,L3035*Input!$J$15,0)+IF(Input!$K$16=2,M3035*Input!$J$16,0)</f>
        <v>3.0595484743322708E-2</v>
      </c>
      <c r="P3035" s="58">
        <f>IF(Input!$K$13=3,J3035*Input!$J$13,0)+IF(Input!$K$14=3,K3035*Input!$J$14,0)+IF(Input!$K$15=3,L3035*Input!$J$15,0)+IF(Input!$K$16=3,M3035*Input!$J$16,0)</f>
        <v>0</v>
      </c>
      <c r="Q3035" s="71">
        <f>IF(Input!$K$13=4,J3035*Input!$J$13,0)+IF(Input!$K$14=4,K3035*Input!$J$14,0)+IF(Input!$K$15=4,L3035*Input!$J$15,0)+IF(Input!$K$16=4,M3035*Input!$J$16,0)</f>
        <v>0</v>
      </c>
    </row>
    <row r="3036" spans="8:17" x14ac:dyDescent="0.25">
      <c r="H3036" s="43">
        <v>3029</v>
      </c>
      <c r="I3036" s="55">
        <f>Bühler!I3062</f>
        <v>0.43897305633885275</v>
      </c>
      <c r="J3036" s="58">
        <f>Bühler!J3062</f>
        <v>5.0262214351957111</v>
      </c>
      <c r="K3036" s="58">
        <f>Bühler!K3062</f>
        <v>0.22663322032090893</v>
      </c>
      <c r="L3036" s="58">
        <f>Bühler!L3062</f>
        <v>0.11331661016045447</v>
      </c>
      <c r="M3036" s="57">
        <f>Bühler!M3062</f>
        <v>0</v>
      </c>
      <c r="N3036" s="55">
        <f>IF(Input!$K$13=1,J3036*Input!$J$13,0)+IF(Input!$K$14=1,K3036*Input!$J$14,0)+IF(Input!$K$15=1,L3036*Input!$J$15,0)+IF(Input!$K$16=1,M3036*Input!$J$16,0)</f>
        <v>0.60314657222348533</v>
      </c>
      <c r="O3036" s="58">
        <f>IF(Input!$K$13=2,J3036*Input!$J$13,0)+IF(Input!$K$14=2,K3036*Input!$J$14,0)+IF(Input!$K$15=2,L3036*Input!$J$15,0)+IF(Input!$K$16=2,M3036*Input!$J$16,0)</f>
        <v>3.0595484743322708E-2</v>
      </c>
      <c r="P3036" s="58">
        <f>IF(Input!$K$13=3,J3036*Input!$J$13,0)+IF(Input!$K$14=3,K3036*Input!$J$14,0)+IF(Input!$K$15=3,L3036*Input!$J$15,0)+IF(Input!$K$16=3,M3036*Input!$J$16,0)</f>
        <v>0</v>
      </c>
      <c r="Q3036" s="71">
        <f>IF(Input!$K$13=4,J3036*Input!$J$13,0)+IF(Input!$K$14=4,K3036*Input!$J$14,0)+IF(Input!$K$15=4,L3036*Input!$J$15,0)+IF(Input!$K$16=4,M3036*Input!$J$16,0)</f>
        <v>0</v>
      </c>
    </row>
    <row r="3037" spans="8:17" x14ac:dyDescent="0.25">
      <c r="H3037" s="43">
        <v>3030</v>
      </c>
      <c r="I3037" s="55">
        <f>Bühler!I3063</f>
        <v>0.54871632042356588</v>
      </c>
      <c r="J3037" s="58">
        <f>Bühler!J3063</f>
        <v>5.0307940711992405</v>
      </c>
      <c r="K3037" s="58">
        <f>Bühler!K3063</f>
        <v>0.22663322032090893</v>
      </c>
      <c r="L3037" s="58">
        <f>Bühler!L3063</f>
        <v>0.11331661016045447</v>
      </c>
      <c r="M3037" s="57">
        <f>Bühler!M3063</f>
        <v>0</v>
      </c>
      <c r="N3037" s="55">
        <f>IF(Input!$K$13=1,J3037*Input!$J$13,0)+IF(Input!$K$14=1,K3037*Input!$J$14,0)+IF(Input!$K$15=1,L3037*Input!$J$15,0)+IF(Input!$K$16=1,M3037*Input!$J$16,0)</f>
        <v>0.60369528854390886</v>
      </c>
      <c r="O3037" s="58">
        <f>IF(Input!$K$13=2,J3037*Input!$J$13,0)+IF(Input!$K$14=2,K3037*Input!$J$14,0)+IF(Input!$K$15=2,L3037*Input!$J$15,0)+IF(Input!$K$16=2,M3037*Input!$J$16,0)</f>
        <v>3.0595484743322708E-2</v>
      </c>
      <c r="P3037" s="58">
        <f>IF(Input!$K$13=3,J3037*Input!$J$13,0)+IF(Input!$K$14=3,K3037*Input!$J$14,0)+IF(Input!$K$15=3,L3037*Input!$J$15,0)+IF(Input!$K$16=3,M3037*Input!$J$16,0)</f>
        <v>0</v>
      </c>
      <c r="Q3037" s="71">
        <f>IF(Input!$K$13=4,J3037*Input!$J$13,0)+IF(Input!$K$14=4,K3037*Input!$J$14,0)+IF(Input!$K$15=4,L3037*Input!$J$15,0)+IF(Input!$K$16=4,M3037*Input!$J$16,0)</f>
        <v>0</v>
      </c>
    </row>
    <row r="3038" spans="8:17" x14ac:dyDescent="0.25">
      <c r="H3038" s="43">
        <v>3031</v>
      </c>
      <c r="I3038" s="55">
        <f>Bühler!I3064</f>
        <v>0.64626588849886657</v>
      </c>
      <c r="J3038" s="58">
        <f>Bühler!J3064</f>
        <v>5.034858636535712</v>
      </c>
      <c r="K3038" s="58">
        <f>Bühler!K3064</f>
        <v>0.22663322032090893</v>
      </c>
      <c r="L3038" s="58">
        <f>Bühler!L3064</f>
        <v>0.11331661016045447</v>
      </c>
      <c r="M3038" s="57">
        <f>Bühler!M3064</f>
        <v>0</v>
      </c>
      <c r="N3038" s="55">
        <f>IF(Input!$K$13=1,J3038*Input!$J$13,0)+IF(Input!$K$14=1,K3038*Input!$J$14,0)+IF(Input!$K$15=1,L3038*Input!$J$15,0)+IF(Input!$K$16=1,M3038*Input!$J$16,0)</f>
        <v>0.60418303638428539</v>
      </c>
      <c r="O3038" s="58">
        <f>IF(Input!$K$13=2,J3038*Input!$J$13,0)+IF(Input!$K$14=2,K3038*Input!$J$14,0)+IF(Input!$K$15=2,L3038*Input!$J$15,0)+IF(Input!$K$16=2,M3038*Input!$J$16,0)</f>
        <v>3.0595484743322708E-2</v>
      </c>
      <c r="P3038" s="58">
        <f>IF(Input!$K$13=3,J3038*Input!$J$13,0)+IF(Input!$K$14=3,K3038*Input!$J$14,0)+IF(Input!$K$15=3,L3038*Input!$J$15,0)+IF(Input!$K$16=3,M3038*Input!$J$16,0)</f>
        <v>0</v>
      </c>
      <c r="Q3038" s="71">
        <f>IF(Input!$K$13=4,J3038*Input!$J$13,0)+IF(Input!$K$14=4,K3038*Input!$J$14,0)+IF(Input!$K$15=4,L3038*Input!$J$15,0)+IF(Input!$K$16=4,M3038*Input!$J$16,0)</f>
        <v>0</v>
      </c>
    </row>
    <row r="3039" spans="8:17" x14ac:dyDescent="0.25">
      <c r="H3039" s="43">
        <v>3032</v>
      </c>
      <c r="I3039" s="55">
        <f>Bühler!I3065</f>
        <v>0.76820284859299237</v>
      </c>
      <c r="J3039" s="58">
        <f>Bühler!J3065</f>
        <v>5.0399393432063002</v>
      </c>
      <c r="K3039" s="58">
        <f>Bühler!K3065</f>
        <v>0.22663322032090893</v>
      </c>
      <c r="L3039" s="58">
        <f>Bühler!L3065</f>
        <v>0.11331661016045447</v>
      </c>
      <c r="M3039" s="57">
        <f>Bühler!M3065</f>
        <v>0</v>
      </c>
      <c r="N3039" s="55">
        <f>IF(Input!$K$13=1,J3039*Input!$J$13,0)+IF(Input!$K$14=1,K3039*Input!$J$14,0)+IF(Input!$K$15=1,L3039*Input!$J$15,0)+IF(Input!$K$16=1,M3039*Input!$J$16,0)</f>
        <v>0.60479272118475602</v>
      </c>
      <c r="O3039" s="58">
        <f>IF(Input!$K$13=2,J3039*Input!$J$13,0)+IF(Input!$K$14=2,K3039*Input!$J$14,0)+IF(Input!$K$15=2,L3039*Input!$J$15,0)+IF(Input!$K$16=2,M3039*Input!$J$16,0)</f>
        <v>3.0595484743322708E-2</v>
      </c>
      <c r="P3039" s="58">
        <f>IF(Input!$K$13=3,J3039*Input!$J$13,0)+IF(Input!$K$14=3,K3039*Input!$J$14,0)+IF(Input!$K$15=3,L3039*Input!$J$15,0)+IF(Input!$K$16=3,M3039*Input!$J$16,0)</f>
        <v>0</v>
      </c>
      <c r="Q3039" s="71">
        <f>IF(Input!$K$13=4,J3039*Input!$J$13,0)+IF(Input!$K$14=4,K3039*Input!$J$14,0)+IF(Input!$K$15=4,L3039*Input!$J$15,0)+IF(Input!$K$16=4,M3039*Input!$J$16,0)</f>
        <v>0</v>
      </c>
    </row>
    <row r="3040" spans="8:17" x14ac:dyDescent="0.25">
      <c r="H3040" s="43">
        <v>3033</v>
      </c>
      <c r="I3040" s="55">
        <f>Bühler!I3066</f>
        <v>0.76820284859299237</v>
      </c>
      <c r="J3040" s="58">
        <f>Bühler!J3066</f>
        <v>5.0399393432063002</v>
      </c>
      <c r="K3040" s="58">
        <f>Bühler!K3066</f>
        <v>0.22663322032090893</v>
      </c>
      <c r="L3040" s="58">
        <f>Bühler!L3066</f>
        <v>0.11331661016045447</v>
      </c>
      <c r="M3040" s="57">
        <f>Bühler!M3066</f>
        <v>0</v>
      </c>
      <c r="N3040" s="55">
        <f>IF(Input!$K$13=1,J3040*Input!$J$13,0)+IF(Input!$K$14=1,K3040*Input!$J$14,0)+IF(Input!$K$15=1,L3040*Input!$J$15,0)+IF(Input!$K$16=1,M3040*Input!$J$16,0)</f>
        <v>0.60479272118475602</v>
      </c>
      <c r="O3040" s="58">
        <f>IF(Input!$K$13=2,J3040*Input!$J$13,0)+IF(Input!$K$14=2,K3040*Input!$J$14,0)+IF(Input!$K$15=2,L3040*Input!$J$15,0)+IF(Input!$K$16=2,M3040*Input!$J$16,0)</f>
        <v>3.0595484743322708E-2</v>
      </c>
      <c r="P3040" s="58">
        <f>IF(Input!$K$13=3,J3040*Input!$J$13,0)+IF(Input!$K$14=3,K3040*Input!$J$14,0)+IF(Input!$K$15=3,L3040*Input!$J$15,0)+IF(Input!$K$16=3,M3040*Input!$J$16,0)</f>
        <v>0</v>
      </c>
      <c r="Q3040" s="71">
        <f>IF(Input!$K$13=4,J3040*Input!$J$13,0)+IF(Input!$K$14=4,K3040*Input!$J$14,0)+IF(Input!$K$15=4,L3040*Input!$J$15,0)+IF(Input!$K$16=4,M3040*Input!$J$16,0)</f>
        <v>0</v>
      </c>
    </row>
    <row r="3041" spans="8:17" x14ac:dyDescent="0.25">
      <c r="H3041" s="43">
        <v>3034</v>
      </c>
      <c r="I3041" s="55">
        <f>Bühler!I3067</f>
        <v>0.76820284859299237</v>
      </c>
      <c r="J3041" s="58">
        <f>Bühler!J3067</f>
        <v>5.0399393432063002</v>
      </c>
      <c r="K3041" s="58">
        <f>Bühler!K3067</f>
        <v>0.22663322032090893</v>
      </c>
      <c r="L3041" s="58">
        <f>Bühler!L3067</f>
        <v>0.11331661016045447</v>
      </c>
      <c r="M3041" s="57">
        <f>Bühler!M3067</f>
        <v>0</v>
      </c>
      <c r="N3041" s="55">
        <f>IF(Input!$K$13=1,J3041*Input!$J$13,0)+IF(Input!$K$14=1,K3041*Input!$J$14,0)+IF(Input!$K$15=1,L3041*Input!$J$15,0)+IF(Input!$K$16=1,M3041*Input!$J$16,0)</f>
        <v>0.60479272118475602</v>
      </c>
      <c r="O3041" s="58">
        <f>IF(Input!$K$13=2,J3041*Input!$J$13,0)+IF(Input!$K$14=2,K3041*Input!$J$14,0)+IF(Input!$K$15=2,L3041*Input!$J$15,0)+IF(Input!$K$16=2,M3041*Input!$J$16,0)</f>
        <v>3.0595484743322708E-2</v>
      </c>
      <c r="P3041" s="58">
        <f>IF(Input!$K$13=3,J3041*Input!$J$13,0)+IF(Input!$K$14=3,K3041*Input!$J$14,0)+IF(Input!$K$15=3,L3041*Input!$J$15,0)+IF(Input!$K$16=3,M3041*Input!$J$16,0)</f>
        <v>0</v>
      </c>
      <c r="Q3041" s="71">
        <f>IF(Input!$K$13=4,J3041*Input!$J$13,0)+IF(Input!$K$14=4,K3041*Input!$J$14,0)+IF(Input!$K$15=4,L3041*Input!$J$15,0)+IF(Input!$K$16=4,M3041*Input!$J$16,0)</f>
        <v>0</v>
      </c>
    </row>
    <row r="3042" spans="8:17" x14ac:dyDescent="0.25">
      <c r="H3042" s="43">
        <v>3035</v>
      </c>
      <c r="I3042" s="55">
        <f>Bühler!I3068</f>
        <v>0.76820284859299237</v>
      </c>
      <c r="J3042" s="58">
        <f>Bühler!J3068</f>
        <v>5.0399393432063002</v>
      </c>
      <c r="K3042" s="58">
        <f>Bühler!K3068</f>
        <v>0.22663322032090893</v>
      </c>
      <c r="L3042" s="58">
        <f>Bühler!L3068</f>
        <v>0.11331661016045447</v>
      </c>
      <c r="M3042" s="57">
        <f>Bühler!M3068</f>
        <v>0</v>
      </c>
      <c r="N3042" s="55">
        <f>IF(Input!$K$13=1,J3042*Input!$J$13,0)+IF(Input!$K$14=1,K3042*Input!$J$14,0)+IF(Input!$K$15=1,L3042*Input!$J$15,0)+IF(Input!$K$16=1,M3042*Input!$J$16,0)</f>
        <v>0.60479272118475602</v>
      </c>
      <c r="O3042" s="58">
        <f>IF(Input!$K$13=2,J3042*Input!$J$13,0)+IF(Input!$K$14=2,K3042*Input!$J$14,0)+IF(Input!$K$15=2,L3042*Input!$J$15,0)+IF(Input!$K$16=2,M3042*Input!$J$16,0)</f>
        <v>3.0595484743322708E-2</v>
      </c>
      <c r="P3042" s="58">
        <f>IF(Input!$K$13=3,J3042*Input!$J$13,0)+IF(Input!$K$14=3,K3042*Input!$J$14,0)+IF(Input!$K$15=3,L3042*Input!$J$15,0)+IF(Input!$K$16=3,M3042*Input!$J$16,0)</f>
        <v>0</v>
      </c>
      <c r="Q3042" s="71">
        <f>IF(Input!$K$13=4,J3042*Input!$J$13,0)+IF(Input!$K$14=4,K3042*Input!$J$14,0)+IF(Input!$K$15=4,L3042*Input!$J$15,0)+IF(Input!$K$16=4,M3042*Input!$J$16,0)</f>
        <v>0</v>
      </c>
    </row>
    <row r="3043" spans="8:17" x14ac:dyDescent="0.25">
      <c r="H3043" s="43">
        <v>3036</v>
      </c>
      <c r="I3043" s="55">
        <f>Bühler!I3069</f>
        <v>0.76820284859299237</v>
      </c>
      <c r="J3043" s="58">
        <f>Bühler!J3069</f>
        <v>5.0399393432063002</v>
      </c>
      <c r="K3043" s="58">
        <f>Bühler!K3069</f>
        <v>0.22663322032090893</v>
      </c>
      <c r="L3043" s="58">
        <f>Bühler!L3069</f>
        <v>0.11331661016045447</v>
      </c>
      <c r="M3043" s="57">
        <f>Bühler!M3069</f>
        <v>0</v>
      </c>
      <c r="N3043" s="55">
        <f>IF(Input!$K$13=1,J3043*Input!$J$13,0)+IF(Input!$K$14=1,K3043*Input!$J$14,0)+IF(Input!$K$15=1,L3043*Input!$J$15,0)+IF(Input!$K$16=1,M3043*Input!$J$16,0)</f>
        <v>0.60479272118475602</v>
      </c>
      <c r="O3043" s="58">
        <f>IF(Input!$K$13=2,J3043*Input!$J$13,0)+IF(Input!$K$14=2,K3043*Input!$J$14,0)+IF(Input!$K$15=2,L3043*Input!$J$15,0)+IF(Input!$K$16=2,M3043*Input!$J$16,0)</f>
        <v>3.0595484743322708E-2</v>
      </c>
      <c r="P3043" s="58">
        <f>IF(Input!$K$13=3,J3043*Input!$J$13,0)+IF(Input!$K$14=3,K3043*Input!$J$14,0)+IF(Input!$K$15=3,L3043*Input!$J$15,0)+IF(Input!$K$16=3,M3043*Input!$J$16,0)</f>
        <v>0</v>
      </c>
      <c r="Q3043" s="71">
        <f>IF(Input!$K$13=4,J3043*Input!$J$13,0)+IF(Input!$K$14=4,K3043*Input!$J$14,0)+IF(Input!$K$15=4,L3043*Input!$J$15,0)+IF(Input!$K$16=4,M3043*Input!$J$16,0)</f>
        <v>0</v>
      </c>
    </row>
    <row r="3044" spans="8:17" x14ac:dyDescent="0.25">
      <c r="H3044" s="43">
        <v>3037</v>
      </c>
      <c r="I3044" s="55">
        <f>Bühler!I3070</f>
        <v>0.76820284859299237</v>
      </c>
      <c r="J3044" s="58">
        <f>Bühler!J3070</f>
        <v>5.0399393432063002</v>
      </c>
      <c r="K3044" s="58">
        <f>Bühler!K3070</f>
        <v>0.22663322032090893</v>
      </c>
      <c r="L3044" s="58">
        <f>Bühler!L3070</f>
        <v>0.11331661016045447</v>
      </c>
      <c r="M3044" s="57">
        <f>Bühler!M3070</f>
        <v>0</v>
      </c>
      <c r="N3044" s="55">
        <f>IF(Input!$K$13=1,J3044*Input!$J$13,0)+IF(Input!$K$14=1,K3044*Input!$J$14,0)+IF(Input!$K$15=1,L3044*Input!$J$15,0)+IF(Input!$K$16=1,M3044*Input!$J$16,0)</f>
        <v>0.60479272118475602</v>
      </c>
      <c r="O3044" s="58">
        <f>IF(Input!$K$13=2,J3044*Input!$J$13,0)+IF(Input!$K$14=2,K3044*Input!$J$14,0)+IF(Input!$K$15=2,L3044*Input!$J$15,0)+IF(Input!$K$16=2,M3044*Input!$J$16,0)</f>
        <v>3.0595484743322708E-2</v>
      </c>
      <c r="P3044" s="58">
        <f>IF(Input!$K$13=3,J3044*Input!$J$13,0)+IF(Input!$K$14=3,K3044*Input!$J$14,0)+IF(Input!$K$15=3,L3044*Input!$J$15,0)+IF(Input!$K$16=3,M3044*Input!$J$16,0)</f>
        <v>0</v>
      </c>
      <c r="Q3044" s="71">
        <f>IF(Input!$K$13=4,J3044*Input!$J$13,0)+IF(Input!$K$14=4,K3044*Input!$J$14,0)+IF(Input!$K$15=4,L3044*Input!$J$15,0)+IF(Input!$K$16=4,M3044*Input!$J$16,0)</f>
        <v>0</v>
      </c>
    </row>
    <row r="3045" spans="8:17" x14ac:dyDescent="0.25">
      <c r="H3045" s="43">
        <v>3038</v>
      </c>
      <c r="I3045" s="55">
        <f>Bühler!I3071</f>
        <v>0.76820284859299237</v>
      </c>
      <c r="J3045" s="58">
        <f>Bühler!J3071</f>
        <v>5.0399393432063002</v>
      </c>
      <c r="K3045" s="58">
        <f>Bühler!K3071</f>
        <v>0.22663322032090893</v>
      </c>
      <c r="L3045" s="58">
        <f>Bühler!L3071</f>
        <v>0.11331661016045447</v>
      </c>
      <c r="M3045" s="57">
        <f>Bühler!M3071</f>
        <v>0</v>
      </c>
      <c r="N3045" s="55">
        <f>IF(Input!$K$13=1,J3045*Input!$J$13,0)+IF(Input!$K$14=1,K3045*Input!$J$14,0)+IF(Input!$K$15=1,L3045*Input!$J$15,0)+IF(Input!$K$16=1,M3045*Input!$J$16,0)</f>
        <v>0.60479272118475602</v>
      </c>
      <c r="O3045" s="58">
        <f>IF(Input!$K$13=2,J3045*Input!$J$13,0)+IF(Input!$K$14=2,K3045*Input!$J$14,0)+IF(Input!$K$15=2,L3045*Input!$J$15,0)+IF(Input!$K$16=2,M3045*Input!$J$16,0)</f>
        <v>3.0595484743322708E-2</v>
      </c>
      <c r="P3045" s="58">
        <f>IF(Input!$K$13=3,J3045*Input!$J$13,0)+IF(Input!$K$14=3,K3045*Input!$J$14,0)+IF(Input!$K$15=3,L3045*Input!$J$15,0)+IF(Input!$K$16=3,M3045*Input!$J$16,0)</f>
        <v>0</v>
      </c>
      <c r="Q3045" s="71">
        <f>IF(Input!$K$13=4,J3045*Input!$J$13,0)+IF(Input!$K$14=4,K3045*Input!$J$14,0)+IF(Input!$K$15=4,L3045*Input!$J$15,0)+IF(Input!$K$16=4,M3045*Input!$J$16,0)</f>
        <v>0</v>
      </c>
    </row>
    <row r="3046" spans="8:17" x14ac:dyDescent="0.25">
      <c r="H3046" s="43">
        <v>3039</v>
      </c>
      <c r="I3046" s="55">
        <f>Bühler!I3072</f>
        <v>0.76820284859299237</v>
      </c>
      <c r="J3046" s="58">
        <f>Bühler!J3072</f>
        <v>5.0399393432063002</v>
      </c>
      <c r="K3046" s="58">
        <f>Bühler!K3072</f>
        <v>0.22663322032090893</v>
      </c>
      <c r="L3046" s="58">
        <f>Bühler!L3072</f>
        <v>0.11331661016045447</v>
      </c>
      <c r="M3046" s="57">
        <f>Bühler!M3072</f>
        <v>0</v>
      </c>
      <c r="N3046" s="55">
        <f>IF(Input!$K$13=1,J3046*Input!$J$13,0)+IF(Input!$K$14=1,K3046*Input!$J$14,0)+IF(Input!$K$15=1,L3046*Input!$J$15,0)+IF(Input!$K$16=1,M3046*Input!$J$16,0)</f>
        <v>0.60479272118475602</v>
      </c>
      <c r="O3046" s="58">
        <f>IF(Input!$K$13=2,J3046*Input!$J$13,0)+IF(Input!$K$14=2,K3046*Input!$J$14,0)+IF(Input!$K$15=2,L3046*Input!$J$15,0)+IF(Input!$K$16=2,M3046*Input!$J$16,0)</f>
        <v>3.0595484743322708E-2</v>
      </c>
      <c r="P3046" s="58">
        <f>IF(Input!$K$13=3,J3046*Input!$J$13,0)+IF(Input!$K$14=3,K3046*Input!$J$14,0)+IF(Input!$K$15=3,L3046*Input!$J$15,0)+IF(Input!$K$16=3,M3046*Input!$J$16,0)</f>
        <v>0</v>
      </c>
      <c r="Q3046" s="71">
        <f>IF(Input!$K$13=4,J3046*Input!$J$13,0)+IF(Input!$K$14=4,K3046*Input!$J$14,0)+IF(Input!$K$15=4,L3046*Input!$J$15,0)+IF(Input!$K$16=4,M3046*Input!$J$16,0)</f>
        <v>0</v>
      </c>
    </row>
    <row r="3047" spans="8:17" x14ac:dyDescent="0.25">
      <c r="H3047" s="43">
        <v>3040</v>
      </c>
      <c r="I3047" s="55">
        <f>Bühler!I3073</f>
        <v>0.68284697652710424</v>
      </c>
      <c r="J3047" s="58">
        <f>Bühler!J3073</f>
        <v>5.0363828485368884</v>
      </c>
      <c r="K3047" s="58">
        <f>Bühler!K3073</f>
        <v>0.22663322032090893</v>
      </c>
      <c r="L3047" s="58">
        <f>Bühler!L3073</f>
        <v>0.11331661016045447</v>
      </c>
      <c r="M3047" s="57">
        <f>Bühler!M3073</f>
        <v>0</v>
      </c>
      <c r="N3047" s="55">
        <f>IF(Input!$K$13=1,J3047*Input!$J$13,0)+IF(Input!$K$14=1,K3047*Input!$J$14,0)+IF(Input!$K$15=1,L3047*Input!$J$15,0)+IF(Input!$K$16=1,M3047*Input!$J$16,0)</f>
        <v>0.6043659418244266</v>
      </c>
      <c r="O3047" s="58">
        <f>IF(Input!$K$13=2,J3047*Input!$J$13,0)+IF(Input!$K$14=2,K3047*Input!$J$14,0)+IF(Input!$K$15=2,L3047*Input!$J$15,0)+IF(Input!$K$16=2,M3047*Input!$J$16,0)</f>
        <v>3.0595484743322708E-2</v>
      </c>
      <c r="P3047" s="58">
        <f>IF(Input!$K$13=3,J3047*Input!$J$13,0)+IF(Input!$K$14=3,K3047*Input!$J$14,0)+IF(Input!$K$15=3,L3047*Input!$J$15,0)+IF(Input!$K$16=3,M3047*Input!$J$16,0)</f>
        <v>0</v>
      </c>
      <c r="Q3047" s="71">
        <f>IF(Input!$K$13=4,J3047*Input!$J$13,0)+IF(Input!$K$14=4,K3047*Input!$J$14,0)+IF(Input!$K$15=4,L3047*Input!$J$15,0)+IF(Input!$K$16=4,M3047*Input!$J$16,0)</f>
        <v>0</v>
      </c>
    </row>
    <row r="3048" spans="8:17" x14ac:dyDescent="0.25">
      <c r="H3048" s="43">
        <v>3041</v>
      </c>
      <c r="I3048" s="55">
        <f>Bühler!I3074</f>
        <v>0.67065328051769169</v>
      </c>
      <c r="J3048" s="58">
        <f>Bühler!J3074</f>
        <v>5.0358747778698296</v>
      </c>
      <c r="K3048" s="58">
        <f>Bühler!K3074</f>
        <v>0.22663322032090893</v>
      </c>
      <c r="L3048" s="58">
        <f>Bühler!L3074</f>
        <v>0.11331661016045447</v>
      </c>
      <c r="M3048" s="57">
        <f>Bühler!M3074</f>
        <v>0</v>
      </c>
      <c r="N3048" s="55">
        <f>IF(Input!$K$13=1,J3048*Input!$J$13,0)+IF(Input!$K$14=1,K3048*Input!$J$14,0)+IF(Input!$K$15=1,L3048*Input!$J$15,0)+IF(Input!$K$16=1,M3048*Input!$J$16,0)</f>
        <v>0.60430497334437949</v>
      </c>
      <c r="O3048" s="58">
        <f>IF(Input!$K$13=2,J3048*Input!$J$13,0)+IF(Input!$K$14=2,K3048*Input!$J$14,0)+IF(Input!$K$15=2,L3048*Input!$J$15,0)+IF(Input!$K$16=2,M3048*Input!$J$16,0)</f>
        <v>3.0595484743322708E-2</v>
      </c>
      <c r="P3048" s="58">
        <f>IF(Input!$K$13=3,J3048*Input!$J$13,0)+IF(Input!$K$14=3,K3048*Input!$J$14,0)+IF(Input!$K$15=3,L3048*Input!$J$15,0)+IF(Input!$K$16=3,M3048*Input!$J$16,0)</f>
        <v>0</v>
      </c>
      <c r="Q3048" s="71">
        <f>IF(Input!$K$13=4,J3048*Input!$J$13,0)+IF(Input!$K$14=4,K3048*Input!$J$14,0)+IF(Input!$K$15=4,L3048*Input!$J$15,0)+IF(Input!$K$16=4,M3048*Input!$J$16,0)</f>
        <v>0</v>
      </c>
    </row>
    <row r="3049" spans="8:17" x14ac:dyDescent="0.25">
      <c r="H3049" s="43">
        <v>3042</v>
      </c>
      <c r="I3049" s="55">
        <f>Bühler!I3075</f>
        <v>0.57310371244239111</v>
      </c>
      <c r="J3049" s="58">
        <f>Bühler!J3075</f>
        <v>5.0318102125333581</v>
      </c>
      <c r="K3049" s="58">
        <f>Bühler!K3075</f>
        <v>0.22663322032090893</v>
      </c>
      <c r="L3049" s="58">
        <f>Bühler!L3075</f>
        <v>0.11331661016045447</v>
      </c>
      <c r="M3049" s="57">
        <f>Bühler!M3075</f>
        <v>0</v>
      </c>
      <c r="N3049" s="55">
        <f>IF(Input!$K$13=1,J3049*Input!$J$13,0)+IF(Input!$K$14=1,K3049*Input!$J$14,0)+IF(Input!$K$15=1,L3049*Input!$J$15,0)+IF(Input!$K$16=1,M3049*Input!$J$16,0)</f>
        <v>0.60381722550400296</v>
      </c>
      <c r="O3049" s="58">
        <f>IF(Input!$K$13=2,J3049*Input!$J$13,0)+IF(Input!$K$14=2,K3049*Input!$J$14,0)+IF(Input!$K$15=2,L3049*Input!$J$15,0)+IF(Input!$K$16=2,M3049*Input!$J$16,0)</f>
        <v>3.0595484743322708E-2</v>
      </c>
      <c r="P3049" s="58">
        <f>IF(Input!$K$13=3,J3049*Input!$J$13,0)+IF(Input!$K$14=3,K3049*Input!$J$14,0)+IF(Input!$K$15=3,L3049*Input!$J$15,0)+IF(Input!$K$16=3,M3049*Input!$J$16,0)</f>
        <v>0</v>
      </c>
      <c r="Q3049" s="71">
        <f>IF(Input!$K$13=4,J3049*Input!$J$13,0)+IF(Input!$K$14=4,K3049*Input!$J$14,0)+IF(Input!$K$15=4,L3049*Input!$J$15,0)+IF(Input!$K$16=4,M3049*Input!$J$16,0)</f>
        <v>0</v>
      </c>
    </row>
    <row r="3050" spans="8:17" x14ac:dyDescent="0.25">
      <c r="H3050" s="43">
        <v>3043</v>
      </c>
      <c r="I3050" s="55">
        <f>Bühler!I3076</f>
        <v>0.53652262441415344</v>
      </c>
      <c r="J3050" s="58">
        <f>Bühler!J3076</f>
        <v>5.0302860005321817</v>
      </c>
      <c r="K3050" s="58">
        <f>Bühler!K3076</f>
        <v>0.22663322032090893</v>
      </c>
      <c r="L3050" s="58">
        <f>Bühler!L3076</f>
        <v>0.11331661016045447</v>
      </c>
      <c r="M3050" s="57">
        <f>Bühler!M3076</f>
        <v>0</v>
      </c>
      <c r="N3050" s="55">
        <f>IF(Input!$K$13=1,J3050*Input!$J$13,0)+IF(Input!$K$14=1,K3050*Input!$J$14,0)+IF(Input!$K$15=1,L3050*Input!$J$15,0)+IF(Input!$K$16=1,M3050*Input!$J$16,0)</f>
        <v>0.60363432006386175</v>
      </c>
      <c r="O3050" s="58">
        <f>IF(Input!$K$13=2,J3050*Input!$J$13,0)+IF(Input!$K$14=2,K3050*Input!$J$14,0)+IF(Input!$K$15=2,L3050*Input!$J$15,0)+IF(Input!$K$16=2,M3050*Input!$J$16,0)</f>
        <v>3.0595484743322708E-2</v>
      </c>
      <c r="P3050" s="58">
        <f>IF(Input!$K$13=3,J3050*Input!$J$13,0)+IF(Input!$K$14=3,K3050*Input!$J$14,0)+IF(Input!$K$15=3,L3050*Input!$J$15,0)+IF(Input!$K$16=3,M3050*Input!$J$16,0)</f>
        <v>0</v>
      </c>
      <c r="Q3050" s="71">
        <f>IF(Input!$K$13=4,J3050*Input!$J$13,0)+IF(Input!$K$14=4,K3050*Input!$J$14,0)+IF(Input!$K$15=4,L3050*Input!$J$15,0)+IF(Input!$K$16=4,M3050*Input!$J$16,0)</f>
        <v>0</v>
      </c>
    </row>
    <row r="3051" spans="8:17" x14ac:dyDescent="0.25">
      <c r="H3051" s="43">
        <v>3044</v>
      </c>
      <c r="I3051" s="55">
        <f>Bühler!I3077</f>
        <v>0.45116675234826537</v>
      </c>
      <c r="J3051" s="58">
        <f>Bühler!J3077</f>
        <v>5.0267295058627699</v>
      </c>
      <c r="K3051" s="58">
        <f>Bühler!K3077</f>
        <v>0.22663322032090893</v>
      </c>
      <c r="L3051" s="58">
        <f>Bühler!L3077</f>
        <v>0.11331661016045447</v>
      </c>
      <c r="M3051" s="57">
        <f>Bühler!M3077</f>
        <v>0</v>
      </c>
      <c r="N3051" s="55">
        <f>IF(Input!$K$13=1,J3051*Input!$J$13,0)+IF(Input!$K$14=1,K3051*Input!$J$14,0)+IF(Input!$K$15=1,L3051*Input!$J$15,0)+IF(Input!$K$16=1,M3051*Input!$J$16,0)</f>
        <v>0.60320754070353233</v>
      </c>
      <c r="O3051" s="58">
        <f>IF(Input!$K$13=2,J3051*Input!$J$13,0)+IF(Input!$K$14=2,K3051*Input!$J$14,0)+IF(Input!$K$15=2,L3051*Input!$J$15,0)+IF(Input!$K$16=2,M3051*Input!$J$16,0)</f>
        <v>3.0595484743322708E-2</v>
      </c>
      <c r="P3051" s="58">
        <f>IF(Input!$K$13=3,J3051*Input!$J$13,0)+IF(Input!$K$14=3,K3051*Input!$J$14,0)+IF(Input!$K$15=3,L3051*Input!$J$15,0)+IF(Input!$K$16=3,M3051*Input!$J$16,0)</f>
        <v>0</v>
      </c>
      <c r="Q3051" s="71">
        <f>IF(Input!$K$13=4,J3051*Input!$J$13,0)+IF(Input!$K$14=4,K3051*Input!$J$14,0)+IF(Input!$K$15=4,L3051*Input!$J$15,0)+IF(Input!$K$16=4,M3051*Input!$J$16,0)</f>
        <v>0</v>
      </c>
    </row>
    <row r="3052" spans="8:17" x14ac:dyDescent="0.25">
      <c r="H3052" s="43">
        <v>3045</v>
      </c>
      <c r="I3052" s="55">
        <f>Bühler!I3078</f>
        <v>0.37800457629178985</v>
      </c>
      <c r="J3052" s="58">
        <f>Bühler!J3078</f>
        <v>5.023681081860417</v>
      </c>
      <c r="K3052" s="58">
        <f>Bühler!K3078</f>
        <v>0.22663322032090893</v>
      </c>
      <c r="L3052" s="58">
        <f>Bühler!L3078</f>
        <v>0.11331661016045447</v>
      </c>
      <c r="M3052" s="57">
        <f>Bühler!M3078</f>
        <v>0</v>
      </c>
      <c r="N3052" s="55">
        <f>IF(Input!$K$13=1,J3052*Input!$J$13,0)+IF(Input!$K$14=1,K3052*Input!$J$14,0)+IF(Input!$K$15=1,L3052*Input!$J$15,0)+IF(Input!$K$16=1,M3052*Input!$J$16,0)</f>
        <v>0.60284172982325002</v>
      </c>
      <c r="O3052" s="58">
        <f>IF(Input!$K$13=2,J3052*Input!$J$13,0)+IF(Input!$K$14=2,K3052*Input!$J$14,0)+IF(Input!$K$15=2,L3052*Input!$J$15,0)+IF(Input!$K$16=2,M3052*Input!$J$16,0)</f>
        <v>3.0595484743322708E-2</v>
      </c>
      <c r="P3052" s="58">
        <f>IF(Input!$K$13=3,J3052*Input!$J$13,0)+IF(Input!$K$14=3,K3052*Input!$J$14,0)+IF(Input!$K$15=3,L3052*Input!$J$15,0)+IF(Input!$K$16=3,M3052*Input!$J$16,0)</f>
        <v>0</v>
      </c>
      <c r="Q3052" s="71">
        <f>IF(Input!$K$13=4,J3052*Input!$J$13,0)+IF(Input!$K$14=4,K3052*Input!$J$14,0)+IF(Input!$K$15=4,L3052*Input!$J$15,0)+IF(Input!$K$16=4,M3052*Input!$J$16,0)</f>
        <v>0</v>
      </c>
    </row>
    <row r="3053" spans="8:17" x14ac:dyDescent="0.25">
      <c r="H3053" s="43">
        <v>3046</v>
      </c>
      <c r="I3053" s="55">
        <f>Bühler!I3079</f>
        <v>0.32922979225413956</v>
      </c>
      <c r="J3053" s="58">
        <f>Bühler!J3079</f>
        <v>5.0216487991921817</v>
      </c>
      <c r="K3053" s="58">
        <f>Bühler!K3079</f>
        <v>0.22663322032090893</v>
      </c>
      <c r="L3053" s="58">
        <f>Bühler!L3079</f>
        <v>0.11331661016045447</v>
      </c>
      <c r="M3053" s="57">
        <f>Bühler!M3079</f>
        <v>0</v>
      </c>
      <c r="N3053" s="55">
        <f>IF(Input!$K$13=1,J3053*Input!$J$13,0)+IF(Input!$K$14=1,K3053*Input!$J$14,0)+IF(Input!$K$15=1,L3053*Input!$J$15,0)+IF(Input!$K$16=1,M3053*Input!$J$16,0)</f>
        <v>0.60259785590306181</v>
      </c>
      <c r="O3053" s="58">
        <f>IF(Input!$K$13=2,J3053*Input!$J$13,0)+IF(Input!$K$14=2,K3053*Input!$J$14,0)+IF(Input!$K$15=2,L3053*Input!$J$15,0)+IF(Input!$K$16=2,M3053*Input!$J$16,0)</f>
        <v>3.0595484743322708E-2</v>
      </c>
      <c r="P3053" s="58">
        <f>IF(Input!$K$13=3,J3053*Input!$J$13,0)+IF(Input!$K$14=3,K3053*Input!$J$14,0)+IF(Input!$K$15=3,L3053*Input!$J$15,0)+IF(Input!$K$16=3,M3053*Input!$J$16,0)</f>
        <v>0</v>
      </c>
      <c r="Q3053" s="71">
        <f>IF(Input!$K$13=4,J3053*Input!$J$13,0)+IF(Input!$K$14=4,K3053*Input!$J$14,0)+IF(Input!$K$15=4,L3053*Input!$J$15,0)+IF(Input!$K$16=4,M3053*Input!$J$16,0)</f>
        <v>0</v>
      </c>
    </row>
    <row r="3054" spans="8:17" x14ac:dyDescent="0.25">
      <c r="H3054" s="43">
        <v>3047</v>
      </c>
      <c r="I3054" s="55">
        <f>Bühler!I3080</f>
        <v>0.32922979225413956</v>
      </c>
      <c r="J3054" s="58">
        <f>Bühler!J3080</f>
        <v>5.0216487991921817</v>
      </c>
      <c r="K3054" s="58">
        <f>Bühler!K3080</f>
        <v>0.22663322032090893</v>
      </c>
      <c r="L3054" s="58">
        <f>Bühler!L3080</f>
        <v>0.11331661016045447</v>
      </c>
      <c r="M3054" s="57">
        <f>Bühler!M3080</f>
        <v>0</v>
      </c>
      <c r="N3054" s="55">
        <f>IF(Input!$K$13=1,J3054*Input!$J$13,0)+IF(Input!$K$14=1,K3054*Input!$J$14,0)+IF(Input!$K$15=1,L3054*Input!$J$15,0)+IF(Input!$K$16=1,M3054*Input!$J$16,0)</f>
        <v>0.60259785590306181</v>
      </c>
      <c r="O3054" s="58">
        <f>IF(Input!$K$13=2,J3054*Input!$J$13,0)+IF(Input!$K$14=2,K3054*Input!$J$14,0)+IF(Input!$K$15=2,L3054*Input!$J$15,0)+IF(Input!$K$16=2,M3054*Input!$J$16,0)</f>
        <v>3.0595484743322708E-2</v>
      </c>
      <c r="P3054" s="58">
        <f>IF(Input!$K$13=3,J3054*Input!$J$13,0)+IF(Input!$K$14=3,K3054*Input!$J$14,0)+IF(Input!$K$15=3,L3054*Input!$J$15,0)+IF(Input!$K$16=3,M3054*Input!$J$16,0)</f>
        <v>0</v>
      </c>
      <c r="Q3054" s="71">
        <f>IF(Input!$K$13=4,J3054*Input!$J$13,0)+IF(Input!$K$14=4,K3054*Input!$J$14,0)+IF(Input!$K$15=4,L3054*Input!$J$15,0)+IF(Input!$K$16=4,M3054*Input!$J$16,0)</f>
        <v>0</v>
      </c>
    </row>
    <row r="3055" spans="8:17" x14ac:dyDescent="0.25">
      <c r="H3055" s="43">
        <v>3048</v>
      </c>
      <c r="I3055" s="55">
        <f>Bühler!I3081</f>
        <v>0.32922979225413956</v>
      </c>
      <c r="J3055" s="58">
        <f>Bühler!J3081</f>
        <v>5.0216487991921817</v>
      </c>
      <c r="K3055" s="58">
        <f>Bühler!K3081</f>
        <v>0.22663322032090893</v>
      </c>
      <c r="L3055" s="58">
        <f>Bühler!L3081</f>
        <v>0.11331661016045447</v>
      </c>
      <c r="M3055" s="57">
        <f>Bühler!M3081</f>
        <v>0</v>
      </c>
      <c r="N3055" s="55">
        <f>IF(Input!$K$13=1,J3055*Input!$J$13,0)+IF(Input!$K$14=1,K3055*Input!$J$14,0)+IF(Input!$K$15=1,L3055*Input!$J$15,0)+IF(Input!$K$16=1,M3055*Input!$J$16,0)</f>
        <v>0.60259785590306181</v>
      </c>
      <c r="O3055" s="58">
        <f>IF(Input!$K$13=2,J3055*Input!$J$13,0)+IF(Input!$K$14=2,K3055*Input!$J$14,0)+IF(Input!$K$15=2,L3055*Input!$J$15,0)+IF(Input!$K$16=2,M3055*Input!$J$16,0)</f>
        <v>3.0595484743322708E-2</v>
      </c>
      <c r="P3055" s="58">
        <f>IF(Input!$K$13=3,J3055*Input!$J$13,0)+IF(Input!$K$14=3,K3055*Input!$J$14,0)+IF(Input!$K$15=3,L3055*Input!$J$15,0)+IF(Input!$K$16=3,M3055*Input!$J$16,0)</f>
        <v>0</v>
      </c>
      <c r="Q3055" s="71">
        <f>IF(Input!$K$13=4,J3055*Input!$J$13,0)+IF(Input!$K$14=4,K3055*Input!$J$14,0)+IF(Input!$K$15=4,L3055*Input!$J$15,0)+IF(Input!$K$16=4,M3055*Input!$J$16,0)</f>
        <v>0</v>
      </c>
    </row>
    <row r="3056" spans="8:17" x14ac:dyDescent="0.25">
      <c r="H3056" s="43">
        <v>3049</v>
      </c>
      <c r="I3056" s="55">
        <f>Bühler!I3082</f>
        <v>0.44761374146966637</v>
      </c>
      <c r="J3056" s="58">
        <f>Bühler!J3082</f>
        <v>9.2243445486398503</v>
      </c>
      <c r="K3056" s="58">
        <f>Bühler!K3082</f>
        <v>0.58814609531456341</v>
      </c>
      <c r="L3056" s="58">
        <f>Bühler!L3082</f>
        <v>0.29407304765728171</v>
      </c>
      <c r="M3056" s="57">
        <f>Bühler!M3082</f>
        <v>0</v>
      </c>
      <c r="N3056" s="55">
        <f>IF(Input!$K$13=1,J3056*Input!$J$13,0)+IF(Input!$K$14=1,K3056*Input!$J$14,0)+IF(Input!$K$15=1,L3056*Input!$J$15,0)+IF(Input!$K$16=1,M3056*Input!$J$16,0)</f>
        <v>1.1069213458367819</v>
      </c>
      <c r="O3056" s="58">
        <f>IF(Input!$K$13=2,J3056*Input!$J$13,0)+IF(Input!$K$14=2,K3056*Input!$J$14,0)+IF(Input!$K$15=2,L3056*Input!$J$15,0)+IF(Input!$K$16=2,M3056*Input!$J$16,0)</f>
        <v>7.9399722867466049E-2</v>
      </c>
      <c r="P3056" s="58">
        <f>IF(Input!$K$13=3,J3056*Input!$J$13,0)+IF(Input!$K$14=3,K3056*Input!$J$14,0)+IF(Input!$K$15=3,L3056*Input!$J$15,0)+IF(Input!$K$16=3,M3056*Input!$J$16,0)</f>
        <v>0</v>
      </c>
      <c r="Q3056" s="71">
        <f>IF(Input!$K$13=4,J3056*Input!$J$13,0)+IF(Input!$K$14=4,K3056*Input!$J$14,0)+IF(Input!$K$15=4,L3056*Input!$J$15,0)+IF(Input!$K$16=4,M3056*Input!$J$16,0)</f>
        <v>0</v>
      </c>
    </row>
    <row r="3057" spans="8:17" x14ac:dyDescent="0.25">
      <c r="H3057" s="43">
        <v>3050</v>
      </c>
      <c r="I3057" s="55">
        <f>Bühler!I3083</f>
        <v>0.44761374146966637</v>
      </c>
      <c r="J3057" s="58">
        <f>Bühler!J3083</f>
        <v>9.2243445486398503</v>
      </c>
      <c r="K3057" s="58">
        <f>Bühler!K3083</f>
        <v>0.58814609531456341</v>
      </c>
      <c r="L3057" s="58">
        <f>Bühler!L3083</f>
        <v>0.29407304765728171</v>
      </c>
      <c r="M3057" s="57">
        <f>Bühler!M3083</f>
        <v>0</v>
      </c>
      <c r="N3057" s="55">
        <f>IF(Input!$K$13=1,J3057*Input!$J$13,0)+IF(Input!$K$14=1,K3057*Input!$J$14,0)+IF(Input!$K$15=1,L3057*Input!$J$15,0)+IF(Input!$K$16=1,M3057*Input!$J$16,0)</f>
        <v>1.1069213458367819</v>
      </c>
      <c r="O3057" s="58">
        <f>IF(Input!$K$13=2,J3057*Input!$J$13,0)+IF(Input!$K$14=2,K3057*Input!$J$14,0)+IF(Input!$K$15=2,L3057*Input!$J$15,0)+IF(Input!$K$16=2,M3057*Input!$J$16,0)</f>
        <v>7.9399722867466049E-2</v>
      </c>
      <c r="P3057" s="58">
        <f>IF(Input!$K$13=3,J3057*Input!$J$13,0)+IF(Input!$K$14=3,K3057*Input!$J$14,0)+IF(Input!$K$15=3,L3057*Input!$J$15,0)+IF(Input!$K$16=3,M3057*Input!$J$16,0)</f>
        <v>0</v>
      </c>
      <c r="Q3057" s="71">
        <f>IF(Input!$K$13=4,J3057*Input!$J$13,0)+IF(Input!$K$14=4,K3057*Input!$J$14,0)+IF(Input!$K$15=4,L3057*Input!$J$15,0)+IF(Input!$K$16=4,M3057*Input!$J$16,0)</f>
        <v>0</v>
      </c>
    </row>
    <row r="3058" spans="8:17" x14ac:dyDescent="0.25">
      <c r="H3058" s="43">
        <v>3051</v>
      </c>
      <c r="I3058" s="55">
        <f>Bühler!I3084</f>
        <v>0.44761374146966637</v>
      </c>
      <c r="J3058" s="58">
        <f>Bühler!J3084</f>
        <v>9.2243445486398503</v>
      </c>
      <c r="K3058" s="58">
        <f>Bühler!K3084</f>
        <v>0.58814609531456341</v>
      </c>
      <c r="L3058" s="58">
        <f>Bühler!L3084</f>
        <v>0.29407304765728171</v>
      </c>
      <c r="M3058" s="57">
        <f>Bühler!M3084</f>
        <v>0</v>
      </c>
      <c r="N3058" s="55">
        <f>IF(Input!$K$13=1,J3058*Input!$J$13,0)+IF(Input!$K$14=1,K3058*Input!$J$14,0)+IF(Input!$K$15=1,L3058*Input!$J$15,0)+IF(Input!$K$16=1,M3058*Input!$J$16,0)</f>
        <v>1.1069213458367819</v>
      </c>
      <c r="O3058" s="58">
        <f>IF(Input!$K$13=2,J3058*Input!$J$13,0)+IF(Input!$K$14=2,K3058*Input!$J$14,0)+IF(Input!$K$15=2,L3058*Input!$J$15,0)+IF(Input!$K$16=2,M3058*Input!$J$16,0)</f>
        <v>7.9399722867466049E-2</v>
      </c>
      <c r="P3058" s="58">
        <f>IF(Input!$K$13=3,J3058*Input!$J$13,0)+IF(Input!$K$14=3,K3058*Input!$J$14,0)+IF(Input!$K$15=3,L3058*Input!$J$15,0)+IF(Input!$K$16=3,M3058*Input!$J$16,0)</f>
        <v>0</v>
      </c>
      <c r="Q3058" s="71">
        <f>IF(Input!$K$13=4,J3058*Input!$J$13,0)+IF(Input!$K$14=4,K3058*Input!$J$14,0)+IF(Input!$K$15=4,L3058*Input!$J$15,0)+IF(Input!$K$16=4,M3058*Input!$J$16,0)</f>
        <v>0</v>
      </c>
    </row>
    <row r="3059" spans="8:17" x14ac:dyDescent="0.25">
      <c r="H3059" s="43">
        <v>3052</v>
      </c>
      <c r="I3059" s="55">
        <f>Bühler!I3085</f>
        <v>0.44761374146966637</v>
      </c>
      <c r="J3059" s="58">
        <f>Bühler!J3085</f>
        <v>9.2243445486398503</v>
      </c>
      <c r="K3059" s="58">
        <f>Bühler!K3085</f>
        <v>0.58814609531456341</v>
      </c>
      <c r="L3059" s="58">
        <f>Bühler!L3085</f>
        <v>0.29407304765728171</v>
      </c>
      <c r="M3059" s="57">
        <f>Bühler!M3085</f>
        <v>0</v>
      </c>
      <c r="N3059" s="55">
        <f>IF(Input!$K$13=1,J3059*Input!$J$13,0)+IF(Input!$K$14=1,K3059*Input!$J$14,0)+IF(Input!$K$15=1,L3059*Input!$J$15,0)+IF(Input!$K$16=1,M3059*Input!$J$16,0)</f>
        <v>1.1069213458367819</v>
      </c>
      <c r="O3059" s="58">
        <f>IF(Input!$K$13=2,J3059*Input!$J$13,0)+IF(Input!$K$14=2,K3059*Input!$J$14,0)+IF(Input!$K$15=2,L3059*Input!$J$15,0)+IF(Input!$K$16=2,M3059*Input!$J$16,0)</f>
        <v>7.9399722867466049E-2</v>
      </c>
      <c r="P3059" s="58">
        <f>IF(Input!$K$13=3,J3059*Input!$J$13,0)+IF(Input!$K$14=3,K3059*Input!$J$14,0)+IF(Input!$K$15=3,L3059*Input!$J$15,0)+IF(Input!$K$16=3,M3059*Input!$J$16,0)</f>
        <v>0</v>
      </c>
      <c r="Q3059" s="71">
        <f>IF(Input!$K$13=4,J3059*Input!$J$13,0)+IF(Input!$K$14=4,K3059*Input!$J$14,0)+IF(Input!$K$15=4,L3059*Input!$J$15,0)+IF(Input!$K$16=4,M3059*Input!$J$16,0)</f>
        <v>0</v>
      </c>
    </row>
    <row r="3060" spans="8:17" x14ac:dyDescent="0.25">
      <c r="H3060" s="43">
        <v>3053</v>
      </c>
      <c r="I3060" s="55">
        <f>Bühler!I3086</f>
        <v>0.44761374146966637</v>
      </c>
      <c r="J3060" s="58">
        <f>Bühler!J3086</f>
        <v>9.2243445486398503</v>
      </c>
      <c r="K3060" s="58">
        <f>Bühler!K3086</f>
        <v>0.58814609531456341</v>
      </c>
      <c r="L3060" s="58">
        <f>Bühler!L3086</f>
        <v>0.29407304765728171</v>
      </c>
      <c r="M3060" s="57">
        <f>Bühler!M3086</f>
        <v>0</v>
      </c>
      <c r="N3060" s="55">
        <f>IF(Input!$K$13=1,J3060*Input!$J$13,0)+IF(Input!$K$14=1,K3060*Input!$J$14,0)+IF(Input!$K$15=1,L3060*Input!$J$15,0)+IF(Input!$K$16=1,M3060*Input!$J$16,0)</f>
        <v>1.1069213458367819</v>
      </c>
      <c r="O3060" s="58">
        <f>IF(Input!$K$13=2,J3060*Input!$J$13,0)+IF(Input!$K$14=2,K3060*Input!$J$14,0)+IF(Input!$K$15=2,L3060*Input!$J$15,0)+IF(Input!$K$16=2,M3060*Input!$J$16,0)</f>
        <v>7.9399722867466049E-2</v>
      </c>
      <c r="P3060" s="58">
        <f>IF(Input!$K$13=3,J3060*Input!$J$13,0)+IF(Input!$K$14=3,K3060*Input!$J$14,0)+IF(Input!$K$15=3,L3060*Input!$J$15,0)+IF(Input!$K$16=3,M3060*Input!$J$16,0)</f>
        <v>0</v>
      </c>
      <c r="Q3060" s="71">
        <f>IF(Input!$K$13=4,J3060*Input!$J$13,0)+IF(Input!$K$14=4,K3060*Input!$J$14,0)+IF(Input!$K$15=4,L3060*Input!$J$15,0)+IF(Input!$K$16=4,M3060*Input!$J$16,0)</f>
        <v>0</v>
      </c>
    </row>
    <row r="3061" spans="8:17" x14ac:dyDescent="0.25">
      <c r="H3061" s="43">
        <v>3054</v>
      </c>
      <c r="I3061" s="55">
        <f>Bühler!I3087</f>
        <v>0.44761374146966637</v>
      </c>
      <c r="J3061" s="58">
        <f>Bühler!J3087</f>
        <v>9.2243445486398503</v>
      </c>
      <c r="K3061" s="58">
        <f>Bühler!K3087</f>
        <v>0.58814609531456341</v>
      </c>
      <c r="L3061" s="58">
        <f>Bühler!L3087</f>
        <v>0.29407304765728171</v>
      </c>
      <c r="M3061" s="57">
        <f>Bühler!M3087</f>
        <v>0</v>
      </c>
      <c r="N3061" s="55">
        <f>IF(Input!$K$13=1,J3061*Input!$J$13,0)+IF(Input!$K$14=1,K3061*Input!$J$14,0)+IF(Input!$K$15=1,L3061*Input!$J$15,0)+IF(Input!$K$16=1,M3061*Input!$J$16,0)</f>
        <v>1.1069213458367819</v>
      </c>
      <c r="O3061" s="58">
        <f>IF(Input!$K$13=2,J3061*Input!$J$13,0)+IF(Input!$K$14=2,K3061*Input!$J$14,0)+IF(Input!$K$15=2,L3061*Input!$J$15,0)+IF(Input!$K$16=2,M3061*Input!$J$16,0)</f>
        <v>7.9399722867466049E-2</v>
      </c>
      <c r="P3061" s="58">
        <f>IF(Input!$K$13=3,J3061*Input!$J$13,0)+IF(Input!$K$14=3,K3061*Input!$J$14,0)+IF(Input!$K$15=3,L3061*Input!$J$15,0)+IF(Input!$K$16=3,M3061*Input!$J$16,0)</f>
        <v>0</v>
      </c>
      <c r="Q3061" s="71">
        <f>IF(Input!$K$13=4,J3061*Input!$J$13,0)+IF(Input!$K$14=4,K3061*Input!$J$14,0)+IF(Input!$K$15=4,L3061*Input!$J$15,0)+IF(Input!$K$16=4,M3061*Input!$J$16,0)</f>
        <v>0</v>
      </c>
    </row>
    <row r="3062" spans="8:17" x14ac:dyDescent="0.25">
      <c r="H3062" s="43">
        <v>3055</v>
      </c>
      <c r="I3062" s="55">
        <f>Bühler!I3088</f>
        <v>0.44761374146966637</v>
      </c>
      <c r="J3062" s="58">
        <f>Bühler!J3088</f>
        <v>9.2243445486398503</v>
      </c>
      <c r="K3062" s="58">
        <f>Bühler!K3088</f>
        <v>0.58814609531456341</v>
      </c>
      <c r="L3062" s="58">
        <f>Bühler!L3088</f>
        <v>0.29407304765728171</v>
      </c>
      <c r="M3062" s="57">
        <f>Bühler!M3088</f>
        <v>0</v>
      </c>
      <c r="N3062" s="55">
        <f>IF(Input!$K$13=1,J3062*Input!$J$13,0)+IF(Input!$K$14=1,K3062*Input!$J$14,0)+IF(Input!$K$15=1,L3062*Input!$J$15,0)+IF(Input!$K$16=1,M3062*Input!$J$16,0)</f>
        <v>1.1069213458367819</v>
      </c>
      <c r="O3062" s="58">
        <f>IF(Input!$K$13=2,J3062*Input!$J$13,0)+IF(Input!$K$14=2,K3062*Input!$J$14,0)+IF(Input!$K$15=2,L3062*Input!$J$15,0)+IF(Input!$K$16=2,M3062*Input!$J$16,0)</f>
        <v>7.9399722867466049E-2</v>
      </c>
      <c r="P3062" s="58">
        <f>IF(Input!$K$13=3,J3062*Input!$J$13,0)+IF(Input!$K$14=3,K3062*Input!$J$14,0)+IF(Input!$K$15=3,L3062*Input!$J$15,0)+IF(Input!$K$16=3,M3062*Input!$J$16,0)</f>
        <v>0</v>
      </c>
      <c r="Q3062" s="71">
        <f>IF(Input!$K$13=4,J3062*Input!$J$13,0)+IF(Input!$K$14=4,K3062*Input!$J$14,0)+IF(Input!$K$15=4,L3062*Input!$J$15,0)+IF(Input!$K$16=4,M3062*Input!$J$16,0)</f>
        <v>0</v>
      </c>
    </row>
    <row r="3063" spans="8:17" x14ac:dyDescent="0.25">
      <c r="H3063" s="43">
        <v>3056</v>
      </c>
      <c r="I3063" s="55">
        <f>Bühler!I3089</f>
        <v>1.9471197753930487</v>
      </c>
      <c r="J3063" s="58">
        <f>Bühler!J3089</f>
        <v>39.339350116999057</v>
      </c>
      <c r="K3063" s="58">
        <f>Bühler!K3089</f>
        <v>2.50550236604004</v>
      </c>
      <c r="L3063" s="58">
        <f>Bühler!L3089</f>
        <v>1.25275118302002</v>
      </c>
      <c r="M3063" s="57">
        <f>Bühler!M3089</f>
        <v>0</v>
      </c>
      <c r="N3063" s="55">
        <f>IF(Input!$K$13=1,J3063*Input!$J$13,0)+IF(Input!$K$14=1,K3063*Input!$J$14,0)+IF(Input!$K$15=1,L3063*Input!$J$15,0)+IF(Input!$K$16=1,M3063*Input!$J$16,0)</f>
        <v>4.7207220140398869</v>
      </c>
      <c r="O3063" s="58">
        <f>IF(Input!$K$13=2,J3063*Input!$J$13,0)+IF(Input!$K$14=2,K3063*Input!$J$14,0)+IF(Input!$K$15=2,L3063*Input!$J$15,0)+IF(Input!$K$16=2,M3063*Input!$J$16,0)</f>
        <v>0.33824281941540535</v>
      </c>
      <c r="P3063" s="58">
        <f>IF(Input!$K$13=3,J3063*Input!$J$13,0)+IF(Input!$K$14=3,K3063*Input!$J$14,0)+IF(Input!$K$15=3,L3063*Input!$J$15,0)+IF(Input!$K$16=3,M3063*Input!$J$16,0)</f>
        <v>0</v>
      </c>
      <c r="Q3063" s="71">
        <f>IF(Input!$K$13=4,J3063*Input!$J$13,0)+IF(Input!$K$14=4,K3063*Input!$J$14,0)+IF(Input!$K$15=4,L3063*Input!$J$15,0)+IF(Input!$K$16=4,M3063*Input!$J$16,0)</f>
        <v>0</v>
      </c>
    </row>
    <row r="3064" spans="8:17" x14ac:dyDescent="0.25">
      <c r="H3064" s="43">
        <v>3057</v>
      </c>
      <c r="I3064" s="55">
        <f>Bühler!I3090</f>
        <v>2.1905097473171793</v>
      </c>
      <c r="J3064" s="58">
        <f>Bühler!J3090</f>
        <v>44.256768881623934</v>
      </c>
      <c r="K3064" s="58">
        <f>Bühler!K3090</f>
        <v>2.8186901617950451</v>
      </c>
      <c r="L3064" s="58">
        <f>Bühler!L3090</f>
        <v>1.4093450808975225</v>
      </c>
      <c r="M3064" s="57">
        <f>Bühler!M3090</f>
        <v>0</v>
      </c>
      <c r="N3064" s="55">
        <f>IF(Input!$K$13=1,J3064*Input!$J$13,0)+IF(Input!$K$14=1,K3064*Input!$J$14,0)+IF(Input!$K$15=1,L3064*Input!$J$15,0)+IF(Input!$K$16=1,M3064*Input!$J$16,0)</f>
        <v>5.3108122657948718</v>
      </c>
      <c r="O3064" s="58">
        <f>IF(Input!$K$13=2,J3064*Input!$J$13,0)+IF(Input!$K$14=2,K3064*Input!$J$14,0)+IF(Input!$K$15=2,L3064*Input!$J$15,0)+IF(Input!$K$16=2,M3064*Input!$J$16,0)</f>
        <v>0.38052317184233109</v>
      </c>
      <c r="P3064" s="58">
        <f>IF(Input!$K$13=3,J3064*Input!$J$13,0)+IF(Input!$K$14=3,K3064*Input!$J$14,0)+IF(Input!$K$15=3,L3064*Input!$J$15,0)+IF(Input!$K$16=3,M3064*Input!$J$16,0)</f>
        <v>0</v>
      </c>
      <c r="Q3064" s="71">
        <f>IF(Input!$K$13=4,J3064*Input!$J$13,0)+IF(Input!$K$14=4,K3064*Input!$J$14,0)+IF(Input!$K$15=4,L3064*Input!$J$15,0)+IF(Input!$K$16=4,M3064*Input!$J$16,0)</f>
        <v>0</v>
      </c>
    </row>
    <row r="3065" spans="8:17" x14ac:dyDescent="0.25">
      <c r="H3065" s="43">
        <v>3058</v>
      </c>
      <c r="I3065" s="55">
        <f>Bühler!I3091</f>
        <v>2.4338997192413103</v>
      </c>
      <c r="J3065" s="58">
        <f>Bühler!J3091</f>
        <v>49.174187646248818</v>
      </c>
      <c r="K3065" s="58">
        <f>Bühler!K3091</f>
        <v>3.1318779575500506</v>
      </c>
      <c r="L3065" s="58">
        <f>Bühler!L3091</f>
        <v>1.5659389787750253</v>
      </c>
      <c r="M3065" s="57">
        <f>Bühler!M3091</f>
        <v>0</v>
      </c>
      <c r="N3065" s="55">
        <f>IF(Input!$K$13=1,J3065*Input!$J$13,0)+IF(Input!$K$14=1,K3065*Input!$J$14,0)+IF(Input!$K$15=1,L3065*Input!$J$15,0)+IF(Input!$K$16=1,M3065*Input!$J$16,0)</f>
        <v>5.9009025175498575</v>
      </c>
      <c r="O3065" s="58">
        <f>IF(Input!$K$13=2,J3065*Input!$J$13,0)+IF(Input!$K$14=2,K3065*Input!$J$14,0)+IF(Input!$K$15=2,L3065*Input!$J$15,0)+IF(Input!$K$16=2,M3065*Input!$J$16,0)</f>
        <v>0.42280352426925683</v>
      </c>
      <c r="P3065" s="58">
        <f>IF(Input!$K$13=3,J3065*Input!$J$13,0)+IF(Input!$K$14=3,K3065*Input!$J$14,0)+IF(Input!$K$15=3,L3065*Input!$J$15,0)+IF(Input!$K$16=3,M3065*Input!$J$16,0)</f>
        <v>0</v>
      </c>
      <c r="Q3065" s="71">
        <f>IF(Input!$K$13=4,J3065*Input!$J$13,0)+IF(Input!$K$14=4,K3065*Input!$J$14,0)+IF(Input!$K$15=4,L3065*Input!$J$15,0)+IF(Input!$K$16=4,M3065*Input!$J$16,0)</f>
        <v>0</v>
      </c>
    </row>
    <row r="3066" spans="8:17" x14ac:dyDescent="0.25">
      <c r="H3066" s="43">
        <v>3059</v>
      </c>
      <c r="I3066" s="55">
        <f>Bühler!I3092</f>
        <v>2.4338997192413103</v>
      </c>
      <c r="J3066" s="58">
        <f>Bühler!J3092</f>
        <v>49.174187646248818</v>
      </c>
      <c r="K3066" s="58">
        <f>Bühler!K3092</f>
        <v>3.1318779575500506</v>
      </c>
      <c r="L3066" s="58">
        <f>Bühler!L3092</f>
        <v>1.5659389787750253</v>
      </c>
      <c r="M3066" s="57">
        <f>Bühler!M3092</f>
        <v>0</v>
      </c>
      <c r="N3066" s="55">
        <f>IF(Input!$K$13=1,J3066*Input!$J$13,0)+IF(Input!$K$14=1,K3066*Input!$J$14,0)+IF(Input!$K$15=1,L3066*Input!$J$15,0)+IF(Input!$K$16=1,M3066*Input!$J$16,0)</f>
        <v>5.9009025175498575</v>
      </c>
      <c r="O3066" s="58">
        <f>IF(Input!$K$13=2,J3066*Input!$J$13,0)+IF(Input!$K$14=2,K3066*Input!$J$14,0)+IF(Input!$K$15=2,L3066*Input!$J$15,0)+IF(Input!$K$16=2,M3066*Input!$J$16,0)</f>
        <v>0.42280352426925683</v>
      </c>
      <c r="P3066" s="58">
        <f>IF(Input!$K$13=3,J3066*Input!$J$13,0)+IF(Input!$K$14=3,K3066*Input!$J$14,0)+IF(Input!$K$15=3,L3066*Input!$J$15,0)+IF(Input!$K$16=3,M3066*Input!$J$16,0)</f>
        <v>0</v>
      </c>
      <c r="Q3066" s="71">
        <f>IF(Input!$K$13=4,J3066*Input!$J$13,0)+IF(Input!$K$14=4,K3066*Input!$J$14,0)+IF(Input!$K$15=4,L3066*Input!$J$15,0)+IF(Input!$K$16=4,M3066*Input!$J$16,0)</f>
        <v>0</v>
      </c>
    </row>
    <row r="3067" spans="8:17" x14ac:dyDescent="0.25">
      <c r="H3067" s="43">
        <v>3060</v>
      </c>
      <c r="I3067" s="55">
        <f>Bühler!I3093</f>
        <v>2.9206796630895724</v>
      </c>
      <c r="J3067" s="58">
        <f>Bühler!J3093</f>
        <v>59.009025175498579</v>
      </c>
      <c r="K3067" s="58">
        <f>Bühler!K3093</f>
        <v>3.7582535490600595</v>
      </c>
      <c r="L3067" s="58">
        <f>Bühler!L3093</f>
        <v>1.8791267745300297</v>
      </c>
      <c r="M3067" s="57">
        <f>Bühler!M3093</f>
        <v>0</v>
      </c>
      <c r="N3067" s="55">
        <f>IF(Input!$K$13=1,J3067*Input!$J$13,0)+IF(Input!$K$14=1,K3067*Input!$J$14,0)+IF(Input!$K$15=1,L3067*Input!$J$15,0)+IF(Input!$K$16=1,M3067*Input!$J$16,0)</f>
        <v>7.081083021059829</v>
      </c>
      <c r="O3067" s="58">
        <f>IF(Input!$K$13=2,J3067*Input!$J$13,0)+IF(Input!$K$14=2,K3067*Input!$J$14,0)+IF(Input!$K$15=2,L3067*Input!$J$15,0)+IF(Input!$K$16=2,M3067*Input!$J$16,0)</f>
        <v>0.50736422912310797</v>
      </c>
      <c r="P3067" s="58">
        <f>IF(Input!$K$13=3,J3067*Input!$J$13,0)+IF(Input!$K$14=3,K3067*Input!$J$14,0)+IF(Input!$K$15=3,L3067*Input!$J$15,0)+IF(Input!$K$16=3,M3067*Input!$J$16,0)</f>
        <v>0</v>
      </c>
      <c r="Q3067" s="71">
        <f>IF(Input!$K$13=4,J3067*Input!$J$13,0)+IF(Input!$K$14=4,K3067*Input!$J$14,0)+IF(Input!$K$15=4,L3067*Input!$J$15,0)+IF(Input!$K$16=4,M3067*Input!$J$16,0)</f>
        <v>0</v>
      </c>
    </row>
    <row r="3068" spans="8:17" x14ac:dyDescent="0.25">
      <c r="H3068" s="43">
        <v>3061</v>
      </c>
      <c r="I3068" s="55">
        <f>Bühler!I3094</f>
        <v>2.9206796630895724</v>
      </c>
      <c r="J3068" s="58">
        <f>Bühler!J3094</f>
        <v>59.009025175498579</v>
      </c>
      <c r="K3068" s="58">
        <f>Bühler!K3094</f>
        <v>3.7582535490600595</v>
      </c>
      <c r="L3068" s="58">
        <f>Bühler!L3094</f>
        <v>1.8791267745300297</v>
      </c>
      <c r="M3068" s="57">
        <f>Bühler!M3094</f>
        <v>0</v>
      </c>
      <c r="N3068" s="55">
        <f>IF(Input!$K$13=1,J3068*Input!$J$13,0)+IF(Input!$K$14=1,K3068*Input!$J$14,0)+IF(Input!$K$15=1,L3068*Input!$J$15,0)+IF(Input!$K$16=1,M3068*Input!$J$16,0)</f>
        <v>7.081083021059829</v>
      </c>
      <c r="O3068" s="58">
        <f>IF(Input!$K$13=2,J3068*Input!$J$13,0)+IF(Input!$K$14=2,K3068*Input!$J$14,0)+IF(Input!$K$15=2,L3068*Input!$J$15,0)+IF(Input!$K$16=2,M3068*Input!$J$16,0)</f>
        <v>0.50736422912310797</v>
      </c>
      <c r="P3068" s="58">
        <f>IF(Input!$K$13=3,J3068*Input!$J$13,0)+IF(Input!$K$14=3,K3068*Input!$J$14,0)+IF(Input!$K$15=3,L3068*Input!$J$15,0)+IF(Input!$K$16=3,M3068*Input!$J$16,0)</f>
        <v>0</v>
      </c>
      <c r="Q3068" s="71">
        <f>IF(Input!$K$13=4,J3068*Input!$J$13,0)+IF(Input!$K$14=4,K3068*Input!$J$14,0)+IF(Input!$K$15=4,L3068*Input!$J$15,0)+IF(Input!$K$16=4,M3068*Input!$J$16,0)</f>
        <v>0</v>
      </c>
    </row>
    <row r="3069" spans="8:17" x14ac:dyDescent="0.25">
      <c r="H3069" s="43">
        <v>3062</v>
      </c>
      <c r="I3069" s="55">
        <f>Bühler!I3095</f>
        <v>1.9471197753930487</v>
      </c>
      <c r="J3069" s="58">
        <f>Bühler!J3095</f>
        <v>39.339350116999057</v>
      </c>
      <c r="K3069" s="58">
        <f>Bühler!K3095</f>
        <v>2.50550236604004</v>
      </c>
      <c r="L3069" s="58">
        <f>Bühler!L3095</f>
        <v>1.25275118302002</v>
      </c>
      <c r="M3069" s="57">
        <f>Bühler!M3095</f>
        <v>0</v>
      </c>
      <c r="N3069" s="55">
        <f>IF(Input!$K$13=1,J3069*Input!$J$13,0)+IF(Input!$K$14=1,K3069*Input!$J$14,0)+IF(Input!$K$15=1,L3069*Input!$J$15,0)+IF(Input!$K$16=1,M3069*Input!$J$16,0)</f>
        <v>4.7207220140398869</v>
      </c>
      <c r="O3069" s="58">
        <f>IF(Input!$K$13=2,J3069*Input!$J$13,0)+IF(Input!$K$14=2,K3069*Input!$J$14,0)+IF(Input!$K$15=2,L3069*Input!$J$15,0)+IF(Input!$K$16=2,M3069*Input!$J$16,0)</f>
        <v>0.33824281941540535</v>
      </c>
      <c r="P3069" s="58">
        <f>IF(Input!$K$13=3,J3069*Input!$J$13,0)+IF(Input!$K$14=3,K3069*Input!$J$14,0)+IF(Input!$K$15=3,L3069*Input!$J$15,0)+IF(Input!$K$16=3,M3069*Input!$J$16,0)</f>
        <v>0</v>
      </c>
      <c r="Q3069" s="71">
        <f>IF(Input!$K$13=4,J3069*Input!$J$13,0)+IF(Input!$K$14=4,K3069*Input!$J$14,0)+IF(Input!$K$15=4,L3069*Input!$J$15,0)+IF(Input!$K$16=4,M3069*Input!$J$16,0)</f>
        <v>0</v>
      </c>
    </row>
    <row r="3070" spans="8:17" x14ac:dyDescent="0.25">
      <c r="H3070" s="43">
        <v>3063</v>
      </c>
      <c r="I3070" s="55">
        <f>Bühler!I3096</f>
        <v>2.9206796630895724</v>
      </c>
      <c r="J3070" s="58">
        <f>Bühler!J3096</f>
        <v>59.009025175498579</v>
      </c>
      <c r="K3070" s="58">
        <f>Bühler!K3096</f>
        <v>3.7582535490600595</v>
      </c>
      <c r="L3070" s="58">
        <f>Bühler!L3096</f>
        <v>1.8791267745300297</v>
      </c>
      <c r="M3070" s="57">
        <f>Bühler!M3096</f>
        <v>0</v>
      </c>
      <c r="N3070" s="55">
        <f>IF(Input!$K$13=1,J3070*Input!$J$13,0)+IF(Input!$K$14=1,K3070*Input!$J$14,0)+IF(Input!$K$15=1,L3070*Input!$J$15,0)+IF(Input!$K$16=1,M3070*Input!$J$16,0)</f>
        <v>7.081083021059829</v>
      </c>
      <c r="O3070" s="58">
        <f>IF(Input!$K$13=2,J3070*Input!$J$13,0)+IF(Input!$K$14=2,K3070*Input!$J$14,0)+IF(Input!$K$15=2,L3070*Input!$J$15,0)+IF(Input!$K$16=2,M3070*Input!$J$16,0)</f>
        <v>0.50736422912310797</v>
      </c>
      <c r="P3070" s="58">
        <f>IF(Input!$K$13=3,J3070*Input!$J$13,0)+IF(Input!$K$14=3,K3070*Input!$J$14,0)+IF(Input!$K$15=3,L3070*Input!$J$15,0)+IF(Input!$K$16=3,M3070*Input!$J$16,0)</f>
        <v>0</v>
      </c>
      <c r="Q3070" s="71">
        <f>IF(Input!$K$13=4,J3070*Input!$J$13,0)+IF(Input!$K$14=4,K3070*Input!$J$14,0)+IF(Input!$K$15=4,L3070*Input!$J$15,0)+IF(Input!$K$16=4,M3070*Input!$J$16,0)</f>
        <v>0</v>
      </c>
    </row>
    <row r="3071" spans="8:17" x14ac:dyDescent="0.25">
      <c r="H3071" s="43">
        <v>3064</v>
      </c>
      <c r="I3071" s="55">
        <f>Bühler!I3097</f>
        <v>2.9206796630895724</v>
      </c>
      <c r="J3071" s="58">
        <f>Bühler!J3097</f>
        <v>59.009025175498579</v>
      </c>
      <c r="K3071" s="58">
        <f>Bühler!K3097</f>
        <v>3.7582535490600595</v>
      </c>
      <c r="L3071" s="58">
        <f>Bühler!L3097</f>
        <v>1.8791267745300297</v>
      </c>
      <c r="M3071" s="57">
        <f>Bühler!M3097</f>
        <v>0</v>
      </c>
      <c r="N3071" s="55">
        <f>IF(Input!$K$13=1,J3071*Input!$J$13,0)+IF(Input!$K$14=1,K3071*Input!$J$14,0)+IF(Input!$K$15=1,L3071*Input!$J$15,0)+IF(Input!$K$16=1,M3071*Input!$J$16,0)</f>
        <v>7.081083021059829</v>
      </c>
      <c r="O3071" s="58">
        <f>IF(Input!$K$13=2,J3071*Input!$J$13,0)+IF(Input!$K$14=2,K3071*Input!$J$14,0)+IF(Input!$K$15=2,L3071*Input!$J$15,0)+IF(Input!$K$16=2,M3071*Input!$J$16,0)</f>
        <v>0.50736422912310797</v>
      </c>
      <c r="P3071" s="58">
        <f>IF(Input!$K$13=3,J3071*Input!$J$13,0)+IF(Input!$K$14=3,K3071*Input!$J$14,0)+IF(Input!$K$15=3,L3071*Input!$J$15,0)+IF(Input!$K$16=3,M3071*Input!$J$16,0)</f>
        <v>0</v>
      </c>
      <c r="Q3071" s="71">
        <f>IF(Input!$K$13=4,J3071*Input!$J$13,0)+IF(Input!$K$14=4,K3071*Input!$J$14,0)+IF(Input!$K$15=4,L3071*Input!$J$15,0)+IF(Input!$K$16=4,M3071*Input!$J$16,0)</f>
        <v>0</v>
      </c>
    </row>
    <row r="3072" spans="8:17" x14ac:dyDescent="0.25">
      <c r="H3072" s="43">
        <v>3065</v>
      </c>
      <c r="I3072" s="55">
        <f>Bühler!I3098</f>
        <v>2.4338997192413103</v>
      </c>
      <c r="J3072" s="58">
        <f>Bühler!J3098</f>
        <v>35.212948761127599</v>
      </c>
      <c r="K3072" s="58">
        <f>Bühler!K3098</f>
        <v>2.1923145702850348</v>
      </c>
      <c r="L3072" s="58">
        <f>Bühler!L3098</f>
        <v>1.0961572851425174</v>
      </c>
      <c r="M3072" s="57">
        <f>Bühler!M3098</f>
        <v>0</v>
      </c>
      <c r="N3072" s="55">
        <f>IF(Input!$K$13=1,J3072*Input!$J$13,0)+IF(Input!$K$14=1,K3072*Input!$J$14,0)+IF(Input!$K$15=1,L3072*Input!$J$15,0)+IF(Input!$K$16=1,M3072*Input!$J$16,0)</f>
        <v>4.2255538513353121</v>
      </c>
      <c r="O3072" s="58">
        <f>IF(Input!$K$13=2,J3072*Input!$J$13,0)+IF(Input!$K$14=2,K3072*Input!$J$14,0)+IF(Input!$K$15=2,L3072*Input!$J$15,0)+IF(Input!$K$16=2,M3072*Input!$J$16,0)</f>
        <v>0.29596246698847972</v>
      </c>
      <c r="P3072" s="58">
        <f>IF(Input!$K$13=3,J3072*Input!$J$13,0)+IF(Input!$K$14=3,K3072*Input!$J$14,0)+IF(Input!$K$15=3,L3072*Input!$J$15,0)+IF(Input!$K$16=3,M3072*Input!$J$16,0)</f>
        <v>0</v>
      </c>
      <c r="Q3072" s="71">
        <f>IF(Input!$K$13=4,J3072*Input!$J$13,0)+IF(Input!$K$14=4,K3072*Input!$J$14,0)+IF(Input!$K$15=4,L3072*Input!$J$15,0)+IF(Input!$K$16=4,M3072*Input!$J$16,0)</f>
        <v>0</v>
      </c>
    </row>
    <row r="3073" spans="8:17" x14ac:dyDescent="0.25">
      <c r="H3073" s="43">
        <v>3066</v>
      </c>
      <c r="I3073" s="55">
        <f>Bühler!I3099</f>
        <v>1.95831011892979</v>
      </c>
      <c r="J3073" s="58">
        <f>Bühler!J3099</f>
        <v>11.42899521892142</v>
      </c>
      <c r="K3073" s="58">
        <f>Bühler!K3099</f>
        <v>0.62637559151000999</v>
      </c>
      <c r="L3073" s="58">
        <f>Bühler!L3099</f>
        <v>0.31318779575500499</v>
      </c>
      <c r="M3073" s="57">
        <f>Bühler!M3099</f>
        <v>0</v>
      </c>
      <c r="N3073" s="55">
        <f>IF(Input!$K$13=1,J3073*Input!$J$13,0)+IF(Input!$K$14=1,K3073*Input!$J$14,0)+IF(Input!$K$15=1,L3073*Input!$J$15,0)+IF(Input!$K$16=1,M3073*Input!$J$16,0)</f>
        <v>1.3714794262705703</v>
      </c>
      <c r="O3073" s="58">
        <f>IF(Input!$K$13=2,J3073*Input!$J$13,0)+IF(Input!$K$14=2,K3073*Input!$J$14,0)+IF(Input!$K$15=2,L3073*Input!$J$15,0)+IF(Input!$K$16=2,M3073*Input!$J$16,0)</f>
        <v>8.4560704853851337E-2</v>
      </c>
      <c r="P3073" s="58">
        <f>IF(Input!$K$13=3,J3073*Input!$J$13,0)+IF(Input!$K$14=3,K3073*Input!$J$14,0)+IF(Input!$K$15=3,L3073*Input!$J$15,0)+IF(Input!$K$16=3,M3073*Input!$J$16,0)</f>
        <v>0</v>
      </c>
      <c r="Q3073" s="71">
        <f>IF(Input!$K$13=4,J3073*Input!$J$13,0)+IF(Input!$K$14=4,K3073*Input!$J$14,0)+IF(Input!$K$15=4,L3073*Input!$J$15,0)+IF(Input!$K$16=4,M3073*Input!$J$16,0)</f>
        <v>0</v>
      </c>
    </row>
    <row r="3074" spans="8:17" x14ac:dyDescent="0.25">
      <c r="H3074" s="43">
        <v>3067</v>
      </c>
      <c r="I3074" s="55">
        <f>Bühler!I3100</f>
        <v>0.69939647104635361</v>
      </c>
      <c r="J3074" s="58">
        <f>Bühler!J3100</f>
        <v>9.934080655450316</v>
      </c>
      <c r="K3074" s="58">
        <f>Bühler!K3100</f>
        <v>0.61755340008029169</v>
      </c>
      <c r="L3074" s="58">
        <f>Bühler!L3100</f>
        <v>0.30877670004014585</v>
      </c>
      <c r="M3074" s="57">
        <f>Bühler!M3100</f>
        <v>0</v>
      </c>
      <c r="N3074" s="55">
        <f>IF(Input!$K$13=1,J3074*Input!$J$13,0)+IF(Input!$K$14=1,K3074*Input!$J$14,0)+IF(Input!$K$15=1,L3074*Input!$J$15,0)+IF(Input!$K$16=1,M3074*Input!$J$16,0)</f>
        <v>1.1920896786540378</v>
      </c>
      <c r="O3074" s="58">
        <f>IF(Input!$K$13=2,J3074*Input!$J$13,0)+IF(Input!$K$14=2,K3074*Input!$J$14,0)+IF(Input!$K$15=2,L3074*Input!$J$15,0)+IF(Input!$K$16=2,M3074*Input!$J$16,0)</f>
        <v>8.3369709010839371E-2</v>
      </c>
      <c r="P3074" s="58">
        <f>IF(Input!$K$13=3,J3074*Input!$J$13,0)+IF(Input!$K$14=3,K3074*Input!$J$14,0)+IF(Input!$K$15=3,L3074*Input!$J$15,0)+IF(Input!$K$16=3,M3074*Input!$J$16,0)</f>
        <v>0</v>
      </c>
      <c r="Q3074" s="71">
        <f>IF(Input!$K$13=4,J3074*Input!$J$13,0)+IF(Input!$K$14=4,K3074*Input!$J$14,0)+IF(Input!$K$15=4,L3074*Input!$J$15,0)+IF(Input!$K$16=4,M3074*Input!$J$16,0)</f>
        <v>0</v>
      </c>
    </row>
    <row r="3075" spans="8:17" x14ac:dyDescent="0.25">
      <c r="H3075" s="43">
        <v>3068</v>
      </c>
      <c r="I3075" s="55">
        <f>Bühler!I3101</f>
        <v>0.69939647104635361</v>
      </c>
      <c r="J3075" s="58">
        <f>Bühler!J3101</f>
        <v>9.934080655450316</v>
      </c>
      <c r="K3075" s="58">
        <f>Bühler!K3101</f>
        <v>0.61755340008029169</v>
      </c>
      <c r="L3075" s="58">
        <f>Bühler!L3101</f>
        <v>0.30877670004014585</v>
      </c>
      <c r="M3075" s="57">
        <f>Bühler!M3101</f>
        <v>0</v>
      </c>
      <c r="N3075" s="55">
        <f>IF(Input!$K$13=1,J3075*Input!$J$13,0)+IF(Input!$K$14=1,K3075*Input!$J$14,0)+IF(Input!$K$15=1,L3075*Input!$J$15,0)+IF(Input!$K$16=1,M3075*Input!$J$16,0)</f>
        <v>1.1920896786540378</v>
      </c>
      <c r="O3075" s="58">
        <f>IF(Input!$K$13=2,J3075*Input!$J$13,0)+IF(Input!$K$14=2,K3075*Input!$J$14,0)+IF(Input!$K$15=2,L3075*Input!$J$15,0)+IF(Input!$K$16=2,M3075*Input!$J$16,0)</f>
        <v>8.3369709010839371E-2</v>
      </c>
      <c r="P3075" s="58">
        <f>IF(Input!$K$13=3,J3075*Input!$J$13,0)+IF(Input!$K$14=3,K3075*Input!$J$14,0)+IF(Input!$K$15=3,L3075*Input!$J$15,0)+IF(Input!$K$16=3,M3075*Input!$J$16,0)</f>
        <v>0</v>
      </c>
      <c r="Q3075" s="71">
        <f>IF(Input!$K$13=4,J3075*Input!$J$13,0)+IF(Input!$K$14=4,K3075*Input!$J$14,0)+IF(Input!$K$15=4,L3075*Input!$J$15,0)+IF(Input!$K$16=4,M3075*Input!$J$16,0)</f>
        <v>0</v>
      </c>
    </row>
    <row r="3076" spans="8:17" x14ac:dyDescent="0.25">
      <c r="H3076" s="43">
        <v>3069</v>
      </c>
      <c r="I3076" s="55">
        <f>Bühler!I3102</f>
        <v>0.69939647104635361</v>
      </c>
      <c r="J3076" s="58">
        <f>Bühler!J3102</f>
        <v>9.934080655450316</v>
      </c>
      <c r="K3076" s="58">
        <f>Bühler!K3102</f>
        <v>0.61755340008029169</v>
      </c>
      <c r="L3076" s="58">
        <f>Bühler!L3102</f>
        <v>0.30877670004014585</v>
      </c>
      <c r="M3076" s="57">
        <f>Bühler!M3102</f>
        <v>0</v>
      </c>
      <c r="N3076" s="55">
        <f>IF(Input!$K$13=1,J3076*Input!$J$13,0)+IF(Input!$K$14=1,K3076*Input!$J$14,0)+IF(Input!$K$15=1,L3076*Input!$J$15,0)+IF(Input!$K$16=1,M3076*Input!$J$16,0)</f>
        <v>1.1920896786540378</v>
      </c>
      <c r="O3076" s="58">
        <f>IF(Input!$K$13=2,J3076*Input!$J$13,0)+IF(Input!$K$14=2,K3076*Input!$J$14,0)+IF(Input!$K$15=2,L3076*Input!$J$15,0)+IF(Input!$K$16=2,M3076*Input!$J$16,0)</f>
        <v>8.3369709010839371E-2</v>
      </c>
      <c r="P3076" s="58">
        <f>IF(Input!$K$13=3,J3076*Input!$J$13,0)+IF(Input!$K$14=3,K3076*Input!$J$14,0)+IF(Input!$K$15=3,L3076*Input!$J$15,0)+IF(Input!$K$16=3,M3076*Input!$J$16,0)</f>
        <v>0</v>
      </c>
      <c r="Q3076" s="71">
        <f>IF(Input!$K$13=4,J3076*Input!$J$13,0)+IF(Input!$K$14=4,K3076*Input!$J$14,0)+IF(Input!$K$15=4,L3076*Input!$J$15,0)+IF(Input!$K$16=4,M3076*Input!$J$16,0)</f>
        <v>0</v>
      </c>
    </row>
    <row r="3077" spans="8:17" x14ac:dyDescent="0.25">
      <c r="H3077" s="43">
        <v>3070</v>
      </c>
      <c r="I3077" s="55">
        <f>Bühler!I3103</f>
        <v>0.69939647104635361</v>
      </c>
      <c r="J3077" s="58">
        <f>Bühler!J3103</f>
        <v>9.934080655450316</v>
      </c>
      <c r="K3077" s="58">
        <f>Bühler!K3103</f>
        <v>0.61755340008029169</v>
      </c>
      <c r="L3077" s="58">
        <f>Bühler!L3103</f>
        <v>0.30877670004014585</v>
      </c>
      <c r="M3077" s="57">
        <f>Bühler!M3103</f>
        <v>0</v>
      </c>
      <c r="N3077" s="55">
        <f>IF(Input!$K$13=1,J3077*Input!$J$13,0)+IF(Input!$K$14=1,K3077*Input!$J$14,0)+IF(Input!$K$15=1,L3077*Input!$J$15,0)+IF(Input!$K$16=1,M3077*Input!$J$16,0)</f>
        <v>1.1920896786540378</v>
      </c>
      <c r="O3077" s="58">
        <f>IF(Input!$K$13=2,J3077*Input!$J$13,0)+IF(Input!$K$14=2,K3077*Input!$J$14,0)+IF(Input!$K$15=2,L3077*Input!$J$15,0)+IF(Input!$K$16=2,M3077*Input!$J$16,0)</f>
        <v>8.3369709010839371E-2</v>
      </c>
      <c r="P3077" s="58">
        <f>IF(Input!$K$13=3,J3077*Input!$J$13,0)+IF(Input!$K$14=3,K3077*Input!$J$14,0)+IF(Input!$K$15=3,L3077*Input!$J$15,0)+IF(Input!$K$16=3,M3077*Input!$J$16,0)</f>
        <v>0</v>
      </c>
      <c r="Q3077" s="71">
        <f>IF(Input!$K$13=4,J3077*Input!$J$13,0)+IF(Input!$K$14=4,K3077*Input!$J$14,0)+IF(Input!$K$15=4,L3077*Input!$J$15,0)+IF(Input!$K$16=4,M3077*Input!$J$16,0)</f>
        <v>0</v>
      </c>
    </row>
    <row r="3078" spans="8:17" x14ac:dyDescent="0.25">
      <c r="H3078" s="43">
        <v>3071</v>
      </c>
      <c r="I3078" s="55">
        <f>Bühler!I3104</f>
        <v>0.69939647104635361</v>
      </c>
      <c r="J3078" s="58">
        <f>Bühler!J3104</f>
        <v>9.934080655450316</v>
      </c>
      <c r="K3078" s="58">
        <f>Bühler!K3104</f>
        <v>0.61755340008029169</v>
      </c>
      <c r="L3078" s="58">
        <f>Bühler!L3104</f>
        <v>0.30877670004014585</v>
      </c>
      <c r="M3078" s="57">
        <f>Bühler!M3104</f>
        <v>0</v>
      </c>
      <c r="N3078" s="55">
        <f>IF(Input!$K$13=1,J3078*Input!$J$13,0)+IF(Input!$K$14=1,K3078*Input!$J$14,0)+IF(Input!$K$15=1,L3078*Input!$J$15,0)+IF(Input!$K$16=1,M3078*Input!$J$16,0)</f>
        <v>1.1920896786540378</v>
      </c>
      <c r="O3078" s="58">
        <f>IF(Input!$K$13=2,J3078*Input!$J$13,0)+IF(Input!$K$14=2,K3078*Input!$J$14,0)+IF(Input!$K$15=2,L3078*Input!$J$15,0)+IF(Input!$K$16=2,M3078*Input!$J$16,0)</f>
        <v>8.3369709010839371E-2</v>
      </c>
      <c r="P3078" s="58">
        <f>IF(Input!$K$13=3,J3078*Input!$J$13,0)+IF(Input!$K$14=3,K3078*Input!$J$14,0)+IF(Input!$K$15=3,L3078*Input!$J$15,0)+IF(Input!$K$16=3,M3078*Input!$J$16,0)</f>
        <v>0</v>
      </c>
      <c r="Q3078" s="71">
        <f>IF(Input!$K$13=4,J3078*Input!$J$13,0)+IF(Input!$K$14=4,K3078*Input!$J$14,0)+IF(Input!$K$15=4,L3078*Input!$J$15,0)+IF(Input!$K$16=4,M3078*Input!$J$16,0)</f>
        <v>0</v>
      </c>
    </row>
    <row r="3079" spans="8:17" x14ac:dyDescent="0.25">
      <c r="H3079" s="43">
        <v>3072</v>
      </c>
      <c r="I3079" s="55">
        <f>Bühler!I3105</f>
        <v>0.69939647104635361</v>
      </c>
      <c r="J3079" s="58">
        <f>Bühler!J3105</f>
        <v>9.934080655450316</v>
      </c>
      <c r="K3079" s="58">
        <f>Bühler!K3105</f>
        <v>0.61755340008029169</v>
      </c>
      <c r="L3079" s="58">
        <f>Bühler!L3105</f>
        <v>0.30877670004014585</v>
      </c>
      <c r="M3079" s="57">
        <f>Bühler!M3105</f>
        <v>0</v>
      </c>
      <c r="N3079" s="55">
        <f>IF(Input!$K$13=1,J3079*Input!$J$13,0)+IF(Input!$K$14=1,K3079*Input!$J$14,0)+IF(Input!$K$15=1,L3079*Input!$J$15,0)+IF(Input!$K$16=1,M3079*Input!$J$16,0)</f>
        <v>1.1920896786540378</v>
      </c>
      <c r="O3079" s="58">
        <f>IF(Input!$K$13=2,J3079*Input!$J$13,0)+IF(Input!$K$14=2,K3079*Input!$J$14,0)+IF(Input!$K$15=2,L3079*Input!$J$15,0)+IF(Input!$K$16=2,M3079*Input!$J$16,0)</f>
        <v>8.3369709010839371E-2</v>
      </c>
      <c r="P3079" s="58">
        <f>IF(Input!$K$13=3,J3079*Input!$J$13,0)+IF(Input!$K$14=3,K3079*Input!$J$14,0)+IF(Input!$K$15=3,L3079*Input!$J$15,0)+IF(Input!$K$16=3,M3079*Input!$J$16,0)</f>
        <v>0</v>
      </c>
      <c r="Q3079" s="71">
        <f>IF(Input!$K$13=4,J3079*Input!$J$13,0)+IF(Input!$K$14=4,K3079*Input!$J$14,0)+IF(Input!$K$15=4,L3079*Input!$J$15,0)+IF(Input!$K$16=4,M3079*Input!$J$16,0)</f>
        <v>0</v>
      </c>
    </row>
    <row r="3080" spans="8:17" x14ac:dyDescent="0.25">
      <c r="H3080" s="43">
        <v>3073</v>
      </c>
      <c r="I3080" s="55">
        <f>Bühler!I3106</f>
        <v>0.52222644741175583</v>
      </c>
      <c r="J3080" s="58">
        <f>Bühler!J3106</f>
        <v>6.1156058832196667</v>
      </c>
      <c r="K3080" s="58">
        <f>Bühler!K3106</f>
        <v>0.3898967261683246</v>
      </c>
      <c r="L3080" s="58">
        <f>Bühler!L3106</f>
        <v>0.1949483630841623</v>
      </c>
      <c r="M3080" s="57">
        <f>Bühler!M3106</f>
        <v>0</v>
      </c>
      <c r="N3080" s="55">
        <f>IF(Input!$K$13=1,J3080*Input!$J$13,0)+IF(Input!$K$14=1,K3080*Input!$J$14,0)+IF(Input!$K$15=1,L3080*Input!$J$15,0)+IF(Input!$K$16=1,M3080*Input!$J$16,0)</f>
        <v>0.73387270598636001</v>
      </c>
      <c r="O3080" s="58">
        <f>IF(Input!$K$13=2,J3080*Input!$J$13,0)+IF(Input!$K$14=2,K3080*Input!$J$14,0)+IF(Input!$K$15=2,L3080*Input!$J$15,0)+IF(Input!$K$16=2,M3080*Input!$J$16,0)</f>
        <v>5.2636058032723823E-2</v>
      </c>
      <c r="P3080" s="58">
        <f>IF(Input!$K$13=3,J3080*Input!$J$13,0)+IF(Input!$K$14=3,K3080*Input!$J$14,0)+IF(Input!$K$15=3,L3080*Input!$J$15,0)+IF(Input!$K$16=3,M3080*Input!$J$16,0)</f>
        <v>0</v>
      </c>
      <c r="Q3080" s="71">
        <f>IF(Input!$K$13=4,J3080*Input!$J$13,0)+IF(Input!$K$14=4,K3080*Input!$J$14,0)+IF(Input!$K$15=4,L3080*Input!$J$15,0)+IF(Input!$K$16=4,M3080*Input!$J$16,0)</f>
        <v>0</v>
      </c>
    </row>
    <row r="3081" spans="8:17" x14ac:dyDescent="0.25">
      <c r="H3081" s="43">
        <v>3074</v>
      </c>
      <c r="I3081" s="55">
        <f>Bühler!I3107</f>
        <v>0.52222644741175583</v>
      </c>
      <c r="J3081" s="58">
        <f>Bühler!J3107</f>
        <v>9.0226757030812355</v>
      </c>
      <c r="K3081" s="58">
        <f>Bühler!K3107</f>
        <v>0.59412834463744701</v>
      </c>
      <c r="L3081" s="58">
        <f>Bühler!L3107</f>
        <v>0.29706417231872351</v>
      </c>
      <c r="M3081" s="57">
        <f>Bühler!M3107</f>
        <v>0</v>
      </c>
      <c r="N3081" s="55">
        <f>IF(Input!$K$13=1,J3081*Input!$J$13,0)+IF(Input!$K$14=1,K3081*Input!$J$14,0)+IF(Input!$K$15=1,L3081*Input!$J$15,0)+IF(Input!$K$16=1,M3081*Input!$J$16,0)</f>
        <v>1.0827210843697481</v>
      </c>
      <c r="O3081" s="58">
        <f>IF(Input!$K$13=2,J3081*Input!$J$13,0)+IF(Input!$K$14=2,K3081*Input!$J$14,0)+IF(Input!$K$15=2,L3081*Input!$J$15,0)+IF(Input!$K$16=2,M3081*Input!$J$16,0)</f>
        <v>8.0207326526055334E-2</v>
      </c>
      <c r="P3081" s="58">
        <f>IF(Input!$K$13=3,J3081*Input!$J$13,0)+IF(Input!$K$14=3,K3081*Input!$J$14,0)+IF(Input!$K$15=3,L3081*Input!$J$15,0)+IF(Input!$K$16=3,M3081*Input!$J$16,0)</f>
        <v>0</v>
      </c>
      <c r="Q3081" s="71">
        <f>IF(Input!$K$13=4,J3081*Input!$J$13,0)+IF(Input!$K$14=4,K3081*Input!$J$14,0)+IF(Input!$K$15=4,L3081*Input!$J$15,0)+IF(Input!$K$16=4,M3081*Input!$J$16,0)</f>
        <v>0</v>
      </c>
    </row>
    <row r="3082" spans="8:17" x14ac:dyDescent="0.25">
      <c r="H3082" s="43">
        <v>3075</v>
      </c>
      <c r="I3082" s="55">
        <f>Bühler!I3108</f>
        <v>0.52222644741175583</v>
      </c>
      <c r="J3082" s="58">
        <f>Bühler!J3108</f>
        <v>9.0226757030812355</v>
      </c>
      <c r="K3082" s="58">
        <f>Bühler!K3108</f>
        <v>0.59412834463744701</v>
      </c>
      <c r="L3082" s="58">
        <f>Bühler!L3108</f>
        <v>0.29706417231872351</v>
      </c>
      <c r="M3082" s="57">
        <f>Bühler!M3108</f>
        <v>0</v>
      </c>
      <c r="N3082" s="55">
        <f>IF(Input!$K$13=1,J3082*Input!$J$13,0)+IF(Input!$K$14=1,K3082*Input!$J$14,0)+IF(Input!$K$15=1,L3082*Input!$J$15,0)+IF(Input!$K$16=1,M3082*Input!$J$16,0)</f>
        <v>1.0827210843697481</v>
      </c>
      <c r="O3082" s="58">
        <f>IF(Input!$K$13=2,J3082*Input!$J$13,0)+IF(Input!$K$14=2,K3082*Input!$J$14,0)+IF(Input!$K$15=2,L3082*Input!$J$15,0)+IF(Input!$K$16=2,M3082*Input!$J$16,0)</f>
        <v>8.0207326526055334E-2</v>
      </c>
      <c r="P3082" s="58">
        <f>IF(Input!$K$13=3,J3082*Input!$J$13,0)+IF(Input!$K$14=3,K3082*Input!$J$14,0)+IF(Input!$K$15=3,L3082*Input!$J$15,0)+IF(Input!$K$16=3,M3082*Input!$J$16,0)</f>
        <v>0</v>
      </c>
      <c r="Q3082" s="71">
        <f>IF(Input!$K$13=4,J3082*Input!$J$13,0)+IF(Input!$K$14=4,K3082*Input!$J$14,0)+IF(Input!$K$15=4,L3082*Input!$J$15,0)+IF(Input!$K$16=4,M3082*Input!$J$16,0)</f>
        <v>0</v>
      </c>
    </row>
    <row r="3083" spans="8:17" x14ac:dyDescent="0.25">
      <c r="H3083" s="43">
        <v>3076</v>
      </c>
      <c r="I3083" s="55">
        <f>Bühler!I3109</f>
        <v>0.52222644741175583</v>
      </c>
      <c r="J3083" s="58">
        <f>Bühler!J3109</f>
        <v>9.0226757030812355</v>
      </c>
      <c r="K3083" s="58">
        <f>Bühler!K3109</f>
        <v>0.59412834463744701</v>
      </c>
      <c r="L3083" s="58">
        <f>Bühler!L3109</f>
        <v>0.29706417231872351</v>
      </c>
      <c r="M3083" s="57">
        <f>Bühler!M3109</f>
        <v>0</v>
      </c>
      <c r="N3083" s="55">
        <f>IF(Input!$K$13=1,J3083*Input!$J$13,0)+IF(Input!$K$14=1,K3083*Input!$J$14,0)+IF(Input!$K$15=1,L3083*Input!$J$15,0)+IF(Input!$K$16=1,M3083*Input!$J$16,0)</f>
        <v>1.0827210843697481</v>
      </c>
      <c r="O3083" s="58">
        <f>IF(Input!$K$13=2,J3083*Input!$J$13,0)+IF(Input!$K$14=2,K3083*Input!$J$14,0)+IF(Input!$K$15=2,L3083*Input!$J$15,0)+IF(Input!$K$16=2,M3083*Input!$J$16,0)</f>
        <v>8.0207326526055334E-2</v>
      </c>
      <c r="P3083" s="58">
        <f>IF(Input!$K$13=3,J3083*Input!$J$13,0)+IF(Input!$K$14=3,K3083*Input!$J$14,0)+IF(Input!$K$15=3,L3083*Input!$J$15,0)+IF(Input!$K$16=3,M3083*Input!$J$16,0)</f>
        <v>0</v>
      </c>
      <c r="Q3083" s="71">
        <f>IF(Input!$K$13=4,J3083*Input!$J$13,0)+IF(Input!$K$14=4,K3083*Input!$J$14,0)+IF(Input!$K$15=4,L3083*Input!$J$15,0)+IF(Input!$K$16=4,M3083*Input!$J$16,0)</f>
        <v>0</v>
      </c>
    </row>
    <row r="3084" spans="8:17" x14ac:dyDescent="0.25">
      <c r="H3084" s="43">
        <v>3077</v>
      </c>
      <c r="I3084" s="55">
        <f>Bühler!I3110</f>
        <v>0.52222644741175583</v>
      </c>
      <c r="J3084" s="58">
        <f>Bühler!J3110</f>
        <v>9.0226757030812355</v>
      </c>
      <c r="K3084" s="58">
        <f>Bühler!K3110</f>
        <v>0.59412834463744701</v>
      </c>
      <c r="L3084" s="58">
        <f>Bühler!L3110</f>
        <v>0.29706417231872351</v>
      </c>
      <c r="M3084" s="57">
        <f>Bühler!M3110</f>
        <v>0</v>
      </c>
      <c r="N3084" s="55">
        <f>IF(Input!$K$13=1,J3084*Input!$J$13,0)+IF(Input!$K$14=1,K3084*Input!$J$14,0)+IF(Input!$K$15=1,L3084*Input!$J$15,0)+IF(Input!$K$16=1,M3084*Input!$J$16,0)</f>
        <v>1.0827210843697481</v>
      </c>
      <c r="O3084" s="58">
        <f>IF(Input!$K$13=2,J3084*Input!$J$13,0)+IF(Input!$K$14=2,K3084*Input!$J$14,0)+IF(Input!$K$15=2,L3084*Input!$J$15,0)+IF(Input!$K$16=2,M3084*Input!$J$16,0)</f>
        <v>8.0207326526055334E-2</v>
      </c>
      <c r="P3084" s="58">
        <f>IF(Input!$K$13=3,J3084*Input!$J$13,0)+IF(Input!$K$14=3,K3084*Input!$J$14,0)+IF(Input!$K$15=3,L3084*Input!$J$15,0)+IF(Input!$K$16=3,M3084*Input!$J$16,0)</f>
        <v>0</v>
      </c>
      <c r="Q3084" s="71">
        <f>IF(Input!$K$13=4,J3084*Input!$J$13,0)+IF(Input!$K$14=4,K3084*Input!$J$14,0)+IF(Input!$K$15=4,L3084*Input!$J$15,0)+IF(Input!$K$16=4,M3084*Input!$J$16,0)</f>
        <v>0</v>
      </c>
    </row>
    <row r="3085" spans="8:17" x14ac:dyDescent="0.25">
      <c r="H3085" s="43">
        <v>3078</v>
      </c>
      <c r="I3085" s="55">
        <f>Bühler!I3111</f>
        <v>0.52222644741175583</v>
      </c>
      <c r="J3085" s="58">
        <f>Bühler!J3111</f>
        <v>9.0226757030812355</v>
      </c>
      <c r="K3085" s="58">
        <f>Bühler!K3111</f>
        <v>0.59412834463744701</v>
      </c>
      <c r="L3085" s="58">
        <f>Bühler!L3111</f>
        <v>0.29706417231872351</v>
      </c>
      <c r="M3085" s="57">
        <f>Bühler!M3111</f>
        <v>0</v>
      </c>
      <c r="N3085" s="55">
        <f>IF(Input!$K$13=1,J3085*Input!$J$13,0)+IF(Input!$K$14=1,K3085*Input!$J$14,0)+IF(Input!$K$15=1,L3085*Input!$J$15,0)+IF(Input!$K$16=1,M3085*Input!$J$16,0)</f>
        <v>1.0827210843697481</v>
      </c>
      <c r="O3085" s="58">
        <f>IF(Input!$K$13=2,J3085*Input!$J$13,0)+IF(Input!$K$14=2,K3085*Input!$J$14,0)+IF(Input!$K$15=2,L3085*Input!$J$15,0)+IF(Input!$K$16=2,M3085*Input!$J$16,0)</f>
        <v>8.0207326526055334E-2</v>
      </c>
      <c r="P3085" s="58">
        <f>IF(Input!$K$13=3,J3085*Input!$J$13,0)+IF(Input!$K$14=3,K3085*Input!$J$14,0)+IF(Input!$K$15=3,L3085*Input!$J$15,0)+IF(Input!$K$16=3,M3085*Input!$J$16,0)</f>
        <v>0</v>
      </c>
      <c r="Q3085" s="71">
        <f>IF(Input!$K$13=4,J3085*Input!$J$13,0)+IF(Input!$K$14=4,K3085*Input!$J$14,0)+IF(Input!$K$15=4,L3085*Input!$J$15,0)+IF(Input!$K$16=4,M3085*Input!$J$16,0)</f>
        <v>0</v>
      </c>
    </row>
    <row r="3086" spans="8:17" x14ac:dyDescent="0.25">
      <c r="H3086" s="43">
        <v>3079</v>
      </c>
      <c r="I3086" s="55">
        <f>Bühler!I3112</f>
        <v>0.52222644741175583</v>
      </c>
      <c r="J3086" s="58">
        <f>Bühler!J3112</f>
        <v>9.0226757030812355</v>
      </c>
      <c r="K3086" s="58">
        <f>Bühler!K3112</f>
        <v>0.59412834463744701</v>
      </c>
      <c r="L3086" s="58">
        <f>Bühler!L3112</f>
        <v>0.29706417231872351</v>
      </c>
      <c r="M3086" s="57">
        <f>Bühler!M3112</f>
        <v>0</v>
      </c>
      <c r="N3086" s="55">
        <f>IF(Input!$K$13=1,J3086*Input!$J$13,0)+IF(Input!$K$14=1,K3086*Input!$J$14,0)+IF(Input!$K$15=1,L3086*Input!$J$15,0)+IF(Input!$K$16=1,M3086*Input!$J$16,0)</f>
        <v>1.0827210843697481</v>
      </c>
      <c r="O3086" s="58">
        <f>IF(Input!$K$13=2,J3086*Input!$J$13,0)+IF(Input!$K$14=2,K3086*Input!$J$14,0)+IF(Input!$K$15=2,L3086*Input!$J$15,0)+IF(Input!$K$16=2,M3086*Input!$J$16,0)</f>
        <v>8.0207326526055334E-2</v>
      </c>
      <c r="P3086" s="58">
        <f>IF(Input!$K$13=3,J3086*Input!$J$13,0)+IF(Input!$K$14=3,K3086*Input!$J$14,0)+IF(Input!$K$15=3,L3086*Input!$J$15,0)+IF(Input!$K$16=3,M3086*Input!$J$16,0)</f>
        <v>0</v>
      </c>
      <c r="Q3086" s="71">
        <f>IF(Input!$K$13=4,J3086*Input!$J$13,0)+IF(Input!$K$14=4,K3086*Input!$J$14,0)+IF(Input!$K$15=4,L3086*Input!$J$15,0)+IF(Input!$K$16=4,M3086*Input!$J$16,0)</f>
        <v>0</v>
      </c>
    </row>
    <row r="3087" spans="8:17" x14ac:dyDescent="0.25">
      <c r="H3087" s="43">
        <v>3080</v>
      </c>
      <c r="I3087" s="55">
        <f>Bühler!I3113</f>
        <v>1.5043490888345097</v>
      </c>
      <c r="J3087" s="58">
        <f>Bühler!J3113</f>
        <v>37.280958667388177</v>
      </c>
      <c r="K3087" s="58">
        <f>Bühler!K3113</f>
        <v>2.5046223028622374</v>
      </c>
      <c r="L3087" s="58">
        <f>Bühler!L3113</f>
        <v>1.2523111514311187</v>
      </c>
      <c r="M3087" s="57">
        <f>Bühler!M3113</f>
        <v>0</v>
      </c>
      <c r="N3087" s="55">
        <f>IF(Input!$K$13=1,J3087*Input!$J$13,0)+IF(Input!$K$14=1,K3087*Input!$J$14,0)+IF(Input!$K$15=1,L3087*Input!$J$15,0)+IF(Input!$K$16=1,M3087*Input!$J$16,0)</f>
        <v>4.4737150400865806</v>
      </c>
      <c r="O3087" s="58">
        <f>IF(Input!$K$13=2,J3087*Input!$J$13,0)+IF(Input!$K$14=2,K3087*Input!$J$14,0)+IF(Input!$K$15=2,L3087*Input!$J$15,0)+IF(Input!$K$16=2,M3087*Input!$J$16,0)</f>
        <v>0.33812401088640204</v>
      </c>
      <c r="P3087" s="58">
        <f>IF(Input!$K$13=3,J3087*Input!$J$13,0)+IF(Input!$K$14=3,K3087*Input!$J$14,0)+IF(Input!$K$15=3,L3087*Input!$J$15,0)+IF(Input!$K$16=3,M3087*Input!$J$16,0)</f>
        <v>0</v>
      </c>
      <c r="Q3087" s="71">
        <f>IF(Input!$K$13=4,J3087*Input!$J$13,0)+IF(Input!$K$14=4,K3087*Input!$J$14,0)+IF(Input!$K$15=4,L3087*Input!$J$15,0)+IF(Input!$K$16=4,M3087*Input!$J$16,0)</f>
        <v>0</v>
      </c>
    </row>
    <row r="3088" spans="8:17" x14ac:dyDescent="0.25">
      <c r="H3088" s="43">
        <v>3081</v>
      </c>
      <c r="I3088" s="55">
        <f>Bühler!I3114</f>
        <v>1.678536878067979</v>
      </c>
      <c r="J3088" s="58">
        <f>Bühler!J3114</f>
        <v>41.597701249927866</v>
      </c>
      <c r="K3088" s="58">
        <f>Bühler!K3114</f>
        <v>2.7946312010883916</v>
      </c>
      <c r="L3088" s="58">
        <f>Bühler!L3114</f>
        <v>1.3973156005441958</v>
      </c>
      <c r="M3088" s="57">
        <f>Bühler!M3114</f>
        <v>0</v>
      </c>
      <c r="N3088" s="55">
        <f>IF(Input!$K$13=1,J3088*Input!$J$13,0)+IF(Input!$K$14=1,K3088*Input!$J$14,0)+IF(Input!$K$15=1,L3088*Input!$J$15,0)+IF(Input!$K$16=1,M3088*Input!$J$16,0)</f>
        <v>4.9917241499913434</v>
      </c>
      <c r="O3088" s="58">
        <f>IF(Input!$K$13=2,J3088*Input!$J$13,0)+IF(Input!$K$14=2,K3088*Input!$J$14,0)+IF(Input!$K$15=2,L3088*Input!$J$15,0)+IF(Input!$K$16=2,M3088*Input!$J$16,0)</f>
        <v>0.37727521214693283</v>
      </c>
      <c r="P3088" s="58">
        <f>IF(Input!$K$13=3,J3088*Input!$J$13,0)+IF(Input!$K$14=3,K3088*Input!$J$14,0)+IF(Input!$K$15=3,L3088*Input!$J$15,0)+IF(Input!$K$16=3,M3088*Input!$J$16,0)</f>
        <v>0</v>
      </c>
      <c r="Q3088" s="71">
        <f>IF(Input!$K$13=4,J3088*Input!$J$13,0)+IF(Input!$K$14=4,K3088*Input!$J$14,0)+IF(Input!$K$15=4,L3088*Input!$J$15,0)+IF(Input!$K$16=4,M3088*Input!$J$16,0)</f>
        <v>0</v>
      </c>
    </row>
    <row r="3089" spans="8:17" x14ac:dyDescent="0.25">
      <c r="H3089" s="43">
        <v>3082</v>
      </c>
      <c r="I3089" s="55">
        <f>Bühler!I3115</f>
        <v>1.8527246673014488</v>
      </c>
      <c r="J3089" s="58">
        <f>Bühler!J3115</f>
        <v>45.914443832467548</v>
      </c>
      <c r="K3089" s="58">
        <f>Bühler!K3115</f>
        <v>3.0846400993145453</v>
      </c>
      <c r="L3089" s="58">
        <f>Bühler!L3115</f>
        <v>1.5423200496572727</v>
      </c>
      <c r="M3089" s="57">
        <f>Bühler!M3115</f>
        <v>0</v>
      </c>
      <c r="N3089" s="55">
        <f>IF(Input!$K$13=1,J3089*Input!$J$13,0)+IF(Input!$K$14=1,K3089*Input!$J$14,0)+IF(Input!$K$15=1,L3089*Input!$J$15,0)+IF(Input!$K$16=1,M3089*Input!$J$16,0)</f>
        <v>5.5097332598961053</v>
      </c>
      <c r="O3089" s="58">
        <f>IF(Input!$K$13=2,J3089*Input!$J$13,0)+IF(Input!$K$14=2,K3089*Input!$J$14,0)+IF(Input!$K$15=2,L3089*Input!$J$15,0)+IF(Input!$K$16=2,M3089*Input!$J$16,0)</f>
        <v>0.41642641340746356</v>
      </c>
      <c r="P3089" s="58">
        <f>IF(Input!$K$13=3,J3089*Input!$J$13,0)+IF(Input!$K$14=3,K3089*Input!$J$14,0)+IF(Input!$K$15=3,L3089*Input!$J$15,0)+IF(Input!$K$16=3,M3089*Input!$J$16,0)</f>
        <v>0</v>
      </c>
      <c r="Q3089" s="71">
        <f>IF(Input!$K$13=4,J3089*Input!$J$13,0)+IF(Input!$K$14=4,K3089*Input!$J$14,0)+IF(Input!$K$15=4,L3089*Input!$J$15,0)+IF(Input!$K$16=4,M3089*Input!$J$16,0)</f>
        <v>0</v>
      </c>
    </row>
    <row r="3090" spans="8:17" x14ac:dyDescent="0.25">
      <c r="H3090" s="43">
        <v>3083</v>
      </c>
      <c r="I3090" s="55">
        <f>Bühler!I3116</f>
        <v>1.8527246673014488</v>
      </c>
      <c r="J3090" s="58">
        <f>Bühler!J3116</f>
        <v>45.914443832467548</v>
      </c>
      <c r="K3090" s="58">
        <f>Bühler!K3116</f>
        <v>3.0846400993145453</v>
      </c>
      <c r="L3090" s="58">
        <f>Bühler!L3116</f>
        <v>1.5423200496572727</v>
      </c>
      <c r="M3090" s="57">
        <f>Bühler!M3116</f>
        <v>0</v>
      </c>
      <c r="N3090" s="55">
        <f>IF(Input!$K$13=1,J3090*Input!$J$13,0)+IF(Input!$K$14=1,K3090*Input!$J$14,0)+IF(Input!$K$15=1,L3090*Input!$J$15,0)+IF(Input!$K$16=1,M3090*Input!$J$16,0)</f>
        <v>5.5097332598961053</v>
      </c>
      <c r="O3090" s="58">
        <f>IF(Input!$K$13=2,J3090*Input!$J$13,0)+IF(Input!$K$14=2,K3090*Input!$J$14,0)+IF(Input!$K$15=2,L3090*Input!$J$15,0)+IF(Input!$K$16=2,M3090*Input!$J$16,0)</f>
        <v>0.41642641340746356</v>
      </c>
      <c r="P3090" s="58">
        <f>IF(Input!$K$13=3,J3090*Input!$J$13,0)+IF(Input!$K$14=3,K3090*Input!$J$14,0)+IF(Input!$K$15=3,L3090*Input!$J$15,0)+IF(Input!$K$16=3,M3090*Input!$J$16,0)</f>
        <v>0</v>
      </c>
      <c r="Q3090" s="71">
        <f>IF(Input!$K$13=4,J3090*Input!$J$13,0)+IF(Input!$K$14=4,K3090*Input!$J$14,0)+IF(Input!$K$15=4,L3090*Input!$J$15,0)+IF(Input!$K$16=4,M3090*Input!$J$16,0)</f>
        <v>0</v>
      </c>
    </row>
    <row r="3091" spans="8:17" x14ac:dyDescent="0.25">
      <c r="H3091" s="43">
        <v>3084</v>
      </c>
      <c r="I3091" s="55">
        <f>Bühler!I3117</f>
        <v>2.2169354993350665</v>
      </c>
      <c r="J3091" s="58">
        <f>Bühler!J3117</f>
        <v>54.940360141414153</v>
      </c>
      <c r="K3091" s="58">
        <f>Bühler!K3117</f>
        <v>3.6910223410601395</v>
      </c>
      <c r="L3091" s="58">
        <f>Bühler!L3117</f>
        <v>1.8455111705300697</v>
      </c>
      <c r="M3091" s="57">
        <f>Bühler!M3117</f>
        <v>0</v>
      </c>
      <c r="N3091" s="55">
        <f>IF(Input!$K$13=1,J3091*Input!$J$13,0)+IF(Input!$K$14=1,K3091*Input!$J$14,0)+IF(Input!$K$15=1,L3091*Input!$J$15,0)+IF(Input!$K$16=1,M3091*Input!$J$16,0)</f>
        <v>6.5928432169696984</v>
      </c>
      <c r="O3091" s="58">
        <f>IF(Input!$K$13=2,J3091*Input!$J$13,0)+IF(Input!$K$14=2,K3091*Input!$J$14,0)+IF(Input!$K$15=2,L3091*Input!$J$15,0)+IF(Input!$K$16=2,M3091*Input!$J$16,0)</f>
        <v>0.49828801604311879</v>
      </c>
      <c r="P3091" s="58">
        <f>IF(Input!$K$13=3,J3091*Input!$J$13,0)+IF(Input!$K$14=3,K3091*Input!$J$14,0)+IF(Input!$K$15=3,L3091*Input!$J$15,0)+IF(Input!$K$16=3,M3091*Input!$J$16,0)</f>
        <v>0</v>
      </c>
      <c r="Q3091" s="71">
        <f>IF(Input!$K$13=4,J3091*Input!$J$13,0)+IF(Input!$K$14=4,K3091*Input!$J$14,0)+IF(Input!$K$15=4,L3091*Input!$J$15,0)+IF(Input!$K$16=4,M3091*Input!$J$16,0)</f>
        <v>0</v>
      </c>
    </row>
    <row r="3092" spans="8:17" x14ac:dyDescent="0.25">
      <c r="H3092" s="43">
        <v>3085</v>
      </c>
      <c r="I3092" s="55">
        <f>Bühler!I3118</f>
        <v>2.2169354993350665</v>
      </c>
      <c r="J3092" s="58">
        <f>Bühler!J3118</f>
        <v>54.940360141414153</v>
      </c>
      <c r="K3092" s="58">
        <f>Bühler!K3118</f>
        <v>3.6910223410601395</v>
      </c>
      <c r="L3092" s="58">
        <f>Bühler!L3118</f>
        <v>1.8455111705300697</v>
      </c>
      <c r="M3092" s="57">
        <f>Bühler!M3118</f>
        <v>0</v>
      </c>
      <c r="N3092" s="55">
        <f>IF(Input!$K$13=1,J3092*Input!$J$13,0)+IF(Input!$K$14=1,K3092*Input!$J$14,0)+IF(Input!$K$15=1,L3092*Input!$J$15,0)+IF(Input!$K$16=1,M3092*Input!$J$16,0)</f>
        <v>6.5928432169696984</v>
      </c>
      <c r="O3092" s="58">
        <f>IF(Input!$K$13=2,J3092*Input!$J$13,0)+IF(Input!$K$14=2,K3092*Input!$J$14,0)+IF(Input!$K$15=2,L3092*Input!$J$15,0)+IF(Input!$K$16=2,M3092*Input!$J$16,0)</f>
        <v>0.49828801604311879</v>
      </c>
      <c r="P3092" s="58">
        <f>IF(Input!$K$13=3,J3092*Input!$J$13,0)+IF(Input!$K$14=3,K3092*Input!$J$14,0)+IF(Input!$K$15=3,L3092*Input!$J$15,0)+IF(Input!$K$16=3,M3092*Input!$J$16,0)</f>
        <v>0</v>
      </c>
      <c r="Q3092" s="71">
        <f>IF(Input!$K$13=4,J3092*Input!$J$13,0)+IF(Input!$K$14=4,K3092*Input!$J$14,0)+IF(Input!$K$15=4,L3092*Input!$J$15,0)+IF(Input!$K$16=4,M3092*Input!$J$16,0)</f>
        <v>0</v>
      </c>
    </row>
    <row r="3093" spans="8:17" x14ac:dyDescent="0.25">
      <c r="H3093" s="43">
        <v>3086</v>
      </c>
      <c r="I3093" s="55">
        <f>Bühler!I3119</f>
        <v>1.4726785817011512</v>
      </c>
      <c r="J3093" s="58">
        <f>Bühler!J3119</f>
        <v>36.496096379653686</v>
      </c>
      <c r="K3093" s="58">
        <f>Bühler!K3119</f>
        <v>2.4518934122756639</v>
      </c>
      <c r="L3093" s="58">
        <f>Bühler!L3119</f>
        <v>1.225946706137832</v>
      </c>
      <c r="M3093" s="57">
        <f>Bühler!M3119</f>
        <v>0</v>
      </c>
      <c r="N3093" s="55">
        <f>IF(Input!$K$13=1,J3093*Input!$J$13,0)+IF(Input!$K$14=1,K3093*Input!$J$14,0)+IF(Input!$K$15=1,L3093*Input!$J$15,0)+IF(Input!$K$16=1,M3093*Input!$J$16,0)</f>
        <v>4.3795315655584419</v>
      </c>
      <c r="O3093" s="58">
        <f>IF(Input!$K$13=2,J3093*Input!$J$13,0)+IF(Input!$K$14=2,K3093*Input!$J$14,0)+IF(Input!$K$15=2,L3093*Input!$J$15,0)+IF(Input!$K$16=2,M3093*Input!$J$16,0)</f>
        <v>0.33100561065721462</v>
      </c>
      <c r="P3093" s="58">
        <f>IF(Input!$K$13=3,J3093*Input!$J$13,0)+IF(Input!$K$14=3,K3093*Input!$J$14,0)+IF(Input!$K$15=3,L3093*Input!$J$15,0)+IF(Input!$K$16=3,M3093*Input!$J$16,0)</f>
        <v>0</v>
      </c>
      <c r="Q3093" s="71">
        <f>IF(Input!$K$13=4,J3093*Input!$J$13,0)+IF(Input!$K$14=4,K3093*Input!$J$14,0)+IF(Input!$K$15=4,L3093*Input!$J$15,0)+IF(Input!$K$16=4,M3093*Input!$J$16,0)</f>
        <v>0</v>
      </c>
    </row>
    <row r="3094" spans="8:17" x14ac:dyDescent="0.25">
      <c r="H3094" s="43">
        <v>3087</v>
      </c>
      <c r="I3094" s="55">
        <f>Bühler!I3120</f>
        <v>2.2169354993350665</v>
      </c>
      <c r="J3094" s="58">
        <f>Bühler!J3120</f>
        <v>54.940360141414153</v>
      </c>
      <c r="K3094" s="58">
        <f>Bühler!K3120</f>
        <v>3.6910223410601395</v>
      </c>
      <c r="L3094" s="58">
        <f>Bühler!L3120</f>
        <v>1.8455111705300697</v>
      </c>
      <c r="M3094" s="57">
        <f>Bühler!M3120</f>
        <v>0</v>
      </c>
      <c r="N3094" s="55">
        <f>IF(Input!$K$13=1,J3094*Input!$J$13,0)+IF(Input!$K$14=1,K3094*Input!$J$14,0)+IF(Input!$K$15=1,L3094*Input!$J$15,0)+IF(Input!$K$16=1,M3094*Input!$J$16,0)</f>
        <v>6.5928432169696984</v>
      </c>
      <c r="O3094" s="58">
        <f>IF(Input!$K$13=2,J3094*Input!$J$13,0)+IF(Input!$K$14=2,K3094*Input!$J$14,0)+IF(Input!$K$15=2,L3094*Input!$J$15,0)+IF(Input!$K$16=2,M3094*Input!$J$16,0)</f>
        <v>0.49828801604311879</v>
      </c>
      <c r="P3094" s="58">
        <f>IF(Input!$K$13=3,J3094*Input!$J$13,0)+IF(Input!$K$14=3,K3094*Input!$J$14,0)+IF(Input!$K$15=3,L3094*Input!$J$15,0)+IF(Input!$K$16=3,M3094*Input!$J$16,0)</f>
        <v>0</v>
      </c>
      <c r="Q3094" s="71">
        <f>IF(Input!$K$13=4,J3094*Input!$J$13,0)+IF(Input!$K$14=4,K3094*Input!$J$14,0)+IF(Input!$K$15=4,L3094*Input!$J$15,0)+IF(Input!$K$16=4,M3094*Input!$J$16,0)</f>
        <v>0</v>
      </c>
    </row>
    <row r="3095" spans="8:17" x14ac:dyDescent="0.25">
      <c r="H3095" s="43">
        <v>3088</v>
      </c>
      <c r="I3095" s="55">
        <f>Bühler!I3121</f>
        <v>2.2169354993350665</v>
      </c>
      <c r="J3095" s="58">
        <f>Bühler!J3121</f>
        <v>54.940360141414153</v>
      </c>
      <c r="K3095" s="58">
        <f>Bühler!K3121</f>
        <v>3.6910223410601395</v>
      </c>
      <c r="L3095" s="58">
        <f>Bühler!L3121</f>
        <v>1.8455111705300697</v>
      </c>
      <c r="M3095" s="57">
        <f>Bühler!M3121</f>
        <v>0</v>
      </c>
      <c r="N3095" s="55">
        <f>IF(Input!$K$13=1,J3095*Input!$J$13,0)+IF(Input!$K$14=1,K3095*Input!$J$14,0)+IF(Input!$K$15=1,L3095*Input!$J$15,0)+IF(Input!$K$16=1,M3095*Input!$J$16,0)</f>
        <v>6.5928432169696984</v>
      </c>
      <c r="O3095" s="58">
        <f>IF(Input!$K$13=2,J3095*Input!$J$13,0)+IF(Input!$K$14=2,K3095*Input!$J$14,0)+IF(Input!$K$15=2,L3095*Input!$J$15,0)+IF(Input!$K$16=2,M3095*Input!$J$16,0)</f>
        <v>0.49828801604311879</v>
      </c>
      <c r="P3095" s="58">
        <f>IF(Input!$K$13=3,J3095*Input!$J$13,0)+IF(Input!$K$14=3,K3095*Input!$J$14,0)+IF(Input!$K$15=3,L3095*Input!$J$15,0)+IF(Input!$K$16=3,M3095*Input!$J$16,0)</f>
        <v>0</v>
      </c>
      <c r="Q3095" s="71">
        <f>IF(Input!$K$13=4,J3095*Input!$J$13,0)+IF(Input!$K$14=4,K3095*Input!$J$14,0)+IF(Input!$K$15=4,L3095*Input!$J$15,0)+IF(Input!$K$16=4,M3095*Input!$J$16,0)</f>
        <v>0</v>
      </c>
    </row>
    <row r="3096" spans="8:17" x14ac:dyDescent="0.25">
      <c r="H3096" s="43">
        <v>3089</v>
      </c>
      <c r="I3096" s="55">
        <f>Bühler!I3122</f>
        <v>1.8530615875901011</v>
      </c>
      <c r="J3096" s="58">
        <f>Bühler!J3122</f>
        <v>32.96777696808163</v>
      </c>
      <c r="K3096" s="58">
        <f>Bühler!K3122</f>
        <v>2.1750667366961536</v>
      </c>
      <c r="L3096" s="58">
        <f>Bühler!L3122</f>
        <v>1.0875333683480768</v>
      </c>
      <c r="M3096" s="57">
        <f>Bühler!M3122</f>
        <v>0</v>
      </c>
      <c r="N3096" s="55">
        <f>IF(Input!$K$13=1,J3096*Input!$J$13,0)+IF(Input!$K$14=1,K3096*Input!$J$14,0)+IF(Input!$K$15=1,L3096*Input!$J$15,0)+IF(Input!$K$16=1,M3096*Input!$J$16,0)</f>
        <v>3.9561332361697956</v>
      </c>
      <c r="O3096" s="58">
        <f>IF(Input!$K$13=2,J3096*Input!$J$13,0)+IF(Input!$K$14=2,K3096*Input!$J$14,0)+IF(Input!$K$15=2,L3096*Input!$J$15,0)+IF(Input!$K$16=2,M3096*Input!$J$16,0)</f>
        <v>0.29363400945398077</v>
      </c>
      <c r="P3096" s="58">
        <f>IF(Input!$K$13=3,J3096*Input!$J$13,0)+IF(Input!$K$14=3,K3096*Input!$J$14,0)+IF(Input!$K$15=3,L3096*Input!$J$15,0)+IF(Input!$K$16=3,M3096*Input!$J$16,0)</f>
        <v>0</v>
      </c>
      <c r="Q3096" s="71">
        <f>IF(Input!$K$13=4,J3096*Input!$J$13,0)+IF(Input!$K$14=4,K3096*Input!$J$14,0)+IF(Input!$K$15=4,L3096*Input!$J$15,0)+IF(Input!$K$16=4,M3096*Input!$J$16,0)</f>
        <v>0</v>
      </c>
    </row>
    <row r="3097" spans="8:17" x14ac:dyDescent="0.25">
      <c r="H3097" s="43">
        <v>3090</v>
      </c>
      <c r="I3097" s="55">
        <f>Bühler!I3123</f>
        <v>1.4723416614124987</v>
      </c>
      <c r="J3097" s="58">
        <f>Bühler!J3123</f>
        <v>14.808990526507028</v>
      </c>
      <c r="K3097" s="58">
        <f>Bühler!K3123</f>
        <v>0.92832553849601107</v>
      </c>
      <c r="L3097" s="58">
        <f>Bühler!L3123</f>
        <v>0.46416276924800554</v>
      </c>
      <c r="M3097" s="57">
        <f>Bühler!M3123</f>
        <v>0</v>
      </c>
      <c r="N3097" s="55">
        <f>IF(Input!$K$13=1,J3097*Input!$J$13,0)+IF(Input!$K$14=1,K3097*Input!$J$14,0)+IF(Input!$K$15=1,L3097*Input!$J$15,0)+IF(Input!$K$16=1,M3097*Input!$J$16,0)</f>
        <v>1.7770788631808432</v>
      </c>
      <c r="O3097" s="58">
        <f>IF(Input!$K$13=2,J3097*Input!$J$13,0)+IF(Input!$K$14=2,K3097*Input!$J$14,0)+IF(Input!$K$15=2,L3097*Input!$J$15,0)+IF(Input!$K$16=2,M3097*Input!$J$16,0)</f>
        <v>0.12532394769696148</v>
      </c>
      <c r="P3097" s="58">
        <f>IF(Input!$K$13=3,J3097*Input!$J$13,0)+IF(Input!$K$14=3,K3097*Input!$J$14,0)+IF(Input!$K$15=3,L3097*Input!$J$15,0)+IF(Input!$K$16=3,M3097*Input!$J$16,0)</f>
        <v>0</v>
      </c>
      <c r="Q3097" s="71">
        <f>IF(Input!$K$13=4,J3097*Input!$J$13,0)+IF(Input!$K$14=4,K3097*Input!$J$14,0)+IF(Input!$K$15=4,L3097*Input!$J$15,0)+IF(Input!$K$16=4,M3097*Input!$J$16,0)</f>
        <v>0</v>
      </c>
    </row>
    <row r="3098" spans="8:17" x14ac:dyDescent="0.25">
      <c r="H3098" s="43">
        <v>3091</v>
      </c>
      <c r="I3098" s="55">
        <f>Bühler!I3124</f>
        <v>0.52222644741175583</v>
      </c>
      <c r="J3098" s="58">
        <f>Bühler!J3124</f>
        <v>9.2869547776141026</v>
      </c>
      <c r="K3098" s="58">
        <f>Bühler!K3124</f>
        <v>0.61269485540736723</v>
      </c>
      <c r="L3098" s="58">
        <f>Bühler!L3124</f>
        <v>0.30634742770368362</v>
      </c>
      <c r="M3098" s="57">
        <f>Bühler!M3124</f>
        <v>0</v>
      </c>
      <c r="N3098" s="55">
        <f>IF(Input!$K$13=1,J3098*Input!$J$13,0)+IF(Input!$K$14=1,K3098*Input!$J$14,0)+IF(Input!$K$15=1,L3098*Input!$J$15,0)+IF(Input!$K$16=1,M3098*Input!$J$16,0)</f>
        <v>1.1144345733136922</v>
      </c>
      <c r="O3098" s="58">
        <f>IF(Input!$K$13=2,J3098*Input!$J$13,0)+IF(Input!$K$14=2,K3098*Input!$J$14,0)+IF(Input!$K$15=2,L3098*Input!$J$15,0)+IF(Input!$K$16=2,M3098*Input!$J$16,0)</f>
        <v>8.2713805479994573E-2</v>
      </c>
      <c r="P3098" s="58">
        <f>IF(Input!$K$13=3,J3098*Input!$J$13,0)+IF(Input!$K$14=3,K3098*Input!$J$14,0)+IF(Input!$K$15=3,L3098*Input!$J$15,0)+IF(Input!$K$16=3,M3098*Input!$J$16,0)</f>
        <v>0</v>
      </c>
      <c r="Q3098" s="71">
        <f>IF(Input!$K$13=4,J3098*Input!$J$13,0)+IF(Input!$K$14=4,K3098*Input!$J$14,0)+IF(Input!$K$15=4,L3098*Input!$J$15,0)+IF(Input!$K$16=4,M3098*Input!$J$16,0)</f>
        <v>0</v>
      </c>
    </row>
    <row r="3099" spans="8:17" x14ac:dyDescent="0.25">
      <c r="H3099" s="43">
        <v>3092</v>
      </c>
      <c r="I3099" s="55">
        <f>Bühler!I3125</f>
        <v>0.52222644741175583</v>
      </c>
      <c r="J3099" s="58">
        <f>Bühler!J3125</f>
        <v>9.2869547776141026</v>
      </c>
      <c r="K3099" s="58">
        <f>Bühler!K3125</f>
        <v>0.61269485540736723</v>
      </c>
      <c r="L3099" s="58">
        <f>Bühler!L3125</f>
        <v>0.30634742770368362</v>
      </c>
      <c r="M3099" s="57">
        <f>Bühler!M3125</f>
        <v>0</v>
      </c>
      <c r="N3099" s="55">
        <f>IF(Input!$K$13=1,J3099*Input!$J$13,0)+IF(Input!$K$14=1,K3099*Input!$J$14,0)+IF(Input!$K$15=1,L3099*Input!$J$15,0)+IF(Input!$K$16=1,M3099*Input!$J$16,0)</f>
        <v>1.1144345733136922</v>
      </c>
      <c r="O3099" s="58">
        <f>IF(Input!$K$13=2,J3099*Input!$J$13,0)+IF(Input!$K$14=2,K3099*Input!$J$14,0)+IF(Input!$K$15=2,L3099*Input!$J$15,0)+IF(Input!$K$16=2,M3099*Input!$J$16,0)</f>
        <v>8.2713805479994573E-2</v>
      </c>
      <c r="P3099" s="58">
        <f>IF(Input!$K$13=3,J3099*Input!$J$13,0)+IF(Input!$K$14=3,K3099*Input!$J$14,0)+IF(Input!$K$15=3,L3099*Input!$J$15,0)+IF(Input!$K$16=3,M3099*Input!$J$16,0)</f>
        <v>0</v>
      </c>
      <c r="Q3099" s="71">
        <f>IF(Input!$K$13=4,J3099*Input!$J$13,0)+IF(Input!$K$14=4,K3099*Input!$J$14,0)+IF(Input!$K$15=4,L3099*Input!$J$15,0)+IF(Input!$K$16=4,M3099*Input!$J$16,0)</f>
        <v>0</v>
      </c>
    </row>
    <row r="3100" spans="8:17" x14ac:dyDescent="0.25">
      <c r="H3100" s="43">
        <v>3093</v>
      </c>
      <c r="I3100" s="55">
        <f>Bühler!I3126</f>
        <v>0.52222644741175583</v>
      </c>
      <c r="J3100" s="58">
        <f>Bühler!J3126</f>
        <v>9.2869547776141026</v>
      </c>
      <c r="K3100" s="58">
        <f>Bühler!K3126</f>
        <v>0.61269485540736723</v>
      </c>
      <c r="L3100" s="58">
        <f>Bühler!L3126</f>
        <v>0.30634742770368362</v>
      </c>
      <c r="M3100" s="57">
        <f>Bühler!M3126</f>
        <v>0</v>
      </c>
      <c r="N3100" s="55">
        <f>IF(Input!$K$13=1,J3100*Input!$J$13,0)+IF(Input!$K$14=1,K3100*Input!$J$14,0)+IF(Input!$K$15=1,L3100*Input!$J$15,0)+IF(Input!$K$16=1,M3100*Input!$J$16,0)</f>
        <v>1.1144345733136922</v>
      </c>
      <c r="O3100" s="58">
        <f>IF(Input!$K$13=2,J3100*Input!$J$13,0)+IF(Input!$K$14=2,K3100*Input!$J$14,0)+IF(Input!$K$15=2,L3100*Input!$J$15,0)+IF(Input!$K$16=2,M3100*Input!$J$16,0)</f>
        <v>8.2713805479994573E-2</v>
      </c>
      <c r="P3100" s="58">
        <f>IF(Input!$K$13=3,J3100*Input!$J$13,0)+IF(Input!$K$14=3,K3100*Input!$J$14,0)+IF(Input!$K$15=3,L3100*Input!$J$15,0)+IF(Input!$K$16=3,M3100*Input!$J$16,0)</f>
        <v>0</v>
      </c>
      <c r="Q3100" s="71">
        <f>IF(Input!$K$13=4,J3100*Input!$J$13,0)+IF(Input!$K$14=4,K3100*Input!$J$14,0)+IF(Input!$K$15=4,L3100*Input!$J$15,0)+IF(Input!$K$16=4,M3100*Input!$J$16,0)</f>
        <v>0</v>
      </c>
    </row>
    <row r="3101" spans="8:17" x14ac:dyDescent="0.25">
      <c r="H3101" s="43">
        <v>3094</v>
      </c>
      <c r="I3101" s="55">
        <f>Bühler!I3127</f>
        <v>0.52222644741175583</v>
      </c>
      <c r="J3101" s="58">
        <f>Bühler!J3127</f>
        <v>9.2869547776141026</v>
      </c>
      <c r="K3101" s="58">
        <f>Bühler!K3127</f>
        <v>0.61269485540736723</v>
      </c>
      <c r="L3101" s="58">
        <f>Bühler!L3127</f>
        <v>0.30634742770368362</v>
      </c>
      <c r="M3101" s="57">
        <f>Bühler!M3127</f>
        <v>0</v>
      </c>
      <c r="N3101" s="55">
        <f>IF(Input!$K$13=1,J3101*Input!$J$13,0)+IF(Input!$K$14=1,K3101*Input!$J$14,0)+IF(Input!$K$15=1,L3101*Input!$J$15,0)+IF(Input!$K$16=1,M3101*Input!$J$16,0)</f>
        <v>1.1144345733136922</v>
      </c>
      <c r="O3101" s="58">
        <f>IF(Input!$K$13=2,J3101*Input!$J$13,0)+IF(Input!$K$14=2,K3101*Input!$J$14,0)+IF(Input!$K$15=2,L3101*Input!$J$15,0)+IF(Input!$K$16=2,M3101*Input!$J$16,0)</f>
        <v>8.2713805479994573E-2</v>
      </c>
      <c r="P3101" s="58">
        <f>IF(Input!$K$13=3,J3101*Input!$J$13,0)+IF(Input!$K$14=3,K3101*Input!$J$14,0)+IF(Input!$K$15=3,L3101*Input!$J$15,0)+IF(Input!$K$16=3,M3101*Input!$J$16,0)</f>
        <v>0</v>
      </c>
      <c r="Q3101" s="71">
        <f>IF(Input!$K$13=4,J3101*Input!$J$13,0)+IF(Input!$K$14=4,K3101*Input!$J$14,0)+IF(Input!$K$15=4,L3101*Input!$J$15,0)+IF(Input!$K$16=4,M3101*Input!$J$16,0)</f>
        <v>0</v>
      </c>
    </row>
    <row r="3102" spans="8:17" x14ac:dyDescent="0.25">
      <c r="H3102" s="43">
        <v>3095</v>
      </c>
      <c r="I3102" s="55">
        <f>Bühler!I3128</f>
        <v>0.52222644741175583</v>
      </c>
      <c r="J3102" s="58">
        <f>Bühler!J3128</f>
        <v>9.2869547776141026</v>
      </c>
      <c r="K3102" s="58">
        <f>Bühler!K3128</f>
        <v>0.61269485540736723</v>
      </c>
      <c r="L3102" s="58">
        <f>Bühler!L3128</f>
        <v>0.30634742770368362</v>
      </c>
      <c r="M3102" s="57">
        <f>Bühler!M3128</f>
        <v>0</v>
      </c>
      <c r="N3102" s="55">
        <f>IF(Input!$K$13=1,J3102*Input!$J$13,0)+IF(Input!$K$14=1,K3102*Input!$J$14,0)+IF(Input!$K$15=1,L3102*Input!$J$15,0)+IF(Input!$K$16=1,M3102*Input!$J$16,0)</f>
        <v>1.1144345733136922</v>
      </c>
      <c r="O3102" s="58">
        <f>IF(Input!$K$13=2,J3102*Input!$J$13,0)+IF(Input!$K$14=2,K3102*Input!$J$14,0)+IF(Input!$K$15=2,L3102*Input!$J$15,0)+IF(Input!$K$16=2,M3102*Input!$J$16,0)</f>
        <v>8.2713805479994573E-2</v>
      </c>
      <c r="P3102" s="58">
        <f>IF(Input!$K$13=3,J3102*Input!$J$13,0)+IF(Input!$K$14=3,K3102*Input!$J$14,0)+IF(Input!$K$15=3,L3102*Input!$J$15,0)+IF(Input!$K$16=3,M3102*Input!$J$16,0)</f>
        <v>0</v>
      </c>
      <c r="Q3102" s="71">
        <f>IF(Input!$K$13=4,J3102*Input!$J$13,0)+IF(Input!$K$14=4,K3102*Input!$J$14,0)+IF(Input!$K$15=4,L3102*Input!$J$15,0)+IF(Input!$K$16=4,M3102*Input!$J$16,0)</f>
        <v>0</v>
      </c>
    </row>
    <row r="3103" spans="8:17" x14ac:dyDescent="0.25">
      <c r="H3103" s="43">
        <v>3096</v>
      </c>
      <c r="I3103" s="55">
        <f>Bühler!I3129</f>
        <v>0.52222644741175583</v>
      </c>
      <c r="J3103" s="58">
        <f>Bühler!J3129</f>
        <v>9.2869547776141026</v>
      </c>
      <c r="K3103" s="58">
        <f>Bühler!K3129</f>
        <v>0.61269485540736723</v>
      </c>
      <c r="L3103" s="58">
        <f>Bühler!L3129</f>
        <v>0.30634742770368362</v>
      </c>
      <c r="M3103" s="57">
        <f>Bühler!M3129</f>
        <v>0</v>
      </c>
      <c r="N3103" s="55">
        <f>IF(Input!$K$13=1,J3103*Input!$J$13,0)+IF(Input!$K$14=1,K3103*Input!$J$14,0)+IF(Input!$K$15=1,L3103*Input!$J$15,0)+IF(Input!$K$16=1,M3103*Input!$J$16,0)</f>
        <v>1.1144345733136922</v>
      </c>
      <c r="O3103" s="58">
        <f>IF(Input!$K$13=2,J3103*Input!$J$13,0)+IF(Input!$K$14=2,K3103*Input!$J$14,0)+IF(Input!$K$15=2,L3103*Input!$J$15,0)+IF(Input!$K$16=2,M3103*Input!$J$16,0)</f>
        <v>8.2713805479994573E-2</v>
      </c>
      <c r="P3103" s="58">
        <f>IF(Input!$K$13=3,J3103*Input!$J$13,0)+IF(Input!$K$14=3,K3103*Input!$J$14,0)+IF(Input!$K$15=3,L3103*Input!$J$15,0)+IF(Input!$K$16=3,M3103*Input!$J$16,0)</f>
        <v>0</v>
      </c>
      <c r="Q3103" s="71">
        <f>IF(Input!$K$13=4,J3103*Input!$J$13,0)+IF(Input!$K$14=4,K3103*Input!$J$14,0)+IF(Input!$K$15=4,L3103*Input!$J$15,0)+IF(Input!$K$16=4,M3103*Input!$J$16,0)</f>
        <v>0</v>
      </c>
    </row>
    <row r="3104" spans="8:17" x14ac:dyDescent="0.25">
      <c r="H3104" s="43">
        <v>3097</v>
      </c>
      <c r="I3104" s="55">
        <f>Bühler!I3130</f>
        <v>0.46176083842726384</v>
      </c>
      <c r="J3104" s="58">
        <f>Bühler!J3130</f>
        <v>8.57357140074593</v>
      </c>
      <c r="K3104" s="58">
        <f>Bühler!K3130</f>
        <v>0.60082503484768157</v>
      </c>
      <c r="L3104" s="58">
        <f>Bühler!L3130</f>
        <v>0.30041251742384079</v>
      </c>
      <c r="M3104" s="57">
        <f>Bühler!M3130</f>
        <v>0</v>
      </c>
      <c r="N3104" s="55">
        <f>IF(Input!$K$13=1,J3104*Input!$J$13,0)+IF(Input!$K$14=1,K3104*Input!$J$14,0)+IF(Input!$K$15=1,L3104*Input!$J$15,0)+IF(Input!$K$16=1,M3104*Input!$J$16,0)</f>
        <v>1.0288285680895115</v>
      </c>
      <c r="O3104" s="58">
        <f>IF(Input!$K$13=2,J3104*Input!$J$13,0)+IF(Input!$K$14=2,K3104*Input!$J$14,0)+IF(Input!$K$15=2,L3104*Input!$J$15,0)+IF(Input!$K$16=2,M3104*Input!$J$16,0)</f>
        <v>8.1111379704437006E-2</v>
      </c>
      <c r="P3104" s="58">
        <f>IF(Input!$K$13=3,J3104*Input!$J$13,0)+IF(Input!$K$14=3,K3104*Input!$J$14,0)+IF(Input!$K$15=3,L3104*Input!$J$15,0)+IF(Input!$K$16=3,M3104*Input!$J$16,0)</f>
        <v>0</v>
      </c>
      <c r="Q3104" s="71">
        <f>IF(Input!$K$13=4,J3104*Input!$J$13,0)+IF(Input!$K$14=4,K3104*Input!$J$14,0)+IF(Input!$K$15=4,L3104*Input!$J$15,0)+IF(Input!$K$16=4,M3104*Input!$J$16,0)</f>
        <v>0</v>
      </c>
    </row>
    <row r="3105" spans="8:17" x14ac:dyDescent="0.25">
      <c r="H3105" s="43">
        <v>3098</v>
      </c>
      <c r="I3105" s="55">
        <f>Bühler!I3131</f>
        <v>0.46176083842726384</v>
      </c>
      <c r="J3105" s="58">
        <f>Bühler!J3131</f>
        <v>8.57357140074593</v>
      </c>
      <c r="K3105" s="58">
        <f>Bühler!K3131</f>
        <v>0.60082503484768157</v>
      </c>
      <c r="L3105" s="58">
        <f>Bühler!L3131</f>
        <v>0.30041251742384079</v>
      </c>
      <c r="M3105" s="57">
        <f>Bühler!M3131</f>
        <v>0</v>
      </c>
      <c r="N3105" s="55">
        <f>IF(Input!$K$13=1,J3105*Input!$J$13,0)+IF(Input!$K$14=1,K3105*Input!$J$14,0)+IF(Input!$K$15=1,L3105*Input!$J$15,0)+IF(Input!$K$16=1,M3105*Input!$J$16,0)</f>
        <v>1.0288285680895115</v>
      </c>
      <c r="O3105" s="58">
        <f>IF(Input!$K$13=2,J3105*Input!$J$13,0)+IF(Input!$K$14=2,K3105*Input!$J$14,0)+IF(Input!$K$15=2,L3105*Input!$J$15,0)+IF(Input!$K$16=2,M3105*Input!$J$16,0)</f>
        <v>8.1111379704437006E-2</v>
      </c>
      <c r="P3105" s="58">
        <f>IF(Input!$K$13=3,J3105*Input!$J$13,0)+IF(Input!$K$14=3,K3105*Input!$J$14,0)+IF(Input!$K$15=3,L3105*Input!$J$15,0)+IF(Input!$K$16=3,M3105*Input!$J$16,0)</f>
        <v>0</v>
      </c>
      <c r="Q3105" s="71">
        <f>IF(Input!$K$13=4,J3105*Input!$J$13,0)+IF(Input!$K$14=4,K3105*Input!$J$14,0)+IF(Input!$K$15=4,L3105*Input!$J$15,0)+IF(Input!$K$16=4,M3105*Input!$J$16,0)</f>
        <v>0</v>
      </c>
    </row>
    <row r="3106" spans="8:17" x14ac:dyDescent="0.25">
      <c r="H3106" s="43">
        <v>3099</v>
      </c>
      <c r="I3106" s="55">
        <f>Bühler!I3132</f>
        <v>0.46176083842726384</v>
      </c>
      <c r="J3106" s="58">
        <f>Bühler!J3132</f>
        <v>8.57357140074593</v>
      </c>
      <c r="K3106" s="58">
        <f>Bühler!K3132</f>
        <v>0.60082503484768157</v>
      </c>
      <c r="L3106" s="58">
        <f>Bühler!L3132</f>
        <v>0.30041251742384079</v>
      </c>
      <c r="M3106" s="57">
        <f>Bühler!M3132</f>
        <v>0</v>
      </c>
      <c r="N3106" s="55">
        <f>IF(Input!$K$13=1,J3106*Input!$J$13,0)+IF(Input!$K$14=1,K3106*Input!$J$14,0)+IF(Input!$K$15=1,L3106*Input!$J$15,0)+IF(Input!$K$16=1,M3106*Input!$J$16,0)</f>
        <v>1.0288285680895115</v>
      </c>
      <c r="O3106" s="58">
        <f>IF(Input!$K$13=2,J3106*Input!$J$13,0)+IF(Input!$K$14=2,K3106*Input!$J$14,0)+IF(Input!$K$15=2,L3106*Input!$J$15,0)+IF(Input!$K$16=2,M3106*Input!$J$16,0)</f>
        <v>8.1111379704437006E-2</v>
      </c>
      <c r="P3106" s="58">
        <f>IF(Input!$K$13=3,J3106*Input!$J$13,0)+IF(Input!$K$14=3,K3106*Input!$J$14,0)+IF(Input!$K$15=3,L3106*Input!$J$15,0)+IF(Input!$K$16=3,M3106*Input!$J$16,0)</f>
        <v>0</v>
      </c>
      <c r="Q3106" s="71">
        <f>IF(Input!$K$13=4,J3106*Input!$J$13,0)+IF(Input!$K$14=4,K3106*Input!$J$14,0)+IF(Input!$K$15=4,L3106*Input!$J$15,0)+IF(Input!$K$16=4,M3106*Input!$J$16,0)</f>
        <v>0</v>
      </c>
    </row>
    <row r="3107" spans="8:17" x14ac:dyDescent="0.25">
      <c r="H3107" s="43">
        <v>3100</v>
      </c>
      <c r="I3107" s="55">
        <f>Bühler!I3133</f>
        <v>0.46176083842726384</v>
      </c>
      <c r="J3107" s="58">
        <f>Bühler!J3133</f>
        <v>8.57357140074593</v>
      </c>
      <c r="K3107" s="58">
        <f>Bühler!K3133</f>
        <v>0.60082503484768157</v>
      </c>
      <c r="L3107" s="58">
        <f>Bühler!L3133</f>
        <v>0.30041251742384079</v>
      </c>
      <c r="M3107" s="57">
        <f>Bühler!M3133</f>
        <v>0</v>
      </c>
      <c r="N3107" s="55">
        <f>IF(Input!$K$13=1,J3107*Input!$J$13,0)+IF(Input!$K$14=1,K3107*Input!$J$14,0)+IF(Input!$K$15=1,L3107*Input!$J$15,0)+IF(Input!$K$16=1,M3107*Input!$J$16,0)</f>
        <v>1.0288285680895115</v>
      </c>
      <c r="O3107" s="58">
        <f>IF(Input!$K$13=2,J3107*Input!$J$13,0)+IF(Input!$K$14=2,K3107*Input!$J$14,0)+IF(Input!$K$15=2,L3107*Input!$J$15,0)+IF(Input!$K$16=2,M3107*Input!$J$16,0)</f>
        <v>8.1111379704437006E-2</v>
      </c>
      <c r="P3107" s="58">
        <f>IF(Input!$K$13=3,J3107*Input!$J$13,0)+IF(Input!$K$14=3,K3107*Input!$J$14,0)+IF(Input!$K$15=3,L3107*Input!$J$15,0)+IF(Input!$K$16=3,M3107*Input!$J$16,0)</f>
        <v>0</v>
      </c>
      <c r="Q3107" s="71">
        <f>IF(Input!$K$13=4,J3107*Input!$J$13,0)+IF(Input!$K$14=4,K3107*Input!$J$14,0)+IF(Input!$K$15=4,L3107*Input!$J$15,0)+IF(Input!$K$16=4,M3107*Input!$J$16,0)</f>
        <v>0</v>
      </c>
    </row>
    <row r="3108" spans="8:17" x14ac:dyDescent="0.25">
      <c r="H3108" s="43">
        <v>3101</v>
      </c>
      <c r="I3108" s="55">
        <f>Bühler!I3134</f>
        <v>0.46176083842726384</v>
      </c>
      <c r="J3108" s="58">
        <f>Bühler!J3134</f>
        <v>8.57357140074593</v>
      </c>
      <c r="K3108" s="58">
        <f>Bühler!K3134</f>
        <v>0.60082503484768157</v>
      </c>
      <c r="L3108" s="58">
        <f>Bühler!L3134</f>
        <v>0.30041251742384079</v>
      </c>
      <c r="M3108" s="57">
        <f>Bühler!M3134</f>
        <v>0</v>
      </c>
      <c r="N3108" s="55">
        <f>IF(Input!$K$13=1,J3108*Input!$J$13,0)+IF(Input!$K$14=1,K3108*Input!$J$14,0)+IF(Input!$K$15=1,L3108*Input!$J$15,0)+IF(Input!$K$16=1,M3108*Input!$J$16,0)</f>
        <v>1.0288285680895115</v>
      </c>
      <c r="O3108" s="58">
        <f>IF(Input!$K$13=2,J3108*Input!$J$13,0)+IF(Input!$K$14=2,K3108*Input!$J$14,0)+IF(Input!$K$15=2,L3108*Input!$J$15,0)+IF(Input!$K$16=2,M3108*Input!$J$16,0)</f>
        <v>8.1111379704437006E-2</v>
      </c>
      <c r="P3108" s="58">
        <f>IF(Input!$K$13=3,J3108*Input!$J$13,0)+IF(Input!$K$14=3,K3108*Input!$J$14,0)+IF(Input!$K$15=3,L3108*Input!$J$15,0)+IF(Input!$K$16=3,M3108*Input!$J$16,0)</f>
        <v>0</v>
      </c>
      <c r="Q3108" s="71">
        <f>IF(Input!$K$13=4,J3108*Input!$J$13,0)+IF(Input!$K$14=4,K3108*Input!$J$14,0)+IF(Input!$K$15=4,L3108*Input!$J$15,0)+IF(Input!$K$16=4,M3108*Input!$J$16,0)</f>
        <v>0</v>
      </c>
    </row>
    <row r="3109" spans="8:17" x14ac:dyDescent="0.25">
      <c r="H3109" s="43">
        <v>3102</v>
      </c>
      <c r="I3109" s="55">
        <f>Bühler!I3135</f>
        <v>0.46176083842726384</v>
      </c>
      <c r="J3109" s="58">
        <f>Bühler!J3135</f>
        <v>8.57357140074593</v>
      </c>
      <c r="K3109" s="58">
        <f>Bühler!K3135</f>
        <v>0.60082503484768157</v>
      </c>
      <c r="L3109" s="58">
        <f>Bühler!L3135</f>
        <v>0.30041251742384079</v>
      </c>
      <c r="M3109" s="57">
        <f>Bühler!M3135</f>
        <v>0</v>
      </c>
      <c r="N3109" s="55">
        <f>IF(Input!$K$13=1,J3109*Input!$J$13,0)+IF(Input!$K$14=1,K3109*Input!$J$14,0)+IF(Input!$K$15=1,L3109*Input!$J$15,0)+IF(Input!$K$16=1,M3109*Input!$J$16,0)</f>
        <v>1.0288285680895115</v>
      </c>
      <c r="O3109" s="58">
        <f>IF(Input!$K$13=2,J3109*Input!$J$13,0)+IF(Input!$K$14=2,K3109*Input!$J$14,0)+IF(Input!$K$15=2,L3109*Input!$J$15,0)+IF(Input!$K$16=2,M3109*Input!$J$16,0)</f>
        <v>8.1111379704437006E-2</v>
      </c>
      <c r="P3109" s="58">
        <f>IF(Input!$K$13=3,J3109*Input!$J$13,0)+IF(Input!$K$14=3,K3109*Input!$J$14,0)+IF(Input!$K$15=3,L3109*Input!$J$15,0)+IF(Input!$K$16=3,M3109*Input!$J$16,0)</f>
        <v>0</v>
      </c>
      <c r="Q3109" s="71">
        <f>IF(Input!$K$13=4,J3109*Input!$J$13,0)+IF(Input!$K$14=4,K3109*Input!$J$14,0)+IF(Input!$K$15=4,L3109*Input!$J$15,0)+IF(Input!$K$16=4,M3109*Input!$J$16,0)</f>
        <v>0</v>
      </c>
    </row>
    <row r="3110" spans="8:17" x14ac:dyDescent="0.25">
      <c r="H3110" s="43">
        <v>3103</v>
      </c>
      <c r="I3110" s="55">
        <f>Bühler!I3136</f>
        <v>0.46176083842726384</v>
      </c>
      <c r="J3110" s="58">
        <f>Bühler!J3136</f>
        <v>8.57357140074593</v>
      </c>
      <c r="K3110" s="58">
        <f>Bühler!K3136</f>
        <v>0.60082503484768157</v>
      </c>
      <c r="L3110" s="58">
        <f>Bühler!L3136</f>
        <v>0.30041251742384079</v>
      </c>
      <c r="M3110" s="57">
        <f>Bühler!M3136</f>
        <v>0</v>
      </c>
      <c r="N3110" s="55">
        <f>IF(Input!$K$13=1,J3110*Input!$J$13,0)+IF(Input!$K$14=1,K3110*Input!$J$14,0)+IF(Input!$K$15=1,L3110*Input!$J$15,0)+IF(Input!$K$16=1,M3110*Input!$J$16,0)</f>
        <v>1.0288285680895115</v>
      </c>
      <c r="O3110" s="58">
        <f>IF(Input!$K$13=2,J3110*Input!$J$13,0)+IF(Input!$K$14=2,K3110*Input!$J$14,0)+IF(Input!$K$15=2,L3110*Input!$J$15,0)+IF(Input!$K$16=2,M3110*Input!$J$16,0)</f>
        <v>8.1111379704437006E-2</v>
      </c>
      <c r="P3110" s="58">
        <f>IF(Input!$K$13=3,J3110*Input!$J$13,0)+IF(Input!$K$14=3,K3110*Input!$J$14,0)+IF(Input!$K$15=3,L3110*Input!$J$15,0)+IF(Input!$K$16=3,M3110*Input!$J$16,0)</f>
        <v>0</v>
      </c>
      <c r="Q3110" s="71">
        <f>IF(Input!$K$13=4,J3110*Input!$J$13,0)+IF(Input!$K$14=4,K3110*Input!$J$14,0)+IF(Input!$K$15=4,L3110*Input!$J$15,0)+IF(Input!$K$16=4,M3110*Input!$J$16,0)</f>
        <v>0</v>
      </c>
    </row>
    <row r="3111" spans="8:17" x14ac:dyDescent="0.25">
      <c r="H3111" s="43">
        <v>3104</v>
      </c>
      <c r="I3111" s="55">
        <f>Bühler!I3137</f>
        <v>1.2721511098671117</v>
      </c>
      <c r="J3111" s="58">
        <f>Bühler!J3137</f>
        <v>34.380960169976298</v>
      </c>
      <c r="K3111" s="58">
        <f>Bühler!K3137</f>
        <v>2.4560999151803711</v>
      </c>
      <c r="L3111" s="58">
        <f>Bühler!L3137</f>
        <v>1.2280499575901855</v>
      </c>
      <c r="M3111" s="57">
        <f>Bühler!M3137</f>
        <v>0</v>
      </c>
      <c r="N3111" s="55">
        <f>IF(Input!$K$13=1,J3111*Input!$J$13,0)+IF(Input!$K$14=1,K3111*Input!$J$14,0)+IF(Input!$K$15=1,L3111*Input!$J$15,0)+IF(Input!$K$16=1,M3111*Input!$J$16,0)</f>
        <v>4.1257152203971552</v>
      </c>
      <c r="O3111" s="58">
        <f>IF(Input!$K$13=2,J3111*Input!$J$13,0)+IF(Input!$K$14=2,K3111*Input!$J$14,0)+IF(Input!$K$15=2,L3111*Input!$J$15,0)+IF(Input!$K$16=2,M3111*Input!$J$16,0)</f>
        <v>0.33157348854935009</v>
      </c>
      <c r="P3111" s="58">
        <f>IF(Input!$K$13=3,J3111*Input!$J$13,0)+IF(Input!$K$14=3,K3111*Input!$J$14,0)+IF(Input!$K$15=3,L3111*Input!$J$15,0)+IF(Input!$K$16=3,M3111*Input!$J$16,0)</f>
        <v>0</v>
      </c>
      <c r="Q3111" s="71">
        <f>IF(Input!$K$13=4,J3111*Input!$J$13,0)+IF(Input!$K$14=4,K3111*Input!$J$14,0)+IF(Input!$K$15=4,L3111*Input!$J$15,0)+IF(Input!$K$16=4,M3111*Input!$J$16,0)</f>
        <v>0</v>
      </c>
    </row>
    <row r="3112" spans="8:17" x14ac:dyDescent="0.25">
      <c r="H3112" s="43">
        <v>3105</v>
      </c>
      <c r="I3112" s="55">
        <f>Bühler!I3138</f>
        <v>1.4194528173254091</v>
      </c>
      <c r="J3112" s="58">
        <f>Bühler!J3138</f>
        <v>38.361913452815649</v>
      </c>
      <c r="K3112" s="58">
        <f>Bühler!K3138</f>
        <v>2.7404904316749401</v>
      </c>
      <c r="L3112" s="58">
        <f>Bühler!L3138</f>
        <v>1.3702452158374701</v>
      </c>
      <c r="M3112" s="57">
        <f>Bühler!M3138</f>
        <v>0</v>
      </c>
      <c r="N3112" s="55">
        <f>IF(Input!$K$13=1,J3112*Input!$J$13,0)+IF(Input!$K$14=1,K3112*Input!$J$14,0)+IF(Input!$K$15=1,L3112*Input!$J$15,0)+IF(Input!$K$16=1,M3112*Input!$J$16,0)</f>
        <v>4.6034296143378777</v>
      </c>
      <c r="O3112" s="58">
        <f>IF(Input!$K$13=2,J3112*Input!$J$13,0)+IF(Input!$K$14=2,K3112*Input!$J$14,0)+IF(Input!$K$15=2,L3112*Input!$J$15,0)+IF(Input!$K$16=2,M3112*Input!$J$16,0)</f>
        <v>0.36996620827611693</v>
      </c>
      <c r="P3112" s="58">
        <f>IF(Input!$K$13=3,J3112*Input!$J$13,0)+IF(Input!$K$14=3,K3112*Input!$J$14,0)+IF(Input!$K$15=3,L3112*Input!$J$15,0)+IF(Input!$K$16=3,M3112*Input!$J$16,0)</f>
        <v>0</v>
      </c>
      <c r="Q3112" s="71">
        <f>IF(Input!$K$13=4,J3112*Input!$J$13,0)+IF(Input!$K$14=4,K3112*Input!$J$14,0)+IF(Input!$K$15=4,L3112*Input!$J$15,0)+IF(Input!$K$16=4,M3112*Input!$J$16,0)</f>
        <v>0</v>
      </c>
    </row>
    <row r="3113" spans="8:17" x14ac:dyDescent="0.25">
      <c r="H3113" s="43">
        <v>3106</v>
      </c>
      <c r="I3113" s="55">
        <f>Bühler!I3139</f>
        <v>1.5667545247837062</v>
      </c>
      <c r="J3113" s="58">
        <f>Bühler!J3139</f>
        <v>42.342866735655022</v>
      </c>
      <c r="K3113" s="58">
        <f>Bühler!K3139</f>
        <v>3.0248809481695096</v>
      </c>
      <c r="L3113" s="58">
        <f>Bühler!L3139</f>
        <v>1.5124404740847548</v>
      </c>
      <c r="M3113" s="57">
        <f>Bühler!M3139</f>
        <v>0</v>
      </c>
      <c r="N3113" s="55">
        <f>IF(Input!$K$13=1,J3113*Input!$J$13,0)+IF(Input!$K$14=1,K3113*Input!$J$14,0)+IF(Input!$K$15=1,L3113*Input!$J$15,0)+IF(Input!$K$16=1,M3113*Input!$J$16,0)</f>
        <v>5.0811440082786028</v>
      </c>
      <c r="O3113" s="58">
        <f>IF(Input!$K$13=2,J3113*Input!$J$13,0)+IF(Input!$K$14=2,K3113*Input!$J$14,0)+IF(Input!$K$15=2,L3113*Input!$J$15,0)+IF(Input!$K$16=2,M3113*Input!$J$16,0)</f>
        <v>0.40835892800288376</v>
      </c>
      <c r="P3113" s="58">
        <f>IF(Input!$K$13=3,J3113*Input!$J$13,0)+IF(Input!$K$14=3,K3113*Input!$J$14,0)+IF(Input!$K$15=3,L3113*Input!$J$15,0)+IF(Input!$K$16=3,M3113*Input!$J$16,0)</f>
        <v>0</v>
      </c>
      <c r="Q3113" s="71">
        <f>IF(Input!$K$13=4,J3113*Input!$J$13,0)+IF(Input!$K$14=4,K3113*Input!$J$14,0)+IF(Input!$K$15=4,L3113*Input!$J$15,0)+IF(Input!$K$16=4,M3113*Input!$J$16,0)</f>
        <v>0</v>
      </c>
    </row>
    <row r="3114" spans="8:17" x14ac:dyDescent="0.25">
      <c r="H3114" s="43">
        <v>3107</v>
      </c>
      <c r="I3114" s="55">
        <f>Bühler!I3140</f>
        <v>1.5667545247837062</v>
      </c>
      <c r="J3114" s="58">
        <f>Bühler!J3140</f>
        <v>42.342866735655022</v>
      </c>
      <c r="K3114" s="58">
        <f>Bühler!K3140</f>
        <v>3.0248809481695096</v>
      </c>
      <c r="L3114" s="58">
        <f>Bühler!L3140</f>
        <v>1.5124404740847548</v>
      </c>
      <c r="M3114" s="57">
        <f>Bühler!M3140</f>
        <v>0</v>
      </c>
      <c r="N3114" s="55">
        <f>IF(Input!$K$13=1,J3114*Input!$J$13,0)+IF(Input!$K$14=1,K3114*Input!$J$14,0)+IF(Input!$K$15=1,L3114*Input!$J$15,0)+IF(Input!$K$16=1,M3114*Input!$J$16,0)</f>
        <v>5.0811440082786028</v>
      </c>
      <c r="O3114" s="58">
        <f>IF(Input!$K$13=2,J3114*Input!$J$13,0)+IF(Input!$K$14=2,K3114*Input!$J$14,0)+IF(Input!$K$15=2,L3114*Input!$J$15,0)+IF(Input!$K$16=2,M3114*Input!$J$16,0)</f>
        <v>0.40835892800288376</v>
      </c>
      <c r="P3114" s="58">
        <f>IF(Input!$K$13=3,J3114*Input!$J$13,0)+IF(Input!$K$14=3,K3114*Input!$J$14,0)+IF(Input!$K$15=3,L3114*Input!$J$15,0)+IF(Input!$K$16=3,M3114*Input!$J$16,0)</f>
        <v>0</v>
      </c>
      <c r="Q3114" s="71">
        <f>IF(Input!$K$13=4,J3114*Input!$J$13,0)+IF(Input!$K$14=4,K3114*Input!$J$14,0)+IF(Input!$K$15=4,L3114*Input!$J$15,0)+IF(Input!$K$16=4,M3114*Input!$J$16,0)</f>
        <v>0</v>
      </c>
    </row>
    <row r="3115" spans="8:17" x14ac:dyDescent="0.25">
      <c r="H3115" s="43">
        <v>3108</v>
      </c>
      <c r="I3115" s="55">
        <f>Bühler!I3141</f>
        <v>1.8747490040146908</v>
      </c>
      <c r="J3115" s="58">
        <f>Bühler!J3141</f>
        <v>50.666678145228218</v>
      </c>
      <c r="K3115" s="58">
        <f>Bühler!K3141</f>
        <v>3.6195156644763355</v>
      </c>
      <c r="L3115" s="58">
        <f>Bühler!L3141</f>
        <v>1.8097578322381678</v>
      </c>
      <c r="M3115" s="57">
        <f>Bühler!M3141</f>
        <v>0</v>
      </c>
      <c r="N3115" s="55">
        <f>IF(Input!$K$13=1,J3115*Input!$J$13,0)+IF(Input!$K$14=1,K3115*Input!$J$14,0)+IF(Input!$K$15=1,L3115*Input!$J$15,0)+IF(Input!$K$16=1,M3115*Input!$J$16,0)</f>
        <v>6.0800013774273856</v>
      </c>
      <c r="O3115" s="58">
        <f>IF(Input!$K$13=2,J3115*Input!$J$13,0)+IF(Input!$K$14=2,K3115*Input!$J$14,0)+IF(Input!$K$15=2,L3115*Input!$J$15,0)+IF(Input!$K$16=2,M3115*Input!$J$16,0)</f>
        <v>0.48863461470430525</v>
      </c>
      <c r="P3115" s="58">
        <f>IF(Input!$K$13=3,J3115*Input!$J$13,0)+IF(Input!$K$14=3,K3115*Input!$J$14,0)+IF(Input!$K$15=3,L3115*Input!$J$15,0)+IF(Input!$K$16=3,M3115*Input!$J$16,0)</f>
        <v>0</v>
      </c>
      <c r="Q3115" s="71">
        <f>IF(Input!$K$13=4,J3115*Input!$J$13,0)+IF(Input!$K$14=4,K3115*Input!$J$14,0)+IF(Input!$K$15=4,L3115*Input!$J$15,0)+IF(Input!$K$16=4,M3115*Input!$J$16,0)</f>
        <v>0</v>
      </c>
    </row>
    <row r="3116" spans="8:17" x14ac:dyDescent="0.25">
      <c r="H3116" s="43">
        <v>3109</v>
      </c>
      <c r="I3116" s="55">
        <f>Bühler!I3142</f>
        <v>1.8747490040146908</v>
      </c>
      <c r="J3116" s="58">
        <f>Bühler!J3142</f>
        <v>50.666678145228218</v>
      </c>
      <c r="K3116" s="58">
        <f>Bühler!K3142</f>
        <v>3.6195156644763355</v>
      </c>
      <c r="L3116" s="58">
        <f>Bühler!L3142</f>
        <v>1.8097578322381678</v>
      </c>
      <c r="M3116" s="57">
        <f>Bühler!M3142</f>
        <v>0</v>
      </c>
      <c r="N3116" s="55">
        <f>IF(Input!$K$13=1,J3116*Input!$J$13,0)+IF(Input!$K$14=1,K3116*Input!$J$14,0)+IF(Input!$K$15=1,L3116*Input!$J$15,0)+IF(Input!$K$16=1,M3116*Input!$J$16,0)</f>
        <v>6.0800013774273856</v>
      </c>
      <c r="O3116" s="58">
        <f>IF(Input!$K$13=2,J3116*Input!$J$13,0)+IF(Input!$K$14=2,K3116*Input!$J$14,0)+IF(Input!$K$15=2,L3116*Input!$J$15,0)+IF(Input!$K$16=2,M3116*Input!$J$16,0)</f>
        <v>0.48863461470430525</v>
      </c>
      <c r="P3116" s="58">
        <f>IF(Input!$K$13=3,J3116*Input!$J$13,0)+IF(Input!$K$14=3,K3116*Input!$J$14,0)+IF(Input!$K$15=3,L3116*Input!$J$15,0)+IF(Input!$K$16=3,M3116*Input!$J$16,0)</f>
        <v>0</v>
      </c>
      <c r="Q3116" s="71">
        <f>IF(Input!$K$13=4,J3116*Input!$J$13,0)+IF(Input!$K$14=4,K3116*Input!$J$14,0)+IF(Input!$K$15=4,L3116*Input!$J$15,0)+IF(Input!$K$16=4,M3116*Input!$J$16,0)</f>
        <v>0</v>
      </c>
    </row>
    <row r="3117" spans="8:17" x14ac:dyDescent="0.25">
      <c r="H3117" s="43">
        <v>3110</v>
      </c>
      <c r="I3117" s="55">
        <f>Bühler!I3143</f>
        <v>1.2453689812383306</v>
      </c>
      <c r="J3117" s="58">
        <f>Bühler!J3143</f>
        <v>33.657150482187319</v>
      </c>
      <c r="K3117" s="58">
        <f>Bühler!K3143</f>
        <v>2.4043925485449948</v>
      </c>
      <c r="L3117" s="58">
        <f>Bühler!L3143</f>
        <v>1.2021962742724974</v>
      </c>
      <c r="M3117" s="57">
        <f>Bühler!M3143</f>
        <v>0</v>
      </c>
      <c r="N3117" s="55">
        <f>IF(Input!$K$13=1,J3117*Input!$J$13,0)+IF(Input!$K$14=1,K3117*Input!$J$14,0)+IF(Input!$K$15=1,L3117*Input!$J$15,0)+IF(Input!$K$16=1,M3117*Input!$J$16,0)</f>
        <v>4.0388580578624778</v>
      </c>
      <c r="O3117" s="58">
        <f>IF(Input!$K$13=2,J3117*Input!$J$13,0)+IF(Input!$K$14=2,K3117*Input!$J$14,0)+IF(Input!$K$15=2,L3117*Input!$J$15,0)+IF(Input!$K$16=2,M3117*Input!$J$16,0)</f>
        <v>0.32459299405357428</v>
      </c>
      <c r="P3117" s="58">
        <f>IF(Input!$K$13=3,J3117*Input!$J$13,0)+IF(Input!$K$14=3,K3117*Input!$J$14,0)+IF(Input!$K$15=3,L3117*Input!$J$15,0)+IF(Input!$K$16=3,M3117*Input!$J$16,0)</f>
        <v>0</v>
      </c>
      <c r="Q3117" s="71">
        <f>IF(Input!$K$13=4,J3117*Input!$J$13,0)+IF(Input!$K$14=4,K3117*Input!$J$14,0)+IF(Input!$K$15=4,L3117*Input!$J$15,0)+IF(Input!$K$16=4,M3117*Input!$J$16,0)</f>
        <v>0</v>
      </c>
    </row>
    <row r="3118" spans="8:17" x14ac:dyDescent="0.25">
      <c r="H3118" s="43">
        <v>3111</v>
      </c>
      <c r="I3118" s="55">
        <f>Bühler!I3144</f>
        <v>1.8747490040146908</v>
      </c>
      <c r="J3118" s="58">
        <f>Bühler!J3144</f>
        <v>50.666678145228218</v>
      </c>
      <c r="K3118" s="58">
        <f>Bühler!K3144</f>
        <v>3.6195156644763355</v>
      </c>
      <c r="L3118" s="58">
        <f>Bühler!L3144</f>
        <v>1.8097578322381678</v>
      </c>
      <c r="M3118" s="57">
        <f>Bühler!M3144</f>
        <v>0</v>
      </c>
      <c r="N3118" s="55">
        <f>IF(Input!$K$13=1,J3118*Input!$J$13,0)+IF(Input!$K$14=1,K3118*Input!$J$14,0)+IF(Input!$K$15=1,L3118*Input!$J$15,0)+IF(Input!$K$16=1,M3118*Input!$J$16,0)</f>
        <v>6.0800013774273856</v>
      </c>
      <c r="O3118" s="58">
        <f>IF(Input!$K$13=2,J3118*Input!$J$13,0)+IF(Input!$K$14=2,K3118*Input!$J$14,0)+IF(Input!$K$15=2,L3118*Input!$J$15,0)+IF(Input!$K$16=2,M3118*Input!$J$16,0)</f>
        <v>0.48863461470430525</v>
      </c>
      <c r="P3118" s="58">
        <f>IF(Input!$K$13=3,J3118*Input!$J$13,0)+IF(Input!$K$14=3,K3118*Input!$J$14,0)+IF(Input!$K$15=3,L3118*Input!$J$15,0)+IF(Input!$K$16=3,M3118*Input!$J$16,0)</f>
        <v>0</v>
      </c>
      <c r="Q3118" s="71">
        <f>IF(Input!$K$13=4,J3118*Input!$J$13,0)+IF(Input!$K$14=4,K3118*Input!$J$14,0)+IF(Input!$K$15=4,L3118*Input!$J$15,0)+IF(Input!$K$16=4,M3118*Input!$J$16,0)</f>
        <v>0</v>
      </c>
    </row>
    <row r="3119" spans="8:17" x14ac:dyDescent="0.25">
      <c r="H3119" s="43">
        <v>3112</v>
      </c>
      <c r="I3119" s="55">
        <f>Bühler!I3145</f>
        <v>1.8747490040146908</v>
      </c>
      <c r="J3119" s="58">
        <f>Bühler!J3145</f>
        <v>50.666678145228218</v>
      </c>
      <c r="K3119" s="58">
        <f>Bühler!K3145</f>
        <v>3.6195156644763355</v>
      </c>
      <c r="L3119" s="58">
        <f>Bühler!L3145</f>
        <v>1.8097578322381678</v>
      </c>
      <c r="M3119" s="57">
        <f>Bühler!M3145</f>
        <v>0</v>
      </c>
      <c r="N3119" s="55">
        <f>IF(Input!$K$13=1,J3119*Input!$J$13,0)+IF(Input!$K$14=1,K3119*Input!$J$14,0)+IF(Input!$K$15=1,L3119*Input!$J$15,0)+IF(Input!$K$16=1,M3119*Input!$J$16,0)</f>
        <v>6.0800013774273856</v>
      </c>
      <c r="O3119" s="58">
        <f>IF(Input!$K$13=2,J3119*Input!$J$13,0)+IF(Input!$K$14=2,K3119*Input!$J$14,0)+IF(Input!$K$15=2,L3119*Input!$J$15,0)+IF(Input!$K$16=2,M3119*Input!$J$16,0)</f>
        <v>0.48863461470430525</v>
      </c>
      <c r="P3119" s="58">
        <f>IF(Input!$K$13=3,J3119*Input!$J$13,0)+IF(Input!$K$14=3,K3119*Input!$J$14,0)+IF(Input!$K$15=3,L3119*Input!$J$15,0)+IF(Input!$K$16=3,M3119*Input!$J$16,0)</f>
        <v>0</v>
      </c>
      <c r="Q3119" s="71">
        <f>IF(Input!$K$13=4,J3119*Input!$J$13,0)+IF(Input!$K$14=4,K3119*Input!$J$14,0)+IF(Input!$K$15=4,L3119*Input!$J$15,0)+IF(Input!$K$16=4,M3119*Input!$J$16,0)</f>
        <v>0</v>
      </c>
    </row>
    <row r="3120" spans="8:17" x14ac:dyDescent="0.25">
      <c r="H3120" s="43">
        <v>3113</v>
      </c>
      <c r="I3120" s="55">
        <f>Bühler!I3146</f>
        <v>1.5665236443644925</v>
      </c>
      <c r="J3120" s="58">
        <f>Bühler!J3146</f>
        <v>30.357390529591406</v>
      </c>
      <c r="K3120" s="58">
        <f>Bühler!K3146</f>
        <v>2.1329288737092695</v>
      </c>
      <c r="L3120" s="58">
        <f>Bühler!L3146</f>
        <v>1.0664644368546348</v>
      </c>
      <c r="M3120" s="57">
        <f>Bühler!M3146</f>
        <v>0</v>
      </c>
      <c r="N3120" s="55">
        <f>IF(Input!$K$13=1,J3120*Input!$J$13,0)+IF(Input!$K$14=1,K3120*Input!$J$14,0)+IF(Input!$K$15=1,L3120*Input!$J$15,0)+IF(Input!$K$16=1,M3120*Input!$J$16,0)</f>
        <v>3.6428868635509684</v>
      </c>
      <c r="O3120" s="58">
        <f>IF(Input!$K$13=2,J3120*Input!$J$13,0)+IF(Input!$K$14=2,K3120*Input!$J$14,0)+IF(Input!$K$15=2,L3120*Input!$J$15,0)+IF(Input!$K$16=2,M3120*Input!$J$16,0)</f>
        <v>0.28794539795075136</v>
      </c>
      <c r="P3120" s="58">
        <f>IF(Input!$K$13=3,J3120*Input!$J$13,0)+IF(Input!$K$14=3,K3120*Input!$J$14,0)+IF(Input!$K$15=3,L3120*Input!$J$15,0)+IF(Input!$K$16=3,M3120*Input!$J$16,0)</f>
        <v>0</v>
      </c>
      <c r="Q3120" s="71">
        <f>IF(Input!$K$13=4,J3120*Input!$J$13,0)+IF(Input!$K$14=4,K3120*Input!$J$14,0)+IF(Input!$K$15=4,L3120*Input!$J$15,0)+IF(Input!$K$16=4,M3120*Input!$J$16,0)</f>
        <v>0</v>
      </c>
    </row>
    <row r="3121" spans="8:17" x14ac:dyDescent="0.25">
      <c r="H3121" s="43">
        <v>3114</v>
      </c>
      <c r="I3121" s="55">
        <f>Bühler!I3147</f>
        <v>1.2455998616575441</v>
      </c>
      <c r="J3121" s="58">
        <f>Bühler!J3147</f>
        <v>13.581718778083143</v>
      </c>
      <c r="K3121" s="58">
        <f>Bühler!K3147</f>
        <v>0.91034096189042668</v>
      </c>
      <c r="L3121" s="58">
        <f>Bühler!L3147</f>
        <v>0.45517048094521334</v>
      </c>
      <c r="M3121" s="57">
        <f>Bühler!M3147</f>
        <v>0</v>
      </c>
      <c r="N3121" s="55">
        <f>IF(Input!$K$13=1,J3121*Input!$J$13,0)+IF(Input!$K$14=1,K3121*Input!$J$14,0)+IF(Input!$K$15=1,L3121*Input!$J$15,0)+IF(Input!$K$16=1,M3121*Input!$J$16,0)</f>
        <v>1.6298062533699771</v>
      </c>
      <c r="O3121" s="58">
        <f>IF(Input!$K$13=2,J3121*Input!$J$13,0)+IF(Input!$K$14=2,K3121*Input!$J$14,0)+IF(Input!$K$15=2,L3121*Input!$J$15,0)+IF(Input!$K$16=2,M3121*Input!$J$16,0)</f>
        <v>0.12289602985520759</v>
      </c>
      <c r="P3121" s="58">
        <f>IF(Input!$K$13=3,J3121*Input!$J$13,0)+IF(Input!$K$14=3,K3121*Input!$J$14,0)+IF(Input!$K$15=3,L3121*Input!$J$15,0)+IF(Input!$K$16=3,M3121*Input!$J$16,0)</f>
        <v>0</v>
      </c>
      <c r="Q3121" s="71">
        <f>IF(Input!$K$13=4,J3121*Input!$J$13,0)+IF(Input!$K$14=4,K3121*Input!$J$14,0)+IF(Input!$K$15=4,L3121*Input!$J$15,0)+IF(Input!$K$16=4,M3121*Input!$J$16,0)</f>
        <v>0</v>
      </c>
    </row>
    <row r="3122" spans="8:17" x14ac:dyDescent="0.25">
      <c r="H3122" s="43">
        <v>3115</v>
      </c>
      <c r="I3122" s="55">
        <f>Bühler!I3148</f>
        <v>0.46176083842726384</v>
      </c>
      <c r="J3122" s="58">
        <f>Bühler!J3148</f>
        <v>8.57357140074593</v>
      </c>
      <c r="K3122" s="58">
        <f>Bühler!K3148</f>
        <v>0.60082503484768157</v>
      </c>
      <c r="L3122" s="58">
        <f>Bühler!L3148</f>
        <v>0.30041251742384079</v>
      </c>
      <c r="M3122" s="57">
        <f>Bühler!M3148</f>
        <v>0</v>
      </c>
      <c r="N3122" s="55">
        <f>IF(Input!$K$13=1,J3122*Input!$J$13,0)+IF(Input!$K$14=1,K3122*Input!$J$14,0)+IF(Input!$K$15=1,L3122*Input!$J$15,0)+IF(Input!$K$16=1,M3122*Input!$J$16,0)</f>
        <v>1.0288285680895115</v>
      </c>
      <c r="O3122" s="58">
        <f>IF(Input!$K$13=2,J3122*Input!$J$13,0)+IF(Input!$K$14=2,K3122*Input!$J$14,0)+IF(Input!$K$15=2,L3122*Input!$J$15,0)+IF(Input!$K$16=2,M3122*Input!$J$16,0)</f>
        <v>8.1111379704437006E-2</v>
      </c>
      <c r="P3122" s="58">
        <f>IF(Input!$K$13=3,J3122*Input!$J$13,0)+IF(Input!$K$14=3,K3122*Input!$J$14,0)+IF(Input!$K$15=3,L3122*Input!$J$15,0)+IF(Input!$K$16=3,M3122*Input!$J$16,0)</f>
        <v>0</v>
      </c>
      <c r="Q3122" s="71">
        <f>IF(Input!$K$13=4,J3122*Input!$J$13,0)+IF(Input!$K$14=4,K3122*Input!$J$14,0)+IF(Input!$K$15=4,L3122*Input!$J$15,0)+IF(Input!$K$16=4,M3122*Input!$J$16,0)</f>
        <v>0</v>
      </c>
    </row>
    <row r="3123" spans="8:17" x14ac:dyDescent="0.25">
      <c r="H3123" s="43">
        <v>3116</v>
      </c>
      <c r="I3123" s="55">
        <f>Bühler!I3149</f>
        <v>0.46176083842726384</v>
      </c>
      <c r="J3123" s="58">
        <f>Bühler!J3149</f>
        <v>8.57357140074593</v>
      </c>
      <c r="K3123" s="58">
        <f>Bühler!K3149</f>
        <v>0.60082503484768157</v>
      </c>
      <c r="L3123" s="58">
        <f>Bühler!L3149</f>
        <v>0.30041251742384079</v>
      </c>
      <c r="M3123" s="57">
        <f>Bühler!M3149</f>
        <v>0</v>
      </c>
      <c r="N3123" s="55">
        <f>IF(Input!$K$13=1,J3123*Input!$J$13,0)+IF(Input!$K$14=1,K3123*Input!$J$14,0)+IF(Input!$K$15=1,L3123*Input!$J$15,0)+IF(Input!$K$16=1,M3123*Input!$J$16,0)</f>
        <v>1.0288285680895115</v>
      </c>
      <c r="O3123" s="58">
        <f>IF(Input!$K$13=2,J3123*Input!$J$13,0)+IF(Input!$K$14=2,K3123*Input!$J$14,0)+IF(Input!$K$15=2,L3123*Input!$J$15,0)+IF(Input!$K$16=2,M3123*Input!$J$16,0)</f>
        <v>8.1111379704437006E-2</v>
      </c>
      <c r="P3123" s="58">
        <f>IF(Input!$K$13=3,J3123*Input!$J$13,0)+IF(Input!$K$14=3,K3123*Input!$J$14,0)+IF(Input!$K$15=3,L3123*Input!$J$15,0)+IF(Input!$K$16=3,M3123*Input!$J$16,0)</f>
        <v>0</v>
      </c>
      <c r="Q3123" s="71">
        <f>IF(Input!$K$13=4,J3123*Input!$J$13,0)+IF(Input!$K$14=4,K3123*Input!$J$14,0)+IF(Input!$K$15=4,L3123*Input!$J$15,0)+IF(Input!$K$16=4,M3123*Input!$J$16,0)</f>
        <v>0</v>
      </c>
    </row>
    <row r="3124" spans="8:17" x14ac:dyDescent="0.25">
      <c r="H3124" s="43">
        <v>3117</v>
      </c>
      <c r="I3124" s="55">
        <f>Bühler!I3150</f>
        <v>0.46176083842726384</v>
      </c>
      <c r="J3124" s="58">
        <f>Bühler!J3150</f>
        <v>8.57357140074593</v>
      </c>
      <c r="K3124" s="58">
        <f>Bühler!K3150</f>
        <v>0.60082503484768157</v>
      </c>
      <c r="L3124" s="58">
        <f>Bühler!L3150</f>
        <v>0.30041251742384079</v>
      </c>
      <c r="M3124" s="57">
        <f>Bühler!M3150</f>
        <v>0</v>
      </c>
      <c r="N3124" s="55">
        <f>IF(Input!$K$13=1,J3124*Input!$J$13,0)+IF(Input!$K$14=1,K3124*Input!$J$14,0)+IF(Input!$K$15=1,L3124*Input!$J$15,0)+IF(Input!$K$16=1,M3124*Input!$J$16,0)</f>
        <v>1.0288285680895115</v>
      </c>
      <c r="O3124" s="58">
        <f>IF(Input!$K$13=2,J3124*Input!$J$13,0)+IF(Input!$K$14=2,K3124*Input!$J$14,0)+IF(Input!$K$15=2,L3124*Input!$J$15,0)+IF(Input!$K$16=2,M3124*Input!$J$16,0)</f>
        <v>8.1111379704437006E-2</v>
      </c>
      <c r="P3124" s="58">
        <f>IF(Input!$K$13=3,J3124*Input!$J$13,0)+IF(Input!$K$14=3,K3124*Input!$J$14,0)+IF(Input!$K$15=3,L3124*Input!$J$15,0)+IF(Input!$K$16=3,M3124*Input!$J$16,0)</f>
        <v>0</v>
      </c>
      <c r="Q3124" s="71">
        <f>IF(Input!$K$13=4,J3124*Input!$J$13,0)+IF(Input!$K$14=4,K3124*Input!$J$14,0)+IF(Input!$K$15=4,L3124*Input!$J$15,0)+IF(Input!$K$16=4,M3124*Input!$J$16,0)</f>
        <v>0</v>
      </c>
    </row>
    <row r="3125" spans="8:17" x14ac:dyDescent="0.25">
      <c r="H3125" s="43">
        <v>3118</v>
      </c>
      <c r="I3125" s="55">
        <f>Bühler!I3151</f>
        <v>0.46176083842726384</v>
      </c>
      <c r="J3125" s="58">
        <f>Bühler!J3151</f>
        <v>8.57357140074593</v>
      </c>
      <c r="K3125" s="58">
        <f>Bühler!K3151</f>
        <v>0.60082503484768157</v>
      </c>
      <c r="L3125" s="58">
        <f>Bühler!L3151</f>
        <v>0.30041251742384079</v>
      </c>
      <c r="M3125" s="57">
        <f>Bühler!M3151</f>
        <v>0</v>
      </c>
      <c r="N3125" s="55">
        <f>IF(Input!$K$13=1,J3125*Input!$J$13,0)+IF(Input!$K$14=1,K3125*Input!$J$14,0)+IF(Input!$K$15=1,L3125*Input!$J$15,0)+IF(Input!$K$16=1,M3125*Input!$J$16,0)</f>
        <v>1.0288285680895115</v>
      </c>
      <c r="O3125" s="58">
        <f>IF(Input!$K$13=2,J3125*Input!$J$13,0)+IF(Input!$K$14=2,K3125*Input!$J$14,0)+IF(Input!$K$15=2,L3125*Input!$J$15,0)+IF(Input!$K$16=2,M3125*Input!$J$16,0)</f>
        <v>8.1111379704437006E-2</v>
      </c>
      <c r="P3125" s="58">
        <f>IF(Input!$K$13=3,J3125*Input!$J$13,0)+IF(Input!$K$14=3,K3125*Input!$J$14,0)+IF(Input!$K$15=3,L3125*Input!$J$15,0)+IF(Input!$K$16=3,M3125*Input!$J$16,0)</f>
        <v>0</v>
      </c>
      <c r="Q3125" s="71">
        <f>IF(Input!$K$13=4,J3125*Input!$J$13,0)+IF(Input!$K$14=4,K3125*Input!$J$14,0)+IF(Input!$K$15=4,L3125*Input!$J$15,0)+IF(Input!$K$16=4,M3125*Input!$J$16,0)</f>
        <v>0</v>
      </c>
    </row>
    <row r="3126" spans="8:17" x14ac:dyDescent="0.25">
      <c r="H3126" s="43">
        <v>3119</v>
      </c>
      <c r="I3126" s="55">
        <f>Bühler!I3152</f>
        <v>0.46176083842726384</v>
      </c>
      <c r="J3126" s="58">
        <f>Bühler!J3152</f>
        <v>8.57357140074593</v>
      </c>
      <c r="K3126" s="58">
        <f>Bühler!K3152</f>
        <v>0.60082503484768157</v>
      </c>
      <c r="L3126" s="58">
        <f>Bühler!L3152</f>
        <v>0.30041251742384079</v>
      </c>
      <c r="M3126" s="57">
        <f>Bühler!M3152</f>
        <v>0</v>
      </c>
      <c r="N3126" s="55">
        <f>IF(Input!$K$13=1,J3126*Input!$J$13,0)+IF(Input!$K$14=1,K3126*Input!$J$14,0)+IF(Input!$K$15=1,L3126*Input!$J$15,0)+IF(Input!$K$16=1,M3126*Input!$J$16,0)</f>
        <v>1.0288285680895115</v>
      </c>
      <c r="O3126" s="58">
        <f>IF(Input!$K$13=2,J3126*Input!$J$13,0)+IF(Input!$K$14=2,K3126*Input!$J$14,0)+IF(Input!$K$15=2,L3126*Input!$J$15,0)+IF(Input!$K$16=2,M3126*Input!$J$16,0)</f>
        <v>8.1111379704437006E-2</v>
      </c>
      <c r="P3126" s="58">
        <f>IF(Input!$K$13=3,J3126*Input!$J$13,0)+IF(Input!$K$14=3,K3126*Input!$J$14,0)+IF(Input!$K$15=3,L3126*Input!$J$15,0)+IF(Input!$K$16=3,M3126*Input!$J$16,0)</f>
        <v>0</v>
      </c>
      <c r="Q3126" s="71">
        <f>IF(Input!$K$13=4,J3126*Input!$J$13,0)+IF(Input!$K$14=4,K3126*Input!$J$14,0)+IF(Input!$K$15=4,L3126*Input!$J$15,0)+IF(Input!$K$16=4,M3126*Input!$J$16,0)</f>
        <v>0</v>
      </c>
    </row>
    <row r="3127" spans="8:17" x14ac:dyDescent="0.25">
      <c r="H3127" s="43">
        <v>3120</v>
      </c>
      <c r="I3127" s="55">
        <f>Bühler!I3153</f>
        <v>0.46176083842726384</v>
      </c>
      <c r="J3127" s="58">
        <f>Bühler!J3153</f>
        <v>8.57357140074593</v>
      </c>
      <c r="K3127" s="58">
        <f>Bühler!K3153</f>
        <v>0.60082503484768157</v>
      </c>
      <c r="L3127" s="58">
        <f>Bühler!L3153</f>
        <v>0.30041251742384079</v>
      </c>
      <c r="M3127" s="57">
        <f>Bühler!M3153</f>
        <v>0</v>
      </c>
      <c r="N3127" s="55">
        <f>IF(Input!$K$13=1,J3127*Input!$J$13,0)+IF(Input!$K$14=1,K3127*Input!$J$14,0)+IF(Input!$K$15=1,L3127*Input!$J$15,0)+IF(Input!$K$16=1,M3127*Input!$J$16,0)</f>
        <v>1.0288285680895115</v>
      </c>
      <c r="O3127" s="58">
        <f>IF(Input!$K$13=2,J3127*Input!$J$13,0)+IF(Input!$K$14=2,K3127*Input!$J$14,0)+IF(Input!$K$15=2,L3127*Input!$J$15,0)+IF(Input!$K$16=2,M3127*Input!$J$16,0)</f>
        <v>8.1111379704437006E-2</v>
      </c>
      <c r="P3127" s="58">
        <f>IF(Input!$K$13=3,J3127*Input!$J$13,0)+IF(Input!$K$14=3,K3127*Input!$J$14,0)+IF(Input!$K$15=3,L3127*Input!$J$15,0)+IF(Input!$K$16=3,M3127*Input!$J$16,0)</f>
        <v>0</v>
      </c>
      <c r="Q3127" s="71">
        <f>IF(Input!$K$13=4,J3127*Input!$J$13,0)+IF(Input!$K$14=4,K3127*Input!$J$14,0)+IF(Input!$K$15=4,L3127*Input!$J$15,0)+IF(Input!$K$16=4,M3127*Input!$J$16,0)</f>
        <v>0</v>
      </c>
    </row>
    <row r="3128" spans="8:17" x14ac:dyDescent="0.25">
      <c r="H3128" s="43">
        <v>3121</v>
      </c>
      <c r="I3128" s="55">
        <f>Bühler!I3154</f>
        <v>0.40443725164296629</v>
      </c>
      <c r="J3128" s="58">
        <f>Bühler!J3154</f>
        <v>8.0901260937114579</v>
      </c>
      <c r="K3128" s="58">
        <f>Bühler!K3154</f>
        <v>0.59589777982222347</v>
      </c>
      <c r="L3128" s="58">
        <f>Bühler!L3154</f>
        <v>0.29794888991111174</v>
      </c>
      <c r="M3128" s="57">
        <f>Bühler!M3154</f>
        <v>0</v>
      </c>
      <c r="N3128" s="55">
        <f>IF(Input!$K$13=1,J3128*Input!$J$13,0)+IF(Input!$K$14=1,K3128*Input!$J$14,0)+IF(Input!$K$15=1,L3128*Input!$J$15,0)+IF(Input!$K$16=1,M3128*Input!$J$16,0)</f>
        <v>0.97081513124537488</v>
      </c>
      <c r="O3128" s="58">
        <f>IF(Input!$K$13=2,J3128*Input!$J$13,0)+IF(Input!$K$14=2,K3128*Input!$J$14,0)+IF(Input!$K$15=2,L3128*Input!$J$15,0)+IF(Input!$K$16=2,M3128*Input!$J$16,0)</f>
        <v>8.0446200276000163E-2</v>
      </c>
      <c r="P3128" s="58">
        <f>IF(Input!$K$13=3,J3128*Input!$J$13,0)+IF(Input!$K$14=3,K3128*Input!$J$14,0)+IF(Input!$K$15=3,L3128*Input!$J$15,0)+IF(Input!$K$16=3,M3128*Input!$J$16,0)</f>
        <v>0</v>
      </c>
      <c r="Q3128" s="71">
        <f>IF(Input!$K$13=4,J3128*Input!$J$13,0)+IF(Input!$K$14=4,K3128*Input!$J$14,0)+IF(Input!$K$15=4,L3128*Input!$J$15,0)+IF(Input!$K$16=4,M3128*Input!$J$16,0)</f>
        <v>0</v>
      </c>
    </row>
    <row r="3129" spans="8:17" x14ac:dyDescent="0.25">
      <c r="H3129" s="43">
        <v>3122</v>
      </c>
      <c r="I3129" s="55">
        <f>Bühler!I3155</f>
        <v>0.40443725164296629</v>
      </c>
      <c r="J3129" s="58">
        <f>Bühler!J3155</f>
        <v>8.0901260937114579</v>
      </c>
      <c r="K3129" s="58">
        <f>Bühler!K3155</f>
        <v>0.59589777982222347</v>
      </c>
      <c r="L3129" s="58">
        <f>Bühler!L3155</f>
        <v>0.29794888991111174</v>
      </c>
      <c r="M3129" s="57">
        <f>Bühler!M3155</f>
        <v>0</v>
      </c>
      <c r="N3129" s="55">
        <f>IF(Input!$K$13=1,J3129*Input!$J$13,0)+IF(Input!$K$14=1,K3129*Input!$J$14,0)+IF(Input!$K$15=1,L3129*Input!$J$15,0)+IF(Input!$K$16=1,M3129*Input!$J$16,0)</f>
        <v>0.97081513124537488</v>
      </c>
      <c r="O3129" s="58">
        <f>IF(Input!$K$13=2,J3129*Input!$J$13,0)+IF(Input!$K$14=2,K3129*Input!$J$14,0)+IF(Input!$K$15=2,L3129*Input!$J$15,0)+IF(Input!$K$16=2,M3129*Input!$J$16,0)</f>
        <v>8.0446200276000163E-2</v>
      </c>
      <c r="P3129" s="58">
        <f>IF(Input!$K$13=3,J3129*Input!$J$13,0)+IF(Input!$K$14=3,K3129*Input!$J$14,0)+IF(Input!$K$15=3,L3129*Input!$J$15,0)+IF(Input!$K$16=3,M3129*Input!$J$16,0)</f>
        <v>0</v>
      </c>
      <c r="Q3129" s="71">
        <f>IF(Input!$K$13=4,J3129*Input!$J$13,0)+IF(Input!$K$14=4,K3129*Input!$J$14,0)+IF(Input!$K$15=4,L3129*Input!$J$15,0)+IF(Input!$K$16=4,M3129*Input!$J$16,0)</f>
        <v>0</v>
      </c>
    </row>
    <row r="3130" spans="8:17" x14ac:dyDescent="0.25">
      <c r="H3130" s="43">
        <v>3123</v>
      </c>
      <c r="I3130" s="55">
        <f>Bühler!I3156</f>
        <v>0.40443725164296629</v>
      </c>
      <c r="J3130" s="58">
        <f>Bühler!J3156</f>
        <v>8.0901260937114579</v>
      </c>
      <c r="K3130" s="58">
        <f>Bühler!K3156</f>
        <v>0.59589777982222347</v>
      </c>
      <c r="L3130" s="58">
        <f>Bühler!L3156</f>
        <v>0.29794888991111174</v>
      </c>
      <c r="M3130" s="57">
        <f>Bühler!M3156</f>
        <v>0</v>
      </c>
      <c r="N3130" s="55">
        <f>IF(Input!$K$13=1,J3130*Input!$J$13,0)+IF(Input!$K$14=1,K3130*Input!$J$14,0)+IF(Input!$K$15=1,L3130*Input!$J$15,0)+IF(Input!$K$16=1,M3130*Input!$J$16,0)</f>
        <v>0.97081513124537488</v>
      </c>
      <c r="O3130" s="58">
        <f>IF(Input!$K$13=2,J3130*Input!$J$13,0)+IF(Input!$K$14=2,K3130*Input!$J$14,0)+IF(Input!$K$15=2,L3130*Input!$J$15,0)+IF(Input!$K$16=2,M3130*Input!$J$16,0)</f>
        <v>8.0446200276000163E-2</v>
      </c>
      <c r="P3130" s="58">
        <f>IF(Input!$K$13=3,J3130*Input!$J$13,0)+IF(Input!$K$14=3,K3130*Input!$J$14,0)+IF(Input!$K$15=3,L3130*Input!$J$15,0)+IF(Input!$K$16=3,M3130*Input!$J$16,0)</f>
        <v>0</v>
      </c>
      <c r="Q3130" s="71">
        <f>IF(Input!$K$13=4,J3130*Input!$J$13,0)+IF(Input!$K$14=4,K3130*Input!$J$14,0)+IF(Input!$K$15=4,L3130*Input!$J$15,0)+IF(Input!$K$16=4,M3130*Input!$J$16,0)</f>
        <v>0</v>
      </c>
    </row>
    <row r="3131" spans="8:17" x14ac:dyDescent="0.25">
      <c r="H3131" s="43">
        <v>3124</v>
      </c>
      <c r="I3131" s="55">
        <f>Bühler!I3157</f>
        <v>0.40443725164296629</v>
      </c>
      <c r="J3131" s="58">
        <f>Bühler!J3157</f>
        <v>8.0901260937114579</v>
      </c>
      <c r="K3131" s="58">
        <f>Bühler!K3157</f>
        <v>0.59589777982222347</v>
      </c>
      <c r="L3131" s="58">
        <f>Bühler!L3157</f>
        <v>0.29794888991111174</v>
      </c>
      <c r="M3131" s="57">
        <f>Bühler!M3157</f>
        <v>0</v>
      </c>
      <c r="N3131" s="55">
        <f>IF(Input!$K$13=1,J3131*Input!$J$13,0)+IF(Input!$K$14=1,K3131*Input!$J$14,0)+IF(Input!$K$15=1,L3131*Input!$J$15,0)+IF(Input!$K$16=1,M3131*Input!$J$16,0)</f>
        <v>0.97081513124537488</v>
      </c>
      <c r="O3131" s="58">
        <f>IF(Input!$K$13=2,J3131*Input!$J$13,0)+IF(Input!$K$14=2,K3131*Input!$J$14,0)+IF(Input!$K$15=2,L3131*Input!$J$15,0)+IF(Input!$K$16=2,M3131*Input!$J$16,0)</f>
        <v>8.0446200276000163E-2</v>
      </c>
      <c r="P3131" s="58">
        <f>IF(Input!$K$13=3,J3131*Input!$J$13,0)+IF(Input!$K$14=3,K3131*Input!$J$14,0)+IF(Input!$K$15=3,L3131*Input!$J$15,0)+IF(Input!$K$16=3,M3131*Input!$J$16,0)</f>
        <v>0</v>
      </c>
      <c r="Q3131" s="71">
        <f>IF(Input!$K$13=4,J3131*Input!$J$13,0)+IF(Input!$K$14=4,K3131*Input!$J$14,0)+IF(Input!$K$15=4,L3131*Input!$J$15,0)+IF(Input!$K$16=4,M3131*Input!$J$16,0)</f>
        <v>0</v>
      </c>
    </row>
    <row r="3132" spans="8:17" x14ac:dyDescent="0.25">
      <c r="H3132" s="43">
        <v>3125</v>
      </c>
      <c r="I3132" s="55">
        <f>Bühler!I3158</f>
        <v>0.40443725164296629</v>
      </c>
      <c r="J3132" s="58">
        <f>Bühler!J3158</f>
        <v>8.0901260937114579</v>
      </c>
      <c r="K3132" s="58">
        <f>Bühler!K3158</f>
        <v>0.59589777982222347</v>
      </c>
      <c r="L3132" s="58">
        <f>Bühler!L3158</f>
        <v>0.29794888991111174</v>
      </c>
      <c r="M3132" s="57">
        <f>Bühler!M3158</f>
        <v>0</v>
      </c>
      <c r="N3132" s="55">
        <f>IF(Input!$K$13=1,J3132*Input!$J$13,0)+IF(Input!$K$14=1,K3132*Input!$J$14,0)+IF(Input!$K$15=1,L3132*Input!$J$15,0)+IF(Input!$K$16=1,M3132*Input!$J$16,0)</f>
        <v>0.97081513124537488</v>
      </c>
      <c r="O3132" s="58">
        <f>IF(Input!$K$13=2,J3132*Input!$J$13,0)+IF(Input!$K$14=2,K3132*Input!$J$14,0)+IF(Input!$K$15=2,L3132*Input!$J$15,0)+IF(Input!$K$16=2,M3132*Input!$J$16,0)</f>
        <v>8.0446200276000163E-2</v>
      </c>
      <c r="P3132" s="58">
        <f>IF(Input!$K$13=3,J3132*Input!$J$13,0)+IF(Input!$K$14=3,K3132*Input!$J$14,0)+IF(Input!$K$15=3,L3132*Input!$J$15,0)+IF(Input!$K$16=3,M3132*Input!$J$16,0)</f>
        <v>0</v>
      </c>
      <c r="Q3132" s="71">
        <f>IF(Input!$K$13=4,J3132*Input!$J$13,0)+IF(Input!$K$14=4,K3132*Input!$J$14,0)+IF(Input!$K$15=4,L3132*Input!$J$15,0)+IF(Input!$K$16=4,M3132*Input!$J$16,0)</f>
        <v>0</v>
      </c>
    </row>
    <row r="3133" spans="8:17" x14ac:dyDescent="0.25">
      <c r="H3133" s="43">
        <v>3126</v>
      </c>
      <c r="I3133" s="55">
        <f>Bühler!I3159</f>
        <v>0.40443725164296629</v>
      </c>
      <c r="J3133" s="58">
        <f>Bühler!J3159</f>
        <v>8.0901260937114579</v>
      </c>
      <c r="K3133" s="58">
        <f>Bühler!K3159</f>
        <v>0.59589777982222347</v>
      </c>
      <c r="L3133" s="58">
        <f>Bühler!L3159</f>
        <v>0.29794888991111174</v>
      </c>
      <c r="M3133" s="57">
        <f>Bühler!M3159</f>
        <v>0</v>
      </c>
      <c r="N3133" s="55">
        <f>IF(Input!$K$13=1,J3133*Input!$J$13,0)+IF(Input!$K$14=1,K3133*Input!$J$14,0)+IF(Input!$K$15=1,L3133*Input!$J$15,0)+IF(Input!$K$16=1,M3133*Input!$J$16,0)</f>
        <v>0.97081513124537488</v>
      </c>
      <c r="O3133" s="58">
        <f>IF(Input!$K$13=2,J3133*Input!$J$13,0)+IF(Input!$K$14=2,K3133*Input!$J$14,0)+IF(Input!$K$15=2,L3133*Input!$J$15,0)+IF(Input!$K$16=2,M3133*Input!$J$16,0)</f>
        <v>8.0446200276000163E-2</v>
      </c>
      <c r="P3133" s="58">
        <f>IF(Input!$K$13=3,J3133*Input!$J$13,0)+IF(Input!$K$14=3,K3133*Input!$J$14,0)+IF(Input!$K$15=3,L3133*Input!$J$15,0)+IF(Input!$K$16=3,M3133*Input!$J$16,0)</f>
        <v>0</v>
      </c>
      <c r="Q3133" s="71">
        <f>IF(Input!$K$13=4,J3133*Input!$J$13,0)+IF(Input!$K$14=4,K3133*Input!$J$14,0)+IF(Input!$K$15=4,L3133*Input!$J$15,0)+IF(Input!$K$16=4,M3133*Input!$J$16,0)</f>
        <v>0</v>
      </c>
    </row>
    <row r="3134" spans="8:17" x14ac:dyDescent="0.25">
      <c r="H3134" s="43">
        <v>3127</v>
      </c>
      <c r="I3134" s="55">
        <f>Bühler!I3160</f>
        <v>0.40443725164296629</v>
      </c>
      <c r="J3134" s="58">
        <f>Bühler!J3160</f>
        <v>8.0901260937114579</v>
      </c>
      <c r="K3134" s="58">
        <f>Bühler!K3160</f>
        <v>0.59589777982222347</v>
      </c>
      <c r="L3134" s="58">
        <f>Bühler!L3160</f>
        <v>0.29794888991111174</v>
      </c>
      <c r="M3134" s="57">
        <f>Bühler!M3160</f>
        <v>0</v>
      </c>
      <c r="N3134" s="55">
        <f>IF(Input!$K$13=1,J3134*Input!$J$13,0)+IF(Input!$K$14=1,K3134*Input!$J$14,0)+IF(Input!$K$15=1,L3134*Input!$J$15,0)+IF(Input!$K$16=1,M3134*Input!$J$16,0)</f>
        <v>0.97081513124537488</v>
      </c>
      <c r="O3134" s="58">
        <f>IF(Input!$K$13=2,J3134*Input!$J$13,0)+IF(Input!$K$14=2,K3134*Input!$J$14,0)+IF(Input!$K$15=2,L3134*Input!$J$15,0)+IF(Input!$K$16=2,M3134*Input!$J$16,0)</f>
        <v>8.0446200276000163E-2</v>
      </c>
      <c r="P3134" s="58">
        <f>IF(Input!$K$13=3,J3134*Input!$J$13,0)+IF(Input!$K$14=3,K3134*Input!$J$14,0)+IF(Input!$K$15=3,L3134*Input!$J$15,0)+IF(Input!$K$16=3,M3134*Input!$J$16,0)</f>
        <v>0</v>
      </c>
      <c r="Q3134" s="71">
        <f>IF(Input!$K$13=4,J3134*Input!$J$13,0)+IF(Input!$K$14=4,K3134*Input!$J$14,0)+IF(Input!$K$15=4,L3134*Input!$J$15,0)+IF(Input!$K$16=4,M3134*Input!$J$16,0)</f>
        <v>0</v>
      </c>
    </row>
    <row r="3135" spans="8:17" x14ac:dyDescent="0.25">
      <c r="H3135" s="43">
        <v>3128</v>
      </c>
      <c r="I3135" s="55">
        <f>Bühler!I3161</f>
        <v>1.1142246282763719</v>
      </c>
      <c r="J3135" s="58">
        <f>Bühler!J3161</f>
        <v>32.487466863192928</v>
      </c>
      <c r="K3135" s="58">
        <f>Bühler!K3161</f>
        <v>2.4359578938793311</v>
      </c>
      <c r="L3135" s="58">
        <f>Bühler!L3161</f>
        <v>1.2179789469396656</v>
      </c>
      <c r="M3135" s="57">
        <f>Bühler!M3161</f>
        <v>0</v>
      </c>
      <c r="N3135" s="55">
        <f>IF(Input!$K$13=1,J3135*Input!$J$13,0)+IF(Input!$K$14=1,K3135*Input!$J$14,0)+IF(Input!$K$15=1,L3135*Input!$J$15,0)+IF(Input!$K$16=1,M3135*Input!$J$16,0)</f>
        <v>3.8984960235831512</v>
      </c>
      <c r="O3135" s="58">
        <f>IF(Input!$K$13=2,J3135*Input!$J$13,0)+IF(Input!$K$14=2,K3135*Input!$J$14,0)+IF(Input!$K$15=2,L3135*Input!$J$15,0)+IF(Input!$K$16=2,M3135*Input!$J$16,0)</f>
        <v>0.32885431567370971</v>
      </c>
      <c r="P3135" s="58">
        <f>IF(Input!$K$13=3,J3135*Input!$J$13,0)+IF(Input!$K$14=3,K3135*Input!$J$14,0)+IF(Input!$K$15=3,L3135*Input!$J$15,0)+IF(Input!$K$16=3,M3135*Input!$J$16,0)</f>
        <v>0</v>
      </c>
      <c r="Q3135" s="71">
        <f>IF(Input!$K$13=4,J3135*Input!$J$13,0)+IF(Input!$K$14=4,K3135*Input!$J$14,0)+IF(Input!$K$15=4,L3135*Input!$J$15,0)+IF(Input!$K$16=4,M3135*Input!$J$16,0)</f>
        <v>0</v>
      </c>
    </row>
    <row r="3136" spans="8:17" x14ac:dyDescent="0.25">
      <c r="H3136" s="43">
        <v>3129</v>
      </c>
      <c r="I3136" s="55">
        <f>Bühler!I3162</f>
        <v>1.2432401115504783</v>
      </c>
      <c r="J3136" s="58">
        <f>Bühler!J3162</f>
        <v>36.249173552615261</v>
      </c>
      <c r="K3136" s="58">
        <f>Bühler!K3162</f>
        <v>2.7180161763285171</v>
      </c>
      <c r="L3136" s="58">
        <f>Bühler!L3162</f>
        <v>1.3590080881642586</v>
      </c>
      <c r="M3136" s="57">
        <f>Bühler!M3162</f>
        <v>0</v>
      </c>
      <c r="N3136" s="55">
        <f>IF(Input!$K$13=1,J3136*Input!$J$13,0)+IF(Input!$K$14=1,K3136*Input!$J$14,0)+IF(Input!$K$15=1,L3136*Input!$J$15,0)+IF(Input!$K$16=1,M3136*Input!$J$16,0)</f>
        <v>4.3499008263138315</v>
      </c>
      <c r="O3136" s="58">
        <f>IF(Input!$K$13=2,J3136*Input!$J$13,0)+IF(Input!$K$14=2,K3136*Input!$J$14,0)+IF(Input!$K$15=2,L3136*Input!$J$15,0)+IF(Input!$K$16=2,M3136*Input!$J$16,0)</f>
        <v>0.36693218380434978</v>
      </c>
      <c r="P3136" s="58">
        <f>IF(Input!$K$13=3,J3136*Input!$J$13,0)+IF(Input!$K$14=3,K3136*Input!$J$14,0)+IF(Input!$K$15=3,L3136*Input!$J$15,0)+IF(Input!$K$16=3,M3136*Input!$J$16,0)</f>
        <v>0</v>
      </c>
      <c r="Q3136" s="71">
        <f>IF(Input!$K$13=4,J3136*Input!$J$13,0)+IF(Input!$K$14=4,K3136*Input!$J$14,0)+IF(Input!$K$15=4,L3136*Input!$J$15,0)+IF(Input!$K$16=4,M3136*Input!$J$16,0)</f>
        <v>0</v>
      </c>
    </row>
    <row r="3137" spans="8:17" x14ac:dyDescent="0.25">
      <c r="H3137" s="43">
        <v>3130</v>
      </c>
      <c r="I3137" s="55">
        <f>Bühler!I3163</f>
        <v>1.3722555948245845</v>
      </c>
      <c r="J3137" s="58">
        <f>Bühler!J3163</f>
        <v>40.010880242037608</v>
      </c>
      <c r="K3137" s="58">
        <f>Bühler!K3163</f>
        <v>3.0000744587777035</v>
      </c>
      <c r="L3137" s="58">
        <f>Bühler!L3163</f>
        <v>1.5000372293888518</v>
      </c>
      <c r="M3137" s="57">
        <f>Bühler!M3163</f>
        <v>0</v>
      </c>
      <c r="N3137" s="55">
        <f>IF(Input!$K$13=1,J3137*Input!$J$13,0)+IF(Input!$K$14=1,K3137*Input!$J$14,0)+IF(Input!$K$15=1,L3137*Input!$J$15,0)+IF(Input!$K$16=1,M3137*Input!$J$16,0)</f>
        <v>4.8013056290445126</v>
      </c>
      <c r="O3137" s="58">
        <f>IF(Input!$K$13=2,J3137*Input!$J$13,0)+IF(Input!$K$14=2,K3137*Input!$J$14,0)+IF(Input!$K$15=2,L3137*Input!$J$15,0)+IF(Input!$K$16=2,M3137*Input!$J$16,0)</f>
        <v>0.40501005193498996</v>
      </c>
      <c r="P3137" s="58">
        <f>IF(Input!$K$13=3,J3137*Input!$J$13,0)+IF(Input!$K$14=3,K3137*Input!$J$14,0)+IF(Input!$K$15=3,L3137*Input!$J$15,0)+IF(Input!$K$16=3,M3137*Input!$J$16,0)</f>
        <v>0</v>
      </c>
      <c r="Q3137" s="71">
        <f>IF(Input!$K$13=4,J3137*Input!$J$13,0)+IF(Input!$K$14=4,K3137*Input!$J$14,0)+IF(Input!$K$15=4,L3137*Input!$J$15,0)+IF(Input!$K$16=4,M3137*Input!$J$16,0)</f>
        <v>0</v>
      </c>
    </row>
    <row r="3138" spans="8:17" x14ac:dyDescent="0.25">
      <c r="H3138" s="43">
        <v>3131</v>
      </c>
      <c r="I3138" s="55">
        <f>Bühler!I3164</f>
        <v>1.3722555948245845</v>
      </c>
      <c r="J3138" s="58">
        <f>Bühler!J3164</f>
        <v>40.010880242037608</v>
      </c>
      <c r="K3138" s="58">
        <f>Bühler!K3164</f>
        <v>3.0000744587777035</v>
      </c>
      <c r="L3138" s="58">
        <f>Bühler!L3164</f>
        <v>1.5000372293888518</v>
      </c>
      <c r="M3138" s="57">
        <f>Bühler!M3164</f>
        <v>0</v>
      </c>
      <c r="N3138" s="55">
        <f>IF(Input!$K$13=1,J3138*Input!$J$13,0)+IF(Input!$K$14=1,K3138*Input!$J$14,0)+IF(Input!$K$15=1,L3138*Input!$J$15,0)+IF(Input!$K$16=1,M3138*Input!$J$16,0)</f>
        <v>4.8013056290445126</v>
      </c>
      <c r="O3138" s="58">
        <f>IF(Input!$K$13=2,J3138*Input!$J$13,0)+IF(Input!$K$14=2,K3138*Input!$J$14,0)+IF(Input!$K$15=2,L3138*Input!$J$15,0)+IF(Input!$K$16=2,M3138*Input!$J$16,0)</f>
        <v>0.40501005193498996</v>
      </c>
      <c r="P3138" s="58">
        <f>IF(Input!$K$13=3,J3138*Input!$J$13,0)+IF(Input!$K$14=3,K3138*Input!$J$14,0)+IF(Input!$K$15=3,L3138*Input!$J$15,0)+IF(Input!$K$16=3,M3138*Input!$J$16,0)</f>
        <v>0</v>
      </c>
      <c r="Q3138" s="71">
        <f>IF(Input!$K$13=4,J3138*Input!$J$13,0)+IF(Input!$K$14=4,K3138*Input!$J$14,0)+IF(Input!$K$15=4,L3138*Input!$J$15,0)+IF(Input!$K$16=4,M3138*Input!$J$16,0)</f>
        <v>0</v>
      </c>
    </row>
    <row r="3139" spans="8:17" x14ac:dyDescent="0.25">
      <c r="H3139" s="43">
        <v>3132</v>
      </c>
      <c r="I3139" s="55">
        <f>Bühler!I3165</f>
        <v>1.6420152416704428</v>
      </c>
      <c r="J3139" s="58">
        <f>Bühler!J3165</f>
        <v>47.876266956284304</v>
      </c>
      <c r="K3139" s="58">
        <f>Bühler!K3165</f>
        <v>3.5898326857169089</v>
      </c>
      <c r="L3139" s="58">
        <f>Bühler!L3165</f>
        <v>1.7949163428584545</v>
      </c>
      <c r="M3139" s="57">
        <f>Bühler!M3165</f>
        <v>0</v>
      </c>
      <c r="N3139" s="55">
        <f>IF(Input!$K$13=1,J3139*Input!$J$13,0)+IF(Input!$K$14=1,K3139*Input!$J$14,0)+IF(Input!$K$15=1,L3139*Input!$J$15,0)+IF(Input!$K$16=1,M3139*Input!$J$16,0)</f>
        <v>5.7451520347541161</v>
      </c>
      <c r="O3139" s="58">
        <f>IF(Input!$K$13=2,J3139*Input!$J$13,0)+IF(Input!$K$14=2,K3139*Input!$J$14,0)+IF(Input!$K$15=2,L3139*Input!$J$15,0)+IF(Input!$K$16=2,M3139*Input!$J$16,0)</f>
        <v>0.48462741257178266</v>
      </c>
      <c r="P3139" s="58">
        <f>IF(Input!$K$13=3,J3139*Input!$J$13,0)+IF(Input!$K$14=3,K3139*Input!$J$14,0)+IF(Input!$K$15=3,L3139*Input!$J$15,0)+IF(Input!$K$16=3,M3139*Input!$J$16,0)</f>
        <v>0</v>
      </c>
      <c r="Q3139" s="71">
        <f>IF(Input!$K$13=4,J3139*Input!$J$13,0)+IF(Input!$K$14=4,K3139*Input!$J$14,0)+IF(Input!$K$15=4,L3139*Input!$J$15,0)+IF(Input!$K$16=4,M3139*Input!$J$16,0)</f>
        <v>0</v>
      </c>
    </row>
    <row r="3140" spans="8:17" x14ac:dyDescent="0.25">
      <c r="H3140" s="43">
        <v>3133</v>
      </c>
      <c r="I3140" s="55">
        <f>Bühler!I3166</f>
        <v>1.6420152416704428</v>
      </c>
      <c r="J3140" s="58">
        <f>Bühler!J3166</f>
        <v>47.876266956284304</v>
      </c>
      <c r="K3140" s="58">
        <f>Bühler!K3166</f>
        <v>3.5898326857169089</v>
      </c>
      <c r="L3140" s="58">
        <f>Bühler!L3166</f>
        <v>1.7949163428584545</v>
      </c>
      <c r="M3140" s="57">
        <f>Bühler!M3166</f>
        <v>0</v>
      </c>
      <c r="N3140" s="55">
        <f>IF(Input!$K$13=1,J3140*Input!$J$13,0)+IF(Input!$K$14=1,K3140*Input!$J$14,0)+IF(Input!$K$15=1,L3140*Input!$J$15,0)+IF(Input!$K$16=1,M3140*Input!$J$16,0)</f>
        <v>5.7451520347541161</v>
      </c>
      <c r="O3140" s="58">
        <f>IF(Input!$K$13=2,J3140*Input!$J$13,0)+IF(Input!$K$14=2,K3140*Input!$J$14,0)+IF(Input!$K$15=2,L3140*Input!$J$15,0)+IF(Input!$K$16=2,M3140*Input!$J$16,0)</f>
        <v>0.48462741257178266</v>
      </c>
      <c r="P3140" s="58">
        <f>IF(Input!$K$13=3,J3140*Input!$J$13,0)+IF(Input!$K$14=3,K3140*Input!$J$14,0)+IF(Input!$K$15=3,L3140*Input!$J$15,0)+IF(Input!$K$16=3,M3140*Input!$J$16,0)</f>
        <v>0</v>
      </c>
      <c r="Q3140" s="71">
        <f>IF(Input!$K$13=4,J3140*Input!$J$13,0)+IF(Input!$K$14=4,K3140*Input!$J$14,0)+IF(Input!$K$15=4,L3140*Input!$J$15,0)+IF(Input!$K$16=4,M3140*Input!$J$16,0)</f>
        <v>0</v>
      </c>
    </row>
    <row r="3141" spans="8:17" x14ac:dyDescent="0.25">
      <c r="H3141" s="43">
        <v>3134</v>
      </c>
      <c r="I3141" s="55">
        <f>Bühler!I3167</f>
        <v>1.09076726768108</v>
      </c>
      <c r="J3141" s="58">
        <f>Bühler!J3167</f>
        <v>31.803520192388863</v>
      </c>
      <c r="K3141" s="58">
        <f>Bühler!K3167</f>
        <v>2.384674569797661</v>
      </c>
      <c r="L3141" s="58">
        <f>Bühler!L3167</f>
        <v>1.1923372848988305</v>
      </c>
      <c r="M3141" s="57">
        <f>Bühler!M3167</f>
        <v>0</v>
      </c>
      <c r="N3141" s="55">
        <f>IF(Input!$K$13=1,J3141*Input!$J$13,0)+IF(Input!$K$14=1,K3141*Input!$J$14,0)+IF(Input!$K$15=1,L3141*Input!$J$15,0)+IF(Input!$K$16=1,M3141*Input!$J$16,0)</f>
        <v>3.8164224230866632</v>
      </c>
      <c r="O3141" s="58">
        <f>IF(Input!$K$13=2,J3141*Input!$J$13,0)+IF(Input!$K$14=2,K3141*Input!$J$14,0)+IF(Input!$K$15=2,L3141*Input!$J$15,0)+IF(Input!$K$16=2,M3141*Input!$J$16,0)</f>
        <v>0.32193106692268425</v>
      </c>
      <c r="P3141" s="58">
        <f>IF(Input!$K$13=3,J3141*Input!$J$13,0)+IF(Input!$K$14=3,K3141*Input!$J$14,0)+IF(Input!$K$15=3,L3141*Input!$J$15,0)+IF(Input!$K$16=3,M3141*Input!$J$16,0)</f>
        <v>0</v>
      </c>
      <c r="Q3141" s="71">
        <f>IF(Input!$K$13=4,J3141*Input!$J$13,0)+IF(Input!$K$14=4,K3141*Input!$J$14,0)+IF(Input!$K$15=4,L3141*Input!$J$15,0)+IF(Input!$K$16=4,M3141*Input!$J$16,0)</f>
        <v>0</v>
      </c>
    </row>
    <row r="3142" spans="8:17" x14ac:dyDescent="0.25">
      <c r="H3142" s="43">
        <v>3135</v>
      </c>
      <c r="I3142" s="55">
        <f>Bühler!I3168</f>
        <v>1.6420152416704428</v>
      </c>
      <c r="J3142" s="58">
        <f>Bühler!J3168</f>
        <v>47.876266956284304</v>
      </c>
      <c r="K3142" s="58">
        <f>Bühler!K3168</f>
        <v>3.5898326857169089</v>
      </c>
      <c r="L3142" s="58">
        <f>Bühler!L3168</f>
        <v>1.7949163428584545</v>
      </c>
      <c r="M3142" s="57">
        <f>Bühler!M3168</f>
        <v>0</v>
      </c>
      <c r="N3142" s="55">
        <f>IF(Input!$K$13=1,J3142*Input!$J$13,0)+IF(Input!$K$14=1,K3142*Input!$J$14,0)+IF(Input!$K$15=1,L3142*Input!$J$15,0)+IF(Input!$K$16=1,M3142*Input!$J$16,0)</f>
        <v>5.7451520347541161</v>
      </c>
      <c r="O3142" s="58">
        <f>IF(Input!$K$13=2,J3142*Input!$J$13,0)+IF(Input!$K$14=2,K3142*Input!$J$14,0)+IF(Input!$K$15=2,L3142*Input!$J$15,0)+IF(Input!$K$16=2,M3142*Input!$J$16,0)</f>
        <v>0.48462741257178266</v>
      </c>
      <c r="P3142" s="58">
        <f>IF(Input!$K$13=3,J3142*Input!$J$13,0)+IF(Input!$K$14=3,K3142*Input!$J$14,0)+IF(Input!$K$15=3,L3142*Input!$J$15,0)+IF(Input!$K$16=3,M3142*Input!$J$16,0)</f>
        <v>0</v>
      </c>
      <c r="Q3142" s="71">
        <f>IF(Input!$K$13=4,J3142*Input!$J$13,0)+IF(Input!$K$14=4,K3142*Input!$J$14,0)+IF(Input!$K$15=4,L3142*Input!$J$15,0)+IF(Input!$K$16=4,M3142*Input!$J$16,0)</f>
        <v>0</v>
      </c>
    </row>
    <row r="3143" spans="8:17" x14ac:dyDescent="0.25">
      <c r="H3143" s="43">
        <v>3136</v>
      </c>
      <c r="I3143" s="55">
        <f>Bühler!I3169</f>
        <v>1.6420152416704428</v>
      </c>
      <c r="J3143" s="58">
        <f>Bühler!J3169</f>
        <v>47.876266956284304</v>
      </c>
      <c r="K3143" s="58">
        <f>Bühler!K3169</f>
        <v>3.5898326857169089</v>
      </c>
      <c r="L3143" s="58">
        <f>Bühler!L3169</f>
        <v>1.7949163428584545</v>
      </c>
      <c r="M3143" s="57">
        <f>Bühler!M3169</f>
        <v>0</v>
      </c>
      <c r="N3143" s="55">
        <f>IF(Input!$K$13=1,J3143*Input!$J$13,0)+IF(Input!$K$14=1,K3143*Input!$J$14,0)+IF(Input!$K$15=1,L3143*Input!$J$15,0)+IF(Input!$K$16=1,M3143*Input!$J$16,0)</f>
        <v>5.7451520347541161</v>
      </c>
      <c r="O3143" s="58">
        <f>IF(Input!$K$13=2,J3143*Input!$J$13,0)+IF(Input!$K$14=2,K3143*Input!$J$14,0)+IF(Input!$K$15=2,L3143*Input!$J$15,0)+IF(Input!$K$16=2,M3143*Input!$J$16,0)</f>
        <v>0.48462741257178266</v>
      </c>
      <c r="P3143" s="58">
        <f>IF(Input!$K$13=3,J3143*Input!$J$13,0)+IF(Input!$K$14=3,K3143*Input!$J$14,0)+IF(Input!$K$15=3,L3143*Input!$J$15,0)+IF(Input!$K$16=3,M3143*Input!$J$16,0)</f>
        <v>0</v>
      </c>
      <c r="Q3143" s="71">
        <f>IF(Input!$K$13=4,J3143*Input!$J$13,0)+IF(Input!$K$14=4,K3143*Input!$J$14,0)+IF(Input!$K$15=4,L3143*Input!$J$15,0)+IF(Input!$K$16=4,M3143*Input!$J$16,0)</f>
        <v>0</v>
      </c>
    </row>
    <row r="3144" spans="8:17" x14ac:dyDescent="0.25">
      <c r="H3144" s="43">
        <v>3137</v>
      </c>
      <c r="I3144" s="55">
        <f>Bühler!I3170</f>
        <v>1.372053376198763</v>
      </c>
      <c r="J3144" s="58">
        <f>Bühler!J3170</f>
        <v>28.650940526614093</v>
      </c>
      <c r="K3144" s="58">
        <f>Bühler!K3170</f>
        <v>2.1154371183688934</v>
      </c>
      <c r="L3144" s="58">
        <f>Bühler!L3170</f>
        <v>1.0577185591844467</v>
      </c>
      <c r="M3144" s="57">
        <f>Bühler!M3170</f>
        <v>0</v>
      </c>
      <c r="N3144" s="55">
        <f>IF(Input!$K$13=1,J3144*Input!$J$13,0)+IF(Input!$K$14=1,K3144*Input!$J$14,0)+IF(Input!$K$15=1,L3144*Input!$J$15,0)+IF(Input!$K$16=1,M3144*Input!$J$16,0)</f>
        <v>3.438112863193691</v>
      </c>
      <c r="O3144" s="58">
        <f>IF(Input!$K$13=2,J3144*Input!$J$13,0)+IF(Input!$K$14=2,K3144*Input!$J$14,0)+IF(Input!$K$15=2,L3144*Input!$J$15,0)+IF(Input!$K$16=2,M3144*Input!$J$16,0)</f>
        <v>0.28558401097980057</v>
      </c>
      <c r="P3144" s="58">
        <f>IF(Input!$K$13=3,J3144*Input!$J$13,0)+IF(Input!$K$14=3,K3144*Input!$J$14,0)+IF(Input!$K$15=3,L3144*Input!$J$15,0)+IF(Input!$K$16=3,M3144*Input!$J$16,0)</f>
        <v>0</v>
      </c>
      <c r="Q3144" s="71">
        <f>IF(Input!$K$13=4,J3144*Input!$J$13,0)+IF(Input!$K$14=4,K3144*Input!$J$14,0)+IF(Input!$K$15=4,L3144*Input!$J$15,0)+IF(Input!$K$16=4,M3144*Input!$J$16,0)</f>
        <v>0</v>
      </c>
    </row>
    <row r="3145" spans="8:17" x14ac:dyDescent="0.25">
      <c r="H3145" s="43">
        <v>3138</v>
      </c>
      <c r="I3145" s="55">
        <f>Bühler!I3171</f>
        <v>1.0909694863069015</v>
      </c>
      <c r="J3145" s="58">
        <f>Bühler!J3171</f>
        <v>12.775801394658098</v>
      </c>
      <c r="K3145" s="58">
        <f>Bühler!K3171</f>
        <v>0.90287542397306586</v>
      </c>
      <c r="L3145" s="58">
        <f>Bühler!L3171</f>
        <v>0.45143771198653293</v>
      </c>
      <c r="M3145" s="57">
        <f>Bühler!M3171</f>
        <v>0</v>
      </c>
      <c r="N3145" s="55">
        <f>IF(Input!$K$13=1,J3145*Input!$J$13,0)+IF(Input!$K$14=1,K3145*Input!$J$14,0)+IF(Input!$K$15=1,L3145*Input!$J$15,0)+IF(Input!$K$16=1,M3145*Input!$J$16,0)</f>
        <v>1.5330961673589716</v>
      </c>
      <c r="O3145" s="58">
        <f>IF(Input!$K$13=2,J3145*Input!$J$13,0)+IF(Input!$K$14=2,K3145*Input!$J$14,0)+IF(Input!$K$15=2,L3145*Input!$J$15,0)+IF(Input!$K$16=2,M3145*Input!$J$16,0)</f>
        <v>0.12188818223636388</v>
      </c>
      <c r="P3145" s="58">
        <f>IF(Input!$K$13=3,J3145*Input!$J$13,0)+IF(Input!$K$14=3,K3145*Input!$J$14,0)+IF(Input!$K$15=3,L3145*Input!$J$15,0)+IF(Input!$K$16=3,M3145*Input!$J$16,0)</f>
        <v>0</v>
      </c>
      <c r="Q3145" s="71">
        <f>IF(Input!$K$13=4,J3145*Input!$J$13,0)+IF(Input!$K$14=4,K3145*Input!$J$14,0)+IF(Input!$K$15=4,L3145*Input!$J$15,0)+IF(Input!$K$16=4,M3145*Input!$J$16,0)</f>
        <v>0</v>
      </c>
    </row>
    <row r="3146" spans="8:17" x14ac:dyDescent="0.25">
      <c r="H3146" s="43">
        <v>3139</v>
      </c>
      <c r="I3146" s="55">
        <f>Bühler!I3172</f>
        <v>0.40443725164296629</v>
      </c>
      <c r="J3146" s="58">
        <f>Bühler!J3172</f>
        <v>8.0901260937114579</v>
      </c>
      <c r="K3146" s="58">
        <f>Bühler!K3172</f>
        <v>0.59589777982222347</v>
      </c>
      <c r="L3146" s="58">
        <f>Bühler!L3172</f>
        <v>0.29794888991111174</v>
      </c>
      <c r="M3146" s="57">
        <f>Bühler!M3172</f>
        <v>0</v>
      </c>
      <c r="N3146" s="55">
        <f>IF(Input!$K$13=1,J3146*Input!$J$13,0)+IF(Input!$K$14=1,K3146*Input!$J$14,0)+IF(Input!$K$15=1,L3146*Input!$J$15,0)+IF(Input!$K$16=1,M3146*Input!$J$16,0)</f>
        <v>0.97081513124537488</v>
      </c>
      <c r="O3146" s="58">
        <f>IF(Input!$K$13=2,J3146*Input!$J$13,0)+IF(Input!$K$14=2,K3146*Input!$J$14,0)+IF(Input!$K$15=2,L3146*Input!$J$15,0)+IF(Input!$K$16=2,M3146*Input!$J$16,0)</f>
        <v>8.0446200276000163E-2</v>
      </c>
      <c r="P3146" s="58">
        <f>IF(Input!$K$13=3,J3146*Input!$J$13,0)+IF(Input!$K$14=3,K3146*Input!$J$14,0)+IF(Input!$K$15=3,L3146*Input!$J$15,0)+IF(Input!$K$16=3,M3146*Input!$J$16,0)</f>
        <v>0</v>
      </c>
      <c r="Q3146" s="71">
        <f>IF(Input!$K$13=4,J3146*Input!$J$13,0)+IF(Input!$K$14=4,K3146*Input!$J$14,0)+IF(Input!$K$15=4,L3146*Input!$J$15,0)+IF(Input!$K$16=4,M3146*Input!$J$16,0)</f>
        <v>0</v>
      </c>
    </row>
    <row r="3147" spans="8:17" x14ac:dyDescent="0.25">
      <c r="H3147" s="43">
        <v>3140</v>
      </c>
      <c r="I3147" s="55">
        <f>Bühler!I3173</f>
        <v>0.40443725164296629</v>
      </c>
      <c r="J3147" s="58">
        <f>Bühler!J3173</f>
        <v>8.0901260937114579</v>
      </c>
      <c r="K3147" s="58">
        <f>Bühler!K3173</f>
        <v>0.59589777982222347</v>
      </c>
      <c r="L3147" s="58">
        <f>Bühler!L3173</f>
        <v>0.29794888991111174</v>
      </c>
      <c r="M3147" s="57">
        <f>Bühler!M3173</f>
        <v>0</v>
      </c>
      <c r="N3147" s="55">
        <f>IF(Input!$K$13=1,J3147*Input!$J$13,0)+IF(Input!$K$14=1,K3147*Input!$J$14,0)+IF(Input!$K$15=1,L3147*Input!$J$15,0)+IF(Input!$K$16=1,M3147*Input!$J$16,0)</f>
        <v>0.97081513124537488</v>
      </c>
      <c r="O3147" s="58">
        <f>IF(Input!$K$13=2,J3147*Input!$J$13,0)+IF(Input!$K$14=2,K3147*Input!$J$14,0)+IF(Input!$K$15=2,L3147*Input!$J$15,0)+IF(Input!$K$16=2,M3147*Input!$J$16,0)</f>
        <v>8.0446200276000163E-2</v>
      </c>
      <c r="P3147" s="58">
        <f>IF(Input!$K$13=3,J3147*Input!$J$13,0)+IF(Input!$K$14=3,K3147*Input!$J$14,0)+IF(Input!$K$15=3,L3147*Input!$J$15,0)+IF(Input!$K$16=3,M3147*Input!$J$16,0)</f>
        <v>0</v>
      </c>
      <c r="Q3147" s="71">
        <f>IF(Input!$K$13=4,J3147*Input!$J$13,0)+IF(Input!$K$14=4,K3147*Input!$J$14,0)+IF(Input!$K$15=4,L3147*Input!$J$15,0)+IF(Input!$K$16=4,M3147*Input!$J$16,0)</f>
        <v>0</v>
      </c>
    </row>
    <row r="3148" spans="8:17" x14ac:dyDescent="0.25">
      <c r="H3148" s="43">
        <v>3141</v>
      </c>
      <c r="I3148" s="55">
        <f>Bühler!I3174</f>
        <v>0.40443725164296629</v>
      </c>
      <c r="J3148" s="58">
        <f>Bühler!J3174</f>
        <v>8.0901260937114579</v>
      </c>
      <c r="K3148" s="58">
        <f>Bühler!K3174</f>
        <v>0.59589777982222347</v>
      </c>
      <c r="L3148" s="58">
        <f>Bühler!L3174</f>
        <v>0.29794888991111174</v>
      </c>
      <c r="M3148" s="57">
        <f>Bühler!M3174</f>
        <v>0</v>
      </c>
      <c r="N3148" s="55">
        <f>IF(Input!$K$13=1,J3148*Input!$J$13,0)+IF(Input!$K$14=1,K3148*Input!$J$14,0)+IF(Input!$K$15=1,L3148*Input!$J$15,0)+IF(Input!$K$16=1,M3148*Input!$J$16,0)</f>
        <v>0.97081513124537488</v>
      </c>
      <c r="O3148" s="58">
        <f>IF(Input!$K$13=2,J3148*Input!$J$13,0)+IF(Input!$K$14=2,K3148*Input!$J$14,0)+IF(Input!$K$15=2,L3148*Input!$J$15,0)+IF(Input!$K$16=2,M3148*Input!$J$16,0)</f>
        <v>8.0446200276000163E-2</v>
      </c>
      <c r="P3148" s="58">
        <f>IF(Input!$K$13=3,J3148*Input!$J$13,0)+IF(Input!$K$14=3,K3148*Input!$J$14,0)+IF(Input!$K$15=3,L3148*Input!$J$15,0)+IF(Input!$K$16=3,M3148*Input!$J$16,0)</f>
        <v>0</v>
      </c>
      <c r="Q3148" s="71">
        <f>IF(Input!$K$13=4,J3148*Input!$J$13,0)+IF(Input!$K$14=4,K3148*Input!$J$14,0)+IF(Input!$K$15=4,L3148*Input!$J$15,0)+IF(Input!$K$16=4,M3148*Input!$J$16,0)</f>
        <v>0</v>
      </c>
    </row>
    <row r="3149" spans="8:17" x14ac:dyDescent="0.25">
      <c r="H3149" s="43">
        <v>3142</v>
      </c>
      <c r="I3149" s="55">
        <f>Bühler!I3175</f>
        <v>0.40443725164296629</v>
      </c>
      <c r="J3149" s="58">
        <f>Bühler!J3175</f>
        <v>8.0901260937114579</v>
      </c>
      <c r="K3149" s="58">
        <f>Bühler!K3175</f>
        <v>0.59589777982222347</v>
      </c>
      <c r="L3149" s="58">
        <f>Bühler!L3175</f>
        <v>0.29794888991111174</v>
      </c>
      <c r="M3149" s="57">
        <f>Bühler!M3175</f>
        <v>0</v>
      </c>
      <c r="N3149" s="55">
        <f>IF(Input!$K$13=1,J3149*Input!$J$13,0)+IF(Input!$K$14=1,K3149*Input!$J$14,0)+IF(Input!$K$15=1,L3149*Input!$J$15,0)+IF(Input!$K$16=1,M3149*Input!$J$16,0)</f>
        <v>0.97081513124537488</v>
      </c>
      <c r="O3149" s="58">
        <f>IF(Input!$K$13=2,J3149*Input!$J$13,0)+IF(Input!$K$14=2,K3149*Input!$J$14,0)+IF(Input!$K$15=2,L3149*Input!$J$15,0)+IF(Input!$K$16=2,M3149*Input!$J$16,0)</f>
        <v>8.0446200276000163E-2</v>
      </c>
      <c r="P3149" s="58">
        <f>IF(Input!$K$13=3,J3149*Input!$J$13,0)+IF(Input!$K$14=3,K3149*Input!$J$14,0)+IF(Input!$K$15=3,L3149*Input!$J$15,0)+IF(Input!$K$16=3,M3149*Input!$J$16,0)</f>
        <v>0</v>
      </c>
      <c r="Q3149" s="71">
        <f>IF(Input!$K$13=4,J3149*Input!$J$13,0)+IF(Input!$K$14=4,K3149*Input!$J$14,0)+IF(Input!$K$15=4,L3149*Input!$J$15,0)+IF(Input!$K$16=4,M3149*Input!$J$16,0)</f>
        <v>0</v>
      </c>
    </row>
    <row r="3150" spans="8:17" x14ac:dyDescent="0.25">
      <c r="H3150" s="43">
        <v>3143</v>
      </c>
      <c r="I3150" s="55">
        <f>Bühler!I3176</f>
        <v>0.40443725164296629</v>
      </c>
      <c r="J3150" s="58">
        <f>Bühler!J3176</f>
        <v>8.0901260937114579</v>
      </c>
      <c r="K3150" s="58">
        <f>Bühler!K3176</f>
        <v>0.59589777982222347</v>
      </c>
      <c r="L3150" s="58">
        <f>Bühler!L3176</f>
        <v>0.29794888991111174</v>
      </c>
      <c r="M3150" s="57">
        <f>Bühler!M3176</f>
        <v>0</v>
      </c>
      <c r="N3150" s="55">
        <f>IF(Input!$K$13=1,J3150*Input!$J$13,0)+IF(Input!$K$14=1,K3150*Input!$J$14,0)+IF(Input!$K$15=1,L3150*Input!$J$15,0)+IF(Input!$K$16=1,M3150*Input!$J$16,0)</f>
        <v>0.97081513124537488</v>
      </c>
      <c r="O3150" s="58">
        <f>IF(Input!$K$13=2,J3150*Input!$J$13,0)+IF(Input!$K$14=2,K3150*Input!$J$14,0)+IF(Input!$K$15=2,L3150*Input!$J$15,0)+IF(Input!$K$16=2,M3150*Input!$J$16,0)</f>
        <v>8.0446200276000163E-2</v>
      </c>
      <c r="P3150" s="58">
        <f>IF(Input!$K$13=3,J3150*Input!$J$13,0)+IF(Input!$K$14=3,K3150*Input!$J$14,0)+IF(Input!$K$15=3,L3150*Input!$J$15,0)+IF(Input!$K$16=3,M3150*Input!$J$16,0)</f>
        <v>0</v>
      </c>
      <c r="Q3150" s="71">
        <f>IF(Input!$K$13=4,J3150*Input!$J$13,0)+IF(Input!$K$14=4,K3150*Input!$J$14,0)+IF(Input!$K$15=4,L3150*Input!$J$15,0)+IF(Input!$K$16=4,M3150*Input!$J$16,0)</f>
        <v>0</v>
      </c>
    </row>
    <row r="3151" spans="8:17" x14ac:dyDescent="0.25">
      <c r="H3151" s="43">
        <v>3144</v>
      </c>
      <c r="I3151" s="55">
        <f>Bühler!I3177</f>
        <v>0.40443725164296629</v>
      </c>
      <c r="J3151" s="58">
        <f>Bühler!J3177</f>
        <v>8.0901260937114579</v>
      </c>
      <c r="K3151" s="58">
        <f>Bühler!K3177</f>
        <v>0.59589777982222347</v>
      </c>
      <c r="L3151" s="58">
        <f>Bühler!L3177</f>
        <v>0.29794888991111174</v>
      </c>
      <c r="M3151" s="57">
        <f>Bühler!M3177</f>
        <v>0</v>
      </c>
      <c r="N3151" s="55">
        <f>IF(Input!$K$13=1,J3151*Input!$J$13,0)+IF(Input!$K$14=1,K3151*Input!$J$14,0)+IF(Input!$K$15=1,L3151*Input!$J$15,0)+IF(Input!$K$16=1,M3151*Input!$J$16,0)</f>
        <v>0.97081513124537488</v>
      </c>
      <c r="O3151" s="58">
        <f>IF(Input!$K$13=2,J3151*Input!$J$13,0)+IF(Input!$K$14=2,K3151*Input!$J$14,0)+IF(Input!$K$15=2,L3151*Input!$J$15,0)+IF(Input!$K$16=2,M3151*Input!$J$16,0)</f>
        <v>8.0446200276000163E-2</v>
      </c>
      <c r="P3151" s="58">
        <f>IF(Input!$K$13=3,J3151*Input!$J$13,0)+IF(Input!$K$14=3,K3151*Input!$J$14,0)+IF(Input!$K$15=3,L3151*Input!$J$15,0)+IF(Input!$K$16=3,M3151*Input!$J$16,0)</f>
        <v>0</v>
      </c>
      <c r="Q3151" s="71">
        <f>IF(Input!$K$13=4,J3151*Input!$J$13,0)+IF(Input!$K$14=4,K3151*Input!$J$14,0)+IF(Input!$K$15=4,L3151*Input!$J$15,0)+IF(Input!$K$16=4,M3151*Input!$J$16,0)</f>
        <v>0</v>
      </c>
    </row>
    <row r="3152" spans="8:17" x14ac:dyDescent="0.25">
      <c r="H3152" s="43">
        <v>3145</v>
      </c>
      <c r="I3152" s="55">
        <f>Bühler!I3178</f>
        <v>0.48090203706977741</v>
      </c>
      <c r="J3152" s="58">
        <f>Bühler!J3178</f>
        <v>13.27173127339633</v>
      </c>
      <c r="K3152" s="58">
        <f>Bühler!K3178</f>
        <v>0.92321410457387043</v>
      </c>
      <c r="L3152" s="58">
        <f>Bühler!L3178</f>
        <v>0.46160705228693522</v>
      </c>
      <c r="M3152" s="57">
        <f>Bühler!M3178</f>
        <v>0</v>
      </c>
      <c r="N3152" s="55">
        <f>IF(Input!$K$13=1,J3152*Input!$J$13,0)+IF(Input!$K$14=1,K3152*Input!$J$14,0)+IF(Input!$K$15=1,L3152*Input!$J$15,0)+IF(Input!$K$16=1,M3152*Input!$J$16,0)</f>
        <v>1.5926077528075595</v>
      </c>
      <c r="O3152" s="58">
        <f>IF(Input!$K$13=2,J3152*Input!$J$13,0)+IF(Input!$K$14=2,K3152*Input!$J$14,0)+IF(Input!$K$15=2,L3152*Input!$J$15,0)+IF(Input!$K$16=2,M3152*Input!$J$16,0)</f>
        <v>0.12463390411747251</v>
      </c>
      <c r="P3152" s="58">
        <f>IF(Input!$K$13=3,J3152*Input!$J$13,0)+IF(Input!$K$14=3,K3152*Input!$J$14,0)+IF(Input!$K$15=3,L3152*Input!$J$15,0)+IF(Input!$K$16=3,M3152*Input!$J$16,0)</f>
        <v>0</v>
      </c>
      <c r="Q3152" s="71">
        <f>IF(Input!$K$13=4,J3152*Input!$J$13,0)+IF(Input!$K$14=4,K3152*Input!$J$14,0)+IF(Input!$K$15=4,L3152*Input!$J$15,0)+IF(Input!$K$16=4,M3152*Input!$J$16,0)</f>
        <v>0</v>
      </c>
    </row>
    <row r="3153" spans="8:17" x14ac:dyDescent="0.25">
      <c r="H3153" s="43">
        <v>3146</v>
      </c>
      <c r="I3153" s="55">
        <f>Bühler!I3179</f>
        <v>0.48090203706977741</v>
      </c>
      <c r="J3153" s="58">
        <f>Bühler!J3179</f>
        <v>8.2487069441411904</v>
      </c>
      <c r="K3153" s="58">
        <f>Bühler!K3179</f>
        <v>0.55952369974173966</v>
      </c>
      <c r="L3153" s="58">
        <f>Bühler!L3179</f>
        <v>0.27976184987086983</v>
      </c>
      <c r="M3153" s="57">
        <f>Bühler!M3179</f>
        <v>0</v>
      </c>
      <c r="N3153" s="55">
        <f>IF(Input!$K$13=1,J3153*Input!$J$13,0)+IF(Input!$K$14=1,K3153*Input!$J$14,0)+IF(Input!$K$15=1,L3153*Input!$J$15,0)+IF(Input!$K$16=1,M3153*Input!$J$16,0)</f>
        <v>0.98984483329694284</v>
      </c>
      <c r="O3153" s="58">
        <f>IF(Input!$K$13=2,J3153*Input!$J$13,0)+IF(Input!$K$14=2,K3153*Input!$J$14,0)+IF(Input!$K$15=2,L3153*Input!$J$15,0)+IF(Input!$K$16=2,M3153*Input!$J$16,0)</f>
        <v>7.5535699465134859E-2</v>
      </c>
      <c r="P3153" s="58">
        <f>IF(Input!$K$13=3,J3153*Input!$J$13,0)+IF(Input!$K$14=3,K3153*Input!$J$14,0)+IF(Input!$K$15=3,L3153*Input!$J$15,0)+IF(Input!$K$16=3,M3153*Input!$J$16,0)</f>
        <v>0</v>
      </c>
      <c r="Q3153" s="71">
        <f>IF(Input!$K$13=4,J3153*Input!$J$13,0)+IF(Input!$K$14=4,K3153*Input!$J$14,0)+IF(Input!$K$15=4,L3153*Input!$J$15,0)+IF(Input!$K$16=4,M3153*Input!$J$16,0)</f>
        <v>0</v>
      </c>
    </row>
    <row r="3154" spans="8:17" x14ac:dyDescent="0.25">
      <c r="H3154" s="43">
        <v>3147</v>
      </c>
      <c r="I3154" s="55">
        <f>Bühler!I3180</f>
        <v>0.48090203706977741</v>
      </c>
      <c r="J3154" s="58">
        <f>Bühler!J3180</f>
        <v>8.2487069441411904</v>
      </c>
      <c r="K3154" s="58">
        <f>Bühler!K3180</f>
        <v>0.55952369974173966</v>
      </c>
      <c r="L3154" s="58">
        <f>Bühler!L3180</f>
        <v>0.27976184987086983</v>
      </c>
      <c r="M3154" s="57">
        <f>Bühler!M3180</f>
        <v>0</v>
      </c>
      <c r="N3154" s="55">
        <f>IF(Input!$K$13=1,J3154*Input!$J$13,0)+IF(Input!$K$14=1,K3154*Input!$J$14,0)+IF(Input!$K$15=1,L3154*Input!$J$15,0)+IF(Input!$K$16=1,M3154*Input!$J$16,0)</f>
        <v>0.98984483329694284</v>
      </c>
      <c r="O3154" s="58">
        <f>IF(Input!$K$13=2,J3154*Input!$J$13,0)+IF(Input!$K$14=2,K3154*Input!$J$14,0)+IF(Input!$K$15=2,L3154*Input!$J$15,0)+IF(Input!$K$16=2,M3154*Input!$J$16,0)</f>
        <v>7.5535699465134859E-2</v>
      </c>
      <c r="P3154" s="58">
        <f>IF(Input!$K$13=3,J3154*Input!$J$13,0)+IF(Input!$K$14=3,K3154*Input!$J$14,0)+IF(Input!$K$15=3,L3154*Input!$J$15,0)+IF(Input!$K$16=3,M3154*Input!$J$16,0)</f>
        <v>0</v>
      </c>
      <c r="Q3154" s="71">
        <f>IF(Input!$K$13=4,J3154*Input!$J$13,0)+IF(Input!$K$14=4,K3154*Input!$J$14,0)+IF(Input!$K$15=4,L3154*Input!$J$15,0)+IF(Input!$K$16=4,M3154*Input!$J$16,0)</f>
        <v>0</v>
      </c>
    </row>
    <row r="3155" spans="8:17" x14ac:dyDescent="0.25">
      <c r="H3155" s="43">
        <v>3148</v>
      </c>
      <c r="I3155" s="55">
        <f>Bühler!I3181</f>
        <v>0.48090203706977741</v>
      </c>
      <c r="J3155" s="58">
        <f>Bühler!J3181</f>
        <v>8.2487069441411904</v>
      </c>
      <c r="K3155" s="58">
        <f>Bühler!K3181</f>
        <v>0.55952369974173966</v>
      </c>
      <c r="L3155" s="58">
        <f>Bühler!L3181</f>
        <v>0.27976184987086983</v>
      </c>
      <c r="M3155" s="57">
        <f>Bühler!M3181</f>
        <v>0</v>
      </c>
      <c r="N3155" s="55">
        <f>IF(Input!$K$13=1,J3155*Input!$J$13,0)+IF(Input!$K$14=1,K3155*Input!$J$14,0)+IF(Input!$K$15=1,L3155*Input!$J$15,0)+IF(Input!$K$16=1,M3155*Input!$J$16,0)</f>
        <v>0.98984483329694284</v>
      </c>
      <c r="O3155" s="58">
        <f>IF(Input!$K$13=2,J3155*Input!$J$13,0)+IF(Input!$K$14=2,K3155*Input!$J$14,0)+IF(Input!$K$15=2,L3155*Input!$J$15,0)+IF(Input!$K$16=2,M3155*Input!$J$16,0)</f>
        <v>7.5535699465134859E-2</v>
      </c>
      <c r="P3155" s="58">
        <f>IF(Input!$K$13=3,J3155*Input!$J$13,0)+IF(Input!$K$14=3,K3155*Input!$J$14,0)+IF(Input!$K$15=3,L3155*Input!$J$15,0)+IF(Input!$K$16=3,M3155*Input!$J$16,0)</f>
        <v>0</v>
      </c>
      <c r="Q3155" s="71">
        <f>IF(Input!$K$13=4,J3155*Input!$J$13,0)+IF(Input!$K$14=4,K3155*Input!$J$14,0)+IF(Input!$K$15=4,L3155*Input!$J$15,0)+IF(Input!$K$16=4,M3155*Input!$J$16,0)</f>
        <v>0</v>
      </c>
    </row>
    <row r="3156" spans="8:17" x14ac:dyDescent="0.25">
      <c r="H3156" s="43">
        <v>3149</v>
      </c>
      <c r="I3156" s="55">
        <f>Bühler!I3182</f>
        <v>0.48090203706977741</v>
      </c>
      <c r="J3156" s="58">
        <f>Bühler!J3182</f>
        <v>8.2487069441411904</v>
      </c>
      <c r="K3156" s="58">
        <f>Bühler!K3182</f>
        <v>0.55952369974173966</v>
      </c>
      <c r="L3156" s="58">
        <f>Bühler!L3182</f>
        <v>0.27976184987086983</v>
      </c>
      <c r="M3156" s="57">
        <f>Bühler!M3182</f>
        <v>0</v>
      </c>
      <c r="N3156" s="55">
        <f>IF(Input!$K$13=1,J3156*Input!$J$13,0)+IF(Input!$K$14=1,K3156*Input!$J$14,0)+IF(Input!$K$15=1,L3156*Input!$J$15,0)+IF(Input!$K$16=1,M3156*Input!$J$16,0)</f>
        <v>0.98984483329694284</v>
      </c>
      <c r="O3156" s="58">
        <f>IF(Input!$K$13=2,J3156*Input!$J$13,0)+IF(Input!$K$14=2,K3156*Input!$J$14,0)+IF(Input!$K$15=2,L3156*Input!$J$15,0)+IF(Input!$K$16=2,M3156*Input!$J$16,0)</f>
        <v>7.5535699465134859E-2</v>
      </c>
      <c r="P3156" s="58">
        <f>IF(Input!$K$13=3,J3156*Input!$J$13,0)+IF(Input!$K$14=3,K3156*Input!$J$14,0)+IF(Input!$K$15=3,L3156*Input!$J$15,0)+IF(Input!$K$16=3,M3156*Input!$J$16,0)</f>
        <v>0</v>
      </c>
      <c r="Q3156" s="71">
        <f>IF(Input!$K$13=4,J3156*Input!$J$13,0)+IF(Input!$K$14=4,K3156*Input!$J$14,0)+IF(Input!$K$15=4,L3156*Input!$J$15,0)+IF(Input!$K$16=4,M3156*Input!$J$16,0)</f>
        <v>0</v>
      </c>
    </row>
    <row r="3157" spans="8:17" x14ac:dyDescent="0.25">
      <c r="H3157" s="43">
        <v>3150</v>
      </c>
      <c r="I3157" s="55">
        <f>Bühler!I3183</f>
        <v>0.48090203706977741</v>
      </c>
      <c r="J3157" s="58">
        <f>Bühler!J3183</f>
        <v>8.2487069441411904</v>
      </c>
      <c r="K3157" s="58">
        <f>Bühler!K3183</f>
        <v>0.55952369974173966</v>
      </c>
      <c r="L3157" s="58">
        <f>Bühler!L3183</f>
        <v>0.27976184987086983</v>
      </c>
      <c r="M3157" s="57">
        <f>Bühler!M3183</f>
        <v>0</v>
      </c>
      <c r="N3157" s="55">
        <f>IF(Input!$K$13=1,J3157*Input!$J$13,0)+IF(Input!$K$14=1,K3157*Input!$J$14,0)+IF(Input!$K$15=1,L3157*Input!$J$15,0)+IF(Input!$K$16=1,M3157*Input!$J$16,0)</f>
        <v>0.98984483329694284</v>
      </c>
      <c r="O3157" s="58">
        <f>IF(Input!$K$13=2,J3157*Input!$J$13,0)+IF(Input!$K$14=2,K3157*Input!$J$14,0)+IF(Input!$K$15=2,L3157*Input!$J$15,0)+IF(Input!$K$16=2,M3157*Input!$J$16,0)</f>
        <v>7.5535699465134859E-2</v>
      </c>
      <c r="P3157" s="58">
        <f>IF(Input!$K$13=3,J3157*Input!$J$13,0)+IF(Input!$K$14=3,K3157*Input!$J$14,0)+IF(Input!$K$15=3,L3157*Input!$J$15,0)+IF(Input!$K$16=3,M3157*Input!$J$16,0)</f>
        <v>0</v>
      </c>
      <c r="Q3157" s="71">
        <f>IF(Input!$K$13=4,J3157*Input!$J$13,0)+IF(Input!$K$14=4,K3157*Input!$J$14,0)+IF(Input!$K$15=4,L3157*Input!$J$15,0)+IF(Input!$K$16=4,M3157*Input!$J$16,0)</f>
        <v>0</v>
      </c>
    </row>
    <row r="3158" spans="8:17" x14ac:dyDescent="0.25">
      <c r="H3158" s="43">
        <v>3151</v>
      </c>
      <c r="I3158" s="55">
        <f>Bühler!I3184</f>
        <v>0.48090203706977741</v>
      </c>
      <c r="J3158" s="58">
        <f>Bühler!J3184</f>
        <v>8.2487069441411904</v>
      </c>
      <c r="K3158" s="58">
        <f>Bühler!K3184</f>
        <v>0.55952369974173966</v>
      </c>
      <c r="L3158" s="58">
        <f>Bühler!L3184</f>
        <v>0.27976184987086983</v>
      </c>
      <c r="M3158" s="57">
        <f>Bühler!M3184</f>
        <v>0</v>
      </c>
      <c r="N3158" s="55">
        <f>IF(Input!$K$13=1,J3158*Input!$J$13,0)+IF(Input!$K$14=1,K3158*Input!$J$14,0)+IF(Input!$K$15=1,L3158*Input!$J$15,0)+IF(Input!$K$16=1,M3158*Input!$J$16,0)</f>
        <v>0.98984483329694284</v>
      </c>
      <c r="O3158" s="58">
        <f>IF(Input!$K$13=2,J3158*Input!$J$13,0)+IF(Input!$K$14=2,K3158*Input!$J$14,0)+IF(Input!$K$15=2,L3158*Input!$J$15,0)+IF(Input!$K$16=2,M3158*Input!$J$16,0)</f>
        <v>7.5535699465134859E-2</v>
      </c>
      <c r="P3158" s="58">
        <f>IF(Input!$K$13=3,J3158*Input!$J$13,0)+IF(Input!$K$14=3,K3158*Input!$J$14,0)+IF(Input!$K$15=3,L3158*Input!$J$15,0)+IF(Input!$K$16=3,M3158*Input!$J$16,0)</f>
        <v>0</v>
      </c>
      <c r="Q3158" s="71">
        <f>IF(Input!$K$13=4,J3158*Input!$J$13,0)+IF(Input!$K$14=4,K3158*Input!$J$14,0)+IF(Input!$K$15=4,L3158*Input!$J$15,0)+IF(Input!$K$16=4,M3158*Input!$J$16,0)</f>
        <v>0</v>
      </c>
    </row>
    <row r="3159" spans="8:17" x14ac:dyDescent="0.25">
      <c r="H3159" s="43">
        <v>3152</v>
      </c>
      <c r="I3159" s="55">
        <f>Bühler!I3185</f>
        <v>1.3030893907697196</v>
      </c>
      <c r="J3159" s="58">
        <f>Bühler!J3185</f>
        <v>34.331808854298309</v>
      </c>
      <c r="K3159" s="58">
        <f>Bühler!K3185</f>
        <v>2.383570960899811</v>
      </c>
      <c r="L3159" s="58">
        <f>Bühler!L3185</f>
        <v>1.1917854804499055</v>
      </c>
      <c r="M3159" s="57">
        <f>Bühler!M3185</f>
        <v>0</v>
      </c>
      <c r="N3159" s="55">
        <f>IF(Input!$K$13=1,J3159*Input!$J$13,0)+IF(Input!$K$14=1,K3159*Input!$J$14,0)+IF(Input!$K$15=1,L3159*Input!$J$15,0)+IF(Input!$K$16=1,M3159*Input!$J$16,0)</f>
        <v>4.1198170625157973</v>
      </c>
      <c r="O3159" s="58">
        <f>IF(Input!$K$13=2,J3159*Input!$J$13,0)+IF(Input!$K$14=2,K3159*Input!$J$14,0)+IF(Input!$K$15=2,L3159*Input!$J$15,0)+IF(Input!$K$16=2,M3159*Input!$J$16,0)</f>
        <v>0.32178207972147443</v>
      </c>
      <c r="P3159" s="58">
        <f>IF(Input!$K$13=3,J3159*Input!$J$13,0)+IF(Input!$K$14=3,K3159*Input!$J$14,0)+IF(Input!$K$15=3,L3159*Input!$J$15,0)+IF(Input!$K$16=3,M3159*Input!$J$16,0)</f>
        <v>0</v>
      </c>
      <c r="Q3159" s="71">
        <f>IF(Input!$K$13=4,J3159*Input!$J$13,0)+IF(Input!$K$14=4,K3159*Input!$J$14,0)+IF(Input!$K$15=4,L3159*Input!$J$15,0)+IF(Input!$K$16=4,M3159*Input!$J$16,0)</f>
        <v>0</v>
      </c>
    </row>
    <row r="3160" spans="8:17" x14ac:dyDescent="0.25">
      <c r="H3160" s="43">
        <v>3153</v>
      </c>
      <c r="I3160" s="55">
        <f>Bühler!I3186</f>
        <v>1.6288617384621495</v>
      </c>
      <c r="J3160" s="58">
        <f>Bühler!J3186</f>
        <v>42.914761067872888</v>
      </c>
      <c r="K3160" s="58">
        <f>Bühler!K3186</f>
        <v>2.9794637011247636</v>
      </c>
      <c r="L3160" s="58">
        <f>Bühler!L3186</f>
        <v>1.4897318505623818</v>
      </c>
      <c r="M3160" s="57">
        <f>Bühler!M3186</f>
        <v>0</v>
      </c>
      <c r="N3160" s="55">
        <f>IF(Input!$K$13=1,J3160*Input!$J$13,0)+IF(Input!$K$14=1,K3160*Input!$J$14,0)+IF(Input!$K$15=1,L3160*Input!$J$15,0)+IF(Input!$K$16=1,M3160*Input!$J$16,0)</f>
        <v>5.1497713281447464</v>
      </c>
      <c r="O3160" s="58">
        <f>IF(Input!$K$13=2,J3160*Input!$J$13,0)+IF(Input!$K$14=2,K3160*Input!$J$14,0)+IF(Input!$K$15=2,L3160*Input!$J$15,0)+IF(Input!$K$16=2,M3160*Input!$J$16,0)</f>
        <v>0.40222759965184307</v>
      </c>
      <c r="P3160" s="58">
        <f>IF(Input!$K$13=3,J3160*Input!$J$13,0)+IF(Input!$K$14=3,K3160*Input!$J$14,0)+IF(Input!$K$15=3,L3160*Input!$J$15,0)+IF(Input!$K$16=3,M3160*Input!$J$16,0)</f>
        <v>0</v>
      </c>
      <c r="Q3160" s="71">
        <f>IF(Input!$K$13=4,J3160*Input!$J$13,0)+IF(Input!$K$14=4,K3160*Input!$J$14,0)+IF(Input!$K$15=4,L3160*Input!$J$15,0)+IF(Input!$K$16=4,M3160*Input!$J$16,0)</f>
        <v>0</v>
      </c>
    </row>
    <row r="3161" spans="8:17" x14ac:dyDescent="0.25">
      <c r="H3161" s="43">
        <v>3154</v>
      </c>
      <c r="I3161" s="55">
        <f>Bühler!I3187</f>
        <v>1.7917479123083642</v>
      </c>
      <c r="J3161" s="58">
        <f>Bühler!J3187</f>
        <v>47.206237174660174</v>
      </c>
      <c r="K3161" s="58">
        <f>Bühler!K3187</f>
        <v>3.2774100712372398</v>
      </c>
      <c r="L3161" s="58">
        <f>Bühler!L3187</f>
        <v>1.6387050356186199</v>
      </c>
      <c r="M3161" s="57">
        <f>Bühler!M3187</f>
        <v>0</v>
      </c>
      <c r="N3161" s="55">
        <f>IF(Input!$K$13=1,J3161*Input!$J$13,0)+IF(Input!$K$14=1,K3161*Input!$J$14,0)+IF(Input!$K$15=1,L3161*Input!$J$15,0)+IF(Input!$K$16=1,M3161*Input!$J$16,0)</f>
        <v>5.6647484609592205</v>
      </c>
      <c r="O3161" s="58">
        <f>IF(Input!$K$13=2,J3161*Input!$J$13,0)+IF(Input!$K$14=2,K3161*Input!$J$14,0)+IF(Input!$K$15=2,L3161*Input!$J$15,0)+IF(Input!$K$16=2,M3161*Input!$J$16,0)</f>
        <v>0.44245035961702739</v>
      </c>
      <c r="P3161" s="58">
        <f>IF(Input!$K$13=3,J3161*Input!$J$13,0)+IF(Input!$K$14=3,K3161*Input!$J$14,0)+IF(Input!$K$15=3,L3161*Input!$J$15,0)+IF(Input!$K$16=3,M3161*Input!$J$16,0)</f>
        <v>0</v>
      </c>
      <c r="Q3161" s="71">
        <f>IF(Input!$K$13=4,J3161*Input!$J$13,0)+IF(Input!$K$14=4,K3161*Input!$J$14,0)+IF(Input!$K$15=4,L3161*Input!$J$15,0)+IF(Input!$K$16=4,M3161*Input!$J$16,0)</f>
        <v>0</v>
      </c>
    </row>
    <row r="3162" spans="8:17" x14ac:dyDescent="0.25">
      <c r="H3162" s="43">
        <v>3155</v>
      </c>
      <c r="I3162" s="55">
        <f>Bühler!I3188</f>
        <v>1.7917479123083642</v>
      </c>
      <c r="J3162" s="58">
        <f>Bühler!J3188</f>
        <v>47.206237174660174</v>
      </c>
      <c r="K3162" s="58">
        <f>Bühler!K3188</f>
        <v>3.2774100712372398</v>
      </c>
      <c r="L3162" s="58">
        <f>Bühler!L3188</f>
        <v>1.6387050356186199</v>
      </c>
      <c r="M3162" s="57">
        <f>Bühler!M3188</f>
        <v>0</v>
      </c>
      <c r="N3162" s="55">
        <f>IF(Input!$K$13=1,J3162*Input!$J$13,0)+IF(Input!$K$14=1,K3162*Input!$J$14,0)+IF(Input!$K$15=1,L3162*Input!$J$15,0)+IF(Input!$K$16=1,M3162*Input!$J$16,0)</f>
        <v>5.6647484609592205</v>
      </c>
      <c r="O3162" s="58">
        <f>IF(Input!$K$13=2,J3162*Input!$J$13,0)+IF(Input!$K$14=2,K3162*Input!$J$14,0)+IF(Input!$K$15=2,L3162*Input!$J$15,0)+IF(Input!$K$16=2,M3162*Input!$J$16,0)</f>
        <v>0.44245035961702739</v>
      </c>
      <c r="P3162" s="58">
        <f>IF(Input!$K$13=3,J3162*Input!$J$13,0)+IF(Input!$K$14=3,K3162*Input!$J$14,0)+IF(Input!$K$15=3,L3162*Input!$J$15,0)+IF(Input!$K$16=3,M3162*Input!$J$16,0)</f>
        <v>0</v>
      </c>
      <c r="Q3162" s="71">
        <f>IF(Input!$K$13=4,J3162*Input!$J$13,0)+IF(Input!$K$14=4,K3162*Input!$J$14,0)+IF(Input!$K$15=4,L3162*Input!$J$15,0)+IF(Input!$K$16=4,M3162*Input!$J$16,0)</f>
        <v>0</v>
      </c>
    </row>
    <row r="3163" spans="8:17" x14ac:dyDescent="0.25">
      <c r="H3163" s="43">
        <v>3156</v>
      </c>
      <c r="I3163" s="55">
        <f>Bühler!I3189</f>
        <v>2.1175202600007945</v>
      </c>
      <c r="J3163" s="58">
        <f>Bühler!J3189</f>
        <v>55.789189388234753</v>
      </c>
      <c r="K3163" s="58">
        <f>Bühler!K3189</f>
        <v>3.8733028114621928</v>
      </c>
      <c r="L3163" s="58">
        <f>Bühler!L3189</f>
        <v>1.9366514057310964</v>
      </c>
      <c r="M3163" s="57">
        <f>Bühler!M3189</f>
        <v>0</v>
      </c>
      <c r="N3163" s="55">
        <f>IF(Input!$K$13=1,J3163*Input!$J$13,0)+IF(Input!$K$14=1,K3163*Input!$J$14,0)+IF(Input!$K$15=1,L3163*Input!$J$15,0)+IF(Input!$K$16=1,M3163*Input!$J$16,0)</f>
        <v>6.6947027265881704</v>
      </c>
      <c r="O3163" s="58">
        <f>IF(Input!$K$13=2,J3163*Input!$J$13,0)+IF(Input!$K$14=2,K3163*Input!$J$14,0)+IF(Input!$K$15=2,L3163*Input!$J$15,0)+IF(Input!$K$16=2,M3163*Input!$J$16,0)</f>
        <v>0.52289587954739603</v>
      </c>
      <c r="P3163" s="58">
        <f>IF(Input!$K$13=3,J3163*Input!$J$13,0)+IF(Input!$K$14=3,K3163*Input!$J$14,0)+IF(Input!$K$15=3,L3163*Input!$J$15,0)+IF(Input!$K$16=3,M3163*Input!$J$16,0)</f>
        <v>0</v>
      </c>
      <c r="Q3163" s="71">
        <f>IF(Input!$K$13=4,J3163*Input!$J$13,0)+IF(Input!$K$14=4,K3163*Input!$J$14,0)+IF(Input!$K$15=4,L3163*Input!$J$15,0)+IF(Input!$K$16=4,M3163*Input!$J$16,0)</f>
        <v>0</v>
      </c>
    </row>
    <row r="3164" spans="8:17" x14ac:dyDescent="0.25">
      <c r="H3164" s="43">
        <v>3157</v>
      </c>
      <c r="I3164" s="55">
        <f>Bühler!I3190</f>
        <v>2.1175202600007945</v>
      </c>
      <c r="J3164" s="58">
        <f>Bühler!J3190</f>
        <v>55.789189388234753</v>
      </c>
      <c r="K3164" s="58">
        <f>Bühler!K3190</f>
        <v>3.8733028114621928</v>
      </c>
      <c r="L3164" s="58">
        <f>Bühler!L3190</f>
        <v>1.9366514057310964</v>
      </c>
      <c r="M3164" s="57">
        <f>Bühler!M3190</f>
        <v>0</v>
      </c>
      <c r="N3164" s="55">
        <f>IF(Input!$K$13=1,J3164*Input!$J$13,0)+IF(Input!$K$14=1,K3164*Input!$J$14,0)+IF(Input!$K$15=1,L3164*Input!$J$15,0)+IF(Input!$K$16=1,M3164*Input!$J$16,0)</f>
        <v>6.6947027265881704</v>
      </c>
      <c r="O3164" s="58">
        <f>IF(Input!$K$13=2,J3164*Input!$J$13,0)+IF(Input!$K$14=2,K3164*Input!$J$14,0)+IF(Input!$K$15=2,L3164*Input!$J$15,0)+IF(Input!$K$16=2,M3164*Input!$J$16,0)</f>
        <v>0.52289587954739603</v>
      </c>
      <c r="P3164" s="58">
        <f>IF(Input!$K$13=3,J3164*Input!$J$13,0)+IF(Input!$K$14=3,K3164*Input!$J$14,0)+IF(Input!$K$15=3,L3164*Input!$J$15,0)+IF(Input!$K$16=3,M3164*Input!$J$16,0)</f>
        <v>0</v>
      </c>
      <c r="Q3164" s="71">
        <f>IF(Input!$K$13=4,J3164*Input!$J$13,0)+IF(Input!$K$14=4,K3164*Input!$J$14,0)+IF(Input!$K$15=4,L3164*Input!$J$15,0)+IF(Input!$K$16=4,M3164*Input!$J$16,0)</f>
        <v>0</v>
      </c>
    </row>
    <row r="3165" spans="8:17" x14ac:dyDescent="0.25">
      <c r="H3165" s="43">
        <v>3158</v>
      </c>
      <c r="I3165" s="55">
        <f>Bühler!I3191</f>
        <v>1.4659755646159345</v>
      </c>
      <c r="J3165" s="58">
        <f>Bühler!J3191</f>
        <v>38.623284961085602</v>
      </c>
      <c r="K3165" s="58">
        <f>Bühler!K3191</f>
        <v>2.6815173310122873</v>
      </c>
      <c r="L3165" s="58">
        <f>Bühler!L3191</f>
        <v>1.3407586655061436</v>
      </c>
      <c r="M3165" s="57">
        <f>Bühler!M3191</f>
        <v>0</v>
      </c>
      <c r="N3165" s="55">
        <f>IF(Input!$K$13=1,J3165*Input!$J$13,0)+IF(Input!$K$14=1,K3165*Input!$J$14,0)+IF(Input!$K$15=1,L3165*Input!$J$15,0)+IF(Input!$K$16=1,M3165*Input!$J$16,0)</f>
        <v>4.6347941953302723</v>
      </c>
      <c r="O3165" s="58">
        <f>IF(Input!$K$13=2,J3165*Input!$J$13,0)+IF(Input!$K$14=2,K3165*Input!$J$14,0)+IF(Input!$K$15=2,L3165*Input!$J$15,0)+IF(Input!$K$16=2,M3165*Input!$J$16,0)</f>
        <v>0.36200483968665875</v>
      </c>
      <c r="P3165" s="58">
        <f>IF(Input!$K$13=3,J3165*Input!$J$13,0)+IF(Input!$K$14=3,K3165*Input!$J$14,0)+IF(Input!$K$15=3,L3165*Input!$J$15,0)+IF(Input!$K$16=3,M3165*Input!$J$16,0)</f>
        <v>0</v>
      </c>
      <c r="Q3165" s="71">
        <f>IF(Input!$K$13=4,J3165*Input!$J$13,0)+IF(Input!$K$14=4,K3165*Input!$J$14,0)+IF(Input!$K$15=4,L3165*Input!$J$15,0)+IF(Input!$K$16=4,M3165*Input!$J$16,0)</f>
        <v>0</v>
      </c>
    </row>
    <row r="3166" spans="8:17" x14ac:dyDescent="0.25">
      <c r="H3166" s="43">
        <v>3159</v>
      </c>
      <c r="I3166" s="55">
        <f>Bühler!I3192</f>
        <v>2.1175202600007945</v>
      </c>
      <c r="J3166" s="58">
        <f>Bühler!J3192</f>
        <v>55.789189388234753</v>
      </c>
      <c r="K3166" s="58">
        <f>Bühler!K3192</f>
        <v>3.8733028114621928</v>
      </c>
      <c r="L3166" s="58">
        <f>Bühler!L3192</f>
        <v>1.9366514057310964</v>
      </c>
      <c r="M3166" s="57">
        <f>Bühler!M3192</f>
        <v>0</v>
      </c>
      <c r="N3166" s="55">
        <f>IF(Input!$K$13=1,J3166*Input!$J$13,0)+IF(Input!$K$14=1,K3166*Input!$J$14,0)+IF(Input!$K$15=1,L3166*Input!$J$15,0)+IF(Input!$K$16=1,M3166*Input!$J$16,0)</f>
        <v>6.6947027265881704</v>
      </c>
      <c r="O3166" s="58">
        <f>IF(Input!$K$13=2,J3166*Input!$J$13,0)+IF(Input!$K$14=2,K3166*Input!$J$14,0)+IF(Input!$K$15=2,L3166*Input!$J$15,0)+IF(Input!$K$16=2,M3166*Input!$J$16,0)</f>
        <v>0.52289587954739603</v>
      </c>
      <c r="P3166" s="58">
        <f>IF(Input!$K$13=3,J3166*Input!$J$13,0)+IF(Input!$K$14=3,K3166*Input!$J$14,0)+IF(Input!$K$15=3,L3166*Input!$J$15,0)+IF(Input!$K$16=3,M3166*Input!$J$16,0)</f>
        <v>0</v>
      </c>
      <c r="Q3166" s="71">
        <f>IF(Input!$K$13=4,J3166*Input!$J$13,0)+IF(Input!$K$14=4,K3166*Input!$J$14,0)+IF(Input!$K$15=4,L3166*Input!$J$15,0)+IF(Input!$K$16=4,M3166*Input!$J$16,0)</f>
        <v>0</v>
      </c>
    </row>
    <row r="3167" spans="8:17" x14ac:dyDescent="0.25">
      <c r="H3167" s="43">
        <v>3160</v>
      </c>
      <c r="I3167" s="55">
        <f>Bühler!I3193</f>
        <v>1.7917479123083642</v>
      </c>
      <c r="J3167" s="58">
        <f>Bühler!J3193</f>
        <v>43.091221089539616</v>
      </c>
      <c r="K3167" s="58">
        <f>Bühler!K3193</f>
        <v>2.9794637011247636</v>
      </c>
      <c r="L3167" s="58">
        <f>Bühler!L3193</f>
        <v>1.4897318505623818</v>
      </c>
      <c r="M3167" s="57">
        <f>Bühler!M3193</f>
        <v>0</v>
      </c>
      <c r="N3167" s="55">
        <f>IF(Input!$K$13=1,J3167*Input!$J$13,0)+IF(Input!$K$14=1,K3167*Input!$J$14,0)+IF(Input!$K$15=1,L3167*Input!$J$15,0)+IF(Input!$K$16=1,M3167*Input!$J$16,0)</f>
        <v>5.1709465307447537</v>
      </c>
      <c r="O3167" s="58">
        <f>IF(Input!$K$13=2,J3167*Input!$J$13,0)+IF(Input!$K$14=2,K3167*Input!$J$14,0)+IF(Input!$K$15=2,L3167*Input!$J$15,0)+IF(Input!$K$16=2,M3167*Input!$J$16,0)</f>
        <v>0.40222759965184307</v>
      </c>
      <c r="P3167" s="58">
        <f>IF(Input!$K$13=3,J3167*Input!$J$13,0)+IF(Input!$K$14=3,K3167*Input!$J$14,0)+IF(Input!$K$15=3,L3167*Input!$J$15,0)+IF(Input!$K$16=3,M3167*Input!$J$16,0)</f>
        <v>0</v>
      </c>
      <c r="Q3167" s="71">
        <f>IF(Input!$K$13=4,J3167*Input!$J$13,0)+IF(Input!$K$14=4,K3167*Input!$J$14,0)+IF(Input!$K$15=4,L3167*Input!$J$15,0)+IF(Input!$K$16=4,M3167*Input!$J$16,0)</f>
        <v>0</v>
      </c>
    </row>
    <row r="3168" spans="8:17" x14ac:dyDescent="0.25">
      <c r="H3168" s="43">
        <v>3161</v>
      </c>
      <c r="I3168" s="55">
        <f>Bühler!I3194</f>
        <v>1.5512968937734757</v>
      </c>
      <c r="J3168" s="58">
        <f>Bühler!J3194</f>
        <v>20.999895978210265</v>
      </c>
      <c r="K3168" s="58">
        <f>Bühler!K3194</f>
        <v>1.3988092493543491</v>
      </c>
      <c r="L3168" s="58">
        <f>Bühler!L3194</f>
        <v>0.69940462467717457</v>
      </c>
      <c r="M3168" s="57">
        <f>Bühler!M3194</f>
        <v>0</v>
      </c>
      <c r="N3168" s="55">
        <f>IF(Input!$K$13=1,J3168*Input!$J$13,0)+IF(Input!$K$14=1,K3168*Input!$J$14,0)+IF(Input!$K$15=1,L3168*Input!$J$15,0)+IF(Input!$K$16=1,M3168*Input!$J$16,0)</f>
        <v>2.5199875173852315</v>
      </c>
      <c r="O3168" s="58">
        <f>IF(Input!$K$13=2,J3168*Input!$J$13,0)+IF(Input!$K$14=2,K3168*Input!$J$14,0)+IF(Input!$K$15=2,L3168*Input!$J$15,0)+IF(Input!$K$16=2,M3168*Input!$J$16,0)</f>
        <v>0.18883924866283713</v>
      </c>
      <c r="P3168" s="58">
        <f>IF(Input!$K$13=3,J3168*Input!$J$13,0)+IF(Input!$K$14=3,K3168*Input!$J$14,0)+IF(Input!$K$15=3,L3168*Input!$J$15,0)+IF(Input!$K$16=3,M3168*Input!$J$16,0)</f>
        <v>0</v>
      </c>
      <c r="Q3168" s="71">
        <f>IF(Input!$K$13=4,J3168*Input!$J$13,0)+IF(Input!$K$14=4,K3168*Input!$J$14,0)+IF(Input!$K$15=4,L3168*Input!$J$15,0)+IF(Input!$K$16=4,M3168*Input!$J$16,0)</f>
        <v>0</v>
      </c>
    </row>
    <row r="3169" spans="8:17" x14ac:dyDescent="0.25">
      <c r="H3169" s="43">
        <v>3162</v>
      </c>
      <c r="I3169" s="55">
        <f>Bühler!I3195</f>
        <v>1.3030893907697196</v>
      </c>
      <c r="J3169" s="58">
        <f>Bühler!J3195</f>
        <v>14.162434239904602</v>
      </c>
      <c r="K3169" s="58">
        <f>Bühler!K3195</f>
        <v>0.92321410457387043</v>
      </c>
      <c r="L3169" s="58">
        <f>Bühler!L3195</f>
        <v>0.46160705228693522</v>
      </c>
      <c r="M3169" s="57">
        <f>Bühler!M3195</f>
        <v>0</v>
      </c>
      <c r="N3169" s="55">
        <f>IF(Input!$K$13=1,J3169*Input!$J$13,0)+IF(Input!$K$14=1,K3169*Input!$J$14,0)+IF(Input!$K$15=1,L3169*Input!$J$15,0)+IF(Input!$K$16=1,M3169*Input!$J$16,0)</f>
        <v>1.6994921087885522</v>
      </c>
      <c r="O3169" s="58">
        <f>IF(Input!$K$13=2,J3169*Input!$J$13,0)+IF(Input!$K$14=2,K3169*Input!$J$14,0)+IF(Input!$K$15=2,L3169*Input!$J$15,0)+IF(Input!$K$16=2,M3169*Input!$J$16,0)</f>
        <v>0.12463390411747251</v>
      </c>
      <c r="P3169" s="58">
        <f>IF(Input!$K$13=3,J3169*Input!$J$13,0)+IF(Input!$K$14=3,K3169*Input!$J$14,0)+IF(Input!$K$15=3,L3169*Input!$J$15,0)+IF(Input!$K$16=3,M3169*Input!$J$16,0)</f>
        <v>0</v>
      </c>
      <c r="Q3169" s="71">
        <f>IF(Input!$K$13=4,J3169*Input!$J$13,0)+IF(Input!$K$14=4,K3169*Input!$J$14,0)+IF(Input!$K$15=4,L3169*Input!$J$15,0)+IF(Input!$K$16=4,M3169*Input!$J$16,0)</f>
        <v>0</v>
      </c>
    </row>
    <row r="3170" spans="8:17" x14ac:dyDescent="0.25">
      <c r="H3170" s="43">
        <v>3163</v>
      </c>
      <c r="I3170" s="55">
        <f>Bühler!I3196</f>
        <v>0.48090203706977741</v>
      </c>
      <c r="J3170" s="58">
        <f>Bühler!J3196</f>
        <v>8.63509343100697</v>
      </c>
      <c r="K3170" s="58">
        <f>Bühler!K3196</f>
        <v>0.58749988472882653</v>
      </c>
      <c r="L3170" s="58">
        <f>Bühler!L3196</f>
        <v>0.29374994236441326</v>
      </c>
      <c r="M3170" s="57">
        <f>Bühler!M3196</f>
        <v>0</v>
      </c>
      <c r="N3170" s="55">
        <f>IF(Input!$K$13=1,J3170*Input!$J$13,0)+IF(Input!$K$14=1,K3170*Input!$J$14,0)+IF(Input!$K$15=1,L3170*Input!$J$15,0)+IF(Input!$K$16=1,M3170*Input!$J$16,0)</f>
        <v>1.0362112117208364</v>
      </c>
      <c r="O3170" s="58">
        <f>IF(Input!$K$13=2,J3170*Input!$J$13,0)+IF(Input!$K$14=2,K3170*Input!$J$14,0)+IF(Input!$K$15=2,L3170*Input!$J$15,0)+IF(Input!$K$16=2,M3170*Input!$J$16,0)</f>
        <v>7.9312484438391589E-2</v>
      </c>
      <c r="P3170" s="58">
        <f>IF(Input!$K$13=3,J3170*Input!$J$13,0)+IF(Input!$K$14=3,K3170*Input!$J$14,0)+IF(Input!$K$15=3,L3170*Input!$J$15,0)+IF(Input!$K$16=3,M3170*Input!$J$16,0)</f>
        <v>0</v>
      </c>
      <c r="Q3170" s="71">
        <f>IF(Input!$K$13=4,J3170*Input!$J$13,0)+IF(Input!$K$14=4,K3170*Input!$J$14,0)+IF(Input!$K$15=4,L3170*Input!$J$15,0)+IF(Input!$K$16=4,M3170*Input!$J$16,0)</f>
        <v>0</v>
      </c>
    </row>
    <row r="3171" spans="8:17" x14ac:dyDescent="0.25">
      <c r="H3171" s="43">
        <v>3164</v>
      </c>
      <c r="I3171" s="55">
        <f>Bühler!I3197</f>
        <v>0.48090203706977741</v>
      </c>
      <c r="J3171" s="58">
        <f>Bühler!J3197</f>
        <v>8.2487069441411904</v>
      </c>
      <c r="K3171" s="58">
        <f>Bühler!K3197</f>
        <v>0.55952369974173966</v>
      </c>
      <c r="L3171" s="58">
        <f>Bühler!L3197</f>
        <v>0.27976184987086983</v>
      </c>
      <c r="M3171" s="57">
        <f>Bühler!M3197</f>
        <v>0</v>
      </c>
      <c r="N3171" s="55">
        <f>IF(Input!$K$13=1,J3171*Input!$J$13,0)+IF(Input!$K$14=1,K3171*Input!$J$14,0)+IF(Input!$K$15=1,L3171*Input!$J$15,0)+IF(Input!$K$16=1,M3171*Input!$J$16,0)</f>
        <v>0.98984483329694284</v>
      </c>
      <c r="O3171" s="58">
        <f>IF(Input!$K$13=2,J3171*Input!$J$13,0)+IF(Input!$K$14=2,K3171*Input!$J$14,0)+IF(Input!$K$15=2,L3171*Input!$J$15,0)+IF(Input!$K$16=2,M3171*Input!$J$16,0)</f>
        <v>7.5535699465134859E-2</v>
      </c>
      <c r="P3171" s="58">
        <f>IF(Input!$K$13=3,J3171*Input!$J$13,0)+IF(Input!$K$14=3,K3171*Input!$J$14,0)+IF(Input!$K$15=3,L3171*Input!$J$15,0)+IF(Input!$K$16=3,M3171*Input!$J$16,0)</f>
        <v>0</v>
      </c>
      <c r="Q3171" s="71">
        <f>IF(Input!$K$13=4,J3171*Input!$J$13,0)+IF(Input!$K$14=4,K3171*Input!$J$14,0)+IF(Input!$K$15=4,L3171*Input!$J$15,0)+IF(Input!$K$16=4,M3171*Input!$J$16,0)</f>
        <v>0</v>
      </c>
    </row>
    <row r="3172" spans="8:17" x14ac:dyDescent="0.25">
      <c r="H3172" s="43">
        <v>3165</v>
      </c>
      <c r="I3172" s="55">
        <f>Bühler!I3198</f>
        <v>0.48090203706977741</v>
      </c>
      <c r="J3172" s="58">
        <f>Bühler!J3198</f>
        <v>8.2487069441411904</v>
      </c>
      <c r="K3172" s="58">
        <f>Bühler!K3198</f>
        <v>0.55952369974173966</v>
      </c>
      <c r="L3172" s="58">
        <f>Bühler!L3198</f>
        <v>0.27976184987086983</v>
      </c>
      <c r="M3172" s="57">
        <f>Bühler!M3198</f>
        <v>0</v>
      </c>
      <c r="N3172" s="55">
        <f>IF(Input!$K$13=1,J3172*Input!$J$13,0)+IF(Input!$K$14=1,K3172*Input!$J$14,0)+IF(Input!$K$15=1,L3172*Input!$J$15,0)+IF(Input!$K$16=1,M3172*Input!$J$16,0)</f>
        <v>0.98984483329694284</v>
      </c>
      <c r="O3172" s="58">
        <f>IF(Input!$K$13=2,J3172*Input!$J$13,0)+IF(Input!$K$14=2,K3172*Input!$J$14,0)+IF(Input!$K$15=2,L3172*Input!$J$15,0)+IF(Input!$K$16=2,M3172*Input!$J$16,0)</f>
        <v>7.5535699465134859E-2</v>
      </c>
      <c r="P3172" s="58">
        <f>IF(Input!$K$13=3,J3172*Input!$J$13,0)+IF(Input!$K$14=3,K3172*Input!$J$14,0)+IF(Input!$K$15=3,L3172*Input!$J$15,0)+IF(Input!$K$16=3,M3172*Input!$J$16,0)</f>
        <v>0</v>
      </c>
      <c r="Q3172" s="71">
        <f>IF(Input!$K$13=4,J3172*Input!$J$13,0)+IF(Input!$K$14=4,K3172*Input!$J$14,0)+IF(Input!$K$15=4,L3172*Input!$J$15,0)+IF(Input!$K$16=4,M3172*Input!$J$16,0)</f>
        <v>0</v>
      </c>
    </row>
    <row r="3173" spans="8:17" x14ac:dyDescent="0.25">
      <c r="H3173" s="43">
        <v>3166</v>
      </c>
      <c r="I3173" s="55">
        <f>Bühler!I3199</f>
        <v>0.48090203706977741</v>
      </c>
      <c r="J3173" s="58">
        <f>Bühler!J3199</f>
        <v>8.2487069441411904</v>
      </c>
      <c r="K3173" s="58">
        <f>Bühler!K3199</f>
        <v>0.55952369974173966</v>
      </c>
      <c r="L3173" s="58">
        <f>Bühler!L3199</f>
        <v>0.27976184987086983</v>
      </c>
      <c r="M3173" s="57">
        <f>Bühler!M3199</f>
        <v>0</v>
      </c>
      <c r="N3173" s="55">
        <f>IF(Input!$K$13=1,J3173*Input!$J$13,0)+IF(Input!$K$14=1,K3173*Input!$J$14,0)+IF(Input!$K$15=1,L3173*Input!$J$15,0)+IF(Input!$K$16=1,M3173*Input!$J$16,0)</f>
        <v>0.98984483329694284</v>
      </c>
      <c r="O3173" s="58">
        <f>IF(Input!$K$13=2,J3173*Input!$J$13,0)+IF(Input!$K$14=2,K3173*Input!$J$14,0)+IF(Input!$K$15=2,L3173*Input!$J$15,0)+IF(Input!$K$16=2,M3173*Input!$J$16,0)</f>
        <v>7.5535699465134859E-2</v>
      </c>
      <c r="P3173" s="58">
        <f>IF(Input!$K$13=3,J3173*Input!$J$13,0)+IF(Input!$K$14=3,K3173*Input!$J$14,0)+IF(Input!$K$15=3,L3173*Input!$J$15,0)+IF(Input!$K$16=3,M3173*Input!$J$16,0)</f>
        <v>0</v>
      </c>
      <c r="Q3173" s="71">
        <f>IF(Input!$K$13=4,J3173*Input!$J$13,0)+IF(Input!$K$14=4,K3173*Input!$J$14,0)+IF(Input!$K$15=4,L3173*Input!$J$15,0)+IF(Input!$K$16=4,M3173*Input!$J$16,0)</f>
        <v>0</v>
      </c>
    </row>
    <row r="3174" spans="8:17" x14ac:dyDescent="0.25">
      <c r="H3174" s="43">
        <v>3167</v>
      </c>
      <c r="I3174" s="55">
        <f>Bühler!I3200</f>
        <v>0.48090203706977741</v>
      </c>
      <c r="J3174" s="58">
        <f>Bühler!J3200</f>
        <v>8.2487069441411904</v>
      </c>
      <c r="K3174" s="58">
        <f>Bühler!K3200</f>
        <v>0.55952369974173966</v>
      </c>
      <c r="L3174" s="58">
        <f>Bühler!L3200</f>
        <v>0.27976184987086983</v>
      </c>
      <c r="M3174" s="57">
        <f>Bühler!M3200</f>
        <v>0</v>
      </c>
      <c r="N3174" s="55">
        <f>IF(Input!$K$13=1,J3174*Input!$J$13,0)+IF(Input!$K$14=1,K3174*Input!$J$14,0)+IF(Input!$K$15=1,L3174*Input!$J$15,0)+IF(Input!$K$16=1,M3174*Input!$J$16,0)</f>
        <v>0.98984483329694284</v>
      </c>
      <c r="O3174" s="58">
        <f>IF(Input!$K$13=2,J3174*Input!$J$13,0)+IF(Input!$K$14=2,K3174*Input!$J$14,0)+IF(Input!$K$15=2,L3174*Input!$J$15,0)+IF(Input!$K$16=2,M3174*Input!$J$16,0)</f>
        <v>7.5535699465134859E-2</v>
      </c>
      <c r="P3174" s="58">
        <f>IF(Input!$K$13=3,J3174*Input!$J$13,0)+IF(Input!$K$14=3,K3174*Input!$J$14,0)+IF(Input!$K$15=3,L3174*Input!$J$15,0)+IF(Input!$K$16=3,M3174*Input!$J$16,0)</f>
        <v>0</v>
      </c>
      <c r="Q3174" s="71">
        <f>IF(Input!$K$13=4,J3174*Input!$J$13,0)+IF(Input!$K$14=4,K3174*Input!$J$14,0)+IF(Input!$K$15=4,L3174*Input!$J$15,0)+IF(Input!$K$16=4,M3174*Input!$J$16,0)</f>
        <v>0</v>
      </c>
    </row>
    <row r="3175" spans="8:17" x14ac:dyDescent="0.25">
      <c r="H3175" s="43">
        <v>3168</v>
      </c>
      <c r="I3175" s="55">
        <f>Bühler!I3201</f>
        <v>0.48090203706977741</v>
      </c>
      <c r="J3175" s="58">
        <f>Bühler!J3201</f>
        <v>8.2487069441411904</v>
      </c>
      <c r="K3175" s="58">
        <f>Bühler!K3201</f>
        <v>0.55952369974173966</v>
      </c>
      <c r="L3175" s="58">
        <f>Bühler!L3201</f>
        <v>0.27976184987086983</v>
      </c>
      <c r="M3175" s="57">
        <f>Bühler!M3201</f>
        <v>0</v>
      </c>
      <c r="N3175" s="55">
        <f>IF(Input!$K$13=1,J3175*Input!$J$13,0)+IF(Input!$K$14=1,K3175*Input!$J$14,0)+IF(Input!$K$15=1,L3175*Input!$J$15,0)+IF(Input!$K$16=1,M3175*Input!$J$16,0)</f>
        <v>0.98984483329694284</v>
      </c>
      <c r="O3175" s="58">
        <f>IF(Input!$K$13=2,J3175*Input!$J$13,0)+IF(Input!$K$14=2,K3175*Input!$J$14,0)+IF(Input!$K$15=2,L3175*Input!$J$15,0)+IF(Input!$K$16=2,M3175*Input!$J$16,0)</f>
        <v>7.5535699465134859E-2</v>
      </c>
      <c r="P3175" s="58">
        <f>IF(Input!$K$13=3,J3175*Input!$J$13,0)+IF(Input!$K$14=3,K3175*Input!$J$14,0)+IF(Input!$K$15=3,L3175*Input!$J$15,0)+IF(Input!$K$16=3,M3175*Input!$J$16,0)</f>
        <v>0</v>
      </c>
      <c r="Q3175" s="71">
        <f>IF(Input!$K$13=4,J3175*Input!$J$13,0)+IF(Input!$K$14=4,K3175*Input!$J$14,0)+IF(Input!$K$15=4,L3175*Input!$J$15,0)+IF(Input!$K$16=4,M3175*Input!$J$16,0)</f>
        <v>0</v>
      </c>
    </row>
    <row r="3176" spans="8:17" x14ac:dyDescent="0.25">
      <c r="H3176" s="43">
        <v>3169</v>
      </c>
      <c r="I3176" s="55">
        <f>Bühler!I3202</f>
        <v>0.72393218566769402</v>
      </c>
      <c r="J3176" s="58">
        <f>Bühler!J3202</f>
        <v>9.5909530456054863</v>
      </c>
      <c r="K3176" s="58">
        <f>Bühler!K3202</f>
        <v>0.32754867607974036</v>
      </c>
      <c r="L3176" s="58">
        <f>Bühler!L3202</f>
        <v>0.16377433803987018</v>
      </c>
      <c r="M3176" s="57">
        <f>Bühler!M3202</f>
        <v>0</v>
      </c>
      <c r="N3176" s="55">
        <f>IF(Input!$K$13=1,J3176*Input!$J$13,0)+IF(Input!$K$14=1,K3176*Input!$J$14,0)+IF(Input!$K$15=1,L3176*Input!$J$15,0)+IF(Input!$K$16=1,M3176*Input!$J$16,0)</f>
        <v>1.1509143654726584</v>
      </c>
      <c r="O3176" s="58">
        <f>IF(Input!$K$13=2,J3176*Input!$J$13,0)+IF(Input!$K$14=2,K3176*Input!$J$14,0)+IF(Input!$K$15=2,L3176*Input!$J$15,0)+IF(Input!$K$16=2,M3176*Input!$J$16,0)</f>
        <v>4.4219071270764951E-2</v>
      </c>
      <c r="P3176" s="58">
        <f>IF(Input!$K$13=3,J3176*Input!$J$13,0)+IF(Input!$K$14=3,K3176*Input!$J$14,0)+IF(Input!$K$15=3,L3176*Input!$J$15,0)+IF(Input!$K$16=3,M3176*Input!$J$16,0)</f>
        <v>0</v>
      </c>
      <c r="Q3176" s="71">
        <f>IF(Input!$K$13=4,J3176*Input!$J$13,0)+IF(Input!$K$14=4,K3176*Input!$J$14,0)+IF(Input!$K$15=4,L3176*Input!$J$15,0)+IF(Input!$K$16=4,M3176*Input!$J$16,0)</f>
        <v>0</v>
      </c>
    </row>
    <row r="3177" spans="8:17" x14ac:dyDescent="0.25">
      <c r="H3177" s="43">
        <v>3170</v>
      </c>
      <c r="I3177" s="55">
        <f>Bühler!I3203</f>
        <v>1.4133914101131171</v>
      </c>
      <c r="J3177" s="58">
        <f>Bühler!J3203</f>
        <v>8.9735085653216711</v>
      </c>
      <c r="K3177" s="58">
        <f>Bühler!K3203</f>
        <v>0.29479380847176628</v>
      </c>
      <c r="L3177" s="58">
        <f>Bühler!L3203</f>
        <v>0.14739690423588314</v>
      </c>
      <c r="M3177" s="57">
        <f>Bühler!M3203</f>
        <v>0</v>
      </c>
      <c r="N3177" s="55">
        <f>IF(Input!$K$13=1,J3177*Input!$J$13,0)+IF(Input!$K$14=1,K3177*Input!$J$14,0)+IF(Input!$K$15=1,L3177*Input!$J$15,0)+IF(Input!$K$16=1,M3177*Input!$J$16,0)</f>
        <v>1.0768210278386006</v>
      </c>
      <c r="O3177" s="58">
        <f>IF(Input!$K$13=2,J3177*Input!$J$13,0)+IF(Input!$K$14=2,K3177*Input!$J$14,0)+IF(Input!$K$15=2,L3177*Input!$J$15,0)+IF(Input!$K$16=2,M3177*Input!$J$16,0)</f>
        <v>3.9797164143688446E-2</v>
      </c>
      <c r="P3177" s="58">
        <f>IF(Input!$K$13=3,J3177*Input!$J$13,0)+IF(Input!$K$14=3,K3177*Input!$J$14,0)+IF(Input!$K$15=3,L3177*Input!$J$15,0)+IF(Input!$K$16=3,M3177*Input!$J$16,0)</f>
        <v>0</v>
      </c>
      <c r="Q3177" s="71">
        <f>IF(Input!$K$13=4,J3177*Input!$J$13,0)+IF(Input!$K$14=4,K3177*Input!$J$14,0)+IF(Input!$K$15=4,L3177*Input!$J$15,0)+IF(Input!$K$16=4,M3177*Input!$J$16,0)</f>
        <v>0</v>
      </c>
    </row>
    <row r="3178" spans="8:17" x14ac:dyDescent="0.25">
      <c r="H3178" s="43">
        <v>3171</v>
      </c>
      <c r="I3178" s="55">
        <f>Bühler!I3204</f>
        <v>1.4133914101131171</v>
      </c>
      <c r="J3178" s="58">
        <f>Bühler!J3204</f>
        <v>8.9735085653216711</v>
      </c>
      <c r="K3178" s="58">
        <f>Bühler!K3204</f>
        <v>0.29479380847176628</v>
      </c>
      <c r="L3178" s="58">
        <f>Bühler!L3204</f>
        <v>0.14739690423588314</v>
      </c>
      <c r="M3178" s="57">
        <f>Bühler!M3204</f>
        <v>0</v>
      </c>
      <c r="N3178" s="55">
        <f>IF(Input!$K$13=1,J3178*Input!$J$13,0)+IF(Input!$K$14=1,K3178*Input!$J$14,0)+IF(Input!$K$15=1,L3178*Input!$J$15,0)+IF(Input!$K$16=1,M3178*Input!$J$16,0)</f>
        <v>1.0768210278386006</v>
      </c>
      <c r="O3178" s="58">
        <f>IF(Input!$K$13=2,J3178*Input!$J$13,0)+IF(Input!$K$14=2,K3178*Input!$J$14,0)+IF(Input!$K$15=2,L3178*Input!$J$15,0)+IF(Input!$K$16=2,M3178*Input!$J$16,0)</f>
        <v>3.9797164143688446E-2</v>
      </c>
      <c r="P3178" s="58">
        <f>IF(Input!$K$13=3,J3178*Input!$J$13,0)+IF(Input!$K$14=3,K3178*Input!$J$14,0)+IF(Input!$K$15=3,L3178*Input!$J$15,0)+IF(Input!$K$16=3,M3178*Input!$J$16,0)</f>
        <v>0</v>
      </c>
      <c r="Q3178" s="71">
        <f>IF(Input!$K$13=4,J3178*Input!$J$13,0)+IF(Input!$K$14=4,K3178*Input!$J$14,0)+IF(Input!$K$15=4,L3178*Input!$J$15,0)+IF(Input!$K$16=4,M3178*Input!$J$16,0)</f>
        <v>0</v>
      </c>
    </row>
    <row r="3179" spans="8:17" x14ac:dyDescent="0.25">
      <c r="H3179" s="43">
        <v>3172</v>
      </c>
      <c r="I3179" s="55">
        <f>Bühler!I3205</f>
        <v>1.4133914101131171</v>
      </c>
      <c r="J3179" s="58">
        <f>Bühler!J3205</f>
        <v>8.9735085653216711</v>
      </c>
      <c r="K3179" s="58">
        <f>Bühler!K3205</f>
        <v>0.29479380847176628</v>
      </c>
      <c r="L3179" s="58">
        <f>Bühler!L3205</f>
        <v>0.14739690423588314</v>
      </c>
      <c r="M3179" s="57">
        <f>Bühler!M3205</f>
        <v>0</v>
      </c>
      <c r="N3179" s="55">
        <f>IF(Input!$K$13=1,J3179*Input!$J$13,0)+IF(Input!$K$14=1,K3179*Input!$J$14,0)+IF(Input!$K$15=1,L3179*Input!$J$15,0)+IF(Input!$K$16=1,M3179*Input!$J$16,0)</f>
        <v>1.0768210278386006</v>
      </c>
      <c r="O3179" s="58">
        <f>IF(Input!$K$13=2,J3179*Input!$J$13,0)+IF(Input!$K$14=2,K3179*Input!$J$14,0)+IF(Input!$K$15=2,L3179*Input!$J$15,0)+IF(Input!$K$16=2,M3179*Input!$J$16,0)</f>
        <v>3.9797164143688446E-2</v>
      </c>
      <c r="P3179" s="58">
        <f>IF(Input!$K$13=3,J3179*Input!$J$13,0)+IF(Input!$K$14=3,K3179*Input!$J$14,0)+IF(Input!$K$15=3,L3179*Input!$J$15,0)+IF(Input!$K$16=3,M3179*Input!$J$16,0)</f>
        <v>0</v>
      </c>
      <c r="Q3179" s="71">
        <f>IF(Input!$K$13=4,J3179*Input!$J$13,0)+IF(Input!$K$14=4,K3179*Input!$J$14,0)+IF(Input!$K$15=4,L3179*Input!$J$15,0)+IF(Input!$K$16=4,M3179*Input!$J$16,0)</f>
        <v>0</v>
      </c>
    </row>
    <row r="3180" spans="8:17" x14ac:dyDescent="0.25">
      <c r="H3180" s="43">
        <v>3173</v>
      </c>
      <c r="I3180" s="55">
        <f>Bühler!I3206</f>
        <v>1.4133914101131171</v>
      </c>
      <c r="J3180" s="58">
        <f>Bühler!J3206</f>
        <v>8.9735085653216711</v>
      </c>
      <c r="K3180" s="58">
        <f>Bühler!K3206</f>
        <v>0.29479380847176628</v>
      </c>
      <c r="L3180" s="58">
        <f>Bühler!L3206</f>
        <v>0.14739690423588314</v>
      </c>
      <c r="M3180" s="57">
        <f>Bühler!M3206</f>
        <v>0</v>
      </c>
      <c r="N3180" s="55">
        <f>IF(Input!$K$13=1,J3180*Input!$J$13,0)+IF(Input!$K$14=1,K3180*Input!$J$14,0)+IF(Input!$K$15=1,L3180*Input!$J$15,0)+IF(Input!$K$16=1,M3180*Input!$J$16,0)</f>
        <v>1.0768210278386006</v>
      </c>
      <c r="O3180" s="58">
        <f>IF(Input!$K$13=2,J3180*Input!$J$13,0)+IF(Input!$K$14=2,K3180*Input!$J$14,0)+IF(Input!$K$15=2,L3180*Input!$J$15,0)+IF(Input!$K$16=2,M3180*Input!$J$16,0)</f>
        <v>3.9797164143688446E-2</v>
      </c>
      <c r="P3180" s="58">
        <f>IF(Input!$K$13=3,J3180*Input!$J$13,0)+IF(Input!$K$14=3,K3180*Input!$J$14,0)+IF(Input!$K$15=3,L3180*Input!$J$15,0)+IF(Input!$K$16=3,M3180*Input!$J$16,0)</f>
        <v>0</v>
      </c>
      <c r="Q3180" s="71">
        <f>IF(Input!$K$13=4,J3180*Input!$J$13,0)+IF(Input!$K$14=4,K3180*Input!$J$14,0)+IF(Input!$K$15=4,L3180*Input!$J$15,0)+IF(Input!$K$16=4,M3180*Input!$J$16,0)</f>
        <v>0</v>
      </c>
    </row>
    <row r="3181" spans="8:17" x14ac:dyDescent="0.25">
      <c r="H3181" s="43">
        <v>3174</v>
      </c>
      <c r="I3181" s="55">
        <f>Bühler!I3207</f>
        <v>1.7581210223358288</v>
      </c>
      <c r="J3181" s="58">
        <f>Bühler!J3207</f>
        <v>8.9878722991642839</v>
      </c>
      <c r="K3181" s="58">
        <f>Bühler!K3207</f>
        <v>0.29479380847176628</v>
      </c>
      <c r="L3181" s="58">
        <f>Bühler!L3207</f>
        <v>0.14739690423588314</v>
      </c>
      <c r="M3181" s="57">
        <f>Bühler!M3207</f>
        <v>0</v>
      </c>
      <c r="N3181" s="55">
        <f>IF(Input!$K$13=1,J3181*Input!$J$13,0)+IF(Input!$K$14=1,K3181*Input!$J$14,0)+IF(Input!$K$15=1,L3181*Input!$J$15,0)+IF(Input!$K$16=1,M3181*Input!$J$16,0)</f>
        <v>1.0785446758997139</v>
      </c>
      <c r="O3181" s="58">
        <f>IF(Input!$K$13=2,J3181*Input!$J$13,0)+IF(Input!$K$14=2,K3181*Input!$J$14,0)+IF(Input!$K$15=2,L3181*Input!$J$15,0)+IF(Input!$K$16=2,M3181*Input!$J$16,0)</f>
        <v>3.9797164143688446E-2</v>
      </c>
      <c r="P3181" s="58">
        <f>IF(Input!$K$13=3,J3181*Input!$J$13,0)+IF(Input!$K$14=3,K3181*Input!$J$14,0)+IF(Input!$K$15=3,L3181*Input!$J$15,0)+IF(Input!$K$16=3,M3181*Input!$J$16,0)</f>
        <v>0</v>
      </c>
      <c r="Q3181" s="71">
        <f>IF(Input!$K$13=4,J3181*Input!$J$13,0)+IF(Input!$K$14=4,K3181*Input!$J$14,0)+IF(Input!$K$15=4,L3181*Input!$J$15,0)+IF(Input!$K$16=4,M3181*Input!$J$16,0)</f>
        <v>0</v>
      </c>
    </row>
    <row r="3182" spans="8:17" x14ac:dyDescent="0.25">
      <c r="H3182" s="43">
        <v>3175</v>
      </c>
      <c r="I3182" s="55">
        <f>Bühler!I3208</f>
        <v>2.2062695182253536</v>
      </c>
      <c r="J3182" s="58">
        <f>Bühler!J3208</f>
        <v>9.0065451531596814</v>
      </c>
      <c r="K3182" s="58">
        <f>Bühler!K3208</f>
        <v>0.29479380847176628</v>
      </c>
      <c r="L3182" s="58">
        <f>Bühler!L3208</f>
        <v>0.14739690423588314</v>
      </c>
      <c r="M3182" s="57">
        <f>Bühler!M3208</f>
        <v>0</v>
      </c>
      <c r="N3182" s="55">
        <f>IF(Input!$K$13=1,J3182*Input!$J$13,0)+IF(Input!$K$14=1,K3182*Input!$J$14,0)+IF(Input!$K$15=1,L3182*Input!$J$15,0)+IF(Input!$K$16=1,M3182*Input!$J$16,0)</f>
        <v>1.0807854183791616</v>
      </c>
      <c r="O3182" s="58">
        <f>IF(Input!$K$13=2,J3182*Input!$J$13,0)+IF(Input!$K$14=2,K3182*Input!$J$14,0)+IF(Input!$K$15=2,L3182*Input!$J$15,0)+IF(Input!$K$16=2,M3182*Input!$J$16,0)</f>
        <v>3.9797164143688446E-2</v>
      </c>
      <c r="P3182" s="58">
        <f>IF(Input!$K$13=3,J3182*Input!$J$13,0)+IF(Input!$K$14=3,K3182*Input!$J$14,0)+IF(Input!$K$15=3,L3182*Input!$J$15,0)+IF(Input!$K$16=3,M3182*Input!$J$16,0)</f>
        <v>0</v>
      </c>
      <c r="Q3182" s="71">
        <f>IF(Input!$K$13=4,J3182*Input!$J$13,0)+IF(Input!$K$14=4,K3182*Input!$J$14,0)+IF(Input!$K$15=4,L3182*Input!$J$15,0)+IF(Input!$K$16=4,M3182*Input!$J$16,0)</f>
        <v>0</v>
      </c>
    </row>
    <row r="3183" spans="8:17" x14ac:dyDescent="0.25">
      <c r="H3183" s="43">
        <v>3176</v>
      </c>
      <c r="I3183" s="55">
        <f>Bühler!I3209</f>
        <v>2.5165261692257936</v>
      </c>
      <c r="J3183" s="58">
        <f>Bühler!J3209</f>
        <v>9.019472513618032</v>
      </c>
      <c r="K3183" s="58">
        <f>Bühler!K3209</f>
        <v>0.29479380847176628</v>
      </c>
      <c r="L3183" s="58">
        <f>Bühler!L3209</f>
        <v>0.14739690423588314</v>
      </c>
      <c r="M3183" s="57">
        <f>Bühler!M3209</f>
        <v>0</v>
      </c>
      <c r="N3183" s="55">
        <f>IF(Input!$K$13=1,J3183*Input!$J$13,0)+IF(Input!$K$14=1,K3183*Input!$J$14,0)+IF(Input!$K$15=1,L3183*Input!$J$15,0)+IF(Input!$K$16=1,M3183*Input!$J$16,0)</f>
        <v>1.0823367016341638</v>
      </c>
      <c r="O3183" s="58">
        <f>IF(Input!$K$13=2,J3183*Input!$J$13,0)+IF(Input!$K$14=2,K3183*Input!$J$14,0)+IF(Input!$K$15=2,L3183*Input!$J$15,0)+IF(Input!$K$16=2,M3183*Input!$J$16,0)</f>
        <v>3.9797164143688446E-2</v>
      </c>
      <c r="P3183" s="58">
        <f>IF(Input!$K$13=3,J3183*Input!$J$13,0)+IF(Input!$K$14=3,K3183*Input!$J$14,0)+IF(Input!$K$15=3,L3183*Input!$J$15,0)+IF(Input!$K$16=3,M3183*Input!$J$16,0)</f>
        <v>0</v>
      </c>
      <c r="Q3183" s="71">
        <f>IF(Input!$K$13=4,J3183*Input!$J$13,0)+IF(Input!$K$14=4,K3183*Input!$J$14,0)+IF(Input!$K$15=4,L3183*Input!$J$15,0)+IF(Input!$K$16=4,M3183*Input!$J$16,0)</f>
        <v>0</v>
      </c>
    </row>
    <row r="3184" spans="8:17" x14ac:dyDescent="0.25">
      <c r="H3184" s="43">
        <v>3177</v>
      </c>
      <c r="I3184" s="55">
        <f>Bühler!I3210</f>
        <v>2.5165261692257936</v>
      </c>
      <c r="J3184" s="58">
        <f>Bühler!J3210</f>
        <v>9.019472513618032</v>
      </c>
      <c r="K3184" s="58">
        <f>Bühler!K3210</f>
        <v>0.29479380847176628</v>
      </c>
      <c r="L3184" s="58">
        <f>Bühler!L3210</f>
        <v>0.14739690423588314</v>
      </c>
      <c r="M3184" s="57">
        <f>Bühler!M3210</f>
        <v>0</v>
      </c>
      <c r="N3184" s="55">
        <f>IF(Input!$K$13=1,J3184*Input!$J$13,0)+IF(Input!$K$14=1,K3184*Input!$J$14,0)+IF(Input!$K$15=1,L3184*Input!$J$15,0)+IF(Input!$K$16=1,M3184*Input!$J$16,0)</f>
        <v>1.0823367016341638</v>
      </c>
      <c r="O3184" s="58">
        <f>IF(Input!$K$13=2,J3184*Input!$J$13,0)+IF(Input!$K$14=2,K3184*Input!$J$14,0)+IF(Input!$K$15=2,L3184*Input!$J$15,0)+IF(Input!$K$16=2,M3184*Input!$J$16,0)</f>
        <v>3.9797164143688446E-2</v>
      </c>
      <c r="P3184" s="58">
        <f>IF(Input!$K$13=3,J3184*Input!$J$13,0)+IF(Input!$K$14=3,K3184*Input!$J$14,0)+IF(Input!$K$15=3,L3184*Input!$J$15,0)+IF(Input!$K$16=3,M3184*Input!$J$16,0)</f>
        <v>0</v>
      </c>
      <c r="Q3184" s="71">
        <f>IF(Input!$K$13=4,J3184*Input!$J$13,0)+IF(Input!$K$14=4,K3184*Input!$J$14,0)+IF(Input!$K$15=4,L3184*Input!$J$15,0)+IF(Input!$K$16=4,M3184*Input!$J$16,0)</f>
        <v>0</v>
      </c>
    </row>
    <row r="3185" spans="8:17" x14ac:dyDescent="0.25">
      <c r="H3185" s="43">
        <v>3178</v>
      </c>
      <c r="I3185" s="55">
        <f>Bühler!I3211</f>
        <v>2.5165261692257936</v>
      </c>
      <c r="J3185" s="58">
        <f>Bühler!J3211</f>
        <v>9.019472513618032</v>
      </c>
      <c r="K3185" s="58">
        <f>Bühler!K3211</f>
        <v>0.29479380847176628</v>
      </c>
      <c r="L3185" s="58">
        <f>Bühler!L3211</f>
        <v>0.14739690423588314</v>
      </c>
      <c r="M3185" s="57">
        <f>Bühler!M3211</f>
        <v>0</v>
      </c>
      <c r="N3185" s="55">
        <f>IF(Input!$K$13=1,J3185*Input!$J$13,0)+IF(Input!$K$14=1,K3185*Input!$J$14,0)+IF(Input!$K$15=1,L3185*Input!$J$15,0)+IF(Input!$K$16=1,M3185*Input!$J$16,0)</f>
        <v>1.0823367016341638</v>
      </c>
      <c r="O3185" s="58">
        <f>IF(Input!$K$13=2,J3185*Input!$J$13,0)+IF(Input!$K$14=2,K3185*Input!$J$14,0)+IF(Input!$K$15=2,L3185*Input!$J$15,0)+IF(Input!$K$16=2,M3185*Input!$J$16,0)</f>
        <v>3.9797164143688446E-2</v>
      </c>
      <c r="P3185" s="58">
        <f>IF(Input!$K$13=3,J3185*Input!$J$13,0)+IF(Input!$K$14=3,K3185*Input!$J$14,0)+IF(Input!$K$15=3,L3185*Input!$J$15,0)+IF(Input!$K$16=3,M3185*Input!$J$16,0)</f>
        <v>0</v>
      </c>
      <c r="Q3185" s="71">
        <f>IF(Input!$K$13=4,J3185*Input!$J$13,0)+IF(Input!$K$14=4,K3185*Input!$J$14,0)+IF(Input!$K$15=4,L3185*Input!$J$15,0)+IF(Input!$K$16=4,M3185*Input!$J$16,0)</f>
        <v>0</v>
      </c>
    </row>
    <row r="3186" spans="8:17" x14ac:dyDescent="0.25">
      <c r="H3186" s="43">
        <v>3179</v>
      </c>
      <c r="I3186" s="55">
        <f>Bühler!I3212</f>
        <v>2.5165261692257936</v>
      </c>
      <c r="J3186" s="58">
        <f>Bühler!J3212</f>
        <v>9.019472513618032</v>
      </c>
      <c r="K3186" s="58">
        <f>Bühler!K3212</f>
        <v>0.29479380847176628</v>
      </c>
      <c r="L3186" s="58">
        <f>Bühler!L3212</f>
        <v>0.14739690423588314</v>
      </c>
      <c r="M3186" s="57">
        <f>Bühler!M3212</f>
        <v>0</v>
      </c>
      <c r="N3186" s="55">
        <f>IF(Input!$K$13=1,J3186*Input!$J$13,0)+IF(Input!$K$14=1,K3186*Input!$J$14,0)+IF(Input!$K$15=1,L3186*Input!$J$15,0)+IF(Input!$K$16=1,M3186*Input!$J$16,0)</f>
        <v>1.0823367016341638</v>
      </c>
      <c r="O3186" s="58">
        <f>IF(Input!$K$13=2,J3186*Input!$J$13,0)+IF(Input!$K$14=2,K3186*Input!$J$14,0)+IF(Input!$K$15=2,L3186*Input!$J$15,0)+IF(Input!$K$16=2,M3186*Input!$J$16,0)</f>
        <v>3.9797164143688446E-2</v>
      </c>
      <c r="P3186" s="58">
        <f>IF(Input!$K$13=3,J3186*Input!$J$13,0)+IF(Input!$K$14=3,K3186*Input!$J$14,0)+IF(Input!$K$15=3,L3186*Input!$J$15,0)+IF(Input!$K$16=3,M3186*Input!$J$16,0)</f>
        <v>0</v>
      </c>
      <c r="Q3186" s="71">
        <f>IF(Input!$K$13=4,J3186*Input!$J$13,0)+IF(Input!$K$14=4,K3186*Input!$J$14,0)+IF(Input!$K$15=4,L3186*Input!$J$15,0)+IF(Input!$K$16=4,M3186*Input!$J$16,0)</f>
        <v>0</v>
      </c>
    </row>
    <row r="3187" spans="8:17" x14ac:dyDescent="0.25">
      <c r="H3187" s="43">
        <v>3180</v>
      </c>
      <c r="I3187" s="55">
        <f>Bühler!I3213</f>
        <v>2.5165261692257936</v>
      </c>
      <c r="J3187" s="58">
        <f>Bühler!J3213</f>
        <v>9.019472513618032</v>
      </c>
      <c r="K3187" s="58">
        <f>Bühler!K3213</f>
        <v>0.29479380847176628</v>
      </c>
      <c r="L3187" s="58">
        <f>Bühler!L3213</f>
        <v>0.14739690423588314</v>
      </c>
      <c r="M3187" s="57">
        <f>Bühler!M3213</f>
        <v>0</v>
      </c>
      <c r="N3187" s="55">
        <f>IF(Input!$K$13=1,J3187*Input!$J$13,0)+IF(Input!$K$14=1,K3187*Input!$J$14,0)+IF(Input!$K$15=1,L3187*Input!$J$15,0)+IF(Input!$K$16=1,M3187*Input!$J$16,0)</f>
        <v>1.0823367016341638</v>
      </c>
      <c r="O3187" s="58">
        <f>IF(Input!$K$13=2,J3187*Input!$J$13,0)+IF(Input!$K$14=2,K3187*Input!$J$14,0)+IF(Input!$K$15=2,L3187*Input!$J$15,0)+IF(Input!$K$16=2,M3187*Input!$J$16,0)</f>
        <v>3.9797164143688446E-2</v>
      </c>
      <c r="P3187" s="58">
        <f>IF(Input!$K$13=3,J3187*Input!$J$13,0)+IF(Input!$K$14=3,K3187*Input!$J$14,0)+IF(Input!$K$15=3,L3187*Input!$J$15,0)+IF(Input!$K$16=3,M3187*Input!$J$16,0)</f>
        <v>0</v>
      </c>
      <c r="Q3187" s="71">
        <f>IF(Input!$K$13=4,J3187*Input!$J$13,0)+IF(Input!$K$14=4,K3187*Input!$J$14,0)+IF(Input!$K$15=4,L3187*Input!$J$15,0)+IF(Input!$K$16=4,M3187*Input!$J$16,0)</f>
        <v>0</v>
      </c>
    </row>
    <row r="3188" spans="8:17" x14ac:dyDescent="0.25">
      <c r="H3188" s="43">
        <v>3181</v>
      </c>
      <c r="I3188" s="55">
        <f>Bühler!I3214</f>
        <v>2.5165261692257936</v>
      </c>
      <c r="J3188" s="58">
        <f>Bühler!J3214</f>
        <v>9.019472513618032</v>
      </c>
      <c r="K3188" s="58">
        <f>Bühler!K3214</f>
        <v>0.29479380847176628</v>
      </c>
      <c r="L3188" s="58">
        <f>Bühler!L3214</f>
        <v>0.14739690423588314</v>
      </c>
      <c r="M3188" s="57">
        <f>Bühler!M3214</f>
        <v>0</v>
      </c>
      <c r="N3188" s="55">
        <f>IF(Input!$K$13=1,J3188*Input!$J$13,0)+IF(Input!$K$14=1,K3188*Input!$J$14,0)+IF(Input!$K$15=1,L3188*Input!$J$15,0)+IF(Input!$K$16=1,M3188*Input!$J$16,0)</f>
        <v>1.0823367016341638</v>
      </c>
      <c r="O3188" s="58">
        <f>IF(Input!$K$13=2,J3188*Input!$J$13,0)+IF(Input!$K$14=2,K3188*Input!$J$14,0)+IF(Input!$K$15=2,L3188*Input!$J$15,0)+IF(Input!$K$16=2,M3188*Input!$J$16,0)</f>
        <v>3.9797164143688446E-2</v>
      </c>
      <c r="P3188" s="58">
        <f>IF(Input!$K$13=3,J3188*Input!$J$13,0)+IF(Input!$K$14=3,K3188*Input!$J$14,0)+IF(Input!$K$15=3,L3188*Input!$J$15,0)+IF(Input!$K$16=3,M3188*Input!$J$16,0)</f>
        <v>0</v>
      </c>
      <c r="Q3188" s="71">
        <f>IF(Input!$K$13=4,J3188*Input!$J$13,0)+IF(Input!$K$14=4,K3188*Input!$J$14,0)+IF(Input!$K$15=4,L3188*Input!$J$15,0)+IF(Input!$K$16=4,M3188*Input!$J$16,0)</f>
        <v>0</v>
      </c>
    </row>
    <row r="3189" spans="8:17" x14ac:dyDescent="0.25">
      <c r="H3189" s="43">
        <v>3182</v>
      </c>
      <c r="I3189" s="55">
        <f>Bühler!I3215</f>
        <v>2.5165261692257936</v>
      </c>
      <c r="J3189" s="58">
        <f>Bühler!J3215</f>
        <v>9.019472513618032</v>
      </c>
      <c r="K3189" s="58">
        <f>Bühler!K3215</f>
        <v>0.29479380847176628</v>
      </c>
      <c r="L3189" s="58">
        <f>Bühler!L3215</f>
        <v>0.14739690423588314</v>
      </c>
      <c r="M3189" s="57">
        <f>Bühler!M3215</f>
        <v>0</v>
      </c>
      <c r="N3189" s="55">
        <f>IF(Input!$K$13=1,J3189*Input!$J$13,0)+IF(Input!$K$14=1,K3189*Input!$J$14,0)+IF(Input!$K$15=1,L3189*Input!$J$15,0)+IF(Input!$K$16=1,M3189*Input!$J$16,0)</f>
        <v>1.0823367016341638</v>
      </c>
      <c r="O3189" s="58">
        <f>IF(Input!$K$13=2,J3189*Input!$J$13,0)+IF(Input!$K$14=2,K3189*Input!$J$14,0)+IF(Input!$K$15=2,L3189*Input!$J$15,0)+IF(Input!$K$16=2,M3189*Input!$J$16,0)</f>
        <v>3.9797164143688446E-2</v>
      </c>
      <c r="P3189" s="58">
        <f>IF(Input!$K$13=3,J3189*Input!$J$13,0)+IF(Input!$K$14=3,K3189*Input!$J$14,0)+IF(Input!$K$15=3,L3189*Input!$J$15,0)+IF(Input!$K$16=3,M3189*Input!$J$16,0)</f>
        <v>0</v>
      </c>
      <c r="Q3189" s="71">
        <f>IF(Input!$K$13=4,J3189*Input!$J$13,0)+IF(Input!$K$14=4,K3189*Input!$J$14,0)+IF(Input!$K$15=4,L3189*Input!$J$15,0)+IF(Input!$K$16=4,M3189*Input!$J$16,0)</f>
        <v>0</v>
      </c>
    </row>
    <row r="3190" spans="8:17" x14ac:dyDescent="0.25">
      <c r="H3190" s="43">
        <v>3183</v>
      </c>
      <c r="I3190" s="55">
        <f>Bühler!I3216</f>
        <v>2.5165261692257936</v>
      </c>
      <c r="J3190" s="58">
        <f>Bühler!J3216</f>
        <v>9.019472513618032</v>
      </c>
      <c r="K3190" s="58">
        <f>Bühler!K3216</f>
        <v>0.29479380847176628</v>
      </c>
      <c r="L3190" s="58">
        <f>Bühler!L3216</f>
        <v>0.14739690423588314</v>
      </c>
      <c r="M3190" s="57">
        <f>Bühler!M3216</f>
        <v>0</v>
      </c>
      <c r="N3190" s="55">
        <f>IF(Input!$K$13=1,J3190*Input!$J$13,0)+IF(Input!$K$14=1,K3190*Input!$J$14,0)+IF(Input!$K$15=1,L3190*Input!$J$15,0)+IF(Input!$K$16=1,M3190*Input!$J$16,0)</f>
        <v>1.0823367016341638</v>
      </c>
      <c r="O3190" s="58">
        <f>IF(Input!$K$13=2,J3190*Input!$J$13,0)+IF(Input!$K$14=2,K3190*Input!$J$14,0)+IF(Input!$K$15=2,L3190*Input!$J$15,0)+IF(Input!$K$16=2,M3190*Input!$J$16,0)</f>
        <v>3.9797164143688446E-2</v>
      </c>
      <c r="P3190" s="58">
        <f>IF(Input!$K$13=3,J3190*Input!$J$13,0)+IF(Input!$K$14=3,K3190*Input!$J$14,0)+IF(Input!$K$15=3,L3190*Input!$J$15,0)+IF(Input!$K$16=3,M3190*Input!$J$16,0)</f>
        <v>0</v>
      </c>
      <c r="Q3190" s="71">
        <f>IF(Input!$K$13=4,J3190*Input!$J$13,0)+IF(Input!$K$14=4,K3190*Input!$J$14,0)+IF(Input!$K$15=4,L3190*Input!$J$15,0)+IF(Input!$K$16=4,M3190*Input!$J$16,0)</f>
        <v>0</v>
      </c>
    </row>
    <row r="3191" spans="8:17" x14ac:dyDescent="0.25">
      <c r="H3191" s="43">
        <v>3184</v>
      </c>
      <c r="I3191" s="55">
        <f>Bühler!I3217</f>
        <v>2.2752154406698955</v>
      </c>
      <c r="J3191" s="58">
        <f>Bühler!J3217</f>
        <v>9.009417899928204</v>
      </c>
      <c r="K3191" s="58">
        <f>Bühler!K3217</f>
        <v>0.29479380847176628</v>
      </c>
      <c r="L3191" s="58">
        <f>Bühler!L3217</f>
        <v>0.14739690423588314</v>
      </c>
      <c r="M3191" s="57">
        <f>Bühler!M3217</f>
        <v>0</v>
      </c>
      <c r="N3191" s="55">
        <f>IF(Input!$K$13=1,J3191*Input!$J$13,0)+IF(Input!$K$14=1,K3191*Input!$J$14,0)+IF(Input!$K$15=1,L3191*Input!$J$15,0)+IF(Input!$K$16=1,M3191*Input!$J$16,0)</f>
        <v>1.0811301479913844</v>
      </c>
      <c r="O3191" s="58">
        <f>IF(Input!$K$13=2,J3191*Input!$J$13,0)+IF(Input!$K$14=2,K3191*Input!$J$14,0)+IF(Input!$K$15=2,L3191*Input!$J$15,0)+IF(Input!$K$16=2,M3191*Input!$J$16,0)</f>
        <v>3.9797164143688446E-2</v>
      </c>
      <c r="P3191" s="58">
        <f>IF(Input!$K$13=3,J3191*Input!$J$13,0)+IF(Input!$K$14=3,K3191*Input!$J$14,0)+IF(Input!$K$15=3,L3191*Input!$J$15,0)+IF(Input!$K$16=3,M3191*Input!$J$16,0)</f>
        <v>0</v>
      </c>
      <c r="Q3191" s="71">
        <f>IF(Input!$K$13=4,J3191*Input!$J$13,0)+IF(Input!$K$14=4,K3191*Input!$J$14,0)+IF(Input!$K$15=4,L3191*Input!$J$15,0)+IF(Input!$K$16=4,M3191*Input!$J$16,0)</f>
        <v>0</v>
      </c>
    </row>
    <row r="3192" spans="8:17" x14ac:dyDescent="0.25">
      <c r="H3192" s="43">
        <v>3185</v>
      </c>
      <c r="I3192" s="55">
        <f>Bühler!I3218</f>
        <v>2.0683776733362684</v>
      </c>
      <c r="J3192" s="58">
        <f>Bühler!J3218</f>
        <v>9.0007996596226363</v>
      </c>
      <c r="K3192" s="58">
        <f>Bühler!K3218</f>
        <v>0.29479380847176628</v>
      </c>
      <c r="L3192" s="58">
        <f>Bühler!L3218</f>
        <v>0.14739690423588314</v>
      </c>
      <c r="M3192" s="57">
        <f>Bühler!M3218</f>
        <v>0</v>
      </c>
      <c r="N3192" s="55">
        <f>IF(Input!$K$13=1,J3192*Input!$J$13,0)+IF(Input!$K$14=1,K3192*Input!$J$14,0)+IF(Input!$K$15=1,L3192*Input!$J$15,0)+IF(Input!$K$16=1,M3192*Input!$J$16,0)</f>
        <v>1.0800959591547163</v>
      </c>
      <c r="O3192" s="58">
        <f>IF(Input!$K$13=2,J3192*Input!$J$13,0)+IF(Input!$K$14=2,K3192*Input!$J$14,0)+IF(Input!$K$15=2,L3192*Input!$J$15,0)+IF(Input!$K$16=2,M3192*Input!$J$16,0)</f>
        <v>3.9797164143688446E-2</v>
      </c>
      <c r="P3192" s="58">
        <f>IF(Input!$K$13=3,J3192*Input!$J$13,0)+IF(Input!$K$14=3,K3192*Input!$J$14,0)+IF(Input!$K$15=3,L3192*Input!$J$15,0)+IF(Input!$K$16=3,M3192*Input!$J$16,0)</f>
        <v>0</v>
      </c>
      <c r="Q3192" s="71">
        <f>IF(Input!$K$13=4,J3192*Input!$J$13,0)+IF(Input!$K$14=4,K3192*Input!$J$14,0)+IF(Input!$K$15=4,L3192*Input!$J$15,0)+IF(Input!$K$16=4,M3192*Input!$J$16,0)</f>
        <v>0</v>
      </c>
    </row>
    <row r="3193" spans="8:17" x14ac:dyDescent="0.25">
      <c r="H3193" s="43">
        <v>3186</v>
      </c>
      <c r="I3193" s="55">
        <f>Bühler!I3219</f>
        <v>1.8615399060026419</v>
      </c>
      <c r="J3193" s="58">
        <f>Bühler!J3219</f>
        <v>8.9921814193170686</v>
      </c>
      <c r="K3193" s="58">
        <f>Bühler!K3219</f>
        <v>0.29479380847176628</v>
      </c>
      <c r="L3193" s="58">
        <f>Bühler!L3219</f>
        <v>0.14739690423588314</v>
      </c>
      <c r="M3193" s="57">
        <f>Bühler!M3219</f>
        <v>0</v>
      </c>
      <c r="N3193" s="55">
        <f>IF(Input!$K$13=1,J3193*Input!$J$13,0)+IF(Input!$K$14=1,K3193*Input!$J$14,0)+IF(Input!$K$15=1,L3193*Input!$J$15,0)+IF(Input!$K$16=1,M3193*Input!$J$16,0)</f>
        <v>1.0790617703180483</v>
      </c>
      <c r="O3193" s="58">
        <f>IF(Input!$K$13=2,J3193*Input!$J$13,0)+IF(Input!$K$14=2,K3193*Input!$J$14,0)+IF(Input!$K$15=2,L3193*Input!$J$15,0)+IF(Input!$K$16=2,M3193*Input!$J$16,0)</f>
        <v>3.9797164143688446E-2</v>
      </c>
      <c r="P3193" s="58">
        <f>IF(Input!$K$13=3,J3193*Input!$J$13,0)+IF(Input!$K$14=3,K3193*Input!$J$14,0)+IF(Input!$K$15=3,L3193*Input!$J$15,0)+IF(Input!$K$16=3,M3193*Input!$J$16,0)</f>
        <v>0</v>
      </c>
      <c r="Q3193" s="71">
        <f>IF(Input!$K$13=4,J3193*Input!$J$13,0)+IF(Input!$K$14=4,K3193*Input!$J$14,0)+IF(Input!$K$15=4,L3193*Input!$J$15,0)+IF(Input!$K$16=4,M3193*Input!$J$16,0)</f>
        <v>0</v>
      </c>
    </row>
    <row r="3194" spans="8:17" x14ac:dyDescent="0.25">
      <c r="H3194" s="43">
        <v>3187</v>
      </c>
      <c r="I3194" s="55">
        <f>Bühler!I3220</f>
        <v>1.7925939835580995</v>
      </c>
      <c r="J3194" s="58">
        <f>Bühler!J3220</f>
        <v>8.989308672548546</v>
      </c>
      <c r="K3194" s="58">
        <f>Bühler!K3220</f>
        <v>0.29479380847176628</v>
      </c>
      <c r="L3194" s="58">
        <f>Bühler!L3220</f>
        <v>0.14739690423588314</v>
      </c>
      <c r="M3194" s="57">
        <f>Bühler!M3220</f>
        <v>0</v>
      </c>
      <c r="N3194" s="55">
        <f>IF(Input!$K$13=1,J3194*Input!$J$13,0)+IF(Input!$K$14=1,K3194*Input!$J$14,0)+IF(Input!$K$15=1,L3194*Input!$J$15,0)+IF(Input!$K$16=1,M3194*Input!$J$16,0)</f>
        <v>1.0787170407058255</v>
      </c>
      <c r="O3194" s="58">
        <f>IF(Input!$K$13=2,J3194*Input!$J$13,0)+IF(Input!$K$14=2,K3194*Input!$J$14,0)+IF(Input!$K$15=2,L3194*Input!$J$15,0)+IF(Input!$K$16=2,M3194*Input!$J$16,0)</f>
        <v>3.9797164143688446E-2</v>
      </c>
      <c r="P3194" s="58">
        <f>IF(Input!$K$13=3,J3194*Input!$J$13,0)+IF(Input!$K$14=3,K3194*Input!$J$14,0)+IF(Input!$K$15=3,L3194*Input!$J$15,0)+IF(Input!$K$16=3,M3194*Input!$J$16,0)</f>
        <v>0</v>
      </c>
      <c r="Q3194" s="71">
        <f>IF(Input!$K$13=4,J3194*Input!$J$13,0)+IF(Input!$K$14=4,K3194*Input!$J$14,0)+IF(Input!$K$15=4,L3194*Input!$J$15,0)+IF(Input!$K$16=4,M3194*Input!$J$16,0)</f>
        <v>0</v>
      </c>
    </row>
    <row r="3195" spans="8:17" x14ac:dyDescent="0.25">
      <c r="H3195" s="43">
        <v>3188</v>
      </c>
      <c r="I3195" s="55">
        <f>Bühler!I3221</f>
        <v>1.447864371335388</v>
      </c>
      <c r="J3195" s="58">
        <f>Bühler!J3221</f>
        <v>8.9749449387059332</v>
      </c>
      <c r="K3195" s="58">
        <f>Bühler!K3221</f>
        <v>0.29479380847176628</v>
      </c>
      <c r="L3195" s="58">
        <f>Bühler!L3221</f>
        <v>0.14739690423588314</v>
      </c>
      <c r="M3195" s="57">
        <f>Bühler!M3221</f>
        <v>0</v>
      </c>
      <c r="N3195" s="55">
        <f>IF(Input!$K$13=1,J3195*Input!$J$13,0)+IF(Input!$K$14=1,K3195*Input!$J$14,0)+IF(Input!$K$15=1,L3195*Input!$J$15,0)+IF(Input!$K$16=1,M3195*Input!$J$16,0)</f>
        <v>1.0769933926447119</v>
      </c>
      <c r="O3195" s="58">
        <f>IF(Input!$K$13=2,J3195*Input!$J$13,0)+IF(Input!$K$14=2,K3195*Input!$J$14,0)+IF(Input!$K$15=2,L3195*Input!$J$15,0)+IF(Input!$K$16=2,M3195*Input!$J$16,0)</f>
        <v>3.9797164143688446E-2</v>
      </c>
      <c r="P3195" s="58">
        <f>IF(Input!$K$13=3,J3195*Input!$J$13,0)+IF(Input!$K$14=3,K3195*Input!$J$14,0)+IF(Input!$K$15=3,L3195*Input!$J$15,0)+IF(Input!$K$16=3,M3195*Input!$J$16,0)</f>
        <v>0</v>
      </c>
      <c r="Q3195" s="71">
        <f>IF(Input!$K$13=4,J3195*Input!$J$13,0)+IF(Input!$K$14=4,K3195*Input!$J$14,0)+IF(Input!$K$15=4,L3195*Input!$J$15,0)+IF(Input!$K$16=4,M3195*Input!$J$16,0)</f>
        <v>0</v>
      </c>
    </row>
    <row r="3196" spans="8:17" x14ac:dyDescent="0.25">
      <c r="H3196" s="43">
        <v>3189</v>
      </c>
      <c r="I3196" s="55">
        <f>Bühler!I3222</f>
        <v>1.0686617978904054</v>
      </c>
      <c r="J3196" s="58">
        <f>Bühler!J3222</f>
        <v>8.9591448314790583</v>
      </c>
      <c r="K3196" s="58">
        <f>Bühler!K3222</f>
        <v>0.29479380847176628</v>
      </c>
      <c r="L3196" s="58">
        <f>Bühler!L3222</f>
        <v>0.14739690423588314</v>
      </c>
      <c r="M3196" s="57">
        <f>Bühler!M3222</f>
        <v>0</v>
      </c>
      <c r="N3196" s="55">
        <f>IF(Input!$K$13=1,J3196*Input!$J$13,0)+IF(Input!$K$14=1,K3196*Input!$J$14,0)+IF(Input!$K$15=1,L3196*Input!$J$15,0)+IF(Input!$K$16=1,M3196*Input!$J$16,0)</f>
        <v>1.075097379777487</v>
      </c>
      <c r="O3196" s="58">
        <f>IF(Input!$K$13=2,J3196*Input!$J$13,0)+IF(Input!$K$14=2,K3196*Input!$J$14,0)+IF(Input!$K$15=2,L3196*Input!$J$15,0)+IF(Input!$K$16=2,M3196*Input!$J$16,0)</f>
        <v>3.9797164143688446E-2</v>
      </c>
      <c r="P3196" s="58">
        <f>IF(Input!$K$13=3,J3196*Input!$J$13,0)+IF(Input!$K$14=3,K3196*Input!$J$14,0)+IF(Input!$K$15=3,L3196*Input!$J$15,0)+IF(Input!$K$16=3,M3196*Input!$J$16,0)</f>
        <v>0</v>
      </c>
      <c r="Q3196" s="71">
        <f>IF(Input!$K$13=4,J3196*Input!$J$13,0)+IF(Input!$K$14=4,K3196*Input!$J$14,0)+IF(Input!$K$15=4,L3196*Input!$J$15,0)+IF(Input!$K$16=4,M3196*Input!$J$16,0)</f>
        <v>0</v>
      </c>
    </row>
    <row r="3197" spans="8:17" x14ac:dyDescent="0.25">
      <c r="H3197" s="43">
        <v>3190</v>
      </c>
      <c r="I3197" s="55">
        <f>Bühler!I3223</f>
        <v>1.0686617978904054</v>
      </c>
      <c r="J3197" s="58">
        <f>Bühler!J3223</f>
        <v>8.9591448314790583</v>
      </c>
      <c r="K3197" s="58">
        <f>Bühler!K3223</f>
        <v>0.29479380847176628</v>
      </c>
      <c r="L3197" s="58">
        <f>Bühler!L3223</f>
        <v>0.14739690423588314</v>
      </c>
      <c r="M3197" s="57">
        <f>Bühler!M3223</f>
        <v>0</v>
      </c>
      <c r="N3197" s="55">
        <f>IF(Input!$K$13=1,J3197*Input!$J$13,0)+IF(Input!$K$14=1,K3197*Input!$J$14,0)+IF(Input!$K$15=1,L3197*Input!$J$15,0)+IF(Input!$K$16=1,M3197*Input!$J$16,0)</f>
        <v>1.075097379777487</v>
      </c>
      <c r="O3197" s="58">
        <f>IF(Input!$K$13=2,J3197*Input!$J$13,0)+IF(Input!$K$14=2,K3197*Input!$J$14,0)+IF(Input!$K$15=2,L3197*Input!$J$15,0)+IF(Input!$K$16=2,M3197*Input!$J$16,0)</f>
        <v>3.9797164143688446E-2</v>
      </c>
      <c r="P3197" s="58">
        <f>IF(Input!$K$13=3,J3197*Input!$J$13,0)+IF(Input!$K$14=3,K3197*Input!$J$14,0)+IF(Input!$K$15=3,L3197*Input!$J$15,0)+IF(Input!$K$16=3,M3197*Input!$J$16,0)</f>
        <v>0</v>
      </c>
      <c r="Q3197" s="71">
        <f>IF(Input!$K$13=4,J3197*Input!$J$13,0)+IF(Input!$K$14=4,K3197*Input!$J$14,0)+IF(Input!$K$15=4,L3197*Input!$J$15,0)+IF(Input!$K$16=4,M3197*Input!$J$16,0)</f>
        <v>0</v>
      </c>
    </row>
    <row r="3198" spans="8:17" x14ac:dyDescent="0.25">
      <c r="H3198" s="43">
        <v>3191</v>
      </c>
      <c r="I3198" s="55">
        <f>Bühler!I3224</f>
        <v>1.0686617978904054</v>
      </c>
      <c r="J3198" s="58">
        <f>Bühler!J3224</f>
        <v>8.9591448314790583</v>
      </c>
      <c r="K3198" s="58">
        <f>Bühler!K3224</f>
        <v>0.29479380847176628</v>
      </c>
      <c r="L3198" s="58">
        <f>Bühler!L3224</f>
        <v>0.14739690423588314</v>
      </c>
      <c r="M3198" s="57">
        <f>Bühler!M3224</f>
        <v>0</v>
      </c>
      <c r="N3198" s="55">
        <f>IF(Input!$K$13=1,J3198*Input!$J$13,0)+IF(Input!$K$14=1,K3198*Input!$J$14,0)+IF(Input!$K$15=1,L3198*Input!$J$15,0)+IF(Input!$K$16=1,M3198*Input!$J$16,0)</f>
        <v>1.075097379777487</v>
      </c>
      <c r="O3198" s="58">
        <f>IF(Input!$K$13=2,J3198*Input!$J$13,0)+IF(Input!$K$14=2,K3198*Input!$J$14,0)+IF(Input!$K$15=2,L3198*Input!$J$15,0)+IF(Input!$K$16=2,M3198*Input!$J$16,0)</f>
        <v>3.9797164143688446E-2</v>
      </c>
      <c r="P3198" s="58">
        <f>IF(Input!$K$13=3,J3198*Input!$J$13,0)+IF(Input!$K$14=3,K3198*Input!$J$14,0)+IF(Input!$K$15=3,L3198*Input!$J$15,0)+IF(Input!$K$16=3,M3198*Input!$J$16,0)</f>
        <v>0</v>
      </c>
      <c r="Q3198" s="71">
        <f>IF(Input!$K$13=4,J3198*Input!$J$13,0)+IF(Input!$K$14=4,K3198*Input!$J$14,0)+IF(Input!$K$15=4,L3198*Input!$J$15,0)+IF(Input!$K$16=4,M3198*Input!$J$16,0)</f>
        <v>0</v>
      </c>
    </row>
    <row r="3199" spans="8:17" x14ac:dyDescent="0.25">
      <c r="H3199" s="43">
        <v>3192</v>
      </c>
      <c r="I3199" s="55">
        <f>Bühler!I3225</f>
        <v>1.0686617978904054</v>
      </c>
      <c r="J3199" s="58">
        <f>Bühler!J3225</f>
        <v>8.9591448314790583</v>
      </c>
      <c r="K3199" s="58">
        <f>Bühler!K3225</f>
        <v>0.29479380847176628</v>
      </c>
      <c r="L3199" s="58">
        <f>Bühler!L3225</f>
        <v>0.14739690423588314</v>
      </c>
      <c r="M3199" s="57">
        <f>Bühler!M3225</f>
        <v>0</v>
      </c>
      <c r="N3199" s="55">
        <f>IF(Input!$K$13=1,J3199*Input!$J$13,0)+IF(Input!$K$14=1,K3199*Input!$J$14,0)+IF(Input!$K$15=1,L3199*Input!$J$15,0)+IF(Input!$K$16=1,M3199*Input!$J$16,0)</f>
        <v>1.075097379777487</v>
      </c>
      <c r="O3199" s="58">
        <f>IF(Input!$K$13=2,J3199*Input!$J$13,0)+IF(Input!$K$14=2,K3199*Input!$J$14,0)+IF(Input!$K$15=2,L3199*Input!$J$15,0)+IF(Input!$K$16=2,M3199*Input!$J$16,0)</f>
        <v>3.9797164143688446E-2</v>
      </c>
      <c r="P3199" s="58">
        <f>IF(Input!$K$13=3,J3199*Input!$J$13,0)+IF(Input!$K$14=3,K3199*Input!$J$14,0)+IF(Input!$K$15=3,L3199*Input!$J$15,0)+IF(Input!$K$16=3,M3199*Input!$J$16,0)</f>
        <v>0</v>
      </c>
      <c r="Q3199" s="71">
        <f>IF(Input!$K$13=4,J3199*Input!$J$13,0)+IF(Input!$K$14=4,K3199*Input!$J$14,0)+IF(Input!$K$15=4,L3199*Input!$J$15,0)+IF(Input!$K$16=4,M3199*Input!$J$16,0)</f>
        <v>0</v>
      </c>
    </row>
    <row r="3200" spans="8:17" x14ac:dyDescent="0.25">
      <c r="H3200" s="43">
        <v>3193</v>
      </c>
      <c r="I3200" s="55">
        <f>Bühler!I3226</f>
        <v>1.3564675662619605</v>
      </c>
      <c r="J3200" s="58">
        <f>Bühler!J3226</f>
        <v>9.4895557911464543</v>
      </c>
      <c r="K3200" s="58">
        <f>Bühler!K3226</f>
        <v>0.30405920533814274</v>
      </c>
      <c r="L3200" s="58">
        <f>Bühler!L3226</f>
        <v>0.15202960266907137</v>
      </c>
      <c r="M3200" s="57">
        <f>Bühler!M3226</f>
        <v>0</v>
      </c>
      <c r="N3200" s="55">
        <f>IF(Input!$K$13=1,J3200*Input!$J$13,0)+IF(Input!$K$14=1,K3200*Input!$J$14,0)+IF(Input!$K$15=1,L3200*Input!$J$15,0)+IF(Input!$K$16=1,M3200*Input!$J$16,0)</f>
        <v>1.1387466949375744</v>
      </c>
      <c r="O3200" s="58">
        <f>IF(Input!$K$13=2,J3200*Input!$J$13,0)+IF(Input!$K$14=2,K3200*Input!$J$14,0)+IF(Input!$K$15=2,L3200*Input!$J$15,0)+IF(Input!$K$16=2,M3200*Input!$J$16,0)</f>
        <v>4.1047992720649268E-2</v>
      </c>
      <c r="P3200" s="58">
        <f>IF(Input!$K$13=3,J3200*Input!$J$13,0)+IF(Input!$K$14=3,K3200*Input!$J$14,0)+IF(Input!$K$15=3,L3200*Input!$J$15,0)+IF(Input!$K$16=3,M3200*Input!$J$16,0)</f>
        <v>0</v>
      </c>
      <c r="Q3200" s="71">
        <f>IF(Input!$K$13=4,J3200*Input!$J$13,0)+IF(Input!$K$14=4,K3200*Input!$J$14,0)+IF(Input!$K$15=4,L3200*Input!$J$15,0)+IF(Input!$K$16=4,M3200*Input!$J$16,0)</f>
        <v>0</v>
      </c>
    </row>
    <row r="3201" spans="8:17" x14ac:dyDescent="0.25">
      <c r="H3201" s="43">
        <v>3194</v>
      </c>
      <c r="I3201" s="55">
        <f>Bühler!I3227</f>
        <v>1.5752526575945351</v>
      </c>
      <c r="J3201" s="58">
        <f>Bühler!J3227</f>
        <v>9.4986718366186462</v>
      </c>
      <c r="K3201" s="58">
        <f>Bühler!K3227</f>
        <v>0.30405920533814274</v>
      </c>
      <c r="L3201" s="58">
        <f>Bühler!L3227</f>
        <v>0.15202960266907137</v>
      </c>
      <c r="M3201" s="57">
        <f>Bühler!M3227</f>
        <v>0</v>
      </c>
      <c r="N3201" s="55">
        <f>IF(Input!$K$13=1,J3201*Input!$J$13,0)+IF(Input!$K$14=1,K3201*Input!$J$14,0)+IF(Input!$K$15=1,L3201*Input!$J$15,0)+IF(Input!$K$16=1,M3201*Input!$J$16,0)</f>
        <v>1.1398406203942375</v>
      </c>
      <c r="O3201" s="58">
        <f>IF(Input!$K$13=2,J3201*Input!$J$13,0)+IF(Input!$K$14=2,K3201*Input!$J$14,0)+IF(Input!$K$15=2,L3201*Input!$J$15,0)+IF(Input!$K$16=2,M3201*Input!$J$16,0)</f>
        <v>4.1047992720649268E-2</v>
      </c>
      <c r="P3201" s="58">
        <f>IF(Input!$K$13=3,J3201*Input!$J$13,0)+IF(Input!$K$14=3,K3201*Input!$J$14,0)+IF(Input!$K$15=3,L3201*Input!$J$15,0)+IF(Input!$K$16=3,M3201*Input!$J$16,0)</f>
        <v>0</v>
      </c>
      <c r="Q3201" s="71">
        <f>IF(Input!$K$13=4,J3201*Input!$J$13,0)+IF(Input!$K$14=4,K3201*Input!$J$14,0)+IF(Input!$K$15=4,L3201*Input!$J$15,0)+IF(Input!$K$16=4,M3201*Input!$J$16,0)</f>
        <v>0</v>
      </c>
    </row>
    <row r="3202" spans="8:17" x14ac:dyDescent="0.25">
      <c r="H3202" s="43">
        <v>3195</v>
      </c>
      <c r="I3202" s="55">
        <f>Bühler!I3228</f>
        <v>1.5752526575945351</v>
      </c>
      <c r="J3202" s="58">
        <f>Bühler!J3228</f>
        <v>9.4986718366186462</v>
      </c>
      <c r="K3202" s="58">
        <f>Bühler!K3228</f>
        <v>0.30405920533814274</v>
      </c>
      <c r="L3202" s="58">
        <f>Bühler!L3228</f>
        <v>0.15202960266907137</v>
      </c>
      <c r="M3202" s="57">
        <f>Bühler!M3228</f>
        <v>0</v>
      </c>
      <c r="N3202" s="55">
        <f>IF(Input!$K$13=1,J3202*Input!$J$13,0)+IF(Input!$K$14=1,K3202*Input!$J$14,0)+IF(Input!$K$15=1,L3202*Input!$J$15,0)+IF(Input!$K$16=1,M3202*Input!$J$16,0)</f>
        <v>1.1398406203942375</v>
      </c>
      <c r="O3202" s="58">
        <f>IF(Input!$K$13=2,J3202*Input!$J$13,0)+IF(Input!$K$14=2,K3202*Input!$J$14,0)+IF(Input!$K$15=2,L3202*Input!$J$15,0)+IF(Input!$K$16=2,M3202*Input!$J$16,0)</f>
        <v>4.1047992720649268E-2</v>
      </c>
      <c r="P3202" s="58">
        <f>IF(Input!$K$13=3,J3202*Input!$J$13,0)+IF(Input!$K$14=3,K3202*Input!$J$14,0)+IF(Input!$K$15=3,L3202*Input!$J$15,0)+IF(Input!$K$16=3,M3202*Input!$J$16,0)</f>
        <v>0</v>
      </c>
      <c r="Q3202" s="71">
        <f>IF(Input!$K$13=4,J3202*Input!$J$13,0)+IF(Input!$K$14=4,K3202*Input!$J$14,0)+IF(Input!$K$15=4,L3202*Input!$J$15,0)+IF(Input!$K$16=4,M3202*Input!$J$16,0)</f>
        <v>0</v>
      </c>
    </row>
    <row r="3203" spans="8:17" x14ac:dyDescent="0.25">
      <c r="H3203" s="43">
        <v>3196</v>
      </c>
      <c r="I3203" s="55">
        <f>Bühler!I3229</f>
        <v>1.5752526575945351</v>
      </c>
      <c r="J3203" s="58">
        <f>Bühler!J3229</f>
        <v>9.4986718366186462</v>
      </c>
      <c r="K3203" s="58">
        <f>Bühler!K3229</f>
        <v>0.30405920533814274</v>
      </c>
      <c r="L3203" s="58">
        <f>Bühler!L3229</f>
        <v>0.15202960266907137</v>
      </c>
      <c r="M3203" s="57">
        <f>Bühler!M3229</f>
        <v>0</v>
      </c>
      <c r="N3203" s="55">
        <f>IF(Input!$K$13=1,J3203*Input!$J$13,0)+IF(Input!$K$14=1,K3203*Input!$J$14,0)+IF(Input!$K$15=1,L3203*Input!$J$15,0)+IF(Input!$K$16=1,M3203*Input!$J$16,0)</f>
        <v>1.1398406203942375</v>
      </c>
      <c r="O3203" s="58">
        <f>IF(Input!$K$13=2,J3203*Input!$J$13,0)+IF(Input!$K$14=2,K3203*Input!$J$14,0)+IF(Input!$K$15=2,L3203*Input!$J$15,0)+IF(Input!$K$16=2,M3203*Input!$J$16,0)</f>
        <v>4.1047992720649268E-2</v>
      </c>
      <c r="P3203" s="58">
        <f>IF(Input!$K$13=3,J3203*Input!$J$13,0)+IF(Input!$K$14=3,K3203*Input!$J$14,0)+IF(Input!$K$15=3,L3203*Input!$J$15,0)+IF(Input!$K$16=3,M3203*Input!$J$16,0)</f>
        <v>0</v>
      </c>
      <c r="Q3203" s="71">
        <f>IF(Input!$K$13=4,J3203*Input!$J$13,0)+IF(Input!$K$14=4,K3203*Input!$J$14,0)+IF(Input!$K$15=4,L3203*Input!$J$15,0)+IF(Input!$K$16=4,M3203*Input!$J$16,0)</f>
        <v>0</v>
      </c>
    </row>
    <row r="3204" spans="8:17" x14ac:dyDescent="0.25">
      <c r="H3204" s="43">
        <v>3197</v>
      </c>
      <c r="I3204" s="55">
        <f>Bühler!I3230</f>
        <v>1.5752526575945351</v>
      </c>
      <c r="J3204" s="58">
        <f>Bühler!J3230</f>
        <v>9.4986718366186462</v>
      </c>
      <c r="K3204" s="58">
        <f>Bühler!K3230</f>
        <v>0.30405920533814274</v>
      </c>
      <c r="L3204" s="58">
        <f>Bühler!L3230</f>
        <v>0.15202960266907137</v>
      </c>
      <c r="M3204" s="57">
        <f>Bühler!M3230</f>
        <v>0</v>
      </c>
      <c r="N3204" s="55">
        <f>IF(Input!$K$13=1,J3204*Input!$J$13,0)+IF(Input!$K$14=1,K3204*Input!$J$14,0)+IF(Input!$K$15=1,L3204*Input!$J$15,0)+IF(Input!$K$16=1,M3204*Input!$J$16,0)</f>
        <v>1.1398406203942375</v>
      </c>
      <c r="O3204" s="58">
        <f>IF(Input!$K$13=2,J3204*Input!$J$13,0)+IF(Input!$K$14=2,K3204*Input!$J$14,0)+IF(Input!$K$15=2,L3204*Input!$J$15,0)+IF(Input!$K$16=2,M3204*Input!$J$16,0)</f>
        <v>4.1047992720649268E-2</v>
      </c>
      <c r="P3204" s="58">
        <f>IF(Input!$K$13=3,J3204*Input!$J$13,0)+IF(Input!$K$14=3,K3204*Input!$J$14,0)+IF(Input!$K$15=3,L3204*Input!$J$15,0)+IF(Input!$K$16=3,M3204*Input!$J$16,0)</f>
        <v>0</v>
      </c>
      <c r="Q3204" s="71">
        <f>IF(Input!$K$13=4,J3204*Input!$J$13,0)+IF(Input!$K$14=4,K3204*Input!$J$14,0)+IF(Input!$K$15=4,L3204*Input!$J$15,0)+IF(Input!$K$16=4,M3204*Input!$J$16,0)</f>
        <v>0</v>
      </c>
    </row>
    <row r="3205" spans="8:17" x14ac:dyDescent="0.25">
      <c r="H3205" s="43">
        <v>3198</v>
      </c>
      <c r="I3205" s="55">
        <f>Bühler!I3231</f>
        <v>1.9690658219931687</v>
      </c>
      <c r="J3205" s="58">
        <f>Bühler!J3231</f>
        <v>9.5150807184685888</v>
      </c>
      <c r="K3205" s="58">
        <f>Bühler!K3231</f>
        <v>0.30405920533814274</v>
      </c>
      <c r="L3205" s="58">
        <f>Bühler!L3231</f>
        <v>0.15202960266907137</v>
      </c>
      <c r="M3205" s="57">
        <f>Bühler!M3231</f>
        <v>0</v>
      </c>
      <c r="N3205" s="55">
        <f>IF(Input!$K$13=1,J3205*Input!$J$13,0)+IF(Input!$K$14=1,K3205*Input!$J$14,0)+IF(Input!$K$15=1,L3205*Input!$J$15,0)+IF(Input!$K$16=1,M3205*Input!$J$16,0)</f>
        <v>1.1418096862162306</v>
      </c>
      <c r="O3205" s="58">
        <f>IF(Input!$K$13=2,J3205*Input!$J$13,0)+IF(Input!$K$14=2,K3205*Input!$J$14,0)+IF(Input!$K$15=2,L3205*Input!$J$15,0)+IF(Input!$K$16=2,M3205*Input!$J$16,0)</f>
        <v>4.1047992720649268E-2</v>
      </c>
      <c r="P3205" s="58">
        <f>IF(Input!$K$13=3,J3205*Input!$J$13,0)+IF(Input!$K$14=3,K3205*Input!$J$14,0)+IF(Input!$K$15=3,L3205*Input!$J$15,0)+IF(Input!$K$16=3,M3205*Input!$J$16,0)</f>
        <v>0</v>
      </c>
      <c r="Q3205" s="71">
        <f>IF(Input!$K$13=4,J3205*Input!$J$13,0)+IF(Input!$K$14=4,K3205*Input!$J$14,0)+IF(Input!$K$15=4,L3205*Input!$J$15,0)+IF(Input!$K$16=4,M3205*Input!$J$16,0)</f>
        <v>0</v>
      </c>
    </row>
    <row r="3206" spans="8:17" x14ac:dyDescent="0.25">
      <c r="H3206" s="43">
        <v>3199</v>
      </c>
      <c r="I3206" s="55">
        <f>Bühler!I3232</f>
        <v>2.3191219681252879</v>
      </c>
      <c r="J3206" s="58">
        <f>Bühler!J3232</f>
        <v>9.5296663912240938</v>
      </c>
      <c r="K3206" s="58">
        <f>Bühler!K3232</f>
        <v>0.30405920533814274</v>
      </c>
      <c r="L3206" s="58">
        <f>Bühler!L3232</f>
        <v>0.15202960266907137</v>
      </c>
      <c r="M3206" s="57">
        <f>Bühler!M3232</f>
        <v>0</v>
      </c>
      <c r="N3206" s="55">
        <f>IF(Input!$K$13=1,J3206*Input!$J$13,0)+IF(Input!$K$14=1,K3206*Input!$J$14,0)+IF(Input!$K$15=1,L3206*Input!$J$15,0)+IF(Input!$K$16=1,M3206*Input!$J$16,0)</f>
        <v>1.1435599669468912</v>
      </c>
      <c r="O3206" s="58">
        <f>IF(Input!$K$13=2,J3206*Input!$J$13,0)+IF(Input!$K$14=2,K3206*Input!$J$14,0)+IF(Input!$K$15=2,L3206*Input!$J$15,0)+IF(Input!$K$16=2,M3206*Input!$J$16,0)</f>
        <v>4.1047992720649268E-2</v>
      </c>
      <c r="P3206" s="58">
        <f>IF(Input!$K$13=3,J3206*Input!$J$13,0)+IF(Input!$K$14=3,K3206*Input!$J$14,0)+IF(Input!$K$15=3,L3206*Input!$J$15,0)+IF(Input!$K$16=3,M3206*Input!$J$16,0)</f>
        <v>0</v>
      </c>
      <c r="Q3206" s="71">
        <f>IF(Input!$K$13=4,J3206*Input!$J$13,0)+IF(Input!$K$14=4,K3206*Input!$J$14,0)+IF(Input!$K$15=4,L3206*Input!$J$15,0)+IF(Input!$K$16=4,M3206*Input!$J$16,0)</f>
        <v>0</v>
      </c>
    </row>
    <row r="3207" spans="8:17" x14ac:dyDescent="0.25">
      <c r="H3207" s="43">
        <v>3200</v>
      </c>
      <c r="I3207" s="55">
        <f>Bühler!I3233</f>
        <v>2.7566921507904363</v>
      </c>
      <c r="J3207" s="58">
        <f>Bühler!J3233</f>
        <v>9.547898482168474</v>
      </c>
      <c r="K3207" s="58">
        <f>Bühler!K3233</f>
        <v>0.30405920533814274</v>
      </c>
      <c r="L3207" s="58">
        <f>Bühler!L3233</f>
        <v>0.15202960266907137</v>
      </c>
      <c r="M3207" s="57">
        <f>Bühler!M3233</f>
        <v>0</v>
      </c>
      <c r="N3207" s="55">
        <f>IF(Input!$K$13=1,J3207*Input!$J$13,0)+IF(Input!$K$14=1,K3207*Input!$J$14,0)+IF(Input!$K$15=1,L3207*Input!$J$15,0)+IF(Input!$K$16=1,M3207*Input!$J$16,0)</f>
        <v>1.1457478178602167</v>
      </c>
      <c r="O3207" s="58">
        <f>IF(Input!$K$13=2,J3207*Input!$J$13,0)+IF(Input!$K$14=2,K3207*Input!$J$14,0)+IF(Input!$K$15=2,L3207*Input!$J$15,0)+IF(Input!$K$16=2,M3207*Input!$J$16,0)</f>
        <v>4.1047992720649268E-2</v>
      </c>
      <c r="P3207" s="58">
        <f>IF(Input!$K$13=3,J3207*Input!$J$13,0)+IF(Input!$K$14=3,K3207*Input!$J$14,0)+IF(Input!$K$15=3,L3207*Input!$J$15,0)+IF(Input!$K$16=3,M3207*Input!$J$16,0)</f>
        <v>0</v>
      </c>
      <c r="Q3207" s="71">
        <f>IF(Input!$K$13=4,J3207*Input!$J$13,0)+IF(Input!$K$14=4,K3207*Input!$J$14,0)+IF(Input!$K$15=4,L3207*Input!$J$15,0)+IF(Input!$K$16=4,M3207*Input!$J$16,0)</f>
        <v>0</v>
      </c>
    </row>
    <row r="3208" spans="8:17" x14ac:dyDescent="0.25">
      <c r="H3208" s="43">
        <v>3201</v>
      </c>
      <c r="I3208" s="55">
        <f>Bühler!I3234</f>
        <v>2.7566921507904363</v>
      </c>
      <c r="J3208" s="58">
        <f>Bühler!J3234</f>
        <v>9.547898482168474</v>
      </c>
      <c r="K3208" s="58">
        <f>Bühler!K3234</f>
        <v>0.30405920533814274</v>
      </c>
      <c r="L3208" s="58">
        <f>Bühler!L3234</f>
        <v>0.15202960266907137</v>
      </c>
      <c r="M3208" s="57">
        <f>Bühler!M3234</f>
        <v>0</v>
      </c>
      <c r="N3208" s="55">
        <f>IF(Input!$K$13=1,J3208*Input!$J$13,0)+IF(Input!$K$14=1,K3208*Input!$J$14,0)+IF(Input!$K$15=1,L3208*Input!$J$15,0)+IF(Input!$K$16=1,M3208*Input!$J$16,0)</f>
        <v>1.1457478178602167</v>
      </c>
      <c r="O3208" s="58">
        <f>IF(Input!$K$13=2,J3208*Input!$J$13,0)+IF(Input!$K$14=2,K3208*Input!$J$14,0)+IF(Input!$K$15=2,L3208*Input!$J$15,0)+IF(Input!$K$16=2,M3208*Input!$J$16,0)</f>
        <v>4.1047992720649268E-2</v>
      </c>
      <c r="P3208" s="58">
        <f>IF(Input!$K$13=3,J3208*Input!$J$13,0)+IF(Input!$K$14=3,K3208*Input!$J$14,0)+IF(Input!$K$15=3,L3208*Input!$J$15,0)+IF(Input!$K$16=3,M3208*Input!$J$16,0)</f>
        <v>0</v>
      </c>
      <c r="Q3208" s="71">
        <f>IF(Input!$K$13=4,J3208*Input!$J$13,0)+IF(Input!$K$14=4,K3208*Input!$J$14,0)+IF(Input!$K$15=4,L3208*Input!$J$15,0)+IF(Input!$K$16=4,M3208*Input!$J$16,0)</f>
        <v>0</v>
      </c>
    </row>
    <row r="3209" spans="8:17" x14ac:dyDescent="0.25">
      <c r="H3209" s="43">
        <v>3202</v>
      </c>
      <c r="I3209" s="55">
        <f>Bühler!I3235</f>
        <v>2.7566921507904363</v>
      </c>
      <c r="J3209" s="58">
        <f>Bühler!J3235</f>
        <v>9.547898482168474</v>
      </c>
      <c r="K3209" s="58">
        <f>Bühler!K3235</f>
        <v>0.30405920533814274</v>
      </c>
      <c r="L3209" s="58">
        <f>Bühler!L3235</f>
        <v>0.15202960266907137</v>
      </c>
      <c r="M3209" s="57">
        <f>Bühler!M3235</f>
        <v>0</v>
      </c>
      <c r="N3209" s="55">
        <f>IF(Input!$K$13=1,J3209*Input!$J$13,0)+IF(Input!$K$14=1,K3209*Input!$J$14,0)+IF(Input!$K$15=1,L3209*Input!$J$15,0)+IF(Input!$K$16=1,M3209*Input!$J$16,0)</f>
        <v>1.1457478178602167</v>
      </c>
      <c r="O3209" s="58">
        <f>IF(Input!$K$13=2,J3209*Input!$J$13,0)+IF(Input!$K$14=2,K3209*Input!$J$14,0)+IF(Input!$K$15=2,L3209*Input!$J$15,0)+IF(Input!$K$16=2,M3209*Input!$J$16,0)</f>
        <v>4.1047992720649268E-2</v>
      </c>
      <c r="P3209" s="58">
        <f>IF(Input!$K$13=3,J3209*Input!$J$13,0)+IF(Input!$K$14=3,K3209*Input!$J$14,0)+IF(Input!$K$15=3,L3209*Input!$J$15,0)+IF(Input!$K$16=3,M3209*Input!$J$16,0)</f>
        <v>0</v>
      </c>
      <c r="Q3209" s="71">
        <f>IF(Input!$K$13=4,J3209*Input!$J$13,0)+IF(Input!$K$14=4,K3209*Input!$J$14,0)+IF(Input!$K$15=4,L3209*Input!$J$15,0)+IF(Input!$K$16=4,M3209*Input!$J$16,0)</f>
        <v>0</v>
      </c>
    </row>
    <row r="3210" spans="8:17" x14ac:dyDescent="0.25">
      <c r="H3210" s="43">
        <v>3203</v>
      </c>
      <c r="I3210" s="55">
        <f>Bühler!I3236</f>
        <v>2.7566921507904363</v>
      </c>
      <c r="J3210" s="58">
        <f>Bühler!J3236</f>
        <v>9.547898482168474</v>
      </c>
      <c r="K3210" s="58">
        <f>Bühler!K3236</f>
        <v>0.30405920533814274</v>
      </c>
      <c r="L3210" s="58">
        <f>Bühler!L3236</f>
        <v>0.15202960266907137</v>
      </c>
      <c r="M3210" s="57">
        <f>Bühler!M3236</f>
        <v>0</v>
      </c>
      <c r="N3210" s="55">
        <f>IF(Input!$K$13=1,J3210*Input!$J$13,0)+IF(Input!$K$14=1,K3210*Input!$J$14,0)+IF(Input!$K$15=1,L3210*Input!$J$15,0)+IF(Input!$K$16=1,M3210*Input!$J$16,0)</f>
        <v>1.1457478178602167</v>
      </c>
      <c r="O3210" s="58">
        <f>IF(Input!$K$13=2,J3210*Input!$J$13,0)+IF(Input!$K$14=2,K3210*Input!$J$14,0)+IF(Input!$K$15=2,L3210*Input!$J$15,0)+IF(Input!$K$16=2,M3210*Input!$J$16,0)</f>
        <v>4.1047992720649268E-2</v>
      </c>
      <c r="P3210" s="58">
        <f>IF(Input!$K$13=3,J3210*Input!$J$13,0)+IF(Input!$K$14=3,K3210*Input!$J$14,0)+IF(Input!$K$15=3,L3210*Input!$J$15,0)+IF(Input!$K$16=3,M3210*Input!$J$16,0)</f>
        <v>0</v>
      </c>
      <c r="Q3210" s="71">
        <f>IF(Input!$K$13=4,J3210*Input!$J$13,0)+IF(Input!$K$14=4,K3210*Input!$J$14,0)+IF(Input!$K$15=4,L3210*Input!$J$15,0)+IF(Input!$K$16=4,M3210*Input!$J$16,0)</f>
        <v>0</v>
      </c>
    </row>
    <row r="3211" spans="8:17" x14ac:dyDescent="0.25">
      <c r="H3211" s="43">
        <v>3204</v>
      </c>
      <c r="I3211" s="55">
        <f>Bühler!I3237</f>
        <v>2.7566921507904363</v>
      </c>
      <c r="J3211" s="58">
        <f>Bühler!J3237</f>
        <v>9.547898482168474</v>
      </c>
      <c r="K3211" s="58">
        <f>Bühler!K3237</f>
        <v>0.30405920533814274</v>
      </c>
      <c r="L3211" s="58">
        <f>Bühler!L3237</f>
        <v>0.15202960266907137</v>
      </c>
      <c r="M3211" s="57">
        <f>Bühler!M3237</f>
        <v>0</v>
      </c>
      <c r="N3211" s="55">
        <f>IF(Input!$K$13=1,J3211*Input!$J$13,0)+IF(Input!$K$14=1,K3211*Input!$J$14,0)+IF(Input!$K$15=1,L3211*Input!$J$15,0)+IF(Input!$K$16=1,M3211*Input!$J$16,0)</f>
        <v>1.1457478178602167</v>
      </c>
      <c r="O3211" s="58">
        <f>IF(Input!$K$13=2,J3211*Input!$J$13,0)+IF(Input!$K$14=2,K3211*Input!$J$14,0)+IF(Input!$K$15=2,L3211*Input!$J$15,0)+IF(Input!$K$16=2,M3211*Input!$J$16,0)</f>
        <v>4.1047992720649268E-2</v>
      </c>
      <c r="P3211" s="58">
        <f>IF(Input!$K$13=3,J3211*Input!$J$13,0)+IF(Input!$K$14=3,K3211*Input!$J$14,0)+IF(Input!$K$15=3,L3211*Input!$J$15,0)+IF(Input!$K$16=3,M3211*Input!$J$16,0)</f>
        <v>0</v>
      </c>
      <c r="Q3211" s="71">
        <f>IF(Input!$K$13=4,J3211*Input!$J$13,0)+IF(Input!$K$14=4,K3211*Input!$J$14,0)+IF(Input!$K$15=4,L3211*Input!$J$15,0)+IF(Input!$K$16=4,M3211*Input!$J$16,0)</f>
        <v>0</v>
      </c>
    </row>
    <row r="3212" spans="8:17" x14ac:dyDescent="0.25">
      <c r="H3212" s="43">
        <v>3205</v>
      </c>
      <c r="I3212" s="55">
        <f>Bühler!I3238</f>
        <v>2.7566921507904363</v>
      </c>
      <c r="J3212" s="58">
        <f>Bühler!J3238</f>
        <v>9.547898482168474</v>
      </c>
      <c r="K3212" s="58">
        <f>Bühler!K3238</f>
        <v>0.30405920533814274</v>
      </c>
      <c r="L3212" s="58">
        <f>Bühler!L3238</f>
        <v>0.15202960266907137</v>
      </c>
      <c r="M3212" s="57">
        <f>Bühler!M3238</f>
        <v>0</v>
      </c>
      <c r="N3212" s="55">
        <f>IF(Input!$K$13=1,J3212*Input!$J$13,0)+IF(Input!$K$14=1,K3212*Input!$J$14,0)+IF(Input!$K$15=1,L3212*Input!$J$15,0)+IF(Input!$K$16=1,M3212*Input!$J$16,0)</f>
        <v>1.1457478178602167</v>
      </c>
      <c r="O3212" s="58">
        <f>IF(Input!$K$13=2,J3212*Input!$J$13,0)+IF(Input!$K$14=2,K3212*Input!$J$14,0)+IF(Input!$K$15=2,L3212*Input!$J$15,0)+IF(Input!$K$16=2,M3212*Input!$J$16,0)</f>
        <v>4.1047992720649268E-2</v>
      </c>
      <c r="P3212" s="58">
        <f>IF(Input!$K$13=3,J3212*Input!$J$13,0)+IF(Input!$K$14=3,K3212*Input!$J$14,0)+IF(Input!$K$15=3,L3212*Input!$J$15,0)+IF(Input!$K$16=3,M3212*Input!$J$16,0)</f>
        <v>0</v>
      </c>
      <c r="Q3212" s="71">
        <f>IF(Input!$K$13=4,J3212*Input!$J$13,0)+IF(Input!$K$14=4,K3212*Input!$J$14,0)+IF(Input!$K$15=4,L3212*Input!$J$15,0)+IF(Input!$K$16=4,M3212*Input!$J$16,0)</f>
        <v>0</v>
      </c>
    </row>
    <row r="3213" spans="8:17" x14ac:dyDescent="0.25">
      <c r="H3213" s="43">
        <v>3206</v>
      </c>
      <c r="I3213" s="55">
        <f>Bühler!I3239</f>
        <v>2.7566921507904363</v>
      </c>
      <c r="J3213" s="58">
        <f>Bühler!J3239</f>
        <v>9.547898482168474</v>
      </c>
      <c r="K3213" s="58">
        <f>Bühler!K3239</f>
        <v>0.30405920533814274</v>
      </c>
      <c r="L3213" s="58">
        <f>Bühler!L3239</f>
        <v>0.15202960266907137</v>
      </c>
      <c r="M3213" s="57">
        <f>Bühler!M3239</f>
        <v>0</v>
      </c>
      <c r="N3213" s="55">
        <f>IF(Input!$K$13=1,J3213*Input!$J$13,0)+IF(Input!$K$14=1,K3213*Input!$J$14,0)+IF(Input!$K$15=1,L3213*Input!$J$15,0)+IF(Input!$K$16=1,M3213*Input!$J$16,0)</f>
        <v>1.1457478178602167</v>
      </c>
      <c r="O3213" s="58">
        <f>IF(Input!$K$13=2,J3213*Input!$J$13,0)+IF(Input!$K$14=2,K3213*Input!$J$14,0)+IF(Input!$K$15=2,L3213*Input!$J$15,0)+IF(Input!$K$16=2,M3213*Input!$J$16,0)</f>
        <v>4.1047992720649268E-2</v>
      </c>
      <c r="P3213" s="58">
        <f>IF(Input!$K$13=3,J3213*Input!$J$13,0)+IF(Input!$K$14=3,K3213*Input!$J$14,0)+IF(Input!$K$15=3,L3213*Input!$J$15,0)+IF(Input!$K$16=3,M3213*Input!$J$16,0)</f>
        <v>0</v>
      </c>
      <c r="Q3213" s="71">
        <f>IF(Input!$K$13=4,J3213*Input!$J$13,0)+IF(Input!$K$14=4,K3213*Input!$J$14,0)+IF(Input!$K$15=4,L3213*Input!$J$15,0)+IF(Input!$K$16=4,M3213*Input!$J$16,0)</f>
        <v>0</v>
      </c>
    </row>
    <row r="3214" spans="8:17" x14ac:dyDescent="0.25">
      <c r="H3214" s="43">
        <v>3207</v>
      </c>
      <c r="I3214" s="55">
        <f>Bühler!I3240</f>
        <v>2.7566921507904363</v>
      </c>
      <c r="J3214" s="58">
        <f>Bühler!J3240</f>
        <v>9.547898482168474</v>
      </c>
      <c r="K3214" s="58">
        <f>Bühler!K3240</f>
        <v>0.30405920533814274</v>
      </c>
      <c r="L3214" s="58">
        <f>Bühler!L3240</f>
        <v>0.15202960266907137</v>
      </c>
      <c r="M3214" s="57">
        <f>Bühler!M3240</f>
        <v>0</v>
      </c>
      <c r="N3214" s="55">
        <f>IF(Input!$K$13=1,J3214*Input!$J$13,0)+IF(Input!$K$14=1,K3214*Input!$J$14,0)+IF(Input!$K$15=1,L3214*Input!$J$15,0)+IF(Input!$K$16=1,M3214*Input!$J$16,0)</f>
        <v>1.1457478178602167</v>
      </c>
      <c r="O3214" s="58">
        <f>IF(Input!$K$13=2,J3214*Input!$J$13,0)+IF(Input!$K$14=2,K3214*Input!$J$14,0)+IF(Input!$K$15=2,L3214*Input!$J$15,0)+IF(Input!$K$16=2,M3214*Input!$J$16,0)</f>
        <v>4.1047992720649268E-2</v>
      </c>
      <c r="P3214" s="58">
        <f>IF(Input!$K$13=3,J3214*Input!$J$13,0)+IF(Input!$K$14=3,K3214*Input!$J$14,0)+IF(Input!$K$15=3,L3214*Input!$J$15,0)+IF(Input!$K$16=3,M3214*Input!$J$16,0)</f>
        <v>0</v>
      </c>
      <c r="Q3214" s="71">
        <f>IF(Input!$K$13=4,J3214*Input!$J$13,0)+IF(Input!$K$14=4,K3214*Input!$J$14,0)+IF(Input!$K$15=4,L3214*Input!$J$15,0)+IF(Input!$K$16=4,M3214*Input!$J$16,0)</f>
        <v>0</v>
      </c>
    </row>
    <row r="3215" spans="8:17" x14ac:dyDescent="0.25">
      <c r="H3215" s="43">
        <v>3208</v>
      </c>
      <c r="I3215" s="55">
        <f>Bühler!I3241</f>
        <v>2.4503930229248323</v>
      </c>
      <c r="J3215" s="58">
        <f>Bühler!J3241</f>
        <v>9.5351360185074068</v>
      </c>
      <c r="K3215" s="58">
        <f>Bühler!K3241</f>
        <v>0.30405920533814274</v>
      </c>
      <c r="L3215" s="58">
        <f>Bühler!L3241</f>
        <v>0.15202960266907137</v>
      </c>
      <c r="M3215" s="57">
        <f>Bühler!M3241</f>
        <v>0</v>
      </c>
      <c r="N3215" s="55">
        <f>IF(Input!$K$13=1,J3215*Input!$J$13,0)+IF(Input!$K$14=1,K3215*Input!$J$14,0)+IF(Input!$K$15=1,L3215*Input!$J$15,0)+IF(Input!$K$16=1,M3215*Input!$J$16,0)</f>
        <v>1.1442163222208888</v>
      </c>
      <c r="O3215" s="58">
        <f>IF(Input!$K$13=2,J3215*Input!$J$13,0)+IF(Input!$K$14=2,K3215*Input!$J$14,0)+IF(Input!$K$15=2,L3215*Input!$J$15,0)+IF(Input!$K$16=2,M3215*Input!$J$16,0)</f>
        <v>4.1047992720649268E-2</v>
      </c>
      <c r="P3215" s="58">
        <f>IF(Input!$K$13=3,J3215*Input!$J$13,0)+IF(Input!$K$14=3,K3215*Input!$J$14,0)+IF(Input!$K$15=3,L3215*Input!$J$15,0)+IF(Input!$K$16=3,M3215*Input!$J$16,0)</f>
        <v>0</v>
      </c>
      <c r="Q3215" s="71">
        <f>IF(Input!$K$13=4,J3215*Input!$J$13,0)+IF(Input!$K$14=4,K3215*Input!$J$14,0)+IF(Input!$K$15=4,L3215*Input!$J$15,0)+IF(Input!$K$16=4,M3215*Input!$J$16,0)</f>
        <v>0</v>
      </c>
    </row>
    <row r="3216" spans="8:17" x14ac:dyDescent="0.25">
      <c r="H3216" s="43">
        <v>3209</v>
      </c>
      <c r="I3216" s="55">
        <f>Bühler!I3242</f>
        <v>2.4066360046583175</v>
      </c>
      <c r="J3216" s="58">
        <f>Bühler!J3242</f>
        <v>9.5333128094129691</v>
      </c>
      <c r="K3216" s="58">
        <f>Bühler!K3242</f>
        <v>0.30405920533814274</v>
      </c>
      <c r="L3216" s="58">
        <f>Bühler!L3242</f>
        <v>0.15202960266907137</v>
      </c>
      <c r="M3216" s="57">
        <f>Bühler!M3242</f>
        <v>0</v>
      </c>
      <c r="N3216" s="55">
        <f>IF(Input!$K$13=1,J3216*Input!$J$13,0)+IF(Input!$K$14=1,K3216*Input!$J$14,0)+IF(Input!$K$15=1,L3216*Input!$J$15,0)+IF(Input!$K$16=1,M3216*Input!$J$16,0)</f>
        <v>1.1439975371295563</v>
      </c>
      <c r="O3216" s="58">
        <f>IF(Input!$K$13=2,J3216*Input!$J$13,0)+IF(Input!$K$14=2,K3216*Input!$J$14,0)+IF(Input!$K$15=2,L3216*Input!$J$15,0)+IF(Input!$K$16=2,M3216*Input!$J$16,0)</f>
        <v>4.1047992720649268E-2</v>
      </c>
      <c r="P3216" s="58">
        <f>IF(Input!$K$13=3,J3216*Input!$J$13,0)+IF(Input!$K$14=3,K3216*Input!$J$14,0)+IF(Input!$K$15=3,L3216*Input!$J$15,0)+IF(Input!$K$16=3,M3216*Input!$J$16,0)</f>
        <v>0</v>
      </c>
      <c r="Q3216" s="71">
        <f>IF(Input!$K$13=4,J3216*Input!$J$13,0)+IF(Input!$K$14=4,K3216*Input!$J$14,0)+IF(Input!$K$15=4,L3216*Input!$J$15,0)+IF(Input!$K$16=4,M3216*Input!$J$16,0)</f>
        <v>0</v>
      </c>
    </row>
    <row r="3217" spans="8:17" x14ac:dyDescent="0.25">
      <c r="H3217" s="43">
        <v>3210</v>
      </c>
      <c r="I3217" s="55">
        <f>Bühler!I3243</f>
        <v>2.0565798585261983</v>
      </c>
      <c r="J3217" s="58">
        <f>Bühler!J3243</f>
        <v>9.5187271366574642</v>
      </c>
      <c r="K3217" s="58">
        <f>Bühler!K3243</f>
        <v>0.30405920533814274</v>
      </c>
      <c r="L3217" s="58">
        <f>Bühler!L3243</f>
        <v>0.15202960266907137</v>
      </c>
      <c r="M3217" s="57">
        <f>Bühler!M3243</f>
        <v>0</v>
      </c>
      <c r="N3217" s="55">
        <f>IF(Input!$K$13=1,J3217*Input!$J$13,0)+IF(Input!$K$14=1,K3217*Input!$J$14,0)+IF(Input!$K$15=1,L3217*Input!$J$15,0)+IF(Input!$K$16=1,M3217*Input!$J$16,0)</f>
        <v>1.1422472563988957</v>
      </c>
      <c r="O3217" s="58">
        <f>IF(Input!$K$13=2,J3217*Input!$J$13,0)+IF(Input!$K$14=2,K3217*Input!$J$14,0)+IF(Input!$K$15=2,L3217*Input!$J$15,0)+IF(Input!$K$16=2,M3217*Input!$J$16,0)</f>
        <v>4.1047992720649268E-2</v>
      </c>
      <c r="P3217" s="58">
        <f>IF(Input!$K$13=3,J3217*Input!$J$13,0)+IF(Input!$K$14=3,K3217*Input!$J$14,0)+IF(Input!$K$15=3,L3217*Input!$J$15,0)+IF(Input!$K$16=3,M3217*Input!$J$16,0)</f>
        <v>0</v>
      </c>
      <c r="Q3217" s="71">
        <f>IF(Input!$K$13=4,J3217*Input!$J$13,0)+IF(Input!$K$14=4,K3217*Input!$J$14,0)+IF(Input!$K$15=4,L3217*Input!$J$15,0)+IF(Input!$K$16=4,M3217*Input!$J$16,0)</f>
        <v>0</v>
      </c>
    </row>
    <row r="3218" spans="8:17" x14ac:dyDescent="0.25">
      <c r="H3218" s="43">
        <v>3211</v>
      </c>
      <c r="I3218" s="55">
        <f>Bühler!I3244</f>
        <v>1.9253088037266539</v>
      </c>
      <c r="J3218" s="58">
        <f>Bühler!J3244</f>
        <v>9.5132575093741494</v>
      </c>
      <c r="K3218" s="58">
        <f>Bühler!K3244</f>
        <v>0.30405920533814274</v>
      </c>
      <c r="L3218" s="58">
        <f>Bühler!L3244</f>
        <v>0.15202960266907137</v>
      </c>
      <c r="M3218" s="57">
        <f>Bühler!M3244</f>
        <v>0</v>
      </c>
      <c r="N3218" s="55">
        <f>IF(Input!$K$13=1,J3218*Input!$J$13,0)+IF(Input!$K$14=1,K3218*Input!$J$14,0)+IF(Input!$K$15=1,L3218*Input!$J$15,0)+IF(Input!$K$16=1,M3218*Input!$J$16,0)</f>
        <v>1.1415909011248979</v>
      </c>
      <c r="O3218" s="58">
        <f>IF(Input!$K$13=2,J3218*Input!$J$13,0)+IF(Input!$K$14=2,K3218*Input!$J$14,0)+IF(Input!$K$15=2,L3218*Input!$J$15,0)+IF(Input!$K$16=2,M3218*Input!$J$16,0)</f>
        <v>4.1047992720649268E-2</v>
      </c>
      <c r="P3218" s="58">
        <f>IF(Input!$K$13=3,J3218*Input!$J$13,0)+IF(Input!$K$14=3,K3218*Input!$J$14,0)+IF(Input!$K$15=3,L3218*Input!$J$15,0)+IF(Input!$K$16=3,M3218*Input!$J$16,0)</f>
        <v>0</v>
      </c>
      <c r="Q3218" s="71">
        <f>IF(Input!$K$13=4,J3218*Input!$J$13,0)+IF(Input!$K$14=4,K3218*Input!$J$14,0)+IF(Input!$K$15=4,L3218*Input!$J$15,0)+IF(Input!$K$16=4,M3218*Input!$J$16,0)</f>
        <v>0</v>
      </c>
    </row>
    <row r="3219" spans="8:17" x14ac:dyDescent="0.25">
      <c r="H3219" s="43">
        <v>3212</v>
      </c>
      <c r="I3219" s="55">
        <f>Bühler!I3245</f>
        <v>1.6190096758610499</v>
      </c>
      <c r="J3219" s="58">
        <f>Bühler!J3245</f>
        <v>9.5004950457130839</v>
      </c>
      <c r="K3219" s="58">
        <f>Bühler!K3245</f>
        <v>0.30405920533814274</v>
      </c>
      <c r="L3219" s="58">
        <f>Bühler!L3245</f>
        <v>0.15202960266907137</v>
      </c>
      <c r="M3219" s="57">
        <f>Bühler!M3245</f>
        <v>0</v>
      </c>
      <c r="N3219" s="55">
        <f>IF(Input!$K$13=1,J3219*Input!$J$13,0)+IF(Input!$K$14=1,K3219*Input!$J$14,0)+IF(Input!$K$15=1,L3219*Input!$J$15,0)+IF(Input!$K$16=1,M3219*Input!$J$16,0)</f>
        <v>1.1400594054855699</v>
      </c>
      <c r="O3219" s="58">
        <f>IF(Input!$K$13=2,J3219*Input!$J$13,0)+IF(Input!$K$14=2,K3219*Input!$J$14,0)+IF(Input!$K$15=2,L3219*Input!$J$15,0)+IF(Input!$K$16=2,M3219*Input!$J$16,0)</f>
        <v>4.1047992720649268E-2</v>
      </c>
      <c r="P3219" s="58">
        <f>IF(Input!$K$13=3,J3219*Input!$J$13,0)+IF(Input!$K$14=3,K3219*Input!$J$14,0)+IF(Input!$K$15=3,L3219*Input!$J$15,0)+IF(Input!$K$16=3,M3219*Input!$J$16,0)</f>
        <v>0</v>
      </c>
      <c r="Q3219" s="71">
        <f>IF(Input!$K$13=4,J3219*Input!$J$13,0)+IF(Input!$K$14=4,K3219*Input!$J$14,0)+IF(Input!$K$15=4,L3219*Input!$J$15,0)+IF(Input!$K$16=4,M3219*Input!$J$16,0)</f>
        <v>0</v>
      </c>
    </row>
    <row r="3220" spans="8:17" x14ac:dyDescent="0.25">
      <c r="H3220" s="43">
        <v>3213</v>
      </c>
      <c r="I3220" s="55">
        <f>Bühler!I3246</f>
        <v>1.3564675662619605</v>
      </c>
      <c r="J3220" s="58">
        <f>Bühler!J3246</f>
        <v>9.4895557911464543</v>
      </c>
      <c r="K3220" s="58">
        <f>Bühler!K3246</f>
        <v>0.30405920533814274</v>
      </c>
      <c r="L3220" s="58">
        <f>Bühler!L3246</f>
        <v>0.15202960266907137</v>
      </c>
      <c r="M3220" s="57">
        <f>Bühler!M3246</f>
        <v>0</v>
      </c>
      <c r="N3220" s="55">
        <f>IF(Input!$K$13=1,J3220*Input!$J$13,0)+IF(Input!$K$14=1,K3220*Input!$J$14,0)+IF(Input!$K$15=1,L3220*Input!$J$15,0)+IF(Input!$K$16=1,M3220*Input!$J$16,0)</f>
        <v>1.1387466949375744</v>
      </c>
      <c r="O3220" s="58">
        <f>IF(Input!$K$13=2,J3220*Input!$J$13,0)+IF(Input!$K$14=2,K3220*Input!$J$14,0)+IF(Input!$K$15=2,L3220*Input!$J$15,0)+IF(Input!$K$16=2,M3220*Input!$J$16,0)</f>
        <v>4.1047992720649268E-2</v>
      </c>
      <c r="P3220" s="58">
        <f>IF(Input!$K$13=3,J3220*Input!$J$13,0)+IF(Input!$K$14=3,K3220*Input!$J$14,0)+IF(Input!$K$15=3,L3220*Input!$J$15,0)+IF(Input!$K$16=3,M3220*Input!$J$16,0)</f>
        <v>0</v>
      </c>
      <c r="Q3220" s="71">
        <f>IF(Input!$K$13=4,J3220*Input!$J$13,0)+IF(Input!$K$14=4,K3220*Input!$J$14,0)+IF(Input!$K$15=4,L3220*Input!$J$15,0)+IF(Input!$K$16=4,M3220*Input!$J$16,0)</f>
        <v>0</v>
      </c>
    </row>
    <row r="3221" spans="8:17" x14ac:dyDescent="0.25">
      <c r="H3221" s="43">
        <v>3214</v>
      </c>
      <c r="I3221" s="55">
        <f>Bühler!I3247</f>
        <v>1.1814394931959014</v>
      </c>
      <c r="J3221" s="58">
        <f>Bühler!J3247</f>
        <v>9.4822629547687018</v>
      </c>
      <c r="K3221" s="58">
        <f>Bühler!K3247</f>
        <v>0.30405920533814274</v>
      </c>
      <c r="L3221" s="58">
        <f>Bühler!L3247</f>
        <v>0.15202960266907137</v>
      </c>
      <c r="M3221" s="57">
        <f>Bühler!M3247</f>
        <v>0</v>
      </c>
      <c r="N3221" s="55">
        <f>IF(Input!$K$13=1,J3221*Input!$J$13,0)+IF(Input!$K$14=1,K3221*Input!$J$14,0)+IF(Input!$K$15=1,L3221*Input!$J$15,0)+IF(Input!$K$16=1,M3221*Input!$J$16,0)</f>
        <v>1.1378715545722442</v>
      </c>
      <c r="O3221" s="58">
        <f>IF(Input!$K$13=2,J3221*Input!$J$13,0)+IF(Input!$K$14=2,K3221*Input!$J$14,0)+IF(Input!$K$15=2,L3221*Input!$J$15,0)+IF(Input!$K$16=2,M3221*Input!$J$16,0)</f>
        <v>4.1047992720649268E-2</v>
      </c>
      <c r="P3221" s="58">
        <f>IF(Input!$K$13=3,J3221*Input!$J$13,0)+IF(Input!$K$14=3,K3221*Input!$J$14,0)+IF(Input!$K$15=3,L3221*Input!$J$15,0)+IF(Input!$K$16=3,M3221*Input!$J$16,0)</f>
        <v>0</v>
      </c>
      <c r="Q3221" s="71">
        <f>IF(Input!$K$13=4,J3221*Input!$J$13,0)+IF(Input!$K$14=4,K3221*Input!$J$14,0)+IF(Input!$K$15=4,L3221*Input!$J$15,0)+IF(Input!$K$16=4,M3221*Input!$J$16,0)</f>
        <v>0</v>
      </c>
    </row>
    <row r="3222" spans="8:17" x14ac:dyDescent="0.25">
      <c r="H3222" s="43">
        <v>3215</v>
      </c>
      <c r="I3222" s="55">
        <f>Bühler!I3248</f>
        <v>1.1814394931959014</v>
      </c>
      <c r="J3222" s="58">
        <f>Bühler!J3248</f>
        <v>9.4822629547687018</v>
      </c>
      <c r="K3222" s="58">
        <f>Bühler!K3248</f>
        <v>0.30405920533814274</v>
      </c>
      <c r="L3222" s="58">
        <f>Bühler!L3248</f>
        <v>0.15202960266907137</v>
      </c>
      <c r="M3222" s="57">
        <f>Bühler!M3248</f>
        <v>0</v>
      </c>
      <c r="N3222" s="55">
        <f>IF(Input!$K$13=1,J3222*Input!$J$13,0)+IF(Input!$K$14=1,K3222*Input!$J$14,0)+IF(Input!$K$15=1,L3222*Input!$J$15,0)+IF(Input!$K$16=1,M3222*Input!$J$16,0)</f>
        <v>1.1378715545722442</v>
      </c>
      <c r="O3222" s="58">
        <f>IF(Input!$K$13=2,J3222*Input!$J$13,0)+IF(Input!$K$14=2,K3222*Input!$J$14,0)+IF(Input!$K$15=2,L3222*Input!$J$15,0)+IF(Input!$K$16=2,M3222*Input!$J$16,0)</f>
        <v>4.1047992720649268E-2</v>
      </c>
      <c r="P3222" s="58">
        <f>IF(Input!$K$13=3,J3222*Input!$J$13,0)+IF(Input!$K$14=3,K3222*Input!$J$14,0)+IF(Input!$K$15=3,L3222*Input!$J$15,0)+IF(Input!$K$16=3,M3222*Input!$J$16,0)</f>
        <v>0</v>
      </c>
      <c r="Q3222" s="71">
        <f>IF(Input!$K$13=4,J3222*Input!$J$13,0)+IF(Input!$K$14=4,K3222*Input!$J$14,0)+IF(Input!$K$15=4,L3222*Input!$J$15,0)+IF(Input!$K$16=4,M3222*Input!$J$16,0)</f>
        <v>0</v>
      </c>
    </row>
    <row r="3223" spans="8:17" x14ac:dyDescent="0.25">
      <c r="H3223" s="43">
        <v>3216</v>
      </c>
      <c r="I3223" s="55">
        <f>Bühler!I3249</f>
        <v>1.1814394931959014</v>
      </c>
      <c r="J3223" s="58">
        <f>Bühler!J3249</f>
        <v>9.4822629547687018</v>
      </c>
      <c r="K3223" s="58">
        <f>Bühler!K3249</f>
        <v>0.30405920533814274</v>
      </c>
      <c r="L3223" s="58">
        <f>Bühler!L3249</f>
        <v>0.15202960266907137</v>
      </c>
      <c r="M3223" s="57">
        <f>Bühler!M3249</f>
        <v>0</v>
      </c>
      <c r="N3223" s="55">
        <f>IF(Input!$K$13=1,J3223*Input!$J$13,0)+IF(Input!$K$14=1,K3223*Input!$J$14,0)+IF(Input!$K$15=1,L3223*Input!$J$15,0)+IF(Input!$K$16=1,M3223*Input!$J$16,0)</f>
        <v>1.1378715545722442</v>
      </c>
      <c r="O3223" s="58">
        <f>IF(Input!$K$13=2,J3223*Input!$J$13,0)+IF(Input!$K$14=2,K3223*Input!$J$14,0)+IF(Input!$K$15=2,L3223*Input!$J$15,0)+IF(Input!$K$16=2,M3223*Input!$J$16,0)</f>
        <v>4.1047992720649268E-2</v>
      </c>
      <c r="P3223" s="58">
        <f>IF(Input!$K$13=3,J3223*Input!$J$13,0)+IF(Input!$K$14=3,K3223*Input!$J$14,0)+IF(Input!$K$15=3,L3223*Input!$J$15,0)+IF(Input!$K$16=3,M3223*Input!$J$16,0)</f>
        <v>0</v>
      </c>
      <c r="Q3223" s="71">
        <f>IF(Input!$K$13=4,J3223*Input!$J$13,0)+IF(Input!$K$14=4,K3223*Input!$J$14,0)+IF(Input!$K$15=4,L3223*Input!$J$15,0)+IF(Input!$K$16=4,M3223*Input!$J$16,0)</f>
        <v>0</v>
      </c>
    </row>
    <row r="3224" spans="8:17" x14ac:dyDescent="0.25">
      <c r="H3224" s="43">
        <v>3217</v>
      </c>
      <c r="I3224" s="55">
        <f>Bühler!I3250</f>
        <v>0.31497388802719317</v>
      </c>
      <c r="J3224" s="58">
        <f>Bühler!J3250</f>
        <v>8.1985101134730218</v>
      </c>
      <c r="K3224" s="58">
        <f>Bühler!K3250</f>
        <v>0.57783023185323457</v>
      </c>
      <c r="L3224" s="58">
        <f>Bühler!L3250</f>
        <v>0.28891511592661728</v>
      </c>
      <c r="M3224" s="57">
        <f>Bühler!M3250</f>
        <v>0</v>
      </c>
      <c r="N3224" s="55">
        <f>IF(Input!$K$13=1,J3224*Input!$J$13,0)+IF(Input!$K$14=1,K3224*Input!$J$14,0)+IF(Input!$K$15=1,L3224*Input!$J$15,0)+IF(Input!$K$16=1,M3224*Input!$J$16,0)</f>
        <v>0.98382121361676256</v>
      </c>
      <c r="O3224" s="58">
        <f>IF(Input!$K$13=2,J3224*Input!$J$13,0)+IF(Input!$K$14=2,K3224*Input!$J$14,0)+IF(Input!$K$15=2,L3224*Input!$J$15,0)+IF(Input!$K$16=2,M3224*Input!$J$16,0)</f>
        <v>7.8007081300186659E-2</v>
      </c>
      <c r="P3224" s="58">
        <f>IF(Input!$K$13=3,J3224*Input!$J$13,0)+IF(Input!$K$14=3,K3224*Input!$J$14,0)+IF(Input!$K$15=3,L3224*Input!$J$15,0)+IF(Input!$K$16=3,M3224*Input!$J$16,0)</f>
        <v>0</v>
      </c>
      <c r="Q3224" s="71">
        <f>IF(Input!$K$13=4,J3224*Input!$J$13,0)+IF(Input!$K$14=4,K3224*Input!$J$14,0)+IF(Input!$K$15=4,L3224*Input!$J$15,0)+IF(Input!$K$16=4,M3224*Input!$J$16,0)</f>
        <v>0</v>
      </c>
    </row>
    <row r="3225" spans="8:17" x14ac:dyDescent="0.25">
      <c r="H3225" s="43">
        <v>3218</v>
      </c>
      <c r="I3225" s="55">
        <f>Bühler!I3251</f>
        <v>0.31497388802719317</v>
      </c>
      <c r="J3225" s="58">
        <f>Bühler!J3251</f>
        <v>8.1985101134730218</v>
      </c>
      <c r="K3225" s="58">
        <f>Bühler!K3251</f>
        <v>0.57783023185323457</v>
      </c>
      <c r="L3225" s="58">
        <f>Bühler!L3251</f>
        <v>0.28891511592661728</v>
      </c>
      <c r="M3225" s="57">
        <f>Bühler!M3251</f>
        <v>0</v>
      </c>
      <c r="N3225" s="55">
        <f>IF(Input!$K$13=1,J3225*Input!$J$13,0)+IF(Input!$K$14=1,K3225*Input!$J$14,0)+IF(Input!$K$15=1,L3225*Input!$J$15,0)+IF(Input!$K$16=1,M3225*Input!$J$16,0)</f>
        <v>0.98382121361676256</v>
      </c>
      <c r="O3225" s="58">
        <f>IF(Input!$K$13=2,J3225*Input!$J$13,0)+IF(Input!$K$14=2,K3225*Input!$J$14,0)+IF(Input!$K$15=2,L3225*Input!$J$15,0)+IF(Input!$K$16=2,M3225*Input!$J$16,0)</f>
        <v>7.8007081300186659E-2</v>
      </c>
      <c r="P3225" s="58">
        <f>IF(Input!$K$13=3,J3225*Input!$J$13,0)+IF(Input!$K$14=3,K3225*Input!$J$14,0)+IF(Input!$K$15=3,L3225*Input!$J$15,0)+IF(Input!$K$16=3,M3225*Input!$J$16,0)</f>
        <v>0</v>
      </c>
      <c r="Q3225" s="71">
        <f>IF(Input!$K$13=4,J3225*Input!$J$13,0)+IF(Input!$K$14=4,K3225*Input!$J$14,0)+IF(Input!$K$15=4,L3225*Input!$J$15,0)+IF(Input!$K$16=4,M3225*Input!$J$16,0)</f>
        <v>0</v>
      </c>
    </row>
    <row r="3226" spans="8:17" x14ac:dyDescent="0.25">
      <c r="H3226" s="43">
        <v>3219</v>
      </c>
      <c r="I3226" s="55">
        <f>Bühler!I3252</f>
        <v>0.31497388802719317</v>
      </c>
      <c r="J3226" s="58">
        <f>Bühler!J3252</f>
        <v>8.1985101134730218</v>
      </c>
      <c r="K3226" s="58">
        <f>Bühler!K3252</f>
        <v>0.57783023185323457</v>
      </c>
      <c r="L3226" s="58">
        <f>Bühler!L3252</f>
        <v>0.28891511592661728</v>
      </c>
      <c r="M3226" s="57">
        <f>Bühler!M3252</f>
        <v>0</v>
      </c>
      <c r="N3226" s="55">
        <f>IF(Input!$K$13=1,J3226*Input!$J$13,0)+IF(Input!$K$14=1,K3226*Input!$J$14,0)+IF(Input!$K$15=1,L3226*Input!$J$15,0)+IF(Input!$K$16=1,M3226*Input!$J$16,0)</f>
        <v>0.98382121361676256</v>
      </c>
      <c r="O3226" s="58">
        <f>IF(Input!$K$13=2,J3226*Input!$J$13,0)+IF(Input!$K$14=2,K3226*Input!$J$14,0)+IF(Input!$K$15=2,L3226*Input!$J$15,0)+IF(Input!$K$16=2,M3226*Input!$J$16,0)</f>
        <v>7.8007081300186659E-2</v>
      </c>
      <c r="P3226" s="58">
        <f>IF(Input!$K$13=3,J3226*Input!$J$13,0)+IF(Input!$K$14=3,K3226*Input!$J$14,0)+IF(Input!$K$15=3,L3226*Input!$J$15,0)+IF(Input!$K$16=3,M3226*Input!$J$16,0)</f>
        <v>0</v>
      </c>
      <c r="Q3226" s="71">
        <f>IF(Input!$K$13=4,J3226*Input!$J$13,0)+IF(Input!$K$14=4,K3226*Input!$J$14,0)+IF(Input!$K$15=4,L3226*Input!$J$15,0)+IF(Input!$K$16=4,M3226*Input!$J$16,0)</f>
        <v>0</v>
      </c>
    </row>
    <row r="3227" spans="8:17" x14ac:dyDescent="0.25">
      <c r="H3227" s="43">
        <v>3220</v>
      </c>
      <c r="I3227" s="55">
        <f>Bühler!I3253</f>
        <v>0.31497388802719317</v>
      </c>
      <c r="J3227" s="58">
        <f>Bühler!J3253</f>
        <v>8.1985101134730218</v>
      </c>
      <c r="K3227" s="58">
        <f>Bühler!K3253</f>
        <v>0.57783023185323457</v>
      </c>
      <c r="L3227" s="58">
        <f>Bühler!L3253</f>
        <v>0.28891511592661728</v>
      </c>
      <c r="M3227" s="57">
        <f>Bühler!M3253</f>
        <v>0</v>
      </c>
      <c r="N3227" s="55">
        <f>IF(Input!$K$13=1,J3227*Input!$J$13,0)+IF(Input!$K$14=1,K3227*Input!$J$14,0)+IF(Input!$K$15=1,L3227*Input!$J$15,0)+IF(Input!$K$16=1,M3227*Input!$J$16,0)</f>
        <v>0.98382121361676256</v>
      </c>
      <c r="O3227" s="58">
        <f>IF(Input!$K$13=2,J3227*Input!$J$13,0)+IF(Input!$K$14=2,K3227*Input!$J$14,0)+IF(Input!$K$15=2,L3227*Input!$J$15,0)+IF(Input!$K$16=2,M3227*Input!$J$16,0)</f>
        <v>7.8007081300186659E-2</v>
      </c>
      <c r="P3227" s="58">
        <f>IF(Input!$K$13=3,J3227*Input!$J$13,0)+IF(Input!$K$14=3,K3227*Input!$J$14,0)+IF(Input!$K$15=3,L3227*Input!$J$15,0)+IF(Input!$K$16=3,M3227*Input!$J$16,0)</f>
        <v>0</v>
      </c>
      <c r="Q3227" s="71">
        <f>IF(Input!$K$13=4,J3227*Input!$J$13,0)+IF(Input!$K$14=4,K3227*Input!$J$14,0)+IF(Input!$K$15=4,L3227*Input!$J$15,0)+IF(Input!$K$16=4,M3227*Input!$J$16,0)</f>
        <v>0</v>
      </c>
    </row>
    <row r="3228" spans="8:17" x14ac:dyDescent="0.25">
      <c r="H3228" s="43">
        <v>3221</v>
      </c>
      <c r="I3228" s="55">
        <f>Bühler!I3254</f>
        <v>0.31497388802719317</v>
      </c>
      <c r="J3228" s="58">
        <f>Bühler!J3254</f>
        <v>8.1985101134730218</v>
      </c>
      <c r="K3228" s="58">
        <f>Bühler!K3254</f>
        <v>0.57783023185323457</v>
      </c>
      <c r="L3228" s="58">
        <f>Bühler!L3254</f>
        <v>0.28891511592661728</v>
      </c>
      <c r="M3228" s="57">
        <f>Bühler!M3254</f>
        <v>0</v>
      </c>
      <c r="N3228" s="55">
        <f>IF(Input!$K$13=1,J3228*Input!$J$13,0)+IF(Input!$K$14=1,K3228*Input!$J$14,0)+IF(Input!$K$15=1,L3228*Input!$J$15,0)+IF(Input!$K$16=1,M3228*Input!$J$16,0)</f>
        <v>0.98382121361676256</v>
      </c>
      <c r="O3228" s="58">
        <f>IF(Input!$K$13=2,J3228*Input!$J$13,0)+IF(Input!$K$14=2,K3228*Input!$J$14,0)+IF(Input!$K$15=2,L3228*Input!$J$15,0)+IF(Input!$K$16=2,M3228*Input!$J$16,0)</f>
        <v>7.8007081300186659E-2</v>
      </c>
      <c r="P3228" s="58">
        <f>IF(Input!$K$13=3,J3228*Input!$J$13,0)+IF(Input!$K$14=3,K3228*Input!$J$14,0)+IF(Input!$K$15=3,L3228*Input!$J$15,0)+IF(Input!$K$16=3,M3228*Input!$J$16,0)</f>
        <v>0</v>
      </c>
      <c r="Q3228" s="71">
        <f>IF(Input!$K$13=4,J3228*Input!$J$13,0)+IF(Input!$K$14=4,K3228*Input!$J$14,0)+IF(Input!$K$15=4,L3228*Input!$J$15,0)+IF(Input!$K$16=4,M3228*Input!$J$16,0)</f>
        <v>0</v>
      </c>
    </row>
    <row r="3229" spans="8:17" x14ac:dyDescent="0.25">
      <c r="H3229" s="43">
        <v>3222</v>
      </c>
      <c r="I3229" s="55">
        <f>Bühler!I3255</f>
        <v>0.31497388802719317</v>
      </c>
      <c r="J3229" s="58">
        <f>Bühler!J3255</f>
        <v>8.1985101134730218</v>
      </c>
      <c r="K3229" s="58">
        <f>Bühler!K3255</f>
        <v>0.57783023185323457</v>
      </c>
      <c r="L3229" s="58">
        <f>Bühler!L3255</f>
        <v>0.28891511592661728</v>
      </c>
      <c r="M3229" s="57">
        <f>Bühler!M3255</f>
        <v>0</v>
      </c>
      <c r="N3229" s="55">
        <f>IF(Input!$K$13=1,J3229*Input!$J$13,0)+IF(Input!$K$14=1,K3229*Input!$J$14,0)+IF(Input!$K$15=1,L3229*Input!$J$15,0)+IF(Input!$K$16=1,M3229*Input!$J$16,0)</f>
        <v>0.98382121361676256</v>
      </c>
      <c r="O3229" s="58">
        <f>IF(Input!$K$13=2,J3229*Input!$J$13,0)+IF(Input!$K$14=2,K3229*Input!$J$14,0)+IF(Input!$K$15=2,L3229*Input!$J$15,0)+IF(Input!$K$16=2,M3229*Input!$J$16,0)</f>
        <v>7.8007081300186659E-2</v>
      </c>
      <c r="P3229" s="58">
        <f>IF(Input!$K$13=3,J3229*Input!$J$13,0)+IF(Input!$K$14=3,K3229*Input!$J$14,0)+IF(Input!$K$15=3,L3229*Input!$J$15,0)+IF(Input!$K$16=3,M3229*Input!$J$16,0)</f>
        <v>0</v>
      </c>
      <c r="Q3229" s="71">
        <f>IF(Input!$K$13=4,J3229*Input!$J$13,0)+IF(Input!$K$14=4,K3229*Input!$J$14,0)+IF(Input!$K$15=4,L3229*Input!$J$15,0)+IF(Input!$K$16=4,M3229*Input!$J$16,0)</f>
        <v>0</v>
      </c>
    </row>
    <row r="3230" spans="8:17" x14ac:dyDescent="0.25">
      <c r="H3230" s="43">
        <v>3223</v>
      </c>
      <c r="I3230" s="55">
        <f>Bühler!I3256</f>
        <v>0.31497388802719317</v>
      </c>
      <c r="J3230" s="58">
        <f>Bühler!J3256</f>
        <v>8.1985101134730218</v>
      </c>
      <c r="K3230" s="58">
        <f>Bühler!K3256</f>
        <v>0.57783023185323457</v>
      </c>
      <c r="L3230" s="58">
        <f>Bühler!L3256</f>
        <v>0.28891511592661728</v>
      </c>
      <c r="M3230" s="57">
        <f>Bühler!M3256</f>
        <v>0</v>
      </c>
      <c r="N3230" s="55">
        <f>IF(Input!$K$13=1,J3230*Input!$J$13,0)+IF(Input!$K$14=1,K3230*Input!$J$14,0)+IF(Input!$K$15=1,L3230*Input!$J$15,0)+IF(Input!$K$16=1,M3230*Input!$J$16,0)</f>
        <v>0.98382121361676256</v>
      </c>
      <c r="O3230" s="58">
        <f>IF(Input!$K$13=2,J3230*Input!$J$13,0)+IF(Input!$K$14=2,K3230*Input!$J$14,0)+IF(Input!$K$15=2,L3230*Input!$J$15,0)+IF(Input!$K$16=2,M3230*Input!$J$16,0)</f>
        <v>7.8007081300186659E-2</v>
      </c>
      <c r="P3230" s="58">
        <f>IF(Input!$K$13=3,J3230*Input!$J$13,0)+IF(Input!$K$14=3,K3230*Input!$J$14,0)+IF(Input!$K$15=3,L3230*Input!$J$15,0)+IF(Input!$K$16=3,M3230*Input!$J$16,0)</f>
        <v>0</v>
      </c>
      <c r="Q3230" s="71">
        <f>IF(Input!$K$13=4,J3230*Input!$J$13,0)+IF(Input!$K$14=4,K3230*Input!$J$14,0)+IF(Input!$K$15=4,L3230*Input!$J$15,0)+IF(Input!$K$16=4,M3230*Input!$J$16,0)</f>
        <v>0</v>
      </c>
    </row>
    <row r="3231" spans="8:17" x14ac:dyDescent="0.25">
      <c r="H3231" s="43">
        <v>3224</v>
      </c>
      <c r="I3231" s="55">
        <f>Bühler!I3257</f>
        <v>1.3701364129182902</v>
      </c>
      <c r="J3231" s="58">
        <f>Bühler!J3257</f>
        <v>34.956363037477715</v>
      </c>
      <c r="K3231" s="58">
        <f>Bühler!K3257</f>
        <v>2.461556787694779</v>
      </c>
      <c r="L3231" s="58">
        <f>Bühler!L3257</f>
        <v>1.2307783938473895</v>
      </c>
      <c r="M3231" s="57">
        <f>Bühler!M3257</f>
        <v>0</v>
      </c>
      <c r="N3231" s="55">
        <f>IF(Input!$K$13=1,J3231*Input!$J$13,0)+IF(Input!$K$14=1,K3231*Input!$J$14,0)+IF(Input!$K$15=1,L3231*Input!$J$15,0)+IF(Input!$K$16=1,M3231*Input!$J$16,0)</f>
        <v>4.1947635644973253</v>
      </c>
      <c r="O3231" s="58">
        <f>IF(Input!$K$13=2,J3231*Input!$J$13,0)+IF(Input!$K$14=2,K3231*Input!$J$14,0)+IF(Input!$K$15=2,L3231*Input!$J$15,0)+IF(Input!$K$16=2,M3231*Input!$J$16,0)</f>
        <v>0.33231016633879518</v>
      </c>
      <c r="P3231" s="58">
        <f>IF(Input!$K$13=3,J3231*Input!$J$13,0)+IF(Input!$K$14=3,K3231*Input!$J$14,0)+IF(Input!$K$15=3,L3231*Input!$J$15,0)+IF(Input!$K$16=3,M3231*Input!$J$16,0)</f>
        <v>0</v>
      </c>
      <c r="Q3231" s="71">
        <f>IF(Input!$K$13=4,J3231*Input!$J$13,0)+IF(Input!$K$14=4,K3231*Input!$J$14,0)+IF(Input!$K$15=4,L3231*Input!$J$15,0)+IF(Input!$K$16=4,M3231*Input!$J$16,0)</f>
        <v>0</v>
      </c>
    </row>
    <row r="3232" spans="8:17" x14ac:dyDescent="0.25">
      <c r="H3232" s="43">
        <v>3225</v>
      </c>
      <c r="I3232" s="55">
        <f>Bühler!I3258</f>
        <v>1.5414034645330763</v>
      </c>
      <c r="J3232" s="58">
        <f>Bühler!J3258</f>
        <v>39.325908417162438</v>
      </c>
      <c r="K3232" s="58">
        <f>Bühler!K3258</f>
        <v>2.7692513861566264</v>
      </c>
      <c r="L3232" s="58">
        <f>Bühler!L3258</f>
        <v>1.3846256930783132</v>
      </c>
      <c r="M3232" s="57">
        <f>Bühler!M3258</f>
        <v>0</v>
      </c>
      <c r="N3232" s="55">
        <f>IF(Input!$K$13=1,J3232*Input!$J$13,0)+IF(Input!$K$14=1,K3232*Input!$J$14,0)+IF(Input!$K$15=1,L3232*Input!$J$15,0)+IF(Input!$K$16=1,M3232*Input!$J$16,0)</f>
        <v>4.7191090100594923</v>
      </c>
      <c r="O3232" s="58">
        <f>IF(Input!$K$13=2,J3232*Input!$J$13,0)+IF(Input!$K$14=2,K3232*Input!$J$14,0)+IF(Input!$K$15=2,L3232*Input!$J$15,0)+IF(Input!$K$16=2,M3232*Input!$J$16,0)</f>
        <v>0.37384893713114453</v>
      </c>
      <c r="P3232" s="58">
        <f>IF(Input!$K$13=3,J3232*Input!$J$13,0)+IF(Input!$K$14=3,K3232*Input!$J$14,0)+IF(Input!$K$15=3,L3232*Input!$J$15,0)+IF(Input!$K$16=3,M3232*Input!$J$16,0)</f>
        <v>0</v>
      </c>
      <c r="Q3232" s="71">
        <f>IF(Input!$K$13=4,J3232*Input!$J$13,0)+IF(Input!$K$14=4,K3232*Input!$J$14,0)+IF(Input!$K$15=4,L3232*Input!$J$15,0)+IF(Input!$K$16=4,M3232*Input!$J$16,0)</f>
        <v>0</v>
      </c>
    </row>
    <row r="3233" spans="8:17" x14ac:dyDescent="0.25">
      <c r="H3233" s="43">
        <v>3226</v>
      </c>
      <c r="I3233" s="55">
        <f>Bühler!I3259</f>
        <v>1.7126705161478626</v>
      </c>
      <c r="J3233" s="58">
        <f>Bühler!J3259</f>
        <v>43.695453796847154</v>
      </c>
      <c r="K3233" s="58">
        <f>Bühler!K3259</f>
        <v>3.0769459846184737</v>
      </c>
      <c r="L3233" s="58">
        <f>Bühler!L3259</f>
        <v>1.5384729923092368</v>
      </c>
      <c r="M3233" s="57">
        <f>Bühler!M3259</f>
        <v>0</v>
      </c>
      <c r="N3233" s="55">
        <f>IF(Input!$K$13=1,J3233*Input!$J$13,0)+IF(Input!$K$14=1,K3233*Input!$J$14,0)+IF(Input!$K$15=1,L3233*Input!$J$15,0)+IF(Input!$K$16=1,M3233*Input!$J$16,0)</f>
        <v>5.2434544556216585</v>
      </c>
      <c r="O3233" s="58">
        <f>IF(Input!$K$13=2,J3233*Input!$J$13,0)+IF(Input!$K$14=2,K3233*Input!$J$14,0)+IF(Input!$K$15=2,L3233*Input!$J$15,0)+IF(Input!$K$16=2,M3233*Input!$J$16,0)</f>
        <v>0.41538770792349394</v>
      </c>
      <c r="P3233" s="58">
        <f>IF(Input!$K$13=3,J3233*Input!$J$13,0)+IF(Input!$K$14=3,K3233*Input!$J$14,0)+IF(Input!$K$15=3,L3233*Input!$J$15,0)+IF(Input!$K$16=3,M3233*Input!$J$16,0)</f>
        <v>0</v>
      </c>
      <c r="Q3233" s="71">
        <f>IF(Input!$K$13=4,J3233*Input!$J$13,0)+IF(Input!$K$14=4,K3233*Input!$J$14,0)+IF(Input!$K$15=4,L3233*Input!$J$15,0)+IF(Input!$K$16=4,M3233*Input!$J$16,0)</f>
        <v>0</v>
      </c>
    </row>
    <row r="3234" spans="8:17" x14ac:dyDescent="0.25">
      <c r="H3234" s="43">
        <v>3227</v>
      </c>
      <c r="I3234" s="55">
        <f>Bühler!I3260</f>
        <v>1.7126705161478626</v>
      </c>
      <c r="J3234" s="58">
        <f>Bühler!J3260</f>
        <v>43.695453796847154</v>
      </c>
      <c r="K3234" s="58">
        <f>Bühler!K3260</f>
        <v>3.0769459846184737</v>
      </c>
      <c r="L3234" s="58">
        <f>Bühler!L3260</f>
        <v>1.5384729923092368</v>
      </c>
      <c r="M3234" s="57">
        <f>Bühler!M3260</f>
        <v>0</v>
      </c>
      <c r="N3234" s="55">
        <f>IF(Input!$K$13=1,J3234*Input!$J$13,0)+IF(Input!$K$14=1,K3234*Input!$J$14,0)+IF(Input!$K$15=1,L3234*Input!$J$15,0)+IF(Input!$K$16=1,M3234*Input!$J$16,0)</f>
        <v>5.2434544556216585</v>
      </c>
      <c r="O3234" s="58">
        <f>IF(Input!$K$13=2,J3234*Input!$J$13,0)+IF(Input!$K$14=2,K3234*Input!$J$14,0)+IF(Input!$K$15=2,L3234*Input!$J$15,0)+IF(Input!$K$16=2,M3234*Input!$J$16,0)</f>
        <v>0.41538770792349394</v>
      </c>
      <c r="P3234" s="58">
        <f>IF(Input!$K$13=3,J3234*Input!$J$13,0)+IF(Input!$K$14=3,K3234*Input!$J$14,0)+IF(Input!$K$15=3,L3234*Input!$J$15,0)+IF(Input!$K$16=3,M3234*Input!$J$16,0)</f>
        <v>0</v>
      </c>
      <c r="Q3234" s="71">
        <f>IF(Input!$K$13=4,J3234*Input!$J$13,0)+IF(Input!$K$14=4,K3234*Input!$J$14,0)+IF(Input!$K$15=4,L3234*Input!$J$15,0)+IF(Input!$K$16=4,M3234*Input!$J$16,0)</f>
        <v>0</v>
      </c>
    </row>
    <row r="3235" spans="8:17" x14ac:dyDescent="0.25">
      <c r="H3235" s="43">
        <v>3228</v>
      </c>
      <c r="I3235" s="55">
        <f>Bühler!I3261</f>
        <v>2.0552046193774349</v>
      </c>
      <c r="J3235" s="58">
        <f>Bühler!J3261</f>
        <v>52.434544556216572</v>
      </c>
      <c r="K3235" s="58">
        <f>Bühler!K3261</f>
        <v>3.6923351815421674</v>
      </c>
      <c r="L3235" s="58">
        <f>Bühler!L3261</f>
        <v>1.8461675907710837</v>
      </c>
      <c r="M3235" s="57">
        <f>Bühler!M3261</f>
        <v>0</v>
      </c>
      <c r="N3235" s="55">
        <f>IF(Input!$K$13=1,J3235*Input!$J$13,0)+IF(Input!$K$14=1,K3235*Input!$J$14,0)+IF(Input!$K$15=1,L3235*Input!$J$15,0)+IF(Input!$K$16=1,M3235*Input!$J$16,0)</f>
        <v>6.292145346745988</v>
      </c>
      <c r="O3235" s="58">
        <f>IF(Input!$K$13=2,J3235*Input!$J$13,0)+IF(Input!$K$14=2,K3235*Input!$J$14,0)+IF(Input!$K$15=2,L3235*Input!$J$15,0)+IF(Input!$K$16=2,M3235*Input!$J$16,0)</f>
        <v>0.4984652495081926</v>
      </c>
      <c r="P3235" s="58">
        <f>IF(Input!$K$13=3,J3235*Input!$J$13,0)+IF(Input!$K$14=3,K3235*Input!$J$14,0)+IF(Input!$K$15=3,L3235*Input!$J$15,0)+IF(Input!$K$16=3,M3235*Input!$J$16,0)</f>
        <v>0</v>
      </c>
      <c r="Q3235" s="71">
        <f>IF(Input!$K$13=4,J3235*Input!$J$13,0)+IF(Input!$K$14=4,K3235*Input!$J$14,0)+IF(Input!$K$15=4,L3235*Input!$J$15,0)+IF(Input!$K$16=4,M3235*Input!$J$16,0)</f>
        <v>0</v>
      </c>
    </row>
    <row r="3236" spans="8:17" x14ac:dyDescent="0.25">
      <c r="H3236" s="43">
        <v>3229</v>
      </c>
      <c r="I3236" s="55">
        <f>Bühler!I3262</f>
        <v>2.0552046193774349</v>
      </c>
      <c r="J3236" s="58">
        <f>Bühler!J3262</f>
        <v>52.434544556216572</v>
      </c>
      <c r="K3236" s="58">
        <f>Bühler!K3262</f>
        <v>3.6923351815421674</v>
      </c>
      <c r="L3236" s="58">
        <f>Bühler!L3262</f>
        <v>1.8461675907710837</v>
      </c>
      <c r="M3236" s="57">
        <f>Bühler!M3262</f>
        <v>0</v>
      </c>
      <c r="N3236" s="55">
        <f>IF(Input!$K$13=1,J3236*Input!$J$13,0)+IF(Input!$K$14=1,K3236*Input!$J$14,0)+IF(Input!$K$15=1,L3236*Input!$J$15,0)+IF(Input!$K$16=1,M3236*Input!$J$16,0)</f>
        <v>6.292145346745988</v>
      </c>
      <c r="O3236" s="58">
        <f>IF(Input!$K$13=2,J3236*Input!$J$13,0)+IF(Input!$K$14=2,K3236*Input!$J$14,0)+IF(Input!$K$15=2,L3236*Input!$J$15,0)+IF(Input!$K$16=2,M3236*Input!$J$16,0)</f>
        <v>0.4984652495081926</v>
      </c>
      <c r="P3236" s="58">
        <f>IF(Input!$K$13=3,J3236*Input!$J$13,0)+IF(Input!$K$14=3,K3236*Input!$J$14,0)+IF(Input!$K$15=3,L3236*Input!$J$15,0)+IF(Input!$K$16=3,M3236*Input!$J$16,0)</f>
        <v>0</v>
      </c>
      <c r="Q3236" s="71">
        <f>IF(Input!$K$13=4,J3236*Input!$J$13,0)+IF(Input!$K$14=4,K3236*Input!$J$14,0)+IF(Input!$K$15=4,L3236*Input!$J$15,0)+IF(Input!$K$16=4,M3236*Input!$J$16,0)</f>
        <v>0</v>
      </c>
    </row>
    <row r="3237" spans="8:17" x14ac:dyDescent="0.25">
      <c r="H3237" s="43">
        <v>3230</v>
      </c>
      <c r="I3237" s="55">
        <f>Bühler!I3263</f>
        <v>1.3701364129182902</v>
      </c>
      <c r="J3237" s="58">
        <f>Bühler!J3263</f>
        <v>34.956363037477715</v>
      </c>
      <c r="K3237" s="58">
        <f>Bühler!K3263</f>
        <v>2.461556787694779</v>
      </c>
      <c r="L3237" s="58">
        <f>Bühler!L3263</f>
        <v>1.2307783938473895</v>
      </c>
      <c r="M3237" s="57">
        <f>Bühler!M3263</f>
        <v>0</v>
      </c>
      <c r="N3237" s="55">
        <f>IF(Input!$K$13=1,J3237*Input!$J$13,0)+IF(Input!$K$14=1,K3237*Input!$J$14,0)+IF(Input!$K$15=1,L3237*Input!$J$15,0)+IF(Input!$K$16=1,M3237*Input!$J$16,0)</f>
        <v>4.1947635644973253</v>
      </c>
      <c r="O3237" s="58">
        <f>IF(Input!$K$13=2,J3237*Input!$J$13,0)+IF(Input!$K$14=2,K3237*Input!$J$14,0)+IF(Input!$K$15=2,L3237*Input!$J$15,0)+IF(Input!$K$16=2,M3237*Input!$J$16,0)</f>
        <v>0.33231016633879518</v>
      </c>
      <c r="P3237" s="58">
        <f>IF(Input!$K$13=3,J3237*Input!$J$13,0)+IF(Input!$K$14=3,K3237*Input!$J$14,0)+IF(Input!$K$15=3,L3237*Input!$J$15,0)+IF(Input!$K$16=3,M3237*Input!$J$16,0)</f>
        <v>0</v>
      </c>
      <c r="Q3237" s="71">
        <f>IF(Input!$K$13=4,J3237*Input!$J$13,0)+IF(Input!$K$14=4,K3237*Input!$J$14,0)+IF(Input!$K$15=4,L3237*Input!$J$15,0)+IF(Input!$K$16=4,M3237*Input!$J$16,0)</f>
        <v>0</v>
      </c>
    </row>
    <row r="3238" spans="8:17" x14ac:dyDescent="0.25">
      <c r="H3238" s="43">
        <v>3231</v>
      </c>
      <c r="I3238" s="55">
        <f>Bühler!I3264</f>
        <v>2.0552046193774349</v>
      </c>
      <c r="J3238" s="58">
        <f>Bühler!J3264</f>
        <v>52.434544556216572</v>
      </c>
      <c r="K3238" s="58">
        <f>Bühler!K3264</f>
        <v>3.6923351815421674</v>
      </c>
      <c r="L3238" s="58">
        <f>Bühler!L3264</f>
        <v>1.8461675907710837</v>
      </c>
      <c r="M3238" s="57">
        <f>Bühler!M3264</f>
        <v>0</v>
      </c>
      <c r="N3238" s="55">
        <f>IF(Input!$K$13=1,J3238*Input!$J$13,0)+IF(Input!$K$14=1,K3238*Input!$J$14,0)+IF(Input!$K$15=1,L3238*Input!$J$15,0)+IF(Input!$K$16=1,M3238*Input!$J$16,0)</f>
        <v>6.292145346745988</v>
      </c>
      <c r="O3238" s="58">
        <f>IF(Input!$K$13=2,J3238*Input!$J$13,0)+IF(Input!$K$14=2,K3238*Input!$J$14,0)+IF(Input!$K$15=2,L3238*Input!$J$15,0)+IF(Input!$K$16=2,M3238*Input!$J$16,0)</f>
        <v>0.4984652495081926</v>
      </c>
      <c r="P3238" s="58">
        <f>IF(Input!$K$13=3,J3238*Input!$J$13,0)+IF(Input!$K$14=3,K3238*Input!$J$14,0)+IF(Input!$K$15=3,L3238*Input!$J$15,0)+IF(Input!$K$16=3,M3238*Input!$J$16,0)</f>
        <v>0</v>
      </c>
      <c r="Q3238" s="71">
        <f>IF(Input!$K$13=4,J3238*Input!$J$13,0)+IF(Input!$K$14=4,K3238*Input!$J$14,0)+IF(Input!$K$15=4,L3238*Input!$J$15,0)+IF(Input!$K$16=4,M3238*Input!$J$16,0)</f>
        <v>0</v>
      </c>
    </row>
    <row r="3239" spans="8:17" x14ac:dyDescent="0.25">
      <c r="H3239" s="43">
        <v>3232</v>
      </c>
      <c r="I3239" s="55">
        <f>Bühler!I3265</f>
        <v>2.0552046193774349</v>
      </c>
      <c r="J3239" s="58">
        <f>Bühler!J3265</f>
        <v>52.434544556216572</v>
      </c>
      <c r="K3239" s="58">
        <f>Bühler!K3265</f>
        <v>3.6923351815421674</v>
      </c>
      <c r="L3239" s="58">
        <f>Bühler!L3265</f>
        <v>1.8461675907710837</v>
      </c>
      <c r="M3239" s="57">
        <f>Bühler!M3265</f>
        <v>0</v>
      </c>
      <c r="N3239" s="55">
        <f>IF(Input!$K$13=1,J3239*Input!$J$13,0)+IF(Input!$K$14=1,K3239*Input!$J$14,0)+IF(Input!$K$15=1,L3239*Input!$J$15,0)+IF(Input!$K$16=1,M3239*Input!$J$16,0)</f>
        <v>6.292145346745988</v>
      </c>
      <c r="O3239" s="58">
        <f>IF(Input!$K$13=2,J3239*Input!$J$13,0)+IF(Input!$K$14=2,K3239*Input!$J$14,0)+IF(Input!$K$15=2,L3239*Input!$J$15,0)+IF(Input!$K$16=2,M3239*Input!$J$16,0)</f>
        <v>0.4984652495081926</v>
      </c>
      <c r="P3239" s="58">
        <f>IF(Input!$K$13=3,J3239*Input!$J$13,0)+IF(Input!$K$14=3,K3239*Input!$J$14,0)+IF(Input!$K$15=3,L3239*Input!$J$15,0)+IF(Input!$K$16=3,M3239*Input!$J$16,0)</f>
        <v>0</v>
      </c>
      <c r="Q3239" s="71">
        <f>IF(Input!$K$13=4,J3239*Input!$J$13,0)+IF(Input!$K$14=4,K3239*Input!$J$14,0)+IF(Input!$K$15=4,L3239*Input!$J$15,0)+IF(Input!$K$16=4,M3239*Input!$J$16,0)</f>
        <v>0</v>
      </c>
    </row>
    <row r="3240" spans="8:17" x14ac:dyDescent="0.25">
      <c r="H3240" s="43">
        <v>3233</v>
      </c>
      <c r="I3240" s="55">
        <f>Bühler!I3266</f>
        <v>1.7126705161478626</v>
      </c>
      <c r="J3240" s="58">
        <f>Bühler!J3266</f>
        <v>31.143435575541055</v>
      </c>
      <c r="K3240" s="58">
        <f>Bühler!K3266</f>
        <v>2.1538621892329313</v>
      </c>
      <c r="L3240" s="58">
        <f>Bühler!L3266</f>
        <v>1.0769310946164656</v>
      </c>
      <c r="M3240" s="57">
        <f>Bühler!M3266</f>
        <v>0</v>
      </c>
      <c r="N3240" s="55">
        <f>IF(Input!$K$13=1,J3240*Input!$J$13,0)+IF(Input!$K$14=1,K3240*Input!$J$14,0)+IF(Input!$K$15=1,L3240*Input!$J$15,0)+IF(Input!$K$16=1,M3240*Input!$J$16,0)</f>
        <v>3.7372122690649263</v>
      </c>
      <c r="O3240" s="58">
        <f>IF(Input!$K$13=2,J3240*Input!$J$13,0)+IF(Input!$K$14=2,K3240*Input!$J$14,0)+IF(Input!$K$15=2,L3240*Input!$J$15,0)+IF(Input!$K$16=2,M3240*Input!$J$16,0)</f>
        <v>0.29077139554644571</v>
      </c>
      <c r="P3240" s="58">
        <f>IF(Input!$K$13=3,J3240*Input!$J$13,0)+IF(Input!$K$14=3,K3240*Input!$J$14,0)+IF(Input!$K$15=3,L3240*Input!$J$15,0)+IF(Input!$K$16=3,M3240*Input!$J$16,0)</f>
        <v>0</v>
      </c>
      <c r="Q3240" s="71">
        <f>IF(Input!$K$13=4,J3240*Input!$J$13,0)+IF(Input!$K$14=4,K3240*Input!$J$14,0)+IF(Input!$K$15=4,L3240*Input!$J$15,0)+IF(Input!$K$16=4,M3240*Input!$J$16,0)</f>
        <v>0</v>
      </c>
    </row>
    <row r="3241" spans="8:17" x14ac:dyDescent="0.25">
      <c r="H3241" s="43">
        <v>3234</v>
      </c>
      <c r="I3241" s="55">
        <f>Bühler!I3267</f>
        <v>1.3780107601189699</v>
      </c>
      <c r="J3241" s="58">
        <f>Bühler!J3267</f>
        <v>9.8608571376662777</v>
      </c>
      <c r="K3241" s="58">
        <f>Bühler!K3267</f>
        <v>0.61538919692369476</v>
      </c>
      <c r="L3241" s="58">
        <f>Bühler!L3267</f>
        <v>0.30769459846184738</v>
      </c>
      <c r="M3241" s="57">
        <f>Bühler!M3267</f>
        <v>0</v>
      </c>
      <c r="N3241" s="55">
        <f>IF(Input!$K$13=1,J3241*Input!$J$13,0)+IF(Input!$K$14=1,K3241*Input!$J$14,0)+IF(Input!$K$15=1,L3241*Input!$J$15,0)+IF(Input!$K$16=1,M3241*Input!$J$16,0)</f>
        <v>1.1833028565199533</v>
      </c>
      <c r="O3241" s="58">
        <f>IF(Input!$K$13=2,J3241*Input!$J$13,0)+IF(Input!$K$14=2,K3241*Input!$J$14,0)+IF(Input!$K$15=2,L3241*Input!$J$15,0)+IF(Input!$K$16=2,M3241*Input!$J$16,0)</f>
        <v>8.3077541584698794E-2</v>
      </c>
      <c r="P3241" s="58">
        <f>IF(Input!$K$13=3,J3241*Input!$J$13,0)+IF(Input!$K$14=3,K3241*Input!$J$14,0)+IF(Input!$K$15=3,L3241*Input!$J$15,0)+IF(Input!$K$16=3,M3241*Input!$J$16,0)</f>
        <v>0</v>
      </c>
      <c r="Q3241" s="71">
        <f>IF(Input!$K$13=4,J3241*Input!$J$13,0)+IF(Input!$K$14=4,K3241*Input!$J$14,0)+IF(Input!$K$15=4,L3241*Input!$J$15,0)+IF(Input!$K$16=4,M3241*Input!$J$16,0)</f>
        <v>0</v>
      </c>
    </row>
    <row r="3242" spans="8:17" x14ac:dyDescent="0.25">
      <c r="H3242" s="43">
        <v>3235</v>
      </c>
      <c r="I3242" s="55">
        <f>Bühler!I3268</f>
        <v>0.49214670004248934</v>
      </c>
      <c r="J3242" s="58">
        <f>Bühler!J3268</f>
        <v>8.7833117465617701</v>
      </c>
      <c r="K3242" s="58">
        <f>Bühler!K3268</f>
        <v>0.60672174344589624</v>
      </c>
      <c r="L3242" s="58">
        <f>Bühler!L3268</f>
        <v>0.30336087172294812</v>
      </c>
      <c r="M3242" s="57">
        <f>Bühler!M3268</f>
        <v>0</v>
      </c>
      <c r="N3242" s="55">
        <f>IF(Input!$K$13=1,J3242*Input!$J$13,0)+IF(Input!$K$14=1,K3242*Input!$J$14,0)+IF(Input!$K$15=1,L3242*Input!$J$15,0)+IF(Input!$K$16=1,M3242*Input!$J$16,0)</f>
        <v>1.0539974095874123</v>
      </c>
      <c r="O3242" s="58">
        <f>IF(Input!$K$13=2,J3242*Input!$J$13,0)+IF(Input!$K$14=2,K3242*Input!$J$14,0)+IF(Input!$K$15=2,L3242*Input!$J$15,0)+IF(Input!$K$16=2,M3242*Input!$J$16,0)</f>
        <v>8.1907435365195985E-2</v>
      </c>
      <c r="P3242" s="58">
        <f>IF(Input!$K$13=3,J3242*Input!$J$13,0)+IF(Input!$K$14=3,K3242*Input!$J$14,0)+IF(Input!$K$15=3,L3242*Input!$J$15,0)+IF(Input!$K$16=3,M3242*Input!$J$16,0)</f>
        <v>0</v>
      </c>
      <c r="Q3242" s="71">
        <f>IF(Input!$K$13=4,J3242*Input!$J$13,0)+IF(Input!$K$14=4,K3242*Input!$J$14,0)+IF(Input!$K$15=4,L3242*Input!$J$15,0)+IF(Input!$K$16=4,M3242*Input!$J$16,0)</f>
        <v>0</v>
      </c>
    </row>
    <row r="3243" spans="8:17" x14ac:dyDescent="0.25">
      <c r="H3243" s="43">
        <v>3236</v>
      </c>
      <c r="I3243" s="55">
        <f>Bühler!I3269</f>
        <v>0.49214670004248934</v>
      </c>
      <c r="J3243" s="58">
        <f>Bühler!J3269</f>
        <v>8.7833117465617701</v>
      </c>
      <c r="K3243" s="58">
        <f>Bühler!K3269</f>
        <v>0.60672174344589624</v>
      </c>
      <c r="L3243" s="58">
        <f>Bühler!L3269</f>
        <v>0.30336087172294812</v>
      </c>
      <c r="M3243" s="57">
        <f>Bühler!M3269</f>
        <v>0</v>
      </c>
      <c r="N3243" s="55">
        <f>IF(Input!$K$13=1,J3243*Input!$J$13,0)+IF(Input!$K$14=1,K3243*Input!$J$14,0)+IF(Input!$K$15=1,L3243*Input!$J$15,0)+IF(Input!$K$16=1,M3243*Input!$J$16,0)</f>
        <v>1.0539974095874123</v>
      </c>
      <c r="O3243" s="58">
        <f>IF(Input!$K$13=2,J3243*Input!$J$13,0)+IF(Input!$K$14=2,K3243*Input!$J$14,0)+IF(Input!$K$15=2,L3243*Input!$J$15,0)+IF(Input!$K$16=2,M3243*Input!$J$16,0)</f>
        <v>8.1907435365195985E-2</v>
      </c>
      <c r="P3243" s="58">
        <f>IF(Input!$K$13=3,J3243*Input!$J$13,0)+IF(Input!$K$14=3,K3243*Input!$J$14,0)+IF(Input!$K$15=3,L3243*Input!$J$15,0)+IF(Input!$K$16=3,M3243*Input!$J$16,0)</f>
        <v>0</v>
      </c>
      <c r="Q3243" s="71">
        <f>IF(Input!$K$13=4,J3243*Input!$J$13,0)+IF(Input!$K$14=4,K3243*Input!$J$14,0)+IF(Input!$K$15=4,L3243*Input!$J$15,0)+IF(Input!$K$16=4,M3243*Input!$J$16,0)</f>
        <v>0</v>
      </c>
    </row>
    <row r="3244" spans="8:17" x14ac:dyDescent="0.25">
      <c r="H3244" s="43">
        <v>3237</v>
      </c>
      <c r="I3244" s="55">
        <f>Bühler!I3270</f>
        <v>0.49214670004248934</v>
      </c>
      <c r="J3244" s="58">
        <f>Bühler!J3270</f>
        <v>8.7833117465617701</v>
      </c>
      <c r="K3244" s="58">
        <f>Bühler!K3270</f>
        <v>0.60672174344589624</v>
      </c>
      <c r="L3244" s="58">
        <f>Bühler!L3270</f>
        <v>0.30336087172294812</v>
      </c>
      <c r="M3244" s="57">
        <f>Bühler!M3270</f>
        <v>0</v>
      </c>
      <c r="N3244" s="55">
        <f>IF(Input!$K$13=1,J3244*Input!$J$13,0)+IF(Input!$K$14=1,K3244*Input!$J$14,0)+IF(Input!$K$15=1,L3244*Input!$J$15,0)+IF(Input!$K$16=1,M3244*Input!$J$16,0)</f>
        <v>1.0539974095874123</v>
      </c>
      <c r="O3244" s="58">
        <f>IF(Input!$K$13=2,J3244*Input!$J$13,0)+IF(Input!$K$14=2,K3244*Input!$J$14,0)+IF(Input!$K$15=2,L3244*Input!$J$15,0)+IF(Input!$K$16=2,M3244*Input!$J$16,0)</f>
        <v>8.1907435365195985E-2</v>
      </c>
      <c r="P3244" s="58">
        <f>IF(Input!$K$13=3,J3244*Input!$J$13,0)+IF(Input!$K$14=3,K3244*Input!$J$14,0)+IF(Input!$K$15=3,L3244*Input!$J$15,0)+IF(Input!$K$16=3,M3244*Input!$J$16,0)</f>
        <v>0</v>
      </c>
      <c r="Q3244" s="71">
        <f>IF(Input!$K$13=4,J3244*Input!$J$13,0)+IF(Input!$K$14=4,K3244*Input!$J$14,0)+IF(Input!$K$15=4,L3244*Input!$J$15,0)+IF(Input!$K$16=4,M3244*Input!$J$16,0)</f>
        <v>0</v>
      </c>
    </row>
    <row r="3245" spans="8:17" x14ac:dyDescent="0.25">
      <c r="H3245" s="43">
        <v>3238</v>
      </c>
      <c r="I3245" s="55">
        <f>Bühler!I3271</f>
        <v>0.49214670004248934</v>
      </c>
      <c r="J3245" s="58">
        <f>Bühler!J3271</f>
        <v>8.7833117465617701</v>
      </c>
      <c r="K3245" s="58">
        <f>Bühler!K3271</f>
        <v>0.60672174344589624</v>
      </c>
      <c r="L3245" s="58">
        <f>Bühler!L3271</f>
        <v>0.30336087172294812</v>
      </c>
      <c r="M3245" s="57">
        <f>Bühler!M3271</f>
        <v>0</v>
      </c>
      <c r="N3245" s="55">
        <f>IF(Input!$K$13=1,J3245*Input!$J$13,0)+IF(Input!$K$14=1,K3245*Input!$J$14,0)+IF(Input!$K$15=1,L3245*Input!$J$15,0)+IF(Input!$K$16=1,M3245*Input!$J$16,0)</f>
        <v>1.0539974095874123</v>
      </c>
      <c r="O3245" s="58">
        <f>IF(Input!$K$13=2,J3245*Input!$J$13,0)+IF(Input!$K$14=2,K3245*Input!$J$14,0)+IF(Input!$K$15=2,L3245*Input!$J$15,0)+IF(Input!$K$16=2,M3245*Input!$J$16,0)</f>
        <v>8.1907435365195985E-2</v>
      </c>
      <c r="P3245" s="58">
        <f>IF(Input!$K$13=3,J3245*Input!$J$13,0)+IF(Input!$K$14=3,K3245*Input!$J$14,0)+IF(Input!$K$15=3,L3245*Input!$J$15,0)+IF(Input!$K$16=3,M3245*Input!$J$16,0)</f>
        <v>0</v>
      </c>
      <c r="Q3245" s="71">
        <f>IF(Input!$K$13=4,J3245*Input!$J$13,0)+IF(Input!$K$14=4,K3245*Input!$J$14,0)+IF(Input!$K$15=4,L3245*Input!$J$15,0)+IF(Input!$K$16=4,M3245*Input!$J$16,0)</f>
        <v>0</v>
      </c>
    </row>
    <row r="3246" spans="8:17" x14ac:dyDescent="0.25">
      <c r="H3246" s="43">
        <v>3239</v>
      </c>
      <c r="I3246" s="55">
        <f>Bühler!I3272</f>
        <v>0.49214670004248934</v>
      </c>
      <c r="J3246" s="58">
        <f>Bühler!J3272</f>
        <v>8.7833117465617701</v>
      </c>
      <c r="K3246" s="58">
        <f>Bühler!K3272</f>
        <v>0.60672174344589624</v>
      </c>
      <c r="L3246" s="58">
        <f>Bühler!L3272</f>
        <v>0.30336087172294812</v>
      </c>
      <c r="M3246" s="57">
        <f>Bühler!M3272</f>
        <v>0</v>
      </c>
      <c r="N3246" s="55">
        <f>IF(Input!$K$13=1,J3246*Input!$J$13,0)+IF(Input!$K$14=1,K3246*Input!$J$14,0)+IF(Input!$K$15=1,L3246*Input!$J$15,0)+IF(Input!$K$16=1,M3246*Input!$J$16,0)</f>
        <v>1.0539974095874123</v>
      </c>
      <c r="O3246" s="58">
        <f>IF(Input!$K$13=2,J3246*Input!$J$13,0)+IF(Input!$K$14=2,K3246*Input!$J$14,0)+IF(Input!$K$15=2,L3246*Input!$J$15,0)+IF(Input!$K$16=2,M3246*Input!$J$16,0)</f>
        <v>8.1907435365195985E-2</v>
      </c>
      <c r="P3246" s="58">
        <f>IF(Input!$K$13=3,J3246*Input!$J$13,0)+IF(Input!$K$14=3,K3246*Input!$J$14,0)+IF(Input!$K$15=3,L3246*Input!$J$15,0)+IF(Input!$K$16=3,M3246*Input!$J$16,0)</f>
        <v>0</v>
      </c>
      <c r="Q3246" s="71">
        <f>IF(Input!$K$13=4,J3246*Input!$J$13,0)+IF(Input!$K$14=4,K3246*Input!$J$14,0)+IF(Input!$K$15=4,L3246*Input!$J$15,0)+IF(Input!$K$16=4,M3246*Input!$J$16,0)</f>
        <v>0</v>
      </c>
    </row>
    <row r="3247" spans="8:17" x14ac:dyDescent="0.25">
      <c r="H3247" s="43">
        <v>3240</v>
      </c>
      <c r="I3247" s="55">
        <f>Bühler!I3273</f>
        <v>0.49214670004248934</v>
      </c>
      <c r="J3247" s="58">
        <f>Bühler!J3273</f>
        <v>8.7833117465617701</v>
      </c>
      <c r="K3247" s="58">
        <f>Bühler!K3273</f>
        <v>0.60672174344589624</v>
      </c>
      <c r="L3247" s="58">
        <f>Bühler!L3273</f>
        <v>0.30336087172294812</v>
      </c>
      <c r="M3247" s="57">
        <f>Bühler!M3273</f>
        <v>0</v>
      </c>
      <c r="N3247" s="55">
        <f>IF(Input!$K$13=1,J3247*Input!$J$13,0)+IF(Input!$K$14=1,K3247*Input!$J$14,0)+IF(Input!$K$15=1,L3247*Input!$J$15,0)+IF(Input!$K$16=1,M3247*Input!$J$16,0)</f>
        <v>1.0539974095874123</v>
      </c>
      <c r="O3247" s="58">
        <f>IF(Input!$K$13=2,J3247*Input!$J$13,0)+IF(Input!$K$14=2,K3247*Input!$J$14,0)+IF(Input!$K$15=2,L3247*Input!$J$15,0)+IF(Input!$K$16=2,M3247*Input!$J$16,0)</f>
        <v>8.1907435365195985E-2</v>
      </c>
      <c r="P3247" s="58">
        <f>IF(Input!$K$13=3,J3247*Input!$J$13,0)+IF(Input!$K$14=3,K3247*Input!$J$14,0)+IF(Input!$K$15=3,L3247*Input!$J$15,0)+IF(Input!$K$16=3,M3247*Input!$J$16,0)</f>
        <v>0</v>
      </c>
      <c r="Q3247" s="71">
        <f>IF(Input!$K$13=4,J3247*Input!$J$13,0)+IF(Input!$K$14=4,K3247*Input!$J$14,0)+IF(Input!$K$15=4,L3247*Input!$J$15,0)+IF(Input!$K$16=4,M3247*Input!$J$16,0)</f>
        <v>0</v>
      </c>
    </row>
    <row r="3248" spans="8:17" x14ac:dyDescent="0.25">
      <c r="H3248" s="43">
        <v>3241</v>
      </c>
      <c r="I3248" s="55">
        <f>Bühler!I3274</f>
        <v>0.45670161218879862</v>
      </c>
      <c r="J3248" s="58">
        <f>Bühler!J3274</f>
        <v>5.7250549901052192</v>
      </c>
      <c r="K3248" s="58">
        <f>Bühler!K3274</f>
        <v>0.3861596878835481</v>
      </c>
      <c r="L3248" s="58">
        <f>Bühler!L3274</f>
        <v>0.19307984394177405</v>
      </c>
      <c r="M3248" s="57">
        <f>Bühler!M3274</f>
        <v>0</v>
      </c>
      <c r="N3248" s="55">
        <f>IF(Input!$K$13=1,J3248*Input!$J$13,0)+IF(Input!$K$14=1,K3248*Input!$J$14,0)+IF(Input!$K$15=1,L3248*Input!$J$15,0)+IF(Input!$K$16=1,M3248*Input!$J$16,0)</f>
        <v>0.68700659881262627</v>
      </c>
      <c r="O3248" s="58">
        <f>IF(Input!$K$13=2,J3248*Input!$J$13,0)+IF(Input!$K$14=2,K3248*Input!$J$14,0)+IF(Input!$K$15=2,L3248*Input!$J$15,0)+IF(Input!$K$16=2,M3248*Input!$J$16,0)</f>
        <v>5.2131557864278991E-2</v>
      </c>
      <c r="P3248" s="58">
        <f>IF(Input!$K$13=3,J3248*Input!$J$13,0)+IF(Input!$K$14=3,K3248*Input!$J$14,0)+IF(Input!$K$15=3,L3248*Input!$J$15,0)+IF(Input!$K$16=3,M3248*Input!$J$16,0)</f>
        <v>0</v>
      </c>
      <c r="Q3248" s="71">
        <f>IF(Input!$K$13=4,J3248*Input!$J$13,0)+IF(Input!$K$14=4,K3248*Input!$J$14,0)+IF(Input!$K$15=4,L3248*Input!$J$15,0)+IF(Input!$K$16=4,M3248*Input!$J$16,0)</f>
        <v>0</v>
      </c>
    </row>
    <row r="3249" spans="8:17" x14ac:dyDescent="0.25">
      <c r="H3249" s="43">
        <v>3242</v>
      </c>
      <c r="I3249" s="55">
        <f>Bühler!I3275</f>
        <v>0.45670161218879862</v>
      </c>
      <c r="J3249" s="58">
        <f>Bühler!J3275</f>
        <v>8.4647332764182774</v>
      </c>
      <c r="K3249" s="58">
        <f>Bühler!K3275</f>
        <v>0.58843381010826379</v>
      </c>
      <c r="L3249" s="58">
        <f>Bühler!L3275</f>
        <v>0.29421690505413189</v>
      </c>
      <c r="M3249" s="57">
        <f>Bühler!M3275</f>
        <v>0</v>
      </c>
      <c r="N3249" s="55">
        <f>IF(Input!$K$13=1,J3249*Input!$J$13,0)+IF(Input!$K$14=1,K3249*Input!$J$14,0)+IF(Input!$K$15=1,L3249*Input!$J$15,0)+IF(Input!$K$16=1,M3249*Input!$J$16,0)</f>
        <v>1.0157679931701933</v>
      </c>
      <c r="O3249" s="58">
        <f>IF(Input!$K$13=2,J3249*Input!$J$13,0)+IF(Input!$K$14=2,K3249*Input!$J$14,0)+IF(Input!$K$15=2,L3249*Input!$J$15,0)+IF(Input!$K$16=2,M3249*Input!$J$16,0)</f>
        <v>7.9438564364615605E-2</v>
      </c>
      <c r="P3249" s="58">
        <f>IF(Input!$K$13=3,J3249*Input!$J$13,0)+IF(Input!$K$14=3,K3249*Input!$J$14,0)+IF(Input!$K$15=3,L3249*Input!$J$15,0)+IF(Input!$K$16=3,M3249*Input!$J$16,0)</f>
        <v>0</v>
      </c>
      <c r="Q3249" s="71">
        <f>IF(Input!$K$13=4,J3249*Input!$J$13,0)+IF(Input!$K$14=4,K3249*Input!$J$14,0)+IF(Input!$K$15=4,L3249*Input!$J$15,0)+IF(Input!$K$16=4,M3249*Input!$J$16,0)</f>
        <v>0</v>
      </c>
    </row>
    <row r="3250" spans="8:17" x14ac:dyDescent="0.25">
      <c r="H3250" s="43">
        <v>3243</v>
      </c>
      <c r="I3250" s="55">
        <f>Bühler!I3276</f>
        <v>0.45670161218879862</v>
      </c>
      <c r="J3250" s="58">
        <f>Bühler!J3276</f>
        <v>8.4647332764182774</v>
      </c>
      <c r="K3250" s="58">
        <f>Bühler!K3276</f>
        <v>0.58843381010826379</v>
      </c>
      <c r="L3250" s="58">
        <f>Bühler!L3276</f>
        <v>0.29421690505413189</v>
      </c>
      <c r="M3250" s="57">
        <f>Bühler!M3276</f>
        <v>0</v>
      </c>
      <c r="N3250" s="55">
        <f>IF(Input!$K$13=1,J3250*Input!$J$13,0)+IF(Input!$K$14=1,K3250*Input!$J$14,0)+IF(Input!$K$15=1,L3250*Input!$J$15,0)+IF(Input!$K$16=1,M3250*Input!$J$16,0)</f>
        <v>1.0157679931701933</v>
      </c>
      <c r="O3250" s="58">
        <f>IF(Input!$K$13=2,J3250*Input!$J$13,0)+IF(Input!$K$14=2,K3250*Input!$J$14,0)+IF(Input!$K$15=2,L3250*Input!$J$15,0)+IF(Input!$K$16=2,M3250*Input!$J$16,0)</f>
        <v>7.9438564364615605E-2</v>
      </c>
      <c r="P3250" s="58">
        <f>IF(Input!$K$13=3,J3250*Input!$J$13,0)+IF(Input!$K$14=3,K3250*Input!$J$14,0)+IF(Input!$K$15=3,L3250*Input!$J$15,0)+IF(Input!$K$16=3,M3250*Input!$J$16,0)</f>
        <v>0</v>
      </c>
      <c r="Q3250" s="71">
        <f>IF(Input!$K$13=4,J3250*Input!$J$13,0)+IF(Input!$K$14=4,K3250*Input!$J$14,0)+IF(Input!$K$15=4,L3250*Input!$J$15,0)+IF(Input!$K$16=4,M3250*Input!$J$16,0)</f>
        <v>0</v>
      </c>
    </row>
    <row r="3251" spans="8:17" x14ac:dyDescent="0.25">
      <c r="H3251" s="43">
        <v>3244</v>
      </c>
      <c r="I3251" s="55">
        <f>Bühler!I3277</f>
        <v>0.45670161218879862</v>
      </c>
      <c r="J3251" s="58">
        <f>Bühler!J3277</f>
        <v>8.4647332764182774</v>
      </c>
      <c r="K3251" s="58">
        <f>Bühler!K3277</f>
        <v>0.58843381010826379</v>
      </c>
      <c r="L3251" s="58">
        <f>Bühler!L3277</f>
        <v>0.29421690505413189</v>
      </c>
      <c r="M3251" s="57">
        <f>Bühler!M3277</f>
        <v>0</v>
      </c>
      <c r="N3251" s="55">
        <f>IF(Input!$K$13=1,J3251*Input!$J$13,0)+IF(Input!$K$14=1,K3251*Input!$J$14,0)+IF(Input!$K$15=1,L3251*Input!$J$15,0)+IF(Input!$K$16=1,M3251*Input!$J$16,0)</f>
        <v>1.0157679931701933</v>
      </c>
      <c r="O3251" s="58">
        <f>IF(Input!$K$13=2,J3251*Input!$J$13,0)+IF(Input!$K$14=2,K3251*Input!$J$14,0)+IF(Input!$K$15=2,L3251*Input!$J$15,0)+IF(Input!$K$16=2,M3251*Input!$J$16,0)</f>
        <v>7.9438564364615605E-2</v>
      </c>
      <c r="P3251" s="58">
        <f>IF(Input!$K$13=3,J3251*Input!$J$13,0)+IF(Input!$K$14=3,K3251*Input!$J$14,0)+IF(Input!$K$15=3,L3251*Input!$J$15,0)+IF(Input!$K$16=3,M3251*Input!$J$16,0)</f>
        <v>0</v>
      </c>
      <c r="Q3251" s="71">
        <f>IF(Input!$K$13=4,J3251*Input!$J$13,0)+IF(Input!$K$14=4,K3251*Input!$J$14,0)+IF(Input!$K$15=4,L3251*Input!$J$15,0)+IF(Input!$K$16=4,M3251*Input!$J$16,0)</f>
        <v>0</v>
      </c>
    </row>
    <row r="3252" spans="8:17" x14ac:dyDescent="0.25">
      <c r="H3252" s="43">
        <v>3245</v>
      </c>
      <c r="I3252" s="55">
        <f>Bühler!I3278</f>
        <v>0.45670161218879862</v>
      </c>
      <c r="J3252" s="58">
        <f>Bühler!J3278</f>
        <v>8.4647332764182774</v>
      </c>
      <c r="K3252" s="58">
        <f>Bühler!K3278</f>
        <v>0.58843381010826379</v>
      </c>
      <c r="L3252" s="58">
        <f>Bühler!L3278</f>
        <v>0.29421690505413189</v>
      </c>
      <c r="M3252" s="57">
        <f>Bühler!M3278</f>
        <v>0</v>
      </c>
      <c r="N3252" s="55">
        <f>IF(Input!$K$13=1,J3252*Input!$J$13,0)+IF(Input!$K$14=1,K3252*Input!$J$14,0)+IF(Input!$K$15=1,L3252*Input!$J$15,0)+IF(Input!$K$16=1,M3252*Input!$J$16,0)</f>
        <v>1.0157679931701933</v>
      </c>
      <c r="O3252" s="58">
        <f>IF(Input!$K$13=2,J3252*Input!$J$13,0)+IF(Input!$K$14=2,K3252*Input!$J$14,0)+IF(Input!$K$15=2,L3252*Input!$J$15,0)+IF(Input!$K$16=2,M3252*Input!$J$16,0)</f>
        <v>7.9438564364615605E-2</v>
      </c>
      <c r="P3252" s="58">
        <f>IF(Input!$K$13=3,J3252*Input!$J$13,0)+IF(Input!$K$14=3,K3252*Input!$J$14,0)+IF(Input!$K$15=3,L3252*Input!$J$15,0)+IF(Input!$K$16=3,M3252*Input!$J$16,0)</f>
        <v>0</v>
      </c>
      <c r="Q3252" s="71">
        <f>IF(Input!$K$13=4,J3252*Input!$J$13,0)+IF(Input!$K$14=4,K3252*Input!$J$14,0)+IF(Input!$K$15=4,L3252*Input!$J$15,0)+IF(Input!$K$16=4,M3252*Input!$J$16,0)</f>
        <v>0</v>
      </c>
    </row>
    <row r="3253" spans="8:17" x14ac:dyDescent="0.25">
      <c r="H3253" s="43">
        <v>3246</v>
      </c>
      <c r="I3253" s="55">
        <f>Bühler!I3279</f>
        <v>0.45670161218879862</v>
      </c>
      <c r="J3253" s="58">
        <f>Bühler!J3279</f>
        <v>8.4647332764182774</v>
      </c>
      <c r="K3253" s="58">
        <f>Bühler!K3279</f>
        <v>0.58843381010826379</v>
      </c>
      <c r="L3253" s="58">
        <f>Bühler!L3279</f>
        <v>0.29421690505413189</v>
      </c>
      <c r="M3253" s="57">
        <f>Bühler!M3279</f>
        <v>0</v>
      </c>
      <c r="N3253" s="55">
        <f>IF(Input!$K$13=1,J3253*Input!$J$13,0)+IF(Input!$K$14=1,K3253*Input!$J$14,0)+IF(Input!$K$15=1,L3253*Input!$J$15,0)+IF(Input!$K$16=1,M3253*Input!$J$16,0)</f>
        <v>1.0157679931701933</v>
      </c>
      <c r="O3253" s="58">
        <f>IF(Input!$K$13=2,J3253*Input!$J$13,0)+IF(Input!$K$14=2,K3253*Input!$J$14,0)+IF(Input!$K$15=2,L3253*Input!$J$15,0)+IF(Input!$K$16=2,M3253*Input!$J$16,0)</f>
        <v>7.9438564364615605E-2</v>
      </c>
      <c r="P3253" s="58">
        <f>IF(Input!$K$13=3,J3253*Input!$J$13,0)+IF(Input!$K$14=3,K3253*Input!$J$14,0)+IF(Input!$K$15=3,L3253*Input!$J$15,0)+IF(Input!$K$16=3,M3253*Input!$J$16,0)</f>
        <v>0</v>
      </c>
      <c r="Q3253" s="71">
        <f>IF(Input!$K$13=4,J3253*Input!$J$13,0)+IF(Input!$K$14=4,K3253*Input!$J$14,0)+IF(Input!$K$15=4,L3253*Input!$J$15,0)+IF(Input!$K$16=4,M3253*Input!$J$16,0)</f>
        <v>0</v>
      </c>
    </row>
    <row r="3254" spans="8:17" x14ac:dyDescent="0.25">
      <c r="H3254" s="43">
        <v>3247</v>
      </c>
      <c r="I3254" s="55">
        <f>Bühler!I3280</f>
        <v>0.45670161218879862</v>
      </c>
      <c r="J3254" s="58">
        <f>Bühler!J3280</f>
        <v>8.4647332764182774</v>
      </c>
      <c r="K3254" s="58">
        <f>Bühler!K3280</f>
        <v>0.58843381010826379</v>
      </c>
      <c r="L3254" s="58">
        <f>Bühler!L3280</f>
        <v>0.29421690505413189</v>
      </c>
      <c r="M3254" s="57">
        <f>Bühler!M3280</f>
        <v>0</v>
      </c>
      <c r="N3254" s="55">
        <f>IF(Input!$K$13=1,J3254*Input!$J$13,0)+IF(Input!$K$14=1,K3254*Input!$J$14,0)+IF(Input!$K$15=1,L3254*Input!$J$15,0)+IF(Input!$K$16=1,M3254*Input!$J$16,0)</f>
        <v>1.0157679931701933</v>
      </c>
      <c r="O3254" s="58">
        <f>IF(Input!$K$13=2,J3254*Input!$J$13,0)+IF(Input!$K$14=2,K3254*Input!$J$14,0)+IF(Input!$K$15=2,L3254*Input!$J$15,0)+IF(Input!$K$16=2,M3254*Input!$J$16,0)</f>
        <v>7.9438564364615605E-2</v>
      </c>
      <c r="P3254" s="58">
        <f>IF(Input!$K$13=3,J3254*Input!$J$13,0)+IF(Input!$K$14=3,K3254*Input!$J$14,0)+IF(Input!$K$15=3,L3254*Input!$J$15,0)+IF(Input!$K$16=3,M3254*Input!$J$16,0)</f>
        <v>0</v>
      </c>
      <c r="Q3254" s="71">
        <f>IF(Input!$K$13=4,J3254*Input!$J$13,0)+IF(Input!$K$14=4,K3254*Input!$J$14,0)+IF(Input!$K$15=4,L3254*Input!$J$15,0)+IF(Input!$K$16=4,M3254*Input!$J$16,0)</f>
        <v>0</v>
      </c>
    </row>
    <row r="3255" spans="8:17" x14ac:dyDescent="0.25">
      <c r="H3255" s="43">
        <v>3248</v>
      </c>
      <c r="I3255" s="55">
        <f>Bühler!I3281</f>
        <v>1.3155952893051519</v>
      </c>
      <c r="J3255" s="58">
        <f>Bühler!J3281</f>
        <v>35.023646486774361</v>
      </c>
      <c r="K3255" s="58">
        <f>Bühler!K3281</f>
        <v>2.4806162807376491</v>
      </c>
      <c r="L3255" s="58">
        <f>Bühler!L3281</f>
        <v>1.2403081403688245</v>
      </c>
      <c r="M3255" s="57">
        <f>Bühler!M3281</f>
        <v>0</v>
      </c>
      <c r="N3255" s="55">
        <f>IF(Input!$K$13=1,J3255*Input!$J$13,0)+IF(Input!$K$14=1,K3255*Input!$J$14,0)+IF(Input!$K$15=1,L3255*Input!$J$15,0)+IF(Input!$K$16=1,M3255*Input!$J$16,0)</f>
        <v>4.2028375784129235</v>
      </c>
      <c r="O3255" s="58">
        <f>IF(Input!$K$13=2,J3255*Input!$J$13,0)+IF(Input!$K$14=2,K3255*Input!$J$14,0)+IF(Input!$K$15=2,L3255*Input!$J$15,0)+IF(Input!$K$16=2,M3255*Input!$J$16,0)</f>
        <v>0.33488319789958265</v>
      </c>
      <c r="P3255" s="58">
        <f>IF(Input!$K$13=3,J3255*Input!$J$13,0)+IF(Input!$K$14=3,K3255*Input!$J$14,0)+IF(Input!$K$15=3,L3255*Input!$J$15,0)+IF(Input!$K$16=3,M3255*Input!$J$16,0)</f>
        <v>0</v>
      </c>
      <c r="Q3255" s="71">
        <f>IF(Input!$K$13=4,J3255*Input!$J$13,0)+IF(Input!$K$14=4,K3255*Input!$J$14,0)+IF(Input!$K$15=4,L3255*Input!$J$15,0)+IF(Input!$K$16=4,M3255*Input!$J$16,0)</f>
        <v>0</v>
      </c>
    </row>
    <row r="3256" spans="8:17" x14ac:dyDescent="0.25">
      <c r="H3256" s="43">
        <v>3249</v>
      </c>
      <c r="I3256" s="55">
        <f>Bühler!I3282</f>
        <v>1.4679273754352222</v>
      </c>
      <c r="J3256" s="58">
        <f>Bühler!J3282</f>
        <v>39.079016079979809</v>
      </c>
      <c r="K3256" s="58">
        <f>Bühler!K3282</f>
        <v>2.7678455342967454</v>
      </c>
      <c r="L3256" s="58">
        <f>Bühler!L3282</f>
        <v>1.3839227671483727</v>
      </c>
      <c r="M3256" s="57">
        <f>Bühler!M3282</f>
        <v>0</v>
      </c>
      <c r="N3256" s="55">
        <f>IF(Input!$K$13=1,J3256*Input!$J$13,0)+IF(Input!$K$14=1,K3256*Input!$J$14,0)+IF(Input!$K$15=1,L3256*Input!$J$15,0)+IF(Input!$K$16=1,M3256*Input!$J$16,0)</f>
        <v>4.6894819295975765</v>
      </c>
      <c r="O3256" s="58">
        <f>IF(Input!$K$13=2,J3256*Input!$J$13,0)+IF(Input!$K$14=2,K3256*Input!$J$14,0)+IF(Input!$K$15=2,L3256*Input!$J$15,0)+IF(Input!$K$16=2,M3256*Input!$J$16,0)</f>
        <v>0.3736591471300606</v>
      </c>
      <c r="P3256" s="58">
        <f>IF(Input!$K$13=3,J3256*Input!$J$13,0)+IF(Input!$K$14=3,K3256*Input!$J$14,0)+IF(Input!$K$15=3,L3256*Input!$J$15,0)+IF(Input!$K$16=3,M3256*Input!$J$16,0)</f>
        <v>0</v>
      </c>
      <c r="Q3256" s="71">
        <f>IF(Input!$K$13=4,J3256*Input!$J$13,0)+IF(Input!$K$14=4,K3256*Input!$J$14,0)+IF(Input!$K$15=4,L3256*Input!$J$15,0)+IF(Input!$K$16=4,M3256*Input!$J$16,0)</f>
        <v>0</v>
      </c>
    </row>
    <row r="3257" spans="8:17" x14ac:dyDescent="0.25">
      <c r="H3257" s="43">
        <v>3250</v>
      </c>
      <c r="I3257" s="55">
        <f>Bühler!I3283</f>
        <v>1.6202594615652925</v>
      </c>
      <c r="J3257" s="58">
        <f>Bühler!J3283</f>
        <v>43.134385673185271</v>
      </c>
      <c r="K3257" s="58">
        <f>Bühler!K3283</f>
        <v>3.0550747878558417</v>
      </c>
      <c r="L3257" s="58">
        <f>Bühler!L3283</f>
        <v>1.5275373939279209</v>
      </c>
      <c r="M3257" s="57">
        <f>Bühler!M3283</f>
        <v>0</v>
      </c>
      <c r="N3257" s="55">
        <f>IF(Input!$K$13=1,J3257*Input!$J$13,0)+IF(Input!$K$14=1,K3257*Input!$J$14,0)+IF(Input!$K$15=1,L3257*Input!$J$15,0)+IF(Input!$K$16=1,M3257*Input!$J$16,0)</f>
        <v>5.1761262807822321</v>
      </c>
      <c r="O3257" s="58">
        <f>IF(Input!$K$13=2,J3257*Input!$J$13,0)+IF(Input!$K$14=2,K3257*Input!$J$14,0)+IF(Input!$K$15=2,L3257*Input!$J$15,0)+IF(Input!$K$16=2,M3257*Input!$J$16,0)</f>
        <v>0.4124350963605386</v>
      </c>
      <c r="P3257" s="58">
        <f>IF(Input!$K$13=3,J3257*Input!$J$13,0)+IF(Input!$K$14=3,K3257*Input!$J$14,0)+IF(Input!$K$15=3,L3257*Input!$J$15,0)+IF(Input!$K$16=3,M3257*Input!$J$16,0)</f>
        <v>0</v>
      </c>
      <c r="Q3257" s="71">
        <f>IF(Input!$K$13=4,J3257*Input!$J$13,0)+IF(Input!$K$14=4,K3257*Input!$J$14,0)+IF(Input!$K$15=4,L3257*Input!$J$15,0)+IF(Input!$K$16=4,M3257*Input!$J$16,0)</f>
        <v>0</v>
      </c>
    </row>
    <row r="3258" spans="8:17" x14ac:dyDescent="0.25">
      <c r="H3258" s="43">
        <v>3251</v>
      </c>
      <c r="I3258" s="55">
        <f>Bühler!I3284</f>
        <v>1.6202594615652925</v>
      </c>
      <c r="J3258" s="58">
        <f>Bühler!J3284</f>
        <v>43.134385673185271</v>
      </c>
      <c r="K3258" s="58">
        <f>Bühler!K3284</f>
        <v>3.0550747878558417</v>
      </c>
      <c r="L3258" s="58">
        <f>Bühler!L3284</f>
        <v>1.5275373939279209</v>
      </c>
      <c r="M3258" s="57">
        <f>Bühler!M3284</f>
        <v>0</v>
      </c>
      <c r="N3258" s="55">
        <f>IF(Input!$K$13=1,J3258*Input!$J$13,0)+IF(Input!$K$14=1,K3258*Input!$J$14,0)+IF(Input!$K$15=1,L3258*Input!$J$15,0)+IF(Input!$K$16=1,M3258*Input!$J$16,0)</f>
        <v>5.1761262807822321</v>
      </c>
      <c r="O3258" s="58">
        <f>IF(Input!$K$13=2,J3258*Input!$J$13,0)+IF(Input!$K$14=2,K3258*Input!$J$14,0)+IF(Input!$K$15=2,L3258*Input!$J$15,0)+IF(Input!$K$16=2,M3258*Input!$J$16,0)</f>
        <v>0.4124350963605386</v>
      </c>
      <c r="P3258" s="58">
        <f>IF(Input!$K$13=3,J3258*Input!$J$13,0)+IF(Input!$K$14=3,K3258*Input!$J$14,0)+IF(Input!$K$15=3,L3258*Input!$J$15,0)+IF(Input!$K$16=3,M3258*Input!$J$16,0)</f>
        <v>0</v>
      </c>
      <c r="Q3258" s="71">
        <f>IF(Input!$K$13=4,J3258*Input!$J$13,0)+IF(Input!$K$14=4,K3258*Input!$J$14,0)+IF(Input!$K$15=4,L3258*Input!$J$15,0)+IF(Input!$K$16=4,M3258*Input!$J$16,0)</f>
        <v>0</v>
      </c>
    </row>
    <row r="3259" spans="8:17" x14ac:dyDescent="0.25">
      <c r="H3259" s="43">
        <v>3252</v>
      </c>
      <c r="I3259" s="55">
        <f>Bühler!I3285</f>
        <v>1.9387720052918029</v>
      </c>
      <c r="J3259" s="58">
        <f>Bühler!J3285</f>
        <v>51.613794822614842</v>
      </c>
      <c r="K3259" s="58">
        <f>Bühler!K3285</f>
        <v>3.6556450452975882</v>
      </c>
      <c r="L3259" s="58">
        <f>Bühler!L3285</f>
        <v>1.8278225226487941</v>
      </c>
      <c r="M3259" s="57">
        <f>Bühler!M3285</f>
        <v>0</v>
      </c>
      <c r="N3259" s="55">
        <f>IF(Input!$K$13=1,J3259*Input!$J$13,0)+IF(Input!$K$14=1,K3259*Input!$J$14,0)+IF(Input!$K$15=1,L3259*Input!$J$15,0)+IF(Input!$K$16=1,M3259*Input!$J$16,0)</f>
        <v>6.1936553787137809</v>
      </c>
      <c r="O3259" s="58">
        <f>IF(Input!$K$13=2,J3259*Input!$J$13,0)+IF(Input!$K$14=2,K3259*Input!$J$14,0)+IF(Input!$K$15=2,L3259*Input!$J$15,0)+IF(Input!$K$16=2,M3259*Input!$J$16,0)</f>
        <v>0.49351208111517436</v>
      </c>
      <c r="P3259" s="58">
        <f>IF(Input!$K$13=3,J3259*Input!$J$13,0)+IF(Input!$K$14=3,K3259*Input!$J$14,0)+IF(Input!$K$15=3,L3259*Input!$J$15,0)+IF(Input!$K$16=3,M3259*Input!$J$16,0)</f>
        <v>0</v>
      </c>
      <c r="Q3259" s="71">
        <f>IF(Input!$K$13=4,J3259*Input!$J$13,0)+IF(Input!$K$14=4,K3259*Input!$J$14,0)+IF(Input!$K$15=4,L3259*Input!$J$15,0)+IF(Input!$K$16=4,M3259*Input!$J$16,0)</f>
        <v>0</v>
      </c>
    </row>
    <row r="3260" spans="8:17" x14ac:dyDescent="0.25">
      <c r="H3260" s="43">
        <v>3253</v>
      </c>
      <c r="I3260" s="55">
        <f>Bühler!I3286</f>
        <v>1.9387720052918029</v>
      </c>
      <c r="J3260" s="58">
        <f>Bühler!J3286</f>
        <v>51.613794822614842</v>
      </c>
      <c r="K3260" s="58">
        <f>Bühler!K3286</f>
        <v>3.6556450452975882</v>
      </c>
      <c r="L3260" s="58">
        <f>Bühler!L3286</f>
        <v>1.8278225226487941</v>
      </c>
      <c r="M3260" s="57">
        <f>Bühler!M3286</f>
        <v>0</v>
      </c>
      <c r="N3260" s="55">
        <f>IF(Input!$K$13=1,J3260*Input!$J$13,0)+IF(Input!$K$14=1,K3260*Input!$J$14,0)+IF(Input!$K$15=1,L3260*Input!$J$15,0)+IF(Input!$K$16=1,M3260*Input!$J$16,0)</f>
        <v>6.1936553787137809</v>
      </c>
      <c r="O3260" s="58">
        <f>IF(Input!$K$13=2,J3260*Input!$J$13,0)+IF(Input!$K$14=2,K3260*Input!$J$14,0)+IF(Input!$K$15=2,L3260*Input!$J$15,0)+IF(Input!$K$16=2,M3260*Input!$J$16,0)</f>
        <v>0.49351208111517436</v>
      </c>
      <c r="P3260" s="58">
        <f>IF(Input!$K$13=3,J3260*Input!$J$13,0)+IF(Input!$K$14=3,K3260*Input!$J$14,0)+IF(Input!$K$15=3,L3260*Input!$J$15,0)+IF(Input!$K$16=3,M3260*Input!$J$16,0)</f>
        <v>0</v>
      </c>
      <c r="Q3260" s="71">
        <f>IF(Input!$K$13=4,J3260*Input!$J$13,0)+IF(Input!$K$14=4,K3260*Input!$J$14,0)+IF(Input!$K$15=4,L3260*Input!$J$15,0)+IF(Input!$K$16=4,M3260*Input!$J$16,0)</f>
        <v>0</v>
      </c>
    </row>
    <row r="3261" spans="8:17" x14ac:dyDescent="0.25">
      <c r="H3261" s="43">
        <v>3254</v>
      </c>
      <c r="I3261" s="55">
        <f>Bühler!I3287</f>
        <v>1.2878985463724117</v>
      </c>
      <c r="J3261" s="58">
        <f>Bühler!J3287</f>
        <v>34.286306560737003</v>
      </c>
      <c r="K3261" s="58">
        <f>Bühler!K3287</f>
        <v>2.4283927800905407</v>
      </c>
      <c r="L3261" s="58">
        <f>Bühler!L3287</f>
        <v>1.2141963900452704</v>
      </c>
      <c r="M3261" s="57">
        <f>Bühler!M3287</f>
        <v>0</v>
      </c>
      <c r="N3261" s="55">
        <f>IF(Input!$K$13=1,J3261*Input!$J$13,0)+IF(Input!$K$14=1,K3261*Input!$J$14,0)+IF(Input!$K$15=1,L3261*Input!$J$15,0)+IF(Input!$K$16=1,M3261*Input!$J$16,0)</f>
        <v>4.1143567872884406</v>
      </c>
      <c r="O3261" s="58">
        <f>IF(Input!$K$13=2,J3261*Input!$J$13,0)+IF(Input!$K$14=2,K3261*Input!$J$14,0)+IF(Input!$K$15=2,L3261*Input!$J$15,0)+IF(Input!$K$16=2,M3261*Input!$J$16,0)</f>
        <v>0.32783302531222303</v>
      </c>
      <c r="P3261" s="58">
        <f>IF(Input!$K$13=3,J3261*Input!$J$13,0)+IF(Input!$K$14=3,K3261*Input!$J$14,0)+IF(Input!$K$15=3,L3261*Input!$J$15,0)+IF(Input!$K$16=3,M3261*Input!$J$16,0)</f>
        <v>0</v>
      </c>
      <c r="Q3261" s="71">
        <f>IF(Input!$K$13=4,J3261*Input!$J$13,0)+IF(Input!$K$14=4,K3261*Input!$J$14,0)+IF(Input!$K$15=4,L3261*Input!$J$15,0)+IF(Input!$K$16=4,M3261*Input!$J$16,0)</f>
        <v>0</v>
      </c>
    </row>
    <row r="3262" spans="8:17" x14ac:dyDescent="0.25">
      <c r="H3262" s="43">
        <v>3255</v>
      </c>
      <c r="I3262" s="55">
        <f>Bühler!I3288</f>
        <v>1.9387720052918029</v>
      </c>
      <c r="J3262" s="58">
        <f>Bühler!J3288</f>
        <v>51.613794822614842</v>
      </c>
      <c r="K3262" s="58">
        <f>Bühler!K3288</f>
        <v>3.6556450452975882</v>
      </c>
      <c r="L3262" s="58">
        <f>Bühler!L3288</f>
        <v>1.8278225226487941</v>
      </c>
      <c r="M3262" s="57">
        <f>Bühler!M3288</f>
        <v>0</v>
      </c>
      <c r="N3262" s="55">
        <f>IF(Input!$K$13=1,J3262*Input!$J$13,0)+IF(Input!$K$14=1,K3262*Input!$J$14,0)+IF(Input!$K$15=1,L3262*Input!$J$15,0)+IF(Input!$K$16=1,M3262*Input!$J$16,0)</f>
        <v>6.1936553787137809</v>
      </c>
      <c r="O3262" s="58">
        <f>IF(Input!$K$13=2,J3262*Input!$J$13,0)+IF(Input!$K$14=2,K3262*Input!$J$14,0)+IF(Input!$K$15=2,L3262*Input!$J$15,0)+IF(Input!$K$16=2,M3262*Input!$J$16,0)</f>
        <v>0.49351208111517436</v>
      </c>
      <c r="P3262" s="58">
        <f>IF(Input!$K$13=3,J3262*Input!$J$13,0)+IF(Input!$K$14=3,K3262*Input!$J$14,0)+IF(Input!$K$15=3,L3262*Input!$J$15,0)+IF(Input!$K$16=3,M3262*Input!$J$16,0)</f>
        <v>0</v>
      </c>
      <c r="Q3262" s="71">
        <f>IF(Input!$K$13=4,J3262*Input!$J$13,0)+IF(Input!$K$14=4,K3262*Input!$J$14,0)+IF(Input!$K$15=4,L3262*Input!$J$15,0)+IF(Input!$K$16=4,M3262*Input!$J$16,0)</f>
        <v>0</v>
      </c>
    </row>
    <row r="3263" spans="8:17" x14ac:dyDescent="0.25">
      <c r="H3263" s="43">
        <v>3256</v>
      </c>
      <c r="I3263" s="55">
        <f>Bühler!I3289</f>
        <v>1.9387720052918029</v>
      </c>
      <c r="J3263" s="58">
        <f>Bühler!J3289</f>
        <v>51.613794822614842</v>
      </c>
      <c r="K3263" s="58">
        <f>Bühler!K3289</f>
        <v>3.6556450452975882</v>
      </c>
      <c r="L3263" s="58">
        <f>Bühler!L3289</f>
        <v>1.8278225226487941</v>
      </c>
      <c r="M3263" s="57">
        <f>Bühler!M3289</f>
        <v>0</v>
      </c>
      <c r="N3263" s="55">
        <f>IF(Input!$K$13=1,J3263*Input!$J$13,0)+IF(Input!$K$14=1,K3263*Input!$J$14,0)+IF(Input!$K$15=1,L3263*Input!$J$15,0)+IF(Input!$K$16=1,M3263*Input!$J$16,0)</f>
        <v>6.1936553787137809</v>
      </c>
      <c r="O3263" s="58">
        <f>IF(Input!$K$13=2,J3263*Input!$J$13,0)+IF(Input!$K$14=2,K3263*Input!$J$14,0)+IF(Input!$K$15=2,L3263*Input!$J$15,0)+IF(Input!$K$16=2,M3263*Input!$J$16,0)</f>
        <v>0.49351208111517436</v>
      </c>
      <c r="P3263" s="58">
        <f>IF(Input!$K$13=3,J3263*Input!$J$13,0)+IF(Input!$K$14=3,K3263*Input!$J$14,0)+IF(Input!$K$15=3,L3263*Input!$J$15,0)+IF(Input!$K$16=3,M3263*Input!$J$16,0)</f>
        <v>0</v>
      </c>
      <c r="Q3263" s="71">
        <f>IF(Input!$K$13=4,J3263*Input!$J$13,0)+IF(Input!$K$14=4,K3263*Input!$J$14,0)+IF(Input!$K$15=4,L3263*Input!$J$15,0)+IF(Input!$K$16=4,M3263*Input!$J$16,0)</f>
        <v>0</v>
      </c>
    </row>
    <row r="3264" spans="8:17" x14ac:dyDescent="0.25">
      <c r="H3264" s="43">
        <v>3257</v>
      </c>
      <c r="I3264" s="55">
        <f>Bühler!I3290</f>
        <v>1.6205541077667045</v>
      </c>
      <c r="J3264" s="58">
        <f>Bühler!J3290</f>
        <v>30.933174032648001</v>
      </c>
      <c r="K3264" s="58">
        <f>Bühler!K3290</f>
        <v>2.1542194016932217</v>
      </c>
      <c r="L3264" s="58">
        <f>Bühler!L3290</f>
        <v>1.0771097008466108</v>
      </c>
      <c r="M3264" s="57">
        <f>Bühler!M3290</f>
        <v>0</v>
      </c>
      <c r="N3264" s="55">
        <f>IF(Input!$K$13=1,J3264*Input!$J$13,0)+IF(Input!$K$14=1,K3264*Input!$J$14,0)+IF(Input!$K$15=1,L3264*Input!$J$15,0)+IF(Input!$K$16=1,M3264*Input!$J$16,0)</f>
        <v>3.7119808839177599</v>
      </c>
      <c r="O3264" s="58">
        <f>IF(Input!$K$13=2,J3264*Input!$J$13,0)+IF(Input!$K$14=2,K3264*Input!$J$14,0)+IF(Input!$K$15=2,L3264*Input!$J$15,0)+IF(Input!$K$16=2,M3264*Input!$J$16,0)</f>
        <v>0.2908196192285849</v>
      </c>
      <c r="P3264" s="58">
        <f>IF(Input!$K$13=3,J3264*Input!$J$13,0)+IF(Input!$K$14=3,K3264*Input!$J$14,0)+IF(Input!$K$15=3,L3264*Input!$J$15,0)+IF(Input!$K$16=3,M3264*Input!$J$16,0)</f>
        <v>0</v>
      </c>
      <c r="Q3264" s="71">
        <f>IF(Input!$K$13=4,J3264*Input!$J$13,0)+IF(Input!$K$14=4,K3264*Input!$J$14,0)+IF(Input!$K$15=4,L3264*Input!$J$15,0)+IF(Input!$K$16=4,M3264*Input!$J$16,0)</f>
        <v>0</v>
      </c>
    </row>
    <row r="3265" spans="8:17" x14ac:dyDescent="0.25">
      <c r="H3265" s="43">
        <v>3258</v>
      </c>
      <c r="I3265" s="55">
        <f>Bühler!I3291</f>
        <v>1.2876039001709998</v>
      </c>
      <c r="J3265" s="58">
        <f>Bühler!J3291</f>
        <v>13.847987344790059</v>
      </c>
      <c r="K3265" s="58">
        <f>Bühler!K3291</f>
        <v>0.91942782829416203</v>
      </c>
      <c r="L3265" s="58">
        <f>Bühler!L3291</f>
        <v>0.45971391414708102</v>
      </c>
      <c r="M3265" s="57">
        <f>Bühler!M3291</f>
        <v>0</v>
      </c>
      <c r="N3265" s="55">
        <f>IF(Input!$K$13=1,J3265*Input!$J$13,0)+IF(Input!$K$14=1,K3265*Input!$J$14,0)+IF(Input!$K$15=1,L3265*Input!$J$15,0)+IF(Input!$K$16=1,M3265*Input!$J$16,0)</f>
        <v>1.661758481374807</v>
      </c>
      <c r="O3265" s="58">
        <f>IF(Input!$K$13=2,J3265*Input!$J$13,0)+IF(Input!$K$14=2,K3265*Input!$J$14,0)+IF(Input!$K$15=2,L3265*Input!$J$15,0)+IF(Input!$K$16=2,M3265*Input!$J$16,0)</f>
        <v>0.12412275681971188</v>
      </c>
      <c r="P3265" s="58">
        <f>IF(Input!$K$13=3,J3265*Input!$J$13,0)+IF(Input!$K$14=3,K3265*Input!$J$14,0)+IF(Input!$K$15=3,L3265*Input!$J$15,0)+IF(Input!$K$16=3,M3265*Input!$J$16,0)</f>
        <v>0</v>
      </c>
      <c r="Q3265" s="71">
        <f>IF(Input!$K$13=4,J3265*Input!$J$13,0)+IF(Input!$K$14=4,K3265*Input!$J$14,0)+IF(Input!$K$15=4,L3265*Input!$J$15,0)+IF(Input!$K$16=4,M3265*Input!$J$16,0)</f>
        <v>0</v>
      </c>
    </row>
    <row r="3266" spans="8:17" x14ac:dyDescent="0.25">
      <c r="H3266" s="43">
        <v>3259</v>
      </c>
      <c r="I3266" s="55">
        <f>Bühler!I3292</f>
        <v>0.45670161218879862</v>
      </c>
      <c r="J3266" s="58">
        <f>Bühler!J3292</f>
        <v>8.7137949388103735</v>
      </c>
      <c r="K3266" s="58">
        <f>Bühler!K3292</f>
        <v>0.60682236667414702</v>
      </c>
      <c r="L3266" s="58">
        <f>Bühler!L3292</f>
        <v>0.30341118333707351</v>
      </c>
      <c r="M3266" s="57">
        <f>Bühler!M3292</f>
        <v>0</v>
      </c>
      <c r="N3266" s="55">
        <f>IF(Input!$K$13=1,J3266*Input!$J$13,0)+IF(Input!$K$14=1,K3266*Input!$J$14,0)+IF(Input!$K$15=1,L3266*Input!$J$15,0)+IF(Input!$K$16=1,M3266*Input!$J$16,0)</f>
        <v>1.0456553926572447</v>
      </c>
      <c r="O3266" s="58">
        <f>IF(Input!$K$13=2,J3266*Input!$J$13,0)+IF(Input!$K$14=2,K3266*Input!$J$14,0)+IF(Input!$K$15=2,L3266*Input!$J$15,0)+IF(Input!$K$16=2,M3266*Input!$J$16,0)</f>
        <v>8.1921019501009842E-2</v>
      </c>
      <c r="P3266" s="58">
        <f>IF(Input!$K$13=3,J3266*Input!$J$13,0)+IF(Input!$K$14=3,K3266*Input!$J$14,0)+IF(Input!$K$15=3,L3266*Input!$J$15,0)+IF(Input!$K$16=3,M3266*Input!$J$16,0)</f>
        <v>0</v>
      </c>
      <c r="Q3266" s="71">
        <f>IF(Input!$K$13=4,J3266*Input!$J$13,0)+IF(Input!$K$14=4,K3266*Input!$J$14,0)+IF(Input!$K$15=4,L3266*Input!$J$15,0)+IF(Input!$K$16=4,M3266*Input!$J$16,0)</f>
        <v>0</v>
      </c>
    </row>
    <row r="3267" spans="8:17" x14ac:dyDescent="0.25">
      <c r="H3267" s="43">
        <v>3260</v>
      </c>
      <c r="I3267" s="55">
        <f>Bühler!I3293</f>
        <v>0.45670161218879862</v>
      </c>
      <c r="J3267" s="58">
        <f>Bühler!J3293</f>
        <v>8.7137949388103735</v>
      </c>
      <c r="K3267" s="58">
        <f>Bühler!K3293</f>
        <v>0.60682236667414702</v>
      </c>
      <c r="L3267" s="58">
        <f>Bühler!L3293</f>
        <v>0.30341118333707351</v>
      </c>
      <c r="M3267" s="57">
        <f>Bühler!M3293</f>
        <v>0</v>
      </c>
      <c r="N3267" s="55">
        <f>IF(Input!$K$13=1,J3267*Input!$J$13,0)+IF(Input!$K$14=1,K3267*Input!$J$14,0)+IF(Input!$K$15=1,L3267*Input!$J$15,0)+IF(Input!$K$16=1,M3267*Input!$J$16,0)</f>
        <v>1.0456553926572447</v>
      </c>
      <c r="O3267" s="58">
        <f>IF(Input!$K$13=2,J3267*Input!$J$13,0)+IF(Input!$K$14=2,K3267*Input!$J$14,0)+IF(Input!$K$15=2,L3267*Input!$J$15,0)+IF(Input!$K$16=2,M3267*Input!$J$16,0)</f>
        <v>8.1921019501009842E-2</v>
      </c>
      <c r="P3267" s="58">
        <f>IF(Input!$K$13=3,J3267*Input!$J$13,0)+IF(Input!$K$14=3,K3267*Input!$J$14,0)+IF(Input!$K$15=3,L3267*Input!$J$15,0)+IF(Input!$K$16=3,M3267*Input!$J$16,0)</f>
        <v>0</v>
      </c>
      <c r="Q3267" s="71">
        <f>IF(Input!$K$13=4,J3267*Input!$J$13,0)+IF(Input!$K$14=4,K3267*Input!$J$14,0)+IF(Input!$K$15=4,L3267*Input!$J$15,0)+IF(Input!$K$16=4,M3267*Input!$J$16,0)</f>
        <v>0</v>
      </c>
    </row>
    <row r="3268" spans="8:17" x14ac:dyDescent="0.25">
      <c r="H3268" s="43">
        <v>3261</v>
      </c>
      <c r="I3268" s="55">
        <f>Bühler!I3294</f>
        <v>0.45670161218879862</v>
      </c>
      <c r="J3268" s="58">
        <f>Bühler!J3294</f>
        <v>8.7137949388103735</v>
      </c>
      <c r="K3268" s="58">
        <f>Bühler!K3294</f>
        <v>0.60682236667414702</v>
      </c>
      <c r="L3268" s="58">
        <f>Bühler!L3294</f>
        <v>0.30341118333707351</v>
      </c>
      <c r="M3268" s="57">
        <f>Bühler!M3294</f>
        <v>0</v>
      </c>
      <c r="N3268" s="55">
        <f>IF(Input!$K$13=1,J3268*Input!$J$13,0)+IF(Input!$K$14=1,K3268*Input!$J$14,0)+IF(Input!$K$15=1,L3268*Input!$J$15,0)+IF(Input!$K$16=1,M3268*Input!$J$16,0)</f>
        <v>1.0456553926572447</v>
      </c>
      <c r="O3268" s="58">
        <f>IF(Input!$K$13=2,J3268*Input!$J$13,0)+IF(Input!$K$14=2,K3268*Input!$J$14,0)+IF(Input!$K$15=2,L3268*Input!$J$15,0)+IF(Input!$K$16=2,M3268*Input!$J$16,0)</f>
        <v>8.1921019501009842E-2</v>
      </c>
      <c r="P3268" s="58">
        <f>IF(Input!$K$13=3,J3268*Input!$J$13,0)+IF(Input!$K$14=3,K3268*Input!$J$14,0)+IF(Input!$K$15=3,L3268*Input!$J$15,0)+IF(Input!$K$16=3,M3268*Input!$J$16,0)</f>
        <v>0</v>
      </c>
      <c r="Q3268" s="71">
        <f>IF(Input!$K$13=4,J3268*Input!$J$13,0)+IF(Input!$K$14=4,K3268*Input!$J$14,0)+IF(Input!$K$15=4,L3268*Input!$J$15,0)+IF(Input!$K$16=4,M3268*Input!$J$16,0)</f>
        <v>0</v>
      </c>
    </row>
    <row r="3269" spans="8:17" x14ac:dyDescent="0.25">
      <c r="H3269" s="43">
        <v>3262</v>
      </c>
      <c r="I3269" s="55">
        <f>Bühler!I3295</f>
        <v>0.45670161218879862</v>
      </c>
      <c r="J3269" s="58">
        <f>Bühler!J3295</f>
        <v>8.7137949388103735</v>
      </c>
      <c r="K3269" s="58">
        <f>Bühler!K3295</f>
        <v>0.60682236667414702</v>
      </c>
      <c r="L3269" s="58">
        <f>Bühler!L3295</f>
        <v>0.30341118333707351</v>
      </c>
      <c r="M3269" s="57">
        <f>Bühler!M3295</f>
        <v>0</v>
      </c>
      <c r="N3269" s="55">
        <f>IF(Input!$K$13=1,J3269*Input!$J$13,0)+IF(Input!$K$14=1,K3269*Input!$J$14,0)+IF(Input!$K$15=1,L3269*Input!$J$15,0)+IF(Input!$K$16=1,M3269*Input!$J$16,0)</f>
        <v>1.0456553926572447</v>
      </c>
      <c r="O3269" s="58">
        <f>IF(Input!$K$13=2,J3269*Input!$J$13,0)+IF(Input!$K$14=2,K3269*Input!$J$14,0)+IF(Input!$K$15=2,L3269*Input!$J$15,0)+IF(Input!$K$16=2,M3269*Input!$J$16,0)</f>
        <v>8.1921019501009842E-2</v>
      </c>
      <c r="P3269" s="58">
        <f>IF(Input!$K$13=3,J3269*Input!$J$13,0)+IF(Input!$K$14=3,K3269*Input!$J$14,0)+IF(Input!$K$15=3,L3269*Input!$J$15,0)+IF(Input!$K$16=3,M3269*Input!$J$16,0)</f>
        <v>0</v>
      </c>
      <c r="Q3269" s="71">
        <f>IF(Input!$K$13=4,J3269*Input!$J$13,0)+IF(Input!$K$14=4,K3269*Input!$J$14,0)+IF(Input!$K$15=4,L3269*Input!$J$15,0)+IF(Input!$K$16=4,M3269*Input!$J$16,0)</f>
        <v>0</v>
      </c>
    </row>
    <row r="3270" spans="8:17" x14ac:dyDescent="0.25">
      <c r="H3270" s="43">
        <v>3263</v>
      </c>
      <c r="I3270" s="55">
        <f>Bühler!I3296</f>
        <v>0.45670161218879862</v>
      </c>
      <c r="J3270" s="58">
        <f>Bühler!J3296</f>
        <v>8.7137949388103735</v>
      </c>
      <c r="K3270" s="58">
        <f>Bühler!K3296</f>
        <v>0.60682236667414702</v>
      </c>
      <c r="L3270" s="58">
        <f>Bühler!L3296</f>
        <v>0.30341118333707351</v>
      </c>
      <c r="M3270" s="57">
        <f>Bühler!M3296</f>
        <v>0</v>
      </c>
      <c r="N3270" s="55">
        <f>IF(Input!$K$13=1,J3270*Input!$J$13,0)+IF(Input!$K$14=1,K3270*Input!$J$14,0)+IF(Input!$K$15=1,L3270*Input!$J$15,0)+IF(Input!$K$16=1,M3270*Input!$J$16,0)</f>
        <v>1.0456553926572447</v>
      </c>
      <c r="O3270" s="58">
        <f>IF(Input!$K$13=2,J3270*Input!$J$13,0)+IF(Input!$K$14=2,K3270*Input!$J$14,0)+IF(Input!$K$15=2,L3270*Input!$J$15,0)+IF(Input!$K$16=2,M3270*Input!$J$16,0)</f>
        <v>8.1921019501009842E-2</v>
      </c>
      <c r="P3270" s="58">
        <f>IF(Input!$K$13=3,J3270*Input!$J$13,0)+IF(Input!$K$14=3,K3270*Input!$J$14,0)+IF(Input!$K$15=3,L3270*Input!$J$15,0)+IF(Input!$K$16=3,M3270*Input!$J$16,0)</f>
        <v>0</v>
      </c>
      <c r="Q3270" s="71">
        <f>IF(Input!$K$13=4,J3270*Input!$J$13,0)+IF(Input!$K$14=4,K3270*Input!$J$14,0)+IF(Input!$K$15=4,L3270*Input!$J$15,0)+IF(Input!$K$16=4,M3270*Input!$J$16,0)</f>
        <v>0</v>
      </c>
    </row>
    <row r="3271" spans="8:17" x14ac:dyDescent="0.25">
      <c r="H3271" s="43">
        <v>3264</v>
      </c>
      <c r="I3271" s="55">
        <f>Bühler!I3297</f>
        <v>0.45670161218879862</v>
      </c>
      <c r="J3271" s="58">
        <f>Bühler!J3297</f>
        <v>8.7137949388103735</v>
      </c>
      <c r="K3271" s="58">
        <f>Bühler!K3297</f>
        <v>0.60682236667414702</v>
      </c>
      <c r="L3271" s="58">
        <f>Bühler!L3297</f>
        <v>0.30341118333707351</v>
      </c>
      <c r="M3271" s="57">
        <f>Bühler!M3297</f>
        <v>0</v>
      </c>
      <c r="N3271" s="55">
        <f>IF(Input!$K$13=1,J3271*Input!$J$13,0)+IF(Input!$K$14=1,K3271*Input!$J$14,0)+IF(Input!$K$15=1,L3271*Input!$J$15,0)+IF(Input!$K$16=1,M3271*Input!$J$16,0)</f>
        <v>1.0456553926572447</v>
      </c>
      <c r="O3271" s="58">
        <f>IF(Input!$K$13=2,J3271*Input!$J$13,0)+IF(Input!$K$14=2,K3271*Input!$J$14,0)+IF(Input!$K$15=2,L3271*Input!$J$15,0)+IF(Input!$K$16=2,M3271*Input!$J$16,0)</f>
        <v>8.1921019501009842E-2</v>
      </c>
      <c r="P3271" s="58">
        <f>IF(Input!$K$13=3,J3271*Input!$J$13,0)+IF(Input!$K$14=3,K3271*Input!$J$14,0)+IF(Input!$K$15=3,L3271*Input!$J$15,0)+IF(Input!$K$16=3,M3271*Input!$J$16,0)</f>
        <v>0</v>
      </c>
      <c r="Q3271" s="71">
        <f>IF(Input!$K$13=4,J3271*Input!$J$13,0)+IF(Input!$K$14=4,K3271*Input!$J$14,0)+IF(Input!$K$15=4,L3271*Input!$J$15,0)+IF(Input!$K$16=4,M3271*Input!$J$16,0)</f>
        <v>0</v>
      </c>
    </row>
    <row r="3272" spans="8:17" x14ac:dyDescent="0.25">
      <c r="H3272" s="43">
        <v>3265</v>
      </c>
      <c r="I3272" s="55">
        <f>Bühler!I3298</f>
        <v>1.153578412618228</v>
      </c>
      <c r="J3272" s="58">
        <f>Bühler!J3298</f>
        <v>10.778595046545821</v>
      </c>
      <c r="K3272" s="58">
        <f>Bühler!K3298</f>
        <v>0.61784646129926379</v>
      </c>
      <c r="L3272" s="58">
        <f>Bühler!L3298</f>
        <v>0.3089232306496319</v>
      </c>
      <c r="M3272" s="57">
        <f>Bühler!M3298</f>
        <v>0</v>
      </c>
      <c r="N3272" s="55">
        <f>IF(Input!$K$13=1,J3272*Input!$J$13,0)+IF(Input!$K$14=1,K3272*Input!$J$14,0)+IF(Input!$K$15=1,L3272*Input!$J$15,0)+IF(Input!$K$16=1,M3272*Input!$J$16,0)</f>
        <v>1.2934314055854985</v>
      </c>
      <c r="O3272" s="58">
        <f>IF(Input!$K$13=2,J3272*Input!$J$13,0)+IF(Input!$K$14=2,K3272*Input!$J$14,0)+IF(Input!$K$15=2,L3272*Input!$J$15,0)+IF(Input!$K$16=2,M3272*Input!$J$16,0)</f>
        <v>8.3409272275400598E-2</v>
      </c>
      <c r="P3272" s="58">
        <f>IF(Input!$K$13=3,J3272*Input!$J$13,0)+IF(Input!$K$14=3,K3272*Input!$J$14,0)+IF(Input!$K$15=3,L3272*Input!$J$15,0)+IF(Input!$K$16=3,M3272*Input!$J$16,0)</f>
        <v>0</v>
      </c>
      <c r="Q3272" s="71">
        <f>IF(Input!$K$13=4,J3272*Input!$J$13,0)+IF(Input!$K$14=4,K3272*Input!$J$14,0)+IF(Input!$K$15=4,L3272*Input!$J$15,0)+IF(Input!$K$16=4,M3272*Input!$J$16,0)</f>
        <v>0</v>
      </c>
    </row>
    <row r="3273" spans="8:17" x14ac:dyDescent="0.25">
      <c r="H3273" s="43">
        <v>3266</v>
      </c>
      <c r="I3273" s="55">
        <f>Bühler!I3299</f>
        <v>1.153578412618228</v>
      </c>
      <c r="J3273" s="58">
        <f>Bühler!J3299</f>
        <v>10.778595046545821</v>
      </c>
      <c r="K3273" s="58">
        <f>Bühler!K3299</f>
        <v>0.61784646129926379</v>
      </c>
      <c r="L3273" s="58">
        <f>Bühler!L3299</f>
        <v>0.3089232306496319</v>
      </c>
      <c r="M3273" s="57">
        <f>Bühler!M3299</f>
        <v>0</v>
      </c>
      <c r="N3273" s="55">
        <f>IF(Input!$K$13=1,J3273*Input!$J$13,0)+IF(Input!$K$14=1,K3273*Input!$J$14,0)+IF(Input!$K$15=1,L3273*Input!$J$15,0)+IF(Input!$K$16=1,M3273*Input!$J$16,0)</f>
        <v>1.2934314055854985</v>
      </c>
      <c r="O3273" s="58">
        <f>IF(Input!$K$13=2,J3273*Input!$J$13,0)+IF(Input!$K$14=2,K3273*Input!$J$14,0)+IF(Input!$K$15=2,L3273*Input!$J$15,0)+IF(Input!$K$16=2,M3273*Input!$J$16,0)</f>
        <v>8.3409272275400598E-2</v>
      </c>
      <c r="P3273" s="58">
        <f>IF(Input!$K$13=3,J3273*Input!$J$13,0)+IF(Input!$K$14=3,K3273*Input!$J$14,0)+IF(Input!$K$15=3,L3273*Input!$J$15,0)+IF(Input!$K$16=3,M3273*Input!$J$16,0)</f>
        <v>0</v>
      </c>
      <c r="Q3273" s="71">
        <f>IF(Input!$K$13=4,J3273*Input!$J$13,0)+IF(Input!$K$14=4,K3273*Input!$J$14,0)+IF(Input!$K$15=4,L3273*Input!$J$15,0)+IF(Input!$K$16=4,M3273*Input!$J$16,0)</f>
        <v>0</v>
      </c>
    </row>
    <row r="3274" spans="8:17" x14ac:dyDescent="0.25">
      <c r="H3274" s="43">
        <v>3267</v>
      </c>
      <c r="I3274" s="55">
        <f>Bühler!I3300</f>
        <v>1.153578412618228</v>
      </c>
      <c r="J3274" s="58">
        <f>Bühler!J3300</f>
        <v>10.778595046545821</v>
      </c>
      <c r="K3274" s="58">
        <f>Bühler!K3300</f>
        <v>0.61784646129926379</v>
      </c>
      <c r="L3274" s="58">
        <f>Bühler!L3300</f>
        <v>0.3089232306496319</v>
      </c>
      <c r="M3274" s="57">
        <f>Bühler!M3300</f>
        <v>0</v>
      </c>
      <c r="N3274" s="55">
        <f>IF(Input!$K$13=1,J3274*Input!$J$13,0)+IF(Input!$K$14=1,K3274*Input!$J$14,0)+IF(Input!$K$15=1,L3274*Input!$J$15,0)+IF(Input!$K$16=1,M3274*Input!$J$16,0)</f>
        <v>1.2934314055854985</v>
      </c>
      <c r="O3274" s="58">
        <f>IF(Input!$K$13=2,J3274*Input!$J$13,0)+IF(Input!$K$14=2,K3274*Input!$J$14,0)+IF(Input!$K$15=2,L3274*Input!$J$15,0)+IF(Input!$K$16=2,M3274*Input!$J$16,0)</f>
        <v>8.3409272275400598E-2</v>
      </c>
      <c r="P3274" s="58">
        <f>IF(Input!$K$13=3,J3274*Input!$J$13,0)+IF(Input!$K$14=3,K3274*Input!$J$14,0)+IF(Input!$K$15=3,L3274*Input!$J$15,0)+IF(Input!$K$16=3,M3274*Input!$J$16,0)</f>
        <v>0</v>
      </c>
      <c r="Q3274" s="71">
        <f>IF(Input!$K$13=4,J3274*Input!$J$13,0)+IF(Input!$K$14=4,K3274*Input!$J$14,0)+IF(Input!$K$15=4,L3274*Input!$J$15,0)+IF(Input!$K$16=4,M3274*Input!$J$16,0)</f>
        <v>0</v>
      </c>
    </row>
    <row r="3275" spans="8:17" x14ac:dyDescent="0.25">
      <c r="H3275" s="43">
        <v>3268</v>
      </c>
      <c r="I3275" s="55">
        <f>Bühler!I3301</f>
        <v>1.153578412618228</v>
      </c>
      <c r="J3275" s="58">
        <f>Bühler!J3301</f>
        <v>10.778595046545821</v>
      </c>
      <c r="K3275" s="58">
        <f>Bühler!K3301</f>
        <v>0.61784646129926379</v>
      </c>
      <c r="L3275" s="58">
        <f>Bühler!L3301</f>
        <v>0.3089232306496319</v>
      </c>
      <c r="M3275" s="57">
        <f>Bühler!M3301</f>
        <v>0</v>
      </c>
      <c r="N3275" s="55">
        <f>IF(Input!$K$13=1,J3275*Input!$J$13,0)+IF(Input!$K$14=1,K3275*Input!$J$14,0)+IF(Input!$K$15=1,L3275*Input!$J$15,0)+IF(Input!$K$16=1,M3275*Input!$J$16,0)</f>
        <v>1.2934314055854985</v>
      </c>
      <c r="O3275" s="58">
        <f>IF(Input!$K$13=2,J3275*Input!$J$13,0)+IF(Input!$K$14=2,K3275*Input!$J$14,0)+IF(Input!$K$15=2,L3275*Input!$J$15,0)+IF(Input!$K$16=2,M3275*Input!$J$16,0)</f>
        <v>8.3409272275400598E-2</v>
      </c>
      <c r="P3275" s="58">
        <f>IF(Input!$K$13=3,J3275*Input!$J$13,0)+IF(Input!$K$14=3,K3275*Input!$J$14,0)+IF(Input!$K$15=3,L3275*Input!$J$15,0)+IF(Input!$K$16=3,M3275*Input!$J$16,0)</f>
        <v>0</v>
      </c>
      <c r="Q3275" s="71">
        <f>IF(Input!$K$13=4,J3275*Input!$J$13,0)+IF(Input!$K$14=4,K3275*Input!$J$14,0)+IF(Input!$K$15=4,L3275*Input!$J$15,0)+IF(Input!$K$16=4,M3275*Input!$J$16,0)</f>
        <v>0</v>
      </c>
    </row>
    <row r="3276" spans="8:17" x14ac:dyDescent="0.25">
      <c r="H3276" s="43">
        <v>3269</v>
      </c>
      <c r="I3276" s="55">
        <f>Bühler!I3302</f>
        <v>1.153578412618228</v>
      </c>
      <c r="J3276" s="58">
        <f>Bühler!J3302</f>
        <v>10.778595046545821</v>
      </c>
      <c r="K3276" s="58">
        <f>Bühler!K3302</f>
        <v>0.61784646129926379</v>
      </c>
      <c r="L3276" s="58">
        <f>Bühler!L3302</f>
        <v>0.3089232306496319</v>
      </c>
      <c r="M3276" s="57">
        <f>Bühler!M3302</f>
        <v>0</v>
      </c>
      <c r="N3276" s="55">
        <f>IF(Input!$K$13=1,J3276*Input!$J$13,0)+IF(Input!$K$14=1,K3276*Input!$J$14,0)+IF(Input!$K$15=1,L3276*Input!$J$15,0)+IF(Input!$K$16=1,M3276*Input!$J$16,0)</f>
        <v>1.2934314055854985</v>
      </c>
      <c r="O3276" s="58">
        <f>IF(Input!$K$13=2,J3276*Input!$J$13,0)+IF(Input!$K$14=2,K3276*Input!$J$14,0)+IF(Input!$K$15=2,L3276*Input!$J$15,0)+IF(Input!$K$16=2,M3276*Input!$J$16,0)</f>
        <v>8.3409272275400598E-2</v>
      </c>
      <c r="P3276" s="58">
        <f>IF(Input!$K$13=3,J3276*Input!$J$13,0)+IF(Input!$K$14=3,K3276*Input!$J$14,0)+IF(Input!$K$15=3,L3276*Input!$J$15,0)+IF(Input!$K$16=3,M3276*Input!$J$16,0)</f>
        <v>0</v>
      </c>
      <c r="Q3276" s="71">
        <f>IF(Input!$K$13=4,J3276*Input!$J$13,0)+IF(Input!$K$14=4,K3276*Input!$J$14,0)+IF(Input!$K$15=4,L3276*Input!$J$15,0)+IF(Input!$K$16=4,M3276*Input!$J$16,0)</f>
        <v>0</v>
      </c>
    </row>
    <row r="3277" spans="8:17" x14ac:dyDescent="0.25">
      <c r="H3277" s="43">
        <v>3270</v>
      </c>
      <c r="I3277" s="55">
        <f>Bühler!I3303</f>
        <v>1.153578412618228</v>
      </c>
      <c r="J3277" s="58">
        <f>Bühler!J3303</f>
        <v>10.778595046545821</v>
      </c>
      <c r="K3277" s="58">
        <f>Bühler!K3303</f>
        <v>0.61784646129926379</v>
      </c>
      <c r="L3277" s="58">
        <f>Bühler!L3303</f>
        <v>0.3089232306496319</v>
      </c>
      <c r="M3277" s="57">
        <f>Bühler!M3303</f>
        <v>0</v>
      </c>
      <c r="N3277" s="55">
        <f>IF(Input!$K$13=1,J3277*Input!$J$13,0)+IF(Input!$K$14=1,K3277*Input!$J$14,0)+IF(Input!$K$15=1,L3277*Input!$J$15,0)+IF(Input!$K$16=1,M3277*Input!$J$16,0)</f>
        <v>1.2934314055854985</v>
      </c>
      <c r="O3277" s="58">
        <f>IF(Input!$K$13=2,J3277*Input!$J$13,0)+IF(Input!$K$14=2,K3277*Input!$J$14,0)+IF(Input!$K$15=2,L3277*Input!$J$15,0)+IF(Input!$K$16=2,M3277*Input!$J$16,0)</f>
        <v>8.3409272275400598E-2</v>
      </c>
      <c r="P3277" s="58">
        <f>IF(Input!$K$13=3,J3277*Input!$J$13,0)+IF(Input!$K$14=3,K3277*Input!$J$14,0)+IF(Input!$K$15=3,L3277*Input!$J$15,0)+IF(Input!$K$16=3,M3277*Input!$J$16,0)</f>
        <v>0</v>
      </c>
      <c r="Q3277" s="71">
        <f>IF(Input!$K$13=4,J3277*Input!$J$13,0)+IF(Input!$K$14=4,K3277*Input!$J$14,0)+IF(Input!$K$15=4,L3277*Input!$J$15,0)+IF(Input!$K$16=4,M3277*Input!$J$16,0)</f>
        <v>0</v>
      </c>
    </row>
    <row r="3278" spans="8:17" x14ac:dyDescent="0.25">
      <c r="H3278" s="43">
        <v>3271</v>
      </c>
      <c r="I3278" s="55">
        <f>Bühler!I3304</f>
        <v>1.153578412618228</v>
      </c>
      <c r="J3278" s="58">
        <f>Bühler!J3304</f>
        <v>10.778595046545821</v>
      </c>
      <c r="K3278" s="58">
        <f>Bühler!K3304</f>
        <v>0.61784646129926379</v>
      </c>
      <c r="L3278" s="58">
        <f>Bühler!L3304</f>
        <v>0.3089232306496319</v>
      </c>
      <c r="M3278" s="57">
        <f>Bühler!M3304</f>
        <v>0</v>
      </c>
      <c r="N3278" s="55">
        <f>IF(Input!$K$13=1,J3278*Input!$J$13,0)+IF(Input!$K$14=1,K3278*Input!$J$14,0)+IF(Input!$K$15=1,L3278*Input!$J$15,0)+IF(Input!$K$16=1,M3278*Input!$J$16,0)</f>
        <v>1.2934314055854985</v>
      </c>
      <c r="O3278" s="58">
        <f>IF(Input!$K$13=2,J3278*Input!$J$13,0)+IF(Input!$K$14=2,K3278*Input!$J$14,0)+IF(Input!$K$15=2,L3278*Input!$J$15,0)+IF(Input!$K$16=2,M3278*Input!$J$16,0)</f>
        <v>8.3409272275400598E-2</v>
      </c>
      <c r="P3278" s="58">
        <f>IF(Input!$K$13=3,J3278*Input!$J$13,0)+IF(Input!$K$14=3,K3278*Input!$J$14,0)+IF(Input!$K$15=3,L3278*Input!$J$15,0)+IF(Input!$K$16=3,M3278*Input!$J$16,0)</f>
        <v>0</v>
      </c>
      <c r="Q3278" s="71">
        <f>IF(Input!$K$13=4,J3278*Input!$J$13,0)+IF(Input!$K$14=4,K3278*Input!$J$14,0)+IF(Input!$K$15=4,L3278*Input!$J$15,0)+IF(Input!$K$16=4,M3278*Input!$J$16,0)</f>
        <v>0</v>
      </c>
    </row>
    <row r="3279" spans="8:17" x14ac:dyDescent="0.25">
      <c r="H3279" s="43">
        <v>3272</v>
      </c>
      <c r="I3279" s="55">
        <f>Bühler!I3305</f>
        <v>3.1781085267632174</v>
      </c>
      <c r="J3279" s="58">
        <f>Bühler!J3305</f>
        <v>42.3958781745485</v>
      </c>
      <c r="K3279" s="58">
        <f>Bühler!K3305</f>
        <v>2.5256814433112327</v>
      </c>
      <c r="L3279" s="58">
        <f>Bühler!L3305</f>
        <v>1.2628407216556163</v>
      </c>
      <c r="M3279" s="57">
        <f>Bühler!M3305</f>
        <v>0</v>
      </c>
      <c r="N3279" s="55">
        <f>IF(Input!$K$13=1,J3279*Input!$J$13,0)+IF(Input!$K$14=1,K3279*Input!$J$14,0)+IF(Input!$K$15=1,L3279*Input!$J$15,0)+IF(Input!$K$16=1,M3279*Input!$J$16,0)</f>
        <v>5.0875053809458199</v>
      </c>
      <c r="O3279" s="58">
        <f>IF(Input!$K$13=2,J3279*Input!$J$13,0)+IF(Input!$K$14=2,K3279*Input!$J$14,0)+IF(Input!$K$15=2,L3279*Input!$J$15,0)+IF(Input!$K$16=2,M3279*Input!$J$16,0)</f>
        <v>0.34096699484701642</v>
      </c>
      <c r="P3279" s="58">
        <f>IF(Input!$K$13=3,J3279*Input!$J$13,0)+IF(Input!$K$14=3,K3279*Input!$J$14,0)+IF(Input!$K$15=3,L3279*Input!$J$15,0)+IF(Input!$K$16=3,M3279*Input!$J$16,0)</f>
        <v>0</v>
      </c>
      <c r="Q3279" s="71">
        <f>IF(Input!$K$13=4,J3279*Input!$J$13,0)+IF(Input!$K$14=4,K3279*Input!$J$14,0)+IF(Input!$K$15=4,L3279*Input!$J$15,0)+IF(Input!$K$16=4,M3279*Input!$J$16,0)</f>
        <v>0</v>
      </c>
    </row>
    <row r="3280" spans="8:17" x14ac:dyDescent="0.25">
      <c r="H3280" s="43">
        <v>3273</v>
      </c>
      <c r="I3280" s="55">
        <f>Bühler!I3306</f>
        <v>3.5461000403884326</v>
      </c>
      <c r="J3280" s="58">
        <f>Bühler!J3306</f>
        <v>47.304874594759383</v>
      </c>
      <c r="K3280" s="58">
        <f>Bühler!K3306</f>
        <v>2.8181287683262175</v>
      </c>
      <c r="L3280" s="58">
        <f>Bühler!L3306</f>
        <v>1.4090643841631088</v>
      </c>
      <c r="M3280" s="57">
        <f>Bühler!M3306</f>
        <v>0</v>
      </c>
      <c r="N3280" s="55">
        <f>IF(Input!$K$13=1,J3280*Input!$J$13,0)+IF(Input!$K$14=1,K3280*Input!$J$14,0)+IF(Input!$K$15=1,L3280*Input!$J$15,0)+IF(Input!$K$16=1,M3280*Input!$J$16,0)</f>
        <v>5.676584951371126</v>
      </c>
      <c r="O3280" s="58">
        <f>IF(Input!$K$13=2,J3280*Input!$J$13,0)+IF(Input!$K$14=2,K3280*Input!$J$14,0)+IF(Input!$K$15=2,L3280*Input!$J$15,0)+IF(Input!$K$16=2,M3280*Input!$J$16,0)</f>
        <v>0.38044738372403936</v>
      </c>
      <c r="P3280" s="58">
        <f>IF(Input!$K$13=3,J3280*Input!$J$13,0)+IF(Input!$K$14=3,K3280*Input!$J$14,0)+IF(Input!$K$15=3,L3280*Input!$J$15,0)+IF(Input!$K$16=3,M3280*Input!$J$16,0)</f>
        <v>0</v>
      </c>
      <c r="Q3280" s="71">
        <f>IF(Input!$K$13=4,J3280*Input!$J$13,0)+IF(Input!$K$14=4,K3280*Input!$J$14,0)+IF(Input!$K$15=4,L3280*Input!$J$15,0)+IF(Input!$K$16=4,M3280*Input!$J$16,0)</f>
        <v>0</v>
      </c>
    </row>
    <row r="3281" spans="8:17" x14ac:dyDescent="0.25">
      <c r="H3281" s="43">
        <v>3274</v>
      </c>
      <c r="I3281" s="55">
        <f>Bühler!I3307</f>
        <v>3.9140915540136474</v>
      </c>
      <c r="J3281" s="58">
        <f>Bühler!J3307</f>
        <v>52.213871014970266</v>
      </c>
      <c r="K3281" s="58">
        <f>Bühler!K3307</f>
        <v>3.1105760933412028</v>
      </c>
      <c r="L3281" s="58">
        <f>Bühler!L3307</f>
        <v>1.5552880466706014</v>
      </c>
      <c r="M3281" s="57">
        <f>Bühler!M3307</f>
        <v>0</v>
      </c>
      <c r="N3281" s="55">
        <f>IF(Input!$K$13=1,J3281*Input!$J$13,0)+IF(Input!$K$14=1,K3281*Input!$J$14,0)+IF(Input!$K$15=1,L3281*Input!$J$15,0)+IF(Input!$K$16=1,M3281*Input!$J$16,0)</f>
        <v>6.265664521796432</v>
      </c>
      <c r="O3281" s="58">
        <f>IF(Input!$K$13=2,J3281*Input!$J$13,0)+IF(Input!$K$14=2,K3281*Input!$J$14,0)+IF(Input!$K$15=2,L3281*Input!$J$15,0)+IF(Input!$K$16=2,M3281*Input!$J$16,0)</f>
        <v>0.41992777260106234</v>
      </c>
      <c r="P3281" s="58">
        <f>IF(Input!$K$13=3,J3281*Input!$J$13,0)+IF(Input!$K$14=3,K3281*Input!$J$14,0)+IF(Input!$K$15=3,L3281*Input!$J$15,0)+IF(Input!$K$16=3,M3281*Input!$J$16,0)</f>
        <v>0</v>
      </c>
      <c r="Q3281" s="71">
        <f>IF(Input!$K$13=4,J3281*Input!$J$13,0)+IF(Input!$K$14=4,K3281*Input!$J$14,0)+IF(Input!$K$15=4,L3281*Input!$J$15,0)+IF(Input!$K$16=4,M3281*Input!$J$16,0)</f>
        <v>0</v>
      </c>
    </row>
    <row r="3282" spans="8:17" x14ac:dyDescent="0.25">
      <c r="H3282" s="43">
        <v>3275</v>
      </c>
      <c r="I3282" s="55">
        <f>Bühler!I3308</f>
        <v>3.9140915540136474</v>
      </c>
      <c r="J3282" s="58">
        <f>Bühler!J3308</f>
        <v>52.213871014970266</v>
      </c>
      <c r="K3282" s="58">
        <f>Bühler!K3308</f>
        <v>3.1105760933412028</v>
      </c>
      <c r="L3282" s="58">
        <f>Bühler!L3308</f>
        <v>1.5552880466706014</v>
      </c>
      <c r="M3282" s="57">
        <f>Bühler!M3308</f>
        <v>0</v>
      </c>
      <c r="N3282" s="55">
        <f>IF(Input!$K$13=1,J3282*Input!$J$13,0)+IF(Input!$K$14=1,K3282*Input!$J$14,0)+IF(Input!$K$15=1,L3282*Input!$J$15,0)+IF(Input!$K$16=1,M3282*Input!$J$16,0)</f>
        <v>6.265664521796432</v>
      </c>
      <c r="O3282" s="58">
        <f>IF(Input!$K$13=2,J3282*Input!$J$13,0)+IF(Input!$K$14=2,K3282*Input!$J$14,0)+IF(Input!$K$15=2,L3282*Input!$J$15,0)+IF(Input!$K$16=2,M3282*Input!$J$16,0)</f>
        <v>0.41992777260106234</v>
      </c>
      <c r="P3282" s="58">
        <f>IF(Input!$K$13=3,J3282*Input!$J$13,0)+IF(Input!$K$14=3,K3282*Input!$J$14,0)+IF(Input!$K$15=3,L3282*Input!$J$15,0)+IF(Input!$K$16=3,M3282*Input!$J$16,0)</f>
        <v>0</v>
      </c>
      <c r="Q3282" s="71">
        <f>IF(Input!$K$13=4,J3282*Input!$J$13,0)+IF(Input!$K$14=4,K3282*Input!$J$14,0)+IF(Input!$K$15=4,L3282*Input!$J$15,0)+IF(Input!$K$16=4,M3282*Input!$J$16,0)</f>
        <v>0</v>
      </c>
    </row>
    <row r="3283" spans="8:17" x14ac:dyDescent="0.25">
      <c r="H3283" s="43">
        <v>3276</v>
      </c>
      <c r="I3283" s="55">
        <f>Bühler!I3309</f>
        <v>4.6835283552300044</v>
      </c>
      <c r="J3283" s="58">
        <f>Bühler!J3309</f>
        <v>62.478136257229366</v>
      </c>
      <c r="K3283" s="58">
        <f>Bühler!K3309</f>
        <v>3.7220568638270799</v>
      </c>
      <c r="L3283" s="58">
        <f>Bühler!L3309</f>
        <v>1.8610284319135399</v>
      </c>
      <c r="M3283" s="57">
        <f>Bühler!M3309</f>
        <v>0</v>
      </c>
      <c r="N3283" s="55">
        <f>IF(Input!$K$13=1,J3283*Input!$J$13,0)+IF(Input!$K$14=1,K3283*Input!$J$14,0)+IF(Input!$K$15=1,L3283*Input!$J$15,0)+IF(Input!$K$16=1,M3283*Input!$J$16,0)</f>
        <v>7.4973763508675235</v>
      </c>
      <c r="O3283" s="58">
        <f>IF(Input!$K$13=2,J3283*Input!$J$13,0)+IF(Input!$K$14=2,K3283*Input!$J$14,0)+IF(Input!$K$15=2,L3283*Input!$J$15,0)+IF(Input!$K$16=2,M3283*Input!$J$16,0)</f>
        <v>0.50247767661665577</v>
      </c>
      <c r="P3283" s="58">
        <f>IF(Input!$K$13=3,J3283*Input!$J$13,0)+IF(Input!$K$14=3,K3283*Input!$J$14,0)+IF(Input!$K$15=3,L3283*Input!$J$15,0)+IF(Input!$K$16=3,M3283*Input!$J$16,0)</f>
        <v>0</v>
      </c>
      <c r="Q3283" s="71">
        <f>IF(Input!$K$13=4,J3283*Input!$J$13,0)+IF(Input!$K$14=4,K3283*Input!$J$14,0)+IF(Input!$K$15=4,L3283*Input!$J$15,0)+IF(Input!$K$16=4,M3283*Input!$J$16,0)</f>
        <v>0</v>
      </c>
    </row>
    <row r="3284" spans="8:17" x14ac:dyDescent="0.25">
      <c r="H3284" s="43">
        <v>3277</v>
      </c>
      <c r="I3284" s="55">
        <f>Bühler!I3310</f>
        <v>4.6835283552300044</v>
      </c>
      <c r="J3284" s="58">
        <f>Bühler!J3310</f>
        <v>62.478136257229366</v>
      </c>
      <c r="K3284" s="58">
        <f>Bühler!K3310</f>
        <v>3.7220568638270799</v>
      </c>
      <c r="L3284" s="58">
        <f>Bühler!L3310</f>
        <v>1.8610284319135399</v>
      </c>
      <c r="M3284" s="57">
        <f>Bühler!M3310</f>
        <v>0</v>
      </c>
      <c r="N3284" s="55">
        <f>IF(Input!$K$13=1,J3284*Input!$J$13,0)+IF(Input!$K$14=1,K3284*Input!$J$14,0)+IF(Input!$K$15=1,L3284*Input!$J$15,0)+IF(Input!$K$16=1,M3284*Input!$J$16,0)</f>
        <v>7.4973763508675235</v>
      </c>
      <c r="O3284" s="58">
        <f>IF(Input!$K$13=2,J3284*Input!$J$13,0)+IF(Input!$K$14=2,K3284*Input!$J$14,0)+IF(Input!$K$15=2,L3284*Input!$J$15,0)+IF(Input!$K$16=2,M3284*Input!$J$16,0)</f>
        <v>0.50247767661665577</v>
      </c>
      <c r="P3284" s="58">
        <f>IF(Input!$K$13=3,J3284*Input!$J$13,0)+IF(Input!$K$14=3,K3284*Input!$J$14,0)+IF(Input!$K$15=3,L3284*Input!$J$15,0)+IF(Input!$K$16=3,M3284*Input!$J$16,0)</f>
        <v>0</v>
      </c>
      <c r="Q3284" s="71">
        <f>IF(Input!$K$13=4,J3284*Input!$J$13,0)+IF(Input!$K$14=4,K3284*Input!$J$14,0)+IF(Input!$K$15=4,L3284*Input!$J$15,0)+IF(Input!$K$16=4,M3284*Input!$J$16,0)</f>
        <v>0</v>
      </c>
    </row>
    <row r="3285" spans="8:17" x14ac:dyDescent="0.25">
      <c r="H3285" s="43">
        <v>3278</v>
      </c>
      <c r="I3285" s="55">
        <f>Bühler!I3311</f>
        <v>3.1112009788313606</v>
      </c>
      <c r="J3285" s="58">
        <f>Bühler!J3311</f>
        <v>41.503333370873797</v>
      </c>
      <c r="K3285" s="58">
        <f>Bühler!K3311</f>
        <v>2.4725092023994177</v>
      </c>
      <c r="L3285" s="58">
        <f>Bühler!L3311</f>
        <v>1.2362546011997089</v>
      </c>
      <c r="M3285" s="57">
        <f>Bühler!M3311</f>
        <v>0</v>
      </c>
      <c r="N3285" s="55">
        <f>IF(Input!$K$13=1,J3285*Input!$J$13,0)+IF(Input!$K$14=1,K3285*Input!$J$14,0)+IF(Input!$K$15=1,L3285*Input!$J$15,0)+IF(Input!$K$16=1,M3285*Input!$J$16,0)</f>
        <v>4.9804000045048555</v>
      </c>
      <c r="O3285" s="58">
        <f>IF(Input!$K$13=2,J3285*Input!$J$13,0)+IF(Input!$K$14=2,K3285*Input!$J$14,0)+IF(Input!$K$15=2,L3285*Input!$J$15,0)+IF(Input!$K$16=2,M3285*Input!$J$16,0)</f>
        <v>0.33378874232392142</v>
      </c>
      <c r="P3285" s="58">
        <f>IF(Input!$K$13=3,J3285*Input!$J$13,0)+IF(Input!$K$14=3,K3285*Input!$J$14,0)+IF(Input!$K$15=3,L3285*Input!$J$15,0)+IF(Input!$K$16=3,M3285*Input!$J$16,0)</f>
        <v>0</v>
      </c>
      <c r="Q3285" s="71">
        <f>IF(Input!$K$13=4,J3285*Input!$J$13,0)+IF(Input!$K$14=4,K3285*Input!$J$14,0)+IF(Input!$K$15=4,L3285*Input!$J$15,0)+IF(Input!$K$16=4,M3285*Input!$J$16,0)</f>
        <v>0</v>
      </c>
    </row>
    <row r="3286" spans="8:17" x14ac:dyDescent="0.25">
      <c r="H3286" s="43">
        <v>3279</v>
      </c>
      <c r="I3286" s="55">
        <f>Bühler!I3312</f>
        <v>4.6835283552300044</v>
      </c>
      <c r="J3286" s="58">
        <f>Bühler!J3312</f>
        <v>62.478136257229366</v>
      </c>
      <c r="K3286" s="58">
        <f>Bühler!K3312</f>
        <v>3.7220568638270799</v>
      </c>
      <c r="L3286" s="58">
        <f>Bühler!L3312</f>
        <v>1.8610284319135399</v>
      </c>
      <c r="M3286" s="57">
        <f>Bühler!M3312</f>
        <v>0</v>
      </c>
      <c r="N3286" s="55">
        <f>IF(Input!$K$13=1,J3286*Input!$J$13,0)+IF(Input!$K$14=1,K3286*Input!$J$14,0)+IF(Input!$K$15=1,L3286*Input!$J$15,0)+IF(Input!$K$16=1,M3286*Input!$J$16,0)</f>
        <v>7.4973763508675235</v>
      </c>
      <c r="O3286" s="58">
        <f>IF(Input!$K$13=2,J3286*Input!$J$13,0)+IF(Input!$K$14=2,K3286*Input!$J$14,0)+IF(Input!$K$15=2,L3286*Input!$J$15,0)+IF(Input!$K$16=2,M3286*Input!$J$16,0)</f>
        <v>0.50247767661665577</v>
      </c>
      <c r="P3286" s="58">
        <f>IF(Input!$K$13=3,J3286*Input!$J$13,0)+IF(Input!$K$14=3,K3286*Input!$J$14,0)+IF(Input!$K$15=3,L3286*Input!$J$15,0)+IF(Input!$K$16=3,M3286*Input!$J$16,0)</f>
        <v>0</v>
      </c>
      <c r="Q3286" s="71">
        <f>IF(Input!$K$13=4,J3286*Input!$J$13,0)+IF(Input!$K$14=4,K3286*Input!$J$14,0)+IF(Input!$K$15=4,L3286*Input!$J$15,0)+IF(Input!$K$16=4,M3286*Input!$J$16,0)</f>
        <v>0</v>
      </c>
    </row>
    <row r="3287" spans="8:17" x14ac:dyDescent="0.25">
      <c r="H3287" s="43">
        <v>3280</v>
      </c>
      <c r="I3287" s="55">
        <f>Bühler!I3313</f>
        <v>4.6835283552300044</v>
      </c>
      <c r="J3287" s="58">
        <f>Bühler!J3313</f>
        <v>62.478136257229366</v>
      </c>
      <c r="K3287" s="58">
        <f>Bühler!K3313</f>
        <v>3.7220568638270799</v>
      </c>
      <c r="L3287" s="58">
        <f>Bühler!L3313</f>
        <v>1.8610284319135399</v>
      </c>
      <c r="M3287" s="57">
        <f>Bühler!M3313</f>
        <v>0</v>
      </c>
      <c r="N3287" s="55">
        <f>IF(Input!$K$13=1,J3287*Input!$J$13,0)+IF(Input!$K$14=1,K3287*Input!$J$14,0)+IF(Input!$K$15=1,L3287*Input!$J$15,0)+IF(Input!$K$16=1,M3287*Input!$J$16,0)</f>
        <v>7.4973763508675235</v>
      </c>
      <c r="O3287" s="58">
        <f>IF(Input!$K$13=2,J3287*Input!$J$13,0)+IF(Input!$K$14=2,K3287*Input!$J$14,0)+IF(Input!$K$15=2,L3287*Input!$J$15,0)+IF(Input!$K$16=2,M3287*Input!$J$16,0)</f>
        <v>0.50247767661665577</v>
      </c>
      <c r="P3287" s="58">
        <f>IF(Input!$K$13=3,J3287*Input!$J$13,0)+IF(Input!$K$14=3,K3287*Input!$J$14,0)+IF(Input!$K$15=3,L3287*Input!$J$15,0)+IF(Input!$K$16=3,M3287*Input!$J$16,0)</f>
        <v>0</v>
      </c>
      <c r="Q3287" s="71">
        <f>IF(Input!$K$13=4,J3287*Input!$J$13,0)+IF(Input!$K$14=4,K3287*Input!$J$14,0)+IF(Input!$K$15=4,L3287*Input!$J$15,0)+IF(Input!$K$16=4,M3287*Input!$J$16,0)</f>
        <v>0</v>
      </c>
    </row>
    <row r="3288" spans="8:17" x14ac:dyDescent="0.25">
      <c r="H3288" s="43">
        <v>3281</v>
      </c>
      <c r="I3288" s="55">
        <f>Bühler!I3314</f>
        <v>3.913514764807339</v>
      </c>
      <c r="J3288" s="58">
        <f>Bühler!J3314</f>
        <v>38.067183098584685</v>
      </c>
      <c r="K3288" s="58">
        <f>Bühler!K3314</f>
        <v>2.1933549376123862</v>
      </c>
      <c r="L3288" s="58">
        <f>Bühler!L3314</f>
        <v>1.0966774688061931</v>
      </c>
      <c r="M3288" s="57">
        <f>Bühler!M3314</f>
        <v>0</v>
      </c>
      <c r="N3288" s="55">
        <f>IF(Input!$K$13=1,J3288*Input!$J$13,0)+IF(Input!$K$14=1,K3288*Input!$J$14,0)+IF(Input!$K$15=1,L3288*Input!$J$15,0)+IF(Input!$K$16=1,M3288*Input!$J$16,0)</f>
        <v>4.5680619718301623</v>
      </c>
      <c r="O3288" s="58">
        <f>IF(Input!$K$13=2,J3288*Input!$J$13,0)+IF(Input!$K$14=2,K3288*Input!$J$14,0)+IF(Input!$K$15=2,L3288*Input!$J$15,0)+IF(Input!$K$16=2,M3288*Input!$J$16,0)</f>
        <v>0.29610291657767213</v>
      </c>
      <c r="P3288" s="58">
        <f>IF(Input!$K$13=3,J3288*Input!$J$13,0)+IF(Input!$K$14=3,K3288*Input!$J$14,0)+IF(Input!$K$15=3,L3288*Input!$J$15,0)+IF(Input!$K$16=3,M3288*Input!$J$16,0)</f>
        <v>0</v>
      </c>
      <c r="Q3288" s="71">
        <f>IF(Input!$K$13=4,J3288*Input!$J$13,0)+IF(Input!$K$14=4,K3288*Input!$J$14,0)+IF(Input!$K$15=4,L3288*Input!$J$15,0)+IF(Input!$K$16=4,M3288*Input!$J$16,0)</f>
        <v>0</v>
      </c>
    </row>
    <row r="3289" spans="8:17" x14ac:dyDescent="0.25">
      <c r="H3289" s="43">
        <v>3282</v>
      </c>
      <c r="I3289" s="55">
        <f>Bühler!I3315</f>
        <v>3.1117777680376704</v>
      </c>
      <c r="J3289" s="58">
        <f>Bühler!J3315</f>
        <v>17.808797278317691</v>
      </c>
      <c r="K3289" s="58">
        <f>Bühler!K3315</f>
        <v>0.93613100196858157</v>
      </c>
      <c r="L3289" s="58">
        <f>Bühler!L3315</f>
        <v>0.46806550098429078</v>
      </c>
      <c r="M3289" s="57">
        <f>Bühler!M3315</f>
        <v>0</v>
      </c>
      <c r="N3289" s="55">
        <f>IF(Input!$K$13=1,J3289*Input!$J$13,0)+IF(Input!$K$14=1,K3289*Input!$J$14,0)+IF(Input!$K$15=1,L3289*Input!$J$15,0)+IF(Input!$K$16=1,M3289*Input!$J$16,0)</f>
        <v>2.1370556733981227</v>
      </c>
      <c r="O3289" s="58">
        <f>IF(Input!$K$13=2,J3289*Input!$J$13,0)+IF(Input!$K$14=2,K3289*Input!$J$14,0)+IF(Input!$K$15=2,L3289*Input!$J$15,0)+IF(Input!$K$16=2,M3289*Input!$J$16,0)</f>
        <v>0.12637768526575849</v>
      </c>
      <c r="P3289" s="58">
        <f>IF(Input!$K$13=3,J3289*Input!$J$13,0)+IF(Input!$K$14=3,K3289*Input!$J$14,0)+IF(Input!$K$15=3,L3289*Input!$J$15,0)+IF(Input!$K$16=3,M3289*Input!$J$16,0)</f>
        <v>0</v>
      </c>
      <c r="Q3289" s="71">
        <f>IF(Input!$K$13=4,J3289*Input!$J$13,0)+IF(Input!$K$14=4,K3289*Input!$J$14,0)+IF(Input!$K$15=4,L3289*Input!$J$15,0)+IF(Input!$K$16=4,M3289*Input!$J$16,0)</f>
        <v>0</v>
      </c>
    </row>
    <row r="3290" spans="8:17" x14ac:dyDescent="0.25">
      <c r="H3290" s="43">
        <v>3283</v>
      </c>
      <c r="I3290" s="55">
        <f>Bühler!I3316</f>
        <v>1.153578412618228</v>
      </c>
      <c r="J3290" s="58">
        <f>Bühler!J3316</f>
        <v>10.778595046545821</v>
      </c>
      <c r="K3290" s="58">
        <f>Bühler!K3316</f>
        <v>0.61784646129926379</v>
      </c>
      <c r="L3290" s="58">
        <f>Bühler!L3316</f>
        <v>0.3089232306496319</v>
      </c>
      <c r="M3290" s="57">
        <f>Bühler!M3316</f>
        <v>0</v>
      </c>
      <c r="N3290" s="55">
        <f>IF(Input!$K$13=1,J3290*Input!$J$13,0)+IF(Input!$K$14=1,K3290*Input!$J$14,0)+IF(Input!$K$15=1,L3290*Input!$J$15,0)+IF(Input!$K$16=1,M3290*Input!$J$16,0)</f>
        <v>1.2934314055854985</v>
      </c>
      <c r="O3290" s="58">
        <f>IF(Input!$K$13=2,J3290*Input!$J$13,0)+IF(Input!$K$14=2,K3290*Input!$J$14,0)+IF(Input!$K$15=2,L3290*Input!$J$15,0)+IF(Input!$K$16=2,M3290*Input!$J$16,0)</f>
        <v>8.3409272275400598E-2</v>
      </c>
      <c r="P3290" s="58">
        <f>IF(Input!$K$13=3,J3290*Input!$J$13,0)+IF(Input!$K$14=3,K3290*Input!$J$14,0)+IF(Input!$K$15=3,L3290*Input!$J$15,0)+IF(Input!$K$16=3,M3290*Input!$J$16,0)</f>
        <v>0</v>
      </c>
      <c r="Q3290" s="71">
        <f>IF(Input!$K$13=4,J3290*Input!$J$13,0)+IF(Input!$K$14=4,K3290*Input!$J$14,0)+IF(Input!$K$15=4,L3290*Input!$J$15,0)+IF(Input!$K$16=4,M3290*Input!$J$16,0)</f>
        <v>0</v>
      </c>
    </row>
    <row r="3291" spans="8:17" x14ac:dyDescent="0.25">
      <c r="H3291" s="43">
        <v>3284</v>
      </c>
      <c r="I3291" s="55">
        <f>Bühler!I3317</f>
        <v>1.153578412618228</v>
      </c>
      <c r="J3291" s="58">
        <f>Bühler!J3317</f>
        <v>10.778595046545821</v>
      </c>
      <c r="K3291" s="58">
        <f>Bühler!K3317</f>
        <v>0.61784646129926379</v>
      </c>
      <c r="L3291" s="58">
        <f>Bühler!L3317</f>
        <v>0.3089232306496319</v>
      </c>
      <c r="M3291" s="57">
        <f>Bühler!M3317</f>
        <v>0</v>
      </c>
      <c r="N3291" s="55">
        <f>IF(Input!$K$13=1,J3291*Input!$J$13,0)+IF(Input!$K$14=1,K3291*Input!$J$14,0)+IF(Input!$K$15=1,L3291*Input!$J$15,0)+IF(Input!$K$16=1,M3291*Input!$J$16,0)</f>
        <v>1.2934314055854985</v>
      </c>
      <c r="O3291" s="58">
        <f>IF(Input!$K$13=2,J3291*Input!$J$13,0)+IF(Input!$K$14=2,K3291*Input!$J$14,0)+IF(Input!$K$15=2,L3291*Input!$J$15,0)+IF(Input!$K$16=2,M3291*Input!$J$16,0)</f>
        <v>8.3409272275400598E-2</v>
      </c>
      <c r="P3291" s="58">
        <f>IF(Input!$K$13=3,J3291*Input!$J$13,0)+IF(Input!$K$14=3,K3291*Input!$J$14,0)+IF(Input!$K$15=3,L3291*Input!$J$15,0)+IF(Input!$K$16=3,M3291*Input!$J$16,0)</f>
        <v>0</v>
      </c>
      <c r="Q3291" s="71">
        <f>IF(Input!$K$13=4,J3291*Input!$J$13,0)+IF(Input!$K$14=4,K3291*Input!$J$14,0)+IF(Input!$K$15=4,L3291*Input!$J$15,0)+IF(Input!$K$16=4,M3291*Input!$J$16,0)</f>
        <v>0</v>
      </c>
    </row>
    <row r="3292" spans="8:17" x14ac:dyDescent="0.25">
      <c r="H3292" s="43">
        <v>3285</v>
      </c>
      <c r="I3292" s="55">
        <f>Bühler!I3318</f>
        <v>1.153578412618228</v>
      </c>
      <c r="J3292" s="58">
        <f>Bühler!J3318</f>
        <v>10.778595046545821</v>
      </c>
      <c r="K3292" s="58">
        <f>Bühler!K3318</f>
        <v>0.61784646129926379</v>
      </c>
      <c r="L3292" s="58">
        <f>Bühler!L3318</f>
        <v>0.3089232306496319</v>
      </c>
      <c r="M3292" s="57">
        <f>Bühler!M3318</f>
        <v>0</v>
      </c>
      <c r="N3292" s="55">
        <f>IF(Input!$K$13=1,J3292*Input!$J$13,0)+IF(Input!$K$14=1,K3292*Input!$J$14,0)+IF(Input!$K$15=1,L3292*Input!$J$15,0)+IF(Input!$K$16=1,M3292*Input!$J$16,0)</f>
        <v>1.2934314055854985</v>
      </c>
      <c r="O3292" s="58">
        <f>IF(Input!$K$13=2,J3292*Input!$J$13,0)+IF(Input!$K$14=2,K3292*Input!$J$14,0)+IF(Input!$K$15=2,L3292*Input!$J$15,0)+IF(Input!$K$16=2,M3292*Input!$J$16,0)</f>
        <v>8.3409272275400598E-2</v>
      </c>
      <c r="P3292" s="58">
        <f>IF(Input!$K$13=3,J3292*Input!$J$13,0)+IF(Input!$K$14=3,K3292*Input!$J$14,0)+IF(Input!$K$15=3,L3292*Input!$J$15,0)+IF(Input!$K$16=3,M3292*Input!$J$16,0)</f>
        <v>0</v>
      </c>
      <c r="Q3292" s="71">
        <f>IF(Input!$K$13=4,J3292*Input!$J$13,0)+IF(Input!$K$14=4,K3292*Input!$J$14,0)+IF(Input!$K$15=4,L3292*Input!$J$15,0)+IF(Input!$K$16=4,M3292*Input!$J$16,0)</f>
        <v>0</v>
      </c>
    </row>
    <row r="3293" spans="8:17" x14ac:dyDescent="0.25">
      <c r="H3293" s="43">
        <v>3286</v>
      </c>
      <c r="I3293" s="55">
        <f>Bühler!I3319</f>
        <v>1.153578412618228</v>
      </c>
      <c r="J3293" s="58">
        <f>Bühler!J3319</f>
        <v>10.778595046545821</v>
      </c>
      <c r="K3293" s="58">
        <f>Bühler!K3319</f>
        <v>0.61784646129926379</v>
      </c>
      <c r="L3293" s="58">
        <f>Bühler!L3319</f>
        <v>0.3089232306496319</v>
      </c>
      <c r="M3293" s="57">
        <f>Bühler!M3319</f>
        <v>0</v>
      </c>
      <c r="N3293" s="55">
        <f>IF(Input!$K$13=1,J3293*Input!$J$13,0)+IF(Input!$K$14=1,K3293*Input!$J$14,0)+IF(Input!$K$15=1,L3293*Input!$J$15,0)+IF(Input!$K$16=1,M3293*Input!$J$16,0)</f>
        <v>1.2934314055854985</v>
      </c>
      <c r="O3293" s="58">
        <f>IF(Input!$K$13=2,J3293*Input!$J$13,0)+IF(Input!$K$14=2,K3293*Input!$J$14,0)+IF(Input!$K$15=2,L3293*Input!$J$15,0)+IF(Input!$K$16=2,M3293*Input!$J$16,0)</f>
        <v>8.3409272275400598E-2</v>
      </c>
      <c r="P3293" s="58">
        <f>IF(Input!$K$13=3,J3293*Input!$J$13,0)+IF(Input!$K$14=3,K3293*Input!$J$14,0)+IF(Input!$K$15=3,L3293*Input!$J$15,0)+IF(Input!$K$16=3,M3293*Input!$J$16,0)</f>
        <v>0</v>
      </c>
      <c r="Q3293" s="71">
        <f>IF(Input!$K$13=4,J3293*Input!$J$13,0)+IF(Input!$K$14=4,K3293*Input!$J$14,0)+IF(Input!$K$15=4,L3293*Input!$J$15,0)+IF(Input!$K$16=4,M3293*Input!$J$16,0)</f>
        <v>0</v>
      </c>
    </row>
    <row r="3294" spans="8:17" x14ac:dyDescent="0.25">
      <c r="H3294" s="43">
        <v>3287</v>
      </c>
      <c r="I3294" s="55">
        <f>Bühler!I3320</f>
        <v>1.153578412618228</v>
      </c>
      <c r="J3294" s="58">
        <f>Bühler!J3320</f>
        <v>10.778595046545821</v>
      </c>
      <c r="K3294" s="58">
        <f>Bühler!K3320</f>
        <v>0.61784646129926379</v>
      </c>
      <c r="L3294" s="58">
        <f>Bühler!L3320</f>
        <v>0.3089232306496319</v>
      </c>
      <c r="M3294" s="57">
        <f>Bühler!M3320</f>
        <v>0</v>
      </c>
      <c r="N3294" s="55">
        <f>IF(Input!$K$13=1,J3294*Input!$J$13,0)+IF(Input!$K$14=1,K3294*Input!$J$14,0)+IF(Input!$K$15=1,L3294*Input!$J$15,0)+IF(Input!$K$16=1,M3294*Input!$J$16,0)</f>
        <v>1.2934314055854985</v>
      </c>
      <c r="O3294" s="58">
        <f>IF(Input!$K$13=2,J3294*Input!$J$13,0)+IF(Input!$K$14=2,K3294*Input!$J$14,0)+IF(Input!$K$15=2,L3294*Input!$J$15,0)+IF(Input!$K$16=2,M3294*Input!$J$16,0)</f>
        <v>8.3409272275400598E-2</v>
      </c>
      <c r="P3294" s="58">
        <f>IF(Input!$K$13=3,J3294*Input!$J$13,0)+IF(Input!$K$14=3,K3294*Input!$J$14,0)+IF(Input!$K$15=3,L3294*Input!$J$15,0)+IF(Input!$K$16=3,M3294*Input!$J$16,0)</f>
        <v>0</v>
      </c>
      <c r="Q3294" s="71">
        <f>IF(Input!$K$13=4,J3294*Input!$J$13,0)+IF(Input!$K$14=4,K3294*Input!$J$14,0)+IF(Input!$K$15=4,L3294*Input!$J$15,0)+IF(Input!$K$16=4,M3294*Input!$J$16,0)</f>
        <v>0</v>
      </c>
    </row>
    <row r="3295" spans="8:17" x14ac:dyDescent="0.25">
      <c r="H3295" s="43">
        <v>3288</v>
      </c>
      <c r="I3295" s="55">
        <f>Bühler!I3321</f>
        <v>1.153578412618228</v>
      </c>
      <c r="J3295" s="58">
        <f>Bühler!J3321</f>
        <v>10.778595046545821</v>
      </c>
      <c r="K3295" s="58">
        <f>Bühler!K3321</f>
        <v>0.61784646129926379</v>
      </c>
      <c r="L3295" s="58">
        <f>Bühler!L3321</f>
        <v>0.3089232306496319</v>
      </c>
      <c r="M3295" s="57">
        <f>Bühler!M3321</f>
        <v>0</v>
      </c>
      <c r="N3295" s="55">
        <f>IF(Input!$K$13=1,J3295*Input!$J$13,0)+IF(Input!$K$14=1,K3295*Input!$J$14,0)+IF(Input!$K$15=1,L3295*Input!$J$15,0)+IF(Input!$K$16=1,M3295*Input!$J$16,0)</f>
        <v>1.2934314055854985</v>
      </c>
      <c r="O3295" s="58">
        <f>IF(Input!$K$13=2,J3295*Input!$J$13,0)+IF(Input!$K$14=2,K3295*Input!$J$14,0)+IF(Input!$K$15=2,L3295*Input!$J$15,0)+IF(Input!$K$16=2,M3295*Input!$J$16,0)</f>
        <v>8.3409272275400598E-2</v>
      </c>
      <c r="P3295" s="58">
        <f>IF(Input!$K$13=3,J3295*Input!$J$13,0)+IF(Input!$K$14=3,K3295*Input!$J$14,0)+IF(Input!$K$15=3,L3295*Input!$J$15,0)+IF(Input!$K$16=3,M3295*Input!$J$16,0)</f>
        <v>0</v>
      </c>
      <c r="Q3295" s="71">
        <f>IF(Input!$K$13=4,J3295*Input!$J$13,0)+IF(Input!$K$14=4,K3295*Input!$J$14,0)+IF(Input!$K$15=4,L3295*Input!$J$15,0)+IF(Input!$K$16=4,M3295*Input!$J$16,0)</f>
        <v>0</v>
      </c>
    </row>
    <row r="3296" spans="8:17" x14ac:dyDescent="0.25">
      <c r="H3296" s="43">
        <v>3289</v>
      </c>
      <c r="I3296" s="55">
        <f>Bühler!I3322</f>
        <v>1.2831638038033979</v>
      </c>
      <c r="J3296" s="58">
        <f>Bühler!J3322</f>
        <v>11.033891426152886</v>
      </c>
      <c r="K3296" s="58">
        <f>Bühler!K3322</f>
        <v>0.61919025812438866</v>
      </c>
      <c r="L3296" s="58">
        <f>Bühler!L3322</f>
        <v>0.30959512906219433</v>
      </c>
      <c r="M3296" s="57">
        <f>Bühler!M3322</f>
        <v>0</v>
      </c>
      <c r="N3296" s="55">
        <f>IF(Input!$K$13=1,J3296*Input!$J$13,0)+IF(Input!$K$14=1,K3296*Input!$J$14,0)+IF(Input!$K$15=1,L3296*Input!$J$15,0)+IF(Input!$K$16=1,M3296*Input!$J$16,0)</f>
        <v>1.3240669711383464</v>
      </c>
      <c r="O3296" s="58">
        <f>IF(Input!$K$13=2,J3296*Input!$J$13,0)+IF(Input!$K$14=2,K3296*Input!$J$14,0)+IF(Input!$K$15=2,L3296*Input!$J$15,0)+IF(Input!$K$16=2,M3296*Input!$J$16,0)</f>
        <v>8.3590684846792468E-2</v>
      </c>
      <c r="P3296" s="58">
        <f>IF(Input!$K$13=3,J3296*Input!$J$13,0)+IF(Input!$K$14=3,K3296*Input!$J$14,0)+IF(Input!$K$15=3,L3296*Input!$J$15,0)+IF(Input!$K$16=3,M3296*Input!$J$16,0)</f>
        <v>0</v>
      </c>
      <c r="Q3296" s="71">
        <f>IF(Input!$K$13=4,J3296*Input!$J$13,0)+IF(Input!$K$14=4,K3296*Input!$J$14,0)+IF(Input!$K$15=4,L3296*Input!$J$15,0)+IF(Input!$K$16=4,M3296*Input!$J$16,0)</f>
        <v>0</v>
      </c>
    </row>
    <row r="3297" spans="8:17" x14ac:dyDescent="0.25">
      <c r="H3297" s="43">
        <v>3290</v>
      </c>
      <c r="I3297" s="55">
        <f>Bühler!I3323</f>
        <v>1.2831638038033979</v>
      </c>
      <c r="J3297" s="58">
        <f>Bühler!J3323</f>
        <v>11.033891426152886</v>
      </c>
      <c r="K3297" s="58">
        <f>Bühler!K3323</f>
        <v>0.61919025812438866</v>
      </c>
      <c r="L3297" s="58">
        <f>Bühler!L3323</f>
        <v>0.30959512906219433</v>
      </c>
      <c r="M3297" s="57">
        <f>Bühler!M3323</f>
        <v>0</v>
      </c>
      <c r="N3297" s="55">
        <f>IF(Input!$K$13=1,J3297*Input!$J$13,0)+IF(Input!$K$14=1,K3297*Input!$J$14,0)+IF(Input!$K$15=1,L3297*Input!$J$15,0)+IF(Input!$K$16=1,M3297*Input!$J$16,0)</f>
        <v>1.3240669711383464</v>
      </c>
      <c r="O3297" s="58">
        <f>IF(Input!$K$13=2,J3297*Input!$J$13,0)+IF(Input!$K$14=2,K3297*Input!$J$14,0)+IF(Input!$K$15=2,L3297*Input!$J$15,0)+IF(Input!$K$16=2,M3297*Input!$J$16,0)</f>
        <v>8.3590684846792468E-2</v>
      </c>
      <c r="P3297" s="58">
        <f>IF(Input!$K$13=3,J3297*Input!$J$13,0)+IF(Input!$K$14=3,K3297*Input!$J$14,0)+IF(Input!$K$15=3,L3297*Input!$J$15,0)+IF(Input!$K$16=3,M3297*Input!$J$16,0)</f>
        <v>0</v>
      </c>
      <c r="Q3297" s="71">
        <f>IF(Input!$K$13=4,J3297*Input!$J$13,0)+IF(Input!$K$14=4,K3297*Input!$J$14,0)+IF(Input!$K$15=4,L3297*Input!$J$15,0)+IF(Input!$K$16=4,M3297*Input!$J$16,0)</f>
        <v>0</v>
      </c>
    </row>
    <row r="3298" spans="8:17" x14ac:dyDescent="0.25">
      <c r="H3298" s="43">
        <v>3291</v>
      </c>
      <c r="I3298" s="55">
        <f>Bühler!I3324</f>
        <v>1.2831638038033979</v>
      </c>
      <c r="J3298" s="58">
        <f>Bühler!J3324</f>
        <v>11.033891426152886</v>
      </c>
      <c r="K3298" s="58">
        <f>Bühler!K3324</f>
        <v>0.61919025812438866</v>
      </c>
      <c r="L3298" s="58">
        <f>Bühler!L3324</f>
        <v>0.30959512906219433</v>
      </c>
      <c r="M3298" s="57">
        <f>Bühler!M3324</f>
        <v>0</v>
      </c>
      <c r="N3298" s="55">
        <f>IF(Input!$K$13=1,J3298*Input!$J$13,0)+IF(Input!$K$14=1,K3298*Input!$J$14,0)+IF(Input!$K$15=1,L3298*Input!$J$15,0)+IF(Input!$K$16=1,M3298*Input!$J$16,0)</f>
        <v>1.3240669711383464</v>
      </c>
      <c r="O3298" s="58">
        <f>IF(Input!$K$13=2,J3298*Input!$J$13,0)+IF(Input!$K$14=2,K3298*Input!$J$14,0)+IF(Input!$K$15=2,L3298*Input!$J$15,0)+IF(Input!$K$16=2,M3298*Input!$J$16,0)</f>
        <v>8.3590684846792468E-2</v>
      </c>
      <c r="P3298" s="58">
        <f>IF(Input!$K$13=3,J3298*Input!$J$13,0)+IF(Input!$K$14=3,K3298*Input!$J$14,0)+IF(Input!$K$15=3,L3298*Input!$J$15,0)+IF(Input!$K$16=3,M3298*Input!$J$16,0)</f>
        <v>0</v>
      </c>
      <c r="Q3298" s="71">
        <f>IF(Input!$K$13=4,J3298*Input!$J$13,0)+IF(Input!$K$14=4,K3298*Input!$J$14,0)+IF(Input!$K$15=4,L3298*Input!$J$15,0)+IF(Input!$K$16=4,M3298*Input!$J$16,0)</f>
        <v>0</v>
      </c>
    </row>
    <row r="3299" spans="8:17" x14ac:dyDescent="0.25">
      <c r="H3299" s="43">
        <v>3292</v>
      </c>
      <c r="I3299" s="55">
        <f>Bühler!I3325</f>
        <v>1.2831638038033979</v>
      </c>
      <c r="J3299" s="58">
        <f>Bühler!J3325</f>
        <v>11.033891426152886</v>
      </c>
      <c r="K3299" s="58">
        <f>Bühler!K3325</f>
        <v>0.61919025812438866</v>
      </c>
      <c r="L3299" s="58">
        <f>Bühler!L3325</f>
        <v>0.30959512906219433</v>
      </c>
      <c r="M3299" s="57">
        <f>Bühler!M3325</f>
        <v>0</v>
      </c>
      <c r="N3299" s="55">
        <f>IF(Input!$K$13=1,J3299*Input!$J$13,0)+IF(Input!$K$14=1,K3299*Input!$J$14,0)+IF(Input!$K$15=1,L3299*Input!$J$15,0)+IF(Input!$K$16=1,M3299*Input!$J$16,0)</f>
        <v>1.3240669711383464</v>
      </c>
      <c r="O3299" s="58">
        <f>IF(Input!$K$13=2,J3299*Input!$J$13,0)+IF(Input!$K$14=2,K3299*Input!$J$14,0)+IF(Input!$K$15=2,L3299*Input!$J$15,0)+IF(Input!$K$16=2,M3299*Input!$J$16,0)</f>
        <v>8.3590684846792468E-2</v>
      </c>
      <c r="P3299" s="58">
        <f>IF(Input!$K$13=3,J3299*Input!$J$13,0)+IF(Input!$K$14=3,K3299*Input!$J$14,0)+IF(Input!$K$15=3,L3299*Input!$J$15,0)+IF(Input!$K$16=3,M3299*Input!$J$16,0)</f>
        <v>0</v>
      </c>
      <c r="Q3299" s="71">
        <f>IF(Input!$K$13=4,J3299*Input!$J$13,0)+IF(Input!$K$14=4,K3299*Input!$J$14,0)+IF(Input!$K$15=4,L3299*Input!$J$15,0)+IF(Input!$K$16=4,M3299*Input!$J$16,0)</f>
        <v>0</v>
      </c>
    </row>
    <row r="3300" spans="8:17" x14ac:dyDescent="0.25">
      <c r="H3300" s="43">
        <v>3293</v>
      </c>
      <c r="I3300" s="55">
        <f>Bühler!I3326</f>
        <v>1.2831638038033979</v>
      </c>
      <c r="J3300" s="58">
        <f>Bühler!J3326</f>
        <v>11.033891426152886</v>
      </c>
      <c r="K3300" s="58">
        <f>Bühler!K3326</f>
        <v>0.61919025812438866</v>
      </c>
      <c r="L3300" s="58">
        <f>Bühler!L3326</f>
        <v>0.30959512906219433</v>
      </c>
      <c r="M3300" s="57">
        <f>Bühler!M3326</f>
        <v>0</v>
      </c>
      <c r="N3300" s="55">
        <f>IF(Input!$K$13=1,J3300*Input!$J$13,0)+IF(Input!$K$14=1,K3300*Input!$J$14,0)+IF(Input!$K$15=1,L3300*Input!$J$15,0)+IF(Input!$K$16=1,M3300*Input!$J$16,0)</f>
        <v>1.3240669711383464</v>
      </c>
      <c r="O3300" s="58">
        <f>IF(Input!$K$13=2,J3300*Input!$J$13,0)+IF(Input!$K$14=2,K3300*Input!$J$14,0)+IF(Input!$K$15=2,L3300*Input!$J$15,0)+IF(Input!$K$16=2,M3300*Input!$J$16,0)</f>
        <v>8.3590684846792468E-2</v>
      </c>
      <c r="P3300" s="58">
        <f>IF(Input!$K$13=3,J3300*Input!$J$13,0)+IF(Input!$K$14=3,K3300*Input!$J$14,0)+IF(Input!$K$15=3,L3300*Input!$J$15,0)+IF(Input!$K$16=3,M3300*Input!$J$16,0)</f>
        <v>0</v>
      </c>
      <c r="Q3300" s="71">
        <f>IF(Input!$K$13=4,J3300*Input!$J$13,0)+IF(Input!$K$14=4,K3300*Input!$J$14,0)+IF(Input!$K$15=4,L3300*Input!$J$15,0)+IF(Input!$K$16=4,M3300*Input!$J$16,0)</f>
        <v>0</v>
      </c>
    </row>
    <row r="3301" spans="8:17" x14ac:dyDescent="0.25">
      <c r="H3301" s="43">
        <v>3294</v>
      </c>
      <c r="I3301" s="55">
        <f>Bühler!I3327</f>
        <v>1.2831638038033979</v>
      </c>
      <c r="J3301" s="58">
        <f>Bühler!J3327</f>
        <v>11.033891426152886</v>
      </c>
      <c r="K3301" s="58">
        <f>Bühler!K3327</f>
        <v>0.61919025812438866</v>
      </c>
      <c r="L3301" s="58">
        <f>Bühler!L3327</f>
        <v>0.30959512906219433</v>
      </c>
      <c r="M3301" s="57">
        <f>Bühler!M3327</f>
        <v>0</v>
      </c>
      <c r="N3301" s="55">
        <f>IF(Input!$K$13=1,J3301*Input!$J$13,0)+IF(Input!$K$14=1,K3301*Input!$J$14,0)+IF(Input!$K$15=1,L3301*Input!$J$15,0)+IF(Input!$K$16=1,M3301*Input!$J$16,0)</f>
        <v>1.3240669711383464</v>
      </c>
      <c r="O3301" s="58">
        <f>IF(Input!$K$13=2,J3301*Input!$J$13,0)+IF(Input!$K$14=2,K3301*Input!$J$14,0)+IF(Input!$K$15=2,L3301*Input!$J$15,0)+IF(Input!$K$16=2,M3301*Input!$J$16,0)</f>
        <v>8.3590684846792468E-2</v>
      </c>
      <c r="P3301" s="58">
        <f>IF(Input!$K$13=3,J3301*Input!$J$13,0)+IF(Input!$K$14=3,K3301*Input!$J$14,0)+IF(Input!$K$15=3,L3301*Input!$J$15,0)+IF(Input!$K$16=3,M3301*Input!$J$16,0)</f>
        <v>0</v>
      </c>
      <c r="Q3301" s="71">
        <f>IF(Input!$K$13=4,J3301*Input!$J$13,0)+IF(Input!$K$14=4,K3301*Input!$J$14,0)+IF(Input!$K$15=4,L3301*Input!$J$15,0)+IF(Input!$K$16=4,M3301*Input!$J$16,0)</f>
        <v>0</v>
      </c>
    </row>
    <row r="3302" spans="8:17" x14ac:dyDescent="0.25">
      <c r="H3302" s="43">
        <v>3295</v>
      </c>
      <c r="I3302" s="55">
        <f>Bühler!I3328</f>
        <v>1.2831638038033979</v>
      </c>
      <c r="J3302" s="58">
        <f>Bühler!J3328</f>
        <v>11.033891426152886</v>
      </c>
      <c r="K3302" s="58">
        <f>Bühler!K3328</f>
        <v>0.61919025812438866</v>
      </c>
      <c r="L3302" s="58">
        <f>Bühler!L3328</f>
        <v>0.30959512906219433</v>
      </c>
      <c r="M3302" s="57">
        <f>Bühler!M3328</f>
        <v>0</v>
      </c>
      <c r="N3302" s="55">
        <f>IF(Input!$K$13=1,J3302*Input!$J$13,0)+IF(Input!$K$14=1,K3302*Input!$J$14,0)+IF(Input!$K$15=1,L3302*Input!$J$15,0)+IF(Input!$K$16=1,M3302*Input!$J$16,0)</f>
        <v>1.3240669711383464</v>
      </c>
      <c r="O3302" s="58">
        <f>IF(Input!$K$13=2,J3302*Input!$J$13,0)+IF(Input!$K$14=2,K3302*Input!$J$14,0)+IF(Input!$K$15=2,L3302*Input!$J$15,0)+IF(Input!$K$16=2,M3302*Input!$J$16,0)</f>
        <v>8.3590684846792468E-2</v>
      </c>
      <c r="P3302" s="58">
        <f>IF(Input!$K$13=3,J3302*Input!$J$13,0)+IF(Input!$K$14=3,K3302*Input!$J$14,0)+IF(Input!$K$15=3,L3302*Input!$J$15,0)+IF(Input!$K$16=3,M3302*Input!$J$16,0)</f>
        <v>0</v>
      </c>
      <c r="Q3302" s="71">
        <f>IF(Input!$K$13=4,J3302*Input!$J$13,0)+IF(Input!$K$14=4,K3302*Input!$J$14,0)+IF(Input!$K$15=4,L3302*Input!$J$15,0)+IF(Input!$K$16=4,M3302*Input!$J$16,0)</f>
        <v>0</v>
      </c>
    </row>
    <row r="3303" spans="8:17" x14ac:dyDescent="0.25">
      <c r="H3303" s="43">
        <v>3296</v>
      </c>
      <c r="I3303" s="55">
        <f>Bühler!I3329</f>
        <v>3.5351162794783604</v>
      </c>
      <c r="J3303" s="58">
        <f>Bühler!J3329</f>
        <v>43.252383741975983</v>
      </c>
      <c r="K3303" s="58">
        <f>Bühler!K3329</f>
        <v>2.5311747218478793</v>
      </c>
      <c r="L3303" s="58">
        <f>Bühler!L3329</f>
        <v>1.2655873609239396</v>
      </c>
      <c r="M3303" s="57">
        <f>Bühler!M3329</f>
        <v>0</v>
      </c>
      <c r="N3303" s="55">
        <f>IF(Input!$K$13=1,J3303*Input!$J$13,0)+IF(Input!$K$14=1,K3303*Input!$J$14,0)+IF(Input!$K$15=1,L3303*Input!$J$15,0)+IF(Input!$K$16=1,M3303*Input!$J$16,0)</f>
        <v>5.1902860490371179</v>
      </c>
      <c r="O3303" s="58">
        <f>IF(Input!$K$13=2,J3303*Input!$J$13,0)+IF(Input!$K$14=2,K3303*Input!$J$14,0)+IF(Input!$K$15=2,L3303*Input!$J$15,0)+IF(Input!$K$16=2,M3303*Input!$J$16,0)</f>
        <v>0.3417085874494637</v>
      </c>
      <c r="P3303" s="58">
        <f>IF(Input!$K$13=3,J3303*Input!$J$13,0)+IF(Input!$K$14=3,K3303*Input!$J$14,0)+IF(Input!$K$15=3,L3303*Input!$J$15,0)+IF(Input!$K$16=3,M3303*Input!$J$16,0)</f>
        <v>0</v>
      </c>
      <c r="Q3303" s="71">
        <f>IF(Input!$K$13=4,J3303*Input!$J$13,0)+IF(Input!$K$14=4,K3303*Input!$J$14,0)+IF(Input!$K$15=4,L3303*Input!$J$15,0)+IF(Input!$K$16=4,M3303*Input!$J$16,0)</f>
        <v>0</v>
      </c>
    </row>
    <row r="3304" spans="8:17" x14ac:dyDescent="0.25">
      <c r="H3304" s="43">
        <v>3297</v>
      </c>
      <c r="I3304" s="55">
        <f>Bühler!I3330</f>
        <v>3.9444455328916446</v>
      </c>
      <c r="J3304" s="58">
        <f>Bühler!J3330</f>
        <v>48.260554491046889</v>
      </c>
      <c r="K3304" s="58">
        <f>Bühler!K3330</f>
        <v>2.8242581106934237</v>
      </c>
      <c r="L3304" s="58">
        <f>Bühler!L3330</f>
        <v>1.4121290553467118</v>
      </c>
      <c r="M3304" s="57">
        <f>Bühler!M3330</f>
        <v>0</v>
      </c>
      <c r="N3304" s="55">
        <f>IF(Input!$K$13=1,J3304*Input!$J$13,0)+IF(Input!$K$14=1,K3304*Input!$J$14,0)+IF(Input!$K$15=1,L3304*Input!$J$15,0)+IF(Input!$K$16=1,M3304*Input!$J$16,0)</f>
        <v>5.7912665389256262</v>
      </c>
      <c r="O3304" s="58">
        <f>IF(Input!$K$13=2,J3304*Input!$J$13,0)+IF(Input!$K$14=2,K3304*Input!$J$14,0)+IF(Input!$K$15=2,L3304*Input!$J$15,0)+IF(Input!$K$16=2,M3304*Input!$J$16,0)</f>
        <v>0.38127484494361219</v>
      </c>
      <c r="P3304" s="58">
        <f>IF(Input!$K$13=3,J3304*Input!$J$13,0)+IF(Input!$K$14=3,K3304*Input!$J$14,0)+IF(Input!$K$15=3,L3304*Input!$J$15,0)+IF(Input!$K$16=3,M3304*Input!$J$16,0)</f>
        <v>0</v>
      </c>
      <c r="Q3304" s="71">
        <f>IF(Input!$K$13=4,J3304*Input!$J$13,0)+IF(Input!$K$14=4,K3304*Input!$J$14,0)+IF(Input!$K$15=4,L3304*Input!$J$15,0)+IF(Input!$K$16=4,M3304*Input!$J$16,0)</f>
        <v>0</v>
      </c>
    </row>
    <row r="3305" spans="8:17" x14ac:dyDescent="0.25">
      <c r="H3305" s="43">
        <v>3298</v>
      </c>
      <c r="I3305" s="55">
        <f>Bühler!I3331</f>
        <v>4.3537747863049283</v>
      </c>
      <c r="J3305" s="58">
        <f>Bühler!J3331</f>
        <v>53.268725240117796</v>
      </c>
      <c r="K3305" s="58">
        <f>Bühler!K3331</f>
        <v>3.1173414995389677</v>
      </c>
      <c r="L3305" s="58">
        <f>Bühler!L3331</f>
        <v>1.5586707497694838</v>
      </c>
      <c r="M3305" s="57">
        <f>Bühler!M3331</f>
        <v>0</v>
      </c>
      <c r="N3305" s="55">
        <f>IF(Input!$K$13=1,J3305*Input!$J$13,0)+IF(Input!$K$14=1,K3305*Input!$J$14,0)+IF(Input!$K$15=1,L3305*Input!$J$15,0)+IF(Input!$K$16=1,M3305*Input!$J$16,0)</f>
        <v>6.3922470288141353</v>
      </c>
      <c r="O3305" s="58">
        <f>IF(Input!$K$13=2,J3305*Input!$J$13,0)+IF(Input!$K$14=2,K3305*Input!$J$14,0)+IF(Input!$K$15=2,L3305*Input!$J$15,0)+IF(Input!$K$16=2,M3305*Input!$J$16,0)</f>
        <v>0.42084110243776063</v>
      </c>
      <c r="P3305" s="58">
        <f>IF(Input!$K$13=3,J3305*Input!$J$13,0)+IF(Input!$K$14=3,K3305*Input!$J$14,0)+IF(Input!$K$15=3,L3305*Input!$J$15,0)+IF(Input!$K$16=3,M3305*Input!$J$16,0)</f>
        <v>0</v>
      </c>
      <c r="Q3305" s="71">
        <f>IF(Input!$K$13=4,J3305*Input!$J$13,0)+IF(Input!$K$14=4,K3305*Input!$J$14,0)+IF(Input!$K$15=4,L3305*Input!$J$15,0)+IF(Input!$K$16=4,M3305*Input!$J$16,0)</f>
        <v>0</v>
      </c>
    </row>
    <row r="3306" spans="8:17" x14ac:dyDescent="0.25">
      <c r="H3306" s="43">
        <v>3299</v>
      </c>
      <c r="I3306" s="55">
        <f>Bühler!I3332</f>
        <v>4.3537747863049283</v>
      </c>
      <c r="J3306" s="58">
        <f>Bühler!J3332</f>
        <v>53.268725240117796</v>
      </c>
      <c r="K3306" s="58">
        <f>Bühler!K3332</f>
        <v>3.1173414995389677</v>
      </c>
      <c r="L3306" s="58">
        <f>Bühler!L3332</f>
        <v>1.5586707497694838</v>
      </c>
      <c r="M3306" s="57">
        <f>Bühler!M3332</f>
        <v>0</v>
      </c>
      <c r="N3306" s="55">
        <f>IF(Input!$K$13=1,J3306*Input!$J$13,0)+IF(Input!$K$14=1,K3306*Input!$J$14,0)+IF(Input!$K$15=1,L3306*Input!$J$15,0)+IF(Input!$K$16=1,M3306*Input!$J$16,0)</f>
        <v>6.3922470288141353</v>
      </c>
      <c r="O3306" s="58">
        <f>IF(Input!$K$13=2,J3306*Input!$J$13,0)+IF(Input!$K$14=2,K3306*Input!$J$14,0)+IF(Input!$K$15=2,L3306*Input!$J$15,0)+IF(Input!$K$16=2,M3306*Input!$J$16,0)</f>
        <v>0.42084110243776063</v>
      </c>
      <c r="P3306" s="58">
        <f>IF(Input!$K$13=3,J3306*Input!$J$13,0)+IF(Input!$K$14=3,K3306*Input!$J$14,0)+IF(Input!$K$15=3,L3306*Input!$J$15,0)+IF(Input!$K$16=3,M3306*Input!$J$16,0)</f>
        <v>0</v>
      </c>
      <c r="Q3306" s="71">
        <f>IF(Input!$K$13=4,J3306*Input!$J$13,0)+IF(Input!$K$14=4,K3306*Input!$J$14,0)+IF(Input!$K$15=4,L3306*Input!$J$15,0)+IF(Input!$K$16=4,M3306*Input!$J$16,0)</f>
        <v>0</v>
      </c>
    </row>
    <row r="3307" spans="8:17" x14ac:dyDescent="0.25">
      <c r="H3307" s="43">
        <v>3300</v>
      </c>
      <c r="I3307" s="55">
        <f>Bühler!I3333</f>
        <v>5.2096450434417942</v>
      </c>
      <c r="J3307" s="58">
        <f>Bühler!J3333</f>
        <v>63.740354988175127</v>
      </c>
      <c r="K3307" s="58">
        <f>Bühler!K3333</f>
        <v>3.7301522216705592</v>
      </c>
      <c r="L3307" s="58">
        <f>Bühler!L3333</f>
        <v>1.8650761108352796</v>
      </c>
      <c r="M3307" s="57">
        <f>Bühler!M3333</f>
        <v>0</v>
      </c>
      <c r="N3307" s="55">
        <f>IF(Input!$K$13=1,J3307*Input!$J$13,0)+IF(Input!$K$14=1,K3307*Input!$J$14,0)+IF(Input!$K$15=1,L3307*Input!$J$15,0)+IF(Input!$K$16=1,M3307*Input!$J$16,0)</f>
        <v>7.6488425985810151</v>
      </c>
      <c r="O3307" s="58">
        <f>IF(Input!$K$13=2,J3307*Input!$J$13,0)+IF(Input!$K$14=2,K3307*Input!$J$14,0)+IF(Input!$K$15=2,L3307*Input!$J$15,0)+IF(Input!$K$16=2,M3307*Input!$J$16,0)</f>
        <v>0.50357054992552541</v>
      </c>
      <c r="P3307" s="58">
        <f>IF(Input!$K$13=3,J3307*Input!$J$13,0)+IF(Input!$K$14=3,K3307*Input!$J$14,0)+IF(Input!$K$15=3,L3307*Input!$J$15,0)+IF(Input!$K$16=3,M3307*Input!$J$16,0)</f>
        <v>0</v>
      </c>
      <c r="Q3307" s="71">
        <f>IF(Input!$K$13=4,J3307*Input!$J$13,0)+IF(Input!$K$14=4,K3307*Input!$J$14,0)+IF(Input!$K$15=4,L3307*Input!$J$15,0)+IF(Input!$K$16=4,M3307*Input!$J$16,0)</f>
        <v>0</v>
      </c>
    </row>
    <row r="3308" spans="8:17" x14ac:dyDescent="0.25">
      <c r="H3308" s="43">
        <v>3301</v>
      </c>
      <c r="I3308" s="55">
        <f>Bühler!I3334</f>
        <v>5.2096450434417942</v>
      </c>
      <c r="J3308" s="58">
        <f>Bühler!J3334</f>
        <v>63.740354988175127</v>
      </c>
      <c r="K3308" s="58">
        <f>Bühler!K3334</f>
        <v>3.7301522216705592</v>
      </c>
      <c r="L3308" s="58">
        <f>Bühler!L3334</f>
        <v>1.8650761108352796</v>
      </c>
      <c r="M3308" s="57">
        <f>Bühler!M3334</f>
        <v>0</v>
      </c>
      <c r="N3308" s="55">
        <f>IF(Input!$K$13=1,J3308*Input!$J$13,0)+IF(Input!$K$14=1,K3308*Input!$J$14,0)+IF(Input!$K$15=1,L3308*Input!$J$15,0)+IF(Input!$K$16=1,M3308*Input!$J$16,0)</f>
        <v>7.6488425985810151</v>
      </c>
      <c r="O3308" s="58">
        <f>IF(Input!$K$13=2,J3308*Input!$J$13,0)+IF(Input!$K$14=2,K3308*Input!$J$14,0)+IF(Input!$K$15=2,L3308*Input!$J$15,0)+IF(Input!$K$16=2,M3308*Input!$J$16,0)</f>
        <v>0.50357054992552541</v>
      </c>
      <c r="P3308" s="58">
        <f>IF(Input!$K$13=3,J3308*Input!$J$13,0)+IF(Input!$K$14=3,K3308*Input!$J$14,0)+IF(Input!$K$15=3,L3308*Input!$J$15,0)+IF(Input!$K$16=3,M3308*Input!$J$16,0)</f>
        <v>0</v>
      </c>
      <c r="Q3308" s="71">
        <f>IF(Input!$K$13=4,J3308*Input!$J$13,0)+IF(Input!$K$14=4,K3308*Input!$J$14,0)+IF(Input!$K$15=4,L3308*Input!$J$15,0)+IF(Input!$K$16=4,M3308*Input!$J$16,0)</f>
        <v>0</v>
      </c>
    </row>
    <row r="3309" spans="8:17" x14ac:dyDescent="0.25">
      <c r="H3309" s="43">
        <v>3302</v>
      </c>
      <c r="I3309" s="55">
        <f>Bühler!I3335</f>
        <v>3.4606927788577631</v>
      </c>
      <c r="J3309" s="58">
        <f>Bühler!J3335</f>
        <v>42.34180724214491</v>
      </c>
      <c r="K3309" s="58">
        <f>Bühler!K3335</f>
        <v>2.4778868329668713</v>
      </c>
      <c r="L3309" s="58">
        <f>Bühler!L3335</f>
        <v>1.2389434164834356</v>
      </c>
      <c r="M3309" s="57">
        <f>Bühler!M3335</f>
        <v>0</v>
      </c>
      <c r="N3309" s="55">
        <f>IF(Input!$K$13=1,J3309*Input!$J$13,0)+IF(Input!$K$14=1,K3309*Input!$J$14,0)+IF(Input!$K$15=1,L3309*Input!$J$15,0)+IF(Input!$K$16=1,M3309*Input!$J$16,0)</f>
        <v>5.0810168690573887</v>
      </c>
      <c r="O3309" s="58">
        <f>IF(Input!$K$13=2,J3309*Input!$J$13,0)+IF(Input!$K$14=2,K3309*Input!$J$14,0)+IF(Input!$K$15=2,L3309*Input!$J$15,0)+IF(Input!$K$16=2,M3309*Input!$J$16,0)</f>
        <v>0.3345147224505276</v>
      </c>
      <c r="P3309" s="58">
        <f>IF(Input!$K$13=3,J3309*Input!$J$13,0)+IF(Input!$K$14=3,K3309*Input!$J$14,0)+IF(Input!$K$15=3,L3309*Input!$J$15,0)+IF(Input!$K$16=3,M3309*Input!$J$16,0)</f>
        <v>0</v>
      </c>
      <c r="Q3309" s="71">
        <f>IF(Input!$K$13=4,J3309*Input!$J$13,0)+IF(Input!$K$14=4,K3309*Input!$J$14,0)+IF(Input!$K$15=4,L3309*Input!$J$15,0)+IF(Input!$K$16=4,M3309*Input!$J$16,0)</f>
        <v>0</v>
      </c>
    </row>
    <row r="3310" spans="8:17" x14ac:dyDescent="0.25">
      <c r="H3310" s="43">
        <v>3303</v>
      </c>
      <c r="I3310" s="55">
        <f>Bühler!I3336</f>
        <v>5.2096450434417942</v>
      </c>
      <c r="J3310" s="58">
        <f>Bühler!J3336</f>
        <v>63.740354988175127</v>
      </c>
      <c r="K3310" s="58">
        <f>Bühler!K3336</f>
        <v>3.7301522216705592</v>
      </c>
      <c r="L3310" s="58">
        <f>Bühler!L3336</f>
        <v>1.8650761108352796</v>
      </c>
      <c r="M3310" s="57">
        <f>Bühler!M3336</f>
        <v>0</v>
      </c>
      <c r="N3310" s="55">
        <f>IF(Input!$K$13=1,J3310*Input!$J$13,0)+IF(Input!$K$14=1,K3310*Input!$J$14,0)+IF(Input!$K$15=1,L3310*Input!$J$15,0)+IF(Input!$K$16=1,M3310*Input!$J$16,0)</f>
        <v>7.6488425985810151</v>
      </c>
      <c r="O3310" s="58">
        <f>IF(Input!$K$13=2,J3310*Input!$J$13,0)+IF(Input!$K$14=2,K3310*Input!$J$14,0)+IF(Input!$K$15=2,L3310*Input!$J$15,0)+IF(Input!$K$16=2,M3310*Input!$J$16,0)</f>
        <v>0.50357054992552541</v>
      </c>
      <c r="P3310" s="58">
        <f>IF(Input!$K$13=3,J3310*Input!$J$13,0)+IF(Input!$K$14=3,K3310*Input!$J$14,0)+IF(Input!$K$15=3,L3310*Input!$J$15,0)+IF(Input!$K$16=3,M3310*Input!$J$16,0)</f>
        <v>0</v>
      </c>
      <c r="Q3310" s="71">
        <f>IF(Input!$K$13=4,J3310*Input!$J$13,0)+IF(Input!$K$14=4,K3310*Input!$J$14,0)+IF(Input!$K$15=4,L3310*Input!$J$15,0)+IF(Input!$K$16=4,M3310*Input!$J$16,0)</f>
        <v>0</v>
      </c>
    </row>
    <row r="3311" spans="8:17" x14ac:dyDescent="0.25">
      <c r="H3311" s="43">
        <v>3304</v>
      </c>
      <c r="I3311" s="55">
        <f>Bühler!I3337</f>
        <v>5.2096450434417942</v>
      </c>
      <c r="J3311" s="58">
        <f>Bühler!J3337</f>
        <v>63.740354988175127</v>
      </c>
      <c r="K3311" s="58">
        <f>Bühler!K3337</f>
        <v>3.7301522216705592</v>
      </c>
      <c r="L3311" s="58">
        <f>Bühler!L3337</f>
        <v>1.8650761108352796</v>
      </c>
      <c r="M3311" s="57">
        <f>Bühler!M3337</f>
        <v>0</v>
      </c>
      <c r="N3311" s="55">
        <f>IF(Input!$K$13=1,J3311*Input!$J$13,0)+IF(Input!$K$14=1,K3311*Input!$J$14,0)+IF(Input!$K$15=1,L3311*Input!$J$15,0)+IF(Input!$K$16=1,M3311*Input!$J$16,0)</f>
        <v>7.6488425985810151</v>
      </c>
      <c r="O3311" s="58">
        <f>IF(Input!$K$13=2,J3311*Input!$J$13,0)+IF(Input!$K$14=2,K3311*Input!$J$14,0)+IF(Input!$K$15=2,L3311*Input!$J$15,0)+IF(Input!$K$16=2,M3311*Input!$J$16,0)</f>
        <v>0.50357054992552541</v>
      </c>
      <c r="P3311" s="58">
        <f>IF(Input!$K$13=3,J3311*Input!$J$13,0)+IF(Input!$K$14=3,K3311*Input!$J$14,0)+IF(Input!$K$15=3,L3311*Input!$J$15,0)+IF(Input!$K$16=3,M3311*Input!$J$16,0)</f>
        <v>0</v>
      </c>
      <c r="Q3311" s="71">
        <f>IF(Input!$K$13=4,J3311*Input!$J$13,0)+IF(Input!$K$14=4,K3311*Input!$J$14,0)+IF(Input!$K$15=4,L3311*Input!$J$15,0)+IF(Input!$K$16=4,M3311*Input!$J$16,0)</f>
        <v>0</v>
      </c>
    </row>
    <row r="3312" spans="8:17" x14ac:dyDescent="0.25">
      <c r="H3312" s="43">
        <v>3305</v>
      </c>
      <c r="I3312" s="55">
        <f>Bühler!I3338</f>
        <v>4.3531332044030275</v>
      </c>
      <c r="J3312" s="58">
        <f>Bühler!J3338</f>
        <v>38.951374738818785</v>
      </c>
      <c r="K3312" s="58">
        <f>Bühler!K3338</f>
        <v>2.1981254163415795</v>
      </c>
      <c r="L3312" s="58">
        <f>Bühler!L3338</f>
        <v>1.0990627081707898</v>
      </c>
      <c r="M3312" s="57">
        <f>Bühler!M3338</f>
        <v>0</v>
      </c>
      <c r="N3312" s="55">
        <f>IF(Input!$K$13=1,J3312*Input!$J$13,0)+IF(Input!$K$14=1,K3312*Input!$J$14,0)+IF(Input!$K$15=1,L3312*Input!$J$15,0)+IF(Input!$K$16=1,M3312*Input!$J$16,0)</f>
        <v>4.6741649686582543</v>
      </c>
      <c r="O3312" s="58">
        <f>IF(Input!$K$13=2,J3312*Input!$J$13,0)+IF(Input!$K$14=2,K3312*Input!$J$14,0)+IF(Input!$K$15=2,L3312*Input!$J$15,0)+IF(Input!$K$16=2,M3312*Input!$J$16,0)</f>
        <v>0.29674693120611323</v>
      </c>
      <c r="P3312" s="58">
        <f>IF(Input!$K$13=3,J3312*Input!$J$13,0)+IF(Input!$K$14=3,K3312*Input!$J$14,0)+IF(Input!$K$15=3,L3312*Input!$J$15,0)+IF(Input!$K$16=3,M3312*Input!$J$16,0)</f>
        <v>0</v>
      </c>
      <c r="Q3312" s="71">
        <f>IF(Input!$K$13=4,J3312*Input!$J$13,0)+IF(Input!$K$14=4,K3312*Input!$J$14,0)+IF(Input!$K$15=4,L3312*Input!$J$15,0)+IF(Input!$K$16=4,M3312*Input!$J$16,0)</f>
        <v>0</v>
      </c>
    </row>
    <row r="3313" spans="8:17" x14ac:dyDescent="0.25">
      <c r="H3313" s="43">
        <v>3306</v>
      </c>
      <c r="I3313" s="55">
        <f>Bühler!I3339</f>
        <v>3.4613343607596652</v>
      </c>
      <c r="J3313" s="58">
        <f>Bühler!J3339</f>
        <v>18.361592989862171</v>
      </c>
      <c r="K3313" s="58">
        <f>Bühler!K3339</f>
        <v>0.93816705776422515</v>
      </c>
      <c r="L3313" s="58">
        <f>Bühler!L3339</f>
        <v>0.46908352888211258</v>
      </c>
      <c r="M3313" s="57">
        <f>Bühler!M3339</f>
        <v>0</v>
      </c>
      <c r="N3313" s="55">
        <f>IF(Input!$K$13=1,J3313*Input!$J$13,0)+IF(Input!$K$14=1,K3313*Input!$J$14,0)+IF(Input!$K$15=1,L3313*Input!$J$15,0)+IF(Input!$K$16=1,M3313*Input!$J$16,0)</f>
        <v>2.2033911587834605</v>
      </c>
      <c r="O3313" s="58">
        <f>IF(Input!$K$13=2,J3313*Input!$J$13,0)+IF(Input!$K$14=2,K3313*Input!$J$14,0)+IF(Input!$K$15=2,L3313*Input!$J$15,0)+IF(Input!$K$16=2,M3313*Input!$J$16,0)</f>
        <v>0.12665255279817039</v>
      </c>
      <c r="P3313" s="58">
        <f>IF(Input!$K$13=3,J3313*Input!$J$13,0)+IF(Input!$K$14=3,K3313*Input!$J$14,0)+IF(Input!$K$15=3,L3313*Input!$J$15,0)+IF(Input!$K$16=3,M3313*Input!$J$16,0)</f>
        <v>0</v>
      </c>
      <c r="Q3313" s="71">
        <f>IF(Input!$K$13=4,J3313*Input!$J$13,0)+IF(Input!$K$14=4,K3313*Input!$J$14,0)+IF(Input!$K$15=4,L3313*Input!$J$15,0)+IF(Input!$K$16=4,M3313*Input!$J$16,0)</f>
        <v>0</v>
      </c>
    </row>
    <row r="3314" spans="8:17" x14ac:dyDescent="0.25">
      <c r="H3314" s="43">
        <v>3307</v>
      </c>
      <c r="I3314" s="55">
        <f>Bühler!I3340</f>
        <v>1.2831638038033979</v>
      </c>
      <c r="J3314" s="58">
        <f>Bühler!J3340</f>
        <v>11.033891426152886</v>
      </c>
      <c r="K3314" s="58">
        <f>Bühler!K3340</f>
        <v>0.61919025812438866</v>
      </c>
      <c r="L3314" s="58">
        <f>Bühler!L3340</f>
        <v>0.30959512906219433</v>
      </c>
      <c r="M3314" s="57">
        <f>Bühler!M3340</f>
        <v>0</v>
      </c>
      <c r="N3314" s="55">
        <f>IF(Input!$K$13=1,J3314*Input!$J$13,0)+IF(Input!$K$14=1,K3314*Input!$J$14,0)+IF(Input!$K$15=1,L3314*Input!$J$15,0)+IF(Input!$K$16=1,M3314*Input!$J$16,0)</f>
        <v>1.3240669711383464</v>
      </c>
      <c r="O3314" s="58">
        <f>IF(Input!$K$13=2,J3314*Input!$J$13,0)+IF(Input!$K$14=2,K3314*Input!$J$14,0)+IF(Input!$K$15=2,L3314*Input!$J$15,0)+IF(Input!$K$16=2,M3314*Input!$J$16,0)</f>
        <v>8.3590684846792468E-2</v>
      </c>
      <c r="P3314" s="58">
        <f>IF(Input!$K$13=3,J3314*Input!$J$13,0)+IF(Input!$K$14=3,K3314*Input!$J$14,0)+IF(Input!$K$15=3,L3314*Input!$J$15,0)+IF(Input!$K$16=3,M3314*Input!$J$16,0)</f>
        <v>0</v>
      </c>
      <c r="Q3314" s="71">
        <f>IF(Input!$K$13=4,J3314*Input!$J$13,0)+IF(Input!$K$14=4,K3314*Input!$J$14,0)+IF(Input!$K$15=4,L3314*Input!$J$15,0)+IF(Input!$K$16=4,M3314*Input!$J$16,0)</f>
        <v>0</v>
      </c>
    </row>
    <row r="3315" spans="8:17" x14ac:dyDescent="0.25">
      <c r="H3315" s="43">
        <v>3308</v>
      </c>
      <c r="I3315" s="55">
        <f>Bühler!I3341</f>
        <v>1.2831638038033979</v>
      </c>
      <c r="J3315" s="58">
        <f>Bühler!J3341</f>
        <v>11.033891426152886</v>
      </c>
      <c r="K3315" s="58">
        <f>Bühler!K3341</f>
        <v>0.61919025812438866</v>
      </c>
      <c r="L3315" s="58">
        <f>Bühler!L3341</f>
        <v>0.30959512906219433</v>
      </c>
      <c r="M3315" s="57">
        <f>Bühler!M3341</f>
        <v>0</v>
      </c>
      <c r="N3315" s="55">
        <f>IF(Input!$K$13=1,J3315*Input!$J$13,0)+IF(Input!$K$14=1,K3315*Input!$J$14,0)+IF(Input!$K$15=1,L3315*Input!$J$15,0)+IF(Input!$K$16=1,M3315*Input!$J$16,0)</f>
        <v>1.3240669711383464</v>
      </c>
      <c r="O3315" s="58">
        <f>IF(Input!$K$13=2,J3315*Input!$J$13,0)+IF(Input!$K$14=2,K3315*Input!$J$14,0)+IF(Input!$K$15=2,L3315*Input!$J$15,0)+IF(Input!$K$16=2,M3315*Input!$J$16,0)</f>
        <v>8.3590684846792468E-2</v>
      </c>
      <c r="P3315" s="58">
        <f>IF(Input!$K$13=3,J3315*Input!$J$13,0)+IF(Input!$K$14=3,K3315*Input!$J$14,0)+IF(Input!$K$15=3,L3315*Input!$J$15,0)+IF(Input!$K$16=3,M3315*Input!$J$16,0)</f>
        <v>0</v>
      </c>
      <c r="Q3315" s="71">
        <f>IF(Input!$K$13=4,J3315*Input!$J$13,0)+IF(Input!$K$14=4,K3315*Input!$J$14,0)+IF(Input!$K$15=4,L3315*Input!$J$15,0)+IF(Input!$K$16=4,M3315*Input!$J$16,0)</f>
        <v>0</v>
      </c>
    </row>
    <row r="3316" spans="8:17" x14ac:dyDescent="0.25">
      <c r="H3316" s="43">
        <v>3309</v>
      </c>
      <c r="I3316" s="55">
        <f>Bühler!I3342</f>
        <v>1.2831638038033979</v>
      </c>
      <c r="J3316" s="58">
        <f>Bühler!J3342</f>
        <v>11.033891426152886</v>
      </c>
      <c r="K3316" s="58">
        <f>Bühler!K3342</f>
        <v>0.61919025812438866</v>
      </c>
      <c r="L3316" s="58">
        <f>Bühler!L3342</f>
        <v>0.30959512906219433</v>
      </c>
      <c r="M3316" s="57">
        <f>Bühler!M3342</f>
        <v>0</v>
      </c>
      <c r="N3316" s="55">
        <f>IF(Input!$K$13=1,J3316*Input!$J$13,0)+IF(Input!$K$14=1,K3316*Input!$J$14,0)+IF(Input!$K$15=1,L3316*Input!$J$15,0)+IF(Input!$K$16=1,M3316*Input!$J$16,0)</f>
        <v>1.3240669711383464</v>
      </c>
      <c r="O3316" s="58">
        <f>IF(Input!$K$13=2,J3316*Input!$J$13,0)+IF(Input!$K$14=2,K3316*Input!$J$14,0)+IF(Input!$K$15=2,L3316*Input!$J$15,0)+IF(Input!$K$16=2,M3316*Input!$J$16,0)</f>
        <v>8.3590684846792468E-2</v>
      </c>
      <c r="P3316" s="58">
        <f>IF(Input!$K$13=3,J3316*Input!$J$13,0)+IF(Input!$K$14=3,K3316*Input!$J$14,0)+IF(Input!$K$15=3,L3316*Input!$J$15,0)+IF(Input!$K$16=3,M3316*Input!$J$16,0)</f>
        <v>0</v>
      </c>
      <c r="Q3316" s="71">
        <f>IF(Input!$K$13=4,J3316*Input!$J$13,0)+IF(Input!$K$14=4,K3316*Input!$J$14,0)+IF(Input!$K$15=4,L3316*Input!$J$15,0)+IF(Input!$K$16=4,M3316*Input!$J$16,0)</f>
        <v>0</v>
      </c>
    </row>
    <row r="3317" spans="8:17" x14ac:dyDescent="0.25">
      <c r="H3317" s="43">
        <v>3310</v>
      </c>
      <c r="I3317" s="55">
        <f>Bühler!I3343</f>
        <v>1.2831638038033979</v>
      </c>
      <c r="J3317" s="58">
        <f>Bühler!J3343</f>
        <v>11.033891426152886</v>
      </c>
      <c r="K3317" s="58">
        <f>Bühler!K3343</f>
        <v>0.61919025812438866</v>
      </c>
      <c r="L3317" s="58">
        <f>Bühler!L3343</f>
        <v>0.30959512906219433</v>
      </c>
      <c r="M3317" s="57">
        <f>Bühler!M3343</f>
        <v>0</v>
      </c>
      <c r="N3317" s="55">
        <f>IF(Input!$K$13=1,J3317*Input!$J$13,0)+IF(Input!$K$14=1,K3317*Input!$J$14,0)+IF(Input!$K$15=1,L3317*Input!$J$15,0)+IF(Input!$K$16=1,M3317*Input!$J$16,0)</f>
        <v>1.3240669711383464</v>
      </c>
      <c r="O3317" s="58">
        <f>IF(Input!$K$13=2,J3317*Input!$J$13,0)+IF(Input!$K$14=2,K3317*Input!$J$14,0)+IF(Input!$K$15=2,L3317*Input!$J$15,0)+IF(Input!$K$16=2,M3317*Input!$J$16,0)</f>
        <v>8.3590684846792468E-2</v>
      </c>
      <c r="P3317" s="58">
        <f>IF(Input!$K$13=3,J3317*Input!$J$13,0)+IF(Input!$K$14=3,K3317*Input!$J$14,0)+IF(Input!$K$15=3,L3317*Input!$J$15,0)+IF(Input!$K$16=3,M3317*Input!$J$16,0)</f>
        <v>0</v>
      </c>
      <c r="Q3317" s="71">
        <f>IF(Input!$K$13=4,J3317*Input!$J$13,0)+IF(Input!$K$14=4,K3317*Input!$J$14,0)+IF(Input!$K$15=4,L3317*Input!$J$15,0)+IF(Input!$K$16=4,M3317*Input!$J$16,0)</f>
        <v>0</v>
      </c>
    </row>
    <row r="3318" spans="8:17" x14ac:dyDescent="0.25">
      <c r="H3318" s="43">
        <v>3311</v>
      </c>
      <c r="I3318" s="55">
        <f>Bühler!I3344</f>
        <v>1.2831638038033979</v>
      </c>
      <c r="J3318" s="58">
        <f>Bühler!J3344</f>
        <v>11.033891426152886</v>
      </c>
      <c r="K3318" s="58">
        <f>Bühler!K3344</f>
        <v>0.61919025812438866</v>
      </c>
      <c r="L3318" s="58">
        <f>Bühler!L3344</f>
        <v>0.30959512906219433</v>
      </c>
      <c r="M3318" s="57">
        <f>Bühler!M3344</f>
        <v>0</v>
      </c>
      <c r="N3318" s="55">
        <f>IF(Input!$K$13=1,J3318*Input!$J$13,0)+IF(Input!$K$14=1,K3318*Input!$J$14,0)+IF(Input!$K$15=1,L3318*Input!$J$15,0)+IF(Input!$K$16=1,M3318*Input!$J$16,0)</f>
        <v>1.3240669711383464</v>
      </c>
      <c r="O3318" s="58">
        <f>IF(Input!$K$13=2,J3318*Input!$J$13,0)+IF(Input!$K$14=2,K3318*Input!$J$14,0)+IF(Input!$K$15=2,L3318*Input!$J$15,0)+IF(Input!$K$16=2,M3318*Input!$J$16,0)</f>
        <v>8.3590684846792468E-2</v>
      </c>
      <c r="P3318" s="58">
        <f>IF(Input!$K$13=3,J3318*Input!$J$13,0)+IF(Input!$K$14=3,K3318*Input!$J$14,0)+IF(Input!$K$15=3,L3318*Input!$J$15,0)+IF(Input!$K$16=3,M3318*Input!$J$16,0)</f>
        <v>0</v>
      </c>
      <c r="Q3318" s="71">
        <f>IF(Input!$K$13=4,J3318*Input!$J$13,0)+IF(Input!$K$14=4,K3318*Input!$J$14,0)+IF(Input!$K$15=4,L3318*Input!$J$15,0)+IF(Input!$K$16=4,M3318*Input!$J$16,0)</f>
        <v>0</v>
      </c>
    </row>
    <row r="3319" spans="8:17" x14ac:dyDescent="0.25">
      <c r="H3319" s="43">
        <v>3312</v>
      </c>
      <c r="I3319" s="55">
        <f>Bühler!I3345</f>
        <v>1.2831638038033979</v>
      </c>
      <c r="J3319" s="58">
        <f>Bühler!J3345</f>
        <v>11.033891426152886</v>
      </c>
      <c r="K3319" s="58">
        <f>Bühler!K3345</f>
        <v>0.61919025812438866</v>
      </c>
      <c r="L3319" s="58">
        <f>Bühler!L3345</f>
        <v>0.30959512906219433</v>
      </c>
      <c r="M3319" s="57">
        <f>Bühler!M3345</f>
        <v>0</v>
      </c>
      <c r="N3319" s="55">
        <f>IF(Input!$K$13=1,J3319*Input!$J$13,0)+IF(Input!$K$14=1,K3319*Input!$J$14,0)+IF(Input!$K$15=1,L3319*Input!$J$15,0)+IF(Input!$K$16=1,M3319*Input!$J$16,0)</f>
        <v>1.3240669711383464</v>
      </c>
      <c r="O3319" s="58">
        <f>IF(Input!$K$13=2,J3319*Input!$J$13,0)+IF(Input!$K$14=2,K3319*Input!$J$14,0)+IF(Input!$K$15=2,L3319*Input!$J$15,0)+IF(Input!$K$16=2,M3319*Input!$J$16,0)</f>
        <v>8.3590684846792468E-2</v>
      </c>
      <c r="P3319" s="58">
        <f>IF(Input!$K$13=3,J3319*Input!$J$13,0)+IF(Input!$K$14=3,K3319*Input!$J$14,0)+IF(Input!$K$15=3,L3319*Input!$J$15,0)+IF(Input!$K$16=3,M3319*Input!$J$16,0)</f>
        <v>0</v>
      </c>
      <c r="Q3319" s="71">
        <f>IF(Input!$K$13=4,J3319*Input!$J$13,0)+IF(Input!$K$14=4,K3319*Input!$J$14,0)+IF(Input!$K$15=4,L3319*Input!$J$15,0)+IF(Input!$K$16=4,M3319*Input!$J$16,0)</f>
        <v>0</v>
      </c>
    </row>
    <row r="3320" spans="8:17" x14ac:dyDescent="0.25">
      <c r="H3320" s="43">
        <v>3313</v>
      </c>
      <c r="I3320" s="55">
        <f>Bühler!I3346</f>
        <v>0.47587213943459633</v>
      </c>
      <c r="J3320" s="58">
        <f>Bühler!J3346</f>
        <v>13.20773061889806</v>
      </c>
      <c r="K3320" s="58">
        <f>Bühler!K3346</f>
        <v>0.92252939530463729</v>
      </c>
      <c r="L3320" s="58">
        <f>Bühler!L3346</f>
        <v>0.46126469765231864</v>
      </c>
      <c r="M3320" s="57">
        <f>Bühler!M3346</f>
        <v>0</v>
      </c>
      <c r="N3320" s="55">
        <f>IF(Input!$K$13=1,J3320*Input!$J$13,0)+IF(Input!$K$14=1,K3320*Input!$J$14,0)+IF(Input!$K$15=1,L3320*Input!$J$15,0)+IF(Input!$K$16=1,M3320*Input!$J$16,0)</f>
        <v>1.5849276742677672</v>
      </c>
      <c r="O3320" s="58">
        <f>IF(Input!$K$13=2,J3320*Input!$J$13,0)+IF(Input!$K$14=2,K3320*Input!$J$14,0)+IF(Input!$K$15=2,L3320*Input!$J$15,0)+IF(Input!$K$16=2,M3320*Input!$J$16,0)</f>
        <v>0.12454146836612603</v>
      </c>
      <c r="P3320" s="58">
        <f>IF(Input!$K$13=3,J3320*Input!$J$13,0)+IF(Input!$K$14=3,K3320*Input!$J$14,0)+IF(Input!$K$15=3,L3320*Input!$J$15,0)+IF(Input!$K$16=3,M3320*Input!$J$16,0)</f>
        <v>0</v>
      </c>
      <c r="Q3320" s="71">
        <f>IF(Input!$K$13=4,J3320*Input!$J$13,0)+IF(Input!$K$14=4,K3320*Input!$J$14,0)+IF(Input!$K$15=4,L3320*Input!$J$15,0)+IF(Input!$K$16=4,M3320*Input!$J$16,0)</f>
        <v>0</v>
      </c>
    </row>
    <row r="3321" spans="8:17" x14ac:dyDescent="0.25">
      <c r="H3321" s="43">
        <v>3314</v>
      </c>
      <c r="I3321" s="55">
        <f>Bühler!I3347</f>
        <v>0.47587213943459633</v>
      </c>
      <c r="J3321" s="58">
        <f>Bühler!J3347</f>
        <v>8.2077720709595496</v>
      </c>
      <c r="K3321" s="58">
        <f>Bühler!K3347</f>
        <v>0.55910872442705295</v>
      </c>
      <c r="L3321" s="58">
        <f>Bühler!L3347</f>
        <v>0.27955436221352647</v>
      </c>
      <c r="M3321" s="57">
        <f>Bühler!M3347</f>
        <v>0</v>
      </c>
      <c r="N3321" s="55">
        <f>IF(Input!$K$13=1,J3321*Input!$J$13,0)+IF(Input!$K$14=1,K3321*Input!$J$14,0)+IF(Input!$K$15=1,L3321*Input!$J$15,0)+IF(Input!$K$16=1,M3321*Input!$J$16,0)</f>
        <v>0.98493264851514595</v>
      </c>
      <c r="O3321" s="58">
        <f>IF(Input!$K$13=2,J3321*Input!$J$13,0)+IF(Input!$K$14=2,K3321*Input!$J$14,0)+IF(Input!$K$15=2,L3321*Input!$J$15,0)+IF(Input!$K$16=2,M3321*Input!$J$16,0)</f>
        <v>7.5479677797652134E-2</v>
      </c>
      <c r="P3321" s="58">
        <f>IF(Input!$K$13=3,J3321*Input!$J$13,0)+IF(Input!$K$14=3,K3321*Input!$J$14,0)+IF(Input!$K$15=3,L3321*Input!$J$15,0)+IF(Input!$K$16=3,M3321*Input!$J$16,0)</f>
        <v>0</v>
      </c>
      <c r="Q3321" s="71">
        <f>IF(Input!$K$13=4,J3321*Input!$J$13,0)+IF(Input!$K$14=4,K3321*Input!$J$14,0)+IF(Input!$K$15=4,L3321*Input!$J$15,0)+IF(Input!$K$16=4,M3321*Input!$J$16,0)</f>
        <v>0</v>
      </c>
    </row>
    <row r="3322" spans="8:17" x14ac:dyDescent="0.25">
      <c r="H3322" s="43">
        <v>3315</v>
      </c>
      <c r="I3322" s="55">
        <f>Bühler!I3348</f>
        <v>0.47587213943459633</v>
      </c>
      <c r="J3322" s="58">
        <f>Bühler!J3348</f>
        <v>8.2077720709595496</v>
      </c>
      <c r="K3322" s="58">
        <f>Bühler!K3348</f>
        <v>0.55910872442705295</v>
      </c>
      <c r="L3322" s="58">
        <f>Bühler!L3348</f>
        <v>0.27955436221352647</v>
      </c>
      <c r="M3322" s="57">
        <f>Bühler!M3348</f>
        <v>0</v>
      </c>
      <c r="N3322" s="55">
        <f>IF(Input!$K$13=1,J3322*Input!$J$13,0)+IF(Input!$K$14=1,K3322*Input!$J$14,0)+IF(Input!$K$15=1,L3322*Input!$J$15,0)+IF(Input!$K$16=1,M3322*Input!$J$16,0)</f>
        <v>0.98493264851514595</v>
      </c>
      <c r="O3322" s="58">
        <f>IF(Input!$K$13=2,J3322*Input!$J$13,0)+IF(Input!$K$14=2,K3322*Input!$J$14,0)+IF(Input!$K$15=2,L3322*Input!$J$15,0)+IF(Input!$K$16=2,M3322*Input!$J$16,0)</f>
        <v>7.5479677797652134E-2</v>
      </c>
      <c r="P3322" s="58">
        <f>IF(Input!$K$13=3,J3322*Input!$J$13,0)+IF(Input!$K$14=3,K3322*Input!$J$14,0)+IF(Input!$K$15=3,L3322*Input!$J$15,0)+IF(Input!$K$16=3,M3322*Input!$J$16,0)</f>
        <v>0</v>
      </c>
      <c r="Q3322" s="71">
        <f>IF(Input!$K$13=4,J3322*Input!$J$13,0)+IF(Input!$K$14=4,K3322*Input!$J$14,0)+IF(Input!$K$15=4,L3322*Input!$J$15,0)+IF(Input!$K$16=4,M3322*Input!$J$16,0)</f>
        <v>0</v>
      </c>
    </row>
    <row r="3323" spans="8:17" x14ac:dyDescent="0.25">
      <c r="H3323" s="43">
        <v>3316</v>
      </c>
      <c r="I3323" s="55">
        <f>Bühler!I3349</f>
        <v>0.47587213943459633</v>
      </c>
      <c r="J3323" s="58">
        <f>Bühler!J3349</f>
        <v>8.2077720709595496</v>
      </c>
      <c r="K3323" s="58">
        <f>Bühler!K3349</f>
        <v>0.55910872442705295</v>
      </c>
      <c r="L3323" s="58">
        <f>Bühler!L3349</f>
        <v>0.27955436221352647</v>
      </c>
      <c r="M3323" s="57">
        <f>Bühler!M3349</f>
        <v>0</v>
      </c>
      <c r="N3323" s="55">
        <f>IF(Input!$K$13=1,J3323*Input!$J$13,0)+IF(Input!$K$14=1,K3323*Input!$J$14,0)+IF(Input!$K$15=1,L3323*Input!$J$15,0)+IF(Input!$K$16=1,M3323*Input!$J$16,0)</f>
        <v>0.98493264851514595</v>
      </c>
      <c r="O3323" s="58">
        <f>IF(Input!$K$13=2,J3323*Input!$J$13,0)+IF(Input!$K$14=2,K3323*Input!$J$14,0)+IF(Input!$K$15=2,L3323*Input!$J$15,0)+IF(Input!$K$16=2,M3323*Input!$J$16,0)</f>
        <v>7.5479677797652134E-2</v>
      </c>
      <c r="P3323" s="58">
        <f>IF(Input!$K$13=3,J3323*Input!$J$13,0)+IF(Input!$K$14=3,K3323*Input!$J$14,0)+IF(Input!$K$15=3,L3323*Input!$J$15,0)+IF(Input!$K$16=3,M3323*Input!$J$16,0)</f>
        <v>0</v>
      </c>
      <c r="Q3323" s="71">
        <f>IF(Input!$K$13=4,J3323*Input!$J$13,0)+IF(Input!$K$14=4,K3323*Input!$J$14,0)+IF(Input!$K$15=4,L3323*Input!$J$15,0)+IF(Input!$K$16=4,M3323*Input!$J$16,0)</f>
        <v>0</v>
      </c>
    </row>
    <row r="3324" spans="8:17" x14ac:dyDescent="0.25">
      <c r="H3324" s="43">
        <v>3317</v>
      </c>
      <c r="I3324" s="55">
        <f>Bühler!I3350</f>
        <v>0.47587213943459633</v>
      </c>
      <c r="J3324" s="58">
        <f>Bühler!J3350</f>
        <v>8.2077720709595496</v>
      </c>
      <c r="K3324" s="58">
        <f>Bühler!K3350</f>
        <v>0.55910872442705295</v>
      </c>
      <c r="L3324" s="58">
        <f>Bühler!L3350</f>
        <v>0.27955436221352647</v>
      </c>
      <c r="M3324" s="57">
        <f>Bühler!M3350</f>
        <v>0</v>
      </c>
      <c r="N3324" s="55">
        <f>IF(Input!$K$13=1,J3324*Input!$J$13,0)+IF(Input!$K$14=1,K3324*Input!$J$14,0)+IF(Input!$K$15=1,L3324*Input!$J$15,0)+IF(Input!$K$16=1,M3324*Input!$J$16,0)</f>
        <v>0.98493264851514595</v>
      </c>
      <c r="O3324" s="58">
        <f>IF(Input!$K$13=2,J3324*Input!$J$13,0)+IF(Input!$K$14=2,K3324*Input!$J$14,0)+IF(Input!$K$15=2,L3324*Input!$J$15,0)+IF(Input!$K$16=2,M3324*Input!$J$16,0)</f>
        <v>7.5479677797652134E-2</v>
      </c>
      <c r="P3324" s="58">
        <f>IF(Input!$K$13=3,J3324*Input!$J$13,0)+IF(Input!$K$14=3,K3324*Input!$J$14,0)+IF(Input!$K$15=3,L3324*Input!$J$15,0)+IF(Input!$K$16=3,M3324*Input!$J$16,0)</f>
        <v>0</v>
      </c>
      <c r="Q3324" s="71">
        <f>IF(Input!$K$13=4,J3324*Input!$J$13,0)+IF(Input!$K$14=4,K3324*Input!$J$14,0)+IF(Input!$K$15=4,L3324*Input!$J$15,0)+IF(Input!$K$16=4,M3324*Input!$J$16,0)</f>
        <v>0</v>
      </c>
    </row>
    <row r="3325" spans="8:17" x14ac:dyDescent="0.25">
      <c r="H3325" s="43">
        <v>3318</v>
      </c>
      <c r="I3325" s="55">
        <f>Bühler!I3351</f>
        <v>0.47587213943459633</v>
      </c>
      <c r="J3325" s="58">
        <f>Bühler!J3351</f>
        <v>8.2077720709595496</v>
      </c>
      <c r="K3325" s="58">
        <f>Bühler!K3351</f>
        <v>0.55910872442705295</v>
      </c>
      <c r="L3325" s="58">
        <f>Bühler!L3351</f>
        <v>0.27955436221352647</v>
      </c>
      <c r="M3325" s="57">
        <f>Bühler!M3351</f>
        <v>0</v>
      </c>
      <c r="N3325" s="55">
        <f>IF(Input!$K$13=1,J3325*Input!$J$13,0)+IF(Input!$K$14=1,K3325*Input!$J$14,0)+IF(Input!$K$15=1,L3325*Input!$J$15,0)+IF(Input!$K$16=1,M3325*Input!$J$16,0)</f>
        <v>0.98493264851514595</v>
      </c>
      <c r="O3325" s="58">
        <f>IF(Input!$K$13=2,J3325*Input!$J$13,0)+IF(Input!$K$14=2,K3325*Input!$J$14,0)+IF(Input!$K$15=2,L3325*Input!$J$15,0)+IF(Input!$K$16=2,M3325*Input!$J$16,0)</f>
        <v>7.5479677797652134E-2</v>
      </c>
      <c r="P3325" s="58">
        <f>IF(Input!$K$13=3,J3325*Input!$J$13,0)+IF(Input!$K$14=3,K3325*Input!$J$14,0)+IF(Input!$K$15=3,L3325*Input!$J$15,0)+IF(Input!$K$16=3,M3325*Input!$J$16,0)</f>
        <v>0</v>
      </c>
      <c r="Q3325" s="71">
        <f>IF(Input!$K$13=4,J3325*Input!$J$13,0)+IF(Input!$K$14=4,K3325*Input!$J$14,0)+IF(Input!$K$15=4,L3325*Input!$J$15,0)+IF(Input!$K$16=4,M3325*Input!$J$16,0)</f>
        <v>0</v>
      </c>
    </row>
    <row r="3326" spans="8:17" x14ac:dyDescent="0.25">
      <c r="H3326" s="43">
        <v>3319</v>
      </c>
      <c r="I3326" s="55">
        <f>Bühler!I3352</f>
        <v>0.47587213943459633</v>
      </c>
      <c r="J3326" s="58">
        <f>Bühler!J3352</f>
        <v>8.2077720709595496</v>
      </c>
      <c r="K3326" s="58">
        <f>Bühler!K3352</f>
        <v>0.55910872442705295</v>
      </c>
      <c r="L3326" s="58">
        <f>Bühler!L3352</f>
        <v>0.27955436221352647</v>
      </c>
      <c r="M3326" s="57">
        <f>Bühler!M3352</f>
        <v>0</v>
      </c>
      <c r="N3326" s="55">
        <f>IF(Input!$K$13=1,J3326*Input!$J$13,0)+IF(Input!$K$14=1,K3326*Input!$J$14,0)+IF(Input!$K$15=1,L3326*Input!$J$15,0)+IF(Input!$K$16=1,M3326*Input!$J$16,0)</f>
        <v>0.98493264851514595</v>
      </c>
      <c r="O3326" s="58">
        <f>IF(Input!$K$13=2,J3326*Input!$J$13,0)+IF(Input!$K$14=2,K3326*Input!$J$14,0)+IF(Input!$K$15=2,L3326*Input!$J$15,0)+IF(Input!$K$16=2,M3326*Input!$J$16,0)</f>
        <v>7.5479677797652134E-2</v>
      </c>
      <c r="P3326" s="58">
        <f>IF(Input!$K$13=3,J3326*Input!$J$13,0)+IF(Input!$K$14=3,K3326*Input!$J$14,0)+IF(Input!$K$15=3,L3326*Input!$J$15,0)+IF(Input!$K$16=3,M3326*Input!$J$16,0)</f>
        <v>0</v>
      </c>
      <c r="Q3326" s="71">
        <f>IF(Input!$K$13=4,J3326*Input!$J$13,0)+IF(Input!$K$14=4,K3326*Input!$J$14,0)+IF(Input!$K$15=4,L3326*Input!$J$15,0)+IF(Input!$K$16=4,M3326*Input!$J$16,0)</f>
        <v>0</v>
      </c>
    </row>
    <row r="3327" spans="8:17" x14ac:dyDescent="0.25">
      <c r="H3327" s="43">
        <v>3320</v>
      </c>
      <c r="I3327" s="55">
        <f>Bühler!I3353</f>
        <v>1.2894599907260029</v>
      </c>
      <c r="J3327" s="58">
        <f>Bühler!J3353</f>
        <v>34.165874088750186</v>
      </c>
      <c r="K3327" s="58">
        <f>Bühler!K3353</f>
        <v>2.3818031660592456</v>
      </c>
      <c r="L3327" s="58">
        <f>Bühler!L3353</f>
        <v>1.1909015830296228</v>
      </c>
      <c r="M3327" s="57">
        <f>Bühler!M3353</f>
        <v>0</v>
      </c>
      <c r="N3327" s="55">
        <f>IF(Input!$K$13=1,J3327*Input!$J$13,0)+IF(Input!$K$14=1,K3327*Input!$J$14,0)+IF(Input!$K$15=1,L3327*Input!$J$15,0)+IF(Input!$K$16=1,M3327*Input!$J$16,0)</f>
        <v>4.0999048906500226</v>
      </c>
      <c r="O3327" s="58">
        <f>IF(Input!$K$13=2,J3327*Input!$J$13,0)+IF(Input!$K$14=2,K3327*Input!$J$14,0)+IF(Input!$K$15=2,L3327*Input!$J$15,0)+IF(Input!$K$16=2,M3327*Input!$J$16,0)</f>
        <v>0.32154342741799813</v>
      </c>
      <c r="P3327" s="58">
        <f>IF(Input!$K$13=3,J3327*Input!$J$13,0)+IF(Input!$K$14=3,K3327*Input!$J$14,0)+IF(Input!$K$15=3,L3327*Input!$J$15,0)+IF(Input!$K$16=3,M3327*Input!$J$16,0)</f>
        <v>0</v>
      </c>
      <c r="Q3327" s="71">
        <f>IF(Input!$K$13=4,J3327*Input!$J$13,0)+IF(Input!$K$14=4,K3327*Input!$J$14,0)+IF(Input!$K$15=4,L3327*Input!$J$15,0)+IF(Input!$K$16=4,M3327*Input!$J$16,0)</f>
        <v>0</v>
      </c>
    </row>
    <row r="3328" spans="8:17" x14ac:dyDescent="0.25">
      <c r="H3328" s="43">
        <v>3321</v>
      </c>
      <c r="I3328" s="55">
        <f>Bühler!I3354</f>
        <v>1.6118249884075038</v>
      </c>
      <c r="J3328" s="58">
        <f>Bühler!J3354</f>
        <v>42.707342610937737</v>
      </c>
      <c r="K3328" s="58">
        <f>Bühler!K3354</f>
        <v>2.9772539575740571</v>
      </c>
      <c r="L3328" s="58">
        <f>Bühler!L3354</f>
        <v>1.4886269787870285</v>
      </c>
      <c r="M3328" s="57">
        <f>Bühler!M3354</f>
        <v>0</v>
      </c>
      <c r="N3328" s="55">
        <f>IF(Input!$K$13=1,J3328*Input!$J$13,0)+IF(Input!$K$14=1,K3328*Input!$J$14,0)+IF(Input!$K$15=1,L3328*Input!$J$15,0)+IF(Input!$K$16=1,M3328*Input!$J$16,0)</f>
        <v>5.1248811133125285</v>
      </c>
      <c r="O3328" s="58">
        <f>IF(Input!$K$13=2,J3328*Input!$J$13,0)+IF(Input!$K$14=2,K3328*Input!$J$14,0)+IF(Input!$K$15=2,L3328*Input!$J$15,0)+IF(Input!$K$16=2,M3328*Input!$J$16,0)</f>
        <v>0.40192928427249774</v>
      </c>
      <c r="P3328" s="58">
        <f>IF(Input!$K$13=3,J3328*Input!$J$13,0)+IF(Input!$K$14=3,K3328*Input!$J$14,0)+IF(Input!$K$15=3,L3328*Input!$J$15,0)+IF(Input!$K$16=3,M3328*Input!$J$16,0)</f>
        <v>0</v>
      </c>
      <c r="Q3328" s="71">
        <f>IF(Input!$K$13=4,J3328*Input!$J$13,0)+IF(Input!$K$14=4,K3328*Input!$J$14,0)+IF(Input!$K$15=4,L3328*Input!$J$15,0)+IF(Input!$K$16=4,M3328*Input!$J$16,0)</f>
        <v>0</v>
      </c>
    </row>
    <row r="3329" spans="8:17" x14ac:dyDescent="0.25">
      <c r="H3329" s="43">
        <v>3322</v>
      </c>
      <c r="I3329" s="55">
        <f>Bühler!I3355</f>
        <v>1.7730074872482542</v>
      </c>
      <c r="J3329" s="58">
        <f>Bühler!J3355</f>
        <v>46.978076872031508</v>
      </c>
      <c r="K3329" s="58">
        <f>Bühler!K3355</f>
        <v>3.2749793533314624</v>
      </c>
      <c r="L3329" s="58">
        <f>Bühler!L3355</f>
        <v>1.6374896766657312</v>
      </c>
      <c r="M3329" s="57">
        <f>Bühler!M3355</f>
        <v>0</v>
      </c>
      <c r="N3329" s="55">
        <f>IF(Input!$K$13=1,J3329*Input!$J$13,0)+IF(Input!$K$14=1,K3329*Input!$J$14,0)+IF(Input!$K$15=1,L3329*Input!$J$15,0)+IF(Input!$K$16=1,M3329*Input!$J$16,0)</f>
        <v>5.6373692246437805</v>
      </c>
      <c r="O3329" s="58">
        <f>IF(Input!$K$13=2,J3329*Input!$J$13,0)+IF(Input!$K$14=2,K3329*Input!$J$14,0)+IF(Input!$K$15=2,L3329*Input!$J$15,0)+IF(Input!$K$16=2,M3329*Input!$J$16,0)</f>
        <v>0.44212221269974739</v>
      </c>
      <c r="P3329" s="58">
        <f>IF(Input!$K$13=3,J3329*Input!$J$13,0)+IF(Input!$K$14=3,K3329*Input!$J$14,0)+IF(Input!$K$15=3,L3329*Input!$J$15,0)+IF(Input!$K$16=3,M3329*Input!$J$16,0)</f>
        <v>0</v>
      </c>
      <c r="Q3329" s="71">
        <f>IF(Input!$K$13=4,J3329*Input!$J$13,0)+IF(Input!$K$14=4,K3329*Input!$J$14,0)+IF(Input!$K$15=4,L3329*Input!$J$15,0)+IF(Input!$K$16=4,M3329*Input!$J$16,0)</f>
        <v>0</v>
      </c>
    </row>
    <row r="3330" spans="8:17" x14ac:dyDescent="0.25">
      <c r="H3330" s="43">
        <v>3323</v>
      </c>
      <c r="I3330" s="55">
        <f>Bühler!I3356</f>
        <v>1.7730074872482542</v>
      </c>
      <c r="J3330" s="58">
        <f>Bühler!J3356</f>
        <v>46.978076872031508</v>
      </c>
      <c r="K3330" s="58">
        <f>Bühler!K3356</f>
        <v>3.2749793533314624</v>
      </c>
      <c r="L3330" s="58">
        <f>Bühler!L3356</f>
        <v>1.6374896766657312</v>
      </c>
      <c r="M3330" s="57">
        <f>Bühler!M3356</f>
        <v>0</v>
      </c>
      <c r="N3330" s="55">
        <f>IF(Input!$K$13=1,J3330*Input!$J$13,0)+IF(Input!$K$14=1,K3330*Input!$J$14,0)+IF(Input!$K$15=1,L3330*Input!$J$15,0)+IF(Input!$K$16=1,M3330*Input!$J$16,0)</f>
        <v>5.6373692246437805</v>
      </c>
      <c r="O3330" s="58">
        <f>IF(Input!$K$13=2,J3330*Input!$J$13,0)+IF(Input!$K$14=2,K3330*Input!$J$14,0)+IF(Input!$K$15=2,L3330*Input!$J$15,0)+IF(Input!$K$16=2,M3330*Input!$J$16,0)</f>
        <v>0.44212221269974739</v>
      </c>
      <c r="P3330" s="58">
        <f>IF(Input!$K$13=3,J3330*Input!$J$13,0)+IF(Input!$K$14=3,K3330*Input!$J$14,0)+IF(Input!$K$15=3,L3330*Input!$J$15,0)+IF(Input!$K$16=3,M3330*Input!$J$16,0)</f>
        <v>0</v>
      </c>
      <c r="Q3330" s="71">
        <f>IF(Input!$K$13=4,J3330*Input!$J$13,0)+IF(Input!$K$14=4,K3330*Input!$J$14,0)+IF(Input!$K$15=4,L3330*Input!$J$15,0)+IF(Input!$K$16=4,M3330*Input!$J$16,0)</f>
        <v>0</v>
      </c>
    </row>
    <row r="3331" spans="8:17" x14ac:dyDescent="0.25">
      <c r="H3331" s="43">
        <v>3324</v>
      </c>
      <c r="I3331" s="55">
        <f>Bühler!I3357</f>
        <v>2.0953724849297548</v>
      </c>
      <c r="J3331" s="58">
        <f>Bühler!J3357</f>
        <v>55.519545394219051</v>
      </c>
      <c r="K3331" s="58">
        <f>Bühler!K3357</f>
        <v>3.8704301448462739</v>
      </c>
      <c r="L3331" s="58">
        <f>Bühler!L3357</f>
        <v>1.935215072423137</v>
      </c>
      <c r="M3331" s="57">
        <f>Bühler!M3357</f>
        <v>0</v>
      </c>
      <c r="N3331" s="55">
        <f>IF(Input!$K$13=1,J3331*Input!$J$13,0)+IF(Input!$K$14=1,K3331*Input!$J$14,0)+IF(Input!$K$15=1,L3331*Input!$J$15,0)+IF(Input!$K$16=1,M3331*Input!$J$16,0)</f>
        <v>6.6623454473062855</v>
      </c>
      <c r="O3331" s="58">
        <f>IF(Input!$K$13=2,J3331*Input!$J$13,0)+IF(Input!$K$14=2,K3331*Input!$J$14,0)+IF(Input!$K$15=2,L3331*Input!$J$15,0)+IF(Input!$K$16=2,M3331*Input!$J$16,0)</f>
        <v>0.522508069554247</v>
      </c>
      <c r="P3331" s="58">
        <f>IF(Input!$K$13=3,J3331*Input!$J$13,0)+IF(Input!$K$14=3,K3331*Input!$J$14,0)+IF(Input!$K$15=3,L3331*Input!$J$15,0)+IF(Input!$K$16=3,M3331*Input!$J$16,0)</f>
        <v>0</v>
      </c>
      <c r="Q3331" s="71">
        <f>IF(Input!$K$13=4,J3331*Input!$J$13,0)+IF(Input!$K$14=4,K3331*Input!$J$14,0)+IF(Input!$K$15=4,L3331*Input!$J$15,0)+IF(Input!$K$16=4,M3331*Input!$J$16,0)</f>
        <v>0</v>
      </c>
    </row>
    <row r="3332" spans="8:17" x14ac:dyDescent="0.25">
      <c r="H3332" s="43">
        <v>3325</v>
      </c>
      <c r="I3332" s="55">
        <f>Bühler!I3358</f>
        <v>2.0953724849297548</v>
      </c>
      <c r="J3332" s="58">
        <f>Bühler!J3358</f>
        <v>55.519545394219051</v>
      </c>
      <c r="K3332" s="58">
        <f>Bühler!K3358</f>
        <v>3.8704301448462739</v>
      </c>
      <c r="L3332" s="58">
        <f>Bühler!L3358</f>
        <v>1.935215072423137</v>
      </c>
      <c r="M3332" s="57">
        <f>Bühler!M3358</f>
        <v>0</v>
      </c>
      <c r="N3332" s="55">
        <f>IF(Input!$K$13=1,J3332*Input!$J$13,0)+IF(Input!$K$14=1,K3332*Input!$J$14,0)+IF(Input!$K$15=1,L3332*Input!$J$15,0)+IF(Input!$K$16=1,M3332*Input!$J$16,0)</f>
        <v>6.6623454473062855</v>
      </c>
      <c r="O3332" s="58">
        <f>IF(Input!$K$13=2,J3332*Input!$J$13,0)+IF(Input!$K$14=2,K3332*Input!$J$14,0)+IF(Input!$K$15=2,L3332*Input!$J$15,0)+IF(Input!$K$16=2,M3332*Input!$J$16,0)</f>
        <v>0.522508069554247</v>
      </c>
      <c r="P3332" s="58">
        <f>IF(Input!$K$13=3,J3332*Input!$J$13,0)+IF(Input!$K$14=3,K3332*Input!$J$14,0)+IF(Input!$K$15=3,L3332*Input!$J$15,0)+IF(Input!$K$16=3,M3332*Input!$J$16,0)</f>
        <v>0</v>
      </c>
      <c r="Q3332" s="71">
        <f>IF(Input!$K$13=4,J3332*Input!$J$13,0)+IF(Input!$K$14=4,K3332*Input!$J$14,0)+IF(Input!$K$15=4,L3332*Input!$J$15,0)+IF(Input!$K$16=4,M3332*Input!$J$16,0)</f>
        <v>0</v>
      </c>
    </row>
    <row r="3333" spans="8:17" x14ac:dyDescent="0.25">
      <c r="H3333" s="43">
        <v>3326</v>
      </c>
      <c r="I3333" s="55">
        <f>Bühler!I3359</f>
        <v>1.4506424895667533</v>
      </c>
      <c r="J3333" s="58">
        <f>Bühler!J3359</f>
        <v>38.436608349843958</v>
      </c>
      <c r="K3333" s="58">
        <f>Bühler!K3359</f>
        <v>2.6795285618166509</v>
      </c>
      <c r="L3333" s="58">
        <f>Bühler!L3359</f>
        <v>1.3397642809083254</v>
      </c>
      <c r="M3333" s="57">
        <f>Bühler!M3359</f>
        <v>0</v>
      </c>
      <c r="N3333" s="55">
        <f>IF(Input!$K$13=1,J3333*Input!$J$13,0)+IF(Input!$K$14=1,K3333*Input!$J$14,0)+IF(Input!$K$15=1,L3333*Input!$J$15,0)+IF(Input!$K$16=1,M3333*Input!$J$16,0)</f>
        <v>4.6123930019812747</v>
      </c>
      <c r="O3333" s="58">
        <f>IF(Input!$K$13=2,J3333*Input!$J$13,0)+IF(Input!$K$14=2,K3333*Input!$J$14,0)+IF(Input!$K$15=2,L3333*Input!$J$15,0)+IF(Input!$K$16=2,M3333*Input!$J$16,0)</f>
        <v>0.36173635584524788</v>
      </c>
      <c r="P3333" s="58">
        <f>IF(Input!$K$13=3,J3333*Input!$J$13,0)+IF(Input!$K$14=3,K3333*Input!$J$14,0)+IF(Input!$K$15=3,L3333*Input!$J$15,0)+IF(Input!$K$16=3,M3333*Input!$J$16,0)</f>
        <v>0</v>
      </c>
      <c r="Q3333" s="71">
        <f>IF(Input!$K$13=4,J3333*Input!$J$13,0)+IF(Input!$K$14=4,K3333*Input!$J$14,0)+IF(Input!$K$15=4,L3333*Input!$J$15,0)+IF(Input!$K$16=4,M3333*Input!$J$16,0)</f>
        <v>0</v>
      </c>
    </row>
    <row r="3334" spans="8:17" x14ac:dyDescent="0.25">
      <c r="H3334" s="43">
        <v>3327</v>
      </c>
      <c r="I3334" s="55">
        <f>Bühler!I3360</f>
        <v>2.0953724849297548</v>
      </c>
      <c r="J3334" s="58">
        <f>Bühler!J3360</f>
        <v>55.519545394219051</v>
      </c>
      <c r="K3334" s="58">
        <f>Bühler!K3360</f>
        <v>3.8704301448462739</v>
      </c>
      <c r="L3334" s="58">
        <f>Bühler!L3360</f>
        <v>1.935215072423137</v>
      </c>
      <c r="M3334" s="57">
        <f>Bühler!M3360</f>
        <v>0</v>
      </c>
      <c r="N3334" s="55">
        <f>IF(Input!$K$13=1,J3334*Input!$J$13,0)+IF(Input!$K$14=1,K3334*Input!$J$14,0)+IF(Input!$K$15=1,L3334*Input!$J$15,0)+IF(Input!$K$16=1,M3334*Input!$J$16,0)</f>
        <v>6.6623454473062855</v>
      </c>
      <c r="O3334" s="58">
        <f>IF(Input!$K$13=2,J3334*Input!$J$13,0)+IF(Input!$K$14=2,K3334*Input!$J$14,0)+IF(Input!$K$15=2,L3334*Input!$J$15,0)+IF(Input!$K$16=2,M3334*Input!$J$16,0)</f>
        <v>0.522508069554247</v>
      </c>
      <c r="P3334" s="58">
        <f>IF(Input!$K$13=3,J3334*Input!$J$13,0)+IF(Input!$K$14=3,K3334*Input!$J$14,0)+IF(Input!$K$15=3,L3334*Input!$J$15,0)+IF(Input!$K$16=3,M3334*Input!$J$16,0)</f>
        <v>0</v>
      </c>
      <c r="Q3334" s="71">
        <f>IF(Input!$K$13=4,J3334*Input!$J$13,0)+IF(Input!$K$14=4,K3334*Input!$J$14,0)+IF(Input!$K$15=4,L3334*Input!$J$15,0)+IF(Input!$K$16=4,M3334*Input!$J$16,0)</f>
        <v>0</v>
      </c>
    </row>
    <row r="3335" spans="8:17" x14ac:dyDescent="0.25">
      <c r="H3335" s="43">
        <v>3328</v>
      </c>
      <c r="I3335" s="55">
        <f>Bühler!I3361</f>
        <v>1.7730074872482542</v>
      </c>
      <c r="J3335" s="58">
        <f>Bühler!J3361</f>
        <v>42.881956984681885</v>
      </c>
      <c r="K3335" s="58">
        <f>Bühler!K3361</f>
        <v>2.9772539575740571</v>
      </c>
      <c r="L3335" s="58">
        <f>Bühler!L3361</f>
        <v>1.4886269787870285</v>
      </c>
      <c r="M3335" s="57">
        <f>Bühler!M3361</f>
        <v>0</v>
      </c>
      <c r="N3335" s="55">
        <f>IF(Input!$K$13=1,J3335*Input!$J$13,0)+IF(Input!$K$14=1,K3335*Input!$J$14,0)+IF(Input!$K$15=1,L3335*Input!$J$15,0)+IF(Input!$K$16=1,M3335*Input!$J$16,0)</f>
        <v>5.145834838161826</v>
      </c>
      <c r="O3335" s="58">
        <f>IF(Input!$K$13=2,J3335*Input!$J$13,0)+IF(Input!$K$14=2,K3335*Input!$J$14,0)+IF(Input!$K$15=2,L3335*Input!$J$15,0)+IF(Input!$K$16=2,M3335*Input!$J$16,0)</f>
        <v>0.40192928427249774</v>
      </c>
      <c r="P3335" s="58">
        <f>IF(Input!$K$13=3,J3335*Input!$J$13,0)+IF(Input!$K$14=3,K3335*Input!$J$14,0)+IF(Input!$K$15=3,L3335*Input!$J$15,0)+IF(Input!$K$16=3,M3335*Input!$J$16,0)</f>
        <v>0</v>
      </c>
      <c r="Q3335" s="71">
        <f>IF(Input!$K$13=4,J3335*Input!$J$13,0)+IF(Input!$K$14=4,K3335*Input!$J$14,0)+IF(Input!$K$15=4,L3335*Input!$J$15,0)+IF(Input!$K$16=4,M3335*Input!$J$16,0)</f>
        <v>0</v>
      </c>
    </row>
    <row r="3336" spans="8:17" x14ac:dyDescent="0.25">
      <c r="H3336" s="43">
        <v>3329</v>
      </c>
      <c r="I3336" s="55">
        <f>Bühler!I3362</f>
        <v>1.5350714175309559</v>
      </c>
      <c r="J3336" s="58">
        <f>Bühler!J3362</f>
        <v>20.893603835422045</v>
      </c>
      <c r="K3336" s="58">
        <f>Bühler!K3362</f>
        <v>1.3977718110676325</v>
      </c>
      <c r="L3336" s="58">
        <f>Bühler!L3362</f>
        <v>0.69888590553381624</v>
      </c>
      <c r="M3336" s="57">
        <f>Bühler!M3362</f>
        <v>0</v>
      </c>
      <c r="N3336" s="55">
        <f>IF(Input!$K$13=1,J3336*Input!$J$13,0)+IF(Input!$K$14=1,K3336*Input!$J$14,0)+IF(Input!$K$15=1,L3336*Input!$J$15,0)+IF(Input!$K$16=1,M3336*Input!$J$16,0)</f>
        <v>2.5072324602506453</v>
      </c>
      <c r="O3336" s="58">
        <f>IF(Input!$K$13=2,J3336*Input!$J$13,0)+IF(Input!$K$14=2,K3336*Input!$J$14,0)+IF(Input!$K$15=2,L3336*Input!$J$15,0)+IF(Input!$K$16=2,M3336*Input!$J$16,0)</f>
        <v>0.18869919449413036</v>
      </c>
      <c r="P3336" s="58">
        <f>IF(Input!$K$13=3,J3336*Input!$J$13,0)+IF(Input!$K$14=3,K3336*Input!$J$14,0)+IF(Input!$K$15=3,L3336*Input!$J$15,0)+IF(Input!$K$16=3,M3336*Input!$J$16,0)</f>
        <v>0</v>
      </c>
      <c r="Q3336" s="71">
        <f>IF(Input!$K$13=4,J3336*Input!$J$13,0)+IF(Input!$K$14=4,K3336*Input!$J$14,0)+IF(Input!$K$15=4,L3336*Input!$J$15,0)+IF(Input!$K$16=4,M3336*Input!$J$16,0)</f>
        <v>0</v>
      </c>
    </row>
    <row r="3337" spans="8:17" x14ac:dyDescent="0.25">
      <c r="H3337" s="43">
        <v>3330</v>
      </c>
      <c r="I3337" s="55">
        <f>Bühler!I3363</f>
        <v>1.2894599907260029</v>
      </c>
      <c r="J3337" s="58">
        <f>Bühler!J3363</f>
        <v>14.089117457797084</v>
      </c>
      <c r="K3337" s="58">
        <f>Bühler!K3363</f>
        <v>0.92252939530463729</v>
      </c>
      <c r="L3337" s="58">
        <f>Bühler!L3363</f>
        <v>0.46126469765231864</v>
      </c>
      <c r="M3337" s="57">
        <f>Bühler!M3363</f>
        <v>0</v>
      </c>
      <c r="N3337" s="55">
        <f>IF(Input!$K$13=1,J3337*Input!$J$13,0)+IF(Input!$K$14=1,K3337*Input!$J$14,0)+IF(Input!$K$15=1,L3337*Input!$J$15,0)+IF(Input!$K$16=1,M3337*Input!$J$16,0)</f>
        <v>1.6906940949356499</v>
      </c>
      <c r="O3337" s="58">
        <f>IF(Input!$K$13=2,J3337*Input!$J$13,0)+IF(Input!$K$14=2,K3337*Input!$J$14,0)+IF(Input!$K$15=2,L3337*Input!$J$15,0)+IF(Input!$K$16=2,M3337*Input!$J$16,0)</f>
        <v>0.12454146836612603</v>
      </c>
      <c r="P3337" s="58">
        <f>IF(Input!$K$13=3,J3337*Input!$J$13,0)+IF(Input!$K$14=3,K3337*Input!$J$14,0)+IF(Input!$K$15=3,L3337*Input!$J$15,0)+IF(Input!$K$16=3,M3337*Input!$J$16,0)</f>
        <v>0</v>
      </c>
      <c r="Q3337" s="71">
        <f>IF(Input!$K$13=4,J3337*Input!$J$13,0)+IF(Input!$K$14=4,K3337*Input!$J$14,0)+IF(Input!$K$15=4,L3337*Input!$J$15,0)+IF(Input!$K$16=4,M3337*Input!$J$16,0)</f>
        <v>0</v>
      </c>
    </row>
    <row r="3338" spans="8:17" x14ac:dyDescent="0.25">
      <c r="H3338" s="43">
        <v>3331</v>
      </c>
      <c r="I3338" s="55">
        <f>Bühler!I3364</f>
        <v>0.47587213943459633</v>
      </c>
      <c r="J3338" s="58">
        <f>Bühler!J3364</f>
        <v>8.5923842669548183</v>
      </c>
      <c r="K3338" s="58">
        <f>Bühler!K3364</f>
        <v>0.5870641606484055</v>
      </c>
      <c r="L3338" s="58">
        <f>Bühler!L3364</f>
        <v>0.29353208032420275</v>
      </c>
      <c r="M3338" s="57">
        <f>Bühler!M3364</f>
        <v>0</v>
      </c>
      <c r="N3338" s="55">
        <f>IF(Input!$K$13=1,J3338*Input!$J$13,0)+IF(Input!$K$14=1,K3338*Input!$J$14,0)+IF(Input!$K$15=1,L3338*Input!$J$15,0)+IF(Input!$K$16=1,M3338*Input!$J$16,0)</f>
        <v>1.0310861120345782</v>
      </c>
      <c r="O3338" s="58">
        <f>IF(Input!$K$13=2,J3338*Input!$J$13,0)+IF(Input!$K$14=2,K3338*Input!$J$14,0)+IF(Input!$K$15=2,L3338*Input!$J$15,0)+IF(Input!$K$16=2,M3338*Input!$J$16,0)</f>
        <v>7.925366168753474E-2</v>
      </c>
      <c r="P3338" s="58">
        <f>IF(Input!$K$13=3,J3338*Input!$J$13,0)+IF(Input!$K$14=3,K3338*Input!$J$14,0)+IF(Input!$K$15=3,L3338*Input!$J$15,0)+IF(Input!$K$16=3,M3338*Input!$J$16,0)</f>
        <v>0</v>
      </c>
      <c r="Q3338" s="71">
        <f>IF(Input!$K$13=4,J3338*Input!$J$13,0)+IF(Input!$K$14=4,K3338*Input!$J$14,0)+IF(Input!$K$15=4,L3338*Input!$J$15,0)+IF(Input!$K$16=4,M3338*Input!$J$16,0)</f>
        <v>0</v>
      </c>
    </row>
    <row r="3339" spans="8:17" x14ac:dyDescent="0.25">
      <c r="H3339" s="43">
        <v>3332</v>
      </c>
      <c r="I3339" s="55">
        <f>Bühler!I3365</f>
        <v>0.47587213943459633</v>
      </c>
      <c r="J3339" s="58">
        <f>Bühler!J3365</f>
        <v>8.2077720709595496</v>
      </c>
      <c r="K3339" s="58">
        <f>Bühler!K3365</f>
        <v>0.55910872442705295</v>
      </c>
      <c r="L3339" s="58">
        <f>Bühler!L3365</f>
        <v>0.27955436221352647</v>
      </c>
      <c r="M3339" s="57">
        <f>Bühler!M3365</f>
        <v>0</v>
      </c>
      <c r="N3339" s="55">
        <f>IF(Input!$K$13=1,J3339*Input!$J$13,0)+IF(Input!$K$14=1,K3339*Input!$J$14,0)+IF(Input!$K$15=1,L3339*Input!$J$15,0)+IF(Input!$K$16=1,M3339*Input!$J$16,0)</f>
        <v>0.98493264851514595</v>
      </c>
      <c r="O3339" s="58">
        <f>IF(Input!$K$13=2,J3339*Input!$J$13,0)+IF(Input!$K$14=2,K3339*Input!$J$14,0)+IF(Input!$K$15=2,L3339*Input!$J$15,0)+IF(Input!$K$16=2,M3339*Input!$J$16,0)</f>
        <v>7.5479677797652134E-2</v>
      </c>
      <c r="P3339" s="58">
        <f>IF(Input!$K$13=3,J3339*Input!$J$13,0)+IF(Input!$K$14=3,K3339*Input!$J$14,0)+IF(Input!$K$15=3,L3339*Input!$J$15,0)+IF(Input!$K$16=3,M3339*Input!$J$16,0)</f>
        <v>0</v>
      </c>
      <c r="Q3339" s="71">
        <f>IF(Input!$K$13=4,J3339*Input!$J$13,0)+IF(Input!$K$14=4,K3339*Input!$J$14,0)+IF(Input!$K$15=4,L3339*Input!$J$15,0)+IF(Input!$K$16=4,M3339*Input!$J$16,0)</f>
        <v>0</v>
      </c>
    </row>
    <row r="3340" spans="8:17" x14ac:dyDescent="0.25">
      <c r="H3340" s="43">
        <v>3333</v>
      </c>
      <c r="I3340" s="55">
        <f>Bühler!I3366</f>
        <v>0.47587213943459633</v>
      </c>
      <c r="J3340" s="58">
        <f>Bühler!J3366</f>
        <v>8.2077720709595496</v>
      </c>
      <c r="K3340" s="58">
        <f>Bühler!K3366</f>
        <v>0.55910872442705295</v>
      </c>
      <c r="L3340" s="58">
        <f>Bühler!L3366</f>
        <v>0.27955436221352647</v>
      </c>
      <c r="M3340" s="57">
        <f>Bühler!M3366</f>
        <v>0</v>
      </c>
      <c r="N3340" s="55">
        <f>IF(Input!$K$13=1,J3340*Input!$J$13,0)+IF(Input!$K$14=1,K3340*Input!$J$14,0)+IF(Input!$K$15=1,L3340*Input!$J$15,0)+IF(Input!$K$16=1,M3340*Input!$J$16,0)</f>
        <v>0.98493264851514595</v>
      </c>
      <c r="O3340" s="58">
        <f>IF(Input!$K$13=2,J3340*Input!$J$13,0)+IF(Input!$K$14=2,K3340*Input!$J$14,0)+IF(Input!$K$15=2,L3340*Input!$J$15,0)+IF(Input!$K$16=2,M3340*Input!$J$16,0)</f>
        <v>7.5479677797652134E-2</v>
      </c>
      <c r="P3340" s="58">
        <f>IF(Input!$K$13=3,J3340*Input!$J$13,0)+IF(Input!$K$14=3,K3340*Input!$J$14,0)+IF(Input!$K$15=3,L3340*Input!$J$15,0)+IF(Input!$K$16=3,M3340*Input!$J$16,0)</f>
        <v>0</v>
      </c>
      <c r="Q3340" s="71">
        <f>IF(Input!$K$13=4,J3340*Input!$J$13,0)+IF(Input!$K$14=4,K3340*Input!$J$14,0)+IF(Input!$K$15=4,L3340*Input!$J$15,0)+IF(Input!$K$16=4,M3340*Input!$J$16,0)</f>
        <v>0</v>
      </c>
    </row>
    <row r="3341" spans="8:17" x14ac:dyDescent="0.25">
      <c r="H3341" s="43">
        <v>3334</v>
      </c>
      <c r="I3341" s="55">
        <f>Bühler!I3367</f>
        <v>0.47587213943459633</v>
      </c>
      <c r="J3341" s="58">
        <f>Bühler!J3367</f>
        <v>8.2077720709595496</v>
      </c>
      <c r="K3341" s="58">
        <f>Bühler!K3367</f>
        <v>0.55910872442705295</v>
      </c>
      <c r="L3341" s="58">
        <f>Bühler!L3367</f>
        <v>0.27955436221352647</v>
      </c>
      <c r="M3341" s="57">
        <f>Bühler!M3367</f>
        <v>0</v>
      </c>
      <c r="N3341" s="55">
        <f>IF(Input!$K$13=1,J3341*Input!$J$13,0)+IF(Input!$K$14=1,K3341*Input!$J$14,0)+IF(Input!$K$15=1,L3341*Input!$J$15,0)+IF(Input!$K$16=1,M3341*Input!$J$16,0)</f>
        <v>0.98493264851514595</v>
      </c>
      <c r="O3341" s="58">
        <f>IF(Input!$K$13=2,J3341*Input!$J$13,0)+IF(Input!$K$14=2,K3341*Input!$J$14,0)+IF(Input!$K$15=2,L3341*Input!$J$15,0)+IF(Input!$K$16=2,M3341*Input!$J$16,0)</f>
        <v>7.5479677797652134E-2</v>
      </c>
      <c r="P3341" s="58">
        <f>IF(Input!$K$13=3,J3341*Input!$J$13,0)+IF(Input!$K$14=3,K3341*Input!$J$14,0)+IF(Input!$K$15=3,L3341*Input!$J$15,0)+IF(Input!$K$16=3,M3341*Input!$J$16,0)</f>
        <v>0</v>
      </c>
      <c r="Q3341" s="71">
        <f>IF(Input!$K$13=4,J3341*Input!$J$13,0)+IF(Input!$K$14=4,K3341*Input!$J$14,0)+IF(Input!$K$15=4,L3341*Input!$J$15,0)+IF(Input!$K$16=4,M3341*Input!$J$16,0)</f>
        <v>0</v>
      </c>
    </row>
    <row r="3342" spans="8:17" x14ac:dyDescent="0.25">
      <c r="H3342" s="43">
        <v>3335</v>
      </c>
      <c r="I3342" s="55">
        <f>Bühler!I3368</f>
        <v>0.47587213943459633</v>
      </c>
      <c r="J3342" s="58">
        <f>Bühler!J3368</f>
        <v>8.2077720709595496</v>
      </c>
      <c r="K3342" s="58">
        <f>Bühler!K3368</f>
        <v>0.55910872442705295</v>
      </c>
      <c r="L3342" s="58">
        <f>Bühler!L3368</f>
        <v>0.27955436221352647</v>
      </c>
      <c r="M3342" s="57">
        <f>Bühler!M3368</f>
        <v>0</v>
      </c>
      <c r="N3342" s="55">
        <f>IF(Input!$K$13=1,J3342*Input!$J$13,0)+IF(Input!$K$14=1,K3342*Input!$J$14,0)+IF(Input!$K$15=1,L3342*Input!$J$15,0)+IF(Input!$K$16=1,M3342*Input!$J$16,0)</f>
        <v>0.98493264851514595</v>
      </c>
      <c r="O3342" s="58">
        <f>IF(Input!$K$13=2,J3342*Input!$J$13,0)+IF(Input!$K$14=2,K3342*Input!$J$14,0)+IF(Input!$K$15=2,L3342*Input!$J$15,0)+IF(Input!$K$16=2,M3342*Input!$J$16,0)</f>
        <v>7.5479677797652134E-2</v>
      </c>
      <c r="P3342" s="58">
        <f>IF(Input!$K$13=3,J3342*Input!$J$13,0)+IF(Input!$K$14=3,K3342*Input!$J$14,0)+IF(Input!$K$15=3,L3342*Input!$J$15,0)+IF(Input!$K$16=3,M3342*Input!$J$16,0)</f>
        <v>0</v>
      </c>
      <c r="Q3342" s="71">
        <f>IF(Input!$K$13=4,J3342*Input!$J$13,0)+IF(Input!$K$14=4,K3342*Input!$J$14,0)+IF(Input!$K$15=4,L3342*Input!$J$15,0)+IF(Input!$K$16=4,M3342*Input!$J$16,0)</f>
        <v>0</v>
      </c>
    </row>
    <row r="3343" spans="8:17" x14ac:dyDescent="0.25">
      <c r="H3343" s="43">
        <v>3336</v>
      </c>
      <c r="I3343" s="55">
        <f>Bühler!I3369</f>
        <v>0.47587213943459633</v>
      </c>
      <c r="J3343" s="58">
        <f>Bühler!J3369</f>
        <v>8.2077720709595496</v>
      </c>
      <c r="K3343" s="58">
        <f>Bühler!K3369</f>
        <v>0.55910872442705295</v>
      </c>
      <c r="L3343" s="58">
        <f>Bühler!L3369</f>
        <v>0.27955436221352647</v>
      </c>
      <c r="M3343" s="57">
        <f>Bühler!M3369</f>
        <v>0</v>
      </c>
      <c r="N3343" s="55">
        <f>IF(Input!$K$13=1,J3343*Input!$J$13,0)+IF(Input!$K$14=1,K3343*Input!$J$14,0)+IF(Input!$K$15=1,L3343*Input!$J$15,0)+IF(Input!$K$16=1,M3343*Input!$J$16,0)</f>
        <v>0.98493264851514595</v>
      </c>
      <c r="O3343" s="58">
        <f>IF(Input!$K$13=2,J3343*Input!$J$13,0)+IF(Input!$K$14=2,K3343*Input!$J$14,0)+IF(Input!$K$15=2,L3343*Input!$J$15,0)+IF(Input!$K$16=2,M3343*Input!$J$16,0)</f>
        <v>7.5479677797652134E-2</v>
      </c>
      <c r="P3343" s="58">
        <f>IF(Input!$K$13=3,J3343*Input!$J$13,0)+IF(Input!$K$14=3,K3343*Input!$J$14,0)+IF(Input!$K$15=3,L3343*Input!$J$15,0)+IF(Input!$K$16=3,M3343*Input!$J$16,0)</f>
        <v>0</v>
      </c>
      <c r="Q3343" s="71">
        <f>IF(Input!$K$13=4,J3343*Input!$J$13,0)+IF(Input!$K$14=4,K3343*Input!$J$14,0)+IF(Input!$K$15=4,L3343*Input!$J$15,0)+IF(Input!$K$16=4,M3343*Input!$J$16,0)</f>
        <v>0</v>
      </c>
    </row>
    <row r="3344" spans="8:17" x14ac:dyDescent="0.25">
      <c r="H3344" s="43">
        <v>3337</v>
      </c>
      <c r="I3344" s="55">
        <f>Bühler!I3370</f>
        <v>0.18343017795673341</v>
      </c>
      <c r="J3344" s="58">
        <f>Bühler!J3370</f>
        <v>5.0904684757316883</v>
      </c>
      <c r="K3344" s="58">
        <f>Bühler!K3370</f>
        <v>0.24425938880590728</v>
      </c>
      <c r="L3344" s="58">
        <f>Bühler!L3370</f>
        <v>0.12212969440295364</v>
      </c>
      <c r="M3344" s="57">
        <f>Bühler!M3370</f>
        <v>0</v>
      </c>
      <c r="N3344" s="55">
        <f>IF(Input!$K$13=1,J3344*Input!$J$13,0)+IF(Input!$K$14=1,K3344*Input!$J$14,0)+IF(Input!$K$15=1,L3344*Input!$J$15,0)+IF(Input!$K$16=1,M3344*Input!$J$16,0)</f>
        <v>0.61085621708780258</v>
      </c>
      <c r="O3344" s="58">
        <f>IF(Input!$K$13=2,J3344*Input!$J$13,0)+IF(Input!$K$14=2,K3344*Input!$J$14,0)+IF(Input!$K$15=2,L3344*Input!$J$15,0)+IF(Input!$K$16=2,M3344*Input!$J$16,0)</f>
        <v>3.2975017488797484E-2</v>
      </c>
      <c r="P3344" s="58">
        <f>IF(Input!$K$13=3,J3344*Input!$J$13,0)+IF(Input!$K$14=3,K3344*Input!$J$14,0)+IF(Input!$K$15=3,L3344*Input!$J$15,0)+IF(Input!$K$16=3,M3344*Input!$J$16,0)</f>
        <v>0</v>
      </c>
      <c r="Q3344" s="71">
        <f>IF(Input!$K$13=4,J3344*Input!$J$13,0)+IF(Input!$K$14=4,K3344*Input!$J$14,0)+IF(Input!$K$15=4,L3344*Input!$J$15,0)+IF(Input!$K$16=4,M3344*Input!$J$16,0)</f>
        <v>0</v>
      </c>
    </row>
    <row r="3345" spans="8:17" x14ac:dyDescent="0.25">
      <c r="H3345" s="43">
        <v>3338</v>
      </c>
      <c r="I3345" s="55">
        <f>Bühler!I3371</f>
        <v>0.35812558553457485</v>
      </c>
      <c r="J3345" s="58">
        <f>Bühler!J3371</f>
        <v>4.6787113265117917</v>
      </c>
      <c r="K3345" s="58">
        <f>Bühler!K3371</f>
        <v>0.21983344992531656</v>
      </c>
      <c r="L3345" s="58">
        <f>Bühler!L3371</f>
        <v>0.10991672496265828</v>
      </c>
      <c r="M3345" s="57">
        <f>Bühler!M3371</f>
        <v>0</v>
      </c>
      <c r="N3345" s="55">
        <f>IF(Input!$K$13=1,J3345*Input!$J$13,0)+IF(Input!$K$14=1,K3345*Input!$J$14,0)+IF(Input!$K$15=1,L3345*Input!$J$15,0)+IF(Input!$K$16=1,M3345*Input!$J$16,0)</f>
        <v>0.56144535918141503</v>
      </c>
      <c r="O3345" s="58">
        <f>IF(Input!$K$13=2,J3345*Input!$J$13,0)+IF(Input!$K$14=2,K3345*Input!$J$14,0)+IF(Input!$K$15=2,L3345*Input!$J$15,0)+IF(Input!$K$16=2,M3345*Input!$J$16,0)</f>
        <v>2.9677515739917733E-2</v>
      </c>
      <c r="P3345" s="58">
        <f>IF(Input!$K$13=3,J3345*Input!$J$13,0)+IF(Input!$K$14=3,K3345*Input!$J$14,0)+IF(Input!$K$15=3,L3345*Input!$J$15,0)+IF(Input!$K$16=3,M3345*Input!$J$16,0)</f>
        <v>0</v>
      </c>
      <c r="Q3345" s="71">
        <f>IF(Input!$K$13=4,J3345*Input!$J$13,0)+IF(Input!$K$14=4,K3345*Input!$J$14,0)+IF(Input!$K$15=4,L3345*Input!$J$15,0)+IF(Input!$K$16=4,M3345*Input!$J$16,0)</f>
        <v>0</v>
      </c>
    </row>
    <row r="3346" spans="8:17" x14ac:dyDescent="0.25">
      <c r="H3346" s="43">
        <v>3339</v>
      </c>
      <c r="I3346" s="55">
        <f>Bühler!I3372</f>
        <v>0.35812558553457485</v>
      </c>
      <c r="J3346" s="58">
        <f>Bühler!J3372</f>
        <v>4.6787113265117917</v>
      </c>
      <c r="K3346" s="58">
        <f>Bühler!K3372</f>
        <v>0.21983344992531656</v>
      </c>
      <c r="L3346" s="58">
        <f>Bühler!L3372</f>
        <v>0.10991672496265828</v>
      </c>
      <c r="M3346" s="57">
        <f>Bühler!M3372</f>
        <v>0</v>
      </c>
      <c r="N3346" s="55">
        <f>IF(Input!$K$13=1,J3346*Input!$J$13,0)+IF(Input!$K$14=1,K3346*Input!$J$14,0)+IF(Input!$K$15=1,L3346*Input!$J$15,0)+IF(Input!$K$16=1,M3346*Input!$J$16,0)</f>
        <v>0.56144535918141503</v>
      </c>
      <c r="O3346" s="58">
        <f>IF(Input!$K$13=2,J3346*Input!$J$13,0)+IF(Input!$K$14=2,K3346*Input!$J$14,0)+IF(Input!$K$15=2,L3346*Input!$J$15,0)+IF(Input!$K$16=2,M3346*Input!$J$16,0)</f>
        <v>2.9677515739917733E-2</v>
      </c>
      <c r="P3346" s="58">
        <f>IF(Input!$K$13=3,J3346*Input!$J$13,0)+IF(Input!$K$14=3,K3346*Input!$J$14,0)+IF(Input!$K$15=3,L3346*Input!$J$15,0)+IF(Input!$K$16=3,M3346*Input!$J$16,0)</f>
        <v>0</v>
      </c>
      <c r="Q3346" s="71">
        <f>IF(Input!$K$13=4,J3346*Input!$J$13,0)+IF(Input!$K$14=4,K3346*Input!$J$14,0)+IF(Input!$K$15=4,L3346*Input!$J$15,0)+IF(Input!$K$16=4,M3346*Input!$J$16,0)</f>
        <v>0</v>
      </c>
    </row>
    <row r="3347" spans="8:17" x14ac:dyDescent="0.25">
      <c r="H3347" s="43">
        <v>3340</v>
      </c>
      <c r="I3347" s="55">
        <f>Bühler!I3373</f>
        <v>0.35812558553457485</v>
      </c>
      <c r="J3347" s="58">
        <f>Bühler!J3373</f>
        <v>4.6787113265117917</v>
      </c>
      <c r="K3347" s="58">
        <f>Bühler!K3373</f>
        <v>0.21983344992531656</v>
      </c>
      <c r="L3347" s="58">
        <f>Bühler!L3373</f>
        <v>0.10991672496265828</v>
      </c>
      <c r="M3347" s="57">
        <f>Bühler!M3373</f>
        <v>0</v>
      </c>
      <c r="N3347" s="55">
        <f>IF(Input!$K$13=1,J3347*Input!$J$13,0)+IF(Input!$K$14=1,K3347*Input!$J$14,0)+IF(Input!$K$15=1,L3347*Input!$J$15,0)+IF(Input!$K$16=1,M3347*Input!$J$16,0)</f>
        <v>0.56144535918141503</v>
      </c>
      <c r="O3347" s="58">
        <f>IF(Input!$K$13=2,J3347*Input!$J$13,0)+IF(Input!$K$14=2,K3347*Input!$J$14,0)+IF(Input!$K$15=2,L3347*Input!$J$15,0)+IF(Input!$K$16=2,M3347*Input!$J$16,0)</f>
        <v>2.9677515739917733E-2</v>
      </c>
      <c r="P3347" s="58">
        <f>IF(Input!$K$13=3,J3347*Input!$J$13,0)+IF(Input!$K$14=3,K3347*Input!$J$14,0)+IF(Input!$K$15=3,L3347*Input!$J$15,0)+IF(Input!$K$16=3,M3347*Input!$J$16,0)</f>
        <v>0</v>
      </c>
      <c r="Q3347" s="71">
        <f>IF(Input!$K$13=4,J3347*Input!$J$13,0)+IF(Input!$K$14=4,K3347*Input!$J$14,0)+IF(Input!$K$15=4,L3347*Input!$J$15,0)+IF(Input!$K$16=4,M3347*Input!$J$16,0)</f>
        <v>0</v>
      </c>
    </row>
    <row r="3348" spans="8:17" x14ac:dyDescent="0.25">
      <c r="H3348" s="43">
        <v>3341</v>
      </c>
      <c r="I3348" s="55">
        <f>Bühler!I3374</f>
        <v>0.35812558553457485</v>
      </c>
      <c r="J3348" s="58">
        <f>Bühler!J3374</f>
        <v>4.6787113265117917</v>
      </c>
      <c r="K3348" s="58">
        <f>Bühler!K3374</f>
        <v>0.21983344992531656</v>
      </c>
      <c r="L3348" s="58">
        <f>Bühler!L3374</f>
        <v>0.10991672496265828</v>
      </c>
      <c r="M3348" s="57">
        <f>Bühler!M3374</f>
        <v>0</v>
      </c>
      <c r="N3348" s="55">
        <f>IF(Input!$K$13=1,J3348*Input!$J$13,0)+IF(Input!$K$14=1,K3348*Input!$J$14,0)+IF(Input!$K$15=1,L3348*Input!$J$15,0)+IF(Input!$K$16=1,M3348*Input!$J$16,0)</f>
        <v>0.56144535918141503</v>
      </c>
      <c r="O3348" s="58">
        <f>IF(Input!$K$13=2,J3348*Input!$J$13,0)+IF(Input!$K$14=2,K3348*Input!$J$14,0)+IF(Input!$K$15=2,L3348*Input!$J$15,0)+IF(Input!$K$16=2,M3348*Input!$J$16,0)</f>
        <v>2.9677515739917733E-2</v>
      </c>
      <c r="P3348" s="58">
        <f>IF(Input!$K$13=3,J3348*Input!$J$13,0)+IF(Input!$K$14=3,K3348*Input!$J$14,0)+IF(Input!$K$15=3,L3348*Input!$J$15,0)+IF(Input!$K$16=3,M3348*Input!$J$16,0)</f>
        <v>0</v>
      </c>
      <c r="Q3348" s="71">
        <f>IF(Input!$K$13=4,J3348*Input!$J$13,0)+IF(Input!$K$14=4,K3348*Input!$J$14,0)+IF(Input!$K$15=4,L3348*Input!$J$15,0)+IF(Input!$K$16=4,M3348*Input!$J$16,0)</f>
        <v>0</v>
      </c>
    </row>
    <row r="3349" spans="8:17" x14ac:dyDescent="0.25">
      <c r="H3349" s="43">
        <v>3342</v>
      </c>
      <c r="I3349" s="55">
        <f>Bühler!I3375</f>
        <v>0.4454732893234955</v>
      </c>
      <c r="J3349" s="58">
        <f>Bühler!J3375</f>
        <v>4.6823508141696628</v>
      </c>
      <c r="K3349" s="58">
        <f>Bühler!K3375</f>
        <v>0.21983344992531656</v>
      </c>
      <c r="L3349" s="58">
        <f>Bühler!L3375</f>
        <v>0.10991672496265828</v>
      </c>
      <c r="M3349" s="57">
        <f>Bühler!M3375</f>
        <v>0</v>
      </c>
      <c r="N3349" s="55">
        <f>IF(Input!$K$13=1,J3349*Input!$J$13,0)+IF(Input!$K$14=1,K3349*Input!$J$14,0)+IF(Input!$K$15=1,L3349*Input!$J$15,0)+IF(Input!$K$16=1,M3349*Input!$J$16,0)</f>
        <v>0.56188209770035946</v>
      </c>
      <c r="O3349" s="58">
        <f>IF(Input!$K$13=2,J3349*Input!$J$13,0)+IF(Input!$K$14=2,K3349*Input!$J$14,0)+IF(Input!$K$15=2,L3349*Input!$J$15,0)+IF(Input!$K$16=2,M3349*Input!$J$16,0)</f>
        <v>2.9677515739917733E-2</v>
      </c>
      <c r="P3349" s="58">
        <f>IF(Input!$K$13=3,J3349*Input!$J$13,0)+IF(Input!$K$14=3,K3349*Input!$J$14,0)+IF(Input!$K$15=3,L3349*Input!$J$15,0)+IF(Input!$K$16=3,M3349*Input!$J$16,0)</f>
        <v>0</v>
      </c>
      <c r="Q3349" s="71">
        <f>IF(Input!$K$13=4,J3349*Input!$J$13,0)+IF(Input!$K$14=4,K3349*Input!$J$14,0)+IF(Input!$K$15=4,L3349*Input!$J$15,0)+IF(Input!$K$16=4,M3349*Input!$J$16,0)</f>
        <v>0</v>
      </c>
    </row>
    <row r="3350" spans="8:17" x14ac:dyDescent="0.25">
      <c r="H3350" s="43">
        <v>3343</v>
      </c>
      <c r="I3350" s="55">
        <f>Bühler!I3376</f>
        <v>0.55902530424909236</v>
      </c>
      <c r="J3350" s="58">
        <f>Bühler!J3376</f>
        <v>4.6870821481248957</v>
      </c>
      <c r="K3350" s="58">
        <f>Bühler!K3376</f>
        <v>0.21983344992531656</v>
      </c>
      <c r="L3350" s="58">
        <f>Bühler!L3376</f>
        <v>0.10991672496265828</v>
      </c>
      <c r="M3350" s="57">
        <f>Bühler!M3376</f>
        <v>0</v>
      </c>
      <c r="N3350" s="55">
        <f>IF(Input!$K$13=1,J3350*Input!$J$13,0)+IF(Input!$K$14=1,K3350*Input!$J$14,0)+IF(Input!$K$15=1,L3350*Input!$J$15,0)+IF(Input!$K$16=1,M3350*Input!$J$16,0)</f>
        <v>0.56244985777498746</v>
      </c>
      <c r="O3350" s="58">
        <f>IF(Input!$K$13=2,J3350*Input!$J$13,0)+IF(Input!$K$14=2,K3350*Input!$J$14,0)+IF(Input!$K$15=2,L3350*Input!$J$15,0)+IF(Input!$K$16=2,M3350*Input!$J$16,0)</f>
        <v>2.9677515739917733E-2</v>
      </c>
      <c r="P3350" s="58">
        <f>IF(Input!$K$13=3,J3350*Input!$J$13,0)+IF(Input!$K$14=3,K3350*Input!$J$14,0)+IF(Input!$K$15=3,L3350*Input!$J$15,0)+IF(Input!$K$16=3,M3350*Input!$J$16,0)</f>
        <v>0</v>
      </c>
      <c r="Q3350" s="71">
        <f>IF(Input!$K$13=4,J3350*Input!$J$13,0)+IF(Input!$K$14=4,K3350*Input!$J$14,0)+IF(Input!$K$15=4,L3350*Input!$J$15,0)+IF(Input!$K$16=4,M3350*Input!$J$16,0)</f>
        <v>0</v>
      </c>
    </row>
    <row r="3351" spans="8:17" x14ac:dyDescent="0.25">
      <c r="H3351" s="43">
        <v>3344</v>
      </c>
      <c r="I3351" s="55">
        <f>Bühler!I3377</f>
        <v>0.63763823765912098</v>
      </c>
      <c r="J3351" s="58">
        <f>Bühler!J3377</f>
        <v>4.6903576870169807</v>
      </c>
      <c r="K3351" s="58">
        <f>Bühler!K3377</f>
        <v>0.21983344992531656</v>
      </c>
      <c r="L3351" s="58">
        <f>Bühler!L3377</f>
        <v>0.10991672496265828</v>
      </c>
      <c r="M3351" s="57">
        <f>Bühler!M3377</f>
        <v>0</v>
      </c>
      <c r="N3351" s="55">
        <f>IF(Input!$K$13=1,J3351*Input!$J$13,0)+IF(Input!$K$14=1,K3351*Input!$J$14,0)+IF(Input!$K$15=1,L3351*Input!$J$15,0)+IF(Input!$K$16=1,M3351*Input!$J$16,0)</f>
        <v>0.56284292244203771</v>
      </c>
      <c r="O3351" s="58">
        <f>IF(Input!$K$13=2,J3351*Input!$J$13,0)+IF(Input!$K$14=2,K3351*Input!$J$14,0)+IF(Input!$K$15=2,L3351*Input!$J$15,0)+IF(Input!$K$16=2,M3351*Input!$J$16,0)</f>
        <v>2.9677515739917733E-2</v>
      </c>
      <c r="P3351" s="58">
        <f>IF(Input!$K$13=3,J3351*Input!$J$13,0)+IF(Input!$K$14=3,K3351*Input!$J$14,0)+IF(Input!$K$15=3,L3351*Input!$J$15,0)+IF(Input!$K$16=3,M3351*Input!$J$16,0)</f>
        <v>0</v>
      </c>
      <c r="Q3351" s="71">
        <f>IF(Input!$K$13=4,J3351*Input!$J$13,0)+IF(Input!$K$14=4,K3351*Input!$J$14,0)+IF(Input!$K$15=4,L3351*Input!$J$15,0)+IF(Input!$K$16=4,M3351*Input!$J$16,0)</f>
        <v>0</v>
      </c>
    </row>
    <row r="3352" spans="8:17" x14ac:dyDescent="0.25">
      <c r="H3352" s="43">
        <v>3345</v>
      </c>
      <c r="I3352" s="55">
        <f>Bühler!I3378</f>
        <v>0.63763823765912098</v>
      </c>
      <c r="J3352" s="58">
        <f>Bühler!J3378</f>
        <v>4.6903576870169807</v>
      </c>
      <c r="K3352" s="58">
        <f>Bühler!K3378</f>
        <v>0.21983344992531656</v>
      </c>
      <c r="L3352" s="58">
        <f>Bühler!L3378</f>
        <v>0.10991672496265828</v>
      </c>
      <c r="M3352" s="57">
        <f>Bühler!M3378</f>
        <v>0</v>
      </c>
      <c r="N3352" s="55">
        <f>IF(Input!$K$13=1,J3352*Input!$J$13,0)+IF(Input!$K$14=1,K3352*Input!$J$14,0)+IF(Input!$K$15=1,L3352*Input!$J$15,0)+IF(Input!$K$16=1,M3352*Input!$J$16,0)</f>
        <v>0.56284292244203771</v>
      </c>
      <c r="O3352" s="58">
        <f>IF(Input!$K$13=2,J3352*Input!$J$13,0)+IF(Input!$K$14=2,K3352*Input!$J$14,0)+IF(Input!$K$15=2,L3352*Input!$J$15,0)+IF(Input!$K$16=2,M3352*Input!$J$16,0)</f>
        <v>2.9677515739917733E-2</v>
      </c>
      <c r="P3352" s="58">
        <f>IF(Input!$K$13=3,J3352*Input!$J$13,0)+IF(Input!$K$14=3,K3352*Input!$J$14,0)+IF(Input!$K$15=3,L3352*Input!$J$15,0)+IF(Input!$K$16=3,M3352*Input!$J$16,0)</f>
        <v>0</v>
      </c>
      <c r="Q3352" s="71">
        <f>IF(Input!$K$13=4,J3352*Input!$J$13,0)+IF(Input!$K$14=4,K3352*Input!$J$14,0)+IF(Input!$K$15=4,L3352*Input!$J$15,0)+IF(Input!$K$16=4,M3352*Input!$J$16,0)</f>
        <v>0</v>
      </c>
    </row>
    <row r="3353" spans="8:17" x14ac:dyDescent="0.25">
      <c r="H3353" s="43">
        <v>3346</v>
      </c>
      <c r="I3353" s="55">
        <f>Bühler!I3379</f>
        <v>0.63763823765912098</v>
      </c>
      <c r="J3353" s="58">
        <f>Bühler!J3379</f>
        <v>4.6903576870169807</v>
      </c>
      <c r="K3353" s="58">
        <f>Bühler!K3379</f>
        <v>0.21983344992531656</v>
      </c>
      <c r="L3353" s="58">
        <f>Bühler!L3379</f>
        <v>0.10991672496265828</v>
      </c>
      <c r="M3353" s="57">
        <f>Bühler!M3379</f>
        <v>0</v>
      </c>
      <c r="N3353" s="55">
        <f>IF(Input!$K$13=1,J3353*Input!$J$13,0)+IF(Input!$K$14=1,K3353*Input!$J$14,0)+IF(Input!$K$15=1,L3353*Input!$J$15,0)+IF(Input!$K$16=1,M3353*Input!$J$16,0)</f>
        <v>0.56284292244203771</v>
      </c>
      <c r="O3353" s="58">
        <f>IF(Input!$K$13=2,J3353*Input!$J$13,0)+IF(Input!$K$14=2,K3353*Input!$J$14,0)+IF(Input!$K$15=2,L3353*Input!$J$15,0)+IF(Input!$K$16=2,M3353*Input!$J$16,0)</f>
        <v>2.9677515739917733E-2</v>
      </c>
      <c r="P3353" s="58">
        <f>IF(Input!$K$13=3,J3353*Input!$J$13,0)+IF(Input!$K$14=3,K3353*Input!$J$14,0)+IF(Input!$K$15=3,L3353*Input!$J$15,0)+IF(Input!$K$16=3,M3353*Input!$J$16,0)</f>
        <v>0</v>
      </c>
      <c r="Q3353" s="71">
        <f>IF(Input!$K$13=4,J3353*Input!$J$13,0)+IF(Input!$K$14=4,K3353*Input!$J$14,0)+IF(Input!$K$15=4,L3353*Input!$J$15,0)+IF(Input!$K$16=4,M3353*Input!$J$16,0)</f>
        <v>0</v>
      </c>
    </row>
    <row r="3354" spans="8:17" x14ac:dyDescent="0.25">
      <c r="H3354" s="43">
        <v>3347</v>
      </c>
      <c r="I3354" s="55">
        <f>Bühler!I3380</f>
        <v>0.63763823765912098</v>
      </c>
      <c r="J3354" s="58">
        <f>Bühler!J3380</f>
        <v>4.6903576870169807</v>
      </c>
      <c r="K3354" s="58">
        <f>Bühler!K3380</f>
        <v>0.21983344992531656</v>
      </c>
      <c r="L3354" s="58">
        <f>Bühler!L3380</f>
        <v>0.10991672496265828</v>
      </c>
      <c r="M3354" s="57">
        <f>Bühler!M3380</f>
        <v>0</v>
      </c>
      <c r="N3354" s="55">
        <f>IF(Input!$K$13=1,J3354*Input!$J$13,0)+IF(Input!$K$14=1,K3354*Input!$J$14,0)+IF(Input!$K$15=1,L3354*Input!$J$15,0)+IF(Input!$K$16=1,M3354*Input!$J$16,0)</f>
        <v>0.56284292244203771</v>
      </c>
      <c r="O3354" s="58">
        <f>IF(Input!$K$13=2,J3354*Input!$J$13,0)+IF(Input!$K$14=2,K3354*Input!$J$14,0)+IF(Input!$K$15=2,L3354*Input!$J$15,0)+IF(Input!$K$16=2,M3354*Input!$J$16,0)</f>
        <v>2.9677515739917733E-2</v>
      </c>
      <c r="P3354" s="58">
        <f>IF(Input!$K$13=3,J3354*Input!$J$13,0)+IF(Input!$K$14=3,K3354*Input!$J$14,0)+IF(Input!$K$15=3,L3354*Input!$J$15,0)+IF(Input!$K$16=3,M3354*Input!$J$16,0)</f>
        <v>0</v>
      </c>
      <c r="Q3354" s="71">
        <f>IF(Input!$K$13=4,J3354*Input!$J$13,0)+IF(Input!$K$14=4,K3354*Input!$J$14,0)+IF(Input!$K$15=4,L3354*Input!$J$15,0)+IF(Input!$K$16=4,M3354*Input!$J$16,0)</f>
        <v>0</v>
      </c>
    </row>
    <row r="3355" spans="8:17" x14ac:dyDescent="0.25">
      <c r="H3355" s="43">
        <v>3348</v>
      </c>
      <c r="I3355" s="55">
        <f>Bühler!I3381</f>
        <v>0.63763823765912098</v>
      </c>
      <c r="J3355" s="58">
        <f>Bühler!J3381</f>
        <v>4.6903576870169807</v>
      </c>
      <c r="K3355" s="58">
        <f>Bühler!K3381</f>
        <v>0.21983344992531656</v>
      </c>
      <c r="L3355" s="58">
        <f>Bühler!L3381</f>
        <v>0.10991672496265828</v>
      </c>
      <c r="M3355" s="57">
        <f>Bühler!M3381</f>
        <v>0</v>
      </c>
      <c r="N3355" s="55">
        <f>IF(Input!$K$13=1,J3355*Input!$J$13,0)+IF(Input!$K$14=1,K3355*Input!$J$14,0)+IF(Input!$K$15=1,L3355*Input!$J$15,0)+IF(Input!$K$16=1,M3355*Input!$J$16,0)</f>
        <v>0.56284292244203771</v>
      </c>
      <c r="O3355" s="58">
        <f>IF(Input!$K$13=2,J3355*Input!$J$13,0)+IF(Input!$K$14=2,K3355*Input!$J$14,0)+IF(Input!$K$15=2,L3355*Input!$J$15,0)+IF(Input!$K$16=2,M3355*Input!$J$16,0)</f>
        <v>2.9677515739917733E-2</v>
      </c>
      <c r="P3355" s="58">
        <f>IF(Input!$K$13=3,J3355*Input!$J$13,0)+IF(Input!$K$14=3,K3355*Input!$J$14,0)+IF(Input!$K$15=3,L3355*Input!$J$15,0)+IF(Input!$K$16=3,M3355*Input!$J$16,0)</f>
        <v>0</v>
      </c>
      <c r="Q3355" s="71">
        <f>IF(Input!$K$13=4,J3355*Input!$J$13,0)+IF(Input!$K$14=4,K3355*Input!$J$14,0)+IF(Input!$K$15=4,L3355*Input!$J$15,0)+IF(Input!$K$16=4,M3355*Input!$J$16,0)</f>
        <v>0</v>
      </c>
    </row>
    <row r="3356" spans="8:17" x14ac:dyDescent="0.25">
      <c r="H3356" s="43">
        <v>3349</v>
      </c>
      <c r="I3356" s="55">
        <f>Bühler!I3382</f>
        <v>0.63763823765912098</v>
      </c>
      <c r="J3356" s="58">
        <f>Bühler!J3382</f>
        <v>4.6903576870169807</v>
      </c>
      <c r="K3356" s="58">
        <f>Bühler!K3382</f>
        <v>0.21983344992531656</v>
      </c>
      <c r="L3356" s="58">
        <f>Bühler!L3382</f>
        <v>0.10991672496265828</v>
      </c>
      <c r="M3356" s="57">
        <f>Bühler!M3382</f>
        <v>0</v>
      </c>
      <c r="N3356" s="55">
        <f>IF(Input!$K$13=1,J3356*Input!$J$13,0)+IF(Input!$K$14=1,K3356*Input!$J$14,0)+IF(Input!$K$15=1,L3356*Input!$J$15,0)+IF(Input!$K$16=1,M3356*Input!$J$16,0)</f>
        <v>0.56284292244203771</v>
      </c>
      <c r="O3356" s="58">
        <f>IF(Input!$K$13=2,J3356*Input!$J$13,0)+IF(Input!$K$14=2,K3356*Input!$J$14,0)+IF(Input!$K$15=2,L3356*Input!$J$15,0)+IF(Input!$K$16=2,M3356*Input!$J$16,0)</f>
        <v>2.9677515739917733E-2</v>
      </c>
      <c r="P3356" s="58">
        <f>IF(Input!$K$13=3,J3356*Input!$J$13,0)+IF(Input!$K$14=3,K3356*Input!$J$14,0)+IF(Input!$K$15=3,L3356*Input!$J$15,0)+IF(Input!$K$16=3,M3356*Input!$J$16,0)</f>
        <v>0</v>
      </c>
      <c r="Q3356" s="71">
        <f>IF(Input!$K$13=4,J3356*Input!$J$13,0)+IF(Input!$K$14=4,K3356*Input!$J$14,0)+IF(Input!$K$15=4,L3356*Input!$J$15,0)+IF(Input!$K$16=4,M3356*Input!$J$16,0)</f>
        <v>0</v>
      </c>
    </row>
    <row r="3357" spans="8:17" x14ac:dyDescent="0.25">
      <c r="H3357" s="43">
        <v>3350</v>
      </c>
      <c r="I3357" s="55">
        <f>Bühler!I3383</f>
        <v>0.63763823765912098</v>
      </c>
      <c r="J3357" s="58">
        <f>Bühler!J3383</f>
        <v>4.6903576870169807</v>
      </c>
      <c r="K3357" s="58">
        <f>Bühler!K3383</f>
        <v>0.21983344992531656</v>
      </c>
      <c r="L3357" s="58">
        <f>Bühler!L3383</f>
        <v>0.10991672496265828</v>
      </c>
      <c r="M3357" s="57">
        <f>Bühler!M3383</f>
        <v>0</v>
      </c>
      <c r="N3357" s="55">
        <f>IF(Input!$K$13=1,J3357*Input!$J$13,0)+IF(Input!$K$14=1,K3357*Input!$J$14,0)+IF(Input!$K$15=1,L3357*Input!$J$15,0)+IF(Input!$K$16=1,M3357*Input!$J$16,0)</f>
        <v>0.56284292244203771</v>
      </c>
      <c r="O3357" s="58">
        <f>IF(Input!$K$13=2,J3357*Input!$J$13,0)+IF(Input!$K$14=2,K3357*Input!$J$14,0)+IF(Input!$K$15=2,L3357*Input!$J$15,0)+IF(Input!$K$16=2,M3357*Input!$J$16,0)</f>
        <v>2.9677515739917733E-2</v>
      </c>
      <c r="P3357" s="58">
        <f>IF(Input!$K$13=3,J3357*Input!$J$13,0)+IF(Input!$K$14=3,K3357*Input!$J$14,0)+IF(Input!$K$15=3,L3357*Input!$J$15,0)+IF(Input!$K$16=3,M3357*Input!$J$16,0)</f>
        <v>0</v>
      </c>
      <c r="Q3357" s="71">
        <f>IF(Input!$K$13=4,J3357*Input!$J$13,0)+IF(Input!$K$14=4,K3357*Input!$J$14,0)+IF(Input!$K$15=4,L3357*Input!$J$15,0)+IF(Input!$K$16=4,M3357*Input!$J$16,0)</f>
        <v>0</v>
      </c>
    </row>
    <row r="3358" spans="8:17" x14ac:dyDescent="0.25">
      <c r="H3358" s="43">
        <v>3351</v>
      </c>
      <c r="I3358" s="55">
        <f>Bühler!I3384</f>
        <v>0.63763823765912098</v>
      </c>
      <c r="J3358" s="58">
        <f>Bühler!J3384</f>
        <v>4.6903576870169807</v>
      </c>
      <c r="K3358" s="58">
        <f>Bühler!K3384</f>
        <v>0.21983344992531656</v>
      </c>
      <c r="L3358" s="58">
        <f>Bühler!L3384</f>
        <v>0.10991672496265828</v>
      </c>
      <c r="M3358" s="57">
        <f>Bühler!M3384</f>
        <v>0</v>
      </c>
      <c r="N3358" s="55">
        <f>IF(Input!$K$13=1,J3358*Input!$J$13,0)+IF(Input!$K$14=1,K3358*Input!$J$14,0)+IF(Input!$K$15=1,L3358*Input!$J$15,0)+IF(Input!$K$16=1,M3358*Input!$J$16,0)</f>
        <v>0.56284292244203771</v>
      </c>
      <c r="O3358" s="58">
        <f>IF(Input!$K$13=2,J3358*Input!$J$13,0)+IF(Input!$K$14=2,K3358*Input!$J$14,0)+IF(Input!$K$15=2,L3358*Input!$J$15,0)+IF(Input!$K$16=2,M3358*Input!$J$16,0)</f>
        <v>2.9677515739917733E-2</v>
      </c>
      <c r="P3358" s="58">
        <f>IF(Input!$K$13=3,J3358*Input!$J$13,0)+IF(Input!$K$14=3,K3358*Input!$J$14,0)+IF(Input!$K$15=3,L3358*Input!$J$15,0)+IF(Input!$K$16=3,M3358*Input!$J$16,0)</f>
        <v>0</v>
      </c>
      <c r="Q3358" s="71">
        <f>IF(Input!$K$13=4,J3358*Input!$J$13,0)+IF(Input!$K$14=4,K3358*Input!$J$14,0)+IF(Input!$K$15=4,L3358*Input!$J$15,0)+IF(Input!$K$16=4,M3358*Input!$J$16,0)</f>
        <v>0</v>
      </c>
    </row>
    <row r="3359" spans="8:17" x14ac:dyDescent="0.25">
      <c r="H3359" s="43">
        <v>3352</v>
      </c>
      <c r="I3359" s="55">
        <f>Bühler!I3385</f>
        <v>0.57649484500687653</v>
      </c>
      <c r="J3359" s="58">
        <f>Bühler!J3385</f>
        <v>4.6878100456564704</v>
      </c>
      <c r="K3359" s="58">
        <f>Bühler!K3385</f>
        <v>0.21983344992531656</v>
      </c>
      <c r="L3359" s="58">
        <f>Bühler!L3385</f>
        <v>0.10991672496265828</v>
      </c>
      <c r="M3359" s="57">
        <f>Bühler!M3385</f>
        <v>0</v>
      </c>
      <c r="N3359" s="55">
        <f>IF(Input!$K$13=1,J3359*Input!$J$13,0)+IF(Input!$K$14=1,K3359*Input!$J$14,0)+IF(Input!$K$15=1,L3359*Input!$J$15,0)+IF(Input!$K$16=1,M3359*Input!$J$16,0)</f>
        <v>0.56253720547877639</v>
      </c>
      <c r="O3359" s="58">
        <f>IF(Input!$K$13=2,J3359*Input!$J$13,0)+IF(Input!$K$14=2,K3359*Input!$J$14,0)+IF(Input!$K$15=2,L3359*Input!$J$15,0)+IF(Input!$K$16=2,M3359*Input!$J$16,0)</f>
        <v>2.9677515739917733E-2</v>
      </c>
      <c r="P3359" s="58">
        <f>IF(Input!$K$13=3,J3359*Input!$J$13,0)+IF(Input!$K$14=3,K3359*Input!$J$14,0)+IF(Input!$K$15=3,L3359*Input!$J$15,0)+IF(Input!$K$16=3,M3359*Input!$J$16,0)</f>
        <v>0</v>
      </c>
      <c r="Q3359" s="71">
        <f>IF(Input!$K$13=4,J3359*Input!$J$13,0)+IF(Input!$K$14=4,K3359*Input!$J$14,0)+IF(Input!$K$15=4,L3359*Input!$J$15,0)+IF(Input!$K$16=4,M3359*Input!$J$16,0)</f>
        <v>0</v>
      </c>
    </row>
    <row r="3360" spans="8:17" x14ac:dyDescent="0.25">
      <c r="H3360" s="43">
        <v>3353</v>
      </c>
      <c r="I3360" s="55">
        <f>Bühler!I3386</f>
        <v>0.52408622273352401</v>
      </c>
      <c r="J3360" s="58">
        <f>Bühler!J3386</f>
        <v>4.685626353061747</v>
      </c>
      <c r="K3360" s="58">
        <f>Bühler!K3386</f>
        <v>0.21983344992531656</v>
      </c>
      <c r="L3360" s="58">
        <f>Bühler!L3386</f>
        <v>0.10991672496265828</v>
      </c>
      <c r="M3360" s="57">
        <f>Bühler!M3386</f>
        <v>0</v>
      </c>
      <c r="N3360" s="55">
        <f>IF(Input!$K$13=1,J3360*Input!$J$13,0)+IF(Input!$K$14=1,K3360*Input!$J$14,0)+IF(Input!$K$15=1,L3360*Input!$J$15,0)+IF(Input!$K$16=1,M3360*Input!$J$16,0)</f>
        <v>0.5622751623674096</v>
      </c>
      <c r="O3360" s="58">
        <f>IF(Input!$K$13=2,J3360*Input!$J$13,0)+IF(Input!$K$14=2,K3360*Input!$J$14,0)+IF(Input!$K$15=2,L3360*Input!$J$15,0)+IF(Input!$K$16=2,M3360*Input!$J$16,0)</f>
        <v>2.9677515739917733E-2</v>
      </c>
      <c r="P3360" s="58">
        <f>IF(Input!$K$13=3,J3360*Input!$J$13,0)+IF(Input!$K$14=3,K3360*Input!$J$14,0)+IF(Input!$K$15=3,L3360*Input!$J$15,0)+IF(Input!$K$16=3,M3360*Input!$J$16,0)</f>
        <v>0</v>
      </c>
      <c r="Q3360" s="71">
        <f>IF(Input!$K$13=4,J3360*Input!$J$13,0)+IF(Input!$K$14=4,K3360*Input!$J$14,0)+IF(Input!$K$15=4,L3360*Input!$J$15,0)+IF(Input!$K$16=4,M3360*Input!$J$16,0)</f>
        <v>0</v>
      </c>
    </row>
    <row r="3361" spans="8:17" x14ac:dyDescent="0.25">
      <c r="H3361" s="43">
        <v>3354</v>
      </c>
      <c r="I3361" s="55">
        <f>Bühler!I3387</f>
        <v>0.47167760046017165</v>
      </c>
      <c r="J3361" s="58">
        <f>Bühler!J3387</f>
        <v>4.6834426604670245</v>
      </c>
      <c r="K3361" s="58">
        <f>Bühler!K3387</f>
        <v>0.21983344992531656</v>
      </c>
      <c r="L3361" s="58">
        <f>Bühler!L3387</f>
        <v>0.10991672496265828</v>
      </c>
      <c r="M3361" s="57">
        <f>Bühler!M3387</f>
        <v>0</v>
      </c>
      <c r="N3361" s="55">
        <f>IF(Input!$K$13=1,J3361*Input!$J$13,0)+IF(Input!$K$14=1,K3361*Input!$J$14,0)+IF(Input!$K$15=1,L3361*Input!$J$15,0)+IF(Input!$K$16=1,M3361*Input!$J$16,0)</f>
        <v>0.56201311925604291</v>
      </c>
      <c r="O3361" s="58">
        <f>IF(Input!$K$13=2,J3361*Input!$J$13,0)+IF(Input!$K$14=2,K3361*Input!$J$14,0)+IF(Input!$K$15=2,L3361*Input!$J$15,0)+IF(Input!$K$16=2,M3361*Input!$J$16,0)</f>
        <v>2.9677515739917733E-2</v>
      </c>
      <c r="P3361" s="58">
        <f>IF(Input!$K$13=3,J3361*Input!$J$13,0)+IF(Input!$K$14=3,K3361*Input!$J$14,0)+IF(Input!$K$15=3,L3361*Input!$J$15,0)+IF(Input!$K$16=3,M3361*Input!$J$16,0)</f>
        <v>0</v>
      </c>
      <c r="Q3361" s="71">
        <f>IF(Input!$K$13=4,J3361*Input!$J$13,0)+IF(Input!$K$14=4,K3361*Input!$J$14,0)+IF(Input!$K$15=4,L3361*Input!$J$15,0)+IF(Input!$K$16=4,M3361*Input!$J$16,0)</f>
        <v>0</v>
      </c>
    </row>
    <row r="3362" spans="8:17" x14ac:dyDescent="0.25">
      <c r="H3362" s="43">
        <v>3355</v>
      </c>
      <c r="I3362" s="55">
        <f>Bühler!I3388</f>
        <v>0.45420805970238748</v>
      </c>
      <c r="J3362" s="58">
        <f>Bühler!J3388</f>
        <v>4.6827147629354497</v>
      </c>
      <c r="K3362" s="58">
        <f>Bühler!K3388</f>
        <v>0.21983344992531656</v>
      </c>
      <c r="L3362" s="58">
        <f>Bühler!L3388</f>
        <v>0.10991672496265828</v>
      </c>
      <c r="M3362" s="57">
        <f>Bühler!M3388</f>
        <v>0</v>
      </c>
      <c r="N3362" s="55">
        <f>IF(Input!$K$13=1,J3362*Input!$J$13,0)+IF(Input!$K$14=1,K3362*Input!$J$14,0)+IF(Input!$K$15=1,L3362*Input!$J$15,0)+IF(Input!$K$16=1,M3362*Input!$J$16,0)</f>
        <v>0.56192577155225398</v>
      </c>
      <c r="O3362" s="58">
        <f>IF(Input!$K$13=2,J3362*Input!$J$13,0)+IF(Input!$K$14=2,K3362*Input!$J$14,0)+IF(Input!$K$15=2,L3362*Input!$J$15,0)+IF(Input!$K$16=2,M3362*Input!$J$16,0)</f>
        <v>2.9677515739917733E-2</v>
      </c>
      <c r="P3362" s="58">
        <f>IF(Input!$K$13=3,J3362*Input!$J$13,0)+IF(Input!$K$14=3,K3362*Input!$J$14,0)+IF(Input!$K$15=3,L3362*Input!$J$15,0)+IF(Input!$K$16=3,M3362*Input!$J$16,0)</f>
        <v>0</v>
      </c>
      <c r="Q3362" s="71">
        <f>IF(Input!$K$13=4,J3362*Input!$J$13,0)+IF(Input!$K$14=4,K3362*Input!$J$14,0)+IF(Input!$K$15=4,L3362*Input!$J$15,0)+IF(Input!$K$16=4,M3362*Input!$J$16,0)</f>
        <v>0</v>
      </c>
    </row>
    <row r="3363" spans="8:17" x14ac:dyDescent="0.25">
      <c r="H3363" s="43">
        <v>3356</v>
      </c>
      <c r="I3363" s="55">
        <f>Bühler!I3389</f>
        <v>0.36686035591346683</v>
      </c>
      <c r="J3363" s="58">
        <f>Bühler!J3389</f>
        <v>4.6790752752775786</v>
      </c>
      <c r="K3363" s="58">
        <f>Bühler!K3389</f>
        <v>0.21983344992531656</v>
      </c>
      <c r="L3363" s="58">
        <f>Bühler!L3389</f>
        <v>0.10991672496265828</v>
      </c>
      <c r="M3363" s="57">
        <f>Bühler!M3389</f>
        <v>0</v>
      </c>
      <c r="N3363" s="55">
        <f>IF(Input!$K$13=1,J3363*Input!$J$13,0)+IF(Input!$K$14=1,K3363*Input!$J$14,0)+IF(Input!$K$15=1,L3363*Input!$J$15,0)+IF(Input!$K$16=1,M3363*Input!$J$16,0)</f>
        <v>0.56148903303330944</v>
      </c>
      <c r="O3363" s="58">
        <f>IF(Input!$K$13=2,J3363*Input!$J$13,0)+IF(Input!$K$14=2,K3363*Input!$J$14,0)+IF(Input!$K$15=2,L3363*Input!$J$15,0)+IF(Input!$K$16=2,M3363*Input!$J$16,0)</f>
        <v>2.9677515739917733E-2</v>
      </c>
      <c r="P3363" s="58">
        <f>IF(Input!$K$13=3,J3363*Input!$J$13,0)+IF(Input!$K$14=3,K3363*Input!$J$14,0)+IF(Input!$K$15=3,L3363*Input!$J$15,0)+IF(Input!$K$16=3,M3363*Input!$J$16,0)</f>
        <v>0</v>
      </c>
      <c r="Q3363" s="71">
        <f>IF(Input!$K$13=4,J3363*Input!$J$13,0)+IF(Input!$K$14=4,K3363*Input!$J$14,0)+IF(Input!$K$15=4,L3363*Input!$J$15,0)+IF(Input!$K$16=4,M3363*Input!$J$16,0)</f>
        <v>0</v>
      </c>
    </row>
    <row r="3364" spans="8:17" x14ac:dyDescent="0.25">
      <c r="H3364" s="43">
        <v>3357</v>
      </c>
      <c r="I3364" s="55">
        <f>Bühler!I3390</f>
        <v>0.27077788174565409</v>
      </c>
      <c r="J3364" s="58">
        <f>Bühler!J3390</f>
        <v>4.6750718388539196</v>
      </c>
      <c r="K3364" s="58">
        <f>Bühler!K3390</f>
        <v>0.21983344992531656</v>
      </c>
      <c r="L3364" s="58">
        <f>Bühler!L3390</f>
        <v>0.10991672496265828</v>
      </c>
      <c r="M3364" s="57">
        <f>Bühler!M3390</f>
        <v>0</v>
      </c>
      <c r="N3364" s="55">
        <f>IF(Input!$K$13=1,J3364*Input!$J$13,0)+IF(Input!$K$14=1,K3364*Input!$J$14,0)+IF(Input!$K$15=1,L3364*Input!$J$15,0)+IF(Input!$K$16=1,M3364*Input!$J$16,0)</f>
        <v>0.56100862066247037</v>
      </c>
      <c r="O3364" s="58">
        <f>IF(Input!$K$13=2,J3364*Input!$J$13,0)+IF(Input!$K$14=2,K3364*Input!$J$14,0)+IF(Input!$K$15=2,L3364*Input!$J$15,0)+IF(Input!$K$16=2,M3364*Input!$J$16,0)</f>
        <v>2.9677515739917733E-2</v>
      </c>
      <c r="P3364" s="58">
        <f>IF(Input!$K$13=3,J3364*Input!$J$13,0)+IF(Input!$K$14=3,K3364*Input!$J$14,0)+IF(Input!$K$15=3,L3364*Input!$J$15,0)+IF(Input!$K$16=3,M3364*Input!$J$16,0)</f>
        <v>0</v>
      </c>
      <c r="Q3364" s="71">
        <f>IF(Input!$K$13=4,J3364*Input!$J$13,0)+IF(Input!$K$14=4,K3364*Input!$J$14,0)+IF(Input!$K$15=4,L3364*Input!$J$15,0)+IF(Input!$K$16=4,M3364*Input!$J$16,0)</f>
        <v>0</v>
      </c>
    </row>
    <row r="3365" spans="8:17" x14ac:dyDescent="0.25">
      <c r="H3365" s="43">
        <v>3358</v>
      </c>
      <c r="I3365" s="55">
        <f>Bühler!I3391</f>
        <v>0.27077788174565409</v>
      </c>
      <c r="J3365" s="58">
        <f>Bühler!J3391</f>
        <v>4.6750718388539196</v>
      </c>
      <c r="K3365" s="58">
        <f>Bühler!K3391</f>
        <v>0.21983344992531656</v>
      </c>
      <c r="L3365" s="58">
        <f>Bühler!L3391</f>
        <v>0.10991672496265828</v>
      </c>
      <c r="M3365" s="57">
        <f>Bühler!M3391</f>
        <v>0</v>
      </c>
      <c r="N3365" s="55">
        <f>IF(Input!$K$13=1,J3365*Input!$J$13,0)+IF(Input!$K$14=1,K3365*Input!$J$14,0)+IF(Input!$K$15=1,L3365*Input!$J$15,0)+IF(Input!$K$16=1,M3365*Input!$J$16,0)</f>
        <v>0.56100862066247037</v>
      </c>
      <c r="O3365" s="58">
        <f>IF(Input!$K$13=2,J3365*Input!$J$13,0)+IF(Input!$K$14=2,K3365*Input!$J$14,0)+IF(Input!$K$15=2,L3365*Input!$J$15,0)+IF(Input!$K$16=2,M3365*Input!$J$16,0)</f>
        <v>2.9677515739917733E-2</v>
      </c>
      <c r="P3365" s="58">
        <f>IF(Input!$K$13=3,J3365*Input!$J$13,0)+IF(Input!$K$14=3,K3365*Input!$J$14,0)+IF(Input!$K$15=3,L3365*Input!$J$15,0)+IF(Input!$K$16=3,M3365*Input!$J$16,0)</f>
        <v>0</v>
      </c>
      <c r="Q3365" s="71">
        <f>IF(Input!$K$13=4,J3365*Input!$J$13,0)+IF(Input!$K$14=4,K3365*Input!$J$14,0)+IF(Input!$K$15=4,L3365*Input!$J$15,0)+IF(Input!$K$16=4,M3365*Input!$J$16,0)</f>
        <v>0</v>
      </c>
    </row>
    <row r="3366" spans="8:17" x14ac:dyDescent="0.25">
      <c r="H3366" s="43">
        <v>3359</v>
      </c>
      <c r="I3366" s="55">
        <f>Bühler!I3392</f>
        <v>0.27077788174565409</v>
      </c>
      <c r="J3366" s="58">
        <f>Bühler!J3392</f>
        <v>4.6750718388539196</v>
      </c>
      <c r="K3366" s="58">
        <f>Bühler!K3392</f>
        <v>0.21983344992531656</v>
      </c>
      <c r="L3366" s="58">
        <f>Bühler!L3392</f>
        <v>0.10991672496265828</v>
      </c>
      <c r="M3366" s="57">
        <f>Bühler!M3392</f>
        <v>0</v>
      </c>
      <c r="N3366" s="55">
        <f>IF(Input!$K$13=1,J3366*Input!$J$13,0)+IF(Input!$K$14=1,K3366*Input!$J$14,0)+IF(Input!$K$15=1,L3366*Input!$J$15,0)+IF(Input!$K$16=1,M3366*Input!$J$16,0)</f>
        <v>0.56100862066247037</v>
      </c>
      <c r="O3366" s="58">
        <f>IF(Input!$K$13=2,J3366*Input!$J$13,0)+IF(Input!$K$14=2,K3366*Input!$J$14,0)+IF(Input!$K$15=2,L3366*Input!$J$15,0)+IF(Input!$K$16=2,M3366*Input!$J$16,0)</f>
        <v>2.9677515739917733E-2</v>
      </c>
      <c r="P3366" s="58">
        <f>IF(Input!$K$13=3,J3366*Input!$J$13,0)+IF(Input!$K$14=3,K3366*Input!$J$14,0)+IF(Input!$K$15=3,L3366*Input!$J$15,0)+IF(Input!$K$16=3,M3366*Input!$J$16,0)</f>
        <v>0</v>
      </c>
      <c r="Q3366" s="71">
        <f>IF(Input!$K$13=4,J3366*Input!$J$13,0)+IF(Input!$K$14=4,K3366*Input!$J$14,0)+IF(Input!$K$15=4,L3366*Input!$J$15,0)+IF(Input!$K$16=4,M3366*Input!$J$16,0)</f>
        <v>0</v>
      </c>
    </row>
    <row r="3367" spans="8:17" x14ac:dyDescent="0.25">
      <c r="H3367" s="43">
        <v>3360</v>
      </c>
      <c r="I3367" s="55">
        <f>Bühler!I3393</f>
        <v>0.27077788174565409</v>
      </c>
      <c r="J3367" s="58">
        <f>Bühler!J3393</f>
        <v>4.6750718388539196</v>
      </c>
      <c r="K3367" s="58">
        <f>Bühler!K3393</f>
        <v>0.21983344992531656</v>
      </c>
      <c r="L3367" s="58">
        <f>Bühler!L3393</f>
        <v>0.10991672496265828</v>
      </c>
      <c r="M3367" s="57">
        <f>Bühler!M3393</f>
        <v>0</v>
      </c>
      <c r="N3367" s="55">
        <f>IF(Input!$K$13=1,J3367*Input!$J$13,0)+IF(Input!$K$14=1,K3367*Input!$J$14,0)+IF(Input!$K$15=1,L3367*Input!$J$15,0)+IF(Input!$K$16=1,M3367*Input!$J$16,0)</f>
        <v>0.56100862066247037</v>
      </c>
      <c r="O3367" s="58">
        <f>IF(Input!$K$13=2,J3367*Input!$J$13,0)+IF(Input!$K$14=2,K3367*Input!$J$14,0)+IF(Input!$K$15=2,L3367*Input!$J$15,0)+IF(Input!$K$16=2,M3367*Input!$J$16,0)</f>
        <v>2.9677515739917733E-2</v>
      </c>
      <c r="P3367" s="58">
        <f>IF(Input!$K$13=3,J3367*Input!$J$13,0)+IF(Input!$K$14=3,K3367*Input!$J$14,0)+IF(Input!$K$15=3,L3367*Input!$J$15,0)+IF(Input!$K$16=3,M3367*Input!$J$16,0)</f>
        <v>0</v>
      </c>
      <c r="Q3367" s="71">
        <f>IF(Input!$K$13=4,J3367*Input!$J$13,0)+IF(Input!$K$14=4,K3367*Input!$J$14,0)+IF(Input!$K$15=4,L3367*Input!$J$15,0)+IF(Input!$K$16=4,M3367*Input!$J$16,0)</f>
        <v>0</v>
      </c>
    </row>
    <row r="3368" spans="8:17" x14ac:dyDescent="0.25">
      <c r="H3368" s="43">
        <v>3361</v>
      </c>
      <c r="I3368" s="55">
        <f>Bühler!I3394</f>
        <v>0.18789255020065132</v>
      </c>
      <c r="J3368" s="58">
        <f>Bühler!J3394</f>
        <v>4.2803568084685972</v>
      </c>
      <c r="K3368" s="58">
        <f>Bühler!K3394</f>
        <v>0.2186934803168436</v>
      </c>
      <c r="L3368" s="58">
        <f>Bühler!L3394</f>
        <v>0.1093467401584218</v>
      </c>
      <c r="M3368" s="57">
        <f>Bühler!M3394</f>
        <v>0</v>
      </c>
      <c r="N3368" s="55">
        <f>IF(Input!$K$13=1,J3368*Input!$J$13,0)+IF(Input!$K$14=1,K3368*Input!$J$14,0)+IF(Input!$K$15=1,L3368*Input!$J$15,0)+IF(Input!$K$16=1,M3368*Input!$J$16,0)</f>
        <v>0.5136428170162316</v>
      </c>
      <c r="O3368" s="58">
        <f>IF(Input!$K$13=2,J3368*Input!$J$13,0)+IF(Input!$K$14=2,K3368*Input!$J$14,0)+IF(Input!$K$15=2,L3368*Input!$J$15,0)+IF(Input!$K$16=2,M3368*Input!$J$16,0)</f>
        <v>2.9523619842773886E-2</v>
      </c>
      <c r="P3368" s="58">
        <f>IF(Input!$K$13=3,J3368*Input!$J$13,0)+IF(Input!$K$14=3,K3368*Input!$J$14,0)+IF(Input!$K$15=3,L3368*Input!$J$15,0)+IF(Input!$K$16=3,M3368*Input!$J$16,0)</f>
        <v>0</v>
      </c>
      <c r="Q3368" s="71">
        <f>IF(Input!$K$13=4,J3368*Input!$J$13,0)+IF(Input!$K$14=4,K3368*Input!$J$14,0)+IF(Input!$K$15=4,L3368*Input!$J$15,0)+IF(Input!$K$16=4,M3368*Input!$J$16,0)</f>
        <v>0</v>
      </c>
    </row>
    <row r="3369" spans="8:17" x14ac:dyDescent="0.25">
      <c r="H3369" s="43">
        <v>3362</v>
      </c>
      <c r="I3369" s="55">
        <f>Bühler!I3395</f>
        <v>0.21819780023301444</v>
      </c>
      <c r="J3369" s="58">
        <f>Bühler!J3395</f>
        <v>4.281619527219946</v>
      </c>
      <c r="K3369" s="58">
        <f>Bühler!K3395</f>
        <v>0.2186934803168436</v>
      </c>
      <c r="L3369" s="58">
        <f>Bühler!L3395</f>
        <v>0.1093467401584218</v>
      </c>
      <c r="M3369" s="57">
        <f>Bühler!M3395</f>
        <v>0</v>
      </c>
      <c r="N3369" s="55">
        <f>IF(Input!$K$13=1,J3369*Input!$J$13,0)+IF(Input!$K$14=1,K3369*Input!$J$14,0)+IF(Input!$K$15=1,L3369*Input!$J$15,0)+IF(Input!$K$16=1,M3369*Input!$J$16,0)</f>
        <v>0.51379434326639351</v>
      </c>
      <c r="O3369" s="58">
        <f>IF(Input!$K$13=2,J3369*Input!$J$13,0)+IF(Input!$K$14=2,K3369*Input!$J$14,0)+IF(Input!$K$15=2,L3369*Input!$J$15,0)+IF(Input!$K$16=2,M3369*Input!$J$16,0)</f>
        <v>2.9523619842773886E-2</v>
      </c>
      <c r="P3369" s="58">
        <f>IF(Input!$K$13=3,J3369*Input!$J$13,0)+IF(Input!$K$14=3,K3369*Input!$J$14,0)+IF(Input!$K$15=3,L3369*Input!$J$15,0)+IF(Input!$K$16=3,M3369*Input!$J$16,0)</f>
        <v>0</v>
      </c>
      <c r="Q3369" s="71">
        <f>IF(Input!$K$13=4,J3369*Input!$J$13,0)+IF(Input!$K$14=4,K3369*Input!$J$14,0)+IF(Input!$K$15=4,L3369*Input!$J$15,0)+IF(Input!$K$16=4,M3369*Input!$J$16,0)</f>
        <v>0</v>
      </c>
    </row>
    <row r="3370" spans="8:17" x14ac:dyDescent="0.25">
      <c r="H3370" s="43">
        <v>3363</v>
      </c>
      <c r="I3370" s="55">
        <f>Bühler!I3396</f>
        <v>0.21819780023301444</v>
      </c>
      <c r="J3370" s="58">
        <f>Bühler!J3396</f>
        <v>4.281619527219946</v>
      </c>
      <c r="K3370" s="58">
        <f>Bühler!K3396</f>
        <v>0.2186934803168436</v>
      </c>
      <c r="L3370" s="58">
        <f>Bühler!L3396</f>
        <v>0.1093467401584218</v>
      </c>
      <c r="M3370" s="57">
        <f>Bühler!M3396</f>
        <v>0</v>
      </c>
      <c r="N3370" s="55">
        <f>IF(Input!$K$13=1,J3370*Input!$J$13,0)+IF(Input!$K$14=1,K3370*Input!$J$14,0)+IF(Input!$K$15=1,L3370*Input!$J$15,0)+IF(Input!$K$16=1,M3370*Input!$J$16,0)</f>
        <v>0.51379434326639351</v>
      </c>
      <c r="O3370" s="58">
        <f>IF(Input!$K$13=2,J3370*Input!$J$13,0)+IF(Input!$K$14=2,K3370*Input!$J$14,0)+IF(Input!$K$15=2,L3370*Input!$J$15,0)+IF(Input!$K$16=2,M3370*Input!$J$16,0)</f>
        <v>2.9523619842773886E-2</v>
      </c>
      <c r="P3370" s="58">
        <f>IF(Input!$K$13=3,J3370*Input!$J$13,0)+IF(Input!$K$14=3,K3370*Input!$J$14,0)+IF(Input!$K$15=3,L3370*Input!$J$15,0)+IF(Input!$K$16=3,M3370*Input!$J$16,0)</f>
        <v>0</v>
      </c>
      <c r="Q3370" s="71">
        <f>IF(Input!$K$13=4,J3370*Input!$J$13,0)+IF(Input!$K$14=4,K3370*Input!$J$14,0)+IF(Input!$K$15=4,L3370*Input!$J$15,0)+IF(Input!$K$16=4,M3370*Input!$J$16,0)</f>
        <v>0</v>
      </c>
    </row>
    <row r="3371" spans="8:17" x14ac:dyDescent="0.25">
      <c r="H3371" s="43">
        <v>3364</v>
      </c>
      <c r="I3371" s="55">
        <f>Bühler!I3397</f>
        <v>0.21819780023301444</v>
      </c>
      <c r="J3371" s="58">
        <f>Bühler!J3397</f>
        <v>4.281619527219946</v>
      </c>
      <c r="K3371" s="58">
        <f>Bühler!K3397</f>
        <v>0.2186934803168436</v>
      </c>
      <c r="L3371" s="58">
        <f>Bühler!L3397</f>
        <v>0.1093467401584218</v>
      </c>
      <c r="M3371" s="57">
        <f>Bühler!M3397</f>
        <v>0</v>
      </c>
      <c r="N3371" s="55">
        <f>IF(Input!$K$13=1,J3371*Input!$J$13,0)+IF(Input!$K$14=1,K3371*Input!$J$14,0)+IF(Input!$K$15=1,L3371*Input!$J$15,0)+IF(Input!$K$16=1,M3371*Input!$J$16,0)</f>
        <v>0.51379434326639351</v>
      </c>
      <c r="O3371" s="58">
        <f>IF(Input!$K$13=2,J3371*Input!$J$13,0)+IF(Input!$K$14=2,K3371*Input!$J$14,0)+IF(Input!$K$15=2,L3371*Input!$J$15,0)+IF(Input!$K$16=2,M3371*Input!$J$16,0)</f>
        <v>2.9523619842773886E-2</v>
      </c>
      <c r="P3371" s="58">
        <f>IF(Input!$K$13=3,J3371*Input!$J$13,0)+IF(Input!$K$14=3,K3371*Input!$J$14,0)+IF(Input!$K$15=3,L3371*Input!$J$15,0)+IF(Input!$K$16=3,M3371*Input!$J$16,0)</f>
        <v>0</v>
      </c>
      <c r="Q3371" s="71">
        <f>IF(Input!$K$13=4,J3371*Input!$J$13,0)+IF(Input!$K$14=4,K3371*Input!$J$14,0)+IF(Input!$K$15=4,L3371*Input!$J$15,0)+IF(Input!$K$16=4,M3371*Input!$J$16,0)</f>
        <v>0</v>
      </c>
    </row>
    <row r="3372" spans="8:17" x14ac:dyDescent="0.25">
      <c r="H3372" s="43">
        <v>3365</v>
      </c>
      <c r="I3372" s="55">
        <f>Bühler!I3398</f>
        <v>0.21819780023301444</v>
      </c>
      <c r="J3372" s="58">
        <f>Bühler!J3398</f>
        <v>4.281619527219946</v>
      </c>
      <c r="K3372" s="58">
        <f>Bühler!K3398</f>
        <v>0.2186934803168436</v>
      </c>
      <c r="L3372" s="58">
        <f>Bühler!L3398</f>
        <v>0.1093467401584218</v>
      </c>
      <c r="M3372" s="57">
        <f>Bühler!M3398</f>
        <v>0</v>
      </c>
      <c r="N3372" s="55">
        <f>IF(Input!$K$13=1,J3372*Input!$J$13,0)+IF(Input!$K$14=1,K3372*Input!$J$14,0)+IF(Input!$K$15=1,L3372*Input!$J$15,0)+IF(Input!$K$16=1,M3372*Input!$J$16,0)</f>
        <v>0.51379434326639351</v>
      </c>
      <c r="O3372" s="58">
        <f>IF(Input!$K$13=2,J3372*Input!$J$13,0)+IF(Input!$K$14=2,K3372*Input!$J$14,0)+IF(Input!$K$15=2,L3372*Input!$J$15,0)+IF(Input!$K$16=2,M3372*Input!$J$16,0)</f>
        <v>2.9523619842773886E-2</v>
      </c>
      <c r="P3372" s="58">
        <f>IF(Input!$K$13=3,J3372*Input!$J$13,0)+IF(Input!$K$14=3,K3372*Input!$J$14,0)+IF(Input!$K$15=3,L3372*Input!$J$15,0)+IF(Input!$K$16=3,M3372*Input!$J$16,0)</f>
        <v>0</v>
      </c>
      <c r="Q3372" s="71">
        <f>IF(Input!$K$13=4,J3372*Input!$J$13,0)+IF(Input!$K$14=4,K3372*Input!$J$14,0)+IF(Input!$K$15=4,L3372*Input!$J$15,0)+IF(Input!$K$16=4,M3372*Input!$J$16,0)</f>
        <v>0</v>
      </c>
    </row>
    <row r="3373" spans="8:17" x14ac:dyDescent="0.25">
      <c r="H3373" s="43">
        <v>3366</v>
      </c>
      <c r="I3373" s="55">
        <f>Bühler!I3399</f>
        <v>0.27274725029126801</v>
      </c>
      <c r="J3373" s="58">
        <f>Bühler!J3399</f>
        <v>4.2838924209723732</v>
      </c>
      <c r="K3373" s="58">
        <f>Bühler!K3399</f>
        <v>0.2186934803168436</v>
      </c>
      <c r="L3373" s="58">
        <f>Bühler!L3399</f>
        <v>0.1093467401584218</v>
      </c>
      <c r="M3373" s="57">
        <f>Bühler!M3399</f>
        <v>0</v>
      </c>
      <c r="N3373" s="55">
        <f>IF(Input!$K$13=1,J3373*Input!$J$13,0)+IF(Input!$K$14=1,K3373*Input!$J$14,0)+IF(Input!$K$15=1,L3373*Input!$J$15,0)+IF(Input!$K$16=1,M3373*Input!$J$16,0)</f>
        <v>0.51406709051668475</v>
      </c>
      <c r="O3373" s="58">
        <f>IF(Input!$K$13=2,J3373*Input!$J$13,0)+IF(Input!$K$14=2,K3373*Input!$J$14,0)+IF(Input!$K$15=2,L3373*Input!$J$15,0)+IF(Input!$K$16=2,M3373*Input!$J$16,0)</f>
        <v>2.9523619842773886E-2</v>
      </c>
      <c r="P3373" s="58">
        <f>IF(Input!$K$13=3,J3373*Input!$J$13,0)+IF(Input!$K$14=3,K3373*Input!$J$14,0)+IF(Input!$K$15=3,L3373*Input!$J$15,0)+IF(Input!$K$16=3,M3373*Input!$J$16,0)</f>
        <v>0</v>
      </c>
      <c r="Q3373" s="71">
        <f>IF(Input!$K$13=4,J3373*Input!$J$13,0)+IF(Input!$K$14=4,K3373*Input!$J$14,0)+IF(Input!$K$15=4,L3373*Input!$J$15,0)+IF(Input!$K$16=4,M3373*Input!$J$16,0)</f>
        <v>0</v>
      </c>
    </row>
    <row r="3374" spans="8:17" x14ac:dyDescent="0.25">
      <c r="H3374" s="43">
        <v>3367</v>
      </c>
      <c r="I3374" s="55">
        <f>Bühler!I3400</f>
        <v>0.32123565034304902</v>
      </c>
      <c r="J3374" s="58">
        <f>Bühler!J3400</f>
        <v>4.2859127709745302</v>
      </c>
      <c r="K3374" s="58">
        <f>Bühler!K3400</f>
        <v>0.2186934803168436</v>
      </c>
      <c r="L3374" s="58">
        <f>Bühler!L3400</f>
        <v>0.1093467401584218</v>
      </c>
      <c r="M3374" s="57">
        <f>Bühler!M3400</f>
        <v>0</v>
      </c>
      <c r="N3374" s="55">
        <f>IF(Input!$K$13=1,J3374*Input!$J$13,0)+IF(Input!$K$14=1,K3374*Input!$J$14,0)+IF(Input!$K$15=1,L3374*Input!$J$15,0)+IF(Input!$K$16=1,M3374*Input!$J$16,0)</f>
        <v>0.51430953251694356</v>
      </c>
      <c r="O3374" s="58">
        <f>IF(Input!$K$13=2,J3374*Input!$J$13,0)+IF(Input!$K$14=2,K3374*Input!$J$14,0)+IF(Input!$K$15=2,L3374*Input!$J$15,0)+IF(Input!$K$16=2,M3374*Input!$J$16,0)</f>
        <v>2.9523619842773886E-2</v>
      </c>
      <c r="P3374" s="58">
        <f>IF(Input!$K$13=3,J3374*Input!$J$13,0)+IF(Input!$K$14=3,K3374*Input!$J$14,0)+IF(Input!$K$15=3,L3374*Input!$J$15,0)+IF(Input!$K$16=3,M3374*Input!$J$16,0)</f>
        <v>0</v>
      </c>
      <c r="Q3374" s="71">
        <f>IF(Input!$K$13=4,J3374*Input!$J$13,0)+IF(Input!$K$14=4,K3374*Input!$J$14,0)+IF(Input!$K$15=4,L3374*Input!$J$15,0)+IF(Input!$K$16=4,M3374*Input!$J$16,0)</f>
        <v>0</v>
      </c>
    </row>
    <row r="3375" spans="8:17" x14ac:dyDescent="0.25">
      <c r="H3375" s="43">
        <v>3368</v>
      </c>
      <c r="I3375" s="55">
        <f>Bühler!I3401</f>
        <v>0.38184615040777531</v>
      </c>
      <c r="J3375" s="58">
        <f>Bühler!J3401</f>
        <v>4.2884382084772277</v>
      </c>
      <c r="K3375" s="58">
        <f>Bühler!K3401</f>
        <v>0.2186934803168436</v>
      </c>
      <c r="L3375" s="58">
        <f>Bühler!L3401</f>
        <v>0.1093467401584218</v>
      </c>
      <c r="M3375" s="57">
        <f>Bühler!M3401</f>
        <v>0</v>
      </c>
      <c r="N3375" s="55">
        <f>IF(Input!$K$13=1,J3375*Input!$J$13,0)+IF(Input!$K$14=1,K3375*Input!$J$14,0)+IF(Input!$K$15=1,L3375*Input!$J$15,0)+IF(Input!$K$16=1,M3375*Input!$J$16,0)</f>
        <v>0.51461258501726725</v>
      </c>
      <c r="O3375" s="58">
        <f>IF(Input!$K$13=2,J3375*Input!$J$13,0)+IF(Input!$K$14=2,K3375*Input!$J$14,0)+IF(Input!$K$15=2,L3375*Input!$J$15,0)+IF(Input!$K$16=2,M3375*Input!$J$16,0)</f>
        <v>2.9523619842773886E-2</v>
      </c>
      <c r="P3375" s="58">
        <f>IF(Input!$K$13=3,J3375*Input!$J$13,0)+IF(Input!$K$14=3,K3375*Input!$J$14,0)+IF(Input!$K$15=3,L3375*Input!$J$15,0)+IF(Input!$K$16=3,M3375*Input!$J$16,0)</f>
        <v>0</v>
      </c>
      <c r="Q3375" s="71">
        <f>IF(Input!$K$13=4,J3375*Input!$J$13,0)+IF(Input!$K$14=4,K3375*Input!$J$14,0)+IF(Input!$K$15=4,L3375*Input!$J$15,0)+IF(Input!$K$16=4,M3375*Input!$J$16,0)</f>
        <v>0</v>
      </c>
    </row>
    <row r="3376" spans="8:17" x14ac:dyDescent="0.25">
      <c r="H3376" s="43">
        <v>3369</v>
      </c>
      <c r="I3376" s="55">
        <f>Bühler!I3402</f>
        <v>0.38184615040777531</v>
      </c>
      <c r="J3376" s="58">
        <f>Bühler!J3402</f>
        <v>4.2884382084772277</v>
      </c>
      <c r="K3376" s="58">
        <f>Bühler!K3402</f>
        <v>0.2186934803168436</v>
      </c>
      <c r="L3376" s="58">
        <f>Bühler!L3402</f>
        <v>0.1093467401584218</v>
      </c>
      <c r="M3376" s="57">
        <f>Bühler!M3402</f>
        <v>0</v>
      </c>
      <c r="N3376" s="55">
        <f>IF(Input!$K$13=1,J3376*Input!$J$13,0)+IF(Input!$K$14=1,K3376*Input!$J$14,0)+IF(Input!$K$15=1,L3376*Input!$J$15,0)+IF(Input!$K$16=1,M3376*Input!$J$16,0)</f>
        <v>0.51461258501726725</v>
      </c>
      <c r="O3376" s="58">
        <f>IF(Input!$K$13=2,J3376*Input!$J$13,0)+IF(Input!$K$14=2,K3376*Input!$J$14,0)+IF(Input!$K$15=2,L3376*Input!$J$15,0)+IF(Input!$K$16=2,M3376*Input!$J$16,0)</f>
        <v>2.9523619842773886E-2</v>
      </c>
      <c r="P3376" s="58">
        <f>IF(Input!$K$13=3,J3376*Input!$J$13,0)+IF(Input!$K$14=3,K3376*Input!$J$14,0)+IF(Input!$K$15=3,L3376*Input!$J$15,0)+IF(Input!$K$16=3,M3376*Input!$J$16,0)</f>
        <v>0</v>
      </c>
      <c r="Q3376" s="71">
        <f>IF(Input!$K$13=4,J3376*Input!$J$13,0)+IF(Input!$K$14=4,K3376*Input!$J$14,0)+IF(Input!$K$15=4,L3376*Input!$J$15,0)+IF(Input!$K$16=4,M3376*Input!$J$16,0)</f>
        <v>0</v>
      </c>
    </row>
    <row r="3377" spans="8:17" x14ac:dyDescent="0.25">
      <c r="H3377" s="43">
        <v>3370</v>
      </c>
      <c r="I3377" s="55">
        <f>Bühler!I3403</f>
        <v>0.38184615040777531</v>
      </c>
      <c r="J3377" s="58">
        <f>Bühler!J3403</f>
        <v>4.2884382084772277</v>
      </c>
      <c r="K3377" s="58">
        <f>Bühler!K3403</f>
        <v>0.2186934803168436</v>
      </c>
      <c r="L3377" s="58">
        <f>Bühler!L3403</f>
        <v>0.1093467401584218</v>
      </c>
      <c r="M3377" s="57">
        <f>Bühler!M3403</f>
        <v>0</v>
      </c>
      <c r="N3377" s="55">
        <f>IF(Input!$K$13=1,J3377*Input!$J$13,0)+IF(Input!$K$14=1,K3377*Input!$J$14,0)+IF(Input!$K$15=1,L3377*Input!$J$15,0)+IF(Input!$K$16=1,M3377*Input!$J$16,0)</f>
        <v>0.51461258501726725</v>
      </c>
      <c r="O3377" s="58">
        <f>IF(Input!$K$13=2,J3377*Input!$J$13,0)+IF(Input!$K$14=2,K3377*Input!$J$14,0)+IF(Input!$K$15=2,L3377*Input!$J$15,0)+IF(Input!$K$16=2,M3377*Input!$J$16,0)</f>
        <v>2.9523619842773886E-2</v>
      </c>
      <c r="P3377" s="58">
        <f>IF(Input!$K$13=3,J3377*Input!$J$13,0)+IF(Input!$K$14=3,K3377*Input!$J$14,0)+IF(Input!$K$15=3,L3377*Input!$J$15,0)+IF(Input!$K$16=3,M3377*Input!$J$16,0)</f>
        <v>0</v>
      </c>
      <c r="Q3377" s="71">
        <f>IF(Input!$K$13=4,J3377*Input!$J$13,0)+IF(Input!$K$14=4,K3377*Input!$J$14,0)+IF(Input!$K$15=4,L3377*Input!$J$15,0)+IF(Input!$K$16=4,M3377*Input!$J$16,0)</f>
        <v>0</v>
      </c>
    </row>
    <row r="3378" spans="8:17" x14ac:dyDescent="0.25">
      <c r="H3378" s="43">
        <v>3371</v>
      </c>
      <c r="I3378" s="55">
        <f>Bühler!I3404</f>
        <v>0.38184615040777531</v>
      </c>
      <c r="J3378" s="58">
        <f>Bühler!J3404</f>
        <v>4.2884382084772277</v>
      </c>
      <c r="K3378" s="58">
        <f>Bühler!K3404</f>
        <v>0.2186934803168436</v>
      </c>
      <c r="L3378" s="58">
        <f>Bühler!L3404</f>
        <v>0.1093467401584218</v>
      </c>
      <c r="M3378" s="57">
        <f>Bühler!M3404</f>
        <v>0</v>
      </c>
      <c r="N3378" s="55">
        <f>IF(Input!$K$13=1,J3378*Input!$J$13,0)+IF(Input!$K$14=1,K3378*Input!$J$14,0)+IF(Input!$K$15=1,L3378*Input!$J$15,0)+IF(Input!$K$16=1,M3378*Input!$J$16,0)</f>
        <v>0.51461258501726725</v>
      </c>
      <c r="O3378" s="58">
        <f>IF(Input!$K$13=2,J3378*Input!$J$13,0)+IF(Input!$K$14=2,K3378*Input!$J$14,0)+IF(Input!$K$15=2,L3378*Input!$J$15,0)+IF(Input!$K$16=2,M3378*Input!$J$16,0)</f>
        <v>2.9523619842773886E-2</v>
      </c>
      <c r="P3378" s="58">
        <f>IF(Input!$K$13=3,J3378*Input!$J$13,0)+IF(Input!$K$14=3,K3378*Input!$J$14,0)+IF(Input!$K$15=3,L3378*Input!$J$15,0)+IF(Input!$K$16=3,M3378*Input!$J$16,0)</f>
        <v>0</v>
      </c>
      <c r="Q3378" s="71">
        <f>IF(Input!$K$13=4,J3378*Input!$J$13,0)+IF(Input!$K$14=4,K3378*Input!$J$14,0)+IF(Input!$K$15=4,L3378*Input!$J$15,0)+IF(Input!$K$16=4,M3378*Input!$J$16,0)</f>
        <v>0</v>
      </c>
    </row>
    <row r="3379" spans="8:17" x14ac:dyDescent="0.25">
      <c r="H3379" s="43">
        <v>3372</v>
      </c>
      <c r="I3379" s="55">
        <f>Bühler!I3405</f>
        <v>0.38184615040777531</v>
      </c>
      <c r="J3379" s="58">
        <f>Bühler!J3405</f>
        <v>4.2884382084772277</v>
      </c>
      <c r="K3379" s="58">
        <f>Bühler!K3405</f>
        <v>0.2186934803168436</v>
      </c>
      <c r="L3379" s="58">
        <f>Bühler!L3405</f>
        <v>0.1093467401584218</v>
      </c>
      <c r="M3379" s="57">
        <f>Bühler!M3405</f>
        <v>0</v>
      </c>
      <c r="N3379" s="55">
        <f>IF(Input!$K$13=1,J3379*Input!$J$13,0)+IF(Input!$K$14=1,K3379*Input!$J$14,0)+IF(Input!$K$15=1,L3379*Input!$J$15,0)+IF(Input!$K$16=1,M3379*Input!$J$16,0)</f>
        <v>0.51461258501726725</v>
      </c>
      <c r="O3379" s="58">
        <f>IF(Input!$K$13=2,J3379*Input!$J$13,0)+IF(Input!$K$14=2,K3379*Input!$J$14,0)+IF(Input!$K$15=2,L3379*Input!$J$15,0)+IF(Input!$K$16=2,M3379*Input!$J$16,0)</f>
        <v>2.9523619842773886E-2</v>
      </c>
      <c r="P3379" s="58">
        <f>IF(Input!$K$13=3,J3379*Input!$J$13,0)+IF(Input!$K$14=3,K3379*Input!$J$14,0)+IF(Input!$K$15=3,L3379*Input!$J$15,0)+IF(Input!$K$16=3,M3379*Input!$J$16,0)</f>
        <v>0</v>
      </c>
      <c r="Q3379" s="71">
        <f>IF(Input!$K$13=4,J3379*Input!$J$13,0)+IF(Input!$K$14=4,K3379*Input!$J$14,0)+IF(Input!$K$15=4,L3379*Input!$J$15,0)+IF(Input!$K$16=4,M3379*Input!$J$16,0)</f>
        <v>0</v>
      </c>
    </row>
    <row r="3380" spans="8:17" x14ac:dyDescent="0.25">
      <c r="H3380" s="43">
        <v>3373</v>
      </c>
      <c r="I3380" s="55">
        <f>Bühler!I3406</f>
        <v>0.38184615040777531</v>
      </c>
      <c r="J3380" s="58">
        <f>Bühler!J3406</f>
        <v>4.2884382084772277</v>
      </c>
      <c r="K3380" s="58">
        <f>Bühler!K3406</f>
        <v>0.2186934803168436</v>
      </c>
      <c r="L3380" s="58">
        <f>Bühler!L3406</f>
        <v>0.1093467401584218</v>
      </c>
      <c r="M3380" s="57">
        <f>Bühler!M3406</f>
        <v>0</v>
      </c>
      <c r="N3380" s="55">
        <f>IF(Input!$K$13=1,J3380*Input!$J$13,0)+IF(Input!$K$14=1,K3380*Input!$J$14,0)+IF(Input!$K$15=1,L3380*Input!$J$15,0)+IF(Input!$K$16=1,M3380*Input!$J$16,0)</f>
        <v>0.51461258501726725</v>
      </c>
      <c r="O3380" s="58">
        <f>IF(Input!$K$13=2,J3380*Input!$J$13,0)+IF(Input!$K$14=2,K3380*Input!$J$14,0)+IF(Input!$K$15=2,L3380*Input!$J$15,0)+IF(Input!$K$16=2,M3380*Input!$J$16,0)</f>
        <v>2.9523619842773886E-2</v>
      </c>
      <c r="P3380" s="58">
        <f>IF(Input!$K$13=3,J3380*Input!$J$13,0)+IF(Input!$K$14=3,K3380*Input!$J$14,0)+IF(Input!$K$15=3,L3380*Input!$J$15,0)+IF(Input!$K$16=3,M3380*Input!$J$16,0)</f>
        <v>0</v>
      </c>
      <c r="Q3380" s="71">
        <f>IF(Input!$K$13=4,J3380*Input!$J$13,0)+IF(Input!$K$14=4,K3380*Input!$J$14,0)+IF(Input!$K$15=4,L3380*Input!$J$15,0)+IF(Input!$K$16=4,M3380*Input!$J$16,0)</f>
        <v>0</v>
      </c>
    </row>
    <row r="3381" spans="8:17" x14ac:dyDescent="0.25">
      <c r="H3381" s="43">
        <v>3374</v>
      </c>
      <c r="I3381" s="55">
        <f>Bühler!I3407</f>
        <v>0.38184615040777531</v>
      </c>
      <c r="J3381" s="58">
        <f>Bühler!J3407</f>
        <v>4.2884382084772277</v>
      </c>
      <c r="K3381" s="58">
        <f>Bühler!K3407</f>
        <v>0.2186934803168436</v>
      </c>
      <c r="L3381" s="58">
        <f>Bühler!L3407</f>
        <v>0.1093467401584218</v>
      </c>
      <c r="M3381" s="57">
        <f>Bühler!M3407</f>
        <v>0</v>
      </c>
      <c r="N3381" s="55">
        <f>IF(Input!$K$13=1,J3381*Input!$J$13,0)+IF(Input!$K$14=1,K3381*Input!$J$14,0)+IF(Input!$K$15=1,L3381*Input!$J$15,0)+IF(Input!$K$16=1,M3381*Input!$J$16,0)</f>
        <v>0.51461258501726725</v>
      </c>
      <c r="O3381" s="58">
        <f>IF(Input!$K$13=2,J3381*Input!$J$13,0)+IF(Input!$K$14=2,K3381*Input!$J$14,0)+IF(Input!$K$15=2,L3381*Input!$J$15,0)+IF(Input!$K$16=2,M3381*Input!$J$16,0)</f>
        <v>2.9523619842773886E-2</v>
      </c>
      <c r="P3381" s="58">
        <f>IF(Input!$K$13=3,J3381*Input!$J$13,0)+IF(Input!$K$14=3,K3381*Input!$J$14,0)+IF(Input!$K$15=3,L3381*Input!$J$15,0)+IF(Input!$K$16=3,M3381*Input!$J$16,0)</f>
        <v>0</v>
      </c>
      <c r="Q3381" s="71">
        <f>IF(Input!$K$13=4,J3381*Input!$J$13,0)+IF(Input!$K$14=4,K3381*Input!$J$14,0)+IF(Input!$K$15=4,L3381*Input!$J$15,0)+IF(Input!$K$16=4,M3381*Input!$J$16,0)</f>
        <v>0</v>
      </c>
    </row>
    <row r="3382" spans="8:17" x14ac:dyDescent="0.25">
      <c r="H3382" s="43">
        <v>3375</v>
      </c>
      <c r="I3382" s="55">
        <f>Bühler!I3408</f>
        <v>0.38184615040777531</v>
      </c>
      <c r="J3382" s="58">
        <f>Bühler!J3408</f>
        <v>4.2884382084772277</v>
      </c>
      <c r="K3382" s="58">
        <f>Bühler!K3408</f>
        <v>0.2186934803168436</v>
      </c>
      <c r="L3382" s="58">
        <f>Bühler!L3408</f>
        <v>0.1093467401584218</v>
      </c>
      <c r="M3382" s="57">
        <f>Bühler!M3408</f>
        <v>0</v>
      </c>
      <c r="N3382" s="55">
        <f>IF(Input!$K$13=1,J3382*Input!$J$13,0)+IF(Input!$K$14=1,K3382*Input!$J$14,0)+IF(Input!$K$15=1,L3382*Input!$J$15,0)+IF(Input!$K$16=1,M3382*Input!$J$16,0)</f>
        <v>0.51461258501726725</v>
      </c>
      <c r="O3382" s="58">
        <f>IF(Input!$K$13=2,J3382*Input!$J$13,0)+IF(Input!$K$14=2,K3382*Input!$J$14,0)+IF(Input!$K$15=2,L3382*Input!$J$15,0)+IF(Input!$K$16=2,M3382*Input!$J$16,0)</f>
        <v>2.9523619842773886E-2</v>
      </c>
      <c r="P3382" s="58">
        <f>IF(Input!$K$13=3,J3382*Input!$J$13,0)+IF(Input!$K$14=3,K3382*Input!$J$14,0)+IF(Input!$K$15=3,L3382*Input!$J$15,0)+IF(Input!$K$16=3,M3382*Input!$J$16,0)</f>
        <v>0</v>
      </c>
      <c r="Q3382" s="71">
        <f>IF(Input!$K$13=4,J3382*Input!$J$13,0)+IF(Input!$K$14=4,K3382*Input!$J$14,0)+IF(Input!$K$15=4,L3382*Input!$J$15,0)+IF(Input!$K$16=4,M3382*Input!$J$16,0)</f>
        <v>0</v>
      </c>
    </row>
    <row r="3383" spans="8:17" x14ac:dyDescent="0.25">
      <c r="H3383" s="43">
        <v>3376</v>
      </c>
      <c r="I3383" s="55">
        <f>Bühler!I3409</f>
        <v>0.33941880036246691</v>
      </c>
      <c r="J3383" s="58">
        <f>Bühler!J3409</f>
        <v>4.2866704022253392</v>
      </c>
      <c r="K3383" s="58">
        <f>Bühler!K3409</f>
        <v>0.2186934803168436</v>
      </c>
      <c r="L3383" s="58">
        <f>Bühler!L3409</f>
        <v>0.1093467401584218</v>
      </c>
      <c r="M3383" s="57">
        <f>Bühler!M3409</f>
        <v>0</v>
      </c>
      <c r="N3383" s="55">
        <f>IF(Input!$K$13=1,J3383*Input!$J$13,0)+IF(Input!$K$14=1,K3383*Input!$J$14,0)+IF(Input!$K$15=1,L3383*Input!$J$15,0)+IF(Input!$K$16=1,M3383*Input!$J$16,0)</f>
        <v>0.51440044826704068</v>
      </c>
      <c r="O3383" s="58">
        <f>IF(Input!$K$13=2,J3383*Input!$J$13,0)+IF(Input!$K$14=2,K3383*Input!$J$14,0)+IF(Input!$K$15=2,L3383*Input!$J$15,0)+IF(Input!$K$16=2,M3383*Input!$J$16,0)</f>
        <v>2.9523619842773886E-2</v>
      </c>
      <c r="P3383" s="58">
        <f>IF(Input!$K$13=3,J3383*Input!$J$13,0)+IF(Input!$K$14=3,K3383*Input!$J$14,0)+IF(Input!$K$15=3,L3383*Input!$J$15,0)+IF(Input!$K$16=3,M3383*Input!$J$16,0)</f>
        <v>0</v>
      </c>
      <c r="Q3383" s="71">
        <f>IF(Input!$K$13=4,J3383*Input!$J$13,0)+IF(Input!$K$14=4,K3383*Input!$J$14,0)+IF(Input!$K$15=4,L3383*Input!$J$15,0)+IF(Input!$K$16=4,M3383*Input!$J$16,0)</f>
        <v>0</v>
      </c>
    </row>
    <row r="3384" spans="8:17" x14ac:dyDescent="0.25">
      <c r="H3384" s="43">
        <v>3377</v>
      </c>
      <c r="I3384" s="55">
        <f>Bühler!I3410</f>
        <v>0.3333577503559943</v>
      </c>
      <c r="J3384" s="58">
        <f>Bühler!J3410</f>
        <v>4.2864178584750698</v>
      </c>
      <c r="K3384" s="58">
        <f>Bühler!K3410</f>
        <v>0.2186934803168436</v>
      </c>
      <c r="L3384" s="58">
        <f>Bühler!L3410</f>
        <v>0.1093467401584218</v>
      </c>
      <c r="M3384" s="57">
        <f>Bühler!M3410</f>
        <v>0</v>
      </c>
      <c r="N3384" s="55">
        <f>IF(Input!$K$13=1,J3384*Input!$J$13,0)+IF(Input!$K$14=1,K3384*Input!$J$14,0)+IF(Input!$K$15=1,L3384*Input!$J$15,0)+IF(Input!$K$16=1,M3384*Input!$J$16,0)</f>
        <v>0.51437014301700834</v>
      </c>
      <c r="O3384" s="58">
        <f>IF(Input!$K$13=2,J3384*Input!$J$13,0)+IF(Input!$K$14=2,K3384*Input!$J$14,0)+IF(Input!$K$15=2,L3384*Input!$J$15,0)+IF(Input!$K$16=2,M3384*Input!$J$16,0)</f>
        <v>2.9523619842773886E-2</v>
      </c>
      <c r="P3384" s="58">
        <f>IF(Input!$K$13=3,J3384*Input!$J$13,0)+IF(Input!$K$14=3,K3384*Input!$J$14,0)+IF(Input!$K$15=3,L3384*Input!$J$15,0)+IF(Input!$K$16=3,M3384*Input!$J$16,0)</f>
        <v>0</v>
      </c>
      <c r="Q3384" s="71">
        <f>IF(Input!$K$13=4,J3384*Input!$J$13,0)+IF(Input!$K$14=4,K3384*Input!$J$14,0)+IF(Input!$K$15=4,L3384*Input!$J$15,0)+IF(Input!$K$16=4,M3384*Input!$J$16,0)</f>
        <v>0</v>
      </c>
    </row>
    <row r="3385" spans="8:17" x14ac:dyDescent="0.25">
      <c r="H3385" s="43">
        <v>3378</v>
      </c>
      <c r="I3385" s="55">
        <f>Bühler!I3411</f>
        <v>0.28486935030421329</v>
      </c>
      <c r="J3385" s="58">
        <f>Bühler!J3411</f>
        <v>4.284397508472912</v>
      </c>
      <c r="K3385" s="58">
        <f>Bühler!K3411</f>
        <v>0.2186934803168436</v>
      </c>
      <c r="L3385" s="58">
        <f>Bühler!L3411</f>
        <v>0.1093467401584218</v>
      </c>
      <c r="M3385" s="57">
        <f>Bühler!M3411</f>
        <v>0</v>
      </c>
      <c r="N3385" s="55">
        <f>IF(Input!$K$13=1,J3385*Input!$J$13,0)+IF(Input!$K$14=1,K3385*Input!$J$14,0)+IF(Input!$K$15=1,L3385*Input!$J$15,0)+IF(Input!$K$16=1,M3385*Input!$J$16,0)</f>
        <v>0.51412770101674943</v>
      </c>
      <c r="O3385" s="58">
        <f>IF(Input!$K$13=2,J3385*Input!$J$13,0)+IF(Input!$K$14=2,K3385*Input!$J$14,0)+IF(Input!$K$15=2,L3385*Input!$J$15,0)+IF(Input!$K$16=2,M3385*Input!$J$16,0)</f>
        <v>2.9523619842773886E-2</v>
      </c>
      <c r="P3385" s="58">
        <f>IF(Input!$K$13=3,J3385*Input!$J$13,0)+IF(Input!$K$14=3,K3385*Input!$J$14,0)+IF(Input!$K$15=3,L3385*Input!$J$15,0)+IF(Input!$K$16=3,M3385*Input!$J$16,0)</f>
        <v>0</v>
      </c>
      <c r="Q3385" s="71">
        <f>IF(Input!$K$13=4,J3385*Input!$J$13,0)+IF(Input!$K$14=4,K3385*Input!$J$14,0)+IF(Input!$K$15=4,L3385*Input!$J$15,0)+IF(Input!$K$16=4,M3385*Input!$J$16,0)</f>
        <v>0</v>
      </c>
    </row>
    <row r="3386" spans="8:17" x14ac:dyDescent="0.25">
      <c r="H3386" s="43">
        <v>3379</v>
      </c>
      <c r="I3386" s="55">
        <f>Bühler!I3412</f>
        <v>0.26668620028479545</v>
      </c>
      <c r="J3386" s="58">
        <f>Bühler!J3412</f>
        <v>4.2836398772221038</v>
      </c>
      <c r="K3386" s="58">
        <f>Bühler!K3412</f>
        <v>0.2186934803168436</v>
      </c>
      <c r="L3386" s="58">
        <f>Bühler!L3412</f>
        <v>0.1093467401584218</v>
      </c>
      <c r="M3386" s="57">
        <f>Bühler!M3412</f>
        <v>0</v>
      </c>
      <c r="N3386" s="55">
        <f>IF(Input!$K$13=1,J3386*Input!$J$13,0)+IF(Input!$K$14=1,K3386*Input!$J$14,0)+IF(Input!$K$15=1,L3386*Input!$J$15,0)+IF(Input!$K$16=1,M3386*Input!$J$16,0)</f>
        <v>0.51403678526665242</v>
      </c>
      <c r="O3386" s="58">
        <f>IF(Input!$K$13=2,J3386*Input!$J$13,0)+IF(Input!$K$14=2,K3386*Input!$J$14,0)+IF(Input!$K$15=2,L3386*Input!$J$15,0)+IF(Input!$K$16=2,M3386*Input!$J$16,0)</f>
        <v>2.9523619842773886E-2</v>
      </c>
      <c r="P3386" s="58">
        <f>IF(Input!$K$13=3,J3386*Input!$J$13,0)+IF(Input!$K$14=3,K3386*Input!$J$14,0)+IF(Input!$K$15=3,L3386*Input!$J$15,0)+IF(Input!$K$16=3,M3386*Input!$J$16,0)</f>
        <v>0</v>
      </c>
      <c r="Q3386" s="71">
        <f>IF(Input!$K$13=4,J3386*Input!$J$13,0)+IF(Input!$K$14=4,K3386*Input!$J$14,0)+IF(Input!$K$15=4,L3386*Input!$J$15,0)+IF(Input!$K$16=4,M3386*Input!$J$16,0)</f>
        <v>0</v>
      </c>
    </row>
    <row r="3387" spans="8:17" x14ac:dyDescent="0.25">
      <c r="H3387" s="43">
        <v>3380</v>
      </c>
      <c r="I3387" s="55">
        <f>Bühler!I3413</f>
        <v>0.22425885023948708</v>
      </c>
      <c r="J3387" s="58">
        <f>Bühler!J3413</f>
        <v>4.2818720709702154</v>
      </c>
      <c r="K3387" s="58">
        <f>Bühler!K3413</f>
        <v>0.2186934803168436</v>
      </c>
      <c r="L3387" s="58">
        <f>Bühler!L3413</f>
        <v>0.1093467401584218</v>
      </c>
      <c r="M3387" s="57">
        <f>Bühler!M3413</f>
        <v>0</v>
      </c>
      <c r="N3387" s="55">
        <f>IF(Input!$K$13=1,J3387*Input!$J$13,0)+IF(Input!$K$14=1,K3387*Input!$J$14,0)+IF(Input!$K$15=1,L3387*Input!$J$15,0)+IF(Input!$K$16=1,M3387*Input!$J$16,0)</f>
        <v>0.51382464851642584</v>
      </c>
      <c r="O3387" s="58">
        <f>IF(Input!$K$13=2,J3387*Input!$J$13,0)+IF(Input!$K$14=2,K3387*Input!$J$14,0)+IF(Input!$K$15=2,L3387*Input!$J$15,0)+IF(Input!$K$16=2,M3387*Input!$J$16,0)</f>
        <v>2.9523619842773886E-2</v>
      </c>
      <c r="P3387" s="58">
        <f>IF(Input!$K$13=3,J3387*Input!$J$13,0)+IF(Input!$K$14=3,K3387*Input!$J$14,0)+IF(Input!$K$15=3,L3387*Input!$J$15,0)+IF(Input!$K$16=3,M3387*Input!$J$16,0)</f>
        <v>0</v>
      </c>
      <c r="Q3387" s="71">
        <f>IF(Input!$K$13=4,J3387*Input!$J$13,0)+IF(Input!$K$14=4,K3387*Input!$J$14,0)+IF(Input!$K$15=4,L3387*Input!$J$15,0)+IF(Input!$K$16=4,M3387*Input!$J$16,0)</f>
        <v>0</v>
      </c>
    </row>
    <row r="3388" spans="8:17" x14ac:dyDescent="0.25">
      <c r="H3388" s="43">
        <v>3381</v>
      </c>
      <c r="I3388" s="55">
        <f>Bühler!I3414</f>
        <v>0.18789255020065132</v>
      </c>
      <c r="J3388" s="58">
        <f>Bühler!J3414</f>
        <v>4.2803568084685972</v>
      </c>
      <c r="K3388" s="58">
        <f>Bühler!K3414</f>
        <v>0.2186934803168436</v>
      </c>
      <c r="L3388" s="58">
        <f>Bühler!L3414</f>
        <v>0.1093467401584218</v>
      </c>
      <c r="M3388" s="57">
        <f>Bühler!M3414</f>
        <v>0</v>
      </c>
      <c r="N3388" s="55">
        <f>IF(Input!$K$13=1,J3388*Input!$J$13,0)+IF(Input!$K$14=1,K3388*Input!$J$14,0)+IF(Input!$K$15=1,L3388*Input!$J$15,0)+IF(Input!$K$16=1,M3388*Input!$J$16,0)</f>
        <v>0.5136428170162316</v>
      </c>
      <c r="O3388" s="58">
        <f>IF(Input!$K$13=2,J3388*Input!$J$13,0)+IF(Input!$K$14=2,K3388*Input!$J$14,0)+IF(Input!$K$15=2,L3388*Input!$J$15,0)+IF(Input!$K$16=2,M3388*Input!$J$16,0)</f>
        <v>2.9523619842773886E-2</v>
      </c>
      <c r="P3388" s="58">
        <f>IF(Input!$K$13=3,J3388*Input!$J$13,0)+IF(Input!$K$14=3,K3388*Input!$J$14,0)+IF(Input!$K$15=3,L3388*Input!$J$15,0)+IF(Input!$K$16=3,M3388*Input!$J$16,0)</f>
        <v>0</v>
      </c>
      <c r="Q3388" s="71">
        <f>IF(Input!$K$13=4,J3388*Input!$J$13,0)+IF(Input!$K$14=4,K3388*Input!$J$14,0)+IF(Input!$K$15=4,L3388*Input!$J$15,0)+IF(Input!$K$16=4,M3388*Input!$J$16,0)</f>
        <v>0</v>
      </c>
    </row>
    <row r="3389" spans="8:17" x14ac:dyDescent="0.25">
      <c r="H3389" s="43">
        <v>3382</v>
      </c>
      <c r="I3389" s="55">
        <f>Bühler!I3415</f>
        <v>0.16364835017476084</v>
      </c>
      <c r="J3389" s="58">
        <f>Bühler!J3415</f>
        <v>4.2793466334675188</v>
      </c>
      <c r="K3389" s="58">
        <f>Bühler!K3415</f>
        <v>0.2186934803168436</v>
      </c>
      <c r="L3389" s="58">
        <f>Bühler!L3415</f>
        <v>0.1093467401584218</v>
      </c>
      <c r="M3389" s="57">
        <f>Bühler!M3415</f>
        <v>0</v>
      </c>
      <c r="N3389" s="55">
        <f>IF(Input!$K$13=1,J3389*Input!$J$13,0)+IF(Input!$K$14=1,K3389*Input!$J$14,0)+IF(Input!$K$15=1,L3389*Input!$J$15,0)+IF(Input!$K$16=1,M3389*Input!$J$16,0)</f>
        <v>0.51352159601610226</v>
      </c>
      <c r="O3389" s="58">
        <f>IF(Input!$K$13=2,J3389*Input!$J$13,0)+IF(Input!$K$14=2,K3389*Input!$J$14,0)+IF(Input!$K$15=2,L3389*Input!$J$15,0)+IF(Input!$K$16=2,M3389*Input!$J$16,0)</f>
        <v>2.9523619842773886E-2</v>
      </c>
      <c r="P3389" s="58">
        <f>IF(Input!$K$13=3,J3389*Input!$J$13,0)+IF(Input!$K$14=3,K3389*Input!$J$14,0)+IF(Input!$K$15=3,L3389*Input!$J$15,0)+IF(Input!$K$16=3,M3389*Input!$J$16,0)</f>
        <v>0</v>
      </c>
      <c r="Q3389" s="71">
        <f>IF(Input!$K$13=4,J3389*Input!$J$13,0)+IF(Input!$K$14=4,K3389*Input!$J$14,0)+IF(Input!$K$15=4,L3389*Input!$J$15,0)+IF(Input!$K$16=4,M3389*Input!$J$16,0)</f>
        <v>0</v>
      </c>
    </row>
    <row r="3390" spans="8:17" x14ac:dyDescent="0.25">
      <c r="H3390" s="43">
        <v>3383</v>
      </c>
      <c r="I3390" s="55">
        <f>Bühler!I3416</f>
        <v>0.16364835017476084</v>
      </c>
      <c r="J3390" s="58">
        <f>Bühler!J3416</f>
        <v>4.2793466334675188</v>
      </c>
      <c r="K3390" s="58">
        <f>Bühler!K3416</f>
        <v>0.2186934803168436</v>
      </c>
      <c r="L3390" s="58">
        <f>Bühler!L3416</f>
        <v>0.1093467401584218</v>
      </c>
      <c r="M3390" s="57">
        <f>Bühler!M3416</f>
        <v>0</v>
      </c>
      <c r="N3390" s="55">
        <f>IF(Input!$K$13=1,J3390*Input!$J$13,0)+IF(Input!$K$14=1,K3390*Input!$J$14,0)+IF(Input!$K$15=1,L3390*Input!$J$15,0)+IF(Input!$K$16=1,M3390*Input!$J$16,0)</f>
        <v>0.51352159601610226</v>
      </c>
      <c r="O3390" s="58">
        <f>IF(Input!$K$13=2,J3390*Input!$J$13,0)+IF(Input!$K$14=2,K3390*Input!$J$14,0)+IF(Input!$K$15=2,L3390*Input!$J$15,0)+IF(Input!$K$16=2,M3390*Input!$J$16,0)</f>
        <v>2.9523619842773886E-2</v>
      </c>
      <c r="P3390" s="58">
        <f>IF(Input!$K$13=3,J3390*Input!$J$13,0)+IF(Input!$K$14=3,K3390*Input!$J$14,0)+IF(Input!$K$15=3,L3390*Input!$J$15,0)+IF(Input!$K$16=3,M3390*Input!$J$16,0)</f>
        <v>0</v>
      </c>
      <c r="Q3390" s="71">
        <f>IF(Input!$K$13=4,J3390*Input!$J$13,0)+IF(Input!$K$14=4,K3390*Input!$J$14,0)+IF(Input!$K$15=4,L3390*Input!$J$15,0)+IF(Input!$K$16=4,M3390*Input!$J$16,0)</f>
        <v>0</v>
      </c>
    </row>
    <row r="3391" spans="8:17" x14ac:dyDescent="0.25">
      <c r="H3391" s="43">
        <v>3384</v>
      </c>
      <c r="I3391" s="55">
        <f>Bühler!I3417</f>
        <v>0.16364835017476084</v>
      </c>
      <c r="J3391" s="58">
        <f>Bühler!J3417</f>
        <v>4.2793466334675188</v>
      </c>
      <c r="K3391" s="58">
        <f>Bühler!K3417</f>
        <v>0.2186934803168436</v>
      </c>
      <c r="L3391" s="58">
        <f>Bühler!L3417</f>
        <v>0.1093467401584218</v>
      </c>
      <c r="M3391" s="57">
        <f>Bühler!M3417</f>
        <v>0</v>
      </c>
      <c r="N3391" s="55">
        <f>IF(Input!$K$13=1,J3391*Input!$J$13,0)+IF(Input!$K$14=1,K3391*Input!$J$14,0)+IF(Input!$K$15=1,L3391*Input!$J$15,0)+IF(Input!$K$16=1,M3391*Input!$J$16,0)</f>
        <v>0.51352159601610226</v>
      </c>
      <c r="O3391" s="58">
        <f>IF(Input!$K$13=2,J3391*Input!$J$13,0)+IF(Input!$K$14=2,K3391*Input!$J$14,0)+IF(Input!$K$15=2,L3391*Input!$J$15,0)+IF(Input!$K$16=2,M3391*Input!$J$16,0)</f>
        <v>2.9523619842773886E-2</v>
      </c>
      <c r="P3391" s="58">
        <f>IF(Input!$K$13=3,J3391*Input!$J$13,0)+IF(Input!$K$14=3,K3391*Input!$J$14,0)+IF(Input!$K$15=3,L3391*Input!$J$15,0)+IF(Input!$K$16=3,M3391*Input!$J$16,0)</f>
        <v>0</v>
      </c>
      <c r="Q3391" s="71">
        <f>IF(Input!$K$13=4,J3391*Input!$J$13,0)+IF(Input!$K$14=4,K3391*Input!$J$14,0)+IF(Input!$K$15=4,L3391*Input!$J$15,0)+IF(Input!$K$16=4,M3391*Input!$J$16,0)</f>
        <v>0</v>
      </c>
    </row>
    <row r="3392" spans="8:17" x14ac:dyDescent="0.25">
      <c r="H3392" s="43">
        <v>3385</v>
      </c>
      <c r="I3392" s="55">
        <f>Bühler!I3418</f>
        <v>6.7419705558796506E-2</v>
      </c>
      <c r="J3392" s="58">
        <f>Bühler!J3418</f>
        <v>6.5499808420535599</v>
      </c>
      <c r="K3392" s="58">
        <f>Bühler!K3418</f>
        <v>0.54688264146924803</v>
      </c>
      <c r="L3392" s="58">
        <f>Bühler!L3418</f>
        <v>0.27344132073462402</v>
      </c>
      <c r="M3392" s="57">
        <f>Bühler!M3418</f>
        <v>0</v>
      </c>
      <c r="N3392" s="55">
        <f>IF(Input!$K$13=1,J3392*Input!$J$13,0)+IF(Input!$K$14=1,K3392*Input!$J$14,0)+IF(Input!$K$15=1,L3392*Input!$J$15,0)+IF(Input!$K$16=1,M3392*Input!$J$16,0)</f>
        <v>0.78599770104642719</v>
      </c>
      <c r="O3392" s="58">
        <f>IF(Input!$K$13=2,J3392*Input!$J$13,0)+IF(Input!$K$14=2,K3392*Input!$J$14,0)+IF(Input!$K$15=2,L3392*Input!$J$15,0)+IF(Input!$K$16=2,M3392*Input!$J$16,0)</f>
        <v>7.3829156598348489E-2</v>
      </c>
      <c r="P3392" s="58">
        <f>IF(Input!$K$13=3,J3392*Input!$J$13,0)+IF(Input!$K$14=3,K3392*Input!$J$14,0)+IF(Input!$K$15=3,L3392*Input!$J$15,0)+IF(Input!$K$16=3,M3392*Input!$J$16,0)</f>
        <v>0</v>
      </c>
      <c r="Q3392" s="71">
        <f>IF(Input!$K$13=4,J3392*Input!$J$13,0)+IF(Input!$K$14=4,K3392*Input!$J$14,0)+IF(Input!$K$15=4,L3392*Input!$J$15,0)+IF(Input!$K$16=4,M3392*Input!$J$16,0)</f>
        <v>0</v>
      </c>
    </row>
    <row r="3393" spans="8:17" x14ac:dyDescent="0.25">
      <c r="H3393" s="43">
        <v>3386</v>
      </c>
      <c r="I3393" s="55">
        <f>Bühler!I3419</f>
        <v>6.7419705558796506E-2</v>
      </c>
      <c r="J3393" s="58">
        <f>Bühler!J3419</f>
        <v>6.5499808420535599</v>
      </c>
      <c r="K3393" s="58">
        <f>Bühler!K3419</f>
        <v>0.54688264146924803</v>
      </c>
      <c r="L3393" s="58">
        <f>Bühler!L3419</f>
        <v>0.27344132073462402</v>
      </c>
      <c r="M3393" s="57">
        <f>Bühler!M3419</f>
        <v>0</v>
      </c>
      <c r="N3393" s="55">
        <f>IF(Input!$K$13=1,J3393*Input!$J$13,0)+IF(Input!$K$14=1,K3393*Input!$J$14,0)+IF(Input!$K$15=1,L3393*Input!$J$15,0)+IF(Input!$K$16=1,M3393*Input!$J$16,0)</f>
        <v>0.78599770104642719</v>
      </c>
      <c r="O3393" s="58">
        <f>IF(Input!$K$13=2,J3393*Input!$J$13,0)+IF(Input!$K$14=2,K3393*Input!$J$14,0)+IF(Input!$K$15=2,L3393*Input!$J$15,0)+IF(Input!$K$16=2,M3393*Input!$J$16,0)</f>
        <v>7.3829156598348489E-2</v>
      </c>
      <c r="P3393" s="58">
        <f>IF(Input!$K$13=3,J3393*Input!$J$13,0)+IF(Input!$K$14=3,K3393*Input!$J$14,0)+IF(Input!$K$15=3,L3393*Input!$J$15,0)+IF(Input!$K$16=3,M3393*Input!$J$16,0)</f>
        <v>0</v>
      </c>
      <c r="Q3393" s="71">
        <f>IF(Input!$K$13=4,J3393*Input!$J$13,0)+IF(Input!$K$14=4,K3393*Input!$J$14,0)+IF(Input!$K$15=4,L3393*Input!$J$15,0)+IF(Input!$K$16=4,M3393*Input!$J$16,0)</f>
        <v>0</v>
      </c>
    </row>
    <row r="3394" spans="8:17" x14ac:dyDescent="0.25">
      <c r="H3394" s="43">
        <v>3387</v>
      </c>
      <c r="I3394" s="55">
        <f>Bühler!I3420</f>
        <v>6.7419705558796506E-2</v>
      </c>
      <c r="J3394" s="58">
        <f>Bühler!J3420</f>
        <v>6.5499808420535599</v>
      </c>
      <c r="K3394" s="58">
        <f>Bühler!K3420</f>
        <v>0.54688264146924803</v>
      </c>
      <c r="L3394" s="58">
        <f>Bühler!L3420</f>
        <v>0.27344132073462402</v>
      </c>
      <c r="M3394" s="57">
        <f>Bühler!M3420</f>
        <v>0</v>
      </c>
      <c r="N3394" s="55">
        <f>IF(Input!$K$13=1,J3394*Input!$J$13,0)+IF(Input!$K$14=1,K3394*Input!$J$14,0)+IF(Input!$K$15=1,L3394*Input!$J$15,0)+IF(Input!$K$16=1,M3394*Input!$J$16,0)</f>
        <v>0.78599770104642719</v>
      </c>
      <c r="O3394" s="58">
        <f>IF(Input!$K$13=2,J3394*Input!$J$13,0)+IF(Input!$K$14=2,K3394*Input!$J$14,0)+IF(Input!$K$15=2,L3394*Input!$J$15,0)+IF(Input!$K$16=2,M3394*Input!$J$16,0)</f>
        <v>7.3829156598348489E-2</v>
      </c>
      <c r="P3394" s="58">
        <f>IF(Input!$K$13=3,J3394*Input!$J$13,0)+IF(Input!$K$14=3,K3394*Input!$J$14,0)+IF(Input!$K$15=3,L3394*Input!$J$15,0)+IF(Input!$K$16=3,M3394*Input!$J$16,0)</f>
        <v>0</v>
      </c>
      <c r="Q3394" s="71">
        <f>IF(Input!$K$13=4,J3394*Input!$J$13,0)+IF(Input!$K$14=4,K3394*Input!$J$14,0)+IF(Input!$K$15=4,L3394*Input!$J$15,0)+IF(Input!$K$16=4,M3394*Input!$J$16,0)</f>
        <v>0</v>
      </c>
    </row>
    <row r="3395" spans="8:17" x14ac:dyDescent="0.25">
      <c r="H3395" s="43">
        <v>3388</v>
      </c>
      <c r="I3395" s="55">
        <f>Bühler!I3421</f>
        <v>6.7419705558796506E-2</v>
      </c>
      <c r="J3395" s="58">
        <f>Bühler!J3421</f>
        <v>6.5499808420535599</v>
      </c>
      <c r="K3395" s="58">
        <f>Bühler!K3421</f>
        <v>0.54688264146924803</v>
      </c>
      <c r="L3395" s="58">
        <f>Bühler!L3421</f>
        <v>0.27344132073462402</v>
      </c>
      <c r="M3395" s="57">
        <f>Bühler!M3421</f>
        <v>0</v>
      </c>
      <c r="N3395" s="55">
        <f>IF(Input!$K$13=1,J3395*Input!$J$13,0)+IF(Input!$K$14=1,K3395*Input!$J$14,0)+IF(Input!$K$15=1,L3395*Input!$J$15,0)+IF(Input!$K$16=1,M3395*Input!$J$16,0)</f>
        <v>0.78599770104642719</v>
      </c>
      <c r="O3395" s="58">
        <f>IF(Input!$K$13=2,J3395*Input!$J$13,0)+IF(Input!$K$14=2,K3395*Input!$J$14,0)+IF(Input!$K$15=2,L3395*Input!$J$15,0)+IF(Input!$K$16=2,M3395*Input!$J$16,0)</f>
        <v>7.3829156598348489E-2</v>
      </c>
      <c r="P3395" s="58">
        <f>IF(Input!$K$13=3,J3395*Input!$J$13,0)+IF(Input!$K$14=3,K3395*Input!$J$14,0)+IF(Input!$K$15=3,L3395*Input!$J$15,0)+IF(Input!$K$16=3,M3395*Input!$J$16,0)</f>
        <v>0</v>
      </c>
      <c r="Q3395" s="71">
        <f>IF(Input!$K$13=4,J3395*Input!$J$13,0)+IF(Input!$K$14=4,K3395*Input!$J$14,0)+IF(Input!$K$15=4,L3395*Input!$J$15,0)+IF(Input!$K$16=4,M3395*Input!$J$16,0)</f>
        <v>0</v>
      </c>
    </row>
    <row r="3396" spans="8:17" x14ac:dyDescent="0.25">
      <c r="H3396" s="43">
        <v>3389</v>
      </c>
      <c r="I3396" s="55">
        <f>Bühler!I3422</f>
        <v>6.7419705558796506E-2</v>
      </c>
      <c r="J3396" s="58">
        <f>Bühler!J3422</f>
        <v>6.5499808420535599</v>
      </c>
      <c r="K3396" s="58">
        <f>Bühler!K3422</f>
        <v>0.54688264146924803</v>
      </c>
      <c r="L3396" s="58">
        <f>Bühler!L3422</f>
        <v>0.27344132073462402</v>
      </c>
      <c r="M3396" s="57">
        <f>Bühler!M3422</f>
        <v>0</v>
      </c>
      <c r="N3396" s="55">
        <f>IF(Input!$K$13=1,J3396*Input!$J$13,0)+IF(Input!$K$14=1,K3396*Input!$J$14,0)+IF(Input!$K$15=1,L3396*Input!$J$15,0)+IF(Input!$K$16=1,M3396*Input!$J$16,0)</f>
        <v>0.78599770104642719</v>
      </c>
      <c r="O3396" s="58">
        <f>IF(Input!$K$13=2,J3396*Input!$J$13,0)+IF(Input!$K$14=2,K3396*Input!$J$14,0)+IF(Input!$K$15=2,L3396*Input!$J$15,0)+IF(Input!$K$16=2,M3396*Input!$J$16,0)</f>
        <v>7.3829156598348489E-2</v>
      </c>
      <c r="P3396" s="58">
        <f>IF(Input!$K$13=3,J3396*Input!$J$13,0)+IF(Input!$K$14=3,K3396*Input!$J$14,0)+IF(Input!$K$15=3,L3396*Input!$J$15,0)+IF(Input!$K$16=3,M3396*Input!$J$16,0)</f>
        <v>0</v>
      </c>
      <c r="Q3396" s="71">
        <f>IF(Input!$K$13=4,J3396*Input!$J$13,0)+IF(Input!$K$14=4,K3396*Input!$J$14,0)+IF(Input!$K$15=4,L3396*Input!$J$15,0)+IF(Input!$K$16=4,M3396*Input!$J$16,0)</f>
        <v>0</v>
      </c>
    </row>
    <row r="3397" spans="8:17" x14ac:dyDescent="0.25">
      <c r="H3397" s="43">
        <v>3390</v>
      </c>
      <c r="I3397" s="55">
        <f>Bühler!I3423</f>
        <v>6.7419705558796506E-2</v>
      </c>
      <c r="J3397" s="58">
        <f>Bühler!J3423</f>
        <v>6.5499808420535599</v>
      </c>
      <c r="K3397" s="58">
        <f>Bühler!K3423</f>
        <v>0.54688264146924803</v>
      </c>
      <c r="L3397" s="58">
        <f>Bühler!L3423</f>
        <v>0.27344132073462402</v>
      </c>
      <c r="M3397" s="57">
        <f>Bühler!M3423</f>
        <v>0</v>
      </c>
      <c r="N3397" s="55">
        <f>IF(Input!$K$13=1,J3397*Input!$J$13,0)+IF(Input!$K$14=1,K3397*Input!$J$14,0)+IF(Input!$K$15=1,L3397*Input!$J$15,0)+IF(Input!$K$16=1,M3397*Input!$J$16,0)</f>
        <v>0.78599770104642719</v>
      </c>
      <c r="O3397" s="58">
        <f>IF(Input!$K$13=2,J3397*Input!$J$13,0)+IF(Input!$K$14=2,K3397*Input!$J$14,0)+IF(Input!$K$15=2,L3397*Input!$J$15,0)+IF(Input!$K$16=2,M3397*Input!$J$16,0)</f>
        <v>7.3829156598348489E-2</v>
      </c>
      <c r="P3397" s="58">
        <f>IF(Input!$K$13=3,J3397*Input!$J$13,0)+IF(Input!$K$14=3,K3397*Input!$J$14,0)+IF(Input!$K$15=3,L3397*Input!$J$15,0)+IF(Input!$K$16=3,M3397*Input!$J$16,0)</f>
        <v>0</v>
      </c>
      <c r="Q3397" s="71">
        <f>IF(Input!$K$13=4,J3397*Input!$J$13,0)+IF(Input!$K$14=4,K3397*Input!$J$14,0)+IF(Input!$K$15=4,L3397*Input!$J$15,0)+IF(Input!$K$16=4,M3397*Input!$J$16,0)</f>
        <v>0</v>
      </c>
    </row>
    <row r="3398" spans="8:17" x14ac:dyDescent="0.25">
      <c r="H3398" s="43">
        <v>3391</v>
      </c>
      <c r="I3398" s="55">
        <f>Bühler!I3424</f>
        <v>6.7419705558796506E-2</v>
      </c>
      <c r="J3398" s="58">
        <f>Bühler!J3424</f>
        <v>6.5499808420535599</v>
      </c>
      <c r="K3398" s="58">
        <f>Bühler!K3424</f>
        <v>0.54688264146924803</v>
      </c>
      <c r="L3398" s="58">
        <f>Bühler!L3424</f>
        <v>0.27344132073462402</v>
      </c>
      <c r="M3398" s="57">
        <f>Bühler!M3424</f>
        <v>0</v>
      </c>
      <c r="N3398" s="55">
        <f>IF(Input!$K$13=1,J3398*Input!$J$13,0)+IF(Input!$K$14=1,K3398*Input!$J$14,0)+IF(Input!$K$15=1,L3398*Input!$J$15,0)+IF(Input!$K$16=1,M3398*Input!$J$16,0)</f>
        <v>0.78599770104642719</v>
      </c>
      <c r="O3398" s="58">
        <f>IF(Input!$K$13=2,J3398*Input!$J$13,0)+IF(Input!$K$14=2,K3398*Input!$J$14,0)+IF(Input!$K$15=2,L3398*Input!$J$15,0)+IF(Input!$K$16=2,M3398*Input!$J$16,0)</f>
        <v>7.3829156598348489E-2</v>
      </c>
      <c r="P3398" s="58">
        <f>IF(Input!$K$13=3,J3398*Input!$J$13,0)+IF(Input!$K$14=3,K3398*Input!$J$14,0)+IF(Input!$K$15=3,L3398*Input!$J$15,0)+IF(Input!$K$16=3,M3398*Input!$J$16,0)</f>
        <v>0</v>
      </c>
      <c r="Q3398" s="71">
        <f>IF(Input!$K$13=4,J3398*Input!$J$13,0)+IF(Input!$K$14=4,K3398*Input!$J$14,0)+IF(Input!$K$15=4,L3398*Input!$J$15,0)+IF(Input!$K$16=4,M3398*Input!$J$16,0)</f>
        <v>0</v>
      </c>
    </row>
    <row r="3399" spans="8:17" x14ac:dyDescent="0.25">
      <c r="H3399" s="43">
        <v>3392</v>
      </c>
      <c r="I3399" s="55">
        <f>Bühler!I3425</f>
        <v>0.29327571918076478</v>
      </c>
      <c r="J3399" s="58">
        <f>Bühler!J3425</f>
        <v>27.909491808440148</v>
      </c>
      <c r="K3399" s="58">
        <f>Bühler!K3425</f>
        <v>2.3297200526589963</v>
      </c>
      <c r="L3399" s="58">
        <f>Bühler!L3425</f>
        <v>1.1648600263294981</v>
      </c>
      <c r="M3399" s="57">
        <f>Bühler!M3425</f>
        <v>0</v>
      </c>
      <c r="N3399" s="55">
        <f>IF(Input!$K$13=1,J3399*Input!$J$13,0)+IF(Input!$K$14=1,K3399*Input!$J$14,0)+IF(Input!$K$15=1,L3399*Input!$J$15,0)+IF(Input!$K$16=1,M3399*Input!$J$16,0)</f>
        <v>3.3491390170128175</v>
      </c>
      <c r="O3399" s="58">
        <f>IF(Input!$K$13=2,J3399*Input!$J$13,0)+IF(Input!$K$14=2,K3399*Input!$J$14,0)+IF(Input!$K$15=2,L3399*Input!$J$15,0)+IF(Input!$K$16=2,M3399*Input!$J$16,0)</f>
        <v>0.31451220710896449</v>
      </c>
      <c r="P3399" s="58">
        <f>IF(Input!$K$13=3,J3399*Input!$J$13,0)+IF(Input!$K$14=3,K3399*Input!$J$14,0)+IF(Input!$K$15=3,L3399*Input!$J$15,0)+IF(Input!$K$16=3,M3399*Input!$J$16,0)</f>
        <v>0</v>
      </c>
      <c r="Q3399" s="71">
        <f>IF(Input!$K$13=4,J3399*Input!$J$13,0)+IF(Input!$K$14=4,K3399*Input!$J$14,0)+IF(Input!$K$15=4,L3399*Input!$J$15,0)+IF(Input!$K$16=4,M3399*Input!$J$16,0)</f>
        <v>0</v>
      </c>
    </row>
    <row r="3400" spans="8:17" x14ac:dyDescent="0.25">
      <c r="H3400" s="43">
        <v>3393</v>
      </c>
      <c r="I3400" s="55">
        <f>Bühler!I3426</f>
        <v>0.32993518407836037</v>
      </c>
      <c r="J3400" s="58">
        <f>Bühler!J3426</f>
        <v>31.39817828449517</v>
      </c>
      <c r="K3400" s="58">
        <f>Bühler!K3426</f>
        <v>2.6209350592413712</v>
      </c>
      <c r="L3400" s="58">
        <f>Bühler!L3426</f>
        <v>1.3104675296206856</v>
      </c>
      <c r="M3400" s="57">
        <f>Bühler!M3426</f>
        <v>0</v>
      </c>
      <c r="N3400" s="55">
        <f>IF(Input!$K$13=1,J3400*Input!$J$13,0)+IF(Input!$K$14=1,K3400*Input!$J$14,0)+IF(Input!$K$15=1,L3400*Input!$J$15,0)+IF(Input!$K$16=1,M3400*Input!$J$16,0)</f>
        <v>3.7677813941394205</v>
      </c>
      <c r="O3400" s="58">
        <f>IF(Input!$K$13=2,J3400*Input!$J$13,0)+IF(Input!$K$14=2,K3400*Input!$J$14,0)+IF(Input!$K$15=2,L3400*Input!$J$15,0)+IF(Input!$K$16=2,M3400*Input!$J$16,0)</f>
        <v>0.35382623299758509</v>
      </c>
      <c r="P3400" s="58">
        <f>IF(Input!$K$13=3,J3400*Input!$J$13,0)+IF(Input!$K$14=3,K3400*Input!$J$14,0)+IF(Input!$K$15=3,L3400*Input!$J$15,0)+IF(Input!$K$16=3,M3400*Input!$J$16,0)</f>
        <v>0</v>
      </c>
      <c r="Q3400" s="71">
        <f>IF(Input!$K$13=4,J3400*Input!$J$13,0)+IF(Input!$K$14=4,K3400*Input!$J$14,0)+IF(Input!$K$15=4,L3400*Input!$J$15,0)+IF(Input!$K$16=4,M3400*Input!$J$16,0)</f>
        <v>0</v>
      </c>
    </row>
    <row r="3401" spans="8:17" x14ac:dyDescent="0.25">
      <c r="H3401" s="43">
        <v>3394</v>
      </c>
      <c r="I3401" s="55">
        <f>Bühler!I3427</f>
        <v>0.36659464897595589</v>
      </c>
      <c r="J3401" s="58">
        <f>Bühler!J3427</f>
        <v>34.886864760550189</v>
      </c>
      <c r="K3401" s="58">
        <f>Bühler!K3427</f>
        <v>2.9121500658237456</v>
      </c>
      <c r="L3401" s="58">
        <f>Bühler!L3427</f>
        <v>1.4560750329118728</v>
      </c>
      <c r="M3401" s="57">
        <f>Bühler!M3427</f>
        <v>0</v>
      </c>
      <c r="N3401" s="55">
        <f>IF(Input!$K$13=1,J3401*Input!$J$13,0)+IF(Input!$K$14=1,K3401*Input!$J$14,0)+IF(Input!$K$15=1,L3401*Input!$J$15,0)+IF(Input!$K$16=1,M3401*Input!$J$16,0)</f>
        <v>4.1864237712660222</v>
      </c>
      <c r="O3401" s="58">
        <f>IF(Input!$K$13=2,J3401*Input!$J$13,0)+IF(Input!$K$14=2,K3401*Input!$J$14,0)+IF(Input!$K$15=2,L3401*Input!$J$15,0)+IF(Input!$K$16=2,M3401*Input!$J$16,0)</f>
        <v>0.39314025888620563</v>
      </c>
      <c r="P3401" s="58">
        <f>IF(Input!$K$13=3,J3401*Input!$J$13,0)+IF(Input!$K$14=3,K3401*Input!$J$14,0)+IF(Input!$K$15=3,L3401*Input!$J$15,0)+IF(Input!$K$16=3,M3401*Input!$J$16,0)</f>
        <v>0</v>
      </c>
      <c r="Q3401" s="71">
        <f>IF(Input!$K$13=4,J3401*Input!$J$13,0)+IF(Input!$K$14=4,K3401*Input!$J$14,0)+IF(Input!$K$15=4,L3401*Input!$J$15,0)+IF(Input!$K$16=4,M3401*Input!$J$16,0)</f>
        <v>0</v>
      </c>
    </row>
    <row r="3402" spans="8:17" x14ac:dyDescent="0.25">
      <c r="H3402" s="43">
        <v>3395</v>
      </c>
      <c r="I3402" s="55">
        <f>Bühler!I3428</f>
        <v>0.36659464897595589</v>
      </c>
      <c r="J3402" s="58">
        <f>Bühler!J3428</f>
        <v>34.886864760550189</v>
      </c>
      <c r="K3402" s="58">
        <f>Bühler!K3428</f>
        <v>2.9121500658237456</v>
      </c>
      <c r="L3402" s="58">
        <f>Bühler!L3428</f>
        <v>1.4560750329118728</v>
      </c>
      <c r="M3402" s="57">
        <f>Bühler!M3428</f>
        <v>0</v>
      </c>
      <c r="N3402" s="55">
        <f>IF(Input!$K$13=1,J3402*Input!$J$13,0)+IF(Input!$K$14=1,K3402*Input!$J$14,0)+IF(Input!$K$15=1,L3402*Input!$J$15,0)+IF(Input!$K$16=1,M3402*Input!$J$16,0)</f>
        <v>4.1864237712660222</v>
      </c>
      <c r="O3402" s="58">
        <f>IF(Input!$K$13=2,J3402*Input!$J$13,0)+IF(Input!$K$14=2,K3402*Input!$J$14,0)+IF(Input!$K$15=2,L3402*Input!$J$15,0)+IF(Input!$K$16=2,M3402*Input!$J$16,0)</f>
        <v>0.39314025888620563</v>
      </c>
      <c r="P3402" s="58">
        <f>IF(Input!$K$13=3,J3402*Input!$J$13,0)+IF(Input!$K$14=3,K3402*Input!$J$14,0)+IF(Input!$K$15=3,L3402*Input!$J$15,0)+IF(Input!$K$16=3,M3402*Input!$J$16,0)</f>
        <v>0</v>
      </c>
      <c r="Q3402" s="71">
        <f>IF(Input!$K$13=4,J3402*Input!$J$13,0)+IF(Input!$K$14=4,K3402*Input!$J$14,0)+IF(Input!$K$15=4,L3402*Input!$J$15,0)+IF(Input!$K$16=4,M3402*Input!$J$16,0)</f>
        <v>0</v>
      </c>
    </row>
    <row r="3403" spans="8:17" x14ac:dyDescent="0.25">
      <c r="H3403" s="43">
        <v>3396</v>
      </c>
      <c r="I3403" s="55">
        <f>Bühler!I3429</f>
        <v>0.43991357877114706</v>
      </c>
      <c r="J3403" s="58">
        <f>Bühler!J3429</f>
        <v>41.86423771266022</v>
      </c>
      <c r="K3403" s="58">
        <f>Bühler!K3429</f>
        <v>3.494580078988494</v>
      </c>
      <c r="L3403" s="58">
        <f>Bühler!L3429</f>
        <v>1.747290039494247</v>
      </c>
      <c r="M3403" s="57">
        <f>Bühler!M3429</f>
        <v>0</v>
      </c>
      <c r="N3403" s="55">
        <f>IF(Input!$K$13=1,J3403*Input!$J$13,0)+IF(Input!$K$14=1,K3403*Input!$J$14,0)+IF(Input!$K$15=1,L3403*Input!$J$15,0)+IF(Input!$K$16=1,M3403*Input!$J$16,0)</f>
        <v>5.0237085255192264</v>
      </c>
      <c r="O3403" s="58">
        <f>IF(Input!$K$13=2,J3403*Input!$J$13,0)+IF(Input!$K$14=2,K3403*Input!$J$14,0)+IF(Input!$K$15=2,L3403*Input!$J$15,0)+IF(Input!$K$16=2,M3403*Input!$J$16,0)</f>
        <v>0.47176831066344671</v>
      </c>
      <c r="P3403" s="58">
        <f>IF(Input!$K$13=3,J3403*Input!$J$13,0)+IF(Input!$K$14=3,K3403*Input!$J$14,0)+IF(Input!$K$15=3,L3403*Input!$J$15,0)+IF(Input!$K$16=3,M3403*Input!$J$16,0)</f>
        <v>0</v>
      </c>
      <c r="Q3403" s="71">
        <f>IF(Input!$K$13=4,J3403*Input!$J$13,0)+IF(Input!$K$14=4,K3403*Input!$J$14,0)+IF(Input!$K$15=4,L3403*Input!$J$15,0)+IF(Input!$K$16=4,M3403*Input!$J$16,0)</f>
        <v>0</v>
      </c>
    </row>
    <row r="3404" spans="8:17" x14ac:dyDescent="0.25">
      <c r="H3404" s="43">
        <v>3397</v>
      </c>
      <c r="I3404" s="55">
        <f>Bühler!I3430</f>
        <v>0.43991357877114706</v>
      </c>
      <c r="J3404" s="58">
        <f>Bühler!J3430</f>
        <v>41.86423771266022</v>
      </c>
      <c r="K3404" s="58">
        <f>Bühler!K3430</f>
        <v>3.494580078988494</v>
      </c>
      <c r="L3404" s="58">
        <f>Bühler!L3430</f>
        <v>1.747290039494247</v>
      </c>
      <c r="M3404" s="57">
        <f>Bühler!M3430</f>
        <v>0</v>
      </c>
      <c r="N3404" s="55">
        <f>IF(Input!$K$13=1,J3404*Input!$J$13,0)+IF(Input!$K$14=1,K3404*Input!$J$14,0)+IF(Input!$K$15=1,L3404*Input!$J$15,0)+IF(Input!$K$16=1,M3404*Input!$J$16,0)</f>
        <v>5.0237085255192264</v>
      </c>
      <c r="O3404" s="58">
        <f>IF(Input!$K$13=2,J3404*Input!$J$13,0)+IF(Input!$K$14=2,K3404*Input!$J$14,0)+IF(Input!$K$15=2,L3404*Input!$J$15,0)+IF(Input!$K$16=2,M3404*Input!$J$16,0)</f>
        <v>0.47176831066344671</v>
      </c>
      <c r="P3404" s="58">
        <f>IF(Input!$K$13=3,J3404*Input!$J$13,0)+IF(Input!$K$14=3,K3404*Input!$J$14,0)+IF(Input!$K$15=3,L3404*Input!$J$15,0)+IF(Input!$K$16=3,M3404*Input!$J$16,0)</f>
        <v>0</v>
      </c>
      <c r="Q3404" s="71">
        <f>IF(Input!$K$13=4,J3404*Input!$J$13,0)+IF(Input!$K$14=4,K3404*Input!$J$14,0)+IF(Input!$K$15=4,L3404*Input!$J$15,0)+IF(Input!$K$16=4,M3404*Input!$J$16,0)</f>
        <v>0</v>
      </c>
    </row>
    <row r="3405" spans="8:17" x14ac:dyDescent="0.25">
      <c r="H3405" s="43">
        <v>3398</v>
      </c>
      <c r="I3405" s="55">
        <f>Bühler!I3431</f>
        <v>0.29327571918076478</v>
      </c>
      <c r="J3405" s="58">
        <f>Bühler!J3431</f>
        <v>27.909491808440148</v>
      </c>
      <c r="K3405" s="58">
        <f>Bühler!K3431</f>
        <v>2.3297200526589963</v>
      </c>
      <c r="L3405" s="58">
        <f>Bühler!L3431</f>
        <v>1.1648600263294981</v>
      </c>
      <c r="M3405" s="57">
        <f>Bühler!M3431</f>
        <v>0</v>
      </c>
      <c r="N3405" s="55">
        <f>IF(Input!$K$13=1,J3405*Input!$J$13,0)+IF(Input!$K$14=1,K3405*Input!$J$14,0)+IF(Input!$K$15=1,L3405*Input!$J$15,0)+IF(Input!$K$16=1,M3405*Input!$J$16,0)</f>
        <v>3.3491390170128175</v>
      </c>
      <c r="O3405" s="58">
        <f>IF(Input!$K$13=2,J3405*Input!$J$13,0)+IF(Input!$K$14=2,K3405*Input!$J$14,0)+IF(Input!$K$15=2,L3405*Input!$J$15,0)+IF(Input!$K$16=2,M3405*Input!$J$16,0)</f>
        <v>0.31451220710896449</v>
      </c>
      <c r="P3405" s="58">
        <f>IF(Input!$K$13=3,J3405*Input!$J$13,0)+IF(Input!$K$14=3,K3405*Input!$J$14,0)+IF(Input!$K$15=3,L3405*Input!$J$15,0)+IF(Input!$K$16=3,M3405*Input!$J$16,0)</f>
        <v>0</v>
      </c>
      <c r="Q3405" s="71">
        <f>IF(Input!$K$13=4,J3405*Input!$J$13,0)+IF(Input!$K$14=4,K3405*Input!$J$14,0)+IF(Input!$K$15=4,L3405*Input!$J$15,0)+IF(Input!$K$16=4,M3405*Input!$J$16,0)</f>
        <v>0</v>
      </c>
    </row>
    <row r="3406" spans="8:17" x14ac:dyDescent="0.25">
      <c r="H3406" s="43">
        <v>3399</v>
      </c>
      <c r="I3406" s="55">
        <f>Bühler!I3432</f>
        <v>0.43991357877114706</v>
      </c>
      <c r="J3406" s="58">
        <f>Bühler!J3432</f>
        <v>41.86423771266022</v>
      </c>
      <c r="K3406" s="58">
        <f>Bühler!K3432</f>
        <v>3.494580078988494</v>
      </c>
      <c r="L3406" s="58">
        <f>Bühler!L3432</f>
        <v>1.747290039494247</v>
      </c>
      <c r="M3406" s="57">
        <f>Bühler!M3432</f>
        <v>0</v>
      </c>
      <c r="N3406" s="55">
        <f>IF(Input!$K$13=1,J3406*Input!$J$13,0)+IF(Input!$K$14=1,K3406*Input!$J$14,0)+IF(Input!$K$15=1,L3406*Input!$J$15,0)+IF(Input!$K$16=1,M3406*Input!$J$16,0)</f>
        <v>5.0237085255192264</v>
      </c>
      <c r="O3406" s="58">
        <f>IF(Input!$K$13=2,J3406*Input!$J$13,0)+IF(Input!$K$14=2,K3406*Input!$J$14,0)+IF(Input!$K$15=2,L3406*Input!$J$15,0)+IF(Input!$K$16=2,M3406*Input!$J$16,0)</f>
        <v>0.47176831066344671</v>
      </c>
      <c r="P3406" s="58">
        <f>IF(Input!$K$13=3,J3406*Input!$J$13,0)+IF(Input!$K$14=3,K3406*Input!$J$14,0)+IF(Input!$K$15=3,L3406*Input!$J$15,0)+IF(Input!$K$16=3,M3406*Input!$J$16,0)</f>
        <v>0</v>
      </c>
      <c r="Q3406" s="71">
        <f>IF(Input!$K$13=4,J3406*Input!$J$13,0)+IF(Input!$K$14=4,K3406*Input!$J$14,0)+IF(Input!$K$15=4,L3406*Input!$J$15,0)+IF(Input!$K$16=4,M3406*Input!$J$16,0)</f>
        <v>0</v>
      </c>
    </row>
    <row r="3407" spans="8:17" x14ac:dyDescent="0.25">
      <c r="H3407" s="43">
        <v>3400</v>
      </c>
      <c r="I3407" s="55">
        <f>Bühler!I3433</f>
        <v>0.43991357877114706</v>
      </c>
      <c r="J3407" s="58">
        <f>Bühler!J3433</f>
        <v>41.86423771266022</v>
      </c>
      <c r="K3407" s="58">
        <f>Bühler!K3433</f>
        <v>3.494580078988494</v>
      </c>
      <c r="L3407" s="58">
        <f>Bühler!L3433</f>
        <v>1.747290039494247</v>
      </c>
      <c r="M3407" s="57">
        <f>Bühler!M3433</f>
        <v>0</v>
      </c>
      <c r="N3407" s="55">
        <f>IF(Input!$K$13=1,J3407*Input!$J$13,0)+IF(Input!$K$14=1,K3407*Input!$J$14,0)+IF(Input!$K$15=1,L3407*Input!$J$15,0)+IF(Input!$K$16=1,M3407*Input!$J$16,0)</f>
        <v>5.0237085255192264</v>
      </c>
      <c r="O3407" s="58">
        <f>IF(Input!$K$13=2,J3407*Input!$J$13,0)+IF(Input!$K$14=2,K3407*Input!$J$14,0)+IF(Input!$K$15=2,L3407*Input!$J$15,0)+IF(Input!$K$16=2,M3407*Input!$J$16,0)</f>
        <v>0.47176831066344671</v>
      </c>
      <c r="P3407" s="58">
        <f>IF(Input!$K$13=3,J3407*Input!$J$13,0)+IF(Input!$K$14=3,K3407*Input!$J$14,0)+IF(Input!$K$15=3,L3407*Input!$J$15,0)+IF(Input!$K$16=3,M3407*Input!$J$16,0)</f>
        <v>0</v>
      </c>
      <c r="Q3407" s="71">
        <f>IF(Input!$K$13=4,J3407*Input!$J$13,0)+IF(Input!$K$14=4,K3407*Input!$J$14,0)+IF(Input!$K$15=4,L3407*Input!$J$15,0)+IF(Input!$K$16=4,M3407*Input!$J$16,0)</f>
        <v>0</v>
      </c>
    </row>
    <row r="3408" spans="8:17" x14ac:dyDescent="0.25">
      <c r="H3408" s="43">
        <v>3401</v>
      </c>
      <c r="I3408" s="55">
        <f>Bühler!I3434</f>
        <v>0.36659464897595589</v>
      </c>
      <c r="J3408" s="58">
        <f>Bühler!J3434</f>
        <v>24.539948593302313</v>
      </c>
      <c r="K3408" s="58">
        <f>Bühler!K3434</f>
        <v>2.0385050460766214</v>
      </c>
      <c r="L3408" s="58">
        <f>Bühler!L3434</f>
        <v>1.0192525230383107</v>
      </c>
      <c r="M3408" s="57">
        <f>Bühler!M3434</f>
        <v>0</v>
      </c>
      <c r="N3408" s="55">
        <f>IF(Input!$K$13=1,J3408*Input!$J$13,0)+IF(Input!$K$14=1,K3408*Input!$J$14,0)+IF(Input!$K$15=1,L3408*Input!$J$15,0)+IF(Input!$K$16=1,M3408*Input!$J$16,0)</f>
        <v>2.9447938311962774</v>
      </c>
      <c r="O3408" s="58">
        <f>IF(Input!$K$13=2,J3408*Input!$J$13,0)+IF(Input!$K$14=2,K3408*Input!$J$14,0)+IF(Input!$K$15=2,L3408*Input!$J$15,0)+IF(Input!$K$16=2,M3408*Input!$J$16,0)</f>
        <v>0.2751981812203439</v>
      </c>
      <c r="P3408" s="58">
        <f>IF(Input!$K$13=3,J3408*Input!$J$13,0)+IF(Input!$K$14=3,K3408*Input!$J$14,0)+IF(Input!$K$15=3,L3408*Input!$J$15,0)+IF(Input!$K$16=3,M3408*Input!$J$16,0)</f>
        <v>0</v>
      </c>
      <c r="Q3408" s="71">
        <f>IF(Input!$K$13=4,J3408*Input!$J$13,0)+IF(Input!$K$14=4,K3408*Input!$J$14,0)+IF(Input!$K$15=4,L3408*Input!$J$15,0)+IF(Input!$K$16=4,M3408*Input!$J$16,0)</f>
        <v>0</v>
      </c>
    </row>
    <row r="3409" spans="8:17" x14ac:dyDescent="0.25">
      <c r="H3409" s="43">
        <v>3402</v>
      </c>
      <c r="I3409" s="55">
        <f>Bühler!I3435</f>
        <v>0.29496121181973467</v>
      </c>
      <c r="J3409" s="58">
        <f>Bühler!J3435</f>
        <v>7.2174854243032929</v>
      </c>
      <c r="K3409" s="58">
        <f>Bühler!K3435</f>
        <v>0.58243001316474907</v>
      </c>
      <c r="L3409" s="58">
        <f>Bühler!L3435</f>
        <v>0.29121500658237454</v>
      </c>
      <c r="M3409" s="57">
        <f>Bühler!M3435</f>
        <v>0</v>
      </c>
      <c r="N3409" s="55">
        <f>IF(Input!$K$13=1,J3409*Input!$J$13,0)+IF(Input!$K$14=1,K3409*Input!$J$14,0)+IF(Input!$K$15=1,L3409*Input!$J$15,0)+IF(Input!$K$16=1,M3409*Input!$J$16,0)</f>
        <v>0.86609825091639514</v>
      </c>
      <c r="O3409" s="58">
        <f>IF(Input!$K$13=2,J3409*Input!$J$13,0)+IF(Input!$K$14=2,K3409*Input!$J$14,0)+IF(Input!$K$15=2,L3409*Input!$J$15,0)+IF(Input!$K$16=2,M3409*Input!$J$16,0)</f>
        <v>7.8628051777241123E-2</v>
      </c>
      <c r="P3409" s="58">
        <f>IF(Input!$K$13=3,J3409*Input!$J$13,0)+IF(Input!$K$14=3,K3409*Input!$J$14,0)+IF(Input!$K$15=3,L3409*Input!$J$15,0)+IF(Input!$K$16=3,M3409*Input!$J$16,0)</f>
        <v>0</v>
      </c>
      <c r="Q3409" s="71">
        <f>IF(Input!$K$13=4,J3409*Input!$J$13,0)+IF(Input!$K$14=4,K3409*Input!$J$14,0)+IF(Input!$K$15=4,L3409*Input!$J$15,0)+IF(Input!$K$16=4,M3409*Input!$J$16,0)</f>
        <v>0</v>
      </c>
    </row>
    <row r="3410" spans="8:17" x14ac:dyDescent="0.25">
      <c r="H3410" s="43">
        <v>3403</v>
      </c>
      <c r="I3410" s="55">
        <f>Bühler!I3436</f>
        <v>0.10534328993561952</v>
      </c>
      <c r="J3410" s="58">
        <f>Bühler!J3436</f>
        <v>6.9149118665133615</v>
      </c>
      <c r="K3410" s="58">
        <f>Bühler!K3436</f>
        <v>0.57422677354271034</v>
      </c>
      <c r="L3410" s="58">
        <f>Bühler!L3436</f>
        <v>0.28711338677135517</v>
      </c>
      <c r="M3410" s="57">
        <f>Bühler!M3436</f>
        <v>0</v>
      </c>
      <c r="N3410" s="55">
        <f>IF(Input!$K$13=1,J3410*Input!$J$13,0)+IF(Input!$K$14=1,K3410*Input!$J$14,0)+IF(Input!$K$15=1,L3410*Input!$J$15,0)+IF(Input!$K$16=1,M3410*Input!$J$16,0)</f>
        <v>0.82978942398160338</v>
      </c>
      <c r="O3410" s="58">
        <f>IF(Input!$K$13=2,J3410*Input!$J$13,0)+IF(Input!$K$14=2,K3410*Input!$J$14,0)+IF(Input!$K$15=2,L3410*Input!$J$15,0)+IF(Input!$K$16=2,M3410*Input!$J$16,0)</f>
        <v>7.7520614428265897E-2</v>
      </c>
      <c r="P3410" s="58">
        <f>IF(Input!$K$13=3,J3410*Input!$J$13,0)+IF(Input!$K$14=3,K3410*Input!$J$14,0)+IF(Input!$K$15=3,L3410*Input!$J$15,0)+IF(Input!$K$16=3,M3410*Input!$J$16,0)</f>
        <v>0</v>
      </c>
      <c r="Q3410" s="71">
        <f>IF(Input!$K$13=4,J3410*Input!$J$13,0)+IF(Input!$K$14=4,K3410*Input!$J$14,0)+IF(Input!$K$15=4,L3410*Input!$J$15,0)+IF(Input!$K$16=4,M3410*Input!$J$16,0)</f>
        <v>0</v>
      </c>
    </row>
    <row r="3411" spans="8:17" x14ac:dyDescent="0.25">
      <c r="H3411" s="43">
        <v>3404</v>
      </c>
      <c r="I3411" s="55">
        <f>Bühler!I3437</f>
        <v>0.10534328993561952</v>
      </c>
      <c r="J3411" s="58">
        <f>Bühler!J3437</f>
        <v>6.9149118665133615</v>
      </c>
      <c r="K3411" s="58">
        <f>Bühler!K3437</f>
        <v>0.57422677354271034</v>
      </c>
      <c r="L3411" s="58">
        <f>Bühler!L3437</f>
        <v>0.28711338677135517</v>
      </c>
      <c r="M3411" s="57">
        <f>Bühler!M3437</f>
        <v>0</v>
      </c>
      <c r="N3411" s="55">
        <f>IF(Input!$K$13=1,J3411*Input!$J$13,0)+IF(Input!$K$14=1,K3411*Input!$J$14,0)+IF(Input!$K$15=1,L3411*Input!$J$15,0)+IF(Input!$K$16=1,M3411*Input!$J$16,0)</f>
        <v>0.82978942398160338</v>
      </c>
      <c r="O3411" s="58">
        <f>IF(Input!$K$13=2,J3411*Input!$J$13,0)+IF(Input!$K$14=2,K3411*Input!$J$14,0)+IF(Input!$K$15=2,L3411*Input!$J$15,0)+IF(Input!$K$16=2,M3411*Input!$J$16,0)</f>
        <v>7.7520614428265897E-2</v>
      </c>
      <c r="P3411" s="58">
        <f>IF(Input!$K$13=3,J3411*Input!$J$13,0)+IF(Input!$K$14=3,K3411*Input!$J$14,0)+IF(Input!$K$15=3,L3411*Input!$J$15,0)+IF(Input!$K$16=3,M3411*Input!$J$16,0)</f>
        <v>0</v>
      </c>
      <c r="Q3411" s="71">
        <f>IF(Input!$K$13=4,J3411*Input!$J$13,0)+IF(Input!$K$14=4,K3411*Input!$J$14,0)+IF(Input!$K$15=4,L3411*Input!$J$15,0)+IF(Input!$K$16=4,M3411*Input!$J$16,0)</f>
        <v>0</v>
      </c>
    </row>
    <row r="3412" spans="8:17" x14ac:dyDescent="0.25">
      <c r="H3412" s="43">
        <v>3405</v>
      </c>
      <c r="I3412" s="55">
        <f>Bühler!I3438</f>
        <v>0.10534328993561952</v>
      </c>
      <c r="J3412" s="58">
        <f>Bühler!J3438</f>
        <v>6.9149118665133615</v>
      </c>
      <c r="K3412" s="58">
        <f>Bühler!K3438</f>
        <v>0.57422677354271034</v>
      </c>
      <c r="L3412" s="58">
        <f>Bühler!L3438</f>
        <v>0.28711338677135517</v>
      </c>
      <c r="M3412" s="57">
        <f>Bühler!M3438</f>
        <v>0</v>
      </c>
      <c r="N3412" s="55">
        <f>IF(Input!$K$13=1,J3412*Input!$J$13,0)+IF(Input!$K$14=1,K3412*Input!$J$14,0)+IF(Input!$K$15=1,L3412*Input!$J$15,0)+IF(Input!$K$16=1,M3412*Input!$J$16,0)</f>
        <v>0.82978942398160338</v>
      </c>
      <c r="O3412" s="58">
        <f>IF(Input!$K$13=2,J3412*Input!$J$13,0)+IF(Input!$K$14=2,K3412*Input!$J$14,0)+IF(Input!$K$15=2,L3412*Input!$J$15,0)+IF(Input!$K$16=2,M3412*Input!$J$16,0)</f>
        <v>7.7520614428265897E-2</v>
      </c>
      <c r="P3412" s="58">
        <f>IF(Input!$K$13=3,J3412*Input!$J$13,0)+IF(Input!$K$14=3,K3412*Input!$J$14,0)+IF(Input!$K$15=3,L3412*Input!$J$15,0)+IF(Input!$K$16=3,M3412*Input!$J$16,0)</f>
        <v>0</v>
      </c>
      <c r="Q3412" s="71">
        <f>IF(Input!$K$13=4,J3412*Input!$J$13,0)+IF(Input!$K$14=4,K3412*Input!$J$14,0)+IF(Input!$K$15=4,L3412*Input!$J$15,0)+IF(Input!$K$16=4,M3412*Input!$J$16,0)</f>
        <v>0</v>
      </c>
    </row>
    <row r="3413" spans="8:17" x14ac:dyDescent="0.25">
      <c r="H3413" s="43">
        <v>3406</v>
      </c>
      <c r="I3413" s="55">
        <f>Bühler!I3439</f>
        <v>0.10534328993561952</v>
      </c>
      <c r="J3413" s="58">
        <f>Bühler!J3439</f>
        <v>6.9149118665133615</v>
      </c>
      <c r="K3413" s="58">
        <f>Bühler!K3439</f>
        <v>0.57422677354271034</v>
      </c>
      <c r="L3413" s="58">
        <f>Bühler!L3439</f>
        <v>0.28711338677135517</v>
      </c>
      <c r="M3413" s="57">
        <f>Bühler!M3439</f>
        <v>0</v>
      </c>
      <c r="N3413" s="55">
        <f>IF(Input!$K$13=1,J3413*Input!$J$13,0)+IF(Input!$K$14=1,K3413*Input!$J$14,0)+IF(Input!$K$15=1,L3413*Input!$J$15,0)+IF(Input!$K$16=1,M3413*Input!$J$16,0)</f>
        <v>0.82978942398160338</v>
      </c>
      <c r="O3413" s="58">
        <f>IF(Input!$K$13=2,J3413*Input!$J$13,0)+IF(Input!$K$14=2,K3413*Input!$J$14,0)+IF(Input!$K$15=2,L3413*Input!$J$15,0)+IF(Input!$K$16=2,M3413*Input!$J$16,0)</f>
        <v>7.7520614428265897E-2</v>
      </c>
      <c r="P3413" s="58">
        <f>IF(Input!$K$13=3,J3413*Input!$J$13,0)+IF(Input!$K$14=3,K3413*Input!$J$14,0)+IF(Input!$K$15=3,L3413*Input!$J$15,0)+IF(Input!$K$16=3,M3413*Input!$J$16,0)</f>
        <v>0</v>
      </c>
      <c r="Q3413" s="71">
        <f>IF(Input!$K$13=4,J3413*Input!$J$13,0)+IF(Input!$K$14=4,K3413*Input!$J$14,0)+IF(Input!$K$15=4,L3413*Input!$J$15,0)+IF(Input!$K$16=4,M3413*Input!$J$16,0)</f>
        <v>0</v>
      </c>
    </row>
    <row r="3414" spans="8:17" x14ac:dyDescent="0.25">
      <c r="H3414" s="43">
        <v>3407</v>
      </c>
      <c r="I3414" s="55">
        <f>Bühler!I3440</f>
        <v>0.10534328993561952</v>
      </c>
      <c r="J3414" s="58">
        <f>Bühler!J3440</f>
        <v>6.9149118665133615</v>
      </c>
      <c r="K3414" s="58">
        <f>Bühler!K3440</f>
        <v>0.57422677354271034</v>
      </c>
      <c r="L3414" s="58">
        <f>Bühler!L3440</f>
        <v>0.28711338677135517</v>
      </c>
      <c r="M3414" s="57">
        <f>Bühler!M3440</f>
        <v>0</v>
      </c>
      <c r="N3414" s="55">
        <f>IF(Input!$K$13=1,J3414*Input!$J$13,0)+IF(Input!$K$14=1,K3414*Input!$J$14,0)+IF(Input!$K$15=1,L3414*Input!$J$15,0)+IF(Input!$K$16=1,M3414*Input!$J$16,0)</f>
        <v>0.82978942398160338</v>
      </c>
      <c r="O3414" s="58">
        <f>IF(Input!$K$13=2,J3414*Input!$J$13,0)+IF(Input!$K$14=2,K3414*Input!$J$14,0)+IF(Input!$K$15=2,L3414*Input!$J$15,0)+IF(Input!$K$16=2,M3414*Input!$J$16,0)</f>
        <v>7.7520614428265897E-2</v>
      </c>
      <c r="P3414" s="58">
        <f>IF(Input!$K$13=3,J3414*Input!$J$13,0)+IF(Input!$K$14=3,K3414*Input!$J$14,0)+IF(Input!$K$15=3,L3414*Input!$J$15,0)+IF(Input!$K$16=3,M3414*Input!$J$16,0)</f>
        <v>0</v>
      </c>
      <c r="Q3414" s="71">
        <f>IF(Input!$K$13=4,J3414*Input!$J$13,0)+IF(Input!$K$14=4,K3414*Input!$J$14,0)+IF(Input!$K$15=4,L3414*Input!$J$15,0)+IF(Input!$K$16=4,M3414*Input!$J$16,0)</f>
        <v>0</v>
      </c>
    </row>
    <row r="3415" spans="8:17" x14ac:dyDescent="0.25">
      <c r="H3415" s="43">
        <v>3408</v>
      </c>
      <c r="I3415" s="55">
        <f>Bühler!I3441</f>
        <v>0.10534328993561952</v>
      </c>
      <c r="J3415" s="58">
        <f>Bühler!J3441</f>
        <v>6.9149118665133615</v>
      </c>
      <c r="K3415" s="58">
        <f>Bühler!K3441</f>
        <v>0.57422677354271034</v>
      </c>
      <c r="L3415" s="58">
        <f>Bühler!L3441</f>
        <v>0.28711338677135517</v>
      </c>
      <c r="M3415" s="57">
        <f>Bühler!M3441</f>
        <v>0</v>
      </c>
      <c r="N3415" s="55">
        <f>IF(Input!$K$13=1,J3415*Input!$J$13,0)+IF(Input!$K$14=1,K3415*Input!$J$14,0)+IF(Input!$K$15=1,L3415*Input!$J$15,0)+IF(Input!$K$16=1,M3415*Input!$J$16,0)</f>
        <v>0.82978942398160338</v>
      </c>
      <c r="O3415" s="58">
        <f>IF(Input!$K$13=2,J3415*Input!$J$13,0)+IF(Input!$K$14=2,K3415*Input!$J$14,0)+IF(Input!$K$15=2,L3415*Input!$J$15,0)+IF(Input!$K$16=2,M3415*Input!$J$16,0)</f>
        <v>7.7520614428265897E-2</v>
      </c>
      <c r="P3415" s="58">
        <f>IF(Input!$K$13=3,J3415*Input!$J$13,0)+IF(Input!$K$14=3,K3415*Input!$J$14,0)+IF(Input!$K$15=3,L3415*Input!$J$15,0)+IF(Input!$K$16=3,M3415*Input!$J$16,0)</f>
        <v>0</v>
      </c>
      <c r="Q3415" s="71">
        <f>IF(Input!$K$13=4,J3415*Input!$J$13,0)+IF(Input!$K$14=4,K3415*Input!$J$14,0)+IF(Input!$K$15=4,L3415*Input!$J$15,0)+IF(Input!$K$16=4,M3415*Input!$J$16,0)</f>
        <v>0</v>
      </c>
    </row>
    <row r="3416" spans="8:17" x14ac:dyDescent="0.25">
      <c r="H3416" s="43">
        <v>3409</v>
      </c>
      <c r="I3416" s="55">
        <f>Bühler!I3442</f>
        <v>0.12907743607401231</v>
      </c>
      <c r="J3416" s="58">
        <f>Bühler!J3442</f>
        <v>4.5153586035478499</v>
      </c>
      <c r="K3416" s="58">
        <f>Bühler!K3442</f>
        <v>0.36747449645966546</v>
      </c>
      <c r="L3416" s="58">
        <f>Bühler!L3442</f>
        <v>0.18373724822983273</v>
      </c>
      <c r="M3416" s="57">
        <f>Bühler!M3442</f>
        <v>0</v>
      </c>
      <c r="N3416" s="55">
        <f>IF(Input!$K$13=1,J3416*Input!$J$13,0)+IF(Input!$K$14=1,K3416*Input!$J$14,0)+IF(Input!$K$15=1,L3416*Input!$J$15,0)+IF(Input!$K$16=1,M3416*Input!$J$16,0)</f>
        <v>0.54184303242574194</v>
      </c>
      <c r="O3416" s="58">
        <f>IF(Input!$K$13=2,J3416*Input!$J$13,0)+IF(Input!$K$14=2,K3416*Input!$J$14,0)+IF(Input!$K$15=2,L3416*Input!$J$15,0)+IF(Input!$K$16=2,M3416*Input!$J$16,0)</f>
        <v>4.9609057022054835E-2</v>
      </c>
      <c r="P3416" s="58">
        <f>IF(Input!$K$13=3,J3416*Input!$J$13,0)+IF(Input!$K$14=3,K3416*Input!$J$14,0)+IF(Input!$K$15=3,L3416*Input!$J$15,0)+IF(Input!$K$16=3,M3416*Input!$J$16,0)</f>
        <v>0</v>
      </c>
      <c r="Q3416" s="71">
        <f>IF(Input!$K$13=4,J3416*Input!$J$13,0)+IF(Input!$K$14=4,K3416*Input!$J$14,0)+IF(Input!$K$15=4,L3416*Input!$J$15,0)+IF(Input!$K$16=4,M3416*Input!$J$16,0)</f>
        <v>0</v>
      </c>
    </row>
    <row r="3417" spans="8:17" x14ac:dyDescent="0.25">
      <c r="H3417" s="43">
        <v>3410</v>
      </c>
      <c r="I3417" s="55">
        <f>Bühler!I3443</f>
        <v>0.12907743607401231</v>
      </c>
      <c r="J3417" s="58">
        <f>Bühler!J3443</f>
        <v>6.8073001206499635</v>
      </c>
      <c r="K3417" s="58">
        <f>Bühler!K3443</f>
        <v>0.55996113746234744</v>
      </c>
      <c r="L3417" s="58">
        <f>Bühler!L3443</f>
        <v>0.27998056873117372</v>
      </c>
      <c r="M3417" s="57">
        <f>Bühler!M3443</f>
        <v>0</v>
      </c>
      <c r="N3417" s="55">
        <f>IF(Input!$K$13=1,J3417*Input!$J$13,0)+IF(Input!$K$14=1,K3417*Input!$J$14,0)+IF(Input!$K$15=1,L3417*Input!$J$15,0)+IF(Input!$K$16=1,M3417*Input!$J$16,0)</f>
        <v>0.81687601447799563</v>
      </c>
      <c r="O3417" s="58">
        <f>IF(Input!$K$13=2,J3417*Input!$J$13,0)+IF(Input!$K$14=2,K3417*Input!$J$14,0)+IF(Input!$K$15=2,L3417*Input!$J$15,0)+IF(Input!$K$16=2,M3417*Input!$J$16,0)</f>
        <v>7.5594753557416905E-2</v>
      </c>
      <c r="P3417" s="58">
        <f>IF(Input!$K$13=3,J3417*Input!$J$13,0)+IF(Input!$K$14=3,K3417*Input!$J$14,0)+IF(Input!$K$15=3,L3417*Input!$J$15,0)+IF(Input!$K$16=3,M3417*Input!$J$16,0)</f>
        <v>0</v>
      </c>
      <c r="Q3417" s="71">
        <f>IF(Input!$K$13=4,J3417*Input!$J$13,0)+IF(Input!$K$14=4,K3417*Input!$J$14,0)+IF(Input!$K$15=4,L3417*Input!$J$15,0)+IF(Input!$K$16=4,M3417*Input!$J$16,0)</f>
        <v>0</v>
      </c>
    </row>
    <row r="3418" spans="8:17" x14ac:dyDescent="0.25">
      <c r="H3418" s="43">
        <v>3411</v>
      </c>
      <c r="I3418" s="55">
        <f>Bühler!I3444</f>
        <v>0.12907743607401231</v>
      </c>
      <c r="J3418" s="58">
        <f>Bühler!J3444</f>
        <v>6.8073001206499635</v>
      </c>
      <c r="K3418" s="58">
        <f>Bühler!K3444</f>
        <v>0.55996113746234744</v>
      </c>
      <c r="L3418" s="58">
        <f>Bühler!L3444</f>
        <v>0.27998056873117372</v>
      </c>
      <c r="M3418" s="57">
        <f>Bühler!M3444</f>
        <v>0</v>
      </c>
      <c r="N3418" s="55">
        <f>IF(Input!$K$13=1,J3418*Input!$J$13,0)+IF(Input!$K$14=1,K3418*Input!$J$14,0)+IF(Input!$K$15=1,L3418*Input!$J$15,0)+IF(Input!$K$16=1,M3418*Input!$J$16,0)</f>
        <v>0.81687601447799563</v>
      </c>
      <c r="O3418" s="58">
        <f>IF(Input!$K$13=2,J3418*Input!$J$13,0)+IF(Input!$K$14=2,K3418*Input!$J$14,0)+IF(Input!$K$15=2,L3418*Input!$J$15,0)+IF(Input!$K$16=2,M3418*Input!$J$16,0)</f>
        <v>7.5594753557416905E-2</v>
      </c>
      <c r="P3418" s="58">
        <f>IF(Input!$K$13=3,J3418*Input!$J$13,0)+IF(Input!$K$14=3,K3418*Input!$J$14,0)+IF(Input!$K$15=3,L3418*Input!$J$15,0)+IF(Input!$K$16=3,M3418*Input!$J$16,0)</f>
        <v>0</v>
      </c>
      <c r="Q3418" s="71">
        <f>IF(Input!$K$13=4,J3418*Input!$J$13,0)+IF(Input!$K$14=4,K3418*Input!$J$14,0)+IF(Input!$K$15=4,L3418*Input!$J$15,0)+IF(Input!$K$16=4,M3418*Input!$J$16,0)</f>
        <v>0</v>
      </c>
    </row>
    <row r="3419" spans="8:17" x14ac:dyDescent="0.25">
      <c r="H3419" s="43">
        <v>3412</v>
      </c>
      <c r="I3419" s="55">
        <f>Bühler!I3445</f>
        <v>0.12907743607401231</v>
      </c>
      <c r="J3419" s="58">
        <f>Bühler!J3445</f>
        <v>6.8073001206499635</v>
      </c>
      <c r="K3419" s="58">
        <f>Bühler!K3445</f>
        <v>0.55996113746234744</v>
      </c>
      <c r="L3419" s="58">
        <f>Bühler!L3445</f>
        <v>0.27998056873117372</v>
      </c>
      <c r="M3419" s="57">
        <f>Bühler!M3445</f>
        <v>0</v>
      </c>
      <c r="N3419" s="55">
        <f>IF(Input!$K$13=1,J3419*Input!$J$13,0)+IF(Input!$K$14=1,K3419*Input!$J$14,0)+IF(Input!$K$15=1,L3419*Input!$J$15,0)+IF(Input!$K$16=1,M3419*Input!$J$16,0)</f>
        <v>0.81687601447799563</v>
      </c>
      <c r="O3419" s="58">
        <f>IF(Input!$K$13=2,J3419*Input!$J$13,0)+IF(Input!$K$14=2,K3419*Input!$J$14,0)+IF(Input!$K$15=2,L3419*Input!$J$15,0)+IF(Input!$K$16=2,M3419*Input!$J$16,0)</f>
        <v>7.5594753557416905E-2</v>
      </c>
      <c r="P3419" s="58">
        <f>IF(Input!$K$13=3,J3419*Input!$J$13,0)+IF(Input!$K$14=3,K3419*Input!$J$14,0)+IF(Input!$K$15=3,L3419*Input!$J$15,0)+IF(Input!$K$16=3,M3419*Input!$J$16,0)</f>
        <v>0</v>
      </c>
      <c r="Q3419" s="71">
        <f>IF(Input!$K$13=4,J3419*Input!$J$13,0)+IF(Input!$K$14=4,K3419*Input!$J$14,0)+IF(Input!$K$15=4,L3419*Input!$J$15,0)+IF(Input!$K$16=4,M3419*Input!$J$16,0)</f>
        <v>0</v>
      </c>
    </row>
    <row r="3420" spans="8:17" x14ac:dyDescent="0.25">
      <c r="H3420" s="43">
        <v>3413</v>
      </c>
      <c r="I3420" s="55">
        <f>Bühler!I3446</f>
        <v>0.12907743607401231</v>
      </c>
      <c r="J3420" s="58">
        <f>Bühler!J3446</f>
        <v>6.8073001206499635</v>
      </c>
      <c r="K3420" s="58">
        <f>Bühler!K3446</f>
        <v>0.55996113746234744</v>
      </c>
      <c r="L3420" s="58">
        <f>Bühler!L3446</f>
        <v>0.27998056873117372</v>
      </c>
      <c r="M3420" s="57">
        <f>Bühler!M3446</f>
        <v>0</v>
      </c>
      <c r="N3420" s="55">
        <f>IF(Input!$K$13=1,J3420*Input!$J$13,0)+IF(Input!$K$14=1,K3420*Input!$J$14,0)+IF(Input!$K$15=1,L3420*Input!$J$15,0)+IF(Input!$K$16=1,M3420*Input!$J$16,0)</f>
        <v>0.81687601447799563</v>
      </c>
      <c r="O3420" s="58">
        <f>IF(Input!$K$13=2,J3420*Input!$J$13,0)+IF(Input!$K$14=2,K3420*Input!$J$14,0)+IF(Input!$K$15=2,L3420*Input!$J$15,0)+IF(Input!$K$16=2,M3420*Input!$J$16,0)</f>
        <v>7.5594753557416905E-2</v>
      </c>
      <c r="P3420" s="58">
        <f>IF(Input!$K$13=3,J3420*Input!$J$13,0)+IF(Input!$K$14=3,K3420*Input!$J$14,0)+IF(Input!$K$15=3,L3420*Input!$J$15,0)+IF(Input!$K$16=3,M3420*Input!$J$16,0)</f>
        <v>0</v>
      </c>
      <c r="Q3420" s="71">
        <f>IF(Input!$K$13=4,J3420*Input!$J$13,0)+IF(Input!$K$14=4,K3420*Input!$J$14,0)+IF(Input!$K$15=4,L3420*Input!$J$15,0)+IF(Input!$K$16=4,M3420*Input!$J$16,0)</f>
        <v>0</v>
      </c>
    </row>
    <row r="3421" spans="8:17" x14ac:dyDescent="0.25">
      <c r="H3421" s="43">
        <v>3414</v>
      </c>
      <c r="I3421" s="55">
        <f>Bühler!I3447</f>
        <v>0.12907743607401231</v>
      </c>
      <c r="J3421" s="58">
        <f>Bühler!J3447</f>
        <v>6.8073001206499635</v>
      </c>
      <c r="K3421" s="58">
        <f>Bühler!K3447</f>
        <v>0.55996113746234744</v>
      </c>
      <c r="L3421" s="58">
        <f>Bühler!L3447</f>
        <v>0.27998056873117372</v>
      </c>
      <c r="M3421" s="57">
        <f>Bühler!M3447</f>
        <v>0</v>
      </c>
      <c r="N3421" s="55">
        <f>IF(Input!$K$13=1,J3421*Input!$J$13,0)+IF(Input!$K$14=1,K3421*Input!$J$14,0)+IF(Input!$K$15=1,L3421*Input!$J$15,0)+IF(Input!$K$16=1,M3421*Input!$J$16,0)</f>
        <v>0.81687601447799563</v>
      </c>
      <c r="O3421" s="58">
        <f>IF(Input!$K$13=2,J3421*Input!$J$13,0)+IF(Input!$K$14=2,K3421*Input!$J$14,0)+IF(Input!$K$15=2,L3421*Input!$J$15,0)+IF(Input!$K$16=2,M3421*Input!$J$16,0)</f>
        <v>7.5594753557416905E-2</v>
      </c>
      <c r="P3421" s="58">
        <f>IF(Input!$K$13=3,J3421*Input!$J$13,0)+IF(Input!$K$14=3,K3421*Input!$J$14,0)+IF(Input!$K$15=3,L3421*Input!$J$15,0)+IF(Input!$K$16=3,M3421*Input!$J$16,0)</f>
        <v>0</v>
      </c>
      <c r="Q3421" s="71">
        <f>IF(Input!$K$13=4,J3421*Input!$J$13,0)+IF(Input!$K$14=4,K3421*Input!$J$14,0)+IF(Input!$K$15=4,L3421*Input!$J$15,0)+IF(Input!$K$16=4,M3421*Input!$J$16,0)</f>
        <v>0</v>
      </c>
    </row>
    <row r="3422" spans="8:17" x14ac:dyDescent="0.25">
      <c r="H3422" s="43">
        <v>3415</v>
      </c>
      <c r="I3422" s="55">
        <f>Bühler!I3448</f>
        <v>0.12907743607401231</v>
      </c>
      <c r="J3422" s="58">
        <f>Bühler!J3448</f>
        <v>6.8073001206499635</v>
      </c>
      <c r="K3422" s="58">
        <f>Bühler!K3448</f>
        <v>0.55996113746234744</v>
      </c>
      <c r="L3422" s="58">
        <f>Bühler!L3448</f>
        <v>0.27998056873117372</v>
      </c>
      <c r="M3422" s="57">
        <f>Bühler!M3448</f>
        <v>0</v>
      </c>
      <c r="N3422" s="55">
        <f>IF(Input!$K$13=1,J3422*Input!$J$13,0)+IF(Input!$K$14=1,K3422*Input!$J$14,0)+IF(Input!$K$15=1,L3422*Input!$J$15,0)+IF(Input!$K$16=1,M3422*Input!$J$16,0)</f>
        <v>0.81687601447799563</v>
      </c>
      <c r="O3422" s="58">
        <f>IF(Input!$K$13=2,J3422*Input!$J$13,0)+IF(Input!$K$14=2,K3422*Input!$J$14,0)+IF(Input!$K$15=2,L3422*Input!$J$15,0)+IF(Input!$K$16=2,M3422*Input!$J$16,0)</f>
        <v>7.5594753557416905E-2</v>
      </c>
      <c r="P3422" s="58">
        <f>IF(Input!$K$13=3,J3422*Input!$J$13,0)+IF(Input!$K$14=3,K3422*Input!$J$14,0)+IF(Input!$K$15=3,L3422*Input!$J$15,0)+IF(Input!$K$16=3,M3422*Input!$J$16,0)</f>
        <v>0</v>
      </c>
      <c r="Q3422" s="71">
        <f>IF(Input!$K$13=4,J3422*Input!$J$13,0)+IF(Input!$K$14=4,K3422*Input!$J$14,0)+IF(Input!$K$15=4,L3422*Input!$J$15,0)+IF(Input!$K$16=4,M3422*Input!$J$16,0)</f>
        <v>0</v>
      </c>
    </row>
    <row r="3423" spans="8:17" x14ac:dyDescent="0.25">
      <c r="H3423" s="43">
        <v>3416</v>
      </c>
      <c r="I3423" s="55">
        <f>Bühler!I3449</f>
        <v>0.37182629165836451</v>
      </c>
      <c r="J3423" s="58">
        <f>Bühler!J3449</f>
        <v>28.510349148424591</v>
      </c>
      <c r="K3423" s="58">
        <f>Bühler!K3449</f>
        <v>2.3605861701147082</v>
      </c>
      <c r="L3423" s="58">
        <f>Bühler!L3449</f>
        <v>1.1802930850573541</v>
      </c>
      <c r="M3423" s="57">
        <f>Bühler!M3449</f>
        <v>0</v>
      </c>
      <c r="N3423" s="55">
        <f>IF(Input!$K$13=1,J3423*Input!$J$13,0)+IF(Input!$K$14=1,K3423*Input!$J$14,0)+IF(Input!$K$15=1,L3423*Input!$J$15,0)+IF(Input!$K$16=1,M3423*Input!$J$16,0)</f>
        <v>3.4212418978109507</v>
      </c>
      <c r="O3423" s="58">
        <f>IF(Input!$K$13=2,J3423*Input!$J$13,0)+IF(Input!$K$14=2,K3423*Input!$J$14,0)+IF(Input!$K$15=2,L3423*Input!$J$15,0)+IF(Input!$K$16=2,M3423*Input!$J$16,0)</f>
        <v>0.31867913296548556</v>
      </c>
      <c r="P3423" s="58">
        <f>IF(Input!$K$13=3,J3423*Input!$J$13,0)+IF(Input!$K$14=3,K3423*Input!$J$14,0)+IF(Input!$K$15=3,L3423*Input!$J$15,0)+IF(Input!$K$16=3,M3423*Input!$J$16,0)</f>
        <v>0</v>
      </c>
      <c r="Q3423" s="71">
        <f>IF(Input!$K$13=4,J3423*Input!$J$13,0)+IF(Input!$K$14=4,K3423*Input!$J$14,0)+IF(Input!$K$15=4,L3423*Input!$J$15,0)+IF(Input!$K$16=4,M3423*Input!$J$16,0)</f>
        <v>0</v>
      </c>
    </row>
    <row r="3424" spans="8:17" x14ac:dyDescent="0.25">
      <c r="H3424" s="43">
        <v>3417</v>
      </c>
      <c r="I3424" s="55">
        <f>Bühler!I3450</f>
        <v>0.4148798622714383</v>
      </c>
      <c r="J3424" s="58">
        <f>Bühler!J3450</f>
        <v>31.811547470873755</v>
      </c>
      <c r="K3424" s="58">
        <f>Bühler!K3450</f>
        <v>2.6339172003385167</v>
      </c>
      <c r="L3424" s="58">
        <f>Bühler!L3450</f>
        <v>1.3169586001692584</v>
      </c>
      <c r="M3424" s="57">
        <f>Bühler!M3450</f>
        <v>0</v>
      </c>
      <c r="N3424" s="55">
        <f>IF(Input!$K$13=1,J3424*Input!$J$13,0)+IF(Input!$K$14=1,K3424*Input!$J$14,0)+IF(Input!$K$15=1,L3424*Input!$J$15,0)+IF(Input!$K$16=1,M3424*Input!$J$16,0)</f>
        <v>3.8173856965048505</v>
      </c>
      <c r="O3424" s="58">
        <f>IF(Input!$K$13=2,J3424*Input!$J$13,0)+IF(Input!$K$14=2,K3424*Input!$J$14,0)+IF(Input!$K$15=2,L3424*Input!$J$15,0)+IF(Input!$K$16=2,M3424*Input!$J$16,0)</f>
        <v>0.35557882204569974</v>
      </c>
      <c r="P3424" s="58">
        <f>IF(Input!$K$13=3,J3424*Input!$J$13,0)+IF(Input!$K$14=3,K3424*Input!$J$14,0)+IF(Input!$K$15=3,L3424*Input!$J$15,0)+IF(Input!$K$16=3,M3424*Input!$J$16,0)</f>
        <v>0</v>
      </c>
      <c r="Q3424" s="71">
        <f>IF(Input!$K$13=4,J3424*Input!$J$13,0)+IF(Input!$K$14=4,K3424*Input!$J$14,0)+IF(Input!$K$15=4,L3424*Input!$J$15,0)+IF(Input!$K$16=4,M3424*Input!$J$16,0)</f>
        <v>0</v>
      </c>
    </row>
    <row r="3425" spans="8:17" x14ac:dyDescent="0.25">
      <c r="H3425" s="43">
        <v>3418</v>
      </c>
      <c r="I3425" s="55">
        <f>Bühler!I3451</f>
        <v>0.4579334328845121</v>
      </c>
      <c r="J3425" s="58">
        <f>Bühler!J3451</f>
        <v>35.112745793322915</v>
      </c>
      <c r="K3425" s="58">
        <f>Bühler!K3451</f>
        <v>2.9072482305623248</v>
      </c>
      <c r="L3425" s="58">
        <f>Bühler!L3451</f>
        <v>1.4536241152811624</v>
      </c>
      <c r="M3425" s="57">
        <f>Bühler!M3451</f>
        <v>0</v>
      </c>
      <c r="N3425" s="55">
        <f>IF(Input!$K$13=1,J3425*Input!$J$13,0)+IF(Input!$K$14=1,K3425*Input!$J$14,0)+IF(Input!$K$15=1,L3425*Input!$J$15,0)+IF(Input!$K$16=1,M3425*Input!$J$16,0)</f>
        <v>4.2135294951987499</v>
      </c>
      <c r="O3425" s="58">
        <f>IF(Input!$K$13=2,J3425*Input!$J$13,0)+IF(Input!$K$14=2,K3425*Input!$J$14,0)+IF(Input!$K$15=2,L3425*Input!$J$15,0)+IF(Input!$K$16=2,M3425*Input!$J$16,0)</f>
        <v>0.39247851112591381</v>
      </c>
      <c r="P3425" s="58">
        <f>IF(Input!$K$13=3,J3425*Input!$J$13,0)+IF(Input!$K$14=3,K3425*Input!$J$14,0)+IF(Input!$K$15=3,L3425*Input!$J$15,0)+IF(Input!$K$16=3,M3425*Input!$J$16,0)</f>
        <v>0</v>
      </c>
      <c r="Q3425" s="71">
        <f>IF(Input!$K$13=4,J3425*Input!$J$13,0)+IF(Input!$K$14=4,K3425*Input!$J$14,0)+IF(Input!$K$15=4,L3425*Input!$J$15,0)+IF(Input!$K$16=4,M3425*Input!$J$16,0)</f>
        <v>0</v>
      </c>
    </row>
    <row r="3426" spans="8:17" x14ac:dyDescent="0.25">
      <c r="H3426" s="43">
        <v>3419</v>
      </c>
      <c r="I3426" s="55">
        <f>Bühler!I3452</f>
        <v>0.4579334328845121</v>
      </c>
      <c r="J3426" s="58">
        <f>Bühler!J3452</f>
        <v>35.112745793322915</v>
      </c>
      <c r="K3426" s="58">
        <f>Bühler!K3452</f>
        <v>2.9072482305623248</v>
      </c>
      <c r="L3426" s="58">
        <f>Bühler!L3452</f>
        <v>1.4536241152811624</v>
      </c>
      <c r="M3426" s="57">
        <f>Bühler!M3452</f>
        <v>0</v>
      </c>
      <c r="N3426" s="55">
        <f>IF(Input!$K$13=1,J3426*Input!$J$13,0)+IF(Input!$K$14=1,K3426*Input!$J$14,0)+IF(Input!$K$15=1,L3426*Input!$J$15,0)+IF(Input!$K$16=1,M3426*Input!$J$16,0)</f>
        <v>4.2135294951987499</v>
      </c>
      <c r="O3426" s="58">
        <f>IF(Input!$K$13=2,J3426*Input!$J$13,0)+IF(Input!$K$14=2,K3426*Input!$J$14,0)+IF(Input!$K$15=2,L3426*Input!$J$15,0)+IF(Input!$K$16=2,M3426*Input!$J$16,0)</f>
        <v>0.39247851112591381</v>
      </c>
      <c r="P3426" s="58">
        <f>IF(Input!$K$13=3,J3426*Input!$J$13,0)+IF(Input!$K$14=3,K3426*Input!$J$14,0)+IF(Input!$K$15=3,L3426*Input!$J$15,0)+IF(Input!$K$16=3,M3426*Input!$J$16,0)</f>
        <v>0</v>
      </c>
      <c r="Q3426" s="71">
        <f>IF(Input!$K$13=4,J3426*Input!$J$13,0)+IF(Input!$K$14=4,K3426*Input!$J$14,0)+IF(Input!$K$15=4,L3426*Input!$J$15,0)+IF(Input!$K$16=4,M3426*Input!$J$16,0)</f>
        <v>0</v>
      </c>
    </row>
    <row r="3427" spans="8:17" x14ac:dyDescent="0.25">
      <c r="H3427" s="43">
        <v>3420</v>
      </c>
      <c r="I3427" s="55">
        <f>Bühler!I3453</f>
        <v>0.54795453507548475</v>
      </c>
      <c r="J3427" s="58">
        <f>Bühler!J3453</f>
        <v>42.015251376625713</v>
      </c>
      <c r="K3427" s="58">
        <f>Bühler!K3453</f>
        <v>3.4787585664848328</v>
      </c>
      <c r="L3427" s="58">
        <f>Bühler!L3453</f>
        <v>1.7393792832424164</v>
      </c>
      <c r="M3427" s="57">
        <f>Bühler!M3453</f>
        <v>0</v>
      </c>
      <c r="N3427" s="55">
        <f>IF(Input!$K$13=1,J3427*Input!$J$13,0)+IF(Input!$K$14=1,K3427*Input!$J$14,0)+IF(Input!$K$15=1,L3427*Input!$J$15,0)+IF(Input!$K$16=1,M3427*Input!$J$16,0)</f>
        <v>5.0418301651950852</v>
      </c>
      <c r="O3427" s="58">
        <f>IF(Input!$K$13=2,J3427*Input!$J$13,0)+IF(Input!$K$14=2,K3427*Input!$J$14,0)+IF(Input!$K$15=2,L3427*Input!$J$15,0)+IF(Input!$K$16=2,M3427*Input!$J$16,0)</f>
        <v>0.4696324064754524</v>
      </c>
      <c r="P3427" s="58">
        <f>IF(Input!$K$13=3,J3427*Input!$J$13,0)+IF(Input!$K$14=3,K3427*Input!$J$14,0)+IF(Input!$K$15=3,L3427*Input!$J$15,0)+IF(Input!$K$16=3,M3427*Input!$J$16,0)</f>
        <v>0</v>
      </c>
      <c r="Q3427" s="71">
        <f>IF(Input!$K$13=4,J3427*Input!$J$13,0)+IF(Input!$K$14=4,K3427*Input!$J$14,0)+IF(Input!$K$15=4,L3427*Input!$J$15,0)+IF(Input!$K$16=4,M3427*Input!$J$16,0)</f>
        <v>0</v>
      </c>
    </row>
    <row r="3428" spans="8:17" x14ac:dyDescent="0.25">
      <c r="H3428" s="43">
        <v>3421</v>
      </c>
      <c r="I3428" s="55">
        <f>Bühler!I3454</f>
        <v>0.54795453507548475</v>
      </c>
      <c r="J3428" s="58">
        <f>Bühler!J3454</f>
        <v>42.015251376625713</v>
      </c>
      <c r="K3428" s="58">
        <f>Bühler!K3454</f>
        <v>3.4787585664848328</v>
      </c>
      <c r="L3428" s="58">
        <f>Bühler!L3454</f>
        <v>1.7393792832424164</v>
      </c>
      <c r="M3428" s="57">
        <f>Bühler!M3454</f>
        <v>0</v>
      </c>
      <c r="N3428" s="55">
        <f>IF(Input!$K$13=1,J3428*Input!$J$13,0)+IF(Input!$K$14=1,K3428*Input!$J$14,0)+IF(Input!$K$15=1,L3428*Input!$J$15,0)+IF(Input!$K$16=1,M3428*Input!$J$16,0)</f>
        <v>5.0418301651950852</v>
      </c>
      <c r="O3428" s="58">
        <f>IF(Input!$K$13=2,J3428*Input!$J$13,0)+IF(Input!$K$14=2,K3428*Input!$J$14,0)+IF(Input!$K$15=2,L3428*Input!$J$15,0)+IF(Input!$K$16=2,M3428*Input!$J$16,0)</f>
        <v>0.4696324064754524</v>
      </c>
      <c r="P3428" s="58">
        <f>IF(Input!$K$13=3,J3428*Input!$J$13,0)+IF(Input!$K$14=3,K3428*Input!$J$14,0)+IF(Input!$K$15=3,L3428*Input!$J$15,0)+IF(Input!$K$16=3,M3428*Input!$J$16,0)</f>
        <v>0</v>
      </c>
      <c r="Q3428" s="71">
        <f>IF(Input!$K$13=4,J3428*Input!$J$13,0)+IF(Input!$K$14=4,K3428*Input!$J$14,0)+IF(Input!$K$15=4,L3428*Input!$J$15,0)+IF(Input!$K$16=4,M3428*Input!$J$16,0)</f>
        <v>0</v>
      </c>
    </row>
    <row r="3429" spans="8:17" x14ac:dyDescent="0.25">
      <c r="H3429" s="43">
        <v>3422</v>
      </c>
      <c r="I3429" s="55">
        <f>Bühler!I3455</f>
        <v>0.36399836972871474</v>
      </c>
      <c r="J3429" s="58">
        <f>Bühler!J3455</f>
        <v>27.910131271615654</v>
      </c>
      <c r="K3429" s="58">
        <f>Bühler!K3455</f>
        <v>2.3108896191649246</v>
      </c>
      <c r="L3429" s="58">
        <f>Bühler!L3455</f>
        <v>1.1554448095824623</v>
      </c>
      <c r="M3429" s="57">
        <f>Bühler!M3455</f>
        <v>0</v>
      </c>
      <c r="N3429" s="55">
        <f>IF(Input!$K$13=1,J3429*Input!$J$13,0)+IF(Input!$K$14=1,K3429*Input!$J$14,0)+IF(Input!$K$15=1,L3429*Input!$J$15,0)+IF(Input!$K$16=1,M3429*Input!$J$16,0)</f>
        <v>3.3492157525938784</v>
      </c>
      <c r="O3429" s="58">
        <f>IF(Input!$K$13=2,J3429*Input!$J$13,0)+IF(Input!$K$14=2,K3429*Input!$J$14,0)+IF(Input!$K$15=2,L3429*Input!$J$15,0)+IF(Input!$K$16=2,M3429*Input!$J$16,0)</f>
        <v>0.31197009858726482</v>
      </c>
      <c r="P3429" s="58">
        <f>IF(Input!$K$13=3,J3429*Input!$J$13,0)+IF(Input!$K$14=3,K3429*Input!$J$14,0)+IF(Input!$K$15=3,L3429*Input!$J$15,0)+IF(Input!$K$16=3,M3429*Input!$J$16,0)</f>
        <v>0</v>
      </c>
      <c r="Q3429" s="71">
        <f>IF(Input!$K$13=4,J3429*Input!$J$13,0)+IF(Input!$K$14=4,K3429*Input!$J$14,0)+IF(Input!$K$15=4,L3429*Input!$J$15,0)+IF(Input!$K$16=4,M3429*Input!$J$16,0)</f>
        <v>0</v>
      </c>
    </row>
    <row r="3430" spans="8:17" x14ac:dyDescent="0.25">
      <c r="H3430" s="43">
        <v>3423</v>
      </c>
      <c r="I3430" s="55">
        <f>Bühler!I3456</f>
        <v>0.54795453507548475</v>
      </c>
      <c r="J3430" s="58">
        <f>Bühler!J3456</f>
        <v>42.015251376625713</v>
      </c>
      <c r="K3430" s="58">
        <f>Bühler!K3456</f>
        <v>3.4787585664848328</v>
      </c>
      <c r="L3430" s="58">
        <f>Bühler!L3456</f>
        <v>1.7393792832424164</v>
      </c>
      <c r="M3430" s="57">
        <f>Bühler!M3456</f>
        <v>0</v>
      </c>
      <c r="N3430" s="55">
        <f>IF(Input!$K$13=1,J3430*Input!$J$13,0)+IF(Input!$K$14=1,K3430*Input!$J$14,0)+IF(Input!$K$15=1,L3430*Input!$J$15,0)+IF(Input!$K$16=1,M3430*Input!$J$16,0)</f>
        <v>5.0418301651950852</v>
      </c>
      <c r="O3430" s="58">
        <f>IF(Input!$K$13=2,J3430*Input!$J$13,0)+IF(Input!$K$14=2,K3430*Input!$J$14,0)+IF(Input!$K$15=2,L3430*Input!$J$15,0)+IF(Input!$K$16=2,M3430*Input!$J$16,0)</f>
        <v>0.4696324064754524</v>
      </c>
      <c r="P3430" s="58">
        <f>IF(Input!$K$13=3,J3430*Input!$J$13,0)+IF(Input!$K$14=3,K3430*Input!$J$14,0)+IF(Input!$K$15=3,L3430*Input!$J$15,0)+IF(Input!$K$16=3,M3430*Input!$J$16,0)</f>
        <v>0</v>
      </c>
      <c r="Q3430" s="71">
        <f>IF(Input!$K$13=4,J3430*Input!$J$13,0)+IF(Input!$K$14=4,K3430*Input!$J$14,0)+IF(Input!$K$15=4,L3430*Input!$J$15,0)+IF(Input!$K$16=4,M3430*Input!$J$16,0)</f>
        <v>0</v>
      </c>
    </row>
    <row r="3431" spans="8:17" x14ac:dyDescent="0.25">
      <c r="H3431" s="43">
        <v>3424</v>
      </c>
      <c r="I3431" s="55">
        <f>Bühler!I3457</f>
        <v>0.54795453507548475</v>
      </c>
      <c r="J3431" s="58">
        <f>Bühler!J3457</f>
        <v>42.015251376625713</v>
      </c>
      <c r="K3431" s="58">
        <f>Bühler!K3457</f>
        <v>3.4787585664848328</v>
      </c>
      <c r="L3431" s="58">
        <f>Bühler!L3457</f>
        <v>1.7393792832424164</v>
      </c>
      <c r="M3431" s="57">
        <f>Bühler!M3457</f>
        <v>0</v>
      </c>
      <c r="N3431" s="55">
        <f>IF(Input!$K$13=1,J3431*Input!$J$13,0)+IF(Input!$K$14=1,K3431*Input!$J$14,0)+IF(Input!$K$15=1,L3431*Input!$J$15,0)+IF(Input!$K$16=1,M3431*Input!$J$16,0)</f>
        <v>5.0418301651950852</v>
      </c>
      <c r="O3431" s="58">
        <f>IF(Input!$K$13=2,J3431*Input!$J$13,0)+IF(Input!$K$14=2,K3431*Input!$J$14,0)+IF(Input!$K$15=2,L3431*Input!$J$15,0)+IF(Input!$K$16=2,M3431*Input!$J$16,0)</f>
        <v>0.4696324064754524</v>
      </c>
      <c r="P3431" s="58">
        <f>IF(Input!$K$13=3,J3431*Input!$J$13,0)+IF(Input!$K$14=3,K3431*Input!$J$14,0)+IF(Input!$K$15=3,L3431*Input!$J$15,0)+IF(Input!$K$16=3,M3431*Input!$J$16,0)</f>
        <v>0</v>
      </c>
      <c r="Q3431" s="71">
        <f>IF(Input!$K$13=4,J3431*Input!$J$13,0)+IF(Input!$K$14=4,K3431*Input!$J$14,0)+IF(Input!$K$15=4,L3431*Input!$J$15,0)+IF(Input!$K$16=4,M3431*Input!$J$16,0)</f>
        <v>0</v>
      </c>
    </row>
    <row r="3432" spans="8:17" x14ac:dyDescent="0.25">
      <c r="H3432" s="43">
        <v>3425</v>
      </c>
      <c r="I3432" s="55">
        <f>Bühler!I3458</f>
        <v>0.45801670864972116</v>
      </c>
      <c r="J3432" s="58">
        <f>Bühler!J3458</f>
        <v>24.905361924841369</v>
      </c>
      <c r="K3432" s="58">
        <f>Bühler!K3458</f>
        <v>2.0499827266785626</v>
      </c>
      <c r="L3432" s="58">
        <f>Bühler!L3458</f>
        <v>1.0249913633392813</v>
      </c>
      <c r="M3432" s="57">
        <f>Bühler!M3458</f>
        <v>0</v>
      </c>
      <c r="N3432" s="55">
        <f>IF(Input!$K$13=1,J3432*Input!$J$13,0)+IF(Input!$K$14=1,K3432*Input!$J$14,0)+IF(Input!$K$15=1,L3432*Input!$J$15,0)+IF(Input!$K$16=1,M3432*Input!$J$16,0)</f>
        <v>2.988643430980964</v>
      </c>
      <c r="O3432" s="58">
        <f>IF(Input!$K$13=2,J3432*Input!$J$13,0)+IF(Input!$K$14=2,K3432*Input!$J$14,0)+IF(Input!$K$15=2,L3432*Input!$J$15,0)+IF(Input!$K$16=2,M3432*Input!$J$16,0)</f>
        <v>0.27674766810160595</v>
      </c>
      <c r="P3432" s="58">
        <f>IF(Input!$K$13=3,J3432*Input!$J$13,0)+IF(Input!$K$14=3,K3432*Input!$J$14,0)+IF(Input!$K$15=3,L3432*Input!$J$15,0)+IF(Input!$K$16=3,M3432*Input!$J$16,0)</f>
        <v>0</v>
      </c>
      <c r="Q3432" s="71">
        <f>IF(Input!$K$13=4,J3432*Input!$J$13,0)+IF(Input!$K$14=4,K3432*Input!$J$14,0)+IF(Input!$K$15=4,L3432*Input!$J$15,0)+IF(Input!$K$16=4,M3432*Input!$J$16,0)</f>
        <v>0</v>
      </c>
    </row>
    <row r="3433" spans="8:17" x14ac:dyDescent="0.25">
      <c r="H3433" s="43">
        <v>3426</v>
      </c>
      <c r="I3433" s="55">
        <f>Bühler!I3459</f>
        <v>0.36391509396350574</v>
      </c>
      <c r="J3433" s="58">
        <f>Bühler!J3459</f>
        <v>10.812157338621583</v>
      </c>
      <c r="K3433" s="58">
        <f>Bühler!K3459</f>
        <v>0.87493927728491772</v>
      </c>
      <c r="L3433" s="58">
        <f>Bühler!L3459</f>
        <v>0.43746963864245886</v>
      </c>
      <c r="M3433" s="57">
        <f>Bühler!M3459</f>
        <v>0</v>
      </c>
      <c r="N3433" s="55">
        <f>IF(Input!$K$13=1,J3433*Input!$J$13,0)+IF(Input!$K$14=1,K3433*Input!$J$14,0)+IF(Input!$K$15=1,L3433*Input!$J$15,0)+IF(Input!$K$16=1,M3433*Input!$J$16,0)</f>
        <v>1.2974588806345899</v>
      </c>
      <c r="O3433" s="58">
        <f>IF(Input!$K$13=2,J3433*Input!$J$13,0)+IF(Input!$K$14=2,K3433*Input!$J$14,0)+IF(Input!$K$15=2,L3433*Input!$J$15,0)+IF(Input!$K$16=2,M3433*Input!$J$16,0)</f>
        <v>0.1181168024334639</v>
      </c>
      <c r="P3433" s="58">
        <f>IF(Input!$K$13=3,J3433*Input!$J$13,0)+IF(Input!$K$14=3,K3433*Input!$J$14,0)+IF(Input!$K$15=3,L3433*Input!$J$15,0)+IF(Input!$K$16=3,M3433*Input!$J$16,0)</f>
        <v>0</v>
      </c>
      <c r="Q3433" s="71">
        <f>IF(Input!$K$13=4,J3433*Input!$J$13,0)+IF(Input!$K$14=4,K3433*Input!$J$14,0)+IF(Input!$K$15=4,L3433*Input!$J$15,0)+IF(Input!$K$16=4,M3433*Input!$J$16,0)</f>
        <v>0</v>
      </c>
    </row>
    <row r="3434" spans="8:17" x14ac:dyDescent="0.25">
      <c r="H3434" s="43">
        <v>3427</v>
      </c>
      <c r="I3434" s="55">
        <f>Bühler!I3460</f>
        <v>0.12907743607401231</v>
      </c>
      <c r="J3434" s="58">
        <f>Bühler!J3460</f>
        <v>7.0156584403865194</v>
      </c>
      <c r="K3434" s="58">
        <f>Bühler!K3460</f>
        <v>0.57745992300804572</v>
      </c>
      <c r="L3434" s="58">
        <f>Bühler!L3460</f>
        <v>0.28872996150402286</v>
      </c>
      <c r="M3434" s="57">
        <f>Bühler!M3460</f>
        <v>0</v>
      </c>
      <c r="N3434" s="55">
        <f>IF(Input!$K$13=1,J3434*Input!$J$13,0)+IF(Input!$K$14=1,K3434*Input!$J$14,0)+IF(Input!$K$15=1,L3434*Input!$J$15,0)+IF(Input!$K$16=1,M3434*Input!$J$16,0)</f>
        <v>0.84187901284638234</v>
      </c>
      <c r="O3434" s="58">
        <f>IF(Input!$K$13=2,J3434*Input!$J$13,0)+IF(Input!$K$14=2,K3434*Input!$J$14,0)+IF(Input!$K$15=2,L3434*Input!$J$15,0)+IF(Input!$K$16=2,M3434*Input!$J$16,0)</f>
        <v>7.7957089606086161E-2</v>
      </c>
      <c r="P3434" s="58">
        <f>IF(Input!$K$13=3,J3434*Input!$J$13,0)+IF(Input!$K$14=3,K3434*Input!$J$14,0)+IF(Input!$K$15=3,L3434*Input!$J$15,0)+IF(Input!$K$16=3,M3434*Input!$J$16,0)</f>
        <v>0</v>
      </c>
      <c r="Q3434" s="71">
        <f>IF(Input!$K$13=4,J3434*Input!$J$13,0)+IF(Input!$K$14=4,K3434*Input!$J$14,0)+IF(Input!$K$15=4,L3434*Input!$J$15,0)+IF(Input!$K$16=4,M3434*Input!$J$16,0)</f>
        <v>0</v>
      </c>
    </row>
    <row r="3435" spans="8:17" x14ac:dyDescent="0.25">
      <c r="H3435" s="43">
        <v>3428</v>
      </c>
      <c r="I3435" s="55">
        <f>Bühler!I3461</f>
        <v>0.12907743607401231</v>
      </c>
      <c r="J3435" s="58">
        <f>Bühler!J3461</f>
        <v>7.0156584403865194</v>
      </c>
      <c r="K3435" s="58">
        <f>Bühler!K3461</f>
        <v>0.57745992300804572</v>
      </c>
      <c r="L3435" s="58">
        <f>Bühler!L3461</f>
        <v>0.28872996150402286</v>
      </c>
      <c r="M3435" s="57">
        <f>Bühler!M3461</f>
        <v>0</v>
      </c>
      <c r="N3435" s="55">
        <f>IF(Input!$K$13=1,J3435*Input!$J$13,0)+IF(Input!$K$14=1,K3435*Input!$J$14,0)+IF(Input!$K$15=1,L3435*Input!$J$15,0)+IF(Input!$K$16=1,M3435*Input!$J$16,0)</f>
        <v>0.84187901284638234</v>
      </c>
      <c r="O3435" s="58">
        <f>IF(Input!$K$13=2,J3435*Input!$J$13,0)+IF(Input!$K$14=2,K3435*Input!$J$14,0)+IF(Input!$K$15=2,L3435*Input!$J$15,0)+IF(Input!$K$16=2,M3435*Input!$J$16,0)</f>
        <v>7.7957089606086161E-2</v>
      </c>
      <c r="P3435" s="58">
        <f>IF(Input!$K$13=3,J3435*Input!$J$13,0)+IF(Input!$K$14=3,K3435*Input!$J$14,0)+IF(Input!$K$15=3,L3435*Input!$J$15,0)+IF(Input!$K$16=3,M3435*Input!$J$16,0)</f>
        <v>0</v>
      </c>
      <c r="Q3435" s="71">
        <f>IF(Input!$K$13=4,J3435*Input!$J$13,0)+IF(Input!$K$14=4,K3435*Input!$J$14,0)+IF(Input!$K$15=4,L3435*Input!$J$15,0)+IF(Input!$K$16=4,M3435*Input!$J$16,0)</f>
        <v>0</v>
      </c>
    </row>
    <row r="3436" spans="8:17" x14ac:dyDescent="0.25">
      <c r="H3436" s="43">
        <v>3429</v>
      </c>
      <c r="I3436" s="55">
        <f>Bühler!I3462</f>
        <v>0.12907743607401231</v>
      </c>
      <c r="J3436" s="58">
        <f>Bühler!J3462</f>
        <v>7.0156584403865194</v>
      </c>
      <c r="K3436" s="58">
        <f>Bühler!K3462</f>
        <v>0.57745992300804572</v>
      </c>
      <c r="L3436" s="58">
        <f>Bühler!L3462</f>
        <v>0.28872996150402286</v>
      </c>
      <c r="M3436" s="57">
        <f>Bühler!M3462</f>
        <v>0</v>
      </c>
      <c r="N3436" s="55">
        <f>IF(Input!$K$13=1,J3436*Input!$J$13,0)+IF(Input!$K$14=1,K3436*Input!$J$14,0)+IF(Input!$K$15=1,L3436*Input!$J$15,0)+IF(Input!$K$16=1,M3436*Input!$J$16,0)</f>
        <v>0.84187901284638234</v>
      </c>
      <c r="O3436" s="58">
        <f>IF(Input!$K$13=2,J3436*Input!$J$13,0)+IF(Input!$K$14=2,K3436*Input!$J$14,0)+IF(Input!$K$15=2,L3436*Input!$J$15,0)+IF(Input!$K$16=2,M3436*Input!$J$16,0)</f>
        <v>7.7957089606086161E-2</v>
      </c>
      <c r="P3436" s="58">
        <f>IF(Input!$K$13=3,J3436*Input!$J$13,0)+IF(Input!$K$14=3,K3436*Input!$J$14,0)+IF(Input!$K$15=3,L3436*Input!$J$15,0)+IF(Input!$K$16=3,M3436*Input!$J$16,0)</f>
        <v>0</v>
      </c>
      <c r="Q3436" s="71">
        <f>IF(Input!$K$13=4,J3436*Input!$J$13,0)+IF(Input!$K$14=4,K3436*Input!$J$14,0)+IF(Input!$K$15=4,L3436*Input!$J$15,0)+IF(Input!$K$16=4,M3436*Input!$J$16,0)</f>
        <v>0</v>
      </c>
    </row>
    <row r="3437" spans="8:17" x14ac:dyDescent="0.25">
      <c r="H3437" s="43">
        <v>3430</v>
      </c>
      <c r="I3437" s="55">
        <f>Bühler!I3463</f>
        <v>0.12907743607401231</v>
      </c>
      <c r="J3437" s="58">
        <f>Bühler!J3463</f>
        <v>7.0156584403865194</v>
      </c>
      <c r="K3437" s="58">
        <f>Bühler!K3463</f>
        <v>0.57745992300804572</v>
      </c>
      <c r="L3437" s="58">
        <f>Bühler!L3463</f>
        <v>0.28872996150402286</v>
      </c>
      <c r="M3437" s="57">
        <f>Bühler!M3463</f>
        <v>0</v>
      </c>
      <c r="N3437" s="55">
        <f>IF(Input!$K$13=1,J3437*Input!$J$13,0)+IF(Input!$K$14=1,K3437*Input!$J$14,0)+IF(Input!$K$15=1,L3437*Input!$J$15,0)+IF(Input!$K$16=1,M3437*Input!$J$16,0)</f>
        <v>0.84187901284638234</v>
      </c>
      <c r="O3437" s="58">
        <f>IF(Input!$K$13=2,J3437*Input!$J$13,0)+IF(Input!$K$14=2,K3437*Input!$J$14,0)+IF(Input!$K$15=2,L3437*Input!$J$15,0)+IF(Input!$K$16=2,M3437*Input!$J$16,0)</f>
        <v>7.7957089606086161E-2</v>
      </c>
      <c r="P3437" s="58">
        <f>IF(Input!$K$13=3,J3437*Input!$J$13,0)+IF(Input!$K$14=3,K3437*Input!$J$14,0)+IF(Input!$K$15=3,L3437*Input!$J$15,0)+IF(Input!$K$16=3,M3437*Input!$J$16,0)</f>
        <v>0</v>
      </c>
      <c r="Q3437" s="71">
        <f>IF(Input!$K$13=4,J3437*Input!$J$13,0)+IF(Input!$K$14=4,K3437*Input!$J$14,0)+IF(Input!$K$15=4,L3437*Input!$J$15,0)+IF(Input!$K$16=4,M3437*Input!$J$16,0)</f>
        <v>0</v>
      </c>
    </row>
    <row r="3438" spans="8:17" x14ac:dyDescent="0.25">
      <c r="H3438" s="43">
        <v>3431</v>
      </c>
      <c r="I3438" s="55">
        <f>Bühler!I3464</f>
        <v>0.12907743607401231</v>
      </c>
      <c r="J3438" s="58">
        <f>Bühler!J3464</f>
        <v>7.0156584403865194</v>
      </c>
      <c r="K3438" s="58">
        <f>Bühler!K3464</f>
        <v>0.57745992300804572</v>
      </c>
      <c r="L3438" s="58">
        <f>Bühler!L3464</f>
        <v>0.28872996150402286</v>
      </c>
      <c r="M3438" s="57">
        <f>Bühler!M3464</f>
        <v>0</v>
      </c>
      <c r="N3438" s="55">
        <f>IF(Input!$K$13=1,J3438*Input!$J$13,0)+IF(Input!$K$14=1,K3438*Input!$J$14,0)+IF(Input!$K$15=1,L3438*Input!$J$15,0)+IF(Input!$K$16=1,M3438*Input!$J$16,0)</f>
        <v>0.84187901284638234</v>
      </c>
      <c r="O3438" s="58">
        <f>IF(Input!$K$13=2,J3438*Input!$J$13,0)+IF(Input!$K$14=2,K3438*Input!$J$14,0)+IF(Input!$K$15=2,L3438*Input!$J$15,0)+IF(Input!$K$16=2,M3438*Input!$J$16,0)</f>
        <v>7.7957089606086161E-2</v>
      </c>
      <c r="P3438" s="58">
        <f>IF(Input!$K$13=3,J3438*Input!$J$13,0)+IF(Input!$K$14=3,K3438*Input!$J$14,0)+IF(Input!$K$15=3,L3438*Input!$J$15,0)+IF(Input!$K$16=3,M3438*Input!$J$16,0)</f>
        <v>0</v>
      </c>
      <c r="Q3438" s="71">
        <f>IF(Input!$K$13=4,J3438*Input!$J$13,0)+IF(Input!$K$14=4,K3438*Input!$J$14,0)+IF(Input!$K$15=4,L3438*Input!$J$15,0)+IF(Input!$K$16=4,M3438*Input!$J$16,0)</f>
        <v>0</v>
      </c>
    </row>
    <row r="3439" spans="8:17" x14ac:dyDescent="0.25">
      <c r="H3439" s="43">
        <v>3432</v>
      </c>
      <c r="I3439" s="55">
        <f>Bühler!I3465</f>
        <v>0.12907743607401231</v>
      </c>
      <c r="J3439" s="58">
        <f>Bühler!J3465</f>
        <v>7.0156584403865194</v>
      </c>
      <c r="K3439" s="58">
        <f>Bühler!K3465</f>
        <v>0.57745992300804572</v>
      </c>
      <c r="L3439" s="58">
        <f>Bühler!L3465</f>
        <v>0.28872996150402286</v>
      </c>
      <c r="M3439" s="57">
        <f>Bühler!M3465</f>
        <v>0</v>
      </c>
      <c r="N3439" s="55">
        <f>IF(Input!$K$13=1,J3439*Input!$J$13,0)+IF(Input!$K$14=1,K3439*Input!$J$14,0)+IF(Input!$K$15=1,L3439*Input!$J$15,0)+IF(Input!$K$16=1,M3439*Input!$J$16,0)</f>
        <v>0.84187901284638234</v>
      </c>
      <c r="O3439" s="58">
        <f>IF(Input!$K$13=2,J3439*Input!$J$13,0)+IF(Input!$K$14=2,K3439*Input!$J$14,0)+IF(Input!$K$15=2,L3439*Input!$J$15,0)+IF(Input!$K$16=2,M3439*Input!$J$16,0)</f>
        <v>7.7957089606086161E-2</v>
      </c>
      <c r="P3439" s="58">
        <f>IF(Input!$K$13=3,J3439*Input!$J$13,0)+IF(Input!$K$14=3,K3439*Input!$J$14,0)+IF(Input!$K$15=3,L3439*Input!$J$15,0)+IF(Input!$K$16=3,M3439*Input!$J$16,0)</f>
        <v>0</v>
      </c>
      <c r="Q3439" s="71">
        <f>IF(Input!$K$13=4,J3439*Input!$J$13,0)+IF(Input!$K$14=4,K3439*Input!$J$14,0)+IF(Input!$K$15=4,L3439*Input!$J$15,0)+IF(Input!$K$16=4,M3439*Input!$J$16,0)</f>
        <v>0</v>
      </c>
    </row>
    <row r="3440" spans="8:17" x14ac:dyDescent="0.25">
      <c r="H3440" s="43">
        <v>3433</v>
      </c>
      <c r="I3440" s="55">
        <f>Bühler!I3466</f>
        <v>0.31584625388541571</v>
      </c>
      <c r="J3440" s="58">
        <f>Bühler!J3466</f>
        <v>7.5583966163066698</v>
      </c>
      <c r="K3440" s="58">
        <f>Bühler!K3466</f>
        <v>0.58828293114651564</v>
      </c>
      <c r="L3440" s="58">
        <f>Bühler!L3466</f>
        <v>0.29414146557325782</v>
      </c>
      <c r="M3440" s="57">
        <f>Bühler!M3466</f>
        <v>0</v>
      </c>
      <c r="N3440" s="55">
        <f>IF(Input!$K$13=1,J3440*Input!$J$13,0)+IF(Input!$K$14=1,K3440*Input!$J$14,0)+IF(Input!$K$15=1,L3440*Input!$J$15,0)+IF(Input!$K$16=1,M3440*Input!$J$16,0)</f>
        <v>0.90700759395680031</v>
      </c>
      <c r="O3440" s="58">
        <f>IF(Input!$K$13=2,J3440*Input!$J$13,0)+IF(Input!$K$14=2,K3440*Input!$J$14,0)+IF(Input!$K$15=2,L3440*Input!$J$15,0)+IF(Input!$K$16=2,M3440*Input!$J$16,0)</f>
        <v>7.9418195704779607E-2</v>
      </c>
      <c r="P3440" s="58">
        <f>IF(Input!$K$13=3,J3440*Input!$J$13,0)+IF(Input!$K$14=3,K3440*Input!$J$14,0)+IF(Input!$K$15=3,L3440*Input!$J$15,0)+IF(Input!$K$16=3,M3440*Input!$J$16,0)</f>
        <v>0</v>
      </c>
      <c r="Q3440" s="71">
        <f>IF(Input!$K$13=4,J3440*Input!$J$13,0)+IF(Input!$K$14=4,K3440*Input!$J$14,0)+IF(Input!$K$15=4,L3440*Input!$J$15,0)+IF(Input!$K$16=4,M3440*Input!$J$16,0)</f>
        <v>0</v>
      </c>
    </row>
    <row r="3441" spans="8:17" x14ac:dyDescent="0.25">
      <c r="H3441" s="43">
        <v>3434</v>
      </c>
      <c r="I3441" s="55">
        <f>Bühler!I3467</f>
        <v>0.31584625388541571</v>
      </c>
      <c r="J3441" s="58">
        <f>Bühler!J3467</f>
        <v>7.5583966163066698</v>
      </c>
      <c r="K3441" s="58">
        <f>Bühler!K3467</f>
        <v>0.58828293114651564</v>
      </c>
      <c r="L3441" s="58">
        <f>Bühler!L3467</f>
        <v>0.29414146557325782</v>
      </c>
      <c r="M3441" s="57">
        <f>Bühler!M3467</f>
        <v>0</v>
      </c>
      <c r="N3441" s="55">
        <f>IF(Input!$K$13=1,J3441*Input!$J$13,0)+IF(Input!$K$14=1,K3441*Input!$J$14,0)+IF(Input!$K$15=1,L3441*Input!$J$15,0)+IF(Input!$K$16=1,M3441*Input!$J$16,0)</f>
        <v>0.90700759395680031</v>
      </c>
      <c r="O3441" s="58">
        <f>IF(Input!$K$13=2,J3441*Input!$J$13,0)+IF(Input!$K$14=2,K3441*Input!$J$14,0)+IF(Input!$K$15=2,L3441*Input!$J$15,0)+IF(Input!$K$16=2,M3441*Input!$J$16,0)</f>
        <v>7.9418195704779607E-2</v>
      </c>
      <c r="P3441" s="58">
        <f>IF(Input!$K$13=3,J3441*Input!$J$13,0)+IF(Input!$K$14=3,K3441*Input!$J$14,0)+IF(Input!$K$15=3,L3441*Input!$J$15,0)+IF(Input!$K$16=3,M3441*Input!$J$16,0)</f>
        <v>0</v>
      </c>
      <c r="Q3441" s="71">
        <f>IF(Input!$K$13=4,J3441*Input!$J$13,0)+IF(Input!$K$14=4,K3441*Input!$J$14,0)+IF(Input!$K$15=4,L3441*Input!$J$15,0)+IF(Input!$K$16=4,M3441*Input!$J$16,0)</f>
        <v>0</v>
      </c>
    </row>
    <row r="3442" spans="8:17" x14ac:dyDescent="0.25">
      <c r="H3442" s="43">
        <v>3435</v>
      </c>
      <c r="I3442" s="55">
        <f>Bühler!I3468</f>
        <v>0.31584625388541571</v>
      </c>
      <c r="J3442" s="58">
        <f>Bühler!J3468</f>
        <v>7.5583966163066698</v>
      </c>
      <c r="K3442" s="58">
        <f>Bühler!K3468</f>
        <v>0.58828293114651564</v>
      </c>
      <c r="L3442" s="58">
        <f>Bühler!L3468</f>
        <v>0.29414146557325782</v>
      </c>
      <c r="M3442" s="57">
        <f>Bühler!M3468</f>
        <v>0</v>
      </c>
      <c r="N3442" s="55">
        <f>IF(Input!$K$13=1,J3442*Input!$J$13,0)+IF(Input!$K$14=1,K3442*Input!$J$14,0)+IF(Input!$K$15=1,L3442*Input!$J$15,0)+IF(Input!$K$16=1,M3442*Input!$J$16,0)</f>
        <v>0.90700759395680031</v>
      </c>
      <c r="O3442" s="58">
        <f>IF(Input!$K$13=2,J3442*Input!$J$13,0)+IF(Input!$K$14=2,K3442*Input!$J$14,0)+IF(Input!$K$15=2,L3442*Input!$J$15,0)+IF(Input!$K$16=2,M3442*Input!$J$16,0)</f>
        <v>7.9418195704779607E-2</v>
      </c>
      <c r="P3442" s="58">
        <f>IF(Input!$K$13=3,J3442*Input!$J$13,0)+IF(Input!$K$14=3,K3442*Input!$J$14,0)+IF(Input!$K$15=3,L3442*Input!$J$15,0)+IF(Input!$K$16=3,M3442*Input!$J$16,0)</f>
        <v>0</v>
      </c>
      <c r="Q3442" s="71">
        <f>IF(Input!$K$13=4,J3442*Input!$J$13,0)+IF(Input!$K$14=4,K3442*Input!$J$14,0)+IF(Input!$K$15=4,L3442*Input!$J$15,0)+IF(Input!$K$16=4,M3442*Input!$J$16,0)</f>
        <v>0</v>
      </c>
    </row>
    <row r="3443" spans="8:17" x14ac:dyDescent="0.25">
      <c r="H3443" s="43">
        <v>3436</v>
      </c>
      <c r="I3443" s="55">
        <f>Bühler!I3469</f>
        <v>0.31584625388541571</v>
      </c>
      <c r="J3443" s="58">
        <f>Bühler!J3469</f>
        <v>7.5583966163066698</v>
      </c>
      <c r="K3443" s="58">
        <f>Bühler!K3469</f>
        <v>0.58828293114651564</v>
      </c>
      <c r="L3443" s="58">
        <f>Bühler!L3469</f>
        <v>0.29414146557325782</v>
      </c>
      <c r="M3443" s="57">
        <f>Bühler!M3469</f>
        <v>0</v>
      </c>
      <c r="N3443" s="55">
        <f>IF(Input!$K$13=1,J3443*Input!$J$13,0)+IF(Input!$K$14=1,K3443*Input!$J$14,0)+IF(Input!$K$15=1,L3443*Input!$J$15,0)+IF(Input!$K$16=1,M3443*Input!$J$16,0)</f>
        <v>0.90700759395680031</v>
      </c>
      <c r="O3443" s="58">
        <f>IF(Input!$K$13=2,J3443*Input!$J$13,0)+IF(Input!$K$14=2,K3443*Input!$J$14,0)+IF(Input!$K$15=2,L3443*Input!$J$15,0)+IF(Input!$K$16=2,M3443*Input!$J$16,0)</f>
        <v>7.9418195704779607E-2</v>
      </c>
      <c r="P3443" s="58">
        <f>IF(Input!$K$13=3,J3443*Input!$J$13,0)+IF(Input!$K$14=3,K3443*Input!$J$14,0)+IF(Input!$K$15=3,L3443*Input!$J$15,0)+IF(Input!$K$16=3,M3443*Input!$J$16,0)</f>
        <v>0</v>
      </c>
      <c r="Q3443" s="71">
        <f>IF(Input!$K$13=4,J3443*Input!$J$13,0)+IF(Input!$K$14=4,K3443*Input!$J$14,0)+IF(Input!$K$15=4,L3443*Input!$J$15,0)+IF(Input!$K$16=4,M3443*Input!$J$16,0)</f>
        <v>0</v>
      </c>
    </row>
    <row r="3444" spans="8:17" x14ac:dyDescent="0.25">
      <c r="H3444" s="43">
        <v>3437</v>
      </c>
      <c r="I3444" s="55">
        <f>Bühler!I3470</f>
        <v>0.31584625388541571</v>
      </c>
      <c r="J3444" s="58">
        <f>Bühler!J3470</f>
        <v>7.5583966163066698</v>
      </c>
      <c r="K3444" s="58">
        <f>Bühler!K3470</f>
        <v>0.58828293114651564</v>
      </c>
      <c r="L3444" s="58">
        <f>Bühler!L3470</f>
        <v>0.29414146557325782</v>
      </c>
      <c r="M3444" s="57">
        <f>Bühler!M3470</f>
        <v>0</v>
      </c>
      <c r="N3444" s="55">
        <f>IF(Input!$K$13=1,J3444*Input!$J$13,0)+IF(Input!$K$14=1,K3444*Input!$J$14,0)+IF(Input!$K$15=1,L3444*Input!$J$15,0)+IF(Input!$K$16=1,M3444*Input!$J$16,0)</f>
        <v>0.90700759395680031</v>
      </c>
      <c r="O3444" s="58">
        <f>IF(Input!$K$13=2,J3444*Input!$J$13,0)+IF(Input!$K$14=2,K3444*Input!$J$14,0)+IF(Input!$K$15=2,L3444*Input!$J$15,0)+IF(Input!$K$16=2,M3444*Input!$J$16,0)</f>
        <v>7.9418195704779607E-2</v>
      </c>
      <c r="P3444" s="58">
        <f>IF(Input!$K$13=3,J3444*Input!$J$13,0)+IF(Input!$K$14=3,K3444*Input!$J$14,0)+IF(Input!$K$15=3,L3444*Input!$J$15,0)+IF(Input!$K$16=3,M3444*Input!$J$16,0)</f>
        <v>0</v>
      </c>
      <c r="Q3444" s="71">
        <f>IF(Input!$K$13=4,J3444*Input!$J$13,0)+IF(Input!$K$14=4,K3444*Input!$J$14,0)+IF(Input!$K$15=4,L3444*Input!$J$15,0)+IF(Input!$K$16=4,M3444*Input!$J$16,0)</f>
        <v>0</v>
      </c>
    </row>
    <row r="3445" spans="8:17" x14ac:dyDescent="0.25">
      <c r="H3445" s="43">
        <v>3438</v>
      </c>
      <c r="I3445" s="55">
        <f>Bühler!I3471</f>
        <v>0.31584625388541571</v>
      </c>
      <c r="J3445" s="58">
        <f>Bühler!J3471</f>
        <v>7.5583966163066698</v>
      </c>
      <c r="K3445" s="58">
        <f>Bühler!K3471</f>
        <v>0.58828293114651564</v>
      </c>
      <c r="L3445" s="58">
        <f>Bühler!L3471</f>
        <v>0.29414146557325782</v>
      </c>
      <c r="M3445" s="57">
        <f>Bühler!M3471</f>
        <v>0</v>
      </c>
      <c r="N3445" s="55">
        <f>IF(Input!$K$13=1,J3445*Input!$J$13,0)+IF(Input!$K$14=1,K3445*Input!$J$14,0)+IF(Input!$K$15=1,L3445*Input!$J$15,0)+IF(Input!$K$16=1,M3445*Input!$J$16,0)</f>
        <v>0.90700759395680031</v>
      </c>
      <c r="O3445" s="58">
        <f>IF(Input!$K$13=2,J3445*Input!$J$13,0)+IF(Input!$K$14=2,K3445*Input!$J$14,0)+IF(Input!$K$15=2,L3445*Input!$J$15,0)+IF(Input!$K$16=2,M3445*Input!$J$16,0)</f>
        <v>7.9418195704779607E-2</v>
      </c>
      <c r="P3445" s="58">
        <f>IF(Input!$K$13=3,J3445*Input!$J$13,0)+IF(Input!$K$14=3,K3445*Input!$J$14,0)+IF(Input!$K$15=3,L3445*Input!$J$15,0)+IF(Input!$K$16=3,M3445*Input!$J$16,0)</f>
        <v>0</v>
      </c>
      <c r="Q3445" s="71">
        <f>IF(Input!$K$13=4,J3445*Input!$J$13,0)+IF(Input!$K$14=4,K3445*Input!$J$14,0)+IF(Input!$K$15=4,L3445*Input!$J$15,0)+IF(Input!$K$16=4,M3445*Input!$J$16,0)</f>
        <v>0</v>
      </c>
    </row>
    <row r="3446" spans="8:17" x14ac:dyDescent="0.25">
      <c r="H3446" s="43">
        <v>3439</v>
      </c>
      <c r="I3446" s="55">
        <f>Bühler!I3472</f>
        <v>0.31584625388541571</v>
      </c>
      <c r="J3446" s="58">
        <f>Bühler!J3472</f>
        <v>7.5583966163066698</v>
      </c>
      <c r="K3446" s="58">
        <f>Bühler!K3472</f>
        <v>0.58828293114651564</v>
      </c>
      <c r="L3446" s="58">
        <f>Bühler!L3472</f>
        <v>0.29414146557325782</v>
      </c>
      <c r="M3446" s="57">
        <f>Bühler!M3472</f>
        <v>0</v>
      </c>
      <c r="N3446" s="55">
        <f>IF(Input!$K$13=1,J3446*Input!$J$13,0)+IF(Input!$K$14=1,K3446*Input!$J$14,0)+IF(Input!$K$15=1,L3446*Input!$J$15,0)+IF(Input!$K$16=1,M3446*Input!$J$16,0)</f>
        <v>0.90700759395680031</v>
      </c>
      <c r="O3446" s="58">
        <f>IF(Input!$K$13=2,J3446*Input!$J$13,0)+IF(Input!$K$14=2,K3446*Input!$J$14,0)+IF(Input!$K$15=2,L3446*Input!$J$15,0)+IF(Input!$K$16=2,M3446*Input!$J$16,0)</f>
        <v>7.9418195704779607E-2</v>
      </c>
      <c r="P3446" s="58">
        <f>IF(Input!$K$13=3,J3446*Input!$J$13,0)+IF(Input!$K$14=3,K3446*Input!$J$14,0)+IF(Input!$K$15=3,L3446*Input!$J$15,0)+IF(Input!$K$16=3,M3446*Input!$J$16,0)</f>
        <v>0</v>
      </c>
      <c r="Q3446" s="71">
        <f>IF(Input!$K$13=4,J3446*Input!$J$13,0)+IF(Input!$K$14=4,K3446*Input!$J$14,0)+IF(Input!$K$15=4,L3446*Input!$J$15,0)+IF(Input!$K$16=4,M3446*Input!$J$16,0)</f>
        <v>0</v>
      </c>
    </row>
    <row r="3447" spans="8:17" x14ac:dyDescent="0.25">
      <c r="H3447" s="43">
        <v>3440</v>
      </c>
      <c r="I3447" s="55">
        <f>Bühler!I3473</f>
        <v>0.87015642945432015</v>
      </c>
      <c r="J3447" s="58">
        <f>Bühler!J3473</f>
        <v>30.441742361803751</v>
      </c>
      <c r="K3447" s="58">
        <f>Bühler!K3473</f>
        <v>2.4048293155049985</v>
      </c>
      <c r="L3447" s="58">
        <f>Bühler!L3473</f>
        <v>1.2024146577524992</v>
      </c>
      <c r="M3447" s="57">
        <f>Bühler!M3473</f>
        <v>0</v>
      </c>
      <c r="N3447" s="55">
        <f>IF(Input!$K$13=1,J3447*Input!$J$13,0)+IF(Input!$K$14=1,K3447*Input!$J$14,0)+IF(Input!$K$15=1,L3447*Input!$J$15,0)+IF(Input!$K$16=1,M3447*Input!$J$16,0)</f>
        <v>3.6530090834164501</v>
      </c>
      <c r="O3447" s="58">
        <f>IF(Input!$K$13=2,J3447*Input!$J$13,0)+IF(Input!$K$14=2,K3447*Input!$J$14,0)+IF(Input!$K$15=2,L3447*Input!$J$15,0)+IF(Input!$K$16=2,M3447*Input!$J$16,0)</f>
        <v>0.32465195759317478</v>
      </c>
      <c r="P3447" s="58">
        <f>IF(Input!$K$13=3,J3447*Input!$J$13,0)+IF(Input!$K$14=3,K3447*Input!$J$14,0)+IF(Input!$K$15=3,L3447*Input!$J$15,0)+IF(Input!$K$16=3,M3447*Input!$J$16,0)</f>
        <v>0</v>
      </c>
      <c r="Q3447" s="71">
        <f>IF(Input!$K$13=4,J3447*Input!$J$13,0)+IF(Input!$K$14=4,K3447*Input!$J$14,0)+IF(Input!$K$15=4,L3447*Input!$J$15,0)+IF(Input!$K$16=4,M3447*Input!$J$16,0)</f>
        <v>0</v>
      </c>
    </row>
    <row r="3448" spans="8:17" x14ac:dyDescent="0.25">
      <c r="H3448" s="43">
        <v>3441</v>
      </c>
      <c r="I3448" s="55">
        <f>Bühler!I3474</f>
        <v>0.9709113844437679</v>
      </c>
      <c r="J3448" s="58">
        <f>Bühler!J3474</f>
        <v>33.966575687907351</v>
      </c>
      <c r="K3448" s="58">
        <f>Bühler!K3474</f>
        <v>2.6832832362476826</v>
      </c>
      <c r="L3448" s="58">
        <f>Bühler!L3474</f>
        <v>1.3416416181238413</v>
      </c>
      <c r="M3448" s="57">
        <f>Bühler!M3474</f>
        <v>0</v>
      </c>
      <c r="N3448" s="55">
        <f>IF(Input!$K$13=1,J3448*Input!$J$13,0)+IF(Input!$K$14=1,K3448*Input!$J$14,0)+IF(Input!$K$15=1,L3448*Input!$J$15,0)+IF(Input!$K$16=1,M3448*Input!$J$16,0)</f>
        <v>4.0759890825488823</v>
      </c>
      <c r="O3448" s="58">
        <f>IF(Input!$K$13=2,J3448*Input!$J$13,0)+IF(Input!$K$14=2,K3448*Input!$J$14,0)+IF(Input!$K$15=2,L3448*Input!$J$15,0)+IF(Input!$K$16=2,M3448*Input!$J$16,0)</f>
        <v>0.36224323689343718</v>
      </c>
      <c r="P3448" s="58">
        <f>IF(Input!$K$13=3,J3448*Input!$J$13,0)+IF(Input!$K$14=3,K3448*Input!$J$14,0)+IF(Input!$K$15=3,L3448*Input!$J$15,0)+IF(Input!$K$16=3,M3448*Input!$J$16,0)</f>
        <v>0</v>
      </c>
      <c r="Q3448" s="71">
        <f>IF(Input!$K$13=4,J3448*Input!$J$13,0)+IF(Input!$K$14=4,K3448*Input!$J$14,0)+IF(Input!$K$15=4,L3448*Input!$J$15,0)+IF(Input!$K$16=4,M3448*Input!$J$16,0)</f>
        <v>0</v>
      </c>
    </row>
    <row r="3449" spans="8:17" x14ac:dyDescent="0.25">
      <c r="H3449" s="43">
        <v>3442</v>
      </c>
      <c r="I3449" s="55">
        <f>Bühler!I3475</f>
        <v>1.0716663394332153</v>
      </c>
      <c r="J3449" s="58">
        <f>Bühler!J3475</f>
        <v>37.491409014010948</v>
      </c>
      <c r="K3449" s="58">
        <f>Bühler!K3475</f>
        <v>2.9617371569903672</v>
      </c>
      <c r="L3449" s="58">
        <f>Bühler!L3475</f>
        <v>1.4808685784951836</v>
      </c>
      <c r="M3449" s="57">
        <f>Bühler!M3475</f>
        <v>0</v>
      </c>
      <c r="N3449" s="55">
        <f>IF(Input!$K$13=1,J3449*Input!$J$13,0)+IF(Input!$K$14=1,K3449*Input!$J$14,0)+IF(Input!$K$15=1,L3449*Input!$J$15,0)+IF(Input!$K$16=1,M3449*Input!$J$16,0)</f>
        <v>4.4989690816813139</v>
      </c>
      <c r="O3449" s="58">
        <f>IF(Input!$K$13=2,J3449*Input!$J$13,0)+IF(Input!$K$14=2,K3449*Input!$J$14,0)+IF(Input!$K$15=2,L3449*Input!$J$15,0)+IF(Input!$K$16=2,M3449*Input!$J$16,0)</f>
        <v>0.39983451619369959</v>
      </c>
      <c r="P3449" s="58">
        <f>IF(Input!$K$13=3,J3449*Input!$J$13,0)+IF(Input!$K$14=3,K3449*Input!$J$14,0)+IF(Input!$K$15=3,L3449*Input!$J$15,0)+IF(Input!$K$16=3,M3449*Input!$J$16,0)</f>
        <v>0</v>
      </c>
      <c r="Q3449" s="71">
        <f>IF(Input!$K$13=4,J3449*Input!$J$13,0)+IF(Input!$K$14=4,K3449*Input!$J$14,0)+IF(Input!$K$15=4,L3449*Input!$J$15,0)+IF(Input!$K$16=4,M3449*Input!$J$16,0)</f>
        <v>0</v>
      </c>
    </row>
    <row r="3450" spans="8:17" x14ac:dyDescent="0.25">
      <c r="H3450" s="43">
        <v>3443</v>
      </c>
      <c r="I3450" s="55">
        <f>Bühler!I3476</f>
        <v>1.0716663394332153</v>
      </c>
      <c r="J3450" s="58">
        <f>Bühler!J3476</f>
        <v>37.491409014010948</v>
      </c>
      <c r="K3450" s="58">
        <f>Bühler!K3476</f>
        <v>2.9617371569903672</v>
      </c>
      <c r="L3450" s="58">
        <f>Bühler!L3476</f>
        <v>1.4808685784951836</v>
      </c>
      <c r="M3450" s="57">
        <f>Bühler!M3476</f>
        <v>0</v>
      </c>
      <c r="N3450" s="55">
        <f>IF(Input!$K$13=1,J3450*Input!$J$13,0)+IF(Input!$K$14=1,K3450*Input!$J$14,0)+IF(Input!$K$15=1,L3450*Input!$J$15,0)+IF(Input!$K$16=1,M3450*Input!$J$16,0)</f>
        <v>4.4989690816813139</v>
      </c>
      <c r="O3450" s="58">
        <f>IF(Input!$K$13=2,J3450*Input!$J$13,0)+IF(Input!$K$14=2,K3450*Input!$J$14,0)+IF(Input!$K$15=2,L3450*Input!$J$15,0)+IF(Input!$K$16=2,M3450*Input!$J$16,0)</f>
        <v>0.39983451619369959</v>
      </c>
      <c r="P3450" s="58">
        <f>IF(Input!$K$13=3,J3450*Input!$J$13,0)+IF(Input!$K$14=3,K3450*Input!$J$14,0)+IF(Input!$K$15=3,L3450*Input!$J$15,0)+IF(Input!$K$16=3,M3450*Input!$J$16,0)</f>
        <v>0</v>
      </c>
      <c r="Q3450" s="71">
        <f>IF(Input!$K$13=4,J3450*Input!$J$13,0)+IF(Input!$K$14=4,K3450*Input!$J$14,0)+IF(Input!$K$15=4,L3450*Input!$J$15,0)+IF(Input!$K$16=4,M3450*Input!$J$16,0)</f>
        <v>0</v>
      </c>
    </row>
    <row r="3451" spans="8:17" x14ac:dyDescent="0.25">
      <c r="H3451" s="43">
        <v>3444</v>
      </c>
      <c r="I3451" s="55">
        <f>Bühler!I3477</f>
        <v>1.2823357907747877</v>
      </c>
      <c r="J3451" s="58">
        <f>Bühler!J3477</f>
        <v>44.86151505950027</v>
      </c>
      <c r="K3451" s="58">
        <f>Bühler!K3477</f>
        <v>3.5439589912705243</v>
      </c>
      <c r="L3451" s="58">
        <f>Bühler!L3477</f>
        <v>1.7719794956352621</v>
      </c>
      <c r="M3451" s="57">
        <f>Bühler!M3477</f>
        <v>0</v>
      </c>
      <c r="N3451" s="55">
        <f>IF(Input!$K$13=1,J3451*Input!$J$13,0)+IF(Input!$K$14=1,K3451*Input!$J$14,0)+IF(Input!$K$15=1,L3451*Input!$J$15,0)+IF(Input!$K$16=1,M3451*Input!$J$16,0)</f>
        <v>5.3833818071400321</v>
      </c>
      <c r="O3451" s="58">
        <f>IF(Input!$K$13=2,J3451*Input!$J$13,0)+IF(Input!$K$14=2,K3451*Input!$J$14,0)+IF(Input!$K$15=2,L3451*Input!$J$15,0)+IF(Input!$K$16=2,M3451*Input!$J$16,0)</f>
        <v>0.47843446382152077</v>
      </c>
      <c r="P3451" s="58">
        <f>IF(Input!$K$13=3,J3451*Input!$J$13,0)+IF(Input!$K$14=3,K3451*Input!$J$14,0)+IF(Input!$K$15=3,L3451*Input!$J$15,0)+IF(Input!$K$16=3,M3451*Input!$J$16,0)</f>
        <v>0</v>
      </c>
      <c r="Q3451" s="71">
        <f>IF(Input!$K$13=4,J3451*Input!$J$13,0)+IF(Input!$K$14=4,K3451*Input!$J$14,0)+IF(Input!$K$15=4,L3451*Input!$J$15,0)+IF(Input!$K$16=4,M3451*Input!$J$16,0)</f>
        <v>0</v>
      </c>
    </row>
    <row r="3452" spans="8:17" x14ac:dyDescent="0.25">
      <c r="H3452" s="43">
        <v>3445</v>
      </c>
      <c r="I3452" s="55">
        <f>Bühler!I3478</f>
        <v>1.2823357907747877</v>
      </c>
      <c r="J3452" s="58">
        <f>Bühler!J3478</f>
        <v>44.86151505950027</v>
      </c>
      <c r="K3452" s="58">
        <f>Bühler!K3478</f>
        <v>3.5439589912705243</v>
      </c>
      <c r="L3452" s="58">
        <f>Bühler!L3478</f>
        <v>1.7719794956352621</v>
      </c>
      <c r="M3452" s="57">
        <f>Bühler!M3478</f>
        <v>0</v>
      </c>
      <c r="N3452" s="55">
        <f>IF(Input!$K$13=1,J3452*Input!$J$13,0)+IF(Input!$K$14=1,K3452*Input!$J$14,0)+IF(Input!$K$15=1,L3452*Input!$J$15,0)+IF(Input!$K$16=1,M3452*Input!$J$16,0)</f>
        <v>5.3833818071400321</v>
      </c>
      <c r="O3452" s="58">
        <f>IF(Input!$K$13=2,J3452*Input!$J$13,0)+IF(Input!$K$14=2,K3452*Input!$J$14,0)+IF(Input!$K$15=2,L3452*Input!$J$15,0)+IF(Input!$K$16=2,M3452*Input!$J$16,0)</f>
        <v>0.47843446382152077</v>
      </c>
      <c r="P3452" s="58">
        <f>IF(Input!$K$13=3,J3452*Input!$J$13,0)+IF(Input!$K$14=3,K3452*Input!$J$14,0)+IF(Input!$K$15=3,L3452*Input!$J$15,0)+IF(Input!$K$16=3,M3452*Input!$J$16,0)</f>
        <v>0</v>
      </c>
      <c r="Q3452" s="71">
        <f>IF(Input!$K$13=4,J3452*Input!$J$13,0)+IF(Input!$K$14=4,K3452*Input!$J$14,0)+IF(Input!$K$15=4,L3452*Input!$J$15,0)+IF(Input!$K$16=4,M3452*Input!$J$16,0)</f>
        <v>0</v>
      </c>
    </row>
    <row r="3453" spans="8:17" x14ac:dyDescent="0.25">
      <c r="H3453" s="43">
        <v>3446</v>
      </c>
      <c r="I3453" s="55">
        <f>Bühler!I3479</f>
        <v>0.85183734672896616</v>
      </c>
      <c r="J3453" s="58">
        <f>Bühler!J3479</f>
        <v>29.800863575239468</v>
      </c>
      <c r="K3453" s="58">
        <f>Bühler!K3479</f>
        <v>2.3542013299154196</v>
      </c>
      <c r="L3453" s="58">
        <f>Bühler!L3479</f>
        <v>1.1771006649577098</v>
      </c>
      <c r="M3453" s="57">
        <f>Bühler!M3479</f>
        <v>0</v>
      </c>
      <c r="N3453" s="55">
        <f>IF(Input!$K$13=1,J3453*Input!$J$13,0)+IF(Input!$K$14=1,K3453*Input!$J$14,0)+IF(Input!$K$15=1,L3453*Input!$J$15,0)+IF(Input!$K$16=1,M3453*Input!$J$16,0)</f>
        <v>3.576103629028736</v>
      </c>
      <c r="O3453" s="58">
        <f>IF(Input!$K$13=2,J3453*Input!$J$13,0)+IF(Input!$K$14=2,K3453*Input!$J$14,0)+IF(Input!$K$15=2,L3453*Input!$J$15,0)+IF(Input!$K$16=2,M3453*Input!$J$16,0)</f>
        <v>0.31781717953858168</v>
      </c>
      <c r="P3453" s="58">
        <f>IF(Input!$K$13=3,J3453*Input!$J$13,0)+IF(Input!$K$14=3,K3453*Input!$J$14,0)+IF(Input!$K$15=3,L3453*Input!$J$15,0)+IF(Input!$K$16=3,M3453*Input!$J$16,0)</f>
        <v>0</v>
      </c>
      <c r="Q3453" s="71">
        <f>IF(Input!$K$13=4,J3453*Input!$J$13,0)+IF(Input!$K$14=4,K3453*Input!$J$14,0)+IF(Input!$K$15=4,L3453*Input!$J$15,0)+IF(Input!$K$16=4,M3453*Input!$J$16,0)</f>
        <v>0</v>
      </c>
    </row>
    <row r="3454" spans="8:17" x14ac:dyDescent="0.25">
      <c r="H3454" s="43">
        <v>3447</v>
      </c>
      <c r="I3454" s="55">
        <f>Bühler!I3480</f>
        <v>1.2823357907747877</v>
      </c>
      <c r="J3454" s="58">
        <f>Bühler!J3480</f>
        <v>44.86151505950027</v>
      </c>
      <c r="K3454" s="58">
        <f>Bühler!K3480</f>
        <v>3.5439589912705243</v>
      </c>
      <c r="L3454" s="58">
        <f>Bühler!L3480</f>
        <v>1.7719794956352621</v>
      </c>
      <c r="M3454" s="57">
        <f>Bühler!M3480</f>
        <v>0</v>
      </c>
      <c r="N3454" s="55">
        <f>IF(Input!$K$13=1,J3454*Input!$J$13,0)+IF(Input!$K$14=1,K3454*Input!$J$14,0)+IF(Input!$K$15=1,L3454*Input!$J$15,0)+IF(Input!$K$16=1,M3454*Input!$J$16,0)</f>
        <v>5.3833818071400321</v>
      </c>
      <c r="O3454" s="58">
        <f>IF(Input!$K$13=2,J3454*Input!$J$13,0)+IF(Input!$K$14=2,K3454*Input!$J$14,0)+IF(Input!$K$15=2,L3454*Input!$J$15,0)+IF(Input!$K$16=2,M3454*Input!$J$16,0)</f>
        <v>0.47843446382152077</v>
      </c>
      <c r="P3454" s="58">
        <f>IF(Input!$K$13=3,J3454*Input!$J$13,0)+IF(Input!$K$14=3,K3454*Input!$J$14,0)+IF(Input!$K$15=3,L3454*Input!$J$15,0)+IF(Input!$K$16=3,M3454*Input!$J$16,0)</f>
        <v>0</v>
      </c>
      <c r="Q3454" s="71">
        <f>IF(Input!$K$13=4,J3454*Input!$J$13,0)+IF(Input!$K$14=4,K3454*Input!$J$14,0)+IF(Input!$K$15=4,L3454*Input!$J$15,0)+IF(Input!$K$16=4,M3454*Input!$J$16,0)</f>
        <v>0</v>
      </c>
    </row>
    <row r="3455" spans="8:17" x14ac:dyDescent="0.25">
      <c r="H3455" s="43">
        <v>3448</v>
      </c>
      <c r="I3455" s="55">
        <f>Bühler!I3481</f>
        <v>1.2823357907747877</v>
      </c>
      <c r="J3455" s="58">
        <f>Bühler!J3481</f>
        <v>44.86151505950027</v>
      </c>
      <c r="K3455" s="58">
        <f>Bühler!K3481</f>
        <v>3.5439589912705243</v>
      </c>
      <c r="L3455" s="58">
        <f>Bühler!L3481</f>
        <v>1.7719794956352621</v>
      </c>
      <c r="M3455" s="57">
        <f>Bühler!M3481</f>
        <v>0</v>
      </c>
      <c r="N3455" s="55">
        <f>IF(Input!$K$13=1,J3455*Input!$J$13,0)+IF(Input!$K$14=1,K3455*Input!$J$14,0)+IF(Input!$K$15=1,L3455*Input!$J$15,0)+IF(Input!$K$16=1,M3455*Input!$J$16,0)</f>
        <v>5.3833818071400321</v>
      </c>
      <c r="O3455" s="58">
        <f>IF(Input!$K$13=2,J3455*Input!$J$13,0)+IF(Input!$K$14=2,K3455*Input!$J$14,0)+IF(Input!$K$15=2,L3455*Input!$J$15,0)+IF(Input!$K$16=2,M3455*Input!$J$16,0)</f>
        <v>0.47843446382152077</v>
      </c>
      <c r="P3455" s="58">
        <f>IF(Input!$K$13=3,J3455*Input!$J$13,0)+IF(Input!$K$14=3,K3455*Input!$J$14,0)+IF(Input!$K$15=3,L3455*Input!$J$15,0)+IF(Input!$K$16=3,M3455*Input!$J$16,0)</f>
        <v>0</v>
      </c>
      <c r="Q3455" s="71">
        <f>IF(Input!$K$13=4,J3455*Input!$J$13,0)+IF(Input!$K$14=4,K3455*Input!$J$14,0)+IF(Input!$K$15=4,L3455*Input!$J$15,0)+IF(Input!$K$16=4,M3455*Input!$J$16,0)</f>
        <v>0</v>
      </c>
    </row>
    <row r="3456" spans="8:17" x14ac:dyDescent="0.25">
      <c r="H3456" s="43">
        <v>3449</v>
      </c>
      <c r="I3456" s="55">
        <f>Bühler!I3482</f>
        <v>1.0715084163062729</v>
      </c>
      <c r="J3456" s="58">
        <f>Bühler!J3482</f>
        <v>26.778416720819479</v>
      </c>
      <c r="K3456" s="58">
        <f>Bühler!K3482</f>
        <v>2.0884044055701305</v>
      </c>
      <c r="L3456" s="58">
        <f>Bühler!L3482</f>
        <v>1.0442022027850653</v>
      </c>
      <c r="M3456" s="57">
        <f>Bühler!M3482</f>
        <v>0</v>
      </c>
      <c r="N3456" s="55">
        <f>IF(Input!$K$13=1,J3456*Input!$J$13,0)+IF(Input!$K$14=1,K3456*Input!$J$14,0)+IF(Input!$K$15=1,L3456*Input!$J$15,0)+IF(Input!$K$16=1,M3456*Input!$J$16,0)</f>
        <v>3.2134100064983375</v>
      </c>
      <c r="O3456" s="58">
        <f>IF(Input!$K$13=2,J3456*Input!$J$13,0)+IF(Input!$K$14=2,K3456*Input!$J$14,0)+IF(Input!$K$15=2,L3456*Input!$J$15,0)+IF(Input!$K$16=2,M3456*Input!$J$16,0)</f>
        <v>0.28193459475196758</v>
      </c>
      <c r="P3456" s="58">
        <f>IF(Input!$K$13=3,J3456*Input!$J$13,0)+IF(Input!$K$14=3,K3456*Input!$J$14,0)+IF(Input!$K$15=3,L3456*Input!$J$15,0)+IF(Input!$K$16=3,M3456*Input!$J$16,0)</f>
        <v>0</v>
      </c>
      <c r="Q3456" s="71">
        <f>IF(Input!$K$13=4,J3456*Input!$J$13,0)+IF(Input!$K$14=4,K3456*Input!$J$14,0)+IF(Input!$K$15=4,L3456*Input!$J$15,0)+IF(Input!$K$16=4,M3456*Input!$J$16,0)</f>
        <v>0</v>
      </c>
    </row>
    <row r="3457" spans="8:17" x14ac:dyDescent="0.25">
      <c r="H3457" s="43">
        <v>3450</v>
      </c>
      <c r="I3457" s="55">
        <f>Bühler!I3483</f>
        <v>0.85199526985590879</v>
      </c>
      <c r="J3457" s="58">
        <f>Bühler!J3483</f>
        <v>11.856676453350168</v>
      </c>
      <c r="K3457" s="58">
        <f>Bühler!K3483</f>
        <v>0.89133777446441764</v>
      </c>
      <c r="L3457" s="58">
        <f>Bühler!L3483</f>
        <v>0.44566888723220882</v>
      </c>
      <c r="M3457" s="57">
        <f>Bühler!M3483</f>
        <v>0</v>
      </c>
      <c r="N3457" s="55">
        <f>IF(Input!$K$13=1,J3457*Input!$J$13,0)+IF(Input!$K$14=1,K3457*Input!$J$14,0)+IF(Input!$K$15=1,L3457*Input!$J$15,0)+IF(Input!$K$16=1,M3457*Input!$J$16,0)</f>
        <v>1.4228011744020201</v>
      </c>
      <c r="O3457" s="58">
        <f>IF(Input!$K$13=2,J3457*Input!$J$13,0)+IF(Input!$K$14=2,K3457*Input!$J$14,0)+IF(Input!$K$15=2,L3457*Input!$J$15,0)+IF(Input!$K$16=2,M3457*Input!$J$16,0)</f>
        <v>0.12033059955269637</v>
      </c>
      <c r="P3457" s="58">
        <f>IF(Input!$K$13=3,J3457*Input!$J$13,0)+IF(Input!$K$14=3,K3457*Input!$J$14,0)+IF(Input!$K$15=3,L3457*Input!$J$15,0)+IF(Input!$K$16=3,M3457*Input!$J$16,0)</f>
        <v>0</v>
      </c>
      <c r="Q3457" s="71">
        <f>IF(Input!$K$13=4,J3457*Input!$J$13,0)+IF(Input!$K$14=4,K3457*Input!$J$14,0)+IF(Input!$K$15=4,L3457*Input!$J$15,0)+IF(Input!$K$16=4,M3457*Input!$J$16,0)</f>
        <v>0</v>
      </c>
    </row>
    <row r="3458" spans="8:17" x14ac:dyDescent="0.25">
      <c r="H3458" s="43">
        <v>3451</v>
      </c>
      <c r="I3458" s="55">
        <f>Bühler!I3484</f>
        <v>0.31584625388541571</v>
      </c>
      <c r="J3458" s="58">
        <f>Bühler!J3484</f>
        <v>7.5583966163066698</v>
      </c>
      <c r="K3458" s="58">
        <f>Bühler!K3484</f>
        <v>0.58828293114651564</v>
      </c>
      <c r="L3458" s="58">
        <f>Bühler!L3484</f>
        <v>0.29414146557325782</v>
      </c>
      <c r="M3458" s="57">
        <f>Bühler!M3484</f>
        <v>0</v>
      </c>
      <c r="N3458" s="55">
        <f>IF(Input!$K$13=1,J3458*Input!$J$13,0)+IF(Input!$K$14=1,K3458*Input!$J$14,0)+IF(Input!$K$15=1,L3458*Input!$J$15,0)+IF(Input!$K$16=1,M3458*Input!$J$16,0)</f>
        <v>0.90700759395680031</v>
      </c>
      <c r="O3458" s="58">
        <f>IF(Input!$K$13=2,J3458*Input!$J$13,0)+IF(Input!$K$14=2,K3458*Input!$J$14,0)+IF(Input!$K$15=2,L3458*Input!$J$15,0)+IF(Input!$K$16=2,M3458*Input!$J$16,0)</f>
        <v>7.9418195704779607E-2</v>
      </c>
      <c r="P3458" s="58">
        <f>IF(Input!$K$13=3,J3458*Input!$J$13,0)+IF(Input!$K$14=3,K3458*Input!$J$14,0)+IF(Input!$K$15=3,L3458*Input!$J$15,0)+IF(Input!$K$16=3,M3458*Input!$J$16,0)</f>
        <v>0</v>
      </c>
      <c r="Q3458" s="71">
        <f>IF(Input!$K$13=4,J3458*Input!$J$13,0)+IF(Input!$K$14=4,K3458*Input!$J$14,0)+IF(Input!$K$15=4,L3458*Input!$J$15,0)+IF(Input!$K$16=4,M3458*Input!$J$16,0)</f>
        <v>0</v>
      </c>
    </row>
    <row r="3459" spans="8:17" x14ac:dyDescent="0.25">
      <c r="H3459" s="43">
        <v>3452</v>
      </c>
      <c r="I3459" s="55">
        <f>Bühler!I3485</f>
        <v>0.31584625388541571</v>
      </c>
      <c r="J3459" s="58">
        <f>Bühler!J3485</f>
        <v>7.5583966163066698</v>
      </c>
      <c r="K3459" s="58">
        <f>Bühler!K3485</f>
        <v>0.58828293114651564</v>
      </c>
      <c r="L3459" s="58">
        <f>Bühler!L3485</f>
        <v>0.29414146557325782</v>
      </c>
      <c r="M3459" s="57">
        <f>Bühler!M3485</f>
        <v>0</v>
      </c>
      <c r="N3459" s="55">
        <f>IF(Input!$K$13=1,J3459*Input!$J$13,0)+IF(Input!$K$14=1,K3459*Input!$J$14,0)+IF(Input!$K$15=1,L3459*Input!$J$15,0)+IF(Input!$K$16=1,M3459*Input!$J$16,0)</f>
        <v>0.90700759395680031</v>
      </c>
      <c r="O3459" s="58">
        <f>IF(Input!$K$13=2,J3459*Input!$J$13,0)+IF(Input!$K$14=2,K3459*Input!$J$14,0)+IF(Input!$K$15=2,L3459*Input!$J$15,0)+IF(Input!$K$16=2,M3459*Input!$J$16,0)</f>
        <v>7.9418195704779607E-2</v>
      </c>
      <c r="P3459" s="58">
        <f>IF(Input!$K$13=3,J3459*Input!$J$13,0)+IF(Input!$K$14=3,K3459*Input!$J$14,0)+IF(Input!$K$15=3,L3459*Input!$J$15,0)+IF(Input!$K$16=3,M3459*Input!$J$16,0)</f>
        <v>0</v>
      </c>
      <c r="Q3459" s="71">
        <f>IF(Input!$K$13=4,J3459*Input!$J$13,0)+IF(Input!$K$14=4,K3459*Input!$J$14,0)+IF(Input!$K$15=4,L3459*Input!$J$15,0)+IF(Input!$K$16=4,M3459*Input!$J$16,0)</f>
        <v>0</v>
      </c>
    </row>
    <row r="3460" spans="8:17" x14ac:dyDescent="0.25">
      <c r="H3460" s="43">
        <v>3453</v>
      </c>
      <c r="I3460" s="55">
        <f>Bühler!I3486</f>
        <v>0.31584625388541571</v>
      </c>
      <c r="J3460" s="58">
        <f>Bühler!J3486</f>
        <v>7.5583966163066698</v>
      </c>
      <c r="K3460" s="58">
        <f>Bühler!K3486</f>
        <v>0.58828293114651564</v>
      </c>
      <c r="L3460" s="58">
        <f>Bühler!L3486</f>
        <v>0.29414146557325782</v>
      </c>
      <c r="M3460" s="57">
        <f>Bühler!M3486</f>
        <v>0</v>
      </c>
      <c r="N3460" s="55">
        <f>IF(Input!$K$13=1,J3460*Input!$J$13,0)+IF(Input!$K$14=1,K3460*Input!$J$14,0)+IF(Input!$K$15=1,L3460*Input!$J$15,0)+IF(Input!$K$16=1,M3460*Input!$J$16,0)</f>
        <v>0.90700759395680031</v>
      </c>
      <c r="O3460" s="58">
        <f>IF(Input!$K$13=2,J3460*Input!$J$13,0)+IF(Input!$K$14=2,K3460*Input!$J$14,0)+IF(Input!$K$15=2,L3460*Input!$J$15,0)+IF(Input!$K$16=2,M3460*Input!$J$16,0)</f>
        <v>7.9418195704779607E-2</v>
      </c>
      <c r="P3460" s="58">
        <f>IF(Input!$K$13=3,J3460*Input!$J$13,0)+IF(Input!$K$14=3,K3460*Input!$J$14,0)+IF(Input!$K$15=3,L3460*Input!$J$15,0)+IF(Input!$K$16=3,M3460*Input!$J$16,0)</f>
        <v>0</v>
      </c>
      <c r="Q3460" s="71">
        <f>IF(Input!$K$13=4,J3460*Input!$J$13,0)+IF(Input!$K$14=4,K3460*Input!$J$14,0)+IF(Input!$K$15=4,L3460*Input!$J$15,0)+IF(Input!$K$16=4,M3460*Input!$J$16,0)</f>
        <v>0</v>
      </c>
    </row>
    <row r="3461" spans="8:17" x14ac:dyDescent="0.25">
      <c r="H3461" s="43">
        <v>3454</v>
      </c>
      <c r="I3461" s="55">
        <f>Bühler!I3487</f>
        <v>0.31584625388541571</v>
      </c>
      <c r="J3461" s="58">
        <f>Bühler!J3487</f>
        <v>7.5583966163066698</v>
      </c>
      <c r="K3461" s="58">
        <f>Bühler!K3487</f>
        <v>0.58828293114651564</v>
      </c>
      <c r="L3461" s="58">
        <f>Bühler!L3487</f>
        <v>0.29414146557325782</v>
      </c>
      <c r="M3461" s="57">
        <f>Bühler!M3487</f>
        <v>0</v>
      </c>
      <c r="N3461" s="55">
        <f>IF(Input!$K$13=1,J3461*Input!$J$13,0)+IF(Input!$K$14=1,K3461*Input!$J$14,0)+IF(Input!$K$15=1,L3461*Input!$J$15,0)+IF(Input!$K$16=1,M3461*Input!$J$16,0)</f>
        <v>0.90700759395680031</v>
      </c>
      <c r="O3461" s="58">
        <f>IF(Input!$K$13=2,J3461*Input!$J$13,0)+IF(Input!$K$14=2,K3461*Input!$J$14,0)+IF(Input!$K$15=2,L3461*Input!$J$15,0)+IF(Input!$K$16=2,M3461*Input!$J$16,0)</f>
        <v>7.9418195704779607E-2</v>
      </c>
      <c r="P3461" s="58">
        <f>IF(Input!$K$13=3,J3461*Input!$J$13,0)+IF(Input!$K$14=3,K3461*Input!$J$14,0)+IF(Input!$K$15=3,L3461*Input!$J$15,0)+IF(Input!$K$16=3,M3461*Input!$J$16,0)</f>
        <v>0</v>
      </c>
      <c r="Q3461" s="71">
        <f>IF(Input!$K$13=4,J3461*Input!$J$13,0)+IF(Input!$K$14=4,K3461*Input!$J$14,0)+IF(Input!$K$15=4,L3461*Input!$J$15,0)+IF(Input!$K$16=4,M3461*Input!$J$16,0)</f>
        <v>0</v>
      </c>
    </row>
    <row r="3462" spans="8:17" x14ac:dyDescent="0.25">
      <c r="H3462" s="43">
        <v>3455</v>
      </c>
      <c r="I3462" s="55">
        <f>Bühler!I3488</f>
        <v>0.31584625388541571</v>
      </c>
      <c r="J3462" s="58">
        <f>Bühler!J3488</f>
        <v>7.5583966163066698</v>
      </c>
      <c r="K3462" s="58">
        <f>Bühler!K3488</f>
        <v>0.58828293114651564</v>
      </c>
      <c r="L3462" s="58">
        <f>Bühler!L3488</f>
        <v>0.29414146557325782</v>
      </c>
      <c r="M3462" s="57">
        <f>Bühler!M3488</f>
        <v>0</v>
      </c>
      <c r="N3462" s="55">
        <f>IF(Input!$K$13=1,J3462*Input!$J$13,0)+IF(Input!$K$14=1,K3462*Input!$J$14,0)+IF(Input!$K$15=1,L3462*Input!$J$15,0)+IF(Input!$K$16=1,M3462*Input!$J$16,0)</f>
        <v>0.90700759395680031</v>
      </c>
      <c r="O3462" s="58">
        <f>IF(Input!$K$13=2,J3462*Input!$J$13,0)+IF(Input!$K$14=2,K3462*Input!$J$14,0)+IF(Input!$K$15=2,L3462*Input!$J$15,0)+IF(Input!$K$16=2,M3462*Input!$J$16,0)</f>
        <v>7.9418195704779607E-2</v>
      </c>
      <c r="P3462" s="58">
        <f>IF(Input!$K$13=3,J3462*Input!$J$13,0)+IF(Input!$K$14=3,K3462*Input!$J$14,0)+IF(Input!$K$15=3,L3462*Input!$J$15,0)+IF(Input!$K$16=3,M3462*Input!$J$16,0)</f>
        <v>0</v>
      </c>
      <c r="Q3462" s="71">
        <f>IF(Input!$K$13=4,J3462*Input!$J$13,0)+IF(Input!$K$14=4,K3462*Input!$J$14,0)+IF(Input!$K$15=4,L3462*Input!$J$15,0)+IF(Input!$K$16=4,M3462*Input!$J$16,0)</f>
        <v>0</v>
      </c>
    </row>
    <row r="3463" spans="8:17" x14ac:dyDescent="0.25">
      <c r="H3463" s="43">
        <v>3456</v>
      </c>
      <c r="I3463" s="55">
        <f>Bühler!I3489</f>
        <v>0.31584625388541571</v>
      </c>
      <c r="J3463" s="58">
        <f>Bühler!J3489</f>
        <v>7.5583966163066698</v>
      </c>
      <c r="K3463" s="58">
        <f>Bühler!K3489</f>
        <v>0.58828293114651564</v>
      </c>
      <c r="L3463" s="58">
        <f>Bühler!L3489</f>
        <v>0.29414146557325782</v>
      </c>
      <c r="M3463" s="57">
        <f>Bühler!M3489</f>
        <v>0</v>
      </c>
      <c r="N3463" s="55">
        <f>IF(Input!$K$13=1,J3463*Input!$J$13,0)+IF(Input!$K$14=1,K3463*Input!$J$14,0)+IF(Input!$K$15=1,L3463*Input!$J$15,0)+IF(Input!$K$16=1,M3463*Input!$J$16,0)</f>
        <v>0.90700759395680031</v>
      </c>
      <c r="O3463" s="58">
        <f>IF(Input!$K$13=2,J3463*Input!$J$13,0)+IF(Input!$K$14=2,K3463*Input!$J$14,0)+IF(Input!$K$15=2,L3463*Input!$J$15,0)+IF(Input!$K$16=2,M3463*Input!$J$16,0)</f>
        <v>7.9418195704779607E-2</v>
      </c>
      <c r="P3463" s="58">
        <f>IF(Input!$K$13=3,J3463*Input!$J$13,0)+IF(Input!$K$14=3,K3463*Input!$J$14,0)+IF(Input!$K$15=3,L3463*Input!$J$15,0)+IF(Input!$K$16=3,M3463*Input!$J$16,0)</f>
        <v>0</v>
      </c>
      <c r="Q3463" s="71">
        <f>IF(Input!$K$13=4,J3463*Input!$J$13,0)+IF(Input!$K$14=4,K3463*Input!$J$14,0)+IF(Input!$K$15=4,L3463*Input!$J$15,0)+IF(Input!$K$16=4,M3463*Input!$J$16,0)</f>
        <v>0</v>
      </c>
    </row>
    <row r="3464" spans="8:17" x14ac:dyDescent="0.25">
      <c r="H3464" s="43">
        <v>3457</v>
      </c>
      <c r="I3464" s="55">
        <f>Bühler!I3490</f>
        <v>0.34190242969645995</v>
      </c>
      <c r="J3464" s="58">
        <f>Bühler!J3490</f>
        <v>7.6435111894965777</v>
      </c>
      <c r="K3464" s="58">
        <f>Bühler!K3490</f>
        <v>0.5905225925217239</v>
      </c>
      <c r="L3464" s="58">
        <f>Bühler!L3490</f>
        <v>0.29526129626086195</v>
      </c>
      <c r="M3464" s="57">
        <f>Bühler!M3490</f>
        <v>0</v>
      </c>
      <c r="N3464" s="55">
        <f>IF(Input!$K$13=1,J3464*Input!$J$13,0)+IF(Input!$K$14=1,K3464*Input!$J$14,0)+IF(Input!$K$15=1,L3464*Input!$J$15,0)+IF(Input!$K$16=1,M3464*Input!$J$16,0)</f>
        <v>0.91722134273958933</v>
      </c>
      <c r="O3464" s="58">
        <f>IF(Input!$K$13=2,J3464*Input!$J$13,0)+IF(Input!$K$14=2,K3464*Input!$J$14,0)+IF(Input!$K$15=2,L3464*Input!$J$15,0)+IF(Input!$K$16=2,M3464*Input!$J$16,0)</f>
        <v>7.9720549990432724E-2</v>
      </c>
      <c r="P3464" s="58">
        <f>IF(Input!$K$13=3,J3464*Input!$J$13,0)+IF(Input!$K$14=3,K3464*Input!$J$14,0)+IF(Input!$K$15=3,L3464*Input!$J$15,0)+IF(Input!$K$16=3,M3464*Input!$J$16,0)</f>
        <v>0</v>
      </c>
      <c r="Q3464" s="71">
        <f>IF(Input!$K$13=4,J3464*Input!$J$13,0)+IF(Input!$K$14=4,K3464*Input!$J$14,0)+IF(Input!$K$15=4,L3464*Input!$J$15,0)+IF(Input!$K$16=4,M3464*Input!$J$16,0)</f>
        <v>0</v>
      </c>
    </row>
    <row r="3465" spans="8:17" x14ac:dyDescent="0.25">
      <c r="H3465" s="43">
        <v>3458</v>
      </c>
      <c r="I3465" s="55">
        <f>Bühler!I3491</f>
        <v>0.34190242969645995</v>
      </c>
      <c r="J3465" s="58">
        <f>Bühler!J3491</f>
        <v>7.6435111894965777</v>
      </c>
      <c r="K3465" s="58">
        <f>Bühler!K3491</f>
        <v>0.5905225925217239</v>
      </c>
      <c r="L3465" s="58">
        <f>Bühler!L3491</f>
        <v>0.29526129626086195</v>
      </c>
      <c r="M3465" s="57">
        <f>Bühler!M3491</f>
        <v>0</v>
      </c>
      <c r="N3465" s="55">
        <f>IF(Input!$K$13=1,J3465*Input!$J$13,0)+IF(Input!$K$14=1,K3465*Input!$J$14,0)+IF(Input!$K$15=1,L3465*Input!$J$15,0)+IF(Input!$K$16=1,M3465*Input!$J$16,0)</f>
        <v>0.91722134273958933</v>
      </c>
      <c r="O3465" s="58">
        <f>IF(Input!$K$13=2,J3465*Input!$J$13,0)+IF(Input!$K$14=2,K3465*Input!$J$14,0)+IF(Input!$K$15=2,L3465*Input!$J$15,0)+IF(Input!$K$16=2,M3465*Input!$J$16,0)</f>
        <v>7.9720549990432724E-2</v>
      </c>
      <c r="P3465" s="58">
        <f>IF(Input!$K$13=3,J3465*Input!$J$13,0)+IF(Input!$K$14=3,K3465*Input!$J$14,0)+IF(Input!$K$15=3,L3465*Input!$J$15,0)+IF(Input!$K$16=3,M3465*Input!$J$16,0)</f>
        <v>0</v>
      </c>
      <c r="Q3465" s="71">
        <f>IF(Input!$K$13=4,J3465*Input!$J$13,0)+IF(Input!$K$14=4,K3465*Input!$J$14,0)+IF(Input!$K$15=4,L3465*Input!$J$15,0)+IF(Input!$K$16=4,M3465*Input!$J$16,0)</f>
        <v>0</v>
      </c>
    </row>
    <row r="3466" spans="8:17" x14ac:dyDescent="0.25">
      <c r="H3466" s="43">
        <v>3459</v>
      </c>
      <c r="I3466" s="55">
        <f>Bühler!I3492</f>
        <v>0.34190242969645995</v>
      </c>
      <c r="J3466" s="58">
        <f>Bühler!J3492</f>
        <v>7.6435111894965777</v>
      </c>
      <c r="K3466" s="58">
        <f>Bühler!K3492</f>
        <v>0.5905225925217239</v>
      </c>
      <c r="L3466" s="58">
        <f>Bühler!L3492</f>
        <v>0.29526129626086195</v>
      </c>
      <c r="M3466" s="57">
        <f>Bühler!M3492</f>
        <v>0</v>
      </c>
      <c r="N3466" s="55">
        <f>IF(Input!$K$13=1,J3466*Input!$J$13,0)+IF(Input!$K$14=1,K3466*Input!$J$14,0)+IF(Input!$K$15=1,L3466*Input!$J$15,0)+IF(Input!$K$16=1,M3466*Input!$J$16,0)</f>
        <v>0.91722134273958933</v>
      </c>
      <c r="O3466" s="58">
        <f>IF(Input!$K$13=2,J3466*Input!$J$13,0)+IF(Input!$K$14=2,K3466*Input!$J$14,0)+IF(Input!$K$15=2,L3466*Input!$J$15,0)+IF(Input!$K$16=2,M3466*Input!$J$16,0)</f>
        <v>7.9720549990432724E-2</v>
      </c>
      <c r="P3466" s="58">
        <f>IF(Input!$K$13=3,J3466*Input!$J$13,0)+IF(Input!$K$14=3,K3466*Input!$J$14,0)+IF(Input!$K$15=3,L3466*Input!$J$15,0)+IF(Input!$K$16=3,M3466*Input!$J$16,0)</f>
        <v>0</v>
      </c>
      <c r="Q3466" s="71">
        <f>IF(Input!$K$13=4,J3466*Input!$J$13,0)+IF(Input!$K$14=4,K3466*Input!$J$14,0)+IF(Input!$K$15=4,L3466*Input!$J$15,0)+IF(Input!$K$16=4,M3466*Input!$J$16,0)</f>
        <v>0</v>
      </c>
    </row>
    <row r="3467" spans="8:17" x14ac:dyDescent="0.25">
      <c r="H3467" s="43">
        <v>3460</v>
      </c>
      <c r="I3467" s="55">
        <f>Bühler!I3493</f>
        <v>0.34190242969645995</v>
      </c>
      <c r="J3467" s="58">
        <f>Bühler!J3493</f>
        <v>7.6435111894965777</v>
      </c>
      <c r="K3467" s="58">
        <f>Bühler!K3493</f>
        <v>0.5905225925217239</v>
      </c>
      <c r="L3467" s="58">
        <f>Bühler!L3493</f>
        <v>0.29526129626086195</v>
      </c>
      <c r="M3467" s="57">
        <f>Bühler!M3493</f>
        <v>0</v>
      </c>
      <c r="N3467" s="55">
        <f>IF(Input!$K$13=1,J3467*Input!$J$13,0)+IF(Input!$K$14=1,K3467*Input!$J$14,0)+IF(Input!$K$15=1,L3467*Input!$J$15,0)+IF(Input!$K$16=1,M3467*Input!$J$16,0)</f>
        <v>0.91722134273958933</v>
      </c>
      <c r="O3467" s="58">
        <f>IF(Input!$K$13=2,J3467*Input!$J$13,0)+IF(Input!$K$14=2,K3467*Input!$J$14,0)+IF(Input!$K$15=2,L3467*Input!$J$15,0)+IF(Input!$K$16=2,M3467*Input!$J$16,0)</f>
        <v>7.9720549990432724E-2</v>
      </c>
      <c r="P3467" s="58">
        <f>IF(Input!$K$13=3,J3467*Input!$J$13,0)+IF(Input!$K$14=3,K3467*Input!$J$14,0)+IF(Input!$K$15=3,L3467*Input!$J$15,0)+IF(Input!$K$16=3,M3467*Input!$J$16,0)</f>
        <v>0</v>
      </c>
      <c r="Q3467" s="71">
        <f>IF(Input!$K$13=4,J3467*Input!$J$13,0)+IF(Input!$K$14=4,K3467*Input!$J$14,0)+IF(Input!$K$15=4,L3467*Input!$J$15,0)+IF(Input!$K$16=4,M3467*Input!$J$16,0)</f>
        <v>0</v>
      </c>
    </row>
    <row r="3468" spans="8:17" x14ac:dyDescent="0.25">
      <c r="H3468" s="43">
        <v>3461</v>
      </c>
      <c r="I3468" s="55">
        <f>Bühler!I3494</f>
        <v>0.34190242969645995</v>
      </c>
      <c r="J3468" s="58">
        <f>Bühler!J3494</f>
        <v>7.6435111894965777</v>
      </c>
      <c r="K3468" s="58">
        <f>Bühler!K3494</f>
        <v>0.5905225925217239</v>
      </c>
      <c r="L3468" s="58">
        <f>Bühler!L3494</f>
        <v>0.29526129626086195</v>
      </c>
      <c r="M3468" s="57">
        <f>Bühler!M3494</f>
        <v>0</v>
      </c>
      <c r="N3468" s="55">
        <f>IF(Input!$K$13=1,J3468*Input!$J$13,0)+IF(Input!$K$14=1,K3468*Input!$J$14,0)+IF(Input!$K$15=1,L3468*Input!$J$15,0)+IF(Input!$K$16=1,M3468*Input!$J$16,0)</f>
        <v>0.91722134273958933</v>
      </c>
      <c r="O3468" s="58">
        <f>IF(Input!$K$13=2,J3468*Input!$J$13,0)+IF(Input!$K$14=2,K3468*Input!$J$14,0)+IF(Input!$K$15=2,L3468*Input!$J$15,0)+IF(Input!$K$16=2,M3468*Input!$J$16,0)</f>
        <v>7.9720549990432724E-2</v>
      </c>
      <c r="P3468" s="58">
        <f>IF(Input!$K$13=3,J3468*Input!$J$13,0)+IF(Input!$K$14=3,K3468*Input!$J$14,0)+IF(Input!$K$15=3,L3468*Input!$J$15,0)+IF(Input!$K$16=3,M3468*Input!$J$16,0)</f>
        <v>0</v>
      </c>
      <c r="Q3468" s="71">
        <f>IF(Input!$K$13=4,J3468*Input!$J$13,0)+IF(Input!$K$14=4,K3468*Input!$J$14,0)+IF(Input!$K$15=4,L3468*Input!$J$15,0)+IF(Input!$K$16=4,M3468*Input!$J$16,0)</f>
        <v>0</v>
      </c>
    </row>
    <row r="3469" spans="8:17" x14ac:dyDescent="0.25">
      <c r="H3469" s="43">
        <v>3462</v>
      </c>
      <c r="I3469" s="55">
        <f>Bühler!I3495</f>
        <v>0.34190242969645995</v>
      </c>
      <c r="J3469" s="58">
        <f>Bühler!J3495</f>
        <v>7.6435111894965777</v>
      </c>
      <c r="K3469" s="58">
        <f>Bühler!K3495</f>
        <v>0.5905225925217239</v>
      </c>
      <c r="L3469" s="58">
        <f>Bühler!L3495</f>
        <v>0.29526129626086195</v>
      </c>
      <c r="M3469" s="57">
        <f>Bühler!M3495</f>
        <v>0</v>
      </c>
      <c r="N3469" s="55">
        <f>IF(Input!$K$13=1,J3469*Input!$J$13,0)+IF(Input!$K$14=1,K3469*Input!$J$14,0)+IF(Input!$K$15=1,L3469*Input!$J$15,0)+IF(Input!$K$16=1,M3469*Input!$J$16,0)</f>
        <v>0.91722134273958933</v>
      </c>
      <c r="O3469" s="58">
        <f>IF(Input!$K$13=2,J3469*Input!$J$13,0)+IF(Input!$K$14=2,K3469*Input!$J$14,0)+IF(Input!$K$15=2,L3469*Input!$J$15,0)+IF(Input!$K$16=2,M3469*Input!$J$16,0)</f>
        <v>7.9720549990432724E-2</v>
      </c>
      <c r="P3469" s="58">
        <f>IF(Input!$K$13=3,J3469*Input!$J$13,0)+IF(Input!$K$14=3,K3469*Input!$J$14,0)+IF(Input!$K$15=3,L3469*Input!$J$15,0)+IF(Input!$K$16=3,M3469*Input!$J$16,0)</f>
        <v>0</v>
      </c>
      <c r="Q3469" s="71">
        <f>IF(Input!$K$13=4,J3469*Input!$J$13,0)+IF(Input!$K$14=4,K3469*Input!$J$14,0)+IF(Input!$K$15=4,L3469*Input!$J$15,0)+IF(Input!$K$16=4,M3469*Input!$J$16,0)</f>
        <v>0</v>
      </c>
    </row>
    <row r="3470" spans="8:17" x14ac:dyDescent="0.25">
      <c r="H3470" s="43">
        <v>3463</v>
      </c>
      <c r="I3470" s="55">
        <f>Bühler!I3496</f>
        <v>0.34190242969645995</v>
      </c>
      <c r="J3470" s="58">
        <f>Bühler!J3496</f>
        <v>7.6435111894965777</v>
      </c>
      <c r="K3470" s="58">
        <f>Bühler!K3496</f>
        <v>0.5905225925217239</v>
      </c>
      <c r="L3470" s="58">
        <f>Bühler!L3496</f>
        <v>0.29526129626086195</v>
      </c>
      <c r="M3470" s="57">
        <f>Bühler!M3496</f>
        <v>0</v>
      </c>
      <c r="N3470" s="55">
        <f>IF(Input!$K$13=1,J3470*Input!$J$13,0)+IF(Input!$K$14=1,K3470*Input!$J$14,0)+IF(Input!$K$15=1,L3470*Input!$J$15,0)+IF(Input!$K$16=1,M3470*Input!$J$16,0)</f>
        <v>0.91722134273958933</v>
      </c>
      <c r="O3470" s="58">
        <f>IF(Input!$K$13=2,J3470*Input!$J$13,0)+IF(Input!$K$14=2,K3470*Input!$J$14,0)+IF(Input!$K$15=2,L3470*Input!$J$15,0)+IF(Input!$K$16=2,M3470*Input!$J$16,0)</f>
        <v>7.9720549990432724E-2</v>
      </c>
      <c r="P3470" s="58">
        <f>IF(Input!$K$13=3,J3470*Input!$J$13,0)+IF(Input!$K$14=3,K3470*Input!$J$14,0)+IF(Input!$K$15=3,L3470*Input!$J$15,0)+IF(Input!$K$16=3,M3470*Input!$J$16,0)</f>
        <v>0</v>
      </c>
      <c r="Q3470" s="71">
        <f>IF(Input!$K$13=4,J3470*Input!$J$13,0)+IF(Input!$K$14=4,K3470*Input!$J$14,0)+IF(Input!$K$15=4,L3470*Input!$J$15,0)+IF(Input!$K$16=4,M3470*Input!$J$16,0)</f>
        <v>0</v>
      </c>
    </row>
    <row r="3471" spans="8:17" x14ac:dyDescent="0.25">
      <c r="H3471" s="43">
        <v>3464</v>
      </c>
      <c r="I3471" s="55">
        <f>Bühler!I3497</f>
        <v>0.94194119381374697</v>
      </c>
      <c r="J3471" s="58">
        <f>Bühler!J3497</f>
        <v>30.752056552385039</v>
      </c>
      <c r="K3471" s="58">
        <f>Bühler!K3497</f>
        <v>2.4139847797327438</v>
      </c>
      <c r="L3471" s="58">
        <f>Bühler!L3497</f>
        <v>1.2069923898663719</v>
      </c>
      <c r="M3471" s="57">
        <f>Bühler!M3497</f>
        <v>0</v>
      </c>
      <c r="N3471" s="55">
        <f>IF(Input!$K$13=1,J3471*Input!$J$13,0)+IF(Input!$K$14=1,K3471*Input!$J$14,0)+IF(Input!$K$15=1,L3471*Input!$J$15,0)+IF(Input!$K$16=1,M3471*Input!$J$16,0)</f>
        <v>3.6902467862862043</v>
      </c>
      <c r="O3471" s="58">
        <f>IF(Input!$K$13=2,J3471*Input!$J$13,0)+IF(Input!$K$14=2,K3471*Input!$J$14,0)+IF(Input!$K$15=2,L3471*Input!$J$15,0)+IF(Input!$K$16=2,M3471*Input!$J$16,0)</f>
        <v>0.3258879452639204</v>
      </c>
      <c r="P3471" s="58">
        <f>IF(Input!$K$13=3,J3471*Input!$J$13,0)+IF(Input!$K$14=3,K3471*Input!$J$14,0)+IF(Input!$K$15=3,L3471*Input!$J$15,0)+IF(Input!$K$16=3,M3471*Input!$J$16,0)</f>
        <v>0</v>
      </c>
      <c r="Q3471" s="71">
        <f>IF(Input!$K$13=4,J3471*Input!$J$13,0)+IF(Input!$K$14=4,K3471*Input!$J$14,0)+IF(Input!$K$15=4,L3471*Input!$J$15,0)+IF(Input!$K$16=4,M3471*Input!$J$16,0)</f>
        <v>0</v>
      </c>
    </row>
    <row r="3472" spans="8:17" x14ac:dyDescent="0.25">
      <c r="H3472" s="43">
        <v>3465</v>
      </c>
      <c r="I3472" s="55">
        <f>Bühler!I3498</f>
        <v>1.0510080688869179</v>
      </c>
      <c r="J3472" s="58">
        <f>Bühler!J3498</f>
        <v>34.312820995292782</v>
      </c>
      <c r="K3472" s="58">
        <f>Bühler!K3498</f>
        <v>2.6934988068596932</v>
      </c>
      <c r="L3472" s="58">
        <f>Bühler!L3498</f>
        <v>1.3467494034298466</v>
      </c>
      <c r="M3472" s="57">
        <f>Bühler!M3498</f>
        <v>0</v>
      </c>
      <c r="N3472" s="55">
        <f>IF(Input!$K$13=1,J3472*Input!$J$13,0)+IF(Input!$K$14=1,K3472*Input!$J$14,0)+IF(Input!$K$15=1,L3472*Input!$J$15,0)+IF(Input!$K$16=1,M3472*Input!$J$16,0)</f>
        <v>4.1175385194351337</v>
      </c>
      <c r="O3472" s="58">
        <f>IF(Input!$K$13=2,J3472*Input!$J$13,0)+IF(Input!$K$14=2,K3472*Input!$J$14,0)+IF(Input!$K$15=2,L3472*Input!$J$15,0)+IF(Input!$K$16=2,M3472*Input!$J$16,0)</f>
        <v>0.36362233892605855</v>
      </c>
      <c r="P3472" s="58">
        <f>IF(Input!$K$13=3,J3472*Input!$J$13,0)+IF(Input!$K$14=3,K3472*Input!$J$14,0)+IF(Input!$K$15=3,L3472*Input!$J$15,0)+IF(Input!$K$16=3,M3472*Input!$J$16,0)</f>
        <v>0</v>
      </c>
      <c r="Q3472" s="71">
        <f>IF(Input!$K$13=4,J3472*Input!$J$13,0)+IF(Input!$K$14=4,K3472*Input!$J$14,0)+IF(Input!$K$15=4,L3472*Input!$J$15,0)+IF(Input!$K$16=4,M3472*Input!$J$16,0)</f>
        <v>0</v>
      </c>
    </row>
    <row r="3473" spans="8:17" x14ac:dyDescent="0.25">
      <c r="H3473" s="43">
        <v>3466</v>
      </c>
      <c r="I3473" s="55">
        <f>Bühler!I3499</f>
        <v>1.1600749439600886</v>
      </c>
      <c r="J3473" s="58">
        <f>Bühler!J3499</f>
        <v>37.873585438200521</v>
      </c>
      <c r="K3473" s="58">
        <f>Bühler!K3499</f>
        <v>2.9730128339866431</v>
      </c>
      <c r="L3473" s="58">
        <f>Bühler!L3499</f>
        <v>1.4865064169933215</v>
      </c>
      <c r="M3473" s="57">
        <f>Bühler!M3499</f>
        <v>0</v>
      </c>
      <c r="N3473" s="55">
        <f>IF(Input!$K$13=1,J3473*Input!$J$13,0)+IF(Input!$K$14=1,K3473*Input!$J$14,0)+IF(Input!$K$15=1,L3473*Input!$J$15,0)+IF(Input!$K$16=1,M3473*Input!$J$16,0)</f>
        <v>4.5448302525840623</v>
      </c>
      <c r="O3473" s="58">
        <f>IF(Input!$K$13=2,J3473*Input!$J$13,0)+IF(Input!$K$14=2,K3473*Input!$J$14,0)+IF(Input!$K$15=2,L3473*Input!$J$15,0)+IF(Input!$K$16=2,M3473*Input!$J$16,0)</f>
        <v>0.40135673258819682</v>
      </c>
      <c r="P3473" s="58">
        <f>IF(Input!$K$13=3,J3473*Input!$J$13,0)+IF(Input!$K$14=3,K3473*Input!$J$14,0)+IF(Input!$K$15=3,L3473*Input!$J$15,0)+IF(Input!$K$16=3,M3473*Input!$J$16,0)</f>
        <v>0</v>
      </c>
      <c r="Q3473" s="71">
        <f>IF(Input!$K$13=4,J3473*Input!$J$13,0)+IF(Input!$K$14=4,K3473*Input!$J$14,0)+IF(Input!$K$15=4,L3473*Input!$J$15,0)+IF(Input!$K$16=4,M3473*Input!$J$16,0)</f>
        <v>0</v>
      </c>
    </row>
    <row r="3474" spans="8:17" x14ac:dyDescent="0.25">
      <c r="H3474" s="43">
        <v>3467</v>
      </c>
      <c r="I3474" s="55">
        <f>Bühler!I3500</f>
        <v>1.1600749439600886</v>
      </c>
      <c r="J3474" s="58">
        <f>Bühler!J3500</f>
        <v>37.873585438200521</v>
      </c>
      <c r="K3474" s="58">
        <f>Bühler!K3500</f>
        <v>2.9730128339866431</v>
      </c>
      <c r="L3474" s="58">
        <f>Bühler!L3500</f>
        <v>1.4865064169933215</v>
      </c>
      <c r="M3474" s="57">
        <f>Bühler!M3500</f>
        <v>0</v>
      </c>
      <c r="N3474" s="55">
        <f>IF(Input!$K$13=1,J3474*Input!$J$13,0)+IF(Input!$K$14=1,K3474*Input!$J$14,0)+IF(Input!$K$15=1,L3474*Input!$J$15,0)+IF(Input!$K$16=1,M3474*Input!$J$16,0)</f>
        <v>4.5448302525840623</v>
      </c>
      <c r="O3474" s="58">
        <f>IF(Input!$K$13=2,J3474*Input!$J$13,0)+IF(Input!$K$14=2,K3474*Input!$J$14,0)+IF(Input!$K$15=2,L3474*Input!$J$15,0)+IF(Input!$K$16=2,M3474*Input!$J$16,0)</f>
        <v>0.40135673258819682</v>
      </c>
      <c r="P3474" s="58">
        <f>IF(Input!$K$13=3,J3474*Input!$J$13,0)+IF(Input!$K$14=3,K3474*Input!$J$14,0)+IF(Input!$K$15=3,L3474*Input!$J$15,0)+IF(Input!$K$16=3,M3474*Input!$J$16,0)</f>
        <v>0</v>
      </c>
      <c r="Q3474" s="71">
        <f>IF(Input!$K$13=4,J3474*Input!$J$13,0)+IF(Input!$K$14=4,K3474*Input!$J$14,0)+IF(Input!$K$15=4,L3474*Input!$J$15,0)+IF(Input!$K$16=4,M3474*Input!$J$16,0)</f>
        <v>0</v>
      </c>
    </row>
    <row r="3475" spans="8:17" x14ac:dyDescent="0.25">
      <c r="H3475" s="43">
        <v>3468</v>
      </c>
      <c r="I3475" s="55">
        <f>Bühler!I3501</f>
        <v>1.3881238645676273</v>
      </c>
      <c r="J3475" s="58">
        <f>Bühler!J3501</f>
        <v>45.318820182462161</v>
      </c>
      <c r="K3475" s="58">
        <f>Bühler!K3501</f>
        <v>3.557451254342991</v>
      </c>
      <c r="L3475" s="58">
        <f>Bühler!L3501</f>
        <v>1.7787256271714955</v>
      </c>
      <c r="M3475" s="57">
        <f>Bühler!M3501</f>
        <v>0</v>
      </c>
      <c r="N3475" s="55">
        <f>IF(Input!$K$13=1,J3475*Input!$J$13,0)+IF(Input!$K$14=1,K3475*Input!$J$14,0)+IF(Input!$K$15=1,L3475*Input!$J$15,0)+IF(Input!$K$16=1,M3475*Input!$J$16,0)</f>
        <v>5.4382584218954593</v>
      </c>
      <c r="O3475" s="58">
        <f>IF(Input!$K$13=2,J3475*Input!$J$13,0)+IF(Input!$K$14=2,K3475*Input!$J$14,0)+IF(Input!$K$15=2,L3475*Input!$J$15,0)+IF(Input!$K$16=2,M3475*Input!$J$16,0)</f>
        <v>0.48025591933630374</v>
      </c>
      <c r="P3475" s="58">
        <f>IF(Input!$K$13=3,J3475*Input!$J$13,0)+IF(Input!$K$14=3,K3475*Input!$J$14,0)+IF(Input!$K$15=3,L3475*Input!$J$15,0)+IF(Input!$K$16=3,M3475*Input!$J$16,0)</f>
        <v>0</v>
      </c>
      <c r="Q3475" s="71">
        <f>IF(Input!$K$13=4,J3475*Input!$J$13,0)+IF(Input!$K$14=4,K3475*Input!$J$14,0)+IF(Input!$K$15=4,L3475*Input!$J$15,0)+IF(Input!$K$16=4,M3475*Input!$J$16,0)</f>
        <v>0</v>
      </c>
    </row>
    <row r="3476" spans="8:17" x14ac:dyDescent="0.25">
      <c r="H3476" s="43">
        <v>3469</v>
      </c>
      <c r="I3476" s="55">
        <f>Bühler!I3502</f>
        <v>1.3881238645676273</v>
      </c>
      <c r="J3476" s="58">
        <f>Bühler!J3502</f>
        <v>45.318820182462161</v>
      </c>
      <c r="K3476" s="58">
        <f>Bühler!K3502</f>
        <v>3.557451254342991</v>
      </c>
      <c r="L3476" s="58">
        <f>Bühler!L3502</f>
        <v>1.7787256271714955</v>
      </c>
      <c r="M3476" s="57">
        <f>Bühler!M3502</f>
        <v>0</v>
      </c>
      <c r="N3476" s="55">
        <f>IF(Input!$K$13=1,J3476*Input!$J$13,0)+IF(Input!$K$14=1,K3476*Input!$J$14,0)+IF(Input!$K$15=1,L3476*Input!$J$15,0)+IF(Input!$K$16=1,M3476*Input!$J$16,0)</f>
        <v>5.4382584218954593</v>
      </c>
      <c r="O3476" s="58">
        <f>IF(Input!$K$13=2,J3476*Input!$J$13,0)+IF(Input!$K$14=2,K3476*Input!$J$14,0)+IF(Input!$K$15=2,L3476*Input!$J$15,0)+IF(Input!$K$16=2,M3476*Input!$J$16,0)</f>
        <v>0.48025591933630374</v>
      </c>
      <c r="P3476" s="58">
        <f>IF(Input!$K$13=3,J3476*Input!$J$13,0)+IF(Input!$K$14=3,K3476*Input!$J$14,0)+IF(Input!$K$15=3,L3476*Input!$J$15,0)+IF(Input!$K$16=3,M3476*Input!$J$16,0)</f>
        <v>0</v>
      </c>
      <c r="Q3476" s="71">
        <f>IF(Input!$K$13=4,J3476*Input!$J$13,0)+IF(Input!$K$14=4,K3476*Input!$J$14,0)+IF(Input!$K$15=4,L3476*Input!$J$15,0)+IF(Input!$K$16=4,M3476*Input!$J$16,0)</f>
        <v>0</v>
      </c>
    </row>
    <row r="3477" spans="8:17" x14ac:dyDescent="0.25">
      <c r="H3477" s="43">
        <v>3470</v>
      </c>
      <c r="I3477" s="55">
        <f>Bühler!I3503</f>
        <v>0.92211085289135231</v>
      </c>
      <c r="J3477" s="58">
        <f>Bühler!J3503</f>
        <v>30.104644835492724</v>
      </c>
      <c r="K3477" s="58">
        <f>Bühler!K3503</f>
        <v>2.3631640475278437</v>
      </c>
      <c r="L3477" s="58">
        <f>Bühler!L3503</f>
        <v>1.1815820237639219</v>
      </c>
      <c r="M3477" s="57">
        <f>Bühler!M3503</f>
        <v>0</v>
      </c>
      <c r="N3477" s="55">
        <f>IF(Input!$K$13=1,J3477*Input!$J$13,0)+IF(Input!$K$14=1,K3477*Input!$J$14,0)+IF(Input!$K$15=1,L3477*Input!$J$15,0)+IF(Input!$K$16=1,M3477*Input!$J$16,0)</f>
        <v>3.6125573802591266</v>
      </c>
      <c r="O3477" s="58">
        <f>IF(Input!$K$13=2,J3477*Input!$J$13,0)+IF(Input!$K$14=2,K3477*Input!$J$14,0)+IF(Input!$K$15=2,L3477*Input!$J$15,0)+IF(Input!$K$16=2,M3477*Input!$J$16,0)</f>
        <v>0.3190271464162589</v>
      </c>
      <c r="P3477" s="58">
        <f>IF(Input!$K$13=3,J3477*Input!$J$13,0)+IF(Input!$K$14=3,K3477*Input!$J$14,0)+IF(Input!$K$15=3,L3477*Input!$J$15,0)+IF(Input!$K$16=3,M3477*Input!$J$16,0)</f>
        <v>0</v>
      </c>
      <c r="Q3477" s="71">
        <f>IF(Input!$K$13=4,J3477*Input!$J$13,0)+IF(Input!$K$14=4,K3477*Input!$J$14,0)+IF(Input!$K$15=4,L3477*Input!$J$15,0)+IF(Input!$K$16=4,M3477*Input!$J$16,0)</f>
        <v>0</v>
      </c>
    </row>
    <row r="3478" spans="8:17" x14ac:dyDescent="0.25">
      <c r="H3478" s="43">
        <v>3471</v>
      </c>
      <c r="I3478" s="55">
        <f>Bühler!I3504</f>
        <v>1.3881238645676273</v>
      </c>
      <c r="J3478" s="58">
        <f>Bühler!J3504</f>
        <v>45.318820182462161</v>
      </c>
      <c r="K3478" s="58">
        <f>Bühler!K3504</f>
        <v>3.557451254342991</v>
      </c>
      <c r="L3478" s="58">
        <f>Bühler!L3504</f>
        <v>1.7787256271714955</v>
      </c>
      <c r="M3478" s="57">
        <f>Bühler!M3504</f>
        <v>0</v>
      </c>
      <c r="N3478" s="55">
        <f>IF(Input!$K$13=1,J3478*Input!$J$13,0)+IF(Input!$K$14=1,K3478*Input!$J$14,0)+IF(Input!$K$15=1,L3478*Input!$J$15,0)+IF(Input!$K$16=1,M3478*Input!$J$16,0)</f>
        <v>5.4382584218954593</v>
      </c>
      <c r="O3478" s="58">
        <f>IF(Input!$K$13=2,J3478*Input!$J$13,0)+IF(Input!$K$14=2,K3478*Input!$J$14,0)+IF(Input!$K$15=2,L3478*Input!$J$15,0)+IF(Input!$K$16=2,M3478*Input!$J$16,0)</f>
        <v>0.48025591933630374</v>
      </c>
      <c r="P3478" s="58">
        <f>IF(Input!$K$13=3,J3478*Input!$J$13,0)+IF(Input!$K$14=3,K3478*Input!$J$14,0)+IF(Input!$K$15=3,L3478*Input!$J$15,0)+IF(Input!$K$16=3,M3478*Input!$J$16,0)</f>
        <v>0</v>
      </c>
      <c r="Q3478" s="71">
        <f>IF(Input!$K$13=4,J3478*Input!$J$13,0)+IF(Input!$K$14=4,K3478*Input!$J$14,0)+IF(Input!$K$15=4,L3478*Input!$J$15,0)+IF(Input!$K$16=4,M3478*Input!$J$16,0)</f>
        <v>0</v>
      </c>
    </row>
    <row r="3479" spans="8:17" x14ac:dyDescent="0.25">
      <c r="H3479" s="43">
        <v>3472</v>
      </c>
      <c r="I3479" s="55">
        <f>Bühler!I3505</f>
        <v>1.3881238645676273</v>
      </c>
      <c r="J3479" s="58">
        <f>Bühler!J3505</f>
        <v>45.318820182462161</v>
      </c>
      <c r="K3479" s="58">
        <f>Bühler!K3505</f>
        <v>3.557451254342991</v>
      </c>
      <c r="L3479" s="58">
        <f>Bühler!L3505</f>
        <v>1.7787256271714955</v>
      </c>
      <c r="M3479" s="57">
        <f>Bühler!M3505</f>
        <v>0</v>
      </c>
      <c r="N3479" s="55">
        <f>IF(Input!$K$13=1,J3479*Input!$J$13,0)+IF(Input!$K$14=1,K3479*Input!$J$14,0)+IF(Input!$K$15=1,L3479*Input!$J$15,0)+IF(Input!$K$16=1,M3479*Input!$J$16,0)</f>
        <v>5.4382584218954593</v>
      </c>
      <c r="O3479" s="58">
        <f>IF(Input!$K$13=2,J3479*Input!$J$13,0)+IF(Input!$K$14=2,K3479*Input!$J$14,0)+IF(Input!$K$15=2,L3479*Input!$J$15,0)+IF(Input!$K$16=2,M3479*Input!$J$16,0)</f>
        <v>0.48025591933630374</v>
      </c>
      <c r="P3479" s="58">
        <f>IF(Input!$K$13=3,J3479*Input!$J$13,0)+IF(Input!$K$14=3,K3479*Input!$J$14,0)+IF(Input!$K$15=3,L3479*Input!$J$15,0)+IF(Input!$K$16=3,M3479*Input!$J$16,0)</f>
        <v>0</v>
      </c>
      <c r="Q3479" s="71">
        <f>IF(Input!$K$13=4,J3479*Input!$J$13,0)+IF(Input!$K$14=4,K3479*Input!$J$14,0)+IF(Input!$K$15=4,L3479*Input!$J$15,0)+IF(Input!$K$16=4,M3479*Input!$J$16,0)</f>
        <v>0</v>
      </c>
    </row>
    <row r="3480" spans="8:17" x14ac:dyDescent="0.25">
      <c r="H3480" s="43">
        <v>3473</v>
      </c>
      <c r="I3480" s="55">
        <f>Bühler!I3506</f>
        <v>1.1599039927452404</v>
      </c>
      <c r="J3480" s="58">
        <f>Bühler!J3506</f>
        <v>27.076127620645895</v>
      </c>
      <c r="K3480" s="58">
        <f>Bühler!K3506</f>
        <v>2.09635520345212</v>
      </c>
      <c r="L3480" s="58">
        <f>Bühler!L3506</f>
        <v>1.04817760172606</v>
      </c>
      <c r="M3480" s="57">
        <f>Bühler!M3506</f>
        <v>0</v>
      </c>
      <c r="N3480" s="55">
        <f>IF(Input!$K$13=1,J3480*Input!$J$13,0)+IF(Input!$K$14=1,K3480*Input!$J$14,0)+IF(Input!$K$15=1,L3480*Input!$J$15,0)+IF(Input!$K$16=1,M3480*Input!$J$16,0)</f>
        <v>3.2491353144775075</v>
      </c>
      <c r="O3480" s="58">
        <f>IF(Input!$K$13=2,J3480*Input!$J$13,0)+IF(Input!$K$14=2,K3480*Input!$J$14,0)+IF(Input!$K$15=2,L3480*Input!$J$15,0)+IF(Input!$K$16=2,M3480*Input!$J$16,0)</f>
        <v>0.28300795246603616</v>
      </c>
      <c r="P3480" s="58">
        <f>IF(Input!$K$13=3,J3480*Input!$J$13,0)+IF(Input!$K$14=3,K3480*Input!$J$14,0)+IF(Input!$K$15=3,L3480*Input!$J$15,0)+IF(Input!$K$16=3,M3480*Input!$J$16,0)</f>
        <v>0</v>
      </c>
      <c r="Q3480" s="71">
        <f>IF(Input!$K$13=4,J3480*Input!$J$13,0)+IF(Input!$K$14=4,K3480*Input!$J$14,0)+IF(Input!$K$15=4,L3480*Input!$J$15,0)+IF(Input!$K$16=4,M3480*Input!$J$16,0)</f>
        <v>0</v>
      </c>
    </row>
    <row r="3481" spans="8:17" x14ac:dyDescent="0.25">
      <c r="H3481" s="43">
        <v>3474</v>
      </c>
      <c r="I3481" s="55">
        <f>Bühler!I3507</f>
        <v>0.92228180410620053</v>
      </c>
      <c r="J3481" s="58">
        <f>Bühler!J3507</f>
        <v>12.019012697870727</v>
      </c>
      <c r="K3481" s="58">
        <f>Bühler!K3507</f>
        <v>0.89473120079049073</v>
      </c>
      <c r="L3481" s="58">
        <f>Bühler!L3507</f>
        <v>0.44736560039524537</v>
      </c>
      <c r="M3481" s="57">
        <f>Bühler!M3507</f>
        <v>0</v>
      </c>
      <c r="N3481" s="55">
        <f>IF(Input!$K$13=1,J3481*Input!$J$13,0)+IF(Input!$K$14=1,K3481*Input!$J$14,0)+IF(Input!$K$15=1,L3481*Input!$J$15,0)+IF(Input!$K$16=1,M3481*Input!$J$16,0)</f>
        <v>1.442281523744487</v>
      </c>
      <c r="O3481" s="58">
        <f>IF(Input!$K$13=2,J3481*Input!$J$13,0)+IF(Input!$K$14=2,K3481*Input!$J$14,0)+IF(Input!$K$15=2,L3481*Input!$J$15,0)+IF(Input!$K$16=2,M3481*Input!$J$16,0)</f>
        <v>0.12078871210671624</v>
      </c>
      <c r="P3481" s="58">
        <f>IF(Input!$K$13=3,J3481*Input!$J$13,0)+IF(Input!$K$14=3,K3481*Input!$J$14,0)+IF(Input!$K$15=3,L3481*Input!$J$15,0)+IF(Input!$K$16=3,M3481*Input!$J$16,0)</f>
        <v>0</v>
      </c>
      <c r="Q3481" s="71">
        <f>IF(Input!$K$13=4,J3481*Input!$J$13,0)+IF(Input!$K$14=4,K3481*Input!$J$14,0)+IF(Input!$K$15=4,L3481*Input!$J$15,0)+IF(Input!$K$16=4,M3481*Input!$J$16,0)</f>
        <v>0</v>
      </c>
    </row>
    <row r="3482" spans="8:17" x14ac:dyDescent="0.25">
      <c r="H3482" s="43">
        <v>3475</v>
      </c>
      <c r="I3482" s="55">
        <f>Bühler!I3508</f>
        <v>0.34190242969645995</v>
      </c>
      <c r="J3482" s="58">
        <f>Bühler!J3508</f>
        <v>7.6435111894965777</v>
      </c>
      <c r="K3482" s="58">
        <f>Bühler!K3508</f>
        <v>0.5905225925217239</v>
      </c>
      <c r="L3482" s="58">
        <f>Bühler!L3508</f>
        <v>0.29526129626086195</v>
      </c>
      <c r="M3482" s="57">
        <f>Bühler!M3508</f>
        <v>0</v>
      </c>
      <c r="N3482" s="55">
        <f>IF(Input!$K$13=1,J3482*Input!$J$13,0)+IF(Input!$K$14=1,K3482*Input!$J$14,0)+IF(Input!$K$15=1,L3482*Input!$J$15,0)+IF(Input!$K$16=1,M3482*Input!$J$16,0)</f>
        <v>0.91722134273958933</v>
      </c>
      <c r="O3482" s="58">
        <f>IF(Input!$K$13=2,J3482*Input!$J$13,0)+IF(Input!$K$14=2,K3482*Input!$J$14,0)+IF(Input!$K$15=2,L3482*Input!$J$15,0)+IF(Input!$K$16=2,M3482*Input!$J$16,0)</f>
        <v>7.9720549990432724E-2</v>
      </c>
      <c r="P3482" s="58">
        <f>IF(Input!$K$13=3,J3482*Input!$J$13,0)+IF(Input!$K$14=3,K3482*Input!$J$14,0)+IF(Input!$K$15=3,L3482*Input!$J$15,0)+IF(Input!$K$16=3,M3482*Input!$J$16,0)</f>
        <v>0</v>
      </c>
      <c r="Q3482" s="71">
        <f>IF(Input!$K$13=4,J3482*Input!$J$13,0)+IF(Input!$K$14=4,K3482*Input!$J$14,0)+IF(Input!$K$15=4,L3482*Input!$J$15,0)+IF(Input!$K$16=4,M3482*Input!$J$16,0)</f>
        <v>0</v>
      </c>
    </row>
    <row r="3483" spans="8:17" x14ac:dyDescent="0.25">
      <c r="H3483" s="43">
        <v>3476</v>
      </c>
      <c r="I3483" s="55">
        <f>Bühler!I3509</f>
        <v>0.34190242969645995</v>
      </c>
      <c r="J3483" s="58">
        <f>Bühler!J3509</f>
        <v>7.6435111894965777</v>
      </c>
      <c r="K3483" s="58">
        <f>Bühler!K3509</f>
        <v>0.5905225925217239</v>
      </c>
      <c r="L3483" s="58">
        <f>Bühler!L3509</f>
        <v>0.29526129626086195</v>
      </c>
      <c r="M3483" s="57">
        <f>Bühler!M3509</f>
        <v>0</v>
      </c>
      <c r="N3483" s="55">
        <f>IF(Input!$K$13=1,J3483*Input!$J$13,0)+IF(Input!$K$14=1,K3483*Input!$J$14,0)+IF(Input!$K$15=1,L3483*Input!$J$15,0)+IF(Input!$K$16=1,M3483*Input!$J$16,0)</f>
        <v>0.91722134273958933</v>
      </c>
      <c r="O3483" s="58">
        <f>IF(Input!$K$13=2,J3483*Input!$J$13,0)+IF(Input!$K$14=2,K3483*Input!$J$14,0)+IF(Input!$K$15=2,L3483*Input!$J$15,0)+IF(Input!$K$16=2,M3483*Input!$J$16,0)</f>
        <v>7.9720549990432724E-2</v>
      </c>
      <c r="P3483" s="58">
        <f>IF(Input!$K$13=3,J3483*Input!$J$13,0)+IF(Input!$K$14=3,K3483*Input!$J$14,0)+IF(Input!$K$15=3,L3483*Input!$J$15,0)+IF(Input!$K$16=3,M3483*Input!$J$16,0)</f>
        <v>0</v>
      </c>
      <c r="Q3483" s="71">
        <f>IF(Input!$K$13=4,J3483*Input!$J$13,0)+IF(Input!$K$14=4,K3483*Input!$J$14,0)+IF(Input!$K$15=4,L3483*Input!$J$15,0)+IF(Input!$K$16=4,M3483*Input!$J$16,0)</f>
        <v>0</v>
      </c>
    </row>
    <row r="3484" spans="8:17" x14ac:dyDescent="0.25">
      <c r="H3484" s="43">
        <v>3477</v>
      </c>
      <c r="I3484" s="55">
        <f>Bühler!I3510</f>
        <v>0.34190242969645995</v>
      </c>
      <c r="J3484" s="58">
        <f>Bühler!J3510</f>
        <v>7.6435111894965777</v>
      </c>
      <c r="K3484" s="58">
        <f>Bühler!K3510</f>
        <v>0.5905225925217239</v>
      </c>
      <c r="L3484" s="58">
        <f>Bühler!L3510</f>
        <v>0.29526129626086195</v>
      </c>
      <c r="M3484" s="57">
        <f>Bühler!M3510</f>
        <v>0</v>
      </c>
      <c r="N3484" s="55">
        <f>IF(Input!$K$13=1,J3484*Input!$J$13,0)+IF(Input!$K$14=1,K3484*Input!$J$14,0)+IF(Input!$K$15=1,L3484*Input!$J$15,0)+IF(Input!$K$16=1,M3484*Input!$J$16,0)</f>
        <v>0.91722134273958933</v>
      </c>
      <c r="O3484" s="58">
        <f>IF(Input!$K$13=2,J3484*Input!$J$13,0)+IF(Input!$K$14=2,K3484*Input!$J$14,0)+IF(Input!$K$15=2,L3484*Input!$J$15,0)+IF(Input!$K$16=2,M3484*Input!$J$16,0)</f>
        <v>7.9720549990432724E-2</v>
      </c>
      <c r="P3484" s="58">
        <f>IF(Input!$K$13=3,J3484*Input!$J$13,0)+IF(Input!$K$14=3,K3484*Input!$J$14,0)+IF(Input!$K$15=3,L3484*Input!$J$15,0)+IF(Input!$K$16=3,M3484*Input!$J$16,0)</f>
        <v>0</v>
      </c>
      <c r="Q3484" s="71">
        <f>IF(Input!$K$13=4,J3484*Input!$J$13,0)+IF(Input!$K$14=4,K3484*Input!$J$14,0)+IF(Input!$K$15=4,L3484*Input!$J$15,0)+IF(Input!$K$16=4,M3484*Input!$J$16,0)</f>
        <v>0</v>
      </c>
    </row>
    <row r="3485" spans="8:17" x14ac:dyDescent="0.25">
      <c r="H3485" s="43">
        <v>3478</v>
      </c>
      <c r="I3485" s="55">
        <f>Bühler!I3511</f>
        <v>0.34190242969645995</v>
      </c>
      <c r="J3485" s="58">
        <f>Bühler!J3511</f>
        <v>7.6435111894965777</v>
      </c>
      <c r="K3485" s="58">
        <f>Bühler!K3511</f>
        <v>0.5905225925217239</v>
      </c>
      <c r="L3485" s="58">
        <f>Bühler!L3511</f>
        <v>0.29526129626086195</v>
      </c>
      <c r="M3485" s="57">
        <f>Bühler!M3511</f>
        <v>0</v>
      </c>
      <c r="N3485" s="55">
        <f>IF(Input!$K$13=1,J3485*Input!$J$13,0)+IF(Input!$K$14=1,K3485*Input!$J$14,0)+IF(Input!$K$15=1,L3485*Input!$J$15,0)+IF(Input!$K$16=1,M3485*Input!$J$16,0)</f>
        <v>0.91722134273958933</v>
      </c>
      <c r="O3485" s="58">
        <f>IF(Input!$K$13=2,J3485*Input!$J$13,0)+IF(Input!$K$14=2,K3485*Input!$J$14,0)+IF(Input!$K$15=2,L3485*Input!$J$15,0)+IF(Input!$K$16=2,M3485*Input!$J$16,0)</f>
        <v>7.9720549990432724E-2</v>
      </c>
      <c r="P3485" s="58">
        <f>IF(Input!$K$13=3,J3485*Input!$J$13,0)+IF(Input!$K$14=3,K3485*Input!$J$14,0)+IF(Input!$K$15=3,L3485*Input!$J$15,0)+IF(Input!$K$16=3,M3485*Input!$J$16,0)</f>
        <v>0</v>
      </c>
      <c r="Q3485" s="71">
        <f>IF(Input!$K$13=4,J3485*Input!$J$13,0)+IF(Input!$K$14=4,K3485*Input!$J$14,0)+IF(Input!$K$15=4,L3485*Input!$J$15,0)+IF(Input!$K$16=4,M3485*Input!$J$16,0)</f>
        <v>0</v>
      </c>
    </row>
    <row r="3486" spans="8:17" x14ac:dyDescent="0.25">
      <c r="H3486" s="43">
        <v>3479</v>
      </c>
      <c r="I3486" s="55">
        <f>Bühler!I3512</f>
        <v>0.34190242969645995</v>
      </c>
      <c r="J3486" s="58">
        <f>Bühler!J3512</f>
        <v>7.6435111894965777</v>
      </c>
      <c r="K3486" s="58">
        <f>Bühler!K3512</f>
        <v>0.5905225925217239</v>
      </c>
      <c r="L3486" s="58">
        <f>Bühler!L3512</f>
        <v>0.29526129626086195</v>
      </c>
      <c r="M3486" s="57">
        <f>Bühler!M3512</f>
        <v>0</v>
      </c>
      <c r="N3486" s="55">
        <f>IF(Input!$K$13=1,J3486*Input!$J$13,0)+IF(Input!$K$14=1,K3486*Input!$J$14,0)+IF(Input!$K$15=1,L3486*Input!$J$15,0)+IF(Input!$K$16=1,M3486*Input!$J$16,0)</f>
        <v>0.91722134273958933</v>
      </c>
      <c r="O3486" s="58">
        <f>IF(Input!$K$13=2,J3486*Input!$J$13,0)+IF(Input!$K$14=2,K3486*Input!$J$14,0)+IF(Input!$K$15=2,L3486*Input!$J$15,0)+IF(Input!$K$16=2,M3486*Input!$J$16,0)</f>
        <v>7.9720549990432724E-2</v>
      </c>
      <c r="P3486" s="58">
        <f>IF(Input!$K$13=3,J3486*Input!$J$13,0)+IF(Input!$K$14=3,K3486*Input!$J$14,0)+IF(Input!$K$15=3,L3486*Input!$J$15,0)+IF(Input!$K$16=3,M3486*Input!$J$16,0)</f>
        <v>0</v>
      </c>
      <c r="Q3486" s="71">
        <f>IF(Input!$K$13=4,J3486*Input!$J$13,0)+IF(Input!$K$14=4,K3486*Input!$J$14,0)+IF(Input!$K$15=4,L3486*Input!$J$15,0)+IF(Input!$K$16=4,M3486*Input!$J$16,0)</f>
        <v>0</v>
      </c>
    </row>
    <row r="3487" spans="8:17" x14ac:dyDescent="0.25">
      <c r="H3487" s="43">
        <v>3480</v>
      </c>
      <c r="I3487" s="55">
        <f>Bühler!I3513</f>
        <v>0.34190242969645995</v>
      </c>
      <c r="J3487" s="58">
        <f>Bühler!J3513</f>
        <v>7.6435111894965777</v>
      </c>
      <c r="K3487" s="58">
        <f>Bühler!K3513</f>
        <v>0.5905225925217239</v>
      </c>
      <c r="L3487" s="58">
        <f>Bühler!L3513</f>
        <v>0.29526129626086195</v>
      </c>
      <c r="M3487" s="57">
        <f>Bühler!M3513</f>
        <v>0</v>
      </c>
      <c r="N3487" s="55">
        <f>IF(Input!$K$13=1,J3487*Input!$J$13,0)+IF(Input!$K$14=1,K3487*Input!$J$14,0)+IF(Input!$K$15=1,L3487*Input!$J$15,0)+IF(Input!$K$16=1,M3487*Input!$J$16,0)</f>
        <v>0.91722134273958933</v>
      </c>
      <c r="O3487" s="58">
        <f>IF(Input!$K$13=2,J3487*Input!$J$13,0)+IF(Input!$K$14=2,K3487*Input!$J$14,0)+IF(Input!$K$15=2,L3487*Input!$J$15,0)+IF(Input!$K$16=2,M3487*Input!$J$16,0)</f>
        <v>7.9720549990432724E-2</v>
      </c>
      <c r="P3487" s="58">
        <f>IF(Input!$K$13=3,J3487*Input!$J$13,0)+IF(Input!$K$14=3,K3487*Input!$J$14,0)+IF(Input!$K$15=3,L3487*Input!$J$15,0)+IF(Input!$K$16=3,M3487*Input!$J$16,0)</f>
        <v>0</v>
      </c>
      <c r="Q3487" s="71">
        <f>IF(Input!$K$13=4,J3487*Input!$J$13,0)+IF(Input!$K$14=4,K3487*Input!$J$14,0)+IF(Input!$K$15=4,L3487*Input!$J$15,0)+IF(Input!$K$16=4,M3487*Input!$J$16,0)</f>
        <v>0</v>
      </c>
    </row>
    <row r="3488" spans="8:17" x14ac:dyDescent="0.25">
      <c r="H3488" s="43">
        <v>3481</v>
      </c>
      <c r="I3488" s="55">
        <f>Bühler!I3514</f>
        <v>0.269646336392172</v>
      </c>
      <c r="J3488" s="58">
        <f>Bühler!J3514</f>
        <v>11.201105136694464</v>
      </c>
      <c r="K3488" s="58">
        <f>Bühler!K3514</f>
        <v>0.89445631526609215</v>
      </c>
      <c r="L3488" s="58">
        <f>Bühler!L3514</f>
        <v>0.44722815763304608</v>
      </c>
      <c r="M3488" s="57">
        <f>Bühler!M3514</f>
        <v>0</v>
      </c>
      <c r="N3488" s="55">
        <f>IF(Input!$K$13=1,J3488*Input!$J$13,0)+IF(Input!$K$14=1,K3488*Input!$J$14,0)+IF(Input!$K$15=1,L3488*Input!$J$15,0)+IF(Input!$K$16=1,M3488*Input!$J$16,0)</f>
        <v>1.3441326164033356</v>
      </c>
      <c r="O3488" s="58">
        <f>IF(Input!$K$13=2,J3488*Input!$J$13,0)+IF(Input!$K$14=2,K3488*Input!$J$14,0)+IF(Input!$K$15=2,L3488*Input!$J$15,0)+IF(Input!$K$16=2,M3488*Input!$J$16,0)</f>
        <v>0.12075160256092243</v>
      </c>
      <c r="P3488" s="58">
        <f>IF(Input!$K$13=3,J3488*Input!$J$13,0)+IF(Input!$K$14=3,K3488*Input!$J$14,0)+IF(Input!$K$15=3,L3488*Input!$J$15,0)+IF(Input!$K$16=3,M3488*Input!$J$16,0)</f>
        <v>0</v>
      </c>
      <c r="Q3488" s="71">
        <f>IF(Input!$K$13=4,J3488*Input!$J$13,0)+IF(Input!$K$14=4,K3488*Input!$J$14,0)+IF(Input!$K$15=4,L3488*Input!$J$15,0)+IF(Input!$K$16=4,M3488*Input!$J$16,0)</f>
        <v>0</v>
      </c>
    </row>
    <row r="3489" spans="8:17" x14ac:dyDescent="0.25">
      <c r="H3489" s="43">
        <v>3482</v>
      </c>
      <c r="I3489" s="55">
        <f>Bühler!I3515</f>
        <v>0.269646336392172</v>
      </c>
      <c r="J3489" s="58">
        <f>Bühler!J3515</f>
        <v>6.9036249082246179</v>
      </c>
      <c r="K3489" s="58">
        <f>Bühler!K3515</f>
        <v>0.54209473652490436</v>
      </c>
      <c r="L3489" s="58">
        <f>Bühler!L3515</f>
        <v>0.27104736826245218</v>
      </c>
      <c r="M3489" s="57">
        <f>Bühler!M3515</f>
        <v>0</v>
      </c>
      <c r="N3489" s="55">
        <f>IF(Input!$K$13=1,J3489*Input!$J$13,0)+IF(Input!$K$14=1,K3489*Input!$J$14,0)+IF(Input!$K$15=1,L3489*Input!$J$15,0)+IF(Input!$K$16=1,M3489*Input!$J$16,0)</f>
        <v>0.82843498898695411</v>
      </c>
      <c r="O3489" s="58">
        <f>IF(Input!$K$13=2,J3489*Input!$J$13,0)+IF(Input!$K$14=2,K3489*Input!$J$14,0)+IF(Input!$K$15=2,L3489*Input!$J$15,0)+IF(Input!$K$16=2,M3489*Input!$J$16,0)</f>
        <v>7.3182789430862094E-2</v>
      </c>
      <c r="P3489" s="58">
        <f>IF(Input!$K$13=3,J3489*Input!$J$13,0)+IF(Input!$K$14=3,K3489*Input!$J$14,0)+IF(Input!$K$15=3,L3489*Input!$J$15,0)+IF(Input!$K$16=3,M3489*Input!$J$16,0)</f>
        <v>0</v>
      </c>
      <c r="Q3489" s="71">
        <f>IF(Input!$K$13=4,J3489*Input!$J$13,0)+IF(Input!$K$14=4,K3489*Input!$J$14,0)+IF(Input!$K$15=4,L3489*Input!$J$15,0)+IF(Input!$K$16=4,M3489*Input!$J$16,0)</f>
        <v>0</v>
      </c>
    </row>
    <row r="3490" spans="8:17" x14ac:dyDescent="0.25">
      <c r="H3490" s="43">
        <v>3483</v>
      </c>
      <c r="I3490" s="55">
        <f>Bühler!I3516</f>
        <v>0.269646336392172</v>
      </c>
      <c r="J3490" s="58">
        <f>Bühler!J3516</f>
        <v>6.9036249082246179</v>
      </c>
      <c r="K3490" s="58">
        <f>Bühler!K3516</f>
        <v>0.54209473652490436</v>
      </c>
      <c r="L3490" s="58">
        <f>Bühler!L3516</f>
        <v>0.27104736826245218</v>
      </c>
      <c r="M3490" s="57">
        <f>Bühler!M3516</f>
        <v>0</v>
      </c>
      <c r="N3490" s="55">
        <f>IF(Input!$K$13=1,J3490*Input!$J$13,0)+IF(Input!$K$14=1,K3490*Input!$J$14,0)+IF(Input!$K$15=1,L3490*Input!$J$15,0)+IF(Input!$K$16=1,M3490*Input!$J$16,0)</f>
        <v>0.82843498898695411</v>
      </c>
      <c r="O3490" s="58">
        <f>IF(Input!$K$13=2,J3490*Input!$J$13,0)+IF(Input!$K$14=2,K3490*Input!$J$14,0)+IF(Input!$K$15=2,L3490*Input!$J$15,0)+IF(Input!$K$16=2,M3490*Input!$J$16,0)</f>
        <v>7.3182789430862094E-2</v>
      </c>
      <c r="P3490" s="58">
        <f>IF(Input!$K$13=3,J3490*Input!$J$13,0)+IF(Input!$K$14=3,K3490*Input!$J$14,0)+IF(Input!$K$15=3,L3490*Input!$J$15,0)+IF(Input!$K$16=3,M3490*Input!$J$16,0)</f>
        <v>0</v>
      </c>
      <c r="Q3490" s="71">
        <f>IF(Input!$K$13=4,J3490*Input!$J$13,0)+IF(Input!$K$14=4,K3490*Input!$J$14,0)+IF(Input!$K$15=4,L3490*Input!$J$15,0)+IF(Input!$K$16=4,M3490*Input!$J$16,0)</f>
        <v>0</v>
      </c>
    </row>
    <row r="3491" spans="8:17" x14ac:dyDescent="0.25">
      <c r="H3491" s="43">
        <v>3484</v>
      </c>
      <c r="I3491" s="55">
        <f>Bühler!I3517</f>
        <v>0.269646336392172</v>
      </c>
      <c r="J3491" s="58">
        <f>Bühler!J3517</f>
        <v>6.9036249082246179</v>
      </c>
      <c r="K3491" s="58">
        <f>Bühler!K3517</f>
        <v>0.54209473652490436</v>
      </c>
      <c r="L3491" s="58">
        <f>Bühler!L3517</f>
        <v>0.27104736826245218</v>
      </c>
      <c r="M3491" s="57">
        <f>Bühler!M3517</f>
        <v>0</v>
      </c>
      <c r="N3491" s="55">
        <f>IF(Input!$K$13=1,J3491*Input!$J$13,0)+IF(Input!$K$14=1,K3491*Input!$J$14,0)+IF(Input!$K$15=1,L3491*Input!$J$15,0)+IF(Input!$K$16=1,M3491*Input!$J$16,0)</f>
        <v>0.82843498898695411</v>
      </c>
      <c r="O3491" s="58">
        <f>IF(Input!$K$13=2,J3491*Input!$J$13,0)+IF(Input!$K$14=2,K3491*Input!$J$14,0)+IF(Input!$K$15=2,L3491*Input!$J$15,0)+IF(Input!$K$16=2,M3491*Input!$J$16,0)</f>
        <v>7.3182789430862094E-2</v>
      </c>
      <c r="P3491" s="58">
        <f>IF(Input!$K$13=3,J3491*Input!$J$13,0)+IF(Input!$K$14=3,K3491*Input!$J$14,0)+IF(Input!$K$15=3,L3491*Input!$J$15,0)+IF(Input!$K$16=3,M3491*Input!$J$16,0)</f>
        <v>0</v>
      </c>
      <c r="Q3491" s="71">
        <f>IF(Input!$K$13=4,J3491*Input!$J$13,0)+IF(Input!$K$14=4,K3491*Input!$J$14,0)+IF(Input!$K$15=4,L3491*Input!$J$15,0)+IF(Input!$K$16=4,M3491*Input!$J$16,0)</f>
        <v>0</v>
      </c>
    </row>
    <row r="3492" spans="8:17" x14ac:dyDescent="0.25">
      <c r="H3492" s="43">
        <v>3485</v>
      </c>
      <c r="I3492" s="55">
        <f>Bühler!I3518</f>
        <v>0.269646336392172</v>
      </c>
      <c r="J3492" s="58">
        <f>Bühler!J3518</f>
        <v>6.9036249082246179</v>
      </c>
      <c r="K3492" s="58">
        <f>Bühler!K3518</f>
        <v>0.54209473652490436</v>
      </c>
      <c r="L3492" s="58">
        <f>Bühler!L3518</f>
        <v>0.27104736826245218</v>
      </c>
      <c r="M3492" s="57">
        <f>Bühler!M3518</f>
        <v>0</v>
      </c>
      <c r="N3492" s="55">
        <f>IF(Input!$K$13=1,J3492*Input!$J$13,0)+IF(Input!$K$14=1,K3492*Input!$J$14,0)+IF(Input!$K$15=1,L3492*Input!$J$15,0)+IF(Input!$K$16=1,M3492*Input!$J$16,0)</f>
        <v>0.82843498898695411</v>
      </c>
      <c r="O3492" s="58">
        <f>IF(Input!$K$13=2,J3492*Input!$J$13,0)+IF(Input!$K$14=2,K3492*Input!$J$14,0)+IF(Input!$K$15=2,L3492*Input!$J$15,0)+IF(Input!$K$16=2,M3492*Input!$J$16,0)</f>
        <v>7.3182789430862094E-2</v>
      </c>
      <c r="P3492" s="58">
        <f>IF(Input!$K$13=3,J3492*Input!$J$13,0)+IF(Input!$K$14=3,K3492*Input!$J$14,0)+IF(Input!$K$15=3,L3492*Input!$J$15,0)+IF(Input!$K$16=3,M3492*Input!$J$16,0)</f>
        <v>0</v>
      </c>
      <c r="Q3492" s="71">
        <f>IF(Input!$K$13=4,J3492*Input!$J$13,0)+IF(Input!$K$14=4,K3492*Input!$J$14,0)+IF(Input!$K$15=4,L3492*Input!$J$15,0)+IF(Input!$K$16=4,M3492*Input!$J$16,0)</f>
        <v>0</v>
      </c>
    </row>
    <row r="3493" spans="8:17" x14ac:dyDescent="0.25">
      <c r="H3493" s="43">
        <v>3486</v>
      </c>
      <c r="I3493" s="55">
        <f>Bühler!I3519</f>
        <v>0.269646336392172</v>
      </c>
      <c r="J3493" s="58">
        <f>Bühler!J3519</f>
        <v>6.9036249082246179</v>
      </c>
      <c r="K3493" s="58">
        <f>Bühler!K3519</f>
        <v>0.54209473652490436</v>
      </c>
      <c r="L3493" s="58">
        <f>Bühler!L3519</f>
        <v>0.27104736826245218</v>
      </c>
      <c r="M3493" s="57">
        <f>Bühler!M3519</f>
        <v>0</v>
      </c>
      <c r="N3493" s="55">
        <f>IF(Input!$K$13=1,J3493*Input!$J$13,0)+IF(Input!$K$14=1,K3493*Input!$J$14,0)+IF(Input!$K$15=1,L3493*Input!$J$15,0)+IF(Input!$K$16=1,M3493*Input!$J$16,0)</f>
        <v>0.82843498898695411</v>
      </c>
      <c r="O3493" s="58">
        <f>IF(Input!$K$13=2,J3493*Input!$J$13,0)+IF(Input!$K$14=2,K3493*Input!$J$14,0)+IF(Input!$K$15=2,L3493*Input!$J$15,0)+IF(Input!$K$16=2,M3493*Input!$J$16,0)</f>
        <v>7.3182789430862094E-2</v>
      </c>
      <c r="P3493" s="58">
        <f>IF(Input!$K$13=3,J3493*Input!$J$13,0)+IF(Input!$K$14=3,K3493*Input!$J$14,0)+IF(Input!$K$15=3,L3493*Input!$J$15,0)+IF(Input!$K$16=3,M3493*Input!$J$16,0)</f>
        <v>0</v>
      </c>
      <c r="Q3493" s="71">
        <f>IF(Input!$K$13=4,J3493*Input!$J$13,0)+IF(Input!$K$14=4,K3493*Input!$J$14,0)+IF(Input!$K$15=4,L3493*Input!$J$15,0)+IF(Input!$K$16=4,M3493*Input!$J$16,0)</f>
        <v>0</v>
      </c>
    </row>
    <row r="3494" spans="8:17" x14ac:dyDescent="0.25">
      <c r="H3494" s="43">
        <v>3487</v>
      </c>
      <c r="I3494" s="55">
        <f>Bühler!I3520</f>
        <v>0.269646336392172</v>
      </c>
      <c r="J3494" s="58">
        <f>Bühler!J3520</f>
        <v>6.9036249082246179</v>
      </c>
      <c r="K3494" s="58">
        <f>Bühler!K3520</f>
        <v>0.54209473652490436</v>
      </c>
      <c r="L3494" s="58">
        <f>Bühler!L3520</f>
        <v>0.27104736826245218</v>
      </c>
      <c r="M3494" s="57">
        <f>Bühler!M3520</f>
        <v>0</v>
      </c>
      <c r="N3494" s="55">
        <f>IF(Input!$K$13=1,J3494*Input!$J$13,0)+IF(Input!$K$14=1,K3494*Input!$J$14,0)+IF(Input!$K$15=1,L3494*Input!$J$15,0)+IF(Input!$K$16=1,M3494*Input!$J$16,0)</f>
        <v>0.82843498898695411</v>
      </c>
      <c r="O3494" s="58">
        <f>IF(Input!$K$13=2,J3494*Input!$J$13,0)+IF(Input!$K$14=2,K3494*Input!$J$14,0)+IF(Input!$K$15=2,L3494*Input!$J$15,0)+IF(Input!$K$16=2,M3494*Input!$J$16,0)</f>
        <v>7.3182789430862094E-2</v>
      </c>
      <c r="P3494" s="58">
        <f>IF(Input!$K$13=3,J3494*Input!$J$13,0)+IF(Input!$K$14=3,K3494*Input!$J$14,0)+IF(Input!$K$15=3,L3494*Input!$J$15,0)+IF(Input!$K$16=3,M3494*Input!$J$16,0)</f>
        <v>0</v>
      </c>
      <c r="Q3494" s="71">
        <f>IF(Input!$K$13=4,J3494*Input!$J$13,0)+IF(Input!$K$14=4,K3494*Input!$J$14,0)+IF(Input!$K$15=4,L3494*Input!$J$15,0)+IF(Input!$K$16=4,M3494*Input!$J$16,0)</f>
        <v>0</v>
      </c>
    </row>
    <row r="3495" spans="8:17" x14ac:dyDescent="0.25">
      <c r="H3495" s="43">
        <v>3488</v>
      </c>
      <c r="I3495" s="55">
        <f>Bühler!I3521</f>
        <v>0.73065458893362745</v>
      </c>
      <c r="J3495" s="58">
        <f>Bühler!J3521</f>
        <v>28.956566737931755</v>
      </c>
      <c r="K3495" s="58">
        <f>Bühler!K3521</f>
        <v>2.3093235775960923</v>
      </c>
      <c r="L3495" s="58">
        <f>Bühler!L3521</f>
        <v>1.1546617887980462</v>
      </c>
      <c r="M3495" s="57">
        <f>Bühler!M3521</f>
        <v>0</v>
      </c>
      <c r="N3495" s="55">
        <f>IF(Input!$K$13=1,J3495*Input!$J$13,0)+IF(Input!$K$14=1,K3495*Input!$J$14,0)+IF(Input!$K$15=1,L3495*Input!$J$15,0)+IF(Input!$K$16=1,M3495*Input!$J$16,0)</f>
        <v>3.4747880085518106</v>
      </c>
      <c r="O3495" s="58">
        <f>IF(Input!$K$13=2,J3495*Input!$J$13,0)+IF(Input!$K$14=2,K3495*Input!$J$14,0)+IF(Input!$K$15=2,L3495*Input!$J$15,0)+IF(Input!$K$16=2,M3495*Input!$J$16,0)</f>
        <v>0.31175868297547249</v>
      </c>
      <c r="P3495" s="58">
        <f>IF(Input!$K$13=3,J3495*Input!$J$13,0)+IF(Input!$K$14=3,K3495*Input!$J$14,0)+IF(Input!$K$15=3,L3495*Input!$J$15,0)+IF(Input!$K$16=3,M3495*Input!$J$16,0)</f>
        <v>0</v>
      </c>
      <c r="Q3495" s="71">
        <f>IF(Input!$K$13=4,J3495*Input!$J$13,0)+IF(Input!$K$14=4,K3495*Input!$J$14,0)+IF(Input!$K$15=4,L3495*Input!$J$15,0)+IF(Input!$K$16=4,M3495*Input!$J$16,0)</f>
        <v>0</v>
      </c>
    </row>
    <row r="3496" spans="8:17" x14ac:dyDescent="0.25">
      <c r="H3496" s="43">
        <v>3489</v>
      </c>
      <c r="I3496" s="55">
        <f>Bühler!I3522</f>
        <v>0.91331823616703411</v>
      </c>
      <c r="J3496" s="58">
        <f>Bühler!J3522</f>
        <v>36.195708422414697</v>
      </c>
      <c r="K3496" s="58">
        <f>Bühler!K3522</f>
        <v>2.886654471995115</v>
      </c>
      <c r="L3496" s="58">
        <f>Bühler!L3522</f>
        <v>1.4433272359975575</v>
      </c>
      <c r="M3496" s="57">
        <f>Bühler!M3522</f>
        <v>0</v>
      </c>
      <c r="N3496" s="55">
        <f>IF(Input!$K$13=1,J3496*Input!$J$13,0)+IF(Input!$K$14=1,K3496*Input!$J$14,0)+IF(Input!$K$15=1,L3496*Input!$J$15,0)+IF(Input!$K$16=1,M3496*Input!$J$16,0)</f>
        <v>4.3434850106897631</v>
      </c>
      <c r="O3496" s="58">
        <f>IF(Input!$K$13=2,J3496*Input!$J$13,0)+IF(Input!$K$14=2,K3496*Input!$J$14,0)+IF(Input!$K$15=2,L3496*Input!$J$15,0)+IF(Input!$K$16=2,M3496*Input!$J$16,0)</f>
        <v>0.38969835371934047</v>
      </c>
      <c r="P3496" s="58">
        <f>IF(Input!$K$13=3,J3496*Input!$J$13,0)+IF(Input!$K$14=3,K3496*Input!$J$14,0)+IF(Input!$K$15=3,L3496*Input!$J$15,0)+IF(Input!$K$16=3,M3496*Input!$J$16,0)</f>
        <v>0</v>
      </c>
      <c r="Q3496" s="71">
        <f>IF(Input!$K$13=4,J3496*Input!$J$13,0)+IF(Input!$K$14=4,K3496*Input!$J$14,0)+IF(Input!$K$15=4,L3496*Input!$J$15,0)+IF(Input!$K$16=4,M3496*Input!$J$16,0)</f>
        <v>0</v>
      </c>
    </row>
    <row r="3497" spans="8:17" x14ac:dyDescent="0.25">
      <c r="H3497" s="43">
        <v>3490</v>
      </c>
      <c r="I3497" s="55">
        <f>Bühler!I3523</f>
        <v>1.0046500597837376</v>
      </c>
      <c r="J3497" s="58">
        <f>Bühler!J3523</f>
        <v>39.815279264656162</v>
      </c>
      <c r="K3497" s="58">
        <f>Bühler!K3523</f>
        <v>3.1753199191946271</v>
      </c>
      <c r="L3497" s="58">
        <f>Bühler!L3523</f>
        <v>1.5876599595973135</v>
      </c>
      <c r="M3497" s="57">
        <f>Bühler!M3523</f>
        <v>0</v>
      </c>
      <c r="N3497" s="55">
        <f>IF(Input!$K$13=1,J3497*Input!$J$13,0)+IF(Input!$K$14=1,K3497*Input!$J$14,0)+IF(Input!$K$15=1,L3497*Input!$J$15,0)+IF(Input!$K$16=1,M3497*Input!$J$16,0)</f>
        <v>4.7778335117587396</v>
      </c>
      <c r="O3497" s="58">
        <f>IF(Input!$K$13=2,J3497*Input!$J$13,0)+IF(Input!$K$14=2,K3497*Input!$J$14,0)+IF(Input!$K$15=2,L3497*Input!$J$15,0)+IF(Input!$K$16=2,M3497*Input!$J$16,0)</f>
        <v>0.42866818909127463</v>
      </c>
      <c r="P3497" s="58">
        <f>IF(Input!$K$13=3,J3497*Input!$J$13,0)+IF(Input!$K$14=3,K3497*Input!$J$14,0)+IF(Input!$K$15=3,L3497*Input!$J$15,0)+IF(Input!$K$16=3,M3497*Input!$J$16,0)</f>
        <v>0</v>
      </c>
      <c r="Q3497" s="71">
        <f>IF(Input!$K$13=4,J3497*Input!$J$13,0)+IF(Input!$K$14=4,K3497*Input!$J$14,0)+IF(Input!$K$15=4,L3497*Input!$J$15,0)+IF(Input!$K$16=4,M3497*Input!$J$16,0)</f>
        <v>0</v>
      </c>
    </row>
    <row r="3498" spans="8:17" x14ac:dyDescent="0.25">
      <c r="H3498" s="43">
        <v>3491</v>
      </c>
      <c r="I3498" s="55">
        <f>Bühler!I3524</f>
        <v>1.0046500597837376</v>
      </c>
      <c r="J3498" s="58">
        <f>Bühler!J3524</f>
        <v>39.815279264656162</v>
      </c>
      <c r="K3498" s="58">
        <f>Bühler!K3524</f>
        <v>3.1753199191946271</v>
      </c>
      <c r="L3498" s="58">
        <f>Bühler!L3524</f>
        <v>1.5876599595973135</v>
      </c>
      <c r="M3498" s="57">
        <f>Bühler!M3524</f>
        <v>0</v>
      </c>
      <c r="N3498" s="55">
        <f>IF(Input!$K$13=1,J3498*Input!$J$13,0)+IF(Input!$K$14=1,K3498*Input!$J$14,0)+IF(Input!$K$15=1,L3498*Input!$J$15,0)+IF(Input!$K$16=1,M3498*Input!$J$16,0)</f>
        <v>4.7778335117587396</v>
      </c>
      <c r="O3498" s="58">
        <f>IF(Input!$K$13=2,J3498*Input!$J$13,0)+IF(Input!$K$14=2,K3498*Input!$J$14,0)+IF(Input!$K$15=2,L3498*Input!$J$15,0)+IF(Input!$K$16=2,M3498*Input!$J$16,0)</f>
        <v>0.42866818909127463</v>
      </c>
      <c r="P3498" s="58">
        <f>IF(Input!$K$13=3,J3498*Input!$J$13,0)+IF(Input!$K$14=3,K3498*Input!$J$14,0)+IF(Input!$K$15=3,L3498*Input!$J$15,0)+IF(Input!$K$16=3,M3498*Input!$J$16,0)</f>
        <v>0</v>
      </c>
      <c r="Q3498" s="71">
        <f>IF(Input!$K$13=4,J3498*Input!$J$13,0)+IF(Input!$K$14=4,K3498*Input!$J$14,0)+IF(Input!$K$15=4,L3498*Input!$J$15,0)+IF(Input!$K$16=4,M3498*Input!$J$16,0)</f>
        <v>0</v>
      </c>
    </row>
    <row r="3499" spans="8:17" x14ac:dyDescent="0.25">
      <c r="H3499" s="43">
        <v>3492</v>
      </c>
      <c r="I3499" s="55">
        <f>Bühler!I3525</f>
        <v>1.1873137070171444</v>
      </c>
      <c r="J3499" s="58">
        <f>Bühler!J3525</f>
        <v>47.054420949139107</v>
      </c>
      <c r="K3499" s="58">
        <f>Bühler!K3525</f>
        <v>3.7526508135936498</v>
      </c>
      <c r="L3499" s="58">
        <f>Bühler!L3525</f>
        <v>1.8763254067968249</v>
      </c>
      <c r="M3499" s="57">
        <f>Bühler!M3525</f>
        <v>0</v>
      </c>
      <c r="N3499" s="55">
        <f>IF(Input!$K$13=1,J3499*Input!$J$13,0)+IF(Input!$K$14=1,K3499*Input!$J$14,0)+IF(Input!$K$15=1,L3499*Input!$J$15,0)+IF(Input!$K$16=1,M3499*Input!$J$16,0)</f>
        <v>5.6465305138966926</v>
      </c>
      <c r="O3499" s="58">
        <f>IF(Input!$K$13=2,J3499*Input!$J$13,0)+IF(Input!$K$14=2,K3499*Input!$J$14,0)+IF(Input!$K$15=2,L3499*Input!$J$15,0)+IF(Input!$K$16=2,M3499*Input!$J$16,0)</f>
        <v>0.50660785983514267</v>
      </c>
      <c r="P3499" s="58">
        <f>IF(Input!$K$13=3,J3499*Input!$J$13,0)+IF(Input!$K$14=3,K3499*Input!$J$14,0)+IF(Input!$K$15=3,L3499*Input!$J$15,0)+IF(Input!$K$16=3,M3499*Input!$J$16,0)</f>
        <v>0</v>
      </c>
      <c r="Q3499" s="71">
        <f>IF(Input!$K$13=4,J3499*Input!$J$13,0)+IF(Input!$K$14=4,K3499*Input!$J$14,0)+IF(Input!$K$15=4,L3499*Input!$J$15,0)+IF(Input!$K$16=4,M3499*Input!$J$16,0)</f>
        <v>0</v>
      </c>
    </row>
    <row r="3500" spans="8:17" x14ac:dyDescent="0.25">
      <c r="H3500" s="43">
        <v>3493</v>
      </c>
      <c r="I3500" s="55">
        <f>Bühler!I3526</f>
        <v>1.1873137070171444</v>
      </c>
      <c r="J3500" s="58">
        <f>Bühler!J3526</f>
        <v>47.054420949139107</v>
      </c>
      <c r="K3500" s="58">
        <f>Bühler!K3526</f>
        <v>3.7526508135936498</v>
      </c>
      <c r="L3500" s="58">
        <f>Bühler!L3526</f>
        <v>1.8763254067968249</v>
      </c>
      <c r="M3500" s="57">
        <f>Bühler!M3526</f>
        <v>0</v>
      </c>
      <c r="N3500" s="55">
        <f>IF(Input!$K$13=1,J3500*Input!$J$13,0)+IF(Input!$K$14=1,K3500*Input!$J$14,0)+IF(Input!$K$15=1,L3500*Input!$J$15,0)+IF(Input!$K$16=1,M3500*Input!$J$16,0)</f>
        <v>5.6465305138966926</v>
      </c>
      <c r="O3500" s="58">
        <f>IF(Input!$K$13=2,J3500*Input!$J$13,0)+IF(Input!$K$14=2,K3500*Input!$J$14,0)+IF(Input!$K$15=2,L3500*Input!$J$15,0)+IF(Input!$K$16=2,M3500*Input!$J$16,0)</f>
        <v>0.50660785983514267</v>
      </c>
      <c r="P3500" s="58">
        <f>IF(Input!$K$13=3,J3500*Input!$J$13,0)+IF(Input!$K$14=3,K3500*Input!$J$14,0)+IF(Input!$K$15=3,L3500*Input!$J$15,0)+IF(Input!$K$16=3,M3500*Input!$J$16,0)</f>
        <v>0</v>
      </c>
      <c r="Q3500" s="71">
        <f>IF(Input!$K$13=4,J3500*Input!$J$13,0)+IF(Input!$K$14=4,K3500*Input!$J$14,0)+IF(Input!$K$15=4,L3500*Input!$J$15,0)+IF(Input!$K$16=4,M3500*Input!$J$16,0)</f>
        <v>0</v>
      </c>
    </row>
    <row r="3501" spans="8:17" x14ac:dyDescent="0.25">
      <c r="H3501" s="43">
        <v>3494</v>
      </c>
      <c r="I3501" s="55">
        <f>Bühler!I3527</f>
        <v>0.82198641255033078</v>
      </c>
      <c r="J3501" s="58">
        <f>Bühler!J3527</f>
        <v>32.576137580173224</v>
      </c>
      <c r="K3501" s="58">
        <f>Bühler!K3527</f>
        <v>2.5979890247956039</v>
      </c>
      <c r="L3501" s="58">
        <f>Bühler!L3527</f>
        <v>1.2989945123978019</v>
      </c>
      <c r="M3501" s="57">
        <f>Bühler!M3527</f>
        <v>0</v>
      </c>
      <c r="N3501" s="55">
        <f>IF(Input!$K$13=1,J3501*Input!$J$13,0)+IF(Input!$K$14=1,K3501*Input!$J$14,0)+IF(Input!$K$15=1,L3501*Input!$J$15,0)+IF(Input!$K$16=1,M3501*Input!$J$16,0)</f>
        <v>3.9091365096207866</v>
      </c>
      <c r="O3501" s="58">
        <f>IF(Input!$K$13=2,J3501*Input!$J$13,0)+IF(Input!$K$14=2,K3501*Input!$J$14,0)+IF(Input!$K$15=2,L3501*Input!$J$15,0)+IF(Input!$K$16=2,M3501*Input!$J$16,0)</f>
        <v>0.35072851834740648</v>
      </c>
      <c r="P3501" s="58">
        <f>IF(Input!$K$13=3,J3501*Input!$J$13,0)+IF(Input!$K$14=3,K3501*Input!$J$14,0)+IF(Input!$K$15=3,L3501*Input!$J$15,0)+IF(Input!$K$16=3,M3501*Input!$J$16,0)</f>
        <v>0</v>
      </c>
      <c r="Q3501" s="71">
        <f>IF(Input!$K$13=4,J3501*Input!$J$13,0)+IF(Input!$K$14=4,K3501*Input!$J$14,0)+IF(Input!$K$15=4,L3501*Input!$J$15,0)+IF(Input!$K$16=4,M3501*Input!$J$16,0)</f>
        <v>0</v>
      </c>
    </row>
    <row r="3502" spans="8:17" x14ac:dyDescent="0.25">
      <c r="H3502" s="43">
        <v>3495</v>
      </c>
      <c r="I3502" s="55">
        <f>Bühler!I3528</f>
        <v>1.1873137070171444</v>
      </c>
      <c r="J3502" s="58">
        <f>Bühler!J3528</f>
        <v>47.054420949139107</v>
      </c>
      <c r="K3502" s="58">
        <f>Bühler!K3528</f>
        <v>3.7526508135936498</v>
      </c>
      <c r="L3502" s="58">
        <f>Bühler!L3528</f>
        <v>1.8763254067968249</v>
      </c>
      <c r="M3502" s="57">
        <f>Bühler!M3528</f>
        <v>0</v>
      </c>
      <c r="N3502" s="55">
        <f>IF(Input!$K$13=1,J3502*Input!$J$13,0)+IF(Input!$K$14=1,K3502*Input!$J$14,0)+IF(Input!$K$15=1,L3502*Input!$J$15,0)+IF(Input!$K$16=1,M3502*Input!$J$16,0)</f>
        <v>5.6465305138966926</v>
      </c>
      <c r="O3502" s="58">
        <f>IF(Input!$K$13=2,J3502*Input!$J$13,0)+IF(Input!$K$14=2,K3502*Input!$J$14,0)+IF(Input!$K$15=2,L3502*Input!$J$15,0)+IF(Input!$K$16=2,M3502*Input!$J$16,0)</f>
        <v>0.50660785983514267</v>
      </c>
      <c r="P3502" s="58">
        <f>IF(Input!$K$13=3,J3502*Input!$J$13,0)+IF(Input!$K$14=3,K3502*Input!$J$14,0)+IF(Input!$K$15=3,L3502*Input!$J$15,0)+IF(Input!$K$16=3,M3502*Input!$J$16,0)</f>
        <v>0</v>
      </c>
      <c r="Q3502" s="71">
        <f>IF(Input!$K$13=4,J3502*Input!$J$13,0)+IF(Input!$K$14=4,K3502*Input!$J$14,0)+IF(Input!$K$15=4,L3502*Input!$J$15,0)+IF(Input!$K$16=4,M3502*Input!$J$16,0)</f>
        <v>0</v>
      </c>
    </row>
    <row r="3503" spans="8:17" x14ac:dyDescent="0.25">
      <c r="H3503" s="43">
        <v>3496</v>
      </c>
      <c r="I3503" s="55">
        <f>Bühler!I3529</f>
        <v>1.0046500597837376</v>
      </c>
      <c r="J3503" s="58">
        <f>Bühler!J3529</f>
        <v>36.294651231332793</v>
      </c>
      <c r="K3503" s="58">
        <f>Bühler!K3529</f>
        <v>2.886654471995115</v>
      </c>
      <c r="L3503" s="58">
        <f>Bühler!L3529</f>
        <v>1.4433272359975575</v>
      </c>
      <c r="M3503" s="57">
        <f>Bühler!M3529</f>
        <v>0</v>
      </c>
      <c r="N3503" s="55">
        <f>IF(Input!$K$13=1,J3503*Input!$J$13,0)+IF(Input!$K$14=1,K3503*Input!$J$14,0)+IF(Input!$K$15=1,L3503*Input!$J$15,0)+IF(Input!$K$16=1,M3503*Input!$J$16,0)</f>
        <v>4.3553581477599348</v>
      </c>
      <c r="O3503" s="58">
        <f>IF(Input!$K$13=2,J3503*Input!$J$13,0)+IF(Input!$K$14=2,K3503*Input!$J$14,0)+IF(Input!$K$15=2,L3503*Input!$J$15,0)+IF(Input!$K$16=2,M3503*Input!$J$16,0)</f>
        <v>0.38969835371934047</v>
      </c>
      <c r="P3503" s="58">
        <f>IF(Input!$K$13=3,J3503*Input!$J$13,0)+IF(Input!$K$14=3,K3503*Input!$J$14,0)+IF(Input!$K$15=3,L3503*Input!$J$15,0)+IF(Input!$K$16=3,M3503*Input!$J$16,0)</f>
        <v>0</v>
      </c>
      <c r="Q3503" s="71">
        <f>IF(Input!$K$13=4,J3503*Input!$J$13,0)+IF(Input!$K$14=4,K3503*Input!$J$14,0)+IF(Input!$K$15=4,L3503*Input!$J$15,0)+IF(Input!$K$16=4,M3503*Input!$J$16,0)</f>
        <v>0</v>
      </c>
    </row>
    <row r="3504" spans="8:17" x14ac:dyDescent="0.25">
      <c r="H3504" s="43">
        <v>3497</v>
      </c>
      <c r="I3504" s="55">
        <f>Bühler!I3530</f>
        <v>0.8698268915876517</v>
      </c>
      <c r="J3504" s="58">
        <f>Bühler!J3530</f>
        <v>17.471082575386031</v>
      </c>
      <c r="K3504" s="58">
        <f>Bühler!K3530</f>
        <v>1.3552368413122609</v>
      </c>
      <c r="L3504" s="58">
        <f>Bühler!L3530</f>
        <v>0.67761842065613043</v>
      </c>
      <c r="M3504" s="57">
        <f>Bühler!M3530</f>
        <v>0</v>
      </c>
      <c r="N3504" s="55">
        <f>IF(Input!$K$13=1,J3504*Input!$J$13,0)+IF(Input!$K$14=1,K3504*Input!$J$14,0)+IF(Input!$K$15=1,L3504*Input!$J$15,0)+IF(Input!$K$16=1,M3504*Input!$J$16,0)</f>
        <v>2.0965299090463239</v>
      </c>
      <c r="O3504" s="58">
        <f>IF(Input!$K$13=2,J3504*Input!$J$13,0)+IF(Input!$K$14=2,K3504*Input!$J$14,0)+IF(Input!$K$15=2,L3504*Input!$J$15,0)+IF(Input!$K$16=2,M3504*Input!$J$16,0)</f>
        <v>0.18295697357715521</v>
      </c>
      <c r="P3504" s="58">
        <f>IF(Input!$K$13=3,J3504*Input!$J$13,0)+IF(Input!$K$14=3,K3504*Input!$J$14,0)+IF(Input!$K$15=3,L3504*Input!$J$15,0)+IF(Input!$K$16=3,M3504*Input!$J$16,0)</f>
        <v>0</v>
      </c>
      <c r="Q3504" s="71">
        <f>IF(Input!$K$13=4,J3504*Input!$J$13,0)+IF(Input!$K$14=4,K3504*Input!$J$14,0)+IF(Input!$K$15=4,L3504*Input!$J$15,0)+IF(Input!$K$16=4,M3504*Input!$J$16,0)</f>
        <v>0</v>
      </c>
    </row>
    <row r="3505" spans="8:17" x14ac:dyDescent="0.25">
      <c r="H3505" s="43">
        <v>3498</v>
      </c>
      <c r="I3505" s="55">
        <f>Bühler!I3531</f>
        <v>0.73065458893362745</v>
      </c>
      <c r="J3505" s="58">
        <f>Bühler!J3531</f>
        <v>11.700530743614374</v>
      </c>
      <c r="K3505" s="58">
        <f>Bühler!K3531</f>
        <v>0.89445631526609215</v>
      </c>
      <c r="L3505" s="58">
        <f>Bühler!L3531</f>
        <v>0.44722815763304608</v>
      </c>
      <c r="M3505" s="57">
        <f>Bühler!M3531</f>
        <v>0</v>
      </c>
      <c r="N3505" s="55">
        <f>IF(Input!$K$13=1,J3505*Input!$J$13,0)+IF(Input!$K$14=1,K3505*Input!$J$14,0)+IF(Input!$K$15=1,L3505*Input!$J$15,0)+IF(Input!$K$16=1,M3505*Input!$J$16,0)</f>
        <v>1.4040636892337248</v>
      </c>
      <c r="O3505" s="58">
        <f>IF(Input!$K$13=2,J3505*Input!$J$13,0)+IF(Input!$K$14=2,K3505*Input!$J$14,0)+IF(Input!$K$15=2,L3505*Input!$J$15,0)+IF(Input!$K$16=2,M3505*Input!$J$16,0)</f>
        <v>0.12075160256092243</v>
      </c>
      <c r="P3505" s="58">
        <f>IF(Input!$K$13=3,J3505*Input!$J$13,0)+IF(Input!$K$14=3,K3505*Input!$J$14,0)+IF(Input!$K$15=3,L3505*Input!$J$15,0)+IF(Input!$K$16=3,M3505*Input!$J$16,0)</f>
        <v>0</v>
      </c>
      <c r="Q3505" s="71">
        <f>IF(Input!$K$13=4,J3505*Input!$J$13,0)+IF(Input!$K$14=4,K3505*Input!$J$14,0)+IF(Input!$K$15=4,L3505*Input!$J$15,0)+IF(Input!$K$16=4,M3505*Input!$J$16,0)</f>
        <v>0</v>
      </c>
    </row>
    <row r="3506" spans="8:17" x14ac:dyDescent="0.25">
      <c r="H3506" s="43">
        <v>3499</v>
      </c>
      <c r="I3506" s="55">
        <f>Bühler!I3532</f>
        <v>0.269646336392172</v>
      </c>
      <c r="J3506" s="58">
        <f>Bühler!J3532</f>
        <v>7.2342003104146047</v>
      </c>
      <c r="K3506" s="58">
        <f>Bühler!K3532</f>
        <v>0.56919947335114951</v>
      </c>
      <c r="L3506" s="58">
        <f>Bühler!L3532</f>
        <v>0.28459973667557475</v>
      </c>
      <c r="M3506" s="57">
        <f>Bühler!M3532</f>
        <v>0</v>
      </c>
      <c r="N3506" s="55">
        <f>IF(Input!$K$13=1,J3506*Input!$J$13,0)+IF(Input!$K$14=1,K3506*Input!$J$14,0)+IF(Input!$K$15=1,L3506*Input!$J$15,0)+IF(Input!$K$16=1,M3506*Input!$J$16,0)</f>
        <v>0.86810403724975249</v>
      </c>
      <c r="O3506" s="58">
        <f>IF(Input!$K$13=2,J3506*Input!$J$13,0)+IF(Input!$K$14=2,K3506*Input!$J$14,0)+IF(Input!$K$15=2,L3506*Input!$J$15,0)+IF(Input!$K$16=2,M3506*Input!$J$16,0)</f>
        <v>7.6841928902405182E-2</v>
      </c>
      <c r="P3506" s="58">
        <f>IF(Input!$K$13=3,J3506*Input!$J$13,0)+IF(Input!$K$14=3,K3506*Input!$J$14,0)+IF(Input!$K$15=3,L3506*Input!$J$15,0)+IF(Input!$K$16=3,M3506*Input!$J$16,0)</f>
        <v>0</v>
      </c>
      <c r="Q3506" s="71">
        <f>IF(Input!$K$13=4,J3506*Input!$J$13,0)+IF(Input!$K$14=4,K3506*Input!$J$14,0)+IF(Input!$K$15=4,L3506*Input!$J$15,0)+IF(Input!$K$16=4,M3506*Input!$J$16,0)</f>
        <v>0</v>
      </c>
    </row>
    <row r="3507" spans="8:17" x14ac:dyDescent="0.25">
      <c r="H3507" s="43">
        <v>3500</v>
      </c>
      <c r="I3507" s="55">
        <f>Bühler!I3533</f>
        <v>0.269646336392172</v>
      </c>
      <c r="J3507" s="58">
        <f>Bühler!J3533</f>
        <v>6.9036249082246179</v>
      </c>
      <c r="K3507" s="58">
        <f>Bühler!K3533</f>
        <v>0.54209473652490436</v>
      </c>
      <c r="L3507" s="58">
        <f>Bühler!L3533</f>
        <v>0.27104736826245218</v>
      </c>
      <c r="M3507" s="57">
        <f>Bühler!M3533</f>
        <v>0</v>
      </c>
      <c r="N3507" s="55">
        <f>IF(Input!$K$13=1,J3507*Input!$J$13,0)+IF(Input!$K$14=1,K3507*Input!$J$14,0)+IF(Input!$K$15=1,L3507*Input!$J$15,0)+IF(Input!$K$16=1,M3507*Input!$J$16,0)</f>
        <v>0.82843498898695411</v>
      </c>
      <c r="O3507" s="58">
        <f>IF(Input!$K$13=2,J3507*Input!$J$13,0)+IF(Input!$K$14=2,K3507*Input!$J$14,0)+IF(Input!$K$15=2,L3507*Input!$J$15,0)+IF(Input!$K$16=2,M3507*Input!$J$16,0)</f>
        <v>7.3182789430862094E-2</v>
      </c>
      <c r="P3507" s="58">
        <f>IF(Input!$K$13=3,J3507*Input!$J$13,0)+IF(Input!$K$14=3,K3507*Input!$J$14,0)+IF(Input!$K$15=3,L3507*Input!$J$15,0)+IF(Input!$K$16=3,M3507*Input!$J$16,0)</f>
        <v>0</v>
      </c>
      <c r="Q3507" s="71">
        <f>IF(Input!$K$13=4,J3507*Input!$J$13,0)+IF(Input!$K$14=4,K3507*Input!$J$14,0)+IF(Input!$K$15=4,L3507*Input!$J$15,0)+IF(Input!$K$16=4,M3507*Input!$J$16,0)</f>
        <v>0</v>
      </c>
    </row>
    <row r="3508" spans="8:17" x14ac:dyDescent="0.25">
      <c r="H3508" s="43">
        <v>3501</v>
      </c>
      <c r="I3508" s="55">
        <f>Bühler!I3534</f>
        <v>0.269646336392172</v>
      </c>
      <c r="J3508" s="58">
        <f>Bühler!J3534</f>
        <v>6.9036249082246179</v>
      </c>
      <c r="K3508" s="58">
        <f>Bühler!K3534</f>
        <v>0.54209473652490436</v>
      </c>
      <c r="L3508" s="58">
        <f>Bühler!L3534</f>
        <v>0.27104736826245218</v>
      </c>
      <c r="M3508" s="57">
        <f>Bühler!M3534</f>
        <v>0</v>
      </c>
      <c r="N3508" s="55">
        <f>IF(Input!$K$13=1,J3508*Input!$J$13,0)+IF(Input!$K$14=1,K3508*Input!$J$14,0)+IF(Input!$K$15=1,L3508*Input!$J$15,0)+IF(Input!$K$16=1,M3508*Input!$J$16,0)</f>
        <v>0.82843498898695411</v>
      </c>
      <c r="O3508" s="58">
        <f>IF(Input!$K$13=2,J3508*Input!$J$13,0)+IF(Input!$K$14=2,K3508*Input!$J$14,0)+IF(Input!$K$15=2,L3508*Input!$J$15,0)+IF(Input!$K$16=2,M3508*Input!$J$16,0)</f>
        <v>7.3182789430862094E-2</v>
      </c>
      <c r="P3508" s="58">
        <f>IF(Input!$K$13=3,J3508*Input!$J$13,0)+IF(Input!$K$14=3,K3508*Input!$J$14,0)+IF(Input!$K$15=3,L3508*Input!$J$15,0)+IF(Input!$K$16=3,M3508*Input!$J$16,0)</f>
        <v>0</v>
      </c>
      <c r="Q3508" s="71">
        <f>IF(Input!$K$13=4,J3508*Input!$J$13,0)+IF(Input!$K$14=4,K3508*Input!$J$14,0)+IF(Input!$K$15=4,L3508*Input!$J$15,0)+IF(Input!$K$16=4,M3508*Input!$J$16,0)</f>
        <v>0</v>
      </c>
    </row>
    <row r="3509" spans="8:17" x14ac:dyDescent="0.25">
      <c r="H3509" s="43">
        <v>3502</v>
      </c>
      <c r="I3509" s="55">
        <f>Bühler!I3535</f>
        <v>0.269646336392172</v>
      </c>
      <c r="J3509" s="58">
        <f>Bühler!J3535</f>
        <v>6.9036249082246179</v>
      </c>
      <c r="K3509" s="58">
        <f>Bühler!K3535</f>
        <v>0.54209473652490436</v>
      </c>
      <c r="L3509" s="58">
        <f>Bühler!L3535</f>
        <v>0.27104736826245218</v>
      </c>
      <c r="M3509" s="57">
        <f>Bühler!M3535</f>
        <v>0</v>
      </c>
      <c r="N3509" s="55">
        <f>IF(Input!$K$13=1,J3509*Input!$J$13,0)+IF(Input!$K$14=1,K3509*Input!$J$14,0)+IF(Input!$K$15=1,L3509*Input!$J$15,0)+IF(Input!$K$16=1,M3509*Input!$J$16,0)</f>
        <v>0.82843498898695411</v>
      </c>
      <c r="O3509" s="58">
        <f>IF(Input!$K$13=2,J3509*Input!$J$13,0)+IF(Input!$K$14=2,K3509*Input!$J$14,0)+IF(Input!$K$15=2,L3509*Input!$J$15,0)+IF(Input!$K$16=2,M3509*Input!$J$16,0)</f>
        <v>7.3182789430862094E-2</v>
      </c>
      <c r="P3509" s="58">
        <f>IF(Input!$K$13=3,J3509*Input!$J$13,0)+IF(Input!$K$14=3,K3509*Input!$J$14,0)+IF(Input!$K$15=3,L3509*Input!$J$15,0)+IF(Input!$K$16=3,M3509*Input!$J$16,0)</f>
        <v>0</v>
      </c>
      <c r="Q3509" s="71">
        <f>IF(Input!$K$13=4,J3509*Input!$J$13,0)+IF(Input!$K$14=4,K3509*Input!$J$14,0)+IF(Input!$K$15=4,L3509*Input!$J$15,0)+IF(Input!$K$16=4,M3509*Input!$J$16,0)</f>
        <v>0</v>
      </c>
    </row>
    <row r="3510" spans="8:17" x14ac:dyDescent="0.25">
      <c r="H3510" s="43">
        <v>3503</v>
      </c>
      <c r="I3510" s="55">
        <f>Bühler!I3536</f>
        <v>0.269646336392172</v>
      </c>
      <c r="J3510" s="58">
        <f>Bühler!J3536</f>
        <v>6.9036249082246179</v>
      </c>
      <c r="K3510" s="58">
        <f>Bühler!K3536</f>
        <v>0.54209473652490436</v>
      </c>
      <c r="L3510" s="58">
        <f>Bühler!L3536</f>
        <v>0.27104736826245218</v>
      </c>
      <c r="M3510" s="57">
        <f>Bühler!M3536</f>
        <v>0</v>
      </c>
      <c r="N3510" s="55">
        <f>IF(Input!$K$13=1,J3510*Input!$J$13,0)+IF(Input!$K$14=1,K3510*Input!$J$14,0)+IF(Input!$K$15=1,L3510*Input!$J$15,0)+IF(Input!$K$16=1,M3510*Input!$J$16,0)</f>
        <v>0.82843498898695411</v>
      </c>
      <c r="O3510" s="58">
        <f>IF(Input!$K$13=2,J3510*Input!$J$13,0)+IF(Input!$K$14=2,K3510*Input!$J$14,0)+IF(Input!$K$15=2,L3510*Input!$J$15,0)+IF(Input!$K$16=2,M3510*Input!$J$16,0)</f>
        <v>7.3182789430862094E-2</v>
      </c>
      <c r="P3510" s="58">
        <f>IF(Input!$K$13=3,J3510*Input!$J$13,0)+IF(Input!$K$14=3,K3510*Input!$J$14,0)+IF(Input!$K$15=3,L3510*Input!$J$15,0)+IF(Input!$K$16=3,M3510*Input!$J$16,0)</f>
        <v>0</v>
      </c>
      <c r="Q3510" s="71">
        <f>IF(Input!$K$13=4,J3510*Input!$J$13,0)+IF(Input!$K$14=4,K3510*Input!$J$14,0)+IF(Input!$K$15=4,L3510*Input!$J$15,0)+IF(Input!$K$16=4,M3510*Input!$J$16,0)</f>
        <v>0</v>
      </c>
    </row>
    <row r="3511" spans="8:17" x14ac:dyDescent="0.25">
      <c r="H3511" s="43">
        <v>3504</v>
      </c>
      <c r="I3511" s="55">
        <f>Bühler!I3537</f>
        <v>0.269646336392172</v>
      </c>
      <c r="J3511" s="58">
        <f>Bühler!J3537</f>
        <v>6.9036249082246179</v>
      </c>
      <c r="K3511" s="58">
        <f>Bühler!K3537</f>
        <v>0.54209473652490436</v>
      </c>
      <c r="L3511" s="58">
        <f>Bühler!L3537</f>
        <v>0.27104736826245218</v>
      </c>
      <c r="M3511" s="57">
        <f>Bühler!M3537</f>
        <v>0</v>
      </c>
      <c r="N3511" s="55">
        <f>IF(Input!$K$13=1,J3511*Input!$J$13,0)+IF(Input!$K$14=1,K3511*Input!$J$14,0)+IF(Input!$K$15=1,L3511*Input!$J$15,0)+IF(Input!$K$16=1,M3511*Input!$J$16,0)</f>
        <v>0.82843498898695411</v>
      </c>
      <c r="O3511" s="58">
        <f>IF(Input!$K$13=2,J3511*Input!$J$13,0)+IF(Input!$K$14=2,K3511*Input!$J$14,0)+IF(Input!$K$15=2,L3511*Input!$J$15,0)+IF(Input!$K$16=2,M3511*Input!$J$16,0)</f>
        <v>7.3182789430862094E-2</v>
      </c>
      <c r="P3511" s="58">
        <f>IF(Input!$K$13=3,J3511*Input!$J$13,0)+IF(Input!$K$14=3,K3511*Input!$J$14,0)+IF(Input!$K$15=3,L3511*Input!$J$15,0)+IF(Input!$K$16=3,M3511*Input!$J$16,0)</f>
        <v>0</v>
      </c>
      <c r="Q3511" s="71">
        <f>IF(Input!$K$13=4,J3511*Input!$J$13,0)+IF(Input!$K$14=4,K3511*Input!$J$14,0)+IF(Input!$K$15=4,L3511*Input!$J$15,0)+IF(Input!$K$16=4,M3511*Input!$J$16,0)</f>
        <v>0</v>
      </c>
    </row>
    <row r="3512" spans="8:17" x14ac:dyDescent="0.25">
      <c r="H3512" s="43">
        <v>3505</v>
      </c>
      <c r="I3512" s="55">
        <f>Bühler!I3538</f>
        <v>0.16864993121072086</v>
      </c>
      <c r="J3512" s="58">
        <f>Bühler!J3538</f>
        <v>5.0009622210655023</v>
      </c>
      <c r="K3512" s="58">
        <f>Bühler!K3538</f>
        <v>0.24376564773344001</v>
      </c>
      <c r="L3512" s="58">
        <f>Bühler!L3538</f>
        <v>0.12188282386672</v>
      </c>
      <c r="M3512" s="57">
        <f>Bühler!M3538</f>
        <v>0</v>
      </c>
      <c r="N3512" s="55">
        <f>IF(Input!$K$13=1,J3512*Input!$J$13,0)+IF(Input!$K$14=1,K3512*Input!$J$14,0)+IF(Input!$K$15=1,L3512*Input!$J$15,0)+IF(Input!$K$16=1,M3512*Input!$J$16,0)</f>
        <v>0.6001154665278603</v>
      </c>
      <c r="O3512" s="58">
        <f>IF(Input!$K$13=2,J3512*Input!$J$13,0)+IF(Input!$K$14=2,K3512*Input!$J$14,0)+IF(Input!$K$15=2,L3512*Input!$J$15,0)+IF(Input!$K$16=2,M3512*Input!$J$16,0)</f>
        <v>3.2908362444014398E-2</v>
      </c>
      <c r="P3512" s="58">
        <f>IF(Input!$K$13=3,J3512*Input!$J$13,0)+IF(Input!$K$14=3,K3512*Input!$J$14,0)+IF(Input!$K$15=3,L3512*Input!$J$15,0)+IF(Input!$K$16=3,M3512*Input!$J$16,0)</f>
        <v>0</v>
      </c>
      <c r="Q3512" s="71">
        <f>IF(Input!$K$13=4,J3512*Input!$J$13,0)+IF(Input!$K$14=4,K3512*Input!$J$14,0)+IF(Input!$K$15=4,L3512*Input!$J$15,0)+IF(Input!$K$16=4,M3512*Input!$J$16,0)</f>
        <v>0</v>
      </c>
    </row>
    <row r="3513" spans="8:17" x14ac:dyDescent="0.25">
      <c r="H3513" s="43">
        <v>3506</v>
      </c>
      <c r="I3513" s="55">
        <f>Bühler!I3539</f>
        <v>0.32926891331616936</v>
      </c>
      <c r="J3513" s="58">
        <f>Bühler!J3539</f>
        <v>4.5931340817916526</v>
      </c>
      <c r="K3513" s="58">
        <f>Bühler!K3539</f>
        <v>0.21938908296009602</v>
      </c>
      <c r="L3513" s="58">
        <f>Bühler!L3539</f>
        <v>0.10969454148004801</v>
      </c>
      <c r="M3513" s="57">
        <f>Bühler!M3539</f>
        <v>0</v>
      </c>
      <c r="N3513" s="55">
        <f>IF(Input!$K$13=1,J3513*Input!$J$13,0)+IF(Input!$K$14=1,K3513*Input!$J$14,0)+IF(Input!$K$15=1,L3513*Input!$J$15,0)+IF(Input!$K$16=1,M3513*Input!$J$16,0)</f>
        <v>0.55117608981499833</v>
      </c>
      <c r="O3513" s="58">
        <f>IF(Input!$K$13=2,J3513*Input!$J$13,0)+IF(Input!$K$14=2,K3513*Input!$J$14,0)+IF(Input!$K$15=2,L3513*Input!$J$15,0)+IF(Input!$K$16=2,M3513*Input!$J$16,0)</f>
        <v>2.961752619961296E-2</v>
      </c>
      <c r="P3513" s="58">
        <f>IF(Input!$K$13=3,J3513*Input!$J$13,0)+IF(Input!$K$14=3,K3513*Input!$J$14,0)+IF(Input!$K$15=3,L3513*Input!$J$15,0)+IF(Input!$K$16=3,M3513*Input!$J$16,0)</f>
        <v>0</v>
      </c>
      <c r="Q3513" s="71">
        <f>IF(Input!$K$13=4,J3513*Input!$J$13,0)+IF(Input!$K$14=4,K3513*Input!$J$14,0)+IF(Input!$K$15=4,L3513*Input!$J$15,0)+IF(Input!$K$16=4,M3513*Input!$J$16,0)</f>
        <v>0</v>
      </c>
    </row>
    <row r="3514" spans="8:17" x14ac:dyDescent="0.25">
      <c r="H3514" s="43">
        <v>3507</v>
      </c>
      <c r="I3514" s="55">
        <f>Bühler!I3540</f>
        <v>0.32926891331616936</v>
      </c>
      <c r="J3514" s="58">
        <f>Bühler!J3540</f>
        <v>4.5931340817916526</v>
      </c>
      <c r="K3514" s="58">
        <f>Bühler!K3540</f>
        <v>0.21938908296009602</v>
      </c>
      <c r="L3514" s="58">
        <f>Bühler!L3540</f>
        <v>0.10969454148004801</v>
      </c>
      <c r="M3514" s="57">
        <f>Bühler!M3540</f>
        <v>0</v>
      </c>
      <c r="N3514" s="55">
        <f>IF(Input!$K$13=1,J3514*Input!$J$13,0)+IF(Input!$K$14=1,K3514*Input!$J$14,0)+IF(Input!$K$15=1,L3514*Input!$J$15,0)+IF(Input!$K$16=1,M3514*Input!$J$16,0)</f>
        <v>0.55117608981499833</v>
      </c>
      <c r="O3514" s="58">
        <f>IF(Input!$K$13=2,J3514*Input!$J$13,0)+IF(Input!$K$14=2,K3514*Input!$J$14,0)+IF(Input!$K$15=2,L3514*Input!$J$15,0)+IF(Input!$K$16=2,M3514*Input!$J$16,0)</f>
        <v>2.961752619961296E-2</v>
      </c>
      <c r="P3514" s="58">
        <f>IF(Input!$K$13=3,J3514*Input!$J$13,0)+IF(Input!$K$14=3,K3514*Input!$J$14,0)+IF(Input!$K$15=3,L3514*Input!$J$15,0)+IF(Input!$K$16=3,M3514*Input!$J$16,0)</f>
        <v>0</v>
      </c>
      <c r="Q3514" s="71">
        <f>IF(Input!$K$13=4,J3514*Input!$J$13,0)+IF(Input!$K$14=4,K3514*Input!$J$14,0)+IF(Input!$K$15=4,L3514*Input!$J$15,0)+IF(Input!$K$16=4,M3514*Input!$J$16,0)</f>
        <v>0</v>
      </c>
    </row>
    <row r="3515" spans="8:17" x14ac:dyDescent="0.25">
      <c r="H3515" s="43">
        <v>3508</v>
      </c>
      <c r="I3515" s="55">
        <f>Bühler!I3541</f>
        <v>0.32926891331616936</v>
      </c>
      <c r="J3515" s="58">
        <f>Bühler!J3541</f>
        <v>4.5931340817916526</v>
      </c>
      <c r="K3515" s="58">
        <f>Bühler!K3541</f>
        <v>0.21938908296009602</v>
      </c>
      <c r="L3515" s="58">
        <f>Bühler!L3541</f>
        <v>0.10969454148004801</v>
      </c>
      <c r="M3515" s="57">
        <f>Bühler!M3541</f>
        <v>0</v>
      </c>
      <c r="N3515" s="55">
        <f>IF(Input!$K$13=1,J3515*Input!$J$13,0)+IF(Input!$K$14=1,K3515*Input!$J$14,0)+IF(Input!$K$15=1,L3515*Input!$J$15,0)+IF(Input!$K$16=1,M3515*Input!$J$16,0)</f>
        <v>0.55117608981499833</v>
      </c>
      <c r="O3515" s="58">
        <f>IF(Input!$K$13=2,J3515*Input!$J$13,0)+IF(Input!$K$14=2,K3515*Input!$J$14,0)+IF(Input!$K$15=2,L3515*Input!$J$15,0)+IF(Input!$K$16=2,M3515*Input!$J$16,0)</f>
        <v>2.961752619961296E-2</v>
      </c>
      <c r="P3515" s="58">
        <f>IF(Input!$K$13=3,J3515*Input!$J$13,0)+IF(Input!$K$14=3,K3515*Input!$J$14,0)+IF(Input!$K$15=3,L3515*Input!$J$15,0)+IF(Input!$K$16=3,M3515*Input!$J$16,0)</f>
        <v>0</v>
      </c>
      <c r="Q3515" s="71">
        <f>IF(Input!$K$13=4,J3515*Input!$J$13,0)+IF(Input!$K$14=4,K3515*Input!$J$14,0)+IF(Input!$K$15=4,L3515*Input!$J$15,0)+IF(Input!$K$16=4,M3515*Input!$J$16,0)</f>
        <v>0</v>
      </c>
    </row>
    <row r="3516" spans="8:17" x14ac:dyDescent="0.25">
      <c r="H3516" s="43">
        <v>3509</v>
      </c>
      <c r="I3516" s="55">
        <f>Bühler!I3542</f>
        <v>0.32926891331616936</v>
      </c>
      <c r="J3516" s="58">
        <f>Bühler!J3542</f>
        <v>4.5931340817916526</v>
      </c>
      <c r="K3516" s="58">
        <f>Bühler!K3542</f>
        <v>0.21938908296009602</v>
      </c>
      <c r="L3516" s="58">
        <f>Bühler!L3542</f>
        <v>0.10969454148004801</v>
      </c>
      <c r="M3516" s="57">
        <f>Bühler!M3542</f>
        <v>0</v>
      </c>
      <c r="N3516" s="55">
        <f>IF(Input!$K$13=1,J3516*Input!$J$13,0)+IF(Input!$K$14=1,K3516*Input!$J$14,0)+IF(Input!$K$15=1,L3516*Input!$J$15,0)+IF(Input!$K$16=1,M3516*Input!$J$16,0)</f>
        <v>0.55117608981499833</v>
      </c>
      <c r="O3516" s="58">
        <f>IF(Input!$K$13=2,J3516*Input!$J$13,0)+IF(Input!$K$14=2,K3516*Input!$J$14,0)+IF(Input!$K$15=2,L3516*Input!$J$15,0)+IF(Input!$K$16=2,M3516*Input!$J$16,0)</f>
        <v>2.961752619961296E-2</v>
      </c>
      <c r="P3516" s="58">
        <f>IF(Input!$K$13=3,J3516*Input!$J$13,0)+IF(Input!$K$14=3,K3516*Input!$J$14,0)+IF(Input!$K$15=3,L3516*Input!$J$15,0)+IF(Input!$K$16=3,M3516*Input!$J$16,0)</f>
        <v>0</v>
      </c>
      <c r="Q3516" s="71">
        <f>IF(Input!$K$13=4,J3516*Input!$J$13,0)+IF(Input!$K$14=4,K3516*Input!$J$14,0)+IF(Input!$K$15=4,L3516*Input!$J$15,0)+IF(Input!$K$16=4,M3516*Input!$J$16,0)</f>
        <v>0</v>
      </c>
    </row>
    <row r="3517" spans="8:17" x14ac:dyDescent="0.25">
      <c r="H3517" s="43">
        <v>3510</v>
      </c>
      <c r="I3517" s="55">
        <f>Bühler!I3543</f>
        <v>0.40957840436889359</v>
      </c>
      <c r="J3517" s="58">
        <f>Bühler!J3543</f>
        <v>4.5964803105855161</v>
      </c>
      <c r="K3517" s="58">
        <f>Bühler!K3543</f>
        <v>0.21938908296009602</v>
      </c>
      <c r="L3517" s="58">
        <f>Bühler!L3543</f>
        <v>0.10969454148004801</v>
      </c>
      <c r="M3517" s="57">
        <f>Bühler!M3543</f>
        <v>0</v>
      </c>
      <c r="N3517" s="55">
        <f>IF(Input!$K$13=1,J3517*Input!$J$13,0)+IF(Input!$K$14=1,K3517*Input!$J$14,0)+IF(Input!$K$15=1,L3517*Input!$J$15,0)+IF(Input!$K$16=1,M3517*Input!$J$16,0)</f>
        <v>0.55157763727026188</v>
      </c>
      <c r="O3517" s="58">
        <f>IF(Input!$K$13=2,J3517*Input!$J$13,0)+IF(Input!$K$14=2,K3517*Input!$J$14,0)+IF(Input!$K$15=2,L3517*Input!$J$15,0)+IF(Input!$K$16=2,M3517*Input!$J$16,0)</f>
        <v>2.961752619961296E-2</v>
      </c>
      <c r="P3517" s="58">
        <f>IF(Input!$K$13=3,J3517*Input!$J$13,0)+IF(Input!$K$14=3,K3517*Input!$J$14,0)+IF(Input!$K$15=3,L3517*Input!$J$15,0)+IF(Input!$K$16=3,M3517*Input!$J$16,0)</f>
        <v>0</v>
      </c>
      <c r="Q3517" s="71">
        <f>IF(Input!$K$13=4,J3517*Input!$J$13,0)+IF(Input!$K$14=4,K3517*Input!$J$14,0)+IF(Input!$K$15=4,L3517*Input!$J$15,0)+IF(Input!$K$16=4,M3517*Input!$J$16,0)</f>
        <v>0</v>
      </c>
    </row>
    <row r="3518" spans="8:17" x14ac:dyDescent="0.25">
      <c r="H3518" s="43">
        <v>3511</v>
      </c>
      <c r="I3518" s="55">
        <f>Bühler!I3544</f>
        <v>0.5139807427374351</v>
      </c>
      <c r="J3518" s="58">
        <f>Bühler!J3544</f>
        <v>4.6008304080175391</v>
      </c>
      <c r="K3518" s="58">
        <f>Bühler!K3544</f>
        <v>0.21938908296009602</v>
      </c>
      <c r="L3518" s="58">
        <f>Bühler!L3544</f>
        <v>0.10969454148004801</v>
      </c>
      <c r="M3518" s="57">
        <f>Bühler!M3544</f>
        <v>0</v>
      </c>
      <c r="N3518" s="55">
        <f>IF(Input!$K$13=1,J3518*Input!$J$13,0)+IF(Input!$K$14=1,K3518*Input!$J$14,0)+IF(Input!$K$15=1,L3518*Input!$J$15,0)+IF(Input!$K$16=1,M3518*Input!$J$16,0)</f>
        <v>0.55209964896210462</v>
      </c>
      <c r="O3518" s="58">
        <f>IF(Input!$K$13=2,J3518*Input!$J$13,0)+IF(Input!$K$14=2,K3518*Input!$J$14,0)+IF(Input!$K$15=2,L3518*Input!$J$15,0)+IF(Input!$K$16=2,M3518*Input!$J$16,0)</f>
        <v>2.961752619961296E-2</v>
      </c>
      <c r="P3518" s="58">
        <f>IF(Input!$K$13=3,J3518*Input!$J$13,0)+IF(Input!$K$14=3,K3518*Input!$J$14,0)+IF(Input!$K$15=3,L3518*Input!$J$15,0)+IF(Input!$K$16=3,M3518*Input!$J$16,0)</f>
        <v>0</v>
      </c>
      <c r="Q3518" s="71">
        <f>IF(Input!$K$13=4,J3518*Input!$J$13,0)+IF(Input!$K$14=4,K3518*Input!$J$14,0)+IF(Input!$K$15=4,L3518*Input!$J$15,0)+IF(Input!$K$16=4,M3518*Input!$J$16,0)</f>
        <v>0</v>
      </c>
    </row>
    <row r="3519" spans="8:17" x14ac:dyDescent="0.25">
      <c r="H3519" s="43">
        <v>3512</v>
      </c>
      <c r="I3519" s="55">
        <f>Bühler!I3545</f>
        <v>0.58625928468488686</v>
      </c>
      <c r="J3519" s="58">
        <f>Bühler!J3545</f>
        <v>4.6038420139320158</v>
      </c>
      <c r="K3519" s="58">
        <f>Bühler!K3545</f>
        <v>0.21938908296009602</v>
      </c>
      <c r="L3519" s="58">
        <f>Bühler!L3545</f>
        <v>0.10969454148004801</v>
      </c>
      <c r="M3519" s="57">
        <f>Bühler!M3545</f>
        <v>0</v>
      </c>
      <c r="N3519" s="55">
        <f>IF(Input!$K$13=1,J3519*Input!$J$13,0)+IF(Input!$K$14=1,K3519*Input!$J$14,0)+IF(Input!$K$15=1,L3519*Input!$J$15,0)+IF(Input!$K$16=1,M3519*Input!$J$16,0)</f>
        <v>0.55246104167184185</v>
      </c>
      <c r="O3519" s="58">
        <f>IF(Input!$K$13=2,J3519*Input!$J$13,0)+IF(Input!$K$14=2,K3519*Input!$J$14,0)+IF(Input!$K$15=2,L3519*Input!$J$15,0)+IF(Input!$K$16=2,M3519*Input!$J$16,0)</f>
        <v>2.961752619961296E-2</v>
      </c>
      <c r="P3519" s="58">
        <f>IF(Input!$K$13=3,J3519*Input!$J$13,0)+IF(Input!$K$14=3,K3519*Input!$J$14,0)+IF(Input!$K$15=3,L3519*Input!$J$15,0)+IF(Input!$K$16=3,M3519*Input!$J$16,0)</f>
        <v>0</v>
      </c>
      <c r="Q3519" s="71">
        <f>IF(Input!$K$13=4,J3519*Input!$J$13,0)+IF(Input!$K$14=4,K3519*Input!$J$14,0)+IF(Input!$K$15=4,L3519*Input!$J$15,0)+IF(Input!$K$16=4,M3519*Input!$J$16,0)</f>
        <v>0</v>
      </c>
    </row>
    <row r="3520" spans="8:17" x14ac:dyDescent="0.25">
      <c r="H3520" s="43">
        <v>3513</v>
      </c>
      <c r="I3520" s="55">
        <f>Bühler!I3546</f>
        <v>0.58625928468488686</v>
      </c>
      <c r="J3520" s="58">
        <f>Bühler!J3546</f>
        <v>4.6038420139320158</v>
      </c>
      <c r="K3520" s="58">
        <f>Bühler!K3546</f>
        <v>0.21938908296009602</v>
      </c>
      <c r="L3520" s="58">
        <f>Bühler!L3546</f>
        <v>0.10969454148004801</v>
      </c>
      <c r="M3520" s="57">
        <f>Bühler!M3546</f>
        <v>0</v>
      </c>
      <c r="N3520" s="55">
        <f>IF(Input!$K$13=1,J3520*Input!$J$13,0)+IF(Input!$K$14=1,K3520*Input!$J$14,0)+IF(Input!$K$15=1,L3520*Input!$J$15,0)+IF(Input!$K$16=1,M3520*Input!$J$16,0)</f>
        <v>0.55246104167184185</v>
      </c>
      <c r="O3520" s="58">
        <f>IF(Input!$K$13=2,J3520*Input!$J$13,0)+IF(Input!$K$14=2,K3520*Input!$J$14,0)+IF(Input!$K$15=2,L3520*Input!$J$15,0)+IF(Input!$K$16=2,M3520*Input!$J$16,0)</f>
        <v>2.961752619961296E-2</v>
      </c>
      <c r="P3520" s="58">
        <f>IF(Input!$K$13=3,J3520*Input!$J$13,0)+IF(Input!$K$14=3,K3520*Input!$J$14,0)+IF(Input!$K$15=3,L3520*Input!$J$15,0)+IF(Input!$K$16=3,M3520*Input!$J$16,0)</f>
        <v>0</v>
      </c>
      <c r="Q3520" s="71">
        <f>IF(Input!$K$13=4,J3520*Input!$J$13,0)+IF(Input!$K$14=4,K3520*Input!$J$14,0)+IF(Input!$K$15=4,L3520*Input!$J$15,0)+IF(Input!$K$16=4,M3520*Input!$J$16,0)</f>
        <v>0</v>
      </c>
    </row>
    <row r="3521" spans="8:17" x14ac:dyDescent="0.25">
      <c r="H3521" s="43">
        <v>3514</v>
      </c>
      <c r="I3521" s="55">
        <f>Bühler!I3547</f>
        <v>0.58625928468488686</v>
      </c>
      <c r="J3521" s="58">
        <f>Bühler!J3547</f>
        <v>4.6038420139320158</v>
      </c>
      <c r="K3521" s="58">
        <f>Bühler!K3547</f>
        <v>0.21938908296009602</v>
      </c>
      <c r="L3521" s="58">
        <f>Bühler!L3547</f>
        <v>0.10969454148004801</v>
      </c>
      <c r="M3521" s="57">
        <f>Bühler!M3547</f>
        <v>0</v>
      </c>
      <c r="N3521" s="55">
        <f>IF(Input!$K$13=1,J3521*Input!$J$13,0)+IF(Input!$K$14=1,K3521*Input!$J$14,0)+IF(Input!$K$15=1,L3521*Input!$J$15,0)+IF(Input!$K$16=1,M3521*Input!$J$16,0)</f>
        <v>0.55246104167184185</v>
      </c>
      <c r="O3521" s="58">
        <f>IF(Input!$K$13=2,J3521*Input!$J$13,0)+IF(Input!$K$14=2,K3521*Input!$J$14,0)+IF(Input!$K$15=2,L3521*Input!$J$15,0)+IF(Input!$K$16=2,M3521*Input!$J$16,0)</f>
        <v>2.961752619961296E-2</v>
      </c>
      <c r="P3521" s="58">
        <f>IF(Input!$K$13=3,J3521*Input!$J$13,0)+IF(Input!$K$14=3,K3521*Input!$J$14,0)+IF(Input!$K$15=3,L3521*Input!$J$15,0)+IF(Input!$K$16=3,M3521*Input!$J$16,0)</f>
        <v>0</v>
      </c>
      <c r="Q3521" s="71">
        <f>IF(Input!$K$13=4,J3521*Input!$J$13,0)+IF(Input!$K$14=4,K3521*Input!$J$14,0)+IF(Input!$K$15=4,L3521*Input!$J$15,0)+IF(Input!$K$16=4,M3521*Input!$J$16,0)</f>
        <v>0</v>
      </c>
    </row>
    <row r="3522" spans="8:17" x14ac:dyDescent="0.25">
      <c r="H3522" s="43">
        <v>3515</v>
      </c>
      <c r="I3522" s="55">
        <f>Bühler!I3548</f>
        <v>0.58625928468488686</v>
      </c>
      <c r="J3522" s="58">
        <f>Bühler!J3548</f>
        <v>4.6038420139320158</v>
      </c>
      <c r="K3522" s="58">
        <f>Bühler!K3548</f>
        <v>0.21938908296009602</v>
      </c>
      <c r="L3522" s="58">
        <f>Bühler!L3548</f>
        <v>0.10969454148004801</v>
      </c>
      <c r="M3522" s="57">
        <f>Bühler!M3548</f>
        <v>0</v>
      </c>
      <c r="N3522" s="55">
        <f>IF(Input!$K$13=1,J3522*Input!$J$13,0)+IF(Input!$K$14=1,K3522*Input!$J$14,0)+IF(Input!$K$15=1,L3522*Input!$J$15,0)+IF(Input!$K$16=1,M3522*Input!$J$16,0)</f>
        <v>0.55246104167184185</v>
      </c>
      <c r="O3522" s="58">
        <f>IF(Input!$K$13=2,J3522*Input!$J$13,0)+IF(Input!$K$14=2,K3522*Input!$J$14,0)+IF(Input!$K$15=2,L3522*Input!$J$15,0)+IF(Input!$K$16=2,M3522*Input!$J$16,0)</f>
        <v>2.961752619961296E-2</v>
      </c>
      <c r="P3522" s="58">
        <f>IF(Input!$K$13=3,J3522*Input!$J$13,0)+IF(Input!$K$14=3,K3522*Input!$J$14,0)+IF(Input!$K$15=3,L3522*Input!$J$15,0)+IF(Input!$K$16=3,M3522*Input!$J$16,0)</f>
        <v>0</v>
      </c>
      <c r="Q3522" s="71">
        <f>IF(Input!$K$13=4,J3522*Input!$J$13,0)+IF(Input!$K$14=4,K3522*Input!$J$14,0)+IF(Input!$K$15=4,L3522*Input!$J$15,0)+IF(Input!$K$16=4,M3522*Input!$J$16,0)</f>
        <v>0</v>
      </c>
    </row>
    <row r="3523" spans="8:17" x14ac:dyDescent="0.25">
      <c r="H3523" s="43">
        <v>3516</v>
      </c>
      <c r="I3523" s="55">
        <f>Bühler!I3549</f>
        <v>0.58625928468488686</v>
      </c>
      <c r="J3523" s="58">
        <f>Bühler!J3549</f>
        <v>4.6038420139320158</v>
      </c>
      <c r="K3523" s="58">
        <f>Bühler!K3549</f>
        <v>0.21938908296009602</v>
      </c>
      <c r="L3523" s="58">
        <f>Bühler!L3549</f>
        <v>0.10969454148004801</v>
      </c>
      <c r="M3523" s="57">
        <f>Bühler!M3549</f>
        <v>0</v>
      </c>
      <c r="N3523" s="55">
        <f>IF(Input!$K$13=1,J3523*Input!$J$13,0)+IF(Input!$K$14=1,K3523*Input!$J$14,0)+IF(Input!$K$15=1,L3523*Input!$J$15,0)+IF(Input!$K$16=1,M3523*Input!$J$16,0)</f>
        <v>0.55246104167184185</v>
      </c>
      <c r="O3523" s="58">
        <f>IF(Input!$K$13=2,J3523*Input!$J$13,0)+IF(Input!$K$14=2,K3523*Input!$J$14,0)+IF(Input!$K$15=2,L3523*Input!$J$15,0)+IF(Input!$K$16=2,M3523*Input!$J$16,0)</f>
        <v>2.961752619961296E-2</v>
      </c>
      <c r="P3523" s="58">
        <f>IF(Input!$K$13=3,J3523*Input!$J$13,0)+IF(Input!$K$14=3,K3523*Input!$J$14,0)+IF(Input!$K$15=3,L3523*Input!$J$15,0)+IF(Input!$K$16=3,M3523*Input!$J$16,0)</f>
        <v>0</v>
      </c>
      <c r="Q3523" s="71">
        <f>IF(Input!$K$13=4,J3523*Input!$J$13,0)+IF(Input!$K$14=4,K3523*Input!$J$14,0)+IF(Input!$K$15=4,L3523*Input!$J$15,0)+IF(Input!$K$16=4,M3523*Input!$J$16,0)</f>
        <v>0</v>
      </c>
    </row>
    <row r="3524" spans="8:17" x14ac:dyDescent="0.25">
      <c r="H3524" s="43">
        <v>3517</v>
      </c>
      <c r="I3524" s="55">
        <f>Bühler!I3550</f>
        <v>0.58625928468488686</v>
      </c>
      <c r="J3524" s="58">
        <f>Bühler!J3550</f>
        <v>4.6038420139320158</v>
      </c>
      <c r="K3524" s="58">
        <f>Bühler!K3550</f>
        <v>0.21938908296009602</v>
      </c>
      <c r="L3524" s="58">
        <f>Bühler!L3550</f>
        <v>0.10969454148004801</v>
      </c>
      <c r="M3524" s="57">
        <f>Bühler!M3550</f>
        <v>0</v>
      </c>
      <c r="N3524" s="55">
        <f>IF(Input!$K$13=1,J3524*Input!$J$13,0)+IF(Input!$K$14=1,K3524*Input!$J$14,0)+IF(Input!$K$15=1,L3524*Input!$J$15,0)+IF(Input!$K$16=1,M3524*Input!$J$16,0)</f>
        <v>0.55246104167184185</v>
      </c>
      <c r="O3524" s="58">
        <f>IF(Input!$K$13=2,J3524*Input!$J$13,0)+IF(Input!$K$14=2,K3524*Input!$J$14,0)+IF(Input!$K$15=2,L3524*Input!$J$15,0)+IF(Input!$K$16=2,M3524*Input!$J$16,0)</f>
        <v>2.961752619961296E-2</v>
      </c>
      <c r="P3524" s="58">
        <f>IF(Input!$K$13=3,J3524*Input!$J$13,0)+IF(Input!$K$14=3,K3524*Input!$J$14,0)+IF(Input!$K$15=3,L3524*Input!$J$15,0)+IF(Input!$K$16=3,M3524*Input!$J$16,0)</f>
        <v>0</v>
      </c>
      <c r="Q3524" s="71">
        <f>IF(Input!$K$13=4,J3524*Input!$J$13,0)+IF(Input!$K$14=4,K3524*Input!$J$14,0)+IF(Input!$K$15=4,L3524*Input!$J$15,0)+IF(Input!$K$16=4,M3524*Input!$J$16,0)</f>
        <v>0</v>
      </c>
    </row>
    <row r="3525" spans="8:17" x14ac:dyDescent="0.25">
      <c r="H3525" s="43">
        <v>3518</v>
      </c>
      <c r="I3525" s="55">
        <f>Bühler!I3551</f>
        <v>0.58625928468488686</v>
      </c>
      <c r="J3525" s="58">
        <f>Bühler!J3551</f>
        <v>4.6038420139320158</v>
      </c>
      <c r="K3525" s="58">
        <f>Bühler!K3551</f>
        <v>0.21938908296009602</v>
      </c>
      <c r="L3525" s="58">
        <f>Bühler!L3551</f>
        <v>0.10969454148004801</v>
      </c>
      <c r="M3525" s="57">
        <f>Bühler!M3551</f>
        <v>0</v>
      </c>
      <c r="N3525" s="55">
        <f>IF(Input!$K$13=1,J3525*Input!$J$13,0)+IF(Input!$K$14=1,K3525*Input!$J$14,0)+IF(Input!$K$15=1,L3525*Input!$J$15,0)+IF(Input!$K$16=1,M3525*Input!$J$16,0)</f>
        <v>0.55246104167184185</v>
      </c>
      <c r="O3525" s="58">
        <f>IF(Input!$K$13=2,J3525*Input!$J$13,0)+IF(Input!$K$14=2,K3525*Input!$J$14,0)+IF(Input!$K$15=2,L3525*Input!$J$15,0)+IF(Input!$K$16=2,M3525*Input!$J$16,0)</f>
        <v>2.961752619961296E-2</v>
      </c>
      <c r="P3525" s="58">
        <f>IF(Input!$K$13=3,J3525*Input!$J$13,0)+IF(Input!$K$14=3,K3525*Input!$J$14,0)+IF(Input!$K$15=3,L3525*Input!$J$15,0)+IF(Input!$K$16=3,M3525*Input!$J$16,0)</f>
        <v>0</v>
      </c>
      <c r="Q3525" s="71">
        <f>IF(Input!$K$13=4,J3525*Input!$J$13,0)+IF(Input!$K$14=4,K3525*Input!$J$14,0)+IF(Input!$K$15=4,L3525*Input!$J$15,0)+IF(Input!$K$16=4,M3525*Input!$J$16,0)</f>
        <v>0</v>
      </c>
    </row>
    <row r="3526" spans="8:17" x14ac:dyDescent="0.25">
      <c r="H3526" s="43">
        <v>3519</v>
      </c>
      <c r="I3526" s="55">
        <f>Bühler!I3552</f>
        <v>0.58625928468488686</v>
      </c>
      <c r="J3526" s="58">
        <f>Bühler!J3552</f>
        <v>4.6038420139320158</v>
      </c>
      <c r="K3526" s="58">
        <f>Bühler!K3552</f>
        <v>0.21938908296009602</v>
      </c>
      <c r="L3526" s="58">
        <f>Bühler!L3552</f>
        <v>0.10969454148004801</v>
      </c>
      <c r="M3526" s="57">
        <f>Bühler!M3552</f>
        <v>0</v>
      </c>
      <c r="N3526" s="55">
        <f>IF(Input!$K$13=1,J3526*Input!$J$13,0)+IF(Input!$K$14=1,K3526*Input!$J$14,0)+IF(Input!$K$15=1,L3526*Input!$J$15,0)+IF(Input!$K$16=1,M3526*Input!$J$16,0)</f>
        <v>0.55246104167184185</v>
      </c>
      <c r="O3526" s="58">
        <f>IF(Input!$K$13=2,J3526*Input!$J$13,0)+IF(Input!$K$14=2,K3526*Input!$J$14,0)+IF(Input!$K$15=2,L3526*Input!$J$15,0)+IF(Input!$K$16=2,M3526*Input!$J$16,0)</f>
        <v>2.961752619961296E-2</v>
      </c>
      <c r="P3526" s="58">
        <f>IF(Input!$K$13=3,J3526*Input!$J$13,0)+IF(Input!$K$14=3,K3526*Input!$J$14,0)+IF(Input!$K$15=3,L3526*Input!$J$15,0)+IF(Input!$K$16=3,M3526*Input!$J$16,0)</f>
        <v>0</v>
      </c>
      <c r="Q3526" s="71">
        <f>IF(Input!$K$13=4,J3526*Input!$J$13,0)+IF(Input!$K$14=4,K3526*Input!$J$14,0)+IF(Input!$K$15=4,L3526*Input!$J$15,0)+IF(Input!$K$16=4,M3526*Input!$J$16,0)</f>
        <v>0</v>
      </c>
    </row>
    <row r="3527" spans="8:17" x14ac:dyDescent="0.25">
      <c r="H3527" s="43">
        <v>3520</v>
      </c>
      <c r="I3527" s="55">
        <f>Bühler!I3553</f>
        <v>0.53004264094797993</v>
      </c>
      <c r="J3527" s="58">
        <f>Bühler!J3553</f>
        <v>4.6014996537763118</v>
      </c>
      <c r="K3527" s="58">
        <f>Bühler!K3553</f>
        <v>0.21938908296009602</v>
      </c>
      <c r="L3527" s="58">
        <f>Bühler!L3553</f>
        <v>0.10969454148004801</v>
      </c>
      <c r="M3527" s="57">
        <f>Bühler!M3553</f>
        <v>0</v>
      </c>
      <c r="N3527" s="55">
        <f>IF(Input!$K$13=1,J3527*Input!$J$13,0)+IF(Input!$K$14=1,K3527*Input!$J$14,0)+IF(Input!$K$15=1,L3527*Input!$J$15,0)+IF(Input!$K$16=1,M3527*Input!$J$16,0)</f>
        <v>0.55217995845315737</v>
      </c>
      <c r="O3527" s="58">
        <f>IF(Input!$K$13=2,J3527*Input!$J$13,0)+IF(Input!$K$14=2,K3527*Input!$J$14,0)+IF(Input!$K$15=2,L3527*Input!$J$15,0)+IF(Input!$K$16=2,M3527*Input!$J$16,0)</f>
        <v>2.961752619961296E-2</v>
      </c>
      <c r="P3527" s="58">
        <f>IF(Input!$K$13=3,J3527*Input!$J$13,0)+IF(Input!$K$14=3,K3527*Input!$J$14,0)+IF(Input!$K$15=3,L3527*Input!$J$15,0)+IF(Input!$K$16=3,M3527*Input!$J$16,0)</f>
        <v>0</v>
      </c>
      <c r="Q3527" s="71">
        <f>IF(Input!$K$13=4,J3527*Input!$J$13,0)+IF(Input!$K$14=4,K3527*Input!$J$14,0)+IF(Input!$K$15=4,L3527*Input!$J$15,0)+IF(Input!$K$16=4,M3527*Input!$J$16,0)</f>
        <v>0</v>
      </c>
    </row>
    <row r="3528" spans="8:17" x14ac:dyDescent="0.25">
      <c r="H3528" s="43">
        <v>3521</v>
      </c>
      <c r="I3528" s="55">
        <f>Bühler!I3554</f>
        <v>0.48185694631634546</v>
      </c>
      <c r="J3528" s="58">
        <f>Bühler!J3554</f>
        <v>4.5994919164999937</v>
      </c>
      <c r="K3528" s="58">
        <f>Bühler!K3554</f>
        <v>0.21938908296009602</v>
      </c>
      <c r="L3528" s="58">
        <f>Bühler!L3554</f>
        <v>0.10969454148004801</v>
      </c>
      <c r="M3528" s="57">
        <f>Bühler!M3554</f>
        <v>0</v>
      </c>
      <c r="N3528" s="55">
        <f>IF(Input!$K$13=1,J3528*Input!$J$13,0)+IF(Input!$K$14=1,K3528*Input!$J$14,0)+IF(Input!$K$15=1,L3528*Input!$J$15,0)+IF(Input!$K$16=1,M3528*Input!$J$16,0)</f>
        <v>0.55193902997999922</v>
      </c>
      <c r="O3528" s="58">
        <f>IF(Input!$K$13=2,J3528*Input!$J$13,0)+IF(Input!$K$14=2,K3528*Input!$J$14,0)+IF(Input!$K$15=2,L3528*Input!$J$15,0)+IF(Input!$K$16=2,M3528*Input!$J$16,0)</f>
        <v>2.961752619961296E-2</v>
      </c>
      <c r="P3528" s="58">
        <f>IF(Input!$K$13=3,J3528*Input!$J$13,0)+IF(Input!$K$14=3,K3528*Input!$J$14,0)+IF(Input!$K$15=3,L3528*Input!$J$15,0)+IF(Input!$K$16=3,M3528*Input!$J$16,0)</f>
        <v>0</v>
      </c>
      <c r="Q3528" s="71">
        <f>IF(Input!$K$13=4,J3528*Input!$J$13,0)+IF(Input!$K$14=4,K3528*Input!$J$14,0)+IF(Input!$K$15=4,L3528*Input!$J$15,0)+IF(Input!$K$16=4,M3528*Input!$J$16,0)</f>
        <v>0</v>
      </c>
    </row>
    <row r="3529" spans="8:17" x14ac:dyDescent="0.25">
      <c r="H3529" s="43">
        <v>3522</v>
      </c>
      <c r="I3529" s="55">
        <f>Bühler!I3555</f>
        <v>0.43367125168471082</v>
      </c>
      <c r="J3529" s="58">
        <f>Bühler!J3555</f>
        <v>4.5974841792236756</v>
      </c>
      <c r="K3529" s="58">
        <f>Bühler!K3555</f>
        <v>0.21938908296009602</v>
      </c>
      <c r="L3529" s="58">
        <f>Bühler!L3555</f>
        <v>0.10969454148004801</v>
      </c>
      <c r="M3529" s="57">
        <f>Bühler!M3555</f>
        <v>0</v>
      </c>
      <c r="N3529" s="55">
        <f>IF(Input!$K$13=1,J3529*Input!$J$13,0)+IF(Input!$K$14=1,K3529*Input!$J$14,0)+IF(Input!$K$15=1,L3529*Input!$J$15,0)+IF(Input!$K$16=1,M3529*Input!$J$16,0)</f>
        <v>0.55169810150684107</v>
      </c>
      <c r="O3529" s="58">
        <f>IF(Input!$K$13=2,J3529*Input!$J$13,0)+IF(Input!$K$14=2,K3529*Input!$J$14,0)+IF(Input!$K$15=2,L3529*Input!$J$15,0)+IF(Input!$K$16=2,M3529*Input!$J$16,0)</f>
        <v>2.961752619961296E-2</v>
      </c>
      <c r="P3529" s="58">
        <f>IF(Input!$K$13=3,J3529*Input!$J$13,0)+IF(Input!$K$14=3,K3529*Input!$J$14,0)+IF(Input!$K$15=3,L3529*Input!$J$15,0)+IF(Input!$K$16=3,M3529*Input!$J$16,0)</f>
        <v>0</v>
      </c>
      <c r="Q3529" s="71">
        <f>IF(Input!$K$13=4,J3529*Input!$J$13,0)+IF(Input!$K$14=4,K3529*Input!$J$14,0)+IF(Input!$K$15=4,L3529*Input!$J$15,0)+IF(Input!$K$16=4,M3529*Input!$J$16,0)</f>
        <v>0</v>
      </c>
    </row>
    <row r="3530" spans="8:17" x14ac:dyDescent="0.25">
      <c r="H3530" s="43">
        <v>3523</v>
      </c>
      <c r="I3530" s="55">
        <f>Bühler!I3556</f>
        <v>0.417609353474166</v>
      </c>
      <c r="J3530" s="58">
        <f>Bühler!J3556</f>
        <v>4.5968149334649029</v>
      </c>
      <c r="K3530" s="58">
        <f>Bühler!K3556</f>
        <v>0.21938908296009602</v>
      </c>
      <c r="L3530" s="58">
        <f>Bühler!L3556</f>
        <v>0.10969454148004801</v>
      </c>
      <c r="M3530" s="57">
        <f>Bühler!M3556</f>
        <v>0</v>
      </c>
      <c r="N3530" s="55">
        <f>IF(Input!$K$13=1,J3530*Input!$J$13,0)+IF(Input!$K$14=1,K3530*Input!$J$14,0)+IF(Input!$K$15=1,L3530*Input!$J$15,0)+IF(Input!$K$16=1,M3530*Input!$J$16,0)</f>
        <v>0.55161779201578831</v>
      </c>
      <c r="O3530" s="58">
        <f>IF(Input!$K$13=2,J3530*Input!$J$13,0)+IF(Input!$K$14=2,K3530*Input!$J$14,0)+IF(Input!$K$15=2,L3530*Input!$J$15,0)+IF(Input!$K$16=2,M3530*Input!$J$16,0)</f>
        <v>2.961752619961296E-2</v>
      </c>
      <c r="P3530" s="58">
        <f>IF(Input!$K$13=3,J3530*Input!$J$13,0)+IF(Input!$K$14=3,K3530*Input!$J$14,0)+IF(Input!$K$15=3,L3530*Input!$J$15,0)+IF(Input!$K$16=3,M3530*Input!$J$16,0)</f>
        <v>0</v>
      </c>
      <c r="Q3530" s="71">
        <f>IF(Input!$K$13=4,J3530*Input!$J$13,0)+IF(Input!$K$14=4,K3530*Input!$J$14,0)+IF(Input!$K$15=4,L3530*Input!$J$15,0)+IF(Input!$K$16=4,M3530*Input!$J$16,0)</f>
        <v>0</v>
      </c>
    </row>
    <row r="3531" spans="8:17" x14ac:dyDescent="0.25">
      <c r="H3531" s="43">
        <v>3524</v>
      </c>
      <c r="I3531" s="55">
        <f>Bühler!I3557</f>
        <v>0.33729986242144172</v>
      </c>
      <c r="J3531" s="58">
        <f>Bühler!J3557</f>
        <v>4.5934687046710394</v>
      </c>
      <c r="K3531" s="58">
        <f>Bühler!K3557</f>
        <v>0.21938908296009602</v>
      </c>
      <c r="L3531" s="58">
        <f>Bühler!L3557</f>
        <v>0.10969454148004801</v>
      </c>
      <c r="M3531" s="57">
        <f>Bühler!M3557</f>
        <v>0</v>
      </c>
      <c r="N3531" s="55">
        <f>IF(Input!$K$13=1,J3531*Input!$J$13,0)+IF(Input!$K$14=1,K3531*Input!$J$14,0)+IF(Input!$K$15=1,L3531*Input!$J$15,0)+IF(Input!$K$16=1,M3531*Input!$J$16,0)</f>
        <v>0.55121624456052476</v>
      </c>
      <c r="O3531" s="58">
        <f>IF(Input!$K$13=2,J3531*Input!$J$13,0)+IF(Input!$K$14=2,K3531*Input!$J$14,0)+IF(Input!$K$15=2,L3531*Input!$J$15,0)+IF(Input!$K$16=2,M3531*Input!$J$16,0)</f>
        <v>2.961752619961296E-2</v>
      </c>
      <c r="P3531" s="58">
        <f>IF(Input!$K$13=3,J3531*Input!$J$13,0)+IF(Input!$K$14=3,K3531*Input!$J$14,0)+IF(Input!$K$15=3,L3531*Input!$J$15,0)+IF(Input!$K$16=3,M3531*Input!$J$16,0)</f>
        <v>0</v>
      </c>
      <c r="Q3531" s="71">
        <f>IF(Input!$K$13=4,J3531*Input!$J$13,0)+IF(Input!$K$14=4,K3531*Input!$J$14,0)+IF(Input!$K$15=4,L3531*Input!$J$15,0)+IF(Input!$K$16=4,M3531*Input!$J$16,0)</f>
        <v>0</v>
      </c>
    </row>
    <row r="3532" spans="8:17" x14ac:dyDescent="0.25">
      <c r="H3532" s="43">
        <v>3525</v>
      </c>
      <c r="I3532" s="55">
        <f>Bühler!I3558</f>
        <v>0.24895942226344514</v>
      </c>
      <c r="J3532" s="58">
        <f>Bühler!J3558</f>
        <v>4.5897878529977891</v>
      </c>
      <c r="K3532" s="58">
        <f>Bühler!K3558</f>
        <v>0.21938908296009602</v>
      </c>
      <c r="L3532" s="58">
        <f>Bühler!L3558</f>
        <v>0.10969454148004801</v>
      </c>
      <c r="M3532" s="57">
        <f>Bühler!M3558</f>
        <v>0</v>
      </c>
      <c r="N3532" s="55">
        <f>IF(Input!$K$13=1,J3532*Input!$J$13,0)+IF(Input!$K$14=1,K3532*Input!$J$14,0)+IF(Input!$K$15=1,L3532*Input!$J$15,0)+IF(Input!$K$16=1,M3532*Input!$J$16,0)</f>
        <v>0.55077454235973466</v>
      </c>
      <c r="O3532" s="58">
        <f>IF(Input!$K$13=2,J3532*Input!$J$13,0)+IF(Input!$K$14=2,K3532*Input!$J$14,0)+IF(Input!$K$15=2,L3532*Input!$J$15,0)+IF(Input!$K$16=2,M3532*Input!$J$16,0)</f>
        <v>2.961752619961296E-2</v>
      </c>
      <c r="P3532" s="58">
        <f>IF(Input!$K$13=3,J3532*Input!$J$13,0)+IF(Input!$K$14=3,K3532*Input!$J$14,0)+IF(Input!$K$15=3,L3532*Input!$J$15,0)+IF(Input!$K$16=3,M3532*Input!$J$16,0)</f>
        <v>0</v>
      </c>
      <c r="Q3532" s="71">
        <f>IF(Input!$K$13=4,J3532*Input!$J$13,0)+IF(Input!$K$14=4,K3532*Input!$J$14,0)+IF(Input!$K$15=4,L3532*Input!$J$15,0)+IF(Input!$K$16=4,M3532*Input!$J$16,0)</f>
        <v>0</v>
      </c>
    </row>
    <row r="3533" spans="8:17" x14ac:dyDescent="0.25">
      <c r="H3533" s="43">
        <v>3526</v>
      </c>
      <c r="I3533" s="55">
        <f>Bühler!I3559</f>
        <v>0.24895942226344514</v>
      </c>
      <c r="J3533" s="58">
        <f>Bühler!J3559</f>
        <v>4.5897878529977891</v>
      </c>
      <c r="K3533" s="58">
        <f>Bühler!K3559</f>
        <v>0.21938908296009602</v>
      </c>
      <c r="L3533" s="58">
        <f>Bühler!L3559</f>
        <v>0.10969454148004801</v>
      </c>
      <c r="M3533" s="57">
        <f>Bühler!M3559</f>
        <v>0</v>
      </c>
      <c r="N3533" s="55">
        <f>IF(Input!$K$13=1,J3533*Input!$J$13,0)+IF(Input!$K$14=1,K3533*Input!$J$14,0)+IF(Input!$K$15=1,L3533*Input!$J$15,0)+IF(Input!$K$16=1,M3533*Input!$J$16,0)</f>
        <v>0.55077454235973466</v>
      </c>
      <c r="O3533" s="58">
        <f>IF(Input!$K$13=2,J3533*Input!$J$13,0)+IF(Input!$K$14=2,K3533*Input!$J$14,0)+IF(Input!$K$15=2,L3533*Input!$J$15,0)+IF(Input!$K$16=2,M3533*Input!$J$16,0)</f>
        <v>2.961752619961296E-2</v>
      </c>
      <c r="P3533" s="58">
        <f>IF(Input!$K$13=3,J3533*Input!$J$13,0)+IF(Input!$K$14=3,K3533*Input!$J$14,0)+IF(Input!$K$15=3,L3533*Input!$J$15,0)+IF(Input!$K$16=3,M3533*Input!$J$16,0)</f>
        <v>0</v>
      </c>
      <c r="Q3533" s="71">
        <f>IF(Input!$K$13=4,J3533*Input!$J$13,0)+IF(Input!$K$14=4,K3533*Input!$J$14,0)+IF(Input!$K$15=4,L3533*Input!$J$15,0)+IF(Input!$K$16=4,M3533*Input!$J$16,0)</f>
        <v>0</v>
      </c>
    </row>
    <row r="3534" spans="8:17" x14ac:dyDescent="0.25">
      <c r="H3534" s="43">
        <v>3527</v>
      </c>
      <c r="I3534" s="55">
        <f>Bühler!I3560</f>
        <v>0.24895942226344514</v>
      </c>
      <c r="J3534" s="58">
        <f>Bühler!J3560</f>
        <v>4.5897878529977891</v>
      </c>
      <c r="K3534" s="58">
        <f>Bühler!K3560</f>
        <v>0.21938908296009602</v>
      </c>
      <c r="L3534" s="58">
        <f>Bühler!L3560</f>
        <v>0.10969454148004801</v>
      </c>
      <c r="M3534" s="57">
        <f>Bühler!M3560</f>
        <v>0</v>
      </c>
      <c r="N3534" s="55">
        <f>IF(Input!$K$13=1,J3534*Input!$J$13,0)+IF(Input!$K$14=1,K3534*Input!$J$14,0)+IF(Input!$K$15=1,L3534*Input!$J$15,0)+IF(Input!$K$16=1,M3534*Input!$J$16,0)</f>
        <v>0.55077454235973466</v>
      </c>
      <c r="O3534" s="58">
        <f>IF(Input!$K$13=2,J3534*Input!$J$13,0)+IF(Input!$K$14=2,K3534*Input!$J$14,0)+IF(Input!$K$15=2,L3534*Input!$J$15,0)+IF(Input!$K$16=2,M3534*Input!$J$16,0)</f>
        <v>2.961752619961296E-2</v>
      </c>
      <c r="P3534" s="58">
        <f>IF(Input!$K$13=3,J3534*Input!$J$13,0)+IF(Input!$K$14=3,K3534*Input!$J$14,0)+IF(Input!$K$15=3,L3534*Input!$J$15,0)+IF(Input!$K$16=3,M3534*Input!$J$16,0)</f>
        <v>0</v>
      </c>
      <c r="Q3534" s="71">
        <f>IF(Input!$K$13=4,J3534*Input!$J$13,0)+IF(Input!$K$14=4,K3534*Input!$J$14,0)+IF(Input!$K$15=4,L3534*Input!$J$15,0)+IF(Input!$K$16=4,M3534*Input!$J$16,0)</f>
        <v>0</v>
      </c>
    </row>
    <row r="3535" spans="8:17" x14ac:dyDescent="0.25">
      <c r="H3535" s="43">
        <v>3528</v>
      </c>
      <c r="I3535" s="55">
        <f>Bühler!I3561</f>
        <v>0.24895942226344514</v>
      </c>
      <c r="J3535" s="58">
        <f>Bühler!J3561</f>
        <v>4.5897878529977891</v>
      </c>
      <c r="K3535" s="58">
        <f>Bühler!K3561</f>
        <v>0.21938908296009602</v>
      </c>
      <c r="L3535" s="58">
        <f>Bühler!L3561</f>
        <v>0.10969454148004801</v>
      </c>
      <c r="M3535" s="57">
        <f>Bühler!M3561</f>
        <v>0</v>
      </c>
      <c r="N3535" s="55">
        <f>IF(Input!$K$13=1,J3535*Input!$J$13,0)+IF(Input!$K$14=1,K3535*Input!$J$14,0)+IF(Input!$K$15=1,L3535*Input!$J$15,0)+IF(Input!$K$16=1,M3535*Input!$J$16,0)</f>
        <v>0.55077454235973466</v>
      </c>
      <c r="O3535" s="58">
        <f>IF(Input!$K$13=2,J3535*Input!$J$13,0)+IF(Input!$K$14=2,K3535*Input!$J$14,0)+IF(Input!$K$15=2,L3535*Input!$J$15,0)+IF(Input!$K$16=2,M3535*Input!$J$16,0)</f>
        <v>2.961752619961296E-2</v>
      </c>
      <c r="P3535" s="58">
        <f>IF(Input!$K$13=3,J3535*Input!$J$13,0)+IF(Input!$K$14=3,K3535*Input!$J$14,0)+IF(Input!$K$15=3,L3535*Input!$J$15,0)+IF(Input!$K$16=3,M3535*Input!$J$16,0)</f>
        <v>0</v>
      </c>
      <c r="Q3535" s="71">
        <f>IF(Input!$K$13=4,J3535*Input!$J$13,0)+IF(Input!$K$14=4,K3535*Input!$J$14,0)+IF(Input!$K$15=4,L3535*Input!$J$15,0)+IF(Input!$K$16=4,M3535*Input!$J$16,0)</f>
        <v>0</v>
      </c>
    </row>
    <row r="3536" spans="8:17" x14ac:dyDescent="0.25">
      <c r="H3536" s="43">
        <v>3529</v>
      </c>
      <c r="I3536" s="55">
        <f>Bühler!I3562</f>
        <v>0.29534717364346869</v>
      </c>
      <c r="J3536" s="58">
        <f>Bühler!J3562</f>
        <v>4.6512738826899174</v>
      </c>
      <c r="K3536" s="58">
        <f>Bühler!K3562</f>
        <v>0.2206279852688299</v>
      </c>
      <c r="L3536" s="58">
        <f>Bühler!L3562</f>
        <v>0.11031399263441495</v>
      </c>
      <c r="M3536" s="57">
        <f>Bühler!M3562</f>
        <v>0</v>
      </c>
      <c r="N3536" s="55">
        <f>IF(Input!$K$13=1,J3536*Input!$J$13,0)+IF(Input!$K$14=1,K3536*Input!$J$14,0)+IF(Input!$K$15=1,L3536*Input!$J$15,0)+IF(Input!$K$16=1,M3536*Input!$J$16,0)</f>
        <v>0.55815286592279001</v>
      </c>
      <c r="O3536" s="58">
        <f>IF(Input!$K$13=2,J3536*Input!$J$13,0)+IF(Input!$K$14=2,K3536*Input!$J$14,0)+IF(Input!$K$15=2,L3536*Input!$J$15,0)+IF(Input!$K$16=2,M3536*Input!$J$16,0)</f>
        <v>2.9784778011292035E-2</v>
      </c>
      <c r="P3536" s="58">
        <f>IF(Input!$K$13=3,J3536*Input!$J$13,0)+IF(Input!$K$14=3,K3536*Input!$J$14,0)+IF(Input!$K$15=3,L3536*Input!$J$15,0)+IF(Input!$K$16=3,M3536*Input!$J$16,0)</f>
        <v>0</v>
      </c>
      <c r="Q3536" s="71">
        <f>IF(Input!$K$13=4,J3536*Input!$J$13,0)+IF(Input!$K$14=4,K3536*Input!$J$14,0)+IF(Input!$K$15=4,L3536*Input!$J$15,0)+IF(Input!$K$16=4,M3536*Input!$J$16,0)</f>
        <v>0</v>
      </c>
    </row>
    <row r="3537" spans="8:17" x14ac:dyDescent="0.25">
      <c r="H3537" s="43">
        <v>3530</v>
      </c>
      <c r="I3537" s="55">
        <f>Bühler!I3563</f>
        <v>0.34298381455370558</v>
      </c>
      <c r="J3537" s="58">
        <f>Bühler!J3563</f>
        <v>4.6532587427278438</v>
      </c>
      <c r="K3537" s="58">
        <f>Bühler!K3563</f>
        <v>0.2206279852688299</v>
      </c>
      <c r="L3537" s="58">
        <f>Bühler!L3563</f>
        <v>0.11031399263441495</v>
      </c>
      <c r="M3537" s="57">
        <f>Bühler!M3563</f>
        <v>0</v>
      </c>
      <c r="N3537" s="55">
        <f>IF(Input!$K$13=1,J3537*Input!$J$13,0)+IF(Input!$K$14=1,K3537*Input!$J$14,0)+IF(Input!$K$15=1,L3537*Input!$J$15,0)+IF(Input!$K$16=1,M3537*Input!$J$16,0)</f>
        <v>0.55839104912734128</v>
      </c>
      <c r="O3537" s="58">
        <f>IF(Input!$K$13=2,J3537*Input!$J$13,0)+IF(Input!$K$14=2,K3537*Input!$J$14,0)+IF(Input!$K$15=2,L3537*Input!$J$15,0)+IF(Input!$K$16=2,M3537*Input!$J$16,0)</f>
        <v>2.9784778011292035E-2</v>
      </c>
      <c r="P3537" s="58">
        <f>IF(Input!$K$13=3,J3537*Input!$J$13,0)+IF(Input!$K$14=3,K3537*Input!$J$14,0)+IF(Input!$K$15=3,L3537*Input!$J$15,0)+IF(Input!$K$16=3,M3537*Input!$J$16,0)</f>
        <v>0</v>
      </c>
      <c r="Q3537" s="71">
        <f>IF(Input!$K$13=4,J3537*Input!$J$13,0)+IF(Input!$K$14=4,K3537*Input!$J$14,0)+IF(Input!$K$15=4,L3537*Input!$J$15,0)+IF(Input!$K$16=4,M3537*Input!$J$16,0)</f>
        <v>0</v>
      </c>
    </row>
    <row r="3538" spans="8:17" x14ac:dyDescent="0.25">
      <c r="H3538" s="43">
        <v>3531</v>
      </c>
      <c r="I3538" s="55">
        <f>Bühler!I3564</f>
        <v>0.34298381455370558</v>
      </c>
      <c r="J3538" s="58">
        <f>Bühler!J3564</f>
        <v>4.6532587427278438</v>
      </c>
      <c r="K3538" s="58">
        <f>Bühler!K3564</f>
        <v>0.2206279852688299</v>
      </c>
      <c r="L3538" s="58">
        <f>Bühler!L3564</f>
        <v>0.11031399263441495</v>
      </c>
      <c r="M3538" s="57">
        <f>Bühler!M3564</f>
        <v>0</v>
      </c>
      <c r="N3538" s="55">
        <f>IF(Input!$K$13=1,J3538*Input!$J$13,0)+IF(Input!$K$14=1,K3538*Input!$J$14,0)+IF(Input!$K$15=1,L3538*Input!$J$15,0)+IF(Input!$K$16=1,M3538*Input!$J$16,0)</f>
        <v>0.55839104912734128</v>
      </c>
      <c r="O3538" s="58">
        <f>IF(Input!$K$13=2,J3538*Input!$J$13,0)+IF(Input!$K$14=2,K3538*Input!$J$14,0)+IF(Input!$K$15=2,L3538*Input!$J$15,0)+IF(Input!$K$16=2,M3538*Input!$J$16,0)</f>
        <v>2.9784778011292035E-2</v>
      </c>
      <c r="P3538" s="58">
        <f>IF(Input!$K$13=3,J3538*Input!$J$13,0)+IF(Input!$K$14=3,K3538*Input!$J$14,0)+IF(Input!$K$15=3,L3538*Input!$J$15,0)+IF(Input!$K$16=3,M3538*Input!$J$16,0)</f>
        <v>0</v>
      </c>
      <c r="Q3538" s="71">
        <f>IF(Input!$K$13=4,J3538*Input!$J$13,0)+IF(Input!$K$14=4,K3538*Input!$J$14,0)+IF(Input!$K$15=4,L3538*Input!$J$15,0)+IF(Input!$K$16=4,M3538*Input!$J$16,0)</f>
        <v>0</v>
      </c>
    </row>
    <row r="3539" spans="8:17" x14ac:dyDescent="0.25">
      <c r="H3539" s="43">
        <v>3532</v>
      </c>
      <c r="I3539" s="55">
        <f>Bühler!I3565</f>
        <v>0.34298381455370558</v>
      </c>
      <c r="J3539" s="58">
        <f>Bühler!J3565</f>
        <v>4.6532587427278438</v>
      </c>
      <c r="K3539" s="58">
        <f>Bühler!K3565</f>
        <v>0.2206279852688299</v>
      </c>
      <c r="L3539" s="58">
        <f>Bühler!L3565</f>
        <v>0.11031399263441495</v>
      </c>
      <c r="M3539" s="57">
        <f>Bühler!M3565</f>
        <v>0</v>
      </c>
      <c r="N3539" s="55">
        <f>IF(Input!$K$13=1,J3539*Input!$J$13,0)+IF(Input!$K$14=1,K3539*Input!$J$14,0)+IF(Input!$K$15=1,L3539*Input!$J$15,0)+IF(Input!$K$16=1,M3539*Input!$J$16,0)</f>
        <v>0.55839104912734128</v>
      </c>
      <c r="O3539" s="58">
        <f>IF(Input!$K$13=2,J3539*Input!$J$13,0)+IF(Input!$K$14=2,K3539*Input!$J$14,0)+IF(Input!$K$15=2,L3539*Input!$J$15,0)+IF(Input!$K$16=2,M3539*Input!$J$16,0)</f>
        <v>2.9784778011292035E-2</v>
      </c>
      <c r="P3539" s="58">
        <f>IF(Input!$K$13=3,J3539*Input!$J$13,0)+IF(Input!$K$14=3,K3539*Input!$J$14,0)+IF(Input!$K$15=3,L3539*Input!$J$15,0)+IF(Input!$K$16=3,M3539*Input!$J$16,0)</f>
        <v>0</v>
      </c>
      <c r="Q3539" s="71">
        <f>IF(Input!$K$13=4,J3539*Input!$J$13,0)+IF(Input!$K$14=4,K3539*Input!$J$14,0)+IF(Input!$K$15=4,L3539*Input!$J$15,0)+IF(Input!$K$16=4,M3539*Input!$J$16,0)</f>
        <v>0</v>
      </c>
    </row>
    <row r="3540" spans="8:17" x14ac:dyDescent="0.25">
      <c r="H3540" s="43">
        <v>3533</v>
      </c>
      <c r="I3540" s="55">
        <f>Bühler!I3566</f>
        <v>0.34298381455370558</v>
      </c>
      <c r="J3540" s="58">
        <f>Bühler!J3566</f>
        <v>4.6532587427278438</v>
      </c>
      <c r="K3540" s="58">
        <f>Bühler!K3566</f>
        <v>0.2206279852688299</v>
      </c>
      <c r="L3540" s="58">
        <f>Bühler!L3566</f>
        <v>0.11031399263441495</v>
      </c>
      <c r="M3540" s="57">
        <f>Bühler!M3566</f>
        <v>0</v>
      </c>
      <c r="N3540" s="55">
        <f>IF(Input!$K$13=1,J3540*Input!$J$13,0)+IF(Input!$K$14=1,K3540*Input!$J$14,0)+IF(Input!$K$15=1,L3540*Input!$J$15,0)+IF(Input!$K$16=1,M3540*Input!$J$16,0)</f>
        <v>0.55839104912734128</v>
      </c>
      <c r="O3540" s="58">
        <f>IF(Input!$K$13=2,J3540*Input!$J$13,0)+IF(Input!$K$14=2,K3540*Input!$J$14,0)+IF(Input!$K$15=2,L3540*Input!$J$15,0)+IF(Input!$K$16=2,M3540*Input!$J$16,0)</f>
        <v>2.9784778011292035E-2</v>
      </c>
      <c r="P3540" s="58">
        <f>IF(Input!$K$13=3,J3540*Input!$J$13,0)+IF(Input!$K$14=3,K3540*Input!$J$14,0)+IF(Input!$K$15=3,L3540*Input!$J$15,0)+IF(Input!$K$16=3,M3540*Input!$J$16,0)</f>
        <v>0</v>
      </c>
      <c r="Q3540" s="71">
        <f>IF(Input!$K$13=4,J3540*Input!$J$13,0)+IF(Input!$K$14=4,K3540*Input!$J$14,0)+IF(Input!$K$15=4,L3540*Input!$J$15,0)+IF(Input!$K$16=4,M3540*Input!$J$16,0)</f>
        <v>0</v>
      </c>
    </row>
    <row r="3541" spans="8:17" x14ac:dyDescent="0.25">
      <c r="H3541" s="43">
        <v>3534</v>
      </c>
      <c r="I3541" s="55">
        <f>Bühler!I3567</f>
        <v>0.42872976819213199</v>
      </c>
      <c r="J3541" s="58">
        <f>Bühler!J3567</f>
        <v>4.6568314907961117</v>
      </c>
      <c r="K3541" s="58">
        <f>Bühler!K3567</f>
        <v>0.2206279852688299</v>
      </c>
      <c r="L3541" s="58">
        <f>Bühler!L3567</f>
        <v>0.11031399263441495</v>
      </c>
      <c r="M3541" s="57">
        <f>Bühler!M3567</f>
        <v>0</v>
      </c>
      <c r="N3541" s="55">
        <f>IF(Input!$K$13=1,J3541*Input!$J$13,0)+IF(Input!$K$14=1,K3541*Input!$J$14,0)+IF(Input!$K$15=1,L3541*Input!$J$15,0)+IF(Input!$K$16=1,M3541*Input!$J$16,0)</f>
        <v>0.55881977889553336</v>
      </c>
      <c r="O3541" s="58">
        <f>IF(Input!$K$13=2,J3541*Input!$J$13,0)+IF(Input!$K$14=2,K3541*Input!$J$14,0)+IF(Input!$K$15=2,L3541*Input!$J$15,0)+IF(Input!$K$16=2,M3541*Input!$J$16,0)</f>
        <v>2.9784778011292035E-2</v>
      </c>
      <c r="P3541" s="58">
        <f>IF(Input!$K$13=3,J3541*Input!$J$13,0)+IF(Input!$K$14=3,K3541*Input!$J$14,0)+IF(Input!$K$15=3,L3541*Input!$J$15,0)+IF(Input!$K$16=3,M3541*Input!$J$16,0)</f>
        <v>0</v>
      </c>
      <c r="Q3541" s="71">
        <f>IF(Input!$K$13=4,J3541*Input!$J$13,0)+IF(Input!$K$14=4,K3541*Input!$J$14,0)+IF(Input!$K$15=4,L3541*Input!$J$15,0)+IF(Input!$K$16=4,M3541*Input!$J$16,0)</f>
        <v>0</v>
      </c>
    </row>
    <row r="3542" spans="8:17" x14ac:dyDescent="0.25">
      <c r="H3542" s="43">
        <v>3535</v>
      </c>
      <c r="I3542" s="55">
        <f>Bühler!I3568</f>
        <v>0.50494839364851107</v>
      </c>
      <c r="J3542" s="58">
        <f>Bühler!J3568</f>
        <v>4.6600072668567938</v>
      </c>
      <c r="K3542" s="58">
        <f>Bühler!K3568</f>
        <v>0.2206279852688299</v>
      </c>
      <c r="L3542" s="58">
        <f>Bühler!L3568</f>
        <v>0.11031399263441495</v>
      </c>
      <c r="M3542" s="57">
        <f>Bühler!M3568</f>
        <v>0</v>
      </c>
      <c r="N3542" s="55">
        <f>IF(Input!$K$13=1,J3542*Input!$J$13,0)+IF(Input!$K$14=1,K3542*Input!$J$14,0)+IF(Input!$K$15=1,L3542*Input!$J$15,0)+IF(Input!$K$16=1,M3542*Input!$J$16,0)</f>
        <v>0.55920087202281521</v>
      </c>
      <c r="O3542" s="58">
        <f>IF(Input!$K$13=2,J3542*Input!$J$13,0)+IF(Input!$K$14=2,K3542*Input!$J$14,0)+IF(Input!$K$15=2,L3542*Input!$J$15,0)+IF(Input!$K$16=2,M3542*Input!$J$16,0)</f>
        <v>2.9784778011292035E-2</v>
      </c>
      <c r="P3542" s="58">
        <f>IF(Input!$K$13=3,J3542*Input!$J$13,0)+IF(Input!$K$14=3,K3542*Input!$J$14,0)+IF(Input!$K$15=3,L3542*Input!$J$15,0)+IF(Input!$K$16=3,M3542*Input!$J$16,0)</f>
        <v>0</v>
      </c>
      <c r="Q3542" s="71">
        <f>IF(Input!$K$13=4,J3542*Input!$J$13,0)+IF(Input!$K$14=4,K3542*Input!$J$14,0)+IF(Input!$K$15=4,L3542*Input!$J$15,0)+IF(Input!$K$16=4,M3542*Input!$J$16,0)</f>
        <v>0</v>
      </c>
    </row>
    <row r="3543" spans="8:17" x14ac:dyDescent="0.25">
      <c r="H3543" s="43">
        <v>3536</v>
      </c>
      <c r="I3543" s="55">
        <f>Bühler!I3569</f>
        <v>0.60022167546898475</v>
      </c>
      <c r="J3543" s="58">
        <f>Bühler!J3569</f>
        <v>4.6639769869326466</v>
      </c>
      <c r="K3543" s="58">
        <f>Bühler!K3569</f>
        <v>0.2206279852688299</v>
      </c>
      <c r="L3543" s="58">
        <f>Bühler!L3569</f>
        <v>0.11031399263441495</v>
      </c>
      <c r="M3543" s="57">
        <f>Bühler!M3569</f>
        <v>0</v>
      </c>
      <c r="N3543" s="55">
        <f>IF(Input!$K$13=1,J3543*Input!$J$13,0)+IF(Input!$K$14=1,K3543*Input!$J$14,0)+IF(Input!$K$15=1,L3543*Input!$J$15,0)+IF(Input!$K$16=1,M3543*Input!$J$16,0)</f>
        <v>0.55967723843191752</v>
      </c>
      <c r="O3543" s="58">
        <f>IF(Input!$K$13=2,J3543*Input!$J$13,0)+IF(Input!$K$14=2,K3543*Input!$J$14,0)+IF(Input!$K$15=2,L3543*Input!$J$15,0)+IF(Input!$K$16=2,M3543*Input!$J$16,0)</f>
        <v>2.9784778011292035E-2</v>
      </c>
      <c r="P3543" s="58">
        <f>IF(Input!$K$13=3,J3543*Input!$J$13,0)+IF(Input!$K$14=3,K3543*Input!$J$14,0)+IF(Input!$K$15=3,L3543*Input!$J$15,0)+IF(Input!$K$16=3,M3543*Input!$J$16,0)</f>
        <v>0</v>
      </c>
      <c r="Q3543" s="71">
        <f>IF(Input!$K$13=4,J3543*Input!$J$13,0)+IF(Input!$K$14=4,K3543*Input!$J$14,0)+IF(Input!$K$15=4,L3543*Input!$J$15,0)+IF(Input!$K$16=4,M3543*Input!$J$16,0)</f>
        <v>0</v>
      </c>
    </row>
    <row r="3544" spans="8:17" x14ac:dyDescent="0.25">
      <c r="H3544" s="43">
        <v>3537</v>
      </c>
      <c r="I3544" s="55">
        <f>Bühler!I3570</f>
        <v>0.60022167546898475</v>
      </c>
      <c r="J3544" s="58">
        <f>Bühler!J3570</f>
        <v>4.6639769869326466</v>
      </c>
      <c r="K3544" s="58">
        <f>Bühler!K3570</f>
        <v>0.2206279852688299</v>
      </c>
      <c r="L3544" s="58">
        <f>Bühler!L3570</f>
        <v>0.11031399263441495</v>
      </c>
      <c r="M3544" s="57">
        <f>Bühler!M3570</f>
        <v>0</v>
      </c>
      <c r="N3544" s="55">
        <f>IF(Input!$K$13=1,J3544*Input!$J$13,0)+IF(Input!$K$14=1,K3544*Input!$J$14,0)+IF(Input!$K$15=1,L3544*Input!$J$15,0)+IF(Input!$K$16=1,M3544*Input!$J$16,0)</f>
        <v>0.55967723843191752</v>
      </c>
      <c r="O3544" s="58">
        <f>IF(Input!$K$13=2,J3544*Input!$J$13,0)+IF(Input!$K$14=2,K3544*Input!$J$14,0)+IF(Input!$K$15=2,L3544*Input!$J$15,0)+IF(Input!$K$16=2,M3544*Input!$J$16,0)</f>
        <v>2.9784778011292035E-2</v>
      </c>
      <c r="P3544" s="58">
        <f>IF(Input!$K$13=3,J3544*Input!$J$13,0)+IF(Input!$K$14=3,K3544*Input!$J$14,0)+IF(Input!$K$15=3,L3544*Input!$J$15,0)+IF(Input!$K$16=3,M3544*Input!$J$16,0)</f>
        <v>0</v>
      </c>
      <c r="Q3544" s="71">
        <f>IF(Input!$K$13=4,J3544*Input!$J$13,0)+IF(Input!$K$14=4,K3544*Input!$J$14,0)+IF(Input!$K$15=4,L3544*Input!$J$15,0)+IF(Input!$K$16=4,M3544*Input!$J$16,0)</f>
        <v>0</v>
      </c>
    </row>
    <row r="3545" spans="8:17" x14ac:dyDescent="0.25">
      <c r="H3545" s="43">
        <v>3538</v>
      </c>
      <c r="I3545" s="55">
        <f>Bühler!I3571</f>
        <v>0.60022167546898475</v>
      </c>
      <c r="J3545" s="58">
        <f>Bühler!J3571</f>
        <v>4.6639769869326466</v>
      </c>
      <c r="K3545" s="58">
        <f>Bühler!K3571</f>
        <v>0.2206279852688299</v>
      </c>
      <c r="L3545" s="58">
        <f>Bühler!L3571</f>
        <v>0.11031399263441495</v>
      </c>
      <c r="M3545" s="57">
        <f>Bühler!M3571</f>
        <v>0</v>
      </c>
      <c r="N3545" s="55">
        <f>IF(Input!$K$13=1,J3545*Input!$J$13,0)+IF(Input!$K$14=1,K3545*Input!$J$14,0)+IF(Input!$K$15=1,L3545*Input!$J$15,0)+IF(Input!$K$16=1,M3545*Input!$J$16,0)</f>
        <v>0.55967723843191752</v>
      </c>
      <c r="O3545" s="58">
        <f>IF(Input!$K$13=2,J3545*Input!$J$13,0)+IF(Input!$K$14=2,K3545*Input!$J$14,0)+IF(Input!$K$15=2,L3545*Input!$J$15,0)+IF(Input!$K$16=2,M3545*Input!$J$16,0)</f>
        <v>2.9784778011292035E-2</v>
      </c>
      <c r="P3545" s="58">
        <f>IF(Input!$K$13=3,J3545*Input!$J$13,0)+IF(Input!$K$14=3,K3545*Input!$J$14,0)+IF(Input!$K$15=3,L3545*Input!$J$15,0)+IF(Input!$K$16=3,M3545*Input!$J$16,0)</f>
        <v>0</v>
      </c>
      <c r="Q3545" s="71">
        <f>IF(Input!$K$13=4,J3545*Input!$J$13,0)+IF(Input!$K$14=4,K3545*Input!$J$14,0)+IF(Input!$K$15=4,L3545*Input!$J$15,0)+IF(Input!$K$16=4,M3545*Input!$J$16,0)</f>
        <v>0</v>
      </c>
    </row>
    <row r="3546" spans="8:17" x14ac:dyDescent="0.25">
      <c r="H3546" s="43">
        <v>3539</v>
      </c>
      <c r="I3546" s="55">
        <f>Bühler!I3572</f>
        <v>0.60022167546898475</v>
      </c>
      <c r="J3546" s="58">
        <f>Bühler!J3572</f>
        <v>4.6639769869326466</v>
      </c>
      <c r="K3546" s="58">
        <f>Bühler!K3572</f>
        <v>0.2206279852688299</v>
      </c>
      <c r="L3546" s="58">
        <f>Bühler!L3572</f>
        <v>0.11031399263441495</v>
      </c>
      <c r="M3546" s="57">
        <f>Bühler!M3572</f>
        <v>0</v>
      </c>
      <c r="N3546" s="55">
        <f>IF(Input!$K$13=1,J3546*Input!$J$13,0)+IF(Input!$K$14=1,K3546*Input!$J$14,0)+IF(Input!$K$15=1,L3546*Input!$J$15,0)+IF(Input!$K$16=1,M3546*Input!$J$16,0)</f>
        <v>0.55967723843191752</v>
      </c>
      <c r="O3546" s="58">
        <f>IF(Input!$K$13=2,J3546*Input!$J$13,0)+IF(Input!$K$14=2,K3546*Input!$J$14,0)+IF(Input!$K$15=2,L3546*Input!$J$15,0)+IF(Input!$K$16=2,M3546*Input!$J$16,0)</f>
        <v>2.9784778011292035E-2</v>
      </c>
      <c r="P3546" s="58">
        <f>IF(Input!$K$13=3,J3546*Input!$J$13,0)+IF(Input!$K$14=3,K3546*Input!$J$14,0)+IF(Input!$K$15=3,L3546*Input!$J$15,0)+IF(Input!$K$16=3,M3546*Input!$J$16,0)</f>
        <v>0</v>
      </c>
      <c r="Q3546" s="71">
        <f>IF(Input!$K$13=4,J3546*Input!$J$13,0)+IF(Input!$K$14=4,K3546*Input!$J$14,0)+IF(Input!$K$15=4,L3546*Input!$J$15,0)+IF(Input!$K$16=4,M3546*Input!$J$16,0)</f>
        <v>0</v>
      </c>
    </row>
    <row r="3547" spans="8:17" x14ac:dyDescent="0.25">
      <c r="H3547" s="43">
        <v>3540</v>
      </c>
      <c r="I3547" s="55">
        <f>Bühler!I3573</f>
        <v>0.60022167546898475</v>
      </c>
      <c r="J3547" s="58">
        <f>Bühler!J3573</f>
        <v>4.6639769869326466</v>
      </c>
      <c r="K3547" s="58">
        <f>Bühler!K3573</f>
        <v>0.2206279852688299</v>
      </c>
      <c r="L3547" s="58">
        <f>Bühler!L3573</f>
        <v>0.11031399263441495</v>
      </c>
      <c r="M3547" s="57">
        <f>Bühler!M3573</f>
        <v>0</v>
      </c>
      <c r="N3547" s="55">
        <f>IF(Input!$K$13=1,J3547*Input!$J$13,0)+IF(Input!$K$14=1,K3547*Input!$J$14,0)+IF(Input!$K$15=1,L3547*Input!$J$15,0)+IF(Input!$K$16=1,M3547*Input!$J$16,0)</f>
        <v>0.55967723843191752</v>
      </c>
      <c r="O3547" s="58">
        <f>IF(Input!$K$13=2,J3547*Input!$J$13,0)+IF(Input!$K$14=2,K3547*Input!$J$14,0)+IF(Input!$K$15=2,L3547*Input!$J$15,0)+IF(Input!$K$16=2,M3547*Input!$J$16,0)</f>
        <v>2.9784778011292035E-2</v>
      </c>
      <c r="P3547" s="58">
        <f>IF(Input!$K$13=3,J3547*Input!$J$13,0)+IF(Input!$K$14=3,K3547*Input!$J$14,0)+IF(Input!$K$15=3,L3547*Input!$J$15,0)+IF(Input!$K$16=3,M3547*Input!$J$16,0)</f>
        <v>0</v>
      </c>
      <c r="Q3547" s="71">
        <f>IF(Input!$K$13=4,J3547*Input!$J$13,0)+IF(Input!$K$14=4,K3547*Input!$J$14,0)+IF(Input!$K$15=4,L3547*Input!$J$15,0)+IF(Input!$K$16=4,M3547*Input!$J$16,0)</f>
        <v>0</v>
      </c>
    </row>
    <row r="3548" spans="8:17" x14ac:dyDescent="0.25">
      <c r="H3548" s="43">
        <v>3541</v>
      </c>
      <c r="I3548" s="55">
        <f>Bühler!I3574</f>
        <v>0.60022167546898475</v>
      </c>
      <c r="J3548" s="58">
        <f>Bühler!J3574</f>
        <v>4.6639769869326466</v>
      </c>
      <c r="K3548" s="58">
        <f>Bühler!K3574</f>
        <v>0.2206279852688299</v>
      </c>
      <c r="L3548" s="58">
        <f>Bühler!L3574</f>
        <v>0.11031399263441495</v>
      </c>
      <c r="M3548" s="57">
        <f>Bühler!M3574</f>
        <v>0</v>
      </c>
      <c r="N3548" s="55">
        <f>IF(Input!$K$13=1,J3548*Input!$J$13,0)+IF(Input!$K$14=1,K3548*Input!$J$14,0)+IF(Input!$K$15=1,L3548*Input!$J$15,0)+IF(Input!$K$16=1,M3548*Input!$J$16,0)</f>
        <v>0.55967723843191752</v>
      </c>
      <c r="O3548" s="58">
        <f>IF(Input!$K$13=2,J3548*Input!$J$13,0)+IF(Input!$K$14=2,K3548*Input!$J$14,0)+IF(Input!$K$15=2,L3548*Input!$J$15,0)+IF(Input!$K$16=2,M3548*Input!$J$16,0)</f>
        <v>2.9784778011292035E-2</v>
      </c>
      <c r="P3548" s="58">
        <f>IF(Input!$K$13=3,J3548*Input!$J$13,0)+IF(Input!$K$14=3,K3548*Input!$J$14,0)+IF(Input!$K$15=3,L3548*Input!$J$15,0)+IF(Input!$K$16=3,M3548*Input!$J$16,0)</f>
        <v>0</v>
      </c>
      <c r="Q3548" s="71">
        <f>IF(Input!$K$13=4,J3548*Input!$J$13,0)+IF(Input!$K$14=4,K3548*Input!$J$14,0)+IF(Input!$K$15=4,L3548*Input!$J$15,0)+IF(Input!$K$16=4,M3548*Input!$J$16,0)</f>
        <v>0</v>
      </c>
    </row>
    <row r="3549" spans="8:17" x14ac:dyDescent="0.25">
      <c r="H3549" s="43">
        <v>3542</v>
      </c>
      <c r="I3549" s="55">
        <f>Bühler!I3575</f>
        <v>0.60022167546898475</v>
      </c>
      <c r="J3549" s="58">
        <f>Bühler!J3575</f>
        <v>4.6639769869326466</v>
      </c>
      <c r="K3549" s="58">
        <f>Bühler!K3575</f>
        <v>0.2206279852688299</v>
      </c>
      <c r="L3549" s="58">
        <f>Bühler!L3575</f>
        <v>0.11031399263441495</v>
      </c>
      <c r="M3549" s="57">
        <f>Bühler!M3575</f>
        <v>0</v>
      </c>
      <c r="N3549" s="55">
        <f>IF(Input!$K$13=1,J3549*Input!$J$13,0)+IF(Input!$K$14=1,K3549*Input!$J$14,0)+IF(Input!$K$15=1,L3549*Input!$J$15,0)+IF(Input!$K$16=1,M3549*Input!$J$16,0)</f>
        <v>0.55967723843191752</v>
      </c>
      <c r="O3549" s="58">
        <f>IF(Input!$K$13=2,J3549*Input!$J$13,0)+IF(Input!$K$14=2,K3549*Input!$J$14,0)+IF(Input!$K$15=2,L3549*Input!$J$15,0)+IF(Input!$K$16=2,M3549*Input!$J$16,0)</f>
        <v>2.9784778011292035E-2</v>
      </c>
      <c r="P3549" s="58">
        <f>IF(Input!$K$13=3,J3549*Input!$J$13,0)+IF(Input!$K$14=3,K3549*Input!$J$14,0)+IF(Input!$K$15=3,L3549*Input!$J$15,0)+IF(Input!$K$16=3,M3549*Input!$J$16,0)</f>
        <v>0</v>
      </c>
      <c r="Q3549" s="71">
        <f>IF(Input!$K$13=4,J3549*Input!$J$13,0)+IF(Input!$K$14=4,K3549*Input!$J$14,0)+IF(Input!$K$15=4,L3549*Input!$J$15,0)+IF(Input!$K$16=4,M3549*Input!$J$16,0)</f>
        <v>0</v>
      </c>
    </row>
    <row r="3550" spans="8:17" x14ac:dyDescent="0.25">
      <c r="H3550" s="43">
        <v>3543</v>
      </c>
      <c r="I3550" s="55">
        <f>Bühler!I3576</f>
        <v>0.60022167546898475</v>
      </c>
      <c r="J3550" s="58">
        <f>Bühler!J3576</f>
        <v>4.6639769869326466</v>
      </c>
      <c r="K3550" s="58">
        <f>Bühler!K3576</f>
        <v>0.2206279852688299</v>
      </c>
      <c r="L3550" s="58">
        <f>Bühler!L3576</f>
        <v>0.11031399263441495</v>
      </c>
      <c r="M3550" s="57">
        <f>Bühler!M3576</f>
        <v>0</v>
      </c>
      <c r="N3550" s="55">
        <f>IF(Input!$K$13=1,J3550*Input!$J$13,0)+IF(Input!$K$14=1,K3550*Input!$J$14,0)+IF(Input!$K$15=1,L3550*Input!$J$15,0)+IF(Input!$K$16=1,M3550*Input!$J$16,0)</f>
        <v>0.55967723843191752</v>
      </c>
      <c r="O3550" s="58">
        <f>IF(Input!$K$13=2,J3550*Input!$J$13,0)+IF(Input!$K$14=2,K3550*Input!$J$14,0)+IF(Input!$K$15=2,L3550*Input!$J$15,0)+IF(Input!$K$16=2,M3550*Input!$J$16,0)</f>
        <v>2.9784778011292035E-2</v>
      </c>
      <c r="P3550" s="58">
        <f>IF(Input!$K$13=3,J3550*Input!$J$13,0)+IF(Input!$K$14=3,K3550*Input!$J$14,0)+IF(Input!$K$15=3,L3550*Input!$J$15,0)+IF(Input!$K$16=3,M3550*Input!$J$16,0)</f>
        <v>0</v>
      </c>
      <c r="Q3550" s="71">
        <f>IF(Input!$K$13=4,J3550*Input!$J$13,0)+IF(Input!$K$14=4,K3550*Input!$J$14,0)+IF(Input!$K$15=4,L3550*Input!$J$15,0)+IF(Input!$K$16=4,M3550*Input!$J$16,0)</f>
        <v>0</v>
      </c>
    </row>
    <row r="3551" spans="8:17" x14ac:dyDescent="0.25">
      <c r="H3551" s="43">
        <v>3544</v>
      </c>
      <c r="I3551" s="55">
        <f>Bühler!I3577</f>
        <v>0.5335303781946531</v>
      </c>
      <c r="J3551" s="58">
        <f>Bühler!J3577</f>
        <v>4.6611981828795503</v>
      </c>
      <c r="K3551" s="58">
        <f>Bühler!K3577</f>
        <v>0.2206279852688299</v>
      </c>
      <c r="L3551" s="58">
        <f>Bühler!L3577</f>
        <v>0.11031399263441495</v>
      </c>
      <c r="M3551" s="57">
        <f>Bühler!M3577</f>
        <v>0</v>
      </c>
      <c r="N3551" s="55">
        <f>IF(Input!$K$13=1,J3551*Input!$J$13,0)+IF(Input!$K$14=1,K3551*Input!$J$14,0)+IF(Input!$K$15=1,L3551*Input!$J$15,0)+IF(Input!$K$16=1,M3551*Input!$J$16,0)</f>
        <v>0.55934378194554601</v>
      </c>
      <c r="O3551" s="58">
        <f>IF(Input!$K$13=2,J3551*Input!$J$13,0)+IF(Input!$K$14=2,K3551*Input!$J$14,0)+IF(Input!$K$15=2,L3551*Input!$J$15,0)+IF(Input!$K$16=2,M3551*Input!$J$16,0)</f>
        <v>2.9784778011292035E-2</v>
      </c>
      <c r="P3551" s="58">
        <f>IF(Input!$K$13=3,J3551*Input!$J$13,0)+IF(Input!$K$14=3,K3551*Input!$J$14,0)+IF(Input!$K$15=3,L3551*Input!$J$15,0)+IF(Input!$K$16=3,M3551*Input!$J$16,0)</f>
        <v>0</v>
      </c>
      <c r="Q3551" s="71">
        <f>IF(Input!$K$13=4,J3551*Input!$J$13,0)+IF(Input!$K$14=4,K3551*Input!$J$14,0)+IF(Input!$K$15=4,L3551*Input!$J$15,0)+IF(Input!$K$16=4,M3551*Input!$J$16,0)</f>
        <v>0</v>
      </c>
    </row>
    <row r="3552" spans="8:17" x14ac:dyDescent="0.25">
      <c r="H3552" s="43">
        <v>3545</v>
      </c>
      <c r="I3552" s="55">
        <f>Bühler!I3578</f>
        <v>0.52400305001260572</v>
      </c>
      <c r="J3552" s="58">
        <f>Bühler!J3578</f>
        <v>4.6608012108719645</v>
      </c>
      <c r="K3552" s="58">
        <f>Bühler!K3578</f>
        <v>0.2206279852688299</v>
      </c>
      <c r="L3552" s="58">
        <f>Bühler!L3578</f>
        <v>0.11031399263441495</v>
      </c>
      <c r="M3552" s="57">
        <f>Bühler!M3578</f>
        <v>0</v>
      </c>
      <c r="N3552" s="55">
        <f>IF(Input!$K$13=1,J3552*Input!$J$13,0)+IF(Input!$K$14=1,K3552*Input!$J$14,0)+IF(Input!$K$15=1,L3552*Input!$J$15,0)+IF(Input!$K$16=1,M3552*Input!$J$16,0)</f>
        <v>0.55929614530463567</v>
      </c>
      <c r="O3552" s="58">
        <f>IF(Input!$K$13=2,J3552*Input!$J$13,0)+IF(Input!$K$14=2,K3552*Input!$J$14,0)+IF(Input!$K$15=2,L3552*Input!$J$15,0)+IF(Input!$K$16=2,M3552*Input!$J$16,0)</f>
        <v>2.9784778011292035E-2</v>
      </c>
      <c r="P3552" s="58">
        <f>IF(Input!$K$13=3,J3552*Input!$J$13,0)+IF(Input!$K$14=3,K3552*Input!$J$14,0)+IF(Input!$K$15=3,L3552*Input!$J$15,0)+IF(Input!$K$16=3,M3552*Input!$J$16,0)</f>
        <v>0</v>
      </c>
      <c r="Q3552" s="71">
        <f>IF(Input!$K$13=4,J3552*Input!$J$13,0)+IF(Input!$K$14=4,K3552*Input!$J$14,0)+IF(Input!$K$15=4,L3552*Input!$J$15,0)+IF(Input!$K$16=4,M3552*Input!$J$16,0)</f>
        <v>0</v>
      </c>
    </row>
    <row r="3553" spans="8:17" x14ac:dyDescent="0.25">
      <c r="H3553" s="43">
        <v>3546</v>
      </c>
      <c r="I3553" s="55">
        <f>Bühler!I3579</f>
        <v>0.44778442455622675</v>
      </c>
      <c r="J3553" s="58">
        <f>Bühler!J3579</f>
        <v>4.6576254348112824</v>
      </c>
      <c r="K3553" s="58">
        <f>Bühler!K3579</f>
        <v>0.2206279852688299</v>
      </c>
      <c r="L3553" s="58">
        <f>Bühler!L3579</f>
        <v>0.11031399263441495</v>
      </c>
      <c r="M3553" s="57">
        <f>Bühler!M3579</f>
        <v>0</v>
      </c>
      <c r="N3553" s="55">
        <f>IF(Input!$K$13=1,J3553*Input!$J$13,0)+IF(Input!$K$14=1,K3553*Input!$J$14,0)+IF(Input!$K$15=1,L3553*Input!$J$15,0)+IF(Input!$K$16=1,M3553*Input!$J$16,0)</f>
        <v>0.55891505217735382</v>
      </c>
      <c r="O3553" s="58">
        <f>IF(Input!$K$13=2,J3553*Input!$J$13,0)+IF(Input!$K$14=2,K3553*Input!$J$14,0)+IF(Input!$K$15=2,L3553*Input!$J$15,0)+IF(Input!$K$16=2,M3553*Input!$J$16,0)</f>
        <v>2.9784778011292035E-2</v>
      </c>
      <c r="P3553" s="58">
        <f>IF(Input!$K$13=3,J3553*Input!$J$13,0)+IF(Input!$K$14=3,K3553*Input!$J$14,0)+IF(Input!$K$15=3,L3553*Input!$J$15,0)+IF(Input!$K$16=3,M3553*Input!$J$16,0)</f>
        <v>0</v>
      </c>
      <c r="Q3553" s="71">
        <f>IF(Input!$K$13=4,J3553*Input!$J$13,0)+IF(Input!$K$14=4,K3553*Input!$J$14,0)+IF(Input!$K$15=4,L3553*Input!$J$15,0)+IF(Input!$K$16=4,M3553*Input!$J$16,0)</f>
        <v>0</v>
      </c>
    </row>
    <row r="3554" spans="8:17" x14ac:dyDescent="0.25">
      <c r="H3554" s="43">
        <v>3547</v>
      </c>
      <c r="I3554" s="55">
        <f>Bühler!I3580</f>
        <v>0.41920244001008466</v>
      </c>
      <c r="J3554" s="58">
        <f>Bühler!J3580</f>
        <v>4.6564345187885259</v>
      </c>
      <c r="K3554" s="58">
        <f>Bühler!K3580</f>
        <v>0.2206279852688299</v>
      </c>
      <c r="L3554" s="58">
        <f>Bühler!L3580</f>
        <v>0.11031399263441495</v>
      </c>
      <c r="M3554" s="57">
        <f>Bühler!M3580</f>
        <v>0</v>
      </c>
      <c r="N3554" s="55">
        <f>IF(Input!$K$13=1,J3554*Input!$J$13,0)+IF(Input!$K$14=1,K3554*Input!$J$14,0)+IF(Input!$K$15=1,L3554*Input!$J$15,0)+IF(Input!$K$16=1,M3554*Input!$J$16,0)</f>
        <v>0.55877214225462313</v>
      </c>
      <c r="O3554" s="58">
        <f>IF(Input!$K$13=2,J3554*Input!$J$13,0)+IF(Input!$K$14=2,K3554*Input!$J$14,0)+IF(Input!$K$15=2,L3554*Input!$J$15,0)+IF(Input!$K$16=2,M3554*Input!$J$16,0)</f>
        <v>2.9784778011292035E-2</v>
      </c>
      <c r="P3554" s="58">
        <f>IF(Input!$K$13=3,J3554*Input!$J$13,0)+IF(Input!$K$14=3,K3554*Input!$J$14,0)+IF(Input!$K$15=3,L3554*Input!$J$15,0)+IF(Input!$K$16=3,M3554*Input!$J$16,0)</f>
        <v>0</v>
      </c>
      <c r="Q3554" s="71">
        <f>IF(Input!$K$13=4,J3554*Input!$J$13,0)+IF(Input!$K$14=4,K3554*Input!$J$14,0)+IF(Input!$K$15=4,L3554*Input!$J$15,0)+IF(Input!$K$16=4,M3554*Input!$J$16,0)</f>
        <v>0</v>
      </c>
    </row>
    <row r="3555" spans="8:17" x14ac:dyDescent="0.25">
      <c r="H3555" s="43">
        <v>3548</v>
      </c>
      <c r="I3555" s="55">
        <f>Bühler!I3581</f>
        <v>0.35251114273575296</v>
      </c>
      <c r="J3555" s="58">
        <f>Bühler!J3581</f>
        <v>4.6536557147354296</v>
      </c>
      <c r="K3555" s="58">
        <f>Bühler!K3581</f>
        <v>0.2206279852688299</v>
      </c>
      <c r="L3555" s="58">
        <f>Bühler!L3581</f>
        <v>0.11031399263441495</v>
      </c>
      <c r="M3555" s="57">
        <f>Bühler!M3581</f>
        <v>0</v>
      </c>
      <c r="N3555" s="55">
        <f>IF(Input!$K$13=1,J3555*Input!$J$13,0)+IF(Input!$K$14=1,K3555*Input!$J$14,0)+IF(Input!$K$15=1,L3555*Input!$J$15,0)+IF(Input!$K$16=1,M3555*Input!$J$16,0)</f>
        <v>0.55843868576825151</v>
      </c>
      <c r="O3555" s="58">
        <f>IF(Input!$K$13=2,J3555*Input!$J$13,0)+IF(Input!$K$14=2,K3555*Input!$J$14,0)+IF(Input!$K$15=2,L3555*Input!$J$15,0)+IF(Input!$K$16=2,M3555*Input!$J$16,0)</f>
        <v>2.9784778011292035E-2</v>
      </c>
      <c r="P3555" s="58">
        <f>IF(Input!$K$13=3,J3555*Input!$J$13,0)+IF(Input!$K$14=3,K3555*Input!$J$14,0)+IF(Input!$K$15=3,L3555*Input!$J$15,0)+IF(Input!$K$16=3,M3555*Input!$J$16,0)</f>
        <v>0</v>
      </c>
      <c r="Q3555" s="71">
        <f>IF(Input!$K$13=4,J3555*Input!$J$13,0)+IF(Input!$K$14=4,K3555*Input!$J$14,0)+IF(Input!$K$15=4,L3555*Input!$J$15,0)+IF(Input!$K$16=4,M3555*Input!$J$16,0)</f>
        <v>0</v>
      </c>
    </row>
    <row r="3556" spans="8:17" x14ac:dyDescent="0.25">
      <c r="H3556" s="43">
        <v>3549</v>
      </c>
      <c r="I3556" s="55">
        <f>Bühler!I3582</f>
        <v>0.29534717364346869</v>
      </c>
      <c r="J3556" s="58">
        <f>Bühler!J3582</f>
        <v>4.6512738826899174</v>
      </c>
      <c r="K3556" s="58">
        <f>Bühler!K3582</f>
        <v>0.2206279852688299</v>
      </c>
      <c r="L3556" s="58">
        <f>Bühler!L3582</f>
        <v>0.11031399263441495</v>
      </c>
      <c r="M3556" s="57">
        <f>Bühler!M3582</f>
        <v>0</v>
      </c>
      <c r="N3556" s="55">
        <f>IF(Input!$K$13=1,J3556*Input!$J$13,0)+IF(Input!$K$14=1,K3556*Input!$J$14,0)+IF(Input!$K$15=1,L3556*Input!$J$15,0)+IF(Input!$K$16=1,M3556*Input!$J$16,0)</f>
        <v>0.55815286592279001</v>
      </c>
      <c r="O3556" s="58">
        <f>IF(Input!$K$13=2,J3556*Input!$J$13,0)+IF(Input!$K$14=2,K3556*Input!$J$14,0)+IF(Input!$K$15=2,L3556*Input!$J$15,0)+IF(Input!$K$16=2,M3556*Input!$J$16,0)</f>
        <v>2.9784778011292035E-2</v>
      </c>
      <c r="P3556" s="58">
        <f>IF(Input!$K$13=3,J3556*Input!$J$13,0)+IF(Input!$K$14=3,K3556*Input!$J$14,0)+IF(Input!$K$15=3,L3556*Input!$J$15,0)+IF(Input!$K$16=3,M3556*Input!$J$16,0)</f>
        <v>0</v>
      </c>
      <c r="Q3556" s="71">
        <f>IF(Input!$K$13=4,J3556*Input!$J$13,0)+IF(Input!$K$14=4,K3556*Input!$J$14,0)+IF(Input!$K$15=4,L3556*Input!$J$15,0)+IF(Input!$K$16=4,M3556*Input!$J$16,0)</f>
        <v>0</v>
      </c>
    </row>
    <row r="3557" spans="8:17" x14ac:dyDescent="0.25">
      <c r="H3557" s="43">
        <v>3550</v>
      </c>
      <c r="I3557" s="55">
        <f>Bühler!I3583</f>
        <v>0.25723786091527923</v>
      </c>
      <c r="J3557" s="58">
        <f>Bühler!J3583</f>
        <v>4.6496859946595759</v>
      </c>
      <c r="K3557" s="58">
        <f>Bühler!K3583</f>
        <v>0.2206279852688299</v>
      </c>
      <c r="L3557" s="58">
        <f>Bühler!L3583</f>
        <v>0.11031399263441495</v>
      </c>
      <c r="M3557" s="57">
        <f>Bühler!M3583</f>
        <v>0</v>
      </c>
      <c r="N3557" s="55">
        <f>IF(Input!$K$13=1,J3557*Input!$J$13,0)+IF(Input!$K$14=1,K3557*Input!$J$14,0)+IF(Input!$K$15=1,L3557*Input!$J$15,0)+IF(Input!$K$16=1,M3557*Input!$J$16,0)</f>
        <v>0.55796231935914908</v>
      </c>
      <c r="O3557" s="58">
        <f>IF(Input!$K$13=2,J3557*Input!$J$13,0)+IF(Input!$K$14=2,K3557*Input!$J$14,0)+IF(Input!$K$15=2,L3557*Input!$J$15,0)+IF(Input!$K$16=2,M3557*Input!$J$16,0)</f>
        <v>2.9784778011292035E-2</v>
      </c>
      <c r="P3557" s="58">
        <f>IF(Input!$K$13=3,J3557*Input!$J$13,0)+IF(Input!$K$14=3,K3557*Input!$J$14,0)+IF(Input!$K$15=3,L3557*Input!$J$15,0)+IF(Input!$K$16=3,M3557*Input!$J$16,0)</f>
        <v>0</v>
      </c>
      <c r="Q3557" s="71">
        <f>IF(Input!$K$13=4,J3557*Input!$J$13,0)+IF(Input!$K$14=4,K3557*Input!$J$14,0)+IF(Input!$K$15=4,L3557*Input!$J$15,0)+IF(Input!$K$16=4,M3557*Input!$J$16,0)</f>
        <v>0</v>
      </c>
    </row>
    <row r="3558" spans="8:17" x14ac:dyDescent="0.25">
      <c r="H3558" s="43">
        <v>3551</v>
      </c>
      <c r="I3558" s="55">
        <f>Bühler!I3584</f>
        <v>0.25723786091527923</v>
      </c>
      <c r="J3558" s="58">
        <f>Bühler!J3584</f>
        <v>4.6496859946595759</v>
      </c>
      <c r="K3558" s="58">
        <f>Bühler!K3584</f>
        <v>0.2206279852688299</v>
      </c>
      <c r="L3558" s="58">
        <f>Bühler!L3584</f>
        <v>0.11031399263441495</v>
      </c>
      <c r="M3558" s="57">
        <f>Bühler!M3584</f>
        <v>0</v>
      </c>
      <c r="N3558" s="55">
        <f>IF(Input!$K$13=1,J3558*Input!$J$13,0)+IF(Input!$K$14=1,K3558*Input!$J$14,0)+IF(Input!$K$15=1,L3558*Input!$J$15,0)+IF(Input!$K$16=1,M3558*Input!$J$16,0)</f>
        <v>0.55796231935914908</v>
      </c>
      <c r="O3558" s="58">
        <f>IF(Input!$K$13=2,J3558*Input!$J$13,0)+IF(Input!$K$14=2,K3558*Input!$J$14,0)+IF(Input!$K$15=2,L3558*Input!$J$15,0)+IF(Input!$K$16=2,M3558*Input!$J$16,0)</f>
        <v>2.9784778011292035E-2</v>
      </c>
      <c r="P3558" s="58">
        <f>IF(Input!$K$13=3,J3558*Input!$J$13,0)+IF(Input!$K$14=3,K3558*Input!$J$14,0)+IF(Input!$K$15=3,L3558*Input!$J$15,0)+IF(Input!$K$16=3,M3558*Input!$J$16,0)</f>
        <v>0</v>
      </c>
      <c r="Q3558" s="71">
        <f>IF(Input!$K$13=4,J3558*Input!$J$13,0)+IF(Input!$K$14=4,K3558*Input!$J$14,0)+IF(Input!$K$15=4,L3558*Input!$J$15,0)+IF(Input!$K$16=4,M3558*Input!$J$16,0)</f>
        <v>0</v>
      </c>
    </row>
    <row r="3559" spans="8:17" x14ac:dyDescent="0.25">
      <c r="H3559" s="43">
        <v>3552</v>
      </c>
      <c r="I3559" s="55">
        <f>Bühler!I3585</f>
        <v>0.25723786091527923</v>
      </c>
      <c r="J3559" s="58">
        <f>Bühler!J3585</f>
        <v>4.6496859946595759</v>
      </c>
      <c r="K3559" s="58">
        <f>Bühler!K3585</f>
        <v>0.2206279852688299</v>
      </c>
      <c r="L3559" s="58">
        <f>Bühler!L3585</f>
        <v>0.11031399263441495</v>
      </c>
      <c r="M3559" s="57">
        <f>Bühler!M3585</f>
        <v>0</v>
      </c>
      <c r="N3559" s="55">
        <f>IF(Input!$K$13=1,J3559*Input!$J$13,0)+IF(Input!$K$14=1,K3559*Input!$J$14,0)+IF(Input!$K$15=1,L3559*Input!$J$15,0)+IF(Input!$K$16=1,M3559*Input!$J$16,0)</f>
        <v>0.55796231935914908</v>
      </c>
      <c r="O3559" s="58">
        <f>IF(Input!$K$13=2,J3559*Input!$J$13,0)+IF(Input!$K$14=2,K3559*Input!$J$14,0)+IF(Input!$K$15=2,L3559*Input!$J$15,0)+IF(Input!$K$16=2,M3559*Input!$J$16,0)</f>
        <v>2.9784778011292035E-2</v>
      </c>
      <c r="P3559" s="58">
        <f>IF(Input!$K$13=3,J3559*Input!$J$13,0)+IF(Input!$K$14=3,K3559*Input!$J$14,0)+IF(Input!$K$15=3,L3559*Input!$J$15,0)+IF(Input!$K$16=3,M3559*Input!$J$16,0)</f>
        <v>0</v>
      </c>
      <c r="Q3559" s="71">
        <f>IF(Input!$K$13=4,J3559*Input!$J$13,0)+IF(Input!$K$14=4,K3559*Input!$J$14,0)+IF(Input!$K$15=4,L3559*Input!$J$15,0)+IF(Input!$K$16=4,M3559*Input!$J$16,0)</f>
        <v>0</v>
      </c>
    </row>
    <row r="3560" spans="8:17" x14ac:dyDescent="0.25">
      <c r="H3560" s="43">
        <v>3553</v>
      </c>
      <c r="I3560" s="55">
        <f>Bühler!I3586</f>
        <v>0.16025252398444517</v>
      </c>
      <c r="J3560" s="58">
        <f>Bühler!J3586</f>
        <v>6.945323715885273</v>
      </c>
      <c r="K3560" s="58">
        <f>Bühler!K3586</f>
        <v>0.55848798786324294</v>
      </c>
      <c r="L3560" s="58">
        <f>Bühler!L3586</f>
        <v>0.27924399393162147</v>
      </c>
      <c r="M3560" s="57">
        <f>Bühler!M3586</f>
        <v>0</v>
      </c>
      <c r="N3560" s="55">
        <f>IF(Input!$K$13=1,J3560*Input!$J$13,0)+IF(Input!$K$14=1,K3560*Input!$J$14,0)+IF(Input!$K$15=1,L3560*Input!$J$15,0)+IF(Input!$K$16=1,M3560*Input!$J$16,0)</f>
        <v>0.83343884590623274</v>
      </c>
      <c r="O3560" s="58">
        <f>IF(Input!$K$13=2,J3560*Input!$J$13,0)+IF(Input!$K$14=2,K3560*Input!$J$14,0)+IF(Input!$K$15=2,L3560*Input!$J$15,0)+IF(Input!$K$16=2,M3560*Input!$J$16,0)</f>
        <v>7.5395878361537799E-2</v>
      </c>
      <c r="P3560" s="58">
        <f>IF(Input!$K$13=3,J3560*Input!$J$13,0)+IF(Input!$K$14=3,K3560*Input!$J$14,0)+IF(Input!$K$15=3,L3560*Input!$J$15,0)+IF(Input!$K$16=3,M3560*Input!$J$16,0)</f>
        <v>0</v>
      </c>
      <c r="Q3560" s="71">
        <f>IF(Input!$K$13=4,J3560*Input!$J$13,0)+IF(Input!$K$14=4,K3560*Input!$J$14,0)+IF(Input!$K$15=4,L3560*Input!$J$15,0)+IF(Input!$K$16=4,M3560*Input!$J$16,0)</f>
        <v>0</v>
      </c>
    </row>
    <row r="3561" spans="8:17" x14ac:dyDescent="0.25">
      <c r="H3561" s="43">
        <v>3554</v>
      </c>
      <c r="I3561" s="55">
        <f>Bühler!I3587</f>
        <v>0.16025252398444517</v>
      </c>
      <c r="J3561" s="58">
        <f>Bühler!J3587</f>
        <v>6.945323715885273</v>
      </c>
      <c r="K3561" s="58">
        <f>Bühler!K3587</f>
        <v>0.55848798786324294</v>
      </c>
      <c r="L3561" s="58">
        <f>Bühler!L3587</f>
        <v>0.27924399393162147</v>
      </c>
      <c r="M3561" s="57">
        <f>Bühler!M3587</f>
        <v>0</v>
      </c>
      <c r="N3561" s="55">
        <f>IF(Input!$K$13=1,J3561*Input!$J$13,0)+IF(Input!$K$14=1,K3561*Input!$J$14,0)+IF(Input!$K$15=1,L3561*Input!$J$15,0)+IF(Input!$K$16=1,M3561*Input!$J$16,0)</f>
        <v>0.83343884590623274</v>
      </c>
      <c r="O3561" s="58">
        <f>IF(Input!$K$13=2,J3561*Input!$J$13,0)+IF(Input!$K$14=2,K3561*Input!$J$14,0)+IF(Input!$K$15=2,L3561*Input!$J$15,0)+IF(Input!$K$16=2,M3561*Input!$J$16,0)</f>
        <v>7.5395878361537799E-2</v>
      </c>
      <c r="P3561" s="58">
        <f>IF(Input!$K$13=3,J3561*Input!$J$13,0)+IF(Input!$K$14=3,K3561*Input!$J$14,0)+IF(Input!$K$15=3,L3561*Input!$J$15,0)+IF(Input!$K$16=3,M3561*Input!$J$16,0)</f>
        <v>0</v>
      </c>
      <c r="Q3561" s="71">
        <f>IF(Input!$K$13=4,J3561*Input!$J$13,0)+IF(Input!$K$14=4,K3561*Input!$J$14,0)+IF(Input!$K$15=4,L3561*Input!$J$15,0)+IF(Input!$K$16=4,M3561*Input!$J$16,0)</f>
        <v>0</v>
      </c>
    </row>
    <row r="3562" spans="8:17" x14ac:dyDescent="0.25">
      <c r="H3562" s="43">
        <v>3555</v>
      </c>
      <c r="I3562" s="55">
        <f>Bühler!I3588</f>
        <v>0.16025252398444517</v>
      </c>
      <c r="J3562" s="58">
        <f>Bühler!J3588</f>
        <v>6.945323715885273</v>
      </c>
      <c r="K3562" s="58">
        <f>Bühler!K3588</f>
        <v>0.55848798786324294</v>
      </c>
      <c r="L3562" s="58">
        <f>Bühler!L3588</f>
        <v>0.27924399393162147</v>
      </c>
      <c r="M3562" s="57">
        <f>Bühler!M3588</f>
        <v>0</v>
      </c>
      <c r="N3562" s="55">
        <f>IF(Input!$K$13=1,J3562*Input!$J$13,0)+IF(Input!$K$14=1,K3562*Input!$J$14,0)+IF(Input!$K$15=1,L3562*Input!$J$15,0)+IF(Input!$K$16=1,M3562*Input!$J$16,0)</f>
        <v>0.83343884590623274</v>
      </c>
      <c r="O3562" s="58">
        <f>IF(Input!$K$13=2,J3562*Input!$J$13,0)+IF(Input!$K$14=2,K3562*Input!$J$14,0)+IF(Input!$K$15=2,L3562*Input!$J$15,0)+IF(Input!$K$16=2,M3562*Input!$J$16,0)</f>
        <v>7.5395878361537799E-2</v>
      </c>
      <c r="P3562" s="58">
        <f>IF(Input!$K$13=3,J3562*Input!$J$13,0)+IF(Input!$K$14=3,K3562*Input!$J$14,0)+IF(Input!$K$15=3,L3562*Input!$J$15,0)+IF(Input!$K$16=3,M3562*Input!$J$16,0)</f>
        <v>0</v>
      </c>
      <c r="Q3562" s="71">
        <f>IF(Input!$K$13=4,J3562*Input!$J$13,0)+IF(Input!$K$14=4,K3562*Input!$J$14,0)+IF(Input!$K$15=4,L3562*Input!$J$15,0)+IF(Input!$K$16=4,M3562*Input!$J$16,0)</f>
        <v>0</v>
      </c>
    </row>
    <row r="3563" spans="8:17" x14ac:dyDescent="0.25">
      <c r="H3563" s="43">
        <v>3556</v>
      </c>
      <c r="I3563" s="55">
        <f>Bühler!I3589</f>
        <v>0.16025252398444517</v>
      </c>
      <c r="J3563" s="58">
        <f>Bühler!J3589</f>
        <v>6.945323715885273</v>
      </c>
      <c r="K3563" s="58">
        <f>Bühler!K3589</f>
        <v>0.55848798786324294</v>
      </c>
      <c r="L3563" s="58">
        <f>Bühler!L3589</f>
        <v>0.27924399393162147</v>
      </c>
      <c r="M3563" s="57">
        <f>Bühler!M3589</f>
        <v>0</v>
      </c>
      <c r="N3563" s="55">
        <f>IF(Input!$K$13=1,J3563*Input!$J$13,0)+IF(Input!$K$14=1,K3563*Input!$J$14,0)+IF(Input!$K$15=1,L3563*Input!$J$15,0)+IF(Input!$K$16=1,M3563*Input!$J$16,0)</f>
        <v>0.83343884590623274</v>
      </c>
      <c r="O3563" s="58">
        <f>IF(Input!$K$13=2,J3563*Input!$J$13,0)+IF(Input!$K$14=2,K3563*Input!$J$14,0)+IF(Input!$K$15=2,L3563*Input!$J$15,0)+IF(Input!$K$16=2,M3563*Input!$J$16,0)</f>
        <v>7.5395878361537799E-2</v>
      </c>
      <c r="P3563" s="58">
        <f>IF(Input!$K$13=3,J3563*Input!$J$13,0)+IF(Input!$K$14=3,K3563*Input!$J$14,0)+IF(Input!$K$15=3,L3563*Input!$J$15,0)+IF(Input!$K$16=3,M3563*Input!$J$16,0)</f>
        <v>0</v>
      </c>
      <c r="Q3563" s="71">
        <f>IF(Input!$K$13=4,J3563*Input!$J$13,0)+IF(Input!$K$14=4,K3563*Input!$J$14,0)+IF(Input!$K$15=4,L3563*Input!$J$15,0)+IF(Input!$K$16=4,M3563*Input!$J$16,0)</f>
        <v>0</v>
      </c>
    </row>
    <row r="3564" spans="8:17" x14ac:dyDescent="0.25">
      <c r="H3564" s="43">
        <v>3557</v>
      </c>
      <c r="I3564" s="55">
        <f>Bühler!I3590</f>
        <v>0.16025252398444517</v>
      </c>
      <c r="J3564" s="58">
        <f>Bühler!J3590</f>
        <v>6.945323715885273</v>
      </c>
      <c r="K3564" s="58">
        <f>Bühler!K3590</f>
        <v>0.55848798786324294</v>
      </c>
      <c r="L3564" s="58">
        <f>Bühler!L3590</f>
        <v>0.27924399393162147</v>
      </c>
      <c r="M3564" s="57">
        <f>Bühler!M3590</f>
        <v>0</v>
      </c>
      <c r="N3564" s="55">
        <f>IF(Input!$K$13=1,J3564*Input!$J$13,0)+IF(Input!$K$14=1,K3564*Input!$J$14,0)+IF(Input!$K$15=1,L3564*Input!$J$15,0)+IF(Input!$K$16=1,M3564*Input!$J$16,0)</f>
        <v>0.83343884590623274</v>
      </c>
      <c r="O3564" s="58">
        <f>IF(Input!$K$13=2,J3564*Input!$J$13,0)+IF(Input!$K$14=2,K3564*Input!$J$14,0)+IF(Input!$K$15=2,L3564*Input!$J$15,0)+IF(Input!$K$16=2,M3564*Input!$J$16,0)</f>
        <v>7.5395878361537799E-2</v>
      </c>
      <c r="P3564" s="58">
        <f>IF(Input!$K$13=3,J3564*Input!$J$13,0)+IF(Input!$K$14=3,K3564*Input!$J$14,0)+IF(Input!$K$15=3,L3564*Input!$J$15,0)+IF(Input!$K$16=3,M3564*Input!$J$16,0)</f>
        <v>0</v>
      </c>
      <c r="Q3564" s="71">
        <f>IF(Input!$K$13=4,J3564*Input!$J$13,0)+IF(Input!$K$14=4,K3564*Input!$J$14,0)+IF(Input!$K$15=4,L3564*Input!$J$15,0)+IF(Input!$K$16=4,M3564*Input!$J$16,0)</f>
        <v>0</v>
      </c>
    </row>
    <row r="3565" spans="8:17" x14ac:dyDescent="0.25">
      <c r="H3565" s="43">
        <v>3558</v>
      </c>
      <c r="I3565" s="55">
        <f>Bühler!I3591</f>
        <v>0.16025252398444517</v>
      </c>
      <c r="J3565" s="58">
        <f>Bühler!J3591</f>
        <v>6.945323715885273</v>
      </c>
      <c r="K3565" s="58">
        <f>Bühler!K3591</f>
        <v>0.55848798786324294</v>
      </c>
      <c r="L3565" s="58">
        <f>Bühler!L3591</f>
        <v>0.27924399393162147</v>
      </c>
      <c r="M3565" s="57">
        <f>Bühler!M3591</f>
        <v>0</v>
      </c>
      <c r="N3565" s="55">
        <f>IF(Input!$K$13=1,J3565*Input!$J$13,0)+IF(Input!$K$14=1,K3565*Input!$J$14,0)+IF(Input!$K$15=1,L3565*Input!$J$15,0)+IF(Input!$K$16=1,M3565*Input!$J$16,0)</f>
        <v>0.83343884590623274</v>
      </c>
      <c r="O3565" s="58">
        <f>IF(Input!$K$13=2,J3565*Input!$J$13,0)+IF(Input!$K$14=2,K3565*Input!$J$14,0)+IF(Input!$K$15=2,L3565*Input!$J$15,0)+IF(Input!$K$16=2,M3565*Input!$J$16,0)</f>
        <v>7.5395878361537799E-2</v>
      </c>
      <c r="P3565" s="58">
        <f>IF(Input!$K$13=3,J3565*Input!$J$13,0)+IF(Input!$K$14=3,K3565*Input!$J$14,0)+IF(Input!$K$15=3,L3565*Input!$J$15,0)+IF(Input!$K$16=3,M3565*Input!$J$16,0)</f>
        <v>0</v>
      </c>
      <c r="Q3565" s="71">
        <f>IF(Input!$K$13=4,J3565*Input!$J$13,0)+IF(Input!$K$14=4,K3565*Input!$J$14,0)+IF(Input!$K$15=4,L3565*Input!$J$15,0)+IF(Input!$K$16=4,M3565*Input!$J$16,0)</f>
        <v>0</v>
      </c>
    </row>
    <row r="3566" spans="8:17" x14ac:dyDescent="0.25">
      <c r="H3566" s="43">
        <v>3559</v>
      </c>
      <c r="I3566" s="55">
        <f>Bühler!I3592</f>
        <v>0.16025252398444517</v>
      </c>
      <c r="J3566" s="58">
        <f>Bühler!J3592</f>
        <v>6.945323715885273</v>
      </c>
      <c r="K3566" s="58">
        <f>Bühler!K3592</f>
        <v>0.55848798786324294</v>
      </c>
      <c r="L3566" s="58">
        <f>Bühler!L3592</f>
        <v>0.27924399393162147</v>
      </c>
      <c r="M3566" s="57">
        <f>Bühler!M3592</f>
        <v>0</v>
      </c>
      <c r="N3566" s="55">
        <f>IF(Input!$K$13=1,J3566*Input!$J$13,0)+IF(Input!$K$14=1,K3566*Input!$J$14,0)+IF(Input!$K$15=1,L3566*Input!$J$15,0)+IF(Input!$K$16=1,M3566*Input!$J$16,0)</f>
        <v>0.83343884590623274</v>
      </c>
      <c r="O3566" s="58">
        <f>IF(Input!$K$13=2,J3566*Input!$J$13,0)+IF(Input!$K$14=2,K3566*Input!$J$14,0)+IF(Input!$K$15=2,L3566*Input!$J$15,0)+IF(Input!$K$16=2,M3566*Input!$J$16,0)</f>
        <v>7.5395878361537799E-2</v>
      </c>
      <c r="P3566" s="58">
        <f>IF(Input!$K$13=3,J3566*Input!$J$13,0)+IF(Input!$K$14=3,K3566*Input!$J$14,0)+IF(Input!$K$15=3,L3566*Input!$J$15,0)+IF(Input!$K$16=3,M3566*Input!$J$16,0)</f>
        <v>0</v>
      </c>
      <c r="Q3566" s="71">
        <f>IF(Input!$K$13=4,J3566*Input!$J$13,0)+IF(Input!$K$14=4,K3566*Input!$J$14,0)+IF(Input!$K$15=4,L3566*Input!$J$15,0)+IF(Input!$K$16=4,M3566*Input!$J$16,0)</f>
        <v>0</v>
      </c>
    </row>
    <row r="3567" spans="8:17" x14ac:dyDescent="0.25">
      <c r="H3567" s="43">
        <v>3560</v>
      </c>
      <c r="I3567" s="55">
        <f>Bühler!I3593</f>
        <v>0.6970984793323366</v>
      </c>
      <c r="J3567" s="58">
        <f>Bühler!J3593</f>
        <v>29.602703650759747</v>
      </c>
      <c r="K3567" s="58">
        <f>Bühler!K3593</f>
        <v>2.379158828297415</v>
      </c>
      <c r="L3567" s="58">
        <f>Bühler!L3593</f>
        <v>1.1895794141487075</v>
      </c>
      <c r="M3567" s="57">
        <f>Bühler!M3593</f>
        <v>0</v>
      </c>
      <c r="N3567" s="55">
        <f>IF(Input!$K$13=1,J3567*Input!$J$13,0)+IF(Input!$K$14=1,K3567*Input!$J$14,0)+IF(Input!$K$15=1,L3567*Input!$J$15,0)+IF(Input!$K$16=1,M3567*Input!$J$16,0)</f>
        <v>3.5523244380911696</v>
      </c>
      <c r="O3567" s="58">
        <f>IF(Input!$K$13=2,J3567*Input!$J$13,0)+IF(Input!$K$14=2,K3567*Input!$J$14,0)+IF(Input!$K$15=2,L3567*Input!$J$15,0)+IF(Input!$K$16=2,M3567*Input!$J$16,0)</f>
        <v>0.32118644182015099</v>
      </c>
      <c r="P3567" s="58">
        <f>IF(Input!$K$13=3,J3567*Input!$J$13,0)+IF(Input!$K$14=3,K3567*Input!$J$14,0)+IF(Input!$K$15=3,L3567*Input!$J$15,0)+IF(Input!$K$16=3,M3567*Input!$J$16,0)</f>
        <v>0</v>
      </c>
      <c r="Q3567" s="71">
        <f>IF(Input!$K$13=4,J3567*Input!$J$13,0)+IF(Input!$K$14=4,K3567*Input!$J$14,0)+IF(Input!$K$15=4,L3567*Input!$J$15,0)+IF(Input!$K$16=4,M3567*Input!$J$16,0)</f>
        <v>0</v>
      </c>
    </row>
    <row r="3568" spans="8:17" x14ac:dyDescent="0.25">
      <c r="H3568" s="43">
        <v>3561</v>
      </c>
      <c r="I3568" s="55">
        <f>Bühler!I3594</f>
        <v>0.78423578924887871</v>
      </c>
      <c r="J3568" s="58">
        <f>Bühler!J3594</f>
        <v>33.303041607104717</v>
      </c>
      <c r="K3568" s="58">
        <f>Bühler!K3594</f>
        <v>2.6765536818345921</v>
      </c>
      <c r="L3568" s="58">
        <f>Bühler!L3594</f>
        <v>1.338276840917296</v>
      </c>
      <c r="M3568" s="57">
        <f>Bühler!M3594</f>
        <v>0</v>
      </c>
      <c r="N3568" s="55">
        <f>IF(Input!$K$13=1,J3568*Input!$J$13,0)+IF(Input!$K$14=1,K3568*Input!$J$14,0)+IF(Input!$K$15=1,L3568*Input!$J$15,0)+IF(Input!$K$16=1,M3568*Input!$J$16,0)</f>
        <v>3.9963649928525657</v>
      </c>
      <c r="O3568" s="58">
        <f>IF(Input!$K$13=2,J3568*Input!$J$13,0)+IF(Input!$K$14=2,K3568*Input!$J$14,0)+IF(Input!$K$15=2,L3568*Input!$J$15,0)+IF(Input!$K$16=2,M3568*Input!$J$16,0)</f>
        <v>0.36133474704766994</v>
      </c>
      <c r="P3568" s="58">
        <f>IF(Input!$K$13=3,J3568*Input!$J$13,0)+IF(Input!$K$14=3,K3568*Input!$J$14,0)+IF(Input!$K$15=3,L3568*Input!$J$15,0)+IF(Input!$K$16=3,M3568*Input!$J$16,0)</f>
        <v>0</v>
      </c>
      <c r="Q3568" s="71">
        <f>IF(Input!$K$13=4,J3568*Input!$J$13,0)+IF(Input!$K$14=4,K3568*Input!$J$14,0)+IF(Input!$K$15=4,L3568*Input!$J$15,0)+IF(Input!$K$16=4,M3568*Input!$J$16,0)</f>
        <v>0</v>
      </c>
    </row>
    <row r="3569" spans="8:17" x14ac:dyDescent="0.25">
      <c r="H3569" s="43">
        <v>3562</v>
      </c>
      <c r="I3569" s="55">
        <f>Bühler!I3595</f>
        <v>0.87137309916542072</v>
      </c>
      <c r="J3569" s="58">
        <f>Bühler!J3595</f>
        <v>37.003379563449684</v>
      </c>
      <c r="K3569" s="58">
        <f>Bühler!K3595</f>
        <v>2.9739485353717687</v>
      </c>
      <c r="L3569" s="58">
        <f>Bühler!L3595</f>
        <v>1.4869742676858844</v>
      </c>
      <c r="M3569" s="57">
        <f>Bühler!M3595</f>
        <v>0</v>
      </c>
      <c r="N3569" s="55">
        <f>IF(Input!$K$13=1,J3569*Input!$J$13,0)+IF(Input!$K$14=1,K3569*Input!$J$14,0)+IF(Input!$K$15=1,L3569*Input!$J$15,0)+IF(Input!$K$16=1,M3569*Input!$J$16,0)</f>
        <v>4.4404055476139623</v>
      </c>
      <c r="O3569" s="58">
        <f>IF(Input!$K$13=2,J3569*Input!$J$13,0)+IF(Input!$K$14=2,K3569*Input!$J$14,0)+IF(Input!$K$15=2,L3569*Input!$J$15,0)+IF(Input!$K$16=2,M3569*Input!$J$16,0)</f>
        <v>0.40148305227518877</v>
      </c>
      <c r="P3569" s="58">
        <f>IF(Input!$K$13=3,J3569*Input!$J$13,0)+IF(Input!$K$14=3,K3569*Input!$J$14,0)+IF(Input!$K$15=3,L3569*Input!$J$15,0)+IF(Input!$K$16=3,M3569*Input!$J$16,0)</f>
        <v>0</v>
      </c>
      <c r="Q3569" s="71">
        <f>IF(Input!$K$13=4,J3569*Input!$J$13,0)+IF(Input!$K$14=4,K3569*Input!$J$14,0)+IF(Input!$K$15=4,L3569*Input!$J$15,0)+IF(Input!$K$16=4,M3569*Input!$J$16,0)</f>
        <v>0</v>
      </c>
    </row>
    <row r="3570" spans="8:17" x14ac:dyDescent="0.25">
      <c r="H3570" s="43">
        <v>3563</v>
      </c>
      <c r="I3570" s="55">
        <f>Bühler!I3596</f>
        <v>0.87137309916542072</v>
      </c>
      <c r="J3570" s="58">
        <f>Bühler!J3596</f>
        <v>37.003379563449684</v>
      </c>
      <c r="K3570" s="58">
        <f>Bühler!K3596</f>
        <v>2.9739485353717687</v>
      </c>
      <c r="L3570" s="58">
        <f>Bühler!L3596</f>
        <v>1.4869742676858844</v>
      </c>
      <c r="M3570" s="57">
        <f>Bühler!M3596</f>
        <v>0</v>
      </c>
      <c r="N3570" s="55">
        <f>IF(Input!$K$13=1,J3570*Input!$J$13,0)+IF(Input!$K$14=1,K3570*Input!$J$14,0)+IF(Input!$K$15=1,L3570*Input!$J$15,0)+IF(Input!$K$16=1,M3570*Input!$J$16,0)</f>
        <v>4.4404055476139623</v>
      </c>
      <c r="O3570" s="58">
        <f>IF(Input!$K$13=2,J3570*Input!$J$13,0)+IF(Input!$K$14=2,K3570*Input!$J$14,0)+IF(Input!$K$15=2,L3570*Input!$J$15,0)+IF(Input!$K$16=2,M3570*Input!$J$16,0)</f>
        <v>0.40148305227518877</v>
      </c>
      <c r="P3570" s="58">
        <f>IF(Input!$K$13=3,J3570*Input!$J$13,0)+IF(Input!$K$14=3,K3570*Input!$J$14,0)+IF(Input!$K$15=3,L3570*Input!$J$15,0)+IF(Input!$K$16=3,M3570*Input!$J$16,0)</f>
        <v>0</v>
      </c>
      <c r="Q3570" s="71">
        <f>IF(Input!$K$13=4,J3570*Input!$J$13,0)+IF(Input!$K$14=4,K3570*Input!$J$14,0)+IF(Input!$K$15=4,L3570*Input!$J$15,0)+IF(Input!$K$16=4,M3570*Input!$J$16,0)</f>
        <v>0</v>
      </c>
    </row>
    <row r="3571" spans="8:17" x14ac:dyDescent="0.25">
      <c r="H3571" s="43">
        <v>3564</v>
      </c>
      <c r="I3571" s="55">
        <f>Bühler!I3597</f>
        <v>1.0456477189985047</v>
      </c>
      <c r="J3571" s="58">
        <f>Bühler!J3597</f>
        <v>44.404055476139611</v>
      </c>
      <c r="K3571" s="58">
        <f>Bühler!K3597</f>
        <v>3.568738242446122</v>
      </c>
      <c r="L3571" s="58">
        <f>Bühler!L3597</f>
        <v>1.784369121223061</v>
      </c>
      <c r="M3571" s="57">
        <f>Bühler!M3597</f>
        <v>0</v>
      </c>
      <c r="N3571" s="55">
        <f>IF(Input!$K$13=1,J3571*Input!$J$13,0)+IF(Input!$K$14=1,K3571*Input!$J$14,0)+IF(Input!$K$15=1,L3571*Input!$J$15,0)+IF(Input!$K$16=1,M3571*Input!$J$16,0)</f>
        <v>5.3284866571367528</v>
      </c>
      <c r="O3571" s="58">
        <f>IF(Input!$K$13=2,J3571*Input!$J$13,0)+IF(Input!$K$14=2,K3571*Input!$J$14,0)+IF(Input!$K$15=2,L3571*Input!$J$15,0)+IF(Input!$K$16=2,M3571*Input!$J$16,0)</f>
        <v>0.48177966273022643</v>
      </c>
      <c r="P3571" s="58">
        <f>IF(Input!$K$13=3,J3571*Input!$J$13,0)+IF(Input!$K$14=3,K3571*Input!$J$14,0)+IF(Input!$K$15=3,L3571*Input!$J$15,0)+IF(Input!$K$16=3,M3571*Input!$J$16,0)</f>
        <v>0</v>
      </c>
      <c r="Q3571" s="71">
        <f>IF(Input!$K$13=4,J3571*Input!$J$13,0)+IF(Input!$K$14=4,K3571*Input!$J$14,0)+IF(Input!$K$15=4,L3571*Input!$J$15,0)+IF(Input!$K$16=4,M3571*Input!$J$16,0)</f>
        <v>0</v>
      </c>
    </row>
    <row r="3572" spans="8:17" x14ac:dyDescent="0.25">
      <c r="H3572" s="43">
        <v>3565</v>
      </c>
      <c r="I3572" s="55">
        <f>Bühler!I3598</f>
        <v>1.0456477189985047</v>
      </c>
      <c r="J3572" s="58">
        <f>Bühler!J3598</f>
        <v>44.404055476139611</v>
      </c>
      <c r="K3572" s="58">
        <f>Bühler!K3598</f>
        <v>3.568738242446122</v>
      </c>
      <c r="L3572" s="58">
        <f>Bühler!L3598</f>
        <v>1.784369121223061</v>
      </c>
      <c r="M3572" s="57">
        <f>Bühler!M3598</f>
        <v>0</v>
      </c>
      <c r="N3572" s="55">
        <f>IF(Input!$K$13=1,J3572*Input!$J$13,0)+IF(Input!$K$14=1,K3572*Input!$J$14,0)+IF(Input!$K$15=1,L3572*Input!$J$15,0)+IF(Input!$K$16=1,M3572*Input!$J$16,0)</f>
        <v>5.3284866571367528</v>
      </c>
      <c r="O3572" s="58">
        <f>IF(Input!$K$13=2,J3572*Input!$J$13,0)+IF(Input!$K$14=2,K3572*Input!$J$14,0)+IF(Input!$K$15=2,L3572*Input!$J$15,0)+IF(Input!$K$16=2,M3572*Input!$J$16,0)</f>
        <v>0.48177966273022643</v>
      </c>
      <c r="P3572" s="58">
        <f>IF(Input!$K$13=3,J3572*Input!$J$13,0)+IF(Input!$K$14=3,K3572*Input!$J$14,0)+IF(Input!$K$15=3,L3572*Input!$J$15,0)+IF(Input!$K$16=3,M3572*Input!$J$16,0)</f>
        <v>0</v>
      </c>
      <c r="Q3572" s="71">
        <f>IF(Input!$K$13=4,J3572*Input!$J$13,0)+IF(Input!$K$14=4,K3572*Input!$J$14,0)+IF(Input!$K$15=4,L3572*Input!$J$15,0)+IF(Input!$K$16=4,M3572*Input!$J$16,0)</f>
        <v>0</v>
      </c>
    </row>
    <row r="3573" spans="8:17" x14ac:dyDescent="0.25">
      <c r="H3573" s="43">
        <v>3566</v>
      </c>
      <c r="I3573" s="55">
        <f>Bühler!I3599</f>
        <v>0.6970984793323366</v>
      </c>
      <c r="J3573" s="58">
        <f>Bühler!J3599</f>
        <v>29.602703650759747</v>
      </c>
      <c r="K3573" s="58">
        <f>Bühler!K3599</f>
        <v>2.379158828297415</v>
      </c>
      <c r="L3573" s="58">
        <f>Bühler!L3599</f>
        <v>1.1895794141487075</v>
      </c>
      <c r="M3573" s="57">
        <f>Bühler!M3599</f>
        <v>0</v>
      </c>
      <c r="N3573" s="55">
        <f>IF(Input!$K$13=1,J3573*Input!$J$13,0)+IF(Input!$K$14=1,K3573*Input!$J$14,0)+IF(Input!$K$15=1,L3573*Input!$J$15,0)+IF(Input!$K$16=1,M3573*Input!$J$16,0)</f>
        <v>3.5523244380911696</v>
      </c>
      <c r="O3573" s="58">
        <f>IF(Input!$K$13=2,J3573*Input!$J$13,0)+IF(Input!$K$14=2,K3573*Input!$J$14,0)+IF(Input!$K$15=2,L3573*Input!$J$15,0)+IF(Input!$K$16=2,M3573*Input!$J$16,0)</f>
        <v>0.32118644182015099</v>
      </c>
      <c r="P3573" s="58">
        <f>IF(Input!$K$13=3,J3573*Input!$J$13,0)+IF(Input!$K$14=3,K3573*Input!$J$14,0)+IF(Input!$K$15=3,L3573*Input!$J$15,0)+IF(Input!$K$16=3,M3573*Input!$J$16,0)</f>
        <v>0</v>
      </c>
      <c r="Q3573" s="71">
        <f>IF(Input!$K$13=4,J3573*Input!$J$13,0)+IF(Input!$K$14=4,K3573*Input!$J$14,0)+IF(Input!$K$15=4,L3573*Input!$J$15,0)+IF(Input!$K$16=4,M3573*Input!$J$16,0)</f>
        <v>0</v>
      </c>
    </row>
    <row r="3574" spans="8:17" x14ac:dyDescent="0.25">
      <c r="H3574" s="43">
        <v>3567</v>
      </c>
      <c r="I3574" s="55">
        <f>Bühler!I3600</f>
        <v>1.0456477189985047</v>
      </c>
      <c r="J3574" s="58">
        <f>Bühler!J3600</f>
        <v>44.404055476139611</v>
      </c>
      <c r="K3574" s="58">
        <f>Bühler!K3600</f>
        <v>3.568738242446122</v>
      </c>
      <c r="L3574" s="58">
        <f>Bühler!L3600</f>
        <v>1.784369121223061</v>
      </c>
      <c r="M3574" s="57">
        <f>Bühler!M3600</f>
        <v>0</v>
      </c>
      <c r="N3574" s="55">
        <f>IF(Input!$K$13=1,J3574*Input!$J$13,0)+IF(Input!$K$14=1,K3574*Input!$J$14,0)+IF(Input!$K$15=1,L3574*Input!$J$15,0)+IF(Input!$K$16=1,M3574*Input!$J$16,0)</f>
        <v>5.3284866571367528</v>
      </c>
      <c r="O3574" s="58">
        <f>IF(Input!$K$13=2,J3574*Input!$J$13,0)+IF(Input!$K$14=2,K3574*Input!$J$14,0)+IF(Input!$K$15=2,L3574*Input!$J$15,0)+IF(Input!$K$16=2,M3574*Input!$J$16,0)</f>
        <v>0.48177966273022643</v>
      </c>
      <c r="P3574" s="58">
        <f>IF(Input!$K$13=3,J3574*Input!$J$13,0)+IF(Input!$K$14=3,K3574*Input!$J$14,0)+IF(Input!$K$15=3,L3574*Input!$J$15,0)+IF(Input!$K$16=3,M3574*Input!$J$16,0)</f>
        <v>0</v>
      </c>
      <c r="Q3574" s="71">
        <f>IF(Input!$K$13=4,J3574*Input!$J$13,0)+IF(Input!$K$14=4,K3574*Input!$J$14,0)+IF(Input!$K$15=4,L3574*Input!$J$15,0)+IF(Input!$K$16=4,M3574*Input!$J$16,0)</f>
        <v>0</v>
      </c>
    </row>
    <row r="3575" spans="8:17" x14ac:dyDescent="0.25">
      <c r="H3575" s="43">
        <v>3568</v>
      </c>
      <c r="I3575" s="55">
        <f>Bühler!I3601</f>
        <v>1.0456477189985047</v>
      </c>
      <c r="J3575" s="58">
        <f>Bühler!J3601</f>
        <v>44.404055476139611</v>
      </c>
      <c r="K3575" s="58">
        <f>Bühler!K3601</f>
        <v>3.568738242446122</v>
      </c>
      <c r="L3575" s="58">
        <f>Bühler!L3601</f>
        <v>1.784369121223061</v>
      </c>
      <c r="M3575" s="57">
        <f>Bühler!M3601</f>
        <v>0</v>
      </c>
      <c r="N3575" s="55">
        <f>IF(Input!$K$13=1,J3575*Input!$J$13,0)+IF(Input!$K$14=1,K3575*Input!$J$14,0)+IF(Input!$K$15=1,L3575*Input!$J$15,0)+IF(Input!$K$16=1,M3575*Input!$J$16,0)</f>
        <v>5.3284866571367528</v>
      </c>
      <c r="O3575" s="58">
        <f>IF(Input!$K$13=2,J3575*Input!$J$13,0)+IF(Input!$K$14=2,K3575*Input!$J$14,0)+IF(Input!$K$15=2,L3575*Input!$J$15,0)+IF(Input!$K$16=2,M3575*Input!$J$16,0)</f>
        <v>0.48177966273022643</v>
      </c>
      <c r="P3575" s="58">
        <f>IF(Input!$K$13=3,J3575*Input!$J$13,0)+IF(Input!$K$14=3,K3575*Input!$J$14,0)+IF(Input!$K$15=3,L3575*Input!$J$15,0)+IF(Input!$K$16=3,M3575*Input!$J$16,0)</f>
        <v>0</v>
      </c>
      <c r="Q3575" s="71">
        <f>IF(Input!$K$13=4,J3575*Input!$J$13,0)+IF(Input!$K$14=4,K3575*Input!$J$14,0)+IF(Input!$K$15=4,L3575*Input!$J$15,0)+IF(Input!$K$16=4,M3575*Input!$J$16,0)</f>
        <v>0</v>
      </c>
    </row>
    <row r="3576" spans="8:17" x14ac:dyDescent="0.25">
      <c r="H3576" s="43">
        <v>3569</v>
      </c>
      <c r="I3576" s="55">
        <f>Bühler!I3602</f>
        <v>0.87137309916542072</v>
      </c>
      <c r="J3576" s="58">
        <f>Bühler!J3602</f>
        <v>26.185561951643542</v>
      </c>
      <c r="K3576" s="58">
        <f>Bühler!K3602</f>
        <v>2.0817639747602379</v>
      </c>
      <c r="L3576" s="58">
        <f>Bühler!L3602</f>
        <v>1.0408819873801189</v>
      </c>
      <c r="M3576" s="57">
        <f>Bühler!M3602</f>
        <v>0</v>
      </c>
      <c r="N3576" s="55">
        <f>IF(Input!$K$13=1,J3576*Input!$J$13,0)+IF(Input!$K$14=1,K3576*Input!$J$14,0)+IF(Input!$K$15=1,L3576*Input!$J$15,0)+IF(Input!$K$16=1,M3576*Input!$J$16,0)</f>
        <v>3.1422674341972248</v>
      </c>
      <c r="O3576" s="58">
        <f>IF(Input!$K$13=2,J3576*Input!$J$13,0)+IF(Input!$K$14=2,K3576*Input!$J$14,0)+IF(Input!$K$15=2,L3576*Input!$J$15,0)+IF(Input!$K$16=2,M3576*Input!$J$16,0)</f>
        <v>0.2810381365926321</v>
      </c>
      <c r="P3576" s="58">
        <f>IF(Input!$K$13=3,J3576*Input!$J$13,0)+IF(Input!$K$14=3,K3576*Input!$J$14,0)+IF(Input!$K$15=3,L3576*Input!$J$15,0)+IF(Input!$K$16=3,M3576*Input!$J$16,0)</f>
        <v>0</v>
      </c>
      <c r="Q3576" s="71">
        <f>IF(Input!$K$13=4,J3576*Input!$J$13,0)+IF(Input!$K$14=4,K3576*Input!$J$14,0)+IF(Input!$K$15=4,L3576*Input!$J$15,0)+IF(Input!$K$16=4,M3576*Input!$J$16,0)</f>
        <v>0</v>
      </c>
    </row>
    <row r="3577" spans="8:17" x14ac:dyDescent="0.25">
      <c r="H3577" s="43">
        <v>3570</v>
      </c>
      <c r="I3577" s="55">
        <f>Bühler!I3603</f>
        <v>0.70110479243194768</v>
      </c>
      <c r="J3577" s="58">
        <f>Bühler!J3603</f>
        <v>7.9714085996720394</v>
      </c>
      <c r="K3577" s="58">
        <f>Bühler!K3603</f>
        <v>0.59478970707435375</v>
      </c>
      <c r="L3577" s="58">
        <f>Bühler!L3603</f>
        <v>0.29739485353717687</v>
      </c>
      <c r="M3577" s="57">
        <f>Bühler!M3603</f>
        <v>0</v>
      </c>
      <c r="N3577" s="55">
        <f>IF(Input!$K$13=1,J3577*Input!$J$13,0)+IF(Input!$K$14=1,K3577*Input!$J$14,0)+IF(Input!$K$15=1,L3577*Input!$J$15,0)+IF(Input!$K$16=1,M3577*Input!$J$16,0)</f>
        <v>0.95656903196064469</v>
      </c>
      <c r="O3577" s="58">
        <f>IF(Input!$K$13=2,J3577*Input!$J$13,0)+IF(Input!$K$14=2,K3577*Input!$J$14,0)+IF(Input!$K$15=2,L3577*Input!$J$15,0)+IF(Input!$K$16=2,M3577*Input!$J$16,0)</f>
        <v>8.0296610455037748E-2</v>
      </c>
      <c r="P3577" s="58">
        <f>IF(Input!$K$13=3,J3577*Input!$J$13,0)+IF(Input!$K$14=3,K3577*Input!$J$14,0)+IF(Input!$K$15=3,L3577*Input!$J$15,0)+IF(Input!$K$16=3,M3577*Input!$J$16,0)</f>
        <v>0</v>
      </c>
      <c r="Q3577" s="71">
        <f>IF(Input!$K$13=4,J3577*Input!$J$13,0)+IF(Input!$K$14=4,K3577*Input!$J$14,0)+IF(Input!$K$15=4,L3577*Input!$J$15,0)+IF(Input!$K$16=4,M3577*Input!$J$16,0)</f>
        <v>0</v>
      </c>
    </row>
    <row r="3578" spans="8:17" x14ac:dyDescent="0.25">
      <c r="H3578" s="43">
        <v>3571</v>
      </c>
      <c r="I3578" s="55">
        <f>Bühler!I3604</f>
        <v>0.25039456872569565</v>
      </c>
      <c r="J3578" s="58">
        <f>Bühler!J3604</f>
        <v>7.3815634384334006</v>
      </c>
      <c r="K3578" s="58">
        <f>Bühler!K3604</f>
        <v>0.5864123872564051</v>
      </c>
      <c r="L3578" s="58">
        <f>Bühler!L3604</f>
        <v>0.29320619362820255</v>
      </c>
      <c r="M3578" s="57">
        <f>Bühler!M3604</f>
        <v>0</v>
      </c>
      <c r="N3578" s="55">
        <f>IF(Input!$K$13=1,J3578*Input!$J$13,0)+IF(Input!$K$14=1,K3578*Input!$J$14,0)+IF(Input!$K$15=1,L3578*Input!$J$15,0)+IF(Input!$K$16=1,M3578*Input!$J$16,0)</f>
        <v>0.885787612612008</v>
      </c>
      <c r="O3578" s="58">
        <f>IF(Input!$K$13=2,J3578*Input!$J$13,0)+IF(Input!$K$14=2,K3578*Input!$J$14,0)+IF(Input!$K$15=2,L3578*Input!$J$15,0)+IF(Input!$K$16=2,M3578*Input!$J$16,0)</f>
        <v>7.9165672279614685E-2</v>
      </c>
      <c r="P3578" s="58">
        <f>IF(Input!$K$13=3,J3578*Input!$J$13,0)+IF(Input!$K$14=3,K3578*Input!$J$14,0)+IF(Input!$K$15=3,L3578*Input!$J$15,0)+IF(Input!$K$16=3,M3578*Input!$J$16,0)</f>
        <v>0</v>
      </c>
      <c r="Q3578" s="71">
        <f>IF(Input!$K$13=4,J3578*Input!$J$13,0)+IF(Input!$K$14=4,K3578*Input!$J$14,0)+IF(Input!$K$15=4,L3578*Input!$J$15,0)+IF(Input!$K$16=4,M3578*Input!$J$16,0)</f>
        <v>0</v>
      </c>
    </row>
    <row r="3579" spans="8:17" x14ac:dyDescent="0.25">
      <c r="H3579" s="43">
        <v>3572</v>
      </c>
      <c r="I3579" s="55">
        <f>Bühler!I3605</f>
        <v>0.25039456872569565</v>
      </c>
      <c r="J3579" s="58">
        <f>Bühler!J3605</f>
        <v>7.3815634384334006</v>
      </c>
      <c r="K3579" s="58">
        <f>Bühler!K3605</f>
        <v>0.5864123872564051</v>
      </c>
      <c r="L3579" s="58">
        <f>Bühler!L3605</f>
        <v>0.29320619362820255</v>
      </c>
      <c r="M3579" s="57">
        <f>Bühler!M3605</f>
        <v>0</v>
      </c>
      <c r="N3579" s="55">
        <f>IF(Input!$K$13=1,J3579*Input!$J$13,0)+IF(Input!$K$14=1,K3579*Input!$J$14,0)+IF(Input!$K$15=1,L3579*Input!$J$15,0)+IF(Input!$K$16=1,M3579*Input!$J$16,0)</f>
        <v>0.885787612612008</v>
      </c>
      <c r="O3579" s="58">
        <f>IF(Input!$K$13=2,J3579*Input!$J$13,0)+IF(Input!$K$14=2,K3579*Input!$J$14,0)+IF(Input!$K$15=2,L3579*Input!$J$15,0)+IF(Input!$K$16=2,M3579*Input!$J$16,0)</f>
        <v>7.9165672279614685E-2</v>
      </c>
      <c r="P3579" s="58">
        <f>IF(Input!$K$13=3,J3579*Input!$J$13,0)+IF(Input!$K$14=3,K3579*Input!$J$14,0)+IF(Input!$K$15=3,L3579*Input!$J$15,0)+IF(Input!$K$16=3,M3579*Input!$J$16,0)</f>
        <v>0</v>
      </c>
      <c r="Q3579" s="71">
        <f>IF(Input!$K$13=4,J3579*Input!$J$13,0)+IF(Input!$K$14=4,K3579*Input!$J$14,0)+IF(Input!$K$15=4,L3579*Input!$J$15,0)+IF(Input!$K$16=4,M3579*Input!$J$16,0)</f>
        <v>0</v>
      </c>
    </row>
    <row r="3580" spans="8:17" x14ac:dyDescent="0.25">
      <c r="H3580" s="43">
        <v>3573</v>
      </c>
      <c r="I3580" s="55">
        <f>Bühler!I3606</f>
        <v>0.25039456872569565</v>
      </c>
      <c r="J3580" s="58">
        <f>Bühler!J3606</f>
        <v>7.3815634384334006</v>
      </c>
      <c r="K3580" s="58">
        <f>Bühler!K3606</f>
        <v>0.5864123872564051</v>
      </c>
      <c r="L3580" s="58">
        <f>Bühler!L3606</f>
        <v>0.29320619362820255</v>
      </c>
      <c r="M3580" s="57">
        <f>Bühler!M3606</f>
        <v>0</v>
      </c>
      <c r="N3580" s="55">
        <f>IF(Input!$K$13=1,J3580*Input!$J$13,0)+IF(Input!$K$14=1,K3580*Input!$J$14,0)+IF(Input!$K$15=1,L3580*Input!$J$15,0)+IF(Input!$K$16=1,M3580*Input!$J$16,0)</f>
        <v>0.885787612612008</v>
      </c>
      <c r="O3580" s="58">
        <f>IF(Input!$K$13=2,J3580*Input!$J$13,0)+IF(Input!$K$14=2,K3580*Input!$J$14,0)+IF(Input!$K$15=2,L3580*Input!$J$15,0)+IF(Input!$K$16=2,M3580*Input!$J$16,0)</f>
        <v>7.9165672279614685E-2</v>
      </c>
      <c r="P3580" s="58">
        <f>IF(Input!$K$13=3,J3580*Input!$J$13,0)+IF(Input!$K$14=3,K3580*Input!$J$14,0)+IF(Input!$K$15=3,L3580*Input!$J$15,0)+IF(Input!$K$16=3,M3580*Input!$J$16,0)</f>
        <v>0</v>
      </c>
      <c r="Q3580" s="71">
        <f>IF(Input!$K$13=4,J3580*Input!$J$13,0)+IF(Input!$K$14=4,K3580*Input!$J$14,0)+IF(Input!$K$15=4,L3580*Input!$J$15,0)+IF(Input!$K$16=4,M3580*Input!$J$16,0)</f>
        <v>0</v>
      </c>
    </row>
    <row r="3581" spans="8:17" x14ac:dyDescent="0.25">
      <c r="H3581" s="43">
        <v>3574</v>
      </c>
      <c r="I3581" s="55">
        <f>Bühler!I3607</f>
        <v>0.25039456872569565</v>
      </c>
      <c r="J3581" s="58">
        <f>Bühler!J3607</f>
        <v>7.3815634384334006</v>
      </c>
      <c r="K3581" s="58">
        <f>Bühler!K3607</f>
        <v>0.5864123872564051</v>
      </c>
      <c r="L3581" s="58">
        <f>Bühler!L3607</f>
        <v>0.29320619362820255</v>
      </c>
      <c r="M3581" s="57">
        <f>Bühler!M3607</f>
        <v>0</v>
      </c>
      <c r="N3581" s="55">
        <f>IF(Input!$K$13=1,J3581*Input!$J$13,0)+IF(Input!$K$14=1,K3581*Input!$J$14,0)+IF(Input!$K$15=1,L3581*Input!$J$15,0)+IF(Input!$K$16=1,M3581*Input!$J$16,0)</f>
        <v>0.885787612612008</v>
      </c>
      <c r="O3581" s="58">
        <f>IF(Input!$K$13=2,J3581*Input!$J$13,0)+IF(Input!$K$14=2,K3581*Input!$J$14,0)+IF(Input!$K$15=2,L3581*Input!$J$15,0)+IF(Input!$K$16=2,M3581*Input!$J$16,0)</f>
        <v>7.9165672279614685E-2</v>
      </c>
      <c r="P3581" s="58">
        <f>IF(Input!$K$13=3,J3581*Input!$J$13,0)+IF(Input!$K$14=3,K3581*Input!$J$14,0)+IF(Input!$K$15=3,L3581*Input!$J$15,0)+IF(Input!$K$16=3,M3581*Input!$J$16,0)</f>
        <v>0</v>
      </c>
      <c r="Q3581" s="71">
        <f>IF(Input!$K$13=4,J3581*Input!$J$13,0)+IF(Input!$K$14=4,K3581*Input!$J$14,0)+IF(Input!$K$15=4,L3581*Input!$J$15,0)+IF(Input!$K$16=4,M3581*Input!$J$16,0)</f>
        <v>0</v>
      </c>
    </row>
    <row r="3582" spans="8:17" x14ac:dyDescent="0.25">
      <c r="H3582" s="43">
        <v>3575</v>
      </c>
      <c r="I3582" s="55">
        <f>Bühler!I3608</f>
        <v>0.25039456872569565</v>
      </c>
      <c r="J3582" s="58">
        <f>Bühler!J3608</f>
        <v>7.3815634384334006</v>
      </c>
      <c r="K3582" s="58">
        <f>Bühler!K3608</f>
        <v>0.5864123872564051</v>
      </c>
      <c r="L3582" s="58">
        <f>Bühler!L3608</f>
        <v>0.29320619362820255</v>
      </c>
      <c r="M3582" s="57">
        <f>Bühler!M3608</f>
        <v>0</v>
      </c>
      <c r="N3582" s="55">
        <f>IF(Input!$K$13=1,J3582*Input!$J$13,0)+IF(Input!$K$14=1,K3582*Input!$J$14,0)+IF(Input!$K$15=1,L3582*Input!$J$15,0)+IF(Input!$K$16=1,M3582*Input!$J$16,0)</f>
        <v>0.885787612612008</v>
      </c>
      <c r="O3582" s="58">
        <f>IF(Input!$K$13=2,J3582*Input!$J$13,0)+IF(Input!$K$14=2,K3582*Input!$J$14,0)+IF(Input!$K$15=2,L3582*Input!$J$15,0)+IF(Input!$K$16=2,M3582*Input!$J$16,0)</f>
        <v>7.9165672279614685E-2</v>
      </c>
      <c r="P3582" s="58">
        <f>IF(Input!$K$13=3,J3582*Input!$J$13,0)+IF(Input!$K$14=3,K3582*Input!$J$14,0)+IF(Input!$K$15=3,L3582*Input!$J$15,0)+IF(Input!$K$16=3,M3582*Input!$J$16,0)</f>
        <v>0</v>
      </c>
      <c r="Q3582" s="71">
        <f>IF(Input!$K$13=4,J3582*Input!$J$13,0)+IF(Input!$K$14=4,K3582*Input!$J$14,0)+IF(Input!$K$15=4,L3582*Input!$J$15,0)+IF(Input!$K$16=4,M3582*Input!$J$16,0)</f>
        <v>0</v>
      </c>
    </row>
    <row r="3583" spans="8:17" x14ac:dyDescent="0.25">
      <c r="H3583" s="43">
        <v>3576</v>
      </c>
      <c r="I3583" s="55">
        <f>Bühler!I3609</f>
        <v>0.25039456872569565</v>
      </c>
      <c r="J3583" s="58">
        <f>Bühler!J3609</f>
        <v>7.3815634384334006</v>
      </c>
      <c r="K3583" s="58">
        <f>Bühler!K3609</f>
        <v>0.5864123872564051</v>
      </c>
      <c r="L3583" s="58">
        <f>Bühler!L3609</f>
        <v>0.29320619362820255</v>
      </c>
      <c r="M3583" s="57">
        <f>Bühler!M3609</f>
        <v>0</v>
      </c>
      <c r="N3583" s="55">
        <f>IF(Input!$K$13=1,J3583*Input!$J$13,0)+IF(Input!$K$14=1,K3583*Input!$J$14,0)+IF(Input!$K$15=1,L3583*Input!$J$15,0)+IF(Input!$K$16=1,M3583*Input!$J$16,0)</f>
        <v>0.885787612612008</v>
      </c>
      <c r="O3583" s="58">
        <f>IF(Input!$K$13=2,J3583*Input!$J$13,0)+IF(Input!$K$14=2,K3583*Input!$J$14,0)+IF(Input!$K$15=2,L3583*Input!$J$15,0)+IF(Input!$K$16=2,M3583*Input!$J$16,0)</f>
        <v>7.9165672279614685E-2</v>
      </c>
      <c r="P3583" s="58">
        <f>IF(Input!$K$13=3,J3583*Input!$J$13,0)+IF(Input!$K$14=3,K3583*Input!$J$14,0)+IF(Input!$K$15=3,L3583*Input!$J$15,0)+IF(Input!$K$16=3,M3583*Input!$J$16,0)</f>
        <v>0</v>
      </c>
      <c r="Q3583" s="71">
        <f>IF(Input!$K$13=4,J3583*Input!$J$13,0)+IF(Input!$K$14=4,K3583*Input!$J$14,0)+IF(Input!$K$15=4,L3583*Input!$J$15,0)+IF(Input!$K$16=4,M3583*Input!$J$16,0)</f>
        <v>0</v>
      </c>
    </row>
    <row r="3584" spans="8:17" x14ac:dyDescent="0.25">
      <c r="H3584" s="43">
        <v>3577</v>
      </c>
      <c r="I3584" s="55">
        <f>Bühler!I3610</f>
        <v>0.19460227129696961</v>
      </c>
      <c r="J3584" s="58">
        <f>Bühler!J3610</f>
        <v>4.6812640309136153</v>
      </c>
      <c r="K3584" s="58">
        <f>Bühler!K3610</f>
        <v>0.37121153474444196</v>
      </c>
      <c r="L3584" s="58">
        <f>Bühler!L3610</f>
        <v>0.18560576737222098</v>
      </c>
      <c r="M3584" s="57">
        <f>Bühler!M3610</f>
        <v>0</v>
      </c>
      <c r="N3584" s="55">
        <f>IF(Input!$K$13=1,J3584*Input!$J$13,0)+IF(Input!$K$14=1,K3584*Input!$J$14,0)+IF(Input!$K$15=1,L3584*Input!$J$15,0)+IF(Input!$K$16=1,M3584*Input!$J$16,0)</f>
        <v>0.5617516837096338</v>
      </c>
      <c r="O3584" s="58">
        <f>IF(Input!$K$13=2,J3584*Input!$J$13,0)+IF(Input!$K$14=2,K3584*Input!$J$14,0)+IF(Input!$K$15=2,L3584*Input!$J$15,0)+IF(Input!$K$16=2,M3584*Input!$J$16,0)</f>
        <v>5.0113557190499661E-2</v>
      </c>
      <c r="P3584" s="58">
        <f>IF(Input!$K$13=3,J3584*Input!$J$13,0)+IF(Input!$K$14=3,K3584*Input!$J$14,0)+IF(Input!$K$15=3,L3584*Input!$J$15,0)+IF(Input!$K$16=3,M3584*Input!$J$16,0)</f>
        <v>0</v>
      </c>
      <c r="Q3584" s="71">
        <f>IF(Input!$K$13=4,J3584*Input!$J$13,0)+IF(Input!$K$14=4,K3584*Input!$J$14,0)+IF(Input!$K$15=4,L3584*Input!$J$15,0)+IF(Input!$K$16=4,M3584*Input!$J$16,0)</f>
        <v>0</v>
      </c>
    </row>
    <row r="3585" spans="8:17" x14ac:dyDescent="0.25">
      <c r="H3585" s="43">
        <v>3578</v>
      </c>
      <c r="I3585" s="55">
        <f>Bühler!I3611</f>
        <v>0.19460227129696961</v>
      </c>
      <c r="J3585" s="58">
        <f>Bühler!J3611</f>
        <v>7.0229256471244517</v>
      </c>
      <c r="K3585" s="58">
        <f>Bühler!K3611</f>
        <v>0.56565567199153066</v>
      </c>
      <c r="L3585" s="58">
        <f>Bühler!L3611</f>
        <v>0.28282783599576533</v>
      </c>
      <c r="M3585" s="57">
        <f>Bühler!M3611</f>
        <v>0</v>
      </c>
      <c r="N3585" s="55">
        <f>IF(Input!$K$13=1,J3585*Input!$J$13,0)+IF(Input!$K$14=1,K3585*Input!$J$14,0)+IF(Input!$K$15=1,L3585*Input!$J$15,0)+IF(Input!$K$16=1,M3585*Input!$J$16,0)</f>
        <v>0.84275107765493418</v>
      </c>
      <c r="O3585" s="58">
        <f>IF(Input!$K$13=2,J3585*Input!$J$13,0)+IF(Input!$K$14=2,K3585*Input!$J$14,0)+IF(Input!$K$15=2,L3585*Input!$J$15,0)+IF(Input!$K$16=2,M3585*Input!$J$16,0)</f>
        <v>7.6363515718856634E-2</v>
      </c>
      <c r="P3585" s="58">
        <f>IF(Input!$K$13=3,J3585*Input!$J$13,0)+IF(Input!$K$14=3,K3585*Input!$J$14,0)+IF(Input!$K$15=3,L3585*Input!$J$15,0)+IF(Input!$K$16=3,M3585*Input!$J$16,0)</f>
        <v>0</v>
      </c>
      <c r="Q3585" s="71">
        <f>IF(Input!$K$13=4,J3585*Input!$J$13,0)+IF(Input!$K$14=4,K3585*Input!$J$14,0)+IF(Input!$K$15=4,L3585*Input!$J$15,0)+IF(Input!$K$16=4,M3585*Input!$J$16,0)</f>
        <v>0</v>
      </c>
    </row>
    <row r="3586" spans="8:17" x14ac:dyDescent="0.25">
      <c r="H3586" s="43">
        <v>3579</v>
      </c>
      <c r="I3586" s="55">
        <f>Bühler!I3612</f>
        <v>0.19460227129696961</v>
      </c>
      <c r="J3586" s="58">
        <f>Bühler!J3612</f>
        <v>7.0229256471244517</v>
      </c>
      <c r="K3586" s="58">
        <f>Bühler!K3612</f>
        <v>0.56565567199153066</v>
      </c>
      <c r="L3586" s="58">
        <f>Bühler!L3612</f>
        <v>0.28282783599576533</v>
      </c>
      <c r="M3586" s="57">
        <f>Bühler!M3612</f>
        <v>0</v>
      </c>
      <c r="N3586" s="55">
        <f>IF(Input!$K$13=1,J3586*Input!$J$13,0)+IF(Input!$K$14=1,K3586*Input!$J$14,0)+IF(Input!$K$15=1,L3586*Input!$J$15,0)+IF(Input!$K$16=1,M3586*Input!$J$16,0)</f>
        <v>0.84275107765493418</v>
      </c>
      <c r="O3586" s="58">
        <f>IF(Input!$K$13=2,J3586*Input!$J$13,0)+IF(Input!$K$14=2,K3586*Input!$J$14,0)+IF(Input!$K$15=2,L3586*Input!$J$15,0)+IF(Input!$K$16=2,M3586*Input!$J$16,0)</f>
        <v>7.6363515718856634E-2</v>
      </c>
      <c r="P3586" s="58">
        <f>IF(Input!$K$13=3,J3586*Input!$J$13,0)+IF(Input!$K$14=3,K3586*Input!$J$14,0)+IF(Input!$K$15=3,L3586*Input!$J$15,0)+IF(Input!$K$16=3,M3586*Input!$J$16,0)</f>
        <v>0</v>
      </c>
      <c r="Q3586" s="71">
        <f>IF(Input!$K$13=4,J3586*Input!$J$13,0)+IF(Input!$K$14=4,K3586*Input!$J$14,0)+IF(Input!$K$15=4,L3586*Input!$J$15,0)+IF(Input!$K$16=4,M3586*Input!$J$16,0)</f>
        <v>0</v>
      </c>
    </row>
    <row r="3587" spans="8:17" x14ac:dyDescent="0.25">
      <c r="H3587" s="43">
        <v>3580</v>
      </c>
      <c r="I3587" s="55">
        <f>Bühler!I3613</f>
        <v>0.19460227129696961</v>
      </c>
      <c r="J3587" s="58">
        <f>Bühler!J3613</f>
        <v>7.0229256471244517</v>
      </c>
      <c r="K3587" s="58">
        <f>Bühler!K3613</f>
        <v>0.56565567199153066</v>
      </c>
      <c r="L3587" s="58">
        <f>Bühler!L3613</f>
        <v>0.28282783599576533</v>
      </c>
      <c r="M3587" s="57">
        <f>Bühler!M3613</f>
        <v>0</v>
      </c>
      <c r="N3587" s="55">
        <f>IF(Input!$K$13=1,J3587*Input!$J$13,0)+IF(Input!$K$14=1,K3587*Input!$J$14,0)+IF(Input!$K$15=1,L3587*Input!$J$15,0)+IF(Input!$K$16=1,M3587*Input!$J$16,0)</f>
        <v>0.84275107765493418</v>
      </c>
      <c r="O3587" s="58">
        <f>IF(Input!$K$13=2,J3587*Input!$J$13,0)+IF(Input!$K$14=2,K3587*Input!$J$14,0)+IF(Input!$K$15=2,L3587*Input!$J$15,0)+IF(Input!$K$16=2,M3587*Input!$J$16,0)</f>
        <v>7.6363515718856634E-2</v>
      </c>
      <c r="P3587" s="58">
        <f>IF(Input!$K$13=3,J3587*Input!$J$13,0)+IF(Input!$K$14=3,K3587*Input!$J$14,0)+IF(Input!$K$15=3,L3587*Input!$J$15,0)+IF(Input!$K$16=3,M3587*Input!$J$16,0)</f>
        <v>0</v>
      </c>
      <c r="Q3587" s="71">
        <f>IF(Input!$K$13=4,J3587*Input!$J$13,0)+IF(Input!$K$14=4,K3587*Input!$J$14,0)+IF(Input!$K$15=4,L3587*Input!$J$15,0)+IF(Input!$K$16=4,M3587*Input!$J$16,0)</f>
        <v>0</v>
      </c>
    </row>
    <row r="3588" spans="8:17" x14ac:dyDescent="0.25">
      <c r="H3588" s="43">
        <v>3581</v>
      </c>
      <c r="I3588" s="55">
        <f>Bühler!I3614</f>
        <v>0.19460227129696961</v>
      </c>
      <c r="J3588" s="58">
        <f>Bühler!J3614</f>
        <v>7.0229256471244517</v>
      </c>
      <c r="K3588" s="58">
        <f>Bühler!K3614</f>
        <v>0.56565567199153066</v>
      </c>
      <c r="L3588" s="58">
        <f>Bühler!L3614</f>
        <v>0.28282783599576533</v>
      </c>
      <c r="M3588" s="57">
        <f>Bühler!M3614</f>
        <v>0</v>
      </c>
      <c r="N3588" s="55">
        <f>IF(Input!$K$13=1,J3588*Input!$J$13,0)+IF(Input!$K$14=1,K3588*Input!$J$14,0)+IF(Input!$K$15=1,L3588*Input!$J$15,0)+IF(Input!$K$16=1,M3588*Input!$J$16,0)</f>
        <v>0.84275107765493418</v>
      </c>
      <c r="O3588" s="58">
        <f>IF(Input!$K$13=2,J3588*Input!$J$13,0)+IF(Input!$K$14=2,K3588*Input!$J$14,0)+IF(Input!$K$15=2,L3588*Input!$J$15,0)+IF(Input!$K$16=2,M3588*Input!$J$16,0)</f>
        <v>7.6363515718856634E-2</v>
      </c>
      <c r="P3588" s="58">
        <f>IF(Input!$K$13=3,J3588*Input!$J$13,0)+IF(Input!$K$14=3,K3588*Input!$J$14,0)+IF(Input!$K$15=3,L3588*Input!$J$15,0)+IF(Input!$K$16=3,M3588*Input!$J$16,0)</f>
        <v>0</v>
      </c>
      <c r="Q3588" s="71">
        <f>IF(Input!$K$13=4,J3588*Input!$J$13,0)+IF(Input!$K$14=4,K3588*Input!$J$14,0)+IF(Input!$K$15=4,L3588*Input!$J$15,0)+IF(Input!$K$16=4,M3588*Input!$J$16,0)</f>
        <v>0</v>
      </c>
    </row>
    <row r="3589" spans="8:17" x14ac:dyDescent="0.25">
      <c r="H3589" s="43">
        <v>3582</v>
      </c>
      <c r="I3589" s="55">
        <f>Bühler!I3615</f>
        <v>0.19460227129696961</v>
      </c>
      <c r="J3589" s="58">
        <f>Bühler!J3615</f>
        <v>7.0229256471244517</v>
      </c>
      <c r="K3589" s="58">
        <f>Bühler!K3615</f>
        <v>0.56565567199153066</v>
      </c>
      <c r="L3589" s="58">
        <f>Bühler!L3615</f>
        <v>0.28282783599576533</v>
      </c>
      <c r="M3589" s="57">
        <f>Bühler!M3615</f>
        <v>0</v>
      </c>
      <c r="N3589" s="55">
        <f>IF(Input!$K$13=1,J3589*Input!$J$13,0)+IF(Input!$K$14=1,K3589*Input!$J$14,0)+IF(Input!$K$15=1,L3589*Input!$J$15,0)+IF(Input!$K$16=1,M3589*Input!$J$16,0)</f>
        <v>0.84275107765493418</v>
      </c>
      <c r="O3589" s="58">
        <f>IF(Input!$K$13=2,J3589*Input!$J$13,0)+IF(Input!$K$14=2,K3589*Input!$J$14,0)+IF(Input!$K$15=2,L3589*Input!$J$15,0)+IF(Input!$K$16=2,M3589*Input!$J$16,0)</f>
        <v>7.6363515718856634E-2</v>
      </c>
      <c r="P3589" s="58">
        <f>IF(Input!$K$13=3,J3589*Input!$J$13,0)+IF(Input!$K$14=3,K3589*Input!$J$14,0)+IF(Input!$K$15=3,L3589*Input!$J$15,0)+IF(Input!$K$16=3,M3589*Input!$J$16,0)</f>
        <v>0</v>
      </c>
      <c r="Q3589" s="71">
        <f>IF(Input!$K$13=4,J3589*Input!$J$13,0)+IF(Input!$K$14=4,K3589*Input!$J$14,0)+IF(Input!$K$15=4,L3589*Input!$J$15,0)+IF(Input!$K$16=4,M3589*Input!$J$16,0)</f>
        <v>0</v>
      </c>
    </row>
    <row r="3590" spans="8:17" x14ac:dyDescent="0.25">
      <c r="H3590" s="43">
        <v>3583</v>
      </c>
      <c r="I3590" s="55">
        <f>Bühler!I3616</f>
        <v>0.19460227129696961</v>
      </c>
      <c r="J3590" s="58">
        <f>Bühler!J3616</f>
        <v>7.0229256471244517</v>
      </c>
      <c r="K3590" s="58">
        <f>Bühler!K3616</f>
        <v>0.56565567199153066</v>
      </c>
      <c r="L3590" s="58">
        <f>Bühler!L3616</f>
        <v>0.28282783599576533</v>
      </c>
      <c r="M3590" s="57">
        <f>Bühler!M3616</f>
        <v>0</v>
      </c>
      <c r="N3590" s="55">
        <f>IF(Input!$K$13=1,J3590*Input!$J$13,0)+IF(Input!$K$14=1,K3590*Input!$J$14,0)+IF(Input!$K$15=1,L3590*Input!$J$15,0)+IF(Input!$K$16=1,M3590*Input!$J$16,0)</f>
        <v>0.84275107765493418</v>
      </c>
      <c r="O3590" s="58">
        <f>IF(Input!$K$13=2,J3590*Input!$J$13,0)+IF(Input!$K$14=2,K3590*Input!$J$14,0)+IF(Input!$K$15=2,L3590*Input!$J$15,0)+IF(Input!$K$16=2,M3590*Input!$J$16,0)</f>
        <v>7.6363515718856634E-2</v>
      </c>
      <c r="P3590" s="58">
        <f>IF(Input!$K$13=3,J3590*Input!$J$13,0)+IF(Input!$K$14=3,K3590*Input!$J$14,0)+IF(Input!$K$15=3,L3590*Input!$J$15,0)+IF(Input!$K$16=3,M3590*Input!$J$16,0)</f>
        <v>0</v>
      </c>
      <c r="Q3590" s="71">
        <f>IF(Input!$K$13=4,J3590*Input!$J$13,0)+IF(Input!$K$14=4,K3590*Input!$J$14,0)+IF(Input!$K$15=4,L3590*Input!$J$15,0)+IF(Input!$K$16=4,M3590*Input!$J$16,0)</f>
        <v>0</v>
      </c>
    </row>
    <row r="3591" spans="8:17" x14ac:dyDescent="0.25">
      <c r="H3591" s="43">
        <v>3584</v>
      </c>
      <c r="I3591" s="55">
        <f>Bühler!I3617</f>
        <v>0.56058009118772201</v>
      </c>
      <c r="J3591" s="58">
        <f>Bühler!J3617</f>
        <v>29.324581646681402</v>
      </c>
      <c r="K3591" s="58">
        <f>Bühler!K3617</f>
        <v>2.3845921922392961</v>
      </c>
      <c r="L3591" s="58">
        <f>Bühler!L3617</f>
        <v>1.192296096119648</v>
      </c>
      <c r="M3591" s="57">
        <f>Bühler!M3617</f>
        <v>0</v>
      </c>
      <c r="N3591" s="55">
        <f>IF(Input!$K$13=1,J3591*Input!$J$13,0)+IF(Input!$K$14=1,K3591*Input!$J$14,0)+IF(Input!$K$15=1,L3591*Input!$J$15,0)+IF(Input!$K$16=1,M3591*Input!$J$16,0)</f>
        <v>3.5189497976017683</v>
      </c>
      <c r="O3591" s="58">
        <f>IF(Input!$K$13=2,J3591*Input!$J$13,0)+IF(Input!$K$14=2,K3591*Input!$J$14,0)+IF(Input!$K$15=2,L3591*Input!$J$15,0)+IF(Input!$K$16=2,M3591*Input!$J$16,0)</f>
        <v>0.321919945952305</v>
      </c>
      <c r="P3591" s="58">
        <f>IF(Input!$K$13=3,J3591*Input!$J$13,0)+IF(Input!$K$14=3,K3591*Input!$J$14,0)+IF(Input!$K$15=3,L3591*Input!$J$15,0)+IF(Input!$K$16=3,M3591*Input!$J$16,0)</f>
        <v>0</v>
      </c>
      <c r="Q3591" s="71">
        <f>IF(Input!$K$13=4,J3591*Input!$J$13,0)+IF(Input!$K$14=4,K3591*Input!$J$14,0)+IF(Input!$K$15=4,L3591*Input!$J$15,0)+IF(Input!$K$16=4,M3591*Input!$J$16,0)</f>
        <v>0</v>
      </c>
    </row>
    <row r="3592" spans="8:17" x14ac:dyDescent="0.25">
      <c r="H3592" s="43">
        <v>3585</v>
      </c>
      <c r="I3592" s="55">
        <f>Bühler!I3618</f>
        <v>0.62548936490419516</v>
      </c>
      <c r="J3592" s="58">
        <f>Bühler!J3618</f>
        <v>32.720059521560302</v>
      </c>
      <c r="K3592" s="58">
        <f>Bühler!K3618</f>
        <v>2.660702867130162</v>
      </c>
      <c r="L3592" s="58">
        <f>Bühler!L3618</f>
        <v>1.330351433565081</v>
      </c>
      <c r="M3592" s="57">
        <f>Bühler!M3618</f>
        <v>0</v>
      </c>
      <c r="N3592" s="55">
        <f>IF(Input!$K$13=1,J3592*Input!$J$13,0)+IF(Input!$K$14=1,K3592*Input!$J$14,0)+IF(Input!$K$15=1,L3592*Input!$J$15,0)+IF(Input!$K$16=1,M3592*Input!$J$16,0)</f>
        <v>3.926407142587236</v>
      </c>
      <c r="O3592" s="58">
        <f>IF(Input!$K$13=2,J3592*Input!$J$13,0)+IF(Input!$K$14=2,K3592*Input!$J$14,0)+IF(Input!$K$15=2,L3592*Input!$J$15,0)+IF(Input!$K$16=2,M3592*Input!$J$16,0)</f>
        <v>0.35919488706257185</v>
      </c>
      <c r="P3592" s="58">
        <f>IF(Input!$K$13=3,J3592*Input!$J$13,0)+IF(Input!$K$14=3,K3592*Input!$J$14,0)+IF(Input!$K$15=3,L3592*Input!$J$15,0)+IF(Input!$K$16=3,M3592*Input!$J$16,0)</f>
        <v>0</v>
      </c>
      <c r="Q3592" s="71">
        <f>IF(Input!$K$13=4,J3592*Input!$J$13,0)+IF(Input!$K$14=4,K3592*Input!$J$14,0)+IF(Input!$K$15=4,L3592*Input!$J$15,0)+IF(Input!$K$16=4,M3592*Input!$J$16,0)</f>
        <v>0</v>
      </c>
    </row>
    <row r="3593" spans="8:17" x14ac:dyDescent="0.25">
      <c r="H3593" s="43">
        <v>3586</v>
      </c>
      <c r="I3593" s="55">
        <f>Bühler!I3619</f>
        <v>0.6903986386206683</v>
      </c>
      <c r="J3593" s="58">
        <f>Bühler!J3619</f>
        <v>36.115537396439201</v>
      </c>
      <c r="K3593" s="58">
        <f>Bühler!K3619</f>
        <v>2.9368135420210284</v>
      </c>
      <c r="L3593" s="58">
        <f>Bühler!L3619</f>
        <v>1.4684067710105142</v>
      </c>
      <c r="M3593" s="57">
        <f>Bühler!M3619</f>
        <v>0</v>
      </c>
      <c r="N3593" s="55">
        <f>IF(Input!$K$13=1,J3593*Input!$J$13,0)+IF(Input!$K$14=1,K3593*Input!$J$14,0)+IF(Input!$K$15=1,L3593*Input!$J$15,0)+IF(Input!$K$16=1,M3593*Input!$J$16,0)</f>
        <v>4.3338644875727041</v>
      </c>
      <c r="O3593" s="58">
        <f>IF(Input!$K$13=2,J3593*Input!$J$13,0)+IF(Input!$K$14=2,K3593*Input!$J$14,0)+IF(Input!$K$15=2,L3593*Input!$J$15,0)+IF(Input!$K$16=2,M3593*Input!$J$16,0)</f>
        <v>0.39646982817283882</v>
      </c>
      <c r="P3593" s="58">
        <f>IF(Input!$K$13=3,J3593*Input!$J$13,0)+IF(Input!$K$14=3,K3593*Input!$J$14,0)+IF(Input!$K$15=3,L3593*Input!$J$15,0)+IF(Input!$K$16=3,M3593*Input!$J$16,0)</f>
        <v>0</v>
      </c>
      <c r="Q3593" s="71">
        <f>IF(Input!$K$13=4,J3593*Input!$J$13,0)+IF(Input!$K$14=4,K3593*Input!$J$14,0)+IF(Input!$K$15=4,L3593*Input!$J$15,0)+IF(Input!$K$16=4,M3593*Input!$J$16,0)</f>
        <v>0</v>
      </c>
    </row>
    <row r="3594" spans="8:17" x14ac:dyDescent="0.25">
      <c r="H3594" s="43">
        <v>3587</v>
      </c>
      <c r="I3594" s="55">
        <f>Bühler!I3620</f>
        <v>0.6903986386206683</v>
      </c>
      <c r="J3594" s="58">
        <f>Bühler!J3620</f>
        <v>36.115537396439201</v>
      </c>
      <c r="K3594" s="58">
        <f>Bühler!K3620</f>
        <v>2.9368135420210284</v>
      </c>
      <c r="L3594" s="58">
        <f>Bühler!L3620</f>
        <v>1.4684067710105142</v>
      </c>
      <c r="M3594" s="57">
        <f>Bühler!M3620</f>
        <v>0</v>
      </c>
      <c r="N3594" s="55">
        <f>IF(Input!$K$13=1,J3594*Input!$J$13,0)+IF(Input!$K$14=1,K3594*Input!$J$14,0)+IF(Input!$K$15=1,L3594*Input!$J$15,0)+IF(Input!$K$16=1,M3594*Input!$J$16,0)</f>
        <v>4.3338644875727041</v>
      </c>
      <c r="O3594" s="58">
        <f>IF(Input!$K$13=2,J3594*Input!$J$13,0)+IF(Input!$K$14=2,K3594*Input!$J$14,0)+IF(Input!$K$15=2,L3594*Input!$J$15,0)+IF(Input!$K$16=2,M3594*Input!$J$16,0)</f>
        <v>0.39646982817283882</v>
      </c>
      <c r="P3594" s="58">
        <f>IF(Input!$K$13=3,J3594*Input!$J$13,0)+IF(Input!$K$14=3,K3594*Input!$J$14,0)+IF(Input!$K$15=3,L3594*Input!$J$15,0)+IF(Input!$K$16=3,M3594*Input!$J$16,0)</f>
        <v>0</v>
      </c>
      <c r="Q3594" s="71">
        <f>IF(Input!$K$13=4,J3594*Input!$J$13,0)+IF(Input!$K$14=4,K3594*Input!$J$14,0)+IF(Input!$K$15=4,L3594*Input!$J$15,0)+IF(Input!$K$16=4,M3594*Input!$J$16,0)</f>
        <v>0</v>
      </c>
    </row>
    <row r="3595" spans="8:17" x14ac:dyDescent="0.25">
      <c r="H3595" s="43">
        <v>3588</v>
      </c>
      <c r="I3595" s="55">
        <f>Bühler!I3621</f>
        <v>0.82611802911874843</v>
      </c>
      <c r="J3595" s="58">
        <f>Bühler!J3621</f>
        <v>43.215172953004171</v>
      </c>
      <c r="K3595" s="58">
        <f>Bühler!K3621</f>
        <v>3.5141358622473842</v>
      </c>
      <c r="L3595" s="58">
        <f>Bühler!L3621</f>
        <v>1.7570679311236921</v>
      </c>
      <c r="M3595" s="57">
        <f>Bühler!M3621</f>
        <v>0</v>
      </c>
      <c r="N3595" s="55">
        <f>IF(Input!$K$13=1,J3595*Input!$J$13,0)+IF(Input!$K$14=1,K3595*Input!$J$14,0)+IF(Input!$K$15=1,L3595*Input!$J$15,0)+IF(Input!$K$16=1,M3595*Input!$J$16,0)</f>
        <v>5.1858207543604999</v>
      </c>
      <c r="O3595" s="58">
        <f>IF(Input!$K$13=2,J3595*Input!$J$13,0)+IF(Input!$K$14=2,K3595*Input!$J$14,0)+IF(Input!$K$15=2,L3595*Input!$J$15,0)+IF(Input!$K$16=2,M3595*Input!$J$16,0)</f>
        <v>0.47440834140339683</v>
      </c>
      <c r="P3595" s="58">
        <f>IF(Input!$K$13=3,J3595*Input!$J$13,0)+IF(Input!$K$14=3,K3595*Input!$J$14,0)+IF(Input!$K$15=3,L3595*Input!$J$15,0)+IF(Input!$K$16=3,M3595*Input!$J$16,0)</f>
        <v>0</v>
      </c>
      <c r="Q3595" s="71">
        <f>IF(Input!$K$13=4,J3595*Input!$J$13,0)+IF(Input!$K$14=4,K3595*Input!$J$14,0)+IF(Input!$K$15=4,L3595*Input!$J$15,0)+IF(Input!$K$16=4,M3595*Input!$J$16,0)</f>
        <v>0</v>
      </c>
    </row>
    <row r="3596" spans="8:17" x14ac:dyDescent="0.25">
      <c r="H3596" s="43">
        <v>3589</v>
      </c>
      <c r="I3596" s="55">
        <f>Bühler!I3622</f>
        <v>0.82611802911874843</v>
      </c>
      <c r="J3596" s="58">
        <f>Bühler!J3622</f>
        <v>43.215172953004171</v>
      </c>
      <c r="K3596" s="58">
        <f>Bühler!K3622</f>
        <v>3.5141358622473842</v>
      </c>
      <c r="L3596" s="58">
        <f>Bühler!L3622</f>
        <v>1.7570679311236921</v>
      </c>
      <c r="M3596" s="57">
        <f>Bühler!M3622</f>
        <v>0</v>
      </c>
      <c r="N3596" s="55">
        <f>IF(Input!$K$13=1,J3596*Input!$J$13,0)+IF(Input!$K$14=1,K3596*Input!$J$14,0)+IF(Input!$K$15=1,L3596*Input!$J$15,0)+IF(Input!$K$16=1,M3596*Input!$J$16,0)</f>
        <v>5.1858207543604999</v>
      </c>
      <c r="O3596" s="58">
        <f>IF(Input!$K$13=2,J3596*Input!$J$13,0)+IF(Input!$K$14=2,K3596*Input!$J$14,0)+IF(Input!$K$15=2,L3596*Input!$J$15,0)+IF(Input!$K$16=2,M3596*Input!$J$16,0)</f>
        <v>0.47440834140339683</v>
      </c>
      <c r="P3596" s="58">
        <f>IF(Input!$K$13=3,J3596*Input!$J$13,0)+IF(Input!$K$14=3,K3596*Input!$J$14,0)+IF(Input!$K$15=3,L3596*Input!$J$15,0)+IF(Input!$K$16=3,M3596*Input!$J$16,0)</f>
        <v>0</v>
      </c>
      <c r="Q3596" s="71">
        <f>IF(Input!$K$13=4,J3596*Input!$J$13,0)+IF(Input!$K$14=4,K3596*Input!$J$14,0)+IF(Input!$K$15=4,L3596*Input!$J$15,0)+IF(Input!$K$16=4,M3596*Input!$J$16,0)</f>
        <v>0</v>
      </c>
    </row>
    <row r="3597" spans="8:17" x14ac:dyDescent="0.25">
      <c r="H3597" s="43">
        <v>3590</v>
      </c>
      <c r="I3597" s="55">
        <f>Bühler!I3623</f>
        <v>0.54877840505745423</v>
      </c>
      <c r="J3597" s="58">
        <f>Bühler!J3623</f>
        <v>28.707222033067055</v>
      </c>
      <c r="K3597" s="58">
        <f>Bühler!K3623</f>
        <v>2.3343902513500479</v>
      </c>
      <c r="L3597" s="58">
        <f>Bühler!L3623</f>
        <v>1.1671951256750239</v>
      </c>
      <c r="M3597" s="57">
        <f>Bühler!M3623</f>
        <v>0</v>
      </c>
      <c r="N3597" s="55">
        <f>IF(Input!$K$13=1,J3597*Input!$J$13,0)+IF(Input!$K$14=1,K3597*Input!$J$14,0)+IF(Input!$K$15=1,L3597*Input!$J$15,0)+IF(Input!$K$16=1,M3597*Input!$J$16,0)</f>
        <v>3.4448666439680466</v>
      </c>
      <c r="O3597" s="58">
        <f>IF(Input!$K$13=2,J3597*Input!$J$13,0)+IF(Input!$K$14=2,K3597*Input!$J$14,0)+IF(Input!$K$15=2,L3597*Input!$J$15,0)+IF(Input!$K$16=2,M3597*Input!$J$16,0)</f>
        <v>0.31514268393225642</v>
      </c>
      <c r="P3597" s="58">
        <f>IF(Input!$K$13=3,J3597*Input!$J$13,0)+IF(Input!$K$14=3,K3597*Input!$J$14,0)+IF(Input!$K$15=3,L3597*Input!$J$15,0)+IF(Input!$K$16=3,M3597*Input!$J$16,0)</f>
        <v>0</v>
      </c>
      <c r="Q3597" s="71">
        <f>IF(Input!$K$13=4,J3597*Input!$J$13,0)+IF(Input!$K$14=4,K3597*Input!$J$14,0)+IF(Input!$K$15=4,L3597*Input!$J$15,0)+IF(Input!$K$16=4,M3597*Input!$J$16,0)</f>
        <v>0</v>
      </c>
    </row>
    <row r="3598" spans="8:17" x14ac:dyDescent="0.25">
      <c r="H3598" s="43">
        <v>3591</v>
      </c>
      <c r="I3598" s="55">
        <f>Bühler!I3624</f>
        <v>0.82611802911874843</v>
      </c>
      <c r="J3598" s="58">
        <f>Bühler!J3624</f>
        <v>43.215172953004171</v>
      </c>
      <c r="K3598" s="58">
        <f>Bühler!K3624</f>
        <v>3.5141358622473842</v>
      </c>
      <c r="L3598" s="58">
        <f>Bühler!L3624</f>
        <v>1.7570679311236921</v>
      </c>
      <c r="M3598" s="57">
        <f>Bühler!M3624</f>
        <v>0</v>
      </c>
      <c r="N3598" s="55">
        <f>IF(Input!$K$13=1,J3598*Input!$J$13,0)+IF(Input!$K$14=1,K3598*Input!$J$14,0)+IF(Input!$K$15=1,L3598*Input!$J$15,0)+IF(Input!$K$16=1,M3598*Input!$J$16,0)</f>
        <v>5.1858207543604999</v>
      </c>
      <c r="O3598" s="58">
        <f>IF(Input!$K$13=2,J3598*Input!$J$13,0)+IF(Input!$K$14=2,K3598*Input!$J$14,0)+IF(Input!$K$15=2,L3598*Input!$J$15,0)+IF(Input!$K$16=2,M3598*Input!$J$16,0)</f>
        <v>0.47440834140339683</v>
      </c>
      <c r="P3598" s="58">
        <f>IF(Input!$K$13=3,J3598*Input!$J$13,0)+IF(Input!$K$14=3,K3598*Input!$J$14,0)+IF(Input!$K$15=3,L3598*Input!$J$15,0)+IF(Input!$K$16=3,M3598*Input!$J$16,0)</f>
        <v>0</v>
      </c>
      <c r="Q3598" s="71">
        <f>IF(Input!$K$13=4,J3598*Input!$J$13,0)+IF(Input!$K$14=4,K3598*Input!$J$14,0)+IF(Input!$K$15=4,L3598*Input!$J$15,0)+IF(Input!$K$16=4,M3598*Input!$J$16,0)</f>
        <v>0</v>
      </c>
    </row>
    <row r="3599" spans="8:17" x14ac:dyDescent="0.25">
      <c r="H3599" s="43">
        <v>3592</v>
      </c>
      <c r="I3599" s="55">
        <f>Bühler!I3625</f>
        <v>0.82611802911874843</v>
      </c>
      <c r="J3599" s="58">
        <f>Bühler!J3625</f>
        <v>43.215172953004171</v>
      </c>
      <c r="K3599" s="58">
        <f>Bühler!K3625</f>
        <v>3.5141358622473842</v>
      </c>
      <c r="L3599" s="58">
        <f>Bühler!L3625</f>
        <v>1.7570679311236921</v>
      </c>
      <c r="M3599" s="57">
        <f>Bühler!M3625</f>
        <v>0</v>
      </c>
      <c r="N3599" s="55">
        <f>IF(Input!$K$13=1,J3599*Input!$J$13,0)+IF(Input!$K$14=1,K3599*Input!$J$14,0)+IF(Input!$K$15=1,L3599*Input!$J$15,0)+IF(Input!$K$16=1,M3599*Input!$J$16,0)</f>
        <v>5.1858207543604999</v>
      </c>
      <c r="O3599" s="58">
        <f>IF(Input!$K$13=2,J3599*Input!$J$13,0)+IF(Input!$K$14=2,K3599*Input!$J$14,0)+IF(Input!$K$15=2,L3599*Input!$J$15,0)+IF(Input!$K$16=2,M3599*Input!$J$16,0)</f>
        <v>0.47440834140339683</v>
      </c>
      <c r="P3599" s="58">
        <f>IF(Input!$K$13=3,J3599*Input!$J$13,0)+IF(Input!$K$14=3,K3599*Input!$J$14,0)+IF(Input!$K$15=3,L3599*Input!$J$15,0)+IF(Input!$K$16=3,M3599*Input!$J$16,0)</f>
        <v>0</v>
      </c>
      <c r="Q3599" s="71">
        <f>IF(Input!$K$13=4,J3599*Input!$J$13,0)+IF(Input!$K$14=4,K3599*Input!$J$14,0)+IF(Input!$K$15=4,L3599*Input!$J$15,0)+IF(Input!$K$16=4,M3599*Input!$J$16,0)</f>
        <v>0</v>
      </c>
    </row>
    <row r="3600" spans="8:17" x14ac:dyDescent="0.25">
      <c r="H3600" s="43">
        <v>3593</v>
      </c>
      <c r="I3600" s="55">
        <f>Bühler!I3626</f>
        <v>0.69052418847311792</v>
      </c>
      <c r="J3600" s="58">
        <f>Bühler!J3626</f>
        <v>25.686764083491276</v>
      </c>
      <c r="K3600" s="58">
        <f>Bühler!K3626</f>
        <v>2.0708300616814945</v>
      </c>
      <c r="L3600" s="58">
        <f>Bühler!L3626</f>
        <v>1.0354150308407473</v>
      </c>
      <c r="M3600" s="57">
        <f>Bühler!M3626</f>
        <v>0</v>
      </c>
      <c r="N3600" s="55">
        <f>IF(Input!$K$13=1,J3600*Input!$J$13,0)+IF(Input!$K$14=1,K3600*Input!$J$14,0)+IF(Input!$K$15=1,L3600*Input!$J$15,0)+IF(Input!$K$16=1,M3600*Input!$J$16,0)</f>
        <v>3.0824116900189531</v>
      </c>
      <c r="O3600" s="58">
        <f>IF(Input!$K$13=2,J3600*Input!$J$13,0)+IF(Input!$K$14=2,K3600*Input!$J$14,0)+IF(Input!$K$15=2,L3600*Input!$J$15,0)+IF(Input!$K$16=2,M3600*Input!$J$16,0)</f>
        <v>0.27956205832700176</v>
      </c>
      <c r="P3600" s="58">
        <f>IF(Input!$K$13=3,J3600*Input!$J$13,0)+IF(Input!$K$14=3,K3600*Input!$J$14,0)+IF(Input!$K$15=3,L3600*Input!$J$15,0)+IF(Input!$K$16=3,M3600*Input!$J$16,0)</f>
        <v>0</v>
      </c>
      <c r="Q3600" s="71">
        <f>IF(Input!$K$13=4,J3600*Input!$J$13,0)+IF(Input!$K$14=4,K3600*Input!$J$14,0)+IF(Input!$K$15=4,L3600*Input!$J$15,0)+IF(Input!$K$16=4,M3600*Input!$J$16,0)</f>
        <v>0</v>
      </c>
    </row>
    <row r="3601" spans="8:17" x14ac:dyDescent="0.25">
      <c r="H3601" s="43">
        <v>3594</v>
      </c>
      <c r="I3601" s="55">
        <f>Bühler!I3627</f>
        <v>0.54865285520500451</v>
      </c>
      <c r="J3601" s="58">
        <f>Bühler!J3627</f>
        <v>11.23829036379407</v>
      </c>
      <c r="K3601" s="58">
        <f>Bühler!K3627</f>
        <v>0.88383698748676665</v>
      </c>
      <c r="L3601" s="58">
        <f>Bühler!L3627</f>
        <v>0.44191849374338332</v>
      </c>
      <c r="M3601" s="57">
        <f>Bühler!M3627</f>
        <v>0</v>
      </c>
      <c r="N3601" s="55">
        <f>IF(Input!$K$13=1,J3601*Input!$J$13,0)+IF(Input!$K$14=1,K3601*Input!$J$14,0)+IF(Input!$K$15=1,L3601*Input!$J$15,0)+IF(Input!$K$16=1,M3601*Input!$J$16,0)</f>
        <v>1.3485948436552884</v>
      </c>
      <c r="O3601" s="58">
        <f>IF(Input!$K$13=2,J3601*Input!$J$13,0)+IF(Input!$K$14=2,K3601*Input!$J$14,0)+IF(Input!$K$15=2,L3601*Input!$J$15,0)+IF(Input!$K$16=2,M3601*Input!$J$16,0)</f>
        <v>0.11931799331071349</v>
      </c>
      <c r="P3601" s="58">
        <f>IF(Input!$K$13=3,J3601*Input!$J$13,0)+IF(Input!$K$14=3,K3601*Input!$J$14,0)+IF(Input!$K$15=3,L3601*Input!$J$15,0)+IF(Input!$K$16=3,M3601*Input!$J$16,0)</f>
        <v>0</v>
      </c>
      <c r="Q3601" s="71">
        <f>IF(Input!$K$13=4,J3601*Input!$J$13,0)+IF(Input!$K$14=4,K3601*Input!$J$14,0)+IF(Input!$K$15=4,L3601*Input!$J$15,0)+IF(Input!$K$16=4,M3601*Input!$J$16,0)</f>
        <v>0</v>
      </c>
    </row>
    <row r="3602" spans="8:17" x14ac:dyDescent="0.25">
      <c r="H3602" s="43">
        <v>3595</v>
      </c>
      <c r="I3602" s="55">
        <f>Bühler!I3628</f>
        <v>0.19460227129696961</v>
      </c>
      <c r="J3602" s="58">
        <f>Bühler!J3628</f>
        <v>7.2358039758708905</v>
      </c>
      <c r="K3602" s="58">
        <f>Bühler!K3628</f>
        <v>0.58333241174126593</v>
      </c>
      <c r="L3602" s="58">
        <f>Bühler!L3628</f>
        <v>0.29166620587063297</v>
      </c>
      <c r="M3602" s="57">
        <f>Bühler!M3628</f>
        <v>0</v>
      </c>
      <c r="N3602" s="55">
        <f>IF(Input!$K$13=1,J3602*Input!$J$13,0)+IF(Input!$K$14=1,K3602*Input!$J$14,0)+IF(Input!$K$15=1,L3602*Input!$J$15,0)+IF(Input!$K$16=1,M3602*Input!$J$16,0)</f>
        <v>0.86829647710450686</v>
      </c>
      <c r="O3602" s="58">
        <f>IF(Input!$K$13=2,J3602*Input!$J$13,0)+IF(Input!$K$14=2,K3602*Input!$J$14,0)+IF(Input!$K$15=2,L3602*Input!$J$15,0)+IF(Input!$K$16=2,M3602*Input!$J$16,0)</f>
        <v>7.8749875585070905E-2</v>
      </c>
      <c r="P3602" s="58">
        <f>IF(Input!$K$13=3,J3602*Input!$J$13,0)+IF(Input!$K$14=3,K3602*Input!$J$14,0)+IF(Input!$K$15=3,L3602*Input!$J$15,0)+IF(Input!$K$16=3,M3602*Input!$J$16,0)</f>
        <v>0</v>
      </c>
      <c r="Q3602" s="71">
        <f>IF(Input!$K$13=4,J3602*Input!$J$13,0)+IF(Input!$K$14=4,K3602*Input!$J$14,0)+IF(Input!$K$15=4,L3602*Input!$J$15,0)+IF(Input!$K$16=4,M3602*Input!$J$16,0)</f>
        <v>0</v>
      </c>
    </row>
    <row r="3603" spans="8:17" x14ac:dyDescent="0.25">
      <c r="H3603" s="43">
        <v>3596</v>
      </c>
      <c r="I3603" s="55">
        <f>Bühler!I3629</f>
        <v>0.19460227129696961</v>
      </c>
      <c r="J3603" s="58">
        <f>Bühler!J3629</f>
        <v>7.2358039758708905</v>
      </c>
      <c r="K3603" s="58">
        <f>Bühler!K3629</f>
        <v>0.58333241174126593</v>
      </c>
      <c r="L3603" s="58">
        <f>Bühler!L3629</f>
        <v>0.29166620587063297</v>
      </c>
      <c r="M3603" s="57">
        <f>Bühler!M3629</f>
        <v>0</v>
      </c>
      <c r="N3603" s="55">
        <f>IF(Input!$K$13=1,J3603*Input!$J$13,0)+IF(Input!$K$14=1,K3603*Input!$J$14,0)+IF(Input!$K$15=1,L3603*Input!$J$15,0)+IF(Input!$K$16=1,M3603*Input!$J$16,0)</f>
        <v>0.86829647710450686</v>
      </c>
      <c r="O3603" s="58">
        <f>IF(Input!$K$13=2,J3603*Input!$J$13,0)+IF(Input!$K$14=2,K3603*Input!$J$14,0)+IF(Input!$K$15=2,L3603*Input!$J$15,0)+IF(Input!$K$16=2,M3603*Input!$J$16,0)</f>
        <v>7.8749875585070905E-2</v>
      </c>
      <c r="P3603" s="58">
        <f>IF(Input!$K$13=3,J3603*Input!$J$13,0)+IF(Input!$K$14=3,K3603*Input!$J$14,0)+IF(Input!$K$15=3,L3603*Input!$J$15,0)+IF(Input!$K$16=3,M3603*Input!$J$16,0)</f>
        <v>0</v>
      </c>
      <c r="Q3603" s="71">
        <f>IF(Input!$K$13=4,J3603*Input!$J$13,0)+IF(Input!$K$14=4,K3603*Input!$J$14,0)+IF(Input!$K$15=4,L3603*Input!$J$15,0)+IF(Input!$K$16=4,M3603*Input!$J$16,0)</f>
        <v>0</v>
      </c>
    </row>
    <row r="3604" spans="8:17" x14ac:dyDescent="0.25">
      <c r="H3604" s="43">
        <v>3597</v>
      </c>
      <c r="I3604" s="55">
        <f>Bühler!I3630</f>
        <v>0.19460227129696961</v>
      </c>
      <c r="J3604" s="58">
        <f>Bühler!J3630</f>
        <v>7.2358039758708905</v>
      </c>
      <c r="K3604" s="58">
        <f>Bühler!K3630</f>
        <v>0.58333241174126593</v>
      </c>
      <c r="L3604" s="58">
        <f>Bühler!L3630</f>
        <v>0.29166620587063297</v>
      </c>
      <c r="M3604" s="57">
        <f>Bühler!M3630</f>
        <v>0</v>
      </c>
      <c r="N3604" s="55">
        <f>IF(Input!$K$13=1,J3604*Input!$J$13,0)+IF(Input!$K$14=1,K3604*Input!$J$14,0)+IF(Input!$K$15=1,L3604*Input!$J$15,0)+IF(Input!$K$16=1,M3604*Input!$J$16,0)</f>
        <v>0.86829647710450686</v>
      </c>
      <c r="O3604" s="58">
        <f>IF(Input!$K$13=2,J3604*Input!$J$13,0)+IF(Input!$K$14=2,K3604*Input!$J$14,0)+IF(Input!$K$15=2,L3604*Input!$J$15,0)+IF(Input!$K$16=2,M3604*Input!$J$16,0)</f>
        <v>7.8749875585070905E-2</v>
      </c>
      <c r="P3604" s="58">
        <f>IF(Input!$K$13=3,J3604*Input!$J$13,0)+IF(Input!$K$14=3,K3604*Input!$J$14,0)+IF(Input!$K$15=3,L3604*Input!$J$15,0)+IF(Input!$K$16=3,M3604*Input!$J$16,0)</f>
        <v>0</v>
      </c>
      <c r="Q3604" s="71">
        <f>IF(Input!$K$13=4,J3604*Input!$J$13,0)+IF(Input!$K$14=4,K3604*Input!$J$14,0)+IF(Input!$K$15=4,L3604*Input!$J$15,0)+IF(Input!$K$16=4,M3604*Input!$J$16,0)</f>
        <v>0</v>
      </c>
    </row>
    <row r="3605" spans="8:17" x14ac:dyDescent="0.25">
      <c r="H3605" s="43">
        <v>3598</v>
      </c>
      <c r="I3605" s="55">
        <f>Bühler!I3631</f>
        <v>0.19460227129696961</v>
      </c>
      <c r="J3605" s="58">
        <f>Bühler!J3631</f>
        <v>7.2358039758708905</v>
      </c>
      <c r="K3605" s="58">
        <f>Bühler!K3631</f>
        <v>0.58333241174126593</v>
      </c>
      <c r="L3605" s="58">
        <f>Bühler!L3631</f>
        <v>0.29166620587063297</v>
      </c>
      <c r="M3605" s="57">
        <f>Bühler!M3631</f>
        <v>0</v>
      </c>
      <c r="N3605" s="55">
        <f>IF(Input!$K$13=1,J3605*Input!$J$13,0)+IF(Input!$K$14=1,K3605*Input!$J$14,0)+IF(Input!$K$15=1,L3605*Input!$J$15,0)+IF(Input!$K$16=1,M3605*Input!$J$16,0)</f>
        <v>0.86829647710450686</v>
      </c>
      <c r="O3605" s="58">
        <f>IF(Input!$K$13=2,J3605*Input!$J$13,0)+IF(Input!$K$14=2,K3605*Input!$J$14,0)+IF(Input!$K$15=2,L3605*Input!$J$15,0)+IF(Input!$K$16=2,M3605*Input!$J$16,0)</f>
        <v>7.8749875585070905E-2</v>
      </c>
      <c r="P3605" s="58">
        <f>IF(Input!$K$13=3,J3605*Input!$J$13,0)+IF(Input!$K$14=3,K3605*Input!$J$14,0)+IF(Input!$K$15=3,L3605*Input!$J$15,0)+IF(Input!$K$16=3,M3605*Input!$J$16,0)</f>
        <v>0</v>
      </c>
      <c r="Q3605" s="71">
        <f>IF(Input!$K$13=4,J3605*Input!$J$13,0)+IF(Input!$K$14=4,K3605*Input!$J$14,0)+IF(Input!$K$15=4,L3605*Input!$J$15,0)+IF(Input!$K$16=4,M3605*Input!$J$16,0)</f>
        <v>0</v>
      </c>
    </row>
    <row r="3606" spans="8:17" x14ac:dyDescent="0.25">
      <c r="H3606" s="43">
        <v>3599</v>
      </c>
      <c r="I3606" s="55">
        <f>Bühler!I3632</f>
        <v>0.19460227129696961</v>
      </c>
      <c r="J3606" s="58">
        <f>Bühler!J3632</f>
        <v>7.2358039758708905</v>
      </c>
      <c r="K3606" s="58">
        <f>Bühler!K3632</f>
        <v>0.58333241174126593</v>
      </c>
      <c r="L3606" s="58">
        <f>Bühler!L3632</f>
        <v>0.29166620587063297</v>
      </c>
      <c r="M3606" s="57">
        <f>Bühler!M3632</f>
        <v>0</v>
      </c>
      <c r="N3606" s="55">
        <f>IF(Input!$K$13=1,J3606*Input!$J$13,0)+IF(Input!$K$14=1,K3606*Input!$J$14,0)+IF(Input!$K$15=1,L3606*Input!$J$15,0)+IF(Input!$K$16=1,M3606*Input!$J$16,0)</f>
        <v>0.86829647710450686</v>
      </c>
      <c r="O3606" s="58">
        <f>IF(Input!$K$13=2,J3606*Input!$J$13,0)+IF(Input!$K$14=2,K3606*Input!$J$14,0)+IF(Input!$K$15=2,L3606*Input!$J$15,0)+IF(Input!$K$16=2,M3606*Input!$J$16,0)</f>
        <v>7.8749875585070905E-2</v>
      </c>
      <c r="P3606" s="58">
        <f>IF(Input!$K$13=3,J3606*Input!$J$13,0)+IF(Input!$K$14=3,K3606*Input!$J$14,0)+IF(Input!$K$15=3,L3606*Input!$J$15,0)+IF(Input!$K$16=3,M3606*Input!$J$16,0)</f>
        <v>0</v>
      </c>
      <c r="Q3606" s="71">
        <f>IF(Input!$K$13=4,J3606*Input!$J$13,0)+IF(Input!$K$14=4,K3606*Input!$J$14,0)+IF(Input!$K$15=4,L3606*Input!$J$15,0)+IF(Input!$K$16=4,M3606*Input!$J$16,0)</f>
        <v>0</v>
      </c>
    </row>
    <row r="3607" spans="8:17" x14ac:dyDescent="0.25">
      <c r="H3607" s="43">
        <v>3600</v>
      </c>
      <c r="I3607" s="55">
        <f>Bühler!I3633</f>
        <v>0.19460227129696961</v>
      </c>
      <c r="J3607" s="58">
        <f>Bühler!J3633</f>
        <v>7.2358039758708905</v>
      </c>
      <c r="K3607" s="58">
        <f>Bühler!K3633</f>
        <v>0.58333241174126593</v>
      </c>
      <c r="L3607" s="58">
        <f>Bühler!L3633</f>
        <v>0.29166620587063297</v>
      </c>
      <c r="M3607" s="57">
        <f>Bühler!M3633</f>
        <v>0</v>
      </c>
      <c r="N3607" s="55">
        <f>IF(Input!$K$13=1,J3607*Input!$J$13,0)+IF(Input!$K$14=1,K3607*Input!$J$14,0)+IF(Input!$K$15=1,L3607*Input!$J$15,0)+IF(Input!$K$16=1,M3607*Input!$J$16,0)</f>
        <v>0.86829647710450686</v>
      </c>
      <c r="O3607" s="58">
        <f>IF(Input!$K$13=2,J3607*Input!$J$13,0)+IF(Input!$K$14=2,K3607*Input!$J$14,0)+IF(Input!$K$15=2,L3607*Input!$J$15,0)+IF(Input!$K$16=2,M3607*Input!$J$16,0)</f>
        <v>7.8749875585070905E-2</v>
      </c>
      <c r="P3607" s="58">
        <f>IF(Input!$K$13=3,J3607*Input!$J$13,0)+IF(Input!$K$14=3,K3607*Input!$J$14,0)+IF(Input!$K$15=3,L3607*Input!$J$15,0)+IF(Input!$K$16=3,M3607*Input!$J$16,0)</f>
        <v>0</v>
      </c>
      <c r="Q3607" s="71">
        <f>IF(Input!$K$13=4,J3607*Input!$J$13,0)+IF(Input!$K$14=4,K3607*Input!$J$14,0)+IF(Input!$K$15=4,L3607*Input!$J$15,0)+IF(Input!$K$16=4,M3607*Input!$J$16,0)</f>
        <v>0</v>
      </c>
    </row>
    <row r="3608" spans="8:17" x14ac:dyDescent="0.25">
      <c r="H3608" s="43">
        <v>3601</v>
      </c>
      <c r="I3608" s="55">
        <f>Bühler!I3634</f>
        <v>0.20119908031682054</v>
      </c>
      <c r="J3608" s="58">
        <f>Bühler!J3634</f>
        <v>7.183892494271074</v>
      </c>
      <c r="K3608" s="58">
        <f>Bühler!K3634</f>
        <v>0.57842842109559967</v>
      </c>
      <c r="L3608" s="58">
        <f>Bühler!L3634</f>
        <v>0.28921421054779983</v>
      </c>
      <c r="M3608" s="57">
        <f>Bühler!M3634</f>
        <v>0</v>
      </c>
      <c r="N3608" s="55">
        <f>IF(Input!$K$13=1,J3608*Input!$J$13,0)+IF(Input!$K$14=1,K3608*Input!$J$14,0)+IF(Input!$K$15=1,L3608*Input!$J$15,0)+IF(Input!$K$16=1,M3608*Input!$J$16,0)</f>
        <v>0.8620670993125289</v>
      </c>
      <c r="O3608" s="58">
        <f>IF(Input!$K$13=2,J3608*Input!$J$13,0)+IF(Input!$K$14=2,K3608*Input!$J$14,0)+IF(Input!$K$15=2,L3608*Input!$J$15,0)+IF(Input!$K$16=2,M3608*Input!$J$16,0)</f>
        <v>7.8087836847905961E-2</v>
      </c>
      <c r="P3608" s="58">
        <f>IF(Input!$K$13=3,J3608*Input!$J$13,0)+IF(Input!$K$14=3,K3608*Input!$J$14,0)+IF(Input!$K$15=3,L3608*Input!$J$15,0)+IF(Input!$K$16=3,M3608*Input!$J$16,0)</f>
        <v>0</v>
      </c>
      <c r="Q3608" s="71">
        <f>IF(Input!$K$13=4,J3608*Input!$J$13,0)+IF(Input!$K$14=4,K3608*Input!$J$14,0)+IF(Input!$K$15=4,L3608*Input!$J$15,0)+IF(Input!$K$16=4,M3608*Input!$J$16,0)</f>
        <v>0</v>
      </c>
    </row>
    <row r="3609" spans="8:17" x14ac:dyDescent="0.25">
      <c r="H3609" s="43">
        <v>3602</v>
      </c>
      <c r="I3609" s="55">
        <f>Bühler!I3635</f>
        <v>0.20119908031682054</v>
      </c>
      <c r="J3609" s="58">
        <f>Bühler!J3635</f>
        <v>7.183892494271074</v>
      </c>
      <c r="K3609" s="58">
        <f>Bühler!K3635</f>
        <v>0.57842842109559967</v>
      </c>
      <c r="L3609" s="58">
        <f>Bühler!L3635</f>
        <v>0.28921421054779983</v>
      </c>
      <c r="M3609" s="57">
        <f>Bühler!M3635</f>
        <v>0</v>
      </c>
      <c r="N3609" s="55">
        <f>IF(Input!$K$13=1,J3609*Input!$J$13,0)+IF(Input!$K$14=1,K3609*Input!$J$14,0)+IF(Input!$K$15=1,L3609*Input!$J$15,0)+IF(Input!$K$16=1,M3609*Input!$J$16,0)</f>
        <v>0.8620670993125289</v>
      </c>
      <c r="O3609" s="58">
        <f>IF(Input!$K$13=2,J3609*Input!$J$13,0)+IF(Input!$K$14=2,K3609*Input!$J$14,0)+IF(Input!$K$15=2,L3609*Input!$J$15,0)+IF(Input!$K$16=2,M3609*Input!$J$16,0)</f>
        <v>7.8087836847905961E-2</v>
      </c>
      <c r="P3609" s="58">
        <f>IF(Input!$K$13=3,J3609*Input!$J$13,0)+IF(Input!$K$14=3,K3609*Input!$J$14,0)+IF(Input!$K$15=3,L3609*Input!$J$15,0)+IF(Input!$K$16=3,M3609*Input!$J$16,0)</f>
        <v>0</v>
      </c>
      <c r="Q3609" s="71">
        <f>IF(Input!$K$13=4,J3609*Input!$J$13,0)+IF(Input!$K$14=4,K3609*Input!$J$14,0)+IF(Input!$K$15=4,L3609*Input!$J$15,0)+IF(Input!$K$16=4,M3609*Input!$J$16,0)</f>
        <v>0</v>
      </c>
    </row>
    <row r="3610" spans="8:17" x14ac:dyDescent="0.25">
      <c r="H3610" s="43">
        <v>3603</v>
      </c>
      <c r="I3610" s="55">
        <f>Bühler!I3636</f>
        <v>0.20119908031682054</v>
      </c>
      <c r="J3610" s="58">
        <f>Bühler!J3636</f>
        <v>7.183892494271074</v>
      </c>
      <c r="K3610" s="58">
        <f>Bühler!K3636</f>
        <v>0.57842842109559967</v>
      </c>
      <c r="L3610" s="58">
        <f>Bühler!L3636</f>
        <v>0.28921421054779983</v>
      </c>
      <c r="M3610" s="57">
        <f>Bühler!M3636</f>
        <v>0</v>
      </c>
      <c r="N3610" s="55">
        <f>IF(Input!$K$13=1,J3610*Input!$J$13,0)+IF(Input!$K$14=1,K3610*Input!$J$14,0)+IF(Input!$K$15=1,L3610*Input!$J$15,0)+IF(Input!$K$16=1,M3610*Input!$J$16,0)</f>
        <v>0.8620670993125289</v>
      </c>
      <c r="O3610" s="58">
        <f>IF(Input!$K$13=2,J3610*Input!$J$13,0)+IF(Input!$K$14=2,K3610*Input!$J$14,0)+IF(Input!$K$15=2,L3610*Input!$J$15,0)+IF(Input!$K$16=2,M3610*Input!$J$16,0)</f>
        <v>7.8087836847905961E-2</v>
      </c>
      <c r="P3610" s="58">
        <f>IF(Input!$K$13=3,J3610*Input!$J$13,0)+IF(Input!$K$14=3,K3610*Input!$J$14,0)+IF(Input!$K$15=3,L3610*Input!$J$15,0)+IF(Input!$K$16=3,M3610*Input!$J$16,0)</f>
        <v>0</v>
      </c>
      <c r="Q3610" s="71">
        <f>IF(Input!$K$13=4,J3610*Input!$J$13,0)+IF(Input!$K$14=4,K3610*Input!$J$14,0)+IF(Input!$K$15=4,L3610*Input!$J$15,0)+IF(Input!$K$16=4,M3610*Input!$J$16,0)</f>
        <v>0</v>
      </c>
    </row>
    <row r="3611" spans="8:17" x14ac:dyDescent="0.25">
      <c r="H3611" s="43">
        <v>3604</v>
      </c>
      <c r="I3611" s="55">
        <f>Bühler!I3637</f>
        <v>0.20119908031682054</v>
      </c>
      <c r="J3611" s="58">
        <f>Bühler!J3637</f>
        <v>7.183892494271074</v>
      </c>
      <c r="K3611" s="58">
        <f>Bühler!K3637</f>
        <v>0.57842842109559967</v>
      </c>
      <c r="L3611" s="58">
        <f>Bühler!L3637</f>
        <v>0.28921421054779983</v>
      </c>
      <c r="M3611" s="57">
        <f>Bühler!M3637</f>
        <v>0</v>
      </c>
      <c r="N3611" s="55">
        <f>IF(Input!$K$13=1,J3611*Input!$J$13,0)+IF(Input!$K$14=1,K3611*Input!$J$14,0)+IF(Input!$K$15=1,L3611*Input!$J$15,0)+IF(Input!$K$16=1,M3611*Input!$J$16,0)</f>
        <v>0.8620670993125289</v>
      </c>
      <c r="O3611" s="58">
        <f>IF(Input!$K$13=2,J3611*Input!$J$13,0)+IF(Input!$K$14=2,K3611*Input!$J$14,0)+IF(Input!$K$15=2,L3611*Input!$J$15,0)+IF(Input!$K$16=2,M3611*Input!$J$16,0)</f>
        <v>7.8087836847905961E-2</v>
      </c>
      <c r="P3611" s="58">
        <f>IF(Input!$K$13=3,J3611*Input!$J$13,0)+IF(Input!$K$14=3,K3611*Input!$J$14,0)+IF(Input!$K$15=3,L3611*Input!$J$15,0)+IF(Input!$K$16=3,M3611*Input!$J$16,0)</f>
        <v>0</v>
      </c>
      <c r="Q3611" s="71">
        <f>IF(Input!$K$13=4,J3611*Input!$J$13,0)+IF(Input!$K$14=4,K3611*Input!$J$14,0)+IF(Input!$K$15=4,L3611*Input!$J$15,0)+IF(Input!$K$16=4,M3611*Input!$J$16,0)</f>
        <v>0</v>
      </c>
    </row>
    <row r="3612" spans="8:17" x14ac:dyDescent="0.25">
      <c r="H3612" s="43">
        <v>3605</v>
      </c>
      <c r="I3612" s="55">
        <f>Bühler!I3638</f>
        <v>0.20119908031682054</v>
      </c>
      <c r="J3612" s="58">
        <f>Bühler!J3638</f>
        <v>7.183892494271074</v>
      </c>
      <c r="K3612" s="58">
        <f>Bühler!K3638</f>
        <v>0.57842842109559967</v>
      </c>
      <c r="L3612" s="58">
        <f>Bühler!L3638</f>
        <v>0.28921421054779983</v>
      </c>
      <c r="M3612" s="57">
        <f>Bühler!M3638</f>
        <v>0</v>
      </c>
      <c r="N3612" s="55">
        <f>IF(Input!$K$13=1,J3612*Input!$J$13,0)+IF(Input!$K$14=1,K3612*Input!$J$14,0)+IF(Input!$K$15=1,L3612*Input!$J$15,0)+IF(Input!$K$16=1,M3612*Input!$J$16,0)</f>
        <v>0.8620670993125289</v>
      </c>
      <c r="O3612" s="58">
        <f>IF(Input!$K$13=2,J3612*Input!$J$13,0)+IF(Input!$K$14=2,K3612*Input!$J$14,0)+IF(Input!$K$15=2,L3612*Input!$J$15,0)+IF(Input!$K$16=2,M3612*Input!$J$16,0)</f>
        <v>7.8087836847905961E-2</v>
      </c>
      <c r="P3612" s="58">
        <f>IF(Input!$K$13=3,J3612*Input!$J$13,0)+IF(Input!$K$14=3,K3612*Input!$J$14,0)+IF(Input!$K$15=3,L3612*Input!$J$15,0)+IF(Input!$K$16=3,M3612*Input!$J$16,0)</f>
        <v>0</v>
      </c>
      <c r="Q3612" s="71">
        <f>IF(Input!$K$13=4,J3612*Input!$J$13,0)+IF(Input!$K$14=4,K3612*Input!$J$14,0)+IF(Input!$K$15=4,L3612*Input!$J$15,0)+IF(Input!$K$16=4,M3612*Input!$J$16,0)</f>
        <v>0</v>
      </c>
    </row>
    <row r="3613" spans="8:17" x14ac:dyDescent="0.25">
      <c r="H3613" s="43">
        <v>3606</v>
      </c>
      <c r="I3613" s="55">
        <f>Bühler!I3639</f>
        <v>0.20119908031682054</v>
      </c>
      <c r="J3613" s="58">
        <f>Bühler!J3639</f>
        <v>7.183892494271074</v>
      </c>
      <c r="K3613" s="58">
        <f>Bühler!K3639</f>
        <v>0.57842842109559967</v>
      </c>
      <c r="L3613" s="58">
        <f>Bühler!L3639</f>
        <v>0.28921421054779983</v>
      </c>
      <c r="M3613" s="57">
        <f>Bühler!M3639</f>
        <v>0</v>
      </c>
      <c r="N3613" s="55">
        <f>IF(Input!$K$13=1,J3613*Input!$J$13,0)+IF(Input!$K$14=1,K3613*Input!$J$14,0)+IF(Input!$K$15=1,L3613*Input!$J$15,0)+IF(Input!$K$16=1,M3613*Input!$J$16,0)</f>
        <v>0.8620670993125289</v>
      </c>
      <c r="O3613" s="58">
        <f>IF(Input!$K$13=2,J3613*Input!$J$13,0)+IF(Input!$K$14=2,K3613*Input!$J$14,0)+IF(Input!$K$15=2,L3613*Input!$J$15,0)+IF(Input!$K$16=2,M3613*Input!$J$16,0)</f>
        <v>7.8087836847905961E-2</v>
      </c>
      <c r="P3613" s="58">
        <f>IF(Input!$K$13=3,J3613*Input!$J$13,0)+IF(Input!$K$14=3,K3613*Input!$J$14,0)+IF(Input!$K$15=3,L3613*Input!$J$15,0)+IF(Input!$K$16=3,M3613*Input!$J$16,0)</f>
        <v>0</v>
      </c>
      <c r="Q3613" s="71">
        <f>IF(Input!$K$13=4,J3613*Input!$J$13,0)+IF(Input!$K$14=4,K3613*Input!$J$14,0)+IF(Input!$K$15=4,L3613*Input!$J$15,0)+IF(Input!$K$16=4,M3613*Input!$J$16,0)</f>
        <v>0</v>
      </c>
    </row>
    <row r="3614" spans="8:17" x14ac:dyDescent="0.25">
      <c r="H3614" s="43">
        <v>3607</v>
      </c>
      <c r="I3614" s="55">
        <f>Bühler!I3640</f>
        <v>0.20119908031682054</v>
      </c>
      <c r="J3614" s="58">
        <f>Bühler!J3640</f>
        <v>7.183892494271074</v>
      </c>
      <c r="K3614" s="58">
        <f>Bühler!K3640</f>
        <v>0.57842842109559967</v>
      </c>
      <c r="L3614" s="58">
        <f>Bühler!L3640</f>
        <v>0.28921421054779983</v>
      </c>
      <c r="M3614" s="57">
        <f>Bühler!M3640</f>
        <v>0</v>
      </c>
      <c r="N3614" s="55">
        <f>IF(Input!$K$13=1,J3614*Input!$J$13,0)+IF(Input!$K$14=1,K3614*Input!$J$14,0)+IF(Input!$K$15=1,L3614*Input!$J$15,0)+IF(Input!$K$16=1,M3614*Input!$J$16,0)</f>
        <v>0.8620670993125289</v>
      </c>
      <c r="O3614" s="58">
        <f>IF(Input!$K$13=2,J3614*Input!$J$13,0)+IF(Input!$K$14=2,K3614*Input!$J$14,0)+IF(Input!$K$15=2,L3614*Input!$J$15,0)+IF(Input!$K$16=2,M3614*Input!$J$16,0)</f>
        <v>7.8087836847905961E-2</v>
      </c>
      <c r="P3614" s="58">
        <f>IF(Input!$K$13=3,J3614*Input!$J$13,0)+IF(Input!$K$14=3,K3614*Input!$J$14,0)+IF(Input!$K$15=3,L3614*Input!$J$15,0)+IF(Input!$K$16=3,M3614*Input!$J$16,0)</f>
        <v>0</v>
      </c>
      <c r="Q3614" s="71">
        <f>IF(Input!$K$13=4,J3614*Input!$J$13,0)+IF(Input!$K$14=4,K3614*Input!$J$14,0)+IF(Input!$K$15=4,L3614*Input!$J$15,0)+IF(Input!$K$16=4,M3614*Input!$J$16,0)</f>
        <v>0</v>
      </c>
    </row>
    <row r="3615" spans="8:17" x14ac:dyDescent="0.25">
      <c r="H3615" s="43">
        <v>3608</v>
      </c>
      <c r="I3615" s="55">
        <f>Bühler!I3641</f>
        <v>0.55430346627284055</v>
      </c>
      <c r="J3615" s="58">
        <f>Bühler!J3641</f>
        <v>29.076359923246095</v>
      </c>
      <c r="K3615" s="58">
        <f>Bühler!K3641</f>
        <v>2.3645452729029208</v>
      </c>
      <c r="L3615" s="58">
        <f>Bühler!L3641</f>
        <v>1.1822726364514604</v>
      </c>
      <c r="M3615" s="57">
        <f>Bühler!M3641</f>
        <v>0</v>
      </c>
      <c r="N3615" s="55">
        <f>IF(Input!$K$13=1,J3615*Input!$J$13,0)+IF(Input!$K$14=1,K3615*Input!$J$14,0)+IF(Input!$K$15=1,L3615*Input!$J$15,0)+IF(Input!$K$16=1,M3615*Input!$J$16,0)</f>
        <v>3.4891631907895313</v>
      </c>
      <c r="O3615" s="58">
        <f>IF(Input!$K$13=2,J3615*Input!$J$13,0)+IF(Input!$K$14=2,K3615*Input!$J$14,0)+IF(Input!$K$15=2,L3615*Input!$J$15,0)+IF(Input!$K$16=2,M3615*Input!$J$16,0)</f>
        <v>0.31921361184189434</v>
      </c>
      <c r="P3615" s="58">
        <f>IF(Input!$K$13=3,J3615*Input!$J$13,0)+IF(Input!$K$14=3,K3615*Input!$J$14,0)+IF(Input!$K$15=3,L3615*Input!$J$15,0)+IF(Input!$K$16=3,M3615*Input!$J$16,0)</f>
        <v>0</v>
      </c>
      <c r="Q3615" s="71">
        <f>IF(Input!$K$13=4,J3615*Input!$J$13,0)+IF(Input!$K$14=4,K3615*Input!$J$14,0)+IF(Input!$K$15=4,L3615*Input!$J$15,0)+IF(Input!$K$16=4,M3615*Input!$J$16,0)</f>
        <v>0</v>
      </c>
    </row>
    <row r="3616" spans="8:17" x14ac:dyDescent="0.25">
      <c r="H3616" s="43">
        <v>3609</v>
      </c>
      <c r="I3616" s="55">
        <f>Bühler!I3642</f>
        <v>0.61848597289390639</v>
      </c>
      <c r="J3616" s="58">
        <f>Bühler!J3642</f>
        <v>32.443096335411433</v>
      </c>
      <c r="K3616" s="58">
        <f>Bühler!K3642</f>
        <v>2.6383347255548379</v>
      </c>
      <c r="L3616" s="58">
        <f>Bühler!L3642</f>
        <v>1.319167362777419</v>
      </c>
      <c r="M3616" s="57">
        <f>Bühler!M3642</f>
        <v>0</v>
      </c>
      <c r="N3616" s="55">
        <f>IF(Input!$K$13=1,J3616*Input!$J$13,0)+IF(Input!$K$14=1,K3616*Input!$J$14,0)+IF(Input!$K$15=1,L3616*Input!$J$15,0)+IF(Input!$K$16=1,M3616*Input!$J$16,0)</f>
        <v>3.8931715602493719</v>
      </c>
      <c r="O3616" s="58">
        <f>IF(Input!$K$13=2,J3616*Input!$J$13,0)+IF(Input!$K$14=2,K3616*Input!$J$14,0)+IF(Input!$K$15=2,L3616*Input!$J$15,0)+IF(Input!$K$16=2,M3616*Input!$J$16,0)</f>
        <v>0.3561751879499031</v>
      </c>
      <c r="P3616" s="58">
        <f>IF(Input!$K$13=3,J3616*Input!$J$13,0)+IF(Input!$K$14=3,K3616*Input!$J$14,0)+IF(Input!$K$15=3,L3616*Input!$J$15,0)+IF(Input!$K$16=3,M3616*Input!$J$16,0)</f>
        <v>0</v>
      </c>
      <c r="Q3616" s="71">
        <f>IF(Input!$K$13=4,J3616*Input!$J$13,0)+IF(Input!$K$14=4,K3616*Input!$J$14,0)+IF(Input!$K$15=4,L3616*Input!$J$15,0)+IF(Input!$K$16=4,M3616*Input!$J$16,0)</f>
        <v>0</v>
      </c>
    </row>
    <row r="3617" spans="8:17" x14ac:dyDescent="0.25">
      <c r="H3617" s="43">
        <v>3610</v>
      </c>
      <c r="I3617" s="55">
        <f>Bühler!I3643</f>
        <v>0.682668479514972</v>
      </c>
      <c r="J3617" s="58">
        <f>Bühler!J3643</f>
        <v>35.80983274757677</v>
      </c>
      <c r="K3617" s="58">
        <f>Bühler!K3643</f>
        <v>2.9121241782067551</v>
      </c>
      <c r="L3617" s="58">
        <f>Bühler!L3643</f>
        <v>1.4560620891033775</v>
      </c>
      <c r="M3617" s="57">
        <f>Bühler!M3643</f>
        <v>0</v>
      </c>
      <c r="N3617" s="55">
        <f>IF(Input!$K$13=1,J3617*Input!$J$13,0)+IF(Input!$K$14=1,K3617*Input!$J$14,0)+IF(Input!$K$15=1,L3617*Input!$J$15,0)+IF(Input!$K$16=1,M3617*Input!$J$16,0)</f>
        <v>4.2971799297092126</v>
      </c>
      <c r="O3617" s="58">
        <f>IF(Input!$K$13=2,J3617*Input!$J$13,0)+IF(Input!$K$14=2,K3617*Input!$J$14,0)+IF(Input!$K$15=2,L3617*Input!$J$15,0)+IF(Input!$K$16=2,M3617*Input!$J$16,0)</f>
        <v>0.39313676405791192</v>
      </c>
      <c r="P3617" s="58">
        <f>IF(Input!$K$13=3,J3617*Input!$J$13,0)+IF(Input!$K$14=3,K3617*Input!$J$14,0)+IF(Input!$K$15=3,L3617*Input!$J$15,0)+IF(Input!$K$16=3,M3617*Input!$J$16,0)</f>
        <v>0</v>
      </c>
      <c r="Q3617" s="71">
        <f>IF(Input!$K$13=4,J3617*Input!$J$13,0)+IF(Input!$K$14=4,K3617*Input!$J$14,0)+IF(Input!$K$15=4,L3617*Input!$J$15,0)+IF(Input!$K$16=4,M3617*Input!$J$16,0)</f>
        <v>0</v>
      </c>
    </row>
    <row r="3618" spans="8:17" x14ac:dyDescent="0.25">
      <c r="H3618" s="43">
        <v>3611</v>
      </c>
      <c r="I3618" s="55">
        <f>Bühler!I3644</f>
        <v>0.682668479514972</v>
      </c>
      <c r="J3618" s="58">
        <f>Bühler!J3644</f>
        <v>35.80983274757677</v>
      </c>
      <c r="K3618" s="58">
        <f>Bühler!K3644</f>
        <v>2.9121241782067551</v>
      </c>
      <c r="L3618" s="58">
        <f>Bühler!L3644</f>
        <v>1.4560620891033775</v>
      </c>
      <c r="M3618" s="57">
        <f>Bühler!M3644</f>
        <v>0</v>
      </c>
      <c r="N3618" s="55">
        <f>IF(Input!$K$13=1,J3618*Input!$J$13,0)+IF(Input!$K$14=1,K3618*Input!$J$14,0)+IF(Input!$K$15=1,L3618*Input!$J$15,0)+IF(Input!$K$16=1,M3618*Input!$J$16,0)</f>
        <v>4.2971799297092126</v>
      </c>
      <c r="O3618" s="58">
        <f>IF(Input!$K$13=2,J3618*Input!$J$13,0)+IF(Input!$K$14=2,K3618*Input!$J$14,0)+IF(Input!$K$15=2,L3618*Input!$J$15,0)+IF(Input!$K$16=2,M3618*Input!$J$16,0)</f>
        <v>0.39313676405791192</v>
      </c>
      <c r="P3618" s="58">
        <f>IF(Input!$K$13=3,J3618*Input!$J$13,0)+IF(Input!$K$14=3,K3618*Input!$J$14,0)+IF(Input!$K$15=3,L3618*Input!$J$15,0)+IF(Input!$K$16=3,M3618*Input!$J$16,0)</f>
        <v>0</v>
      </c>
      <c r="Q3618" s="71">
        <f>IF(Input!$K$13=4,J3618*Input!$J$13,0)+IF(Input!$K$14=4,K3618*Input!$J$14,0)+IF(Input!$K$15=4,L3618*Input!$J$15,0)+IF(Input!$K$16=4,M3618*Input!$J$16,0)</f>
        <v>0</v>
      </c>
    </row>
    <row r="3619" spans="8:17" x14ac:dyDescent="0.25">
      <c r="H3619" s="43">
        <v>3612</v>
      </c>
      <c r="I3619" s="55">
        <f>Bühler!I3645</f>
        <v>0.81686826608629126</v>
      </c>
      <c r="J3619" s="58">
        <f>Bühler!J3645</f>
        <v>42.849372518467931</v>
      </c>
      <c r="K3619" s="58">
        <f>Bühler!K3645</f>
        <v>3.484593033751672</v>
      </c>
      <c r="L3619" s="58">
        <f>Bühler!L3645</f>
        <v>1.742296516875836</v>
      </c>
      <c r="M3619" s="57">
        <f>Bühler!M3645</f>
        <v>0</v>
      </c>
      <c r="N3619" s="55">
        <f>IF(Input!$K$13=1,J3619*Input!$J$13,0)+IF(Input!$K$14=1,K3619*Input!$J$14,0)+IF(Input!$K$15=1,L3619*Input!$J$15,0)+IF(Input!$K$16=1,M3619*Input!$J$16,0)</f>
        <v>5.1419247022161514</v>
      </c>
      <c r="O3619" s="58">
        <f>IF(Input!$K$13=2,J3619*Input!$J$13,0)+IF(Input!$K$14=2,K3619*Input!$J$14,0)+IF(Input!$K$15=2,L3619*Input!$J$15,0)+IF(Input!$K$16=2,M3619*Input!$J$16,0)</f>
        <v>0.4704200595564757</v>
      </c>
      <c r="P3619" s="58">
        <f>IF(Input!$K$13=3,J3619*Input!$J$13,0)+IF(Input!$K$14=3,K3619*Input!$J$14,0)+IF(Input!$K$15=3,L3619*Input!$J$15,0)+IF(Input!$K$16=3,M3619*Input!$J$16,0)</f>
        <v>0</v>
      </c>
      <c r="Q3619" s="71">
        <f>IF(Input!$K$13=4,J3619*Input!$J$13,0)+IF(Input!$K$14=4,K3619*Input!$J$14,0)+IF(Input!$K$15=4,L3619*Input!$J$15,0)+IF(Input!$K$16=4,M3619*Input!$J$16,0)</f>
        <v>0</v>
      </c>
    </row>
    <row r="3620" spans="8:17" x14ac:dyDescent="0.25">
      <c r="H3620" s="43">
        <v>3613</v>
      </c>
      <c r="I3620" s="55">
        <f>Bühler!I3646</f>
        <v>0.81686826608629126</v>
      </c>
      <c r="J3620" s="58">
        <f>Bühler!J3646</f>
        <v>42.849372518467931</v>
      </c>
      <c r="K3620" s="58">
        <f>Bühler!K3646</f>
        <v>3.484593033751672</v>
      </c>
      <c r="L3620" s="58">
        <f>Bühler!L3646</f>
        <v>1.742296516875836</v>
      </c>
      <c r="M3620" s="57">
        <f>Bühler!M3646</f>
        <v>0</v>
      </c>
      <c r="N3620" s="55">
        <f>IF(Input!$K$13=1,J3620*Input!$J$13,0)+IF(Input!$K$14=1,K3620*Input!$J$14,0)+IF(Input!$K$15=1,L3620*Input!$J$15,0)+IF(Input!$K$16=1,M3620*Input!$J$16,0)</f>
        <v>5.1419247022161514</v>
      </c>
      <c r="O3620" s="58">
        <f>IF(Input!$K$13=2,J3620*Input!$J$13,0)+IF(Input!$K$14=2,K3620*Input!$J$14,0)+IF(Input!$K$15=2,L3620*Input!$J$15,0)+IF(Input!$K$16=2,M3620*Input!$J$16,0)</f>
        <v>0.4704200595564757</v>
      </c>
      <c r="P3620" s="58">
        <f>IF(Input!$K$13=3,J3620*Input!$J$13,0)+IF(Input!$K$14=3,K3620*Input!$J$14,0)+IF(Input!$K$15=3,L3620*Input!$J$15,0)+IF(Input!$K$16=3,M3620*Input!$J$16,0)</f>
        <v>0</v>
      </c>
      <c r="Q3620" s="71">
        <f>IF(Input!$K$13=4,J3620*Input!$J$13,0)+IF(Input!$K$14=4,K3620*Input!$J$14,0)+IF(Input!$K$15=4,L3620*Input!$J$15,0)+IF(Input!$K$16=4,M3620*Input!$J$16,0)</f>
        <v>0</v>
      </c>
    </row>
    <row r="3621" spans="8:17" x14ac:dyDescent="0.25">
      <c r="H3621" s="43">
        <v>3614</v>
      </c>
      <c r="I3621" s="55">
        <f>Bühler!I3647</f>
        <v>0.54263391961446494</v>
      </c>
      <c r="J3621" s="58">
        <f>Bühler!J3647</f>
        <v>28.464226030125126</v>
      </c>
      <c r="K3621" s="58">
        <f>Bühler!K3647</f>
        <v>2.3147653724207538</v>
      </c>
      <c r="L3621" s="58">
        <f>Bühler!L3647</f>
        <v>1.1573826862103769</v>
      </c>
      <c r="M3621" s="57">
        <f>Bühler!M3647</f>
        <v>0</v>
      </c>
      <c r="N3621" s="55">
        <f>IF(Input!$K$13=1,J3621*Input!$J$13,0)+IF(Input!$K$14=1,K3621*Input!$J$14,0)+IF(Input!$K$15=1,L3621*Input!$J$15,0)+IF(Input!$K$16=1,M3621*Input!$J$16,0)</f>
        <v>3.4157071236150149</v>
      </c>
      <c r="O3621" s="58">
        <f>IF(Input!$K$13=2,J3621*Input!$J$13,0)+IF(Input!$K$14=2,K3621*Input!$J$14,0)+IF(Input!$K$15=2,L3621*Input!$J$15,0)+IF(Input!$K$16=2,M3621*Input!$J$16,0)</f>
        <v>0.31249332527680174</v>
      </c>
      <c r="P3621" s="58">
        <f>IF(Input!$K$13=3,J3621*Input!$J$13,0)+IF(Input!$K$14=3,K3621*Input!$J$14,0)+IF(Input!$K$15=3,L3621*Input!$J$15,0)+IF(Input!$K$16=3,M3621*Input!$J$16,0)</f>
        <v>0</v>
      </c>
      <c r="Q3621" s="71">
        <f>IF(Input!$K$13=4,J3621*Input!$J$13,0)+IF(Input!$K$14=4,K3621*Input!$J$14,0)+IF(Input!$K$15=4,L3621*Input!$J$15,0)+IF(Input!$K$16=4,M3621*Input!$J$16,0)</f>
        <v>0</v>
      </c>
    </row>
    <row r="3622" spans="8:17" x14ac:dyDescent="0.25">
      <c r="H3622" s="43">
        <v>3615</v>
      </c>
      <c r="I3622" s="55">
        <f>Bühler!I3648</f>
        <v>0.81686826608629126</v>
      </c>
      <c r="J3622" s="58">
        <f>Bühler!J3648</f>
        <v>42.849372518467931</v>
      </c>
      <c r="K3622" s="58">
        <f>Bühler!K3648</f>
        <v>3.484593033751672</v>
      </c>
      <c r="L3622" s="58">
        <f>Bühler!L3648</f>
        <v>1.742296516875836</v>
      </c>
      <c r="M3622" s="57">
        <f>Bühler!M3648</f>
        <v>0</v>
      </c>
      <c r="N3622" s="55">
        <f>IF(Input!$K$13=1,J3622*Input!$J$13,0)+IF(Input!$K$14=1,K3622*Input!$J$14,0)+IF(Input!$K$15=1,L3622*Input!$J$15,0)+IF(Input!$K$16=1,M3622*Input!$J$16,0)</f>
        <v>5.1419247022161514</v>
      </c>
      <c r="O3622" s="58">
        <f>IF(Input!$K$13=2,J3622*Input!$J$13,0)+IF(Input!$K$14=2,K3622*Input!$J$14,0)+IF(Input!$K$15=2,L3622*Input!$J$15,0)+IF(Input!$K$16=2,M3622*Input!$J$16,0)</f>
        <v>0.4704200595564757</v>
      </c>
      <c r="P3622" s="58">
        <f>IF(Input!$K$13=3,J3622*Input!$J$13,0)+IF(Input!$K$14=3,K3622*Input!$J$14,0)+IF(Input!$K$15=3,L3622*Input!$J$15,0)+IF(Input!$K$16=3,M3622*Input!$J$16,0)</f>
        <v>0</v>
      </c>
      <c r="Q3622" s="71">
        <f>IF(Input!$K$13=4,J3622*Input!$J$13,0)+IF(Input!$K$14=4,K3622*Input!$J$14,0)+IF(Input!$K$15=4,L3622*Input!$J$15,0)+IF(Input!$K$16=4,M3622*Input!$J$16,0)</f>
        <v>0</v>
      </c>
    </row>
    <row r="3623" spans="8:17" x14ac:dyDescent="0.25">
      <c r="H3623" s="43">
        <v>3616</v>
      </c>
      <c r="I3623" s="55">
        <f>Bühler!I3649</f>
        <v>0.81686826608629126</v>
      </c>
      <c r="J3623" s="58">
        <f>Bühler!J3649</f>
        <v>42.849372518467931</v>
      </c>
      <c r="K3623" s="58">
        <f>Bühler!K3649</f>
        <v>3.484593033751672</v>
      </c>
      <c r="L3623" s="58">
        <f>Bühler!L3649</f>
        <v>1.742296516875836</v>
      </c>
      <c r="M3623" s="57">
        <f>Bühler!M3649</f>
        <v>0</v>
      </c>
      <c r="N3623" s="55">
        <f>IF(Input!$K$13=1,J3623*Input!$J$13,0)+IF(Input!$K$14=1,K3623*Input!$J$14,0)+IF(Input!$K$15=1,L3623*Input!$J$15,0)+IF(Input!$K$16=1,M3623*Input!$J$16,0)</f>
        <v>5.1419247022161514</v>
      </c>
      <c r="O3623" s="58">
        <f>IF(Input!$K$13=2,J3623*Input!$J$13,0)+IF(Input!$K$14=2,K3623*Input!$J$14,0)+IF(Input!$K$15=2,L3623*Input!$J$15,0)+IF(Input!$K$16=2,M3623*Input!$J$16,0)</f>
        <v>0.4704200595564757</v>
      </c>
      <c r="P3623" s="58">
        <f>IF(Input!$K$13=3,J3623*Input!$J$13,0)+IF(Input!$K$14=3,K3623*Input!$J$14,0)+IF(Input!$K$15=3,L3623*Input!$J$15,0)+IF(Input!$K$16=3,M3623*Input!$J$16,0)</f>
        <v>0</v>
      </c>
      <c r="Q3623" s="71">
        <f>IF(Input!$K$13=4,J3623*Input!$J$13,0)+IF(Input!$K$14=4,K3623*Input!$J$14,0)+IF(Input!$K$15=4,L3623*Input!$J$15,0)+IF(Input!$K$16=4,M3623*Input!$J$16,0)</f>
        <v>0</v>
      </c>
    </row>
    <row r="3624" spans="8:17" x14ac:dyDescent="0.25">
      <c r="H3624" s="43">
        <v>3617</v>
      </c>
      <c r="I3624" s="55">
        <f>Bühler!I3650</f>
        <v>0.68256787997481372</v>
      </c>
      <c r="J3624" s="58">
        <f>Bühler!J3650</f>
        <v>25.468488761583256</v>
      </c>
      <c r="K3624" s="58">
        <f>Bühler!K3650</f>
        <v>2.0534208948893782</v>
      </c>
      <c r="L3624" s="58">
        <f>Bühler!L3650</f>
        <v>1.0267104474446891</v>
      </c>
      <c r="M3624" s="57">
        <f>Bühler!M3650</f>
        <v>0</v>
      </c>
      <c r="N3624" s="55">
        <f>IF(Input!$K$13=1,J3624*Input!$J$13,0)+IF(Input!$K$14=1,K3624*Input!$J$14,0)+IF(Input!$K$15=1,L3624*Input!$J$15,0)+IF(Input!$K$16=1,M3624*Input!$J$16,0)</f>
        <v>3.0562186513899907</v>
      </c>
      <c r="O3624" s="58">
        <f>IF(Input!$K$13=2,J3624*Input!$J$13,0)+IF(Input!$K$14=2,K3624*Input!$J$14,0)+IF(Input!$K$15=2,L3624*Input!$J$15,0)+IF(Input!$K$16=2,M3624*Input!$J$16,0)</f>
        <v>0.27721182081006601</v>
      </c>
      <c r="P3624" s="58">
        <f>IF(Input!$K$13=3,J3624*Input!$J$13,0)+IF(Input!$K$14=3,K3624*Input!$J$14,0)+IF(Input!$K$15=3,L3624*Input!$J$15,0)+IF(Input!$K$16=3,M3624*Input!$J$16,0)</f>
        <v>0</v>
      </c>
      <c r="Q3624" s="71">
        <f>IF(Input!$K$13=4,J3624*Input!$J$13,0)+IF(Input!$K$14=4,K3624*Input!$J$14,0)+IF(Input!$K$15=4,L3624*Input!$J$15,0)+IF(Input!$K$16=4,M3624*Input!$J$16,0)</f>
        <v>0</v>
      </c>
    </row>
    <row r="3625" spans="8:17" x14ac:dyDescent="0.25">
      <c r="H3625" s="43">
        <v>3618</v>
      </c>
      <c r="I3625" s="55">
        <f>Bühler!I3651</f>
        <v>0.54273451915462334</v>
      </c>
      <c r="J3625" s="58">
        <f>Bühler!J3651</f>
        <v>11.142396977459709</v>
      </c>
      <c r="K3625" s="58">
        <f>Bühler!K3651</f>
        <v>0.87640669862969645</v>
      </c>
      <c r="L3625" s="58">
        <f>Bühler!L3651</f>
        <v>0.43820334931484822</v>
      </c>
      <c r="M3625" s="57">
        <f>Bühler!M3651</f>
        <v>0</v>
      </c>
      <c r="N3625" s="55">
        <f>IF(Input!$K$13=1,J3625*Input!$J$13,0)+IF(Input!$K$14=1,K3625*Input!$J$14,0)+IF(Input!$K$15=1,L3625*Input!$J$15,0)+IF(Input!$K$16=1,M3625*Input!$J$16,0)</f>
        <v>1.337087637295165</v>
      </c>
      <c r="O3625" s="58">
        <f>IF(Input!$K$13=2,J3625*Input!$J$13,0)+IF(Input!$K$14=2,K3625*Input!$J$14,0)+IF(Input!$K$15=2,L3625*Input!$J$15,0)+IF(Input!$K$16=2,M3625*Input!$J$16,0)</f>
        <v>0.11831490431500902</v>
      </c>
      <c r="P3625" s="58">
        <f>IF(Input!$K$13=3,J3625*Input!$J$13,0)+IF(Input!$K$14=3,K3625*Input!$J$14,0)+IF(Input!$K$15=3,L3625*Input!$J$15,0)+IF(Input!$K$16=3,M3625*Input!$J$16,0)</f>
        <v>0</v>
      </c>
      <c r="Q3625" s="71">
        <f>IF(Input!$K$13=4,J3625*Input!$J$13,0)+IF(Input!$K$14=4,K3625*Input!$J$14,0)+IF(Input!$K$15=4,L3625*Input!$J$15,0)+IF(Input!$K$16=4,M3625*Input!$J$16,0)</f>
        <v>0</v>
      </c>
    </row>
    <row r="3626" spans="8:17" x14ac:dyDescent="0.25">
      <c r="H3626" s="43">
        <v>3619</v>
      </c>
      <c r="I3626" s="55">
        <f>Bühler!I3652</f>
        <v>0.20119908031682054</v>
      </c>
      <c r="J3626" s="58">
        <f>Bühler!J3652</f>
        <v>7.183892494271074</v>
      </c>
      <c r="K3626" s="58">
        <f>Bühler!K3652</f>
        <v>0.57842842109559967</v>
      </c>
      <c r="L3626" s="58">
        <f>Bühler!L3652</f>
        <v>0.28921421054779983</v>
      </c>
      <c r="M3626" s="57">
        <f>Bühler!M3652</f>
        <v>0</v>
      </c>
      <c r="N3626" s="55">
        <f>IF(Input!$K$13=1,J3626*Input!$J$13,0)+IF(Input!$K$14=1,K3626*Input!$J$14,0)+IF(Input!$K$15=1,L3626*Input!$J$15,0)+IF(Input!$K$16=1,M3626*Input!$J$16,0)</f>
        <v>0.8620670993125289</v>
      </c>
      <c r="O3626" s="58">
        <f>IF(Input!$K$13=2,J3626*Input!$J$13,0)+IF(Input!$K$14=2,K3626*Input!$J$14,0)+IF(Input!$K$15=2,L3626*Input!$J$15,0)+IF(Input!$K$16=2,M3626*Input!$J$16,0)</f>
        <v>7.8087836847905961E-2</v>
      </c>
      <c r="P3626" s="58">
        <f>IF(Input!$K$13=3,J3626*Input!$J$13,0)+IF(Input!$K$14=3,K3626*Input!$J$14,0)+IF(Input!$K$15=3,L3626*Input!$J$15,0)+IF(Input!$K$16=3,M3626*Input!$J$16,0)</f>
        <v>0</v>
      </c>
      <c r="Q3626" s="71">
        <f>IF(Input!$K$13=4,J3626*Input!$J$13,0)+IF(Input!$K$14=4,K3626*Input!$J$14,0)+IF(Input!$K$15=4,L3626*Input!$J$15,0)+IF(Input!$K$16=4,M3626*Input!$J$16,0)</f>
        <v>0</v>
      </c>
    </row>
    <row r="3627" spans="8:17" x14ac:dyDescent="0.25">
      <c r="H3627" s="43">
        <v>3620</v>
      </c>
      <c r="I3627" s="55">
        <f>Bühler!I3653</f>
        <v>0.20119908031682054</v>
      </c>
      <c r="J3627" s="58">
        <f>Bühler!J3653</f>
        <v>7.183892494271074</v>
      </c>
      <c r="K3627" s="58">
        <f>Bühler!K3653</f>
        <v>0.57842842109559967</v>
      </c>
      <c r="L3627" s="58">
        <f>Bühler!L3653</f>
        <v>0.28921421054779983</v>
      </c>
      <c r="M3627" s="57">
        <f>Bühler!M3653</f>
        <v>0</v>
      </c>
      <c r="N3627" s="55">
        <f>IF(Input!$K$13=1,J3627*Input!$J$13,0)+IF(Input!$K$14=1,K3627*Input!$J$14,0)+IF(Input!$K$15=1,L3627*Input!$J$15,0)+IF(Input!$K$16=1,M3627*Input!$J$16,0)</f>
        <v>0.8620670993125289</v>
      </c>
      <c r="O3627" s="58">
        <f>IF(Input!$K$13=2,J3627*Input!$J$13,0)+IF(Input!$K$14=2,K3627*Input!$J$14,0)+IF(Input!$K$15=2,L3627*Input!$J$15,0)+IF(Input!$K$16=2,M3627*Input!$J$16,0)</f>
        <v>7.8087836847905961E-2</v>
      </c>
      <c r="P3627" s="58">
        <f>IF(Input!$K$13=3,J3627*Input!$J$13,0)+IF(Input!$K$14=3,K3627*Input!$J$14,0)+IF(Input!$K$15=3,L3627*Input!$J$15,0)+IF(Input!$K$16=3,M3627*Input!$J$16,0)</f>
        <v>0</v>
      </c>
      <c r="Q3627" s="71">
        <f>IF(Input!$K$13=4,J3627*Input!$J$13,0)+IF(Input!$K$14=4,K3627*Input!$J$14,0)+IF(Input!$K$15=4,L3627*Input!$J$15,0)+IF(Input!$K$16=4,M3627*Input!$J$16,0)</f>
        <v>0</v>
      </c>
    </row>
    <row r="3628" spans="8:17" x14ac:dyDescent="0.25">
      <c r="H3628" s="43">
        <v>3621</v>
      </c>
      <c r="I3628" s="55">
        <f>Bühler!I3654</f>
        <v>0.20119908031682054</v>
      </c>
      <c r="J3628" s="58">
        <f>Bühler!J3654</f>
        <v>7.183892494271074</v>
      </c>
      <c r="K3628" s="58">
        <f>Bühler!K3654</f>
        <v>0.57842842109559967</v>
      </c>
      <c r="L3628" s="58">
        <f>Bühler!L3654</f>
        <v>0.28921421054779983</v>
      </c>
      <c r="M3628" s="57">
        <f>Bühler!M3654</f>
        <v>0</v>
      </c>
      <c r="N3628" s="55">
        <f>IF(Input!$K$13=1,J3628*Input!$J$13,0)+IF(Input!$K$14=1,K3628*Input!$J$14,0)+IF(Input!$K$15=1,L3628*Input!$J$15,0)+IF(Input!$K$16=1,M3628*Input!$J$16,0)</f>
        <v>0.8620670993125289</v>
      </c>
      <c r="O3628" s="58">
        <f>IF(Input!$K$13=2,J3628*Input!$J$13,0)+IF(Input!$K$14=2,K3628*Input!$J$14,0)+IF(Input!$K$15=2,L3628*Input!$J$15,0)+IF(Input!$K$16=2,M3628*Input!$J$16,0)</f>
        <v>7.8087836847905961E-2</v>
      </c>
      <c r="P3628" s="58">
        <f>IF(Input!$K$13=3,J3628*Input!$J$13,0)+IF(Input!$K$14=3,K3628*Input!$J$14,0)+IF(Input!$K$15=3,L3628*Input!$J$15,0)+IF(Input!$K$16=3,M3628*Input!$J$16,0)</f>
        <v>0</v>
      </c>
      <c r="Q3628" s="71">
        <f>IF(Input!$K$13=4,J3628*Input!$J$13,0)+IF(Input!$K$14=4,K3628*Input!$J$14,0)+IF(Input!$K$15=4,L3628*Input!$J$15,0)+IF(Input!$K$16=4,M3628*Input!$J$16,0)</f>
        <v>0</v>
      </c>
    </row>
    <row r="3629" spans="8:17" x14ac:dyDescent="0.25">
      <c r="H3629" s="43">
        <v>3622</v>
      </c>
      <c r="I3629" s="55">
        <f>Bühler!I3655</f>
        <v>0.20119908031682054</v>
      </c>
      <c r="J3629" s="58">
        <f>Bühler!J3655</f>
        <v>7.183892494271074</v>
      </c>
      <c r="K3629" s="58">
        <f>Bühler!K3655</f>
        <v>0.57842842109559967</v>
      </c>
      <c r="L3629" s="58">
        <f>Bühler!L3655</f>
        <v>0.28921421054779983</v>
      </c>
      <c r="M3629" s="57">
        <f>Bühler!M3655</f>
        <v>0</v>
      </c>
      <c r="N3629" s="55">
        <f>IF(Input!$K$13=1,J3629*Input!$J$13,0)+IF(Input!$K$14=1,K3629*Input!$J$14,0)+IF(Input!$K$15=1,L3629*Input!$J$15,0)+IF(Input!$K$16=1,M3629*Input!$J$16,0)</f>
        <v>0.8620670993125289</v>
      </c>
      <c r="O3629" s="58">
        <f>IF(Input!$K$13=2,J3629*Input!$J$13,0)+IF(Input!$K$14=2,K3629*Input!$J$14,0)+IF(Input!$K$15=2,L3629*Input!$J$15,0)+IF(Input!$K$16=2,M3629*Input!$J$16,0)</f>
        <v>7.8087836847905961E-2</v>
      </c>
      <c r="P3629" s="58">
        <f>IF(Input!$K$13=3,J3629*Input!$J$13,0)+IF(Input!$K$14=3,K3629*Input!$J$14,0)+IF(Input!$K$15=3,L3629*Input!$J$15,0)+IF(Input!$K$16=3,M3629*Input!$J$16,0)</f>
        <v>0</v>
      </c>
      <c r="Q3629" s="71">
        <f>IF(Input!$K$13=4,J3629*Input!$J$13,0)+IF(Input!$K$14=4,K3629*Input!$J$14,0)+IF(Input!$K$15=4,L3629*Input!$J$15,0)+IF(Input!$K$16=4,M3629*Input!$J$16,0)</f>
        <v>0</v>
      </c>
    </row>
    <row r="3630" spans="8:17" x14ac:dyDescent="0.25">
      <c r="H3630" s="43">
        <v>3623</v>
      </c>
      <c r="I3630" s="55">
        <f>Bühler!I3656</f>
        <v>0.20119908031682054</v>
      </c>
      <c r="J3630" s="58">
        <f>Bühler!J3656</f>
        <v>7.183892494271074</v>
      </c>
      <c r="K3630" s="58">
        <f>Bühler!K3656</f>
        <v>0.57842842109559967</v>
      </c>
      <c r="L3630" s="58">
        <f>Bühler!L3656</f>
        <v>0.28921421054779983</v>
      </c>
      <c r="M3630" s="57">
        <f>Bühler!M3656</f>
        <v>0</v>
      </c>
      <c r="N3630" s="55">
        <f>IF(Input!$K$13=1,J3630*Input!$J$13,0)+IF(Input!$K$14=1,K3630*Input!$J$14,0)+IF(Input!$K$15=1,L3630*Input!$J$15,0)+IF(Input!$K$16=1,M3630*Input!$J$16,0)</f>
        <v>0.8620670993125289</v>
      </c>
      <c r="O3630" s="58">
        <f>IF(Input!$K$13=2,J3630*Input!$J$13,0)+IF(Input!$K$14=2,K3630*Input!$J$14,0)+IF(Input!$K$15=2,L3630*Input!$J$15,0)+IF(Input!$K$16=2,M3630*Input!$J$16,0)</f>
        <v>7.8087836847905961E-2</v>
      </c>
      <c r="P3630" s="58">
        <f>IF(Input!$K$13=3,J3630*Input!$J$13,0)+IF(Input!$K$14=3,K3630*Input!$J$14,0)+IF(Input!$K$15=3,L3630*Input!$J$15,0)+IF(Input!$K$16=3,M3630*Input!$J$16,0)</f>
        <v>0</v>
      </c>
      <c r="Q3630" s="71">
        <f>IF(Input!$K$13=4,J3630*Input!$J$13,0)+IF(Input!$K$14=4,K3630*Input!$J$14,0)+IF(Input!$K$15=4,L3630*Input!$J$15,0)+IF(Input!$K$16=4,M3630*Input!$J$16,0)</f>
        <v>0</v>
      </c>
    </row>
    <row r="3631" spans="8:17" x14ac:dyDescent="0.25">
      <c r="H3631" s="43">
        <v>3624</v>
      </c>
      <c r="I3631" s="55">
        <f>Bühler!I3657</f>
        <v>0.20119908031682054</v>
      </c>
      <c r="J3631" s="58">
        <f>Bühler!J3657</f>
        <v>7.183892494271074</v>
      </c>
      <c r="K3631" s="58">
        <f>Bühler!K3657</f>
        <v>0.57842842109559967</v>
      </c>
      <c r="L3631" s="58">
        <f>Bühler!L3657</f>
        <v>0.28921421054779983</v>
      </c>
      <c r="M3631" s="57">
        <f>Bühler!M3657</f>
        <v>0</v>
      </c>
      <c r="N3631" s="55">
        <f>IF(Input!$K$13=1,J3631*Input!$J$13,0)+IF(Input!$K$14=1,K3631*Input!$J$14,0)+IF(Input!$K$15=1,L3631*Input!$J$15,0)+IF(Input!$K$16=1,M3631*Input!$J$16,0)</f>
        <v>0.8620670993125289</v>
      </c>
      <c r="O3631" s="58">
        <f>IF(Input!$K$13=2,J3631*Input!$J$13,0)+IF(Input!$K$14=2,K3631*Input!$J$14,0)+IF(Input!$K$15=2,L3631*Input!$J$15,0)+IF(Input!$K$16=2,M3631*Input!$J$16,0)</f>
        <v>7.8087836847905961E-2</v>
      </c>
      <c r="P3631" s="58">
        <f>IF(Input!$K$13=3,J3631*Input!$J$13,0)+IF(Input!$K$14=3,K3631*Input!$J$14,0)+IF(Input!$K$15=3,L3631*Input!$J$15,0)+IF(Input!$K$16=3,M3631*Input!$J$16,0)</f>
        <v>0</v>
      </c>
      <c r="Q3631" s="71">
        <f>IF(Input!$K$13=4,J3631*Input!$J$13,0)+IF(Input!$K$14=4,K3631*Input!$J$14,0)+IF(Input!$K$15=4,L3631*Input!$J$15,0)+IF(Input!$K$16=4,M3631*Input!$J$16,0)</f>
        <v>0</v>
      </c>
    </row>
    <row r="3632" spans="8:17" x14ac:dyDescent="0.25">
      <c r="H3632" s="43">
        <v>3625</v>
      </c>
      <c r="I3632" s="55">
        <f>Bühler!I3658</f>
        <v>0.16993166934356727</v>
      </c>
      <c r="J3632" s="58">
        <f>Bühler!J3658</f>
        <v>7.081755006443184</v>
      </c>
      <c r="K3632" s="58">
        <f>Bühler!K3658</f>
        <v>0.57574082744534971</v>
      </c>
      <c r="L3632" s="58">
        <f>Bühler!L3658</f>
        <v>0.28787041372267486</v>
      </c>
      <c r="M3632" s="57">
        <f>Bühler!M3658</f>
        <v>0</v>
      </c>
      <c r="N3632" s="55">
        <f>IF(Input!$K$13=1,J3632*Input!$J$13,0)+IF(Input!$K$14=1,K3632*Input!$J$14,0)+IF(Input!$K$15=1,L3632*Input!$J$15,0)+IF(Input!$K$16=1,M3632*Input!$J$16,0)</f>
        <v>0.84981060077318205</v>
      </c>
      <c r="O3632" s="58">
        <f>IF(Input!$K$13=2,J3632*Input!$J$13,0)+IF(Input!$K$14=2,K3632*Input!$J$14,0)+IF(Input!$K$15=2,L3632*Input!$J$15,0)+IF(Input!$K$16=2,M3632*Input!$J$16,0)</f>
        <v>7.7725011705122207E-2</v>
      </c>
      <c r="P3632" s="58">
        <f>IF(Input!$K$13=3,J3632*Input!$J$13,0)+IF(Input!$K$14=3,K3632*Input!$J$14,0)+IF(Input!$K$15=3,L3632*Input!$J$15,0)+IF(Input!$K$16=3,M3632*Input!$J$16,0)</f>
        <v>0</v>
      </c>
      <c r="Q3632" s="71">
        <f>IF(Input!$K$13=4,J3632*Input!$J$13,0)+IF(Input!$K$14=4,K3632*Input!$J$14,0)+IF(Input!$K$15=4,L3632*Input!$J$15,0)+IF(Input!$K$16=4,M3632*Input!$J$16,0)</f>
        <v>0</v>
      </c>
    </row>
    <row r="3633" spans="8:17" x14ac:dyDescent="0.25">
      <c r="H3633" s="43">
        <v>3626</v>
      </c>
      <c r="I3633" s="55">
        <f>Bühler!I3659</f>
        <v>0.16993166934356727</v>
      </c>
      <c r="J3633" s="58">
        <f>Bühler!J3659</f>
        <v>7.081755006443184</v>
      </c>
      <c r="K3633" s="58">
        <f>Bühler!K3659</f>
        <v>0.57574082744534971</v>
      </c>
      <c r="L3633" s="58">
        <f>Bühler!L3659</f>
        <v>0.28787041372267486</v>
      </c>
      <c r="M3633" s="57">
        <f>Bühler!M3659</f>
        <v>0</v>
      </c>
      <c r="N3633" s="55">
        <f>IF(Input!$K$13=1,J3633*Input!$J$13,0)+IF(Input!$K$14=1,K3633*Input!$J$14,0)+IF(Input!$K$15=1,L3633*Input!$J$15,0)+IF(Input!$K$16=1,M3633*Input!$J$16,0)</f>
        <v>0.84981060077318205</v>
      </c>
      <c r="O3633" s="58">
        <f>IF(Input!$K$13=2,J3633*Input!$J$13,0)+IF(Input!$K$14=2,K3633*Input!$J$14,0)+IF(Input!$K$15=2,L3633*Input!$J$15,0)+IF(Input!$K$16=2,M3633*Input!$J$16,0)</f>
        <v>7.7725011705122207E-2</v>
      </c>
      <c r="P3633" s="58">
        <f>IF(Input!$K$13=3,J3633*Input!$J$13,0)+IF(Input!$K$14=3,K3633*Input!$J$14,0)+IF(Input!$K$15=3,L3633*Input!$J$15,0)+IF(Input!$K$16=3,M3633*Input!$J$16,0)</f>
        <v>0</v>
      </c>
      <c r="Q3633" s="71">
        <f>IF(Input!$K$13=4,J3633*Input!$J$13,0)+IF(Input!$K$14=4,K3633*Input!$J$14,0)+IF(Input!$K$15=4,L3633*Input!$J$15,0)+IF(Input!$K$16=4,M3633*Input!$J$16,0)</f>
        <v>0</v>
      </c>
    </row>
    <row r="3634" spans="8:17" x14ac:dyDescent="0.25">
      <c r="H3634" s="43">
        <v>3627</v>
      </c>
      <c r="I3634" s="55">
        <f>Bühler!I3660</f>
        <v>0.16993166934356727</v>
      </c>
      <c r="J3634" s="58">
        <f>Bühler!J3660</f>
        <v>7.081755006443184</v>
      </c>
      <c r="K3634" s="58">
        <f>Bühler!K3660</f>
        <v>0.57574082744534971</v>
      </c>
      <c r="L3634" s="58">
        <f>Bühler!L3660</f>
        <v>0.28787041372267486</v>
      </c>
      <c r="M3634" s="57">
        <f>Bühler!M3660</f>
        <v>0</v>
      </c>
      <c r="N3634" s="55">
        <f>IF(Input!$K$13=1,J3634*Input!$J$13,0)+IF(Input!$K$14=1,K3634*Input!$J$14,0)+IF(Input!$K$15=1,L3634*Input!$J$15,0)+IF(Input!$K$16=1,M3634*Input!$J$16,0)</f>
        <v>0.84981060077318205</v>
      </c>
      <c r="O3634" s="58">
        <f>IF(Input!$K$13=2,J3634*Input!$J$13,0)+IF(Input!$K$14=2,K3634*Input!$J$14,0)+IF(Input!$K$15=2,L3634*Input!$J$15,0)+IF(Input!$K$16=2,M3634*Input!$J$16,0)</f>
        <v>7.7725011705122207E-2</v>
      </c>
      <c r="P3634" s="58">
        <f>IF(Input!$K$13=3,J3634*Input!$J$13,0)+IF(Input!$K$14=3,K3634*Input!$J$14,0)+IF(Input!$K$15=3,L3634*Input!$J$15,0)+IF(Input!$K$16=3,M3634*Input!$J$16,0)</f>
        <v>0</v>
      </c>
      <c r="Q3634" s="71">
        <f>IF(Input!$K$13=4,J3634*Input!$J$13,0)+IF(Input!$K$14=4,K3634*Input!$J$14,0)+IF(Input!$K$15=4,L3634*Input!$J$15,0)+IF(Input!$K$16=4,M3634*Input!$J$16,0)</f>
        <v>0</v>
      </c>
    </row>
    <row r="3635" spans="8:17" x14ac:dyDescent="0.25">
      <c r="H3635" s="43">
        <v>3628</v>
      </c>
      <c r="I3635" s="55">
        <f>Bühler!I3661</f>
        <v>0.16993166934356727</v>
      </c>
      <c r="J3635" s="58">
        <f>Bühler!J3661</f>
        <v>7.081755006443184</v>
      </c>
      <c r="K3635" s="58">
        <f>Bühler!K3661</f>
        <v>0.57574082744534971</v>
      </c>
      <c r="L3635" s="58">
        <f>Bühler!L3661</f>
        <v>0.28787041372267486</v>
      </c>
      <c r="M3635" s="57">
        <f>Bühler!M3661</f>
        <v>0</v>
      </c>
      <c r="N3635" s="55">
        <f>IF(Input!$K$13=1,J3635*Input!$J$13,0)+IF(Input!$K$14=1,K3635*Input!$J$14,0)+IF(Input!$K$15=1,L3635*Input!$J$15,0)+IF(Input!$K$16=1,M3635*Input!$J$16,0)</f>
        <v>0.84981060077318205</v>
      </c>
      <c r="O3635" s="58">
        <f>IF(Input!$K$13=2,J3635*Input!$J$13,0)+IF(Input!$K$14=2,K3635*Input!$J$14,0)+IF(Input!$K$15=2,L3635*Input!$J$15,0)+IF(Input!$K$16=2,M3635*Input!$J$16,0)</f>
        <v>7.7725011705122207E-2</v>
      </c>
      <c r="P3635" s="58">
        <f>IF(Input!$K$13=3,J3635*Input!$J$13,0)+IF(Input!$K$14=3,K3635*Input!$J$14,0)+IF(Input!$K$15=3,L3635*Input!$J$15,0)+IF(Input!$K$16=3,M3635*Input!$J$16,0)</f>
        <v>0</v>
      </c>
      <c r="Q3635" s="71">
        <f>IF(Input!$K$13=4,J3635*Input!$J$13,0)+IF(Input!$K$14=4,K3635*Input!$J$14,0)+IF(Input!$K$15=4,L3635*Input!$J$15,0)+IF(Input!$K$16=4,M3635*Input!$J$16,0)</f>
        <v>0</v>
      </c>
    </row>
    <row r="3636" spans="8:17" x14ac:dyDescent="0.25">
      <c r="H3636" s="43">
        <v>3629</v>
      </c>
      <c r="I3636" s="55">
        <f>Bühler!I3662</f>
        <v>0.16993166934356727</v>
      </c>
      <c r="J3636" s="58">
        <f>Bühler!J3662</f>
        <v>7.081755006443184</v>
      </c>
      <c r="K3636" s="58">
        <f>Bühler!K3662</f>
        <v>0.57574082744534971</v>
      </c>
      <c r="L3636" s="58">
        <f>Bühler!L3662</f>
        <v>0.28787041372267486</v>
      </c>
      <c r="M3636" s="57">
        <f>Bühler!M3662</f>
        <v>0</v>
      </c>
      <c r="N3636" s="55">
        <f>IF(Input!$K$13=1,J3636*Input!$J$13,0)+IF(Input!$K$14=1,K3636*Input!$J$14,0)+IF(Input!$K$15=1,L3636*Input!$J$15,0)+IF(Input!$K$16=1,M3636*Input!$J$16,0)</f>
        <v>0.84981060077318205</v>
      </c>
      <c r="O3636" s="58">
        <f>IF(Input!$K$13=2,J3636*Input!$J$13,0)+IF(Input!$K$14=2,K3636*Input!$J$14,0)+IF(Input!$K$15=2,L3636*Input!$J$15,0)+IF(Input!$K$16=2,M3636*Input!$J$16,0)</f>
        <v>7.7725011705122207E-2</v>
      </c>
      <c r="P3636" s="58">
        <f>IF(Input!$K$13=3,J3636*Input!$J$13,0)+IF(Input!$K$14=3,K3636*Input!$J$14,0)+IF(Input!$K$15=3,L3636*Input!$J$15,0)+IF(Input!$K$16=3,M3636*Input!$J$16,0)</f>
        <v>0</v>
      </c>
      <c r="Q3636" s="71">
        <f>IF(Input!$K$13=4,J3636*Input!$J$13,0)+IF(Input!$K$14=4,K3636*Input!$J$14,0)+IF(Input!$K$15=4,L3636*Input!$J$15,0)+IF(Input!$K$16=4,M3636*Input!$J$16,0)</f>
        <v>0</v>
      </c>
    </row>
    <row r="3637" spans="8:17" x14ac:dyDescent="0.25">
      <c r="H3637" s="43">
        <v>3630</v>
      </c>
      <c r="I3637" s="55">
        <f>Bühler!I3663</f>
        <v>0.16993166934356727</v>
      </c>
      <c r="J3637" s="58">
        <f>Bühler!J3663</f>
        <v>7.081755006443184</v>
      </c>
      <c r="K3637" s="58">
        <f>Bühler!K3663</f>
        <v>0.57574082744534971</v>
      </c>
      <c r="L3637" s="58">
        <f>Bühler!L3663</f>
        <v>0.28787041372267486</v>
      </c>
      <c r="M3637" s="57">
        <f>Bühler!M3663</f>
        <v>0</v>
      </c>
      <c r="N3637" s="55">
        <f>IF(Input!$K$13=1,J3637*Input!$J$13,0)+IF(Input!$K$14=1,K3637*Input!$J$14,0)+IF(Input!$K$15=1,L3637*Input!$J$15,0)+IF(Input!$K$16=1,M3637*Input!$J$16,0)</f>
        <v>0.84981060077318205</v>
      </c>
      <c r="O3637" s="58">
        <f>IF(Input!$K$13=2,J3637*Input!$J$13,0)+IF(Input!$K$14=2,K3637*Input!$J$14,0)+IF(Input!$K$15=2,L3637*Input!$J$15,0)+IF(Input!$K$16=2,M3637*Input!$J$16,0)</f>
        <v>7.7725011705122207E-2</v>
      </c>
      <c r="P3637" s="58">
        <f>IF(Input!$K$13=3,J3637*Input!$J$13,0)+IF(Input!$K$14=3,K3637*Input!$J$14,0)+IF(Input!$K$15=3,L3637*Input!$J$15,0)+IF(Input!$K$16=3,M3637*Input!$J$16,0)</f>
        <v>0</v>
      </c>
      <c r="Q3637" s="71">
        <f>IF(Input!$K$13=4,J3637*Input!$J$13,0)+IF(Input!$K$14=4,K3637*Input!$J$14,0)+IF(Input!$K$15=4,L3637*Input!$J$15,0)+IF(Input!$K$16=4,M3637*Input!$J$16,0)</f>
        <v>0</v>
      </c>
    </row>
    <row r="3638" spans="8:17" x14ac:dyDescent="0.25">
      <c r="H3638" s="43">
        <v>3631</v>
      </c>
      <c r="I3638" s="55">
        <f>Bühler!I3664</f>
        <v>0.16993166934356727</v>
      </c>
      <c r="J3638" s="58">
        <f>Bühler!J3664</f>
        <v>7.081755006443184</v>
      </c>
      <c r="K3638" s="58">
        <f>Bühler!K3664</f>
        <v>0.57574082744534971</v>
      </c>
      <c r="L3638" s="58">
        <f>Bühler!L3664</f>
        <v>0.28787041372267486</v>
      </c>
      <c r="M3638" s="57">
        <f>Bühler!M3664</f>
        <v>0</v>
      </c>
      <c r="N3638" s="55">
        <f>IF(Input!$K$13=1,J3638*Input!$J$13,0)+IF(Input!$K$14=1,K3638*Input!$J$14,0)+IF(Input!$K$15=1,L3638*Input!$J$15,0)+IF(Input!$K$16=1,M3638*Input!$J$16,0)</f>
        <v>0.84981060077318205</v>
      </c>
      <c r="O3638" s="58">
        <f>IF(Input!$K$13=2,J3638*Input!$J$13,0)+IF(Input!$K$14=2,K3638*Input!$J$14,0)+IF(Input!$K$15=2,L3638*Input!$J$15,0)+IF(Input!$K$16=2,M3638*Input!$J$16,0)</f>
        <v>7.7725011705122207E-2</v>
      </c>
      <c r="P3638" s="58">
        <f>IF(Input!$K$13=3,J3638*Input!$J$13,0)+IF(Input!$K$14=3,K3638*Input!$J$14,0)+IF(Input!$K$15=3,L3638*Input!$J$15,0)+IF(Input!$K$16=3,M3638*Input!$J$16,0)</f>
        <v>0</v>
      </c>
      <c r="Q3638" s="71">
        <f>IF(Input!$K$13=4,J3638*Input!$J$13,0)+IF(Input!$K$14=4,K3638*Input!$J$14,0)+IF(Input!$K$15=4,L3638*Input!$J$15,0)+IF(Input!$K$16=4,M3638*Input!$J$16,0)</f>
        <v>0</v>
      </c>
    </row>
    <row r="3639" spans="8:17" x14ac:dyDescent="0.25">
      <c r="H3639" s="43">
        <v>3632</v>
      </c>
      <c r="I3639" s="55">
        <f>Bühler!I3665</f>
        <v>0.4681617490415278</v>
      </c>
      <c r="J3639" s="58">
        <f>Bühler!J3665</f>
        <v>28.703982894548552</v>
      </c>
      <c r="K3639" s="58">
        <f>Bühler!K3665</f>
        <v>2.3535587158296267</v>
      </c>
      <c r="L3639" s="58">
        <f>Bühler!L3665</f>
        <v>1.1767793579148134</v>
      </c>
      <c r="M3639" s="57">
        <f>Bühler!M3665</f>
        <v>0</v>
      </c>
      <c r="N3639" s="55">
        <f>IF(Input!$K$13=1,J3639*Input!$J$13,0)+IF(Input!$K$14=1,K3639*Input!$J$14,0)+IF(Input!$K$15=1,L3639*Input!$J$15,0)+IF(Input!$K$16=1,M3639*Input!$J$16,0)</f>
        <v>3.4444779473458262</v>
      </c>
      <c r="O3639" s="58">
        <f>IF(Input!$K$13=2,J3639*Input!$J$13,0)+IF(Input!$K$14=2,K3639*Input!$J$14,0)+IF(Input!$K$15=2,L3639*Input!$J$15,0)+IF(Input!$K$16=2,M3639*Input!$J$16,0)</f>
        <v>0.31773042663699957</v>
      </c>
      <c r="P3639" s="58">
        <f>IF(Input!$K$13=3,J3639*Input!$J$13,0)+IF(Input!$K$14=3,K3639*Input!$J$14,0)+IF(Input!$K$15=3,L3639*Input!$J$15,0)+IF(Input!$K$16=3,M3639*Input!$J$16,0)</f>
        <v>0</v>
      </c>
      <c r="Q3639" s="71">
        <f>IF(Input!$K$13=4,J3639*Input!$J$13,0)+IF(Input!$K$14=4,K3639*Input!$J$14,0)+IF(Input!$K$15=4,L3639*Input!$J$15,0)+IF(Input!$K$16=4,M3639*Input!$J$16,0)</f>
        <v>0</v>
      </c>
    </row>
    <row r="3640" spans="8:17" x14ac:dyDescent="0.25">
      <c r="H3640" s="43">
        <v>3633</v>
      </c>
      <c r="I3640" s="55">
        <f>Bühler!I3666</f>
        <v>0.52236995156212584</v>
      </c>
      <c r="J3640" s="58">
        <f>Bühler!J3666</f>
        <v>32.027601966548914</v>
      </c>
      <c r="K3640" s="58">
        <f>Bühler!K3666</f>
        <v>2.6260760408204256</v>
      </c>
      <c r="L3640" s="58">
        <f>Bühler!L3666</f>
        <v>1.3130380204102128</v>
      </c>
      <c r="M3640" s="57">
        <f>Bühler!M3666</f>
        <v>0</v>
      </c>
      <c r="N3640" s="55">
        <f>IF(Input!$K$13=1,J3640*Input!$J$13,0)+IF(Input!$K$14=1,K3640*Input!$J$14,0)+IF(Input!$K$15=1,L3640*Input!$J$15,0)+IF(Input!$K$16=1,M3640*Input!$J$16,0)</f>
        <v>3.8433122359858696</v>
      </c>
      <c r="O3640" s="58">
        <f>IF(Input!$K$13=2,J3640*Input!$J$13,0)+IF(Input!$K$14=2,K3640*Input!$J$14,0)+IF(Input!$K$15=2,L3640*Input!$J$15,0)+IF(Input!$K$16=2,M3640*Input!$J$16,0)</f>
        <v>0.35452026551075744</v>
      </c>
      <c r="P3640" s="58">
        <f>IF(Input!$K$13=3,J3640*Input!$J$13,0)+IF(Input!$K$14=3,K3640*Input!$J$14,0)+IF(Input!$K$15=3,L3640*Input!$J$15,0)+IF(Input!$K$16=3,M3640*Input!$J$16,0)</f>
        <v>0</v>
      </c>
      <c r="Q3640" s="71">
        <f>IF(Input!$K$13=4,J3640*Input!$J$13,0)+IF(Input!$K$14=4,K3640*Input!$J$14,0)+IF(Input!$K$15=4,L3640*Input!$J$15,0)+IF(Input!$K$16=4,M3640*Input!$J$16,0)</f>
        <v>0</v>
      </c>
    </row>
    <row r="3641" spans="8:17" x14ac:dyDescent="0.25">
      <c r="H3641" s="43">
        <v>3634</v>
      </c>
      <c r="I3641" s="55">
        <f>Bühler!I3667</f>
        <v>0.57657815408272373</v>
      </c>
      <c r="J3641" s="58">
        <f>Bühler!J3667</f>
        <v>35.351221038549276</v>
      </c>
      <c r="K3641" s="58">
        <f>Bühler!K3667</f>
        <v>2.8985933658112248</v>
      </c>
      <c r="L3641" s="58">
        <f>Bühler!L3667</f>
        <v>1.4492966829056124</v>
      </c>
      <c r="M3641" s="57">
        <f>Bühler!M3667</f>
        <v>0</v>
      </c>
      <c r="N3641" s="55">
        <f>IF(Input!$K$13=1,J3641*Input!$J$13,0)+IF(Input!$K$14=1,K3641*Input!$J$14,0)+IF(Input!$K$15=1,L3641*Input!$J$15,0)+IF(Input!$K$16=1,M3641*Input!$J$16,0)</f>
        <v>4.2421465246259134</v>
      </c>
      <c r="O3641" s="58">
        <f>IF(Input!$K$13=2,J3641*Input!$J$13,0)+IF(Input!$K$14=2,K3641*Input!$J$14,0)+IF(Input!$K$15=2,L3641*Input!$J$15,0)+IF(Input!$K$16=2,M3641*Input!$J$16,0)</f>
        <v>0.3913101043845153</v>
      </c>
      <c r="P3641" s="58">
        <f>IF(Input!$K$13=3,J3641*Input!$J$13,0)+IF(Input!$K$14=3,K3641*Input!$J$14,0)+IF(Input!$K$15=3,L3641*Input!$J$15,0)+IF(Input!$K$16=3,M3641*Input!$J$16,0)</f>
        <v>0</v>
      </c>
      <c r="Q3641" s="71">
        <f>IF(Input!$K$13=4,J3641*Input!$J$13,0)+IF(Input!$K$14=4,K3641*Input!$J$14,0)+IF(Input!$K$15=4,L3641*Input!$J$15,0)+IF(Input!$K$16=4,M3641*Input!$J$16,0)</f>
        <v>0</v>
      </c>
    </row>
    <row r="3642" spans="8:17" x14ac:dyDescent="0.25">
      <c r="H3642" s="43">
        <v>3635</v>
      </c>
      <c r="I3642" s="55">
        <f>Bühler!I3668</f>
        <v>0.57657815408272373</v>
      </c>
      <c r="J3642" s="58">
        <f>Bühler!J3668</f>
        <v>35.351221038549276</v>
      </c>
      <c r="K3642" s="58">
        <f>Bühler!K3668</f>
        <v>2.8985933658112248</v>
      </c>
      <c r="L3642" s="58">
        <f>Bühler!L3668</f>
        <v>1.4492966829056124</v>
      </c>
      <c r="M3642" s="57">
        <f>Bühler!M3668</f>
        <v>0</v>
      </c>
      <c r="N3642" s="55">
        <f>IF(Input!$K$13=1,J3642*Input!$J$13,0)+IF(Input!$K$14=1,K3642*Input!$J$14,0)+IF(Input!$K$15=1,L3642*Input!$J$15,0)+IF(Input!$K$16=1,M3642*Input!$J$16,0)</f>
        <v>4.2421465246259134</v>
      </c>
      <c r="O3642" s="58">
        <f>IF(Input!$K$13=2,J3642*Input!$J$13,0)+IF(Input!$K$14=2,K3642*Input!$J$14,0)+IF(Input!$K$15=2,L3642*Input!$J$15,0)+IF(Input!$K$16=2,M3642*Input!$J$16,0)</f>
        <v>0.3913101043845153</v>
      </c>
      <c r="P3642" s="58">
        <f>IF(Input!$K$13=3,J3642*Input!$J$13,0)+IF(Input!$K$14=3,K3642*Input!$J$14,0)+IF(Input!$K$15=3,L3642*Input!$J$15,0)+IF(Input!$K$16=3,M3642*Input!$J$16,0)</f>
        <v>0</v>
      </c>
      <c r="Q3642" s="71">
        <f>IF(Input!$K$13=4,J3642*Input!$J$13,0)+IF(Input!$K$14=4,K3642*Input!$J$14,0)+IF(Input!$K$15=4,L3642*Input!$J$15,0)+IF(Input!$K$16=4,M3642*Input!$J$16,0)</f>
        <v>0</v>
      </c>
    </row>
    <row r="3643" spans="8:17" x14ac:dyDescent="0.25">
      <c r="H3643" s="43">
        <v>3636</v>
      </c>
      <c r="I3643" s="55">
        <f>Bühler!I3669</f>
        <v>0.68992257753488306</v>
      </c>
      <c r="J3643" s="58">
        <f>Bühler!J3669</f>
        <v>42.300606370913655</v>
      </c>
      <c r="K3643" s="58">
        <f>Bühler!K3669</f>
        <v>3.468402318064713</v>
      </c>
      <c r="L3643" s="58">
        <f>Bühler!L3669</f>
        <v>1.7342011590323565</v>
      </c>
      <c r="M3643" s="57">
        <f>Bühler!M3669</f>
        <v>0</v>
      </c>
      <c r="N3643" s="55">
        <f>IF(Input!$K$13=1,J3643*Input!$J$13,0)+IF(Input!$K$14=1,K3643*Input!$J$14,0)+IF(Input!$K$15=1,L3643*Input!$J$15,0)+IF(Input!$K$16=1,M3643*Input!$J$16,0)</f>
        <v>5.0760727645096386</v>
      </c>
      <c r="O3643" s="58">
        <f>IF(Input!$K$13=2,J3643*Input!$J$13,0)+IF(Input!$K$14=2,K3643*Input!$J$14,0)+IF(Input!$K$15=2,L3643*Input!$J$15,0)+IF(Input!$K$16=2,M3643*Input!$J$16,0)</f>
        <v>0.4682343129387363</v>
      </c>
      <c r="P3643" s="58">
        <f>IF(Input!$K$13=3,J3643*Input!$J$13,0)+IF(Input!$K$14=3,K3643*Input!$J$14,0)+IF(Input!$K$15=3,L3643*Input!$J$15,0)+IF(Input!$K$16=3,M3643*Input!$J$16,0)</f>
        <v>0</v>
      </c>
      <c r="Q3643" s="71">
        <f>IF(Input!$K$13=4,J3643*Input!$J$13,0)+IF(Input!$K$14=4,K3643*Input!$J$14,0)+IF(Input!$K$15=4,L3643*Input!$J$15,0)+IF(Input!$K$16=4,M3643*Input!$J$16,0)</f>
        <v>0</v>
      </c>
    </row>
    <row r="3644" spans="8:17" x14ac:dyDescent="0.25">
      <c r="H3644" s="43">
        <v>3637</v>
      </c>
      <c r="I3644" s="55">
        <f>Bühler!I3670</f>
        <v>0.68992257753488306</v>
      </c>
      <c r="J3644" s="58">
        <f>Bühler!J3670</f>
        <v>42.300606370913655</v>
      </c>
      <c r="K3644" s="58">
        <f>Bühler!K3670</f>
        <v>3.468402318064713</v>
      </c>
      <c r="L3644" s="58">
        <f>Bühler!L3670</f>
        <v>1.7342011590323565</v>
      </c>
      <c r="M3644" s="57">
        <f>Bühler!M3670</f>
        <v>0</v>
      </c>
      <c r="N3644" s="55">
        <f>IF(Input!$K$13=1,J3644*Input!$J$13,0)+IF(Input!$K$14=1,K3644*Input!$J$14,0)+IF(Input!$K$15=1,L3644*Input!$J$15,0)+IF(Input!$K$16=1,M3644*Input!$J$16,0)</f>
        <v>5.0760727645096386</v>
      </c>
      <c r="O3644" s="58">
        <f>IF(Input!$K$13=2,J3644*Input!$J$13,0)+IF(Input!$K$14=2,K3644*Input!$J$14,0)+IF(Input!$K$15=2,L3644*Input!$J$15,0)+IF(Input!$K$16=2,M3644*Input!$J$16,0)</f>
        <v>0.4682343129387363</v>
      </c>
      <c r="P3644" s="58">
        <f>IF(Input!$K$13=3,J3644*Input!$J$13,0)+IF(Input!$K$14=3,K3644*Input!$J$14,0)+IF(Input!$K$15=3,L3644*Input!$J$15,0)+IF(Input!$K$16=3,M3644*Input!$J$16,0)</f>
        <v>0</v>
      </c>
      <c r="Q3644" s="71">
        <f>IF(Input!$K$13=4,J3644*Input!$J$13,0)+IF(Input!$K$14=4,K3644*Input!$J$14,0)+IF(Input!$K$15=4,L3644*Input!$J$15,0)+IF(Input!$K$16=4,M3644*Input!$J$16,0)</f>
        <v>0</v>
      </c>
    </row>
    <row r="3645" spans="8:17" x14ac:dyDescent="0.25">
      <c r="H3645" s="43">
        <v>3638</v>
      </c>
      <c r="I3645" s="55">
        <f>Bühler!I3671</f>
        <v>0.45830571221960087</v>
      </c>
      <c r="J3645" s="58">
        <f>Bühler!J3671</f>
        <v>28.099688517821214</v>
      </c>
      <c r="K3645" s="58">
        <f>Bühler!K3671</f>
        <v>2.3040101112858449</v>
      </c>
      <c r="L3645" s="58">
        <f>Bühler!L3671</f>
        <v>1.1520050556429224</v>
      </c>
      <c r="M3645" s="57">
        <f>Bühler!M3671</f>
        <v>0</v>
      </c>
      <c r="N3645" s="55">
        <f>IF(Input!$K$13=1,J3645*Input!$J$13,0)+IF(Input!$K$14=1,K3645*Input!$J$14,0)+IF(Input!$K$15=1,L3645*Input!$J$15,0)+IF(Input!$K$16=1,M3645*Input!$J$16,0)</f>
        <v>3.3719626221385455</v>
      </c>
      <c r="O3645" s="58">
        <f>IF(Input!$K$13=2,J3645*Input!$J$13,0)+IF(Input!$K$14=2,K3645*Input!$J$14,0)+IF(Input!$K$15=2,L3645*Input!$J$15,0)+IF(Input!$K$16=2,M3645*Input!$J$16,0)</f>
        <v>0.31104136502358903</v>
      </c>
      <c r="P3645" s="58">
        <f>IF(Input!$K$13=3,J3645*Input!$J$13,0)+IF(Input!$K$14=3,K3645*Input!$J$14,0)+IF(Input!$K$15=3,L3645*Input!$J$15,0)+IF(Input!$K$16=3,M3645*Input!$J$16,0)</f>
        <v>0</v>
      </c>
      <c r="Q3645" s="71">
        <f>IF(Input!$K$13=4,J3645*Input!$J$13,0)+IF(Input!$K$14=4,K3645*Input!$J$14,0)+IF(Input!$K$15=4,L3645*Input!$J$15,0)+IF(Input!$K$16=4,M3645*Input!$J$16,0)</f>
        <v>0</v>
      </c>
    </row>
    <row r="3646" spans="8:17" x14ac:dyDescent="0.25">
      <c r="H3646" s="43">
        <v>3639</v>
      </c>
      <c r="I3646" s="55">
        <f>Bühler!I3672</f>
        <v>0.68992257753488306</v>
      </c>
      <c r="J3646" s="58">
        <f>Bühler!J3672</f>
        <v>42.300606370913655</v>
      </c>
      <c r="K3646" s="58">
        <f>Bühler!K3672</f>
        <v>3.468402318064713</v>
      </c>
      <c r="L3646" s="58">
        <f>Bühler!L3672</f>
        <v>1.7342011590323565</v>
      </c>
      <c r="M3646" s="57">
        <f>Bühler!M3672</f>
        <v>0</v>
      </c>
      <c r="N3646" s="55">
        <f>IF(Input!$K$13=1,J3646*Input!$J$13,0)+IF(Input!$K$14=1,K3646*Input!$J$14,0)+IF(Input!$K$15=1,L3646*Input!$J$15,0)+IF(Input!$K$16=1,M3646*Input!$J$16,0)</f>
        <v>5.0760727645096386</v>
      </c>
      <c r="O3646" s="58">
        <f>IF(Input!$K$13=2,J3646*Input!$J$13,0)+IF(Input!$K$14=2,K3646*Input!$J$14,0)+IF(Input!$K$15=2,L3646*Input!$J$15,0)+IF(Input!$K$16=2,M3646*Input!$J$16,0)</f>
        <v>0.4682343129387363</v>
      </c>
      <c r="P3646" s="58">
        <f>IF(Input!$K$13=3,J3646*Input!$J$13,0)+IF(Input!$K$14=3,K3646*Input!$J$14,0)+IF(Input!$K$15=3,L3646*Input!$J$15,0)+IF(Input!$K$16=3,M3646*Input!$J$16,0)</f>
        <v>0</v>
      </c>
      <c r="Q3646" s="71">
        <f>IF(Input!$K$13=4,J3646*Input!$J$13,0)+IF(Input!$K$14=4,K3646*Input!$J$14,0)+IF(Input!$K$15=4,L3646*Input!$J$15,0)+IF(Input!$K$16=4,M3646*Input!$J$16,0)</f>
        <v>0</v>
      </c>
    </row>
    <row r="3647" spans="8:17" x14ac:dyDescent="0.25">
      <c r="H3647" s="43">
        <v>3640</v>
      </c>
      <c r="I3647" s="55">
        <f>Bühler!I3673</f>
        <v>0.68992257753488306</v>
      </c>
      <c r="J3647" s="58">
        <f>Bühler!J3673</f>
        <v>42.300606370913655</v>
      </c>
      <c r="K3647" s="58">
        <f>Bühler!K3673</f>
        <v>3.468402318064713</v>
      </c>
      <c r="L3647" s="58">
        <f>Bühler!L3673</f>
        <v>1.7342011590323565</v>
      </c>
      <c r="M3647" s="57">
        <f>Bühler!M3673</f>
        <v>0</v>
      </c>
      <c r="N3647" s="55">
        <f>IF(Input!$K$13=1,J3647*Input!$J$13,0)+IF(Input!$K$14=1,K3647*Input!$J$14,0)+IF(Input!$K$15=1,L3647*Input!$J$15,0)+IF(Input!$K$16=1,M3647*Input!$J$16,0)</f>
        <v>5.0760727645096386</v>
      </c>
      <c r="O3647" s="58">
        <f>IF(Input!$K$13=2,J3647*Input!$J$13,0)+IF(Input!$K$14=2,K3647*Input!$J$14,0)+IF(Input!$K$15=2,L3647*Input!$J$15,0)+IF(Input!$K$16=2,M3647*Input!$J$16,0)</f>
        <v>0.4682343129387363</v>
      </c>
      <c r="P3647" s="58">
        <f>IF(Input!$K$13=3,J3647*Input!$J$13,0)+IF(Input!$K$14=3,K3647*Input!$J$14,0)+IF(Input!$K$15=3,L3647*Input!$J$15,0)+IF(Input!$K$16=3,M3647*Input!$J$16,0)</f>
        <v>0</v>
      </c>
      <c r="Q3647" s="71">
        <f>IF(Input!$K$13=4,J3647*Input!$J$13,0)+IF(Input!$K$14=4,K3647*Input!$J$14,0)+IF(Input!$K$15=4,L3647*Input!$J$15,0)+IF(Input!$K$16=4,M3647*Input!$J$16,0)</f>
        <v>0</v>
      </c>
    </row>
    <row r="3648" spans="8:17" x14ac:dyDescent="0.25">
      <c r="H3648" s="43">
        <v>3641</v>
      </c>
      <c r="I3648" s="55">
        <f>Bühler!I3674</f>
        <v>0.57649318824805196</v>
      </c>
      <c r="J3648" s="58">
        <f>Bühler!J3674</f>
        <v>25.111235681791563</v>
      </c>
      <c r="K3648" s="58">
        <f>Bühler!K3674</f>
        <v>2.0438799374309919</v>
      </c>
      <c r="L3648" s="58">
        <f>Bühler!L3674</f>
        <v>1.021939968715496</v>
      </c>
      <c r="M3648" s="57">
        <f>Bühler!M3674</f>
        <v>0</v>
      </c>
      <c r="N3648" s="55">
        <f>IF(Input!$K$13=1,J3648*Input!$J$13,0)+IF(Input!$K$14=1,K3648*Input!$J$14,0)+IF(Input!$K$15=1,L3648*Input!$J$15,0)+IF(Input!$K$16=1,M3648*Input!$J$16,0)</f>
        <v>3.0133482818149875</v>
      </c>
      <c r="O3648" s="58">
        <f>IF(Input!$K$13=2,J3648*Input!$J$13,0)+IF(Input!$K$14=2,K3648*Input!$J$14,0)+IF(Input!$K$15=2,L3648*Input!$J$15,0)+IF(Input!$K$16=2,M3648*Input!$J$16,0)</f>
        <v>0.27592379155318392</v>
      </c>
      <c r="P3648" s="58">
        <f>IF(Input!$K$13=3,J3648*Input!$J$13,0)+IF(Input!$K$14=3,K3648*Input!$J$14,0)+IF(Input!$K$15=3,L3648*Input!$J$15,0)+IF(Input!$K$16=3,M3648*Input!$J$16,0)</f>
        <v>0</v>
      </c>
      <c r="Q3648" s="71">
        <f>IF(Input!$K$13=4,J3648*Input!$J$13,0)+IF(Input!$K$14=4,K3648*Input!$J$14,0)+IF(Input!$K$15=4,L3648*Input!$J$15,0)+IF(Input!$K$16=4,M3648*Input!$J$16,0)</f>
        <v>0</v>
      </c>
    </row>
    <row r="3649" spans="8:17" x14ac:dyDescent="0.25">
      <c r="H3649" s="43">
        <v>3642</v>
      </c>
      <c r="I3649" s="55">
        <f>Bühler!I3675</f>
        <v>0.45839067805427269</v>
      </c>
      <c r="J3649" s="58">
        <f>Bühler!J3675</f>
        <v>10.947593484035039</v>
      </c>
      <c r="K3649" s="58">
        <f>Bühler!K3675</f>
        <v>0.87233458703840883</v>
      </c>
      <c r="L3649" s="58">
        <f>Bühler!L3675</f>
        <v>0.43616729351920441</v>
      </c>
      <c r="M3649" s="57">
        <f>Bühler!M3675</f>
        <v>0</v>
      </c>
      <c r="N3649" s="55">
        <f>IF(Input!$K$13=1,J3649*Input!$J$13,0)+IF(Input!$K$14=1,K3649*Input!$J$14,0)+IF(Input!$K$15=1,L3649*Input!$J$15,0)+IF(Input!$K$16=1,M3649*Input!$J$16,0)</f>
        <v>1.3137112180842045</v>
      </c>
      <c r="O3649" s="58">
        <f>IF(Input!$K$13=2,J3649*Input!$J$13,0)+IF(Input!$K$14=2,K3649*Input!$J$14,0)+IF(Input!$K$15=2,L3649*Input!$J$15,0)+IF(Input!$K$16=2,M3649*Input!$J$16,0)</f>
        <v>0.11776516925018518</v>
      </c>
      <c r="P3649" s="58">
        <f>IF(Input!$K$13=3,J3649*Input!$J$13,0)+IF(Input!$K$14=3,K3649*Input!$J$14,0)+IF(Input!$K$15=3,L3649*Input!$J$15,0)+IF(Input!$K$16=3,M3649*Input!$J$16,0)</f>
        <v>0</v>
      </c>
      <c r="Q3649" s="71">
        <f>IF(Input!$K$13=4,J3649*Input!$J$13,0)+IF(Input!$K$14=4,K3649*Input!$J$14,0)+IF(Input!$K$15=4,L3649*Input!$J$15,0)+IF(Input!$K$16=4,M3649*Input!$J$16,0)</f>
        <v>0</v>
      </c>
    </row>
    <row r="3650" spans="8:17" x14ac:dyDescent="0.25">
      <c r="H3650" s="43">
        <v>3643</v>
      </c>
      <c r="I3650" s="55">
        <f>Bühler!I3676</f>
        <v>0.16993166934356727</v>
      </c>
      <c r="J3650" s="58">
        <f>Bühler!J3676</f>
        <v>7.081755006443184</v>
      </c>
      <c r="K3650" s="58">
        <f>Bühler!K3676</f>
        <v>0.57574082744534971</v>
      </c>
      <c r="L3650" s="58">
        <f>Bühler!L3676</f>
        <v>0.28787041372267486</v>
      </c>
      <c r="M3650" s="57">
        <f>Bühler!M3676</f>
        <v>0</v>
      </c>
      <c r="N3650" s="55">
        <f>IF(Input!$K$13=1,J3650*Input!$J$13,0)+IF(Input!$K$14=1,K3650*Input!$J$14,0)+IF(Input!$K$15=1,L3650*Input!$J$15,0)+IF(Input!$K$16=1,M3650*Input!$J$16,0)</f>
        <v>0.84981060077318205</v>
      </c>
      <c r="O3650" s="58">
        <f>IF(Input!$K$13=2,J3650*Input!$J$13,0)+IF(Input!$K$14=2,K3650*Input!$J$14,0)+IF(Input!$K$15=2,L3650*Input!$J$15,0)+IF(Input!$K$16=2,M3650*Input!$J$16,0)</f>
        <v>7.7725011705122207E-2</v>
      </c>
      <c r="P3650" s="58">
        <f>IF(Input!$K$13=3,J3650*Input!$J$13,0)+IF(Input!$K$14=3,K3650*Input!$J$14,0)+IF(Input!$K$15=3,L3650*Input!$J$15,0)+IF(Input!$K$16=3,M3650*Input!$J$16,0)</f>
        <v>0</v>
      </c>
      <c r="Q3650" s="71">
        <f>IF(Input!$K$13=4,J3650*Input!$J$13,0)+IF(Input!$K$14=4,K3650*Input!$J$14,0)+IF(Input!$K$15=4,L3650*Input!$J$15,0)+IF(Input!$K$16=4,M3650*Input!$J$16,0)</f>
        <v>0</v>
      </c>
    </row>
    <row r="3651" spans="8:17" x14ac:dyDescent="0.25">
      <c r="H3651" s="43">
        <v>3644</v>
      </c>
      <c r="I3651" s="55">
        <f>Bühler!I3677</f>
        <v>0.16993166934356727</v>
      </c>
      <c r="J3651" s="58">
        <f>Bühler!J3677</f>
        <v>7.081755006443184</v>
      </c>
      <c r="K3651" s="58">
        <f>Bühler!K3677</f>
        <v>0.57574082744534971</v>
      </c>
      <c r="L3651" s="58">
        <f>Bühler!L3677</f>
        <v>0.28787041372267486</v>
      </c>
      <c r="M3651" s="57">
        <f>Bühler!M3677</f>
        <v>0</v>
      </c>
      <c r="N3651" s="55">
        <f>IF(Input!$K$13=1,J3651*Input!$J$13,0)+IF(Input!$K$14=1,K3651*Input!$J$14,0)+IF(Input!$K$15=1,L3651*Input!$J$15,0)+IF(Input!$K$16=1,M3651*Input!$J$16,0)</f>
        <v>0.84981060077318205</v>
      </c>
      <c r="O3651" s="58">
        <f>IF(Input!$K$13=2,J3651*Input!$J$13,0)+IF(Input!$K$14=2,K3651*Input!$J$14,0)+IF(Input!$K$15=2,L3651*Input!$J$15,0)+IF(Input!$K$16=2,M3651*Input!$J$16,0)</f>
        <v>7.7725011705122207E-2</v>
      </c>
      <c r="P3651" s="58">
        <f>IF(Input!$K$13=3,J3651*Input!$J$13,0)+IF(Input!$K$14=3,K3651*Input!$J$14,0)+IF(Input!$K$15=3,L3651*Input!$J$15,0)+IF(Input!$K$16=3,M3651*Input!$J$16,0)</f>
        <v>0</v>
      </c>
      <c r="Q3651" s="71">
        <f>IF(Input!$K$13=4,J3651*Input!$J$13,0)+IF(Input!$K$14=4,K3651*Input!$J$14,0)+IF(Input!$K$15=4,L3651*Input!$J$15,0)+IF(Input!$K$16=4,M3651*Input!$J$16,0)</f>
        <v>0</v>
      </c>
    </row>
    <row r="3652" spans="8:17" x14ac:dyDescent="0.25">
      <c r="H3652" s="43">
        <v>3645</v>
      </c>
      <c r="I3652" s="55">
        <f>Bühler!I3678</f>
        <v>0.16993166934356727</v>
      </c>
      <c r="J3652" s="58">
        <f>Bühler!J3678</f>
        <v>7.081755006443184</v>
      </c>
      <c r="K3652" s="58">
        <f>Bühler!K3678</f>
        <v>0.57574082744534971</v>
      </c>
      <c r="L3652" s="58">
        <f>Bühler!L3678</f>
        <v>0.28787041372267486</v>
      </c>
      <c r="M3652" s="57">
        <f>Bühler!M3678</f>
        <v>0</v>
      </c>
      <c r="N3652" s="55">
        <f>IF(Input!$K$13=1,J3652*Input!$J$13,0)+IF(Input!$K$14=1,K3652*Input!$J$14,0)+IF(Input!$K$15=1,L3652*Input!$J$15,0)+IF(Input!$K$16=1,M3652*Input!$J$16,0)</f>
        <v>0.84981060077318205</v>
      </c>
      <c r="O3652" s="58">
        <f>IF(Input!$K$13=2,J3652*Input!$J$13,0)+IF(Input!$K$14=2,K3652*Input!$J$14,0)+IF(Input!$K$15=2,L3652*Input!$J$15,0)+IF(Input!$K$16=2,M3652*Input!$J$16,0)</f>
        <v>7.7725011705122207E-2</v>
      </c>
      <c r="P3652" s="58">
        <f>IF(Input!$K$13=3,J3652*Input!$J$13,0)+IF(Input!$K$14=3,K3652*Input!$J$14,0)+IF(Input!$K$15=3,L3652*Input!$J$15,0)+IF(Input!$K$16=3,M3652*Input!$J$16,0)</f>
        <v>0</v>
      </c>
      <c r="Q3652" s="71">
        <f>IF(Input!$K$13=4,J3652*Input!$J$13,0)+IF(Input!$K$14=4,K3652*Input!$J$14,0)+IF(Input!$K$15=4,L3652*Input!$J$15,0)+IF(Input!$K$16=4,M3652*Input!$J$16,0)</f>
        <v>0</v>
      </c>
    </row>
    <row r="3653" spans="8:17" x14ac:dyDescent="0.25">
      <c r="H3653" s="43">
        <v>3646</v>
      </c>
      <c r="I3653" s="55">
        <f>Bühler!I3679</f>
        <v>0.16993166934356727</v>
      </c>
      <c r="J3653" s="58">
        <f>Bühler!J3679</f>
        <v>7.081755006443184</v>
      </c>
      <c r="K3653" s="58">
        <f>Bühler!K3679</f>
        <v>0.57574082744534971</v>
      </c>
      <c r="L3653" s="58">
        <f>Bühler!L3679</f>
        <v>0.28787041372267486</v>
      </c>
      <c r="M3653" s="57">
        <f>Bühler!M3679</f>
        <v>0</v>
      </c>
      <c r="N3653" s="55">
        <f>IF(Input!$K$13=1,J3653*Input!$J$13,0)+IF(Input!$K$14=1,K3653*Input!$J$14,0)+IF(Input!$K$15=1,L3653*Input!$J$15,0)+IF(Input!$K$16=1,M3653*Input!$J$16,0)</f>
        <v>0.84981060077318205</v>
      </c>
      <c r="O3653" s="58">
        <f>IF(Input!$K$13=2,J3653*Input!$J$13,0)+IF(Input!$K$14=2,K3653*Input!$J$14,0)+IF(Input!$K$15=2,L3653*Input!$J$15,0)+IF(Input!$K$16=2,M3653*Input!$J$16,0)</f>
        <v>7.7725011705122207E-2</v>
      </c>
      <c r="P3653" s="58">
        <f>IF(Input!$K$13=3,J3653*Input!$J$13,0)+IF(Input!$K$14=3,K3653*Input!$J$14,0)+IF(Input!$K$15=3,L3653*Input!$J$15,0)+IF(Input!$K$16=3,M3653*Input!$J$16,0)</f>
        <v>0</v>
      </c>
      <c r="Q3653" s="71">
        <f>IF(Input!$K$13=4,J3653*Input!$J$13,0)+IF(Input!$K$14=4,K3653*Input!$J$14,0)+IF(Input!$K$15=4,L3653*Input!$J$15,0)+IF(Input!$K$16=4,M3653*Input!$J$16,0)</f>
        <v>0</v>
      </c>
    </row>
    <row r="3654" spans="8:17" x14ac:dyDescent="0.25">
      <c r="H3654" s="43">
        <v>3647</v>
      </c>
      <c r="I3654" s="55">
        <f>Bühler!I3680</f>
        <v>0.16993166934356727</v>
      </c>
      <c r="J3654" s="58">
        <f>Bühler!J3680</f>
        <v>7.081755006443184</v>
      </c>
      <c r="K3654" s="58">
        <f>Bühler!K3680</f>
        <v>0.57574082744534971</v>
      </c>
      <c r="L3654" s="58">
        <f>Bühler!L3680</f>
        <v>0.28787041372267486</v>
      </c>
      <c r="M3654" s="57">
        <f>Bühler!M3680</f>
        <v>0</v>
      </c>
      <c r="N3654" s="55">
        <f>IF(Input!$K$13=1,J3654*Input!$J$13,0)+IF(Input!$K$14=1,K3654*Input!$J$14,0)+IF(Input!$K$15=1,L3654*Input!$J$15,0)+IF(Input!$K$16=1,M3654*Input!$J$16,0)</f>
        <v>0.84981060077318205</v>
      </c>
      <c r="O3654" s="58">
        <f>IF(Input!$K$13=2,J3654*Input!$J$13,0)+IF(Input!$K$14=2,K3654*Input!$J$14,0)+IF(Input!$K$15=2,L3654*Input!$J$15,0)+IF(Input!$K$16=2,M3654*Input!$J$16,0)</f>
        <v>7.7725011705122207E-2</v>
      </c>
      <c r="P3654" s="58">
        <f>IF(Input!$K$13=3,J3654*Input!$J$13,0)+IF(Input!$K$14=3,K3654*Input!$J$14,0)+IF(Input!$K$15=3,L3654*Input!$J$15,0)+IF(Input!$K$16=3,M3654*Input!$J$16,0)</f>
        <v>0</v>
      </c>
      <c r="Q3654" s="71">
        <f>IF(Input!$K$13=4,J3654*Input!$J$13,0)+IF(Input!$K$14=4,K3654*Input!$J$14,0)+IF(Input!$K$15=4,L3654*Input!$J$15,0)+IF(Input!$K$16=4,M3654*Input!$J$16,0)</f>
        <v>0</v>
      </c>
    </row>
    <row r="3655" spans="8:17" x14ac:dyDescent="0.25">
      <c r="H3655" s="43">
        <v>3648</v>
      </c>
      <c r="I3655" s="55">
        <f>Bühler!I3681</f>
        <v>0.16993166934356727</v>
      </c>
      <c r="J3655" s="58">
        <f>Bühler!J3681</f>
        <v>7.081755006443184</v>
      </c>
      <c r="K3655" s="58">
        <f>Bühler!K3681</f>
        <v>0.57574082744534971</v>
      </c>
      <c r="L3655" s="58">
        <f>Bühler!L3681</f>
        <v>0.28787041372267486</v>
      </c>
      <c r="M3655" s="57">
        <f>Bühler!M3681</f>
        <v>0</v>
      </c>
      <c r="N3655" s="55">
        <f>IF(Input!$K$13=1,J3655*Input!$J$13,0)+IF(Input!$K$14=1,K3655*Input!$J$14,0)+IF(Input!$K$15=1,L3655*Input!$J$15,0)+IF(Input!$K$16=1,M3655*Input!$J$16,0)</f>
        <v>0.84981060077318205</v>
      </c>
      <c r="O3655" s="58">
        <f>IF(Input!$K$13=2,J3655*Input!$J$13,0)+IF(Input!$K$14=2,K3655*Input!$J$14,0)+IF(Input!$K$15=2,L3655*Input!$J$15,0)+IF(Input!$K$16=2,M3655*Input!$J$16,0)</f>
        <v>7.7725011705122207E-2</v>
      </c>
      <c r="P3655" s="58">
        <f>IF(Input!$K$13=3,J3655*Input!$J$13,0)+IF(Input!$K$14=3,K3655*Input!$J$14,0)+IF(Input!$K$15=3,L3655*Input!$J$15,0)+IF(Input!$K$16=3,M3655*Input!$J$16,0)</f>
        <v>0</v>
      </c>
      <c r="Q3655" s="71">
        <f>IF(Input!$K$13=4,J3655*Input!$J$13,0)+IF(Input!$K$14=4,K3655*Input!$J$14,0)+IF(Input!$K$15=4,L3655*Input!$J$15,0)+IF(Input!$K$16=4,M3655*Input!$J$16,0)</f>
        <v>0</v>
      </c>
    </row>
    <row r="3656" spans="8:17" x14ac:dyDescent="0.25">
      <c r="H3656" s="43">
        <v>3649</v>
      </c>
      <c r="I3656" s="55">
        <f>Bühler!I3682</f>
        <v>0.12880920260710171</v>
      </c>
      <c r="J3656" s="58">
        <f>Bühler!J3682</f>
        <v>10.561569334896896</v>
      </c>
      <c r="K3656" s="58">
        <f>Bühler!K3682</f>
        <v>0.87528445572757341</v>
      </c>
      <c r="L3656" s="58">
        <f>Bühler!L3682</f>
        <v>0.4376422278637867</v>
      </c>
      <c r="M3656" s="57">
        <f>Bühler!M3682</f>
        <v>0</v>
      </c>
      <c r="N3656" s="55">
        <f>IF(Input!$K$13=1,J3656*Input!$J$13,0)+IF(Input!$K$14=1,K3656*Input!$J$14,0)+IF(Input!$K$15=1,L3656*Input!$J$15,0)+IF(Input!$K$16=1,M3656*Input!$J$16,0)</f>
        <v>1.2673883201876275</v>
      </c>
      <c r="O3656" s="58">
        <f>IF(Input!$K$13=2,J3656*Input!$J$13,0)+IF(Input!$K$14=2,K3656*Input!$J$14,0)+IF(Input!$K$15=2,L3656*Input!$J$15,0)+IF(Input!$K$16=2,M3656*Input!$J$16,0)</f>
        <v>0.11816340152322241</v>
      </c>
      <c r="P3656" s="58">
        <f>IF(Input!$K$13=3,J3656*Input!$J$13,0)+IF(Input!$K$14=3,K3656*Input!$J$14,0)+IF(Input!$K$15=3,L3656*Input!$J$15,0)+IF(Input!$K$16=3,M3656*Input!$J$16,0)</f>
        <v>0</v>
      </c>
      <c r="Q3656" s="71">
        <f>IF(Input!$K$13=4,J3656*Input!$J$13,0)+IF(Input!$K$14=4,K3656*Input!$J$14,0)+IF(Input!$K$15=4,L3656*Input!$J$15,0)+IF(Input!$K$16=4,M3656*Input!$J$16,0)</f>
        <v>0</v>
      </c>
    </row>
    <row r="3657" spans="8:17" x14ac:dyDescent="0.25">
      <c r="H3657" s="43">
        <v>3650</v>
      </c>
      <c r="I3657" s="55">
        <f>Bühler!I3683</f>
        <v>0.12880920260710171</v>
      </c>
      <c r="J3657" s="58">
        <f>Bühler!J3683</f>
        <v>6.4559227162016546</v>
      </c>
      <c r="K3657" s="58">
        <f>Bühler!K3683</f>
        <v>0.53047542771368095</v>
      </c>
      <c r="L3657" s="58">
        <f>Bühler!L3683</f>
        <v>0.26523771385684047</v>
      </c>
      <c r="M3657" s="57">
        <f>Bühler!M3683</f>
        <v>0</v>
      </c>
      <c r="N3657" s="55">
        <f>IF(Input!$K$13=1,J3657*Input!$J$13,0)+IF(Input!$K$14=1,K3657*Input!$J$14,0)+IF(Input!$K$15=1,L3657*Input!$J$15,0)+IF(Input!$K$16=1,M3657*Input!$J$16,0)</f>
        <v>0.77471072594419854</v>
      </c>
      <c r="O3657" s="58">
        <f>IF(Input!$K$13=2,J3657*Input!$J$13,0)+IF(Input!$K$14=2,K3657*Input!$J$14,0)+IF(Input!$K$15=2,L3657*Input!$J$15,0)+IF(Input!$K$16=2,M3657*Input!$J$16,0)</f>
        <v>7.1614182741346927E-2</v>
      </c>
      <c r="P3657" s="58">
        <f>IF(Input!$K$13=3,J3657*Input!$J$13,0)+IF(Input!$K$14=3,K3657*Input!$J$14,0)+IF(Input!$K$15=3,L3657*Input!$J$15,0)+IF(Input!$K$16=3,M3657*Input!$J$16,0)</f>
        <v>0</v>
      </c>
      <c r="Q3657" s="71">
        <f>IF(Input!$K$13=4,J3657*Input!$J$13,0)+IF(Input!$K$14=4,K3657*Input!$J$14,0)+IF(Input!$K$15=4,L3657*Input!$J$15,0)+IF(Input!$K$16=4,M3657*Input!$J$16,0)</f>
        <v>0</v>
      </c>
    </row>
    <row r="3658" spans="8:17" x14ac:dyDescent="0.25">
      <c r="H3658" s="43">
        <v>3651</v>
      </c>
      <c r="I3658" s="55">
        <f>Bühler!I3684</f>
        <v>0.12880920260710171</v>
      </c>
      <c r="J3658" s="58">
        <f>Bühler!J3684</f>
        <v>6.4559227162016546</v>
      </c>
      <c r="K3658" s="58">
        <f>Bühler!K3684</f>
        <v>0.53047542771368095</v>
      </c>
      <c r="L3658" s="58">
        <f>Bühler!L3684</f>
        <v>0.26523771385684047</v>
      </c>
      <c r="M3658" s="57">
        <f>Bühler!M3684</f>
        <v>0</v>
      </c>
      <c r="N3658" s="55">
        <f>IF(Input!$K$13=1,J3658*Input!$J$13,0)+IF(Input!$K$14=1,K3658*Input!$J$14,0)+IF(Input!$K$15=1,L3658*Input!$J$15,0)+IF(Input!$K$16=1,M3658*Input!$J$16,0)</f>
        <v>0.77471072594419854</v>
      </c>
      <c r="O3658" s="58">
        <f>IF(Input!$K$13=2,J3658*Input!$J$13,0)+IF(Input!$K$14=2,K3658*Input!$J$14,0)+IF(Input!$K$15=2,L3658*Input!$J$15,0)+IF(Input!$K$16=2,M3658*Input!$J$16,0)</f>
        <v>7.1614182741346927E-2</v>
      </c>
      <c r="P3658" s="58">
        <f>IF(Input!$K$13=3,J3658*Input!$J$13,0)+IF(Input!$K$14=3,K3658*Input!$J$14,0)+IF(Input!$K$15=3,L3658*Input!$J$15,0)+IF(Input!$K$16=3,M3658*Input!$J$16,0)</f>
        <v>0</v>
      </c>
      <c r="Q3658" s="71">
        <f>IF(Input!$K$13=4,J3658*Input!$J$13,0)+IF(Input!$K$14=4,K3658*Input!$J$14,0)+IF(Input!$K$15=4,L3658*Input!$J$15,0)+IF(Input!$K$16=4,M3658*Input!$J$16,0)</f>
        <v>0</v>
      </c>
    </row>
    <row r="3659" spans="8:17" x14ac:dyDescent="0.25">
      <c r="H3659" s="43">
        <v>3652</v>
      </c>
      <c r="I3659" s="55">
        <f>Bühler!I3685</f>
        <v>0.12880920260710171</v>
      </c>
      <c r="J3659" s="58">
        <f>Bühler!J3685</f>
        <v>6.4559227162016546</v>
      </c>
      <c r="K3659" s="58">
        <f>Bühler!K3685</f>
        <v>0.53047542771368095</v>
      </c>
      <c r="L3659" s="58">
        <f>Bühler!L3685</f>
        <v>0.26523771385684047</v>
      </c>
      <c r="M3659" s="57">
        <f>Bühler!M3685</f>
        <v>0</v>
      </c>
      <c r="N3659" s="55">
        <f>IF(Input!$K$13=1,J3659*Input!$J$13,0)+IF(Input!$K$14=1,K3659*Input!$J$14,0)+IF(Input!$K$15=1,L3659*Input!$J$15,0)+IF(Input!$K$16=1,M3659*Input!$J$16,0)</f>
        <v>0.77471072594419854</v>
      </c>
      <c r="O3659" s="58">
        <f>IF(Input!$K$13=2,J3659*Input!$J$13,0)+IF(Input!$K$14=2,K3659*Input!$J$14,0)+IF(Input!$K$15=2,L3659*Input!$J$15,0)+IF(Input!$K$16=2,M3659*Input!$J$16,0)</f>
        <v>7.1614182741346927E-2</v>
      </c>
      <c r="P3659" s="58">
        <f>IF(Input!$K$13=3,J3659*Input!$J$13,0)+IF(Input!$K$14=3,K3659*Input!$J$14,0)+IF(Input!$K$15=3,L3659*Input!$J$15,0)+IF(Input!$K$16=3,M3659*Input!$J$16,0)</f>
        <v>0</v>
      </c>
      <c r="Q3659" s="71">
        <f>IF(Input!$K$13=4,J3659*Input!$J$13,0)+IF(Input!$K$14=4,K3659*Input!$J$14,0)+IF(Input!$K$15=4,L3659*Input!$J$15,0)+IF(Input!$K$16=4,M3659*Input!$J$16,0)</f>
        <v>0</v>
      </c>
    </row>
    <row r="3660" spans="8:17" x14ac:dyDescent="0.25">
      <c r="H3660" s="43">
        <v>3653</v>
      </c>
      <c r="I3660" s="55">
        <f>Bühler!I3686</f>
        <v>0.12880920260710171</v>
      </c>
      <c r="J3660" s="58">
        <f>Bühler!J3686</f>
        <v>6.4559227162016546</v>
      </c>
      <c r="K3660" s="58">
        <f>Bühler!K3686</f>
        <v>0.53047542771368095</v>
      </c>
      <c r="L3660" s="58">
        <f>Bühler!L3686</f>
        <v>0.26523771385684047</v>
      </c>
      <c r="M3660" s="57">
        <f>Bühler!M3686</f>
        <v>0</v>
      </c>
      <c r="N3660" s="55">
        <f>IF(Input!$K$13=1,J3660*Input!$J$13,0)+IF(Input!$K$14=1,K3660*Input!$J$14,0)+IF(Input!$K$15=1,L3660*Input!$J$15,0)+IF(Input!$K$16=1,M3660*Input!$J$16,0)</f>
        <v>0.77471072594419854</v>
      </c>
      <c r="O3660" s="58">
        <f>IF(Input!$K$13=2,J3660*Input!$J$13,0)+IF(Input!$K$14=2,K3660*Input!$J$14,0)+IF(Input!$K$15=2,L3660*Input!$J$15,0)+IF(Input!$K$16=2,M3660*Input!$J$16,0)</f>
        <v>7.1614182741346927E-2</v>
      </c>
      <c r="P3660" s="58">
        <f>IF(Input!$K$13=3,J3660*Input!$J$13,0)+IF(Input!$K$14=3,K3660*Input!$J$14,0)+IF(Input!$K$15=3,L3660*Input!$J$15,0)+IF(Input!$K$16=3,M3660*Input!$J$16,0)</f>
        <v>0</v>
      </c>
      <c r="Q3660" s="71">
        <f>IF(Input!$K$13=4,J3660*Input!$J$13,0)+IF(Input!$K$14=4,K3660*Input!$J$14,0)+IF(Input!$K$15=4,L3660*Input!$J$15,0)+IF(Input!$K$16=4,M3660*Input!$J$16,0)</f>
        <v>0</v>
      </c>
    </row>
    <row r="3661" spans="8:17" x14ac:dyDescent="0.25">
      <c r="H3661" s="43">
        <v>3654</v>
      </c>
      <c r="I3661" s="55">
        <f>Bühler!I3687</f>
        <v>0.12880920260710171</v>
      </c>
      <c r="J3661" s="58">
        <f>Bühler!J3687</f>
        <v>6.4559227162016546</v>
      </c>
      <c r="K3661" s="58">
        <f>Bühler!K3687</f>
        <v>0.53047542771368095</v>
      </c>
      <c r="L3661" s="58">
        <f>Bühler!L3687</f>
        <v>0.26523771385684047</v>
      </c>
      <c r="M3661" s="57">
        <f>Bühler!M3687</f>
        <v>0</v>
      </c>
      <c r="N3661" s="55">
        <f>IF(Input!$K$13=1,J3661*Input!$J$13,0)+IF(Input!$K$14=1,K3661*Input!$J$14,0)+IF(Input!$K$15=1,L3661*Input!$J$15,0)+IF(Input!$K$16=1,M3661*Input!$J$16,0)</f>
        <v>0.77471072594419854</v>
      </c>
      <c r="O3661" s="58">
        <f>IF(Input!$K$13=2,J3661*Input!$J$13,0)+IF(Input!$K$14=2,K3661*Input!$J$14,0)+IF(Input!$K$15=2,L3661*Input!$J$15,0)+IF(Input!$K$16=2,M3661*Input!$J$16,0)</f>
        <v>7.1614182741346927E-2</v>
      </c>
      <c r="P3661" s="58">
        <f>IF(Input!$K$13=3,J3661*Input!$J$13,0)+IF(Input!$K$14=3,K3661*Input!$J$14,0)+IF(Input!$K$15=3,L3661*Input!$J$15,0)+IF(Input!$K$16=3,M3661*Input!$J$16,0)</f>
        <v>0</v>
      </c>
      <c r="Q3661" s="71">
        <f>IF(Input!$K$13=4,J3661*Input!$J$13,0)+IF(Input!$K$14=4,K3661*Input!$J$14,0)+IF(Input!$K$15=4,L3661*Input!$J$15,0)+IF(Input!$K$16=4,M3661*Input!$J$16,0)</f>
        <v>0</v>
      </c>
    </row>
    <row r="3662" spans="8:17" x14ac:dyDescent="0.25">
      <c r="H3662" s="43">
        <v>3655</v>
      </c>
      <c r="I3662" s="55">
        <f>Bühler!I3688</f>
        <v>0.12880920260710171</v>
      </c>
      <c r="J3662" s="58">
        <f>Bühler!J3688</f>
        <v>6.4559227162016546</v>
      </c>
      <c r="K3662" s="58">
        <f>Bühler!K3688</f>
        <v>0.53047542771368095</v>
      </c>
      <c r="L3662" s="58">
        <f>Bühler!L3688</f>
        <v>0.26523771385684047</v>
      </c>
      <c r="M3662" s="57">
        <f>Bühler!M3688</f>
        <v>0</v>
      </c>
      <c r="N3662" s="55">
        <f>IF(Input!$K$13=1,J3662*Input!$J$13,0)+IF(Input!$K$14=1,K3662*Input!$J$14,0)+IF(Input!$K$15=1,L3662*Input!$J$15,0)+IF(Input!$K$16=1,M3662*Input!$J$16,0)</f>
        <v>0.77471072594419854</v>
      </c>
      <c r="O3662" s="58">
        <f>IF(Input!$K$13=2,J3662*Input!$J$13,0)+IF(Input!$K$14=2,K3662*Input!$J$14,0)+IF(Input!$K$15=2,L3662*Input!$J$15,0)+IF(Input!$K$16=2,M3662*Input!$J$16,0)</f>
        <v>7.1614182741346927E-2</v>
      </c>
      <c r="P3662" s="58">
        <f>IF(Input!$K$13=3,J3662*Input!$J$13,0)+IF(Input!$K$14=3,K3662*Input!$J$14,0)+IF(Input!$K$15=3,L3662*Input!$J$15,0)+IF(Input!$K$16=3,M3662*Input!$J$16,0)</f>
        <v>0</v>
      </c>
      <c r="Q3662" s="71">
        <f>IF(Input!$K$13=4,J3662*Input!$J$13,0)+IF(Input!$K$14=4,K3662*Input!$J$14,0)+IF(Input!$K$15=4,L3662*Input!$J$15,0)+IF(Input!$K$16=4,M3662*Input!$J$16,0)</f>
        <v>0</v>
      </c>
    </row>
    <row r="3663" spans="8:17" x14ac:dyDescent="0.25">
      <c r="H3663" s="43">
        <v>3656</v>
      </c>
      <c r="I3663" s="55">
        <f>Bühler!I3689</f>
        <v>0.34903138770956588</v>
      </c>
      <c r="J3663" s="58">
        <f>Bühler!J3689</f>
        <v>27.285893637672636</v>
      </c>
      <c r="K3663" s="58">
        <f>Bühler!K3689</f>
        <v>2.2598253220602804</v>
      </c>
      <c r="L3663" s="58">
        <f>Bühler!L3689</f>
        <v>1.1299126610301402</v>
      </c>
      <c r="M3663" s="57">
        <f>Bühler!M3689</f>
        <v>0</v>
      </c>
      <c r="N3663" s="55">
        <f>IF(Input!$K$13=1,J3663*Input!$J$13,0)+IF(Input!$K$14=1,K3663*Input!$J$14,0)+IF(Input!$K$15=1,L3663*Input!$J$15,0)+IF(Input!$K$16=1,M3663*Input!$J$16,0)</f>
        <v>3.2743072365207162</v>
      </c>
      <c r="O3663" s="58">
        <f>IF(Input!$K$13=2,J3663*Input!$J$13,0)+IF(Input!$K$14=2,K3663*Input!$J$14,0)+IF(Input!$K$15=2,L3663*Input!$J$15,0)+IF(Input!$K$16=2,M3663*Input!$J$16,0)</f>
        <v>0.30507641847813782</v>
      </c>
      <c r="P3663" s="58">
        <f>IF(Input!$K$13=3,J3663*Input!$J$13,0)+IF(Input!$K$14=3,K3663*Input!$J$14,0)+IF(Input!$K$15=3,L3663*Input!$J$15,0)+IF(Input!$K$16=3,M3663*Input!$J$16,0)</f>
        <v>0</v>
      </c>
      <c r="Q3663" s="71">
        <f>IF(Input!$K$13=4,J3663*Input!$J$13,0)+IF(Input!$K$14=4,K3663*Input!$J$14,0)+IF(Input!$K$15=4,L3663*Input!$J$15,0)+IF(Input!$K$16=4,M3663*Input!$J$16,0)</f>
        <v>0</v>
      </c>
    </row>
    <row r="3664" spans="8:17" x14ac:dyDescent="0.25">
      <c r="H3664" s="43">
        <v>3657</v>
      </c>
      <c r="I3664" s="55">
        <f>Bühler!I3690</f>
        <v>0.43628923463695735</v>
      </c>
      <c r="J3664" s="58">
        <f>Bühler!J3690</f>
        <v>34.107367047090797</v>
      </c>
      <c r="K3664" s="58">
        <f>Bühler!K3690</f>
        <v>2.8247816525753509</v>
      </c>
      <c r="L3664" s="58">
        <f>Bühler!L3690</f>
        <v>1.4123908262876754</v>
      </c>
      <c r="M3664" s="57">
        <f>Bühler!M3690</f>
        <v>0</v>
      </c>
      <c r="N3664" s="55">
        <f>IF(Input!$K$13=1,J3664*Input!$J$13,0)+IF(Input!$K$14=1,K3664*Input!$J$14,0)+IF(Input!$K$15=1,L3664*Input!$J$15,0)+IF(Input!$K$16=1,M3664*Input!$J$16,0)</f>
        <v>4.0928840456508953</v>
      </c>
      <c r="O3664" s="58">
        <f>IF(Input!$K$13=2,J3664*Input!$J$13,0)+IF(Input!$K$14=2,K3664*Input!$J$14,0)+IF(Input!$K$15=2,L3664*Input!$J$15,0)+IF(Input!$K$16=2,M3664*Input!$J$16,0)</f>
        <v>0.38134552309767233</v>
      </c>
      <c r="P3664" s="58">
        <f>IF(Input!$K$13=3,J3664*Input!$J$13,0)+IF(Input!$K$14=3,K3664*Input!$J$14,0)+IF(Input!$K$15=3,L3664*Input!$J$15,0)+IF(Input!$K$16=3,M3664*Input!$J$16,0)</f>
        <v>0</v>
      </c>
      <c r="Q3664" s="71">
        <f>IF(Input!$K$13=4,J3664*Input!$J$13,0)+IF(Input!$K$14=4,K3664*Input!$J$14,0)+IF(Input!$K$15=4,L3664*Input!$J$15,0)+IF(Input!$K$16=4,M3664*Input!$J$16,0)</f>
        <v>0</v>
      </c>
    </row>
    <row r="3665" spans="8:17" x14ac:dyDescent="0.25">
      <c r="H3665" s="43">
        <v>3658</v>
      </c>
      <c r="I3665" s="55">
        <f>Bühler!I3691</f>
        <v>0.47991815810065314</v>
      </c>
      <c r="J3665" s="58">
        <f>Bühler!J3691</f>
        <v>37.518103751799877</v>
      </c>
      <c r="K3665" s="58">
        <f>Bühler!K3691</f>
        <v>3.1072598178328859</v>
      </c>
      <c r="L3665" s="58">
        <f>Bühler!L3691</f>
        <v>1.5536299089164429</v>
      </c>
      <c r="M3665" s="57">
        <f>Bühler!M3691</f>
        <v>0</v>
      </c>
      <c r="N3665" s="55">
        <f>IF(Input!$K$13=1,J3665*Input!$J$13,0)+IF(Input!$K$14=1,K3665*Input!$J$14,0)+IF(Input!$K$15=1,L3665*Input!$J$15,0)+IF(Input!$K$16=1,M3665*Input!$J$16,0)</f>
        <v>4.5021724502159852</v>
      </c>
      <c r="O3665" s="58">
        <f>IF(Input!$K$13=2,J3665*Input!$J$13,0)+IF(Input!$K$14=2,K3665*Input!$J$14,0)+IF(Input!$K$15=2,L3665*Input!$J$15,0)+IF(Input!$K$16=2,M3665*Input!$J$16,0)</f>
        <v>0.41948007540743959</v>
      </c>
      <c r="P3665" s="58">
        <f>IF(Input!$K$13=3,J3665*Input!$J$13,0)+IF(Input!$K$14=3,K3665*Input!$J$14,0)+IF(Input!$K$15=3,L3665*Input!$J$15,0)+IF(Input!$K$16=3,M3665*Input!$J$16,0)</f>
        <v>0</v>
      </c>
      <c r="Q3665" s="71">
        <f>IF(Input!$K$13=4,J3665*Input!$J$13,0)+IF(Input!$K$14=4,K3665*Input!$J$14,0)+IF(Input!$K$15=4,L3665*Input!$J$15,0)+IF(Input!$K$16=4,M3665*Input!$J$16,0)</f>
        <v>0</v>
      </c>
    </row>
    <row r="3666" spans="8:17" x14ac:dyDescent="0.25">
      <c r="H3666" s="43">
        <v>3659</v>
      </c>
      <c r="I3666" s="55">
        <f>Bühler!I3692</f>
        <v>0.47991815810065314</v>
      </c>
      <c r="J3666" s="58">
        <f>Bühler!J3692</f>
        <v>37.518103751799877</v>
      </c>
      <c r="K3666" s="58">
        <f>Bühler!K3692</f>
        <v>3.1072598178328859</v>
      </c>
      <c r="L3666" s="58">
        <f>Bühler!L3692</f>
        <v>1.5536299089164429</v>
      </c>
      <c r="M3666" s="57">
        <f>Bühler!M3692</f>
        <v>0</v>
      </c>
      <c r="N3666" s="55">
        <f>IF(Input!$K$13=1,J3666*Input!$J$13,0)+IF(Input!$K$14=1,K3666*Input!$J$14,0)+IF(Input!$K$15=1,L3666*Input!$J$15,0)+IF(Input!$K$16=1,M3666*Input!$J$16,0)</f>
        <v>4.5021724502159852</v>
      </c>
      <c r="O3666" s="58">
        <f>IF(Input!$K$13=2,J3666*Input!$J$13,0)+IF(Input!$K$14=2,K3666*Input!$J$14,0)+IF(Input!$K$15=2,L3666*Input!$J$15,0)+IF(Input!$K$16=2,M3666*Input!$J$16,0)</f>
        <v>0.41948007540743959</v>
      </c>
      <c r="P3666" s="58">
        <f>IF(Input!$K$13=3,J3666*Input!$J$13,0)+IF(Input!$K$14=3,K3666*Input!$J$14,0)+IF(Input!$K$15=3,L3666*Input!$J$15,0)+IF(Input!$K$16=3,M3666*Input!$J$16,0)</f>
        <v>0</v>
      </c>
      <c r="Q3666" s="71">
        <f>IF(Input!$K$13=4,J3666*Input!$J$13,0)+IF(Input!$K$14=4,K3666*Input!$J$14,0)+IF(Input!$K$15=4,L3666*Input!$J$15,0)+IF(Input!$K$16=4,M3666*Input!$J$16,0)</f>
        <v>0</v>
      </c>
    </row>
    <row r="3667" spans="8:17" x14ac:dyDescent="0.25">
      <c r="H3667" s="43">
        <v>3660</v>
      </c>
      <c r="I3667" s="55">
        <f>Bühler!I3693</f>
        <v>0.56717600502804466</v>
      </c>
      <c r="J3667" s="58">
        <f>Bühler!J3693</f>
        <v>44.339577161218031</v>
      </c>
      <c r="K3667" s="58">
        <f>Bühler!K3693</f>
        <v>3.6722161483479554</v>
      </c>
      <c r="L3667" s="58">
        <f>Bühler!L3693</f>
        <v>1.8361080741739777</v>
      </c>
      <c r="M3667" s="57">
        <f>Bühler!M3693</f>
        <v>0</v>
      </c>
      <c r="N3667" s="55">
        <f>IF(Input!$K$13=1,J3667*Input!$J$13,0)+IF(Input!$K$14=1,K3667*Input!$J$14,0)+IF(Input!$K$15=1,L3667*Input!$J$15,0)+IF(Input!$K$16=1,M3667*Input!$J$16,0)</f>
        <v>5.3207492593461634</v>
      </c>
      <c r="O3667" s="58">
        <f>IF(Input!$K$13=2,J3667*Input!$J$13,0)+IF(Input!$K$14=2,K3667*Input!$J$14,0)+IF(Input!$K$15=2,L3667*Input!$J$15,0)+IF(Input!$K$16=2,M3667*Input!$J$16,0)</f>
        <v>0.49574918002697399</v>
      </c>
      <c r="P3667" s="58">
        <f>IF(Input!$K$13=3,J3667*Input!$J$13,0)+IF(Input!$K$14=3,K3667*Input!$J$14,0)+IF(Input!$K$15=3,L3667*Input!$J$15,0)+IF(Input!$K$16=3,M3667*Input!$J$16,0)</f>
        <v>0</v>
      </c>
      <c r="Q3667" s="71">
        <f>IF(Input!$K$13=4,J3667*Input!$J$13,0)+IF(Input!$K$14=4,K3667*Input!$J$14,0)+IF(Input!$K$15=4,L3667*Input!$J$15,0)+IF(Input!$K$16=4,M3667*Input!$J$16,0)</f>
        <v>0</v>
      </c>
    </row>
    <row r="3668" spans="8:17" x14ac:dyDescent="0.25">
      <c r="H3668" s="43">
        <v>3661</v>
      </c>
      <c r="I3668" s="55">
        <f>Bühler!I3694</f>
        <v>0.56717600502804466</v>
      </c>
      <c r="J3668" s="58">
        <f>Bühler!J3694</f>
        <v>44.339577161218031</v>
      </c>
      <c r="K3668" s="58">
        <f>Bühler!K3694</f>
        <v>3.6722161483479554</v>
      </c>
      <c r="L3668" s="58">
        <f>Bühler!L3694</f>
        <v>1.8361080741739777</v>
      </c>
      <c r="M3668" s="57">
        <f>Bühler!M3694</f>
        <v>0</v>
      </c>
      <c r="N3668" s="55">
        <f>IF(Input!$K$13=1,J3668*Input!$J$13,0)+IF(Input!$K$14=1,K3668*Input!$J$14,0)+IF(Input!$K$15=1,L3668*Input!$J$15,0)+IF(Input!$K$16=1,M3668*Input!$J$16,0)</f>
        <v>5.3207492593461634</v>
      </c>
      <c r="O3668" s="58">
        <f>IF(Input!$K$13=2,J3668*Input!$J$13,0)+IF(Input!$K$14=2,K3668*Input!$J$14,0)+IF(Input!$K$15=2,L3668*Input!$J$15,0)+IF(Input!$K$16=2,M3668*Input!$J$16,0)</f>
        <v>0.49574918002697399</v>
      </c>
      <c r="P3668" s="58">
        <f>IF(Input!$K$13=3,J3668*Input!$J$13,0)+IF(Input!$K$14=3,K3668*Input!$J$14,0)+IF(Input!$K$15=3,L3668*Input!$J$15,0)+IF(Input!$K$16=3,M3668*Input!$J$16,0)</f>
        <v>0</v>
      </c>
      <c r="Q3668" s="71">
        <f>IF(Input!$K$13=4,J3668*Input!$J$13,0)+IF(Input!$K$14=4,K3668*Input!$J$14,0)+IF(Input!$K$15=4,L3668*Input!$J$15,0)+IF(Input!$K$16=4,M3668*Input!$J$16,0)</f>
        <v>0</v>
      </c>
    </row>
    <row r="3669" spans="8:17" x14ac:dyDescent="0.25">
      <c r="H3669" s="43">
        <v>3662</v>
      </c>
      <c r="I3669" s="55">
        <f>Bühler!I3695</f>
        <v>0.39266031117326161</v>
      </c>
      <c r="J3669" s="58">
        <f>Bühler!J3695</f>
        <v>30.696630342381713</v>
      </c>
      <c r="K3669" s="58">
        <f>Bühler!K3695</f>
        <v>2.5423034873178154</v>
      </c>
      <c r="L3669" s="58">
        <f>Bühler!L3695</f>
        <v>1.2711517436589077</v>
      </c>
      <c r="M3669" s="57">
        <f>Bühler!M3695</f>
        <v>0</v>
      </c>
      <c r="N3669" s="55">
        <f>IF(Input!$K$13=1,J3669*Input!$J$13,0)+IF(Input!$K$14=1,K3669*Input!$J$14,0)+IF(Input!$K$15=1,L3669*Input!$J$15,0)+IF(Input!$K$16=1,M3669*Input!$J$16,0)</f>
        <v>3.6835956410858053</v>
      </c>
      <c r="O3669" s="58">
        <f>IF(Input!$K$13=2,J3669*Input!$J$13,0)+IF(Input!$K$14=2,K3669*Input!$J$14,0)+IF(Input!$K$15=2,L3669*Input!$J$15,0)+IF(Input!$K$16=2,M3669*Input!$J$16,0)</f>
        <v>0.34321097078790508</v>
      </c>
      <c r="P3669" s="58">
        <f>IF(Input!$K$13=3,J3669*Input!$J$13,0)+IF(Input!$K$14=3,K3669*Input!$J$14,0)+IF(Input!$K$15=3,L3669*Input!$J$15,0)+IF(Input!$K$16=3,M3669*Input!$J$16,0)</f>
        <v>0</v>
      </c>
      <c r="Q3669" s="71">
        <f>IF(Input!$K$13=4,J3669*Input!$J$13,0)+IF(Input!$K$14=4,K3669*Input!$J$14,0)+IF(Input!$K$15=4,L3669*Input!$J$15,0)+IF(Input!$K$16=4,M3669*Input!$J$16,0)</f>
        <v>0</v>
      </c>
    </row>
    <row r="3670" spans="8:17" x14ac:dyDescent="0.25">
      <c r="H3670" s="43">
        <v>3663</v>
      </c>
      <c r="I3670" s="55">
        <f>Bühler!I3696</f>
        <v>0.56717600502804466</v>
      </c>
      <c r="J3670" s="58">
        <f>Bühler!J3696</f>
        <v>44.339577161218031</v>
      </c>
      <c r="K3670" s="58">
        <f>Bühler!K3696</f>
        <v>3.6722161483479554</v>
      </c>
      <c r="L3670" s="58">
        <f>Bühler!L3696</f>
        <v>1.8361080741739777</v>
      </c>
      <c r="M3670" s="57">
        <f>Bühler!M3696</f>
        <v>0</v>
      </c>
      <c r="N3670" s="55">
        <f>IF(Input!$K$13=1,J3670*Input!$J$13,0)+IF(Input!$K$14=1,K3670*Input!$J$14,0)+IF(Input!$K$15=1,L3670*Input!$J$15,0)+IF(Input!$K$16=1,M3670*Input!$J$16,0)</f>
        <v>5.3207492593461634</v>
      </c>
      <c r="O3670" s="58">
        <f>IF(Input!$K$13=2,J3670*Input!$J$13,0)+IF(Input!$K$14=2,K3670*Input!$J$14,0)+IF(Input!$K$15=2,L3670*Input!$J$15,0)+IF(Input!$K$16=2,M3670*Input!$J$16,0)</f>
        <v>0.49574918002697399</v>
      </c>
      <c r="P3670" s="58">
        <f>IF(Input!$K$13=3,J3670*Input!$J$13,0)+IF(Input!$K$14=3,K3670*Input!$J$14,0)+IF(Input!$K$15=3,L3670*Input!$J$15,0)+IF(Input!$K$16=3,M3670*Input!$J$16,0)</f>
        <v>0</v>
      </c>
      <c r="Q3670" s="71">
        <f>IF(Input!$K$13=4,J3670*Input!$J$13,0)+IF(Input!$K$14=4,K3670*Input!$J$14,0)+IF(Input!$K$15=4,L3670*Input!$J$15,0)+IF(Input!$K$16=4,M3670*Input!$J$16,0)</f>
        <v>0</v>
      </c>
    </row>
    <row r="3671" spans="8:17" x14ac:dyDescent="0.25">
      <c r="H3671" s="43">
        <v>3664</v>
      </c>
      <c r="I3671" s="55">
        <f>Bühler!I3697</f>
        <v>0.47991815810065314</v>
      </c>
      <c r="J3671" s="58">
        <f>Bühler!J3697</f>
        <v>34.154631714176467</v>
      </c>
      <c r="K3671" s="58">
        <f>Bühler!K3697</f>
        <v>2.8247816525753509</v>
      </c>
      <c r="L3671" s="58">
        <f>Bühler!L3697</f>
        <v>1.4123908262876754</v>
      </c>
      <c r="M3671" s="57">
        <f>Bühler!M3697</f>
        <v>0</v>
      </c>
      <c r="N3671" s="55">
        <f>IF(Input!$K$13=1,J3671*Input!$J$13,0)+IF(Input!$K$14=1,K3671*Input!$J$14,0)+IF(Input!$K$15=1,L3671*Input!$J$15,0)+IF(Input!$K$16=1,M3671*Input!$J$16,0)</f>
        <v>4.0985558057011762</v>
      </c>
      <c r="O3671" s="58">
        <f>IF(Input!$K$13=2,J3671*Input!$J$13,0)+IF(Input!$K$14=2,K3671*Input!$J$14,0)+IF(Input!$K$15=2,L3671*Input!$J$15,0)+IF(Input!$K$16=2,M3671*Input!$J$16,0)</f>
        <v>0.38134552309767233</v>
      </c>
      <c r="P3671" s="58">
        <f>IF(Input!$K$13=3,J3671*Input!$J$13,0)+IF(Input!$K$14=3,K3671*Input!$J$14,0)+IF(Input!$K$15=3,L3671*Input!$J$15,0)+IF(Input!$K$16=3,M3671*Input!$J$16,0)</f>
        <v>0</v>
      </c>
      <c r="Q3671" s="71">
        <f>IF(Input!$K$13=4,J3671*Input!$J$13,0)+IF(Input!$K$14=4,K3671*Input!$J$14,0)+IF(Input!$K$15=4,L3671*Input!$J$15,0)+IF(Input!$K$16=4,M3671*Input!$J$16,0)</f>
        <v>0</v>
      </c>
    </row>
    <row r="3672" spans="8:17" x14ac:dyDescent="0.25">
      <c r="H3672" s="43">
        <v>3665</v>
      </c>
      <c r="I3672" s="55">
        <f>Bühler!I3698</f>
        <v>0.41551355679710228</v>
      </c>
      <c r="J3672" s="58">
        <f>Bühler!J3698</f>
        <v>16.241088219973431</v>
      </c>
      <c r="K3672" s="58">
        <f>Bühler!K3698</f>
        <v>1.3261885692842021</v>
      </c>
      <c r="L3672" s="58">
        <f>Bühler!L3698</f>
        <v>0.66309428464210107</v>
      </c>
      <c r="M3672" s="57">
        <f>Bühler!M3698</f>
        <v>0</v>
      </c>
      <c r="N3672" s="55">
        <f>IF(Input!$K$13=1,J3672*Input!$J$13,0)+IF(Input!$K$14=1,K3672*Input!$J$14,0)+IF(Input!$K$15=1,L3672*Input!$J$15,0)+IF(Input!$K$16=1,M3672*Input!$J$16,0)</f>
        <v>1.9489305863968116</v>
      </c>
      <c r="O3672" s="58">
        <f>IF(Input!$K$13=2,J3672*Input!$J$13,0)+IF(Input!$K$14=2,K3672*Input!$J$14,0)+IF(Input!$K$15=2,L3672*Input!$J$15,0)+IF(Input!$K$16=2,M3672*Input!$J$16,0)</f>
        <v>0.1790354568533673</v>
      </c>
      <c r="P3672" s="58">
        <f>IF(Input!$K$13=3,J3672*Input!$J$13,0)+IF(Input!$K$14=3,K3672*Input!$J$14,0)+IF(Input!$K$15=3,L3672*Input!$J$15,0)+IF(Input!$K$16=3,M3672*Input!$J$16,0)</f>
        <v>0</v>
      </c>
      <c r="Q3672" s="71">
        <f>IF(Input!$K$13=4,J3672*Input!$J$13,0)+IF(Input!$K$14=4,K3672*Input!$J$14,0)+IF(Input!$K$15=4,L3672*Input!$J$15,0)+IF(Input!$K$16=4,M3672*Input!$J$16,0)</f>
        <v>0</v>
      </c>
    </row>
    <row r="3673" spans="8:17" x14ac:dyDescent="0.25">
      <c r="H3673" s="43">
        <v>3666</v>
      </c>
      <c r="I3673" s="55">
        <f>Bühler!I3699</f>
        <v>0.34903138770956588</v>
      </c>
      <c r="J3673" s="58">
        <f>Bühler!J3699</f>
        <v>10.800143368757899</v>
      </c>
      <c r="K3673" s="58">
        <f>Bühler!K3699</f>
        <v>0.87528445572757341</v>
      </c>
      <c r="L3673" s="58">
        <f>Bühler!L3699</f>
        <v>0.4376422278637867</v>
      </c>
      <c r="M3673" s="57">
        <f>Bühler!M3699</f>
        <v>0</v>
      </c>
      <c r="N3673" s="55">
        <f>IF(Input!$K$13=1,J3673*Input!$J$13,0)+IF(Input!$K$14=1,K3673*Input!$J$14,0)+IF(Input!$K$15=1,L3673*Input!$J$15,0)+IF(Input!$K$16=1,M3673*Input!$J$16,0)</f>
        <v>1.2960172042509479</v>
      </c>
      <c r="O3673" s="58">
        <f>IF(Input!$K$13=2,J3673*Input!$J$13,0)+IF(Input!$K$14=2,K3673*Input!$J$14,0)+IF(Input!$K$15=2,L3673*Input!$J$15,0)+IF(Input!$K$16=2,M3673*Input!$J$16,0)</f>
        <v>0.11816340152322241</v>
      </c>
      <c r="P3673" s="58">
        <f>IF(Input!$K$13=3,J3673*Input!$J$13,0)+IF(Input!$K$14=3,K3673*Input!$J$14,0)+IF(Input!$K$15=3,L3673*Input!$J$15,0)+IF(Input!$K$16=3,M3673*Input!$J$16,0)</f>
        <v>0</v>
      </c>
      <c r="Q3673" s="71">
        <f>IF(Input!$K$13=4,J3673*Input!$J$13,0)+IF(Input!$K$14=4,K3673*Input!$J$14,0)+IF(Input!$K$15=4,L3673*Input!$J$15,0)+IF(Input!$K$16=4,M3673*Input!$J$16,0)</f>
        <v>0</v>
      </c>
    </row>
    <row r="3674" spans="8:17" x14ac:dyDescent="0.25">
      <c r="H3674" s="43">
        <v>3667</v>
      </c>
      <c r="I3674" s="55">
        <f>Bühler!I3700</f>
        <v>0.12880920260710171</v>
      </c>
      <c r="J3674" s="58">
        <f>Bühler!J3700</f>
        <v>6.7717416868705183</v>
      </c>
      <c r="K3674" s="58">
        <f>Bühler!K3700</f>
        <v>0.55699919909936491</v>
      </c>
      <c r="L3674" s="58">
        <f>Bühler!L3700</f>
        <v>0.27849959954968245</v>
      </c>
      <c r="M3674" s="57">
        <f>Bühler!M3700</f>
        <v>0</v>
      </c>
      <c r="N3674" s="55">
        <f>IF(Input!$K$13=1,J3674*Input!$J$13,0)+IF(Input!$K$14=1,K3674*Input!$J$14,0)+IF(Input!$K$15=1,L3674*Input!$J$15,0)+IF(Input!$K$16=1,M3674*Input!$J$16,0)</f>
        <v>0.81260900242446221</v>
      </c>
      <c r="O3674" s="58">
        <f>IF(Input!$K$13=2,J3674*Input!$J$13,0)+IF(Input!$K$14=2,K3674*Input!$J$14,0)+IF(Input!$K$15=2,L3674*Input!$J$15,0)+IF(Input!$K$16=2,M3674*Input!$J$16,0)</f>
        <v>7.5194891878414272E-2</v>
      </c>
      <c r="P3674" s="58">
        <f>IF(Input!$K$13=3,J3674*Input!$J$13,0)+IF(Input!$K$14=3,K3674*Input!$J$14,0)+IF(Input!$K$15=3,L3674*Input!$J$15,0)+IF(Input!$K$16=3,M3674*Input!$J$16,0)</f>
        <v>0</v>
      </c>
      <c r="Q3674" s="71">
        <f>IF(Input!$K$13=4,J3674*Input!$J$13,0)+IF(Input!$K$14=4,K3674*Input!$J$14,0)+IF(Input!$K$15=4,L3674*Input!$J$15,0)+IF(Input!$K$16=4,M3674*Input!$J$16,0)</f>
        <v>0</v>
      </c>
    </row>
    <row r="3675" spans="8:17" x14ac:dyDescent="0.25">
      <c r="H3675" s="43">
        <v>3668</v>
      </c>
      <c r="I3675" s="55">
        <f>Bühler!I3701</f>
        <v>0.12880920260710171</v>
      </c>
      <c r="J3675" s="58">
        <f>Bühler!J3701</f>
        <v>6.4559227162016546</v>
      </c>
      <c r="K3675" s="58">
        <f>Bühler!K3701</f>
        <v>0.53047542771368095</v>
      </c>
      <c r="L3675" s="58">
        <f>Bühler!L3701</f>
        <v>0.26523771385684047</v>
      </c>
      <c r="M3675" s="57">
        <f>Bühler!M3701</f>
        <v>0</v>
      </c>
      <c r="N3675" s="55">
        <f>IF(Input!$K$13=1,J3675*Input!$J$13,0)+IF(Input!$K$14=1,K3675*Input!$J$14,0)+IF(Input!$K$15=1,L3675*Input!$J$15,0)+IF(Input!$K$16=1,M3675*Input!$J$16,0)</f>
        <v>0.77471072594419854</v>
      </c>
      <c r="O3675" s="58">
        <f>IF(Input!$K$13=2,J3675*Input!$J$13,0)+IF(Input!$K$14=2,K3675*Input!$J$14,0)+IF(Input!$K$15=2,L3675*Input!$J$15,0)+IF(Input!$K$16=2,M3675*Input!$J$16,0)</f>
        <v>7.1614182741346927E-2</v>
      </c>
      <c r="P3675" s="58">
        <f>IF(Input!$K$13=3,J3675*Input!$J$13,0)+IF(Input!$K$14=3,K3675*Input!$J$14,0)+IF(Input!$K$15=3,L3675*Input!$J$15,0)+IF(Input!$K$16=3,M3675*Input!$J$16,0)</f>
        <v>0</v>
      </c>
      <c r="Q3675" s="71">
        <f>IF(Input!$K$13=4,J3675*Input!$J$13,0)+IF(Input!$K$14=4,K3675*Input!$J$14,0)+IF(Input!$K$15=4,L3675*Input!$J$15,0)+IF(Input!$K$16=4,M3675*Input!$J$16,0)</f>
        <v>0</v>
      </c>
    </row>
    <row r="3676" spans="8:17" x14ac:dyDescent="0.25">
      <c r="H3676" s="43">
        <v>3669</v>
      </c>
      <c r="I3676" s="55">
        <f>Bühler!I3702</f>
        <v>0.12880920260710171</v>
      </c>
      <c r="J3676" s="58">
        <f>Bühler!J3702</f>
        <v>6.4559227162016546</v>
      </c>
      <c r="K3676" s="58">
        <f>Bühler!K3702</f>
        <v>0.53047542771368095</v>
      </c>
      <c r="L3676" s="58">
        <f>Bühler!L3702</f>
        <v>0.26523771385684047</v>
      </c>
      <c r="M3676" s="57">
        <f>Bühler!M3702</f>
        <v>0</v>
      </c>
      <c r="N3676" s="55">
        <f>IF(Input!$K$13=1,J3676*Input!$J$13,0)+IF(Input!$K$14=1,K3676*Input!$J$14,0)+IF(Input!$K$15=1,L3676*Input!$J$15,0)+IF(Input!$K$16=1,M3676*Input!$J$16,0)</f>
        <v>0.77471072594419854</v>
      </c>
      <c r="O3676" s="58">
        <f>IF(Input!$K$13=2,J3676*Input!$J$13,0)+IF(Input!$K$14=2,K3676*Input!$J$14,0)+IF(Input!$K$15=2,L3676*Input!$J$15,0)+IF(Input!$K$16=2,M3676*Input!$J$16,0)</f>
        <v>7.1614182741346927E-2</v>
      </c>
      <c r="P3676" s="58">
        <f>IF(Input!$K$13=3,J3676*Input!$J$13,0)+IF(Input!$K$14=3,K3676*Input!$J$14,0)+IF(Input!$K$15=3,L3676*Input!$J$15,0)+IF(Input!$K$16=3,M3676*Input!$J$16,0)</f>
        <v>0</v>
      </c>
      <c r="Q3676" s="71">
        <f>IF(Input!$K$13=4,J3676*Input!$J$13,0)+IF(Input!$K$14=4,K3676*Input!$J$14,0)+IF(Input!$K$15=4,L3676*Input!$J$15,0)+IF(Input!$K$16=4,M3676*Input!$J$16,0)</f>
        <v>0</v>
      </c>
    </row>
    <row r="3677" spans="8:17" x14ac:dyDescent="0.25">
      <c r="H3677" s="43">
        <v>3670</v>
      </c>
      <c r="I3677" s="55">
        <f>Bühler!I3703</f>
        <v>0.12880920260710171</v>
      </c>
      <c r="J3677" s="58">
        <f>Bühler!J3703</f>
        <v>6.4559227162016546</v>
      </c>
      <c r="K3677" s="58">
        <f>Bühler!K3703</f>
        <v>0.53047542771368095</v>
      </c>
      <c r="L3677" s="58">
        <f>Bühler!L3703</f>
        <v>0.26523771385684047</v>
      </c>
      <c r="M3677" s="57">
        <f>Bühler!M3703</f>
        <v>0</v>
      </c>
      <c r="N3677" s="55">
        <f>IF(Input!$K$13=1,J3677*Input!$J$13,0)+IF(Input!$K$14=1,K3677*Input!$J$14,0)+IF(Input!$K$15=1,L3677*Input!$J$15,0)+IF(Input!$K$16=1,M3677*Input!$J$16,0)</f>
        <v>0.77471072594419854</v>
      </c>
      <c r="O3677" s="58">
        <f>IF(Input!$K$13=2,J3677*Input!$J$13,0)+IF(Input!$K$14=2,K3677*Input!$J$14,0)+IF(Input!$K$15=2,L3677*Input!$J$15,0)+IF(Input!$K$16=2,M3677*Input!$J$16,0)</f>
        <v>7.1614182741346927E-2</v>
      </c>
      <c r="P3677" s="58">
        <f>IF(Input!$K$13=3,J3677*Input!$J$13,0)+IF(Input!$K$14=3,K3677*Input!$J$14,0)+IF(Input!$K$15=3,L3677*Input!$J$15,0)+IF(Input!$K$16=3,M3677*Input!$J$16,0)</f>
        <v>0</v>
      </c>
      <c r="Q3677" s="71">
        <f>IF(Input!$K$13=4,J3677*Input!$J$13,0)+IF(Input!$K$14=4,K3677*Input!$J$14,0)+IF(Input!$K$15=4,L3677*Input!$J$15,0)+IF(Input!$K$16=4,M3677*Input!$J$16,0)</f>
        <v>0</v>
      </c>
    </row>
    <row r="3678" spans="8:17" x14ac:dyDescent="0.25">
      <c r="H3678" s="43">
        <v>3671</v>
      </c>
      <c r="I3678" s="55">
        <f>Bühler!I3704</f>
        <v>0.12880920260710171</v>
      </c>
      <c r="J3678" s="58">
        <f>Bühler!J3704</f>
        <v>6.4559227162016546</v>
      </c>
      <c r="K3678" s="58">
        <f>Bühler!K3704</f>
        <v>0.53047542771368095</v>
      </c>
      <c r="L3678" s="58">
        <f>Bühler!L3704</f>
        <v>0.26523771385684047</v>
      </c>
      <c r="M3678" s="57">
        <f>Bühler!M3704</f>
        <v>0</v>
      </c>
      <c r="N3678" s="55">
        <f>IF(Input!$K$13=1,J3678*Input!$J$13,0)+IF(Input!$K$14=1,K3678*Input!$J$14,0)+IF(Input!$K$15=1,L3678*Input!$J$15,0)+IF(Input!$K$16=1,M3678*Input!$J$16,0)</f>
        <v>0.77471072594419854</v>
      </c>
      <c r="O3678" s="58">
        <f>IF(Input!$K$13=2,J3678*Input!$J$13,0)+IF(Input!$K$14=2,K3678*Input!$J$14,0)+IF(Input!$K$15=2,L3678*Input!$J$15,0)+IF(Input!$K$16=2,M3678*Input!$J$16,0)</f>
        <v>7.1614182741346927E-2</v>
      </c>
      <c r="P3678" s="58">
        <f>IF(Input!$K$13=3,J3678*Input!$J$13,0)+IF(Input!$K$14=3,K3678*Input!$J$14,0)+IF(Input!$K$15=3,L3678*Input!$J$15,0)+IF(Input!$K$16=3,M3678*Input!$J$16,0)</f>
        <v>0</v>
      </c>
      <c r="Q3678" s="71">
        <f>IF(Input!$K$13=4,J3678*Input!$J$13,0)+IF(Input!$K$14=4,K3678*Input!$J$14,0)+IF(Input!$K$15=4,L3678*Input!$J$15,0)+IF(Input!$K$16=4,M3678*Input!$J$16,0)</f>
        <v>0</v>
      </c>
    </row>
    <row r="3679" spans="8:17" x14ac:dyDescent="0.25">
      <c r="H3679" s="43">
        <v>3672</v>
      </c>
      <c r="I3679" s="55">
        <f>Bühler!I3705</f>
        <v>0.12880920260710171</v>
      </c>
      <c r="J3679" s="58">
        <f>Bühler!J3705</f>
        <v>6.4559227162016546</v>
      </c>
      <c r="K3679" s="58">
        <f>Bühler!K3705</f>
        <v>0.53047542771368095</v>
      </c>
      <c r="L3679" s="58">
        <f>Bühler!L3705</f>
        <v>0.26523771385684047</v>
      </c>
      <c r="M3679" s="57">
        <f>Bühler!M3705</f>
        <v>0</v>
      </c>
      <c r="N3679" s="55">
        <f>IF(Input!$K$13=1,J3679*Input!$J$13,0)+IF(Input!$K$14=1,K3679*Input!$J$14,0)+IF(Input!$K$15=1,L3679*Input!$J$15,0)+IF(Input!$K$16=1,M3679*Input!$J$16,0)</f>
        <v>0.77471072594419854</v>
      </c>
      <c r="O3679" s="58">
        <f>IF(Input!$K$13=2,J3679*Input!$J$13,0)+IF(Input!$K$14=2,K3679*Input!$J$14,0)+IF(Input!$K$15=2,L3679*Input!$J$15,0)+IF(Input!$K$16=2,M3679*Input!$J$16,0)</f>
        <v>7.1614182741346927E-2</v>
      </c>
      <c r="P3679" s="58">
        <f>IF(Input!$K$13=3,J3679*Input!$J$13,0)+IF(Input!$K$14=3,K3679*Input!$J$14,0)+IF(Input!$K$15=3,L3679*Input!$J$15,0)+IF(Input!$K$16=3,M3679*Input!$J$16,0)</f>
        <v>0</v>
      </c>
      <c r="Q3679" s="71">
        <f>IF(Input!$K$13=4,J3679*Input!$J$13,0)+IF(Input!$K$14=4,K3679*Input!$J$14,0)+IF(Input!$K$15=4,L3679*Input!$J$15,0)+IF(Input!$K$16=4,M3679*Input!$J$16,0)</f>
        <v>0</v>
      </c>
    </row>
    <row r="3680" spans="8:17" x14ac:dyDescent="0.25">
      <c r="H3680" s="43">
        <v>3673</v>
      </c>
      <c r="I3680" s="55">
        <f>Bühler!I3706</f>
        <v>0.19082030132973971</v>
      </c>
      <c r="J3680" s="58">
        <f>Bühler!J3706</f>
        <v>5.1352216030647808</v>
      </c>
      <c r="K3680" s="58">
        <f>Bühler!K3706</f>
        <v>0.24450625934214093</v>
      </c>
      <c r="L3680" s="58">
        <f>Bühler!L3706</f>
        <v>0.12225312967107047</v>
      </c>
      <c r="M3680" s="57">
        <f>Bühler!M3706</f>
        <v>0</v>
      </c>
      <c r="N3680" s="55">
        <f>IF(Input!$K$13=1,J3680*Input!$J$13,0)+IF(Input!$K$14=1,K3680*Input!$J$14,0)+IF(Input!$K$15=1,L3680*Input!$J$15,0)+IF(Input!$K$16=1,M3680*Input!$J$16,0)</f>
        <v>0.61622659236777366</v>
      </c>
      <c r="O3680" s="58">
        <f>IF(Input!$K$13=2,J3680*Input!$J$13,0)+IF(Input!$K$14=2,K3680*Input!$J$14,0)+IF(Input!$K$15=2,L3680*Input!$J$15,0)+IF(Input!$K$16=2,M3680*Input!$J$16,0)</f>
        <v>3.3008345011189023E-2</v>
      </c>
      <c r="P3680" s="58">
        <f>IF(Input!$K$13=3,J3680*Input!$J$13,0)+IF(Input!$K$14=3,K3680*Input!$J$14,0)+IF(Input!$K$15=3,L3680*Input!$J$15,0)+IF(Input!$K$16=3,M3680*Input!$J$16,0)</f>
        <v>0</v>
      </c>
      <c r="Q3680" s="71">
        <f>IF(Input!$K$13=4,J3680*Input!$J$13,0)+IF(Input!$K$14=4,K3680*Input!$J$14,0)+IF(Input!$K$15=4,L3680*Input!$J$15,0)+IF(Input!$K$16=4,M3680*Input!$J$16,0)</f>
        <v>0</v>
      </c>
    </row>
    <row r="3681" spans="8:17" x14ac:dyDescent="0.25">
      <c r="H3681" s="43">
        <v>3674</v>
      </c>
      <c r="I3681" s="55">
        <f>Bühler!I3707</f>
        <v>0.3725539216437776</v>
      </c>
      <c r="J3681" s="58">
        <f>Bühler!J3707</f>
        <v>4.7214999488718608</v>
      </c>
      <c r="K3681" s="58">
        <f>Bühler!K3707</f>
        <v>0.22005563340792683</v>
      </c>
      <c r="L3681" s="58">
        <f>Bühler!L3707</f>
        <v>0.11002781670396342</v>
      </c>
      <c r="M3681" s="57">
        <f>Bühler!M3707</f>
        <v>0</v>
      </c>
      <c r="N3681" s="55">
        <f>IF(Input!$K$13=1,J3681*Input!$J$13,0)+IF(Input!$K$14=1,K3681*Input!$J$14,0)+IF(Input!$K$15=1,L3681*Input!$J$15,0)+IF(Input!$K$16=1,M3681*Input!$J$16,0)</f>
        <v>0.56657999386462332</v>
      </c>
      <c r="O3681" s="58">
        <f>IF(Input!$K$13=2,J3681*Input!$J$13,0)+IF(Input!$K$14=2,K3681*Input!$J$14,0)+IF(Input!$K$15=2,L3681*Input!$J$15,0)+IF(Input!$K$16=2,M3681*Input!$J$16,0)</f>
        <v>2.9707510510070121E-2</v>
      </c>
      <c r="P3681" s="58">
        <f>IF(Input!$K$13=3,J3681*Input!$J$13,0)+IF(Input!$K$14=3,K3681*Input!$J$14,0)+IF(Input!$K$15=3,L3681*Input!$J$15,0)+IF(Input!$K$16=3,M3681*Input!$J$16,0)</f>
        <v>0</v>
      </c>
      <c r="Q3681" s="71">
        <f>IF(Input!$K$13=4,J3681*Input!$J$13,0)+IF(Input!$K$14=4,K3681*Input!$J$14,0)+IF(Input!$K$15=4,L3681*Input!$J$15,0)+IF(Input!$K$16=4,M3681*Input!$J$16,0)</f>
        <v>0</v>
      </c>
    </row>
    <row r="3682" spans="8:17" x14ac:dyDescent="0.25">
      <c r="H3682" s="43">
        <v>3675</v>
      </c>
      <c r="I3682" s="55">
        <f>Bühler!I3708</f>
        <v>0.3725539216437776</v>
      </c>
      <c r="J3682" s="58">
        <f>Bühler!J3708</f>
        <v>4.7214999488718608</v>
      </c>
      <c r="K3682" s="58">
        <f>Bühler!K3708</f>
        <v>0.22005563340792683</v>
      </c>
      <c r="L3682" s="58">
        <f>Bühler!L3708</f>
        <v>0.11002781670396342</v>
      </c>
      <c r="M3682" s="57">
        <f>Bühler!M3708</f>
        <v>0</v>
      </c>
      <c r="N3682" s="55">
        <f>IF(Input!$K$13=1,J3682*Input!$J$13,0)+IF(Input!$K$14=1,K3682*Input!$J$14,0)+IF(Input!$K$15=1,L3682*Input!$J$15,0)+IF(Input!$K$16=1,M3682*Input!$J$16,0)</f>
        <v>0.56657999386462332</v>
      </c>
      <c r="O3682" s="58">
        <f>IF(Input!$K$13=2,J3682*Input!$J$13,0)+IF(Input!$K$14=2,K3682*Input!$J$14,0)+IF(Input!$K$15=2,L3682*Input!$J$15,0)+IF(Input!$K$16=2,M3682*Input!$J$16,0)</f>
        <v>2.9707510510070121E-2</v>
      </c>
      <c r="P3682" s="58">
        <f>IF(Input!$K$13=3,J3682*Input!$J$13,0)+IF(Input!$K$14=3,K3682*Input!$J$14,0)+IF(Input!$K$15=3,L3682*Input!$J$15,0)+IF(Input!$K$16=3,M3682*Input!$J$16,0)</f>
        <v>0</v>
      </c>
      <c r="Q3682" s="71">
        <f>IF(Input!$K$13=4,J3682*Input!$J$13,0)+IF(Input!$K$14=4,K3682*Input!$J$14,0)+IF(Input!$K$15=4,L3682*Input!$J$15,0)+IF(Input!$K$16=4,M3682*Input!$J$16,0)</f>
        <v>0</v>
      </c>
    </row>
    <row r="3683" spans="8:17" x14ac:dyDescent="0.25">
      <c r="H3683" s="43">
        <v>3676</v>
      </c>
      <c r="I3683" s="55">
        <f>Bühler!I3709</f>
        <v>0.3725539216437776</v>
      </c>
      <c r="J3683" s="58">
        <f>Bühler!J3709</f>
        <v>4.7214999488718608</v>
      </c>
      <c r="K3683" s="58">
        <f>Bühler!K3709</f>
        <v>0.22005563340792683</v>
      </c>
      <c r="L3683" s="58">
        <f>Bühler!L3709</f>
        <v>0.11002781670396342</v>
      </c>
      <c r="M3683" s="57">
        <f>Bühler!M3709</f>
        <v>0</v>
      </c>
      <c r="N3683" s="55">
        <f>IF(Input!$K$13=1,J3683*Input!$J$13,0)+IF(Input!$K$14=1,K3683*Input!$J$14,0)+IF(Input!$K$15=1,L3683*Input!$J$15,0)+IF(Input!$K$16=1,M3683*Input!$J$16,0)</f>
        <v>0.56657999386462332</v>
      </c>
      <c r="O3683" s="58">
        <f>IF(Input!$K$13=2,J3683*Input!$J$13,0)+IF(Input!$K$14=2,K3683*Input!$J$14,0)+IF(Input!$K$15=2,L3683*Input!$J$15,0)+IF(Input!$K$16=2,M3683*Input!$J$16,0)</f>
        <v>2.9707510510070121E-2</v>
      </c>
      <c r="P3683" s="58">
        <f>IF(Input!$K$13=3,J3683*Input!$J$13,0)+IF(Input!$K$14=3,K3683*Input!$J$14,0)+IF(Input!$K$15=3,L3683*Input!$J$15,0)+IF(Input!$K$16=3,M3683*Input!$J$16,0)</f>
        <v>0</v>
      </c>
      <c r="Q3683" s="71">
        <f>IF(Input!$K$13=4,J3683*Input!$J$13,0)+IF(Input!$K$14=4,K3683*Input!$J$14,0)+IF(Input!$K$15=4,L3683*Input!$J$15,0)+IF(Input!$K$16=4,M3683*Input!$J$16,0)</f>
        <v>0</v>
      </c>
    </row>
    <row r="3684" spans="8:17" x14ac:dyDescent="0.25">
      <c r="H3684" s="43">
        <v>3677</v>
      </c>
      <c r="I3684" s="55">
        <f>Bühler!I3710</f>
        <v>0.3725539216437776</v>
      </c>
      <c r="J3684" s="58">
        <f>Bühler!J3710</f>
        <v>4.7214999488718608</v>
      </c>
      <c r="K3684" s="58">
        <f>Bühler!K3710</f>
        <v>0.22005563340792683</v>
      </c>
      <c r="L3684" s="58">
        <f>Bühler!L3710</f>
        <v>0.11002781670396342</v>
      </c>
      <c r="M3684" s="57">
        <f>Bühler!M3710</f>
        <v>0</v>
      </c>
      <c r="N3684" s="55">
        <f>IF(Input!$K$13=1,J3684*Input!$J$13,0)+IF(Input!$K$14=1,K3684*Input!$J$14,0)+IF(Input!$K$15=1,L3684*Input!$J$15,0)+IF(Input!$K$16=1,M3684*Input!$J$16,0)</f>
        <v>0.56657999386462332</v>
      </c>
      <c r="O3684" s="58">
        <f>IF(Input!$K$13=2,J3684*Input!$J$13,0)+IF(Input!$K$14=2,K3684*Input!$J$14,0)+IF(Input!$K$15=2,L3684*Input!$J$15,0)+IF(Input!$K$16=2,M3684*Input!$J$16,0)</f>
        <v>2.9707510510070121E-2</v>
      </c>
      <c r="P3684" s="58">
        <f>IF(Input!$K$13=3,J3684*Input!$J$13,0)+IF(Input!$K$14=3,K3684*Input!$J$14,0)+IF(Input!$K$15=3,L3684*Input!$J$15,0)+IF(Input!$K$16=3,M3684*Input!$J$16,0)</f>
        <v>0</v>
      </c>
      <c r="Q3684" s="71">
        <f>IF(Input!$K$13=4,J3684*Input!$J$13,0)+IF(Input!$K$14=4,K3684*Input!$J$14,0)+IF(Input!$K$15=4,L3684*Input!$J$15,0)+IF(Input!$K$16=4,M3684*Input!$J$16,0)</f>
        <v>0</v>
      </c>
    </row>
    <row r="3685" spans="8:17" x14ac:dyDescent="0.25">
      <c r="H3685" s="43">
        <v>3678</v>
      </c>
      <c r="I3685" s="55">
        <f>Bühler!I3711</f>
        <v>0.46342073180079651</v>
      </c>
      <c r="J3685" s="58">
        <f>Bühler!J3711</f>
        <v>4.7252860659617362</v>
      </c>
      <c r="K3685" s="58">
        <f>Bühler!K3711</f>
        <v>0.22005563340792683</v>
      </c>
      <c r="L3685" s="58">
        <f>Bühler!L3711</f>
        <v>0.11002781670396342</v>
      </c>
      <c r="M3685" s="57">
        <f>Bühler!M3711</f>
        <v>0</v>
      </c>
      <c r="N3685" s="55">
        <f>IF(Input!$K$13=1,J3685*Input!$J$13,0)+IF(Input!$K$14=1,K3685*Input!$J$14,0)+IF(Input!$K$15=1,L3685*Input!$J$15,0)+IF(Input!$K$16=1,M3685*Input!$J$16,0)</f>
        <v>0.56703432791540831</v>
      </c>
      <c r="O3685" s="58">
        <f>IF(Input!$K$13=2,J3685*Input!$J$13,0)+IF(Input!$K$14=2,K3685*Input!$J$14,0)+IF(Input!$K$15=2,L3685*Input!$J$15,0)+IF(Input!$K$16=2,M3685*Input!$J$16,0)</f>
        <v>2.9707510510070121E-2</v>
      </c>
      <c r="P3685" s="58">
        <f>IF(Input!$K$13=3,J3685*Input!$J$13,0)+IF(Input!$K$14=3,K3685*Input!$J$14,0)+IF(Input!$K$15=3,L3685*Input!$J$15,0)+IF(Input!$K$16=3,M3685*Input!$J$16,0)</f>
        <v>0</v>
      </c>
      <c r="Q3685" s="71">
        <f>IF(Input!$K$13=4,J3685*Input!$J$13,0)+IF(Input!$K$14=4,K3685*Input!$J$14,0)+IF(Input!$K$15=4,L3685*Input!$J$15,0)+IF(Input!$K$16=4,M3685*Input!$J$16,0)</f>
        <v>0</v>
      </c>
    </row>
    <row r="3686" spans="8:17" x14ac:dyDescent="0.25">
      <c r="H3686" s="43">
        <v>3679</v>
      </c>
      <c r="I3686" s="55">
        <f>Bühler!I3712</f>
        <v>0.58154758500492099</v>
      </c>
      <c r="J3686" s="58">
        <f>Bühler!J3712</f>
        <v>4.7302080181785753</v>
      </c>
      <c r="K3686" s="58">
        <f>Bühler!K3712</f>
        <v>0.22005563340792683</v>
      </c>
      <c r="L3686" s="58">
        <f>Bühler!L3712</f>
        <v>0.11002781670396342</v>
      </c>
      <c r="M3686" s="57">
        <f>Bühler!M3712</f>
        <v>0</v>
      </c>
      <c r="N3686" s="55">
        <f>IF(Input!$K$13=1,J3686*Input!$J$13,0)+IF(Input!$K$14=1,K3686*Input!$J$14,0)+IF(Input!$K$15=1,L3686*Input!$J$15,0)+IF(Input!$K$16=1,M3686*Input!$J$16,0)</f>
        <v>0.56762496218142899</v>
      </c>
      <c r="O3686" s="58">
        <f>IF(Input!$K$13=2,J3686*Input!$J$13,0)+IF(Input!$K$14=2,K3686*Input!$J$14,0)+IF(Input!$K$15=2,L3686*Input!$J$15,0)+IF(Input!$K$16=2,M3686*Input!$J$16,0)</f>
        <v>2.9707510510070121E-2</v>
      </c>
      <c r="P3686" s="58">
        <f>IF(Input!$K$13=3,J3686*Input!$J$13,0)+IF(Input!$K$14=3,K3686*Input!$J$14,0)+IF(Input!$K$15=3,L3686*Input!$J$15,0)+IF(Input!$K$16=3,M3686*Input!$J$16,0)</f>
        <v>0</v>
      </c>
      <c r="Q3686" s="71">
        <f>IF(Input!$K$13=4,J3686*Input!$J$13,0)+IF(Input!$K$14=4,K3686*Input!$J$14,0)+IF(Input!$K$15=4,L3686*Input!$J$15,0)+IF(Input!$K$16=4,M3686*Input!$J$16,0)</f>
        <v>0</v>
      </c>
    </row>
    <row r="3687" spans="8:17" x14ac:dyDescent="0.25">
      <c r="H3687" s="43">
        <v>3680</v>
      </c>
      <c r="I3687" s="55">
        <f>Bühler!I3713</f>
        <v>0.66332771414623815</v>
      </c>
      <c r="J3687" s="58">
        <f>Bühler!J3713</f>
        <v>4.7336155235594628</v>
      </c>
      <c r="K3687" s="58">
        <f>Bühler!K3713</f>
        <v>0.22005563340792683</v>
      </c>
      <c r="L3687" s="58">
        <f>Bühler!L3713</f>
        <v>0.11002781670396342</v>
      </c>
      <c r="M3687" s="57">
        <f>Bühler!M3713</f>
        <v>0</v>
      </c>
      <c r="N3687" s="55">
        <f>IF(Input!$K$13=1,J3687*Input!$J$13,0)+IF(Input!$K$14=1,K3687*Input!$J$14,0)+IF(Input!$K$15=1,L3687*Input!$J$15,0)+IF(Input!$K$16=1,M3687*Input!$J$16,0)</f>
        <v>0.56803386282713553</v>
      </c>
      <c r="O3687" s="58">
        <f>IF(Input!$K$13=2,J3687*Input!$J$13,0)+IF(Input!$K$14=2,K3687*Input!$J$14,0)+IF(Input!$K$15=2,L3687*Input!$J$15,0)+IF(Input!$K$16=2,M3687*Input!$J$16,0)</f>
        <v>2.9707510510070121E-2</v>
      </c>
      <c r="P3687" s="58">
        <f>IF(Input!$K$13=3,J3687*Input!$J$13,0)+IF(Input!$K$14=3,K3687*Input!$J$14,0)+IF(Input!$K$15=3,L3687*Input!$J$15,0)+IF(Input!$K$16=3,M3687*Input!$J$16,0)</f>
        <v>0</v>
      </c>
      <c r="Q3687" s="71">
        <f>IF(Input!$K$13=4,J3687*Input!$J$13,0)+IF(Input!$K$14=4,K3687*Input!$J$14,0)+IF(Input!$K$15=4,L3687*Input!$J$15,0)+IF(Input!$K$16=4,M3687*Input!$J$16,0)</f>
        <v>0</v>
      </c>
    </row>
    <row r="3688" spans="8:17" x14ac:dyDescent="0.25">
      <c r="H3688" s="43">
        <v>3681</v>
      </c>
      <c r="I3688" s="55">
        <f>Bühler!I3714</f>
        <v>0.66332771414623815</v>
      </c>
      <c r="J3688" s="58">
        <f>Bühler!J3714</f>
        <v>4.7336155235594628</v>
      </c>
      <c r="K3688" s="58">
        <f>Bühler!K3714</f>
        <v>0.22005563340792683</v>
      </c>
      <c r="L3688" s="58">
        <f>Bühler!L3714</f>
        <v>0.11002781670396342</v>
      </c>
      <c r="M3688" s="57">
        <f>Bühler!M3714</f>
        <v>0</v>
      </c>
      <c r="N3688" s="55">
        <f>IF(Input!$K$13=1,J3688*Input!$J$13,0)+IF(Input!$K$14=1,K3688*Input!$J$14,0)+IF(Input!$K$15=1,L3688*Input!$J$15,0)+IF(Input!$K$16=1,M3688*Input!$J$16,0)</f>
        <v>0.56803386282713553</v>
      </c>
      <c r="O3688" s="58">
        <f>IF(Input!$K$13=2,J3688*Input!$J$13,0)+IF(Input!$K$14=2,K3688*Input!$J$14,0)+IF(Input!$K$15=2,L3688*Input!$J$15,0)+IF(Input!$K$16=2,M3688*Input!$J$16,0)</f>
        <v>2.9707510510070121E-2</v>
      </c>
      <c r="P3688" s="58">
        <f>IF(Input!$K$13=3,J3688*Input!$J$13,0)+IF(Input!$K$14=3,K3688*Input!$J$14,0)+IF(Input!$K$15=3,L3688*Input!$J$15,0)+IF(Input!$K$16=3,M3688*Input!$J$16,0)</f>
        <v>0</v>
      </c>
      <c r="Q3688" s="71">
        <f>IF(Input!$K$13=4,J3688*Input!$J$13,0)+IF(Input!$K$14=4,K3688*Input!$J$14,0)+IF(Input!$K$15=4,L3688*Input!$J$15,0)+IF(Input!$K$16=4,M3688*Input!$J$16,0)</f>
        <v>0</v>
      </c>
    </row>
    <row r="3689" spans="8:17" x14ac:dyDescent="0.25">
      <c r="H3689" s="43">
        <v>3682</v>
      </c>
      <c r="I3689" s="55">
        <f>Bühler!I3715</f>
        <v>0.66332771414623815</v>
      </c>
      <c r="J3689" s="58">
        <f>Bühler!J3715</f>
        <v>4.7336155235594628</v>
      </c>
      <c r="K3689" s="58">
        <f>Bühler!K3715</f>
        <v>0.22005563340792683</v>
      </c>
      <c r="L3689" s="58">
        <f>Bühler!L3715</f>
        <v>0.11002781670396342</v>
      </c>
      <c r="M3689" s="57">
        <f>Bühler!M3715</f>
        <v>0</v>
      </c>
      <c r="N3689" s="55">
        <f>IF(Input!$K$13=1,J3689*Input!$J$13,0)+IF(Input!$K$14=1,K3689*Input!$J$14,0)+IF(Input!$K$15=1,L3689*Input!$J$15,0)+IF(Input!$K$16=1,M3689*Input!$J$16,0)</f>
        <v>0.56803386282713553</v>
      </c>
      <c r="O3689" s="58">
        <f>IF(Input!$K$13=2,J3689*Input!$J$13,0)+IF(Input!$K$14=2,K3689*Input!$J$14,0)+IF(Input!$K$15=2,L3689*Input!$J$15,0)+IF(Input!$K$16=2,M3689*Input!$J$16,0)</f>
        <v>2.9707510510070121E-2</v>
      </c>
      <c r="P3689" s="58">
        <f>IF(Input!$K$13=3,J3689*Input!$J$13,0)+IF(Input!$K$14=3,K3689*Input!$J$14,0)+IF(Input!$K$15=3,L3689*Input!$J$15,0)+IF(Input!$K$16=3,M3689*Input!$J$16,0)</f>
        <v>0</v>
      </c>
      <c r="Q3689" s="71">
        <f>IF(Input!$K$13=4,J3689*Input!$J$13,0)+IF(Input!$K$14=4,K3689*Input!$J$14,0)+IF(Input!$K$15=4,L3689*Input!$J$15,0)+IF(Input!$K$16=4,M3689*Input!$J$16,0)</f>
        <v>0</v>
      </c>
    </row>
    <row r="3690" spans="8:17" x14ac:dyDescent="0.25">
      <c r="H3690" s="43">
        <v>3683</v>
      </c>
      <c r="I3690" s="55">
        <f>Bühler!I3716</f>
        <v>0.66332771414623815</v>
      </c>
      <c r="J3690" s="58">
        <f>Bühler!J3716</f>
        <v>4.7336155235594628</v>
      </c>
      <c r="K3690" s="58">
        <f>Bühler!K3716</f>
        <v>0.22005563340792683</v>
      </c>
      <c r="L3690" s="58">
        <f>Bühler!L3716</f>
        <v>0.11002781670396342</v>
      </c>
      <c r="M3690" s="57">
        <f>Bühler!M3716</f>
        <v>0</v>
      </c>
      <c r="N3690" s="55">
        <f>IF(Input!$K$13=1,J3690*Input!$J$13,0)+IF(Input!$K$14=1,K3690*Input!$J$14,0)+IF(Input!$K$15=1,L3690*Input!$J$15,0)+IF(Input!$K$16=1,M3690*Input!$J$16,0)</f>
        <v>0.56803386282713553</v>
      </c>
      <c r="O3690" s="58">
        <f>IF(Input!$K$13=2,J3690*Input!$J$13,0)+IF(Input!$K$14=2,K3690*Input!$J$14,0)+IF(Input!$K$15=2,L3690*Input!$J$15,0)+IF(Input!$K$16=2,M3690*Input!$J$16,0)</f>
        <v>2.9707510510070121E-2</v>
      </c>
      <c r="P3690" s="58">
        <f>IF(Input!$K$13=3,J3690*Input!$J$13,0)+IF(Input!$K$14=3,K3690*Input!$J$14,0)+IF(Input!$K$15=3,L3690*Input!$J$15,0)+IF(Input!$K$16=3,M3690*Input!$J$16,0)</f>
        <v>0</v>
      </c>
      <c r="Q3690" s="71">
        <f>IF(Input!$K$13=4,J3690*Input!$J$13,0)+IF(Input!$K$14=4,K3690*Input!$J$14,0)+IF(Input!$K$15=4,L3690*Input!$J$15,0)+IF(Input!$K$16=4,M3690*Input!$J$16,0)</f>
        <v>0</v>
      </c>
    </row>
    <row r="3691" spans="8:17" x14ac:dyDescent="0.25">
      <c r="H3691" s="43">
        <v>3684</v>
      </c>
      <c r="I3691" s="55">
        <f>Bühler!I3717</f>
        <v>0.66332771414623815</v>
      </c>
      <c r="J3691" s="58">
        <f>Bühler!J3717</f>
        <v>4.7336155235594628</v>
      </c>
      <c r="K3691" s="58">
        <f>Bühler!K3717</f>
        <v>0.22005563340792683</v>
      </c>
      <c r="L3691" s="58">
        <f>Bühler!L3717</f>
        <v>0.11002781670396342</v>
      </c>
      <c r="M3691" s="57">
        <f>Bühler!M3717</f>
        <v>0</v>
      </c>
      <c r="N3691" s="55">
        <f>IF(Input!$K$13=1,J3691*Input!$J$13,0)+IF(Input!$K$14=1,K3691*Input!$J$14,0)+IF(Input!$K$15=1,L3691*Input!$J$15,0)+IF(Input!$K$16=1,M3691*Input!$J$16,0)</f>
        <v>0.56803386282713553</v>
      </c>
      <c r="O3691" s="58">
        <f>IF(Input!$K$13=2,J3691*Input!$J$13,0)+IF(Input!$K$14=2,K3691*Input!$J$14,0)+IF(Input!$K$15=2,L3691*Input!$J$15,0)+IF(Input!$K$16=2,M3691*Input!$J$16,0)</f>
        <v>2.9707510510070121E-2</v>
      </c>
      <c r="P3691" s="58">
        <f>IF(Input!$K$13=3,J3691*Input!$J$13,0)+IF(Input!$K$14=3,K3691*Input!$J$14,0)+IF(Input!$K$15=3,L3691*Input!$J$15,0)+IF(Input!$K$16=3,M3691*Input!$J$16,0)</f>
        <v>0</v>
      </c>
      <c r="Q3691" s="71">
        <f>IF(Input!$K$13=4,J3691*Input!$J$13,0)+IF(Input!$K$14=4,K3691*Input!$J$14,0)+IF(Input!$K$15=4,L3691*Input!$J$15,0)+IF(Input!$K$16=4,M3691*Input!$J$16,0)</f>
        <v>0</v>
      </c>
    </row>
    <row r="3692" spans="8:17" x14ac:dyDescent="0.25">
      <c r="H3692" s="43">
        <v>3685</v>
      </c>
      <c r="I3692" s="55">
        <f>Bühler!I3718</f>
        <v>0.66332771414623815</v>
      </c>
      <c r="J3692" s="58">
        <f>Bühler!J3718</f>
        <v>4.7336155235594628</v>
      </c>
      <c r="K3692" s="58">
        <f>Bühler!K3718</f>
        <v>0.22005563340792683</v>
      </c>
      <c r="L3692" s="58">
        <f>Bühler!L3718</f>
        <v>0.11002781670396342</v>
      </c>
      <c r="M3692" s="57">
        <f>Bühler!M3718</f>
        <v>0</v>
      </c>
      <c r="N3692" s="55">
        <f>IF(Input!$K$13=1,J3692*Input!$J$13,0)+IF(Input!$K$14=1,K3692*Input!$J$14,0)+IF(Input!$K$15=1,L3692*Input!$J$15,0)+IF(Input!$K$16=1,M3692*Input!$J$16,0)</f>
        <v>0.56803386282713553</v>
      </c>
      <c r="O3692" s="58">
        <f>IF(Input!$K$13=2,J3692*Input!$J$13,0)+IF(Input!$K$14=2,K3692*Input!$J$14,0)+IF(Input!$K$15=2,L3692*Input!$J$15,0)+IF(Input!$K$16=2,M3692*Input!$J$16,0)</f>
        <v>2.9707510510070121E-2</v>
      </c>
      <c r="P3692" s="58">
        <f>IF(Input!$K$13=3,J3692*Input!$J$13,0)+IF(Input!$K$14=3,K3692*Input!$J$14,0)+IF(Input!$K$15=3,L3692*Input!$J$15,0)+IF(Input!$K$16=3,M3692*Input!$J$16,0)</f>
        <v>0</v>
      </c>
      <c r="Q3692" s="71">
        <f>IF(Input!$K$13=4,J3692*Input!$J$13,0)+IF(Input!$K$14=4,K3692*Input!$J$14,0)+IF(Input!$K$15=4,L3692*Input!$J$15,0)+IF(Input!$K$16=4,M3692*Input!$J$16,0)</f>
        <v>0</v>
      </c>
    </row>
    <row r="3693" spans="8:17" x14ac:dyDescent="0.25">
      <c r="H3693" s="43">
        <v>3686</v>
      </c>
      <c r="I3693" s="55">
        <f>Bühler!I3719</f>
        <v>0.66332771414623815</v>
      </c>
      <c r="J3693" s="58">
        <f>Bühler!J3719</f>
        <v>4.7336155235594628</v>
      </c>
      <c r="K3693" s="58">
        <f>Bühler!K3719</f>
        <v>0.22005563340792683</v>
      </c>
      <c r="L3693" s="58">
        <f>Bühler!L3719</f>
        <v>0.11002781670396342</v>
      </c>
      <c r="M3693" s="57">
        <f>Bühler!M3719</f>
        <v>0</v>
      </c>
      <c r="N3693" s="55">
        <f>IF(Input!$K$13=1,J3693*Input!$J$13,0)+IF(Input!$K$14=1,K3693*Input!$J$14,0)+IF(Input!$K$15=1,L3693*Input!$J$15,0)+IF(Input!$K$16=1,M3693*Input!$J$16,0)</f>
        <v>0.56803386282713553</v>
      </c>
      <c r="O3693" s="58">
        <f>IF(Input!$K$13=2,J3693*Input!$J$13,0)+IF(Input!$K$14=2,K3693*Input!$J$14,0)+IF(Input!$K$15=2,L3693*Input!$J$15,0)+IF(Input!$K$16=2,M3693*Input!$J$16,0)</f>
        <v>2.9707510510070121E-2</v>
      </c>
      <c r="P3693" s="58">
        <f>IF(Input!$K$13=3,J3693*Input!$J$13,0)+IF(Input!$K$14=3,K3693*Input!$J$14,0)+IF(Input!$K$15=3,L3693*Input!$J$15,0)+IF(Input!$K$16=3,M3693*Input!$J$16,0)</f>
        <v>0</v>
      </c>
      <c r="Q3693" s="71">
        <f>IF(Input!$K$13=4,J3693*Input!$J$13,0)+IF(Input!$K$14=4,K3693*Input!$J$14,0)+IF(Input!$K$15=4,L3693*Input!$J$15,0)+IF(Input!$K$16=4,M3693*Input!$J$16,0)</f>
        <v>0</v>
      </c>
    </row>
    <row r="3694" spans="8:17" x14ac:dyDescent="0.25">
      <c r="H3694" s="43">
        <v>3687</v>
      </c>
      <c r="I3694" s="55">
        <f>Bühler!I3720</f>
        <v>0.66332771414623815</v>
      </c>
      <c r="J3694" s="58">
        <f>Bühler!J3720</f>
        <v>4.7336155235594628</v>
      </c>
      <c r="K3694" s="58">
        <f>Bühler!K3720</f>
        <v>0.22005563340792683</v>
      </c>
      <c r="L3694" s="58">
        <f>Bühler!L3720</f>
        <v>0.11002781670396342</v>
      </c>
      <c r="M3694" s="57">
        <f>Bühler!M3720</f>
        <v>0</v>
      </c>
      <c r="N3694" s="55">
        <f>IF(Input!$K$13=1,J3694*Input!$J$13,0)+IF(Input!$K$14=1,K3694*Input!$J$14,0)+IF(Input!$K$15=1,L3694*Input!$J$15,0)+IF(Input!$K$16=1,M3694*Input!$J$16,0)</f>
        <v>0.56803386282713553</v>
      </c>
      <c r="O3694" s="58">
        <f>IF(Input!$K$13=2,J3694*Input!$J$13,0)+IF(Input!$K$14=2,K3694*Input!$J$14,0)+IF(Input!$K$15=2,L3694*Input!$J$15,0)+IF(Input!$K$16=2,M3694*Input!$J$16,0)</f>
        <v>2.9707510510070121E-2</v>
      </c>
      <c r="P3694" s="58">
        <f>IF(Input!$K$13=3,J3694*Input!$J$13,0)+IF(Input!$K$14=3,K3694*Input!$J$14,0)+IF(Input!$K$15=3,L3694*Input!$J$15,0)+IF(Input!$K$16=3,M3694*Input!$J$16,0)</f>
        <v>0</v>
      </c>
      <c r="Q3694" s="71">
        <f>IF(Input!$K$13=4,J3694*Input!$J$13,0)+IF(Input!$K$14=4,K3694*Input!$J$14,0)+IF(Input!$K$15=4,L3694*Input!$J$15,0)+IF(Input!$K$16=4,M3694*Input!$J$16,0)</f>
        <v>0</v>
      </c>
    </row>
    <row r="3695" spans="8:17" x14ac:dyDescent="0.25">
      <c r="H3695" s="43">
        <v>3688</v>
      </c>
      <c r="I3695" s="55">
        <f>Bühler!I3721</f>
        <v>0.59972094703632473</v>
      </c>
      <c r="J3695" s="58">
        <f>Bühler!J3721</f>
        <v>4.7309652415965502</v>
      </c>
      <c r="K3695" s="58">
        <f>Bühler!K3721</f>
        <v>0.22005563340792683</v>
      </c>
      <c r="L3695" s="58">
        <f>Bühler!L3721</f>
        <v>0.11002781670396342</v>
      </c>
      <c r="M3695" s="57">
        <f>Bühler!M3721</f>
        <v>0</v>
      </c>
      <c r="N3695" s="55">
        <f>IF(Input!$K$13=1,J3695*Input!$J$13,0)+IF(Input!$K$14=1,K3695*Input!$J$14,0)+IF(Input!$K$15=1,L3695*Input!$J$15,0)+IF(Input!$K$16=1,M3695*Input!$J$16,0)</f>
        <v>0.56771582899158601</v>
      </c>
      <c r="O3695" s="58">
        <f>IF(Input!$K$13=2,J3695*Input!$J$13,0)+IF(Input!$K$14=2,K3695*Input!$J$14,0)+IF(Input!$K$15=2,L3695*Input!$J$15,0)+IF(Input!$K$16=2,M3695*Input!$J$16,0)</f>
        <v>2.9707510510070121E-2</v>
      </c>
      <c r="P3695" s="58">
        <f>IF(Input!$K$13=3,J3695*Input!$J$13,0)+IF(Input!$K$14=3,K3695*Input!$J$14,0)+IF(Input!$K$15=3,L3695*Input!$J$15,0)+IF(Input!$K$16=3,M3695*Input!$J$16,0)</f>
        <v>0</v>
      </c>
      <c r="Q3695" s="71">
        <f>IF(Input!$K$13=4,J3695*Input!$J$13,0)+IF(Input!$K$14=4,K3695*Input!$J$14,0)+IF(Input!$K$15=4,L3695*Input!$J$15,0)+IF(Input!$K$16=4,M3695*Input!$J$16,0)</f>
        <v>0</v>
      </c>
    </row>
    <row r="3696" spans="8:17" x14ac:dyDescent="0.25">
      <c r="H3696" s="43">
        <v>3689</v>
      </c>
      <c r="I3696" s="55">
        <f>Bühler!I3722</f>
        <v>0.54520086094211351</v>
      </c>
      <c r="J3696" s="58">
        <f>Bühler!J3722</f>
        <v>4.7286935713426246</v>
      </c>
      <c r="K3696" s="58">
        <f>Bühler!K3722</f>
        <v>0.22005563340792683</v>
      </c>
      <c r="L3696" s="58">
        <f>Bühler!L3722</f>
        <v>0.11002781670396342</v>
      </c>
      <c r="M3696" s="57">
        <f>Bühler!M3722</f>
        <v>0</v>
      </c>
      <c r="N3696" s="55">
        <f>IF(Input!$K$13=1,J3696*Input!$J$13,0)+IF(Input!$K$14=1,K3696*Input!$J$14,0)+IF(Input!$K$15=1,L3696*Input!$J$15,0)+IF(Input!$K$16=1,M3696*Input!$J$16,0)</f>
        <v>0.56744322856111495</v>
      </c>
      <c r="O3696" s="58">
        <f>IF(Input!$K$13=2,J3696*Input!$J$13,0)+IF(Input!$K$14=2,K3696*Input!$J$14,0)+IF(Input!$K$15=2,L3696*Input!$J$15,0)+IF(Input!$K$16=2,M3696*Input!$J$16,0)</f>
        <v>2.9707510510070121E-2</v>
      </c>
      <c r="P3696" s="58">
        <f>IF(Input!$K$13=3,J3696*Input!$J$13,0)+IF(Input!$K$14=3,K3696*Input!$J$14,0)+IF(Input!$K$15=3,L3696*Input!$J$15,0)+IF(Input!$K$16=3,M3696*Input!$J$16,0)</f>
        <v>0</v>
      </c>
      <c r="Q3696" s="71">
        <f>IF(Input!$K$13=4,J3696*Input!$J$13,0)+IF(Input!$K$14=4,K3696*Input!$J$14,0)+IF(Input!$K$15=4,L3696*Input!$J$15,0)+IF(Input!$K$16=4,M3696*Input!$J$16,0)</f>
        <v>0</v>
      </c>
    </row>
    <row r="3697" spans="8:17" x14ac:dyDescent="0.25">
      <c r="H3697" s="43">
        <v>3690</v>
      </c>
      <c r="I3697" s="55">
        <f>Bühler!I3723</f>
        <v>0.49068077484790223</v>
      </c>
      <c r="J3697" s="58">
        <f>Bühler!J3723</f>
        <v>4.726421901088699</v>
      </c>
      <c r="K3697" s="58">
        <f>Bühler!K3723</f>
        <v>0.22005563340792683</v>
      </c>
      <c r="L3697" s="58">
        <f>Bühler!L3723</f>
        <v>0.11002781670396342</v>
      </c>
      <c r="M3697" s="57">
        <f>Bühler!M3723</f>
        <v>0</v>
      </c>
      <c r="N3697" s="55">
        <f>IF(Input!$K$13=1,J3697*Input!$J$13,0)+IF(Input!$K$14=1,K3697*Input!$J$14,0)+IF(Input!$K$15=1,L3697*Input!$J$15,0)+IF(Input!$K$16=1,M3697*Input!$J$16,0)</f>
        <v>0.56717062813064389</v>
      </c>
      <c r="O3697" s="58">
        <f>IF(Input!$K$13=2,J3697*Input!$J$13,0)+IF(Input!$K$14=2,K3697*Input!$J$14,0)+IF(Input!$K$15=2,L3697*Input!$J$15,0)+IF(Input!$K$16=2,M3697*Input!$J$16,0)</f>
        <v>2.9707510510070121E-2</v>
      </c>
      <c r="P3697" s="58">
        <f>IF(Input!$K$13=3,J3697*Input!$J$13,0)+IF(Input!$K$14=3,K3697*Input!$J$14,0)+IF(Input!$K$15=3,L3697*Input!$J$15,0)+IF(Input!$K$16=3,M3697*Input!$J$16,0)</f>
        <v>0</v>
      </c>
      <c r="Q3697" s="71">
        <f>IF(Input!$K$13=4,J3697*Input!$J$13,0)+IF(Input!$K$14=4,K3697*Input!$J$14,0)+IF(Input!$K$15=4,L3697*Input!$J$15,0)+IF(Input!$K$16=4,M3697*Input!$J$16,0)</f>
        <v>0</v>
      </c>
    </row>
    <row r="3698" spans="8:17" x14ac:dyDescent="0.25">
      <c r="H3698" s="43">
        <v>3691</v>
      </c>
      <c r="I3698" s="55">
        <f>Bühler!I3724</f>
        <v>0.47250741281649827</v>
      </c>
      <c r="J3698" s="58">
        <f>Bühler!J3724</f>
        <v>4.7256646776707241</v>
      </c>
      <c r="K3698" s="58">
        <f>Bühler!K3724</f>
        <v>0.22005563340792683</v>
      </c>
      <c r="L3698" s="58">
        <f>Bühler!L3724</f>
        <v>0.11002781670396342</v>
      </c>
      <c r="M3698" s="57">
        <f>Bühler!M3724</f>
        <v>0</v>
      </c>
      <c r="N3698" s="55">
        <f>IF(Input!$K$13=1,J3698*Input!$J$13,0)+IF(Input!$K$14=1,K3698*Input!$J$14,0)+IF(Input!$K$15=1,L3698*Input!$J$15,0)+IF(Input!$K$16=1,M3698*Input!$J$16,0)</f>
        <v>0.56707976132048687</v>
      </c>
      <c r="O3698" s="58">
        <f>IF(Input!$K$13=2,J3698*Input!$J$13,0)+IF(Input!$K$14=2,K3698*Input!$J$14,0)+IF(Input!$K$15=2,L3698*Input!$J$15,0)+IF(Input!$K$16=2,M3698*Input!$J$16,0)</f>
        <v>2.9707510510070121E-2</v>
      </c>
      <c r="P3698" s="58">
        <f>IF(Input!$K$13=3,J3698*Input!$J$13,0)+IF(Input!$K$14=3,K3698*Input!$J$14,0)+IF(Input!$K$15=3,L3698*Input!$J$15,0)+IF(Input!$K$16=3,M3698*Input!$J$16,0)</f>
        <v>0</v>
      </c>
      <c r="Q3698" s="71">
        <f>IF(Input!$K$13=4,J3698*Input!$J$13,0)+IF(Input!$K$14=4,K3698*Input!$J$14,0)+IF(Input!$K$15=4,L3698*Input!$J$15,0)+IF(Input!$K$16=4,M3698*Input!$J$16,0)</f>
        <v>0</v>
      </c>
    </row>
    <row r="3699" spans="8:17" x14ac:dyDescent="0.25">
      <c r="H3699" s="43">
        <v>3692</v>
      </c>
      <c r="I3699" s="55">
        <f>Bühler!I3725</f>
        <v>0.38164060265947941</v>
      </c>
      <c r="J3699" s="58">
        <f>Bühler!J3725</f>
        <v>4.7218785605808486</v>
      </c>
      <c r="K3699" s="58">
        <f>Bühler!K3725</f>
        <v>0.22005563340792683</v>
      </c>
      <c r="L3699" s="58">
        <f>Bühler!L3725</f>
        <v>0.11002781670396342</v>
      </c>
      <c r="M3699" s="57">
        <f>Bühler!M3725</f>
        <v>0</v>
      </c>
      <c r="N3699" s="55">
        <f>IF(Input!$K$13=1,J3699*Input!$J$13,0)+IF(Input!$K$14=1,K3699*Input!$J$14,0)+IF(Input!$K$15=1,L3699*Input!$J$15,0)+IF(Input!$K$16=1,M3699*Input!$J$16,0)</f>
        <v>0.56662542726970178</v>
      </c>
      <c r="O3699" s="58">
        <f>IF(Input!$K$13=2,J3699*Input!$J$13,0)+IF(Input!$K$14=2,K3699*Input!$J$14,0)+IF(Input!$K$15=2,L3699*Input!$J$15,0)+IF(Input!$K$16=2,M3699*Input!$J$16,0)</f>
        <v>2.9707510510070121E-2</v>
      </c>
      <c r="P3699" s="58">
        <f>IF(Input!$K$13=3,J3699*Input!$J$13,0)+IF(Input!$K$14=3,K3699*Input!$J$14,0)+IF(Input!$K$15=3,L3699*Input!$J$15,0)+IF(Input!$K$16=3,M3699*Input!$J$16,0)</f>
        <v>0</v>
      </c>
      <c r="Q3699" s="71">
        <f>IF(Input!$K$13=4,J3699*Input!$J$13,0)+IF(Input!$K$14=4,K3699*Input!$J$14,0)+IF(Input!$K$15=4,L3699*Input!$J$15,0)+IF(Input!$K$16=4,M3699*Input!$J$16,0)</f>
        <v>0</v>
      </c>
    </row>
    <row r="3700" spans="8:17" x14ac:dyDescent="0.25">
      <c r="H3700" s="43">
        <v>3693</v>
      </c>
      <c r="I3700" s="55">
        <f>Bühler!I3726</f>
        <v>0.28168711148675868</v>
      </c>
      <c r="J3700" s="58">
        <f>Bühler!J3726</f>
        <v>4.7177138317819853</v>
      </c>
      <c r="K3700" s="58">
        <f>Bühler!K3726</f>
        <v>0.22005563340792683</v>
      </c>
      <c r="L3700" s="58">
        <f>Bühler!L3726</f>
        <v>0.11002781670396342</v>
      </c>
      <c r="M3700" s="57">
        <f>Bühler!M3726</f>
        <v>0</v>
      </c>
      <c r="N3700" s="55">
        <f>IF(Input!$K$13=1,J3700*Input!$J$13,0)+IF(Input!$K$14=1,K3700*Input!$J$14,0)+IF(Input!$K$15=1,L3700*Input!$J$15,0)+IF(Input!$K$16=1,M3700*Input!$J$16,0)</f>
        <v>0.56612565981383822</v>
      </c>
      <c r="O3700" s="58">
        <f>IF(Input!$K$13=2,J3700*Input!$J$13,0)+IF(Input!$K$14=2,K3700*Input!$J$14,0)+IF(Input!$K$15=2,L3700*Input!$J$15,0)+IF(Input!$K$16=2,M3700*Input!$J$16,0)</f>
        <v>2.9707510510070121E-2</v>
      </c>
      <c r="P3700" s="58">
        <f>IF(Input!$K$13=3,J3700*Input!$J$13,0)+IF(Input!$K$14=3,K3700*Input!$J$14,0)+IF(Input!$K$15=3,L3700*Input!$J$15,0)+IF(Input!$K$16=3,M3700*Input!$J$16,0)</f>
        <v>0</v>
      </c>
      <c r="Q3700" s="71">
        <f>IF(Input!$K$13=4,J3700*Input!$J$13,0)+IF(Input!$K$14=4,K3700*Input!$J$14,0)+IF(Input!$K$15=4,L3700*Input!$J$15,0)+IF(Input!$K$16=4,M3700*Input!$J$16,0)</f>
        <v>0</v>
      </c>
    </row>
    <row r="3701" spans="8:17" x14ac:dyDescent="0.25">
      <c r="H3701" s="43">
        <v>3694</v>
      </c>
      <c r="I3701" s="55">
        <f>Bühler!I3727</f>
        <v>0.28168711148675868</v>
      </c>
      <c r="J3701" s="58">
        <f>Bühler!J3727</f>
        <v>4.7177138317819853</v>
      </c>
      <c r="K3701" s="58">
        <f>Bühler!K3727</f>
        <v>0.22005563340792683</v>
      </c>
      <c r="L3701" s="58">
        <f>Bühler!L3727</f>
        <v>0.11002781670396342</v>
      </c>
      <c r="M3701" s="57">
        <f>Bühler!M3727</f>
        <v>0</v>
      </c>
      <c r="N3701" s="55">
        <f>IF(Input!$K$13=1,J3701*Input!$J$13,0)+IF(Input!$K$14=1,K3701*Input!$J$14,0)+IF(Input!$K$15=1,L3701*Input!$J$15,0)+IF(Input!$K$16=1,M3701*Input!$J$16,0)</f>
        <v>0.56612565981383822</v>
      </c>
      <c r="O3701" s="58">
        <f>IF(Input!$K$13=2,J3701*Input!$J$13,0)+IF(Input!$K$14=2,K3701*Input!$J$14,0)+IF(Input!$K$15=2,L3701*Input!$J$15,0)+IF(Input!$K$16=2,M3701*Input!$J$16,0)</f>
        <v>2.9707510510070121E-2</v>
      </c>
      <c r="P3701" s="58">
        <f>IF(Input!$K$13=3,J3701*Input!$J$13,0)+IF(Input!$K$14=3,K3701*Input!$J$14,0)+IF(Input!$K$15=3,L3701*Input!$J$15,0)+IF(Input!$K$16=3,M3701*Input!$J$16,0)</f>
        <v>0</v>
      </c>
      <c r="Q3701" s="71">
        <f>IF(Input!$K$13=4,J3701*Input!$J$13,0)+IF(Input!$K$14=4,K3701*Input!$J$14,0)+IF(Input!$K$15=4,L3701*Input!$J$15,0)+IF(Input!$K$16=4,M3701*Input!$J$16,0)</f>
        <v>0</v>
      </c>
    </row>
    <row r="3702" spans="8:17" x14ac:dyDescent="0.25">
      <c r="H3702" s="43">
        <v>3695</v>
      </c>
      <c r="I3702" s="55">
        <f>Bühler!I3728</f>
        <v>0.28168711148675868</v>
      </c>
      <c r="J3702" s="58">
        <f>Bühler!J3728</f>
        <v>4.7177138317819853</v>
      </c>
      <c r="K3702" s="58">
        <f>Bühler!K3728</f>
        <v>0.22005563340792683</v>
      </c>
      <c r="L3702" s="58">
        <f>Bühler!L3728</f>
        <v>0.11002781670396342</v>
      </c>
      <c r="M3702" s="57">
        <f>Bühler!M3728</f>
        <v>0</v>
      </c>
      <c r="N3702" s="55">
        <f>IF(Input!$K$13=1,J3702*Input!$J$13,0)+IF(Input!$K$14=1,K3702*Input!$J$14,0)+IF(Input!$K$15=1,L3702*Input!$J$15,0)+IF(Input!$K$16=1,M3702*Input!$J$16,0)</f>
        <v>0.56612565981383822</v>
      </c>
      <c r="O3702" s="58">
        <f>IF(Input!$K$13=2,J3702*Input!$J$13,0)+IF(Input!$K$14=2,K3702*Input!$J$14,0)+IF(Input!$K$15=2,L3702*Input!$J$15,0)+IF(Input!$K$16=2,M3702*Input!$J$16,0)</f>
        <v>2.9707510510070121E-2</v>
      </c>
      <c r="P3702" s="58">
        <f>IF(Input!$K$13=3,J3702*Input!$J$13,0)+IF(Input!$K$14=3,K3702*Input!$J$14,0)+IF(Input!$K$15=3,L3702*Input!$J$15,0)+IF(Input!$K$16=3,M3702*Input!$J$16,0)</f>
        <v>0</v>
      </c>
      <c r="Q3702" s="71">
        <f>IF(Input!$K$13=4,J3702*Input!$J$13,0)+IF(Input!$K$14=4,K3702*Input!$J$14,0)+IF(Input!$K$15=4,L3702*Input!$J$15,0)+IF(Input!$K$16=4,M3702*Input!$J$16,0)</f>
        <v>0</v>
      </c>
    </row>
    <row r="3703" spans="8:17" x14ac:dyDescent="0.25">
      <c r="H3703" s="43">
        <v>3696</v>
      </c>
      <c r="I3703" s="55">
        <f>Bühler!I3729</f>
        <v>0.28168711148675868</v>
      </c>
      <c r="J3703" s="58">
        <f>Bühler!J3729</f>
        <v>4.7177138317819853</v>
      </c>
      <c r="K3703" s="58">
        <f>Bühler!K3729</f>
        <v>0.22005563340792683</v>
      </c>
      <c r="L3703" s="58">
        <f>Bühler!L3729</f>
        <v>0.11002781670396342</v>
      </c>
      <c r="M3703" s="57">
        <f>Bühler!M3729</f>
        <v>0</v>
      </c>
      <c r="N3703" s="55">
        <f>IF(Input!$K$13=1,J3703*Input!$J$13,0)+IF(Input!$K$14=1,K3703*Input!$J$14,0)+IF(Input!$K$15=1,L3703*Input!$J$15,0)+IF(Input!$K$16=1,M3703*Input!$J$16,0)</f>
        <v>0.56612565981383822</v>
      </c>
      <c r="O3703" s="58">
        <f>IF(Input!$K$13=2,J3703*Input!$J$13,0)+IF(Input!$K$14=2,K3703*Input!$J$14,0)+IF(Input!$K$15=2,L3703*Input!$J$15,0)+IF(Input!$K$16=2,M3703*Input!$J$16,0)</f>
        <v>2.9707510510070121E-2</v>
      </c>
      <c r="P3703" s="58">
        <f>IF(Input!$K$13=3,J3703*Input!$J$13,0)+IF(Input!$K$14=3,K3703*Input!$J$14,0)+IF(Input!$K$15=3,L3703*Input!$J$15,0)+IF(Input!$K$16=3,M3703*Input!$J$16,0)</f>
        <v>0</v>
      </c>
      <c r="Q3703" s="71">
        <f>IF(Input!$K$13=4,J3703*Input!$J$13,0)+IF(Input!$K$14=4,K3703*Input!$J$14,0)+IF(Input!$K$15=4,L3703*Input!$J$15,0)+IF(Input!$K$16=4,M3703*Input!$J$16,0)</f>
        <v>0</v>
      </c>
    </row>
    <row r="3704" spans="8:17" x14ac:dyDescent="0.25">
      <c r="H3704" s="43">
        <v>3697</v>
      </c>
      <c r="I3704" s="55">
        <f>Bühler!I3730</f>
        <v>0.30361291390830081</v>
      </c>
      <c r="J3704" s="58">
        <f>Bühler!J3730</f>
        <v>4.6798059653223278</v>
      </c>
      <c r="K3704" s="58">
        <f>Bühler!K3730</f>
        <v>0.22077679334205969</v>
      </c>
      <c r="L3704" s="58">
        <f>Bühler!L3730</f>
        <v>0.11038839667102984</v>
      </c>
      <c r="M3704" s="57">
        <f>Bühler!M3730</f>
        <v>0</v>
      </c>
      <c r="N3704" s="55">
        <f>IF(Input!$K$13=1,J3704*Input!$J$13,0)+IF(Input!$K$14=1,K3704*Input!$J$14,0)+IF(Input!$K$15=1,L3704*Input!$J$15,0)+IF(Input!$K$16=1,M3704*Input!$J$16,0)</f>
        <v>0.5615767158386793</v>
      </c>
      <c r="O3704" s="58">
        <f>IF(Input!$K$13=2,J3704*Input!$J$13,0)+IF(Input!$K$14=2,K3704*Input!$J$14,0)+IF(Input!$K$15=2,L3704*Input!$J$15,0)+IF(Input!$K$16=2,M3704*Input!$J$16,0)</f>
        <v>2.9804867101178058E-2</v>
      </c>
      <c r="P3704" s="58">
        <f>IF(Input!$K$13=3,J3704*Input!$J$13,0)+IF(Input!$K$14=3,K3704*Input!$J$14,0)+IF(Input!$K$15=3,L3704*Input!$J$15,0)+IF(Input!$K$16=3,M3704*Input!$J$16,0)</f>
        <v>0</v>
      </c>
      <c r="Q3704" s="71">
        <f>IF(Input!$K$13=4,J3704*Input!$J$13,0)+IF(Input!$K$14=4,K3704*Input!$J$14,0)+IF(Input!$K$15=4,L3704*Input!$J$15,0)+IF(Input!$K$16=4,M3704*Input!$J$16,0)</f>
        <v>0</v>
      </c>
    </row>
    <row r="3705" spans="8:17" x14ac:dyDescent="0.25">
      <c r="H3705" s="43">
        <v>3698</v>
      </c>
      <c r="I3705" s="55">
        <f>Bühler!I3731</f>
        <v>0.35258273873222035</v>
      </c>
      <c r="J3705" s="58">
        <f>Bühler!J3731</f>
        <v>4.6818463746899912</v>
      </c>
      <c r="K3705" s="58">
        <f>Bühler!K3731</f>
        <v>0.22077679334205969</v>
      </c>
      <c r="L3705" s="58">
        <f>Bühler!L3731</f>
        <v>0.11038839667102984</v>
      </c>
      <c r="M3705" s="57">
        <f>Bühler!M3731</f>
        <v>0</v>
      </c>
      <c r="N3705" s="55">
        <f>IF(Input!$K$13=1,J3705*Input!$J$13,0)+IF(Input!$K$14=1,K3705*Input!$J$14,0)+IF(Input!$K$15=1,L3705*Input!$J$15,0)+IF(Input!$K$16=1,M3705*Input!$J$16,0)</f>
        <v>0.56182156496279889</v>
      </c>
      <c r="O3705" s="58">
        <f>IF(Input!$K$13=2,J3705*Input!$J$13,0)+IF(Input!$K$14=2,K3705*Input!$J$14,0)+IF(Input!$K$15=2,L3705*Input!$J$15,0)+IF(Input!$K$16=2,M3705*Input!$J$16,0)</f>
        <v>2.9804867101178058E-2</v>
      </c>
      <c r="P3705" s="58">
        <f>IF(Input!$K$13=3,J3705*Input!$J$13,0)+IF(Input!$K$14=3,K3705*Input!$J$14,0)+IF(Input!$K$15=3,L3705*Input!$J$15,0)+IF(Input!$K$16=3,M3705*Input!$J$16,0)</f>
        <v>0</v>
      </c>
      <c r="Q3705" s="71">
        <f>IF(Input!$K$13=4,J3705*Input!$J$13,0)+IF(Input!$K$14=4,K3705*Input!$J$14,0)+IF(Input!$K$15=4,L3705*Input!$J$15,0)+IF(Input!$K$16=4,M3705*Input!$J$16,0)</f>
        <v>0</v>
      </c>
    </row>
    <row r="3706" spans="8:17" x14ac:dyDescent="0.25">
      <c r="H3706" s="43">
        <v>3699</v>
      </c>
      <c r="I3706" s="55">
        <f>Bühler!I3732</f>
        <v>0.35258273873222035</v>
      </c>
      <c r="J3706" s="58">
        <f>Bühler!J3732</f>
        <v>4.6818463746899912</v>
      </c>
      <c r="K3706" s="58">
        <f>Bühler!K3732</f>
        <v>0.22077679334205969</v>
      </c>
      <c r="L3706" s="58">
        <f>Bühler!L3732</f>
        <v>0.11038839667102984</v>
      </c>
      <c r="M3706" s="57">
        <f>Bühler!M3732</f>
        <v>0</v>
      </c>
      <c r="N3706" s="55">
        <f>IF(Input!$K$13=1,J3706*Input!$J$13,0)+IF(Input!$K$14=1,K3706*Input!$J$14,0)+IF(Input!$K$15=1,L3706*Input!$J$15,0)+IF(Input!$K$16=1,M3706*Input!$J$16,0)</f>
        <v>0.56182156496279889</v>
      </c>
      <c r="O3706" s="58">
        <f>IF(Input!$K$13=2,J3706*Input!$J$13,0)+IF(Input!$K$14=2,K3706*Input!$J$14,0)+IF(Input!$K$15=2,L3706*Input!$J$15,0)+IF(Input!$K$16=2,M3706*Input!$J$16,0)</f>
        <v>2.9804867101178058E-2</v>
      </c>
      <c r="P3706" s="58">
        <f>IF(Input!$K$13=3,J3706*Input!$J$13,0)+IF(Input!$K$14=3,K3706*Input!$J$14,0)+IF(Input!$K$15=3,L3706*Input!$J$15,0)+IF(Input!$K$16=3,M3706*Input!$J$16,0)</f>
        <v>0</v>
      </c>
      <c r="Q3706" s="71">
        <f>IF(Input!$K$13=4,J3706*Input!$J$13,0)+IF(Input!$K$14=4,K3706*Input!$J$14,0)+IF(Input!$K$15=4,L3706*Input!$J$15,0)+IF(Input!$K$16=4,M3706*Input!$J$16,0)</f>
        <v>0</v>
      </c>
    </row>
    <row r="3707" spans="8:17" x14ac:dyDescent="0.25">
      <c r="H3707" s="43">
        <v>3700</v>
      </c>
      <c r="I3707" s="55">
        <f>Bühler!I3733</f>
        <v>0.35258273873222035</v>
      </c>
      <c r="J3707" s="58">
        <f>Bühler!J3733</f>
        <v>4.6818463746899912</v>
      </c>
      <c r="K3707" s="58">
        <f>Bühler!K3733</f>
        <v>0.22077679334205969</v>
      </c>
      <c r="L3707" s="58">
        <f>Bühler!L3733</f>
        <v>0.11038839667102984</v>
      </c>
      <c r="M3707" s="57">
        <f>Bühler!M3733</f>
        <v>0</v>
      </c>
      <c r="N3707" s="55">
        <f>IF(Input!$K$13=1,J3707*Input!$J$13,0)+IF(Input!$K$14=1,K3707*Input!$J$14,0)+IF(Input!$K$15=1,L3707*Input!$J$15,0)+IF(Input!$K$16=1,M3707*Input!$J$16,0)</f>
        <v>0.56182156496279889</v>
      </c>
      <c r="O3707" s="58">
        <f>IF(Input!$K$13=2,J3707*Input!$J$13,0)+IF(Input!$K$14=2,K3707*Input!$J$14,0)+IF(Input!$K$15=2,L3707*Input!$J$15,0)+IF(Input!$K$16=2,M3707*Input!$J$16,0)</f>
        <v>2.9804867101178058E-2</v>
      </c>
      <c r="P3707" s="58">
        <f>IF(Input!$K$13=3,J3707*Input!$J$13,0)+IF(Input!$K$14=3,K3707*Input!$J$14,0)+IF(Input!$K$15=3,L3707*Input!$J$15,0)+IF(Input!$K$16=3,M3707*Input!$J$16,0)</f>
        <v>0</v>
      </c>
      <c r="Q3707" s="71">
        <f>IF(Input!$K$13=4,J3707*Input!$J$13,0)+IF(Input!$K$14=4,K3707*Input!$J$14,0)+IF(Input!$K$15=4,L3707*Input!$J$15,0)+IF(Input!$K$16=4,M3707*Input!$J$16,0)</f>
        <v>0</v>
      </c>
    </row>
    <row r="3708" spans="8:17" x14ac:dyDescent="0.25">
      <c r="H3708" s="43">
        <v>3701</v>
      </c>
      <c r="I3708" s="55">
        <f>Bühler!I3734</f>
        <v>0.35258273873222035</v>
      </c>
      <c r="J3708" s="58">
        <f>Bühler!J3734</f>
        <v>4.6818463746899912</v>
      </c>
      <c r="K3708" s="58">
        <f>Bühler!K3734</f>
        <v>0.22077679334205969</v>
      </c>
      <c r="L3708" s="58">
        <f>Bühler!L3734</f>
        <v>0.11038839667102984</v>
      </c>
      <c r="M3708" s="57">
        <f>Bühler!M3734</f>
        <v>0</v>
      </c>
      <c r="N3708" s="55">
        <f>IF(Input!$K$13=1,J3708*Input!$J$13,0)+IF(Input!$K$14=1,K3708*Input!$J$14,0)+IF(Input!$K$15=1,L3708*Input!$J$15,0)+IF(Input!$K$16=1,M3708*Input!$J$16,0)</f>
        <v>0.56182156496279889</v>
      </c>
      <c r="O3708" s="58">
        <f>IF(Input!$K$13=2,J3708*Input!$J$13,0)+IF(Input!$K$14=2,K3708*Input!$J$14,0)+IF(Input!$K$15=2,L3708*Input!$J$15,0)+IF(Input!$K$16=2,M3708*Input!$J$16,0)</f>
        <v>2.9804867101178058E-2</v>
      </c>
      <c r="P3708" s="58">
        <f>IF(Input!$K$13=3,J3708*Input!$J$13,0)+IF(Input!$K$14=3,K3708*Input!$J$14,0)+IF(Input!$K$15=3,L3708*Input!$J$15,0)+IF(Input!$K$16=3,M3708*Input!$J$16,0)</f>
        <v>0</v>
      </c>
      <c r="Q3708" s="71">
        <f>IF(Input!$K$13=4,J3708*Input!$J$13,0)+IF(Input!$K$14=4,K3708*Input!$J$14,0)+IF(Input!$K$15=4,L3708*Input!$J$15,0)+IF(Input!$K$16=4,M3708*Input!$J$16,0)</f>
        <v>0</v>
      </c>
    </row>
    <row r="3709" spans="8:17" x14ac:dyDescent="0.25">
      <c r="H3709" s="43">
        <v>3702</v>
      </c>
      <c r="I3709" s="55">
        <f>Bühler!I3735</f>
        <v>0.44072842341527541</v>
      </c>
      <c r="J3709" s="58">
        <f>Bühler!J3735</f>
        <v>4.6855191115517849</v>
      </c>
      <c r="K3709" s="58">
        <f>Bühler!K3735</f>
        <v>0.22077679334205969</v>
      </c>
      <c r="L3709" s="58">
        <f>Bühler!L3735</f>
        <v>0.11038839667102984</v>
      </c>
      <c r="M3709" s="57">
        <f>Bühler!M3735</f>
        <v>0</v>
      </c>
      <c r="N3709" s="55">
        <f>IF(Input!$K$13=1,J3709*Input!$J$13,0)+IF(Input!$K$14=1,K3709*Input!$J$14,0)+IF(Input!$K$15=1,L3709*Input!$J$15,0)+IF(Input!$K$16=1,M3709*Input!$J$16,0)</f>
        <v>0.56226229338621414</v>
      </c>
      <c r="O3709" s="58">
        <f>IF(Input!$K$13=2,J3709*Input!$J$13,0)+IF(Input!$K$14=2,K3709*Input!$J$14,0)+IF(Input!$K$15=2,L3709*Input!$J$15,0)+IF(Input!$K$16=2,M3709*Input!$J$16,0)</f>
        <v>2.9804867101178058E-2</v>
      </c>
      <c r="P3709" s="58">
        <f>IF(Input!$K$13=3,J3709*Input!$J$13,0)+IF(Input!$K$14=3,K3709*Input!$J$14,0)+IF(Input!$K$15=3,L3709*Input!$J$15,0)+IF(Input!$K$16=3,M3709*Input!$J$16,0)</f>
        <v>0</v>
      </c>
      <c r="Q3709" s="71">
        <f>IF(Input!$K$13=4,J3709*Input!$J$13,0)+IF(Input!$K$14=4,K3709*Input!$J$14,0)+IF(Input!$K$15=4,L3709*Input!$J$15,0)+IF(Input!$K$16=4,M3709*Input!$J$16,0)</f>
        <v>0</v>
      </c>
    </row>
    <row r="3710" spans="8:17" x14ac:dyDescent="0.25">
      <c r="H3710" s="43">
        <v>3703</v>
      </c>
      <c r="I3710" s="55">
        <f>Bühler!I3736</f>
        <v>0.51908014313354667</v>
      </c>
      <c r="J3710" s="58">
        <f>Bühler!J3736</f>
        <v>4.6887837665400465</v>
      </c>
      <c r="K3710" s="58">
        <f>Bühler!K3736</f>
        <v>0.22077679334205969</v>
      </c>
      <c r="L3710" s="58">
        <f>Bühler!L3736</f>
        <v>0.11038839667102984</v>
      </c>
      <c r="M3710" s="57">
        <f>Bühler!M3736</f>
        <v>0</v>
      </c>
      <c r="N3710" s="55">
        <f>IF(Input!$K$13=1,J3710*Input!$J$13,0)+IF(Input!$K$14=1,K3710*Input!$J$14,0)+IF(Input!$K$15=1,L3710*Input!$J$15,0)+IF(Input!$K$16=1,M3710*Input!$J$16,0)</f>
        <v>0.56265405198480556</v>
      </c>
      <c r="O3710" s="58">
        <f>IF(Input!$K$13=2,J3710*Input!$J$13,0)+IF(Input!$K$14=2,K3710*Input!$J$14,0)+IF(Input!$K$15=2,L3710*Input!$J$15,0)+IF(Input!$K$16=2,M3710*Input!$J$16,0)</f>
        <v>2.9804867101178058E-2</v>
      </c>
      <c r="P3710" s="58">
        <f>IF(Input!$K$13=3,J3710*Input!$J$13,0)+IF(Input!$K$14=3,K3710*Input!$J$14,0)+IF(Input!$K$15=3,L3710*Input!$J$15,0)+IF(Input!$K$16=3,M3710*Input!$J$16,0)</f>
        <v>0</v>
      </c>
      <c r="Q3710" s="71">
        <f>IF(Input!$K$13=4,J3710*Input!$J$13,0)+IF(Input!$K$14=4,K3710*Input!$J$14,0)+IF(Input!$K$15=4,L3710*Input!$J$15,0)+IF(Input!$K$16=4,M3710*Input!$J$16,0)</f>
        <v>0</v>
      </c>
    </row>
    <row r="3711" spans="8:17" x14ac:dyDescent="0.25">
      <c r="H3711" s="43">
        <v>3704</v>
      </c>
      <c r="I3711" s="55">
        <f>Bühler!I3737</f>
        <v>0.61701979278138563</v>
      </c>
      <c r="J3711" s="58">
        <f>Bühler!J3737</f>
        <v>4.6928645852753732</v>
      </c>
      <c r="K3711" s="58">
        <f>Bühler!K3737</f>
        <v>0.22077679334205969</v>
      </c>
      <c r="L3711" s="58">
        <f>Bühler!L3737</f>
        <v>0.11038839667102984</v>
      </c>
      <c r="M3711" s="57">
        <f>Bühler!M3737</f>
        <v>0</v>
      </c>
      <c r="N3711" s="55">
        <f>IF(Input!$K$13=1,J3711*Input!$J$13,0)+IF(Input!$K$14=1,K3711*Input!$J$14,0)+IF(Input!$K$15=1,L3711*Input!$J$15,0)+IF(Input!$K$16=1,M3711*Input!$J$16,0)</f>
        <v>0.56314375023304475</v>
      </c>
      <c r="O3711" s="58">
        <f>IF(Input!$K$13=2,J3711*Input!$J$13,0)+IF(Input!$K$14=2,K3711*Input!$J$14,0)+IF(Input!$K$15=2,L3711*Input!$J$15,0)+IF(Input!$K$16=2,M3711*Input!$J$16,0)</f>
        <v>2.9804867101178058E-2</v>
      </c>
      <c r="P3711" s="58">
        <f>IF(Input!$K$13=3,J3711*Input!$J$13,0)+IF(Input!$K$14=3,K3711*Input!$J$14,0)+IF(Input!$K$15=3,L3711*Input!$J$15,0)+IF(Input!$K$16=3,M3711*Input!$J$16,0)</f>
        <v>0</v>
      </c>
      <c r="Q3711" s="71">
        <f>IF(Input!$K$13=4,J3711*Input!$J$13,0)+IF(Input!$K$14=4,K3711*Input!$J$14,0)+IF(Input!$K$15=4,L3711*Input!$J$15,0)+IF(Input!$K$16=4,M3711*Input!$J$16,0)</f>
        <v>0</v>
      </c>
    </row>
    <row r="3712" spans="8:17" x14ac:dyDescent="0.25">
      <c r="H3712" s="43">
        <v>3705</v>
      </c>
      <c r="I3712" s="55">
        <f>Bühler!I3738</f>
        <v>0.61701979278138563</v>
      </c>
      <c r="J3712" s="58">
        <f>Bühler!J3738</f>
        <v>4.6928645852753732</v>
      </c>
      <c r="K3712" s="58">
        <f>Bühler!K3738</f>
        <v>0.22077679334205969</v>
      </c>
      <c r="L3712" s="58">
        <f>Bühler!L3738</f>
        <v>0.11038839667102984</v>
      </c>
      <c r="M3712" s="57">
        <f>Bühler!M3738</f>
        <v>0</v>
      </c>
      <c r="N3712" s="55">
        <f>IF(Input!$K$13=1,J3712*Input!$J$13,0)+IF(Input!$K$14=1,K3712*Input!$J$14,0)+IF(Input!$K$15=1,L3712*Input!$J$15,0)+IF(Input!$K$16=1,M3712*Input!$J$16,0)</f>
        <v>0.56314375023304475</v>
      </c>
      <c r="O3712" s="58">
        <f>IF(Input!$K$13=2,J3712*Input!$J$13,0)+IF(Input!$K$14=2,K3712*Input!$J$14,0)+IF(Input!$K$15=2,L3712*Input!$J$15,0)+IF(Input!$K$16=2,M3712*Input!$J$16,0)</f>
        <v>2.9804867101178058E-2</v>
      </c>
      <c r="P3712" s="58">
        <f>IF(Input!$K$13=3,J3712*Input!$J$13,0)+IF(Input!$K$14=3,K3712*Input!$J$14,0)+IF(Input!$K$15=3,L3712*Input!$J$15,0)+IF(Input!$K$16=3,M3712*Input!$J$16,0)</f>
        <v>0</v>
      </c>
      <c r="Q3712" s="71">
        <f>IF(Input!$K$13=4,J3712*Input!$J$13,0)+IF(Input!$K$14=4,K3712*Input!$J$14,0)+IF(Input!$K$15=4,L3712*Input!$J$15,0)+IF(Input!$K$16=4,M3712*Input!$J$16,0)</f>
        <v>0</v>
      </c>
    </row>
    <row r="3713" spans="8:17" x14ac:dyDescent="0.25">
      <c r="H3713" s="43">
        <v>3706</v>
      </c>
      <c r="I3713" s="55">
        <f>Bühler!I3739</f>
        <v>0.61701979278138563</v>
      </c>
      <c r="J3713" s="58">
        <f>Bühler!J3739</f>
        <v>4.6928645852753732</v>
      </c>
      <c r="K3713" s="58">
        <f>Bühler!K3739</f>
        <v>0.22077679334205969</v>
      </c>
      <c r="L3713" s="58">
        <f>Bühler!L3739</f>
        <v>0.11038839667102984</v>
      </c>
      <c r="M3713" s="57">
        <f>Bühler!M3739</f>
        <v>0</v>
      </c>
      <c r="N3713" s="55">
        <f>IF(Input!$K$13=1,J3713*Input!$J$13,0)+IF(Input!$K$14=1,K3713*Input!$J$14,0)+IF(Input!$K$15=1,L3713*Input!$J$15,0)+IF(Input!$K$16=1,M3713*Input!$J$16,0)</f>
        <v>0.56314375023304475</v>
      </c>
      <c r="O3713" s="58">
        <f>IF(Input!$K$13=2,J3713*Input!$J$13,0)+IF(Input!$K$14=2,K3713*Input!$J$14,0)+IF(Input!$K$15=2,L3713*Input!$J$15,0)+IF(Input!$K$16=2,M3713*Input!$J$16,0)</f>
        <v>2.9804867101178058E-2</v>
      </c>
      <c r="P3713" s="58">
        <f>IF(Input!$K$13=3,J3713*Input!$J$13,0)+IF(Input!$K$14=3,K3713*Input!$J$14,0)+IF(Input!$K$15=3,L3713*Input!$J$15,0)+IF(Input!$K$16=3,M3713*Input!$J$16,0)</f>
        <v>0</v>
      </c>
      <c r="Q3713" s="71">
        <f>IF(Input!$K$13=4,J3713*Input!$J$13,0)+IF(Input!$K$14=4,K3713*Input!$J$14,0)+IF(Input!$K$15=4,L3713*Input!$J$15,0)+IF(Input!$K$16=4,M3713*Input!$J$16,0)</f>
        <v>0</v>
      </c>
    </row>
    <row r="3714" spans="8:17" x14ac:dyDescent="0.25">
      <c r="H3714" s="43">
        <v>3707</v>
      </c>
      <c r="I3714" s="55">
        <f>Bühler!I3740</f>
        <v>0.61701979278138563</v>
      </c>
      <c r="J3714" s="58">
        <f>Bühler!J3740</f>
        <v>4.6928645852753732</v>
      </c>
      <c r="K3714" s="58">
        <f>Bühler!K3740</f>
        <v>0.22077679334205969</v>
      </c>
      <c r="L3714" s="58">
        <f>Bühler!L3740</f>
        <v>0.11038839667102984</v>
      </c>
      <c r="M3714" s="57">
        <f>Bühler!M3740</f>
        <v>0</v>
      </c>
      <c r="N3714" s="55">
        <f>IF(Input!$K$13=1,J3714*Input!$J$13,0)+IF(Input!$K$14=1,K3714*Input!$J$14,0)+IF(Input!$K$15=1,L3714*Input!$J$15,0)+IF(Input!$K$16=1,M3714*Input!$J$16,0)</f>
        <v>0.56314375023304475</v>
      </c>
      <c r="O3714" s="58">
        <f>IF(Input!$K$13=2,J3714*Input!$J$13,0)+IF(Input!$K$14=2,K3714*Input!$J$14,0)+IF(Input!$K$15=2,L3714*Input!$J$15,0)+IF(Input!$K$16=2,M3714*Input!$J$16,0)</f>
        <v>2.9804867101178058E-2</v>
      </c>
      <c r="P3714" s="58">
        <f>IF(Input!$K$13=3,J3714*Input!$J$13,0)+IF(Input!$K$14=3,K3714*Input!$J$14,0)+IF(Input!$K$15=3,L3714*Input!$J$15,0)+IF(Input!$K$16=3,M3714*Input!$J$16,0)</f>
        <v>0</v>
      </c>
      <c r="Q3714" s="71">
        <f>IF(Input!$K$13=4,J3714*Input!$J$13,0)+IF(Input!$K$14=4,K3714*Input!$J$14,0)+IF(Input!$K$15=4,L3714*Input!$J$15,0)+IF(Input!$K$16=4,M3714*Input!$J$16,0)</f>
        <v>0</v>
      </c>
    </row>
    <row r="3715" spans="8:17" x14ac:dyDescent="0.25">
      <c r="H3715" s="43">
        <v>3708</v>
      </c>
      <c r="I3715" s="55">
        <f>Bühler!I3741</f>
        <v>0.61701979278138563</v>
      </c>
      <c r="J3715" s="58">
        <f>Bühler!J3741</f>
        <v>4.6928645852753732</v>
      </c>
      <c r="K3715" s="58">
        <f>Bühler!K3741</f>
        <v>0.22077679334205969</v>
      </c>
      <c r="L3715" s="58">
        <f>Bühler!L3741</f>
        <v>0.11038839667102984</v>
      </c>
      <c r="M3715" s="57">
        <f>Bühler!M3741</f>
        <v>0</v>
      </c>
      <c r="N3715" s="55">
        <f>IF(Input!$K$13=1,J3715*Input!$J$13,0)+IF(Input!$K$14=1,K3715*Input!$J$14,0)+IF(Input!$K$15=1,L3715*Input!$J$15,0)+IF(Input!$K$16=1,M3715*Input!$J$16,0)</f>
        <v>0.56314375023304475</v>
      </c>
      <c r="O3715" s="58">
        <f>IF(Input!$K$13=2,J3715*Input!$J$13,0)+IF(Input!$K$14=2,K3715*Input!$J$14,0)+IF(Input!$K$15=2,L3715*Input!$J$15,0)+IF(Input!$K$16=2,M3715*Input!$J$16,0)</f>
        <v>2.9804867101178058E-2</v>
      </c>
      <c r="P3715" s="58">
        <f>IF(Input!$K$13=3,J3715*Input!$J$13,0)+IF(Input!$K$14=3,K3715*Input!$J$14,0)+IF(Input!$K$15=3,L3715*Input!$J$15,0)+IF(Input!$K$16=3,M3715*Input!$J$16,0)</f>
        <v>0</v>
      </c>
      <c r="Q3715" s="71">
        <f>IF(Input!$K$13=4,J3715*Input!$J$13,0)+IF(Input!$K$14=4,K3715*Input!$J$14,0)+IF(Input!$K$15=4,L3715*Input!$J$15,0)+IF(Input!$K$16=4,M3715*Input!$J$16,0)</f>
        <v>0</v>
      </c>
    </row>
    <row r="3716" spans="8:17" x14ac:dyDescent="0.25">
      <c r="H3716" s="43">
        <v>3709</v>
      </c>
      <c r="I3716" s="55">
        <f>Bühler!I3742</f>
        <v>0.61701979278138563</v>
      </c>
      <c r="J3716" s="58">
        <f>Bühler!J3742</f>
        <v>4.6928645852753732</v>
      </c>
      <c r="K3716" s="58">
        <f>Bühler!K3742</f>
        <v>0.22077679334205969</v>
      </c>
      <c r="L3716" s="58">
        <f>Bühler!L3742</f>
        <v>0.11038839667102984</v>
      </c>
      <c r="M3716" s="57">
        <f>Bühler!M3742</f>
        <v>0</v>
      </c>
      <c r="N3716" s="55">
        <f>IF(Input!$K$13=1,J3716*Input!$J$13,0)+IF(Input!$K$14=1,K3716*Input!$J$14,0)+IF(Input!$K$15=1,L3716*Input!$J$15,0)+IF(Input!$K$16=1,M3716*Input!$J$16,0)</f>
        <v>0.56314375023304475</v>
      </c>
      <c r="O3716" s="58">
        <f>IF(Input!$K$13=2,J3716*Input!$J$13,0)+IF(Input!$K$14=2,K3716*Input!$J$14,0)+IF(Input!$K$15=2,L3716*Input!$J$15,0)+IF(Input!$K$16=2,M3716*Input!$J$16,0)</f>
        <v>2.9804867101178058E-2</v>
      </c>
      <c r="P3716" s="58">
        <f>IF(Input!$K$13=3,J3716*Input!$J$13,0)+IF(Input!$K$14=3,K3716*Input!$J$14,0)+IF(Input!$K$15=3,L3716*Input!$J$15,0)+IF(Input!$K$16=3,M3716*Input!$J$16,0)</f>
        <v>0</v>
      </c>
      <c r="Q3716" s="71">
        <f>IF(Input!$K$13=4,J3716*Input!$J$13,0)+IF(Input!$K$14=4,K3716*Input!$J$14,0)+IF(Input!$K$15=4,L3716*Input!$J$15,0)+IF(Input!$K$16=4,M3716*Input!$J$16,0)</f>
        <v>0</v>
      </c>
    </row>
    <row r="3717" spans="8:17" x14ac:dyDescent="0.25">
      <c r="H3717" s="43">
        <v>3710</v>
      </c>
      <c r="I3717" s="55">
        <f>Bühler!I3743</f>
        <v>0.61701979278138563</v>
      </c>
      <c r="J3717" s="58">
        <f>Bühler!J3743</f>
        <v>4.6928645852753732</v>
      </c>
      <c r="K3717" s="58">
        <f>Bühler!K3743</f>
        <v>0.22077679334205969</v>
      </c>
      <c r="L3717" s="58">
        <f>Bühler!L3743</f>
        <v>0.11038839667102984</v>
      </c>
      <c r="M3717" s="57">
        <f>Bühler!M3743</f>
        <v>0</v>
      </c>
      <c r="N3717" s="55">
        <f>IF(Input!$K$13=1,J3717*Input!$J$13,0)+IF(Input!$K$14=1,K3717*Input!$J$14,0)+IF(Input!$K$15=1,L3717*Input!$J$15,0)+IF(Input!$K$16=1,M3717*Input!$J$16,0)</f>
        <v>0.56314375023304475</v>
      </c>
      <c r="O3717" s="58">
        <f>IF(Input!$K$13=2,J3717*Input!$J$13,0)+IF(Input!$K$14=2,K3717*Input!$J$14,0)+IF(Input!$K$15=2,L3717*Input!$J$15,0)+IF(Input!$K$16=2,M3717*Input!$J$16,0)</f>
        <v>2.9804867101178058E-2</v>
      </c>
      <c r="P3717" s="58">
        <f>IF(Input!$K$13=3,J3717*Input!$J$13,0)+IF(Input!$K$14=3,K3717*Input!$J$14,0)+IF(Input!$K$15=3,L3717*Input!$J$15,0)+IF(Input!$K$16=3,M3717*Input!$J$16,0)</f>
        <v>0</v>
      </c>
      <c r="Q3717" s="71">
        <f>IF(Input!$K$13=4,J3717*Input!$J$13,0)+IF(Input!$K$14=4,K3717*Input!$J$14,0)+IF(Input!$K$15=4,L3717*Input!$J$15,0)+IF(Input!$K$16=4,M3717*Input!$J$16,0)</f>
        <v>0</v>
      </c>
    </row>
    <row r="3718" spans="8:17" x14ac:dyDescent="0.25">
      <c r="H3718" s="43">
        <v>3711</v>
      </c>
      <c r="I3718" s="55">
        <f>Bühler!I3744</f>
        <v>0.61701979278138563</v>
      </c>
      <c r="J3718" s="58">
        <f>Bühler!J3744</f>
        <v>4.6928645852753732</v>
      </c>
      <c r="K3718" s="58">
        <f>Bühler!K3744</f>
        <v>0.22077679334205969</v>
      </c>
      <c r="L3718" s="58">
        <f>Bühler!L3744</f>
        <v>0.11038839667102984</v>
      </c>
      <c r="M3718" s="57">
        <f>Bühler!M3744</f>
        <v>0</v>
      </c>
      <c r="N3718" s="55">
        <f>IF(Input!$K$13=1,J3718*Input!$J$13,0)+IF(Input!$K$14=1,K3718*Input!$J$14,0)+IF(Input!$K$15=1,L3718*Input!$J$15,0)+IF(Input!$K$16=1,M3718*Input!$J$16,0)</f>
        <v>0.56314375023304475</v>
      </c>
      <c r="O3718" s="58">
        <f>IF(Input!$K$13=2,J3718*Input!$J$13,0)+IF(Input!$K$14=2,K3718*Input!$J$14,0)+IF(Input!$K$15=2,L3718*Input!$J$15,0)+IF(Input!$K$16=2,M3718*Input!$J$16,0)</f>
        <v>2.9804867101178058E-2</v>
      </c>
      <c r="P3718" s="58">
        <f>IF(Input!$K$13=3,J3718*Input!$J$13,0)+IF(Input!$K$14=3,K3718*Input!$J$14,0)+IF(Input!$K$15=3,L3718*Input!$J$15,0)+IF(Input!$K$16=3,M3718*Input!$J$16,0)</f>
        <v>0</v>
      </c>
      <c r="Q3718" s="71">
        <f>IF(Input!$K$13=4,J3718*Input!$J$13,0)+IF(Input!$K$14=4,K3718*Input!$J$14,0)+IF(Input!$K$15=4,L3718*Input!$J$15,0)+IF(Input!$K$16=4,M3718*Input!$J$16,0)</f>
        <v>0</v>
      </c>
    </row>
    <row r="3719" spans="8:17" x14ac:dyDescent="0.25">
      <c r="H3719" s="43">
        <v>3712</v>
      </c>
      <c r="I3719" s="55">
        <f>Bühler!I3745</f>
        <v>0.54846203802789828</v>
      </c>
      <c r="J3719" s="58">
        <f>Bühler!J3745</f>
        <v>4.6900080121606447</v>
      </c>
      <c r="K3719" s="58">
        <f>Bühler!K3745</f>
        <v>0.22077679334205969</v>
      </c>
      <c r="L3719" s="58">
        <f>Bühler!L3745</f>
        <v>0.11038839667102984</v>
      </c>
      <c r="M3719" s="57">
        <f>Bühler!M3745</f>
        <v>0</v>
      </c>
      <c r="N3719" s="55">
        <f>IF(Input!$K$13=1,J3719*Input!$J$13,0)+IF(Input!$K$14=1,K3719*Input!$J$14,0)+IF(Input!$K$15=1,L3719*Input!$J$15,0)+IF(Input!$K$16=1,M3719*Input!$J$16,0)</f>
        <v>0.56280096145927738</v>
      </c>
      <c r="O3719" s="58">
        <f>IF(Input!$K$13=2,J3719*Input!$J$13,0)+IF(Input!$K$14=2,K3719*Input!$J$14,0)+IF(Input!$K$15=2,L3719*Input!$J$15,0)+IF(Input!$K$16=2,M3719*Input!$J$16,0)</f>
        <v>2.9804867101178058E-2</v>
      </c>
      <c r="P3719" s="58">
        <f>IF(Input!$K$13=3,J3719*Input!$J$13,0)+IF(Input!$K$14=3,K3719*Input!$J$14,0)+IF(Input!$K$15=3,L3719*Input!$J$15,0)+IF(Input!$K$16=3,M3719*Input!$J$16,0)</f>
        <v>0</v>
      </c>
      <c r="Q3719" s="71">
        <f>IF(Input!$K$13=4,J3719*Input!$J$13,0)+IF(Input!$K$14=4,K3719*Input!$J$14,0)+IF(Input!$K$15=4,L3719*Input!$J$15,0)+IF(Input!$K$16=4,M3719*Input!$J$16,0)</f>
        <v>0</v>
      </c>
    </row>
    <row r="3720" spans="8:17" x14ac:dyDescent="0.25">
      <c r="H3720" s="43">
        <v>3713</v>
      </c>
      <c r="I3720" s="55">
        <f>Bühler!I3746</f>
        <v>0.53866807306311437</v>
      </c>
      <c r="J3720" s="58">
        <f>Bühler!J3746</f>
        <v>4.6895999302871116</v>
      </c>
      <c r="K3720" s="58">
        <f>Bühler!K3746</f>
        <v>0.22077679334205969</v>
      </c>
      <c r="L3720" s="58">
        <f>Bühler!L3746</f>
        <v>0.11038839667102984</v>
      </c>
      <c r="M3720" s="57">
        <f>Bühler!M3746</f>
        <v>0</v>
      </c>
      <c r="N3720" s="55">
        <f>IF(Input!$K$13=1,J3720*Input!$J$13,0)+IF(Input!$K$14=1,K3720*Input!$J$14,0)+IF(Input!$K$15=1,L3720*Input!$J$15,0)+IF(Input!$K$16=1,M3720*Input!$J$16,0)</f>
        <v>0.56275199163445333</v>
      </c>
      <c r="O3720" s="58">
        <f>IF(Input!$K$13=2,J3720*Input!$J$13,0)+IF(Input!$K$14=2,K3720*Input!$J$14,0)+IF(Input!$K$15=2,L3720*Input!$J$15,0)+IF(Input!$K$16=2,M3720*Input!$J$16,0)</f>
        <v>2.9804867101178058E-2</v>
      </c>
      <c r="P3720" s="58">
        <f>IF(Input!$K$13=3,J3720*Input!$J$13,0)+IF(Input!$K$14=3,K3720*Input!$J$14,0)+IF(Input!$K$15=3,L3720*Input!$J$15,0)+IF(Input!$K$16=3,M3720*Input!$J$16,0)</f>
        <v>0</v>
      </c>
      <c r="Q3720" s="71">
        <f>IF(Input!$K$13=4,J3720*Input!$J$13,0)+IF(Input!$K$14=4,K3720*Input!$J$14,0)+IF(Input!$K$15=4,L3720*Input!$J$15,0)+IF(Input!$K$16=4,M3720*Input!$J$16,0)</f>
        <v>0</v>
      </c>
    </row>
    <row r="3721" spans="8:17" x14ac:dyDescent="0.25">
      <c r="H3721" s="43">
        <v>3714</v>
      </c>
      <c r="I3721" s="55">
        <f>Bühler!I3747</f>
        <v>0.46031635334484328</v>
      </c>
      <c r="J3721" s="58">
        <f>Bühler!J3747</f>
        <v>4.6863352752988501</v>
      </c>
      <c r="K3721" s="58">
        <f>Bühler!K3747</f>
        <v>0.22077679334205969</v>
      </c>
      <c r="L3721" s="58">
        <f>Bühler!L3747</f>
        <v>0.11038839667102984</v>
      </c>
      <c r="M3721" s="57">
        <f>Bühler!M3747</f>
        <v>0</v>
      </c>
      <c r="N3721" s="55">
        <f>IF(Input!$K$13=1,J3721*Input!$J$13,0)+IF(Input!$K$14=1,K3721*Input!$J$14,0)+IF(Input!$K$15=1,L3721*Input!$J$15,0)+IF(Input!$K$16=1,M3721*Input!$J$16,0)</f>
        <v>0.56236023303586202</v>
      </c>
      <c r="O3721" s="58">
        <f>IF(Input!$K$13=2,J3721*Input!$J$13,0)+IF(Input!$K$14=2,K3721*Input!$J$14,0)+IF(Input!$K$15=2,L3721*Input!$J$15,0)+IF(Input!$K$16=2,M3721*Input!$J$16,0)</f>
        <v>2.9804867101178058E-2</v>
      </c>
      <c r="P3721" s="58">
        <f>IF(Input!$K$13=3,J3721*Input!$J$13,0)+IF(Input!$K$14=3,K3721*Input!$J$14,0)+IF(Input!$K$15=3,L3721*Input!$J$15,0)+IF(Input!$K$16=3,M3721*Input!$J$16,0)</f>
        <v>0</v>
      </c>
      <c r="Q3721" s="71">
        <f>IF(Input!$K$13=4,J3721*Input!$J$13,0)+IF(Input!$K$14=4,K3721*Input!$J$14,0)+IF(Input!$K$15=4,L3721*Input!$J$15,0)+IF(Input!$K$16=4,M3721*Input!$J$16,0)</f>
        <v>0</v>
      </c>
    </row>
    <row r="3722" spans="8:17" x14ac:dyDescent="0.25">
      <c r="H3722" s="43">
        <v>3715</v>
      </c>
      <c r="I3722" s="55">
        <f>Bühler!I3748</f>
        <v>0.4309344584504915</v>
      </c>
      <c r="J3722" s="58">
        <f>Bühler!J3748</f>
        <v>4.6851110296782528</v>
      </c>
      <c r="K3722" s="58">
        <f>Bühler!K3748</f>
        <v>0.22077679334205969</v>
      </c>
      <c r="L3722" s="58">
        <f>Bühler!L3748</f>
        <v>0.11038839667102984</v>
      </c>
      <c r="M3722" s="57">
        <f>Bühler!M3748</f>
        <v>0</v>
      </c>
      <c r="N3722" s="55">
        <f>IF(Input!$K$13=1,J3722*Input!$J$13,0)+IF(Input!$K$14=1,K3722*Input!$J$14,0)+IF(Input!$K$15=1,L3722*Input!$J$15,0)+IF(Input!$K$16=1,M3722*Input!$J$16,0)</f>
        <v>0.56221332356139031</v>
      </c>
      <c r="O3722" s="58">
        <f>IF(Input!$K$13=2,J3722*Input!$J$13,0)+IF(Input!$K$14=2,K3722*Input!$J$14,0)+IF(Input!$K$15=2,L3722*Input!$J$15,0)+IF(Input!$K$16=2,M3722*Input!$J$16,0)</f>
        <v>2.9804867101178058E-2</v>
      </c>
      <c r="P3722" s="58">
        <f>IF(Input!$K$13=3,J3722*Input!$J$13,0)+IF(Input!$K$14=3,K3722*Input!$J$14,0)+IF(Input!$K$15=3,L3722*Input!$J$15,0)+IF(Input!$K$16=3,M3722*Input!$J$16,0)</f>
        <v>0</v>
      </c>
      <c r="Q3722" s="71">
        <f>IF(Input!$K$13=4,J3722*Input!$J$13,0)+IF(Input!$K$14=4,K3722*Input!$J$14,0)+IF(Input!$K$15=4,L3722*Input!$J$15,0)+IF(Input!$K$16=4,M3722*Input!$J$16,0)</f>
        <v>0</v>
      </c>
    </row>
    <row r="3723" spans="8:17" x14ac:dyDescent="0.25">
      <c r="H3723" s="43">
        <v>3716</v>
      </c>
      <c r="I3723" s="55">
        <f>Bühler!I3749</f>
        <v>0.36237670369700425</v>
      </c>
      <c r="J3723" s="58">
        <f>Bühler!J3749</f>
        <v>4.6822544565635242</v>
      </c>
      <c r="K3723" s="58">
        <f>Bühler!K3749</f>
        <v>0.22077679334205969</v>
      </c>
      <c r="L3723" s="58">
        <f>Bühler!L3749</f>
        <v>0.11038839667102984</v>
      </c>
      <c r="M3723" s="57">
        <f>Bühler!M3749</f>
        <v>0</v>
      </c>
      <c r="N3723" s="55">
        <f>IF(Input!$K$13=1,J3723*Input!$J$13,0)+IF(Input!$K$14=1,K3723*Input!$J$14,0)+IF(Input!$K$15=1,L3723*Input!$J$15,0)+IF(Input!$K$16=1,M3723*Input!$J$16,0)</f>
        <v>0.56187053478762283</v>
      </c>
      <c r="O3723" s="58">
        <f>IF(Input!$K$13=2,J3723*Input!$J$13,0)+IF(Input!$K$14=2,K3723*Input!$J$14,0)+IF(Input!$K$15=2,L3723*Input!$J$15,0)+IF(Input!$K$16=2,M3723*Input!$J$16,0)</f>
        <v>2.9804867101178058E-2</v>
      </c>
      <c r="P3723" s="58">
        <f>IF(Input!$K$13=3,J3723*Input!$J$13,0)+IF(Input!$K$14=3,K3723*Input!$J$14,0)+IF(Input!$K$15=3,L3723*Input!$J$15,0)+IF(Input!$K$16=3,M3723*Input!$J$16,0)</f>
        <v>0</v>
      </c>
      <c r="Q3723" s="71">
        <f>IF(Input!$K$13=4,J3723*Input!$J$13,0)+IF(Input!$K$14=4,K3723*Input!$J$14,0)+IF(Input!$K$15=4,L3723*Input!$J$15,0)+IF(Input!$K$16=4,M3723*Input!$J$16,0)</f>
        <v>0</v>
      </c>
    </row>
    <row r="3724" spans="8:17" x14ac:dyDescent="0.25">
      <c r="H3724" s="43">
        <v>3717</v>
      </c>
      <c r="I3724" s="55">
        <f>Bühler!I3750</f>
        <v>0.30361291390830081</v>
      </c>
      <c r="J3724" s="58">
        <f>Bühler!J3750</f>
        <v>4.6798059653223278</v>
      </c>
      <c r="K3724" s="58">
        <f>Bühler!K3750</f>
        <v>0.22077679334205969</v>
      </c>
      <c r="L3724" s="58">
        <f>Bühler!L3750</f>
        <v>0.11038839667102984</v>
      </c>
      <c r="M3724" s="57">
        <f>Bühler!M3750</f>
        <v>0</v>
      </c>
      <c r="N3724" s="55">
        <f>IF(Input!$K$13=1,J3724*Input!$J$13,0)+IF(Input!$K$14=1,K3724*Input!$J$14,0)+IF(Input!$K$15=1,L3724*Input!$J$15,0)+IF(Input!$K$16=1,M3724*Input!$J$16,0)</f>
        <v>0.5615767158386793</v>
      </c>
      <c r="O3724" s="58">
        <f>IF(Input!$K$13=2,J3724*Input!$J$13,0)+IF(Input!$K$14=2,K3724*Input!$J$14,0)+IF(Input!$K$15=2,L3724*Input!$J$15,0)+IF(Input!$K$16=2,M3724*Input!$J$16,0)</f>
        <v>2.9804867101178058E-2</v>
      </c>
      <c r="P3724" s="58">
        <f>IF(Input!$K$13=3,J3724*Input!$J$13,0)+IF(Input!$K$14=3,K3724*Input!$J$14,0)+IF(Input!$K$15=3,L3724*Input!$J$15,0)+IF(Input!$K$16=3,M3724*Input!$J$16,0)</f>
        <v>0</v>
      </c>
      <c r="Q3724" s="71">
        <f>IF(Input!$K$13=4,J3724*Input!$J$13,0)+IF(Input!$K$14=4,K3724*Input!$J$14,0)+IF(Input!$K$15=4,L3724*Input!$J$15,0)+IF(Input!$K$16=4,M3724*Input!$J$16,0)</f>
        <v>0</v>
      </c>
    </row>
    <row r="3725" spans="8:17" x14ac:dyDescent="0.25">
      <c r="H3725" s="43">
        <v>3718</v>
      </c>
      <c r="I3725" s="55">
        <f>Bühler!I3751</f>
        <v>0.26443705404916529</v>
      </c>
      <c r="J3725" s="58">
        <f>Bühler!J3751</f>
        <v>4.6781736378281975</v>
      </c>
      <c r="K3725" s="58">
        <f>Bühler!K3751</f>
        <v>0.22077679334205969</v>
      </c>
      <c r="L3725" s="58">
        <f>Bühler!L3751</f>
        <v>0.11038839667102984</v>
      </c>
      <c r="M3725" s="57">
        <f>Bühler!M3751</f>
        <v>0</v>
      </c>
      <c r="N3725" s="55">
        <f>IF(Input!$K$13=1,J3725*Input!$J$13,0)+IF(Input!$K$14=1,K3725*Input!$J$14,0)+IF(Input!$K$15=1,L3725*Input!$J$15,0)+IF(Input!$K$16=1,M3725*Input!$J$16,0)</f>
        <v>0.56138083653938364</v>
      </c>
      <c r="O3725" s="58">
        <f>IF(Input!$K$13=2,J3725*Input!$J$13,0)+IF(Input!$K$14=2,K3725*Input!$J$14,0)+IF(Input!$K$15=2,L3725*Input!$J$15,0)+IF(Input!$K$16=2,M3725*Input!$J$16,0)</f>
        <v>2.9804867101178058E-2</v>
      </c>
      <c r="P3725" s="58">
        <f>IF(Input!$K$13=3,J3725*Input!$J$13,0)+IF(Input!$K$14=3,K3725*Input!$J$14,0)+IF(Input!$K$15=3,L3725*Input!$J$15,0)+IF(Input!$K$16=3,M3725*Input!$J$16,0)</f>
        <v>0</v>
      </c>
      <c r="Q3725" s="71">
        <f>IF(Input!$K$13=4,J3725*Input!$J$13,0)+IF(Input!$K$14=4,K3725*Input!$J$14,0)+IF(Input!$K$15=4,L3725*Input!$J$15,0)+IF(Input!$K$16=4,M3725*Input!$J$16,0)</f>
        <v>0</v>
      </c>
    </row>
    <row r="3726" spans="8:17" x14ac:dyDescent="0.25">
      <c r="H3726" s="43">
        <v>3719</v>
      </c>
      <c r="I3726" s="55">
        <f>Bühler!I3752</f>
        <v>0.26443705404916529</v>
      </c>
      <c r="J3726" s="58">
        <f>Bühler!J3752</f>
        <v>4.6781736378281975</v>
      </c>
      <c r="K3726" s="58">
        <f>Bühler!K3752</f>
        <v>0.22077679334205969</v>
      </c>
      <c r="L3726" s="58">
        <f>Bühler!L3752</f>
        <v>0.11038839667102984</v>
      </c>
      <c r="M3726" s="57">
        <f>Bühler!M3752</f>
        <v>0</v>
      </c>
      <c r="N3726" s="55">
        <f>IF(Input!$K$13=1,J3726*Input!$J$13,0)+IF(Input!$K$14=1,K3726*Input!$J$14,0)+IF(Input!$K$15=1,L3726*Input!$J$15,0)+IF(Input!$K$16=1,M3726*Input!$J$16,0)</f>
        <v>0.56138083653938364</v>
      </c>
      <c r="O3726" s="58">
        <f>IF(Input!$K$13=2,J3726*Input!$J$13,0)+IF(Input!$K$14=2,K3726*Input!$J$14,0)+IF(Input!$K$15=2,L3726*Input!$J$15,0)+IF(Input!$K$16=2,M3726*Input!$J$16,0)</f>
        <v>2.9804867101178058E-2</v>
      </c>
      <c r="P3726" s="58">
        <f>IF(Input!$K$13=3,J3726*Input!$J$13,0)+IF(Input!$K$14=3,K3726*Input!$J$14,0)+IF(Input!$K$15=3,L3726*Input!$J$15,0)+IF(Input!$K$16=3,M3726*Input!$J$16,0)</f>
        <v>0</v>
      </c>
      <c r="Q3726" s="71">
        <f>IF(Input!$K$13=4,J3726*Input!$J$13,0)+IF(Input!$K$14=4,K3726*Input!$J$14,0)+IF(Input!$K$15=4,L3726*Input!$J$15,0)+IF(Input!$K$16=4,M3726*Input!$J$16,0)</f>
        <v>0</v>
      </c>
    </row>
    <row r="3727" spans="8:17" x14ac:dyDescent="0.25">
      <c r="H3727" s="43">
        <v>3720</v>
      </c>
      <c r="I3727" s="55">
        <f>Bühler!I3753</f>
        <v>0.26443705404916529</v>
      </c>
      <c r="J3727" s="58">
        <f>Bühler!J3753</f>
        <v>4.6781736378281975</v>
      </c>
      <c r="K3727" s="58">
        <f>Bühler!K3753</f>
        <v>0.22077679334205969</v>
      </c>
      <c r="L3727" s="58">
        <f>Bühler!L3753</f>
        <v>0.11038839667102984</v>
      </c>
      <c r="M3727" s="57">
        <f>Bühler!M3753</f>
        <v>0</v>
      </c>
      <c r="N3727" s="55">
        <f>IF(Input!$K$13=1,J3727*Input!$J$13,0)+IF(Input!$K$14=1,K3727*Input!$J$14,0)+IF(Input!$K$15=1,L3727*Input!$J$15,0)+IF(Input!$K$16=1,M3727*Input!$J$16,0)</f>
        <v>0.56138083653938364</v>
      </c>
      <c r="O3727" s="58">
        <f>IF(Input!$K$13=2,J3727*Input!$J$13,0)+IF(Input!$K$14=2,K3727*Input!$J$14,0)+IF(Input!$K$15=2,L3727*Input!$J$15,0)+IF(Input!$K$16=2,M3727*Input!$J$16,0)</f>
        <v>2.9804867101178058E-2</v>
      </c>
      <c r="P3727" s="58">
        <f>IF(Input!$K$13=3,J3727*Input!$J$13,0)+IF(Input!$K$14=3,K3727*Input!$J$14,0)+IF(Input!$K$15=3,L3727*Input!$J$15,0)+IF(Input!$K$16=3,M3727*Input!$J$16,0)</f>
        <v>0</v>
      </c>
      <c r="Q3727" s="71">
        <f>IF(Input!$K$13=4,J3727*Input!$J$13,0)+IF(Input!$K$14=4,K3727*Input!$J$14,0)+IF(Input!$K$15=4,L3727*Input!$J$15,0)+IF(Input!$K$16=4,M3727*Input!$J$16,0)</f>
        <v>0</v>
      </c>
    </row>
    <row r="3728" spans="8:17" x14ac:dyDescent="0.25">
      <c r="H3728" s="43">
        <v>3721</v>
      </c>
      <c r="I3728" s="55">
        <f>Bühler!I3754</f>
        <v>0.18088203919014492</v>
      </c>
      <c r="J3728" s="58">
        <f>Bühler!J3754</f>
        <v>7.0331776878478767</v>
      </c>
      <c r="K3728" s="58">
        <f>Bühler!K3754</f>
        <v>0.56106695372857529</v>
      </c>
      <c r="L3728" s="58">
        <f>Bühler!L3754</f>
        <v>0.28053347686428765</v>
      </c>
      <c r="M3728" s="57">
        <f>Bühler!M3754</f>
        <v>0</v>
      </c>
      <c r="N3728" s="55">
        <f>IF(Input!$K$13=1,J3728*Input!$J$13,0)+IF(Input!$K$14=1,K3728*Input!$J$14,0)+IF(Input!$K$15=1,L3728*Input!$J$15,0)+IF(Input!$K$16=1,M3728*Input!$J$16,0)</f>
        <v>0.84398132254174518</v>
      </c>
      <c r="O3728" s="58">
        <f>IF(Input!$K$13=2,J3728*Input!$J$13,0)+IF(Input!$K$14=2,K3728*Input!$J$14,0)+IF(Input!$K$15=2,L3728*Input!$J$15,0)+IF(Input!$K$16=2,M3728*Input!$J$16,0)</f>
        <v>7.5744038753357668E-2</v>
      </c>
      <c r="P3728" s="58">
        <f>IF(Input!$K$13=3,J3728*Input!$J$13,0)+IF(Input!$K$14=3,K3728*Input!$J$14,0)+IF(Input!$K$15=3,L3728*Input!$J$15,0)+IF(Input!$K$16=3,M3728*Input!$J$16,0)</f>
        <v>0</v>
      </c>
      <c r="Q3728" s="71">
        <f>IF(Input!$K$13=4,J3728*Input!$J$13,0)+IF(Input!$K$14=4,K3728*Input!$J$14,0)+IF(Input!$K$15=4,L3728*Input!$J$15,0)+IF(Input!$K$16=4,M3728*Input!$J$16,0)</f>
        <v>0</v>
      </c>
    </row>
    <row r="3729" spans="8:17" x14ac:dyDescent="0.25">
      <c r="H3729" s="43">
        <v>3722</v>
      </c>
      <c r="I3729" s="55">
        <f>Bühler!I3755</f>
        <v>0.18088203919014492</v>
      </c>
      <c r="J3729" s="58">
        <f>Bühler!J3755</f>
        <v>7.0331776878478767</v>
      </c>
      <c r="K3729" s="58">
        <f>Bühler!K3755</f>
        <v>0.56106695372857529</v>
      </c>
      <c r="L3729" s="58">
        <f>Bühler!L3755</f>
        <v>0.28053347686428765</v>
      </c>
      <c r="M3729" s="57">
        <f>Bühler!M3755</f>
        <v>0</v>
      </c>
      <c r="N3729" s="55">
        <f>IF(Input!$K$13=1,J3729*Input!$J$13,0)+IF(Input!$K$14=1,K3729*Input!$J$14,0)+IF(Input!$K$15=1,L3729*Input!$J$15,0)+IF(Input!$K$16=1,M3729*Input!$J$16,0)</f>
        <v>0.84398132254174518</v>
      </c>
      <c r="O3729" s="58">
        <f>IF(Input!$K$13=2,J3729*Input!$J$13,0)+IF(Input!$K$14=2,K3729*Input!$J$14,0)+IF(Input!$K$15=2,L3729*Input!$J$15,0)+IF(Input!$K$16=2,M3729*Input!$J$16,0)</f>
        <v>7.5744038753357668E-2</v>
      </c>
      <c r="P3729" s="58">
        <f>IF(Input!$K$13=3,J3729*Input!$J$13,0)+IF(Input!$K$14=3,K3729*Input!$J$14,0)+IF(Input!$K$15=3,L3729*Input!$J$15,0)+IF(Input!$K$16=3,M3729*Input!$J$16,0)</f>
        <v>0</v>
      </c>
      <c r="Q3729" s="71">
        <f>IF(Input!$K$13=4,J3729*Input!$J$13,0)+IF(Input!$K$14=4,K3729*Input!$J$14,0)+IF(Input!$K$15=4,L3729*Input!$J$15,0)+IF(Input!$K$16=4,M3729*Input!$J$16,0)</f>
        <v>0</v>
      </c>
    </row>
    <row r="3730" spans="8:17" x14ac:dyDescent="0.25">
      <c r="H3730" s="43">
        <v>3723</v>
      </c>
      <c r="I3730" s="55">
        <f>Bühler!I3756</f>
        <v>0.18088203919014492</v>
      </c>
      <c r="J3730" s="58">
        <f>Bühler!J3756</f>
        <v>7.0331776878478767</v>
      </c>
      <c r="K3730" s="58">
        <f>Bühler!K3756</f>
        <v>0.56106695372857529</v>
      </c>
      <c r="L3730" s="58">
        <f>Bühler!L3756</f>
        <v>0.28053347686428765</v>
      </c>
      <c r="M3730" s="57">
        <f>Bühler!M3756</f>
        <v>0</v>
      </c>
      <c r="N3730" s="55">
        <f>IF(Input!$K$13=1,J3730*Input!$J$13,0)+IF(Input!$K$14=1,K3730*Input!$J$14,0)+IF(Input!$K$15=1,L3730*Input!$J$15,0)+IF(Input!$K$16=1,M3730*Input!$J$16,0)</f>
        <v>0.84398132254174518</v>
      </c>
      <c r="O3730" s="58">
        <f>IF(Input!$K$13=2,J3730*Input!$J$13,0)+IF(Input!$K$14=2,K3730*Input!$J$14,0)+IF(Input!$K$15=2,L3730*Input!$J$15,0)+IF(Input!$K$16=2,M3730*Input!$J$16,0)</f>
        <v>7.5744038753357668E-2</v>
      </c>
      <c r="P3730" s="58">
        <f>IF(Input!$K$13=3,J3730*Input!$J$13,0)+IF(Input!$K$14=3,K3730*Input!$J$14,0)+IF(Input!$K$15=3,L3730*Input!$J$15,0)+IF(Input!$K$16=3,M3730*Input!$J$16,0)</f>
        <v>0</v>
      </c>
      <c r="Q3730" s="71">
        <f>IF(Input!$K$13=4,J3730*Input!$J$13,0)+IF(Input!$K$14=4,K3730*Input!$J$14,0)+IF(Input!$K$15=4,L3730*Input!$J$15,0)+IF(Input!$K$16=4,M3730*Input!$J$16,0)</f>
        <v>0</v>
      </c>
    </row>
    <row r="3731" spans="8:17" x14ac:dyDescent="0.25">
      <c r="H3731" s="43">
        <v>3724</v>
      </c>
      <c r="I3731" s="55">
        <f>Bühler!I3757</f>
        <v>0.18088203919014492</v>
      </c>
      <c r="J3731" s="58">
        <f>Bühler!J3757</f>
        <v>7.0331776878478767</v>
      </c>
      <c r="K3731" s="58">
        <f>Bühler!K3757</f>
        <v>0.56106695372857529</v>
      </c>
      <c r="L3731" s="58">
        <f>Bühler!L3757</f>
        <v>0.28053347686428765</v>
      </c>
      <c r="M3731" s="57">
        <f>Bühler!M3757</f>
        <v>0</v>
      </c>
      <c r="N3731" s="55">
        <f>IF(Input!$K$13=1,J3731*Input!$J$13,0)+IF(Input!$K$14=1,K3731*Input!$J$14,0)+IF(Input!$K$15=1,L3731*Input!$J$15,0)+IF(Input!$K$16=1,M3731*Input!$J$16,0)</f>
        <v>0.84398132254174518</v>
      </c>
      <c r="O3731" s="58">
        <f>IF(Input!$K$13=2,J3731*Input!$J$13,0)+IF(Input!$K$14=2,K3731*Input!$J$14,0)+IF(Input!$K$15=2,L3731*Input!$J$15,0)+IF(Input!$K$16=2,M3731*Input!$J$16,0)</f>
        <v>7.5744038753357668E-2</v>
      </c>
      <c r="P3731" s="58">
        <f>IF(Input!$K$13=3,J3731*Input!$J$13,0)+IF(Input!$K$14=3,K3731*Input!$J$14,0)+IF(Input!$K$15=3,L3731*Input!$J$15,0)+IF(Input!$K$16=3,M3731*Input!$J$16,0)</f>
        <v>0</v>
      </c>
      <c r="Q3731" s="71">
        <f>IF(Input!$K$13=4,J3731*Input!$J$13,0)+IF(Input!$K$14=4,K3731*Input!$J$14,0)+IF(Input!$K$15=4,L3731*Input!$J$15,0)+IF(Input!$K$16=4,M3731*Input!$J$16,0)</f>
        <v>0</v>
      </c>
    </row>
    <row r="3732" spans="8:17" x14ac:dyDescent="0.25">
      <c r="H3732" s="43">
        <v>3725</v>
      </c>
      <c r="I3732" s="55">
        <f>Bühler!I3758</f>
        <v>0.18088203919014492</v>
      </c>
      <c r="J3732" s="58">
        <f>Bühler!J3758</f>
        <v>7.0331776878478767</v>
      </c>
      <c r="K3732" s="58">
        <f>Bühler!K3758</f>
        <v>0.56106695372857529</v>
      </c>
      <c r="L3732" s="58">
        <f>Bühler!L3758</f>
        <v>0.28053347686428765</v>
      </c>
      <c r="M3732" s="57">
        <f>Bühler!M3758</f>
        <v>0</v>
      </c>
      <c r="N3732" s="55">
        <f>IF(Input!$K$13=1,J3732*Input!$J$13,0)+IF(Input!$K$14=1,K3732*Input!$J$14,0)+IF(Input!$K$15=1,L3732*Input!$J$15,0)+IF(Input!$K$16=1,M3732*Input!$J$16,0)</f>
        <v>0.84398132254174518</v>
      </c>
      <c r="O3732" s="58">
        <f>IF(Input!$K$13=2,J3732*Input!$J$13,0)+IF(Input!$K$14=2,K3732*Input!$J$14,0)+IF(Input!$K$15=2,L3732*Input!$J$15,0)+IF(Input!$K$16=2,M3732*Input!$J$16,0)</f>
        <v>7.5744038753357668E-2</v>
      </c>
      <c r="P3732" s="58">
        <f>IF(Input!$K$13=3,J3732*Input!$J$13,0)+IF(Input!$K$14=3,K3732*Input!$J$14,0)+IF(Input!$K$15=3,L3732*Input!$J$15,0)+IF(Input!$K$16=3,M3732*Input!$J$16,0)</f>
        <v>0</v>
      </c>
      <c r="Q3732" s="71">
        <f>IF(Input!$K$13=4,J3732*Input!$J$13,0)+IF(Input!$K$14=4,K3732*Input!$J$14,0)+IF(Input!$K$15=4,L3732*Input!$J$15,0)+IF(Input!$K$16=4,M3732*Input!$J$16,0)</f>
        <v>0</v>
      </c>
    </row>
    <row r="3733" spans="8:17" x14ac:dyDescent="0.25">
      <c r="H3733" s="43">
        <v>3726</v>
      </c>
      <c r="I3733" s="55">
        <f>Bühler!I3759</f>
        <v>0.18088203919014492</v>
      </c>
      <c r="J3733" s="58">
        <f>Bühler!J3759</f>
        <v>7.0331776878478767</v>
      </c>
      <c r="K3733" s="58">
        <f>Bühler!K3759</f>
        <v>0.56106695372857529</v>
      </c>
      <c r="L3733" s="58">
        <f>Bühler!L3759</f>
        <v>0.28053347686428765</v>
      </c>
      <c r="M3733" s="57">
        <f>Bühler!M3759</f>
        <v>0</v>
      </c>
      <c r="N3733" s="55">
        <f>IF(Input!$K$13=1,J3733*Input!$J$13,0)+IF(Input!$K$14=1,K3733*Input!$J$14,0)+IF(Input!$K$15=1,L3733*Input!$J$15,0)+IF(Input!$K$16=1,M3733*Input!$J$16,0)</f>
        <v>0.84398132254174518</v>
      </c>
      <c r="O3733" s="58">
        <f>IF(Input!$K$13=2,J3733*Input!$J$13,0)+IF(Input!$K$14=2,K3733*Input!$J$14,0)+IF(Input!$K$15=2,L3733*Input!$J$15,0)+IF(Input!$K$16=2,M3733*Input!$J$16,0)</f>
        <v>7.5744038753357668E-2</v>
      </c>
      <c r="P3733" s="58">
        <f>IF(Input!$K$13=3,J3733*Input!$J$13,0)+IF(Input!$K$14=3,K3733*Input!$J$14,0)+IF(Input!$K$15=3,L3733*Input!$J$15,0)+IF(Input!$K$16=3,M3733*Input!$J$16,0)</f>
        <v>0</v>
      </c>
      <c r="Q3733" s="71">
        <f>IF(Input!$K$13=4,J3733*Input!$J$13,0)+IF(Input!$K$14=4,K3733*Input!$J$14,0)+IF(Input!$K$15=4,L3733*Input!$J$15,0)+IF(Input!$K$16=4,M3733*Input!$J$16,0)</f>
        <v>0</v>
      </c>
    </row>
    <row r="3734" spans="8:17" x14ac:dyDescent="0.25">
      <c r="H3734" s="43">
        <v>3727</v>
      </c>
      <c r="I3734" s="55">
        <f>Bühler!I3760</f>
        <v>0.18088203919014492</v>
      </c>
      <c r="J3734" s="58">
        <f>Bühler!J3760</f>
        <v>7.0331776878478767</v>
      </c>
      <c r="K3734" s="58">
        <f>Bühler!K3760</f>
        <v>0.56106695372857529</v>
      </c>
      <c r="L3734" s="58">
        <f>Bühler!L3760</f>
        <v>0.28053347686428765</v>
      </c>
      <c r="M3734" s="57">
        <f>Bühler!M3760</f>
        <v>0</v>
      </c>
      <c r="N3734" s="55">
        <f>IF(Input!$K$13=1,J3734*Input!$J$13,0)+IF(Input!$K$14=1,K3734*Input!$J$14,0)+IF(Input!$K$15=1,L3734*Input!$J$15,0)+IF(Input!$K$16=1,M3734*Input!$J$16,0)</f>
        <v>0.84398132254174518</v>
      </c>
      <c r="O3734" s="58">
        <f>IF(Input!$K$13=2,J3734*Input!$J$13,0)+IF(Input!$K$14=2,K3734*Input!$J$14,0)+IF(Input!$K$15=2,L3734*Input!$J$15,0)+IF(Input!$K$16=2,M3734*Input!$J$16,0)</f>
        <v>7.5744038753357668E-2</v>
      </c>
      <c r="P3734" s="58">
        <f>IF(Input!$K$13=3,J3734*Input!$J$13,0)+IF(Input!$K$14=3,K3734*Input!$J$14,0)+IF(Input!$K$15=3,L3734*Input!$J$15,0)+IF(Input!$K$16=3,M3734*Input!$J$16,0)</f>
        <v>0</v>
      </c>
      <c r="Q3734" s="71">
        <f>IF(Input!$K$13=4,J3734*Input!$J$13,0)+IF(Input!$K$14=4,K3734*Input!$J$14,0)+IF(Input!$K$15=4,L3734*Input!$J$15,0)+IF(Input!$K$16=4,M3734*Input!$J$16,0)</f>
        <v>0</v>
      </c>
    </row>
    <row r="3735" spans="8:17" x14ac:dyDescent="0.25">
      <c r="H3735" s="43">
        <v>3728</v>
      </c>
      <c r="I3735" s="55">
        <f>Bühler!I3761</f>
        <v>0.78683687047713047</v>
      </c>
      <c r="J3735" s="58">
        <f>Bühler!J3761</f>
        <v>29.978972949052991</v>
      </c>
      <c r="K3735" s="58">
        <f>Bühler!K3761</f>
        <v>2.3901452228837305</v>
      </c>
      <c r="L3735" s="58">
        <f>Bühler!L3761</f>
        <v>1.1950726114418653</v>
      </c>
      <c r="M3735" s="57">
        <f>Bühler!M3761</f>
        <v>0</v>
      </c>
      <c r="N3735" s="55">
        <f>IF(Input!$K$13=1,J3735*Input!$J$13,0)+IF(Input!$K$14=1,K3735*Input!$J$14,0)+IF(Input!$K$15=1,L3735*Input!$J$15,0)+IF(Input!$K$16=1,M3735*Input!$J$16,0)</f>
        <v>3.597476753886359</v>
      </c>
      <c r="O3735" s="58">
        <f>IF(Input!$K$13=2,J3735*Input!$J$13,0)+IF(Input!$K$14=2,K3735*Input!$J$14,0)+IF(Input!$K$15=2,L3735*Input!$J$15,0)+IF(Input!$K$16=2,M3735*Input!$J$16,0)</f>
        <v>0.32266960508930365</v>
      </c>
      <c r="P3735" s="58">
        <f>IF(Input!$K$13=3,J3735*Input!$J$13,0)+IF(Input!$K$14=3,K3735*Input!$J$14,0)+IF(Input!$K$15=3,L3735*Input!$J$15,0)+IF(Input!$K$16=3,M3735*Input!$J$16,0)</f>
        <v>0</v>
      </c>
      <c r="Q3735" s="71">
        <f>IF(Input!$K$13=4,J3735*Input!$J$13,0)+IF(Input!$K$14=4,K3735*Input!$J$14,0)+IF(Input!$K$15=4,L3735*Input!$J$15,0)+IF(Input!$K$16=4,M3735*Input!$J$16,0)</f>
        <v>0</v>
      </c>
    </row>
    <row r="3736" spans="8:17" x14ac:dyDescent="0.25">
      <c r="H3736" s="43">
        <v>3729</v>
      </c>
      <c r="I3736" s="55">
        <f>Bühler!I3762</f>
        <v>0.88519147928677178</v>
      </c>
      <c r="J3736" s="58">
        <f>Bühler!J3762</f>
        <v>33.72634456768462</v>
      </c>
      <c r="K3736" s="58">
        <f>Bühler!K3762</f>
        <v>2.6889133757441965</v>
      </c>
      <c r="L3736" s="58">
        <f>Bühler!L3762</f>
        <v>1.3444566878720983</v>
      </c>
      <c r="M3736" s="57">
        <f>Bühler!M3762</f>
        <v>0</v>
      </c>
      <c r="N3736" s="55">
        <f>IF(Input!$K$13=1,J3736*Input!$J$13,0)+IF(Input!$K$14=1,K3736*Input!$J$14,0)+IF(Input!$K$15=1,L3736*Input!$J$15,0)+IF(Input!$K$16=1,M3736*Input!$J$16,0)</f>
        <v>4.0471613481221542</v>
      </c>
      <c r="O3736" s="58">
        <f>IF(Input!$K$13=2,J3736*Input!$J$13,0)+IF(Input!$K$14=2,K3736*Input!$J$14,0)+IF(Input!$K$15=2,L3736*Input!$J$15,0)+IF(Input!$K$16=2,M3736*Input!$J$16,0)</f>
        <v>0.36300330572546652</v>
      </c>
      <c r="P3736" s="58">
        <f>IF(Input!$K$13=3,J3736*Input!$J$13,0)+IF(Input!$K$14=3,K3736*Input!$J$14,0)+IF(Input!$K$15=3,L3736*Input!$J$15,0)+IF(Input!$K$16=3,M3736*Input!$J$16,0)</f>
        <v>0</v>
      </c>
      <c r="Q3736" s="71">
        <f>IF(Input!$K$13=4,J3736*Input!$J$13,0)+IF(Input!$K$14=4,K3736*Input!$J$14,0)+IF(Input!$K$15=4,L3736*Input!$J$15,0)+IF(Input!$K$16=4,M3736*Input!$J$16,0)</f>
        <v>0</v>
      </c>
    </row>
    <row r="3737" spans="8:17" x14ac:dyDescent="0.25">
      <c r="H3737" s="43">
        <v>3730</v>
      </c>
      <c r="I3737" s="55">
        <f>Bühler!I3763</f>
        <v>0.98354608809641286</v>
      </c>
      <c r="J3737" s="58">
        <f>Bühler!J3763</f>
        <v>37.473716186316246</v>
      </c>
      <c r="K3737" s="58">
        <f>Bühler!K3763</f>
        <v>2.9876815286046625</v>
      </c>
      <c r="L3737" s="58">
        <f>Bühler!L3763</f>
        <v>1.4938407643023313</v>
      </c>
      <c r="M3737" s="57">
        <f>Bühler!M3763</f>
        <v>0</v>
      </c>
      <c r="N3737" s="55">
        <f>IF(Input!$K$13=1,J3737*Input!$J$13,0)+IF(Input!$K$14=1,K3737*Input!$J$14,0)+IF(Input!$K$15=1,L3737*Input!$J$15,0)+IF(Input!$K$16=1,M3737*Input!$J$16,0)</f>
        <v>4.4968459423579494</v>
      </c>
      <c r="O3737" s="58">
        <f>IF(Input!$K$13=2,J3737*Input!$J$13,0)+IF(Input!$K$14=2,K3737*Input!$J$14,0)+IF(Input!$K$15=2,L3737*Input!$J$15,0)+IF(Input!$K$16=2,M3737*Input!$J$16,0)</f>
        <v>0.40333700636162939</v>
      </c>
      <c r="P3737" s="58">
        <f>IF(Input!$K$13=3,J3737*Input!$J$13,0)+IF(Input!$K$14=3,K3737*Input!$J$14,0)+IF(Input!$K$15=3,L3737*Input!$J$15,0)+IF(Input!$K$16=3,M3737*Input!$J$16,0)</f>
        <v>0</v>
      </c>
      <c r="Q3737" s="71">
        <f>IF(Input!$K$13=4,J3737*Input!$J$13,0)+IF(Input!$K$14=4,K3737*Input!$J$14,0)+IF(Input!$K$15=4,L3737*Input!$J$15,0)+IF(Input!$K$16=4,M3737*Input!$J$16,0)</f>
        <v>0</v>
      </c>
    </row>
    <row r="3738" spans="8:17" x14ac:dyDescent="0.25">
      <c r="H3738" s="43">
        <v>3731</v>
      </c>
      <c r="I3738" s="55">
        <f>Bühler!I3764</f>
        <v>0.98354608809641286</v>
      </c>
      <c r="J3738" s="58">
        <f>Bühler!J3764</f>
        <v>37.473716186316246</v>
      </c>
      <c r="K3738" s="58">
        <f>Bühler!K3764</f>
        <v>2.9876815286046625</v>
      </c>
      <c r="L3738" s="58">
        <f>Bühler!L3764</f>
        <v>1.4938407643023313</v>
      </c>
      <c r="M3738" s="57">
        <f>Bühler!M3764</f>
        <v>0</v>
      </c>
      <c r="N3738" s="55">
        <f>IF(Input!$K$13=1,J3738*Input!$J$13,0)+IF(Input!$K$14=1,K3738*Input!$J$14,0)+IF(Input!$K$15=1,L3738*Input!$J$15,0)+IF(Input!$K$16=1,M3738*Input!$J$16,0)</f>
        <v>4.4968459423579494</v>
      </c>
      <c r="O3738" s="58">
        <f>IF(Input!$K$13=2,J3738*Input!$J$13,0)+IF(Input!$K$14=2,K3738*Input!$J$14,0)+IF(Input!$K$15=2,L3738*Input!$J$15,0)+IF(Input!$K$16=2,M3738*Input!$J$16,0)</f>
        <v>0.40333700636162939</v>
      </c>
      <c r="P3738" s="58">
        <f>IF(Input!$K$13=3,J3738*Input!$J$13,0)+IF(Input!$K$14=3,K3738*Input!$J$14,0)+IF(Input!$K$15=3,L3738*Input!$J$15,0)+IF(Input!$K$16=3,M3738*Input!$J$16,0)</f>
        <v>0</v>
      </c>
      <c r="Q3738" s="71">
        <f>IF(Input!$K$13=4,J3738*Input!$J$13,0)+IF(Input!$K$14=4,K3738*Input!$J$14,0)+IF(Input!$K$15=4,L3738*Input!$J$15,0)+IF(Input!$K$16=4,M3738*Input!$J$16,0)</f>
        <v>0</v>
      </c>
    </row>
    <row r="3739" spans="8:17" x14ac:dyDescent="0.25">
      <c r="H3739" s="43">
        <v>3732</v>
      </c>
      <c r="I3739" s="55">
        <f>Bühler!I3765</f>
        <v>1.1802553057156955</v>
      </c>
      <c r="J3739" s="58">
        <f>Bühler!J3765</f>
        <v>44.968459423579482</v>
      </c>
      <c r="K3739" s="58">
        <f>Bühler!K3765</f>
        <v>3.5852178343255949</v>
      </c>
      <c r="L3739" s="58">
        <f>Bühler!L3765</f>
        <v>1.7926089171627975</v>
      </c>
      <c r="M3739" s="57">
        <f>Bühler!M3765</f>
        <v>0</v>
      </c>
      <c r="N3739" s="55">
        <f>IF(Input!$K$13=1,J3739*Input!$J$13,0)+IF(Input!$K$14=1,K3739*Input!$J$14,0)+IF(Input!$K$15=1,L3739*Input!$J$15,0)+IF(Input!$K$16=1,M3739*Input!$J$16,0)</f>
        <v>5.3962151308295372</v>
      </c>
      <c r="O3739" s="58">
        <f>IF(Input!$K$13=2,J3739*Input!$J$13,0)+IF(Input!$K$14=2,K3739*Input!$J$14,0)+IF(Input!$K$15=2,L3739*Input!$J$15,0)+IF(Input!$K$16=2,M3739*Input!$J$16,0)</f>
        <v>0.48400440763395536</v>
      </c>
      <c r="P3739" s="58">
        <f>IF(Input!$K$13=3,J3739*Input!$J$13,0)+IF(Input!$K$14=3,K3739*Input!$J$14,0)+IF(Input!$K$15=3,L3739*Input!$J$15,0)+IF(Input!$K$16=3,M3739*Input!$J$16,0)</f>
        <v>0</v>
      </c>
      <c r="Q3739" s="71">
        <f>IF(Input!$K$13=4,J3739*Input!$J$13,0)+IF(Input!$K$14=4,K3739*Input!$J$14,0)+IF(Input!$K$15=4,L3739*Input!$J$15,0)+IF(Input!$K$16=4,M3739*Input!$J$16,0)</f>
        <v>0</v>
      </c>
    </row>
    <row r="3740" spans="8:17" x14ac:dyDescent="0.25">
      <c r="H3740" s="43">
        <v>3733</v>
      </c>
      <c r="I3740" s="55">
        <f>Bühler!I3766</f>
        <v>1.1802553057156955</v>
      </c>
      <c r="J3740" s="58">
        <f>Bühler!J3766</f>
        <v>44.968459423579482</v>
      </c>
      <c r="K3740" s="58">
        <f>Bühler!K3766</f>
        <v>3.5852178343255949</v>
      </c>
      <c r="L3740" s="58">
        <f>Bühler!L3766</f>
        <v>1.7926089171627975</v>
      </c>
      <c r="M3740" s="57">
        <f>Bühler!M3766</f>
        <v>0</v>
      </c>
      <c r="N3740" s="55">
        <f>IF(Input!$K$13=1,J3740*Input!$J$13,0)+IF(Input!$K$14=1,K3740*Input!$J$14,0)+IF(Input!$K$15=1,L3740*Input!$J$15,0)+IF(Input!$K$16=1,M3740*Input!$J$16,0)</f>
        <v>5.3962151308295372</v>
      </c>
      <c r="O3740" s="58">
        <f>IF(Input!$K$13=2,J3740*Input!$J$13,0)+IF(Input!$K$14=2,K3740*Input!$J$14,0)+IF(Input!$K$15=2,L3740*Input!$J$15,0)+IF(Input!$K$16=2,M3740*Input!$J$16,0)</f>
        <v>0.48400440763395536</v>
      </c>
      <c r="P3740" s="58">
        <f>IF(Input!$K$13=3,J3740*Input!$J$13,0)+IF(Input!$K$14=3,K3740*Input!$J$14,0)+IF(Input!$K$15=3,L3740*Input!$J$15,0)+IF(Input!$K$16=3,M3740*Input!$J$16,0)</f>
        <v>0</v>
      </c>
      <c r="Q3740" s="71">
        <f>IF(Input!$K$13=4,J3740*Input!$J$13,0)+IF(Input!$K$14=4,K3740*Input!$J$14,0)+IF(Input!$K$15=4,L3740*Input!$J$15,0)+IF(Input!$K$16=4,M3740*Input!$J$16,0)</f>
        <v>0</v>
      </c>
    </row>
    <row r="3741" spans="8:17" x14ac:dyDescent="0.25">
      <c r="H3741" s="43">
        <v>3734</v>
      </c>
      <c r="I3741" s="55">
        <f>Bühler!I3767</f>
        <v>0.78683687047713047</v>
      </c>
      <c r="J3741" s="58">
        <f>Bühler!J3767</f>
        <v>29.978972949052991</v>
      </c>
      <c r="K3741" s="58">
        <f>Bühler!K3767</f>
        <v>2.3901452228837305</v>
      </c>
      <c r="L3741" s="58">
        <f>Bühler!L3767</f>
        <v>1.1950726114418653</v>
      </c>
      <c r="M3741" s="57">
        <f>Bühler!M3767</f>
        <v>0</v>
      </c>
      <c r="N3741" s="55">
        <f>IF(Input!$K$13=1,J3741*Input!$J$13,0)+IF(Input!$K$14=1,K3741*Input!$J$14,0)+IF(Input!$K$15=1,L3741*Input!$J$15,0)+IF(Input!$K$16=1,M3741*Input!$J$16,0)</f>
        <v>3.597476753886359</v>
      </c>
      <c r="O3741" s="58">
        <f>IF(Input!$K$13=2,J3741*Input!$J$13,0)+IF(Input!$K$14=2,K3741*Input!$J$14,0)+IF(Input!$K$15=2,L3741*Input!$J$15,0)+IF(Input!$K$16=2,M3741*Input!$J$16,0)</f>
        <v>0.32266960508930365</v>
      </c>
      <c r="P3741" s="58">
        <f>IF(Input!$K$13=3,J3741*Input!$J$13,0)+IF(Input!$K$14=3,K3741*Input!$J$14,0)+IF(Input!$K$15=3,L3741*Input!$J$15,0)+IF(Input!$K$16=3,M3741*Input!$J$16,0)</f>
        <v>0</v>
      </c>
      <c r="Q3741" s="71">
        <f>IF(Input!$K$13=4,J3741*Input!$J$13,0)+IF(Input!$K$14=4,K3741*Input!$J$14,0)+IF(Input!$K$15=4,L3741*Input!$J$15,0)+IF(Input!$K$16=4,M3741*Input!$J$16,0)</f>
        <v>0</v>
      </c>
    </row>
    <row r="3742" spans="8:17" x14ac:dyDescent="0.25">
      <c r="H3742" s="43">
        <v>3735</v>
      </c>
      <c r="I3742" s="55">
        <f>Bühler!I3768</f>
        <v>1.1802553057156955</v>
      </c>
      <c r="J3742" s="58">
        <f>Bühler!J3768</f>
        <v>44.968459423579482</v>
      </c>
      <c r="K3742" s="58">
        <f>Bühler!K3768</f>
        <v>3.5852178343255949</v>
      </c>
      <c r="L3742" s="58">
        <f>Bühler!L3768</f>
        <v>1.7926089171627975</v>
      </c>
      <c r="M3742" s="57">
        <f>Bühler!M3768</f>
        <v>0</v>
      </c>
      <c r="N3742" s="55">
        <f>IF(Input!$K$13=1,J3742*Input!$J$13,0)+IF(Input!$K$14=1,K3742*Input!$J$14,0)+IF(Input!$K$15=1,L3742*Input!$J$15,0)+IF(Input!$K$16=1,M3742*Input!$J$16,0)</f>
        <v>5.3962151308295372</v>
      </c>
      <c r="O3742" s="58">
        <f>IF(Input!$K$13=2,J3742*Input!$J$13,0)+IF(Input!$K$14=2,K3742*Input!$J$14,0)+IF(Input!$K$15=2,L3742*Input!$J$15,0)+IF(Input!$K$16=2,M3742*Input!$J$16,0)</f>
        <v>0.48400440763395536</v>
      </c>
      <c r="P3742" s="58">
        <f>IF(Input!$K$13=3,J3742*Input!$J$13,0)+IF(Input!$K$14=3,K3742*Input!$J$14,0)+IF(Input!$K$15=3,L3742*Input!$J$15,0)+IF(Input!$K$16=3,M3742*Input!$J$16,0)</f>
        <v>0</v>
      </c>
      <c r="Q3742" s="71">
        <f>IF(Input!$K$13=4,J3742*Input!$J$13,0)+IF(Input!$K$14=4,K3742*Input!$J$14,0)+IF(Input!$K$15=4,L3742*Input!$J$15,0)+IF(Input!$K$16=4,M3742*Input!$J$16,0)</f>
        <v>0</v>
      </c>
    </row>
    <row r="3743" spans="8:17" x14ac:dyDescent="0.25">
      <c r="H3743" s="43">
        <v>3736</v>
      </c>
      <c r="I3743" s="55">
        <f>Bühler!I3769</f>
        <v>1.1802553057156955</v>
      </c>
      <c r="J3743" s="58">
        <f>Bühler!J3769</f>
        <v>44.968459423579482</v>
      </c>
      <c r="K3743" s="58">
        <f>Bühler!K3769</f>
        <v>3.5852178343255949</v>
      </c>
      <c r="L3743" s="58">
        <f>Bühler!L3769</f>
        <v>1.7926089171627975</v>
      </c>
      <c r="M3743" s="57">
        <f>Bühler!M3769</f>
        <v>0</v>
      </c>
      <c r="N3743" s="55">
        <f>IF(Input!$K$13=1,J3743*Input!$J$13,0)+IF(Input!$K$14=1,K3743*Input!$J$14,0)+IF(Input!$K$15=1,L3743*Input!$J$15,0)+IF(Input!$K$16=1,M3743*Input!$J$16,0)</f>
        <v>5.3962151308295372</v>
      </c>
      <c r="O3743" s="58">
        <f>IF(Input!$K$13=2,J3743*Input!$J$13,0)+IF(Input!$K$14=2,K3743*Input!$J$14,0)+IF(Input!$K$15=2,L3743*Input!$J$15,0)+IF(Input!$K$16=2,M3743*Input!$J$16,0)</f>
        <v>0.48400440763395536</v>
      </c>
      <c r="P3743" s="58">
        <f>IF(Input!$K$13=3,J3743*Input!$J$13,0)+IF(Input!$K$14=3,K3743*Input!$J$14,0)+IF(Input!$K$15=3,L3743*Input!$J$15,0)+IF(Input!$K$16=3,M3743*Input!$J$16,0)</f>
        <v>0</v>
      </c>
      <c r="Q3743" s="71">
        <f>IF(Input!$K$13=4,J3743*Input!$J$13,0)+IF(Input!$K$14=4,K3743*Input!$J$14,0)+IF(Input!$K$15=4,L3743*Input!$J$15,0)+IF(Input!$K$16=4,M3743*Input!$J$16,0)</f>
        <v>0</v>
      </c>
    </row>
    <row r="3744" spans="8:17" x14ac:dyDescent="0.25">
      <c r="H3744" s="43">
        <v>3737</v>
      </c>
      <c r="I3744" s="55">
        <f>Bühler!I3770</f>
        <v>0.98354608809641286</v>
      </c>
      <c r="J3744" s="58">
        <f>Bühler!J3770</f>
        <v>26.551253809052699</v>
      </c>
      <c r="K3744" s="58">
        <f>Bühler!K3770</f>
        <v>2.0913770700232641</v>
      </c>
      <c r="L3744" s="58">
        <f>Bühler!L3770</f>
        <v>1.0456885350116321</v>
      </c>
      <c r="M3744" s="57">
        <f>Bühler!M3770</f>
        <v>0</v>
      </c>
      <c r="N3744" s="55">
        <f>IF(Input!$K$13=1,J3744*Input!$J$13,0)+IF(Input!$K$14=1,K3744*Input!$J$14,0)+IF(Input!$K$15=1,L3744*Input!$J$15,0)+IF(Input!$K$16=1,M3744*Input!$J$16,0)</f>
        <v>3.1861504570863239</v>
      </c>
      <c r="O3744" s="58">
        <f>IF(Input!$K$13=2,J3744*Input!$J$13,0)+IF(Input!$K$14=2,K3744*Input!$J$14,0)+IF(Input!$K$15=2,L3744*Input!$J$15,0)+IF(Input!$K$16=2,M3744*Input!$J$16,0)</f>
        <v>0.28233590445314061</v>
      </c>
      <c r="P3744" s="58">
        <f>IF(Input!$K$13=3,J3744*Input!$J$13,0)+IF(Input!$K$14=3,K3744*Input!$J$14,0)+IF(Input!$K$15=3,L3744*Input!$J$15,0)+IF(Input!$K$16=3,M3744*Input!$J$16,0)</f>
        <v>0</v>
      </c>
      <c r="Q3744" s="71">
        <f>IF(Input!$K$13=4,J3744*Input!$J$13,0)+IF(Input!$K$14=4,K3744*Input!$J$14,0)+IF(Input!$K$15=4,L3744*Input!$J$15,0)+IF(Input!$K$16=4,M3744*Input!$J$16,0)</f>
        <v>0</v>
      </c>
    </row>
    <row r="3745" spans="8:17" x14ac:dyDescent="0.25">
      <c r="H3745" s="43">
        <v>3738</v>
      </c>
      <c r="I3745" s="55">
        <f>Bühler!I3771</f>
        <v>0.79135892145688402</v>
      </c>
      <c r="J3745" s="58">
        <f>Bühler!J3771</f>
        <v>8.1389470830873165</v>
      </c>
      <c r="K3745" s="58">
        <f>Bühler!K3771</f>
        <v>0.59753630572093264</v>
      </c>
      <c r="L3745" s="58">
        <f>Bühler!L3771</f>
        <v>0.29876815286046632</v>
      </c>
      <c r="M3745" s="57">
        <f>Bühler!M3771</f>
        <v>0</v>
      </c>
      <c r="N3745" s="55">
        <f>IF(Input!$K$13=1,J3745*Input!$J$13,0)+IF(Input!$K$14=1,K3745*Input!$J$14,0)+IF(Input!$K$15=1,L3745*Input!$J$15,0)+IF(Input!$K$16=1,M3745*Input!$J$16,0)</f>
        <v>0.9766736499704779</v>
      </c>
      <c r="O3745" s="58">
        <f>IF(Input!$K$13=2,J3745*Input!$J$13,0)+IF(Input!$K$14=2,K3745*Input!$J$14,0)+IF(Input!$K$15=2,L3745*Input!$J$15,0)+IF(Input!$K$16=2,M3745*Input!$J$16,0)</f>
        <v>8.0667401272325912E-2</v>
      </c>
      <c r="P3745" s="58">
        <f>IF(Input!$K$13=3,J3745*Input!$J$13,0)+IF(Input!$K$14=3,K3745*Input!$J$14,0)+IF(Input!$K$15=3,L3745*Input!$J$15,0)+IF(Input!$K$16=3,M3745*Input!$J$16,0)</f>
        <v>0</v>
      </c>
      <c r="Q3745" s="71">
        <f>IF(Input!$K$13=4,J3745*Input!$J$13,0)+IF(Input!$K$14=4,K3745*Input!$J$14,0)+IF(Input!$K$15=4,L3745*Input!$J$15,0)+IF(Input!$K$16=4,M3745*Input!$J$16,0)</f>
        <v>0</v>
      </c>
    </row>
    <row r="3746" spans="8:17" x14ac:dyDescent="0.25">
      <c r="H3746" s="43">
        <v>3739</v>
      </c>
      <c r="I3746" s="55">
        <f>Bühler!I3772</f>
        <v>0.28262818623460151</v>
      </c>
      <c r="J3746" s="58">
        <f>Bühler!J3772</f>
        <v>7.4852637877489645</v>
      </c>
      <c r="K3746" s="58">
        <f>Bühler!K3772</f>
        <v>0.58912030141500393</v>
      </c>
      <c r="L3746" s="58">
        <f>Bühler!L3772</f>
        <v>0.29456015070750197</v>
      </c>
      <c r="M3746" s="57">
        <f>Bühler!M3772</f>
        <v>0</v>
      </c>
      <c r="N3746" s="55">
        <f>IF(Input!$K$13=1,J3746*Input!$J$13,0)+IF(Input!$K$14=1,K3746*Input!$J$14,0)+IF(Input!$K$15=1,L3746*Input!$J$15,0)+IF(Input!$K$16=1,M3746*Input!$J$16,0)</f>
        <v>0.89823165452987574</v>
      </c>
      <c r="O3746" s="58">
        <f>IF(Input!$K$13=2,J3746*Input!$J$13,0)+IF(Input!$K$14=2,K3746*Input!$J$14,0)+IF(Input!$K$15=2,L3746*Input!$J$15,0)+IF(Input!$K$16=2,M3746*Input!$J$16,0)</f>
        <v>7.9531240691025518E-2</v>
      </c>
      <c r="P3746" s="58">
        <f>IF(Input!$K$13=3,J3746*Input!$J$13,0)+IF(Input!$K$14=3,K3746*Input!$J$14,0)+IF(Input!$K$15=3,L3746*Input!$J$15,0)+IF(Input!$K$16=3,M3746*Input!$J$16,0)</f>
        <v>0</v>
      </c>
      <c r="Q3746" s="71">
        <f>IF(Input!$K$13=4,J3746*Input!$J$13,0)+IF(Input!$K$14=4,K3746*Input!$J$14,0)+IF(Input!$K$15=4,L3746*Input!$J$15,0)+IF(Input!$K$16=4,M3746*Input!$J$16,0)</f>
        <v>0</v>
      </c>
    </row>
    <row r="3747" spans="8:17" x14ac:dyDescent="0.25">
      <c r="H3747" s="43">
        <v>3740</v>
      </c>
      <c r="I3747" s="55">
        <f>Bühler!I3773</f>
        <v>0.28262818623460151</v>
      </c>
      <c r="J3747" s="58">
        <f>Bühler!J3773</f>
        <v>7.4852637877489645</v>
      </c>
      <c r="K3747" s="58">
        <f>Bühler!K3773</f>
        <v>0.58912030141500393</v>
      </c>
      <c r="L3747" s="58">
        <f>Bühler!L3773</f>
        <v>0.29456015070750197</v>
      </c>
      <c r="M3747" s="57">
        <f>Bühler!M3773</f>
        <v>0</v>
      </c>
      <c r="N3747" s="55">
        <f>IF(Input!$K$13=1,J3747*Input!$J$13,0)+IF(Input!$K$14=1,K3747*Input!$J$14,0)+IF(Input!$K$15=1,L3747*Input!$J$15,0)+IF(Input!$K$16=1,M3747*Input!$J$16,0)</f>
        <v>0.89823165452987574</v>
      </c>
      <c r="O3747" s="58">
        <f>IF(Input!$K$13=2,J3747*Input!$J$13,0)+IF(Input!$K$14=2,K3747*Input!$J$14,0)+IF(Input!$K$15=2,L3747*Input!$J$15,0)+IF(Input!$K$16=2,M3747*Input!$J$16,0)</f>
        <v>7.9531240691025518E-2</v>
      </c>
      <c r="P3747" s="58">
        <f>IF(Input!$K$13=3,J3747*Input!$J$13,0)+IF(Input!$K$14=3,K3747*Input!$J$14,0)+IF(Input!$K$15=3,L3747*Input!$J$15,0)+IF(Input!$K$16=3,M3747*Input!$J$16,0)</f>
        <v>0</v>
      </c>
      <c r="Q3747" s="71">
        <f>IF(Input!$K$13=4,J3747*Input!$J$13,0)+IF(Input!$K$14=4,K3747*Input!$J$14,0)+IF(Input!$K$15=4,L3747*Input!$J$15,0)+IF(Input!$K$16=4,M3747*Input!$J$16,0)</f>
        <v>0</v>
      </c>
    </row>
    <row r="3748" spans="8:17" x14ac:dyDescent="0.25">
      <c r="H3748" s="43">
        <v>3741</v>
      </c>
      <c r="I3748" s="55">
        <f>Bühler!I3774</f>
        <v>0.28262818623460151</v>
      </c>
      <c r="J3748" s="58">
        <f>Bühler!J3774</f>
        <v>7.4852637877489645</v>
      </c>
      <c r="K3748" s="58">
        <f>Bühler!K3774</f>
        <v>0.58912030141500393</v>
      </c>
      <c r="L3748" s="58">
        <f>Bühler!L3774</f>
        <v>0.29456015070750197</v>
      </c>
      <c r="M3748" s="57">
        <f>Bühler!M3774</f>
        <v>0</v>
      </c>
      <c r="N3748" s="55">
        <f>IF(Input!$K$13=1,J3748*Input!$J$13,0)+IF(Input!$K$14=1,K3748*Input!$J$14,0)+IF(Input!$K$15=1,L3748*Input!$J$15,0)+IF(Input!$K$16=1,M3748*Input!$J$16,0)</f>
        <v>0.89823165452987574</v>
      </c>
      <c r="O3748" s="58">
        <f>IF(Input!$K$13=2,J3748*Input!$J$13,0)+IF(Input!$K$14=2,K3748*Input!$J$14,0)+IF(Input!$K$15=2,L3748*Input!$J$15,0)+IF(Input!$K$16=2,M3748*Input!$J$16,0)</f>
        <v>7.9531240691025518E-2</v>
      </c>
      <c r="P3748" s="58">
        <f>IF(Input!$K$13=3,J3748*Input!$J$13,0)+IF(Input!$K$14=3,K3748*Input!$J$14,0)+IF(Input!$K$15=3,L3748*Input!$J$15,0)+IF(Input!$K$16=3,M3748*Input!$J$16,0)</f>
        <v>0</v>
      </c>
      <c r="Q3748" s="71">
        <f>IF(Input!$K$13=4,J3748*Input!$J$13,0)+IF(Input!$K$14=4,K3748*Input!$J$14,0)+IF(Input!$K$15=4,L3748*Input!$J$15,0)+IF(Input!$K$16=4,M3748*Input!$J$16,0)</f>
        <v>0</v>
      </c>
    </row>
    <row r="3749" spans="8:17" x14ac:dyDescent="0.25">
      <c r="H3749" s="43">
        <v>3742</v>
      </c>
      <c r="I3749" s="55">
        <f>Bühler!I3775</f>
        <v>0.28262818623460151</v>
      </c>
      <c r="J3749" s="58">
        <f>Bühler!J3775</f>
        <v>7.4852637877489645</v>
      </c>
      <c r="K3749" s="58">
        <f>Bühler!K3775</f>
        <v>0.58912030141500393</v>
      </c>
      <c r="L3749" s="58">
        <f>Bühler!L3775</f>
        <v>0.29456015070750197</v>
      </c>
      <c r="M3749" s="57">
        <f>Bühler!M3775</f>
        <v>0</v>
      </c>
      <c r="N3749" s="55">
        <f>IF(Input!$K$13=1,J3749*Input!$J$13,0)+IF(Input!$K$14=1,K3749*Input!$J$14,0)+IF(Input!$K$15=1,L3749*Input!$J$15,0)+IF(Input!$K$16=1,M3749*Input!$J$16,0)</f>
        <v>0.89823165452987574</v>
      </c>
      <c r="O3749" s="58">
        <f>IF(Input!$K$13=2,J3749*Input!$J$13,0)+IF(Input!$K$14=2,K3749*Input!$J$14,0)+IF(Input!$K$15=2,L3749*Input!$J$15,0)+IF(Input!$K$16=2,M3749*Input!$J$16,0)</f>
        <v>7.9531240691025518E-2</v>
      </c>
      <c r="P3749" s="58">
        <f>IF(Input!$K$13=3,J3749*Input!$J$13,0)+IF(Input!$K$14=3,K3749*Input!$J$14,0)+IF(Input!$K$15=3,L3749*Input!$J$15,0)+IF(Input!$K$16=3,M3749*Input!$J$16,0)</f>
        <v>0</v>
      </c>
      <c r="Q3749" s="71">
        <f>IF(Input!$K$13=4,J3749*Input!$J$13,0)+IF(Input!$K$14=4,K3749*Input!$J$14,0)+IF(Input!$K$15=4,L3749*Input!$J$15,0)+IF(Input!$K$16=4,M3749*Input!$J$16,0)</f>
        <v>0</v>
      </c>
    </row>
    <row r="3750" spans="8:17" x14ac:dyDescent="0.25">
      <c r="H3750" s="43">
        <v>3743</v>
      </c>
      <c r="I3750" s="55">
        <f>Bühler!I3776</f>
        <v>0.28262818623460151</v>
      </c>
      <c r="J3750" s="58">
        <f>Bühler!J3776</f>
        <v>7.4852637877489645</v>
      </c>
      <c r="K3750" s="58">
        <f>Bühler!K3776</f>
        <v>0.58912030141500393</v>
      </c>
      <c r="L3750" s="58">
        <f>Bühler!L3776</f>
        <v>0.29456015070750197</v>
      </c>
      <c r="M3750" s="57">
        <f>Bühler!M3776</f>
        <v>0</v>
      </c>
      <c r="N3750" s="55">
        <f>IF(Input!$K$13=1,J3750*Input!$J$13,0)+IF(Input!$K$14=1,K3750*Input!$J$14,0)+IF(Input!$K$15=1,L3750*Input!$J$15,0)+IF(Input!$K$16=1,M3750*Input!$J$16,0)</f>
        <v>0.89823165452987574</v>
      </c>
      <c r="O3750" s="58">
        <f>IF(Input!$K$13=2,J3750*Input!$J$13,0)+IF(Input!$K$14=2,K3750*Input!$J$14,0)+IF(Input!$K$15=2,L3750*Input!$J$15,0)+IF(Input!$K$16=2,M3750*Input!$J$16,0)</f>
        <v>7.9531240691025518E-2</v>
      </c>
      <c r="P3750" s="58">
        <f>IF(Input!$K$13=3,J3750*Input!$J$13,0)+IF(Input!$K$14=3,K3750*Input!$J$14,0)+IF(Input!$K$15=3,L3750*Input!$J$15,0)+IF(Input!$K$16=3,M3750*Input!$J$16,0)</f>
        <v>0</v>
      </c>
      <c r="Q3750" s="71">
        <f>IF(Input!$K$13=4,J3750*Input!$J$13,0)+IF(Input!$K$14=4,K3750*Input!$J$14,0)+IF(Input!$K$15=4,L3750*Input!$J$15,0)+IF(Input!$K$16=4,M3750*Input!$J$16,0)</f>
        <v>0</v>
      </c>
    </row>
    <row r="3751" spans="8:17" x14ac:dyDescent="0.25">
      <c r="H3751" s="43">
        <v>3744</v>
      </c>
      <c r="I3751" s="55">
        <f>Bühler!I3777</f>
        <v>0.28262818623460151</v>
      </c>
      <c r="J3751" s="58">
        <f>Bühler!J3777</f>
        <v>7.4852637877489645</v>
      </c>
      <c r="K3751" s="58">
        <f>Bühler!K3777</f>
        <v>0.58912030141500393</v>
      </c>
      <c r="L3751" s="58">
        <f>Bühler!L3777</f>
        <v>0.29456015070750197</v>
      </c>
      <c r="M3751" s="57">
        <f>Bühler!M3777</f>
        <v>0</v>
      </c>
      <c r="N3751" s="55">
        <f>IF(Input!$K$13=1,J3751*Input!$J$13,0)+IF(Input!$K$14=1,K3751*Input!$J$14,0)+IF(Input!$K$15=1,L3751*Input!$J$15,0)+IF(Input!$K$16=1,M3751*Input!$J$16,0)</f>
        <v>0.89823165452987574</v>
      </c>
      <c r="O3751" s="58">
        <f>IF(Input!$K$13=2,J3751*Input!$J$13,0)+IF(Input!$K$14=2,K3751*Input!$J$14,0)+IF(Input!$K$15=2,L3751*Input!$J$15,0)+IF(Input!$K$16=2,M3751*Input!$J$16,0)</f>
        <v>7.9531240691025518E-2</v>
      </c>
      <c r="P3751" s="58">
        <f>IF(Input!$K$13=3,J3751*Input!$J$13,0)+IF(Input!$K$14=3,K3751*Input!$J$14,0)+IF(Input!$K$15=3,L3751*Input!$J$15,0)+IF(Input!$K$16=3,M3751*Input!$J$16,0)</f>
        <v>0</v>
      </c>
      <c r="Q3751" s="71">
        <f>IF(Input!$K$13=4,J3751*Input!$J$13,0)+IF(Input!$K$14=4,K3751*Input!$J$14,0)+IF(Input!$K$15=4,L3751*Input!$J$15,0)+IF(Input!$K$16=4,M3751*Input!$J$16,0)</f>
        <v>0</v>
      </c>
    </row>
    <row r="3752" spans="8:17" x14ac:dyDescent="0.25">
      <c r="H3752" s="43">
        <v>3745</v>
      </c>
      <c r="I3752" s="55">
        <f>Bühler!I3778</f>
        <v>0.25004636263947183</v>
      </c>
      <c r="J3752" s="58">
        <f>Bühler!J3778</f>
        <v>4.8216455463769554</v>
      </c>
      <c r="K3752" s="58">
        <f>Bühler!K3778</f>
        <v>0.37437364406232981</v>
      </c>
      <c r="L3752" s="58">
        <f>Bühler!L3778</f>
        <v>0.18718682203116491</v>
      </c>
      <c r="M3752" s="57">
        <f>Bühler!M3778</f>
        <v>0</v>
      </c>
      <c r="N3752" s="55">
        <f>IF(Input!$K$13=1,J3752*Input!$J$13,0)+IF(Input!$K$14=1,K3752*Input!$J$14,0)+IF(Input!$K$15=1,L3752*Input!$J$15,0)+IF(Input!$K$16=1,M3752*Input!$J$16,0)</f>
        <v>0.57859746556523461</v>
      </c>
      <c r="O3752" s="58">
        <f>IF(Input!$K$13=2,J3752*Input!$J$13,0)+IF(Input!$K$14=2,K3752*Input!$J$14,0)+IF(Input!$K$15=2,L3752*Input!$J$15,0)+IF(Input!$K$16=2,M3752*Input!$J$16,0)</f>
        <v>5.0540441948414519E-2</v>
      </c>
      <c r="P3752" s="58">
        <f>IF(Input!$K$13=3,J3752*Input!$J$13,0)+IF(Input!$K$14=3,K3752*Input!$J$14,0)+IF(Input!$K$15=3,L3752*Input!$J$15,0)+IF(Input!$K$16=3,M3752*Input!$J$16,0)</f>
        <v>0</v>
      </c>
      <c r="Q3752" s="71">
        <f>IF(Input!$K$13=4,J3752*Input!$J$13,0)+IF(Input!$K$14=4,K3752*Input!$J$14,0)+IF(Input!$K$15=4,L3752*Input!$J$15,0)+IF(Input!$K$16=4,M3752*Input!$J$16,0)</f>
        <v>0</v>
      </c>
    </row>
    <row r="3753" spans="8:17" x14ac:dyDescent="0.25">
      <c r="H3753" s="43">
        <v>3746</v>
      </c>
      <c r="I3753" s="55">
        <f>Bühler!I3779</f>
        <v>0.25004636263947183</v>
      </c>
      <c r="J3753" s="58">
        <f>Bühler!J3779</f>
        <v>7.2053780156797878</v>
      </c>
      <c r="K3753" s="58">
        <f>Bühler!K3779</f>
        <v>0.57047412428545496</v>
      </c>
      <c r="L3753" s="58">
        <f>Bühler!L3779</f>
        <v>0.28523706214272748</v>
      </c>
      <c r="M3753" s="57">
        <f>Bühler!M3779</f>
        <v>0</v>
      </c>
      <c r="N3753" s="55">
        <f>IF(Input!$K$13=1,J3753*Input!$J$13,0)+IF(Input!$K$14=1,K3753*Input!$J$14,0)+IF(Input!$K$15=1,L3753*Input!$J$15,0)+IF(Input!$K$16=1,M3753*Input!$J$16,0)</f>
        <v>0.86464536188157448</v>
      </c>
      <c r="O3753" s="58">
        <f>IF(Input!$K$13=2,J3753*Input!$J$13,0)+IF(Input!$K$14=2,K3753*Input!$J$14,0)+IF(Input!$K$15=2,L3753*Input!$J$15,0)+IF(Input!$K$16=2,M3753*Input!$J$16,0)</f>
        <v>7.7014006778536426E-2</v>
      </c>
      <c r="P3753" s="58">
        <f>IF(Input!$K$13=3,J3753*Input!$J$13,0)+IF(Input!$K$14=3,K3753*Input!$J$14,0)+IF(Input!$K$15=3,L3753*Input!$J$15,0)+IF(Input!$K$16=3,M3753*Input!$J$16,0)</f>
        <v>0</v>
      </c>
      <c r="Q3753" s="71">
        <f>IF(Input!$K$13=4,J3753*Input!$J$13,0)+IF(Input!$K$14=4,K3753*Input!$J$14,0)+IF(Input!$K$15=4,L3753*Input!$J$15,0)+IF(Input!$K$16=4,M3753*Input!$J$16,0)</f>
        <v>0</v>
      </c>
    </row>
    <row r="3754" spans="8:17" x14ac:dyDescent="0.25">
      <c r="H3754" s="43">
        <v>3747</v>
      </c>
      <c r="I3754" s="55">
        <f>Bühler!I3780</f>
        <v>0.25004636263947183</v>
      </c>
      <c r="J3754" s="58">
        <f>Bühler!J3780</f>
        <v>7.2053780156797878</v>
      </c>
      <c r="K3754" s="58">
        <f>Bühler!K3780</f>
        <v>0.57047412428545496</v>
      </c>
      <c r="L3754" s="58">
        <f>Bühler!L3780</f>
        <v>0.28523706214272748</v>
      </c>
      <c r="M3754" s="57">
        <f>Bühler!M3780</f>
        <v>0</v>
      </c>
      <c r="N3754" s="55">
        <f>IF(Input!$K$13=1,J3754*Input!$J$13,0)+IF(Input!$K$14=1,K3754*Input!$J$14,0)+IF(Input!$K$15=1,L3754*Input!$J$15,0)+IF(Input!$K$16=1,M3754*Input!$J$16,0)</f>
        <v>0.86464536188157448</v>
      </c>
      <c r="O3754" s="58">
        <f>IF(Input!$K$13=2,J3754*Input!$J$13,0)+IF(Input!$K$14=2,K3754*Input!$J$14,0)+IF(Input!$K$15=2,L3754*Input!$J$15,0)+IF(Input!$K$16=2,M3754*Input!$J$16,0)</f>
        <v>7.7014006778536426E-2</v>
      </c>
      <c r="P3754" s="58">
        <f>IF(Input!$K$13=3,J3754*Input!$J$13,0)+IF(Input!$K$14=3,K3754*Input!$J$14,0)+IF(Input!$K$15=3,L3754*Input!$J$15,0)+IF(Input!$K$16=3,M3754*Input!$J$16,0)</f>
        <v>0</v>
      </c>
      <c r="Q3754" s="71">
        <f>IF(Input!$K$13=4,J3754*Input!$J$13,0)+IF(Input!$K$14=4,K3754*Input!$J$14,0)+IF(Input!$K$15=4,L3754*Input!$J$15,0)+IF(Input!$K$16=4,M3754*Input!$J$16,0)</f>
        <v>0</v>
      </c>
    </row>
    <row r="3755" spans="8:17" x14ac:dyDescent="0.25">
      <c r="H3755" s="43">
        <v>3748</v>
      </c>
      <c r="I3755" s="55">
        <f>Bühler!I3781</f>
        <v>0.25004636263947183</v>
      </c>
      <c r="J3755" s="58">
        <f>Bühler!J3781</f>
        <v>7.2053780156797878</v>
      </c>
      <c r="K3755" s="58">
        <f>Bühler!K3781</f>
        <v>0.57047412428545496</v>
      </c>
      <c r="L3755" s="58">
        <f>Bühler!L3781</f>
        <v>0.28523706214272748</v>
      </c>
      <c r="M3755" s="57">
        <f>Bühler!M3781</f>
        <v>0</v>
      </c>
      <c r="N3755" s="55">
        <f>IF(Input!$K$13=1,J3755*Input!$J$13,0)+IF(Input!$K$14=1,K3755*Input!$J$14,0)+IF(Input!$K$15=1,L3755*Input!$J$15,0)+IF(Input!$K$16=1,M3755*Input!$J$16,0)</f>
        <v>0.86464536188157448</v>
      </c>
      <c r="O3755" s="58">
        <f>IF(Input!$K$13=2,J3755*Input!$J$13,0)+IF(Input!$K$14=2,K3755*Input!$J$14,0)+IF(Input!$K$15=2,L3755*Input!$J$15,0)+IF(Input!$K$16=2,M3755*Input!$J$16,0)</f>
        <v>7.7014006778536426E-2</v>
      </c>
      <c r="P3755" s="58">
        <f>IF(Input!$K$13=3,J3755*Input!$J$13,0)+IF(Input!$K$14=3,K3755*Input!$J$14,0)+IF(Input!$K$15=3,L3755*Input!$J$15,0)+IF(Input!$K$16=3,M3755*Input!$J$16,0)</f>
        <v>0</v>
      </c>
      <c r="Q3755" s="71">
        <f>IF(Input!$K$13=4,J3755*Input!$J$13,0)+IF(Input!$K$14=4,K3755*Input!$J$14,0)+IF(Input!$K$15=4,L3755*Input!$J$15,0)+IF(Input!$K$16=4,M3755*Input!$J$16,0)</f>
        <v>0</v>
      </c>
    </row>
    <row r="3756" spans="8:17" x14ac:dyDescent="0.25">
      <c r="H3756" s="43">
        <v>3749</v>
      </c>
      <c r="I3756" s="55">
        <f>Bühler!I3782</f>
        <v>0.25004636263947183</v>
      </c>
      <c r="J3756" s="58">
        <f>Bühler!J3782</f>
        <v>7.2053780156797878</v>
      </c>
      <c r="K3756" s="58">
        <f>Bühler!K3782</f>
        <v>0.57047412428545496</v>
      </c>
      <c r="L3756" s="58">
        <f>Bühler!L3782</f>
        <v>0.28523706214272748</v>
      </c>
      <c r="M3756" s="57">
        <f>Bühler!M3782</f>
        <v>0</v>
      </c>
      <c r="N3756" s="55">
        <f>IF(Input!$K$13=1,J3756*Input!$J$13,0)+IF(Input!$K$14=1,K3756*Input!$J$14,0)+IF(Input!$K$15=1,L3756*Input!$J$15,0)+IF(Input!$K$16=1,M3756*Input!$J$16,0)</f>
        <v>0.86464536188157448</v>
      </c>
      <c r="O3756" s="58">
        <f>IF(Input!$K$13=2,J3756*Input!$J$13,0)+IF(Input!$K$14=2,K3756*Input!$J$14,0)+IF(Input!$K$15=2,L3756*Input!$J$15,0)+IF(Input!$K$16=2,M3756*Input!$J$16,0)</f>
        <v>7.7014006778536426E-2</v>
      </c>
      <c r="P3756" s="58">
        <f>IF(Input!$K$13=3,J3756*Input!$J$13,0)+IF(Input!$K$14=3,K3756*Input!$J$14,0)+IF(Input!$K$15=3,L3756*Input!$J$15,0)+IF(Input!$K$16=3,M3756*Input!$J$16,0)</f>
        <v>0</v>
      </c>
      <c r="Q3756" s="71">
        <f>IF(Input!$K$13=4,J3756*Input!$J$13,0)+IF(Input!$K$14=4,K3756*Input!$J$14,0)+IF(Input!$K$15=4,L3756*Input!$J$15,0)+IF(Input!$K$16=4,M3756*Input!$J$16,0)</f>
        <v>0</v>
      </c>
    </row>
    <row r="3757" spans="8:17" x14ac:dyDescent="0.25">
      <c r="H3757" s="43">
        <v>3750</v>
      </c>
      <c r="I3757" s="55">
        <f>Bühler!I3783</f>
        <v>0.25004636263947183</v>
      </c>
      <c r="J3757" s="58">
        <f>Bühler!J3783</f>
        <v>7.2053780156797878</v>
      </c>
      <c r="K3757" s="58">
        <f>Bühler!K3783</f>
        <v>0.57047412428545496</v>
      </c>
      <c r="L3757" s="58">
        <f>Bühler!L3783</f>
        <v>0.28523706214272748</v>
      </c>
      <c r="M3757" s="57">
        <f>Bühler!M3783</f>
        <v>0</v>
      </c>
      <c r="N3757" s="55">
        <f>IF(Input!$K$13=1,J3757*Input!$J$13,0)+IF(Input!$K$14=1,K3757*Input!$J$14,0)+IF(Input!$K$15=1,L3757*Input!$J$15,0)+IF(Input!$K$16=1,M3757*Input!$J$16,0)</f>
        <v>0.86464536188157448</v>
      </c>
      <c r="O3757" s="58">
        <f>IF(Input!$K$13=2,J3757*Input!$J$13,0)+IF(Input!$K$14=2,K3757*Input!$J$14,0)+IF(Input!$K$15=2,L3757*Input!$J$15,0)+IF(Input!$K$16=2,M3757*Input!$J$16,0)</f>
        <v>7.7014006778536426E-2</v>
      </c>
      <c r="P3757" s="58">
        <f>IF(Input!$K$13=3,J3757*Input!$J$13,0)+IF(Input!$K$14=3,K3757*Input!$J$14,0)+IF(Input!$K$15=3,L3757*Input!$J$15,0)+IF(Input!$K$16=3,M3757*Input!$J$16,0)</f>
        <v>0</v>
      </c>
      <c r="Q3757" s="71">
        <f>IF(Input!$K$13=4,J3757*Input!$J$13,0)+IF(Input!$K$14=4,K3757*Input!$J$14,0)+IF(Input!$K$15=4,L3757*Input!$J$15,0)+IF(Input!$K$16=4,M3757*Input!$J$16,0)</f>
        <v>0</v>
      </c>
    </row>
    <row r="3758" spans="8:17" x14ac:dyDescent="0.25">
      <c r="H3758" s="43">
        <v>3751</v>
      </c>
      <c r="I3758" s="55">
        <f>Bühler!I3784</f>
        <v>0.25004636263947183</v>
      </c>
      <c r="J3758" s="58">
        <f>Bühler!J3784</f>
        <v>7.2053780156797878</v>
      </c>
      <c r="K3758" s="58">
        <f>Bühler!K3784</f>
        <v>0.57047412428545496</v>
      </c>
      <c r="L3758" s="58">
        <f>Bühler!L3784</f>
        <v>0.28523706214272748</v>
      </c>
      <c r="M3758" s="57">
        <f>Bühler!M3784</f>
        <v>0</v>
      </c>
      <c r="N3758" s="55">
        <f>IF(Input!$K$13=1,J3758*Input!$J$13,0)+IF(Input!$K$14=1,K3758*Input!$J$14,0)+IF(Input!$K$15=1,L3758*Input!$J$15,0)+IF(Input!$K$16=1,M3758*Input!$J$16,0)</f>
        <v>0.86464536188157448</v>
      </c>
      <c r="O3758" s="58">
        <f>IF(Input!$K$13=2,J3758*Input!$J$13,0)+IF(Input!$K$14=2,K3758*Input!$J$14,0)+IF(Input!$K$15=2,L3758*Input!$J$15,0)+IF(Input!$K$16=2,M3758*Input!$J$16,0)</f>
        <v>7.7014006778536426E-2</v>
      </c>
      <c r="P3758" s="58">
        <f>IF(Input!$K$13=3,J3758*Input!$J$13,0)+IF(Input!$K$14=3,K3758*Input!$J$14,0)+IF(Input!$K$15=3,L3758*Input!$J$15,0)+IF(Input!$K$16=3,M3758*Input!$J$16,0)</f>
        <v>0</v>
      </c>
      <c r="Q3758" s="71">
        <f>IF(Input!$K$13=4,J3758*Input!$J$13,0)+IF(Input!$K$14=4,K3758*Input!$J$14,0)+IF(Input!$K$15=4,L3758*Input!$J$15,0)+IF(Input!$K$16=4,M3758*Input!$J$16,0)</f>
        <v>0</v>
      </c>
    </row>
    <row r="3759" spans="8:17" x14ac:dyDescent="0.25">
      <c r="H3759" s="43">
        <v>3752</v>
      </c>
      <c r="I3759" s="55">
        <f>Bühler!I3785</f>
        <v>0.72029484463563975</v>
      </c>
      <c r="J3759" s="58">
        <f>Bühler!J3785</f>
        <v>30.013547606744851</v>
      </c>
      <c r="K3759" s="58">
        <f>Bühler!K3785</f>
        <v>2.4049049801908704</v>
      </c>
      <c r="L3759" s="58">
        <f>Bühler!L3785</f>
        <v>1.2024524900954352</v>
      </c>
      <c r="M3759" s="57">
        <f>Bühler!M3785</f>
        <v>0</v>
      </c>
      <c r="N3759" s="55">
        <f>IF(Input!$K$13=1,J3759*Input!$J$13,0)+IF(Input!$K$14=1,K3759*Input!$J$14,0)+IF(Input!$K$15=1,L3759*Input!$J$15,0)+IF(Input!$K$16=1,M3759*Input!$J$16,0)</f>
        <v>3.601625712809382</v>
      </c>
      <c r="O3759" s="58">
        <f>IF(Input!$K$13=2,J3759*Input!$J$13,0)+IF(Input!$K$14=2,K3759*Input!$J$14,0)+IF(Input!$K$15=2,L3759*Input!$J$15,0)+IF(Input!$K$16=2,M3759*Input!$J$16,0)</f>
        <v>0.3246621723257675</v>
      </c>
      <c r="P3759" s="58">
        <f>IF(Input!$K$13=3,J3759*Input!$J$13,0)+IF(Input!$K$14=3,K3759*Input!$J$14,0)+IF(Input!$K$15=3,L3759*Input!$J$15,0)+IF(Input!$K$16=3,M3759*Input!$J$16,0)</f>
        <v>0</v>
      </c>
      <c r="Q3759" s="71">
        <f>IF(Input!$K$13=4,J3759*Input!$J$13,0)+IF(Input!$K$14=4,K3759*Input!$J$14,0)+IF(Input!$K$15=4,L3759*Input!$J$15,0)+IF(Input!$K$16=4,M3759*Input!$J$16,0)</f>
        <v>0</v>
      </c>
    </row>
    <row r="3760" spans="8:17" x14ac:dyDescent="0.25">
      <c r="H3760" s="43">
        <v>3753</v>
      </c>
      <c r="I3760" s="55">
        <f>Bühler!I3786</f>
        <v>0.80369740559345071</v>
      </c>
      <c r="J3760" s="58">
        <f>Bühler!J3786</f>
        <v>33.488800487525843</v>
      </c>
      <c r="K3760" s="58">
        <f>Bühler!K3786</f>
        <v>2.6833676621077087</v>
      </c>
      <c r="L3760" s="58">
        <f>Bühler!L3786</f>
        <v>1.3416838310538544</v>
      </c>
      <c r="M3760" s="57">
        <f>Bühler!M3786</f>
        <v>0</v>
      </c>
      <c r="N3760" s="55">
        <f>IF(Input!$K$13=1,J3760*Input!$J$13,0)+IF(Input!$K$14=1,K3760*Input!$J$14,0)+IF(Input!$K$15=1,L3760*Input!$J$15,0)+IF(Input!$K$16=1,M3760*Input!$J$16,0)</f>
        <v>4.018656058503101</v>
      </c>
      <c r="O3760" s="58">
        <f>IF(Input!$K$13=2,J3760*Input!$J$13,0)+IF(Input!$K$14=2,K3760*Input!$J$14,0)+IF(Input!$K$15=2,L3760*Input!$J$15,0)+IF(Input!$K$16=2,M3760*Input!$J$16,0)</f>
        <v>0.36225463438454064</v>
      </c>
      <c r="P3760" s="58">
        <f>IF(Input!$K$13=3,J3760*Input!$J$13,0)+IF(Input!$K$14=3,K3760*Input!$J$14,0)+IF(Input!$K$15=3,L3760*Input!$J$15,0)+IF(Input!$K$16=3,M3760*Input!$J$16,0)</f>
        <v>0</v>
      </c>
      <c r="Q3760" s="71">
        <f>IF(Input!$K$13=4,J3760*Input!$J$13,0)+IF(Input!$K$14=4,K3760*Input!$J$14,0)+IF(Input!$K$15=4,L3760*Input!$J$15,0)+IF(Input!$K$16=4,M3760*Input!$J$16,0)</f>
        <v>0</v>
      </c>
    </row>
    <row r="3761" spans="8:17" x14ac:dyDescent="0.25">
      <c r="H3761" s="43">
        <v>3754</v>
      </c>
      <c r="I3761" s="55">
        <f>Bühler!I3787</f>
        <v>0.88709996655126166</v>
      </c>
      <c r="J3761" s="58">
        <f>Bühler!J3787</f>
        <v>36.964053368306828</v>
      </c>
      <c r="K3761" s="58">
        <f>Bühler!K3787</f>
        <v>2.9618303440245466</v>
      </c>
      <c r="L3761" s="58">
        <f>Bühler!L3787</f>
        <v>1.4809151720122733</v>
      </c>
      <c r="M3761" s="57">
        <f>Bühler!M3787</f>
        <v>0</v>
      </c>
      <c r="N3761" s="55">
        <f>IF(Input!$K$13=1,J3761*Input!$J$13,0)+IF(Input!$K$14=1,K3761*Input!$J$14,0)+IF(Input!$K$15=1,L3761*Input!$J$15,0)+IF(Input!$K$16=1,M3761*Input!$J$16,0)</f>
        <v>4.4356864041968196</v>
      </c>
      <c r="O3761" s="58">
        <f>IF(Input!$K$13=2,J3761*Input!$J$13,0)+IF(Input!$K$14=2,K3761*Input!$J$14,0)+IF(Input!$K$15=2,L3761*Input!$J$15,0)+IF(Input!$K$16=2,M3761*Input!$J$16,0)</f>
        <v>0.39984709644331373</v>
      </c>
      <c r="P3761" s="58">
        <f>IF(Input!$K$13=3,J3761*Input!$J$13,0)+IF(Input!$K$14=3,K3761*Input!$J$14,0)+IF(Input!$K$15=3,L3761*Input!$J$15,0)+IF(Input!$K$16=3,M3761*Input!$J$16,0)</f>
        <v>0</v>
      </c>
      <c r="Q3761" s="71">
        <f>IF(Input!$K$13=4,J3761*Input!$J$13,0)+IF(Input!$K$14=4,K3761*Input!$J$14,0)+IF(Input!$K$15=4,L3761*Input!$J$15,0)+IF(Input!$K$16=4,M3761*Input!$J$16,0)</f>
        <v>0</v>
      </c>
    </row>
    <row r="3762" spans="8:17" x14ac:dyDescent="0.25">
      <c r="H3762" s="43">
        <v>3755</v>
      </c>
      <c r="I3762" s="55">
        <f>Bühler!I3788</f>
        <v>0.88709996655126166</v>
      </c>
      <c r="J3762" s="58">
        <f>Bühler!J3788</f>
        <v>36.964053368306828</v>
      </c>
      <c r="K3762" s="58">
        <f>Bühler!K3788</f>
        <v>2.9618303440245466</v>
      </c>
      <c r="L3762" s="58">
        <f>Bühler!L3788</f>
        <v>1.4809151720122733</v>
      </c>
      <c r="M3762" s="57">
        <f>Bühler!M3788</f>
        <v>0</v>
      </c>
      <c r="N3762" s="55">
        <f>IF(Input!$K$13=1,J3762*Input!$J$13,0)+IF(Input!$K$14=1,K3762*Input!$J$14,0)+IF(Input!$K$15=1,L3762*Input!$J$15,0)+IF(Input!$K$16=1,M3762*Input!$J$16,0)</f>
        <v>4.4356864041968196</v>
      </c>
      <c r="O3762" s="58">
        <f>IF(Input!$K$13=2,J3762*Input!$J$13,0)+IF(Input!$K$14=2,K3762*Input!$J$14,0)+IF(Input!$K$15=2,L3762*Input!$J$15,0)+IF(Input!$K$16=2,M3762*Input!$J$16,0)</f>
        <v>0.39984709644331373</v>
      </c>
      <c r="P3762" s="58">
        <f>IF(Input!$K$13=3,J3762*Input!$J$13,0)+IF(Input!$K$14=3,K3762*Input!$J$14,0)+IF(Input!$K$15=3,L3762*Input!$J$15,0)+IF(Input!$K$16=3,M3762*Input!$J$16,0)</f>
        <v>0</v>
      </c>
      <c r="Q3762" s="71">
        <f>IF(Input!$K$13=4,J3762*Input!$J$13,0)+IF(Input!$K$14=4,K3762*Input!$J$14,0)+IF(Input!$K$15=4,L3762*Input!$J$15,0)+IF(Input!$K$16=4,M3762*Input!$J$16,0)</f>
        <v>0</v>
      </c>
    </row>
    <row r="3763" spans="8:17" x14ac:dyDescent="0.25">
      <c r="H3763" s="43">
        <v>3756</v>
      </c>
      <c r="I3763" s="55">
        <f>Bühler!I3789</f>
        <v>1.0614871394630483</v>
      </c>
      <c r="J3763" s="58">
        <f>Bühler!J3789</f>
        <v>44.230491209939792</v>
      </c>
      <c r="K3763" s="58">
        <f>Bühler!K3789</f>
        <v>3.5440704971233883</v>
      </c>
      <c r="L3763" s="58">
        <f>Bühler!L3789</f>
        <v>1.7720352485616941</v>
      </c>
      <c r="M3763" s="57">
        <f>Bühler!M3789</f>
        <v>0</v>
      </c>
      <c r="N3763" s="55">
        <f>IF(Input!$K$13=1,J3763*Input!$J$13,0)+IF(Input!$K$14=1,K3763*Input!$J$14,0)+IF(Input!$K$15=1,L3763*Input!$J$15,0)+IF(Input!$K$16=1,M3763*Input!$J$16,0)</f>
        <v>5.3076589451927747</v>
      </c>
      <c r="O3763" s="58">
        <f>IF(Input!$K$13=2,J3763*Input!$J$13,0)+IF(Input!$K$14=2,K3763*Input!$J$14,0)+IF(Input!$K$15=2,L3763*Input!$J$15,0)+IF(Input!$K$16=2,M3763*Input!$J$16,0)</f>
        <v>0.4784495171116574</v>
      </c>
      <c r="P3763" s="58">
        <f>IF(Input!$K$13=3,J3763*Input!$J$13,0)+IF(Input!$K$14=3,K3763*Input!$J$14,0)+IF(Input!$K$15=3,L3763*Input!$J$15,0)+IF(Input!$K$16=3,M3763*Input!$J$16,0)</f>
        <v>0</v>
      </c>
      <c r="Q3763" s="71">
        <f>IF(Input!$K$13=4,J3763*Input!$J$13,0)+IF(Input!$K$14=4,K3763*Input!$J$14,0)+IF(Input!$K$15=4,L3763*Input!$J$15,0)+IF(Input!$K$16=4,M3763*Input!$J$16,0)</f>
        <v>0</v>
      </c>
    </row>
    <row r="3764" spans="8:17" x14ac:dyDescent="0.25">
      <c r="H3764" s="43">
        <v>3757</v>
      </c>
      <c r="I3764" s="55">
        <f>Bühler!I3790</f>
        <v>1.0614871394630483</v>
      </c>
      <c r="J3764" s="58">
        <f>Bühler!J3790</f>
        <v>44.230491209939792</v>
      </c>
      <c r="K3764" s="58">
        <f>Bühler!K3790</f>
        <v>3.5440704971233883</v>
      </c>
      <c r="L3764" s="58">
        <f>Bühler!L3790</f>
        <v>1.7720352485616941</v>
      </c>
      <c r="M3764" s="57">
        <f>Bühler!M3790</f>
        <v>0</v>
      </c>
      <c r="N3764" s="55">
        <f>IF(Input!$K$13=1,J3764*Input!$J$13,0)+IF(Input!$K$14=1,K3764*Input!$J$14,0)+IF(Input!$K$15=1,L3764*Input!$J$15,0)+IF(Input!$K$16=1,M3764*Input!$J$16,0)</f>
        <v>5.3076589451927747</v>
      </c>
      <c r="O3764" s="58">
        <f>IF(Input!$K$13=2,J3764*Input!$J$13,0)+IF(Input!$K$14=2,K3764*Input!$J$14,0)+IF(Input!$K$15=2,L3764*Input!$J$15,0)+IF(Input!$K$16=2,M3764*Input!$J$16,0)</f>
        <v>0.4784495171116574</v>
      </c>
      <c r="P3764" s="58">
        <f>IF(Input!$K$13=3,J3764*Input!$J$13,0)+IF(Input!$K$14=3,K3764*Input!$J$14,0)+IF(Input!$K$15=3,L3764*Input!$J$15,0)+IF(Input!$K$16=3,M3764*Input!$J$16,0)</f>
        <v>0</v>
      </c>
      <c r="Q3764" s="71">
        <f>IF(Input!$K$13=4,J3764*Input!$J$13,0)+IF(Input!$K$14=4,K3764*Input!$J$14,0)+IF(Input!$K$15=4,L3764*Input!$J$15,0)+IF(Input!$K$16=4,M3764*Input!$J$16,0)</f>
        <v>0</v>
      </c>
    </row>
    <row r="3765" spans="8:17" x14ac:dyDescent="0.25">
      <c r="H3765" s="43">
        <v>3758</v>
      </c>
      <c r="I3765" s="55">
        <f>Bühler!I3791</f>
        <v>0.70513074264331055</v>
      </c>
      <c r="J3765" s="58">
        <f>Bühler!J3791</f>
        <v>29.381683446602857</v>
      </c>
      <c r="K3765" s="58">
        <f>Bühler!K3791</f>
        <v>2.3542754016605363</v>
      </c>
      <c r="L3765" s="58">
        <f>Bühler!L3791</f>
        <v>1.1771377008302681</v>
      </c>
      <c r="M3765" s="57">
        <f>Bühler!M3791</f>
        <v>0</v>
      </c>
      <c r="N3765" s="55">
        <f>IF(Input!$K$13=1,J3765*Input!$J$13,0)+IF(Input!$K$14=1,K3765*Input!$J$14,0)+IF(Input!$K$15=1,L3765*Input!$J$15,0)+IF(Input!$K$16=1,M3765*Input!$J$16,0)</f>
        <v>3.5258020135923425</v>
      </c>
      <c r="O3765" s="58">
        <f>IF(Input!$K$13=2,J3765*Input!$J$13,0)+IF(Input!$K$14=2,K3765*Input!$J$14,0)+IF(Input!$K$15=2,L3765*Input!$J$15,0)+IF(Input!$K$16=2,M3765*Input!$J$16,0)</f>
        <v>0.31782717922417236</v>
      </c>
      <c r="P3765" s="58">
        <f>IF(Input!$K$13=3,J3765*Input!$J$13,0)+IF(Input!$K$14=3,K3765*Input!$J$14,0)+IF(Input!$K$15=3,L3765*Input!$J$15,0)+IF(Input!$K$16=3,M3765*Input!$J$16,0)</f>
        <v>0</v>
      </c>
      <c r="Q3765" s="71">
        <f>IF(Input!$K$13=4,J3765*Input!$J$13,0)+IF(Input!$K$14=4,K3765*Input!$J$14,0)+IF(Input!$K$15=4,L3765*Input!$J$15,0)+IF(Input!$K$16=4,M3765*Input!$J$16,0)</f>
        <v>0</v>
      </c>
    </row>
    <row r="3766" spans="8:17" x14ac:dyDescent="0.25">
      <c r="H3766" s="43">
        <v>3759</v>
      </c>
      <c r="I3766" s="55">
        <f>Bühler!I3792</f>
        <v>1.0614871394630483</v>
      </c>
      <c r="J3766" s="58">
        <f>Bühler!J3792</f>
        <v>44.230491209939792</v>
      </c>
      <c r="K3766" s="58">
        <f>Bühler!K3792</f>
        <v>3.5440704971233883</v>
      </c>
      <c r="L3766" s="58">
        <f>Bühler!L3792</f>
        <v>1.7720352485616941</v>
      </c>
      <c r="M3766" s="57">
        <f>Bühler!M3792</f>
        <v>0</v>
      </c>
      <c r="N3766" s="55">
        <f>IF(Input!$K$13=1,J3766*Input!$J$13,0)+IF(Input!$K$14=1,K3766*Input!$J$14,0)+IF(Input!$K$15=1,L3766*Input!$J$15,0)+IF(Input!$K$16=1,M3766*Input!$J$16,0)</f>
        <v>5.3076589451927747</v>
      </c>
      <c r="O3766" s="58">
        <f>IF(Input!$K$13=2,J3766*Input!$J$13,0)+IF(Input!$K$14=2,K3766*Input!$J$14,0)+IF(Input!$K$15=2,L3766*Input!$J$15,0)+IF(Input!$K$16=2,M3766*Input!$J$16,0)</f>
        <v>0.4784495171116574</v>
      </c>
      <c r="P3766" s="58">
        <f>IF(Input!$K$13=3,J3766*Input!$J$13,0)+IF(Input!$K$14=3,K3766*Input!$J$14,0)+IF(Input!$K$15=3,L3766*Input!$J$15,0)+IF(Input!$K$16=3,M3766*Input!$J$16,0)</f>
        <v>0</v>
      </c>
      <c r="Q3766" s="71">
        <f>IF(Input!$K$13=4,J3766*Input!$J$13,0)+IF(Input!$K$14=4,K3766*Input!$J$14,0)+IF(Input!$K$15=4,L3766*Input!$J$15,0)+IF(Input!$K$16=4,M3766*Input!$J$16,0)</f>
        <v>0</v>
      </c>
    </row>
    <row r="3767" spans="8:17" x14ac:dyDescent="0.25">
      <c r="H3767" s="43">
        <v>3760</v>
      </c>
      <c r="I3767" s="55">
        <f>Bühler!I3793</f>
        <v>1.0614871394630483</v>
      </c>
      <c r="J3767" s="58">
        <f>Bühler!J3793</f>
        <v>44.230491209939792</v>
      </c>
      <c r="K3767" s="58">
        <f>Bühler!K3793</f>
        <v>3.5440704971233883</v>
      </c>
      <c r="L3767" s="58">
        <f>Bühler!L3793</f>
        <v>1.7720352485616941</v>
      </c>
      <c r="M3767" s="57">
        <f>Bühler!M3793</f>
        <v>0</v>
      </c>
      <c r="N3767" s="55">
        <f>IF(Input!$K$13=1,J3767*Input!$J$13,0)+IF(Input!$K$14=1,K3767*Input!$J$14,0)+IF(Input!$K$15=1,L3767*Input!$J$15,0)+IF(Input!$K$16=1,M3767*Input!$J$16,0)</f>
        <v>5.3076589451927747</v>
      </c>
      <c r="O3767" s="58">
        <f>IF(Input!$K$13=2,J3767*Input!$J$13,0)+IF(Input!$K$14=2,K3767*Input!$J$14,0)+IF(Input!$K$15=2,L3767*Input!$J$15,0)+IF(Input!$K$16=2,M3767*Input!$J$16,0)</f>
        <v>0.4784495171116574</v>
      </c>
      <c r="P3767" s="58">
        <f>IF(Input!$K$13=3,J3767*Input!$J$13,0)+IF(Input!$K$14=3,K3767*Input!$J$14,0)+IF(Input!$K$15=3,L3767*Input!$J$15,0)+IF(Input!$K$16=3,M3767*Input!$J$16,0)</f>
        <v>0</v>
      </c>
      <c r="Q3767" s="71">
        <f>IF(Input!$K$13=4,J3767*Input!$J$13,0)+IF(Input!$K$14=4,K3767*Input!$J$14,0)+IF(Input!$K$15=4,L3767*Input!$J$15,0)+IF(Input!$K$16=4,M3767*Input!$J$16,0)</f>
        <v>0</v>
      </c>
    </row>
    <row r="3768" spans="8:17" x14ac:dyDescent="0.25">
      <c r="H3768" s="43">
        <v>3761</v>
      </c>
      <c r="I3768" s="55">
        <f>Bühler!I3794</f>
        <v>0.88726128678522254</v>
      </c>
      <c r="J3768" s="58">
        <f>Bühler!J3794</f>
        <v>26.347950525425816</v>
      </c>
      <c r="K3768" s="58">
        <f>Bühler!K3794</f>
        <v>2.0884701143762823</v>
      </c>
      <c r="L3768" s="58">
        <f>Bühler!L3794</f>
        <v>1.0442350571881411</v>
      </c>
      <c r="M3768" s="57">
        <f>Bühler!M3794</f>
        <v>0</v>
      </c>
      <c r="N3768" s="55">
        <f>IF(Input!$K$13=1,J3768*Input!$J$13,0)+IF(Input!$K$14=1,K3768*Input!$J$14,0)+IF(Input!$K$15=1,L3768*Input!$J$15,0)+IF(Input!$K$16=1,M3768*Input!$J$16,0)</f>
        <v>3.1617540630510979</v>
      </c>
      <c r="O3768" s="58">
        <f>IF(Input!$K$13=2,J3768*Input!$J$13,0)+IF(Input!$K$14=2,K3768*Input!$J$14,0)+IF(Input!$K$15=2,L3768*Input!$J$15,0)+IF(Input!$K$16=2,M3768*Input!$J$16,0)</f>
        <v>0.28194346544079807</v>
      </c>
      <c r="P3768" s="58">
        <f>IF(Input!$K$13=3,J3768*Input!$J$13,0)+IF(Input!$K$14=3,K3768*Input!$J$14,0)+IF(Input!$K$15=3,L3768*Input!$J$15,0)+IF(Input!$K$16=3,M3768*Input!$J$16,0)</f>
        <v>0</v>
      </c>
      <c r="Q3768" s="71">
        <f>IF(Input!$K$13=4,J3768*Input!$J$13,0)+IF(Input!$K$14=4,K3768*Input!$J$14,0)+IF(Input!$K$15=4,L3768*Input!$J$15,0)+IF(Input!$K$16=4,M3768*Input!$J$16,0)</f>
        <v>0</v>
      </c>
    </row>
    <row r="3769" spans="8:17" x14ac:dyDescent="0.25">
      <c r="H3769" s="43">
        <v>3762</v>
      </c>
      <c r="I3769" s="55">
        <f>Bühler!I3795</f>
        <v>0.70496942240934968</v>
      </c>
      <c r="J3769" s="58">
        <f>Bühler!J3795</f>
        <v>11.598864462016941</v>
      </c>
      <c r="K3769" s="58">
        <f>Bühler!K3795</f>
        <v>0.89136581919602331</v>
      </c>
      <c r="L3769" s="58">
        <f>Bühler!L3795</f>
        <v>0.44568290959801166</v>
      </c>
      <c r="M3769" s="57">
        <f>Bühler!M3795</f>
        <v>0</v>
      </c>
      <c r="N3769" s="55">
        <f>IF(Input!$K$13=1,J3769*Input!$J$13,0)+IF(Input!$K$14=1,K3769*Input!$J$14,0)+IF(Input!$K$15=1,L3769*Input!$J$15,0)+IF(Input!$K$16=1,M3769*Input!$J$16,0)</f>
        <v>1.3918637354420329</v>
      </c>
      <c r="O3769" s="58">
        <f>IF(Input!$K$13=2,J3769*Input!$J$13,0)+IF(Input!$K$14=2,K3769*Input!$J$14,0)+IF(Input!$K$15=2,L3769*Input!$J$15,0)+IF(Input!$K$16=2,M3769*Input!$J$16,0)</f>
        <v>0.12033438559146314</v>
      </c>
      <c r="P3769" s="58">
        <f>IF(Input!$K$13=3,J3769*Input!$J$13,0)+IF(Input!$K$14=3,K3769*Input!$J$14,0)+IF(Input!$K$15=3,L3769*Input!$J$15,0)+IF(Input!$K$16=3,M3769*Input!$J$16,0)</f>
        <v>0</v>
      </c>
      <c r="Q3769" s="71">
        <f>IF(Input!$K$13=4,J3769*Input!$J$13,0)+IF(Input!$K$14=4,K3769*Input!$J$14,0)+IF(Input!$K$15=4,L3769*Input!$J$15,0)+IF(Input!$K$16=4,M3769*Input!$J$16,0)</f>
        <v>0</v>
      </c>
    </row>
    <row r="3770" spans="8:17" x14ac:dyDescent="0.25">
      <c r="H3770" s="43">
        <v>3763</v>
      </c>
      <c r="I3770" s="55">
        <f>Bühler!I3796</f>
        <v>0.25004636263947183</v>
      </c>
      <c r="J3770" s="58">
        <f>Bühler!J3796</f>
        <v>7.4220809674345904</v>
      </c>
      <c r="K3770" s="58">
        <f>Bühler!K3796</f>
        <v>0.5883014406693754</v>
      </c>
      <c r="L3770" s="58">
        <f>Bühler!L3796</f>
        <v>0.2941507203346877</v>
      </c>
      <c r="M3770" s="57">
        <f>Bühler!M3796</f>
        <v>0</v>
      </c>
      <c r="N3770" s="55">
        <f>IF(Input!$K$13=1,J3770*Input!$J$13,0)+IF(Input!$K$14=1,K3770*Input!$J$14,0)+IF(Input!$K$15=1,L3770*Input!$J$15,0)+IF(Input!$K$16=1,M3770*Input!$J$16,0)</f>
        <v>0.89064971609215082</v>
      </c>
      <c r="O3770" s="58">
        <f>IF(Input!$K$13=2,J3770*Input!$J$13,0)+IF(Input!$K$14=2,K3770*Input!$J$14,0)+IF(Input!$K$15=2,L3770*Input!$J$15,0)+IF(Input!$K$16=2,M3770*Input!$J$16,0)</f>
        <v>7.9420694490365679E-2</v>
      </c>
      <c r="P3770" s="58">
        <f>IF(Input!$K$13=3,J3770*Input!$J$13,0)+IF(Input!$K$14=3,K3770*Input!$J$14,0)+IF(Input!$K$15=3,L3770*Input!$J$15,0)+IF(Input!$K$16=3,M3770*Input!$J$16,0)</f>
        <v>0</v>
      </c>
      <c r="Q3770" s="71">
        <f>IF(Input!$K$13=4,J3770*Input!$J$13,0)+IF(Input!$K$14=4,K3770*Input!$J$14,0)+IF(Input!$K$15=4,L3770*Input!$J$15,0)+IF(Input!$K$16=4,M3770*Input!$J$16,0)</f>
        <v>0</v>
      </c>
    </row>
    <row r="3771" spans="8:17" x14ac:dyDescent="0.25">
      <c r="H3771" s="43">
        <v>3764</v>
      </c>
      <c r="I3771" s="55">
        <f>Bühler!I3797</f>
        <v>0.25004636263947183</v>
      </c>
      <c r="J3771" s="58">
        <f>Bühler!J3797</f>
        <v>7.4220809674345904</v>
      </c>
      <c r="K3771" s="58">
        <f>Bühler!K3797</f>
        <v>0.5883014406693754</v>
      </c>
      <c r="L3771" s="58">
        <f>Bühler!L3797</f>
        <v>0.2941507203346877</v>
      </c>
      <c r="M3771" s="57">
        <f>Bühler!M3797</f>
        <v>0</v>
      </c>
      <c r="N3771" s="55">
        <f>IF(Input!$K$13=1,J3771*Input!$J$13,0)+IF(Input!$K$14=1,K3771*Input!$J$14,0)+IF(Input!$K$15=1,L3771*Input!$J$15,0)+IF(Input!$K$16=1,M3771*Input!$J$16,0)</f>
        <v>0.89064971609215082</v>
      </c>
      <c r="O3771" s="58">
        <f>IF(Input!$K$13=2,J3771*Input!$J$13,0)+IF(Input!$K$14=2,K3771*Input!$J$14,0)+IF(Input!$K$15=2,L3771*Input!$J$15,0)+IF(Input!$K$16=2,M3771*Input!$J$16,0)</f>
        <v>7.9420694490365679E-2</v>
      </c>
      <c r="P3771" s="58">
        <f>IF(Input!$K$13=3,J3771*Input!$J$13,0)+IF(Input!$K$14=3,K3771*Input!$J$14,0)+IF(Input!$K$15=3,L3771*Input!$J$15,0)+IF(Input!$K$16=3,M3771*Input!$J$16,0)</f>
        <v>0</v>
      </c>
      <c r="Q3771" s="71">
        <f>IF(Input!$K$13=4,J3771*Input!$J$13,0)+IF(Input!$K$14=4,K3771*Input!$J$14,0)+IF(Input!$K$15=4,L3771*Input!$J$15,0)+IF(Input!$K$16=4,M3771*Input!$J$16,0)</f>
        <v>0</v>
      </c>
    </row>
    <row r="3772" spans="8:17" x14ac:dyDescent="0.25">
      <c r="H3772" s="43">
        <v>3765</v>
      </c>
      <c r="I3772" s="55">
        <f>Bühler!I3798</f>
        <v>0.25004636263947183</v>
      </c>
      <c r="J3772" s="58">
        <f>Bühler!J3798</f>
        <v>7.4220809674345904</v>
      </c>
      <c r="K3772" s="58">
        <f>Bühler!K3798</f>
        <v>0.5883014406693754</v>
      </c>
      <c r="L3772" s="58">
        <f>Bühler!L3798</f>
        <v>0.2941507203346877</v>
      </c>
      <c r="M3772" s="57">
        <f>Bühler!M3798</f>
        <v>0</v>
      </c>
      <c r="N3772" s="55">
        <f>IF(Input!$K$13=1,J3772*Input!$J$13,0)+IF(Input!$K$14=1,K3772*Input!$J$14,0)+IF(Input!$K$15=1,L3772*Input!$J$15,0)+IF(Input!$K$16=1,M3772*Input!$J$16,0)</f>
        <v>0.89064971609215082</v>
      </c>
      <c r="O3772" s="58">
        <f>IF(Input!$K$13=2,J3772*Input!$J$13,0)+IF(Input!$K$14=2,K3772*Input!$J$14,0)+IF(Input!$K$15=2,L3772*Input!$J$15,0)+IF(Input!$K$16=2,M3772*Input!$J$16,0)</f>
        <v>7.9420694490365679E-2</v>
      </c>
      <c r="P3772" s="58">
        <f>IF(Input!$K$13=3,J3772*Input!$J$13,0)+IF(Input!$K$14=3,K3772*Input!$J$14,0)+IF(Input!$K$15=3,L3772*Input!$J$15,0)+IF(Input!$K$16=3,M3772*Input!$J$16,0)</f>
        <v>0</v>
      </c>
      <c r="Q3772" s="71">
        <f>IF(Input!$K$13=4,J3772*Input!$J$13,0)+IF(Input!$K$14=4,K3772*Input!$J$14,0)+IF(Input!$K$15=4,L3772*Input!$J$15,0)+IF(Input!$K$16=4,M3772*Input!$J$16,0)</f>
        <v>0</v>
      </c>
    </row>
    <row r="3773" spans="8:17" x14ac:dyDescent="0.25">
      <c r="H3773" s="43">
        <v>3766</v>
      </c>
      <c r="I3773" s="55">
        <f>Bühler!I3799</f>
        <v>0.25004636263947183</v>
      </c>
      <c r="J3773" s="58">
        <f>Bühler!J3799</f>
        <v>7.4220809674345904</v>
      </c>
      <c r="K3773" s="58">
        <f>Bühler!K3799</f>
        <v>0.5883014406693754</v>
      </c>
      <c r="L3773" s="58">
        <f>Bühler!L3799</f>
        <v>0.2941507203346877</v>
      </c>
      <c r="M3773" s="57">
        <f>Bühler!M3799</f>
        <v>0</v>
      </c>
      <c r="N3773" s="55">
        <f>IF(Input!$K$13=1,J3773*Input!$J$13,0)+IF(Input!$K$14=1,K3773*Input!$J$14,0)+IF(Input!$K$15=1,L3773*Input!$J$15,0)+IF(Input!$K$16=1,M3773*Input!$J$16,0)</f>
        <v>0.89064971609215082</v>
      </c>
      <c r="O3773" s="58">
        <f>IF(Input!$K$13=2,J3773*Input!$J$13,0)+IF(Input!$K$14=2,K3773*Input!$J$14,0)+IF(Input!$K$15=2,L3773*Input!$J$15,0)+IF(Input!$K$16=2,M3773*Input!$J$16,0)</f>
        <v>7.9420694490365679E-2</v>
      </c>
      <c r="P3773" s="58">
        <f>IF(Input!$K$13=3,J3773*Input!$J$13,0)+IF(Input!$K$14=3,K3773*Input!$J$14,0)+IF(Input!$K$15=3,L3773*Input!$J$15,0)+IF(Input!$K$16=3,M3773*Input!$J$16,0)</f>
        <v>0</v>
      </c>
      <c r="Q3773" s="71">
        <f>IF(Input!$K$13=4,J3773*Input!$J$13,0)+IF(Input!$K$14=4,K3773*Input!$J$14,0)+IF(Input!$K$15=4,L3773*Input!$J$15,0)+IF(Input!$K$16=4,M3773*Input!$J$16,0)</f>
        <v>0</v>
      </c>
    </row>
    <row r="3774" spans="8:17" x14ac:dyDescent="0.25">
      <c r="H3774" s="43">
        <v>3767</v>
      </c>
      <c r="I3774" s="55">
        <f>Bühler!I3800</f>
        <v>0.25004636263947183</v>
      </c>
      <c r="J3774" s="58">
        <f>Bühler!J3800</f>
        <v>7.4220809674345904</v>
      </c>
      <c r="K3774" s="58">
        <f>Bühler!K3800</f>
        <v>0.5883014406693754</v>
      </c>
      <c r="L3774" s="58">
        <f>Bühler!L3800</f>
        <v>0.2941507203346877</v>
      </c>
      <c r="M3774" s="57">
        <f>Bühler!M3800</f>
        <v>0</v>
      </c>
      <c r="N3774" s="55">
        <f>IF(Input!$K$13=1,J3774*Input!$J$13,0)+IF(Input!$K$14=1,K3774*Input!$J$14,0)+IF(Input!$K$15=1,L3774*Input!$J$15,0)+IF(Input!$K$16=1,M3774*Input!$J$16,0)</f>
        <v>0.89064971609215082</v>
      </c>
      <c r="O3774" s="58">
        <f>IF(Input!$K$13=2,J3774*Input!$J$13,0)+IF(Input!$K$14=2,K3774*Input!$J$14,0)+IF(Input!$K$15=2,L3774*Input!$J$15,0)+IF(Input!$K$16=2,M3774*Input!$J$16,0)</f>
        <v>7.9420694490365679E-2</v>
      </c>
      <c r="P3774" s="58">
        <f>IF(Input!$K$13=3,J3774*Input!$J$13,0)+IF(Input!$K$14=3,K3774*Input!$J$14,0)+IF(Input!$K$15=3,L3774*Input!$J$15,0)+IF(Input!$K$16=3,M3774*Input!$J$16,0)</f>
        <v>0</v>
      </c>
      <c r="Q3774" s="71">
        <f>IF(Input!$K$13=4,J3774*Input!$J$13,0)+IF(Input!$K$14=4,K3774*Input!$J$14,0)+IF(Input!$K$15=4,L3774*Input!$J$15,0)+IF(Input!$K$16=4,M3774*Input!$J$16,0)</f>
        <v>0</v>
      </c>
    </row>
    <row r="3775" spans="8:17" x14ac:dyDescent="0.25">
      <c r="H3775" s="43">
        <v>3768</v>
      </c>
      <c r="I3775" s="55">
        <f>Bühler!I3801</f>
        <v>0.25004636263947183</v>
      </c>
      <c r="J3775" s="58">
        <f>Bühler!J3801</f>
        <v>7.4220809674345904</v>
      </c>
      <c r="K3775" s="58">
        <f>Bühler!K3801</f>
        <v>0.5883014406693754</v>
      </c>
      <c r="L3775" s="58">
        <f>Bühler!L3801</f>
        <v>0.2941507203346877</v>
      </c>
      <c r="M3775" s="57">
        <f>Bühler!M3801</f>
        <v>0</v>
      </c>
      <c r="N3775" s="55">
        <f>IF(Input!$K$13=1,J3775*Input!$J$13,0)+IF(Input!$K$14=1,K3775*Input!$J$14,0)+IF(Input!$K$15=1,L3775*Input!$J$15,0)+IF(Input!$K$16=1,M3775*Input!$J$16,0)</f>
        <v>0.89064971609215082</v>
      </c>
      <c r="O3775" s="58">
        <f>IF(Input!$K$13=2,J3775*Input!$J$13,0)+IF(Input!$K$14=2,K3775*Input!$J$14,0)+IF(Input!$K$15=2,L3775*Input!$J$15,0)+IF(Input!$K$16=2,M3775*Input!$J$16,0)</f>
        <v>7.9420694490365679E-2</v>
      </c>
      <c r="P3775" s="58">
        <f>IF(Input!$K$13=3,J3775*Input!$J$13,0)+IF(Input!$K$14=3,K3775*Input!$J$14,0)+IF(Input!$K$15=3,L3775*Input!$J$15,0)+IF(Input!$K$16=3,M3775*Input!$J$16,0)</f>
        <v>0</v>
      </c>
      <c r="Q3775" s="71">
        <f>IF(Input!$K$13=4,J3775*Input!$J$13,0)+IF(Input!$K$14=4,K3775*Input!$J$14,0)+IF(Input!$K$15=4,L3775*Input!$J$15,0)+IF(Input!$K$16=4,M3775*Input!$J$16,0)</f>
        <v>0</v>
      </c>
    </row>
    <row r="3776" spans="8:17" x14ac:dyDescent="0.25">
      <c r="H3776" s="43">
        <v>3769</v>
      </c>
      <c r="I3776" s="55">
        <f>Bühler!I3802</f>
        <v>0.23246649129007368</v>
      </c>
      <c r="J3776" s="58">
        <f>Bühler!J3802</f>
        <v>7.2860299820989622</v>
      </c>
      <c r="K3776" s="58">
        <f>Bühler!K3802</f>
        <v>0.58111601474584929</v>
      </c>
      <c r="L3776" s="58">
        <f>Bühler!L3802</f>
        <v>0.29055800737292464</v>
      </c>
      <c r="M3776" s="57">
        <f>Bühler!M3802</f>
        <v>0</v>
      </c>
      <c r="N3776" s="55">
        <f>IF(Input!$K$13=1,J3776*Input!$J$13,0)+IF(Input!$K$14=1,K3776*Input!$J$14,0)+IF(Input!$K$15=1,L3776*Input!$J$15,0)+IF(Input!$K$16=1,M3776*Input!$J$16,0)</f>
        <v>0.87432359785187541</v>
      </c>
      <c r="O3776" s="58">
        <f>IF(Input!$K$13=2,J3776*Input!$J$13,0)+IF(Input!$K$14=2,K3776*Input!$J$14,0)+IF(Input!$K$15=2,L3776*Input!$J$15,0)+IF(Input!$K$16=2,M3776*Input!$J$16,0)</f>
        <v>7.8450661990689646E-2</v>
      </c>
      <c r="P3776" s="58">
        <f>IF(Input!$K$13=3,J3776*Input!$J$13,0)+IF(Input!$K$14=3,K3776*Input!$J$14,0)+IF(Input!$K$15=3,L3776*Input!$J$15,0)+IF(Input!$K$16=3,M3776*Input!$J$16,0)</f>
        <v>0</v>
      </c>
      <c r="Q3776" s="71">
        <f>IF(Input!$K$13=4,J3776*Input!$J$13,0)+IF(Input!$K$14=4,K3776*Input!$J$14,0)+IF(Input!$K$15=4,L3776*Input!$J$15,0)+IF(Input!$K$16=4,M3776*Input!$J$16,0)</f>
        <v>0</v>
      </c>
    </row>
    <row r="3777" spans="8:17" x14ac:dyDescent="0.25">
      <c r="H3777" s="43">
        <v>3770</v>
      </c>
      <c r="I3777" s="55">
        <f>Bühler!I3803</f>
        <v>0.23246649129007368</v>
      </c>
      <c r="J3777" s="58">
        <f>Bühler!J3803</f>
        <v>7.2860299820989622</v>
      </c>
      <c r="K3777" s="58">
        <f>Bühler!K3803</f>
        <v>0.58111601474584929</v>
      </c>
      <c r="L3777" s="58">
        <f>Bühler!L3803</f>
        <v>0.29055800737292464</v>
      </c>
      <c r="M3777" s="57">
        <f>Bühler!M3803</f>
        <v>0</v>
      </c>
      <c r="N3777" s="55">
        <f>IF(Input!$K$13=1,J3777*Input!$J$13,0)+IF(Input!$K$14=1,K3777*Input!$J$14,0)+IF(Input!$K$15=1,L3777*Input!$J$15,0)+IF(Input!$K$16=1,M3777*Input!$J$16,0)</f>
        <v>0.87432359785187541</v>
      </c>
      <c r="O3777" s="58">
        <f>IF(Input!$K$13=2,J3777*Input!$J$13,0)+IF(Input!$K$14=2,K3777*Input!$J$14,0)+IF(Input!$K$15=2,L3777*Input!$J$15,0)+IF(Input!$K$16=2,M3777*Input!$J$16,0)</f>
        <v>7.8450661990689646E-2</v>
      </c>
      <c r="P3777" s="58">
        <f>IF(Input!$K$13=3,J3777*Input!$J$13,0)+IF(Input!$K$14=3,K3777*Input!$J$14,0)+IF(Input!$K$15=3,L3777*Input!$J$15,0)+IF(Input!$K$16=3,M3777*Input!$J$16,0)</f>
        <v>0</v>
      </c>
      <c r="Q3777" s="71">
        <f>IF(Input!$K$13=4,J3777*Input!$J$13,0)+IF(Input!$K$14=4,K3777*Input!$J$14,0)+IF(Input!$K$15=4,L3777*Input!$J$15,0)+IF(Input!$K$16=4,M3777*Input!$J$16,0)</f>
        <v>0</v>
      </c>
    </row>
    <row r="3778" spans="8:17" x14ac:dyDescent="0.25">
      <c r="H3778" s="43">
        <v>3771</v>
      </c>
      <c r="I3778" s="55">
        <f>Bühler!I3804</f>
        <v>0.23246649129007368</v>
      </c>
      <c r="J3778" s="58">
        <f>Bühler!J3804</f>
        <v>7.2860299820989622</v>
      </c>
      <c r="K3778" s="58">
        <f>Bühler!K3804</f>
        <v>0.58111601474584929</v>
      </c>
      <c r="L3778" s="58">
        <f>Bühler!L3804</f>
        <v>0.29055800737292464</v>
      </c>
      <c r="M3778" s="57">
        <f>Bühler!M3804</f>
        <v>0</v>
      </c>
      <c r="N3778" s="55">
        <f>IF(Input!$K$13=1,J3778*Input!$J$13,0)+IF(Input!$K$14=1,K3778*Input!$J$14,0)+IF(Input!$K$15=1,L3778*Input!$J$15,0)+IF(Input!$K$16=1,M3778*Input!$J$16,0)</f>
        <v>0.87432359785187541</v>
      </c>
      <c r="O3778" s="58">
        <f>IF(Input!$K$13=2,J3778*Input!$J$13,0)+IF(Input!$K$14=2,K3778*Input!$J$14,0)+IF(Input!$K$15=2,L3778*Input!$J$15,0)+IF(Input!$K$16=2,M3778*Input!$J$16,0)</f>
        <v>7.8450661990689646E-2</v>
      </c>
      <c r="P3778" s="58">
        <f>IF(Input!$K$13=3,J3778*Input!$J$13,0)+IF(Input!$K$14=3,K3778*Input!$J$14,0)+IF(Input!$K$15=3,L3778*Input!$J$15,0)+IF(Input!$K$16=3,M3778*Input!$J$16,0)</f>
        <v>0</v>
      </c>
      <c r="Q3778" s="71">
        <f>IF(Input!$K$13=4,J3778*Input!$J$13,0)+IF(Input!$K$14=4,K3778*Input!$J$14,0)+IF(Input!$K$15=4,L3778*Input!$J$15,0)+IF(Input!$K$16=4,M3778*Input!$J$16,0)</f>
        <v>0</v>
      </c>
    </row>
    <row r="3779" spans="8:17" x14ac:dyDescent="0.25">
      <c r="H3779" s="43">
        <v>3772</v>
      </c>
      <c r="I3779" s="55">
        <f>Bühler!I3805</f>
        <v>0.23246649129007368</v>
      </c>
      <c r="J3779" s="58">
        <f>Bühler!J3805</f>
        <v>7.2860299820989622</v>
      </c>
      <c r="K3779" s="58">
        <f>Bühler!K3805</f>
        <v>0.58111601474584929</v>
      </c>
      <c r="L3779" s="58">
        <f>Bühler!L3805</f>
        <v>0.29055800737292464</v>
      </c>
      <c r="M3779" s="57">
        <f>Bühler!M3805</f>
        <v>0</v>
      </c>
      <c r="N3779" s="55">
        <f>IF(Input!$K$13=1,J3779*Input!$J$13,0)+IF(Input!$K$14=1,K3779*Input!$J$14,0)+IF(Input!$K$15=1,L3779*Input!$J$15,0)+IF(Input!$K$16=1,M3779*Input!$J$16,0)</f>
        <v>0.87432359785187541</v>
      </c>
      <c r="O3779" s="58">
        <f>IF(Input!$K$13=2,J3779*Input!$J$13,0)+IF(Input!$K$14=2,K3779*Input!$J$14,0)+IF(Input!$K$15=2,L3779*Input!$J$15,0)+IF(Input!$K$16=2,M3779*Input!$J$16,0)</f>
        <v>7.8450661990689646E-2</v>
      </c>
      <c r="P3779" s="58">
        <f>IF(Input!$K$13=3,J3779*Input!$J$13,0)+IF(Input!$K$14=3,K3779*Input!$J$14,0)+IF(Input!$K$15=3,L3779*Input!$J$15,0)+IF(Input!$K$16=3,M3779*Input!$J$16,0)</f>
        <v>0</v>
      </c>
      <c r="Q3779" s="71">
        <f>IF(Input!$K$13=4,J3779*Input!$J$13,0)+IF(Input!$K$14=4,K3779*Input!$J$14,0)+IF(Input!$K$15=4,L3779*Input!$J$15,0)+IF(Input!$K$16=4,M3779*Input!$J$16,0)</f>
        <v>0</v>
      </c>
    </row>
    <row r="3780" spans="8:17" x14ac:dyDescent="0.25">
      <c r="H3780" s="43">
        <v>3773</v>
      </c>
      <c r="I3780" s="55">
        <f>Bühler!I3806</f>
        <v>0.23246649129007368</v>
      </c>
      <c r="J3780" s="58">
        <f>Bühler!J3806</f>
        <v>7.2860299820989622</v>
      </c>
      <c r="K3780" s="58">
        <f>Bühler!K3806</f>
        <v>0.58111601474584929</v>
      </c>
      <c r="L3780" s="58">
        <f>Bühler!L3806</f>
        <v>0.29055800737292464</v>
      </c>
      <c r="M3780" s="57">
        <f>Bühler!M3806</f>
        <v>0</v>
      </c>
      <c r="N3780" s="55">
        <f>IF(Input!$K$13=1,J3780*Input!$J$13,0)+IF(Input!$K$14=1,K3780*Input!$J$14,0)+IF(Input!$K$15=1,L3780*Input!$J$15,0)+IF(Input!$K$16=1,M3780*Input!$J$16,0)</f>
        <v>0.87432359785187541</v>
      </c>
      <c r="O3780" s="58">
        <f>IF(Input!$K$13=2,J3780*Input!$J$13,0)+IF(Input!$K$14=2,K3780*Input!$J$14,0)+IF(Input!$K$15=2,L3780*Input!$J$15,0)+IF(Input!$K$16=2,M3780*Input!$J$16,0)</f>
        <v>7.8450661990689646E-2</v>
      </c>
      <c r="P3780" s="58">
        <f>IF(Input!$K$13=3,J3780*Input!$J$13,0)+IF(Input!$K$14=3,K3780*Input!$J$14,0)+IF(Input!$K$15=3,L3780*Input!$J$15,0)+IF(Input!$K$16=3,M3780*Input!$J$16,0)</f>
        <v>0</v>
      </c>
      <c r="Q3780" s="71">
        <f>IF(Input!$K$13=4,J3780*Input!$J$13,0)+IF(Input!$K$14=4,K3780*Input!$J$14,0)+IF(Input!$K$15=4,L3780*Input!$J$15,0)+IF(Input!$K$16=4,M3780*Input!$J$16,0)</f>
        <v>0</v>
      </c>
    </row>
    <row r="3781" spans="8:17" x14ac:dyDescent="0.25">
      <c r="H3781" s="43">
        <v>3774</v>
      </c>
      <c r="I3781" s="55">
        <f>Bühler!I3807</f>
        <v>0.23246649129007368</v>
      </c>
      <c r="J3781" s="58">
        <f>Bühler!J3807</f>
        <v>7.2860299820989622</v>
      </c>
      <c r="K3781" s="58">
        <f>Bühler!K3807</f>
        <v>0.58111601474584929</v>
      </c>
      <c r="L3781" s="58">
        <f>Bühler!L3807</f>
        <v>0.29055800737292464</v>
      </c>
      <c r="M3781" s="57">
        <f>Bühler!M3807</f>
        <v>0</v>
      </c>
      <c r="N3781" s="55">
        <f>IF(Input!$K$13=1,J3781*Input!$J$13,0)+IF(Input!$K$14=1,K3781*Input!$J$14,0)+IF(Input!$K$15=1,L3781*Input!$J$15,0)+IF(Input!$K$16=1,M3781*Input!$J$16,0)</f>
        <v>0.87432359785187541</v>
      </c>
      <c r="O3781" s="58">
        <f>IF(Input!$K$13=2,J3781*Input!$J$13,0)+IF(Input!$K$14=2,K3781*Input!$J$14,0)+IF(Input!$K$15=2,L3781*Input!$J$15,0)+IF(Input!$K$16=2,M3781*Input!$J$16,0)</f>
        <v>7.8450661990689646E-2</v>
      </c>
      <c r="P3781" s="58">
        <f>IF(Input!$K$13=3,J3781*Input!$J$13,0)+IF(Input!$K$14=3,K3781*Input!$J$14,0)+IF(Input!$K$15=3,L3781*Input!$J$15,0)+IF(Input!$K$16=3,M3781*Input!$J$16,0)</f>
        <v>0</v>
      </c>
      <c r="Q3781" s="71">
        <f>IF(Input!$K$13=4,J3781*Input!$J$13,0)+IF(Input!$K$14=4,K3781*Input!$J$14,0)+IF(Input!$K$15=4,L3781*Input!$J$15,0)+IF(Input!$K$16=4,M3781*Input!$J$16,0)</f>
        <v>0</v>
      </c>
    </row>
    <row r="3782" spans="8:17" x14ac:dyDescent="0.25">
      <c r="H3782" s="43">
        <v>3775</v>
      </c>
      <c r="I3782" s="55">
        <f>Bühler!I3808</f>
        <v>0.23246649129007368</v>
      </c>
      <c r="J3782" s="58">
        <f>Bühler!J3808</f>
        <v>7.2860299820989622</v>
      </c>
      <c r="K3782" s="58">
        <f>Bühler!K3808</f>
        <v>0.58111601474584929</v>
      </c>
      <c r="L3782" s="58">
        <f>Bühler!L3808</f>
        <v>0.29055800737292464</v>
      </c>
      <c r="M3782" s="57">
        <f>Bühler!M3808</f>
        <v>0</v>
      </c>
      <c r="N3782" s="55">
        <f>IF(Input!$K$13=1,J3782*Input!$J$13,0)+IF(Input!$K$14=1,K3782*Input!$J$14,0)+IF(Input!$K$15=1,L3782*Input!$J$15,0)+IF(Input!$K$16=1,M3782*Input!$J$16,0)</f>
        <v>0.87432359785187541</v>
      </c>
      <c r="O3782" s="58">
        <f>IF(Input!$K$13=2,J3782*Input!$J$13,0)+IF(Input!$K$14=2,K3782*Input!$J$14,0)+IF(Input!$K$15=2,L3782*Input!$J$15,0)+IF(Input!$K$16=2,M3782*Input!$J$16,0)</f>
        <v>7.8450661990689646E-2</v>
      </c>
      <c r="P3782" s="58">
        <f>IF(Input!$K$13=3,J3782*Input!$J$13,0)+IF(Input!$K$14=3,K3782*Input!$J$14,0)+IF(Input!$K$15=3,L3782*Input!$J$15,0)+IF(Input!$K$16=3,M3782*Input!$J$16,0)</f>
        <v>0</v>
      </c>
      <c r="Q3782" s="71">
        <f>IF(Input!$K$13=4,J3782*Input!$J$13,0)+IF(Input!$K$14=4,K3782*Input!$J$14,0)+IF(Input!$K$15=4,L3782*Input!$J$15,0)+IF(Input!$K$16=4,M3782*Input!$J$16,0)</f>
        <v>0</v>
      </c>
    </row>
    <row r="3783" spans="8:17" x14ac:dyDescent="0.25">
      <c r="H3783" s="43">
        <v>3776</v>
      </c>
      <c r="I3783" s="55">
        <f>Bühler!I3809</f>
        <v>0.64044518350415303</v>
      </c>
      <c r="J3783" s="58">
        <f>Bühler!J3809</f>
        <v>29.448736951943633</v>
      </c>
      <c r="K3783" s="58">
        <f>Bühler!K3809</f>
        <v>2.3755318299762145</v>
      </c>
      <c r="L3783" s="58">
        <f>Bühler!L3809</f>
        <v>1.1877659149881072</v>
      </c>
      <c r="M3783" s="57">
        <f>Bühler!M3809</f>
        <v>0</v>
      </c>
      <c r="N3783" s="55">
        <f>IF(Input!$K$13=1,J3783*Input!$J$13,0)+IF(Input!$K$14=1,K3783*Input!$J$14,0)+IF(Input!$K$15=1,L3783*Input!$J$15,0)+IF(Input!$K$16=1,M3783*Input!$J$16,0)</f>
        <v>3.5338484342332359</v>
      </c>
      <c r="O3783" s="58">
        <f>IF(Input!$K$13=2,J3783*Input!$J$13,0)+IF(Input!$K$14=2,K3783*Input!$J$14,0)+IF(Input!$K$15=2,L3783*Input!$J$15,0)+IF(Input!$K$16=2,M3783*Input!$J$16,0)</f>
        <v>0.32069679704678894</v>
      </c>
      <c r="P3783" s="58">
        <f>IF(Input!$K$13=3,J3783*Input!$J$13,0)+IF(Input!$K$14=3,K3783*Input!$J$14,0)+IF(Input!$K$15=3,L3783*Input!$J$15,0)+IF(Input!$K$16=3,M3783*Input!$J$16,0)</f>
        <v>0</v>
      </c>
      <c r="Q3783" s="71">
        <f>IF(Input!$K$13=4,J3783*Input!$J$13,0)+IF(Input!$K$14=4,K3783*Input!$J$14,0)+IF(Input!$K$15=4,L3783*Input!$J$15,0)+IF(Input!$K$16=4,M3783*Input!$J$16,0)</f>
        <v>0</v>
      </c>
    </row>
    <row r="3784" spans="8:17" x14ac:dyDescent="0.25">
      <c r="H3784" s="43">
        <v>3777</v>
      </c>
      <c r="I3784" s="55">
        <f>Bühler!I3810</f>
        <v>0.71460199422568649</v>
      </c>
      <c r="J3784" s="58">
        <f>Bühler!J3810</f>
        <v>32.858590704273951</v>
      </c>
      <c r="K3784" s="58">
        <f>Bühler!K3810</f>
        <v>2.6505934102892494</v>
      </c>
      <c r="L3784" s="58">
        <f>Bühler!L3810</f>
        <v>1.3252967051446247</v>
      </c>
      <c r="M3784" s="57">
        <f>Bühler!M3810</f>
        <v>0</v>
      </c>
      <c r="N3784" s="55">
        <f>IF(Input!$K$13=1,J3784*Input!$J$13,0)+IF(Input!$K$14=1,K3784*Input!$J$14,0)+IF(Input!$K$15=1,L3784*Input!$J$15,0)+IF(Input!$K$16=1,M3784*Input!$J$16,0)</f>
        <v>3.9430308845128739</v>
      </c>
      <c r="O3784" s="58">
        <f>IF(Input!$K$13=2,J3784*Input!$J$13,0)+IF(Input!$K$14=2,K3784*Input!$J$14,0)+IF(Input!$K$15=2,L3784*Input!$J$15,0)+IF(Input!$K$16=2,M3784*Input!$J$16,0)</f>
        <v>0.35783011038904866</v>
      </c>
      <c r="P3784" s="58">
        <f>IF(Input!$K$13=3,J3784*Input!$J$13,0)+IF(Input!$K$14=3,K3784*Input!$J$14,0)+IF(Input!$K$15=3,L3784*Input!$J$15,0)+IF(Input!$K$16=3,M3784*Input!$J$16,0)</f>
        <v>0</v>
      </c>
      <c r="Q3784" s="71">
        <f>IF(Input!$K$13=4,J3784*Input!$J$13,0)+IF(Input!$K$14=4,K3784*Input!$J$14,0)+IF(Input!$K$15=4,L3784*Input!$J$15,0)+IF(Input!$K$16=4,M3784*Input!$J$16,0)</f>
        <v>0</v>
      </c>
    </row>
    <row r="3785" spans="8:17" x14ac:dyDescent="0.25">
      <c r="H3785" s="43">
        <v>3778</v>
      </c>
      <c r="I3785" s="55">
        <f>Bühler!I3811</f>
        <v>0.78875880494722006</v>
      </c>
      <c r="J3785" s="58">
        <f>Bühler!J3811</f>
        <v>36.268444456604271</v>
      </c>
      <c r="K3785" s="58">
        <f>Bühler!K3811</f>
        <v>2.9256549906022853</v>
      </c>
      <c r="L3785" s="58">
        <f>Bühler!L3811</f>
        <v>1.4628274953011426</v>
      </c>
      <c r="M3785" s="57">
        <f>Bühler!M3811</f>
        <v>0</v>
      </c>
      <c r="N3785" s="55">
        <f>IF(Input!$K$13=1,J3785*Input!$J$13,0)+IF(Input!$K$14=1,K3785*Input!$J$14,0)+IF(Input!$K$15=1,L3785*Input!$J$15,0)+IF(Input!$K$16=1,M3785*Input!$J$16,0)</f>
        <v>4.3522133347925127</v>
      </c>
      <c r="O3785" s="58">
        <f>IF(Input!$K$13=2,J3785*Input!$J$13,0)+IF(Input!$K$14=2,K3785*Input!$J$14,0)+IF(Input!$K$15=2,L3785*Input!$J$15,0)+IF(Input!$K$16=2,M3785*Input!$J$16,0)</f>
        <v>0.39496342373130849</v>
      </c>
      <c r="P3785" s="58">
        <f>IF(Input!$K$13=3,J3785*Input!$J$13,0)+IF(Input!$K$14=3,K3785*Input!$J$14,0)+IF(Input!$K$15=3,L3785*Input!$J$15,0)+IF(Input!$K$16=3,M3785*Input!$J$16,0)</f>
        <v>0</v>
      </c>
      <c r="Q3785" s="71">
        <f>IF(Input!$K$13=4,J3785*Input!$J$13,0)+IF(Input!$K$14=4,K3785*Input!$J$14,0)+IF(Input!$K$15=4,L3785*Input!$J$15,0)+IF(Input!$K$16=4,M3785*Input!$J$16,0)</f>
        <v>0</v>
      </c>
    </row>
    <row r="3786" spans="8:17" x14ac:dyDescent="0.25">
      <c r="H3786" s="43">
        <v>3779</v>
      </c>
      <c r="I3786" s="55">
        <f>Bühler!I3812</f>
        <v>0.78875880494722006</v>
      </c>
      <c r="J3786" s="58">
        <f>Bühler!J3812</f>
        <v>36.268444456604271</v>
      </c>
      <c r="K3786" s="58">
        <f>Bühler!K3812</f>
        <v>2.9256549906022853</v>
      </c>
      <c r="L3786" s="58">
        <f>Bühler!L3812</f>
        <v>1.4628274953011426</v>
      </c>
      <c r="M3786" s="57">
        <f>Bühler!M3812</f>
        <v>0</v>
      </c>
      <c r="N3786" s="55">
        <f>IF(Input!$K$13=1,J3786*Input!$J$13,0)+IF(Input!$K$14=1,K3786*Input!$J$14,0)+IF(Input!$K$15=1,L3786*Input!$J$15,0)+IF(Input!$K$16=1,M3786*Input!$J$16,0)</f>
        <v>4.3522133347925127</v>
      </c>
      <c r="O3786" s="58">
        <f>IF(Input!$K$13=2,J3786*Input!$J$13,0)+IF(Input!$K$14=2,K3786*Input!$J$14,0)+IF(Input!$K$15=2,L3786*Input!$J$15,0)+IF(Input!$K$16=2,M3786*Input!$J$16,0)</f>
        <v>0.39496342373130849</v>
      </c>
      <c r="P3786" s="58">
        <f>IF(Input!$K$13=3,J3786*Input!$J$13,0)+IF(Input!$K$14=3,K3786*Input!$J$14,0)+IF(Input!$K$15=3,L3786*Input!$J$15,0)+IF(Input!$K$16=3,M3786*Input!$J$16,0)</f>
        <v>0</v>
      </c>
      <c r="Q3786" s="71">
        <f>IF(Input!$K$13=4,J3786*Input!$J$13,0)+IF(Input!$K$14=4,K3786*Input!$J$14,0)+IF(Input!$K$15=4,L3786*Input!$J$15,0)+IF(Input!$K$16=4,M3786*Input!$J$16,0)</f>
        <v>0</v>
      </c>
    </row>
    <row r="3787" spans="8:17" x14ac:dyDescent="0.25">
      <c r="H3787" s="43">
        <v>3780</v>
      </c>
      <c r="I3787" s="55">
        <f>Bühler!I3813</f>
        <v>0.94381395463769913</v>
      </c>
      <c r="J3787" s="58">
        <f>Bühler!J3813</f>
        <v>43.398138666022206</v>
      </c>
      <c r="K3787" s="58">
        <f>Bühler!K3813</f>
        <v>3.5007837494386318</v>
      </c>
      <c r="L3787" s="58">
        <f>Bühler!L3813</f>
        <v>1.7503918747193159</v>
      </c>
      <c r="M3787" s="57">
        <f>Bühler!M3813</f>
        <v>0</v>
      </c>
      <c r="N3787" s="55">
        <f>IF(Input!$K$13=1,J3787*Input!$J$13,0)+IF(Input!$K$14=1,K3787*Input!$J$14,0)+IF(Input!$K$15=1,L3787*Input!$J$15,0)+IF(Input!$K$16=1,M3787*Input!$J$16,0)</f>
        <v>5.2077766399226642</v>
      </c>
      <c r="O3787" s="58">
        <f>IF(Input!$K$13=2,J3787*Input!$J$13,0)+IF(Input!$K$14=2,K3787*Input!$J$14,0)+IF(Input!$K$15=2,L3787*Input!$J$15,0)+IF(Input!$K$16=2,M3787*Input!$J$16,0)</f>
        <v>0.47260580617421533</v>
      </c>
      <c r="P3787" s="58">
        <f>IF(Input!$K$13=3,J3787*Input!$J$13,0)+IF(Input!$K$14=3,K3787*Input!$J$14,0)+IF(Input!$K$15=3,L3787*Input!$J$15,0)+IF(Input!$K$16=3,M3787*Input!$J$16,0)</f>
        <v>0</v>
      </c>
      <c r="Q3787" s="71">
        <f>IF(Input!$K$13=4,J3787*Input!$J$13,0)+IF(Input!$K$14=4,K3787*Input!$J$14,0)+IF(Input!$K$15=4,L3787*Input!$J$15,0)+IF(Input!$K$16=4,M3787*Input!$J$16,0)</f>
        <v>0</v>
      </c>
    </row>
    <row r="3788" spans="8:17" x14ac:dyDescent="0.25">
      <c r="H3788" s="43">
        <v>3781</v>
      </c>
      <c r="I3788" s="55">
        <f>Bühler!I3814</f>
        <v>0.94381395463769913</v>
      </c>
      <c r="J3788" s="58">
        <f>Bühler!J3814</f>
        <v>43.398138666022206</v>
      </c>
      <c r="K3788" s="58">
        <f>Bühler!K3814</f>
        <v>3.5007837494386318</v>
      </c>
      <c r="L3788" s="58">
        <f>Bühler!L3814</f>
        <v>1.7503918747193159</v>
      </c>
      <c r="M3788" s="57">
        <f>Bühler!M3814</f>
        <v>0</v>
      </c>
      <c r="N3788" s="55">
        <f>IF(Input!$K$13=1,J3788*Input!$J$13,0)+IF(Input!$K$14=1,K3788*Input!$J$14,0)+IF(Input!$K$15=1,L3788*Input!$J$15,0)+IF(Input!$K$16=1,M3788*Input!$J$16,0)</f>
        <v>5.2077766399226642</v>
      </c>
      <c r="O3788" s="58">
        <f>IF(Input!$K$13=2,J3788*Input!$J$13,0)+IF(Input!$K$14=2,K3788*Input!$J$14,0)+IF(Input!$K$15=2,L3788*Input!$J$15,0)+IF(Input!$K$16=2,M3788*Input!$J$16,0)</f>
        <v>0.47260580617421533</v>
      </c>
      <c r="P3788" s="58">
        <f>IF(Input!$K$13=3,J3788*Input!$J$13,0)+IF(Input!$K$14=3,K3788*Input!$J$14,0)+IF(Input!$K$15=3,L3788*Input!$J$15,0)+IF(Input!$K$16=3,M3788*Input!$J$16,0)</f>
        <v>0</v>
      </c>
      <c r="Q3788" s="71">
        <f>IF(Input!$K$13=4,J3788*Input!$J$13,0)+IF(Input!$K$14=4,K3788*Input!$J$14,0)+IF(Input!$K$15=4,L3788*Input!$J$15,0)+IF(Input!$K$16=4,M3788*Input!$J$16,0)</f>
        <v>0</v>
      </c>
    </row>
    <row r="3789" spans="8:17" x14ac:dyDescent="0.25">
      <c r="H3789" s="43">
        <v>3782</v>
      </c>
      <c r="I3789" s="55">
        <f>Bühler!I3815</f>
        <v>0.62696212700932874</v>
      </c>
      <c r="J3789" s="58">
        <f>Bühler!J3815</f>
        <v>28.82876354242903</v>
      </c>
      <c r="K3789" s="58">
        <f>Bühler!K3815</f>
        <v>2.3255206335556622</v>
      </c>
      <c r="L3789" s="58">
        <f>Bühler!L3815</f>
        <v>1.1627603167778311</v>
      </c>
      <c r="M3789" s="57">
        <f>Bühler!M3815</f>
        <v>0</v>
      </c>
      <c r="N3789" s="55">
        <f>IF(Input!$K$13=1,J3789*Input!$J$13,0)+IF(Input!$K$14=1,K3789*Input!$J$14,0)+IF(Input!$K$15=1,L3789*Input!$J$15,0)+IF(Input!$K$16=1,M3789*Input!$J$16,0)</f>
        <v>3.4594516250914835</v>
      </c>
      <c r="O3789" s="58">
        <f>IF(Input!$K$13=2,J3789*Input!$J$13,0)+IF(Input!$K$14=2,K3789*Input!$J$14,0)+IF(Input!$K$15=2,L3789*Input!$J$15,0)+IF(Input!$K$16=2,M3789*Input!$J$16,0)</f>
        <v>0.31394528553001438</v>
      </c>
      <c r="P3789" s="58">
        <f>IF(Input!$K$13=3,J3789*Input!$J$13,0)+IF(Input!$K$14=3,K3789*Input!$J$14,0)+IF(Input!$K$15=3,L3789*Input!$J$15,0)+IF(Input!$K$16=3,M3789*Input!$J$16,0)</f>
        <v>0</v>
      </c>
      <c r="Q3789" s="71">
        <f>IF(Input!$K$13=4,J3789*Input!$J$13,0)+IF(Input!$K$14=4,K3789*Input!$J$14,0)+IF(Input!$K$15=4,L3789*Input!$J$15,0)+IF(Input!$K$16=4,M3789*Input!$J$16,0)</f>
        <v>0</v>
      </c>
    </row>
    <row r="3790" spans="8:17" x14ac:dyDescent="0.25">
      <c r="H3790" s="43">
        <v>3783</v>
      </c>
      <c r="I3790" s="55">
        <f>Bühler!I3816</f>
        <v>0.94381395463769913</v>
      </c>
      <c r="J3790" s="58">
        <f>Bühler!J3816</f>
        <v>43.398138666022206</v>
      </c>
      <c r="K3790" s="58">
        <f>Bühler!K3816</f>
        <v>3.5007837494386318</v>
      </c>
      <c r="L3790" s="58">
        <f>Bühler!L3816</f>
        <v>1.7503918747193159</v>
      </c>
      <c r="M3790" s="57">
        <f>Bühler!M3816</f>
        <v>0</v>
      </c>
      <c r="N3790" s="55">
        <f>IF(Input!$K$13=1,J3790*Input!$J$13,0)+IF(Input!$K$14=1,K3790*Input!$J$14,0)+IF(Input!$K$15=1,L3790*Input!$J$15,0)+IF(Input!$K$16=1,M3790*Input!$J$16,0)</f>
        <v>5.2077766399226642</v>
      </c>
      <c r="O3790" s="58">
        <f>IF(Input!$K$13=2,J3790*Input!$J$13,0)+IF(Input!$K$14=2,K3790*Input!$J$14,0)+IF(Input!$K$15=2,L3790*Input!$J$15,0)+IF(Input!$K$16=2,M3790*Input!$J$16,0)</f>
        <v>0.47260580617421533</v>
      </c>
      <c r="P3790" s="58">
        <f>IF(Input!$K$13=3,J3790*Input!$J$13,0)+IF(Input!$K$14=3,K3790*Input!$J$14,0)+IF(Input!$K$15=3,L3790*Input!$J$15,0)+IF(Input!$K$16=3,M3790*Input!$J$16,0)</f>
        <v>0</v>
      </c>
      <c r="Q3790" s="71">
        <f>IF(Input!$K$13=4,J3790*Input!$J$13,0)+IF(Input!$K$14=4,K3790*Input!$J$14,0)+IF(Input!$K$15=4,L3790*Input!$J$15,0)+IF(Input!$K$16=4,M3790*Input!$J$16,0)</f>
        <v>0</v>
      </c>
    </row>
    <row r="3791" spans="8:17" x14ac:dyDescent="0.25">
      <c r="H3791" s="43">
        <v>3784</v>
      </c>
      <c r="I3791" s="55">
        <f>Bühler!I3817</f>
        <v>0.94381395463769913</v>
      </c>
      <c r="J3791" s="58">
        <f>Bühler!J3817</f>
        <v>43.398138666022206</v>
      </c>
      <c r="K3791" s="58">
        <f>Bühler!K3817</f>
        <v>3.5007837494386318</v>
      </c>
      <c r="L3791" s="58">
        <f>Bühler!L3817</f>
        <v>1.7503918747193159</v>
      </c>
      <c r="M3791" s="57">
        <f>Bühler!M3817</f>
        <v>0</v>
      </c>
      <c r="N3791" s="55">
        <f>IF(Input!$K$13=1,J3791*Input!$J$13,0)+IF(Input!$K$14=1,K3791*Input!$J$14,0)+IF(Input!$K$15=1,L3791*Input!$J$15,0)+IF(Input!$K$16=1,M3791*Input!$J$16,0)</f>
        <v>5.2077766399226642</v>
      </c>
      <c r="O3791" s="58">
        <f>IF(Input!$K$13=2,J3791*Input!$J$13,0)+IF(Input!$K$14=2,K3791*Input!$J$14,0)+IF(Input!$K$15=2,L3791*Input!$J$15,0)+IF(Input!$K$16=2,M3791*Input!$J$16,0)</f>
        <v>0.47260580617421533</v>
      </c>
      <c r="P3791" s="58">
        <f>IF(Input!$K$13=3,J3791*Input!$J$13,0)+IF(Input!$K$14=3,K3791*Input!$J$14,0)+IF(Input!$K$15=3,L3791*Input!$J$15,0)+IF(Input!$K$16=3,M3791*Input!$J$16,0)</f>
        <v>0</v>
      </c>
      <c r="Q3791" s="71">
        <f>IF(Input!$K$13=4,J3791*Input!$J$13,0)+IF(Input!$K$14=4,K3791*Input!$J$14,0)+IF(Input!$K$15=4,L3791*Input!$J$15,0)+IF(Input!$K$16=4,M3791*Input!$J$16,0)</f>
        <v>0</v>
      </c>
    </row>
    <row r="3792" spans="8:17" x14ac:dyDescent="0.25">
      <c r="H3792" s="43">
        <v>3785</v>
      </c>
      <c r="I3792" s="55">
        <f>Bühler!I3818</f>
        <v>0.78864257170157515</v>
      </c>
      <c r="J3792" s="58">
        <f>Bühler!J3818</f>
        <v>25.825741841374946</v>
      </c>
      <c r="K3792" s="58">
        <f>Bühler!K3818</f>
        <v>2.0629618523477653</v>
      </c>
      <c r="L3792" s="58">
        <f>Bühler!L3818</f>
        <v>1.0314809261738827</v>
      </c>
      <c r="M3792" s="57">
        <f>Bühler!M3818</f>
        <v>0</v>
      </c>
      <c r="N3792" s="55">
        <f>IF(Input!$K$13=1,J3792*Input!$J$13,0)+IF(Input!$K$14=1,K3792*Input!$J$14,0)+IF(Input!$K$15=1,L3792*Input!$J$15,0)+IF(Input!$K$16=1,M3792*Input!$J$16,0)</f>
        <v>3.0990890209649935</v>
      </c>
      <c r="O3792" s="58">
        <f>IF(Input!$K$13=2,J3792*Input!$J$13,0)+IF(Input!$K$14=2,K3792*Input!$J$14,0)+IF(Input!$K$15=2,L3792*Input!$J$15,0)+IF(Input!$K$16=2,M3792*Input!$J$16,0)</f>
        <v>0.27849985006694833</v>
      </c>
      <c r="P3792" s="58">
        <f>IF(Input!$K$13=3,J3792*Input!$J$13,0)+IF(Input!$K$14=3,K3792*Input!$J$14,0)+IF(Input!$K$15=3,L3792*Input!$J$15,0)+IF(Input!$K$16=3,M3792*Input!$J$16,0)</f>
        <v>0</v>
      </c>
      <c r="Q3792" s="71">
        <f>IF(Input!$K$13=4,J3792*Input!$J$13,0)+IF(Input!$K$14=4,K3792*Input!$J$14,0)+IF(Input!$K$15=4,L3792*Input!$J$15,0)+IF(Input!$K$16=4,M3792*Input!$J$16,0)</f>
        <v>0</v>
      </c>
    </row>
    <row r="3793" spans="8:17" x14ac:dyDescent="0.25">
      <c r="H3793" s="43">
        <v>3786</v>
      </c>
      <c r="I3793" s="55">
        <f>Bühler!I3819</f>
        <v>0.62707836025497377</v>
      </c>
      <c r="J3793" s="58">
        <f>Bühler!J3819</f>
        <v>11.337200470884378</v>
      </c>
      <c r="K3793" s="58">
        <f>Bühler!K3819</f>
        <v>0.88047881022098395</v>
      </c>
      <c r="L3793" s="58">
        <f>Bühler!L3819</f>
        <v>0.44023940511049198</v>
      </c>
      <c r="M3793" s="57">
        <f>Bühler!M3819</f>
        <v>0</v>
      </c>
      <c r="N3793" s="55">
        <f>IF(Input!$K$13=1,J3793*Input!$J$13,0)+IF(Input!$K$14=1,K3793*Input!$J$14,0)+IF(Input!$K$15=1,L3793*Input!$J$15,0)+IF(Input!$K$16=1,M3793*Input!$J$16,0)</f>
        <v>1.3604640565061252</v>
      </c>
      <c r="O3793" s="58">
        <f>IF(Input!$K$13=2,J3793*Input!$J$13,0)+IF(Input!$K$14=2,K3793*Input!$J$14,0)+IF(Input!$K$15=2,L3793*Input!$J$15,0)+IF(Input!$K$16=2,M3793*Input!$J$16,0)</f>
        <v>0.11886463937983283</v>
      </c>
      <c r="P3793" s="58">
        <f>IF(Input!$K$13=3,J3793*Input!$J$13,0)+IF(Input!$K$14=3,K3793*Input!$J$14,0)+IF(Input!$K$15=3,L3793*Input!$J$15,0)+IF(Input!$K$16=3,M3793*Input!$J$16,0)</f>
        <v>0</v>
      </c>
      <c r="Q3793" s="71">
        <f>IF(Input!$K$13=4,J3793*Input!$J$13,0)+IF(Input!$K$14=4,K3793*Input!$J$14,0)+IF(Input!$K$15=4,L3793*Input!$J$15,0)+IF(Input!$K$16=4,M3793*Input!$J$16,0)</f>
        <v>0</v>
      </c>
    </row>
    <row r="3794" spans="8:17" x14ac:dyDescent="0.25">
      <c r="H3794" s="43">
        <v>3787</v>
      </c>
      <c r="I3794" s="55">
        <f>Bühler!I3820</f>
        <v>0.23246649129007368</v>
      </c>
      <c r="J3794" s="58">
        <f>Bühler!J3820</f>
        <v>7.2860299820989622</v>
      </c>
      <c r="K3794" s="58">
        <f>Bühler!K3820</f>
        <v>0.58111601474584929</v>
      </c>
      <c r="L3794" s="58">
        <f>Bühler!L3820</f>
        <v>0.29055800737292464</v>
      </c>
      <c r="M3794" s="57">
        <f>Bühler!M3820</f>
        <v>0</v>
      </c>
      <c r="N3794" s="55">
        <f>IF(Input!$K$13=1,J3794*Input!$J$13,0)+IF(Input!$K$14=1,K3794*Input!$J$14,0)+IF(Input!$K$15=1,L3794*Input!$J$15,0)+IF(Input!$K$16=1,M3794*Input!$J$16,0)</f>
        <v>0.87432359785187541</v>
      </c>
      <c r="O3794" s="58">
        <f>IF(Input!$K$13=2,J3794*Input!$J$13,0)+IF(Input!$K$14=2,K3794*Input!$J$14,0)+IF(Input!$K$15=2,L3794*Input!$J$15,0)+IF(Input!$K$16=2,M3794*Input!$J$16,0)</f>
        <v>7.8450661990689646E-2</v>
      </c>
      <c r="P3794" s="58">
        <f>IF(Input!$K$13=3,J3794*Input!$J$13,0)+IF(Input!$K$14=3,K3794*Input!$J$14,0)+IF(Input!$K$15=3,L3794*Input!$J$15,0)+IF(Input!$K$16=3,M3794*Input!$J$16,0)</f>
        <v>0</v>
      </c>
      <c r="Q3794" s="71">
        <f>IF(Input!$K$13=4,J3794*Input!$J$13,0)+IF(Input!$K$14=4,K3794*Input!$J$14,0)+IF(Input!$K$15=4,L3794*Input!$J$15,0)+IF(Input!$K$16=4,M3794*Input!$J$16,0)</f>
        <v>0</v>
      </c>
    </row>
    <row r="3795" spans="8:17" x14ac:dyDescent="0.25">
      <c r="H3795" s="43">
        <v>3788</v>
      </c>
      <c r="I3795" s="55">
        <f>Bühler!I3821</f>
        <v>0.23246649129007368</v>
      </c>
      <c r="J3795" s="58">
        <f>Bühler!J3821</f>
        <v>7.2860299820989622</v>
      </c>
      <c r="K3795" s="58">
        <f>Bühler!K3821</f>
        <v>0.58111601474584929</v>
      </c>
      <c r="L3795" s="58">
        <f>Bühler!L3821</f>
        <v>0.29055800737292464</v>
      </c>
      <c r="M3795" s="57">
        <f>Bühler!M3821</f>
        <v>0</v>
      </c>
      <c r="N3795" s="55">
        <f>IF(Input!$K$13=1,J3795*Input!$J$13,0)+IF(Input!$K$14=1,K3795*Input!$J$14,0)+IF(Input!$K$15=1,L3795*Input!$J$15,0)+IF(Input!$K$16=1,M3795*Input!$J$16,0)</f>
        <v>0.87432359785187541</v>
      </c>
      <c r="O3795" s="58">
        <f>IF(Input!$K$13=2,J3795*Input!$J$13,0)+IF(Input!$K$14=2,K3795*Input!$J$14,0)+IF(Input!$K$15=2,L3795*Input!$J$15,0)+IF(Input!$K$16=2,M3795*Input!$J$16,0)</f>
        <v>7.8450661990689646E-2</v>
      </c>
      <c r="P3795" s="58">
        <f>IF(Input!$K$13=3,J3795*Input!$J$13,0)+IF(Input!$K$14=3,K3795*Input!$J$14,0)+IF(Input!$K$15=3,L3795*Input!$J$15,0)+IF(Input!$K$16=3,M3795*Input!$J$16,0)</f>
        <v>0</v>
      </c>
      <c r="Q3795" s="71">
        <f>IF(Input!$K$13=4,J3795*Input!$J$13,0)+IF(Input!$K$14=4,K3795*Input!$J$14,0)+IF(Input!$K$15=4,L3795*Input!$J$15,0)+IF(Input!$K$16=4,M3795*Input!$J$16,0)</f>
        <v>0</v>
      </c>
    </row>
    <row r="3796" spans="8:17" x14ac:dyDescent="0.25">
      <c r="H3796" s="43">
        <v>3789</v>
      </c>
      <c r="I3796" s="55">
        <f>Bühler!I3822</f>
        <v>0.23246649129007368</v>
      </c>
      <c r="J3796" s="58">
        <f>Bühler!J3822</f>
        <v>7.2860299820989622</v>
      </c>
      <c r="K3796" s="58">
        <f>Bühler!K3822</f>
        <v>0.58111601474584929</v>
      </c>
      <c r="L3796" s="58">
        <f>Bühler!L3822</f>
        <v>0.29055800737292464</v>
      </c>
      <c r="M3796" s="57">
        <f>Bühler!M3822</f>
        <v>0</v>
      </c>
      <c r="N3796" s="55">
        <f>IF(Input!$K$13=1,J3796*Input!$J$13,0)+IF(Input!$K$14=1,K3796*Input!$J$14,0)+IF(Input!$K$15=1,L3796*Input!$J$15,0)+IF(Input!$K$16=1,M3796*Input!$J$16,0)</f>
        <v>0.87432359785187541</v>
      </c>
      <c r="O3796" s="58">
        <f>IF(Input!$K$13=2,J3796*Input!$J$13,0)+IF(Input!$K$14=2,K3796*Input!$J$14,0)+IF(Input!$K$15=2,L3796*Input!$J$15,0)+IF(Input!$K$16=2,M3796*Input!$J$16,0)</f>
        <v>7.8450661990689646E-2</v>
      </c>
      <c r="P3796" s="58">
        <f>IF(Input!$K$13=3,J3796*Input!$J$13,0)+IF(Input!$K$14=3,K3796*Input!$J$14,0)+IF(Input!$K$15=3,L3796*Input!$J$15,0)+IF(Input!$K$16=3,M3796*Input!$J$16,0)</f>
        <v>0</v>
      </c>
      <c r="Q3796" s="71">
        <f>IF(Input!$K$13=4,J3796*Input!$J$13,0)+IF(Input!$K$14=4,K3796*Input!$J$14,0)+IF(Input!$K$15=4,L3796*Input!$J$15,0)+IF(Input!$K$16=4,M3796*Input!$J$16,0)</f>
        <v>0</v>
      </c>
    </row>
    <row r="3797" spans="8:17" x14ac:dyDescent="0.25">
      <c r="H3797" s="43">
        <v>3790</v>
      </c>
      <c r="I3797" s="55">
        <f>Bühler!I3823</f>
        <v>0.23246649129007368</v>
      </c>
      <c r="J3797" s="58">
        <f>Bühler!J3823</f>
        <v>7.2860299820989622</v>
      </c>
      <c r="K3797" s="58">
        <f>Bühler!K3823</f>
        <v>0.58111601474584929</v>
      </c>
      <c r="L3797" s="58">
        <f>Bühler!L3823</f>
        <v>0.29055800737292464</v>
      </c>
      <c r="M3797" s="57">
        <f>Bühler!M3823</f>
        <v>0</v>
      </c>
      <c r="N3797" s="55">
        <f>IF(Input!$K$13=1,J3797*Input!$J$13,0)+IF(Input!$K$14=1,K3797*Input!$J$14,0)+IF(Input!$K$15=1,L3797*Input!$J$15,0)+IF(Input!$K$16=1,M3797*Input!$J$16,0)</f>
        <v>0.87432359785187541</v>
      </c>
      <c r="O3797" s="58">
        <f>IF(Input!$K$13=2,J3797*Input!$J$13,0)+IF(Input!$K$14=2,K3797*Input!$J$14,0)+IF(Input!$K$15=2,L3797*Input!$J$15,0)+IF(Input!$K$16=2,M3797*Input!$J$16,0)</f>
        <v>7.8450661990689646E-2</v>
      </c>
      <c r="P3797" s="58">
        <f>IF(Input!$K$13=3,J3797*Input!$J$13,0)+IF(Input!$K$14=3,K3797*Input!$J$14,0)+IF(Input!$K$15=3,L3797*Input!$J$15,0)+IF(Input!$K$16=3,M3797*Input!$J$16,0)</f>
        <v>0</v>
      </c>
      <c r="Q3797" s="71">
        <f>IF(Input!$K$13=4,J3797*Input!$J$13,0)+IF(Input!$K$14=4,K3797*Input!$J$14,0)+IF(Input!$K$15=4,L3797*Input!$J$15,0)+IF(Input!$K$16=4,M3797*Input!$J$16,0)</f>
        <v>0</v>
      </c>
    </row>
    <row r="3798" spans="8:17" x14ac:dyDescent="0.25">
      <c r="H3798" s="43">
        <v>3791</v>
      </c>
      <c r="I3798" s="55">
        <f>Bühler!I3824</f>
        <v>0.23246649129007368</v>
      </c>
      <c r="J3798" s="58">
        <f>Bühler!J3824</f>
        <v>7.2860299820989622</v>
      </c>
      <c r="K3798" s="58">
        <f>Bühler!K3824</f>
        <v>0.58111601474584929</v>
      </c>
      <c r="L3798" s="58">
        <f>Bühler!L3824</f>
        <v>0.29055800737292464</v>
      </c>
      <c r="M3798" s="57">
        <f>Bühler!M3824</f>
        <v>0</v>
      </c>
      <c r="N3798" s="55">
        <f>IF(Input!$K$13=1,J3798*Input!$J$13,0)+IF(Input!$K$14=1,K3798*Input!$J$14,0)+IF(Input!$K$15=1,L3798*Input!$J$15,0)+IF(Input!$K$16=1,M3798*Input!$J$16,0)</f>
        <v>0.87432359785187541</v>
      </c>
      <c r="O3798" s="58">
        <f>IF(Input!$K$13=2,J3798*Input!$J$13,0)+IF(Input!$K$14=2,K3798*Input!$J$14,0)+IF(Input!$K$15=2,L3798*Input!$J$15,0)+IF(Input!$K$16=2,M3798*Input!$J$16,0)</f>
        <v>7.8450661990689646E-2</v>
      </c>
      <c r="P3798" s="58">
        <f>IF(Input!$K$13=3,J3798*Input!$J$13,0)+IF(Input!$K$14=3,K3798*Input!$J$14,0)+IF(Input!$K$15=3,L3798*Input!$J$15,0)+IF(Input!$K$16=3,M3798*Input!$J$16,0)</f>
        <v>0</v>
      </c>
      <c r="Q3798" s="71">
        <f>IF(Input!$K$13=4,J3798*Input!$J$13,0)+IF(Input!$K$14=4,K3798*Input!$J$14,0)+IF(Input!$K$15=4,L3798*Input!$J$15,0)+IF(Input!$K$16=4,M3798*Input!$J$16,0)</f>
        <v>0</v>
      </c>
    </row>
    <row r="3799" spans="8:17" x14ac:dyDescent="0.25">
      <c r="H3799" s="43">
        <v>3792</v>
      </c>
      <c r="I3799" s="55">
        <f>Bühler!I3825</f>
        <v>0.23246649129007368</v>
      </c>
      <c r="J3799" s="58">
        <f>Bühler!J3825</f>
        <v>7.2860299820989622</v>
      </c>
      <c r="K3799" s="58">
        <f>Bühler!K3825</f>
        <v>0.58111601474584929</v>
      </c>
      <c r="L3799" s="58">
        <f>Bühler!L3825</f>
        <v>0.29055800737292464</v>
      </c>
      <c r="M3799" s="57">
        <f>Bühler!M3825</f>
        <v>0</v>
      </c>
      <c r="N3799" s="55">
        <f>IF(Input!$K$13=1,J3799*Input!$J$13,0)+IF(Input!$K$14=1,K3799*Input!$J$14,0)+IF(Input!$K$15=1,L3799*Input!$J$15,0)+IF(Input!$K$16=1,M3799*Input!$J$16,0)</f>
        <v>0.87432359785187541</v>
      </c>
      <c r="O3799" s="58">
        <f>IF(Input!$K$13=2,J3799*Input!$J$13,0)+IF(Input!$K$14=2,K3799*Input!$J$14,0)+IF(Input!$K$15=2,L3799*Input!$J$15,0)+IF(Input!$K$16=2,M3799*Input!$J$16,0)</f>
        <v>7.8450661990689646E-2</v>
      </c>
      <c r="P3799" s="58">
        <f>IF(Input!$K$13=3,J3799*Input!$J$13,0)+IF(Input!$K$14=3,K3799*Input!$J$14,0)+IF(Input!$K$15=3,L3799*Input!$J$15,0)+IF(Input!$K$16=3,M3799*Input!$J$16,0)</f>
        <v>0</v>
      </c>
      <c r="Q3799" s="71">
        <f>IF(Input!$K$13=4,J3799*Input!$J$13,0)+IF(Input!$K$14=4,K3799*Input!$J$14,0)+IF(Input!$K$15=4,L3799*Input!$J$15,0)+IF(Input!$K$16=4,M3799*Input!$J$16,0)</f>
        <v>0</v>
      </c>
    </row>
    <row r="3800" spans="8:17" x14ac:dyDescent="0.25">
      <c r="H3800" s="43">
        <v>3793</v>
      </c>
      <c r="I3800" s="55">
        <f>Bühler!I3826</f>
        <v>0.24288896161449139</v>
      </c>
      <c r="J3800" s="58">
        <f>Bühler!J3826</f>
        <v>7.3200758113749265</v>
      </c>
      <c r="K3800" s="58">
        <f>Bühler!K3826</f>
        <v>0.58201187929593268</v>
      </c>
      <c r="L3800" s="58">
        <f>Bühler!L3826</f>
        <v>0.29100593964796634</v>
      </c>
      <c r="M3800" s="57">
        <f>Bühler!M3826</f>
        <v>0</v>
      </c>
      <c r="N3800" s="55">
        <f>IF(Input!$K$13=1,J3800*Input!$J$13,0)+IF(Input!$K$14=1,K3800*Input!$J$14,0)+IF(Input!$K$15=1,L3800*Input!$J$15,0)+IF(Input!$K$16=1,M3800*Input!$J$16,0)</f>
        <v>0.87840909736499118</v>
      </c>
      <c r="O3800" s="58">
        <f>IF(Input!$K$13=2,J3800*Input!$J$13,0)+IF(Input!$K$14=2,K3800*Input!$J$14,0)+IF(Input!$K$15=2,L3800*Input!$J$15,0)+IF(Input!$K$16=2,M3800*Input!$J$16,0)</f>
        <v>7.8571603704950921E-2</v>
      </c>
      <c r="P3800" s="58">
        <f>IF(Input!$K$13=3,J3800*Input!$J$13,0)+IF(Input!$K$14=3,K3800*Input!$J$14,0)+IF(Input!$K$15=3,L3800*Input!$J$15,0)+IF(Input!$K$16=3,M3800*Input!$J$16,0)</f>
        <v>0</v>
      </c>
      <c r="Q3800" s="71">
        <f>IF(Input!$K$13=4,J3800*Input!$J$13,0)+IF(Input!$K$14=4,K3800*Input!$J$14,0)+IF(Input!$K$15=4,L3800*Input!$J$15,0)+IF(Input!$K$16=4,M3800*Input!$J$16,0)</f>
        <v>0</v>
      </c>
    </row>
    <row r="3801" spans="8:17" x14ac:dyDescent="0.25">
      <c r="H3801" s="43">
        <v>3794</v>
      </c>
      <c r="I3801" s="55">
        <f>Bühler!I3827</f>
        <v>0.24288896161449139</v>
      </c>
      <c r="J3801" s="58">
        <f>Bühler!J3827</f>
        <v>7.3200758113749265</v>
      </c>
      <c r="K3801" s="58">
        <f>Bühler!K3827</f>
        <v>0.58201187929593268</v>
      </c>
      <c r="L3801" s="58">
        <f>Bühler!L3827</f>
        <v>0.29100593964796634</v>
      </c>
      <c r="M3801" s="57">
        <f>Bühler!M3827</f>
        <v>0</v>
      </c>
      <c r="N3801" s="55">
        <f>IF(Input!$K$13=1,J3801*Input!$J$13,0)+IF(Input!$K$14=1,K3801*Input!$J$14,0)+IF(Input!$K$15=1,L3801*Input!$J$15,0)+IF(Input!$K$16=1,M3801*Input!$J$16,0)</f>
        <v>0.87840909736499118</v>
      </c>
      <c r="O3801" s="58">
        <f>IF(Input!$K$13=2,J3801*Input!$J$13,0)+IF(Input!$K$14=2,K3801*Input!$J$14,0)+IF(Input!$K$15=2,L3801*Input!$J$15,0)+IF(Input!$K$16=2,M3801*Input!$J$16,0)</f>
        <v>7.8571603704950921E-2</v>
      </c>
      <c r="P3801" s="58">
        <f>IF(Input!$K$13=3,J3801*Input!$J$13,0)+IF(Input!$K$14=3,K3801*Input!$J$14,0)+IF(Input!$K$15=3,L3801*Input!$J$15,0)+IF(Input!$K$16=3,M3801*Input!$J$16,0)</f>
        <v>0</v>
      </c>
      <c r="Q3801" s="71">
        <f>IF(Input!$K$13=4,J3801*Input!$J$13,0)+IF(Input!$K$14=4,K3801*Input!$J$14,0)+IF(Input!$K$15=4,L3801*Input!$J$15,0)+IF(Input!$K$16=4,M3801*Input!$J$16,0)</f>
        <v>0</v>
      </c>
    </row>
    <row r="3802" spans="8:17" x14ac:dyDescent="0.25">
      <c r="H3802" s="43">
        <v>3795</v>
      </c>
      <c r="I3802" s="55">
        <f>Bühler!I3828</f>
        <v>0.24288896161449139</v>
      </c>
      <c r="J3802" s="58">
        <f>Bühler!J3828</f>
        <v>7.3200758113749265</v>
      </c>
      <c r="K3802" s="58">
        <f>Bühler!K3828</f>
        <v>0.58201187929593268</v>
      </c>
      <c r="L3802" s="58">
        <f>Bühler!L3828</f>
        <v>0.29100593964796634</v>
      </c>
      <c r="M3802" s="57">
        <f>Bühler!M3828</f>
        <v>0</v>
      </c>
      <c r="N3802" s="55">
        <f>IF(Input!$K$13=1,J3802*Input!$J$13,0)+IF(Input!$K$14=1,K3802*Input!$J$14,0)+IF(Input!$K$15=1,L3802*Input!$J$15,0)+IF(Input!$K$16=1,M3802*Input!$J$16,0)</f>
        <v>0.87840909736499118</v>
      </c>
      <c r="O3802" s="58">
        <f>IF(Input!$K$13=2,J3802*Input!$J$13,0)+IF(Input!$K$14=2,K3802*Input!$J$14,0)+IF(Input!$K$15=2,L3802*Input!$J$15,0)+IF(Input!$K$16=2,M3802*Input!$J$16,0)</f>
        <v>7.8571603704950921E-2</v>
      </c>
      <c r="P3802" s="58">
        <f>IF(Input!$K$13=3,J3802*Input!$J$13,0)+IF(Input!$K$14=3,K3802*Input!$J$14,0)+IF(Input!$K$15=3,L3802*Input!$J$15,0)+IF(Input!$K$16=3,M3802*Input!$J$16,0)</f>
        <v>0</v>
      </c>
      <c r="Q3802" s="71">
        <f>IF(Input!$K$13=4,J3802*Input!$J$13,0)+IF(Input!$K$14=4,K3802*Input!$J$14,0)+IF(Input!$K$15=4,L3802*Input!$J$15,0)+IF(Input!$K$16=4,M3802*Input!$J$16,0)</f>
        <v>0</v>
      </c>
    </row>
    <row r="3803" spans="8:17" x14ac:dyDescent="0.25">
      <c r="H3803" s="43">
        <v>3796</v>
      </c>
      <c r="I3803" s="55">
        <f>Bühler!I3829</f>
        <v>0.24288896161449139</v>
      </c>
      <c r="J3803" s="58">
        <f>Bühler!J3829</f>
        <v>7.3200758113749265</v>
      </c>
      <c r="K3803" s="58">
        <f>Bühler!K3829</f>
        <v>0.58201187929593268</v>
      </c>
      <c r="L3803" s="58">
        <f>Bühler!L3829</f>
        <v>0.29100593964796634</v>
      </c>
      <c r="M3803" s="57">
        <f>Bühler!M3829</f>
        <v>0</v>
      </c>
      <c r="N3803" s="55">
        <f>IF(Input!$K$13=1,J3803*Input!$J$13,0)+IF(Input!$K$14=1,K3803*Input!$J$14,0)+IF(Input!$K$15=1,L3803*Input!$J$15,0)+IF(Input!$K$16=1,M3803*Input!$J$16,0)</f>
        <v>0.87840909736499118</v>
      </c>
      <c r="O3803" s="58">
        <f>IF(Input!$K$13=2,J3803*Input!$J$13,0)+IF(Input!$K$14=2,K3803*Input!$J$14,0)+IF(Input!$K$15=2,L3803*Input!$J$15,0)+IF(Input!$K$16=2,M3803*Input!$J$16,0)</f>
        <v>7.8571603704950921E-2</v>
      </c>
      <c r="P3803" s="58">
        <f>IF(Input!$K$13=3,J3803*Input!$J$13,0)+IF(Input!$K$14=3,K3803*Input!$J$14,0)+IF(Input!$K$15=3,L3803*Input!$J$15,0)+IF(Input!$K$16=3,M3803*Input!$J$16,0)</f>
        <v>0</v>
      </c>
      <c r="Q3803" s="71">
        <f>IF(Input!$K$13=4,J3803*Input!$J$13,0)+IF(Input!$K$14=4,K3803*Input!$J$14,0)+IF(Input!$K$15=4,L3803*Input!$J$15,0)+IF(Input!$K$16=4,M3803*Input!$J$16,0)</f>
        <v>0</v>
      </c>
    </row>
    <row r="3804" spans="8:17" x14ac:dyDescent="0.25">
      <c r="H3804" s="43">
        <v>3797</v>
      </c>
      <c r="I3804" s="55">
        <f>Bühler!I3830</f>
        <v>0.24288896161449139</v>
      </c>
      <c r="J3804" s="58">
        <f>Bühler!J3830</f>
        <v>7.3200758113749265</v>
      </c>
      <c r="K3804" s="58">
        <f>Bühler!K3830</f>
        <v>0.58201187929593268</v>
      </c>
      <c r="L3804" s="58">
        <f>Bühler!L3830</f>
        <v>0.29100593964796634</v>
      </c>
      <c r="M3804" s="57">
        <f>Bühler!M3830</f>
        <v>0</v>
      </c>
      <c r="N3804" s="55">
        <f>IF(Input!$K$13=1,J3804*Input!$J$13,0)+IF(Input!$K$14=1,K3804*Input!$J$14,0)+IF(Input!$K$15=1,L3804*Input!$J$15,0)+IF(Input!$K$16=1,M3804*Input!$J$16,0)</f>
        <v>0.87840909736499118</v>
      </c>
      <c r="O3804" s="58">
        <f>IF(Input!$K$13=2,J3804*Input!$J$13,0)+IF(Input!$K$14=2,K3804*Input!$J$14,0)+IF(Input!$K$15=2,L3804*Input!$J$15,0)+IF(Input!$K$16=2,M3804*Input!$J$16,0)</f>
        <v>7.8571603704950921E-2</v>
      </c>
      <c r="P3804" s="58">
        <f>IF(Input!$K$13=3,J3804*Input!$J$13,0)+IF(Input!$K$14=3,K3804*Input!$J$14,0)+IF(Input!$K$15=3,L3804*Input!$J$15,0)+IF(Input!$K$16=3,M3804*Input!$J$16,0)</f>
        <v>0</v>
      </c>
      <c r="Q3804" s="71">
        <f>IF(Input!$K$13=4,J3804*Input!$J$13,0)+IF(Input!$K$14=4,K3804*Input!$J$14,0)+IF(Input!$K$15=4,L3804*Input!$J$15,0)+IF(Input!$K$16=4,M3804*Input!$J$16,0)</f>
        <v>0</v>
      </c>
    </row>
    <row r="3805" spans="8:17" x14ac:dyDescent="0.25">
      <c r="H3805" s="43">
        <v>3798</v>
      </c>
      <c r="I3805" s="55">
        <f>Bühler!I3831</f>
        <v>0.24288896161449139</v>
      </c>
      <c r="J3805" s="58">
        <f>Bühler!J3831</f>
        <v>7.3200758113749265</v>
      </c>
      <c r="K3805" s="58">
        <f>Bühler!K3831</f>
        <v>0.58201187929593268</v>
      </c>
      <c r="L3805" s="58">
        <f>Bühler!L3831</f>
        <v>0.29100593964796634</v>
      </c>
      <c r="M3805" s="57">
        <f>Bühler!M3831</f>
        <v>0</v>
      </c>
      <c r="N3805" s="55">
        <f>IF(Input!$K$13=1,J3805*Input!$J$13,0)+IF(Input!$K$14=1,K3805*Input!$J$14,0)+IF(Input!$K$15=1,L3805*Input!$J$15,0)+IF(Input!$K$16=1,M3805*Input!$J$16,0)</f>
        <v>0.87840909736499118</v>
      </c>
      <c r="O3805" s="58">
        <f>IF(Input!$K$13=2,J3805*Input!$J$13,0)+IF(Input!$K$14=2,K3805*Input!$J$14,0)+IF(Input!$K$15=2,L3805*Input!$J$15,0)+IF(Input!$K$16=2,M3805*Input!$J$16,0)</f>
        <v>7.8571603704950921E-2</v>
      </c>
      <c r="P3805" s="58">
        <f>IF(Input!$K$13=3,J3805*Input!$J$13,0)+IF(Input!$K$14=3,K3805*Input!$J$14,0)+IF(Input!$K$15=3,L3805*Input!$J$15,0)+IF(Input!$K$16=3,M3805*Input!$J$16,0)</f>
        <v>0</v>
      </c>
      <c r="Q3805" s="71">
        <f>IF(Input!$K$13=4,J3805*Input!$J$13,0)+IF(Input!$K$14=4,K3805*Input!$J$14,0)+IF(Input!$K$15=4,L3805*Input!$J$15,0)+IF(Input!$K$16=4,M3805*Input!$J$16,0)</f>
        <v>0</v>
      </c>
    </row>
    <row r="3806" spans="8:17" x14ac:dyDescent="0.25">
      <c r="H3806" s="43">
        <v>3799</v>
      </c>
      <c r="I3806" s="55">
        <f>Bühler!I3832</f>
        <v>0.24288896161449139</v>
      </c>
      <c r="J3806" s="58">
        <f>Bühler!J3832</f>
        <v>7.3200758113749265</v>
      </c>
      <c r="K3806" s="58">
        <f>Bühler!K3832</f>
        <v>0.58201187929593268</v>
      </c>
      <c r="L3806" s="58">
        <f>Bühler!L3832</f>
        <v>0.29100593964796634</v>
      </c>
      <c r="M3806" s="57">
        <f>Bühler!M3832</f>
        <v>0</v>
      </c>
      <c r="N3806" s="55">
        <f>IF(Input!$K$13=1,J3806*Input!$J$13,0)+IF(Input!$K$14=1,K3806*Input!$J$14,0)+IF(Input!$K$15=1,L3806*Input!$J$15,0)+IF(Input!$K$16=1,M3806*Input!$J$16,0)</f>
        <v>0.87840909736499118</v>
      </c>
      <c r="O3806" s="58">
        <f>IF(Input!$K$13=2,J3806*Input!$J$13,0)+IF(Input!$K$14=2,K3806*Input!$J$14,0)+IF(Input!$K$15=2,L3806*Input!$J$15,0)+IF(Input!$K$16=2,M3806*Input!$J$16,0)</f>
        <v>7.8571603704950921E-2</v>
      </c>
      <c r="P3806" s="58">
        <f>IF(Input!$K$13=3,J3806*Input!$J$13,0)+IF(Input!$K$14=3,K3806*Input!$J$14,0)+IF(Input!$K$15=3,L3806*Input!$J$15,0)+IF(Input!$K$16=3,M3806*Input!$J$16,0)</f>
        <v>0</v>
      </c>
      <c r="Q3806" s="71">
        <f>IF(Input!$K$13=4,J3806*Input!$J$13,0)+IF(Input!$K$14=4,K3806*Input!$J$14,0)+IF(Input!$K$15=4,L3806*Input!$J$15,0)+IF(Input!$K$16=4,M3806*Input!$J$16,0)</f>
        <v>0</v>
      </c>
    </row>
    <row r="3807" spans="8:17" x14ac:dyDescent="0.25">
      <c r="H3807" s="43">
        <v>3800</v>
      </c>
      <c r="I3807" s="55">
        <f>Bühler!I3833</f>
        <v>0.66915908924792356</v>
      </c>
      <c r="J3807" s="58">
        <f>Bühler!J3833</f>
        <v>29.57286262817615</v>
      </c>
      <c r="K3807" s="58">
        <f>Bühler!K3833</f>
        <v>2.3791940156673124</v>
      </c>
      <c r="L3807" s="58">
        <f>Bühler!L3833</f>
        <v>1.1895970078336562</v>
      </c>
      <c r="M3807" s="57">
        <f>Bühler!M3833</f>
        <v>0</v>
      </c>
      <c r="N3807" s="55">
        <f>IF(Input!$K$13=1,J3807*Input!$J$13,0)+IF(Input!$K$14=1,K3807*Input!$J$14,0)+IF(Input!$K$15=1,L3807*Input!$J$15,0)+IF(Input!$K$16=1,M3807*Input!$J$16,0)</f>
        <v>3.5487435153811377</v>
      </c>
      <c r="O3807" s="58">
        <f>IF(Input!$K$13=2,J3807*Input!$J$13,0)+IF(Input!$K$14=2,K3807*Input!$J$14,0)+IF(Input!$K$15=2,L3807*Input!$J$15,0)+IF(Input!$K$16=2,M3807*Input!$J$16,0)</f>
        <v>0.32119119211508718</v>
      </c>
      <c r="P3807" s="58">
        <f>IF(Input!$K$13=3,J3807*Input!$J$13,0)+IF(Input!$K$14=3,K3807*Input!$J$14,0)+IF(Input!$K$15=3,L3807*Input!$J$15,0)+IF(Input!$K$16=3,M3807*Input!$J$16,0)</f>
        <v>0</v>
      </c>
      <c r="Q3807" s="71">
        <f>IF(Input!$K$13=4,J3807*Input!$J$13,0)+IF(Input!$K$14=4,K3807*Input!$J$14,0)+IF(Input!$K$15=4,L3807*Input!$J$15,0)+IF(Input!$K$16=4,M3807*Input!$J$16,0)</f>
        <v>0</v>
      </c>
    </row>
    <row r="3808" spans="8:17" x14ac:dyDescent="0.25">
      <c r="H3808" s="43">
        <v>3801</v>
      </c>
      <c r="I3808" s="55">
        <f>Bühler!I3834</f>
        <v>0.74664066800294637</v>
      </c>
      <c r="J3808" s="58">
        <f>Bühler!J3834</f>
        <v>32.997088827228133</v>
      </c>
      <c r="K3808" s="58">
        <f>Bühler!K3834</f>
        <v>2.6546796385340543</v>
      </c>
      <c r="L3808" s="58">
        <f>Bühler!L3834</f>
        <v>1.3273398192670272</v>
      </c>
      <c r="M3808" s="57">
        <f>Bühler!M3834</f>
        <v>0</v>
      </c>
      <c r="N3808" s="55">
        <f>IF(Input!$K$13=1,J3808*Input!$J$13,0)+IF(Input!$K$14=1,K3808*Input!$J$14,0)+IF(Input!$K$15=1,L3808*Input!$J$15,0)+IF(Input!$K$16=1,M3808*Input!$J$16,0)</f>
        <v>3.9596506592673757</v>
      </c>
      <c r="O3808" s="58">
        <f>IF(Input!$K$13=2,J3808*Input!$J$13,0)+IF(Input!$K$14=2,K3808*Input!$J$14,0)+IF(Input!$K$15=2,L3808*Input!$J$15,0)+IF(Input!$K$16=2,M3808*Input!$J$16,0)</f>
        <v>0.35838175120209737</v>
      </c>
      <c r="P3808" s="58">
        <f>IF(Input!$K$13=3,J3808*Input!$J$13,0)+IF(Input!$K$14=3,K3808*Input!$J$14,0)+IF(Input!$K$15=3,L3808*Input!$J$15,0)+IF(Input!$K$16=3,M3808*Input!$J$16,0)</f>
        <v>0</v>
      </c>
      <c r="Q3808" s="71">
        <f>IF(Input!$K$13=4,J3808*Input!$J$13,0)+IF(Input!$K$14=4,K3808*Input!$J$14,0)+IF(Input!$K$15=4,L3808*Input!$J$15,0)+IF(Input!$K$16=4,M3808*Input!$J$16,0)</f>
        <v>0</v>
      </c>
    </row>
    <row r="3809" spans="8:17" x14ac:dyDescent="0.25">
      <c r="H3809" s="43">
        <v>3802</v>
      </c>
      <c r="I3809" s="55">
        <f>Bühler!I3835</f>
        <v>0.82412224675796908</v>
      </c>
      <c r="J3809" s="58">
        <f>Bühler!J3835</f>
        <v>36.421315026280105</v>
      </c>
      <c r="K3809" s="58">
        <f>Bühler!K3835</f>
        <v>2.9301652614007954</v>
      </c>
      <c r="L3809" s="58">
        <f>Bühler!L3835</f>
        <v>1.4650826307003977</v>
      </c>
      <c r="M3809" s="57">
        <f>Bühler!M3835</f>
        <v>0</v>
      </c>
      <c r="N3809" s="55">
        <f>IF(Input!$K$13=1,J3809*Input!$J$13,0)+IF(Input!$K$14=1,K3809*Input!$J$14,0)+IF(Input!$K$15=1,L3809*Input!$J$15,0)+IF(Input!$K$16=1,M3809*Input!$J$16,0)</f>
        <v>4.3705578031536128</v>
      </c>
      <c r="O3809" s="58">
        <f>IF(Input!$K$13=2,J3809*Input!$J$13,0)+IF(Input!$K$14=2,K3809*Input!$J$14,0)+IF(Input!$K$15=2,L3809*Input!$J$15,0)+IF(Input!$K$16=2,M3809*Input!$J$16,0)</f>
        <v>0.39557231028910733</v>
      </c>
      <c r="P3809" s="58">
        <f>IF(Input!$K$13=3,J3809*Input!$J$13,0)+IF(Input!$K$14=3,K3809*Input!$J$14,0)+IF(Input!$K$15=3,L3809*Input!$J$15,0)+IF(Input!$K$16=3,M3809*Input!$J$16,0)</f>
        <v>0</v>
      </c>
      <c r="Q3809" s="71">
        <f>IF(Input!$K$13=4,J3809*Input!$J$13,0)+IF(Input!$K$14=4,K3809*Input!$J$14,0)+IF(Input!$K$15=4,L3809*Input!$J$15,0)+IF(Input!$K$16=4,M3809*Input!$J$16,0)</f>
        <v>0</v>
      </c>
    </row>
    <row r="3810" spans="8:17" x14ac:dyDescent="0.25">
      <c r="H3810" s="43">
        <v>3803</v>
      </c>
      <c r="I3810" s="55">
        <f>Bühler!I3836</f>
        <v>0.82412224675796908</v>
      </c>
      <c r="J3810" s="58">
        <f>Bühler!J3836</f>
        <v>36.421315026280105</v>
      </c>
      <c r="K3810" s="58">
        <f>Bühler!K3836</f>
        <v>2.9301652614007954</v>
      </c>
      <c r="L3810" s="58">
        <f>Bühler!L3836</f>
        <v>1.4650826307003977</v>
      </c>
      <c r="M3810" s="57">
        <f>Bühler!M3836</f>
        <v>0</v>
      </c>
      <c r="N3810" s="55">
        <f>IF(Input!$K$13=1,J3810*Input!$J$13,0)+IF(Input!$K$14=1,K3810*Input!$J$14,0)+IF(Input!$K$15=1,L3810*Input!$J$15,0)+IF(Input!$K$16=1,M3810*Input!$J$16,0)</f>
        <v>4.3705578031536128</v>
      </c>
      <c r="O3810" s="58">
        <f>IF(Input!$K$13=2,J3810*Input!$J$13,0)+IF(Input!$K$14=2,K3810*Input!$J$14,0)+IF(Input!$K$15=2,L3810*Input!$J$15,0)+IF(Input!$K$16=2,M3810*Input!$J$16,0)</f>
        <v>0.39557231028910733</v>
      </c>
      <c r="P3810" s="58">
        <f>IF(Input!$K$13=3,J3810*Input!$J$13,0)+IF(Input!$K$14=3,K3810*Input!$J$14,0)+IF(Input!$K$15=3,L3810*Input!$J$15,0)+IF(Input!$K$16=3,M3810*Input!$J$16,0)</f>
        <v>0</v>
      </c>
      <c r="Q3810" s="71">
        <f>IF(Input!$K$13=4,J3810*Input!$J$13,0)+IF(Input!$K$14=4,K3810*Input!$J$14,0)+IF(Input!$K$15=4,L3810*Input!$J$15,0)+IF(Input!$K$16=4,M3810*Input!$J$16,0)</f>
        <v>0</v>
      </c>
    </row>
    <row r="3811" spans="8:17" x14ac:dyDescent="0.25">
      <c r="H3811" s="43">
        <v>3804</v>
      </c>
      <c r="I3811" s="55">
        <f>Bühler!I3837</f>
        <v>0.98612918415483475</v>
      </c>
      <c r="J3811" s="58">
        <f>Bühler!J3837</f>
        <v>43.581060715206959</v>
      </c>
      <c r="K3811" s="58">
        <f>Bühler!K3837</f>
        <v>3.5061806546676184</v>
      </c>
      <c r="L3811" s="58">
        <f>Bühler!L3837</f>
        <v>1.7530903273338092</v>
      </c>
      <c r="M3811" s="57">
        <f>Bühler!M3837</f>
        <v>0</v>
      </c>
      <c r="N3811" s="55">
        <f>IF(Input!$K$13=1,J3811*Input!$J$13,0)+IF(Input!$K$14=1,K3811*Input!$J$14,0)+IF(Input!$K$15=1,L3811*Input!$J$15,0)+IF(Input!$K$16=1,M3811*Input!$J$16,0)</f>
        <v>5.2297272858248354</v>
      </c>
      <c r="O3811" s="58">
        <f>IF(Input!$K$13=2,J3811*Input!$J$13,0)+IF(Input!$K$14=2,K3811*Input!$J$14,0)+IF(Input!$K$15=2,L3811*Input!$J$15,0)+IF(Input!$K$16=2,M3811*Input!$J$16,0)</f>
        <v>0.47333438838012842</v>
      </c>
      <c r="P3811" s="58">
        <f>IF(Input!$K$13=3,J3811*Input!$J$13,0)+IF(Input!$K$14=3,K3811*Input!$J$14,0)+IF(Input!$K$15=3,L3811*Input!$J$15,0)+IF(Input!$K$16=3,M3811*Input!$J$16,0)</f>
        <v>0</v>
      </c>
      <c r="Q3811" s="71">
        <f>IF(Input!$K$13=4,J3811*Input!$J$13,0)+IF(Input!$K$14=4,K3811*Input!$J$14,0)+IF(Input!$K$15=4,L3811*Input!$J$15,0)+IF(Input!$K$16=4,M3811*Input!$J$16,0)</f>
        <v>0</v>
      </c>
    </row>
    <row r="3812" spans="8:17" x14ac:dyDescent="0.25">
      <c r="H3812" s="43">
        <v>3805</v>
      </c>
      <c r="I3812" s="55">
        <f>Bühler!I3838</f>
        <v>0.98612918415483475</v>
      </c>
      <c r="J3812" s="58">
        <f>Bühler!J3838</f>
        <v>43.581060715206959</v>
      </c>
      <c r="K3812" s="58">
        <f>Bühler!K3838</f>
        <v>3.5061806546676184</v>
      </c>
      <c r="L3812" s="58">
        <f>Bühler!L3838</f>
        <v>1.7530903273338092</v>
      </c>
      <c r="M3812" s="57">
        <f>Bühler!M3838</f>
        <v>0</v>
      </c>
      <c r="N3812" s="55">
        <f>IF(Input!$K$13=1,J3812*Input!$J$13,0)+IF(Input!$K$14=1,K3812*Input!$J$14,0)+IF(Input!$K$15=1,L3812*Input!$J$15,0)+IF(Input!$K$16=1,M3812*Input!$J$16,0)</f>
        <v>5.2297272858248354</v>
      </c>
      <c r="O3812" s="58">
        <f>IF(Input!$K$13=2,J3812*Input!$J$13,0)+IF(Input!$K$14=2,K3812*Input!$J$14,0)+IF(Input!$K$15=2,L3812*Input!$J$15,0)+IF(Input!$K$16=2,M3812*Input!$J$16,0)</f>
        <v>0.47333438838012842</v>
      </c>
      <c r="P3812" s="58">
        <f>IF(Input!$K$13=3,J3812*Input!$J$13,0)+IF(Input!$K$14=3,K3812*Input!$J$14,0)+IF(Input!$K$15=3,L3812*Input!$J$15,0)+IF(Input!$K$16=3,M3812*Input!$J$16,0)</f>
        <v>0</v>
      </c>
      <c r="Q3812" s="71">
        <f>IF(Input!$K$13=4,J3812*Input!$J$13,0)+IF(Input!$K$14=4,K3812*Input!$J$14,0)+IF(Input!$K$15=4,L3812*Input!$J$15,0)+IF(Input!$K$16=4,M3812*Input!$J$16,0)</f>
        <v>0</v>
      </c>
    </row>
    <row r="3813" spans="8:17" x14ac:dyDescent="0.25">
      <c r="H3813" s="43">
        <v>3806</v>
      </c>
      <c r="I3813" s="55">
        <f>Bühler!I3839</f>
        <v>0.65507152947428315</v>
      </c>
      <c r="J3813" s="58">
        <f>Bühler!J3839</f>
        <v>28.950276046530341</v>
      </c>
      <c r="K3813" s="58">
        <f>Bühler!K3839</f>
        <v>2.3291057206006323</v>
      </c>
      <c r="L3813" s="58">
        <f>Bühler!L3839</f>
        <v>1.1645528603003161</v>
      </c>
      <c r="M3813" s="57">
        <f>Bühler!M3839</f>
        <v>0</v>
      </c>
      <c r="N3813" s="55">
        <f>IF(Input!$K$13=1,J3813*Input!$J$13,0)+IF(Input!$K$14=1,K3813*Input!$J$14,0)+IF(Input!$K$15=1,L3813*Input!$J$15,0)+IF(Input!$K$16=1,M3813*Input!$J$16,0)</f>
        <v>3.4740331255836407</v>
      </c>
      <c r="O3813" s="58">
        <f>IF(Input!$K$13=2,J3813*Input!$J$13,0)+IF(Input!$K$14=2,K3813*Input!$J$14,0)+IF(Input!$K$15=2,L3813*Input!$J$15,0)+IF(Input!$K$16=2,M3813*Input!$J$16,0)</f>
        <v>0.31442927228108536</v>
      </c>
      <c r="P3813" s="58">
        <f>IF(Input!$K$13=3,J3813*Input!$J$13,0)+IF(Input!$K$14=3,K3813*Input!$J$14,0)+IF(Input!$K$15=3,L3813*Input!$J$15,0)+IF(Input!$K$16=3,M3813*Input!$J$16,0)</f>
        <v>0</v>
      </c>
      <c r="Q3813" s="71">
        <f>IF(Input!$K$13=4,J3813*Input!$J$13,0)+IF(Input!$K$14=4,K3813*Input!$J$14,0)+IF(Input!$K$15=4,L3813*Input!$J$15,0)+IF(Input!$K$16=4,M3813*Input!$J$16,0)</f>
        <v>0</v>
      </c>
    </row>
    <row r="3814" spans="8:17" x14ac:dyDescent="0.25">
      <c r="H3814" s="43">
        <v>3807</v>
      </c>
      <c r="I3814" s="55">
        <f>Bühler!I3840</f>
        <v>0.98612918415483475</v>
      </c>
      <c r="J3814" s="58">
        <f>Bühler!J3840</f>
        <v>43.581060715206959</v>
      </c>
      <c r="K3814" s="58">
        <f>Bühler!K3840</f>
        <v>3.5061806546676184</v>
      </c>
      <c r="L3814" s="58">
        <f>Bühler!L3840</f>
        <v>1.7530903273338092</v>
      </c>
      <c r="M3814" s="57">
        <f>Bühler!M3840</f>
        <v>0</v>
      </c>
      <c r="N3814" s="55">
        <f>IF(Input!$K$13=1,J3814*Input!$J$13,0)+IF(Input!$K$14=1,K3814*Input!$J$14,0)+IF(Input!$K$15=1,L3814*Input!$J$15,0)+IF(Input!$K$16=1,M3814*Input!$J$16,0)</f>
        <v>5.2297272858248354</v>
      </c>
      <c r="O3814" s="58">
        <f>IF(Input!$K$13=2,J3814*Input!$J$13,0)+IF(Input!$K$14=2,K3814*Input!$J$14,0)+IF(Input!$K$15=2,L3814*Input!$J$15,0)+IF(Input!$K$16=2,M3814*Input!$J$16,0)</f>
        <v>0.47333438838012842</v>
      </c>
      <c r="P3814" s="58">
        <f>IF(Input!$K$13=3,J3814*Input!$J$13,0)+IF(Input!$K$14=3,K3814*Input!$J$14,0)+IF(Input!$K$15=3,L3814*Input!$J$15,0)+IF(Input!$K$16=3,M3814*Input!$J$16,0)</f>
        <v>0</v>
      </c>
      <c r="Q3814" s="71">
        <f>IF(Input!$K$13=4,J3814*Input!$J$13,0)+IF(Input!$K$14=4,K3814*Input!$J$14,0)+IF(Input!$K$15=4,L3814*Input!$J$15,0)+IF(Input!$K$16=4,M3814*Input!$J$16,0)</f>
        <v>0</v>
      </c>
    </row>
    <row r="3815" spans="8:17" x14ac:dyDescent="0.25">
      <c r="H3815" s="43">
        <v>3808</v>
      </c>
      <c r="I3815" s="55">
        <f>Bühler!I3841</f>
        <v>0.98612918415483475</v>
      </c>
      <c r="J3815" s="58">
        <f>Bühler!J3841</f>
        <v>43.581060715206959</v>
      </c>
      <c r="K3815" s="58">
        <f>Bühler!K3841</f>
        <v>3.5061806546676184</v>
      </c>
      <c r="L3815" s="58">
        <f>Bühler!L3841</f>
        <v>1.7530903273338092</v>
      </c>
      <c r="M3815" s="57">
        <f>Bühler!M3841</f>
        <v>0</v>
      </c>
      <c r="N3815" s="55">
        <f>IF(Input!$K$13=1,J3815*Input!$J$13,0)+IF(Input!$K$14=1,K3815*Input!$J$14,0)+IF(Input!$K$15=1,L3815*Input!$J$15,0)+IF(Input!$K$16=1,M3815*Input!$J$16,0)</f>
        <v>5.2297272858248354</v>
      </c>
      <c r="O3815" s="58">
        <f>IF(Input!$K$13=2,J3815*Input!$J$13,0)+IF(Input!$K$14=2,K3815*Input!$J$14,0)+IF(Input!$K$15=2,L3815*Input!$J$15,0)+IF(Input!$K$16=2,M3815*Input!$J$16,0)</f>
        <v>0.47333438838012842</v>
      </c>
      <c r="P3815" s="58">
        <f>IF(Input!$K$13=3,J3815*Input!$J$13,0)+IF(Input!$K$14=3,K3815*Input!$J$14,0)+IF(Input!$K$15=3,L3815*Input!$J$15,0)+IF(Input!$K$16=3,M3815*Input!$J$16,0)</f>
        <v>0</v>
      </c>
      <c r="Q3815" s="71">
        <f>IF(Input!$K$13=4,J3815*Input!$J$13,0)+IF(Input!$K$14=4,K3815*Input!$J$14,0)+IF(Input!$K$15=4,L3815*Input!$J$15,0)+IF(Input!$K$16=4,M3815*Input!$J$16,0)</f>
        <v>0</v>
      </c>
    </row>
    <row r="3816" spans="8:17" x14ac:dyDescent="0.25">
      <c r="H3816" s="43">
        <v>3809</v>
      </c>
      <c r="I3816" s="55">
        <f>Bühler!I3842</f>
        <v>0.82400080227716199</v>
      </c>
      <c r="J3816" s="58">
        <f>Bühler!J3842</f>
        <v>25.944826201305521</v>
      </c>
      <c r="K3816" s="58">
        <f>Bühler!K3842</f>
        <v>2.066142171500561</v>
      </c>
      <c r="L3816" s="58">
        <f>Bühler!L3842</f>
        <v>1.0330710857502805</v>
      </c>
      <c r="M3816" s="57">
        <f>Bühler!M3842</f>
        <v>0</v>
      </c>
      <c r="N3816" s="55">
        <f>IF(Input!$K$13=1,J3816*Input!$J$13,0)+IF(Input!$K$14=1,K3816*Input!$J$14,0)+IF(Input!$K$15=1,L3816*Input!$J$15,0)+IF(Input!$K$16=1,M3816*Input!$J$16,0)</f>
        <v>3.1133791441566623</v>
      </c>
      <c r="O3816" s="58">
        <f>IF(Input!$K$13=2,J3816*Input!$J$13,0)+IF(Input!$K$14=2,K3816*Input!$J$14,0)+IF(Input!$K$15=2,L3816*Input!$J$15,0)+IF(Input!$K$16=2,M3816*Input!$J$16,0)</f>
        <v>0.27892919315257569</v>
      </c>
      <c r="P3816" s="58">
        <f>IF(Input!$K$13=3,J3816*Input!$J$13,0)+IF(Input!$K$14=3,K3816*Input!$J$14,0)+IF(Input!$K$15=3,L3816*Input!$J$15,0)+IF(Input!$K$16=3,M3816*Input!$J$16,0)</f>
        <v>0</v>
      </c>
      <c r="Q3816" s="71">
        <f>IF(Input!$K$13=4,J3816*Input!$J$13,0)+IF(Input!$K$14=4,K3816*Input!$J$14,0)+IF(Input!$K$15=4,L3816*Input!$J$15,0)+IF(Input!$K$16=4,M3816*Input!$J$16,0)</f>
        <v>0</v>
      </c>
    </row>
    <row r="3817" spans="8:17" x14ac:dyDescent="0.25">
      <c r="H3817" s="43">
        <v>3810</v>
      </c>
      <c r="I3817" s="55">
        <f>Bühler!I3843</f>
        <v>0.65519297395509035</v>
      </c>
      <c r="J3817" s="58">
        <f>Bühler!J3843</f>
        <v>11.4021349686926</v>
      </c>
      <c r="K3817" s="58">
        <f>Bühler!K3843</f>
        <v>0.88183618075141312</v>
      </c>
      <c r="L3817" s="58">
        <f>Bühler!L3843</f>
        <v>0.44091809037570656</v>
      </c>
      <c r="M3817" s="57">
        <f>Bühler!M3843</f>
        <v>0</v>
      </c>
      <c r="N3817" s="55">
        <f>IF(Input!$K$13=1,J3817*Input!$J$13,0)+IF(Input!$K$14=1,K3817*Input!$J$14,0)+IF(Input!$K$15=1,L3817*Input!$J$15,0)+IF(Input!$K$16=1,M3817*Input!$J$16,0)</f>
        <v>1.3682561962431119</v>
      </c>
      <c r="O3817" s="58">
        <f>IF(Input!$K$13=2,J3817*Input!$J$13,0)+IF(Input!$K$14=2,K3817*Input!$J$14,0)+IF(Input!$K$15=2,L3817*Input!$J$15,0)+IF(Input!$K$16=2,M3817*Input!$J$16,0)</f>
        <v>0.11904788440144076</v>
      </c>
      <c r="P3817" s="58">
        <f>IF(Input!$K$13=3,J3817*Input!$J$13,0)+IF(Input!$K$14=3,K3817*Input!$J$14,0)+IF(Input!$K$15=3,L3817*Input!$J$15,0)+IF(Input!$K$16=3,M3817*Input!$J$16,0)</f>
        <v>0</v>
      </c>
      <c r="Q3817" s="71">
        <f>IF(Input!$K$13=4,J3817*Input!$J$13,0)+IF(Input!$K$14=4,K3817*Input!$J$14,0)+IF(Input!$K$15=4,L3817*Input!$J$15,0)+IF(Input!$K$16=4,M3817*Input!$J$16,0)</f>
        <v>0</v>
      </c>
    </row>
    <row r="3818" spans="8:17" x14ac:dyDescent="0.25">
      <c r="H3818" s="43">
        <v>3811</v>
      </c>
      <c r="I3818" s="55">
        <f>Bühler!I3844</f>
        <v>0.24288896161449139</v>
      </c>
      <c r="J3818" s="58">
        <f>Bühler!J3844</f>
        <v>7.3200758113749265</v>
      </c>
      <c r="K3818" s="58">
        <f>Bühler!K3844</f>
        <v>0.58201187929593268</v>
      </c>
      <c r="L3818" s="58">
        <f>Bühler!L3844</f>
        <v>0.29100593964796634</v>
      </c>
      <c r="M3818" s="57">
        <f>Bühler!M3844</f>
        <v>0</v>
      </c>
      <c r="N3818" s="55">
        <f>IF(Input!$K$13=1,J3818*Input!$J$13,0)+IF(Input!$K$14=1,K3818*Input!$J$14,0)+IF(Input!$K$15=1,L3818*Input!$J$15,0)+IF(Input!$K$16=1,M3818*Input!$J$16,0)</f>
        <v>0.87840909736499118</v>
      </c>
      <c r="O3818" s="58">
        <f>IF(Input!$K$13=2,J3818*Input!$J$13,0)+IF(Input!$K$14=2,K3818*Input!$J$14,0)+IF(Input!$K$15=2,L3818*Input!$J$15,0)+IF(Input!$K$16=2,M3818*Input!$J$16,0)</f>
        <v>7.8571603704950921E-2</v>
      </c>
      <c r="P3818" s="58">
        <f>IF(Input!$K$13=3,J3818*Input!$J$13,0)+IF(Input!$K$14=3,K3818*Input!$J$14,0)+IF(Input!$K$15=3,L3818*Input!$J$15,0)+IF(Input!$K$16=3,M3818*Input!$J$16,0)</f>
        <v>0</v>
      </c>
      <c r="Q3818" s="71">
        <f>IF(Input!$K$13=4,J3818*Input!$J$13,0)+IF(Input!$K$14=4,K3818*Input!$J$14,0)+IF(Input!$K$15=4,L3818*Input!$J$15,0)+IF(Input!$K$16=4,M3818*Input!$J$16,0)</f>
        <v>0</v>
      </c>
    </row>
    <row r="3819" spans="8:17" x14ac:dyDescent="0.25">
      <c r="H3819" s="43">
        <v>3812</v>
      </c>
      <c r="I3819" s="55">
        <f>Bühler!I3845</f>
        <v>0.24288896161449139</v>
      </c>
      <c r="J3819" s="58">
        <f>Bühler!J3845</f>
        <v>7.3200758113749265</v>
      </c>
      <c r="K3819" s="58">
        <f>Bühler!K3845</f>
        <v>0.58201187929593268</v>
      </c>
      <c r="L3819" s="58">
        <f>Bühler!L3845</f>
        <v>0.29100593964796634</v>
      </c>
      <c r="M3819" s="57">
        <f>Bühler!M3845</f>
        <v>0</v>
      </c>
      <c r="N3819" s="55">
        <f>IF(Input!$K$13=1,J3819*Input!$J$13,0)+IF(Input!$K$14=1,K3819*Input!$J$14,0)+IF(Input!$K$15=1,L3819*Input!$J$15,0)+IF(Input!$K$16=1,M3819*Input!$J$16,0)</f>
        <v>0.87840909736499118</v>
      </c>
      <c r="O3819" s="58">
        <f>IF(Input!$K$13=2,J3819*Input!$J$13,0)+IF(Input!$K$14=2,K3819*Input!$J$14,0)+IF(Input!$K$15=2,L3819*Input!$J$15,0)+IF(Input!$K$16=2,M3819*Input!$J$16,0)</f>
        <v>7.8571603704950921E-2</v>
      </c>
      <c r="P3819" s="58">
        <f>IF(Input!$K$13=3,J3819*Input!$J$13,0)+IF(Input!$K$14=3,K3819*Input!$J$14,0)+IF(Input!$K$15=3,L3819*Input!$J$15,0)+IF(Input!$K$16=3,M3819*Input!$J$16,0)</f>
        <v>0</v>
      </c>
      <c r="Q3819" s="71">
        <f>IF(Input!$K$13=4,J3819*Input!$J$13,0)+IF(Input!$K$14=4,K3819*Input!$J$14,0)+IF(Input!$K$15=4,L3819*Input!$J$15,0)+IF(Input!$K$16=4,M3819*Input!$J$16,0)</f>
        <v>0</v>
      </c>
    </row>
    <row r="3820" spans="8:17" x14ac:dyDescent="0.25">
      <c r="H3820" s="43">
        <v>3813</v>
      </c>
      <c r="I3820" s="55">
        <f>Bühler!I3846</f>
        <v>0.24288896161449139</v>
      </c>
      <c r="J3820" s="58">
        <f>Bühler!J3846</f>
        <v>7.3200758113749265</v>
      </c>
      <c r="K3820" s="58">
        <f>Bühler!K3846</f>
        <v>0.58201187929593268</v>
      </c>
      <c r="L3820" s="58">
        <f>Bühler!L3846</f>
        <v>0.29100593964796634</v>
      </c>
      <c r="M3820" s="57">
        <f>Bühler!M3846</f>
        <v>0</v>
      </c>
      <c r="N3820" s="55">
        <f>IF(Input!$K$13=1,J3820*Input!$J$13,0)+IF(Input!$K$14=1,K3820*Input!$J$14,0)+IF(Input!$K$15=1,L3820*Input!$J$15,0)+IF(Input!$K$16=1,M3820*Input!$J$16,0)</f>
        <v>0.87840909736499118</v>
      </c>
      <c r="O3820" s="58">
        <f>IF(Input!$K$13=2,J3820*Input!$J$13,0)+IF(Input!$K$14=2,K3820*Input!$J$14,0)+IF(Input!$K$15=2,L3820*Input!$J$15,0)+IF(Input!$K$16=2,M3820*Input!$J$16,0)</f>
        <v>7.8571603704950921E-2</v>
      </c>
      <c r="P3820" s="58">
        <f>IF(Input!$K$13=3,J3820*Input!$J$13,0)+IF(Input!$K$14=3,K3820*Input!$J$14,0)+IF(Input!$K$15=3,L3820*Input!$J$15,0)+IF(Input!$K$16=3,M3820*Input!$J$16,0)</f>
        <v>0</v>
      </c>
      <c r="Q3820" s="71">
        <f>IF(Input!$K$13=4,J3820*Input!$J$13,0)+IF(Input!$K$14=4,K3820*Input!$J$14,0)+IF(Input!$K$15=4,L3820*Input!$J$15,0)+IF(Input!$K$16=4,M3820*Input!$J$16,0)</f>
        <v>0</v>
      </c>
    </row>
    <row r="3821" spans="8:17" x14ac:dyDescent="0.25">
      <c r="H3821" s="43">
        <v>3814</v>
      </c>
      <c r="I3821" s="55">
        <f>Bühler!I3847</f>
        <v>0.24288896161449139</v>
      </c>
      <c r="J3821" s="58">
        <f>Bühler!J3847</f>
        <v>7.3200758113749265</v>
      </c>
      <c r="K3821" s="58">
        <f>Bühler!K3847</f>
        <v>0.58201187929593268</v>
      </c>
      <c r="L3821" s="58">
        <f>Bühler!L3847</f>
        <v>0.29100593964796634</v>
      </c>
      <c r="M3821" s="57">
        <f>Bühler!M3847</f>
        <v>0</v>
      </c>
      <c r="N3821" s="55">
        <f>IF(Input!$K$13=1,J3821*Input!$J$13,0)+IF(Input!$K$14=1,K3821*Input!$J$14,0)+IF(Input!$K$15=1,L3821*Input!$J$15,0)+IF(Input!$K$16=1,M3821*Input!$J$16,0)</f>
        <v>0.87840909736499118</v>
      </c>
      <c r="O3821" s="58">
        <f>IF(Input!$K$13=2,J3821*Input!$J$13,0)+IF(Input!$K$14=2,K3821*Input!$J$14,0)+IF(Input!$K$15=2,L3821*Input!$J$15,0)+IF(Input!$K$16=2,M3821*Input!$J$16,0)</f>
        <v>7.8571603704950921E-2</v>
      </c>
      <c r="P3821" s="58">
        <f>IF(Input!$K$13=3,J3821*Input!$J$13,0)+IF(Input!$K$14=3,K3821*Input!$J$14,0)+IF(Input!$K$15=3,L3821*Input!$J$15,0)+IF(Input!$K$16=3,M3821*Input!$J$16,0)</f>
        <v>0</v>
      </c>
      <c r="Q3821" s="71">
        <f>IF(Input!$K$13=4,J3821*Input!$J$13,0)+IF(Input!$K$14=4,K3821*Input!$J$14,0)+IF(Input!$K$15=4,L3821*Input!$J$15,0)+IF(Input!$K$16=4,M3821*Input!$J$16,0)</f>
        <v>0</v>
      </c>
    </row>
    <row r="3822" spans="8:17" x14ac:dyDescent="0.25">
      <c r="H3822" s="43">
        <v>3815</v>
      </c>
      <c r="I3822" s="55">
        <f>Bühler!I3848</f>
        <v>0.24288896161449139</v>
      </c>
      <c r="J3822" s="58">
        <f>Bühler!J3848</f>
        <v>7.3200758113749265</v>
      </c>
      <c r="K3822" s="58">
        <f>Bühler!K3848</f>
        <v>0.58201187929593268</v>
      </c>
      <c r="L3822" s="58">
        <f>Bühler!L3848</f>
        <v>0.29100593964796634</v>
      </c>
      <c r="M3822" s="57">
        <f>Bühler!M3848</f>
        <v>0</v>
      </c>
      <c r="N3822" s="55">
        <f>IF(Input!$K$13=1,J3822*Input!$J$13,0)+IF(Input!$K$14=1,K3822*Input!$J$14,0)+IF(Input!$K$15=1,L3822*Input!$J$15,0)+IF(Input!$K$16=1,M3822*Input!$J$16,0)</f>
        <v>0.87840909736499118</v>
      </c>
      <c r="O3822" s="58">
        <f>IF(Input!$K$13=2,J3822*Input!$J$13,0)+IF(Input!$K$14=2,K3822*Input!$J$14,0)+IF(Input!$K$15=2,L3822*Input!$J$15,0)+IF(Input!$K$16=2,M3822*Input!$J$16,0)</f>
        <v>7.8571603704950921E-2</v>
      </c>
      <c r="P3822" s="58">
        <f>IF(Input!$K$13=3,J3822*Input!$J$13,0)+IF(Input!$K$14=3,K3822*Input!$J$14,0)+IF(Input!$K$15=3,L3822*Input!$J$15,0)+IF(Input!$K$16=3,M3822*Input!$J$16,0)</f>
        <v>0</v>
      </c>
      <c r="Q3822" s="71">
        <f>IF(Input!$K$13=4,J3822*Input!$J$13,0)+IF(Input!$K$14=4,K3822*Input!$J$14,0)+IF(Input!$K$15=4,L3822*Input!$J$15,0)+IF(Input!$K$16=4,M3822*Input!$J$16,0)</f>
        <v>0</v>
      </c>
    </row>
    <row r="3823" spans="8:17" x14ac:dyDescent="0.25">
      <c r="H3823" s="43">
        <v>3816</v>
      </c>
      <c r="I3823" s="55">
        <f>Bühler!I3849</f>
        <v>0.24288896161449139</v>
      </c>
      <c r="J3823" s="58">
        <f>Bühler!J3849</f>
        <v>7.3200758113749265</v>
      </c>
      <c r="K3823" s="58">
        <f>Bühler!K3849</f>
        <v>0.58201187929593268</v>
      </c>
      <c r="L3823" s="58">
        <f>Bühler!L3849</f>
        <v>0.29100593964796634</v>
      </c>
      <c r="M3823" s="57">
        <f>Bühler!M3849</f>
        <v>0</v>
      </c>
      <c r="N3823" s="55">
        <f>IF(Input!$K$13=1,J3823*Input!$J$13,0)+IF(Input!$K$14=1,K3823*Input!$J$14,0)+IF(Input!$K$15=1,L3823*Input!$J$15,0)+IF(Input!$K$16=1,M3823*Input!$J$16,0)</f>
        <v>0.87840909736499118</v>
      </c>
      <c r="O3823" s="58">
        <f>IF(Input!$K$13=2,J3823*Input!$J$13,0)+IF(Input!$K$14=2,K3823*Input!$J$14,0)+IF(Input!$K$15=2,L3823*Input!$J$15,0)+IF(Input!$K$16=2,M3823*Input!$J$16,0)</f>
        <v>7.8571603704950921E-2</v>
      </c>
      <c r="P3823" s="58">
        <f>IF(Input!$K$13=3,J3823*Input!$J$13,0)+IF(Input!$K$14=3,K3823*Input!$J$14,0)+IF(Input!$K$15=3,L3823*Input!$J$15,0)+IF(Input!$K$16=3,M3823*Input!$J$16,0)</f>
        <v>0</v>
      </c>
      <c r="Q3823" s="71">
        <f>IF(Input!$K$13=4,J3823*Input!$J$13,0)+IF(Input!$K$14=4,K3823*Input!$J$14,0)+IF(Input!$K$15=4,L3823*Input!$J$15,0)+IF(Input!$K$16=4,M3823*Input!$J$16,0)</f>
        <v>0</v>
      </c>
    </row>
    <row r="3824" spans="8:17" x14ac:dyDescent="0.25">
      <c r="H3824" s="43">
        <v>3817</v>
      </c>
      <c r="I3824" s="55">
        <f>Bühler!I3850</f>
        <v>0.19419787186445581</v>
      </c>
      <c r="J3824" s="58">
        <f>Bühler!J3850</f>
        <v>10.858496671445767</v>
      </c>
      <c r="K3824" s="58">
        <f>Bühler!K3850</f>
        <v>0.88418567622759991</v>
      </c>
      <c r="L3824" s="58">
        <f>Bühler!L3850</f>
        <v>0.44209283811379996</v>
      </c>
      <c r="M3824" s="57">
        <f>Bühler!M3850</f>
        <v>0</v>
      </c>
      <c r="N3824" s="55">
        <f>IF(Input!$K$13=1,J3824*Input!$J$13,0)+IF(Input!$K$14=1,K3824*Input!$J$14,0)+IF(Input!$K$15=1,L3824*Input!$J$15,0)+IF(Input!$K$16=1,M3824*Input!$J$16,0)</f>
        <v>1.303019600573492</v>
      </c>
      <c r="O3824" s="58">
        <f>IF(Input!$K$13=2,J3824*Input!$J$13,0)+IF(Input!$K$14=2,K3824*Input!$J$14,0)+IF(Input!$K$15=2,L3824*Input!$J$15,0)+IF(Input!$K$16=2,M3824*Input!$J$16,0)</f>
        <v>0.11936506629072599</v>
      </c>
      <c r="P3824" s="58">
        <f>IF(Input!$K$13=3,J3824*Input!$J$13,0)+IF(Input!$K$14=3,K3824*Input!$J$14,0)+IF(Input!$K$15=3,L3824*Input!$J$15,0)+IF(Input!$K$16=3,M3824*Input!$J$16,0)</f>
        <v>0</v>
      </c>
      <c r="Q3824" s="71">
        <f>IF(Input!$K$13=4,J3824*Input!$J$13,0)+IF(Input!$K$14=4,K3824*Input!$J$14,0)+IF(Input!$K$15=4,L3824*Input!$J$15,0)+IF(Input!$K$16=4,M3824*Input!$J$16,0)</f>
        <v>0</v>
      </c>
    </row>
    <row r="3825" spans="8:17" x14ac:dyDescent="0.25">
      <c r="H3825" s="43">
        <v>3818</v>
      </c>
      <c r="I3825" s="55">
        <f>Bühler!I3851</f>
        <v>0.19419787186445581</v>
      </c>
      <c r="J3825" s="58">
        <f>Bühler!J3851</f>
        <v>6.6637844482123159</v>
      </c>
      <c r="K3825" s="58">
        <f>Bühler!K3851</f>
        <v>0.53587010680460612</v>
      </c>
      <c r="L3825" s="58">
        <f>Bühler!L3851</f>
        <v>0.26793505340230306</v>
      </c>
      <c r="M3825" s="57">
        <f>Bühler!M3851</f>
        <v>0</v>
      </c>
      <c r="N3825" s="55">
        <f>IF(Input!$K$13=1,J3825*Input!$J$13,0)+IF(Input!$K$14=1,K3825*Input!$J$14,0)+IF(Input!$K$15=1,L3825*Input!$J$15,0)+IF(Input!$K$16=1,M3825*Input!$J$16,0)</f>
        <v>0.79965413378547789</v>
      </c>
      <c r="O3825" s="58">
        <f>IF(Input!$K$13=2,J3825*Input!$J$13,0)+IF(Input!$K$14=2,K3825*Input!$J$14,0)+IF(Input!$K$15=2,L3825*Input!$J$15,0)+IF(Input!$K$16=2,M3825*Input!$J$16,0)</f>
        <v>7.2342464418621827E-2</v>
      </c>
      <c r="P3825" s="58">
        <f>IF(Input!$K$13=3,J3825*Input!$J$13,0)+IF(Input!$K$14=3,K3825*Input!$J$14,0)+IF(Input!$K$15=3,L3825*Input!$J$15,0)+IF(Input!$K$16=3,M3825*Input!$J$16,0)</f>
        <v>0</v>
      </c>
      <c r="Q3825" s="71">
        <f>IF(Input!$K$13=4,J3825*Input!$J$13,0)+IF(Input!$K$14=4,K3825*Input!$J$14,0)+IF(Input!$K$15=4,L3825*Input!$J$15,0)+IF(Input!$K$16=4,M3825*Input!$J$16,0)</f>
        <v>0</v>
      </c>
    </row>
    <row r="3826" spans="8:17" x14ac:dyDescent="0.25">
      <c r="H3826" s="43">
        <v>3819</v>
      </c>
      <c r="I3826" s="55">
        <f>Bühler!I3852</f>
        <v>0.19419787186445581</v>
      </c>
      <c r="J3826" s="58">
        <f>Bühler!J3852</f>
        <v>6.6637844482123159</v>
      </c>
      <c r="K3826" s="58">
        <f>Bühler!K3852</f>
        <v>0.53587010680460612</v>
      </c>
      <c r="L3826" s="58">
        <f>Bühler!L3852</f>
        <v>0.26793505340230306</v>
      </c>
      <c r="M3826" s="57">
        <f>Bühler!M3852</f>
        <v>0</v>
      </c>
      <c r="N3826" s="55">
        <f>IF(Input!$K$13=1,J3826*Input!$J$13,0)+IF(Input!$K$14=1,K3826*Input!$J$14,0)+IF(Input!$K$15=1,L3826*Input!$J$15,0)+IF(Input!$K$16=1,M3826*Input!$J$16,0)</f>
        <v>0.79965413378547789</v>
      </c>
      <c r="O3826" s="58">
        <f>IF(Input!$K$13=2,J3826*Input!$J$13,0)+IF(Input!$K$14=2,K3826*Input!$J$14,0)+IF(Input!$K$15=2,L3826*Input!$J$15,0)+IF(Input!$K$16=2,M3826*Input!$J$16,0)</f>
        <v>7.2342464418621827E-2</v>
      </c>
      <c r="P3826" s="58">
        <f>IF(Input!$K$13=3,J3826*Input!$J$13,0)+IF(Input!$K$14=3,K3826*Input!$J$14,0)+IF(Input!$K$15=3,L3826*Input!$J$15,0)+IF(Input!$K$16=3,M3826*Input!$J$16,0)</f>
        <v>0</v>
      </c>
      <c r="Q3826" s="71">
        <f>IF(Input!$K$13=4,J3826*Input!$J$13,0)+IF(Input!$K$14=4,K3826*Input!$J$14,0)+IF(Input!$K$15=4,L3826*Input!$J$15,0)+IF(Input!$K$16=4,M3826*Input!$J$16,0)</f>
        <v>0</v>
      </c>
    </row>
    <row r="3827" spans="8:17" x14ac:dyDescent="0.25">
      <c r="H3827" s="43">
        <v>3820</v>
      </c>
      <c r="I3827" s="55">
        <f>Bühler!I3853</f>
        <v>0.19419787186445581</v>
      </c>
      <c r="J3827" s="58">
        <f>Bühler!J3853</f>
        <v>6.6637844482123159</v>
      </c>
      <c r="K3827" s="58">
        <f>Bühler!K3853</f>
        <v>0.53587010680460612</v>
      </c>
      <c r="L3827" s="58">
        <f>Bühler!L3853</f>
        <v>0.26793505340230306</v>
      </c>
      <c r="M3827" s="57">
        <f>Bühler!M3853</f>
        <v>0</v>
      </c>
      <c r="N3827" s="55">
        <f>IF(Input!$K$13=1,J3827*Input!$J$13,0)+IF(Input!$K$14=1,K3827*Input!$J$14,0)+IF(Input!$K$15=1,L3827*Input!$J$15,0)+IF(Input!$K$16=1,M3827*Input!$J$16,0)</f>
        <v>0.79965413378547789</v>
      </c>
      <c r="O3827" s="58">
        <f>IF(Input!$K$13=2,J3827*Input!$J$13,0)+IF(Input!$K$14=2,K3827*Input!$J$14,0)+IF(Input!$K$15=2,L3827*Input!$J$15,0)+IF(Input!$K$16=2,M3827*Input!$J$16,0)</f>
        <v>7.2342464418621827E-2</v>
      </c>
      <c r="P3827" s="58">
        <f>IF(Input!$K$13=3,J3827*Input!$J$13,0)+IF(Input!$K$14=3,K3827*Input!$J$14,0)+IF(Input!$K$15=3,L3827*Input!$J$15,0)+IF(Input!$K$16=3,M3827*Input!$J$16,0)</f>
        <v>0</v>
      </c>
      <c r="Q3827" s="71">
        <f>IF(Input!$K$13=4,J3827*Input!$J$13,0)+IF(Input!$K$14=4,K3827*Input!$J$14,0)+IF(Input!$K$15=4,L3827*Input!$J$15,0)+IF(Input!$K$16=4,M3827*Input!$J$16,0)</f>
        <v>0</v>
      </c>
    </row>
    <row r="3828" spans="8:17" x14ac:dyDescent="0.25">
      <c r="H3828" s="43">
        <v>3821</v>
      </c>
      <c r="I3828" s="55">
        <f>Bühler!I3854</f>
        <v>0.19419787186445581</v>
      </c>
      <c r="J3828" s="58">
        <f>Bühler!J3854</f>
        <v>6.6637844482123159</v>
      </c>
      <c r="K3828" s="58">
        <f>Bühler!K3854</f>
        <v>0.53587010680460612</v>
      </c>
      <c r="L3828" s="58">
        <f>Bühler!L3854</f>
        <v>0.26793505340230306</v>
      </c>
      <c r="M3828" s="57">
        <f>Bühler!M3854</f>
        <v>0</v>
      </c>
      <c r="N3828" s="55">
        <f>IF(Input!$K$13=1,J3828*Input!$J$13,0)+IF(Input!$K$14=1,K3828*Input!$J$14,0)+IF(Input!$K$15=1,L3828*Input!$J$15,0)+IF(Input!$K$16=1,M3828*Input!$J$16,0)</f>
        <v>0.79965413378547789</v>
      </c>
      <c r="O3828" s="58">
        <f>IF(Input!$K$13=2,J3828*Input!$J$13,0)+IF(Input!$K$14=2,K3828*Input!$J$14,0)+IF(Input!$K$15=2,L3828*Input!$J$15,0)+IF(Input!$K$16=2,M3828*Input!$J$16,0)</f>
        <v>7.2342464418621827E-2</v>
      </c>
      <c r="P3828" s="58">
        <f>IF(Input!$K$13=3,J3828*Input!$J$13,0)+IF(Input!$K$14=3,K3828*Input!$J$14,0)+IF(Input!$K$15=3,L3828*Input!$J$15,0)+IF(Input!$K$16=3,M3828*Input!$J$16,0)</f>
        <v>0</v>
      </c>
      <c r="Q3828" s="71">
        <f>IF(Input!$K$13=4,J3828*Input!$J$13,0)+IF(Input!$K$14=4,K3828*Input!$J$14,0)+IF(Input!$K$15=4,L3828*Input!$J$15,0)+IF(Input!$K$16=4,M3828*Input!$J$16,0)</f>
        <v>0</v>
      </c>
    </row>
    <row r="3829" spans="8:17" x14ac:dyDescent="0.25">
      <c r="H3829" s="43">
        <v>3822</v>
      </c>
      <c r="I3829" s="55">
        <f>Bühler!I3855</f>
        <v>0.19419787186445581</v>
      </c>
      <c r="J3829" s="58">
        <f>Bühler!J3855</f>
        <v>6.6637844482123159</v>
      </c>
      <c r="K3829" s="58">
        <f>Bühler!K3855</f>
        <v>0.53587010680460612</v>
      </c>
      <c r="L3829" s="58">
        <f>Bühler!L3855</f>
        <v>0.26793505340230306</v>
      </c>
      <c r="M3829" s="57">
        <f>Bühler!M3855</f>
        <v>0</v>
      </c>
      <c r="N3829" s="55">
        <f>IF(Input!$K$13=1,J3829*Input!$J$13,0)+IF(Input!$K$14=1,K3829*Input!$J$14,0)+IF(Input!$K$15=1,L3829*Input!$J$15,0)+IF(Input!$K$16=1,M3829*Input!$J$16,0)</f>
        <v>0.79965413378547789</v>
      </c>
      <c r="O3829" s="58">
        <f>IF(Input!$K$13=2,J3829*Input!$J$13,0)+IF(Input!$K$14=2,K3829*Input!$J$14,0)+IF(Input!$K$15=2,L3829*Input!$J$15,0)+IF(Input!$K$16=2,M3829*Input!$J$16,0)</f>
        <v>7.2342464418621827E-2</v>
      </c>
      <c r="P3829" s="58">
        <f>IF(Input!$K$13=3,J3829*Input!$J$13,0)+IF(Input!$K$14=3,K3829*Input!$J$14,0)+IF(Input!$K$15=3,L3829*Input!$J$15,0)+IF(Input!$K$16=3,M3829*Input!$J$16,0)</f>
        <v>0</v>
      </c>
      <c r="Q3829" s="71">
        <f>IF(Input!$K$13=4,J3829*Input!$J$13,0)+IF(Input!$K$14=4,K3829*Input!$J$14,0)+IF(Input!$K$15=4,L3829*Input!$J$15,0)+IF(Input!$K$16=4,M3829*Input!$J$16,0)</f>
        <v>0</v>
      </c>
    </row>
    <row r="3830" spans="8:17" x14ac:dyDescent="0.25">
      <c r="H3830" s="43">
        <v>3823</v>
      </c>
      <c r="I3830" s="55">
        <f>Bühler!I3856</f>
        <v>0.19419787186445581</v>
      </c>
      <c r="J3830" s="58">
        <f>Bühler!J3856</f>
        <v>6.6637844482123159</v>
      </c>
      <c r="K3830" s="58">
        <f>Bühler!K3856</f>
        <v>0.53587010680460612</v>
      </c>
      <c r="L3830" s="58">
        <f>Bühler!L3856</f>
        <v>0.26793505340230306</v>
      </c>
      <c r="M3830" s="57">
        <f>Bühler!M3856</f>
        <v>0</v>
      </c>
      <c r="N3830" s="55">
        <f>IF(Input!$K$13=1,J3830*Input!$J$13,0)+IF(Input!$K$14=1,K3830*Input!$J$14,0)+IF(Input!$K$15=1,L3830*Input!$J$15,0)+IF(Input!$K$16=1,M3830*Input!$J$16,0)</f>
        <v>0.79965413378547789</v>
      </c>
      <c r="O3830" s="58">
        <f>IF(Input!$K$13=2,J3830*Input!$J$13,0)+IF(Input!$K$14=2,K3830*Input!$J$14,0)+IF(Input!$K$15=2,L3830*Input!$J$15,0)+IF(Input!$K$16=2,M3830*Input!$J$16,0)</f>
        <v>7.2342464418621827E-2</v>
      </c>
      <c r="P3830" s="58">
        <f>IF(Input!$K$13=3,J3830*Input!$J$13,0)+IF(Input!$K$14=3,K3830*Input!$J$14,0)+IF(Input!$K$15=3,L3830*Input!$J$15,0)+IF(Input!$K$16=3,M3830*Input!$J$16,0)</f>
        <v>0</v>
      </c>
      <c r="Q3830" s="71">
        <f>IF(Input!$K$13=4,J3830*Input!$J$13,0)+IF(Input!$K$14=4,K3830*Input!$J$14,0)+IF(Input!$K$15=4,L3830*Input!$J$15,0)+IF(Input!$K$16=4,M3830*Input!$J$16,0)</f>
        <v>0</v>
      </c>
    </row>
    <row r="3831" spans="8:17" x14ac:dyDescent="0.25">
      <c r="H3831" s="43">
        <v>3824</v>
      </c>
      <c r="I3831" s="55">
        <f>Bühler!I3857</f>
        <v>0.52621358827788023</v>
      </c>
      <c r="J3831" s="58">
        <f>Bühler!J3857</f>
        <v>28.061563291364369</v>
      </c>
      <c r="K3831" s="58">
        <f>Bühler!K3857</f>
        <v>2.2828066549876218</v>
      </c>
      <c r="L3831" s="58">
        <f>Bühler!L3857</f>
        <v>1.1414033274938109</v>
      </c>
      <c r="M3831" s="57">
        <f>Bühler!M3857</f>
        <v>0</v>
      </c>
      <c r="N3831" s="55">
        <f>IF(Input!$K$13=1,J3831*Input!$J$13,0)+IF(Input!$K$14=1,K3831*Input!$J$14,0)+IF(Input!$K$15=1,L3831*Input!$J$15,0)+IF(Input!$K$16=1,M3831*Input!$J$16,0)</f>
        <v>3.367387594963724</v>
      </c>
      <c r="O3831" s="58">
        <f>IF(Input!$K$13=2,J3831*Input!$J$13,0)+IF(Input!$K$14=2,K3831*Input!$J$14,0)+IF(Input!$K$15=2,L3831*Input!$J$15,0)+IF(Input!$K$16=2,M3831*Input!$J$16,0)</f>
        <v>0.30817889842332891</v>
      </c>
      <c r="P3831" s="58">
        <f>IF(Input!$K$13=3,J3831*Input!$J$13,0)+IF(Input!$K$14=3,K3831*Input!$J$14,0)+IF(Input!$K$15=3,L3831*Input!$J$15,0)+IF(Input!$K$16=3,M3831*Input!$J$16,0)</f>
        <v>0</v>
      </c>
      <c r="Q3831" s="71">
        <f>IF(Input!$K$13=4,J3831*Input!$J$13,0)+IF(Input!$K$14=4,K3831*Input!$J$14,0)+IF(Input!$K$15=4,L3831*Input!$J$15,0)+IF(Input!$K$16=4,M3831*Input!$J$16,0)</f>
        <v>0</v>
      </c>
    </row>
    <row r="3832" spans="8:17" x14ac:dyDescent="0.25">
      <c r="H3832" s="43">
        <v>3825</v>
      </c>
      <c r="I3832" s="55">
        <f>Bühler!I3858</f>
        <v>0.65776698534735023</v>
      </c>
      <c r="J3832" s="58">
        <f>Bühler!J3858</f>
        <v>35.076954114205463</v>
      </c>
      <c r="K3832" s="58">
        <f>Bühler!K3858</f>
        <v>2.8535083187345269</v>
      </c>
      <c r="L3832" s="58">
        <f>Bühler!L3858</f>
        <v>1.4267541593672635</v>
      </c>
      <c r="M3832" s="57">
        <f>Bühler!M3858</f>
        <v>0</v>
      </c>
      <c r="N3832" s="55">
        <f>IF(Input!$K$13=1,J3832*Input!$J$13,0)+IF(Input!$K$14=1,K3832*Input!$J$14,0)+IF(Input!$K$15=1,L3832*Input!$J$15,0)+IF(Input!$K$16=1,M3832*Input!$J$16,0)</f>
        <v>4.2092344937046553</v>
      </c>
      <c r="O3832" s="58">
        <f>IF(Input!$K$13=2,J3832*Input!$J$13,0)+IF(Input!$K$14=2,K3832*Input!$J$14,0)+IF(Input!$K$15=2,L3832*Input!$J$15,0)+IF(Input!$K$16=2,M3832*Input!$J$16,0)</f>
        <v>0.38522362302916113</v>
      </c>
      <c r="P3832" s="58">
        <f>IF(Input!$K$13=3,J3832*Input!$J$13,0)+IF(Input!$K$14=3,K3832*Input!$J$14,0)+IF(Input!$K$15=3,L3832*Input!$J$15,0)+IF(Input!$K$16=3,M3832*Input!$J$16,0)</f>
        <v>0</v>
      </c>
      <c r="Q3832" s="71">
        <f>IF(Input!$K$13=4,J3832*Input!$J$13,0)+IF(Input!$K$14=4,K3832*Input!$J$14,0)+IF(Input!$K$15=4,L3832*Input!$J$15,0)+IF(Input!$K$16=4,M3832*Input!$J$16,0)</f>
        <v>0</v>
      </c>
    </row>
    <row r="3833" spans="8:17" x14ac:dyDescent="0.25">
      <c r="H3833" s="43">
        <v>3826</v>
      </c>
      <c r="I3833" s="55">
        <f>Bühler!I3859</f>
        <v>0.72354368388208523</v>
      </c>
      <c r="J3833" s="58">
        <f>Bühler!J3859</f>
        <v>38.584649525626006</v>
      </c>
      <c r="K3833" s="58">
        <f>Bühler!K3859</f>
        <v>3.1388591506079795</v>
      </c>
      <c r="L3833" s="58">
        <f>Bühler!L3859</f>
        <v>1.5694295753039897</v>
      </c>
      <c r="M3833" s="57">
        <f>Bühler!M3859</f>
        <v>0</v>
      </c>
      <c r="N3833" s="55">
        <f>IF(Input!$K$13=1,J3833*Input!$J$13,0)+IF(Input!$K$14=1,K3833*Input!$J$14,0)+IF(Input!$K$15=1,L3833*Input!$J$15,0)+IF(Input!$K$16=1,M3833*Input!$J$16,0)</f>
        <v>4.6301579430751207</v>
      </c>
      <c r="O3833" s="58">
        <f>IF(Input!$K$13=2,J3833*Input!$J$13,0)+IF(Input!$K$14=2,K3833*Input!$J$14,0)+IF(Input!$K$15=2,L3833*Input!$J$15,0)+IF(Input!$K$16=2,M3833*Input!$J$16,0)</f>
        <v>0.42374598533207719</v>
      </c>
      <c r="P3833" s="58">
        <f>IF(Input!$K$13=3,J3833*Input!$J$13,0)+IF(Input!$K$14=3,K3833*Input!$J$14,0)+IF(Input!$K$15=3,L3833*Input!$J$15,0)+IF(Input!$K$16=3,M3833*Input!$J$16,0)</f>
        <v>0</v>
      </c>
      <c r="Q3833" s="71">
        <f>IF(Input!$K$13=4,J3833*Input!$J$13,0)+IF(Input!$K$14=4,K3833*Input!$J$14,0)+IF(Input!$K$15=4,L3833*Input!$J$15,0)+IF(Input!$K$16=4,M3833*Input!$J$16,0)</f>
        <v>0</v>
      </c>
    </row>
    <row r="3834" spans="8:17" x14ac:dyDescent="0.25">
      <c r="H3834" s="43">
        <v>3827</v>
      </c>
      <c r="I3834" s="55">
        <f>Bühler!I3860</f>
        <v>0.72354368388208523</v>
      </c>
      <c r="J3834" s="58">
        <f>Bühler!J3860</f>
        <v>38.584649525626006</v>
      </c>
      <c r="K3834" s="58">
        <f>Bühler!K3860</f>
        <v>3.1388591506079795</v>
      </c>
      <c r="L3834" s="58">
        <f>Bühler!L3860</f>
        <v>1.5694295753039897</v>
      </c>
      <c r="M3834" s="57">
        <f>Bühler!M3860</f>
        <v>0</v>
      </c>
      <c r="N3834" s="55">
        <f>IF(Input!$K$13=1,J3834*Input!$J$13,0)+IF(Input!$K$14=1,K3834*Input!$J$14,0)+IF(Input!$K$15=1,L3834*Input!$J$15,0)+IF(Input!$K$16=1,M3834*Input!$J$16,0)</f>
        <v>4.6301579430751207</v>
      </c>
      <c r="O3834" s="58">
        <f>IF(Input!$K$13=2,J3834*Input!$J$13,0)+IF(Input!$K$14=2,K3834*Input!$J$14,0)+IF(Input!$K$15=2,L3834*Input!$J$15,0)+IF(Input!$K$16=2,M3834*Input!$J$16,0)</f>
        <v>0.42374598533207719</v>
      </c>
      <c r="P3834" s="58">
        <f>IF(Input!$K$13=3,J3834*Input!$J$13,0)+IF(Input!$K$14=3,K3834*Input!$J$14,0)+IF(Input!$K$15=3,L3834*Input!$J$15,0)+IF(Input!$K$16=3,M3834*Input!$J$16,0)</f>
        <v>0</v>
      </c>
      <c r="Q3834" s="71">
        <f>IF(Input!$K$13=4,J3834*Input!$J$13,0)+IF(Input!$K$14=4,K3834*Input!$J$14,0)+IF(Input!$K$15=4,L3834*Input!$J$15,0)+IF(Input!$K$16=4,M3834*Input!$J$16,0)</f>
        <v>0</v>
      </c>
    </row>
    <row r="3835" spans="8:17" x14ac:dyDescent="0.25">
      <c r="H3835" s="43">
        <v>3828</v>
      </c>
      <c r="I3835" s="55">
        <f>Bühler!I3861</f>
        <v>0.85509708095155545</v>
      </c>
      <c r="J3835" s="58">
        <f>Bühler!J3861</f>
        <v>45.600040348467104</v>
      </c>
      <c r="K3835" s="58">
        <f>Bühler!K3861</f>
        <v>3.709560814354885</v>
      </c>
      <c r="L3835" s="58">
        <f>Bühler!L3861</f>
        <v>1.8547804071774425</v>
      </c>
      <c r="M3835" s="57">
        <f>Bühler!M3861</f>
        <v>0</v>
      </c>
      <c r="N3835" s="55">
        <f>IF(Input!$K$13=1,J3835*Input!$J$13,0)+IF(Input!$K$14=1,K3835*Input!$J$14,0)+IF(Input!$K$15=1,L3835*Input!$J$15,0)+IF(Input!$K$16=1,M3835*Input!$J$16,0)</f>
        <v>5.4720048418160525</v>
      </c>
      <c r="O3835" s="58">
        <f>IF(Input!$K$13=2,J3835*Input!$J$13,0)+IF(Input!$K$14=2,K3835*Input!$J$14,0)+IF(Input!$K$15=2,L3835*Input!$J$15,0)+IF(Input!$K$16=2,M3835*Input!$J$16,0)</f>
        <v>0.50079070993790942</v>
      </c>
      <c r="P3835" s="58">
        <f>IF(Input!$K$13=3,J3835*Input!$J$13,0)+IF(Input!$K$14=3,K3835*Input!$J$14,0)+IF(Input!$K$15=3,L3835*Input!$J$15,0)+IF(Input!$K$16=3,M3835*Input!$J$16,0)</f>
        <v>0</v>
      </c>
      <c r="Q3835" s="71">
        <f>IF(Input!$K$13=4,J3835*Input!$J$13,0)+IF(Input!$K$14=4,K3835*Input!$J$14,0)+IF(Input!$K$15=4,L3835*Input!$J$15,0)+IF(Input!$K$16=4,M3835*Input!$J$16,0)</f>
        <v>0</v>
      </c>
    </row>
    <row r="3836" spans="8:17" x14ac:dyDescent="0.25">
      <c r="H3836" s="43">
        <v>3829</v>
      </c>
      <c r="I3836" s="55">
        <f>Bühler!I3862</f>
        <v>0.85509708095155545</v>
      </c>
      <c r="J3836" s="58">
        <f>Bühler!J3862</f>
        <v>45.600040348467104</v>
      </c>
      <c r="K3836" s="58">
        <f>Bühler!K3862</f>
        <v>3.709560814354885</v>
      </c>
      <c r="L3836" s="58">
        <f>Bühler!L3862</f>
        <v>1.8547804071774425</v>
      </c>
      <c r="M3836" s="57">
        <f>Bühler!M3862</f>
        <v>0</v>
      </c>
      <c r="N3836" s="55">
        <f>IF(Input!$K$13=1,J3836*Input!$J$13,0)+IF(Input!$K$14=1,K3836*Input!$J$14,0)+IF(Input!$K$15=1,L3836*Input!$J$15,0)+IF(Input!$K$16=1,M3836*Input!$J$16,0)</f>
        <v>5.4720048418160525</v>
      </c>
      <c r="O3836" s="58">
        <f>IF(Input!$K$13=2,J3836*Input!$J$13,0)+IF(Input!$K$14=2,K3836*Input!$J$14,0)+IF(Input!$K$15=2,L3836*Input!$J$15,0)+IF(Input!$K$16=2,M3836*Input!$J$16,0)</f>
        <v>0.50079070993790942</v>
      </c>
      <c r="P3836" s="58">
        <f>IF(Input!$K$13=3,J3836*Input!$J$13,0)+IF(Input!$K$14=3,K3836*Input!$J$14,0)+IF(Input!$K$15=3,L3836*Input!$J$15,0)+IF(Input!$K$16=3,M3836*Input!$J$16,0)</f>
        <v>0</v>
      </c>
      <c r="Q3836" s="71">
        <f>IF(Input!$K$13=4,J3836*Input!$J$13,0)+IF(Input!$K$14=4,K3836*Input!$J$14,0)+IF(Input!$K$15=4,L3836*Input!$J$15,0)+IF(Input!$K$16=4,M3836*Input!$J$16,0)</f>
        <v>0</v>
      </c>
    </row>
    <row r="3837" spans="8:17" x14ac:dyDescent="0.25">
      <c r="H3837" s="43">
        <v>3830</v>
      </c>
      <c r="I3837" s="55">
        <f>Bühler!I3863</f>
        <v>0.59199028681261534</v>
      </c>
      <c r="J3837" s="58">
        <f>Bühler!J3863</f>
        <v>31.569258702784914</v>
      </c>
      <c r="K3837" s="58">
        <f>Bühler!K3863</f>
        <v>2.5681574868610744</v>
      </c>
      <c r="L3837" s="58">
        <f>Bühler!L3863</f>
        <v>1.2840787434305372</v>
      </c>
      <c r="M3837" s="57">
        <f>Bühler!M3863</f>
        <v>0</v>
      </c>
      <c r="N3837" s="55">
        <f>IF(Input!$K$13=1,J3837*Input!$J$13,0)+IF(Input!$K$14=1,K3837*Input!$J$14,0)+IF(Input!$K$15=1,L3837*Input!$J$15,0)+IF(Input!$K$16=1,M3837*Input!$J$16,0)</f>
        <v>3.7883110443341894</v>
      </c>
      <c r="O3837" s="58">
        <f>IF(Input!$K$13=2,J3837*Input!$J$13,0)+IF(Input!$K$14=2,K3837*Input!$J$14,0)+IF(Input!$K$15=2,L3837*Input!$J$15,0)+IF(Input!$K$16=2,M3837*Input!$J$16,0)</f>
        <v>0.34670126072624502</v>
      </c>
      <c r="P3837" s="58">
        <f>IF(Input!$K$13=3,J3837*Input!$J$13,0)+IF(Input!$K$14=3,K3837*Input!$J$14,0)+IF(Input!$K$15=3,L3837*Input!$J$15,0)+IF(Input!$K$16=3,M3837*Input!$J$16,0)</f>
        <v>0</v>
      </c>
      <c r="Q3837" s="71">
        <f>IF(Input!$K$13=4,J3837*Input!$J$13,0)+IF(Input!$K$14=4,K3837*Input!$J$14,0)+IF(Input!$K$15=4,L3837*Input!$J$15,0)+IF(Input!$K$16=4,M3837*Input!$J$16,0)</f>
        <v>0</v>
      </c>
    </row>
    <row r="3838" spans="8:17" x14ac:dyDescent="0.25">
      <c r="H3838" s="43">
        <v>3831</v>
      </c>
      <c r="I3838" s="55">
        <f>Bühler!I3864</f>
        <v>0.85509708095155545</v>
      </c>
      <c r="J3838" s="58">
        <f>Bühler!J3864</f>
        <v>45.600040348467104</v>
      </c>
      <c r="K3838" s="58">
        <f>Bühler!K3864</f>
        <v>3.709560814354885</v>
      </c>
      <c r="L3838" s="58">
        <f>Bühler!L3864</f>
        <v>1.8547804071774425</v>
      </c>
      <c r="M3838" s="57">
        <f>Bühler!M3864</f>
        <v>0</v>
      </c>
      <c r="N3838" s="55">
        <f>IF(Input!$K$13=1,J3838*Input!$J$13,0)+IF(Input!$K$14=1,K3838*Input!$J$14,0)+IF(Input!$K$15=1,L3838*Input!$J$15,0)+IF(Input!$K$16=1,M3838*Input!$J$16,0)</f>
        <v>5.4720048418160525</v>
      </c>
      <c r="O3838" s="58">
        <f>IF(Input!$K$13=2,J3838*Input!$J$13,0)+IF(Input!$K$14=2,K3838*Input!$J$14,0)+IF(Input!$K$15=2,L3838*Input!$J$15,0)+IF(Input!$K$16=2,M3838*Input!$J$16,0)</f>
        <v>0.50079070993790942</v>
      </c>
      <c r="P3838" s="58">
        <f>IF(Input!$K$13=3,J3838*Input!$J$13,0)+IF(Input!$K$14=3,K3838*Input!$J$14,0)+IF(Input!$K$15=3,L3838*Input!$J$15,0)+IF(Input!$K$16=3,M3838*Input!$J$16,0)</f>
        <v>0</v>
      </c>
      <c r="Q3838" s="71">
        <f>IF(Input!$K$13=4,J3838*Input!$J$13,0)+IF(Input!$K$14=4,K3838*Input!$J$14,0)+IF(Input!$K$15=4,L3838*Input!$J$15,0)+IF(Input!$K$16=4,M3838*Input!$J$16,0)</f>
        <v>0</v>
      </c>
    </row>
    <row r="3839" spans="8:17" x14ac:dyDescent="0.25">
      <c r="H3839" s="43">
        <v>3832</v>
      </c>
      <c r="I3839" s="55">
        <f>Bühler!I3865</f>
        <v>0.72354368388208523</v>
      </c>
      <c r="J3839" s="58">
        <f>Bühler!J3865</f>
        <v>35.148212204284761</v>
      </c>
      <c r="K3839" s="58">
        <f>Bühler!K3865</f>
        <v>2.8535083187345269</v>
      </c>
      <c r="L3839" s="58">
        <f>Bühler!L3865</f>
        <v>1.4267541593672635</v>
      </c>
      <c r="M3839" s="57">
        <f>Bühler!M3865</f>
        <v>0</v>
      </c>
      <c r="N3839" s="55">
        <f>IF(Input!$K$13=1,J3839*Input!$J$13,0)+IF(Input!$K$14=1,K3839*Input!$J$14,0)+IF(Input!$K$15=1,L3839*Input!$J$15,0)+IF(Input!$K$16=1,M3839*Input!$J$16,0)</f>
        <v>4.2177854645141712</v>
      </c>
      <c r="O3839" s="58">
        <f>IF(Input!$K$13=2,J3839*Input!$J$13,0)+IF(Input!$K$14=2,K3839*Input!$J$14,0)+IF(Input!$K$15=2,L3839*Input!$J$15,0)+IF(Input!$K$16=2,M3839*Input!$J$16,0)</f>
        <v>0.38522362302916113</v>
      </c>
      <c r="P3839" s="58">
        <f>IF(Input!$K$13=3,J3839*Input!$J$13,0)+IF(Input!$K$14=3,K3839*Input!$J$14,0)+IF(Input!$K$15=3,L3839*Input!$J$15,0)+IF(Input!$K$16=3,M3839*Input!$J$16,0)</f>
        <v>0</v>
      </c>
      <c r="Q3839" s="71">
        <f>IF(Input!$K$13=4,J3839*Input!$J$13,0)+IF(Input!$K$14=4,K3839*Input!$J$14,0)+IF(Input!$K$15=4,L3839*Input!$J$15,0)+IF(Input!$K$16=4,M3839*Input!$J$16,0)</f>
        <v>0</v>
      </c>
    </row>
    <row r="3840" spans="8:17" x14ac:dyDescent="0.25">
      <c r="H3840" s="43">
        <v>3833</v>
      </c>
      <c r="I3840" s="55">
        <f>Bühler!I3866</f>
        <v>0.62644474794985738</v>
      </c>
      <c r="J3840" s="58">
        <f>Bühler!J3866</f>
        <v>16.812157027843565</v>
      </c>
      <c r="K3840" s="58">
        <f>Bühler!K3866</f>
        <v>1.3396752670115151</v>
      </c>
      <c r="L3840" s="58">
        <f>Bühler!L3866</f>
        <v>0.66983763350575753</v>
      </c>
      <c r="M3840" s="57">
        <f>Bühler!M3866</f>
        <v>0</v>
      </c>
      <c r="N3840" s="55">
        <f>IF(Input!$K$13=1,J3840*Input!$J$13,0)+IF(Input!$K$14=1,K3840*Input!$J$14,0)+IF(Input!$K$15=1,L3840*Input!$J$15,0)+IF(Input!$K$16=1,M3840*Input!$J$16,0)</f>
        <v>2.0174588433412275</v>
      </c>
      <c r="O3840" s="58">
        <f>IF(Input!$K$13=2,J3840*Input!$J$13,0)+IF(Input!$K$14=2,K3840*Input!$J$14,0)+IF(Input!$K$15=2,L3840*Input!$J$15,0)+IF(Input!$K$16=2,M3840*Input!$J$16,0)</f>
        <v>0.18085616104655455</v>
      </c>
      <c r="P3840" s="58">
        <f>IF(Input!$K$13=3,J3840*Input!$J$13,0)+IF(Input!$K$14=3,K3840*Input!$J$14,0)+IF(Input!$K$15=3,L3840*Input!$J$15,0)+IF(Input!$K$16=3,M3840*Input!$J$16,0)</f>
        <v>0</v>
      </c>
      <c r="Q3840" s="71">
        <f>IF(Input!$K$13=4,J3840*Input!$J$13,0)+IF(Input!$K$14=4,K3840*Input!$J$14,0)+IF(Input!$K$15=4,L3840*Input!$J$15,0)+IF(Input!$K$16=4,M3840*Input!$J$16,0)</f>
        <v>0</v>
      </c>
    </row>
    <row r="3841" spans="8:17" x14ac:dyDescent="0.25">
      <c r="H3841" s="43">
        <v>3834</v>
      </c>
      <c r="I3841" s="55">
        <f>Bühler!I3867</f>
        <v>0.52621358827788023</v>
      </c>
      <c r="J3841" s="58">
        <f>Bühler!J3867</f>
        <v>11.218180364226976</v>
      </c>
      <c r="K3841" s="58">
        <f>Bühler!K3867</f>
        <v>0.88418567622759991</v>
      </c>
      <c r="L3841" s="58">
        <f>Bühler!L3867</f>
        <v>0.44209283811379996</v>
      </c>
      <c r="M3841" s="57">
        <f>Bühler!M3867</f>
        <v>0</v>
      </c>
      <c r="N3841" s="55">
        <f>IF(Input!$K$13=1,J3841*Input!$J$13,0)+IF(Input!$K$14=1,K3841*Input!$J$14,0)+IF(Input!$K$15=1,L3841*Input!$J$15,0)+IF(Input!$K$16=1,M3841*Input!$J$16,0)</f>
        <v>1.3461816437072371</v>
      </c>
      <c r="O3841" s="58">
        <f>IF(Input!$K$13=2,J3841*Input!$J$13,0)+IF(Input!$K$14=2,K3841*Input!$J$14,0)+IF(Input!$K$15=2,L3841*Input!$J$15,0)+IF(Input!$K$16=2,M3841*Input!$J$16,0)</f>
        <v>0.11936506629072599</v>
      </c>
      <c r="P3841" s="58">
        <f>IF(Input!$K$13=3,J3841*Input!$J$13,0)+IF(Input!$K$14=3,K3841*Input!$J$14,0)+IF(Input!$K$15=3,L3841*Input!$J$15,0)+IF(Input!$K$16=3,M3841*Input!$J$16,0)</f>
        <v>0</v>
      </c>
      <c r="Q3841" s="71">
        <f>IF(Input!$K$13=4,J3841*Input!$J$13,0)+IF(Input!$K$14=4,K3841*Input!$J$14,0)+IF(Input!$K$15=4,L3841*Input!$J$15,0)+IF(Input!$K$16=4,M3841*Input!$J$16,0)</f>
        <v>0</v>
      </c>
    </row>
    <row r="3842" spans="8:17" x14ac:dyDescent="0.25">
      <c r="H3842" s="43">
        <v>3835</v>
      </c>
      <c r="I3842" s="55">
        <f>Bühler!I3868</f>
        <v>0.19419787186445581</v>
      </c>
      <c r="J3842" s="58">
        <f>Bühler!J3868</f>
        <v>6.9864546192302734</v>
      </c>
      <c r="K3842" s="58">
        <f>Bühler!K3868</f>
        <v>0.56266361214483629</v>
      </c>
      <c r="L3842" s="58">
        <f>Bühler!L3868</f>
        <v>0.28133180607241814</v>
      </c>
      <c r="M3842" s="57">
        <f>Bühler!M3868</f>
        <v>0</v>
      </c>
      <c r="N3842" s="55">
        <f>IF(Input!$K$13=1,J3842*Input!$J$13,0)+IF(Input!$K$14=1,K3842*Input!$J$14,0)+IF(Input!$K$15=1,L3842*Input!$J$15,0)+IF(Input!$K$16=1,M3842*Input!$J$16,0)</f>
        <v>0.83837455430763275</v>
      </c>
      <c r="O3842" s="58">
        <f>IF(Input!$K$13=2,J3842*Input!$J$13,0)+IF(Input!$K$14=2,K3842*Input!$J$14,0)+IF(Input!$K$15=2,L3842*Input!$J$15,0)+IF(Input!$K$16=2,M3842*Input!$J$16,0)</f>
        <v>7.5959587639552906E-2</v>
      </c>
      <c r="P3842" s="58">
        <f>IF(Input!$K$13=3,J3842*Input!$J$13,0)+IF(Input!$K$14=3,K3842*Input!$J$14,0)+IF(Input!$K$15=3,L3842*Input!$J$15,0)+IF(Input!$K$16=3,M3842*Input!$J$16,0)</f>
        <v>0</v>
      </c>
      <c r="Q3842" s="71">
        <f>IF(Input!$K$13=4,J3842*Input!$J$13,0)+IF(Input!$K$14=4,K3842*Input!$J$14,0)+IF(Input!$K$15=4,L3842*Input!$J$15,0)+IF(Input!$K$16=4,M3842*Input!$J$16,0)</f>
        <v>0</v>
      </c>
    </row>
    <row r="3843" spans="8:17" x14ac:dyDescent="0.25">
      <c r="H3843" s="43">
        <v>3836</v>
      </c>
      <c r="I3843" s="55">
        <f>Bühler!I3869</f>
        <v>0.19419787186445581</v>
      </c>
      <c r="J3843" s="58">
        <f>Bühler!J3869</f>
        <v>6.6637844482123159</v>
      </c>
      <c r="K3843" s="58">
        <f>Bühler!K3869</f>
        <v>0.53587010680460612</v>
      </c>
      <c r="L3843" s="58">
        <f>Bühler!L3869</f>
        <v>0.26793505340230306</v>
      </c>
      <c r="M3843" s="57">
        <f>Bühler!M3869</f>
        <v>0</v>
      </c>
      <c r="N3843" s="55">
        <f>IF(Input!$K$13=1,J3843*Input!$J$13,0)+IF(Input!$K$14=1,K3843*Input!$J$14,0)+IF(Input!$K$15=1,L3843*Input!$J$15,0)+IF(Input!$K$16=1,M3843*Input!$J$16,0)</f>
        <v>0.79965413378547789</v>
      </c>
      <c r="O3843" s="58">
        <f>IF(Input!$K$13=2,J3843*Input!$J$13,0)+IF(Input!$K$14=2,K3843*Input!$J$14,0)+IF(Input!$K$15=2,L3843*Input!$J$15,0)+IF(Input!$K$16=2,M3843*Input!$J$16,0)</f>
        <v>7.2342464418621827E-2</v>
      </c>
      <c r="P3843" s="58">
        <f>IF(Input!$K$13=3,J3843*Input!$J$13,0)+IF(Input!$K$14=3,K3843*Input!$J$14,0)+IF(Input!$K$15=3,L3843*Input!$J$15,0)+IF(Input!$K$16=3,M3843*Input!$J$16,0)</f>
        <v>0</v>
      </c>
      <c r="Q3843" s="71">
        <f>IF(Input!$K$13=4,J3843*Input!$J$13,0)+IF(Input!$K$14=4,K3843*Input!$J$14,0)+IF(Input!$K$15=4,L3843*Input!$J$15,0)+IF(Input!$K$16=4,M3843*Input!$J$16,0)</f>
        <v>0</v>
      </c>
    </row>
    <row r="3844" spans="8:17" x14ac:dyDescent="0.25">
      <c r="H3844" s="43">
        <v>3837</v>
      </c>
      <c r="I3844" s="55">
        <f>Bühler!I3870</f>
        <v>0.19419787186445581</v>
      </c>
      <c r="J3844" s="58">
        <f>Bühler!J3870</f>
        <v>6.6637844482123159</v>
      </c>
      <c r="K3844" s="58">
        <f>Bühler!K3870</f>
        <v>0.53587010680460612</v>
      </c>
      <c r="L3844" s="58">
        <f>Bühler!L3870</f>
        <v>0.26793505340230306</v>
      </c>
      <c r="M3844" s="57">
        <f>Bühler!M3870</f>
        <v>0</v>
      </c>
      <c r="N3844" s="55">
        <f>IF(Input!$K$13=1,J3844*Input!$J$13,0)+IF(Input!$K$14=1,K3844*Input!$J$14,0)+IF(Input!$K$15=1,L3844*Input!$J$15,0)+IF(Input!$K$16=1,M3844*Input!$J$16,0)</f>
        <v>0.79965413378547789</v>
      </c>
      <c r="O3844" s="58">
        <f>IF(Input!$K$13=2,J3844*Input!$J$13,0)+IF(Input!$K$14=2,K3844*Input!$J$14,0)+IF(Input!$K$15=2,L3844*Input!$J$15,0)+IF(Input!$K$16=2,M3844*Input!$J$16,0)</f>
        <v>7.2342464418621827E-2</v>
      </c>
      <c r="P3844" s="58">
        <f>IF(Input!$K$13=3,J3844*Input!$J$13,0)+IF(Input!$K$14=3,K3844*Input!$J$14,0)+IF(Input!$K$15=3,L3844*Input!$J$15,0)+IF(Input!$K$16=3,M3844*Input!$J$16,0)</f>
        <v>0</v>
      </c>
      <c r="Q3844" s="71">
        <f>IF(Input!$K$13=4,J3844*Input!$J$13,0)+IF(Input!$K$14=4,K3844*Input!$J$14,0)+IF(Input!$K$15=4,L3844*Input!$J$15,0)+IF(Input!$K$16=4,M3844*Input!$J$16,0)</f>
        <v>0</v>
      </c>
    </row>
    <row r="3845" spans="8:17" x14ac:dyDescent="0.25">
      <c r="H3845" s="43">
        <v>3838</v>
      </c>
      <c r="I3845" s="55">
        <f>Bühler!I3871</f>
        <v>0.19419787186445581</v>
      </c>
      <c r="J3845" s="58">
        <f>Bühler!J3871</f>
        <v>6.6637844482123159</v>
      </c>
      <c r="K3845" s="58">
        <f>Bühler!K3871</f>
        <v>0.53587010680460612</v>
      </c>
      <c r="L3845" s="58">
        <f>Bühler!L3871</f>
        <v>0.26793505340230306</v>
      </c>
      <c r="M3845" s="57">
        <f>Bühler!M3871</f>
        <v>0</v>
      </c>
      <c r="N3845" s="55">
        <f>IF(Input!$K$13=1,J3845*Input!$J$13,0)+IF(Input!$K$14=1,K3845*Input!$J$14,0)+IF(Input!$K$15=1,L3845*Input!$J$15,0)+IF(Input!$K$16=1,M3845*Input!$J$16,0)</f>
        <v>0.79965413378547789</v>
      </c>
      <c r="O3845" s="58">
        <f>IF(Input!$K$13=2,J3845*Input!$J$13,0)+IF(Input!$K$14=2,K3845*Input!$J$14,0)+IF(Input!$K$15=2,L3845*Input!$J$15,0)+IF(Input!$K$16=2,M3845*Input!$J$16,0)</f>
        <v>7.2342464418621827E-2</v>
      </c>
      <c r="P3845" s="58">
        <f>IF(Input!$K$13=3,J3845*Input!$J$13,0)+IF(Input!$K$14=3,K3845*Input!$J$14,0)+IF(Input!$K$15=3,L3845*Input!$J$15,0)+IF(Input!$K$16=3,M3845*Input!$J$16,0)</f>
        <v>0</v>
      </c>
      <c r="Q3845" s="71">
        <f>IF(Input!$K$13=4,J3845*Input!$J$13,0)+IF(Input!$K$14=4,K3845*Input!$J$14,0)+IF(Input!$K$15=4,L3845*Input!$J$15,0)+IF(Input!$K$16=4,M3845*Input!$J$16,0)</f>
        <v>0</v>
      </c>
    </row>
    <row r="3846" spans="8:17" x14ac:dyDescent="0.25">
      <c r="H3846" s="43">
        <v>3839</v>
      </c>
      <c r="I3846" s="55">
        <f>Bühler!I3872</f>
        <v>0.19419787186445581</v>
      </c>
      <c r="J3846" s="58">
        <f>Bühler!J3872</f>
        <v>6.6637844482123159</v>
      </c>
      <c r="K3846" s="58">
        <f>Bühler!K3872</f>
        <v>0.53587010680460612</v>
      </c>
      <c r="L3846" s="58">
        <f>Bühler!L3872</f>
        <v>0.26793505340230306</v>
      </c>
      <c r="M3846" s="57">
        <f>Bühler!M3872</f>
        <v>0</v>
      </c>
      <c r="N3846" s="55">
        <f>IF(Input!$K$13=1,J3846*Input!$J$13,0)+IF(Input!$K$14=1,K3846*Input!$J$14,0)+IF(Input!$K$15=1,L3846*Input!$J$15,0)+IF(Input!$K$16=1,M3846*Input!$J$16,0)</f>
        <v>0.79965413378547789</v>
      </c>
      <c r="O3846" s="58">
        <f>IF(Input!$K$13=2,J3846*Input!$J$13,0)+IF(Input!$K$14=2,K3846*Input!$J$14,0)+IF(Input!$K$15=2,L3846*Input!$J$15,0)+IF(Input!$K$16=2,M3846*Input!$J$16,0)</f>
        <v>7.2342464418621827E-2</v>
      </c>
      <c r="P3846" s="58">
        <f>IF(Input!$K$13=3,J3846*Input!$J$13,0)+IF(Input!$K$14=3,K3846*Input!$J$14,0)+IF(Input!$K$15=3,L3846*Input!$J$15,0)+IF(Input!$K$16=3,M3846*Input!$J$16,0)</f>
        <v>0</v>
      </c>
      <c r="Q3846" s="71">
        <f>IF(Input!$K$13=4,J3846*Input!$J$13,0)+IF(Input!$K$14=4,K3846*Input!$J$14,0)+IF(Input!$K$15=4,L3846*Input!$J$15,0)+IF(Input!$K$16=4,M3846*Input!$J$16,0)</f>
        <v>0</v>
      </c>
    </row>
    <row r="3847" spans="8:17" x14ac:dyDescent="0.25">
      <c r="H3847" s="43">
        <v>3840</v>
      </c>
      <c r="I3847" s="55">
        <f>Bühler!I3873</f>
        <v>0.19419787186445581</v>
      </c>
      <c r="J3847" s="58">
        <f>Bühler!J3873</f>
        <v>6.6637844482123159</v>
      </c>
      <c r="K3847" s="58">
        <f>Bühler!K3873</f>
        <v>0.53587010680460612</v>
      </c>
      <c r="L3847" s="58">
        <f>Bühler!L3873</f>
        <v>0.26793505340230306</v>
      </c>
      <c r="M3847" s="57">
        <f>Bühler!M3873</f>
        <v>0</v>
      </c>
      <c r="N3847" s="55">
        <f>IF(Input!$K$13=1,J3847*Input!$J$13,0)+IF(Input!$K$14=1,K3847*Input!$J$14,0)+IF(Input!$K$15=1,L3847*Input!$J$15,0)+IF(Input!$K$16=1,M3847*Input!$J$16,0)</f>
        <v>0.79965413378547789</v>
      </c>
      <c r="O3847" s="58">
        <f>IF(Input!$K$13=2,J3847*Input!$J$13,0)+IF(Input!$K$14=2,K3847*Input!$J$14,0)+IF(Input!$K$15=2,L3847*Input!$J$15,0)+IF(Input!$K$16=2,M3847*Input!$J$16,0)</f>
        <v>7.2342464418621827E-2</v>
      </c>
      <c r="P3847" s="58">
        <f>IF(Input!$K$13=3,J3847*Input!$J$13,0)+IF(Input!$K$14=3,K3847*Input!$J$14,0)+IF(Input!$K$15=3,L3847*Input!$J$15,0)+IF(Input!$K$16=3,M3847*Input!$J$16,0)</f>
        <v>0</v>
      </c>
      <c r="Q3847" s="71">
        <f>IF(Input!$K$13=4,J3847*Input!$J$13,0)+IF(Input!$K$14=4,K3847*Input!$J$14,0)+IF(Input!$K$15=4,L3847*Input!$J$15,0)+IF(Input!$K$16=4,M3847*Input!$J$16,0)</f>
        <v>0</v>
      </c>
    </row>
    <row r="3848" spans="8:17" x14ac:dyDescent="0.25">
      <c r="H3848" s="43">
        <v>3841</v>
      </c>
      <c r="I3848" s="55">
        <f>Bühler!I3874</f>
        <v>0.12677256543035215</v>
      </c>
      <c r="J3848" s="58">
        <f>Bühler!J3874</f>
        <v>4.7473611661779795</v>
      </c>
      <c r="K3848" s="58">
        <f>Bühler!K3874</f>
        <v>0.2423667146947828</v>
      </c>
      <c r="L3848" s="58">
        <f>Bühler!L3874</f>
        <v>0.1211833573473914</v>
      </c>
      <c r="M3848" s="57">
        <f>Bühler!M3874</f>
        <v>0</v>
      </c>
      <c r="N3848" s="55">
        <f>IF(Input!$K$13=1,J3848*Input!$J$13,0)+IF(Input!$K$14=1,K3848*Input!$J$14,0)+IF(Input!$K$15=1,L3848*Input!$J$15,0)+IF(Input!$K$16=1,M3848*Input!$J$16,0)</f>
        <v>0.56968333994135756</v>
      </c>
      <c r="O3848" s="58">
        <f>IF(Input!$K$13=2,J3848*Input!$J$13,0)+IF(Input!$K$14=2,K3848*Input!$J$14,0)+IF(Input!$K$15=2,L3848*Input!$J$15,0)+IF(Input!$K$16=2,M3848*Input!$J$16,0)</f>
        <v>3.2719506483795673E-2</v>
      </c>
      <c r="P3848" s="58">
        <f>IF(Input!$K$13=3,J3848*Input!$J$13,0)+IF(Input!$K$14=3,K3848*Input!$J$14,0)+IF(Input!$K$15=3,L3848*Input!$J$15,0)+IF(Input!$K$16=3,M3848*Input!$J$16,0)</f>
        <v>0</v>
      </c>
      <c r="Q3848" s="71">
        <f>IF(Input!$K$13=4,J3848*Input!$J$13,0)+IF(Input!$K$14=4,K3848*Input!$J$14,0)+IF(Input!$K$15=4,L3848*Input!$J$15,0)+IF(Input!$K$16=4,M3848*Input!$J$16,0)</f>
        <v>0</v>
      </c>
    </row>
    <row r="3849" spans="8:17" x14ac:dyDescent="0.25">
      <c r="H3849" s="43">
        <v>3842</v>
      </c>
      <c r="I3849" s="55">
        <f>Bühler!I3875</f>
        <v>0.24750834203068753</v>
      </c>
      <c r="J3849" s="58">
        <f>Bühler!J3875</f>
        <v>4.3506652217512611</v>
      </c>
      <c r="K3849" s="58">
        <f>Bühler!K3875</f>
        <v>0.21813004322530449</v>
      </c>
      <c r="L3849" s="58">
        <f>Bühler!L3875</f>
        <v>0.10906502161265225</v>
      </c>
      <c r="M3849" s="57">
        <f>Bühler!M3875</f>
        <v>0</v>
      </c>
      <c r="N3849" s="55">
        <f>IF(Input!$K$13=1,J3849*Input!$J$13,0)+IF(Input!$K$14=1,K3849*Input!$J$14,0)+IF(Input!$K$15=1,L3849*Input!$J$15,0)+IF(Input!$K$16=1,M3849*Input!$J$16,0)</f>
        <v>0.52207982661015129</v>
      </c>
      <c r="O3849" s="58">
        <f>IF(Input!$K$13=2,J3849*Input!$J$13,0)+IF(Input!$K$14=2,K3849*Input!$J$14,0)+IF(Input!$K$15=2,L3849*Input!$J$15,0)+IF(Input!$K$16=2,M3849*Input!$J$16,0)</f>
        <v>2.9447555835416105E-2</v>
      </c>
      <c r="P3849" s="58">
        <f>IF(Input!$K$13=3,J3849*Input!$J$13,0)+IF(Input!$K$14=3,K3849*Input!$J$14,0)+IF(Input!$K$15=3,L3849*Input!$J$15,0)+IF(Input!$K$16=3,M3849*Input!$J$16,0)</f>
        <v>0</v>
      </c>
      <c r="Q3849" s="71">
        <f>IF(Input!$K$13=4,J3849*Input!$J$13,0)+IF(Input!$K$14=4,K3849*Input!$J$14,0)+IF(Input!$K$15=4,L3849*Input!$J$15,0)+IF(Input!$K$16=4,M3849*Input!$J$16,0)</f>
        <v>0</v>
      </c>
    </row>
    <row r="3850" spans="8:17" x14ac:dyDescent="0.25">
      <c r="H3850" s="43">
        <v>3843</v>
      </c>
      <c r="I3850" s="55">
        <f>Bühler!I3876</f>
        <v>0.24750834203068753</v>
      </c>
      <c r="J3850" s="58">
        <f>Bühler!J3876</f>
        <v>4.3506652217512611</v>
      </c>
      <c r="K3850" s="58">
        <f>Bühler!K3876</f>
        <v>0.21813004322530449</v>
      </c>
      <c r="L3850" s="58">
        <f>Bühler!L3876</f>
        <v>0.10906502161265225</v>
      </c>
      <c r="M3850" s="57">
        <f>Bühler!M3876</f>
        <v>0</v>
      </c>
      <c r="N3850" s="55">
        <f>IF(Input!$K$13=1,J3850*Input!$J$13,0)+IF(Input!$K$14=1,K3850*Input!$J$14,0)+IF(Input!$K$15=1,L3850*Input!$J$15,0)+IF(Input!$K$16=1,M3850*Input!$J$16,0)</f>
        <v>0.52207982661015129</v>
      </c>
      <c r="O3850" s="58">
        <f>IF(Input!$K$13=2,J3850*Input!$J$13,0)+IF(Input!$K$14=2,K3850*Input!$J$14,0)+IF(Input!$K$15=2,L3850*Input!$J$15,0)+IF(Input!$K$16=2,M3850*Input!$J$16,0)</f>
        <v>2.9447555835416105E-2</v>
      </c>
      <c r="P3850" s="58">
        <f>IF(Input!$K$13=3,J3850*Input!$J$13,0)+IF(Input!$K$14=3,K3850*Input!$J$14,0)+IF(Input!$K$15=3,L3850*Input!$J$15,0)+IF(Input!$K$16=3,M3850*Input!$J$16,0)</f>
        <v>0</v>
      </c>
      <c r="Q3850" s="71">
        <f>IF(Input!$K$13=4,J3850*Input!$J$13,0)+IF(Input!$K$14=4,K3850*Input!$J$14,0)+IF(Input!$K$15=4,L3850*Input!$J$15,0)+IF(Input!$K$16=4,M3850*Input!$J$16,0)</f>
        <v>0</v>
      </c>
    </row>
    <row r="3851" spans="8:17" x14ac:dyDescent="0.25">
      <c r="H3851" s="43">
        <v>3844</v>
      </c>
      <c r="I3851" s="55">
        <f>Bühler!I3877</f>
        <v>0.24750834203068753</v>
      </c>
      <c r="J3851" s="58">
        <f>Bühler!J3877</f>
        <v>4.3506652217512611</v>
      </c>
      <c r="K3851" s="58">
        <f>Bühler!K3877</f>
        <v>0.21813004322530449</v>
      </c>
      <c r="L3851" s="58">
        <f>Bühler!L3877</f>
        <v>0.10906502161265225</v>
      </c>
      <c r="M3851" s="57">
        <f>Bühler!M3877</f>
        <v>0</v>
      </c>
      <c r="N3851" s="55">
        <f>IF(Input!$K$13=1,J3851*Input!$J$13,0)+IF(Input!$K$14=1,K3851*Input!$J$14,0)+IF(Input!$K$15=1,L3851*Input!$J$15,0)+IF(Input!$K$16=1,M3851*Input!$J$16,0)</f>
        <v>0.52207982661015129</v>
      </c>
      <c r="O3851" s="58">
        <f>IF(Input!$K$13=2,J3851*Input!$J$13,0)+IF(Input!$K$14=2,K3851*Input!$J$14,0)+IF(Input!$K$15=2,L3851*Input!$J$15,0)+IF(Input!$K$16=2,M3851*Input!$J$16,0)</f>
        <v>2.9447555835416105E-2</v>
      </c>
      <c r="P3851" s="58">
        <f>IF(Input!$K$13=3,J3851*Input!$J$13,0)+IF(Input!$K$14=3,K3851*Input!$J$14,0)+IF(Input!$K$15=3,L3851*Input!$J$15,0)+IF(Input!$K$16=3,M3851*Input!$J$16,0)</f>
        <v>0</v>
      </c>
      <c r="Q3851" s="71">
        <f>IF(Input!$K$13=4,J3851*Input!$J$13,0)+IF(Input!$K$14=4,K3851*Input!$J$14,0)+IF(Input!$K$15=4,L3851*Input!$J$15,0)+IF(Input!$K$16=4,M3851*Input!$J$16,0)</f>
        <v>0</v>
      </c>
    </row>
    <row r="3852" spans="8:17" x14ac:dyDescent="0.25">
      <c r="H3852" s="43">
        <v>3845</v>
      </c>
      <c r="I3852" s="55">
        <f>Bühler!I3878</f>
        <v>0.24750834203068753</v>
      </c>
      <c r="J3852" s="58">
        <f>Bühler!J3878</f>
        <v>4.3506652217512611</v>
      </c>
      <c r="K3852" s="58">
        <f>Bühler!K3878</f>
        <v>0.21813004322530449</v>
      </c>
      <c r="L3852" s="58">
        <f>Bühler!L3878</f>
        <v>0.10906502161265225</v>
      </c>
      <c r="M3852" s="57">
        <f>Bühler!M3878</f>
        <v>0</v>
      </c>
      <c r="N3852" s="55">
        <f>IF(Input!$K$13=1,J3852*Input!$J$13,0)+IF(Input!$K$14=1,K3852*Input!$J$14,0)+IF(Input!$K$15=1,L3852*Input!$J$15,0)+IF(Input!$K$16=1,M3852*Input!$J$16,0)</f>
        <v>0.52207982661015129</v>
      </c>
      <c r="O3852" s="58">
        <f>IF(Input!$K$13=2,J3852*Input!$J$13,0)+IF(Input!$K$14=2,K3852*Input!$J$14,0)+IF(Input!$K$15=2,L3852*Input!$J$15,0)+IF(Input!$K$16=2,M3852*Input!$J$16,0)</f>
        <v>2.9447555835416105E-2</v>
      </c>
      <c r="P3852" s="58">
        <f>IF(Input!$K$13=3,J3852*Input!$J$13,0)+IF(Input!$K$14=3,K3852*Input!$J$14,0)+IF(Input!$K$15=3,L3852*Input!$J$15,0)+IF(Input!$K$16=3,M3852*Input!$J$16,0)</f>
        <v>0</v>
      </c>
      <c r="Q3852" s="71">
        <f>IF(Input!$K$13=4,J3852*Input!$J$13,0)+IF(Input!$K$14=4,K3852*Input!$J$14,0)+IF(Input!$K$15=4,L3852*Input!$J$15,0)+IF(Input!$K$16=4,M3852*Input!$J$16,0)</f>
        <v>0</v>
      </c>
    </row>
    <row r="3853" spans="8:17" x14ac:dyDescent="0.25">
      <c r="H3853" s="43">
        <v>3846</v>
      </c>
      <c r="I3853" s="55">
        <f>Bühler!I3879</f>
        <v>0.30787623033085526</v>
      </c>
      <c r="J3853" s="58">
        <f>Bühler!J3879</f>
        <v>4.3531805504304346</v>
      </c>
      <c r="K3853" s="58">
        <f>Bühler!K3879</f>
        <v>0.21813004322530449</v>
      </c>
      <c r="L3853" s="58">
        <f>Bühler!L3879</f>
        <v>0.10906502161265225</v>
      </c>
      <c r="M3853" s="57">
        <f>Bühler!M3879</f>
        <v>0</v>
      </c>
      <c r="N3853" s="55">
        <f>IF(Input!$K$13=1,J3853*Input!$J$13,0)+IF(Input!$K$14=1,K3853*Input!$J$14,0)+IF(Input!$K$15=1,L3853*Input!$J$15,0)+IF(Input!$K$16=1,M3853*Input!$J$16,0)</f>
        <v>0.52238166605165215</v>
      </c>
      <c r="O3853" s="58">
        <f>IF(Input!$K$13=2,J3853*Input!$J$13,0)+IF(Input!$K$14=2,K3853*Input!$J$14,0)+IF(Input!$K$15=2,L3853*Input!$J$15,0)+IF(Input!$K$16=2,M3853*Input!$J$16,0)</f>
        <v>2.9447555835416105E-2</v>
      </c>
      <c r="P3853" s="58">
        <f>IF(Input!$K$13=3,J3853*Input!$J$13,0)+IF(Input!$K$14=3,K3853*Input!$J$14,0)+IF(Input!$K$15=3,L3853*Input!$J$15,0)+IF(Input!$K$16=3,M3853*Input!$J$16,0)</f>
        <v>0</v>
      </c>
      <c r="Q3853" s="71">
        <f>IF(Input!$K$13=4,J3853*Input!$J$13,0)+IF(Input!$K$14=4,K3853*Input!$J$14,0)+IF(Input!$K$15=4,L3853*Input!$J$15,0)+IF(Input!$K$16=4,M3853*Input!$J$16,0)</f>
        <v>0</v>
      </c>
    </row>
    <row r="3854" spans="8:17" x14ac:dyDescent="0.25">
      <c r="H3854" s="43">
        <v>3847</v>
      </c>
      <c r="I3854" s="55">
        <f>Bühler!I3880</f>
        <v>0.38635448512107329</v>
      </c>
      <c r="J3854" s="58">
        <f>Bühler!J3880</f>
        <v>4.3564504777133601</v>
      </c>
      <c r="K3854" s="58">
        <f>Bühler!K3880</f>
        <v>0.21813004322530449</v>
      </c>
      <c r="L3854" s="58">
        <f>Bühler!L3880</f>
        <v>0.10906502161265225</v>
      </c>
      <c r="M3854" s="57">
        <f>Bühler!M3880</f>
        <v>0</v>
      </c>
      <c r="N3854" s="55">
        <f>IF(Input!$K$13=1,J3854*Input!$J$13,0)+IF(Input!$K$14=1,K3854*Input!$J$14,0)+IF(Input!$K$15=1,L3854*Input!$J$15,0)+IF(Input!$K$16=1,M3854*Input!$J$16,0)</f>
        <v>0.52277405732560323</v>
      </c>
      <c r="O3854" s="58">
        <f>IF(Input!$K$13=2,J3854*Input!$J$13,0)+IF(Input!$K$14=2,K3854*Input!$J$14,0)+IF(Input!$K$15=2,L3854*Input!$J$15,0)+IF(Input!$K$16=2,M3854*Input!$J$16,0)</f>
        <v>2.9447555835416105E-2</v>
      </c>
      <c r="P3854" s="58">
        <f>IF(Input!$K$13=3,J3854*Input!$J$13,0)+IF(Input!$K$14=3,K3854*Input!$J$14,0)+IF(Input!$K$15=3,L3854*Input!$J$15,0)+IF(Input!$K$16=3,M3854*Input!$J$16,0)</f>
        <v>0</v>
      </c>
      <c r="Q3854" s="71">
        <f>IF(Input!$K$13=4,J3854*Input!$J$13,0)+IF(Input!$K$14=4,K3854*Input!$J$14,0)+IF(Input!$K$15=4,L3854*Input!$J$15,0)+IF(Input!$K$16=4,M3854*Input!$J$16,0)</f>
        <v>0</v>
      </c>
    </row>
    <row r="3855" spans="8:17" x14ac:dyDescent="0.25">
      <c r="H3855" s="43">
        <v>3848</v>
      </c>
      <c r="I3855" s="55">
        <f>Bühler!I3881</f>
        <v>0.44068558459122414</v>
      </c>
      <c r="J3855" s="58">
        <f>Bühler!J3881</f>
        <v>4.3587142735246163</v>
      </c>
      <c r="K3855" s="58">
        <f>Bühler!K3881</f>
        <v>0.21813004322530449</v>
      </c>
      <c r="L3855" s="58">
        <f>Bühler!L3881</f>
        <v>0.10906502161265225</v>
      </c>
      <c r="M3855" s="57">
        <f>Bühler!M3881</f>
        <v>0</v>
      </c>
      <c r="N3855" s="55">
        <f>IF(Input!$K$13=1,J3855*Input!$J$13,0)+IF(Input!$K$14=1,K3855*Input!$J$14,0)+IF(Input!$K$15=1,L3855*Input!$J$15,0)+IF(Input!$K$16=1,M3855*Input!$J$16,0)</f>
        <v>0.52304571282295398</v>
      </c>
      <c r="O3855" s="58">
        <f>IF(Input!$K$13=2,J3855*Input!$J$13,0)+IF(Input!$K$14=2,K3855*Input!$J$14,0)+IF(Input!$K$15=2,L3855*Input!$J$15,0)+IF(Input!$K$16=2,M3855*Input!$J$16,0)</f>
        <v>2.9447555835416105E-2</v>
      </c>
      <c r="P3855" s="58">
        <f>IF(Input!$K$13=3,J3855*Input!$J$13,0)+IF(Input!$K$14=3,K3855*Input!$J$14,0)+IF(Input!$K$15=3,L3855*Input!$J$15,0)+IF(Input!$K$16=3,M3855*Input!$J$16,0)</f>
        <v>0</v>
      </c>
      <c r="Q3855" s="71">
        <f>IF(Input!$K$13=4,J3855*Input!$J$13,0)+IF(Input!$K$14=4,K3855*Input!$J$14,0)+IF(Input!$K$15=4,L3855*Input!$J$15,0)+IF(Input!$K$16=4,M3855*Input!$J$16,0)</f>
        <v>0</v>
      </c>
    </row>
    <row r="3856" spans="8:17" x14ac:dyDescent="0.25">
      <c r="H3856" s="43">
        <v>3849</v>
      </c>
      <c r="I3856" s="55">
        <f>Bühler!I3882</f>
        <v>0.44068558459122414</v>
      </c>
      <c r="J3856" s="58">
        <f>Bühler!J3882</f>
        <v>4.3587142735246163</v>
      </c>
      <c r="K3856" s="58">
        <f>Bühler!K3882</f>
        <v>0.21813004322530449</v>
      </c>
      <c r="L3856" s="58">
        <f>Bühler!L3882</f>
        <v>0.10906502161265225</v>
      </c>
      <c r="M3856" s="57">
        <f>Bühler!M3882</f>
        <v>0</v>
      </c>
      <c r="N3856" s="55">
        <f>IF(Input!$K$13=1,J3856*Input!$J$13,0)+IF(Input!$K$14=1,K3856*Input!$J$14,0)+IF(Input!$K$15=1,L3856*Input!$J$15,0)+IF(Input!$K$16=1,M3856*Input!$J$16,0)</f>
        <v>0.52304571282295398</v>
      </c>
      <c r="O3856" s="58">
        <f>IF(Input!$K$13=2,J3856*Input!$J$13,0)+IF(Input!$K$14=2,K3856*Input!$J$14,0)+IF(Input!$K$15=2,L3856*Input!$J$15,0)+IF(Input!$K$16=2,M3856*Input!$J$16,0)</f>
        <v>2.9447555835416105E-2</v>
      </c>
      <c r="P3856" s="58">
        <f>IF(Input!$K$13=3,J3856*Input!$J$13,0)+IF(Input!$K$14=3,K3856*Input!$J$14,0)+IF(Input!$K$15=3,L3856*Input!$J$15,0)+IF(Input!$K$16=3,M3856*Input!$J$16,0)</f>
        <v>0</v>
      </c>
      <c r="Q3856" s="71">
        <f>IF(Input!$K$13=4,J3856*Input!$J$13,0)+IF(Input!$K$14=4,K3856*Input!$J$14,0)+IF(Input!$K$15=4,L3856*Input!$J$15,0)+IF(Input!$K$16=4,M3856*Input!$J$16,0)</f>
        <v>0</v>
      </c>
    </row>
    <row r="3857" spans="8:17" x14ac:dyDescent="0.25">
      <c r="H3857" s="43">
        <v>3850</v>
      </c>
      <c r="I3857" s="55">
        <f>Bühler!I3883</f>
        <v>0.44068558459122414</v>
      </c>
      <c r="J3857" s="58">
        <f>Bühler!J3883</f>
        <v>4.3587142735246163</v>
      </c>
      <c r="K3857" s="58">
        <f>Bühler!K3883</f>
        <v>0.21813004322530449</v>
      </c>
      <c r="L3857" s="58">
        <f>Bühler!L3883</f>
        <v>0.10906502161265225</v>
      </c>
      <c r="M3857" s="57">
        <f>Bühler!M3883</f>
        <v>0</v>
      </c>
      <c r="N3857" s="55">
        <f>IF(Input!$K$13=1,J3857*Input!$J$13,0)+IF(Input!$K$14=1,K3857*Input!$J$14,0)+IF(Input!$K$15=1,L3857*Input!$J$15,0)+IF(Input!$K$16=1,M3857*Input!$J$16,0)</f>
        <v>0.52304571282295398</v>
      </c>
      <c r="O3857" s="58">
        <f>IF(Input!$K$13=2,J3857*Input!$J$13,0)+IF(Input!$K$14=2,K3857*Input!$J$14,0)+IF(Input!$K$15=2,L3857*Input!$J$15,0)+IF(Input!$K$16=2,M3857*Input!$J$16,0)</f>
        <v>2.9447555835416105E-2</v>
      </c>
      <c r="P3857" s="58">
        <f>IF(Input!$K$13=3,J3857*Input!$J$13,0)+IF(Input!$K$14=3,K3857*Input!$J$14,0)+IF(Input!$K$15=3,L3857*Input!$J$15,0)+IF(Input!$K$16=3,M3857*Input!$J$16,0)</f>
        <v>0</v>
      </c>
      <c r="Q3857" s="71">
        <f>IF(Input!$K$13=4,J3857*Input!$J$13,0)+IF(Input!$K$14=4,K3857*Input!$J$14,0)+IF(Input!$K$15=4,L3857*Input!$J$15,0)+IF(Input!$K$16=4,M3857*Input!$J$16,0)</f>
        <v>0</v>
      </c>
    </row>
    <row r="3858" spans="8:17" x14ac:dyDescent="0.25">
      <c r="H3858" s="43">
        <v>3851</v>
      </c>
      <c r="I3858" s="55">
        <f>Bühler!I3884</f>
        <v>0.44068558459122414</v>
      </c>
      <c r="J3858" s="58">
        <f>Bühler!J3884</f>
        <v>4.3587142735246163</v>
      </c>
      <c r="K3858" s="58">
        <f>Bühler!K3884</f>
        <v>0.21813004322530449</v>
      </c>
      <c r="L3858" s="58">
        <f>Bühler!L3884</f>
        <v>0.10906502161265225</v>
      </c>
      <c r="M3858" s="57">
        <f>Bühler!M3884</f>
        <v>0</v>
      </c>
      <c r="N3858" s="55">
        <f>IF(Input!$K$13=1,J3858*Input!$J$13,0)+IF(Input!$K$14=1,K3858*Input!$J$14,0)+IF(Input!$K$15=1,L3858*Input!$J$15,0)+IF(Input!$K$16=1,M3858*Input!$J$16,0)</f>
        <v>0.52304571282295398</v>
      </c>
      <c r="O3858" s="58">
        <f>IF(Input!$K$13=2,J3858*Input!$J$13,0)+IF(Input!$K$14=2,K3858*Input!$J$14,0)+IF(Input!$K$15=2,L3858*Input!$J$15,0)+IF(Input!$K$16=2,M3858*Input!$J$16,0)</f>
        <v>2.9447555835416105E-2</v>
      </c>
      <c r="P3858" s="58">
        <f>IF(Input!$K$13=3,J3858*Input!$J$13,0)+IF(Input!$K$14=3,K3858*Input!$J$14,0)+IF(Input!$K$15=3,L3858*Input!$J$15,0)+IF(Input!$K$16=3,M3858*Input!$J$16,0)</f>
        <v>0</v>
      </c>
      <c r="Q3858" s="71">
        <f>IF(Input!$K$13=4,J3858*Input!$J$13,0)+IF(Input!$K$14=4,K3858*Input!$J$14,0)+IF(Input!$K$15=4,L3858*Input!$J$15,0)+IF(Input!$K$16=4,M3858*Input!$J$16,0)</f>
        <v>0</v>
      </c>
    </row>
    <row r="3859" spans="8:17" x14ac:dyDescent="0.25">
      <c r="H3859" s="43">
        <v>3852</v>
      </c>
      <c r="I3859" s="55">
        <f>Bühler!I3885</f>
        <v>0.44068558459122414</v>
      </c>
      <c r="J3859" s="58">
        <f>Bühler!J3885</f>
        <v>4.3587142735246163</v>
      </c>
      <c r="K3859" s="58">
        <f>Bühler!K3885</f>
        <v>0.21813004322530449</v>
      </c>
      <c r="L3859" s="58">
        <f>Bühler!L3885</f>
        <v>0.10906502161265225</v>
      </c>
      <c r="M3859" s="57">
        <f>Bühler!M3885</f>
        <v>0</v>
      </c>
      <c r="N3859" s="55">
        <f>IF(Input!$K$13=1,J3859*Input!$J$13,0)+IF(Input!$K$14=1,K3859*Input!$J$14,0)+IF(Input!$K$15=1,L3859*Input!$J$15,0)+IF(Input!$K$16=1,M3859*Input!$J$16,0)</f>
        <v>0.52304571282295398</v>
      </c>
      <c r="O3859" s="58">
        <f>IF(Input!$K$13=2,J3859*Input!$J$13,0)+IF(Input!$K$14=2,K3859*Input!$J$14,0)+IF(Input!$K$15=2,L3859*Input!$J$15,0)+IF(Input!$K$16=2,M3859*Input!$J$16,0)</f>
        <v>2.9447555835416105E-2</v>
      </c>
      <c r="P3859" s="58">
        <f>IF(Input!$K$13=3,J3859*Input!$J$13,0)+IF(Input!$K$14=3,K3859*Input!$J$14,0)+IF(Input!$K$15=3,L3859*Input!$J$15,0)+IF(Input!$K$16=3,M3859*Input!$J$16,0)</f>
        <v>0</v>
      </c>
      <c r="Q3859" s="71">
        <f>IF(Input!$K$13=4,J3859*Input!$J$13,0)+IF(Input!$K$14=4,K3859*Input!$J$14,0)+IF(Input!$K$15=4,L3859*Input!$J$15,0)+IF(Input!$K$16=4,M3859*Input!$J$16,0)</f>
        <v>0</v>
      </c>
    </row>
    <row r="3860" spans="8:17" x14ac:dyDescent="0.25">
      <c r="H3860" s="43">
        <v>3853</v>
      </c>
      <c r="I3860" s="55">
        <f>Bühler!I3886</f>
        <v>0.44068558459122414</v>
      </c>
      <c r="J3860" s="58">
        <f>Bühler!J3886</f>
        <v>4.3587142735246163</v>
      </c>
      <c r="K3860" s="58">
        <f>Bühler!K3886</f>
        <v>0.21813004322530449</v>
      </c>
      <c r="L3860" s="58">
        <f>Bühler!L3886</f>
        <v>0.10906502161265225</v>
      </c>
      <c r="M3860" s="57">
        <f>Bühler!M3886</f>
        <v>0</v>
      </c>
      <c r="N3860" s="55">
        <f>IF(Input!$K$13=1,J3860*Input!$J$13,0)+IF(Input!$K$14=1,K3860*Input!$J$14,0)+IF(Input!$K$15=1,L3860*Input!$J$15,0)+IF(Input!$K$16=1,M3860*Input!$J$16,0)</f>
        <v>0.52304571282295398</v>
      </c>
      <c r="O3860" s="58">
        <f>IF(Input!$K$13=2,J3860*Input!$J$13,0)+IF(Input!$K$14=2,K3860*Input!$J$14,0)+IF(Input!$K$15=2,L3860*Input!$J$15,0)+IF(Input!$K$16=2,M3860*Input!$J$16,0)</f>
        <v>2.9447555835416105E-2</v>
      </c>
      <c r="P3860" s="58">
        <f>IF(Input!$K$13=3,J3860*Input!$J$13,0)+IF(Input!$K$14=3,K3860*Input!$J$14,0)+IF(Input!$K$15=3,L3860*Input!$J$15,0)+IF(Input!$K$16=3,M3860*Input!$J$16,0)</f>
        <v>0</v>
      </c>
      <c r="Q3860" s="71">
        <f>IF(Input!$K$13=4,J3860*Input!$J$13,0)+IF(Input!$K$14=4,K3860*Input!$J$14,0)+IF(Input!$K$15=4,L3860*Input!$J$15,0)+IF(Input!$K$16=4,M3860*Input!$J$16,0)</f>
        <v>0</v>
      </c>
    </row>
    <row r="3861" spans="8:17" x14ac:dyDescent="0.25">
      <c r="H3861" s="43">
        <v>3854</v>
      </c>
      <c r="I3861" s="55">
        <f>Bühler!I3887</f>
        <v>0.44068558459122414</v>
      </c>
      <c r="J3861" s="58">
        <f>Bühler!J3887</f>
        <v>4.3587142735246163</v>
      </c>
      <c r="K3861" s="58">
        <f>Bühler!K3887</f>
        <v>0.21813004322530449</v>
      </c>
      <c r="L3861" s="58">
        <f>Bühler!L3887</f>
        <v>0.10906502161265225</v>
      </c>
      <c r="M3861" s="57">
        <f>Bühler!M3887</f>
        <v>0</v>
      </c>
      <c r="N3861" s="55">
        <f>IF(Input!$K$13=1,J3861*Input!$J$13,0)+IF(Input!$K$14=1,K3861*Input!$J$14,0)+IF(Input!$K$15=1,L3861*Input!$J$15,0)+IF(Input!$K$16=1,M3861*Input!$J$16,0)</f>
        <v>0.52304571282295398</v>
      </c>
      <c r="O3861" s="58">
        <f>IF(Input!$K$13=2,J3861*Input!$J$13,0)+IF(Input!$K$14=2,K3861*Input!$J$14,0)+IF(Input!$K$15=2,L3861*Input!$J$15,0)+IF(Input!$K$16=2,M3861*Input!$J$16,0)</f>
        <v>2.9447555835416105E-2</v>
      </c>
      <c r="P3861" s="58">
        <f>IF(Input!$K$13=3,J3861*Input!$J$13,0)+IF(Input!$K$14=3,K3861*Input!$J$14,0)+IF(Input!$K$15=3,L3861*Input!$J$15,0)+IF(Input!$K$16=3,M3861*Input!$J$16,0)</f>
        <v>0</v>
      </c>
      <c r="Q3861" s="71">
        <f>IF(Input!$K$13=4,J3861*Input!$J$13,0)+IF(Input!$K$14=4,K3861*Input!$J$14,0)+IF(Input!$K$15=4,L3861*Input!$J$15,0)+IF(Input!$K$16=4,M3861*Input!$J$16,0)</f>
        <v>0</v>
      </c>
    </row>
    <row r="3862" spans="8:17" x14ac:dyDescent="0.25">
      <c r="H3862" s="43">
        <v>3855</v>
      </c>
      <c r="I3862" s="55">
        <f>Bühler!I3888</f>
        <v>0.44068558459122414</v>
      </c>
      <c r="J3862" s="58">
        <f>Bühler!J3888</f>
        <v>4.3587142735246163</v>
      </c>
      <c r="K3862" s="58">
        <f>Bühler!K3888</f>
        <v>0.21813004322530449</v>
      </c>
      <c r="L3862" s="58">
        <f>Bühler!L3888</f>
        <v>0.10906502161265225</v>
      </c>
      <c r="M3862" s="57">
        <f>Bühler!M3888</f>
        <v>0</v>
      </c>
      <c r="N3862" s="55">
        <f>IF(Input!$K$13=1,J3862*Input!$J$13,0)+IF(Input!$K$14=1,K3862*Input!$J$14,0)+IF(Input!$K$15=1,L3862*Input!$J$15,0)+IF(Input!$K$16=1,M3862*Input!$J$16,0)</f>
        <v>0.52304571282295398</v>
      </c>
      <c r="O3862" s="58">
        <f>IF(Input!$K$13=2,J3862*Input!$J$13,0)+IF(Input!$K$14=2,K3862*Input!$J$14,0)+IF(Input!$K$15=2,L3862*Input!$J$15,0)+IF(Input!$K$16=2,M3862*Input!$J$16,0)</f>
        <v>2.9447555835416105E-2</v>
      </c>
      <c r="P3862" s="58">
        <f>IF(Input!$K$13=3,J3862*Input!$J$13,0)+IF(Input!$K$14=3,K3862*Input!$J$14,0)+IF(Input!$K$15=3,L3862*Input!$J$15,0)+IF(Input!$K$16=3,M3862*Input!$J$16,0)</f>
        <v>0</v>
      </c>
      <c r="Q3862" s="71">
        <f>IF(Input!$K$13=4,J3862*Input!$J$13,0)+IF(Input!$K$14=4,K3862*Input!$J$14,0)+IF(Input!$K$15=4,L3862*Input!$J$15,0)+IF(Input!$K$16=4,M3862*Input!$J$16,0)</f>
        <v>0</v>
      </c>
    </row>
    <row r="3863" spans="8:17" x14ac:dyDescent="0.25">
      <c r="H3863" s="43">
        <v>3856</v>
      </c>
      <c r="I3863" s="55">
        <f>Bühler!I3889</f>
        <v>0.39842806278110676</v>
      </c>
      <c r="J3863" s="58">
        <f>Bühler!J3889</f>
        <v>4.3569535434491948</v>
      </c>
      <c r="K3863" s="58">
        <f>Bühler!K3889</f>
        <v>0.21813004322530449</v>
      </c>
      <c r="L3863" s="58">
        <f>Bühler!L3889</f>
        <v>0.10906502161265225</v>
      </c>
      <c r="M3863" s="57">
        <f>Bühler!M3889</f>
        <v>0</v>
      </c>
      <c r="N3863" s="55">
        <f>IF(Input!$K$13=1,J3863*Input!$J$13,0)+IF(Input!$K$14=1,K3863*Input!$J$14,0)+IF(Input!$K$15=1,L3863*Input!$J$15,0)+IF(Input!$K$16=1,M3863*Input!$J$16,0)</f>
        <v>0.52283442521390333</v>
      </c>
      <c r="O3863" s="58">
        <f>IF(Input!$K$13=2,J3863*Input!$J$13,0)+IF(Input!$K$14=2,K3863*Input!$J$14,0)+IF(Input!$K$15=2,L3863*Input!$J$15,0)+IF(Input!$K$16=2,M3863*Input!$J$16,0)</f>
        <v>2.9447555835416105E-2</v>
      </c>
      <c r="P3863" s="58">
        <f>IF(Input!$K$13=3,J3863*Input!$J$13,0)+IF(Input!$K$14=3,K3863*Input!$J$14,0)+IF(Input!$K$15=3,L3863*Input!$J$15,0)+IF(Input!$K$16=3,M3863*Input!$J$16,0)</f>
        <v>0</v>
      </c>
      <c r="Q3863" s="71">
        <f>IF(Input!$K$13=4,J3863*Input!$J$13,0)+IF(Input!$K$14=4,K3863*Input!$J$14,0)+IF(Input!$K$15=4,L3863*Input!$J$15,0)+IF(Input!$K$16=4,M3863*Input!$J$16,0)</f>
        <v>0</v>
      </c>
    </row>
    <row r="3864" spans="8:17" x14ac:dyDescent="0.25">
      <c r="H3864" s="43">
        <v>3857</v>
      </c>
      <c r="I3864" s="55">
        <f>Bühler!I3890</f>
        <v>0.36220732980100617</v>
      </c>
      <c r="J3864" s="58">
        <f>Bühler!J3890</f>
        <v>4.3554443462416907</v>
      </c>
      <c r="K3864" s="58">
        <f>Bühler!K3890</f>
        <v>0.21813004322530449</v>
      </c>
      <c r="L3864" s="58">
        <f>Bühler!L3890</f>
        <v>0.10906502161265225</v>
      </c>
      <c r="M3864" s="57">
        <f>Bühler!M3890</f>
        <v>0</v>
      </c>
      <c r="N3864" s="55">
        <f>IF(Input!$K$13=1,J3864*Input!$J$13,0)+IF(Input!$K$14=1,K3864*Input!$J$14,0)+IF(Input!$K$15=1,L3864*Input!$J$15,0)+IF(Input!$K$16=1,M3864*Input!$J$16,0)</f>
        <v>0.5226533215490029</v>
      </c>
      <c r="O3864" s="58">
        <f>IF(Input!$K$13=2,J3864*Input!$J$13,0)+IF(Input!$K$14=2,K3864*Input!$J$14,0)+IF(Input!$K$15=2,L3864*Input!$J$15,0)+IF(Input!$K$16=2,M3864*Input!$J$16,0)</f>
        <v>2.9447555835416105E-2</v>
      </c>
      <c r="P3864" s="58">
        <f>IF(Input!$K$13=3,J3864*Input!$J$13,0)+IF(Input!$K$14=3,K3864*Input!$J$14,0)+IF(Input!$K$15=3,L3864*Input!$J$15,0)+IF(Input!$K$16=3,M3864*Input!$J$16,0)</f>
        <v>0</v>
      </c>
      <c r="Q3864" s="71">
        <f>IF(Input!$K$13=4,J3864*Input!$J$13,0)+IF(Input!$K$14=4,K3864*Input!$J$14,0)+IF(Input!$K$15=4,L3864*Input!$J$15,0)+IF(Input!$K$16=4,M3864*Input!$J$16,0)</f>
        <v>0</v>
      </c>
    </row>
    <row r="3865" spans="8:17" x14ac:dyDescent="0.25">
      <c r="H3865" s="43">
        <v>3858</v>
      </c>
      <c r="I3865" s="55">
        <f>Bühler!I3891</f>
        <v>0.32598659682090553</v>
      </c>
      <c r="J3865" s="58">
        <f>Bühler!J3891</f>
        <v>4.3539351490341867</v>
      </c>
      <c r="K3865" s="58">
        <f>Bühler!K3891</f>
        <v>0.21813004322530449</v>
      </c>
      <c r="L3865" s="58">
        <f>Bühler!L3891</f>
        <v>0.10906502161265225</v>
      </c>
      <c r="M3865" s="57">
        <f>Bühler!M3891</f>
        <v>0</v>
      </c>
      <c r="N3865" s="55">
        <f>IF(Input!$K$13=1,J3865*Input!$J$13,0)+IF(Input!$K$14=1,K3865*Input!$J$14,0)+IF(Input!$K$15=1,L3865*Input!$J$15,0)+IF(Input!$K$16=1,M3865*Input!$J$16,0)</f>
        <v>0.52247221788410236</v>
      </c>
      <c r="O3865" s="58">
        <f>IF(Input!$K$13=2,J3865*Input!$J$13,0)+IF(Input!$K$14=2,K3865*Input!$J$14,0)+IF(Input!$K$15=2,L3865*Input!$J$15,0)+IF(Input!$K$16=2,M3865*Input!$J$16,0)</f>
        <v>2.9447555835416105E-2</v>
      </c>
      <c r="P3865" s="58">
        <f>IF(Input!$K$13=3,J3865*Input!$J$13,0)+IF(Input!$K$14=3,K3865*Input!$J$14,0)+IF(Input!$K$15=3,L3865*Input!$J$15,0)+IF(Input!$K$16=3,M3865*Input!$J$16,0)</f>
        <v>0</v>
      </c>
      <c r="Q3865" s="71">
        <f>IF(Input!$K$13=4,J3865*Input!$J$13,0)+IF(Input!$K$14=4,K3865*Input!$J$14,0)+IF(Input!$K$15=4,L3865*Input!$J$15,0)+IF(Input!$K$16=4,M3865*Input!$J$16,0)</f>
        <v>0</v>
      </c>
    </row>
    <row r="3866" spans="8:17" x14ac:dyDescent="0.25">
      <c r="H3866" s="43">
        <v>3859</v>
      </c>
      <c r="I3866" s="55">
        <f>Bühler!I3892</f>
        <v>0.313913019160872</v>
      </c>
      <c r="J3866" s="58">
        <f>Bühler!J3892</f>
        <v>4.353432083298352</v>
      </c>
      <c r="K3866" s="58">
        <f>Bühler!K3892</f>
        <v>0.21813004322530449</v>
      </c>
      <c r="L3866" s="58">
        <f>Bühler!L3892</f>
        <v>0.10906502161265225</v>
      </c>
      <c r="M3866" s="57">
        <f>Bühler!M3892</f>
        <v>0</v>
      </c>
      <c r="N3866" s="55">
        <f>IF(Input!$K$13=1,J3866*Input!$J$13,0)+IF(Input!$K$14=1,K3866*Input!$J$14,0)+IF(Input!$K$15=1,L3866*Input!$J$15,0)+IF(Input!$K$16=1,M3866*Input!$J$16,0)</f>
        <v>0.52241184999580226</v>
      </c>
      <c r="O3866" s="58">
        <f>IF(Input!$K$13=2,J3866*Input!$J$13,0)+IF(Input!$K$14=2,K3866*Input!$J$14,0)+IF(Input!$K$15=2,L3866*Input!$J$15,0)+IF(Input!$K$16=2,M3866*Input!$J$16,0)</f>
        <v>2.9447555835416105E-2</v>
      </c>
      <c r="P3866" s="58">
        <f>IF(Input!$K$13=3,J3866*Input!$J$13,0)+IF(Input!$K$14=3,K3866*Input!$J$14,0)+IF(Input!$K$15=3,L3866*Input!$J$15,0)+IF(Input!$K$16=3,M3866*Input!$J$16,0)</f>
        <v>0</v>
      </c>
      <c r="Q3866" s="71">
        <f>IF(Input!$K$13=4,J3866*Input!$J$13,0)+IF(Input!$K$14=4,K3866*Input!$J$14,0)+IF(Input!$K$15=4,L3866*Input!$J$15,0)+IF(Input!$K$16=4,M3866*Input!$J$16,0)</f>
        <v>0</v>
      </c>
    </row>
    <row r="3867" spans="8:17" x14ac:dyDescent="0.25">
      <c r="H3867" s="43">
        <v>3860</v>
      </c>
      <c r="I3867" s="55">
        <f>Bühler!I3893</f>
        <v>0.25354513086070429</v>
      </c>
      <c r="J3867" s="58">
        <f>Bühler!J3893</f>
        <v>4.3509167546191785</v>
      </c>
      <c r="K3867" s="58">
        <f>Bühler!K3893</f>
        <v>0.21813004322530449</v>
      </c>
      <c r="L3867" s="58">
        <f>Bühler!L3893</f>
        <v>0.10906502161265225</v>
      </c>
      <c r="M3867" s="57">
        <f>Bühler!M3893</f>
        <v>0</v>
      </c>
      <c r="N3867" s="55">
        <f>IF(Input!$K$13=1,J3867*Input!$J$13,0)+IF(Input!$K$14=1,K3867*Input!$J$14,0)+IF(Input!$K$15=1,L3867*Input!$J$15,0)+IF(Input!$K$16=1,M3867*Input!$J$16,0)</f>
        <v>0.5221100105543014</v>
      </c>
      <c r="O3867" s="58">
        <f>IF(Input!$K$13=2,J3867*Input!$J$13,0)+IF(Input!$K$14=2,K3867*Input!$J$14,0)+IF(Input!$K$15=2,L3867*Input!$J$15,0)+IF(Input!$K$16=2,M3867*Input!$J$16,0)</f>
        <v>2.9447555835416105E-2</v>
      </c>
      <c r="P3867" s="58">
        <f>IF(Input!$K$13=3,J3867*Input!$J$13,0)+IF(Input!$K$14=3,K3867*Input!$J$14,0)+IF(Input!$K$15=3,L3867*Input!$J$15,0)+IF(Input!$K$16=3,M3867*Input!$J$16,0)</f>
        <v>0</v>
      </c>
      <c r="Q3867" s="71">
        <f>IF(Input!$K$13=4,J3867*Input!$J$13,0)+IF(Input!$K$14=4,K3867*Input!$J$14,0)+IF(Input!$K$15=4,L3867*Input!$J$15,0)+IF(Input!$K$16=4,M3867*Input!$J$16,0)</f>
        <v>0</v>
      </c>
    </row>
    <row r="3868" spans="8:17" x14ac:dyDescent="0.25">
      <c r="H3868" s="43">
        <v>3861</v>
      </c>
      <c r="I3868" s="55">
        <f>Bühler!I3894</f>
        <v>0.18714045373051982</v>
      </c>
      <c r="J3868" s="58">
        <f>Bühler!J3894</f>
        <v>4.3481498930720868</v>
      </c>
      <c r="K3868" s="58">
        <f>Bühler!K3894</f>
        <v>0.21813004322530449</v>
      </c>
      <c r="L3868" s="58">
        <f>Bühler!L3894</f>
        <v>0.10906502161265225</v>
      </c>
      <c r="M3868" s="57">
        <f>Bühler!M3894</f>
        <v>0</v>
      </c>
      <c r="N3868" s="55">
        <f>IF(Input!$K$13=1,J3868*Input!$J$13,0)+IF(Input!$K$14=1,K3868*Input!$J$14,0)+IF(Input!$K$15=1,L3868*Input!$J$15,0)+IF(Input!$K$16=1,M3868*Input!$J$16,0)</f>
        <v>0.52177798716865043</v>
      </c>
      <c r="O3868" s="58">
        <f>IF(Input!$K$13=2,J3868*Input!$J$13,0)+IF(Input!$K$14=2,K3868*Input!$J$14,0)+IF(Input!$K$15=2,L3868*Input!$J$15,0)+IF(Input!$K$16=2,M3868*Input!$J$16,0)</f>
        <v>2.9447555835416105E-2</v>
      </c>
      <c r="P3868" s="58">
        <f>IF(Input!$K$13=3,J3868*Input!$J$13,0)+IF(Input!$K$14=3,K3868*Input!$J$14,0)+IF(Input!$K$15=3,L3868*Input!$J$15,0)+IF(Input!$K$16=3,M3868*Input!$J$16,0)</f>
        <v>0</v>
      </c>
      <c r="Q3868" s="71">
        <f>IF(Input!$K$13=4,J3868*Input!$J$13,0)+IF(Input!$K$14=4,K3868*Input!$J$14,0)+IF(Input!$K$15=4,L3868*Input!$J$15,0)+IF(Input!$K$16=4,M3868*Input!$J$16,0)</f>
        <v>0</v>
      </c>
    </row>
    <row r="3869" spans="8:17" x14ac:dyDescent="0.25">
      <c r="H3869" s="43">
        <v>3862</v>
      </c>
      <c r="I3869" s="55">
        <f>Bühler!I3895</f>
        <v>0.18714045373051982</v>
      </c>
      <c r="J3869" s="58">
        <f>Bühler!J3895</f>
        <v>4.3481498930720868</v>
      </c>
      <c r="K3869" s="58">
        <f>Bühler!K3895</f>
        <v>0.21813004322530449</v>
      </c>
      <c r="L3869" s="58">
        <f>Bühler!L3895</f>
        <v>0.10906502161265225</v>
      </c>
      <c r="M3869" s="57">
        <f>Bühler!M3895</f>
        <v>0</v>
      </c>
      <c r="N3869" s="55">
        <f>IF(Input!$K$13=1,J3869*Input!$J$13,0)+IF(Input!$K$14=1,K3869*Input!$J$14,0)+IF(Input!$K$15=1,L3869*Input!$J$15,0)+IF(Input!$K$16=1,M3869*Input!$J$16,0)</f>
        <v>0.52177798716865043</v>
      </c>
      <c r="O3869" s="58">
        <f>IF(Input!$K$13=2,J3869*Input!$J$13,0)+IF(Input!$K$14=2,K3869*Input!$J$14,0)+IF(Input!$K$15=2,L3869*Input!$J$15,0)+IF(Input!$K$16=2,M3869*Input!$J$16,0)</f>
        <v>2.9447555835416105E-2</v>
      </c>
      <c r="P3869" s="58">
        <f>IF(Input!$K$13=3,J3869*Input!$J$13,0)+IF(Input!$K$14=3,K3869*Input!$J$14,0)+IF(Input!$K$15=3,L3869*Input!$J$15,0)+IF(Input!$K$16=3,M3869*Input!$J$16,0)</f>
        <v>0</v>
      </c>
      <c r="Q3869" s="71">
        <f>IF(Input!$K$13=4,J3869*Input!$J$13,0)+IF(Input!$K$14=4,K3869*Input!$J$14,0)+IF(Input!$K$15=4,L3869*Input!$J$15,0)+IF(Input!$K$16=4,M3869*Input!$J$16,0)</f>
        <v>0</v>
      </c>
    </row>
    <row r="3870" spans="8:17" x14ac:dyDescent="0.25">
      <c r="H3870" s="43">
        <v>3863</v>
      </c>
      <c r="I3870" s="55">
        <f>Bühler!I3896</f>
        <v>0.18714045373051982</v>
      </c>
      <c r="J3870" s="58">
        <f>Bühler!J3896</f>
        <v>4.3481498930720868</v>
      </c>
      <c r="K3870" s="58">
        <f>Bühler!K3896</f>
        <v>0.21813004322530449</v>
      </c>
      <c r="L3870" s="58">
        <f>Bühler!L3896</f>
        <v>0.10906502161265225</v>
      </c>
      <c r="M3870" s="57">
        <f>Bühler!M3896</f>
        <v>0</v>
      </c>
      <c r="N3870" s="55">
        <f>IF(Input!$K$13=1,J3870*Input!$J$13,0)+IF(Input!$K$14=1,K3870*Input!$J$14,0)+IF(Input!$K$15=1,L3870*Input!$J$15,0)+IF(Input!$K$16=1,M3870*Input!$J$16,0)</f>
        <v>0.52177798716865043</v>
      </c>
      <c r="O3870" s="58">
        <f>IF(Input!$K$13=2,J3870*Input!$J$13,0)+IF(Input!$K$14=2,K3870*Input!$J$14,0)+IF(Input!$K$15=2,L3870*Input!$J$15,0)+IF(Input!$K$16=2,M3870*Input!$J$16,0)</f>
        <v>2.9447555835416105E-2</v>
      </c>
      <c r="P3870" s="58">
        <f>IF(Input!$K$13=3,J3870*Input!$J$13,0)+IF(Input!$K$14=3,K3870*Input!$J$14,0)+IF(Input!$K$15=3,L3870*Input!$J$15,0)+IF(Input!$K$16=3,M3870*Input!$J$16,0)</f>
        <v>0</v>
      </c>
      <c r="Q3870" s="71">
        <f>IF(Input!$K$13=4,J3870*Input!$J$13,0)+IF(Input!$K$14=4,K3870*Input!$J$14,0)+IF(Input!$K$15=4,L3870*Input!$J$15,0)+IF(Input!$K$16=4,M3870*Input!$J$16,0)</f>
        <v>0</v>
      </c>
    </row>
    <row r="3871" spans="8:17" x14ac:dyDescent="0.25">
      <c r="H3871" s="43">
        <v>3864</v>
      </c>
      <c r="I3871" s="55">
        <f>Bühler!I3897</f>
        <v>0.18714045373051982</v>
      </c>
      <c r="J3871" s="58">
        <f>Bühler!J3897</f>
        <v>4.3481498930720868</v>
      </c>
      <c r="K3871" s="58">
        <f>Bühler!K3897</f>
        <v>0.21813004322530449</v>
      </c>
      <c r="L3871" s="58">
        <f>Bühler!L3897</f>
        <v>0.10906502161265225</v>
      </c>
      <c r="M3871" s="57">
        <f>Bühler!M3897</f>
        <v>0</v>
      </c>
      <c r="N3871" s="55">
        <f>IF(Input!$K$13=1,J3871*Input!$J$13,0)+IF(Input!$K$14=1,K3871*Input!$J$14,0)+IF(Input!$K$15=1,L3871*Input!$J$15,0)+IF(Input!$K$16=1,M3871*Input!$J$16,0)</f>
        <v>0.52177798716865043</v>
      </c>
      <c r="O3871" s="58">
        <f>IF(Input!$K$13=2,J3871*Input!$J$13,0)+IF(Input!$K$14=2,K3871*Input!$J$14,0)+IF(Input!$K$15=2,L3871*Input!$J$15,0)+IF(Input!$K$16=2,M3871*Input!$J$16,0)</f>
        <v>2.9447555835416105E-2</v>
      </c>
      <c r="P3871" s="58">
        <f>IF(Input!$K$13=3,J3871*Input!$J$13,0)+IF(Input!$K$14=3,K3871*Input!$J$14,0)+IF(Input!$K$15=3,L3871*Input!$J$15,0)+IF(Input!$K$16=3,M3871*Input!$J$16,0)</f>
        <v>0</v>
      </c>
      <c r="Q3871" s="71">
        <f>IF(Input!$K$13=4,J3871*Input!$J$13,0)+IF(Input!$K$14=4,K3871*Input!$J$14,0)+IF(Input!$K$15=4,L3871*Input!$J$15,0)+IF(Input!$K$16=4,M3871*Input!$J$16,0)</f>
        <v>0</v>
      </c>
    </row>
    <row r="3872" spans="8:17" x14ac:dyDescent="0.25">
      <c r="H3872" s="43">
        <v>3865</v>
      </c>
      <c r="I3872" s="55">
        <f>Bühler!I3898</f>
        <v>0.24575273205447612</v>
      </c>
      <c r="J3872" s="58">
        <f>Bühler!J3898</f>
        <v>4.4800813868954625</v>
      </c>
      <c r="K3872" s="58">
        <f>Bühler!K3898</f>
        <v>0.21973513682945164</v>
      </c>
      <c r="L3872" s="58">
        <f>Bühler!L3898</f>
        <v>0.10986756841472582</v>
      </c>
      <c r="M3872" s="57">
        <f>Bühler!M3898</f>
        <v>0</v>
      </c>
      <c r="N3872" s="55">
        <f>IF(Input!$K$13=1,J3872*Input!$J$13,0)+IF(Input!$K$14=1,K3872*Input!$J$14,0)+IF(Input!$K$15=1,L3872*Input!$J$15,0)+IF(Input!$K$16=1,M3872*Input!$J$16,0)</f>
        <v>0.5376097664274555</v>
      </c>
      <c r="O3872" s="58">
        <f>IF(Input!$K$13=2,J3872*Input!$J$13,0)+IF(Input!$K$14=2,K3872*Input!$J$14,0)+IF(Input!$K$15=2,L3872*Input!$J$15,0)+IF(Input!$K$16=2,M3872*Input!$J$16,0)</f>
        <v>2.9664243471975972E-2</v>
      </c>
      <c r="P3872" s="58">
        <f>IF(Input!$K$13=3,J3872*Input!$J$13,0)+IF(Input!$K$14=3,K3872*Input!$J$14,0)+IF(Input!$K$15=3,L3872*Input!$J$15,0)+IF(Input!$K$16=3,M3872*Input!$J$16,0)</f>
        <v>0</v>
      </c>
      <c r="Q3872" s="71">
        <f>IF(Input!$K$13=4,J3872*Input!$J$13,0)+IF(Input!$K$14=4,K3872*Input!$J$14,0)+IF(Input!$K$15=4,L3872*Input!$J$15,0)+IF(Input!$K$16=4,M3872*Input!$J$16,0)</f>
        <v>0</v>
      </c>
    </row>
    <row r="3873" spans="8:17" x14ac:dyDescent="0.25">
      <c r="H3873" s="43">
        <v>3866</v>
      </c>
      <c r="I3873" s="55">
        <f>Bühler!I3899</f>
        <v>0.28539026948261736</v>
      </c>
      <c r="J3873" s="58">
        <f>Bühler!J3899</f>
        <v>4.4817329509549682</v>
      </c>
      <c r="K3873" s="58">
        <f>Bühler!K3899</f>
        <v>0.21973513682945164</v>
      </c>
      <c r="L3873" s="58">
        <f>Bühler!L3899</f>
        <v>0.10986756841472582</v>
      </c>
      <c r="M3873" s="57">
        <f>Bühler!M3899</f>
        <v>0</v>
      </c>
      <c r="N3873" s="55">
        <f>IF(Input!$K$13=1,J3873*Input!$J$13,0)+IF(Input!$K$14=1,K3873*Input!$J$14,0)+IF(Input!$K$15=1,L3873*Input!$J$15,0)+IF(Input!$K$16=1,M3873*Input!$J$16,0)</f>
        <v>0.53780795411459614</v>
      </c>
      <c r="O3873" s="58">
        <f>IF(Input!$K$13=2,J3873*Input!$J$13,0)+IF(Input!$K$14=2,K3873*Input!$J$14,0)+IF(Input!$K$15=2,L3873*Input!$J$15,0)+IF(Input!$K$16=2,M3873*Input!$J$16,0)</f>
        <v>2.9664243471975972E-2</v>
      </c>
      <c r="P3873" s="58">
        <f>IF(Input!$K$13=3,J3873*Input!$J$13,0)+IF(Input!$K$14=3,K3873*Input!$J$14,0)+IF(Input!$K$15=3,L3873*Input!$J$15,0)+IF(Input!$K$16=3,M3873*Input!$J$16,0)</f>
        <v>0</v>
      </c>
      <c r="Q3873" s="71">
        <f>IF(Input!$K$13=4,J3873*Input!$J$13,0)+IF(Input!$K$14=4,K3873*Input!$J$14,0)+IF(Input!$K$15=4,L3873*Input!$J$15,0)+IF(Input!$K$16=4,M3873*Input!$J$16,0)</f>
        <v>0</v>
      </c>
    </row>
    <row r="3874" spans="8:17" x14ac:dyDescent="0.25">
      <c r="H3874" s="43">
        <v>3867</v>
      </c>
      <c r="I3874" s="55">
        <f>Bühler!I3900</f>
        <v>0.28539026948261736</v>
      </c>
      <c r="J3874" s="58">
        <f>Bühler!J3900</f>
        <v>4.4817329509549682</v>
      </c>
      <c r="K3874" s="58">
        <f>Bühler!K3900</f>
        <v>0.21973513682945164</v>
      </c>
      <c r="L3874" s="58">
        <f>Bühler!L3900</f>
        <v>0.10986756841472582</v>
      </c>
      <c r="M3874" s="57">
        <f>Bühler!M3900</f>
        <v>0</v>
      </c>
      <c r="N3874" s="55">
        <f>IF(Input!$K$13=1,J3874*Input!$J$13,0)+IF(Input!$K$14=1,K3874*Input!$J$14,0)+IF(Input!$K$15=1,L3874*Input!$J$15,0)+IF(Input!$K$16=1,M3874*Input!$J$16,0)</f>
        <v>0.53780795411459614</v>
      </c>
      <c r="O3874" s="58">
        <f>IF(Input!$K$13=2,J3874*Input!$J$13,0)+IF(Input!$K$14=2,K3874*Input!$J$14,0)+IF(Input!$K$15=2,L3874*Input!$J$15,0)+IF(Input!$K$16=2,M3874*Input!$J$16,0)</f>
        <v>2.9664243471975972E-2</v>
      </c>
      <c r="P3874" s="58">
        <f>IF(Input!$K$13=3,J3874*Input!$J$13,0)+IF(Input!$K$14=3,K3874*Input!$J$14,0)+IF(Input!$K$15=3,L3874*Input!$J$15,0)+IF(Input!$K$16=3,M3874*Input!$J$16,0)</f>
        <v>0</v>
      </c>
      <c r="Q3874" s="71">
        <f>IF(Input!$K$13=4,J3874*Input!$J$13,0)+IF(Input!$K$14=4,K3874*Input!$J$14,0)+IF(Input!$K$15=4,L3874*Input!$J$15,0)+IF(Input!$K$16=4,M3874*Input!$J$16,0)</f>
        <v>0</v>
      </c>
    </row>
    <row r="3875" spans="8:17" x14ac:dyDescent="0.25">
      <c r="H3875" s="43">
        <v>3868</v>
      </c>
      <c r="I3875" s="55">
        <f>Bühler!I3901</f>
        <v>0.28539026948261736</v>
      </c>
      <c r="J3875" s="58">
        <f>Bühler!J3901</f>
        <v>4.4817329509549682</v>
      </c>
      <c r="K3875" s="58">
        <f>Bühler!K3901</f>
        <v>0.21973513682945164</v>
      </c>
      <c r="L3875" s="58">
        <f>Bühler!L3901</f>
        <v>0.10986756841472582</v>
      </c>
      <c r="M3875" s="57">
        <f>Bühler!M3901</f>
        <v>0</v>
      </c>
      <c r="N3875" s="55">
        <f>IF(Input!$K$13=1,J3875*Input!$J$13,0)+IF(Input!$K$14=1,K3875*Input!$J$14,0)+IF(Input!$K$15=1,L3875*Input!$J$15,0)+IF(Input!$K$16=1,M3875*Input!$J$16,0)</f>
        <v>0.53780795411459614</v>
      </c>
      <c r="O3875" s="58">
        <f>IF(Input!$K$13=2,J3875*Input!$J$13,0)+IF(Input!$K$14=2,K3875*Input!$J$14,0)+IF(Input!$K$15=2,L3875*Input!$J$15,0)+IF(Input!$K$16=2,M3875*Input!$J$16,0)</f>
        <v>2.9664243471975972E-2</v>
      </c>
      <c r="P3875" s="58">
        <f>IF(Input!$K$13=3,J3875*Input!$J$13,0)+IF(Input!$K$14=3,K3875*Input!$J$14,0)+IF(Input!$K$15=3,L3875*Input!$J$15,0)+IF(Input!$K$16=3,M3875*Input!$J$16,0)</f>
        <v>0</v>
      </c>
      <c r="Q3875" s="71">
        <f>IF(Input!$K$13=4,J3875*Input!$J$13,0)+IF(Input!$K$14=4,K3875*Input!$J$14,0)+IF(Input!$K$15=4,L3875*Input!$J$15,0)+IF(Input!$K$16=4,M3875*Input!$J$16,0)</f>
        <v>0</v>
      </c>
    </row>
    <row r="3876" spans="8:17" x14ac:dyDescent="0.25">
      <c r="H3876" s="43">
        <v>3869</v>
      </c>
      <c r="I3876" s="55">
        <f>Bühler!I3902</f>
        <v>0.28539026948261736</v>
      </c>
      <c r="J3876" s="58">
        <f>Bühler!J3902</f>
        <v>4.4817329509549682</v>
      </c>
      <c r="K3876" s="58">
        <f>Bühler!K3902</f>
        <v>0.21973513682945164</v>
      </c>
      <c r="L3876" s="58">
        <f>Bühler!L3902</f>
        <v>0.10986756841472582</v>
      </c>
      <c r="M3876" s="57">
        <f>Bühler!M3902</f>
        <v>0</v>
      </c>
      <c r="N3876" s="55">
        <f>IF(Input!$K$13=1,J3876*Input!$J$13,0)+IF(Input!$K$14=1,K3876*Input!$J$14,0)+IF(Input!$K$15=1,L3876*Input!$J$15,0)+IF(Input!$K$16=1,M3876*Input!$J$16,0)</f>
        <v>0.53780795411459614</v>
      </c>
      <c r="O3876" s="58">
        <f>IF(Input!$K$13=2,J3876*Input!$J$13,0)+IF(Input!$K$14=2,K3876*Input!$J$14,0)+IF(Input!$K$15=2,L3876*Input!$J$15,0)+IF(Input!$K$16=2,M3876*Input!$J$16,0)</f>
        <v>2.9664243471975972E-2</v>
      </c>
      <c r="P3876" s="58">
        <f>IF(Input!$K$13=3,J3876*Input!$J$13,0)+IF(Input!$K$14=3,K3876*Input!$J$14,0)+IF(Input!$K$15=3,L3876*Input!$J$15,0)+IF(Input!$K$16=3,M3876*Input!$J$16,0)</f>
        <v>0</v>
      </c>
      <c r="Q3876" s="71">
        <f>IF(Input!$K$13=4,J3876*Input!$J$13,0)+IF(Input!$K$14=4,K3876*Input!$J$14,0)+IF(Input!$K$15=4,L3876*Input!$J$15,0)+IF(Input!$K$16=4,M3876*Input!$J$16,0)</f>
        <v>0</v>
      </c>
    </row>
    <row r="3877" spans="8:17" x14ac:dyDescent="0.25">
      <c r="H3877" s="43">
        <v>3870</v>
      </c>
      <c r="I3877" s="55">
        <f>Bühler!I3903</f>
        <v>0.35673783685327182</v>
      </c>
      <c r="J3877" s="58">
        <f>Bühler!J3903</f>
        <v>4.4847057662620795</v>
      </c>
      <c r="K3877" s="58">
        <f>Bühler!K3903</f>
        <v>0.21973513682945164</v>
      </c>
      <c r="L3877" s="58">
        <f>Bühler!L3903</f>
        <v>0.10986756841472582</v>
      </c>
      <c r="M3877" s="57">
        <f>Bühler!M3903</f>
        <v>0</v>
      </c>
      <c r="N3877" s="55">
        <f>IF(Input!$K$13=1,J3877*Input!$J$13,0)+IF(Input!$K$14=1,K3877*Input!$J$14,0)+IF(Input!$K$15=1,L3877*Input!$J$15,0)+IF(Input!$K$16=1,M3877*Input!$J$16,0)</f>
        <v>0.53816469195144956</v>
      </c>
      <c r="O3877" s="58">
        <f>IF(Input!$K$13=2,J3877*Input!$J$13,0)+IF(Input!$K$14=2,K3877*Input!$J$14,0)+IF(Input!$K$15=2,L3877*Input!$J$15,0)+IF(Input!$K$16=2,M3877*Input!$J$16,0)</f>
        <v>2.9664243471975972E-2</v>
      </c>
      <c r="P3877" s="58">
        <f>IF(Input!$K$13=3,J3877*Input!$J$13,0)+IF(Input!$K$14=3,K3877*Input!$J$14,0)+IF(Input!$K$15=3,L3877*Input!$J$15,0)+IF(Input!$K$16=3,M3877*Input!$J$16,0)</f>
        <v>0</v>
      </c>
      <c r="Q3877" s="71">
        <f>IF(Input!$K$13=4,J3877*Input!$J$13,0)+IF(Input!$K$14=4,K3877*Input!$J$14,0)+IF(Input!$K$15=4,L3877*Input!$J$15,0)+IF(Input!$K$16=4,M3877*Input!$J$16,0)</f>
        <v>0</v>
      </c>
    </row>
    <row r="3878" spans="8:17" x14ac:dyDescent="0.25">
      <c r="H3878" s="43">
        <v>3871</v>
      </c>
      <c r="I3878" s="55">
        <f>Bühler!I3904</f>
        <v>0.42015789673829784</v>
      </c>
      <c r="J3878" s="58">
        <f>Bühler!J3904</f>
        <v>4.4873482687572883</v>
      </c>
      <c r="K3878" s="58">
        <f>Bühler!K3904</f>
        <v>0.21973513682945164</v>
      </c>
      <c r="L3878" s="58">
        <f>Bühler!L3904</f>
        <v>0.10986756841472582</v>
      </c>
      <c r="M3878" s="57">
        <f>Bühler!M3904</f>
        <v>0</v>
      </c>
      <c r="N3878" s="55">
        <f>IF(Input!$K$13=1,J3878*Input!$J$13,0)+IF(Input!$K$14=1,K3878*Input!$J$14,0)+IF(Input!$K$15=1,L3878*Input!$J$15,0)+IF(Input!$K$16=1,M3878*Input!$J$16,0)</f>
        <v>0.53848179225087456</v>
      </c>
      <c r="O3878" s="58">
        <f>IF(Input!$K$13=2,J3878*Input!$J$13,0)+IF(Input!$K$14=2,K3878*Input!$J$14,0)+IF(Input!$K$15=2,L3878*Input!$J$15,0)+IF(Input!$K$16=2,M3878*Input!$J$16,0)</f>
        <v>2.9664243471975972E-2</v>
      </c>
      <c r="P3878" s="58">
        <f>IF(Input!$K$13=3,J3878*Input!$J$13,0)+IF(Input!$K$14=3,K3878*Input!$J$14,0)+IF(Input!$K$15=3,L3878*Input!$J$15,0)+IF(Input!$K$16=3,M3878*Input!$J$16,0)</f>
        <v>0</v>
      </c>
      <c r="Q3878" s="71">
        <f>IF(Input!$K$13=4,J3878*Input!$J$13,0)+IF(Input!$K$14=4,K3878*Input!$J$14,0)+IF(Input!$K$15=4,L3878*Input!$J$15,0)+IF(Input!$K$16=4,M3878*Input!$J$16,0)</f>
        <v>0</v>
      </c>
    </row>
    <row r="3879" spans="8:17" x14ac:dyDescent="0.25">
      <c r="H3879" s="43">
        <v>3872</v>
      </c>
      <c r="I3879" s="55">
        <f>Bühler!I3905</f>
        <v>0.49943297159458044</v>
      </c>
      <c r="J3879" s="58">
        <f>Bühler!J3905</f>
        <v>4.4906513968763004</v>
      </c>
      <c r="K3879" s="58">
        <f>Bühler!K3905</f>
        <v>0.21973513682945164</v>
      </c>
      <c r="L3879" s="58">
        <f>Bühler!L3905</f>
        <v>0.10986756841472582</v>
      </c>
      <c r="M3879" s="57">
        <f>Bühler!M3905</f>
        <v>0</v>
      </c>
      <c r="N3879" s="55">
        <f>IF(Input!$K$13=1,J3879*Input!$J$13,0)+IF(Input!$K$14=1,K3879*Input!$J$14,0)+IF(Input!$K$15=1,L3879*Input!$J$15,0)+IF(Input!$K$16=1,M3879*Input!$J$16,0)</f>
        <v>0.53887816762515606</v>
      </c>
      <c r="O3879" s="58">
        <f>IF(Input!$K$13=2,J3879*Input!$J$13,0)+IF(Input!$K$14=2,K3879*Input!$J$14,0)+IF(Input!$K$15=2,L3879*Input!$J$15,0)+IF(Input!$K$16=2,M3879*Input!$J$16,0)</f>
        <v>2.9664243471975972E-2</v>
      </c>
      <c r="P3879" s="58">
        <f>IF(Input!$K$13=3,J3879*Input!$J$13,0)+IF(Input!$K$14=3,K3879*Input!$J$14,0)+IF(Input!$K$15=3,L3879*Input!$J$15,0)+IF(Input!$K$16=3,M3879*Input!$J$16,0)</f>
        <v>0</v>
      </c>
      <c r="Q3879" s="71">
        <f>IF(Input!$K$13=4,J3879*Input!$J$13,0)+IF(Input!$K$14=4,K3879*Input!$J$14,0)+IF(Input!$K$15=4,L3879*Input!$J$15,0)+IF(Input!$K$16=4,M3879*Input!$J$16,0)</f>
        <v>0</v>
      </c>
    </row>
    <row r="3880" spans="8:17" x14ac:dyDescent="0.25">
      <c r="H3880" s="43">
        <v>3873</v>
      </c>
      <c r="I3880" s="55">
        <f>Bühler!I3906</f>
        <v>0.49943297159458044</v>
      </c>
      <c r="J3880" s="58">
        <f>Bühler!J3906</f>
        <v>4.4906513968763004</v>
      </c>
      <c r="K3880" s="58">
        <f>Bühler!K3906</f>
        <v>0.21973513682945164</v>
      </c>
      <c r="L3880" s="58">
        <f>Bühler!L3906</f>
        <v>0.10986756841472582</v>
      </c>
      <c r="M3880" s="57">
        <f>Bühler!M3906</f>
        <v>0</v>
      </c>
      <c r="N3880" s="55">
        <f>IF(Input!$K$13=1,J3880*Input!$J$13,0)+IF(Input!$K$14=1,K3880*Input!$J$14,0)+IF(Input!$K$15=1,L3880*Input!$J$15,0)+IF(Input!$K$16=1,M3880*Input!$J$16,0)</f>
        <v>0.53887816762515606</v>
      </c>
      <c r="O3880" s="58">
        <f>IF(Input!$K$13=2,J3880*Input!$J$13,0)+IF(Input!$K$14=2,K3880*Input!$J$14,0)+IF(Input!$K$15=2,L3880*Input!$J$15,0)+IF(Input!$K$16=2,M3880*Input!$J$16,0)</f>
        <v>2.9664243471975972E-2</v>
      </c>
      <c r="P3880" s="58">
        <f>IF(Input!$K$13=3,J3880*Input!$J$13,0)+IF(Input!$K$14=3,K3880*Input!$J$14,0)+IF(Input!$K$15=3,L3880*Input!$J$15,0)+IF(Input!$K$16=3,M3880*Input!$J$16,0)</f>
        <v>0</v>
      </c>
      <c r="Q3880" s="71">
        <f>IF(Input!$K$13=4,J3880*Input!$J$13,0)+IF(Input!$K$14=4,K3880*Input!$J$14,0)+IF(Input!$K$15=4,L3880*Input!$J$15,0)+IF(Input!$K$16=4,M3880*Input!$J$16,0)</f>
        <v>0</v>
      </c>
    </row>
    <row r="3881" spans="8:17" x14ac:dyDescent="0.25">
      <c r="H3881" s="43">
        <v>3874</v>
      </c>
      <c r="I3881" s="55">
        <f>Bühler!I3907</f>
        <v>0.49943297159458044</v>
      </c>
      <c r="J3881" s="58">
        <f>Bühler!J3907</f>
        <v>4.4906513968763004</v>
      </c>
      <c r="K3881" s="58">
        <f>Bühler!K3907</f>
        <v>0.21973513682945164</v>
      </c>
      <c r="L3881" s="58">
        <f>Bühler!L3907</f>
        <v>0.10986756841472582</v>
      </c>
      <c r="M3881" s="57">
        <f>Bühler!M3907</f>
        <v>0</v>
      </c>
      <c r="N3881" s="55">
        <f>IF(Input!$K$13=1,J3881*Input!$J$13,0)+IF(Input!$K$14=1,K3881*Input!$J$14,0)+IF(Input!$K$15=1,L3881*Input!$J$15,0)+IF(Input!$K$16=1,M3881*Input!$J$16,0)</f>
        <v>0.53887816762515606</v>
      </c>
      <c r="O3881" s="58">
        <f>IF(Input!$K$13=2,J3881*Input!$J$13,0)+IF(Input!$K$14=2,K3881*Input!$J$14,0)+IF(Input!$K$15=2,L3881*Input!$J$15,0)+IF(Input!$K$16=2,M3881*Input!$J$16,0)</f>
        <v>2.9664243471975972E-2</v>
      </c>
      <c r="P3881" s="58">
        <f>IF(Input!$K$13=3,J3881*Input!$J$13,0)+IF(Input!$K$14=3,K3881*Input!$J$14,0)+IF(Input!$K$15=3,L3881*Input!$J$15,0)+IF(Input!$K$16=3,M3881*Input!$J$16,0)</f>
        <v>0</v>
      </c>
      <c r="Q3881" s="71">
        <f>IF(Input!$K$13=4,J3881*Input!$J$13,0)+IF(Input!$K$14=4,K3881*Input!$J$14,0)+IF(Input!$K$15=4,L3881*Input!$J$15,0)+IF(Input!$K$16=4,M3881*Input!$J$16,0)</f>
        <v>0</v>
      </c>
    </row>
    <row r="3882" spans="8:17" x14ac:dyDescent="0.25">
      <c r="H3882" s="43">
        <v>3875</v>
      </c>
      <c r="I3882" s="55">
        <f>Bühler!I3908</f>
        <v>0.49943297159458044</v>
      </c>
      <c r="J3882" s="58">
        <f>Bühler!J3908</f>
        <v>4.4906513968763004</v>
      </c>
      <c r="K3882" s="58">
        <f>Bühler!K3908</f>
        <v>0.21973513682945164</v>
      </c>
      <c r="L3882" s="58">
        <f>Bühler!L3908</f>
        <v>0.10986756841472582</v>
      </c>
      <c r="M3882" s="57">
        <f>Bühler!M3908</f>
        <v>0</v>
      </c>
      <c r="N3882" s="55">
        <f>IF(Input!$K$13=1,J3882*Input!$J$13,0)+IF(Input!$K$14=1,K3882*Input!$J$14,0)+IF(Input!$K$15=1,L3882*Input!$J$15,0)+IF(Input!$K$16=1,M3882*Input!$J$16,0)</f>
        <v>0.53887816762515606</v>
      </c>
      <c r="O3882" s="58">
        <f>IF(Input!$K$13=2,J3882*Input!$J$13,0)+IF(Input!$K$14=2,K3882*Input!$J$14,0)+IF(Input!$K$15=2,L3882*Input!$J$15,0)+IF(Input!$K$16=2,M3882*Input!$J$16,0)</f>
        <v>2.9664243471975972E-2</v>
      </c>
      <c r="P3882" s="58">
        <f>IF(Input!$K$13=3,J3882*Input!$J$13,0)+IF(Input!$K$14=3,K3882*Input!$J$14,0)+IF(Input!$K$15=3,L3882*Input!$J$15,0)+IF(Input!$K$16=3,M3882*Input!$J$16,0)</f>
        <v>0</v>
      </c>
      <c r="Q3882" s="71">
        <f>IF(Input!$K$13=4,J3882*Input!$J$13,0)+IF(Input!$K$14=4,K3882*Input!$J$14,0)+IF(Input!$K$15=4,L3882*Input!$J$15,0)+IF(Input!$K$16=4,M3882*Input!$J$16,0)</f>
        <v>0</v>
      </c>
    </row>
    <row r="3883" spans="8:17" x14ac:dyDescent="0.25">
      <c r="H3883" s="43">
        <v>3876</v>
      </c>
      <c r="I3883" s="55">
        <f>Bühler!I3909</f>
        <v>0.49943297159458044</v>
      </c>
      <c r="J3883" s="58">
        <f>Bühler!J3909</f>
        <v>4.4906513968763004</v>
      </c>
      <c r="K3883" s="58">
        <f>Bühler!K3909</f>
        <v>0.21973513682945164</v>
      </c>
      <c r="L3883" s="58">
        <f>Bühler!L3909</f>
        <v>0.10986756841472582</v>
      </c>
      <c r="M3883" s="57">
        <f>Bühler!M3909</f>
        <v>0</v>
      </c>
      <c r="N3883" s="55">
        <f>IF(Input!$K$13=1,J3883*Input!$J$13,0)+IF(Input!$K$14=1,K3883*Input!$J$14,0)+IF(Input!$K$15=1,L3883*Input!$J$15,0)+IF(Input!$K$16=1,M3883*Input!$J$16,0)</f>
        <v>0.53887816762515606</v>
      </c>
      <c r="O3883" s="58">
        <f>IF(Input!$K$13=2,J3883*Input!$J$13,0)+IF(Input!$K$14=2,K3883*Input!$J$14,0)+IF(Input!$K$15=2,L3883*Input!$J$15,0)+IF(Input!$K$16=2,M3883*Input!$J$16,0)</f>
        <v>2.9664243471975972E-2</v>
      </c>
      <c r="P3883" s="58">
        <f>IF(Input!$K$13=3,J3883*Input!$J$13,0)+IF(Input!$K$14=3,K3883*Input!$J$14,0)+IF(Input!$K$15=3,L3883*Input!$J$15,0)+IF(Input!$K$16=3,M3883*Input!$J$16,0)</f>
        <v>0</v>
      </c>
      <c r="Q3883" s="71">
        <f>IF(Input!$K$13=4,J3883*Input!$J$13,0)+IF(Input!$K$14=4,K3883*Input!$J$14,0)+IF(Input!$K$15=4,L3883*Input!$J$15,0)+IF(Input!$K$16=4,M3883*Input!$J$16,0)</f>
        <v>0</v>
      </c>
    </row>
    <row r="3884" spans="8:17" x14ac:dyDescent="0.25">
      <c r="H3884" s="43">
        <v>3877</v>
      </c>
      <c r="I3884" s="55">
        <f>Bühler!I3910</f>
        <v>0.49943297159458044</v>
      </c>
      <c r="J3884" s="58">
        <f>Bühler!J3910</f>
        <v>4.4906513968763004</v>
      </c>
      <c r="K3884" s="58">
        <f>Bühler!K3910</f>
        <v>0.21973513682945164</v>
      </c>
      <c r="L3884" s="58">
        <f>Bühler!L3910</f>
        <v>0.10986756841472582</v>
      </c>
      <c r="M3884" s="57">
        <f>Bühler!M3910</f>
        <v>0</v>
      </c>
      <c r="N3884" s="55">
        <f>IF(Input!$K$13=1,J3884*Input!$J$13,0)+IF(Input!$K$14=1,K3884*Input!$J$14,0)+IF(Input!$K$15=1,L3884*Input!$J$15,0)+IF(Input!$K$16=1,M3884*Input!$J$16,0)</f>
        <v>0.53887816762515606</v>
      </c>
      <c r="O3884" s="58">
        <f>IF(Input!$K$13=2,J3884*Input!$J$13,0)+IF(Input!$K$14=2,K3884*Input!$J$14,0)+IF(Input!$K$15=2,L3884*Input!$J$15,0)+IF(Input!$K$16=2,M3884*Input!$J$16,0)</f>
        <v>2.9664243471975972E-2</v>
      </c>
      <c r="P3884" s="58">
        <f>IF(Input!$K$13=3,J3884*Input!$J$13,0)+IF(Input!$K$14=3,K3884*Input!$J$14,0)+IF(Input!$K$15=3,L3884*Input!$J$15,0)+IF(Input!$K$16=3,M3884*Input!$J$16,0)</f>
        <v>0</v>
      </c>
      <c r="Q3884" s="71">
        <f>IF(Input!$K$13=4,J3884*Input!$J$13,0)+IF(Input!$K$14=4,K3884*Input!$J$14,0)+IF(Input!$K$15=4,L3884*Input!$J$15,0)+IF(Input!$K$16=4,M3884*Input!$J$16,0)</f>
        <v>0</v>
      </c>
    </row>
    <row r="3885" spans="8:17" x14ac:dyDescent="0.25">
      <c r="H3885" s="43">
        <v>3878</v>
      </c>
      <c r="I3885" s="55">
        <f>Bühler!I3911</f>
        <v>0.49943297159458044</v>
      </c>
      <c r="J3885" s="58">
        <f>Bühler!J3911</f>
        <v>4.4906513968763004</v>
      </c>
      <c r="K3885" s="58">
        <f>Bühler!K3911</f>
        <v>0.21973513682945164</v>
      </c>
      <c r="L3885" s="58">
        <f>Bühler!L3911</f>
        <v>0.10986756841472582</v>
      </c>
      <c r="M3885" s="57">
        <f>Bühler!M3911</f>
        <v>0</v>
      </c>
      <c r="N3885" s="55">
        <f>IF(Input!$K$13=1,J3885*Input!$J$13,0)+IF(Input!$K$14=1,K3885*Input!$J$14,0)+IF(Input!$K$15=1,L3885*Input!$J$15,0)+IF(Input!$K$16=1,M3885*Input!$J$16,0)</f>
        <v>0.53887816762515606</v>
      </c>
      <c r="O3885" s="58">
        <f>IF(Input!$K$13=2,J3885*Input!$J$13,0)+IF(Input!$K$14=2,K3885*Input!$J$14,0)+IF(Input!$K$15=2,L3885*Input!$J$15,0)+IF(Input!$K$16=2,M3885*Input!$J$16,0)</f>
        <v>2.9664243471975972E-2</v>
      </c>
      <c r="P3885" s="58">
        <f>IF(Input!$K$13=3,J3885*Input!$J$13,0)+IF(Input!$K$14=3,K3885*Input!$J$14,0)+IF(Input!$K$15=3,L3885*Input!$J$15,0)+IF(Input!$K$16=3,M3885*Input!$J$16,0)</f>
        <v>0</v>
      </c>
      <c r="Q3885" s="71">
        <f>IF(Input!$K$13=4,J3885*Input!$J$13,0)+IF(Input!$K$14=4,K3885*Input!$J$14,0)+IF(Input!$K$15=4,L3885*Input!$J$15,0)+IF(Input!$K$16=4,M3885*Input!$J$16,0)</f>
        <v>0</v>
      </c>
    </row>
    <row r="3886" spans="8:17" x14ac:dyDescent="0.25">
      <c r="H3886" s="43">
        <v>3879</v>
      </c>
      <c r="I3886" s="55">
        <f>Bühler!I3912</f>
        <v>0.49943297159458044</v>
      </c>
      <c r="J3886" s="58">
        <f>Bühler!J3912</f>
        <v>4.4906513968763004</v>
      </c>
      <c r="K3886" s="58">
        <f>Bühler!K3912</f>
        <v>0.21973513682945164</v>
      </c>
      <c r="L3886" s="58">
        <f>Bühler!L3912</f>
        <v>0.10986756841472582</v>
      </c>
      <c r="M3886" s="57">
        <f>Bühler!M3912</f>
        <v>0</v>
      </c>
      <c r="N3886" s="55">
        <f>IF(Input!$K$13=1,J3886*Input!$J$13,0)+IF(Input!$K$14=1,K3886*Input!$J$14,0)+IF(Input!$K$15=1,L3886*Input!$J$15,0)+IF(Input!$K$16=1,M3886*Input!$J$16,0)</f>
        <v>0.53887816762515606</v>
      </c>
      <c r="O3886" s="58">
        <f>IF(Input!$K$13=2,J3886*Input!$J$13,0)+IF(Input!$K$14=2,K3886*Input!$J$14,0)+IF(Input!$K$15=2,L3886*Input!$J$15,0)+IF(Input!$K$16=2,M3886*Input!$J$16,0)</f>
        <v>2.9664243471975972E-2</v>
      </c>
      <c r="P3886" s="58">
        <f>IF(Input!$K$13=3,J3886*Input!$J$13,0)+IF(Input!$K$14=3,K3886*Input!$J$14,0)+IF(Input!$K$15=3,L3886*Input!$J$15,0)+IF(Input!$K$16=3,M3886*Input!$J$16,0)</f>
        <v>0</v>
      </c>
      <c r="Q3886" s="71">
        <f>IF(Input!$K$13=4,J3886*Input!$J$13,0)+IF(Input!$K$14=4,K3886*Input!$J$14,0)+IF(Input!$K$15=4,L3886*Input!$J$15,0)+IF(Input!$K$16=4,M3886*Input!$J$16,0)</f>
        <v>0</v>
      </c>
    </row>
    <row r="3887" spans="8:17" x14ac:dyDescent="0.25">
      <c r="H3887" s="43">
        <v>3880</v>
      </c>
      <c r="I3887" s="55">
        <f>Bühler!I3913</f>
        <v>0.44394041919518262</v>
      </c>
      <c r="J3887" s="58">
        <f>Bühler!J3913</f>
        <v>4.4883392071929924</v>
      </c>
      <c r="K3887" s="58">
        <f>Bühler!K3913</f>
        <v>0.21973513682945164</v>
      </c>
      <c r="L3887" s="58">
        <f>Bühler!L3913</f>
        <v>0.10986756841472582</v>
      </c>
      <c r="M3887" s="57">
        <f>Bühler!M3913</f>
        <v>0</v>
      </c>
      <c r="N3887" s="55">
        <f>IF(Input!$K$13=1,J3887*Input!$J$13,0)+IF(Input!$K$14=1,K3887*Input!$J$14,0)+IF(Input!$K$15=1,L3887*Input!$J$15,0)+IF(Input!$K$16=1,M3887*Input!$J$16,0)</f>
        <v>0.53860070486315903</v>
      </c>
      <c r="O3887" s="58">
        <f>IF(Input!$K$13=2,J3887*Input!$J$13,0)+IF(Input!$K$14=2,K3887*Input!$J$14,0)+IF(Input!$K$15=2,L3887*Input!$J$15,0)+IF(Input!$K$16=2,M3887*Input!$J$16,0)</f>
        <v>2.9664243471975972E-2</v>
      </c>
      <c r="P3887" s="58">
        <f>IF(Input!$K$13=3,J3887*Input!$J$13,0)+IF(Input!$K$14=3,K3887*Input!$J$14,0)+IF(Input!$K$15=3,L3887*Input!$J$15,0)+IF(Input!$K$16=3,M3887*Input!$J$16,0)</f>
        <v>0</v>
      </c>
      <c r="Q3887" s="71">
        <f>IF(Input!$K$13=4,J3887*Input!$J$13,0)+IF(Input!$K$14=4,K3887*Input!$J$14,0)+IF(Input!$K$15=4,L3887*Input!$J$15,0)+IF(Input!$K$16=4,M3887*Input!$J$16,0)</f>
        <v>0</v>
      </c>
    </row>
    <row r="3888" spans="8:17" x14ac:dyDescent="0.25">
      <c r="H3888" s="43">
        <v>3881</v>
      </c>
      <c r="I3888" s="55">
        <f>Bühler!I3914</f>
        <v>0.43601291170955436</v>
      </c>
      <c r="J3888" s="58">
        <f>Bühler!J3914</f>
        <v>4.4880088943810907</v>
      </c>
      <c r="K3888" s="58">
        <f>Bühler!K3914</f>
        <v>0.21973513682945164</v>
      </c>
      <c r="L3888" s="58">
        <f>Bühler!L3914</f>
        <v>0.10986756841472582</v>
      </c>
      <c r="M3888" s="57">
        <f>Bühler!M3914</f>
        <v>0</v>
      </c>
      <c r="N3888" s="55">
        <f>IF(Input!$K$13=1,J3888*Input!$J$13,0)+IF(Input!$K$14=1,K3888*Input!$J$14,0)+IF(Input!$K$15=1,L3888*Input!$J$15,0)+IF(Input!$K$16=1,M3888*Input!$J$16,0)</f>
        <v>0.53856106732573084</v>
      </c>
      <c r="O3888" s="58">
        <f>IF(Input!$K$13=2,J3888*Input!$J$13,0)+IF(Input!$K$14=2,K3888*Input!$J$14,0)+IF(Input!$K$15=2,L3888*Input!$J$15,0)+IF(Input!$K$16=2,M3888*Input!$J$16,0)</f>
        <v>2.9664243471975972E-2</v>
      </c>
      <c r="P3888" s="58">
        <f>IF(Input!$K$13=3,J3888*Input!$J$13,0)+IF(Input!$K$14=3,K3888*Input!$J$14,0)+IF(Input!$K$15=3,L3888*Input!$J$15,0)+IF(Input!$K$16=3,M3888*Input!$J$16,0)</f>
        <v>0</v>
      </c>
      <c r="Q3888" s="71">
        <f>IF(Input!$K$13=4,J3888*Input!$J$13,0)+IF(Input!$K$14=4,K3888*Input!$J$14,0)+IF(Input!$K$15=4,L3888*Input!$J$15,0)+IF(Input!$K$16=4,M3888*Input!$J$16,0)</f>
        <v>0</v>
      </c>
    </row>
    <row r="3889" spans="8:17" x14ac:dyDescent="0.25">
      <c r="H3889" s="43">
        <v>3882</v>
      </c>
      <c r="I3889" s="55">
        <f>Bühler!I3915</f>
        <v>0.37259285182452828</v>
      </c>
      <c r="J3889" s="58">
        <f>Bühler!J3915</f>
        <v>4.485366391885881</v>
      </c>
      <c r="K3889" s="58">
        <f>Bühler!K3915</f>
        <v>0.21973513682945164</v>
      </c>
      <c r="L3889" s="58">
        <f>Bühler!L3915</f>
        <v>0.10986756841472582</v>
      </c>
      <c r="M3889" s="57">
        <f>Bühler!M3915</f>
        <v>0</v>
      </c>
      <c r="N3889" s="55">
        <f>IF(Input!$K$13=1,J3889*Input!$J$13,0)+IF(Input!$K$14=1,K3889*Input!$J$14,0)+IF(Input!$K$15=1,L3889*Input!$J$15,0)+IF(Input!$K$16=1,M3889*Input!$J$16,0)</f>
        <v>0.53824396702630573</v>
      </c>
      <c r="O3889" s="58">
        <f>IF(Input!$K$13=2,J3889*Input!$J$13,0)+IF(Input!$K$14=2,K3889*Input!$J$14,0)+IF(Input!$K$15=2,L3889*Input!$J$15,0)+IF(Input!$K$16=2,M3889*Input!$J$16,0)</f>
        <v>2.9664243471975972E-2</v>
      </c>
      <c r="P3889" s="58">
        <f>IF(Input!$K$13=3,J3889*Input!$J$13,0)+IF(Input!$K$14=3,K3889*Input!$J$14,0)+IF(Input!$K$15=3,L3889*Input!$J$15,0)+IF(Input!$K$16=3,M3889*Input!$J$16,0)</f>
        <v>0</v>
      </c>
      <c r="Q3889" s="71">
        <f>IF(Input!$K$13=4,J3889*Input!$J$13,0)+IF(Input!$K$14=4,K3889*Input!$J$14,0)+IF(Input!$K$15=4,L3889*Input!$J$15,0)+IF(Input!$K$16=4,M3889*Input!$J$16,0)</f>
        <v>0</v>
      </c>
    </row>
    <row r="3890" spans="8:17" x14ac:dyDescent="0.25">
      <c r="H3890" s="43">
        <v>3883</v>
      </c>
      <c r="I3890" s="55">
        <f>Bühler!I3916</f>
        <v>0.34881032936764356</v>
      </c>
      <c r="J3890" s="58">
        <f>Bühler!J3916</f>
        <v>4.4843754534501779</v>
      </c>
      <c r="K3890" s="58">
        <f>Bühler!K3916</f>
        <v>0.21973513682945164</v>
      </c>
      <c r="L3890" s="58">
        <f>Bühler!L3916</f>
        <v>0.10986756841472582</v>
      </c>
      <c r="M3890" s="57">
        <f>Bühler!M3916</f>
        <v>0</v>
      </c>
      <c r="N3890" s="55">
        <f>IF(Input!$K$13=1,J3890*Input!$J$13,0)+IF(Input!$K$14=1,K3890*Input!$J$14,0)+IF(Input!$K$15=1,L3890*Input!$J$15,0)+IF(Input!$K$16=1,M3890*Input!$J$16,0)</f>
        <v>0.53812505441402136</v>
      </c>
      <c r="O3890" s="58">
        <f>IF(Input!$K$13=2,J3890*Input!$J$13,0)+IF(Input!$K$14=2,K3890*Input!$J$14,0)+IF(Input!$K$15=2,L3890*Input!$J$15,0)+IF(Input!$K$16=2,M3890*Input!$J$16,0)</f>
        <v>2.9664243471975972E-2</v>
      </c>
      <c r="P3890" s="58">
        <f>IF(Input!$K$13=3,J3890*Input!$J$13,0)+IF(Input!$K$14=3,K3890*Input!$J$14,0)+IF(Input!$K$15=3,L3890*Input!$J$15,0)+IF(Input!$K$16=3,M3890*Input!$J$16,0)</f>
        <v>0</v>
      </c>
      <c r="Q3890" s="71">
        <f>IF(Input!$K$13=4,J3890*Input!$J$13,0)+IF(Input!$K$14=4,K3890*Input!$J$14,0)+IF(Input!$K$15=4,L3890*Input!$J$15,0)+IF(Input!$K$16=4,M3890*Input!$J$16,0)</f>
        <v>0</v>
      </c>
    </row>
    <row r="3891" spans="8:17" x14ac:dyDescent="0.25">
      <c r="H3891" s="43">
        <v>3884</v>
      </c>
      <c r="I3891" s="55">
        <f>Bühler!I3917</f>
        <v>0.29331777696824568</v>
      </c>
      <c r="J3891" s="58">
        <f>Bühler!J3917</f>
        <v>4.4820632637668698</v>
      </c>
      <c r="K3891" s="58">
        <f>Bühler!K3917</f>
        <v>0.21973513682945164</v>
      </c>
      <c r="L3891" s="58">
        <f>Bühler!L3917</f>
        <v>0.10986756841472582</v>
      </c>
      <c r="M3891" s="57">
        <f>Bühler!M3917</f>
        <v>0</v>
      </c>
      <c r="N3891" s="55">
        <f>IF(Input!$K$13=1,J3891*Input!$J$13,0)+IF(Input!$K$14=1,K3891*Input!$J$14,0)+IF(Input!$K$15=1,L3891*Input!$J$15,0)+IF(Input!$K$16=1,M3891*Input!$J$16,0)</f>
        <v>0.53784759165202434</v>
      </c>
      <c r="O3891" s="58">
        <f>IF(Input!$K$13=2,J3891*Input!$J$13,0)+IF(Input!$K$14=2,K3891*Input!$J$14,0)+IF(Input!$K$15=2,L3891*Input!$J$15,0)+IF(Input!$K$16=2,M3891*Input!$J$16,0)</f>
        <v>2.9664243471975972E-2</v>
      </c>
      <c r="P3891" s="58">
        <f>IF(Input!$K$13=3,J3891*Input!$J$13,0)+IF(Input!$K$14=3,K3891*Input!$J$14,0)+IF(Input!$K$15=3,L3891*Input!$J$15,0)+IF(Input!$K$16=3,M3891*Input!$J$16,0)</f>
        <v>0</v>
      </c>
      <c r="Q3891" s="71">
        <f>IF(Input!$K$13=4,J3891*Input!$J$13,0)+IF(Input!$K$14=4,K3891*Input!$J$14,0)+IF(Input!$K$15=4,L3891*Input!$J$15,0)+IF(Input!$K$16=4,M3891*Input!$J$16,0)</f>
        <v>0</v>
      </c>
    </row>
    <row r="3892" spans="8:17" x14ac:dyDescent="0.25">
      <c r="H3892" s="43">
        <v>3885</v>
      </c>
      <c r="I3892" s="55">
        <f>Bühler!I3918</f>
        <v>0.24575273205447612</v>
      </c>
      <c r="J3892" s="58">
        <f>Bühler!J3918</f>
        <v>4.4800813868954625</v>
      </c>
      <c r="K3892" s="58">
        <f>Bühler!K3918</f>
        <v>0.21973513682945164</v>
      </c>
      <c r="L3892" s="58">
        <f>Bühler!L3918</f>
        <v>0.10986756841472582</v>
      </c>
      <c r="M3892" s="57">
        <f>Bühler!M3918</f>
        <v>0</v>
      </c>
      <c r="N3892" s="55">
        <f>IF(Input!$K$13=1,J3892*Input!$J$13,0)+IF(Input!$K$14=1,K3892*Input!$J$14,0)+IF(Input!$K$15=1,L3892*Input!$J$15,0)+IF(Input!$K$16=1,M3892*Input!$J$16,0)</f>
        <v>0.5376097664274555</v>
      </c>
      <c r="O3892" s="58">
        <f>IF(Input!$K$13=2,J3892*Input!$J$13,0)+IF(Input!$K$14=2,K3892*Input!$J$14,0)+IF(Input!$K$15=2,L3892*Input!$J$15,0)+IF(Input!$K$16=2,M3892*Input!$J$16,0)</f>
        <v>2.9664243471975972E-2</v>
      </c>
      <c r="P3892" s="58">
        <f>IF(Input!$K$13=3,J3892*Input!$J$13,0)+IF(Input!$K$14=3,K3892*Input!$J$14,0)+IF(Input!$K$15=3,L3892*Input!$J$15,0)+IF(Input!$K$16=3,M3892*Input!$J$16,0)</f>
        <v>0</v>
      </c>
      <c r="Q3892" s="71">
        <f>IF(Input!$K$13=4,J3892*Input!$J$13,0)+IF(Input!$K$14=4,K3892*Input!$J$14,0)+IF(Input!$K$15=4,L3892*Input!$J$15,0)+IF(Input!$K$16=4,M3892*Input!$J$16,0)</f>
        <v>0</v>
      </c>
    </row>
    <row r="3893" spans="8:17" x14ac:dyDescent="0.25">
      <c r="H3893" s="43">
        <v>3886</v>
      </c>
      <c r="I3893" s="55">
        <f>Bühler!I3919</f>
        <v>0.21404270211196308</v>
      </c>
      <c r="J3893" s="58">
        <f>Bühler!J3919</f>
        <v>4.4787601356478577</v>
      </c>
      <c r="K3893" s="58">
        <f>Bühler!K3919</f>
        <v>0.21973513682945164</v>
      </c>
      <c r="L3893" s="58">
        <f>Bühler!L3919</f>
        <v>0.10986756841472582</v>
      </c>
      <c r="M3893" s="57">
        <f>Bühler!M3919</f>
        <v>0</v>
      </c>
      <c r="N3893" s="55">
        <f>IF(Input!$K$13=1,J3893*Input!$J$13,0)+IF(Input!$K$14=1,K3893*Input!$J$14,0)+IF(Input!$K$15=1,L3893*Input!$J$15,0)+IF(Input!$K$16=1,M3893*Input!$J$16,0)</f>
        <v>0.53745121627774295</v>
      </c>
      <c r="O3893" s="58">
        <f>IF(Input!$K$13=2,J3893*Input!$J$13,0)+IF(Input!$K$14=2,K3893*Input!$J$14,0)+IF(Input!$K$15=2,L3893*Input!$J$15,0)+IF(Input!$K$16=2,M3893*Input!$J$16,0)</f>
        <v>2.9664243471975972E-2</v>
      </c>
      <c r="P3893" s="58">
        <f>IF(Input!$K$13=3,J3893*Input!$J$13,0)+IF(Input!$K$14=3,K3893*Input!$J$14,0)+IF(Input!$K$15=3,L3893*Input!$J$15,0)+IF(Input!$K$16=3,M3893*Input!$J$16,0)</f>
        <v>0</v>
      </c>
      <c r="Q3893" s="71">
        <f>IF(Input!$K$13=4,J3893*Input!$J$13,0)+IF(Input!$K$14=4,K3893*Input!$J$14,0)+IF(Input!$K$15=4,L3893*Input!$J$15,0)+IF(Input!$K$16=4,M3893*Input!$J$16,0)</f>
        <v>0</v>
      </c>
    </row>
    <row r="3894" spans="8:17" x14ac:dyDescent="0.25">
      <c r="H3894" s="43">
        <v>3887</v>
      </c>
      <c r="I3894" s="55">
        <f>Bühler!I3920</f>
        <v>0.21404270211196308</v>
      </c>
      <c r="J3894" s="58">
        <f>Bühler!J3920</f>
        <v>4.4787601356478577</v>
      </c>
      <c r="K3894" s="58">
        <f>Bühler!K3920</f>
        <v>0.21973513682945164</v>
      </c>
      <c r="L3894" s="58">
        <f>Bühler!L3920</f>
        <v>0.10986756841472582</v>
      </c>
      <c r="M3894" s="57">
        <f>Bühler!M3920</f>
        <v>0</v>
      </c>
      <c r="N3894" s="55">
        <f>IF(Input!$K$13=1,J3894*Input!$J$13,0)+IF(Input!$K$14=1,K3894*Input!$J$14,0)+IF(Input!$K$15=1,L3894*Input!$J$15,0)+IF(Input!$K$16=1,M3894*Input!$J$16,0)</f>
        <v>0.53745121627774295</v>
      </c>
      <c r="O3894" s="58">
        <f>IF(Input!$K$13=2,J3894*Input!$J$13,0)+IF(Input!$K$14=2,K3894*Input!$J$14,0)+IF(Input!$K$15=2,L3894*Input!$J$15,0)+IF(Input!$K$16=2,M3894*Input!$J$16,0)</f>
        <v>2.9664243471975972E-2</v>
      </c>
      <c r="P3894" s="58">
        <f>IF(Input!$K$13=3,J3894*Input!$J$13,0)+IF(Input!$K$14=3,K3894*Input!$J$14,0)+IF(Input!$K$15=3,L3894*Input!$J$15,0)+IF(Input!$K$16=3,M3894*Input!$J$16,0)</f>
        <v>0</v>
      </c>
      <c r="Q3894" s="71">
        <f>IF(Input!$K$13=4,J3894*Input!$J$13,0)+IF(Input!$K$14=4,K3894*Input!$J$14,0)+IF(Input!$K$15=4,L3894*Input!$J$15,0)+IF(Input!$K$16=4,M3894*Input!$J$16,0)</f>
        <v>0</v>
      </c>
    </row>
    <row r="3895" spans="8:17" x14ac:dyDescent="0.25">
      <c r="H3895" s="43">
        <v>3888</v>
      </c>
      <c r="I3895" s="55">
        <f>Bühler!I3921</f>
        <v>0.21404270211196308</v>
      </c>
      <c r="J3895" s="58">
        <f>Bühler!J3921</f>
        <v>4.4787601356478577</v>
      </c>
      <c r="K3895" s="58">
        <f>Bühler!K3921</f>
        <v>0.21973513682945164</v>
      </c>
      <c r="L3895" s="58">
        <f>Bühler!L3921</f>
        <v>0.10986756841472582</v>
      </c>
      <c r="M3895" s="57">
        <f>Bühler!M3921</f>
        <v>0</v>
      </c>
      <c r="N3895" s="55">
        <f>IF(Input!$K$13=1,J3895*Input!$J$13,0)+IF(Input!$K$14=1,K3895*Input!$J$14,0)+IF(Input!$K$15=1,L3895*Input!$J$15,0)+IF(Input!$K$16=1,M3895*Input!$J$16,0)</f>
        <v>0.53745121627774295</v>
      </c>
      <c r="O3895" s="58">
        <f>IF(Input!$K$13=2,J3895*Input!$J$13,0)+IF(Input!$K$14=2,K3895*Input!$J$14,0)+IF(Input!$K$15=2,L3895*Input!$J$15,0)+IF(Input!$K$16=2,M3895*Input!$J$16,0)</f>
        <v>2.9664243471975972E-2</v>
      </c>
      <c r="P3895" s="58">
        <f>IF(Input!$K$13=3,J3895*Input!$J$13,0)+IF(Input!$K$14=3,K3895*Input!$J$14,0)+IF(Input!$K$15=3,L3895*Input!$J$15,0)+IF(Input!$K$16=3,M3895*Input!$J$16,0)</f>
        <v>0</v>
      </c>
      <c r="Q3895" s="71">
        <f>IF(Input!$K$13=4,J3895*Input!$J$13,0)+IF(Input!$K$14=4,K3895*Input!$J$14,0)+IF(Input!$K$15=4,L3895*Input!$J$15,0)+IF(Input!$K$16=4,M3895*Input!$J$16,0)</f>
        <v>0</v>
      </c>
    </row>
    <row r="3896" spans="8:17" x14ac:dyDescent="0.25">
      <c r="H3896" s="43">
        <v>3889</v>
      </c>
      <c r="I3896" s="55">
        <f>Bühler!I3922</f>
        <v>0.15337601891587868</v>
      </c>
      <c r="J3896" s="58">
        <f>Bühler!J3922</f>
        <v>6.9160390585644063</v>
      </c>
      <c r="K3896" s="58">
        <f>Bühler!K3922</f>
        <v>0.55762833257479894</v>
      </c>
      <c r="L3896" s="58">
        <f>Bühler!L3922</f>
        <v>0.27881416628739947</v>
      </c>
      <c r="M3896" s="57">
        <f>Bühler!M3922</f>
        <v>0</v>
      </c>
      <c r="N3896" s="55">
        <f>IF(Input!$K$13=1,J3896*Input!$J$13,0)+IF(Input!$K$14=1,K3896*Input!$J$14,0)+IF(Input!$K$15=1,L3896*Input!$J$15,0)+IF(Input!$K$16=1,M3896*Input!$J$16,0)</f>
        <v>0.8299246870277287</v>
      </c>
      <c r="O3896" s="58">
        <f>IF(Input!$K$13=2,J3896*Input!$J$13,0)+IF(Input!$K$14=2,K3896*Input!$J$14,0)+IF(Input!$K$15=2,L3896*Input!$J$15,0)+IF(Input!$K$16=2,M3896*Input!$J$16,0)</f>
        <v>7.5279824897597852E-2</v>
      </c>
      <c r="P3896" s="58">
        <f>IF(Input!$K$13=3,J3896*Input!$J$13,0)+IF(Input!$K$14=3,K3896*Input!$J$14,0)+IF(Input!$K$15=3,L3896*Input!$J$15,0)+IF(Input!$K$16=3,M3896*Input!$J$16,0)</f>
        <v>0</v>
      </c>
      <c r="Q3896" s="71">
        <f>IF(Input!$K$13=4,J3896*Input!$J$13,0)+IF(Input!$K$14=4,K3896*Input!$J$14,0)+IF(Input!$K$15=4,L3896*Input!$J$15,0)+IF(Input!$K$16=4,M3896*Input!$J$16,0)</f>
        <v>0</v>
      </c>
    </row>
    <row r="3897" spans="8:17" x14ac:dyDescent="0.25">
      <c r="H3897" s="43">
        <v>3890</v>
      </c>
      <c r="I3897" s="55">
        <f>Bühler!I3923</f>
        <v>0.15337601891587868</v>
      </c>
      <c r="J3897" s="58">
        <f>Bühler!J3923</f>
        <v>6.9160390585644063</v>
      </c>
      <c r="K3897" s="58">
        <f>Bühler!K3923</f>
        <v>0.55762833257479894</v>
      </c>
      <c r="L3897" s="58">
        <f>Bühler!L3923</f>
        <v>0.27881416628739947</v>
      </c>
      <c r="M3897" s="57">
        <f>Bühler!M3923</f>
        <v>0</v>
      </c>
      <c r="N3897" s="55">
        <f>IF(Input!$K$13=1,J3897*Input!$J$13,0)+IF(Input!$K$14=1,K3897*Input!$J$14,0)+IF(Input!$K$15=1,L3897*Input!$J$15,0)+IF(Input!$K$16=1,M3897*Input!$J$16,0)</f>
        <v>0.8299246870277287</v>
      </c>
      <c r="O3897" s="58">
        <f>IF(Input!$K$13=2,J3897*Input!$J$13,0)+IF(Input!$K$14=2,K3897*Input!$J$14,0)+IF(Input!$K$15=2,L3897*Input!$J$15,0)+IF(Input!$K$16=2,M3897*Input!$J$16,0)</f>
        <v>7.5279824897597852E-2</v>
      </c>
      <c r="P3897" s="58">
        <f>IF(Input!$K$13=3,J3897*Input!$J$13,0)+IF(Input!$K$14=3,K3897*Input!$J$14,0)+IF(Input!$K$15=3,L3897*Input!$J$15,0)+IF(Input!$K$16=3,M3897*Input!$J$16,0)</f>
        <v>0</v>
      </c>
      <c r="Q3897" s="71">
        <f>IF(Input!$K$13=4,J3897*Input!$J$13,0)+IF(Input!$K$14=4,K3897*Input!$J$14,0)+IF(Input!$K$15=4,L3897*Input!$J$15,0)+IF(Input!$K$16=4,M3897*Input!$J$16,0)</f>
        <v>0</v>
      </c>
    </row>
    <row r="3898" spans="8:17" x14ac:dyDescent="0.25">
      <c r="H3898" s="43">
        <v>3891</v>
      </c>
      <c r="I3898" s="55">
        <f>Bühler!I3924</f>
        <v>0.15337601891587868</v>
      </c>
      <c r="J3898" s="58">
        <f>Bühler!J3924</f>
        <v>6.9160390585644063</v>
      </c>
      <c r="K3898" s="58">
        <f>Bühler!K3924</f>
        <v>0.55762833257479894</v>
      </c>
      <c r="L3898" s="58">
        <f>Bühler!L3924</f>
        <v>0.27881416628739947</v>
      </c>
      <c r="M3898" s="57">
        <f>Bühler!M3924</f>
        <v>0</v>
      </c>
      <c r="N3898" s="55">
        <f>IF(Input!$K$13=1,J3898*Input!$J$13,0)+IF(Input!$K$14=1,K3898*Input!$J$14,0)+IF(Input!$K$15=1,L3898*Input!$J$15,0)+IF(Input!$K$16=1,M3898*Input!$J$16,0)</f>
        <v>0.8299246870277287</v>
      </c>
      <c r="O3898" s="58">
        <f>IF(Input!$K$13=2,J3898*Input!$J$13,0)+IF(Input!$K$14=2,K3898*Input!$J$14,0)+IF(Input!$K$15=2,L3898*Input!$J$15,0)+IF(Input!$K$16=2,M3898*Input!$J$16,0)</f>
        <v>7.5279824897597852E-2</v>
      </c>
      <c r="P3898" s="58">
        <f>IF(Input!$K$13=3,J3898*Input!$J$13,0)+IF(Input!$K$14=3,K3898*Input!$J$14,0)+IF(Input!$K$15=3,L3898*Input!$J$15,0)+IF(Input!$K$16=3,M3898*Input!$J$16,0)</f>
        <v>0</v>
      </c>
      <c r="Q3898" s="71">
        <f>IF(Input!$K$13=4,J3898*Input!$J$13,0)+IF(Input!$K$14=4,K3898*Input!$J$14,0)+IF(Input!$K$15=4,L3898*Input!$J$15,0)+IF(Input!$K$16=4,M3898*Input!$J$16,0)</f>
        <v>0</v>
      </c>
    </row>
    <row r="3899" spans="8:17" x14ac:dyDescent="0.25">
      <c r="H3899" s="43">
        <v>3892</v>
      </c>
      <c r="I3899" s="55">
        <f>Bühler!I3925</f>
        <v>0.15337601891587868</v>
      </c>
      <c r="J3899" s="58">
        <f>Bühler!J3925</f>
        <v>6.9160390585644063</v>
      </c>
      <c r="K3899" s="58">
        <f>Bühler!K3925</f>
        <v>0.55762833257479894</v>
      </c>
      <c r="L3899" s="58">
        <f>Bühler!L3925</f>
        <v>0.27881416628739947</v>
      </c>
      <c r="M3899" s="57">
        <f>Bühler!M3925</f>
        <v>0</v>
      </c>
      <c r="N3899" s="55">
        <f>IF(Input!$K$13=1,J3899*Input!$J$13,0)+IF(Input!$K$14=1,K3899*Input!$J$14,0)+IF(Input!$K$15=1,L3899*Input!$J$15,0)+IF(Input!$K$16=1,M3899*Input!$J$16,0)</f>
        <v>0.8299246870277287</v>
      </c>
      <c r="O3899" s="58">
        <f>IF(Input!$K$13=2,J3899*Input!$J$13,0)+IF(Input!$K$14=2,K3899*Input!$J$14,0)+IF(Input!$K$15=2,L3899*Input!$J$15,0)+IF(Input!$K$16=2,M3899*Input!$J$16,0)</f>
        <v>7.5279824897597852E-2</v>
      </c>
      <c r="P3899" s="58">
        <f>IF(Input!$K$13=3,J3899*Input!$J$13,0)+IF(Input!$K$14=3,K3899*Input!$J$14,0)+IF(Input!$K$15=3,L3899*Input!$J$15,0)+IF(Input!$K$16=3,M3899*Input!$J$16,0)</f>
        <v>0</v>
      </c>
      <c r="Q3899" s="71">
        <f>IF(Input!$K$13=4,J3899*Input!$J$13,0)+IF(Input!$K$14=4,K3899*Input!$J$14,0)+IF(Input!$K$15=4,L3899*Input!$J$15,0)+IF(Input!$K$16=4,M3899*Input!$J$16,0)</f>
        <v>0</v>
      </c>
    </row>
    <row r="3900" spans="8:17" x14ac:dyDescent="0.25">
      <c r="H3900" s="43">
        <v>3893</v>
      </c>
      <c r="I3900" s="55">
        <f>Bühler!I3926</f>
        <v>0.15337601891587868</v>
      </c>
      <c r="J3900" s="58">
        <f>Bühler!J3926</f>
        <v>6.9160390585644063</v>
      </c>
      <c r="K3900" s="58">
        <f>Bühler!K3926</f>
        <v>0.55762833257479894</v>
      </c>
      <c r="L3900" s="58">
        <f>Bühler!L3926</f>
        <v>0.27881416628739947</v>
      </c>
      <c r="M3900" s="57">
        <f>Bühler!M3926</f>
        <v>0</v>
      </c>
      <c r="N3900" s="55">
        <f>IF(Input!$K$13=1,J3900*Input!$J$13,0)+IF(Input!$K$14=1,K3900*Input!$J$14,0)+IF(Input!$K$15=1,L3900*Input!$J$15,0)+IF(Input!$K$16=1,M3900*Input!$J$16,0)</f>
        <v>0.8299246870277287</v>
      </c>
      <c r="O3900" s="58">
        <f>IF(Input!$K$13=2,J3900*Input!$J$13,0)+IF(Input!$K$14=2,K3900*Input!$J$14,0)+IF(Input!$K$15=2,L3900*Input!$J$15,0)+IF(Input!$K$16=2,M3900*Input!$J$16,0)</f>
        <v>7.5279824897597852E-2</v>
      </c>
      <c r="P3900" s="58">
        <f>IF(Input!$K$13=3,J3900*Input!$J$13,0)+IF(Input!$K$14=3,K3900*Input!$J$14,0)+IF(Input!$K$15=3,L3900*Input!$J$15,0)+IF(Input!$K$16=3,M3900*Input!$J$16,0)</f>
        <v>0</v>
      </c>
      <c r="Q3900" s="71">
        <f>IF(Input!$K$13=4,J3900*Input!$J$13,0)+IF(Input!$K$14=4,K3900*Input!$J$14,0)+IF(Input!$K$15=4,L3900*Input!$J$15,0)+IF(Input!$K$16=4,M3900*Input!$J$16,0)</f>
        <v>0</v>
      </c>
    </row>
    <row r="3901" spans="8:17" x14ac:dyDescent="0.25">
      <c r="H3901" s="43">
        <v>3894</v>
      </c>
      <c r="I3901" s="55">
        <f>Bühler!I3927</f>
        <v>0.15337601891587868</v>
      </c>
      <c r="J3901" s="58">
        <f>Bühler!J3927</f>
        <v>6.9160390585644063</v>
      </c>
      <c r="K3901" s="58">
        <f>Bühler!K3927</f>
        <v>0.55762833257479894</v>
      </c>
      <c r="L3901" s="58">
        <f>Bühler!L3927</f>
        <v>0.27881416628739947</v>
      </c>
      <c r="M3901" s="57">
        <f>Bühler!M3927</f>
        <v>0</v>
      </c>
      <c r="N3901" s="55">
        <f>IF(Input!$K$13=1,J3901*Input!$J$13,0)+IF(Input!$K$14=1,K3901*Input!$J$14,0)+IF(Input!$K$15=1,L3901*Input!$J$15,0)+IF(Input!$K$16=1,M3901*Input!$J$16,0)</f>
        <v>0.8299246870277287</v>
      </c>
      <c r="O3901" s="58">
        <f>IF(Input!$K$13=2,J3901*Input!$J$13,0)+IF(Input!$K$14=2,K3901*Input!$J$14,0)+IF(Input!$K$15=2,L3901*Input!$J$15,0)+IF(Input!$K$16=2,M3901*Input!$J$16,0)</f>
        <v>7.5279824897597852E-2</v>
      </c>
      <c r="P3901" s="58">
        <f>IF(Input!$K$13=3,J3901*Input!$J$13,0)+IF(Input!$K$14=3,K3901*Input!$J$14,0)+IF(Input!$K$15=3,L3901*Input!$J$15,0)+IF(Input!$K$16=3,M3901*Input!$J$16,0)</f>
        <v>0</v>
      </c>
      <c r="Q3901" s="71">
        <f>IF(Input!$K$13=4,J3901*Input!$J$13,0)+IF(Input!$K$14=4,K3901*Input!$J$14,0)+IF(Input!$K$15=4,L3901*Input!$J$15,0)+IF(Input!$K$16=4,M3901*Input!$J$16,0)</f>
        <v>0</v>
      </c>
    </row>
    <row r="3902" spans="8:17" x14ac:dyDescent="0.25">
      <c r="H3902" s="43">
        <v>3895</v>
      </c>
      <c r="I3902" s="55">
        <f>Bühler!I3928</f>
        <v>0.15337601891587868</v>
      </c>
      <c r="J3902" s="58">
        <f>Bühler!J3928</f>
        <v>6.9160390585644063</v>
      </c>
      <c r="K3902" s="58">
        <f>Bühler!K3928</f>
        <v>0.55762833257479894</v>
      </c>
      <c r="L3902" s="58">
        <f>Bühler!L3928</f>
        <v>0.27881416628739947</v>
      </c>
      <c r="M3902" s="57">
        <f>Bühler!M3928</f>
        <v>0</v>
      </c>
      <c r="N3902" s="55">
        <f>IF(Input!$K$13=1,J3902*Input!$J$13,0)+IF(Input!$K$14=1,K3902*Input!$J$14,0)+IF(Input!$K$15=1,L3902*Input!$J$15,0)+IF(Input!$K$16=1,M3902*Input!$J$16,0)</f>
        <v>0.8299246870277287</v>
      </c>
      <c r="O3902" s="58">
        <f>IF(Input!$K$13=2,J3902*Input!$J$13,0)+IF(Input!$K$14=2,K3902*Input!$J$14,0)+IF(Input!$K$15=2,L3902*Input!$J$15,0)+IF(Input!$K$16=2,M3902*Input!$J$16,0)</f>
        <v>7.5279824897597852E-2</v>
      </c>
      <c r="P3902" s="58">
        <f>IF(Input!$K$13=3,J3902*Input!$J$13,0)+IF(Input!$K$14=3,K3902*Input!$J$14,0)+IF(Input!$K$15=3,L3902*Input!$J$15,0)+IF(Input!$K$16=3,M3902*Input!$J$16,0)</f>
        <v>0</v>
      </c>
      <c r="Q3902" s="71">
        <f>IF(Input!$K$13=4,J3902*Input!$J$13,0)+IF(Input!$K$14=4,K3902*Input!$J$14,0)+IF(Input!$K$15=4,L3902*Input!$J$15,0)+IF(Input!$K$16=4,M3902*Input!$J$16,0)</f>
        <v>0</v>
      </c>
    </row>
    <row r="3903" spans="8:17" x14ac:dyDescent="0.25">
      <c r="H3903" s="43">
        <v>3896</v>
      </c>
      <c r="I3903" s="55">
        <f>Bühler!I3929</f>
        <v>0.66718568228407216</v>
      </c>
      <c r="J3903" s="58">
        <f>Bühler!J3929</f>
        <v>29.477280551328665</v>
      </c>
      <c r="K3903" s="58">
        <f>Bühler!K3929</f>
        <v>2.3754966967686433</v>
      </c>
      <c r="L3903" s="58">
        <f>Bühler!L3929</f>
        <v>1.1877483483843216</v>
      </c>
      <c r="M3903" s="57">
        <f>Bühler!M3929</f>
        <v>0</v>
      </c>
      <c r="N3903" s="55">
        <f>IF(Input!$K$13=1,J3903*Input!$J$13,0)+IF(Input!$K$14=1,K3903*Input!$J$14,0)+IF(Input!$K$15=1,L3903*Input!$J$15,0)+IF(Input!$K$16=1,M3903*Input!$J$16,0)</f>
        <v>3.5372736661594395</v>
      </c>
      <c r="O3903" s="58">
        <f>IF(Input!$K$13=2,J3903*Input!$J$13,0)+IF(Input!$K$14=2,K3903*Input!$J$14,0)+IF(Input!$K$15=2,L3903*Input!$J$15,0)+IF(Input!$K$16=2,M3903*Input!$J$16,0)</f>
        <v>0.32069205406376683</v>
      </c>
      <c r="P3903" s="58">
        <f>IF(Input!$K$13=3,J3903*Input!$J$13,0)+IF(Input!$K$14=3,K3903*Input!$J$14,0)+IF(Input!$K$15=3,L3903*Input!$J$15,0)+IF(Input!$K$16=3,M3903*Input!$J$16,0)</f>
        <v>0</v>
      </c>
      <c r="Q3903" s="71">
        <f>IF(Input!$K$13=4,J3903*Input!$J$13,0)+IF(Input!$K$14=4,K3903*Input!$J$14,0)+IF(Input!$K$15=4,L3903*Input!$J$15,0)+IF(Input!$K$16=4,M3903*Input!$J$16,0)</f>
        <v>0</v>
      </c>
    </row>
    <row r="3904" spans="8:17" x14ac:dyDescent="0.25">
      <c r="H3904" s="43">
        <v>3897</v>
      </c>
      <c r="I3904" s="55">
        <f>Bühler!I3930</f>
        <v>0.75058389256958125</v>
      </c>
      <c r="J3904" s="58">
        <f>Bühler!J3930</f>
        <v>33.161940620244749</v>
      </c>
      <c r="K3904" s="58">
        <f>Bühler!K3930</f>
        <v>2.6724337838647236</v>
      </c>
      <c r="L3904" s="58">
        <f>Bühler!L3930</f>
        <v>1.3362168919323618</v>
      </c>
      <c r="M3904" s="57">
        <f>Bühler!M3930</f>
        <v>0</v>
      </c>
      <c r="N3904" s="55">
        <f>IF(Input!$K$13=1,J3904*Input!$J$13,0)+IF(Input!$K$14=1,K3904*Input!$J$14,0)+IF(Input!$K$15=1,L3904*Input!$J$15,0)+IF(Input!$K$16=1,M3904*Input!$J$16,0)</f>
        <v>3.9794328744293699</v>
      </c>
      <c r="O3904" s="58">
        <f>IF(Input!$K$13=2,J3904*Input!$J$13,0)+IF(Input!$K$14=2,K3904*Input!$J$14,0)+IF(Input!$K$15=2,L3904*Input!$J$15,0)+IF(Input!$K$16=2,M3904*Input!$J$16,0)</f>
        <v>0.36077856082173765</v>
      </c>
      <c r="P3904" s="58">
        <f>IF(Input!$K$13=3,J3904*Input!$J$13,0)+IF(Input!$K$14=3,K3904*Input!$J$14,0)+IF(Input!$K$15=3,L3904*Input!$J$15,0)+IF(Input!$K$16=3,M3904*Input!$J$16,0)</f>
        <v>0</v>
      </c>
      <c r="Q3904" s="71">
        <f>IF(Input!$K$13=4,J3904*Input!$J$13,0)+IF(Input!$K$14=4,K3904*Input!$J$14,0)+IF(Input!$K$15=4,L3904*Input!$J$15,0)+IF(Input!$K$16=4,M3904*Input!$J$16,0)</f>
        <v>0</v>
      </c>
    </row>
    <row r="3905" spans="8:17" x14ac:dyDescent="0.25">
      <c r="H3905" s="43">
        <v>3898</v>
      </c>
      <c r="I3905" s="55">
        <f>Bühler!I3931</f>
        <v>0.83398210285509022</v>
      </c>
      <c r="J3905" s="58">
        <f>Bühler!J3931</f>
        <v>36.846600689160823</v>
      </c>
      <c r="K3905" s="58">
        <f>Bühler!K3931</f>
        <v>2.969370870960804</v>
      </c>
      <c r="L3905" s="58">
        <f>Bühler!L3931</f>
        <v>1.484685435480402</v>
      </c>
      <c r="M3905" s="57">
        <f>Bühler!M3931</f>
        <v>0</v>
      </c>
      <c r="N3905" s="55">
        <f>IF(Input!$K$13=1,J3905*Input!$J$13,0)+IF(Input!$K$14=1,K3905*Input!$J$14,0)+IF(Input!$K$15=1,L3905*Input!$J$15,0)+IF(Input!$K$16=1,M3905*Input!$J$16,0)</f>
        <v>4.4215920826992985</v>
      </c>
      <c r="O3905" s="58">
        <f>IF(Input!$K$13=2,J3905*Input!$J$13,0)+IF(Input!$K$14=2,K3905*Input!$J$14,0)+IF(Input!$K$15=2,L3905*Input!$J$15,0)+IF(Input!$K$16=2,M3905*Input!$J$16,0)</f>
        <v>0.40086506757970852</v>
      </c>
      <c r="P3905" s="58">
        <f>IF(Input!$K$13=3,J3905*Input!$J$13,0)+IF(Input!$K$14=3,K3905*Input!$J$14,0)+IF(Input!$K$15=3,L3905*Input!$J$15,0)+IF(Input!$K$16=3,M3905*Input!$J$16,0)</f>
        <v>0</v>
      </c>
      <c r="Q3905" s="71">
        <f>IF(Input!$K$13=4,J3905*Input!$J$13,0)+IF(Input!$K$14=4,K3905*Input!$J$14,0)+IF(Input!$K$15=4,L3905*Input!$J$15,0)+IF(Input!$K$16=4,M3905*Input!$J$16,0)</f>
        <v>0</v>
      </c>
    </row>
    <row r="3906" spans="8:17" x14ac:dyDescent="0.25">
      <c r="H3906" s="43">
        <v>3899</v>
      </c>
      <c r="I3906" s="55">
        <f>Bühler!I3932</f>
        <v>0.83398210285509022</v>
      </c>
      <c r="J3906" s="58">
        <f>Bühler!J3932</f>
        <v>36.846600689160823</v>
      </c>
      <c r="K3906" s="58">
        <f>Bühler!K3932</f>
        <v>2.969370870960804</v>
      </c>
      <c r="L3906" s="58">
        <f>Bühler!L3932</f>
        <v>1.484685435480402</v>
      </c>
      <c r="M3906" s="57">
        <f>Bühler!M3932</f>
        <v>0</v>
      </c>
      <c r="N3906" s="55">
        <f>IF(Input!$K$13=1,J3906*Input!$J$13,0)+IF(Input!$K$14=1,K3906*Input!$J$14,0)+IF(Input!$K$15=1,L3906*Input!$J$15,0)+IF(Input!$K$16=1,M3906*Input!$J$16,0)</f>
        <v>4.4215920826992985</v>
      </c>
      <c r="O3906" s="58">
        <f>IF(Input!$K$13=2,J3906*Input!$J$13,0)+IF(Input!$K$14=2,K3906*Input!$J$14,0)+IF(Input!$K$15=2,L3906*Input!$J$15,0)+IF(Input!$K$16=2,M3906*Input!$J$16,0)</f>
        <v>0.40086506757970852</v>
      </c>
      <c r="P3906" s="58">
        <f>IF(Input!$K$13=3,J3906*Input!$J$13,0)+IF(Input!$K$14=3,K3906*Input!$J$14,0)+IF(Input!$K$15=3,L3906*Input!$J$15,0)+IF(Input!$K$16=3,M3906*Input!$J$16,0)</f>
        <v>0</v>
      </c>
      <c r="Q3906" s="71">
        <f>IF(Input!$K$13=4,J3906*Input!$J$13,0)+IF(Input!$K$14=4,K3906*Input!$J$14,0)+IF(Input!$K$15=4,L3906*Input!$J$15,0)+IF(Input!$K$16=4,M3906*Input!$J$16,0)</f>
        <v>0</v>
      </c>
    </row>
    <row r="3907" spans="8:17" x14ac:dyDescent="0.25">
      <c r="H3907" s="43">
        <v>3900</v>
      </c>
      <c r="I3907" s="55">
        <f>Bühler!I3933</f>
        <v>1.0007785234261082</v>
      </c>
      <c r="J3907" s="58">
        <f>Bühler!J3933</f>
        <v>44.215920826992992</v>
      </c>
      <c r="K3907" s="58">
        <f>Bühler!K3933</f>
        <v>3.5632450451529647</v>
      </c>
      <c r="L3907" s="58">
        <f>Bühler!L3933</f>
        <v>1.7816225225764823</v>
      </c>
      <c r="M3907" s="57">
        <f>Bühler!M3933</f>
        <v>0</v>
      </c>
      <c r="N3907" s="55">
        <f>IF(Input!$K$13=1,J3907*Input!$J$13,0)+IF(Input!$K$14=1,K3907*Input!$J$14,0)+IF(Input!$K$15=1,L3907*Input!$J$15,0)+IF(Input!$K$16=1,M3907*Input!$J$16,0)</f>
        <v>5.3059104992391593</v>
      </c>
      <c r="O3907" s="58">
        <f>IF(Input!$K$13=2,J3907*Input!$J$13,0)+IF(Input!$K$14=2,K3907*Input!$J$14,0)+IF(Input!$K$15=2,L3907*Input!$J$15,0)+IF(Input!$K$16=2,M3907*Input!$J$16,0)</f>
        <v>0.48103808109565022</v>
      </c>
      <c r="P3907" s="58">
        <f>IF(Input!$K$13=3,J3907*Input!$J$13,0)+IF(Input!$K$14=3,K3907*Input!$J$14,0)+IF(Input!$K$15=3,L3907*Input!$J$15,0)+IF(Input!$K$16=3,M3907*Input!$J$16,0)</f>
        <v>0</v>
      </c>
      <c r="Q3907" s="71">
        <f>IF(Input!$K$13=4,J3907*Input!$J$13,0)+IF(Input!$K$14=4,K3907*Input!$J$14,0)+IF(Input!$K$15=4,L3907*Input!$J$15,0)+IF(Input!$K$16=4,M3907*Input!$J$16,0)</f>
        <v>0</v>
      </c>
    </row>
    <row r="3908" spans="8:17" x14ac:dyDescent="0.25">
      <c r="H3908" s="43">
        <v>3901</v>
      </c>
      <c r="I3908" s="55">
        <f>Bühler!I3934</f>
        <v>1.0007785234261082</v>
      </c>
      <c r="J3908" s="58">
        <f>Bühler!J3934</f>
        <v>44.215920826992992</v>
      </c>
      <c r="K3908" s="58">
        <f>Bühler!K3934</f>
        <v>3.5632450451529647</v>
      </c>
      <c r="L3908" s="58">
        <f>Bühler!L3934</f>
        <v>1.7816225225764823</v>
      </c>
      <c r="M3908" s="57">
        <f>Bühler!M3934</f>
        <v>0</v>
      </c>
      <c r="N3908" s="55">
        <f>IF(Input!$K$13=1,J3908*Input!$J$13,0)+IF(Input!$K$14=1,K3908*Input!$J$14,0)+IF(Input!$K$15=1,L3908*Input!$J$15,0)+IF(Input!$K$16=1,M3908*Input!$J$16,0)</f>
        <v>5.3059104992391593</v>
      </c>
      <c r="O3908" s="58">
        <f>IF(Input!$K$13=2,J3908*Input!$J$13,0)+IF(Input!$K$14=2,K3908*Input!$J$14,0)+IF(Input!$K$15=2,L3908*Input!$J$15,0)+IF(Input!$K$16=2,M3908*Input!$J$16,0)</f>
        <v>0.48103808109565022</v>
      </c>
      <c r="P3908" s="58">
        <f>IF(Input!$K$13=3,J3908*Input!$J$13,0)+IF(Input!$K$14=3,K3908*Input!$J$14,0)+IF(Input!$K$15=3,L3908*Input!$J$15,0)+IF(Input!$K$16=3,M3908*Input!$J$16,0)</f>
        <v>0</v>
      </c>
      <c r="Q3908" s="71">
        <f>IF(Input!$K$13=4,J3908*Input!$J$13,0)+IF(Input!$K$14=4,K3908*Input!$J$14,0)+IF(Input!$K$15=4,L3908*Input!$J$15,0)+IF(Input!$K$16=4,M3908*Input!$J$16,0)</f>
        <v>0</v>
      </c>
    </row>
    <row r="3909" spans="8:17" x14ac:dyDescent="0.25">
      <c r="H3909" s="43">
        <v>3902</v>
      </c>
      <c r="I3909" s="55">
        <f>Bühler!I3935</f>
        <v>0.66718568228407216</v>
      </c>
      <c r="J3909" s="58">
        <f>Bühler!J3935</f>
        <v>29.477280551328665</v>
      </c>
      <c r="K3909" s="58">
        <f>Bühler!K3935</f>
        <v>2.3754966967686433</v>
      </c>
      <c r="L3909" s="58">
        <f>Bühler!L3935</f>
        <v>1.1877483483843216</v>
      </c>
      <c r="M3909" s="57">
        <f>Bühler!M3935</f>
        <v>0</v>
      </c>
      <c r="N3909" s="55">
        <f>IF(Input!$K$13=1,J3909*Input!$J$13,0)+IF(Input!$K$14=1,K3909*Input!$J$14,0)+IF(Input!$K$15=1,L3909*Input!$J$15,0)+IF(Input!$K$16=1,M3909*Input!$J$16,0)</f>
        <v>3.5372736661594395</v>
      </c>
      <c r="O3909" s="58">
        <f>IF(Input!$K$13=2,J3909*Input!$J$13,0)+IF(Input!$K$14=2,K3909*Input!$J$14,0)+IF(Input!$K$15=2,L3909*Input!$J$15,0)+IF(Input!$K$16=2,M3909*Input!$J$16,0)</f>
        <v>0.32069205406376683</v>
      </c>
      <c r="P3909" s="58">
        <f>IF(Input!$K$13=3,J3909*Input!$J$13,0)+IF(Input!$K$14=3,K3909*Input!$J$14,0)+IF(Input!$K$15=3,L3909*Input!$J$15,0)+IF(Input!$K$16=3,M3909*Input!$J$16,0)</f>
        <v>0</v>
      </c>
      <c r="Q3909" s="71">
        <f>IF(Input!$K$13=4,J3909*Input!$J$13,0)+IF(Input!$K$14=4,K3909*Input!$J$14,0)+IF(Input!$K$15=4,L3909*Input!$J$15,0)+IF(Input!$K$16=4,M3909*Input!$J$16,0)</f>
        <v>0</v>
      </c>
    </row>
    <row r="3910" spans="8:17" x14ac:dyDescent="0.25">
      <c r="H3910" s="43">
        <v>3903</v>
      </c>
      <c r="I3910" s="55">
        <f>Bühler!I3936</f>
        <v>1.0007785234261082</v>
      </c>
      <c r="J3910" s="58">
        <f>Bühler!J3936</f>
        <v>44.215920826992992</v>
      </c>
      <c r="K3910" s="58">
        <f>Bühler!K3936</f>
        <v>3.5632450451529647</v>
      </c>
      <c r="L3910" s="58">
        <f>Bühler!L3936</f>
        <v>1.7816225225764823</v>
      </c>
      <c r="M3910" s="57">
        <f>Bühler!M3936</f>
        <v>0</v>
      </c>
      <c r="N3910" s="55">
        <f>IF(Input!$K$13=1,J3910*Input!$J$13,0)+IF(Input!$K$14=1,K3910*Input!$J$14,0)+IF(Input!$K$15=1,L3910*Input!$J$15,0)+IF(Input!$K$16=1,M3910*Input!$J$16,0)</f>
        <v>5.3059104992391593</v>
      </c>
      <c r="O3910" s="58">
        <f>IF(Input!$K$13=2,J3910*Input!$J$13,0)+IF(Input!$K$14=2,K3910*Input!$J$14,0)+IF(Input!$K$15=2,L3910*Input!$J$15,0)+IF(Input!$K$16=2,M3910*Input!$J$16,0)</f>
        <v>0.48103808109565022</v>
      </c>
      <c r="P3910" s="58">
        <f>IF(Input!$K$13=3,J3910*Input!$J$13,0)+IF(Input!$K$14=3,K3910*Input!$J$14,0)+IF(Input!$K$15=3,L3910*Input!$J$15,0)+IF(Input!$K$16=3,M3910*Input!$J$16,0)</f>
        <v>0</v>
      </c>
      <c r="Q3910" s="71">
        <f>IF(Input!$K$13=4,J3910*Input!$J$13,0)+IF(Input!$K$14=4,K3910*Input!$J$14,0)+IF(Input!$K$15=4,L3910*Input!$J$15,0)+IF(Input!$K$16=4,M3910*Input!$J$16,0)</f>
        <v>0</v>
      </c>
    </row>
    <row r="3911" spans="8:17" x14ac:dyDescent="0.25">
      <c r="H3911" s="43">
        <v>3904</v>
      </c>
      <c r="I3911" s="55">
        <f>Bühler!I3937</f>
        <v>1.0007785234261082</v>
      </c>
      <c r="J3911" s="58">
        <f>Bühler!J3937</f>
        <v>44.215920826992992</v>
      </c>
      <c r="K3911" s="58">
        <f>Bühler!K3937</f>
        <v>3.5632450451529647</v>
      </c>
      <c r="L3911" s="58">
        <f>Bühler!L3937</f>
        <v>1.7816225225764823</v>
      </c>
      <c r="M3911" s="57">
        <f>Bühler!M3937</f>
        <v>0</v>
      </c>
      <c r="N3911" s="55">
        <f>IF(Input!$K$13=1,J3911*Input!$J$13,0)+IF(Input!$K$14=1,K3911*Input!$J$14,0)+IF(Input!$K$15=1,L3911*Input!$J$15,0)+IF(Input!$K$16=1,M3911*Input!$J$16,0)</f>
        <v>5.3059104992391593</v>
      </c>
      <c r="O3911" s="58">
        <f>IF(Input!$K$13=2,J3911*Input!$J$13,0)+IF(Input!$K$14=2,K3911*Input!$J$14,0)+IF(Input!$K$15=2,L3911*Input!$J$15,0)+IF(Input!$K$16=2,M3911*Input!$J$16,0)</f>
        <v>0.48103808109565022</v>
      </c>
      <c r="P3911" s="58">
        <f>IF(Input!$K$13=3,J3911*Input!$J$13,0)+IF(Input!$K$14=3,K3911*Input!$J$14,0)+IF(Input!$K$15=3,L3911*Input!$J$15,0)+IF(Input!$K$16=3,M3911*Input!$J$16,0)</f>
        <v>0</v>
      </c>
      <c r="Q3911" s="71">
        <f>IF(Input!$K$13=4,J3911*Input!$J$13,0)+IF(Input!$K$14=4,K3911*Input!$J$14,0)+IF(Input!$K$15=4,L3911*Input!$J$15,0)+IF(Input!$K$16=4,M3911*Input!$J$16,0)</f>
        <v>0</v>
      </c>
    </row>
    <row r="3912" spans="8:17" x14ac:dyDescent="0.25">
      <c r="H3912" s="43">
        <v>3905</v>
      </c>
      <c r="I3912" s="55">
        <f>Bühler!I3938</f>
        <v>0.83398210285509022</v>
      </c>
      <c r="J3912" s="58">
        <f>Bühler!J3938</f>
        <v>26.063664665840484</v>
      </c>
      <c r="K3912" s="58">
        <f>Bühler!K3938</f>
        <v>2.0785596096725625</v>
      </c>
      <c r="L3912" s="58">
        <f>Bühler!L3938</f>
        <v>1.0392798048362812</v>
      </c>
      <c r="M3912" s="57">
        <f>Bühler!M3938</f>
        <v>0</v>
      </c>
      <c r="N3912" s="55">
        <f>IF(Input!$K$13=1,J3912*Input!$J$13,0)+IF(Input!$K$14=1,K3912*Input!$J$14,0)+IF(Input!$K$15=1,L3912*Input!$J$15,0)+IF(Input!$K$16=1,M3912*Input!$J$16,0)</f>
        <v>3.1276397599008581</v>
      </c>
      <c r="O3912" s="58">
        <f>IF(Input!$K$13=2,J3912*Input!$J$13,0)+IF(Input!$K$14=2,K3912*Input!$J$14,0)+IF(Input!$K$15=2,L3912*Input!$J$15,0)+IF(Input!$K$16=2,M3912*Input!$J$16,0)</f>
        <v>0.2806055473057959</v>
      </c>
      <c r="P3912" s="58">
        <f>IF(Input!$K$13=3,J3912*Input!$J$13,0)+IF(Input!$K$14=3,K3912*Input!$J$14,0)+IF(Input!$K$15=3,L3912*Input!$J$15,0)+IF(Input!$K$16=3,M3912*Input!$J$16,0)</f>
        <v>0</v>
      </c>
      <c r="Q3912" s="71">
        <f>IF(Input!$K$13=4,J3912*Input!$J$13,0)+IF(Input!$K$14=4,K3912*Input!$J$14,0)+IF(Input!$K$15=4,L3912*Input!$J$15,0)+IF(Input!$K$16=4,M3912*Input!$J$16,0)</f>
        <v>0</v>
      </c>
    </row>
    <row r="3913" spans="8:17" x14ac:dyDescent="0.25">
      <c r="H3913" s="43">
        <v>3906</v>
      </c>
      <c r="I3913" s="55">
        <f>Bühler!I3939</f>
        <v>0.67102008275696923</v>
      </c>
      <c r="J3913" s="58">
        <f>Bühler!J3939</f>
        <v>7.9155624385336134</v>
      </c>
      <c r="K3913" s="58">
        <f>Bühler!K3939</f>
        <v>0.59387417419216082</v>
      </c>
      <c r="L3913" s="58">
        <f>Bühler!L3939</f>
        <v>0.29693708709608041</v>
      </c>
      <c r="M3913" s="57">
        <f>Bühler!M3939</f>
        <v>0</v>
      </c>
      <c r="N3913" s="55">
        <f>IF(Input!$K$13=1,J3913*Input!$J$13,0)+IF(Input!$K$14=1,K3913*Input!$J$14,0)+IF(Input!$K$15=1,L3913*Input!$J$15,0)+IF(Input!$K$16=1,M3913*Input!$J$16,0)</f>
        <v>0.94986749262403358</v>
      </c>
      <c r="O3913" s="58">
        <f>IF(Input!$K$13=2,J3913*Input!$J$13,0)+IF(Input!$K$14=2,K3913*Input!$J$14,0)+IF(Input!$K$15=2,L3913*Input!$J$15,0)+IF(Input!$K$16=2,M3913*Input!$J$16,0)</f>
        <v>8.0173013515941707E-2</v>
      </c>
      <c r="P3913" s="58">
        <f>IF(Input!$K$13=3,J3913*Input!$J$13,0)+IF(Input!$K$14=3,K3913*Input!$J$14,0)+IF(Input!$K$15=3,L3913*Input!$J$15,0)+IF(Input!$K$16=3,M3913*Input!$J$16,0)</f>
        <v>0</v>
      </c>
      <c r="Q3913" s="71">
        <f>IF(Input!$K$13=4,J3913*Input!$J$13,0)+IF(Input!$K$14=4,K3913*Input!$J$14,0)+IF(Input!$K$15=4,L3913*Input!$J$15,0)+IF(Input!$K$16=4,M3913*Input!$J$16,0)</f>
        <v>0</v>
      </c>
    </row>
    <row r="3914" spans="8:17" x14ac:dyDescent="0.25">
      <c r="H3914" s="43">
        <v>3907</v>
      </c>
      <c r="I3914" s="55">
        <f>Bühler!I3940</f>
        <v>0.23965002955606041</v>
      </c>
      <c r="J3914" s="58">
        <f>Bühler!J3940</f>
        <v>7.346996655328212</v>
      </c>
      <c r="K3914" s="58">
        <f>Bühler!K3940</f>
        <v>0.58550974920353882</v>
      </c>
      <c r="L3914" s="58">
        <f>Bühler!L3940</f>
        <v>0.29275487460176941</v>
      </c>
      <c r="M3914" s="57">
        <f>Bühler!M3940</f>
        <v>0</v>
      </c>
      <c r="N3914" s="55">
        <f>IF(Input!$K$13=1,J3914*Input!$J$13,0)+IF(Input!$K$14=1,K3914*Input!$J$14,0)+IF(Input!$K$15=1,L3914*Input!$J$15,0)+IF(Input!$K$16=1,M3914*Input!$J$16,0)</f>
        <v>0.88163959863938546</v>
      </c>
      <c r="O3914" s="58">
        <f>IF(Input!$K$13=2,J3914*Input!$J$13,0)+IF(Input!$K$14=2,K3914*Input!$J$14,0)+IF(Input!$K$15=2,L3914*Input!$J$15,0)+IF(Input!$K$16=2,M3914*Input!$J$16,0)</f>
        <v>7.9043816142477741E-2</v>
      </c>
      <c r="P3914" s="58">
        <f>IF(Input!$K$13=3,J3914*Input!$J$13,0)+IF(Input!$K$14=3,K3914*Input!$J$14,0)+IF(Input!$K$15=3,L3914*Input!$J$15,0)+IF(Input!$K$16=3,M3914*Input!$J$16,0)</f>
        <v>0</v>
      </c>
      <c r="Q3914" s="71">
        <f>IF(Input!$K$13=4,J3914*Input!$J$13,0)+IF(Input!$K$14=4,K3914*Input!$J$14,0)+IF(Input!$K$15=4,L3914*Input!$J$15,0)+IF(Input!$K$16=4,M3914*Input!$J$16,0)</f>
        <v>0</v>
      </c>
    </row>
    <row r="3915" spans="8:17" x14ac:dyDescent="0.25">
      <c r="H3915" s="43">
        <v>3908</v>
      </c>
      <c r="I3915" s="55">
        <f>Bühler!I3941</f>
        <v>0.23965002955606041</v>
      </c>
      <c r="J3915" s="58">
        <f>Bühler!J3941</f>
        <v>7.346996655328212</v>
      </c>
      <c r="K3915" s="58">
        <f>Bühler!K3941</f>
        <v>0.58550974920353882</v>
      </c>
      <c r="L3915" s="58">
        <f>Bühler!L3941</f>
        <v>0.29275487460176941</v>
      </c>
      <c r="M3915" s="57">
        <f>Bühler!M3941</f>
        <v>0</v>
      </c>
      <c r="N3915" s="55">
        <f>IF(Input!$K$13=1,J3915*Input!$J$13,0)+IF(Input!$K$14=1,K3915*Input!$J$14,0)+IF(Input!$K$15=1,L3915*Input!$J$15,0)+IF(Input!$K$16=1,M3915*Input!$J$16,0)</f>
        <v>0.88163959863938546</v>
      </c>
      <c r="O3915" s="58">
        <f>IF(Input!$K$13=2,J3915*Input!$J$13,0)+IF(Input!$K$14=2,K3915*Input!$J$14,0)+IF(Input!$K$15=2,L3915*Input!$J$15,0)+IF(Input!$K$16=2,M3915*Input!$J$16,0)</f>
        <v>7.9043816142477741E-2</v>
      </c>
      <c r="P3915" s="58">
        <f>IF(Input!$K$13=3,J3915*Input!$J$13,0)+IF(Input!$K$14=3,K3915*Input!$J$14,0)+IF(Input!$K$15=3,L3915*Input!$J$15,0)+IF(Input!$K$16=3,M3915*Input!$J$16,0)</f>
        <v>0</v>
      </c>
      <c r="Q3915" s="71">
        <f>IF(Input!$K$13=4,J3915*Input!$J$13,0)+IF(Input!$K$14=4,K3915*Input!$J$14,0)+IF(Input!$K$15=4,L3915*Input!$J$15,0)+IF(Input!$K$16=4,M3915*Input!$J$16,0)</f>
        <v>0</v>
      </c>
    </row>
    <row r="3916" spans="8:17" x14ac:dyDescent="0.25">
      <c r="H3916" s="43">
        <v>3909</v>
      </c>
      <c r="I3916" s="55">
        <f>Bühler!I3942</f>
        <v>0.23965002955606041</v>
      </c>
      <c r="J3916" s="58">
        <f>Bühler!J3942</f>
        <v>7.346996655328212</v>
      </c>
      <c r="K3916" s="58">
        <f>Bühler!K3942</f>
        <v>0.58550974920353882</v>
      </c>
      <c r="L3916" s="58">
        <f>Bühler!L3942</f>
        <v>0.29275487460176941</v>
      </c>
      <c r="M3916" s="57">
        <f>Bühler!M3942</f>
        <v>0</v>
      </c>
      <c r="N3916" s="55">
        <f>IF(Input!$K$13=1,J3916*Input!$J$13,0)+IF(Input!$K$14=1,K3916*Input!$J$14,0)+IF(Input!$K$15=1,L3916*Input!$J$15,0)+IF(Input!$K$16=1,M3916*Input!$J$16,0)</f>
        <v>0.88163959863938546</v>
      </c>
      <c r="O3916" s="58">
        <f>IF(Input!$K$13=2,J3916*Input!$J$13,0)+IF(Input!$K$14=2,K3916*Input!$J$14,0)+IF(Input!$K$15=2,L3916*Input!$J$15,0)+IF(Input!$K$16=2,M3916*Input!$J$16,0)</f>
        <v>7.9043816142477741E-2</v>
      </c>
      <c r="P3916" s="58">
        <f>IF(Input!$K$13=3,J3916*Input!$J$13,0)+IF(Input!$K$14=3,K3916*Input!$J$14,0)+IF(Input!$K$15=3,L3916*Input!$J$15,0)+IF(Input!$K$16=3,M3916*Input!$J$16,0)</f>
        <v>0</v>
      </c>
      <c r="Q3916" s="71">
        <f>IF(Input!$K$13=4,J3916*Input!$J$13,0)+IF(Input!$K$14=4,K3916*Input!$J$14,0)+IF(Input!$K$15=4,L3916*Input!$J$15,0)+IF(Input!$K$16=4,M3916*Input!$J$16,0)</f>
        <v>0</v>
      </c>
    </row>
    <row r="3917" spans="8:17" x14ac:dyDescent="0.25">
      <c r="H3917" s="43">
        <v>3910</v>
      </c>
      <c r="I3917" s="55">
        <f>Bühler!I3943</f>
        <v>0.23965002955606041</v>
      </c>
      <c r="J3917" s="58">
        <f>Bühler!J3943</f>
        <v>7.346996655328212</v>
      </c>
      <c r="K3917" s="58">
        <f>Bühler!K3943</f>
        <v>0.58550974920353882</v>
      </c>
      <c r="L3917" s="58">
        <f>Bühler!L3943</f>
        <v>0.29275487460176941</v>
      </c>
      <c r="M3917" s="57">
        <f>Bühler!M3943</f>
        <v>0</v>
      </c>
      <c r="N3917" s="55">
        <f>IF(Input!$K$13=1,J3917*Input!$J$13,0)+IF(Input!$K$14=1,K3917*Input!$J$14,0)+IF(Input!$K$15=1,L3917*Input!$J$15,0)+IF(Input!$K$16=1,M3917*Input!$J$16,0)</f>
        <v>0.88163959863938546</v>
      </c>
      <c r="O3917" s="58">
        <f>IF(Input!$K$13=2,J3917*Input!$J$13,0)+IF(Input!$K$14=2,K3917*Input!$J$14,0)+IF(Input!$K$15=2,L3917*Input!$J$15,0)+IF(Input!$K$16=2,M3917*Input!$J$16,0)</f>
        <v>7.9043816142477741E-2</v>
      </c>
      <c r="P3917" s="58">
        <f>IF(Input!$K$13=3,J3917*Input!$J$13,0)+IF(Input!$K$14=3,K3917*Input!$J$14,0)+IF(Input!$K$15=3,L3917*Input!$J$15,0)+IF(Input!$K$16=3,M3917*Input!$J$16,0)</f>
        <v>0</v>
      </c>
      <c r="Q3917" s="71">
        <f>IF(Input!$K$13=4,J3917*Input!$J$13,0)+IF(Input!$K$14=4,K3917*Input!$J$14,0)+IF(Input!$K$15=4,L3917*Input!$J$15,0)+IF(Input!$K$16=4,M3917*Input!$J$16,0)</f>
        <v>0</v>
      </c>
    </row>
    <row r="3918" spans="8:17" x14ac:dyDescent="0.25">
      <c r="H3918" s="43">
        <v>3911</v>
      </c>
      <c r="I3918" s="55">
        <f>Bühler!I3944</f>
        <v>0.23965002955606041</v>
      </c>
      <c r="J3918" s="58">
        <f>Bühler!J3944</f>
        <v>7.346996655328212</v>
      </c>
      <c r="K3918" s="58">
        <f>Bühler!K3944</f>
        <v>0.58550974920353882</v>
      </c>
      <c r="L3918" s="58">
        <f>Bühler!L3944</f>
        <v>0.29275487460176941</v>
      </c>
      <c r="M3918" s="57">
        <f>Bühler!M3944</f>
        <v>0</v>
      </c>
      <c r="N3918" s="55">
        <f>IF(Input!$K$13=1,J3918*Input!$J$13,0)+IF(Input!$K$14=1,K3918*Input!$J$14,0)+IF(Input!$K$15=1,L3918*Input!$J$15,0)+IF(Input!$K$16=1,M3918*Input!$J$16,0)</f>
        <v>0.88163959863938546</v>
      </c>
      <c r="O3918" s="58">
        <f>IF(Input!$K$13=2,J3918*Input!$J$13,0)+IF(Input!$K$14=2,K3918*Input!$J$14,0)+IF(Input!$K$15=2,L3918*Input!$J$15,0)+IF(Input!$K$16=2,M3918*Input!$J$16,0)</f>
        <v>7.9043816142477741E-2</v>
      </c>
      <c r="P3918" s="58">
        <f>IF(Input!$K$13=3,J3918*Input!$J$13,0)+IF(Input!$K$14=3,K3918*Input!$J$14,0)+IF(Input!$K$15=3,L3918*Input!$J$15,0)+IF(Input!$K$16=3,M3918*Input!$J$16,0)</f>
        <v>0</v>
      </c>
      <c r="Q3918" s="71">
        <f>IF(Input!$K$13=4,J3918*Input!$J$13,0)+IF(Input!$K$14=4,K3918*Input!$J$14,0)+IF(Input!$K$15=4,L3918*Input!$J$15,0)+IF(Input!$K$16=4,M3918*Input!$J$16,0)</f>
        <v>0</v>
      </c>
    </row>
    <row r="3919" spans="8:17" x14ac:dyDescent="0.25">
      <c r="H3919" s="43">
        <v>3912</v>
      </c>
      <c r="I3919" s="55">
        <f>Bühler!I3945</f>
        <v>0.23965002955606041</v>
      </c>
      <c r="J3919" s="58">
        <f>Bühler!J3945</f>
        <v>7.346996655328212</v>
      </c>
      <c r="K3919" s="58">
        <f>Bühler!K3945</f>
        <v>0.58550974920353882</v>
      </c>
      <c r="L3919" s="58">
        <f>Bühler!L3945</f>
        <v>0.29275487460176941</v>
      </c>
      <c r="M3919" s="57">
        <f>Bühler!M3945</f>
        <v>0</v>
      </c>
      <c r="N3919" s="55">
        <f>IF(Input!$K$13=1,J3919*Input!$J$13,0)+IF(Input!$K$14=1,K3919*Input!$J$14,0)+IF(Input!$K$15=1,L3919*Input!$J$15,0)+IF(Input!$K$16=1,M3919*Input!$J$16,0)</f>
        <v>0.88163959863938546</v>
      </c>
      <c r="O3919" s="58">
        <f>IF(Input!$K$13=2,J3919*Input!$J$13,0)+IF(Input!$K$14=2,K3919*Input!$J$14,0)+IF(Input!$K$15=2,L3919*Input!$J$15,0)+IF(Input!$K$16=2,M3919*Input!$J$16,0)</f>
        <v>7.9043816142477741E-2</v>
      </c>
      <c r="P3919" s="58">
        <f>IF(Input!$K$13=3,J3919*Input!$J$13,0)+IF(Input!$K$14=3,K3919*Input!$J$14,0)+IF(Input!$K$15=3,L3919*Input!$J$15,0)+IF(Input!$K$16=3,M3919*Input!$J$16,0)</f>
        <v>0</v>
      </c>
      <c r="Q3919" s="71">
        <f>IF(Input!$K$13=4,J3919*Input!$J$13,0)+IF(Input!$K$14=4,K3919*Input!$J$14,0)+IF(Input!$K$15=4,L3919*Input!$J$15,0)+IF(Input!$K$16=4,M3919*Input!$J$16,0)</f>
        <v>0</v>
      </c>
    </row>
    <row r="3920" spans="8:17" x14ac:dyDescent="0.25">
      <c r="H3920" s="43">
        <v>3913</v>
      </c>
      <c r="I3920" s="55">
        <f>Bühler!I3946</f>
        <v>0.33069231368311158</v>
      </c>
      <c r="J3920" s="58">
        <f>Bühler!J3946</f>
        <v>5.0258368415963606</v>
      </c>
      <c r="K3920" s="58">
        <f>Bühler!K3946</f>
        <v>0.37897307579743938</v>
      </c>
      <c r="L3920" s="58">
        <f>Bühler!L3946</f>
        <v>0.18948653789871969</v>
      </c>
      <c r="M3920" s="57">
        <f>Bühler!M3946</f>
        <v>0</v>
      </c>
      <c r="N3920" s="55">
        <f>IF(Input!$K$13=1,J3920*Input!$J$13,0)+IF(Input!$K$14=1,K3920*Input!$J$14,0)+IF(Input!$K$15=1,L3920*Input!$J$15,0)+IF(Input!$K$16=1,M3920*Input!$J$16,0)</f>
        <v>0.60310042099156325</v>
      </c>
      <c r="O3920" s="58">
        <f>IF(Input!$K$13=2,J3920*Input!$J$13,0)+IF(Input!$K$14=2,K3920*Input!$J$14,0)+IF(Input!$K$15=2,L3920*Input!$J$15,0)+IF(Input!$K$16=2,M3920*Input!$J$16,0)</f>
        <v>5.1161365232654313E-2</v>
      </c>
      <c r="P3920" s="58">
        <f>IF(Input!$K$13=3,J3920*Input!$J$13,0)+IF(Input!$K$14=3,K3920*Input!$J$14,0)+IF(Input!$K$15=3,L3920*Input!$J$15,0)+IF(Input!$K$16=3,M3920*Input!$J$16,0)</f>
        <v>0</v>
      </c>
      <c r="Q3920" s="71">
        <f>IF(Input!$K$13=4,J3920*Input!$J$13,0)+IF(Input!$K$14=4,K3920*Input!$J$14,0)+IF(Input!$K$15=4,L3920*Input!$J$15,0)+IF(Input!$K$16=4,M3920*Input!$J$16,0)</f>
        <v>0</v>
      </c>
    </row>
    <row r="3921" spans="8:17" x14ac:dyDescent="0.25">
      <c r="H3921" s="43">
        <v>3914</v>
      </c>
      <c r="I3921" s="55">
        <f>Bühler!I3947</f>
        <v>0.33069231368311158</v>
      </c>
      <c r="J3921" s="58">
        <f>Bühler!J3947</f>
        <v>7.4707632790330054</v>
      </c>
      <c r="K3921" s="58">
        <f>Bühler!K3947</f>
        <v>0.5774827821675268</v>
      </c>
      <c r="L3921" s="58">
        <f>Bühler!L3947</f>
        <v>0.2887413910837634</v>
      </c>
      <c r="M3921" s="57">
        <f>Bühler!M3947</f>
        <v>0</v>
      </c>
      <c r="N3921" s="55">
        <f>IF(Input!$K$13=1,J3921*Input!$J$13,0)+IF(Input!$K$14=1,K3921*Input!$J$14,0)+IF(Input!$K$15=1,L3921*Input!$J$15,0)+IF(Input!$K$16=1,M3921*Input!$J$16,0)</f>
        <v>0.89649159348396057</v>
      </c>
      <c r="O3921" s="58">
        <f>IF(Input!$K$13=2,J3921*Input!$J$13,0)+IF(Input!$K$14=2,K3921*Input!$J$14,0)+IF(Input!$K$15=2,L3921*Input!$J$15,0)+IF(Input!$K$16=2,M3921*Input!$J$16,0)</f>
        <v>7.7960175592616116E-2</v>
      </c>
      <c r="P3921" s="58">
        <f>IF(Input!$K$13=3,J3921*Input!$J$13,0)+IF(Input!$K$14=3,K3921*Input!$J$14,0)+IF(Input!$K$15=3,L3921*Input!$J$15,0)+IF(Input!$K$16=3,M3921*Input!$J$16,0)</f>
        <v>0</v>
      </c>
      <c r="Q3921" s="71">
        <f>IF(Input!$K$13=4,J3921*Input!$J$13,0)+IF(Input!$K$14=4,K3921*Input!$J$14,0)+IF(Input!$K$15=4,L3921*Input!$J$15,0)+IF(Input!$K$16=4,M3921*Input!$J$16,0)</f>
        <v>0</v>
      </c>
    </row>
    <row r="3922" spans="8:17" x14ac:dyDescent="0.25">
      <c r="H3922" s="43">
        <v>3915</v>
      </c>
      <c r="I3922" s="55">
        <f>Bühler!I3948</f>
        <v>0.33069231368311158</v>
      </c>
      <c r="J3922" s="58">
        <f>Bühler!J3948</f>
        <v>7.4707632790330054</v>
      </c>
      <c r="K3922" s="58">
        <f>Bühler!K3948</f>
        <v>0.5774827821675268</v>
      </c>
      <c r="L3922" s="58">
        <f>Bühler!L3948</f>
        <v>0.2887413910837634</v>
      </c>
      <c r="M3922" s="57">
        <f>Bühler!M3948</f>
        <v>0</v>
      </c>
      <c r="N3922" s="55">
        <f>IF(Input!$K$13=1,J3922*Input!$J$13,0)+IF(Input!$K$14=1,K3922*Input!$J$14,0)+IF(Input!$K$15=1,L3922*Input!$J$15,0)+IF(Input!$K$16=1,M3922*Input!$J$16,0)</f>
        <v>0.89649159348396057</v>
      </c>
      <c r="O3922" s="58">
        <f>IF(Input!$K$13=2,J3922*Input!$J$13,0)+IF(Input!$K$14=2,K3922*Input!$J$14,0)+IF(Input!$K$15=2,L3922*Input!$J$15,0)+IF(Input!$K$16=2,M3922*Input!$J$16,0)</f>
        <v>7.7960175592616116E-2</v>
      </c>
      <c r="P3922" s="58">
        <f>IF(Input!$K$13=3,J3922*Input!$J$13,0)+IF(Input!$K$14=3,K3922*Input!$J$14,0)+IF(Input!$K$15=3,L3922*Input!$J$15,0)+IF(Input!$K$16=3,M3922*Input!$J$16,0)</f>
        <v>0</v>
      </c>
      <c r="Q3922" s="71">
        <f>IF(Input!$K$13=4,J3922*Input!$J$13,0)+IF(Input!$K$14=4,K3922*Input!$J$14,0)+IF(Input!$K$15=4,L3922*Input!$J$15,0)+IF(Input!$K$16=4,M3922*Input!$J$16,0)</f>
        <v>0</v>
      </c>
    </row>
    <row r="3923" spans="8:17" x14ac:dyDescent="0.25">
      <c r="H3923" s="43">
        <v>3916</v>
      </c>
      <c r="I3923" s="55">
        <f>Bühler!I3949</f>
        <v>0.33069231368311158</v>
      </c>
      <c r="J3923" s="58">
        <f>Bühler!J3949</f>
        <v>7.4707632790330054</v>
      </c>
      <c r="K3923" s="58">
        <f>Bühler!K3949</f>
        <v>0.5774827821675268</v>
      </c>
      <c r="L3923" s="58">
        <f>Bühler!L3949</f>
        <v>0.2887413910837634</v>
      </c>
      <c r="M3923" s="57">
        <f>Bühler!M3949</f>
        <v>0</v>
      </c>
      <c r="N3923" s="55">
        <f>IF(Input!$K$13=1,J3923*Input!$J$13,0)+IF(Input!$K$14=1,K3923*Input!$J$14,0)+IF(Input!$K$15=1,L3923*Input!$J$15,0)+IF(Input!$K$16=1,M3923*Input!$J$16,0)</f>
        <v>0.89649159348396057</v>
      </c>
      <c r="O3923" s="58">
        <f>IF(Input!$K$13=2,J3923*Input!$J$13,0)+IF(Input!$K$14=2,K3923*Input!$J$14,0)+IF(Input!$K$15=2,L3923*Input!$J$15,0)+IF(Input!$K$16=2,M3923*Input!$J$16,0)</f>
        <v>7.7960175592616116E-2</v>
      </c>
      <c r="P3923" s="58">
        <f>IF(Input!$K$13=3,J3923*Input!$J$13,0)+IF(Input!$K$14=3,K3923*Input!$J$14,0)+IF(Input!$K$15=3,L3923*Input!$J$15,0)+IF(Input!$K$16=3,M3923*Input!$J$16,0)</f>
        <v>0</v>
      </c>
      <c r="Q3923" s="71">
        <f>IF(Input!$K$13=4,J3923*Input!$J$13,0)+IF(Input!$K$14=4,K3923*Input!$J$14,0)+IF(Input!$K$15=4,L3923*Input!$J$15,0)+IF(Input!$K$16=4,M3923*Input!$J$16,0)</f>
        <v>0</v>
      </c>
    </row>
    <row r="3924" spans="8:17" x14ac:dyDescent="0.25">
      <c r="H3924" s="43">
        <v>3917</v>
      </c>
      <c r="I3924" s="55">
        <f>Bühler!I3950</f>
        <v>0.33069231368311158</v>
      </c>
      <c r="J3924" s="58">
        <f>Bühler!J3950</f>
        <v>7.4707632790330054</v>
      </c>
      <c r="K3924" s="58">
        <f>Bühler!K3950</f>
        <v>0.5774827821675268</v>
      </c>
      <c r="L3924" s="58">
        <f>Bühler!L3950</f>
        <v>0.2887413910837634</v>
      </c>
      <c r="M3924" s="57">
        <f>Bühler!M3950</f>
        <v>0</v>
      </c>
      <c r="N3924" s="55">
        <f>IF(Input!$K$13=1,J3924*Input!$J$13,0)+IF(Input!$K$14=1,K3924*Input!$J$14,0)+IF(Input!$K$15=1,L3924*Input!$J$15,0)+IF(Input!$K$16=1,M3924*Input!$J$16,0)</f>
        <v>0.89649159348396057</v>
      </c>
      <c r="O3924" s="58">
        <f>IF(Input!$K$13=2,J3924*Input!$J$13,0)+IF(Input!$K$14=2,K3924*Input!$J$14,0)+IF(Input!$K$15=2,L3924*Input!$J$15,0)+IF(Input!$K$16=2,M3924*Input!$J$16,0)</f>
        <v>7.7960175592616116E-2</v>
      </c>
      <c r="P3924" s="58">
        <f>IF(Input!$K$13=3,J3924*Input!$J$13,0)+IF(Input!$K$14=3,K3924*Input!$J$14,0)+IF(Input!$K$15=3,L3924*Input!$J$15,0)+IF(Input!$K$16=3,M3924*Input!$J$16,0)</f>
        <v>0</v>
      </c>
      <c r="Q3924" s="71">
        <f>IF(Input!$K$13=4,J3924*Input!$J$13,0)+IF(Input!$K$14=4,K3924*Input!$J$14,0)+IF(Input!$K$15=4,L3924*Input!$J$15,0)+IF(Input!$K$16=4,M3924*Input!$J$16,0)</f>
        <v>0</v>
      </c>
    </row>
    <row r="3925" spans="8:17" x14ac:dyDescent="0.25">
      <c r="H3925" s="43">
        <v>3918</v>
      </c>
      <c r="I3925" s="55">
        <f>Bühler!I3951</f>
        <v>0.33069231368311158</v>
      </c>
      <c r="J3925" s="58">
        <f>Bühler!J3951</f>
        <v>7.4707632790330054</v>
      </c>
      <c r="K3925" s="58">
        <f>Bühler!K3951</f>
        <v>0.5774827821675268</v>
      </c>
      <c r="L3925" s="58">
        <f>Bühler!L3951</f>
        <v>0.2887413910837634</v>
      </c>
      <c r="M3925" s="57">
        <f>Bühler!M3951</f>
        <v>0</v>
      </c>
      <c r="N3925" s="55">
        <f>IF(Input!$K$13=1,J3925*Input!$J$13,0)+IF(Input!$K$14=1,K3925*Input!$J$14,0)+IF(Input!$K$15=1,L3925*Input!$J$15,0)+IF(Input!$K$16=1,M3925*Input!$J$16,0)</f>
        <v>0.89649159348396057</v>
      </c>
      <c r="O3925" s="58">
        <f>IF(Input!$K$13=2,J3925*Input!$J$13,0)+IF(Input!$K$14=2,K3925*Input!$J$14,0)+IF(Input!$K$15=2,L3925*Input!$J$15,0)+IF(Input!$K$16=2,M3925*Input!$J$16,0)</f>
        <v>7.7960175592616116E-2</v>
      </c>
      <c r="P3925" s="58">
        <f>IF(Input!$K$13=3,J3925*Input!$J$13,0)+IF(Input!$K$14=3,K3925*Input!$J$14,0)+IF(Input!$K$15=3,L3925*Input!$J$15,0)+IF(Input!$K$16=3,M3925*Input!$J$16,0)</f>
        <v>0</v>
      </c>
      <c r="Q3925" s="71">
        <f>IF(Input!$K$13=4,J3925*Input!$J$13,0)+IF(Input!$K$14=4,K3925*Input!$J$14,0)+IF(Input!$K$15=4,L3925*Input!$J$15,0)+IF(Input!$K$16=4,M3925*Input!$J$16,0)</f>
        <v>0</v>
      </c>
    </row>
    <row r="3926" spans="8:17" x14ac:dyDescent="0.25">
      <c r="H3926" s="43">
        <v>3919</v>
      </c>
      <c r="I3926" s="55">
        <f>Bühler!I3952</f>
        <v>0.33069231368311158</v>
      </c>
      <c r="J3926" s="58">
        <f>Bühler!J3952</f>
        <v>7.4707632790330054</v>
      </c>
      <c r="K3926" s="58">
        <f>Bühler!K3952</f>
        <v>0.5774827821675268</v>
      </c>
      <c r="L3926" s="58">
        <f>Bühler!L3952</f>
        <v>0.2887413910837634</v>
      </c>
      <c r="M3926" s="57">
        <f>Bühler!M3952</f>
        <v>0</v>
      </c>
      <c r="N3926" s="55">
        <f>IF(Input!$K$13=1,J3926*Input!$J$13,0)+IF(Input!$K$14=1,K3926*Input!$J$14,0)+IF(Input!$K$15=1,L3926*Input!$J$15,0)+IF(Input!$K$16=1,M3926*Input!$J$16,0)</f>
        <v>0.89649159348396057</v>
      </c>
      <c r="O3926" s="58">
        <f>IF(Input!$K$13=2,J3926*Input!$J$13,0)+IF(Input!$K$14=2,K3926*Input!$J$14,0)+IF(Input!$K$15=2,L3926*Input!$J$15,0)+IF(Input!$K$16=2,M3926*Input!$J$16,0)</f>
        <v>7.7960175592616116E-2</v>
      </c>
      <c r="P3926" s="58">
        <f>IF(Input!$K$13=3,J3926*Input!$J$13,0)+IF(Input!$K$14=3,K3926*Input!$J$14,0)+IF(Input!$K$15=3,L3926*Input!$J$15,0)+IF(Input!$K$16=3,M3926*Input!$J$16,0)</f>
        <v>0</v>
      </c>
      <c r="Q3926" s="71">
        <f>IF(Input!$K$13=4,J3926*Input!$J$13,0)+IF(Input!$K$14=4,K3926*Input!$J$14,0)+IF(Input!$K$15=4,L3926*Input!$J$15,0)+IF(Input!$K$16=4,M3926*Input!$J$16,0)</f>
        <v>0</v>
      </c>
    </row>
    <row r="3927" spans="8:17" x14ac:dyDescent="0.25">
      <c r="H3927" s="43">
        <v>3920</v>
      </c>
      <c r="I3927" s="55">
        <f>Bühler!I3953</f>
        <v>0.95260721328715692</v>
      </c>
      <c r="J3927" s="58">
        <f>Bühler!J3953</f>
        <v>31.015679912291699</v>
      </c>
      <c r="K3927" s="58">
        <f>Bühler!K3953</f>
        <v>2.4344508535749796</v>
      </c>
      <c r="L3927" s="58">
        <f>Bühler!L3953</f>
        <v>1.2172254267874898</v>
      </c>
      <c r="M3927" s="57">
        <f>Bühler!M3953</f>
        <v>0</v>
      </c>
      <c r="N3927" s="55">
        <f>IF(Input!$K$13=1,J3927*Input!$J$13,0)+IF(Input!$K$14=1,K3927*Input!$J$14,0)+IF(Input!$K$15=1,L3927*Input!$J$15,0)+IF(Input!$K$16=1,M3927*Input!$J$16,0)</f>
        <v>3.7218815894750037</v>
      </c>
      <c r="O3927" s="58">
        <f>IF(Input!$K$13=2,J3927*Input!$J$13,0)+IF(Input!$K$14=2,K3927*Input!$J$14,0)+IF(Input!$K$15=2,L3927*Input!$J$15,0)+IF(Input!$K$16=2,M3927*Input!$J$16,0)</f>
        <v>0.32865086523262221</v>
      </c>
      <c r="P3927" s="58">
        <f>IF(Input!$K$13=3,J3927*Input!$J$13,0)+IF(Input!$K$14=3,K3927*Input!$J$14,0)+IF(Input!$K$15=3,L3927*Input!$J$15,0)+IF(Input!$K$16=3,M3927*Input!$J$16,0)</f>
        <v>0</v>
      </c>
      <c r="Q3927" s="71">
        <f>IF(Input!$K$13=4,J3927*Input!$J$13,0)+IF(Input!$K$14=4,K3927*Input!$J$14,0)+IF(Input!$K$15=4,L3927*Input!$J$15,0)+IF(Input!$K$16=4,M3927*Input!$J$16,0)</f>
        <v>0</v>
      </c>
    </row>
    <row r="3928" spans="8:17" x14ac:dyDescent="0.25">
      <c r="H3928" s="43">
        <v>3921</v>
      </c>
      <c r="I3928" s="55">
        <f>Bühler!I3954</f>
        <v>1.0629091011414591</v>
      </c>
      <c r="J3928" s="58">
        <f>Bühler!J3954</f>
        <v>34.606969165293897</v>
      </c>
      <c r="K3928" s="58">
        <f>Bühler!K3954</f>
        <v>2.7163346366205041</v>
      </c>
      <c r="L3928" s="58">
        <f>Bühler!L3954</f>
        <v>1.3581673183102521</v>
      </c>
      <c r="M3928" s="57">
        <f>Bühler!M3954</f>
        <v>0</v>
      </c>
      <c r="N3928" s="55">
        <f>IF(Input!$K$13=1,J3928*Input!$J$13,0)+IF(Input!$K$14=1,K3928*Input!$J$14,0)+IF(Input!$K$15=1,L3928*Input!$J$15,0)+IF(Input!$K$16=1,M3928*Input!$J$16,0)</f>
        <v>4.1528362998352675</v>
      </c>
      <c r="O3928" s="58">
        <f>IF(Input!$K$13=2,J3928*Input!$J$13,0)+IF(Input!$K$14=2,K3928*Input!$J$14,0)+IF(Input!$K$15=2,L3928*Input!$J$15,0)+IF(Input!$K$16=2,M3928*Input!$J$16,0)</f>
        <v>0.36670517594376806</v>
      </c>
      <c r="P3928" s="58">
        <f>IF(Input!$K$13=3,J3928*Input!$J$13,0)+IF(Input!$K$14=3,K3928*Input!$J$14,0)+IF(Input!$K$15=3,L3928*Input!$J$15,0)+IF(Input!$K$16=3,M3928*Input!$J$16,0)</f>
        <v>0</v>
      </c>
      <c r="Q3928" s="71">
        <f>IF(Input!$K$13=4,J3928*Input!$J$13,0)+IF(Input!$K$14=4,K3928*Input!$J$14,0)+IF(Input!$K$15=4,L3928*Input!$J$15,0)+IF(Input!$K$16=4,M3928*Input!$J$16,0)</f>
        <v>0</v>
      </c>
    </row>
    <row r="3929" spans="8:17" x14ac:dyDescent="0.25">
      <c r="H3929" s="43">
        <v>3922</v>
      </c>
      <c r="I3929" s="55">
        <f>Bühler!I3955</f>
        <v>1.1732109889957614</v>
      </c>
      <c r="J3929" s="58">
        <f>Bühler!J3955</f>
        <v>38.198258418296092</v>
      </c>
      <c r="K3929" s="58">
        <f>Bühler!K3955</f>
        <v>2.9982184196660282</v>
      </c>
      <c r="L3929" s="58">
        <f>Bühler!L3955</f>
        <v>1.4991092098330141</v>
      </c>
      <c r="M3929" s="57">
        <f>Bühler!M3955</f>
        <v>0</v>
      </c>
      <c r="N3929" s="55">
        <f>IF(Input!$K$13=1,J3929*Input!$J$13,0)+IF(Input!$K$14=1,K3929*Input!$J$14,0)+IF(Input!$K$15=1,L3929*Input!$J$15,0)+IF(Input!$K$16=1,M3929*Input!$J$16,0)</f>
        <v>4.5837910101955313</v>
      </c>
      <c r="O3929" s="58">
        <f>IF(Input!$K$13=2,J3929*Input!$J$13,0)+IF(Input!$K$14=2,K3929*Input!$J$14,0)+IF(Input!$K$15=2,L3929*Input!$J$15,0)+IF(Input!$K$16=2,M3929*Input!$J$16,0)</f>
        <v>0.40475948665491379</v>
      </c>
      <c r="P3929" s="58">
        <f>IF(Input!$K$13=3,J3929*Input!$J$13,0)+IF(Input!$K$14=3,K3929*Input!$J$14,0)+IF(Input!$K$15=3,L3929*Input!$J$15,0)+IF(Input!$K$16=3,M3929*Input!$J$16,0)</f>
        <v>0</v>
      </c>
      <c r="Q3929" s="71">
        <f>IF(Input!$K$13=4,J3929*Input!$J$13,0)+IF(Input!$K$14=4,K3929*Input!$J$14,0)+IF(Input!$K$15=4,L3929*Input!$J$15,0)+IF(Input!$K$16=4,M3929*Input!$J$16,0)</f>
        <v>0</v>
      </c>
    </row>
    <row r="3930" spans="8:17" x14ac:dyDescent="0.25">
      <c r="H3930" s="43">
        <v>3923</v>
      </c>
      <c r="I3930" s="55">
        <f>Bühler!I3956</f>
        <v>1.1732109889957614</v>
      </c>
      <c r="J3930" s="58">
        <f>Bühler!J3956</f>
        <v>38.198258418296092</v>
      </c>
      <c r="K3930" s="58">
        <f>Bühler!K3956</f>
        <v>2.9982184196660282</v>
      </c>
      <c r="L3930" s="58">
        <f>Bühler!L3956</f>
        <v>1.4991092098330141</v>
      </c>
      <c r="M3930" s="57">
        <f>Bühler!M3956</f>
        <v>0</v>
      </c>
      <c r="N3930" s="55">
        <f>IF(Input!$K$13=1,J3930*Input!$J$13,0)+IF(Input!$K$14=1,K3930*Input!$J$14,0)+IF(Input!$K$15=1,L3930*Input!$J$15,0)+IF(Input!$K$16=1,M3930*Input!$J$16,0)</f>
        <v>4.5837910101955313</v>
      </c>
      <c r="O3930" s="58">
        <f>IF(Input!$K$13=2,J3930*Input!$J$13,0)+IF(Input!$K$14=2,K3930*Input!$J$14,0)+IF(Input!$K$15=2,L3930*Input!$J$15,0)+IF(Input!$K$16=2,M3930*Input!$J$16,0)</f>
        <v>0.40475948665491379</v>
      </c>
      <c r="P3930" s="58">
        <f>IF(Input!$K$13=3,J3930*Input!$J$13,0)+IF(Input!$K$14=3,K3930*Input!$J$14,0)+IF(Input!$K$15=3,L3930*Input!$J$15,0)+IF(Input!$K$16=3,M3930*Input!$J$16,0)</f>
        <v>0</v>
      </c>
      <c r="Q3930" s="71">
        <f>IF(Input!$K$13=4,J3930*Input!$J$13,0)+IF(Input!$K$14=4,K3930*Input!$J$14,0)+IF(Input!$K$15=4,L3930*Input!$J$15,0)+IF(Input!$K$16=4,M3930*Input!$J$16,0)</f>
        <v>0</v>
      </c>
    </row>
    <row r="3931" spans="8:17" x14ac:dyDescent="0.25">
      <c r="H3931" s="43">
        <v>3924</v>
      </c>
      <c r="I3931" s="55">
        <f>Bühler!I3957</f>
        <v>1.4038422090547578</v>
      </c>
      <c r="J3931" s="58">
        <f>Bühler!J3957</f>
        <v>45.707317765482507</v>
      </c>
      <c r="K3931" s="58">
        <f>Bühler!K3957</f>
        <v>3.5876117842157593</v>
      </c>
      <c r="L3931" s="58">
        <f>Bühler!L3957</f>
        <v>1.7938058921078797</v>
      </c>
      <c r="M3931" s="57">
        <f>Bühler!M3957</f>
        <v>0</v>
      </c>
      <c r="N3931" s="55">
        <f>IF(Input!$K$13=1,J3931*Input!$J$13,0)+IF(Input!$K$14=1,K3931*Input!$J$14,0)+IF(Input!$K$15=1,L3931*Input!$J$15,0)+IF(Input!$K$16=1,M3931*Input!$J$16,0)</f>
        <v>5.4848781318579007</v>
      </c>
      <c r="O3931" s="58">
        <f>IF(Input!$K$13=2,J3931*Input!$J$13,0)+IF(Input!$K$14=2,K3931*Input!$J$14,0)+IF(Input!$K$15=2,L3931*Input!$J$15,0)+IF(Input!$K$16=2,M3931*Input!$J$16,0)</f>
        <v>0.48432759086912747</v>
      </c>
      <c r="P3931" s="58">
        <f>IF(Input!$K$13=3,J3931*Input!$J$13,0)+IF(Input!$K$14=3,K3931*Input!$J$14,0)+IF(Input!$K$15=3,L3931*Input!$J$15,0)+IF(Input!$K$16=3,M3931*Input!$J$16,0)</f>
        <v>0</v>
      </c>
      <c r="Q3931" s="71">
        <f>IF(Input!$K$13=4,J3931*Input!$J$13,0)+IF(Input!$K$14=4,K3931*Input!$J$14,0)+IF(Input!$K$15=4,L3931*Input!$J$15,0)+IF(Input!$K$16=4,M3931*Input!$J$16,0)</f>
        <v>0</v>
      </c>
    </row>
    <row r="3932" spans="8:17" x14ac:dyDescent="0.25">
      <c r="H3932" s="43">
        <v>3925</v>
      </c>
      <c r="I3932" s="55">
        <f>Bühler!I3958</f>
        <v>1.4038422090547578</v>
      </c>
      <c r="J3932" s="58">
        <f>Bühler!J3958</f>
        <v>45.707317765482507</v>
      </c>
      <c r="K3932" s="58">
        <f>Bühler!K3958</f>
        <v>3.5876117842157593</v>
      </c>
      <c r="L3932" s="58">
        <f>Bühler!L3958</f>
        <v>1.7938058921078797</v>
      </c>
      <c r="M3932" s="57">
        <f>Bühler!M3958</f>
        <v>0</v>
      </c>
      <c r="N3932" s="55">
        <f>IF(Input!$K$13=1,J3932*Input!$J$13,0)+IF(Input!$K$14=1,K3932*Input!$J$14,0)+IF(Input!$K$15=1,L3932*Input!$J$15,0)+IF(Input!$K$16=1,M3932*Input!$J$16,0)</f>
        <v>5.4848781318579007</v>
      </c>
      <c r="O3932" s="58">
        <f>IF(Input!$K$13=2,J3932*Input!$J$13,0)+IF(Input!$K$14=2,K3932*Input!$J$14,0)+IF(Input!$K$15=2,L3932*Input!$J$15,0)+IF(Input!$K$16=2,M3932*Input!$J$16,0)</f>
        <v>0.48432759086912747</v>
      </c>
      <c r="P3932" s="58">
        <f>IF(Input!$K$13=3,J3932*Input!$J$13,0)+IF(Input!$K$14=3,K3932*Input!$J$14,0)+IF(Input!$K$15=3,L3932*Input!$J$15,0)+IF(Input!$K$16=3,M3932*Input!$J$16,0)</f>
        <v>0</v>
      </c>
      <c r="Q3932" s="71">
        <f>IF(Input!$K$13=4,J3932*Input!$J$13,0)+IF(Input!$K$14=4,K3932*Input!$J$14,0)+IF(Input!$K$15=4,L3932*Input!$J$15,0)+IF(Input!$K$16=4,M3932*Input!$J$16,0)</f>
        <v>0</v>
      </c>
    </row>
    <row r="3933" spans="8:17" x14ac:dyDescent="0.25">
      <c r="H3933" s="43">
        <v>3926</v>
      </c>
      <c r="I3933" s="55">
        <f>Bühler!I3959</f>
        <v>0.93255232458637449</v>
      </c>
      <c r="J3933" s="58">
        <f>Bühler!J3959</f>
        <v>30.362718229927665</v>
      </c>
      <c r="K3933" s="58">
        <f>Bühler!K3959</f>
        <v>2.3831992566576115</v>
      </c>
      <c r="L3933" s="58">
        <f>Bühler!L3959</f>
        <v>1.1915996283288057</v>
      </c>
      <c r="M3933" s="57">
        <f>Bühler!M3959</f>
        <v>0</v>
      </c>
      <c r="N3933" s="55">
        <f>IF(Input!$K$13=1,J3933*Input!$J$13,0)+IF(Input!$K$14=1,K3933*Input!$J$14,0)+IF(Input!$K$15=1,L3933*Input!$J$15,0)+IF(Input!$K$16=1,M3933*Input!$J$16,0)</f>
        <v>3.6435261875913199</v>
      </c>
      <c r="O3933" s="58">
        <f>IF(Input!$K$13=2,J3933*Input!$J$13,0)+IF(Input!$K$14=2,K3933*Input!$J$14,0)+IF(Input!$K$15=2,L3933*Input!$J$15,0)+IF(Input!$K$16=2,M3933*Input!$J$16,0)</f>
        <v>0.32173189964877758</v>
      </c>
      <c r="P3933" s="58">
        <f>IF(Input!$K$13=3,J3933*Input!$J$13,0)+IF(Input!$K$14=3,K3933*Input!$J$14,0)+IF(Input!$K$15=3,L3933*Input!$J$15,0)+IF(Input!$K$16=3,M3933*Input!$J$16,0)</f>
        <v>0</v>
      </c>
      <c r="Q3933" s="71">
        <f>IF(Input!$K$13=4,J3933*Input!$J$13,0)+IF(Input!$K$14=4,K3933*Input!$J$14,0)+IF(Input!$K$15=4,L3933*Input!$J$15,0)+IF(Input!$K$16=4,M3933*Input!$J$16,0)</f>
        <v>0</v>
      </c>
    </row>
    <row r="3934" spans="8:17" x14ac:dyDescent="0.25">
      <c r="H3934" s="43">
        <v>3927</v>
      </c>
      <c r="I3934" s="55">
        <f>Bühler!I3960</f>
        <v>1.4038422090547578</v>
      </c>
      <c r="J3934" s="58">
        <f>Bühler!J3960</f>
        <v>45.707317765482507</v>
      </c>
      <c r="K3934" s="58">
        <f>Bühler!K3960</f>
        <v>3.5876117842157593</v>
      </c>
      <c r="L3934" s="58">
        <f>Bühler!L3960</f>
        <v>1.7938058921078797</v>
      </c>
      <c r="M3934" s="57">
        <f>Bühler!M3960</f>
        <v>0</v>
      </c>
      <c r="N3934" s="55">
        <f>IF(Input!$K$13=1,J3934*Input!$J$13,0)+IF(Input!$K$14=1,K3934*Input!$J$14,0)+IF(Input!$K$15=1,L3934*Input!$J$15,0)+IF(Input!$K$16=1,M3934*Input!$J$16,0)</f>
        <v>5.4848781318579007</v>
      </c>
      <c r="O3934" s="58">
        <f>IF(Input!$K$13=2,J3934*Input!$J$13,0)+IF(Input!$K$14=2,K3934*Input!$J$14,0)+IF(Input!$K$15=2,L3934*Input!$J$15,0)+IF(Input!$K$16=2,M3934*Input!$J$16,0)</f>
        <v>0.48432759086912747</v>
      </c>
      <c r="P3934" s="58">
        <f>IF(Input!$K$13=3,J3934*Input!$J$13,0)+IF(Input!$K$14=3,K3934*Input!$J$14,0)+IF(Input!$K$15=3,L3934*Input!$J$15,0)+IF(Input!$K$16=3,M3934*Input!$J$16,0)</f>
        <v>0</v>
      </c>
      <c r="Q3934" s="71">
        <f>IF(Input!$K$13=4,J3934*Input!$J$13,0)+IF(Input!$K$14=4,K3934*Input!$J$14,0)+IF(Input!$K$15=4,L3934*Input!$J$15,0)+IF(Input!$K$16=4,M3934*Input!$J$16,0)</f>
        <v>0</v>
      </c>
    </row>
    <row r="3935" spans="8:17" x14ac:dyDescent="0.25">
      <c r="H3935" s="43">
        <v>3928</v>
      </c>
      <c r="I3935" s="55">
        <f>Bühler!I3961</f>
        <v>1.4038422090547578</v>
      </c>
      <c r="J3935" s="58">
        <f>Bühler!J3961</f>
        <v>45.707317765482507</v>
      </c>
      <c r="K3935" s="58">
        <f>Bühler!K3961</f>
        <v>3.5876117842157593</v>
      </c>
      <c r="L3935" s="58">
        <f>Bühler!L3961</f>
        <v>1.7938058921078797</v>
      </c>
      <c r="M3935" s="57">
        <f>Bühler!M3961</f>
        <v>0</v>
      </c>
      <c r="N3935" s="55">
        <f>IF(Input!$K$13=1,J3935*Input!$J$13,0)+IF(Input!$K$14=1,K3935*Input!$J$14,0)+IF(Input!$K$15=1,L3935*Input!$J$15,0)+IF(Input!$K$16=1,M3935*Input!$J$16,0)</f>
        <v>5.4848781318579007</v>
      </c>
      <c r="O3935" s="58">
        <f>IF(Input!$K$13=2,J3935*Input!$J$13,0)+IF(Input!$K$14=2,K3935*Input!$J$14,0)+IF(Input!$K$15=2,L3935*Input!$J$15,0)+IF(Input!$K$16=2,M3935*Input!$J$16,0)</f>
        <v>0.48432759086912747</v>
      </c>
      <c r="P3935" s="58">
        <f>IF(Input!$K$13=3,J3935*Input!$J$13,0)+IF(Input!$K$14=3,K3935*Input!$J$14,0)+IF(Input!$K$15=3,L3935*Input!$J$15,0)+IF(Input!$K$16=3,M3935*Input!$J$16,0)</f>
        <v>0</v>
      </c>
      <c r="Q3935" s="71">
        <f>IF(Input!$K$13=4,J3935*Input!$J$13,0)+IF(Input!$K$14=4,K3935*Input!$J$14,0)+IF(Input!$K$15=4,L3935*Input!$J$15,0)+IF(Input!$K$16=4,M3935*Input!$J$16,0)</f>
        <v>0</v>
      </c>
    </row>
    <row r="3936" spans="8:17" x14ac:dyDescent="0.25">
      <c r="H3936" s="43">
        <v>3929</v>
      </c>
      <c r="I3936" s="55">
        <f>Bühler!I3962</f>
        <v>1.173424338875557</v>
      </c>
      <c r="J3936" s="58">
        <f>Bühler!J3962</f>
        <v>27.309676259148794</v>
      </c>
      <c r="K3936" s="58">
        <f>Bühler!K3962</f>
        <v>2.1141283728414297</v>
      </c>
      <c r="L3936" s="58">
        <f>Bühler!L3962</f>
        <v>1.0570641864207149</v>
      </c>
      <c r="M3936" s="57">
        <f>Bühler!M3962</f>
        <v>0</v>
      </c>
      <c r="N3936" s="55">
        <f>IF(Input!$K$13=1,J3936*Input!$J$13,0)+IF(Input!$K$14=1,K3936*Input!$J$14,0)+IF(Input!$K$15=1,L3936*Input!$J$15,0)+IF(Input!$K$16=1,M3936*Input!$J$16,0)</f>
        <v>3.2771611510978551</v>
      </c>
      <c r="O3936" s="58">
        <f>IF(Input!$K$13=2,J3936*Input!$J$13,0)+IF(Input!$K$14=2,K3936*Input!$J$14,0)+IF(Input!$K$15=2,L3936*Input!$J$15,0)+IF(Input!$K$16=2,M3936*Input!$J$16,0)</f>
        <v>0.285407330333593</v>
      </c>
      <c r="P3936" s="58">
        <f>IF(Input!$K$13=3,J3936*Input!$J$13,0)+IF(Input!$K$14=3,K3936*Input!$J$14,0)+IF(Input!$K$15=3,L3936*Input!$J$15,0)+IF(Input!$K$16=3,M3936*Input!$J$16,0)</f>
        <v>0</v>
      </c>
      <c r="Q3936" s="71">
        <f>IF(Input!$K$13=4,J3936*Input!$J$13,0)+IF(Input!$K$14=4,K3936*Input!$J$14,0)+IF(Input!$K$15=4,L3936*Input!$J$15,0)+IF(Input!$K$16=4,M3936*Input!$J$16,0)</f>
        <v>0</v>
      </c>
    </row>
    <row r="3937" spans="8:17" x14ac:dyDescent="0.25">
      <c r="H3937" s="43">
        <v>3930</v>
      </c>
      <c r="I3937" s="55">
        <f>Bühler!I3963</f>
        <v>0.93233897470657912</v>
      </c>
      <c r="J3937" s="58">
        <f>Bühler!J3963</f>
        <v>12.123335877613847</v>
      </c>
      <c r="K3937" s="58">
        <f>Bühler!K3963</f>
        <v>0.90231684713676052</v>
      </c>
      <c r="L3937" s="58">
        <f>Bühler!L3963</f>
        <v>0.45115842356838026</v>
      </c>
      <c r="M3937" s="57">
        <f>Bühler!M3963</f>
        <v>0</v>
      </c>
      <c r="N3937" s="55">
        <f>IF(Input!$K$13=1,J3937*Input!$J$13,0)+IF(Input!$K$14=1,K3937*Input!$J$14,0)+IF(Input!$K$15=1,L3937*Input!$J$15,0)+IF(Input!$K$16=1,M3937*Input!$J$16,0)</f>
        <v>1.4548003053136616</v>
      </c>
      <c r="O3937" s="58">
        <f>IF(Input!$K$13=2,J3937*Input!$J$13,0)+IF(Input!$K$14=2,K3937*Input!$J$14,0)+IF(Input!$K$15=2,L3937*Input!$J$15,0)+IF(Input!$K$16=2,M3937*Input!$J$16,0)</f>
        <v>0.12181277436346266</v>
      </c>
      <c r="P3937" s="58">
        <f>IF(Input!$K$13=3,J3937*Input!$J$13,0)+IF(Input!$K$14=3,K3937*Input!$J$14,0)+IF(Input!$K$15=3,L3937*Input!$J$15,0)+IF(Input!$K$16=3,M3937*Input!$J$16,0)</f>
        <v>0</v>
      </c>
      <c r="Q3937" s="71">
        <f>IF(Input!$K$13=4,J3937*Input!$J$13,0)+IF(Input!$K$14=4,K3937*Input!$J$14,0)+IF(Input!$K$15=4,L3937*Input!$J$15,0)+IF(Input!$K$16=4,M3937*Input!$J$16,0)</f>
        <v>0</v>
      </c>
    </row>
    <row r="3938" spans="8:17" x14ac:dyDescent="0.25">
      <c r="H3938" s="43">
        <v>3931</v>
      </c>
      <c r="I3938" s="55">
        <f>Bühler!I3964</f>
        <v>0.33069231368311158</v>
      </c>
      <c r="J3938" s="58">
        <f>Bühler!J3964</f>
        <v>7.6930293187999732</v>
      </c>
      <c r="K3938" s="58">
        <f>Bühler!K3964</f>
        <v>0.59552911911026196</v>
      </c>
      <c r="L3938" s="58">
        <f>Bühler!L3964</f>
        <v>0.29776455955513098</v>
      </c>
      <c r="M3938" s="57">
        <f>Bühler!M3964</f>
        <v>0</v>
      </c>
      <c r="N3938" s="55">
        <f>IF(Input!$K$13=1,J3938*Input!$J$13,0)+IF(Input!$K$14=1,K3938*Input!$J$14,0)+IF(Input!$K$15=1,L3938*Input!$J$15,0)+IF(Input!$K$16=1,M3938*Input!$J$16,0)</f>
        <v>0.92316351825599674</v>
      </c>
      <c r="O3938" s="58">
        <f>IF(Input!$K$13=2,J3938*Input!$J$13,0)+IF(Input!$K$14=2,K3938*Input!$J$14,0)+IF(Input!$K$15=2,L3938*Input!$J$15,0)+IF(Input!$K$16=2,M3938*Input!$J$16,0)</f>
        <v>8.0396431079885367E-2</v>
      </c>
      <c r="P3938" s="58">
        <f>IF(Input!$K$13=3,J3938*Input!$J$13,0)+IF(Input!$K$14=3,K3938*Input!$J$14,0)+IF(Input!$K$15=3,L3938*Input!$J$15,0)+IF(Input!$K$16=3,M3938*Input!$J$16,0)</f>
        <v>0</v>
      </c>
      <c r="Q3938" s="71">
        <f>IF(Input!$K$13=4,J3938*Input!$J$13,0)+IF(Input!$K$14=4,K3938*Input!$J$14,0)+IF(Input!$K$15=4,L3938*Input!$J$15,0)+IF(Input!$K$16=4,M3938*Input!$J$16,0)</f>
        <v>0</v>
      </c>
    </row>
    <row r="3939" spans="8:17" x14ac:dyDescent="0.25">
      <c r="H3939" s="43">
        <v>3932</v>
      </c>
      <c r="I3939" s="55">
        <f>Bühler!I3965</f>
        <v>0.33069231368311158</v>
      </c>
      <c r="J3939" s="58">
        <f>Bühler!J3965</f>
        <v>7.6930293187999732</v>
      </c>
      <c r="K3939" s="58">
        <f>Bühler!K3965</f>
        <v>0.59552911911026196</v>
      </c>
      <c r="L3939" s="58">
        <f>Bühler!L3965</f>
        <v>0.29776455955513098</v>
      </c>
      <c r="M3939" s="57">
        <f>Bühler!M3965</f>
        <v>0</v>
      </c>
      <c r="N3939" s="55">
        <f>IF(Input!$K$13=1,J3939*Input!$J$13,0)+IF(Input!$K$14=1,K3939*Input!$J$14,0)+IF(Input!$K$15=1,L3939*Input!$J$15,0)+IF(Input!$K$16=1,M3939*Input!$J$16,0)</f>
        <v>0.92316351825599674</v>
      </c>
      <c r="O3939" s="58">
        <f>IF(Input!$K$13=2,J3939*Input!$J$13,0)+IF(Input!$K$14=2,K3939*Input!$J$14,0)+IF(Input!$K$15=2,L3939*Input!$J$15,0)+IF(Input!$K$16=2,M3939*Input!$J$16,0)</f>
        <v>8.0396431079885367E-2</v>
      </c>
      <c r="P3939" s="58">
        <f>IF(Input!$K$13=3,J3939*Input!$J$13,0)+IF(Input!$K$14=3,K3939*Input!$J$14,0)+IF(Input!$K$15=3,L3939*Input!$J$15,0)+IF(Input!$K$16=3,M3939*Input!$J$16,0)</f>
        <v>0</v>
      </c>
      <c r="Q3939" s="71">
        <f>IF(Input!$K$13=4,J3939*Input!$J$13,0)+IF(Input!$K$14=4,K3939*Input!$J$14,0)+IF(Input!$K$15=4,L3939*Input!$J$15,0)+IF(Input!$K$16=4,M3939*Input!$J$16,0)</f>
        <v>0</v>
      </c>
    </row>
    <row r="3940" spans="8:17" x14ac:dyDescent="0.25">
      <c r="H3940" s="43">
        <v>3933</v>
      </c>
      <c r="I3940" s="55">
        <f>Bühler!I3966</f>
        <v>0.33069231368311158</v>
      </c>
      <c r="J3940" s="58">
        <f>Bühler!J3966</f>
        <v>7.6930293187999732</v>
      </c>
      <c r="K3940" s="58">
        <f>Bühler!K3966</f>
        <v>0.59552911911026196</v>
      </c>
      <c r="L3940" s="58">
        <f>Bühler!L3966</f>
        <v>0.29776455955513098</v>
      </c>
      <c r="M3940" s="57">
        <f>Bühler!M3966</f>
        <v>0</v>
      </c>
      <c r="N3940" s="55">
        <f>IF(Input!$K$13=1,J3940*Input!$J$13,0)+IF(Input!$K$14=1,K3940*Input!$J$14,0)+IF(Input!$K$15=1,L3940*Input!$J$15,0)+IF(Input!$K$16=1,M3940*Input!$J$16,0)</f>
        <v>0.92316351825599674</v>
      </c>
      <c r="O3940" s="58">
        <f>IF(Input!$K$13=2,J3940*Input!$J$13,0)+IF(Input!$K$14=2,K3940*Input!$J$14,0)+IF(Input!$K$15=2,L3940*Input!$J$15,0)+IF(Input!$K$16=2,M3940*Input!$J$16,0)</f>
        <v>8.0396431079885367E-2</v>
      </c>
      <c r="P3940" s="58">
        <f>IF(Input!$K$13=3,J3940*Input!$J$13,0)+IF(Input!$K$14=3,K3940*Input!$J$14,0)+IF(Input!$K$15=3,L3940*Input!$J$15,0)+IF(Input!$K$16=3,M3940*Input!$J$16,0)</f>
        <v>0</v>
      </c>
      <c r="Q3940" s="71">
        <f>IF(Input!$K$13=4,J3940*Input!$J$13,0)+IF(Input!$K$14=4,K3940*Input!$J$14,0)+IF(Input!$K$15=4,L3940*Input!$J$15,0)+IF(Input!$K$16=4,M3940*Input!$J$16,0)</f>
        <v>0</v>
      </c>
    </row>
    <row r="3941" spans="8:17" x14ac:dyDescent="0.25">
      <c r="H3941" s="43">
        <v>3934</v>
      </c>
      <c r="I3941" s="55">
        <f>Bühler!I3967</f>
        <v>0.33069231368311158</v>
      </c>
      <c r="J3941" s="58">
        <f>Bühler!J3967</f>
        <v>7.6930293187999732</v>
      </c>
      <c r="K3941" s="58">
        <f>Bühler!K3967</f>
        <v>0.59552911911026196</v>
      </c>
      <c r="L3941" s="58">
        <f>Bühler!L3967</f>
        <v>0.29776455955513098</v>
      </c>
      <c r="M3941" s="57">
        <f>Bühler!M3967</f>
        <v>0</v>
      </c>
      <c r="N3941" s="55">
        <f>IF(Input!$K$13=1,J3941*Input!$J$13,0)+IF(Input!$K$14=1,K3941*Input!$J$14,0)+IF(Input!$K$15=1,L3941*Input!$J$15,0)+IF(Input!$K$16=1,M3941*Input!$J$16,0)</f>
        <v>0.92316351825599674</v>
      </c>
      <c r="O3941" s="58">
        <f>IF(Input!$K$13=2,J3941*Input!$J$13,0)+IF(Input!$K$14=2,K3941*Input!$J$14,0)+IF(Input!$K$15=2,L3941*Input!$J$15,0)+IF(Input!$K$16=2,M3941*Input!$J$16,0)</f>
        <v>8.0396431079885367E-2</v>
      </c>
      <c r="P3941" s="58">
        <f>IF(Input!$K$13=3,J3941*Input!$J$13,0)+IF(Input!$K$14=3,K3941*Input!$J$14,0)+IF(Input!$K$15=3,L3941*Input!$J$15,0)+IF(Input!$K$16=3,M3941*Input!$J$16,0)</f>
        <v>0</v>
      </c>
      <c r="Q3941" s="71">
        <f>IF(Input!$K$13=4,J3941*Input!$J$13,0)+IF(Input!$K$14=4,K3941*Input!$J$14,0)+IF(Input!$K$15=4,L3941*Input!$J$15,0)+IF(Input!$K$16=4,M3941*Input!$J$16,0)</f>
        <v>0</v>
      </c>
    </row>
    <row r="3942" spans="8:17" x14ac:dyDescent="0.25">
      <c r="H3942" s="43">
        <v>3935</v>
      </c>
      <c r="I3942" s="55">
        <f>Bühler!I3968</f>
        <v>0.33069231368311158</v>
      </c>
      <c r="J3942" s="58">
        <f>Bühler!J3968</f>
        <v>7.6930293187999732</v>
      </c>
      <c r="K3942" s="58">
        <f>Bühler!K3968</f>
        <v>0.59552911911026196</v>
      </c>
      <c r="L3942" s="58">
        <f>Bühler!L3968</f>
        <v>0.29776455955513098</v>
      </c>
      <c r="M3942" s="57">
        <f>Bühler!M3968</f>
        <v>0</v>
      </c>
      <c r="N3942" s="55">
        <f>IF(Input!$K$13=1,J3942*Input!$J$13,0)+IF(Input!$K$14=1,K3942*Input!$J$14,0)+IF(Input!$K$15=1,L3942*Input!$J$15,0)+IF(Input!$K$16=1,M3942*Input!$J$16,0)</f>
        <v>0.92316351825599674</v>
      </c>
      <c r="O3942" s="58">
        <f>IF(Input!$K$13=2,J3942*Input!$J$13,0)+IF(Input!$K$14=2,K3942*Input!$J$14,0)+IF(Input!$K$15=2,L3942*Input!$J$15,0)+IF(Input!$K$16=2,M3942*Input!$J$16,0)</f>
        <v>8.0396431079885367E-2</v>
      </c>
      <c r="P3942" s="58">
        <f>IF(Input!$K$13=3,J3942*Input!$J$13,0)+IF(Input!$K$14=3,K3942*Input!$J$14,0)+IF(Input!$K$15=3,L3942*Input!$J$15,0)+IF(Input!$K$16=3,M3942*Input!$J$16,0)</f>
        <v>0</v>
      </c>
      <c r="Q3942" s="71">
        <f>IF(Input!$K$13=4,J3942*Input!$J$13,0)+IF(Input!$K$14=4,K3942*Input!$J$14,0)+IF(Input!$K$15=4,L3942*Input!$J$15,0)+IF(Input!$K$16=4,M3942*Input!$J$16,0)</f>
        <v>0</v>
      </c>
    </row>
    <row r="3943" spans="8:17" x14ac:dyDescent="0.25">
      <c r="H3943" s="43">
        <v>3936</v>
      </c>
      <c r="I3943" s="55">
        <f>Bühler!I3969</f>
        <v>0.33069231368311158</v>
      </c>
      <c r="J3943" s="58">
        <f>Bühler!J3969</f>
        <v>7.6930293187999732</v>
      </c>
      <c r="K3943" s="58">
        <f>Bühler!K3969</f>
        <v>0.59552911911026196</v>
      </c>
      <c r="L3943" s="58">
        <f>Bühler!L3969</f>
        <v>0.29776455955513098</v>
      </c>
      <c r="M3943" s="57">
        <f>Bühler!M3969</f>
        <v>0</v>
      </c>
      <c r="N3943" s="55">
        <f>IF(Input!$K$13=1,J3943*Input!$J$13,0)+IF(Input!$K$14=1,K3943*Input!$J$14,0)+IF(Input!$K$15=1,L3943*Input!$J$15,0)+IF(Input!$K$16=1,M3943*Input!$J$16,0)</f>
        <v>0.92316351825599674</v>
      </c>
      <c r="O3943" s="58">
        <f>IF(Input!$K$13=2,J3943*Input!$J$13,0)+IF(Input!$K$14=2,K3943*Input!$J$14,0)+IF(Input!$K$15=2,L3943*Input!$J$15,0)+IF(Input!$K$16=2,M3943*Input!$J$16,0)</f>
        <v>8.0396431079885367E-2</v>
      </c>
      <c r="P3943" s="58">
        <f>IF(Input!$K$13=3,J3943*Input!$J$13,0)+IF(Input!$K$14=3,K3943*Input!$J$14,0)+IF(Input!$K$15=3,L3943*Input!$J$15,0)+IF(Input!$K$16=3,M3943*Input!$J$16,0)</f>
        <v>0</v>
      </c>
      <c r="Q3943" s="71">
        <f>IF(Input!$K$13=4,J3943*Input!$J$13,0)+IF(Input!$K$14=4,K3943*Input!$J$14,0)+IF(Input!$K$15=4,L3943*Input!$J$15,0)+IF(Input!$K$16=4,M3943*Input!$J$16,0)</f>
        <v>0</v>
      </c>
    </row>
    <row r="3944" spans="8:17" x14ac:dyDescent="0.25">
      <c r="H3944" s="43">
        <v>3937</v>
      </c>
      <c r="I3944" s="55">
        <f>Bühler!I3970</f>
        <v>0.27415637258774456</v>
      </c>
      <c r="J3944" s="58">
        <f>Bühler!J3970</f>
        <v>7.4222132992028156</v>
      </c>
      <c r="K3944" s="58">
        <f>Bühler!K3970</f>
        <v>0.58469947294618263</v>
      </c>
      <c r="L3944" s="58">
        <f>Bühler!L3970</f>
        <v>0.29234973647309132</v>
      </c>
      <c r="M3944" s="57">
        <f>Bühler!M3970</f>
        <v>0</v>
      </c>
      <c r="N3944" s="55">
        <f>IF(Input!$K$13=1,J3944*Input!$J$13,0)+IF(Input!$K$14=1,K3944*Input!$J$14,0)+IF(Input!$K$15=1,L3944*Input!$J$15,0)+IF(Input!$K$16=1,M3944*Input!$J$16,0)</f>
        <v>0.8906655959043378</v>
      </c>
      <c r="O3944" s="58">
        <f>IF(Input!$K$13=2,J3944*Input!$J$13,0)+IF(Input!$K$14=2,K3944*Input!$J$14,0)+IF(Input!$K$15=2,L3944*Input!$J$15,0)+IF(Input!$K$16=2,M3944*Input!$J$16,0)</f>
        <v>7.8934428847734661E-2</v>
      </c>
      <c r="P3944" s="58">
        <f>IF(Input!$K$13=3,J3944*Input!$J$13,0)+IF(Input!$K$14=3,K3944*Input!$J$14,0)+IF(Input!$K$15=3,L3944*Input!$J$15,0)+IF(Input!$K$16=3,M3944*Input!$J$16,0)</f>
        <v>0</v>
      </c>
      <c r="Q3944" s="71">
        <f>IF(Input!$K$13=4,J3944*Input!$J$13,0)+IF(Input!$K$14=4,K3944*Input!$J$14,0)+IF(Input!$K$15=4,L3944*Input!$J$15,0)+IF(Input!$K$16=4,M3944*Input!$J$16,0)</f>
        <v>0</v>
      </c>
    </row>
    <row r="3945" spans="8:17" x14ac:dyDescent="0.25">
      <c r="H3945" s="43">
        <v>3938</v>
      </c>
      <c r="I3945" s="55">
        <f>Bühler!I3971</f>
        <v>0.27415637258774456</v>
      </c>
      <c r="J3945" s="58">
        <f>Bühler!J3971</f>
        <v>7.4222132992028156</v>
      </c>
      <c r="K3945" s="58">
        <f>Bühler!K3971</f>
        <v>0.58469947294618263</v>
      </c>
      <c r="L3945" s="58">
        <f>Bühler!L3971</f>
        <v>0.29234973647309132</v>
      </c>
      <c r="M3945" s="57">
        <f>Bühler!M3971</f>
        <v>0</v>
      </c>
      <c r="N3945" s="55">
        <f>IF(Input!$K$13=1,J3945*Input!$J$13,0)+IF(Input!$K$14=1,K3945*Input!$J$14,0)+IF(Input!$K$15=1,L3945*Input!$J$15,0)+IF(Input!$K$16=1,M3945*Input!$J$16,0)</f>
        <v>0.8906655959043378</v>
      </c>
      <c r="O3945" s="58">
        <f>IF(Input!$K$13=2,J3945*Input!$J$13,0)+IF(Input!$K$14=2,K3945*Input!$J$14,0)+IF(Input!$K$15=2,L3945*Input!$J$15,0)+IF(Input!$K$16=2,M3945*Input!$J$16,0)</f>
        <v>7.8934428847734661E-2</v>
      </c>
      <c r="P3945" s="58">
        <f>IF(Input!$K$13=3,J3945*Input!$J$13,0)+IF(Input!$K$14=3,K3945*Input!$J$14,0)+IF(Input!$K$15=3,L3945*Input!$J$15,0)+IF(Input!$K$16=3,M3945*Input!$J$16,0)</f>
        <v>0</v>
      </c>
      <c r="Q3945" s="71">
        <f>IF(Input!$K$13=4,J3945*Input!$J$13,0)+IF(Input!$K$14=4,K3945*Input!$J$14,0)+IF(Input!$K$15=4,L3945*Input!$J$15,0)+IF(Input!$K$16=4,M3945*Input!$J$16,0)</f>
        <v>0</v>
      </c>
    </row>
    <row r="3946" spans="8:17" x14ac:dyDescent="0.25">
      <c r="H3946" s="43">
        <v>3939</v>
      </c>
      <c r="I3946" s="55">
        <f>Bühler!I3972</f>
        <v>0.27415637258774456</v>
      </c>
      <c r="J3946" s="58">
        <f>Bühler!J3972</f>
        <v>7.4222132992028156</v>
      </c>
      <c r="K3946" s="58">
        <f>Bühler!K3972</f>
        <v>0.58469947294618263</v>
      </c>
      <c r="L3946" s="58">
        <f>Bühler!L3972</f>
        <v>0.29234973647309132</v>
      </c>
      <c r="M3946" s="57">
        <f>Bühler!M3972</f>
        <v>0</v>
      </c>
      <c r="N3946" s="55">
        <f>IF(Input!$K$13=1,J3946*Input!$J$13,0)+IF(Input!$K$14=1,K3946*Input!$J$14,0)+IF(Input!$K$15=1,L3946*Input!$J$15,0)+IF(Input!$K$16=1,M3946*Input!$J$16,0)</f>
        <v>0.8906655959043378</v>
      </c>
      <c r="O3946" s="58">
        <f>IF(Input!$K$13=2,J3946*Input!$J$13,0)+IF(Input!$K$14=2,K3946*Input!$J$14,0)+IF(Input!$K$15=2,L3946*Input!$J$15,0)+IF(Input!$K$16=2,M3946*Input!$J$16,0)</f>
        <v>7.8934428847734661E-2</v>
      </c>
      <c r="P3946" s="58">
        <f>IF(Input!$K$13=3,J3946*Input!$J$13,0)+IF(Input!$K$14=3,K3946*Input!$J$14,0)+IF(Input!$K$15=3,L3946*Input!$J$15,0)+IF(Input!$K$16=3,M3946*Input!$J$16,0)</f>
        <v>0</v>
      </c>
      <c r="Q3946" s="71">
        <f>IF(Input!$K$13=4,J3946*Input!$J$13,0)+IF(Input!$K$14=4,K3946*Input!$J$14,0)+IF(Input!$K$15=4,L3946*Input!$J$15,0)+IF(Input!$K$16=4,M3946*Input!$J$16,0)</f>
        <v>0</v>
      </c>
    </row>
    <row r="3947" spans="8:17" x14ac:dyDescent="0.25">
      <c r="H3947" s="43">
        <v>3940</v>
      </c>
      <c r="I3947" s="55">
        <f>Bühler!I3973</f>
        <v>0.27415637258774456</v>
      </c>
      <c r="J3947" s="58">
        <f>Bühler!J3973</f>
        <v>7.4222132992028156</v>
      </c>
      <c r="K3947" s="58">
        <f>Bühler!K3973</f>
        <v>0.58469947294618263</v>
      </c>
      <c r="L3947" s="58">
        <f>Bühler!L3973</f>
        <v>0.29234973647309132</v>
      </c>
      <c r="M3947" s="57">
        <f>Bühler!M3973</f>
        <v>0</v>
      </c>
      <c r="N3947" s="55">
        <f>IF(Input!$K$13=1,J3947*Input!$J$13,0)+IF(Input!$K$14=1,K3947*Input!$J$14,0)+IF(Input!$K$15=1,L3947*Input!$J$15,0)+IF(Input!$K$16=1,M3947*Input!$J$16,0)</f>
        <v>0.8906655959043378</v>
      </c>
      <c r="O3947" s="58">
        <f>IF(Input!$K$13=2,J3947*Input!$J$13,0)+IF(Input!$K$14=2,K3947*Input!$J$14,0)+IF(Input!$K$15=2,L3947*Input!$J$15,0)+IF(Input!$K$16=2,M3947*Input!$J$16,0)</f>
        <v>7.8934428847734661E-2</v>
      </c>
      <c r="P3947" s="58">
        <f>IF(Input!$K$13=3,J3947*Input!$J$13,0)+IF(Input!$K$14=3,K3947*Input!$J$14,0)+IF(Input!$K$15=3,L3947*Input!$J$15,0)+IF(Input!$K$16=3,M3947*Input!$J$16,0)</f>
        <v>0</v>
      </c>
      <c r="Q3947" s="71">
        <f>IF(Input!$K$13=4,J3947*Input!$J$13,0)+IF(Input!$K$14=4,K3947*Input!$J$14,0)+IF(Input!$K$15=4,L3947*Input!$J$15,0)+IF(Input!$K$16=4,M3947*Input!$J$16,0)</f>
        <v>0</v>
      </c>
    </row>
    <row r="3948" spans="8:17" x14ac:dyDescent="0.25">
      <c r="H3948" s="43">
        <v>3941</v>
      </c>
      <c r="I3948" s="55">
        <f>Bühler!I3974</f>
        <v>0.27415637258774456</v>
      </c>
      <c r="J3948" s="58">
        <f>Bühler!J3974</f>
        <v>7.4222132992028156</v>
      </c>
      <c r="K3948" s="58">
        <f>Bühler!K3974</f>
        <v>0.58469947294618263</v>
      </c>
      <c r="L3948" s="58">
        <f>Bühler!L3974</f>
        <v>0.29234973647309132</v>
      </c>
      <c r="M3948" s="57">
        <f>Bühler!M3974</f>
        <v>0</v>
      </c>
      <c r="N3948" s="55">
        <f>IF(Input!$K$13=1,J3948*Input!$J$13,0)+IF(Input!$K$14=1,K3948*Input!$J$14,0)+IF(Input!$K$15=1,L3948*Input!$J$15,0)+IF(Input!$K$16=1,M3948*Input!$J$16,0)</f>
        <v>0.8906655959043378</v>
      </c>
      <c r="O3948" s="58">
        <f>IF(Input!$K$13=2,J3948*Input!$J$13,0)+IF(Input!$K$14=2,K3948*Input!$J$14,0)+IF(Input!$K$15=2,L3948*Input!$J$15,0)+IF(Input!$K$16=2,M3948*Input!$J$16,0)</f>
        <v>7.8934428847734661E-2</v>
      </c>
      <c r="P3948" s="58">
        <f>IF(Input!$K$13=3,J3948*Input!$J$13,0)+IF(Input!$K$14=3,K3948*Input!$J$14,0)+IF(Input!$K$15=3,L3948*Input!$J$15,0)+IF(Input!$K$16=3,M3948*Input!$J$16,0)</f>
        <v>0</v>
      </c>
      <c r="Q3948" s="71">
        <f>IF(Input!$K$13=4,J3948*Input!$J$13,0)+IF(Input!$K$14=4,K3948*Input!$J$14,0)+IF(Input!$K$15=4,L3948*Input!$J$15,0)+IF(Input!$K$16=4,M3948*Input!$J$16,0)</f>
        <v>0</v>
      </c>
    </row>
    <row r="3949" spans="8:17" x14ac:dyDescent="0.25">
      <c r="H3949" s="43">
        <v>3942</v>
      </c>
      <c r="I3949" s="55">
        <f>Bühler!I3975</f>
        <v>0.27415637258774456</v>
      </c>
      <c r="J3949" s="58">
        <f>Bühler!J3975</f>
        <v>7.4222132992028156</v>
      </c>
      <c r="K3949" s="58">
        <f>Bühler!K3975</f>
        <v>0.58469947294618263</v>
      </c>
      <c r="L3949" s="58">
        <f>Bühler!L3975</f>
        <v>0.29234973647309132</v>
      </c>
      <c r="M3949" s="57">
        <f>Bühler!M3975</f>
        <v>0</v>
      </c>
      <c r="N3949" s="55">
        <f>IF(Input!$K$13=1,J3949*Input!$J$13,0)+IF(Input!$K$14=1,K3949*Input!$J$14,0)+IF(Input!$K$15=1,L3949*Input!$J$15,0)+IF(Input!$K$16=1,M3949*Input!$J$16,0)</f>
        <v>0.8906655959043378</v>
      </c>
      <c r="O3949" s="58">
        <f>IF(Input!$K$13=2,J3949*Input!$J$13,0)+IF(Input!$K$14=2,K3949*Input!$J$14,0)+IF(Input!$K$15=2,L3949*Input!$J$15,0)+IF(Input!$K$16=2,M3949*Input!$J$16,0)</f>
        <v>7.8934428847734661E-2</v>
      </c>
      <c r="P3949" s="58">
        <f>IF(Input!$K$13=3,J3949*Input!$J$13,0)+IF(Input!$K$14=3,K3949*Input!$J$14,0)+IF(Input!$K$15=3,L3949*Input!$J$15,0)+IF(Input!$K$16=3,M3949*Input!$J$16,0)</f>
        <v>0</v>
      </c>
      <c r="Q3949" s="71">
        <f>IF(Input!$K$13=4,J3949*Input!$J$13,0)+IF(Input!$K$14=4,K3949*Input!$J$14,0)+IF(Input!$K$15=4,L3949*Input!$J$15,0)+IF(Input!$K$16=4,M3949*Input!$J$16,0)</f>
        <v>0</v>
      </c>
    </row>
    <row r="3950" spans="8:17" x14ac:dyDescent="0.25">
      <c r="H3950" s="43">
        <v>3943</v>
      </c>
      <c r="I3950" s="55">
        <f>Bühler!I3976</f>
        <v>0.27415637258774456</v>
      </c>
      <c r="J3950" s="58">
        <f>Bühler!J3976</f>
        <v>7.4222132992028156</v>
      </c>
      <c r="K3950" s="58">
        <f>Bühler!K3976</f>
        <v>0.58469947294618263</v>
      </c>
      <c r="L3950" s="58">
        <f>Bühler!L3976</f>
        <v>0.29234973647309132</v>
      </c>
      <c r="M3950" s="57">
        <f>Bühler!M3976</f>
        <v>0</v>
      </c>
      <c r="N3950" s="55">
        <f>IF(Input!$K$13=1,J3950*Input!$J$13,0)+IF(Input!$K$14=1,K3950*Input!$J$14,0)+IF(Input!$K$15=1,L3950*Input!$J$15,0)+IF(Input!$K$16=1,M3950*Input!$J$16,0)</f>
        <v>0.8906655959043378</v>
      </c>
      <c r="O3950" s="58">
        <f>IF(Input!$K$13=2,J3950*Input!$J$13,0)+IF(Input!$K$14=2,K3950*Input!$J$14,0)+IF(Input!$K$15=2,L3950*Input!$J$15,0)+IF(Input!$K$16=2,M3950*Input!$J$16,0)</f>
        <v>7.8934428847734661E-2</v>
      </c>
      <c r="P3950" s="58">
        <f>IF(Input!$K$13=3,J3950*Input!$J$13,0)+IF(Input!$K$14=3,K3950*Input!$J$14,0)+IF(Input!$K$15=3,L3950*Input!$J$15,0)+IF(Input!$K$16=3,M3950*Input!$J$16,0)</f>
        <v>0</v>
      </c>
      <c r="Q3950" s="71">
        <f>IF(Input!$K$13=4,J3950*Input!$J$13,0)+IF(Input!$K$14=4,K3950*Input!$J$14,0)+IF(Input!$K$15=4,L3950*Input!$J$15,0)+IF(Input!$K$16=4,M3950*Input!$J$16,0)</f>
        <v>0</v>
      </c>
    </row>
    <row r="3951" spans="8:17" x14ac:dyDescent="0.25">
      <c r="H3951" s="43">
        <v>3944</v>
      </c>
      <c r="I3951" s="55">
        <f>Bühler!I3977</f>
        <v>0.75530080647923614</v>
      </c>
      <c r="J3951" s="58">
        <f>Bühler!J3977</f>
        <v>29.945239656873696</v>
      </c>
      <c r="K3951" s="58">
        <f>Bühler!K3977</f>
        <v>2.3901805727406065</v>
      </c>
      <c r="L3951" s="58">
        <f>Bühler!L3977</f>
        <v>1.1950902863703032</v>
      </c>
      <c r="M3951" s="57">
        <f>Bühler!M3977</f>
        <v>0</v>
      </c>
      <c r="N3951" s="55">
        <f>IF(Input!$K$13=1,J3951*Input!$J$13,0)+IF(Input!$K$14=1,K3951*Input!$J$14,0)+IF(Input!$K$15=1,L3951*Input!$J$15,0)+IF(Input!$K$16=1,M3951*Input!$J$16,0)</f>
        <v>3.5934287588248432</v>
      </c>
      <c r="O3951" s="58">
        <f>IF(Input!$K$13=2,J3951*Input!$J$13,0)+IF(Input!$K$14=2,K3951*Input!$J$14,0)+IF(Input!$K$15=2,L3951*Input!$J$15,0)+IF(Input!$K$16=2,M3951*Input!$J$16,0)</f>
        <v>0.32267437731998183</v>
      </c>
      <c r="P3951" s="58">
        <f>IF(Input!$K$13=3,J3951*Input!$J$13,0)+IF(Input!$K$14=3,K3951*Input!$J$14,0)+IF(Input!$K$15=3,L3951*Input!$J$15,0)+IF(Input!$K$16=3,M3951*Input!$J$16,0)</f>
        <v>0</v>
      </c>
      <c r="Q3951" s="71">
        <f>IF(Input!$K$13=4,J3951*Input!$J$13,0)+IF(Input!$K$14=4,K3951*Input!$J$14,0)+IF(Input!$K$15=4,L3951*Input!$J$15,0)+IF(Input!$K$16=4,M3951*Input!$J$16,0)</f>
        <v>0</v>
      </c>
    </row>
    <row r="3952" spans="8:17" x14ac:dyDescent="0.25">
      <c r="H3952" s="43">
        <v>3945</v>
      </c>
      <c r="I3952" s="55">
        <f>Bühler!I3978</f>
        <v>0.84275668933472692</v>
      </c>
      <c r="J3952" s="58">
        <f>Bühler!J3978</f>
        <v>33.412583196090658</v>
      </c>
      <c r="K3952" s="58">
        <f>Bühler!K3978</f>
        <v>2.6669383232684667</v>
      </c>
      <c r="L3952" s="58">
        <f>Bühler!L3978</f>
        <v>1.3334691616342333</v>
      </c>
      <c r="M3952" s="57">
        <f>Bühler!M3978</f>
        <v>0</v>
      </c>
      <c r="N3952" s="55">
        <f>IF(Input!$K$13=1,J3952*Input!$J$13,0)+IF(Input!$K$14=1,K3952*Input!$J$14,0)+IF(Input!$K$15=1,L3952*Input!$J$15,0)+IF(Input!$K$16=1,M3952*Input!$J$16,0)</f>
        <v>4.0095099835308785</v>
      </c>
      <c r="O3952" s="58">
        <f>IF(Input!$K$13=2,J3952*Input!$J$13,0)+IF(Input!$K$14=2,K3952*Input!$J$14,0)+IF(Input!$K$15=2,L3952*Input!$J$15,0)+IF(Input!$K$16=2,M3952*Input!$J$16,0)</f>
        <v>0.36003667364124303</v>
      </c>
      <c r="P3952" s="58">
        <f>IF(Input!$K$13=3,J3952*Input!$J$13,0)+IF(Input!$K$14=3,K3952*Input!$J$14,0)+IF(Input!$K$15=3,L3952*Input!$J$15,0)+IF(Input!$K$16=3,M3952*Input!$J$16,0)</f>
        <v>0</v>
      </c>
      <c r="Q3952" s="71">
        <f>IF(Input!$K$13=4,J3952*Input!$J$13,0)+IF(Input!$K$14=4,K3952*Input!$J$14,0)+IF(Input!$K$15=4,L3952*Input!$J$15,0)+IF(Input!$K$16=4,M3952*Input!$J$16,0)</f>
        <v>0</v>
      </c>
    </row>
    <row r="3953" spans="8:17" x14ac:dyDescent="0.25">
      <c r="H3953" s="43">
        <v>3946</v>
      </c>
      <c r="I3953" s="55">
        <f>Bühler!I3979</f>
        <v>0.93021257219021736</v>
      </c>
      <c r="J3953" s="58">
        <f>Bühler!J3979</f>
        <v>36.879926735307606</v>
      </c>
      <c r="K3953" s="58">
        <f>Bühler!K3979</f>
        <v>2.9436960737963265</v>
      </c>
      <c r="L3953" s="58">
        <f>Bühler!L3979</f>
        <v>1.4718480368981632</v>
      </c>
      <c r="M3953" s="57">
        <f>Bühler!M3979</f>
        <v>0</v>
      </c>
      <c r="N3953" s="55">
        <f>IF(Input!$K$13=1,J3953*Input!$J$13,0)+IF(Input!$K$14=1,K3953*Input!$J$14,0)+IF(Input!$K$15=1,L3953*Input!$J$15,0)+IF(Input!$K$16=1,M3953*Input!$J$16,0)</f>
        <v>4.4255912082369129</v>
      </c>
      <c r="O3953" s="58">
        <f>IF(Input!$K$13=2,J3953*Input!$J$13,0)+IF(Input!$K$14=2,K3953*Input!$J$14,0)+IF(Input!$K$15=2,L3953*Input!$J$15,0)+IF(Input!$K$16=2,M3953*Input!$J$16,0)</f>
        <v>0.39739896996250407</v>
      </c>
      <c r="P3953" s="58">
        <f>IF(Input!$K$13=3,J3953*Input!$J$13,0)+IF(Input!$K$14=3,K3953*Input!$J$14,0)+IF(Input!$K$15=3,L3953*Input!$J$15,0)+IF(Input!$K$16=3,M3953*Input!$J$16,0)</f>
        <v>0</v>
      </c>
      <c r="Q3953" s="71">
        <f>IF(Input!$K$13=4,J3953*Input!$J$13,0)+IF(Input!$K$14=4,K3953*Input!$J$14,0)+IF(Input!$K$15=4,L3953*Input!$J$15,0)+IF(Input!$K$16=4,M3953*Input!$J$16,0)</f>
        <v>0</v>
      </c>
    </row>
    <row r="3954" spans="8:17" x14ac:dyDescent="0.25">
      <c r="H3954" s="43">
        <v>3947</v>
      </c>
      <c r="I3954" s="55">
        <f>Bühler!I3980</f>
        <v>0.93021257219021736</v>
      </c>
      <c r="J3954" s="58">
        <f>Bühler!J3980</f>
        <v>36.879926735307606</v>
      </c>
      <c r="K3954" s="58">
        <f>Bühler!K3980</f>
        <v>2.9436960737963265</v>
      </c>
      <c r="L3954" s="58">
        <f>Bühler!L3980</f>
        <v>1.4718480368981632</v>
      </c>
      <c r="M3954" s="57">
        <f>Bühler!M3980</f>
        <v>0</v>
      </c>
      <c r="N3954" s="55">
        <f>IF(Input!$K$13=1,J3954*Input!$J$13,0)+IF(Input!$K$14=1,K3954*Input!$J$14,0)+IF(Input!$K$15=1,L3954*Input!$J$15,0)+IF(Input!$K$16=1,M3954*Input!$J$16,0)</f>
        <v>4.4255912082369129</v>
      </c>
      <c r="O3954" s="58">
        <f>IF(Input!$K$13=2,J3954*Input!$J$13,0)+IF(Input!$K$14=2,K3954*Input!$J$14,0)+IF(Input!$K$15=2,L3954*Input!$J$15,0)+IF(Input!$K$16=2,M3954*Input!$J$16,0)</f>
        <v>0.39739896996250407</v>
      </c>
      <c r="P3954" s="58">
        <f>IF(Input!$K$13=3,J3954*Input!$J$13,0)+IF(Input!$K$14=3,K3954*Input!$J$14,0)+IF(Input!$K$15=3,L3954*Input!$J$15,0)+IF(Input!$K$16=3,M3954*Input!$J$16,0)</f>
        <v>0</v>
      </c>
      <c r="Q3954" s="71">
        <f>IF(Input!$K$13=4,J3954*Input!$J$13,0)+IF(Input!$K$14=4,K3954*Input!$J$14,0)+IF(Input!$K$15=4,L3954*Input!$J$15,0)+IF(Input!$K$16=4,M3954*Input!$J$16,0)</f>
        <v>0</v>
      </c>
    </row>
    <row r="3955" spans="8:17" x14ac:dyDescent="0.25">
      <c r="H3955" s="43">
        <v>3948</v>
      </c>
      <c r="I3955" s="55">
        <f>Bühler!I3981</f>
        <v>1.1130748727062429</v>
      </c>
      <c r="J3955" s="58">
        <f>Bühler!J3981</f>
        <v>44.129826862761227</v>
      </c>
      <c r="K3955" s="58">
        <f>Bühler!K3981</f>
        <v>3.5223713703545783</v>
      </c>
      <c r="L3955" s="58">
        <f>Bühler!L3981</f>
        <v>1.7611856851772891</v>
      </c>
      <c r="M3955" s="57">
        <f>Bühler!M3981</f>
        <v>0</v>
      </c>
      <c r="N3955" s="55">
        <f>IF(Input!$K$13=1,J3955*Input!$J$13,0)+IF(Input!$K$14=1,K3955*Input!$J$14,0)+IF(Input!$K$15=1,L3955*Input!$J$15,0)+IF(Input!$K$16=1,M3955*Input!$J$16,0)</f>
        <v>5.2955792235313472</v>
      </c>
      <c r="O3955" s="58">
        <f>IF(Input!$K$13=2,J3955*Input!$J$13,0)+IF(Input!$K$14=2,K3955*Input!$J$14,0)+IF(Input!$K$15=2,L3955*Input!$J$15,0)+IF(Input!$K$16=2,M3955*Input!$J$16,0)</f>
        <v>0.47552013499786805</v>
      </c>
      <c r="P3955" s="58">
        <f>IF(Input!$K$13=3,J3955*Input!$J$13,0)+IF(Input!$K$14=3,K3955*Input!$J$14,0)+IF(Input!$K$15=3,L3955*Input!$J$15,0)+IF(Input!$K$16=3,M3955*Input!$J$16,0)</f>
        <v>0</v>
      </c>
      <c r="Q3955" s="71">
        <f>IF(Input!$K$13=4,J3955*Input!$J$13,0)+IF(Input!$K$14=4,K3955*Input!$J$14,0)+IF(Input!$K$15=4,L3955*Input!$J$15,0)+IF(Input!$K$16=4,M3955*Input!$J$16,0)</f>
        <v>0</v>
      </c>
    </row>
    <row r="3956" spans="8:17" x14ac:dyDescent="0.25">
      <c r="H3956" s="43">
        <v>3949</v>
      </c>
      <c r="I3956" s="55">
        <f>Bühler!I3982</f>
        <v>1.1130748727062429</v>
      </c>
      <c r="J3956" s="58">
        <f>Bühler!J3982</f>
        <v>44.129826862761227</v>
      </c>
      <c r="K3956" s="58">
        <f>Bühler!K3982</f>
        <v>3.5223713703545783</v>
      </c>
      <c r="L3956" s="58">
        <f>Bühler!L3982</f>
        <v>1.7611856851772891</v>
      </c>
      <c r="M3956" s="57">
        <f>Bühler!M3982</f>
        <v>0</v>
      </c>
      <c r="N3956" s="55">
        <f>IF(Input!$K$13=1,J3956*Input!$J$13,0)+IF(Input!$K$14=1,K3956*Input!$J$14,0)+IF(Input!$K$15=1,L3956*Input!$J$15,0)+IF(Input!$K$16=1,M3956*Input!$J$16,0)</f>
        <v>5.2955792235313472</v>
      </c>
      <c r="O3956" s="58">
        <f>IF(Input!$K$13=2,J3956*Input!$J$13,0)+IF(Input!$K$14=2,K3956*Input!$J$14,0)+IF(Input!$K$15=2,L3956*Input!$J$15,0)+IF(Input!$K$16=2,M3956*Input!$J$16,0)</f>
        <v>0.47552013499786805</v>
      </c>
      <c r="P3956" s="58">
        <f>IF(Input!$K$13=3,J3956*Input!$J$13,0)+IF(Input!$K$14=3,K3956*Input!$J$14,0)+IF(Input!$K$15=3,L3956*Input!$J$15,0)+IF(Input!$K$16=3,M3956*Input!$J$16,0)</f>
        <v>0</v>
      </c>
      <c r="Q3956" s="71">
        <f>IF(Input!$K$13=4,J3956*Input!$J$13,0)+IF(Input!$K$14=4,K3956*Input!$J$14,0)+IF(Input!$K$15=4,L3956*Input!$J$15,0)+IF(Input!$K$16=4,M3956*Input!$J$16,0)</f>
        <v>0</v>
      </c>
    </row>
    <row r="3957" spans="8:17" x14ac:dyDescent="0.25">
      <c r="H3957" s="43">
        <v>3950</v>
      </c>
      <c r="I3957" s="55">
        <f>Bühler!I3983</f>
        <v>0.73939973686914695</v>
      </c>
      <c r="J3957" s="58">
        <f>Bühler!J3983</f>
        <v>29.314813558834249</v>
      </c>
      <c r="K3957" s="58">
        <f>Bühler!K3983</f>
        <v>2.3398609817355411</v>
      </c>
      <c r="L3957" s="58">
        <f>Bühler!L3983</f>
        <v>1.1699304908677706</v>
      </c>
      <c r="M3957" s="57">
        <f>Bühler!M3983</f>
        <v>0</v>
      </c>
      <c r="N3957" s="55">
        <f>IF(Input!$K$13=1,J3957*Input!$J$13,0)+IF(Input!$K$14=1,K3957*Input!$J$14,0)+IF(Input!$K$15=1,L3957*Input!$J$15,0)+IF(Input!$K$16=1,M3957*Input!$J$16,0)</f>
        <v>3.5177776270601098</v>
      </c>
      <c r="O3957" s="58">
        <f>IF(Input!$K$13=2,J3957*Input!$J$13,0)+IF(Input!$K$14=2,K3957*Input!$J$14,0)+IF(Input!$K$15=2,L3957*Input!$J$15,0)+IF(Input!$K$16=2,M3957*Input!$J$16,0)</f>
        <v>0.31588123253429801</v>
      </c>
      <c r="P3957" s="58">
        <f>IF(Input!$K$13=3,J3957*Input!$J$13,0)+IF(Input!$K$14=3,K3957*Input!$J$14,0)+IF(Input!$K$15=3,L3957*Input!$J$15,0)+IF(Input!$K$16=3,M3957*Input!$J$16,0)</f>
        <v>0</v>
      </c>
      <c r="Q3957" s="71">
        <f>IF(Input!$K$13=4,J3957*Input!$J$13,0)+IF(Input!$K$14=4,K3957*Input!$J$14,0)+IF(Input!$K$15=4,L3957*Input!$J$15,0)+IF(Input!$K$16=4,M3957*Input!$J$16,0)</f>
        <v>0</v>
      </c>
    </row>
    <row r="3958" spans="8:17" x14ac:dyDescent="0.25">
      <c r="H3958" s="43">
        <v>3951</v>
      </c>
      <c r="I3958" s="55">
        <f>Bühler!I3984</f>
        <v>1.1130748727062429</v>
      </c>
      <c r="J3958" s="58">
        <f>Bühler!J3984</f>
        <v>44.129826862761227</v>
      </c>
      <c r="K3958" s="58">
        <f>Bühler!K3984</f>
        <v>3.5223713703545783</v>
      </c>
      <c r="L3958" s="58">
        <f>Bühler!L3984</f>
        <v>1.7611856851772891</v>
      </c>
      <c r="M3958" s="57">
        <f>Bühler!M3984</f>
        <v>0</v>
      </c>
      <c r="N3958" s="55">
        <f>IF(Input!$K$13=1,J3958*Input!$J$13,0)+IF(Input!$K$14=1,K3958*Input!$J$14,0)+IF(Input!$K$15=1,L3958*Input!$J$15,0)+IF(Input!$K$16=1,M3958*Input!$J$16,0)</f>
        <v>5.2955792235313472</v>
      </c>
      <c r="O3958" s="58">
        <f>IF(Input!$K$13=2,J3958*Input!$J$13,0)+IF(Input!$K$14=2,K3958*Input!$J$14,0)+IF(Input!$K$15=2,L3958*Input!$J$15,0)+IF(Input!$K$16=2,M3958*Input!$J$16,0)</f>
        <v>0.47552013499786805</v>
      </c>
      <c r="P3958" s="58">
        <f>IF(Input!$K$13=3,J3958*Input!$J$13,0)+IF(Input!$K$14=3,K3958*Input!$J$14,0)+IF(Input!$K$15=3,L3958*Input!$J$15,0)+IF(Input!$K$16=3,M3958*Input!$J$16,0)</f>
        <v>0</v>
      </c>
      <c r="Q3958" s="71">
        <f>IF(Input!$K$13=4,J3958*Input!$J$13,0)+IF(Input!$K$14=4,K3958*Input!$J$14,0)+IF(Input!$K$15=4,L3958*Input!$J$15,0)+IF(Input!$K$16=4,M3958*Input!$J$16,0)</f>
        <v>0</v>
      </c>
    </row>
    <row r="3959" spans="8:17" x14ac:dyDescent="0.25">
      <c r="H3959" s="43">
        <v>3952</v>
      </c>
      <c r="I3959" s="55">
        <f>Bühler!I3985</f>
        <v>1.1130748727062429</v>
      </c>
      <c r="J3959" s="58">
        <f>Bühler!J3985</f>
        <v>44.129826862761227</v>
      </c>
      <c r="K3959" s="58">
        <f>Bühler!K3985</f>
        <v>3.5223713703545783</v>
      </c>
      <c r="L3959" s="58">
        <f>Bühler!L3985</f>
        <v>1.7611856851772891</v>
      </c>
      <c r="M3959" s="57">
        <f>Bühler!M3985</f>
        <v>0</v>
      </c>
      <c r="N3959" s="55">
        <f>IF(Input!$K$13=1,J3959*Input!$J$13,0)+IF(Input!$K$14=1,K3959*Input!$J$14,0)+IF(Input!$K$15=1,L3959*Input!$J$15,0)+IF(Input!$K$16=1,M3959*Input!$J$16,0)</f>
        <v>5.2955792235313472</v>
      </c>
      <c r="O3959" s="58">
        <f>IF(Input!$K$13=2,J3959*Input!$J$13,0)+IF(Input!$K$14=2,K3959*Input!$J$14,0)+IF(Input!$K$15=2,L3959*Input!$J$15,0)+IF(Input!$K$16=2,M3959*Input!$J$16,0)</f>
        <v>0.47552013499786805</v>
      </c>
      <c r="P3959" s="58">
        <f>IF(Input!$K$13=3,J3959*Input!$J$13,0)+IF(Input!$K$14=3,K3959*Input!$J$14,0)+IF(Input!$K$15=3,L3959*Input!$J$15,0)+IF(Input!$K$16=3,M3959*Input!$J$16,0)</f>
        <v>0</v>
      </c>
      <c r="Q3959" s="71">
        <f>IF(Input!$K$13=4,J3959*Input!$J$13,0)+IF(Input!$K$14=4,K3959*Input!$J$14,0)+IF(Input!$K$15=4,L3959*Input!$J$15,0)+IF(Input!$K$16=4,M3959*Input!$J$16,0)</f>
        <v>0</v>
      </c>
    </row>
    <row r="3960" spans="8:17" x14ac:dyDescent="0.25">
      <c r="H3960" s="43">
        <v>3953</v>
      </c>
      <c r="I3960" s="55">
        <f>Bühler!I3986</f>
        <v>0.93007549400392353</v>
      </c>
      <c r="J3960" s="58">
        <f>Bühler!J3986</f>
        <v>26.302079281097214</v>
      </c>
      <c r="K3960" s="58">
        <f>Bühler!K3986</f>
        <v>2.0756831289589481</v>
      </c>
      <c r="L3960" s="58">
        <f>Bühler!L3986</f>
        <v>1.0378415644794741</v>
      </c>
      <c r="M3960" s="57">
        <f>Bühler!M3986</f>
        <v>0</v>
      </c>
      <c r="N3960" s="55">
        <f>IF(Input!$K$13=1,J3960*Input!$J$13,0)+IF(Input!$K$14=1,K3960*Input!$J$14,0)+IF(Input!$K$15=1,L3960*Input!$J$15,0)+IF(Input!$K$16=1,M3960*Input!$J$16,0)</f>
        <v>3.1562495137316655</v>
      </c>
      <c r="O3960" s="58">
        <f>IF(Input!$K$13=2,J3960*Input!$J$13,0)+IF(Input!$K$14=2,K3960*Input!$J$14,0)+IF(Input!$K$15=2,L3960*Input!$J$15,0)+IF(Input!$K$16=2,M3960*Input!$J$16,0)</f>
        <v>0.28021722240945801</v>
      </c>
      <c r="P3960" s="58">
        <f>IF(Input!$K$13=3,J3960*Input!$J$13,0)+IF(Input!$K$14=3,K3960*Input!$J$14,0)+IF(Input!$K$15=3,L3960*Input!$J$15,0)+IF(Input!$K$16=3,M3960*Input!$J$16,0)</f>
        <v>0</v>
      </c>
      <c r="Q3960" s="71">
        <f>IF(Input!$K$13=4,J3960*Input!$J$13,0)+IF(Input!$K$14=4,K3960*Input!$J$14,0)+IF(Input!$K$15=4,L3960*Input!$J$15,0)+IF(Input!$K$16=4,M3960*Input!$J$16,0)</f>
        <v>0</v>
      </c>
    </row>
    <row r="3961" spans="8:17" x14ac:dyDescent="0.25">
      <c r="H3961" s="43">
        <v>3954</v>
      </c>
      <c r="I3961" s="55">
        <f>Bühler!I3987</f>
        <v>0.73953681505544111</v>
      </c>
      <c r="J3961" s="58">
        <f>Bühler!J3987</f>
        <v>11.596938462117272</v>
      </c>
      <c r="K3961" s="58">
        <f>Bühler!K3987</f>
        <v>0.88590829234270085</v>
      </c>
      <c r="L3961" s="58">
        <f>Bühler!L3987</f>
        <v>0.44295414617135043</v>
      </c>
      <c r="M3961" s="57">
        <f>Bühler!M3987</f>
        <v>0</v>
      </c>
      <c r="N3961" s="55">
        <f>IF(Input!$K$13=1,J3961*Input!$J$13,0)+IF(Input!$K$14=1,K3961*Input!$J$14,0)+IF(Input!$K$15=1,L3961*Input!$J$15,0)+IF(Input!$K$16=1,M3961*Input!$J$16,0)</f>
        <v>1.3916326154540726</v>
      </c>
      <c r="O3961" s="58">
        <f>IF(Input!$K$13=2,J3961*Input!$J$13,0)+IF(Input!$K$14=2,K3961*Input!$J$14,0)+IF(Input!$K$15=2,L3961*Input!$J$15,0)+IF(Input!$K$16=2,M3961*Input!$J$16,0)</f>
        <v>0.11959761946626461</v>
      </c>
      <c r="P3961" s="58">
        <f>IF(Input!$K$13=3,J3961*Input!$J$13,0)+IF(Input!$K$14=3,K3961*Input!$J$14,0)+IF(Input!$K$15=3,L3961*Input!$J$15,0)+IF(Input!$K$16=3,M3961*Input!$J$16,0)</f>
        <v>0</v>
      </c>
      <c r="Q3961" s="71">
        <f>IF(Input!$K$13=4,J3961*Input!$J$13,0)+IF(Input!$K$14=4,K3961*Input!$J$14,0)+IF(Input!$K$15=4,L3961*Input!$J$15,0)+IF(Input!$K$16=4,M3961*Input!$J$16,0)</f>
        <v>0</v>
      </c>
    </row>
    <row r="3962" spans="8:17" x14ac:dyDescent="0.25">
      <c r="H3962" s="43">
        <v>3955</v>
      </c>
      <c r="I3962" s="55">
        <f>Bühler!I3988</f>
        <v>0.27415637258774456</v>
      </c>
      <c r="J3962" s="58">
        <f>Bühler!J3988</f>
        <v>7.4222132992028156</v>
      </c>
      <c r="K3962" s="58">
        <f>Bühler!K3988</f>
        <v>0.58469947294618263</v>
      </c>
      <c r="L3962" s="58">
        <f>Bühler!L3988</f>
        <v>0.29234973647309132</v>
      </c>
      <c r="M3962" s="57">
        <f>Bühler!M3988</f>
        <v>0</v>
      </c>
      <c r="N3962" s="55">
        <f>IF(Input!$K$13=1,J3962*Input!$J$13,0)+IF(Input!$K$14=1,K3962*Input!$J$14,0)+IF(Input!$K$15=1,L3962*Input!$J$15,0)+IF(Input!$K$16=1,M3962*Input!$J$16,0)</f>
        <v>0.8906655959043378</v>
      </c>
      <c r="O3962" s="58">
        <f>IF(Input!$K$13=2,J3962*Input!$J$13,0)+IF(Input!$K$14=2,K3962*Input!$J$14,0)+IF(Input!$K$15=2,L3962*Input!$J$15,0)+IF(Input!$K$16=2,M3962*Input!$J$16,0)</f>
        <v>7.8934428847734661E-2</v>
      </c>
      <c r="P3962" s="58">
        <f>IF(Input!$K$13=3,J3962*Input!$J$13,0)+IF(Input!$K$14=3,K3962*Input!$J$14,0)+IF(Input!$K$15=3,L3962*Input!$J$15,0)+IF(Input!$K$16=3,M3962*Input!$J$16,0)</f>
        <v>0</v>
      </c>
      <c r="Q3962" s="71">
        <f>IF(Input!$K$13=4,J3962*Input!$J$13,0)+IF(Input!$K$14=4,K3962*Input!$J$14,0)+IF(Input!$K$15=4,L3962*Input!$J$15,0)+IF(Input!$K$16=4,M3962*Input!$J$16,0)</f>
        <v>0</v>
      </c>
    </row>
    <row r="3963" spans="8:17" x14ac:dyDescent="0.25">
      <c r="H3963" s="43">
        <v>3956</v>
      </c>
      <c r="I3963" s="55">
        <f>Bühler!I3989</f>
        <v>0.27415637258774456</v>
      </c>
      <c r="J3963" s="58">
        <f>Bühler!J3989</f>
        <v>7.4222132992028156</v>
      </c>
      <c r="K3963" s="58">
        <f>Bühler!K3989</f>
        <v>0.58469947294618263</v>
      </c>
      <c r="L3963" s="58">
        <f>Bühler!L3989</f>
        <v>0.29234973647309132</v>
      </c>
      <c r="M3963" s="57">
        <f>Bühler!M3989</f>
        <v>0</v>
      </c>
      <c r="N3963" s="55">
        <f>IF(Input!$K$13=1,J3963*Input!$J$13,0)+IF(Input!$K$14=1,K3963*Input!$J$14,0)+IF(Input!$K$15=1,L3963*Input!$J$15,0)+IF(Input!$K$16=1,M3963*Input!$J$16,0)</f>
        <v>0.8906655959043378</v>
      </c>
      <c r="O3963" s="58">
        <f>IF(Input!$K$13=2,J3963*Input!$J$13,0)+IF(Input!$K$14=2,K3963*Input!$J$14,0)+IF(Input!$K$15=2,L3963*Input!$J$15,0)+IF(Input!$K$16=2,M3963*Input!$J$16,0)</f>
        <v>7.8934428847734661E-2</v>
      </c>
      <c r="P3963" s="58">
        <f>IF(Input!$K$13=3,J3963*Input!$J$13,0)+IF(Input!$K$14=3,K3963*Input!$J$14,0)+IF(Input!$K$15=3,L3963*Input!$J$15,0)+IF(Input!$K$16=3,M3963*Input!$J$16,0)</f>
        <v>0</v>
      </c>
      <c r="Q3963" s="71">
        <f>IF(Input!$K$13=4,J3963*Input!$J$13,0)+IF(Input!$K$14=4,K3963*Input!$J$14,0)+IF(Input!$K$15=4,L3963*Input!$J$15,0)+IF(Input!$K$16=4,M3963*Input!$J$16,0)</f>
        <v>0</v>
      </c>
    </row>
    <row r="3964" spans="8:17" x14ac:dyDescent="0.25">
      <c r="H3964" s="43">
        <v>3957</v>
      </c>
      <c r="I3964" s="55">
        <f>Bühler!I3990</f>
        <v>0.27415637258774456</v>
      </c>
      <c r="J3964" s="58">
        <f>Bühler!J3990</f>
        <v>7.4222132992028156</v>
      </c>
      <c r="K3964" s="58">
        <f>Bühler!K3990</f>
        <v>0.58469947294618263</v>
      </c>
      <c r="L3964" s="58">
        <f>Bühler!L3990</f>
        <v>0.29234973647309132</v>
      </c>
      <c r="M3964" s="57">
        <f>Bühler!M3990</f>
        <v>0</v>
      </c>
      <c r="N3964" s="55">
        <f>IF(Input!$K$13=1,J3964*Input!$J$13,0)+IF(Input!$K$14=1,K3964*Input!$J$14,0)+IF(Input!$K$15=1,L3964*Input!$J$15,0)+IF(Input!$K$16=1,M3964*Input!$J$16,0)</f>
        <v>0.8906655959043378</v>
      </c>
      <c r="O3964" s="58">
        <f>IF(Input!$K$13=2,J3964*Input!$J$13,0)+IF(Input!$K$14=2,K3964*Input!$J$14,0)+IF(Input!$K$15=2,L3964*Input!$J$15,0)+IF(Input!$K$16=2,M3964*Input!$J$16,0)</f>
        <v>7.8934428847734661E-2</v>
      </c>
      <c r="P3964" s="58">
        <f>IF(Input!$K$13=3,J3964*Input!$J$13,0)+IF(Input!$K$14=3,K3964*Input!$J$14,0)+IF(Input!$K$15=3,L3964*Input!$J$15,0)+IF(Input!$K$16=3,M3964*Input!$J$16,0)</f>
        <v>0</v>
      </c>
      <c r="Q3964" s="71">
        <f>IF(Input!$K$13=4,J3964*Input!$J$13,0)+IF(Input!$K$14=4,K3964*Input!$J$14,0)+IF(Input!$K$15=4,L3964*Input!$J$15,0)+IF(Input!$K$16=4,M3964*Input!$J$16,0)</f>
        <v>0</v>
      </c>
    </row>
    <row r="3965" spans="8:17" x14ac:dyDescent="0.25">
      <c r="H3965" s="43">
        <v>3958</v>
      </c>
      <c r="I3965" s="55">
        <f>Bühler!I3991</f>
        <v>0.27415637258774456</v>
      </c>
      <c r="J3965" s="58">
        <f>Bühler!J3991</f>
        <v>7.4222132992028156</v>
      </c>
      <c r="K3965" s="58">
        <f>Bühler!K3991</f>
        <v>0.58469947294618263</v>
      </c>
      <c r="L3965" s="58">
        <f>Bühler!L3991</f>
        <v>0.29234973647309132</v>
      </c>
      <c r="M3965" s="57">
        <f>Bühler!M3991</f>
        <v>0</v>
      </c>
      <c r="N3965" s="55">
        <f>IF(Input!$K$13=1,J3965*Input!$J$13,0)+IF(Input!$K$14=1,K3965*Input!$J$14,0)+IF(Input!$K$15=1,L3965*Input!$J$15,0)+IF(Input!$K$16=1,M3965*Input!$J$16,0)</f>
        <v>0.8906655959043378</v>
      </c>
      <c r="O3965" s="58">
        <f>IF(Input!$K$13=2,J3965*Input!$J$13,0)+IF(Input!$K$14=2,K3965*Input!$J$14,0)+IF(Input!$K$15=2,L3965*Input!$J$15,0)+IF(Input!$K$16=2,M3965*Input!$J$16,0)</f>
        <v>7.8934428847734661E-2</v>
      </c>
      <c r="P3965" s="58">
        <f>IF(Input!$K$13=3,J3965*Input!$J$13,0)+IF(Input!$K$14=3,K3965*Input!$J$14,0)+IF(Input!$K$15=3,L3965*Input!$J$15,0)+IF(Input!$K$16=3,M3965*Input!$J$16,0)</f>
        <v>0</v>
      </c>
      <c r="Q3965" s="71">
        <f>IF(Input!$K$13=4,J3965*Input!$J$13,0)+IF(Input!$K$14=4,K3965*Input!$J$14,0)+IF(Input!$K$15=4,L3965*Input!$J$15,0)+IF(Input!$K$16=4,M3965*Input!$J$16,0)</f>
        <v>0</v>
      </c>
    </row>
    <row r="3966" spans="8:17" x14ac:dyDescent="0.25">
      <c r="H3966" s="43">
        <v>3959</v>
      </c>
      <c r="I3966" s="55">
        <f>Bühler!I3992</f>
        <v>0.27415637258774456</v>
      </c>
      <c r="J3966" s="58">
        <f>Bühler!J3992</f>
        <v>7.4222132992028156</v>
      </c>
      <c r="K3966" s="58">
        <f>Bühler!K3992</f>
        <v>0.58469947294618263</v>
      </c>
      <c r="L3966" s="58">
        <f>Bühler!L3992</f>
        <v>0.29234973647309132</v>
      </c>
      <c r="M3966" s="57">
        <f>Bühler!M3992</f>
        <v>0</v>
      </c>
      <c r="N3966" s="55">
        <f>IF(Input!$K$13=1,J3966*Input!$J$13,0)+IF(Input!$K$14=1,K3966*Input!$J$14,0)+IF(Input!$K$15=1,L3966*Input!$J$15,0)+IF(Input!$K$16=1,M3966*Input!$J$16,0)</f>
        <v>0.8906655959043378</v>
      </c>
      <c r="O3966" s="58">
        <f>IF(Input!$K$13=2,J3966*Input!$J$13,0)+IF(Input!$K$14=2,K3966*Input!$J$14,0)+IF(Input!$K$15=2,L3966*Input!$J$15,0)+IF(Input!$K$16=2,M3966*Input!$J$16,0)</f>
        <v>7.8934428847734661E-2</v>
      </c>
      <c r="P3966" s="58">
        <f>IF(Input!$K$13=3,J3966*Input!$J$13,0)+IF(Input!$K$14=3,K3966*Input!$J$14,0)+IF(Input!$K$15=3,L3966*Input!$J$15,0)+IF(Input!$K$16=3,M3966*Input!$J$16,0)</f>
        <v>0</v>
      </c>
      <c r="Q3966" s="71">
        <f>IF(Input!$K$13=4,J3966*Input!$J$13,0)+IF(Input!$K$14=4,K3966*Input!$J$14,0)+IF(Input!$K$15=4,L3966*Input!$J$15,0)+IF(Input!$K$16=4,M3966*Input!$J$16,0)</f>
        <v>0</v>
      </c>
    </row>
    <row r="3967" spans="8:17" x14ac:dyDescent="0.25">
      <c r="H3967" s="43">
        <v>3960</v>
      </c>
      <c r="I3967" s="55">
        <f>Bühler!I3993</f>
        <v>0.27415637258774456</v>
      </c>
      <c r="J3967" s="58">
        <f>Bühler!J3993</f>
        <v>7.4222132992028156</v>
      </c>
      <c r="K3967" s="58">
        <f>Bühler!K3993</f>
        <v>0.58469947294618263</v>
      </c>
      <c r="L3967" s="58">
        <f>Bühler!L3993</f>
        <v>0.29234973647309132</v>
      </c>
      <c r="M3967" s="57">
        <f>Bühler!M3993</f>
        <v>0</v>
      </c>
      <c r="N3967" s="55">
        <f>IF(Input!$K$13=1,J3967*Input!$J$13,0)+IF(Input!$K$14=1,K3967*Input!$J$14,0)+IF(Input!$K$15=1,L3967*Input!$J$15,0)+IF(Input!$K$16=1,M3967*Input!$J$16,0)</f>
        <v>0.8906655959043378</v>
      </c>
      <c r="O3967" s="58">
        <f>IF(Input!$K$13=2,J3967*Input!$J$13,0)+IF(Input!$K$14=2,K3967*Input!$J$14,0)+IF(Input!$K$15=2,L3967*Input!$J$15,0)+IF(Input!$K$16=2,M3967*Input!$J$16,0)</f>
        <v>7.8934428847734661E-2</v>
      </c>
      <c r="P3967" s="58">
        <f>IF(Input!$K$13=3,J3967*Input!$J$13,0)+IF(Input!$K$14=3,K3967*Input!$J$14,0)+IF(Input!$K$15=3,L3967*Input!$J$15,0)+IF(Input!$K$16=3,M3967*Input!$J$16,0)</f>
        <v>0</v>
      </c>
      <c r="Q3967" s="71">
        <f>IF(Input!$K$13=4,J3967*Input!$J$13,0)+IF(Input!$K$14=4,K3967*Input!$J$14,0)+IF(Input!$K$15=4,L3967*Input!$J$15,0)+IF(Input!$K$16=4,M3967*Input!$J$16,0)</f>
        <v>0</v>
      </c>
    </row>
    <row r="3968" spans="8:17" x14ac:dyDescent="0.25">
      <c r="H3968" s="43">
        <v>3961</v>
      </c>
      <c r="I3968" s="55">
        <f>Bühler!I3994</f>
        <v>0.27415637258774456</v>
      </c>
      <c r="J3968" s="58">
        <f>Bühler!J3994</f>
        <v>7.4222132992028156</v>
      </c>
      <c r="K3968" s="58">
        <f>Bühler!K3994</f>
        <v>0.58469947294618263</v>
      </c>
      <c r="L3968" s="58">
        <f>Bühler!L3994</f>
        <v>0.29234973647309132</v>
      </c>
      <c r="M3968" s="57">
        <f>Bühler!M3994</f>
        <v>0</v>
      </c>
      <c r="N3968" s="55">
        <f>IF(Input!$K$13=1,J3968*Input!$J$13,0)+IF(Input!$K$14=1,K3968*Input!$J$14,0)+IF(Input!$K$15=1,L3968*Input!$J$15,0)+IF(Input!$K$16=1,M3968*Input!$J$16,0)</f>
        <v>0.8906655959043378</v>
      </c>
      <c r="O3968" s="58">
        <f>IF(Input!$K$13=2,J3968*Input!$J$13,0)+IF(Input!$K$14=2,K3968*Input!$J$14,0)+IF(Input!$K$15=2,L3968*Input!$J$15,0)+IF(Input!$K$16=2,M3968*Input!$J$16,0)</f>
        <v>7.8934428847734661E-2</v>
      </c>
      <c r="P3968" s="58">
        <f>IF(Input!$K$13=3,J3968*Input!$J$13,0)+IF(Input!$K$14=3,K3968*Input!$J$14,0)+IF(Input!$K$15=3,L3968*Input!$J$15,0)+IF(Input!$K$16=3,M3968*Input!$J$16,0)</f>
        <v>0</v>
      </c>
      <c r="Q3968" s="71">
        <f>IF(Input!$K$13=4,J3968*Input!$J$13,0)+IF(Input!$K$14=4,K3968*Input!$J$14,0)+IF(Input!$K$15=4,L3968*Input!$J$15,0)+IF(Input!$K$16=4,M3968*Input!$J$16,0)</f>
        <v>0</v>
      </c>
    </row>
    <row r="3969" spans="8:17" x14ac:dyDescent="0.25">
      <c r="H3969" s="43">
        <v>3962</v>
      </c>
      <c r="I3969" s="55">
        <f>Bühler!I3995</f>
        <v>0.27415637258774456</v>
      </c>
      <c r="J3969" s="58">
        <f>Bühler!J3995</f>
        <v>7.4222132992028156</v>
      </c>
      <c r="K3969" s="58">
        <f>Bühler!K3995</f>
        <v>0.58469947294618263</v>
      </c>
      <c r="L3969" s="58">
        <f>Bühler!L3995</f>
        <v>0.29234973647309132</v>
      </c>
      <c r="M3969" s="57">
        <f>Bühler!M3995</f>
        <v>0</v>
      </c>
      <c r="N3969" s="55">
        <f>IF(Input!$K$13=1,J3969*Input!$J$13,0)+IF(Input!$K$14=1,K3969*Input!$J$14,0)+IF(Input!$K$15=1,L3969*Input!$J$15,0)+IF(Input!$K$16=1,M3969*Input!$J$16,0)</f>
        <v>0.8906655959043378</v>
      </c>
      <c r="O3969" s="58">
        <f>IF(Input!$K$13=2,J3969*Input!$J$13,0)+IF(Input!$K$14=2,K3969*Input!$J$14,0)+IF(Input!$K$15=2,L3969*Input!$J$15,0)+IF(Input!$K$16=2,M3969*Input!$J$16,0)</f>
        <v>7.8934428847734661E-2</v>
      </c>
      <c r="P3969" s="58">
        <f>IF(Input!$K$13=3,J3969*Input!$J$13,0)+IF(Input!$K$14=3,K3969*Input!$J$14,0)+IF(Input!$K$15=3,L3969*Input!$J$15,0)+IF(Input!$K$16=3,M3969*Input!$J$16,0)</f>
        <v>0</v>
      </c>
      <c r="Q3969" s="71">
        <f>IF(Input!$K$13=4,J3969*Input!$J$13,0)+IF(Input!$K$14=4,K3969*Input!$J$14,0)+IF(Input!$K$15=4,L3969*Input!$J$15,0)+IF(Input!$K$16=4,M3969*Input!$J$16,0)</f>
        <v>0</v>
      </c>
    </row>
    <row r="3970" spans="8:17" x14ac:dyDescent="0.25">
      <c r="H3970" s="43">
        <v>3963</v>
      </c>
      <c r="I3970" s="55">
        <f>Bühler!I3996</f>
        <v>0.27415637258774456</v>
      </c>
      <c r="J3970" s="58">
        <f>Bühler!J3996</f>
        <v>7.4222132992028156</v>
      </c>
      <c r="K3970" s="58">
        <f>Bühler!K3996</f>
        <v>0.58469947294618263</v>
      </c>
      <c r="L3970" s="58">
        <f>Bühler!L3996</f>
        <v>0.29234973647309132</v>
      </c>
      <c r="M3970" s="57">
        <f>Bühler!M3996</f>
        <v>0</v>
      </c>
      <c r="N3970" s="55">
        <f>IF(Input!$K$13=1,J3970*Input!$J$13,0)+IF(Input!$K$14=1,K3970*Input!$J$14,0)+IF(Input!$K$15=1,L3970*Input!$J$15,0)+IF(Input!$K$16=1,M3970*Input!$J$16,0)</f>
        <v>0.8906655959043378</v>
      </c>
      <c r="O3970" s="58">
        <f>IF(Input!$K$13=2,J3970*Input!$J$13,0)+IF(Input!$K$14=2,K3970*Input!$J$14,0)+IF(Input!$K$15=2,L3970*Input!$J$15,0)+IF(Input!$K$16=2,M3970*Input!$J$16,0)</f>
        <v>7.8934428847734661E-2</v>
      </c>
      <c r="P3970" s="58">
        <f>IF(Input!$K$13=3,J3970*Input!$J$13,0)+IF(Input!$K$14=3,K3970*Input!$J$14,0)+IF(Input!$K$15=3,L3970*Input!$J$15,0)+IF(Input!$K$16=3,M3970*Input!$J$16,0)</f>
        <v>0</v>
      </c>
      <c r="Q3970" s="71">
        <f>IF(Input!$K$13=4,J3970*Input!$J$13,0)+IF(Input!$K$14=4,K3970*Input!$J$14,0)+IF(Input!$K$15=4,L3970*Input!$J$15,0)+IF(Input!$K$16=4,M3970*Input!$J$16,0)</f>
        <v>0</v>
      </c>
    </row>
    <row r="3971" spans="8:17" x14ac:dyDescent="0.25">
      <c r="H3971" s="43">
        <v>3964</v>
      </c>
      <c r="I3971" s="55">
        <f>Bühler!I3997</f>
        <v>0.27415637258774456</v>
      </c>
      <c r="J3971" s="58">
        <f>Bühler!J3997</f>
        <v>7.4222132992028156</v>
      </c>
      <c r="K3971" s="58">
        <f>Bühler!K3997</f>
        <v>0.58469947294618263</v>
      </c>
      <c r="L3971" s="58">
        <f>Bühler!L3997</f>
        <v>0.29234973647309132</v>
      </c>
      <c r="M3971" s="57">
        <f>Bühler!M3997</f>
        <v>0</v>
      </c>
      <c r="N3971" s="55">
        <f>IF(Input!$K$13=1,J3971*Input!$J$13,0)+IF(Input!$K$14=1,K3971*Input!$J$14,0)+IF(Input!$K$15=1,L3971*Input!$J$15,0)+IF(Input!$K$16=1,M3971*Input!$J$16,0)</f>
        <v>0.8906655959043378</v>
      </c>
      <c r="O3971" s="58">
        <f>IF(Input!$K$13=2,J3971*Input!$J$13,0)+IF(Input!$K$14=2,K3971*Input!$J$14,0)+IF(Input!$K$15=2,L3971*Input!$J$15,0)+IF(Input!$K$16=2,M3971*Input!$J$16,0)</f>
        <v>7.8934428847734661E-2</v>
      </c>
      <c r="P3971" s="58">
        <f>IF(Input!$K$13=3,J3971*Input!$J$13,0)+IF(Input!$K$14=3,K3971*Input!$J$14,0)+IF(Input!$K$15=3,L3971*Input!$J$15,0)+IF(Input!$K$16=3,M3971*Input!$J$16,0)</f>
        <v>0</v>
      </c>
      <c r="Q3971" s="71">
        <f>IF(Input!$K$13=4,J3971*Input!$J$13,0)+IF(Input!$K$14=4,K3971*Input!$J$14,0)+IF(Input!$K$15=4,L3971*Input!$J$15,0)+IF(Input!$K$16=4,M3971*Input!$J$16,0)</f>
        <v>0</v>
      </c>
    </row>
    <row r="3972" spans="8:17" x14ac:dyDescent="0.25">
      <c r="H3972" s="43">
        <v>3965</v>
      </c>
      <c r="I3972" s="55">
        <f>Bühler!I3998</f>
        <v>0.27415637258774456</v>
      </c>
      <c r="J3972" s="58">
        <f>Bühler!J3998</f>
        <v>7.4222132992028156</v>
      </c>
      <c r="K3972" s="58">
        <f>Bühler!K3998</f>
        <v>0.58469947294618263</v>
      </c>
      <c r="L3972" s="58">
        <f>Bühler!L3998</f>
        <v>0.29234973647309132</v>
      </c>
      <c r="M3972" s="57">
        <f>Bühler!M3998</f>
        <v>0</v>
      </c>
      <c r="N3972" s="55">
        <f>IF(Input!$K$13=1,J3972*Input!$J$13,0)+IF(Input!$K$14=1,K3972*Input!$J$14,0)+IF(Input!$K$15=1,L3972*Input!$J$15,0)+IF(Input!$K$16=1,M3972*Input!$J$16,0)</f>
        <v>0.8906655959043378</v>
      </c>
      <c r="O3972" s="58">
        <f>IF(Input!$K$13=2,J3972*Input!$J$13,0)+IF(Input!$K$14=2,K3972*Input!$J$14,0)+IF(Input!$K$15=2,L3972*Input!$J$15,0)+IF(Input!$K$16=2,M3972*Input!$J$16,0)</f>
        <v>7.8934428847734661E-2</v>
      </c>
      <c r="P3972" s="58">
        <f>IF(Input!$K$13=3,J3972*Input!$J$13,0)+IF(Input!$K$14=3,K3972*Input!$J$14,0)+IF(Input!$K$15=3,L3972*Input!$J$15,0)+IF(Input!$K$16=3,M3972*Input!$J$16,0)</f>
        <v>0</v>
      </c>
      <c r="Q3972" s="71">
        <f>IF(Input!$K$13=4,J3972*Input!$J$13,0)+IF(Input!$K$14=4,K3972*Input!$J$14,0)+IF(Input!$K$15=4,L3972*Input!$J$15,0)+IF(Input!$K$16=4,M3972*Input!$J$16,0)</f>
        <v>0</v>
      </c>
    </row>
    <row r="3973" spans="8:17" x14ac:dyDescent="0.25">
      <c r="H3973" s="43">
        <v>3966</v>
      </c>
      <c r="I3973" s="55">
        <f>Bühler!I3999</f>
        <v>0.27415637258774456</v>
      </c>
      <c r="J3973" s="58">
        <f>Bühler!J3999</f>
        <v>7.4222132992028156</v>
      </c>
      <c r="K3973" s="58">
        <f>Bühler!K3999</f>
        <v>0.58469947294618263</v>
      </c>
      <c r="L3973" s="58">
        <f>Bühler!L3999</f>
        <v>0.29234973647309132</v>
      </c>
      <c r="M3973" s="57">
        <f>Bühler!M3999</f>
        <v>0</v>
      </c>
      <c r="N3973" s="55">
        <f>IF(Input!$K$13=1,J3973*Input!$J$13,0)+IF(Input!$K$14=1,K3973*Input!$J$14,0)+IF(Input!$K$15=1,L3973*Input!$J$15,0)+IF(Input!$K$16=1,M3973*Input!$J$16,0)</f>
        <v>0.8906655959043378</v>
      </c>
      <c r="O3973" s="58">
        <f>IF(Input!$K$13=2,J3973*Input!$J$13,0)+IF(Input!$K$14=2,K3973*Input!$J$14,0)+IF(Input!$K$15=2,L3973*Input!$J$15,0)+IF(Input!$K$16=2,M3973*Input!$J$16,0)</f>
        <v>7.8934428847734661E-2</v>
      </c>
      <c r="P3973" s="58">
        <f>IF(Input!$K$13=3,J3973*Input!$J$13,0)+IF(Input!$K$14=3,K3973*Input!$J$14,0)+IF(Input!$K$15=3,L3973*Input!$J$15,0)+IF(Input!$K$16=3,M3973*Input!$J$16,0)</f>
        <v>0</v>
      </c>
      <c r="Q3973" s="71">
        <f>IF(Input!$K$13=4,J3973*Input!$J$13,0)+IF(Input!$K$14=4,K3973*Input!$J$14,0)+IF(Input!$K$15=4,L3973*Input!$J$15,0)+IF(Input!$K$16=4,M3973*Input!$J$16,0)</f>
        <v>0</v>
      </c>
    </row>
    <row r="3974" spans="8:17" x14ac:dyDescent="0.25">
      <c r="H3974" s="43">
        <v>3967</v>
      </c>
      <c r="I3974" s="55">
        <f>Bühler!I4000</f>
        <v>0.27415637258774456</v>
      </c>
      <c r="J3974" s="58">
        <f>Bühler!J4000</f>
        <v>7.4222132992028156</v>
      </c>
      <c r="K3974" s="58">
        <f>Bühler!K4000</f>
        <v>0.58469947294618263</v>
      </c>
      <c r="L3974" s="58">
        <f>Bühler!L4000</f>
        <v>0.29234973647309132</v>
      </c>
      <c r="M3974" s="57">
        <f>Bühler!M4000</f>
        <v>0</v>
      </c>
      <c r="N3974" s="55">
        <f>IF(Input!$K$13=1,J3974*Input!$J$13,0)+IF(Input!$K$14=1,K3974*Input!$J$14,0)+IF(Input!$K$15=1,L3974*Input!$J$15,0)+IF(Input!$K$16=1,M3974*Input!$J$16,0)</f>
        <v>0.8906655959043378</v>
      </c>
      <c r="O3974" s="58">
        <f>IF(Input!$K$13=2,J3974*Input!$J$13,0)+IF(Input!$K$14=2,K3974*Input!$J$14,0)+IF(Input!$K$15=2,L3974*Input!$J$15,0)+IF(Input!$K$16=2,M3974*Input!$J$16,0)</f>
        <v>7.8934428847734661E-2</v>
      </c>
      <c r="P3974" s="58">
        <f>IF(Input!$K$13=3,J3974*Input!$J$13,0)+IF(Input!$K$14=3,K3974*Input!$J$14,0)+IF(Input!$K$15=3,L3974*Input!$J$15,0)+IF(Input!$K$16=3,M3974*Input!$J$16,0)</f>
        <v>0</v>
      </c>
      <c r="Q3974" s="71">
        <f>IF(Input!$K$13=4,J3974*Input!$J$13,0)+IF(Input!$K$14=4,K3974*Input!$J$14,0)+IF(Input!$K$15=4,L3974*Input!$J$15,0)+IF(Input!$K$16=4,M3974*Input!$J$16,0)</f>
        <v>0</v>
      </c>
    </row>
    <row r="3975" spans="8:17" x14ac:dyDescent="0.25">
      <c r="H3975" s="43">
        <v>3968</v>
      </c>
      <c r="I3975" s="55">
        <f>Bühler!I4001</f>
        <v>0.75530080647923614</v>
      </c>
      <c r="J3975" s="58">
        <f>Bühler!J4001</f>
        <v>29.945239656873696</v>
      </c>
      <c r="K3975" s="58">
        <f>Bühler!K4001</f>
        <v>2.3901805727406065</v>
      </c>
      <c r="L3975" s="58">
        <f>Bühler!L4001</f>
        <v>1.1950902863703032</v>
      </c>
      <c r="M3975" s="57">
        <f>Bühler!M4001</f>
        <v>0</v>
      </c>
      <c r="N3975" s="55">
        <f>IF(Input!$K$13=1,J3975*Input!$J$13,0)+IF(Input!$K$14=1,K3975*Input!$J$14,0)+IF(Input!$K$15=1,L3975*Input!$J$15,0)+IF(Input!$K$16=1,M3975*Input!$J$16,0)</f>
        <v>3.5934287588248432</v>
      </c>
      <c r="O3975" s="58">
        <f>IF(Input!$K$13=2,J3975*Input!$J$13,0)+IF(Input!$K$14=2,K3975*Input!$J$14,0)+IF(Input!$K$15=2,L3975*Input!$J$15,0)+IF(Input!$K$16=2,M3975*Input!$J$16,0)</f>
        <v>0.32267437731998183</v>
      </c>
      <c r="P3975" s="58">
        <f>IF(Input!$K$13=3,J3975*Input!$J$13,0)+IF(Input!$K$14=3,K3975*Input!$J$14,0)+IF(Input!$K$15=3,L3975*Input!$J$15,0)+IF(Input!$K$16=3,M3975*Input!$J$16,0)</f>
        <v>0</v>
      </c>
      <c r="Q3975" s="71">
        <f>IF(Input!$K$13=4,J3975*Input!$J$13,0)+IF(Input!$K$14=4,K3975*Input!$J$14,0)+IF(Input!$K$15=4,L3975*Input!$J$15,0)+IF(Input!$K$16=4,M3975*Input!$J$16,0)</f>
        <v>0</v>
      </c>
    </row>
    <row r="3976" spans="8:17" x14ac:dyDescent="0.25">
      <c r="H3976" s="43">
        <v>3969</v>
      </c>
      <c r="I3976" s="55">
        <f>Bühler!I4002</f>
        <v>0.84275668933472692</v>
      </c>
      <c r="J3976" s="58">
        <f>Bühler!J4002</f>
        <v>33.412583196090658</v>
      </c>
      <c r="K3976" s="58">
        <f>Bühler!K4002</f>
        <v>2.6669383232684667</v>
      </c>
      <c r="L3976" s="58">
        <f>Bühler!L4002</f>
        <v>1.3334691616342333</v>
      </c>
      <c r="M3976" s="57">
        <f>Bühler!M4002</f>
        <v>0</v>
      </c>
      <c r="N3976" s="55">
        <f>IF(Input!$K$13=1,J3976*Input!$J$13,0)+IF(Input!$K$14=1,K3976*Input!$J$14,0)+IF(Input!$K$15=1,L3976*Input!$J$15,0)+IF(Input!$K$16=1,M3976*Input!$J$16,0)</f>
        <v>4.0095099835308785</v>
      </c>
      <c r="O3976" s="58">
        <f>IF(Input!$K$13=2,J3976*Input!$J$13,0)+IF(Input!$K$14=2,K3976*Input!$J$14,0)+IF(Input!$K$15=2,L3976*Input!$J$15,0)+IF(Input!$K$16=2,M3976*Input!$J$16,0)</f>
        <v>0.36003667364124303</v>
      </c>
      <c r="P3976" s="58">
        <f>IF(Input!$K$13=3,J3976*Input!$J$13,0)+IF(Input!$K$14=3,K3976*Input!$J$14,0)+IF(Input!$K$15=3,L3976*Input!$J$15,0)+IF(Input!$K$16=3,M3976*Input!$J$16,0)</f>
        <v>0</v>
      </c>
      <c r="Q3976" s="71">
        <f>IF(Input!$K$13=4,J3976*Input!$J$13,0)+IF(Input!$K$14=4,K3976*Input!$J$14,0)+IF(Input!$K$15=4,L3976*Input!$J$15,0)+IF(Input!$K$16=4,M3976*Input!$J$16,0)</f>
        <v>0</v>
      </c>
    </row>
    <row r="3977" spans="8:17" x14ac:dyDescent="0.25">
      <c r="H3977" s="43">
        <v>3970</v>
      </c>
      <c r="I3977" s="55">
        <f>Bühler!I4003</f>
        <v>0.93021257219021736</v>
      </c>
      <c r="J3977" s="58">
        <f>Bühler!J4003</f>
        <v>36.879926735307606</v>
      </c>
      <c r="K3977" s="58">
        <f>Bühler!K4003</f>
        <v>2.9436960737963265</v>
      </c>
      <c r="L3977" s="58">
        <f>Bühler!L4003</f>
        <v>1.4718480368981632</v>
      </c>
      <c r="M3977" s="57">
        <f>Bühler!M4003</f>
        <v>0</v>
      </c>
      <c r="N3977" s="55">
        <f>IF(Input!$K$13=1,J3977*Input!$J$13,0)+IF(Input!$K$14=1,K3977*Input!$J$14,0)+IF(Input!$K$15=1,L3977*Input!$J$15,0)+IF(Input!$K$16=1,M3977*Input!$J$16,0)</f>
        <v>4.4255912082369129</v>
      </c>
      <c r="O3977" s="58">
        <f>IF(Input!$K$13=2,J3977*Input!$J$13,0)+IF(Input!$K$14=2,K3977*Input!$J$14,0)+IF(Input!$K$15=2,L3977*Input!$J$15,0)+IF(Input!$K$16=2,M3977*Input!$J$16,0)</f>
        <v>0.39739896996250407</v>
      </c>
      <c r="P3977" s="58">
        <f>IF(Input!$K$13=3,J3977*Input!$J$13,0)+IF(Input!$K$14=3,K3977*Input!$J$14,0)+IF(Input!$K$15=3,L3977*Input!$J$15,0)+IF(Input!$K$16=3,M3977*Input!$J$16,0)</f>
        <v>0</v>
      </c>
      <c r="Q3977" s="71">
        <f>IF(Input!$K$13=4,J3977*Input!$J$13,0)+IF(Input!$K$14=4,K3977*Input!$J$14,0)+IF(Input!$K$15=4,L3977*Input!$J$15,0)+IF(Input!$K$16=4,M3977*Input!$J$16,0)</f>
        <v>0</v>
      </c>
    </row>
    <row r="3978" spans="8:17" x14ac:dyDescent="0.25">
      <c r="H3978" s="43">
        <v>3971</v>
      </c>
      <c r="I3978" s="55">
        <f>Bühler!I4004</f>
        <v>0.93021257219021736</v>
      </c>
      <c r="J3978" s="58">
        <f>Bühler!J4004</f>
        <v>36.879926735307606</v>
      </c>
      <c r="K3978" s="58">
        <f>Bühler!K4004</f>
        <v>2.9436960737963265</v>
      </c>
      <c r="L3978" s="58">
        <f>Bühler!L4004</f>
        <v>1.4718480368981632</v>
      </c>
      <c r="M3978" s="57">
        <f>Bühler!M4004</f>
        <v>0</v>
      </c>
      <c r="N3978" s="55">
        <f>IF(Input!$K$13=1,J3978*Input!$J$13,0)+IF(Input!$K$14=1,K3978*Input!$J$14,0)+IF(Input!$K$15=1,L3978*Input!$J$15,0)+IF(Input!$K$16=1,M3978*Input!$J$16,0)</f>
        <v>4.4255912082369129</v>
      </c>
      <c r="O3978" s="58">
        <f>IF(Input!$K$13=2,J3978*Input!$J$13,0)+IF(Input!$K$14=2,K3978*Input!$J$14,0)+IF(Input!$K$15=2,L3978*Input!$J$15,0)+IF(Input!$K$16=2,M3978*Input!$J$16,0)</f>
        <v>0.39739896996250407</v>
      </c>
      <c r="P3978" s="58">
        <f>IF(Input!$K$13=3,J3978*Input!$J$13,0)+IF(Input!$K$14=3,K3978*Input!$J$14,0)+IF(Input!$K$15=3,L3978*Input!$J$15,0)+IF(Input!$K$16=3,M3978*Input!$J$16,0)</f>
        <v>0</v>
      </c>
      <c r="Q3978" s="71">
        <f>IF(Input!$K$13=4,J3978*Input!$J$13,0)+IF(Input!$K$14=4,K3978*Input!$J$14,0)+IF(Input!$K$15=4,L3978*Input!$J$15,0)+IF(Input!$K$16=4,M3978*Input!$J$16,0)</f>
        <v>0</v>
      </c>
    </row>
    <row r="3979" spans="8:17" x14ac:dyDescent="0.25">
      <c r="H3979" s="43">
        <v>3972</v>
      </c>
      <c r="I3979" s="55">
        <f>Bühler!I4005</f>
        <v>1.1130748727062429</v>
      </c>
      <c r="J3979" s="58">
        <f>Bühler!J4005</f>
        <v>44.129826862761227</v>
      </c>
      <c r="K3979" s="58">
        <f>Bühler!K4005</f>
        <v>3.5223713703545783</v>
      </c>
      <c r="L3979" s="58">
        <f>Bühler!L4005</f>
        <v>1.7611856851772891</v>
      </c>
      <c r="M3979" s="57">
        <f>Bühler!M4005</f>
        <v>0</v>
      </c>
      <c r="N3979" s="55">
        <f>IF(Input!$K$13=1,J3979*Input!$J$13,0)+IF(Input!$K$14=1,K3979*Input!$J$14,0)+IF(Input!$K$15=1,L3979*Input!$J$15,0)+IF(Input!$K$16=1,M3979*Input!$J$16,0)</f>
        <v>5.2955792235313472</v>
      </c>
      <c r="O3979" s="58">
        <f>IF(Input!$K$13=2,J3979*Input!$J$13,0)+IF(Input!$K$14=2,K3979*Input!$J$14,0)+IF(Input!$K$15=2,L3979*Input!$J$15,0)+IF(Input!$K$16=2,M3979*Input!$J$16,0)</f>
        <v>0.47552013499786805</v>
      </c>
      <c r="P3979" s="58">
        <f>IF(Input!$K$13=3,J3979*Input!$J$13,0)+IF(Input!$K$14=3,K3979*Input!$J$14,0)+IF(Input!$K$15=3,L3979*Input!$J$15,0)+IF(Input!$K$16=3,M3979*Input!$J$16,0)</f>
        <v>0</v>
      </c>
      <c r="Q3979" s="71">
        <f>IF(Input!$K$13=4,J3979*Input!$J$13,0)+IF(Input!$K$14=4,K3979*Input!$J$14,0)+IF(Input!$K$15=4,L3979*Input!$J$15,0)+IF(Input!$K$16=4,M3979*Input!$J$16,0)</f>
        <v>0</v>
      </c>
    </row>
    <row r="3980" spans="8:17" x14ac:dyDescent="0.25">
      <c r="H3980" s="43">
        <v>3973</v>
      </c>
      <c r="I3980" s="55">
        <f>Bühler!I4006</f>
        <v>1.1130748727062429</v>
      </c>
      <c r="J3980" s="58">
        <f>Bühler!J4006</f>
        <v>44.129826862761227</v>
      </c>
      <c r="K3980" s="58">
        <f>Bühler!K4006</f>
        <v>3.5223713703545783</v>
      </c>
      <c r="L3980" s="58">
        <f>Bühler!L4006</f>
        <v>1.7611856851772891</v>
      </c>
      <c r="M3980" s="57">
        <f>Bühler!M4006</f>
        <v>0</v>
      </c>
      <c r="N3980" s="55">
        <f>IF(Input!$K$13=1,J3980*Input!$J$13,0)+IF(Input!$K$14=1,K3980*Input!$J$14,0)+IF(Input!$K$15=1,L3980*Input!$J$15,0)+IF(Input!$K$16=1,M3980*Input!$J$16,0)</f>
        <v>5.2955792235313472</v>
      </c>
      <c r="O3980" s="58">
        <f>IF(Input!$K$13=2,J3980*Input!$J$13,0)+IF(Input!$K$14=2,K3980*Input!$J$14,0)+IF(Input!$K$15=2,L3980*Input!$J$15,0)+IF(Input!$K$16=2,M3980*Input!$J$16,0)</f>
        <v>0.47552013499786805</v>
      </c>
      <c r="P3980" s="58">
        <f>IF(Input!$K$13=3,J3980*Input!$J$13,0)+IF(Input!$K$14=3,K3980*Input!$J$14,0)+IF(Input!$K$15=3,L3980*Input!$J$15,0)+IF(Input!$K$16=3,M3980*Input!$J$16,0)</f>
        <v>0</v>
      </c>
      <c r="Q3980" s="71">
        <f>IF(Input!$K$13=4,J3980*Input!$J$13,0)+IF(Input!$K$14=4,K3980*Input!$J$14,0)+IF(Input!$K$15=4,L3980*Input!$J$15,0)+IF(Input!$K$16=4,M3980*Input!$J$16,0)</f>
        <v>0</v>
      </c>
    </row>
    <row r="3981" spans="8:17" x14ac:dyDescent="0.25">
      <c r="H3981" s="43">
        <v>3974</v>
      </c>
      <c r="I3981" s="55">
        <f>Bühler!I4007</f>
        <v>0.73939973686914695</v>
      </c>
      <c r="J3981" s="58">
        <f>Bühler!J4007</f>
        <v>29.314813558834249</v>
      </c>
      <c r="K3981" s="58">
        <f>Bühler!K4007</f>
        <v>2.3398609817355411</v>
      </c>
      <c r="L3981" s="58">
        <f>Bühler!L4007</f>
        <v>1.1699304908677706</v>
      </c>
      <c r="M3981" s="57">
        <f>Bühler!M4007</f>
        <v>0</v>
      </c>
      <c r="N3981" s="55">
        <f>IF(Input!$K$13=1,J3981*Input!$J$13,0)+IF(Input!$K$14=1,K3981*Input!$J$14,0)+IF(Input!$K$15=1,L3981*Input!$J$15,0)+IF(Input!$K$16=1,M3981*Input!$J$16,0)</f>
        <v>3.5177776270601098</v>
      </c>
      <c r="O3981" s="58">
        <f>IF(Input!$K$13=2,J3981*Input!$J$13,0)+IF(Input!$K$14=2,K3981*Input!$J$14,0)+IF(Input!$K$15=2,L3981*Input!$J$15,0)+IF(Input!$K$16=2,M3981*Input!$J$16,0)</f>
        <v>0.31588123253429801</v>
      </c>
      <c r="P3981" s="58">
        <f>IF(Input!$K$13=3,J3981*Input!$J$13,0)+IF(Input!$K$14=3,K3981*Input!$J$14,0)+IF(Input!$K$15=3,L3981*Input!$J$15,0)+IF(Input!$K$16=3,M3981*Input!$J$16,0)</f>
        <v>0</v>
      </c>
      <c r="Q3981" s="71">
        <f>IF(Input!$K$13=4,J3981*Input!$J$13,0)+IF(Input!$K$14=4,K3981*Input!$J$14,0)+IF(Input!$K$15=4,L3981*Input!$J$15,0)+IF(Input!$K$16=4,M3981*Input!$J$16,0)</f>
        <v>0</v>
      </c>
    </row>
    <row r="3982" spans="8:17" x14ac:dyDescent="0.25">
      <c r="H3982" s="43">
        <v>3975</v>
      </c>
      <c r="I3982" s="55">
        <f>Bühler!I4008</f>
        <v>1.1130748727062429</v>
      </c>
      <c r="J3982" s="58">
        <f>Bühler!J4008</f>
        <v>44.129826862761227</v>
      </c>
      <c r="K3982" s="58">
        <f>Bühler!K4008</f>
        <v>3.5223713703545783</v>
      </c>
      <c r="L3982" s="58">
        <f>Bühler!L4008</f>
        <v>1.7611856851772891</v>
      </c>
      <c r="M3982" s="57">
        <f>Bühler!M4008</f>
        <v>0</v>
      </c>
      <c r="N3982" s="55">
        <f>IF(Input!$K$13=1,J3982*Input!$J$13,0)+IF(Input!$K$14=1,K3982*Input!$J$14,0)+IF(Input!$K$15=1,L3982*Input!$J$15,0)+IF(Input!$K$16=1,M3982*Input!$J$16,0)</f>
        <v>5.2955792235313472</v>
      </c>
      <c r="O3982" s="58">
        <f>IF(Input!$K$13=2,J3982*Input!$J$13,0)+IF(Input!$K$14=2,K3982*Input!$J$14,0)+IF(Input!$K$15=2,L3982*Input!$J$15,0)+IF(Input!$K$16=2,M3982*Input!$J$16,0)</f>
        <v>0.47552013499786805</v>
      </c>
      <c r="P3982" s="58">
        <f>IF(Input!$K$13=3,J3982*Input!$J$13,0)+IF(Input!$K$14=3,K3982*Input!$J$14,0)+IF(Input!$K$15=3,L3982*Input!$J$15,0)+IF(Input!$K$16=3,M3982*Input!$J$16,0)</f>
        <v>0</v>
      </c>
      <c r="Q3982" s="71">
        <f>IF(Input!$K$13=4,J3982*Input!$J$13,0)+IF(Input!$K$14=4,K3982*Input!$J$14,0)+IF(Input!$K$15=4,L3982*Input!$J$15,0)+IF(Input!$K$16=4,M3982*Input!$J$16,0)</f>
        <v>0</v>
      </c>
    </row>
    <row r="3983" spans="8:17" x14ac:dyDescent="0.25">
      <c r="H3983" s="43">
        <v>3976</v>
      </c>
      <c r="I3983" s="55">
        <f>Bühler!I4009</f>
        <v>1.1130748727062429</v>
      </c>
      <c r="J3983" s="58">
        <f>Bühler!J4009</f>
        <v>44.129826862761227</v>
      </c>
      <c r="K3983" s="58">
        <f>Bühler!K4009</f>
        <v>3.5223713703545783</v>
      </c>
      <c r="L3983" s="58">
        <f>Bühler!L4009</f>
        <v>1.7611856851772891</v>
      </c>
      <c r="M3983" s="57">
        <f>Bühler!M4009</f>
        <v>0</v>
      </c>
      <c r="N3983" s="55">
        <f>IF(Input!$K$13=1,J3983*Input!$J$13,0)+IF(Input!$K$14=1,K3983*Input!$J$14,0)+IF(Input!$K$15=1,L3983*Input!$J$15,0)+IF(Input!$K$16=1,M3983*Input!$J$16,0)</f>
        <v>5.2955792235313472</v>
      </c>
      <c r="O3983" s="58">
        <f>IF(Input!$K$13=2,J3983*Input!$J$13,0)+IF(Input!$K$14=2,K3983*Input!$J$14,0)+IF(Input!$K$15=2,L3983*Input!$J$15,0)+IF(Input!$K$16=2,M3983*Input!$J$16,0)</f>
        <v>0.47552013499786805</v>
      </c>
      <c r="P3983" s="58">
        <f>IF(Input!$K$13=3,J3983*Input!$J$13,0)+IF(Input!$K$14=3,K3983*Input!$J$14,0)+IF(Input!$K$15=3,L3983*Input!$J$15,0)+IF(Input!$K$16=3,M3983*Input!$J$16,0)</f>
        <v>0</v>
      </c>
      <c r="Q3983" s="71">
        <f>IF(Input!$K$13=4,J3983*Input!$J$13,0)+IF(Input!$K$14=4,K3983*Input!$J$14,0)+IF(Input!$K$15=4,L3983*Input!$J$15,0)+IF(Input!$K$16=4,M3983*Input!$J$16,0)</f>
        <v>0</v>
      </c>
    </row>
    <row r="3984" spans="8:17" x14ac:dyDescent="0.25">
      <c r="H3984" s="43">
        <v>3977</v>
      </c>
      <c r="I3984" s="55">
        <f>Bühler!I4010</f>
        <v>0.93007549400392353</v>
      </c>
      <c r="J3984" s="58">
        <f>Bühler!J4010</f>
        <v>26.302079281097214</v>
      </c>
      <c r="K3984" s="58">
        <f>Bühler!K4010</f>
        <v>2.0756831289589481</v>
      </c>
      <c r="L3984" s="58">
        <f>Bühler!L4010</f>
        <v>1.0378415644794741</v>
      </c>
      <c r="M3984" s="57">
        <f>Bühler!M4010</f>
        <v>0</v>
      </c>
      <c r="N3984" s="55">
        <f>IF(Input!$K$13=1,J3984*Input!$J$13,0)+IF(Input!$K$14=1,K3984*Input!$J$14,0)+IF(Input!$K$15=1,L3984*Input!$J$15,0)+IF(Input!$K$16=1,M3984*Input!$J$16,0)</f>
        <v>3.1562495137316655</v>
      </c>
      <c r="O3984" s="58">
        <f>IF(Input!$K$13=2,J3984*Input!$J$13,0)+IF(Input!$K$14=2,K3984*Input!$J$14,0)+IF(Input!$K$15=2,L3984*Input!$J$15,0)+IF(Input!$K$16=2,M3984*Input!$J$16,0)</f>
        <v>0.28021722240945801</v>
      </c>
      <c r="P3984" s="58">
        <f>IF(Input!$K$13=3,J3984*Input!$J$13,0)+IF(Input!$K$14=3,K3984*Input!$J$14,0)+IF(Input!$K$15=3,L3984*Input!$J$15,0)+IF(Input!$K$16=3,M3984*Input!$J$16,0)</f>
        <v>0</v>
      </c>
      <c r="Q3984" s="71">
        <f>IF(Input!$K$13=4,J3984*Input!$J$13,0)+IF(Input!$K$14=4,K3984*Input!$J$14,0)+IF(Input!$K$15=4,L3984*Input!$J$15,0)+IF(Input!$K$16=4,M3984*Input!$J$16,0)</f>
        <v>0</v>
      </c>
    </row>
    <row r="3985" spans="8:17" x14ac:dyDescent="0.25">
      <c r="H3985" s="43">
        <v>3978</v>
      </c>
      <c r="I3985" s="55">
        <f>Bühler!I4011</f>
        <v>0.73953681505544111</v>
      </c>
      <c r="J3985" s="58">
        <f>Bühler!J4011</f>
        <v>11.596938462117272</v>
      </c>
      <c r="K3985" s="58">
        <f>Bühler!K4011</f>
        <v>0.88590829234270085</v>
      </c>
      <c r="L3985" s="58">
        <f>Bühler!L4011</f>
        <v>0.44295414617135043</v>
      </c>
      <c r="M3985" s="57">
        <f>Bühler!M4011</f>
        <v>0</v>
      </c>
      <c r="N3985" s="55">
        <f>IF(Input!$K$13=1,J3985*Input!$J$13,0)+IF(Input!$K$14=1,K3985*Input!$J$14,0)+IF(Input!$K$15=1,L3985*Input!$J$15,0)+IF(Input!$K$16=1,M3985*Input!$J$16,0)</f>
        <v>1.3916326154540726</v>
      </c>
      <c r="O3985" s="58">
        <f>IF(Input!$K$13=2,J3985*Input!$J$13,0)+IF(Input!$K$14=2,K3985*Input!$J$14,0)+IF(Input!$K$15=2,L3985*Input!$J$15,0)+IF(Input!$K$16=2,M3985*Input!$J$16,0)</f>
        <v>0.11959761946626461</v>
      </c>
      <c r="P3985" s="58">
        <f>IF(Input!$K$13=3,J3985*Input!$J$13,0)+IF(Input!$K$14=3,K3985*Input!$J$14,0)+IF(Input!$K$15=3,L3985*Input!$J$15,0)+IF(Input!$K$16=3,M3985*Input!$J$16,0)</f>
        <v>0</v>
      </c>
      <c r="Q3985" s="71">
        <f>IF(Input!$K$13=4,J3985*Input!$J$13,0)+IF(Input!$K$14=4,K3985*Input!$J$14,0)+IF(Input!$K$15=4,L3985*Input!$J$15,0)+IF(Input!$K$16=4,M3985*Input!$J$16,0)</f>
        <v>0</v>
      </c>
    </row>
    <row r="3986" spans="8:17" x14ac:dyDescent="0.25">
      <c r="H3986" s="43">
        <v>3979</v>
      </c>
      <c r="I3986" s="55">
        <f>Bühler!I4012</f>
        <v>0.27415637258774456</v>
      </c>
      <c r="J3986" s="58">
        <f>Bühler!J4012</f>
        <v>7.4222132992028156</v>
      </c>
      <c r="K3986" s="58">
        <f>Bühler!K4012</f>
        <v>0.58469947294618263</v>
      </c>
      <c r="L3986" s="58">
        <f>Bühler!L4012</f>
        <v>0.29234973647309132</v>
      </c>
      <c r="M3986" s="57">
        <f>Bühler!M4012</f>
        <v>0</v>
      </c>
      <c r="N3986" s="55">
        <f>IF(Input!$K$13=1,J3986*Input!$J$13,0)+IF(Input!$K$14=1,K3986*Input!$J$14,0)+IF(Input!$K$15=1,L3986*Input!$J$15,0)+IF(Input!$K$16=1,M3986*Input!$J$16,0)</f>
        <v>0.8906655959043378</v>
      </c>
      <c r="O3986" s="58">
        <f>IF(Input!$K$13=2,J3986*Input!$J$13,0)+IF(Input!$K$14=2,K3986*Input!$J$14,0)+IF(Input!$K$15=2,L3986*Input!$J$15,0)+IF(Input!$K$16=2,M3986*Input!$J$16,0)</f>
        <v>7.8934428847734661E-2</v>
      </c>
      <c r="P3986" s="58">
        <f>IF(Input!$K$13=3,J3986*Input!$J$13,0)+IF(Input!$K$14=3,K3986*Input!$J$14,0)+IF(Input!$K$15=3,L3986*Input!$J$15,0)+IF(Input!$K$16=3,M3986*Input!$J$16,0)</f>
        <v>0</v>
      </c>
      <c r="Q3986" s="71">
        <f>IF(Input!$K$13=4,J3986*Input!$J$13,0)+IF(Input!$K$14=4,K3986*Input!$J$14,0)+IF(Input!$K$15=4,L3986*Input!$J$15,0)+IF(Input!$K$16=4,M3986*Input!$J$16,0)</f>
        <v>0</v>
      </c>
    </row>
    <row r="3987" spans="8:17" x14ac:dyDescent="0.25">
      <c r="H3987" s="43">
        <v>3980</v>
      </c>
      <c r="I3987" s="55">
        <f>Bühler!I4013</f>
        <v>0.27415637258774456</v>
      </c>
      <c r="J3987" s="58">
        <f>Bühler!J4013</f>
        <v>7.4222132992028156</v>
      </c>
      <c r="K3987" s="58">
        <f>Bühler!K4013</f>
        <v>0.58469947294618263</v>
      </c>
      <c r="L3987" s="58">
        <f>Bühler!L4013</f>
        <v>0.29234973647309132</v>
      </c>
      <c r="M3987" s="57">
        <f>Bühler!M4013</f>
        <v>0</v>
      </c>
      <c r="N3987" s="55">
        <f>IF(Input!$K$13=1,J3987*Input!$J$13,0)+IF(Input!$K$14=1,K3987*Input!$J$14,0)+IF(Input!$K$15=1,L3987*Input!$J$15,0)+IF(Input!$K$16=1,M3987*Input!$J$16,0)</f>
        <v>0.8906655959043378</v>
      </c>
      <c r="O3987" s="58">
        <f>IF(Input!$K$13=2,J3987*Input!$J$13,0)+IF(Input!$K$14=2,K3987*Input!$J$14,0)+IF(Input!$K$15=2,L3987*Input!$J$15,0)+IF(Input!$K$16=2,M3987*Input!$J$16,0)</f>
        <v>7.8934428847734661E-2</v>
      </c>
      <c r="P3987" s="58">
        <f>IF(Input!$K$13=3,J3987*Input!$J$13,0)+IF(Input!$K$14=3,K3987*Input!$J$14,0)+IF(Input!$K$15=3,L3987*Input!$J$15,0)+IF(Input!$K$16=3,M3987*Input!$J$16,0)</f>
        <v>0</v>
      </c>
      <c r="Q3987" s="71">
        <f>IF(Input!$K$13=4,J3987*Input!$J$13,0)+IF(Input!$K$14=4,K3987*Input!$J$14,0)+IF(Input!$K$15=4,L3987*Input!$J$15,0)+IF(Input!$K$16=4,M3987*Input!$J$16,0)</f>
        <v>0</v>
      </c>
    </row>
    <row r="3988" spans="8:17" x14ac:dyDescent="0.25">
      <c r="H3988" s="43">
        <v>3981</v>
      </c>
      <c r="I3988" s="55">
        <f>Bühler!I4014</f>
        <v>0.27415637258774456</v>
      </c>
      <c r="J3988" s="58">
        <f>Bühler!J4014</f>
        <v>7.4222132992028156</v>
      </c>
      <c r="K3988" s="58">
        <f>Bühler!K4014</f>
        <v>0.58469947294618263</v>
      </c>
      <c r="L3988" s="58">
        <f>Bühler!L4014</f>
        <v>0.29234973647309132</v>
      </c>
      <c r="M3988" s="57">
        <f>Bühler!M4014</f>
        <v>0</v>
      </c>
      <c r="N3988" s="55">
        <f>IF(Input!$K$13=1,J3988*Input!$J$13,0)+IF(Input!$K$14=1,K3988*Input!$J$14,0)+IF(Input!$K$15=1,L3988*Input!$J$15,0)+IF(Input!$K$16=1,M3988*Input!$J$16,0)</f>
        <v>0.8906655959043378</v>
      </c>
      <c r="O3988" s="58">
        <f>IF(Input!$K$13=2,J3988*Input!$J$13,0)+IF(Input!$K$14=2,K3988*Input!$J$14,0)+IF(Input!$K$15=2,L3988*Input!$J$15,0)+IF(Input!$K$16=2,M3988*Input!$J$16,0)</f>
        <v>7.8934428847734661E-2</v>
      </c>
      <c r="P3988" s="58">
        <f>IF(Input!$K$13=3,J3988*Input!$J$13,0)+IF(Input!$K$14=3,K3988*Input!$J$14,0)+IF(Input!$K$15=3,L3988*Input!$J$15,0)+IF(Input!$K$16=3,M3988*Input!$J$16,0)</f>
        <v>0</v>
      </c>
      <c r="Q3988" s="71">
        <f>IF(Input!$K$13=4,J3988*Input!$J$13,0)+IF(Input!$K$14=4,K3988*Input!$J$14,0)+IF(Input!$K$15=4,L3988*Input!$J$15,0)+IF(Input!$K$16=4,M3988*Input!$J$16,0)</f>
        <v>0</v>
      </c>
    </row>
    <row r="3989" spans="8:17" x14ac:dyDescent="0.25">
      <c r="H3989" s="43">
        <v>3982</v>
      </c>
      <c r="I3989" s="55">
        <f>Bühler!I4015</f>
        <v>0.27415637258774456</v>
      </c>
      <c r="J3989" s="58">
        <f>Bühler!J4015</f>
        <v>7.4222132992028156</v>
      </c>
      <c r="K3989" s="58">
        <f>Bühler!K4015</f>
        <v>0.58469947294618263</v>
      </c>
      <c r="L3989" s="58">
        <f>Bühler!L4015</f>
        <v>0.29234973647309132</v>
      </c>
      <c r="M3989" s="57">
        <f>Bühler!M4015</f>
        <v>0</v>
      </c>
      <c r="N3989" s="55">
        <f>IF(Input!$K$13=1,J3989*Input!$J$13,0)+IF(Input!$K$14=1,K3989*Input!$J$14,0)+IF(Input!$K$15=1,L3989*Input!$J$15,0)+IF(Input!$K$16=1,M3989*Input!$J$16,0)</f>
        <v>0.8906655959043378</v>
      </c>
      <c r="O3989" s="58">
        <f>IF(Input!$K$13=2,J3989*Input!$J$13,0)+IF(Input!$K$14=2,K3989*Input!$J$14,0)+IF(Input!$K$15=2,L3989*Input!$J$15,0)+IF(Input!$K$16=2,M3989*Input!$J$16,0)</f>
        <v>7.8934428847734661E-2</v>
      </c>
      <c r="P3989" s="58">
        <f>IF(Input!$K$13=3,J3989*Input!$J$13,0)+IF(Input!$K$14=3,K3989*Input!$J$14,0)+IF(Input!$K$15=3,L3989*Input!$J$15,0)+IF(Input!$K$16=3,M3989*Input!$J$16,0)</f>
        <v>0</v>
      </c>
      <c r="Q3989" s="71">
        <f>IF(Input!$K$13=4,J3989*Input!$J$13,0)+IF(Input!$K$14=4,K3989*Input!$J$14,0)+IF(Input!$K$15=4,L3989*Input!$J$15,0)+IF(Input!$K$16=4,M3989*Input!$J$16,0)</f>
        <v>0</v>
      </c>
    </row>
    <row r="3990" spans="8:17" x14ac:dyDescent="0.25">
      <c r="H3990" s="43">
        <v>3983</v>
      </c>
      <c r="I3990" s="55">
        <f>Bühler!I4016</f>
        <v>0.27415637258774456</v>
      </c>
      <c r="J3990" s="58">
        <f>Bühler!J4016</f>
        <v>7.4222132992028156</v>
      </c>
      <c r="K3990" s="58">
        <f>Bühler!K4016</f>
        <v>0.58469947294618263</v>
      </c>
      <c r="L3990" s="58">
        <f>Bühler!L4016</f>
        <v>0.29234973647309132</v>
      </c>
      <c r="M3990" s="57">
        <f>Bühler!M4016</f>
        <v>0</v>
      </c>
      <c r="N3990" s="55">
        <f>IF(Input!$K$13=1,J3990*Input!$J$13,0)+IF(Input!$K$14=1,K3990*Input!$J$14,0)+IF(Input!$K$15=1,L3990*Input!$J$15,0)+IF(Input!$K$16=1,M3990*Input!$J$16,0)</f>
        <v>0.8906655959043378</v>
      </c>
      <c r="O3990" s="58">
        <f>IF(Input!$K$13=2,J3990*Input!$J$13,0)+IF(Input!$K$14=2,K3990*Input!$J$14,0)+IF(Input!$K$15=2,L3990*Input!$J$15,0)+IF(Input!$K$16=2,M3990*Input!$J$16,0)</f>
        <v>7.8934428847734661E-2</v>
      </c>
      <c r="P3990" s="58">
        <f>IF(Input!$K$13=3,J3990*Input!$J$13,0)+IF(Input!$K$14=3,K3990*Input!$J$14,0)+IF(Input!$K$15=3,L3990*Input!$J$15,0)+IF(Input!$K$16=3,M3990*Input!$J$16,0)</f>
        <v>0</v>
      </c>
      <c r="Q3990" s="71">
        <f>IF(Input!$K$13=4,J3990*Input!$J$13,0)+IF(Input!$K$14=4,K3990*Input!$J$14,0)+IF(Input!$K$15=4,L3990*Input!$J$15,0)+IF(Input!$K$16=4,M3990*Input!$J$16,0)</f>
        <v>0</v>
      </c>
    </row>
    <row r="3991" spans="8:17" x14ac:dyDescent="0.25">
      <c r="H3991" s="43">
        <v>3984</v>
      </c>
      <c r="I3991" s="55">
        <f>Bühler!I4017</f>
        <v>0.27415637258774456</v>
      </c>
      <c r="J3991" s="58">
        <f>Bühler!J4017</f>
        <v>7.4222132992028156</v>
      </c>
      <c r="K3991" s="58">
        <f>Bühler!K4017</f>
        <v>0.58469947294618263</v>
      </c>
      <c r="L3991" s="58">
        <f>Bühler!L4017</f>
        <v>0.29234973647309132</v>
      </c>
      <c r="M3991" s="57">
        <f>Bühler!M4017</f>
        <v>0</v>
      </c>
      <c r="N3991" s="55">
        <f>IF(Input!$K$13=1,J3991*Input!$J$13,0)+IF(Input!$K$14=1,K3991*Input!$J$14,0)+IF(Input!$K$15=1,L3991*Input!$J$15,0)+IF(Input!$K$16=1,M3991*Input!$J$16,0)</f>
        <v>0.8906655959043378</v>
      </c>
      <c r="O3991" s="58">
        <f>IF(Input!$K$13=2,J3991*Input!$J$13,0)+IF(Input!$K$14=2,K3991*Input!$J$14,0)+IF(Input!$K$15=2,L3991*Input!$J$15,0)+IF(Input!$K$16=2,M3991*Input!$J$16,0)</f>
        <v>7.8934428847734661E-2</v>
      </c>
      <c r="P3991" s="58">
        <f>IF(Input!$K$13=3,J3991*Input!$J$13,0)+IF(Input!$K$14=3,K3991*Input!$J$14,0)+IF(Input!$K$15=3,L3991*Input!$J$15,0)+IF(Input!$K$16=3,M3991*Input!$J$16,0)</f>
        <v>0</v>
      </c>
      <c r="Q3991" s="71">
        <f>IF(Input!$K$13=4,J3991*Input!$J$13,0)+IF(Input!$K$14=4,K3991*Input!$J$14,0)+IF(Input!$K$15=4,L3991*Input!$J$15,0)+IF(Input!$K$16=4,M3991*Input!$J$16,0)</f>
        <v>0</v>
      </c>
    </row>
    <row r="3992" spans="8:17" x14ac:dyDescent="0.25">
      <c r="H3992" s="43">
        <v>3985</v>
      </c>
      <c r="I3992" s="55">
        <f>Bühler!I4018</f>
        <v>0.16401848605336924</v>
      </c>
      <c r="J3992" s="58">
        <f>Bühler!J4018</f>
        <v>10.721453285346287</v>
      </c>
      <c r="K3992" s="58">
        <f>Bühler!K4018</f>
        <v>0.88007742061220295</v>
      </c>
      <c r="L3992" s="58">
        <f>Bühler!L4018</f>
        <v>0.44003871030610148</v>
      </c>
      <c r="M3992" s="57">
        <f>Bühler!M4018</f>
        <v>0</v>
      </c>
      <c r="N3992" s="55">
        <f>IF(Input!$K$13=1,J3992*Input!$J$13,0)+IF(Input!$K$14=1,K3992*Input!$J$14,0)+IF(Input!$K$15=1,L3992*Input!$J$15,0)+IF(Input!$K$16=1,M3992*Input!$J$16,0)</f>
        <v>1.2865743942415544</v>
      </c>
      <c r="O3992" s="58">
        <f>IF(Input!$K$13=2,J3992*Input!$J$13,0)+IF(Input!$K$14=2,K3992*Input!$J$14,0)+IF(Input!$K$15=2,L3992*Input!$J$15,0)+IF(Input!$K$16=2,M3992*Input!$J$16,0)</f>
        <v>0.11881045178264739</v>
      </c>
      <c r="P3992" s="58">
        <f>IF(Input!$K$13=3,J3992*Input!$J$13,0)+IF(Input!$K$14=3,K3992*Input!$J$14,0)+IF(Input!$K$15=3,L3992*Input!$J$15,0)+IF(Input!$K$16=3,M3992*Input!$J$16,0)</f>
        <v>0</v>
      </c>
      <c r="Q3992" s="71">
        <f>IF(Input!$K$13=4,J3992*Input!$J$13,0)+IF(Input!$K$14=4,K3992*Input!$J$14,0)+IF(Input!$K$15=4,L3992*Input!$J$15,0)+IF(Input!$K$16=4,M3992*Input!$J$16,0)</f>
        <v>0</v>
      </c>
    </row>
    <row r="3993" spans="8:17" x14ac:dyDescent="0.25">
      <c r="H3993" s="43">
        <v>3986</v>
      </c>
      <c r="I3993" s="55">
        <f>Bühler!I4019</f>
        <v>0.16401848605336924</v>
      </c>
      <c r="J3993" s="58">
        <f>Bühler!J4019</f>
        <v>6.5678482642073952</v>
      </c>
      <c r="K3993" s="58">
        <f>Bühler!K4019</f>
        <v>0.53338025491648666</v>
      </c>
      <c r="L3993" s="58">
        <f>Bühler!L4019</f>
        <v>0.26669012745824333</v>
      </c>
      <c r="M3993" s="57">
        <f>Bühler!M4019</f>
        <v>0</v>
      </c>
      <c r="N3993" s="55">
        <f>IF(Input!$K$13=1,J3993*Input!$J$13,0)+IF(Input!$K$14=1,K3993*Input!$J$14,0)+IF(Input!$K$15=1,L3993*Input!$J$15,0)+IF(Input!$K$16=1,M3993*Input!$J$16,0)</f>
        <v>0.78814179170488741</v>
      </c>
      <c r="O3993" s="58">
        <f>IF(Input!$K$13=2,J3993*Input!$J$13,0)+IF(Input!$K$14=2,K3993*Input!$J$14,0)+IF(Input!$K$15=2,L3993*Input!$J$15,0)+IF(Input!$K$16=2,M3993*Input!$J$16,0)</f>
        <v>7.2006334413725698E-2</v>
      </c>
      <c r="P3993" s="58">
        <f>IF(Input!$K$13=3,J3993*Input!$J$13,0)+IF(Input!$K$14=3,K3993*Input!$J$14,0)+IF(Input!$K$15=3,L3993*Input!$J$15,0)+IF(Input!$K$16=3,M3993*Input!$J$16,0)</f>
        <v>0</v>
      </c>
      <c r="Q3993" s="71">
        <f>IF(Input!$K$13=4,J3993*Input!$J$13,0)+IF(Input!$K$14=4,K3993*Input!$J$14,0)+IF(Input!$K$15=4,L3993*Input!$J$15,0)+IF(Input!$K$16=4,M3993*Input!$J$16,0)</f>
        <v>0</v>
      </c>
    </row>
    <row r="3994" spans="8:17" x14ac:dyDescent="0.25">
      <c r="H3994" s="43">
        <v>3987</v>
      </c>
      <c r="I3994" s="55">
        <f>Bühler!I4020</f>
        <v>0.16401848605336924</v>
      </c>
      <c r="J3994" s="58">
        <f>Bühler!J4020</f>
        <v>6.5678482642073952</v>
      </c>
      <c r="K3994" s="58">
        <f>Bühler!K4020</f>
        <v>0.53338025491648666</v>
      </c>
      <c r="L3994" s="58">
        <f>Bühler!L4020</f>
        <v>0.26669012745824333</v>
      </c>
      <c r="M3994" s="57">
        <f>Bühler!M4020</f>
        <v>0</v>
      </c>
      <c r="N3994" s="55">
        <f>IF(Input!$K$13=1,J3994*Input!$J$13,0)+IF(Input!$K$14=1,K3994*Input!$J$14,0)+IF(Input!$K$15=1,L3994*Input!$J$15,0)+IF(Input!$K$16=1,M3994*Input!$J$16,0)</f>
        <v>0.78814179170488741</v>
      </c>
      <c r="O3994" s="58">
        <f>IF(Input!$K$13=2,J3994*Input!$J$13,0)+IF(Input!$K$14=2,K3994*Input!$J$14,0)+IF(Input!$K$15=2,L3994*Input!$J$15,0)+IF(Input!$K$16=2,M3994*Input!$J$16,0)</f>
        <v>7.2006334413725698E-2</v>
      </c>
      <c r="P3994" s="58">
        <f>IF(Input!$K$13=3,J3994*Input!$J$13,0)+IF(Input!$K$14=3,K3994*Input!$J$14,0)+IF(Input!$K$15=3,L3994*Input!$J$15,0)+IF(Input!$K$16=3,M3994*Input!$J$16,0)</f>
        <v>0</v>
      </c>
      <c r="Q3994" s="71">
        <f>IF(Input!$K$13=4,J3994*Input!$J$13,0)+IF(Input!$K$14=4,K3994*Input!$J$14,0)+IF(Input!$K$15=4,L3994*Input!$J$15,0)+IF(Input!$K$16=4,M3994*Input!$J$16,0)</f>
        <v>0</v>
      </c>
    </row>
    <row r="3995" spans="8:17" x14ac:dyDescent="0.25">
      <c r="H3995" s="43">
        <v>3988</v>
      </c>
      <c r="I3995" s="55">
        <f>Bühler!I4021</f>
        <v>0.16401848605336924</v>
      </c>
      <c r="J3995" s="58">
        <f>Bühler!J4021</f>
        <v>6.5678482642073952</v>
      </c>
      <c r="K3995" s="58">
        <f>Bühler!K4021</f>
        <v>0.53338025491648666</v>
      </c>
      <c r="L3995" s="58">
        <f>Bühler!L4021</f>
        <v>0.26669012745824333</v>
      </c>
      <c r="M3995" s="57">
        <f>Bühler!M4021</f>
        <v>0</v>
      </c>
      <c r="N3995" s="55">
        <f>IF(Input!$K$13=1,J3995*Input!$J$13,0)+IF(Input!$K$14=1,K3995*Input!$J$14,0)+IF(Input!$K$15=1,L3995*Input!$J$15,0)+IF(Input!$K$16=1,M3995*Input!$J$16,0)</f>
        <v>0.78814179170488741</v>
      </c>
      <c r="O3995" s="58">
        <f>IF(Input!$K$13=2,J3995*Input!$J$13,0)+IF(Input!$K$14=2,K3995*Input!$J$14,0)+IF(Input!$K$15=2,L3995*Input!$J$15,0)+IF(Input!$K$16=2,M3995*Input!$J$16,0)</f>
        <v>7.2006334413725698E-2</v>
      </c>
      <c r="P3995" s="58">
        <f>IF(Input!$K$13=3,J3995*Input!$J$13,0)+IF(Input!$K$14=3,K3995*Input!$J$14,0)+IF(Input!$K$15=3,L3995*Input!$J$15,0)+IF(Input!$K$16=3,M3995*Input!$J$16,0)</f>
        <v>0</v>
      </c>
      <c r="Q3995" s="71">
        <f>IF(Input!$K$13=4,J3995*Input!$J$13,0)+IF(Input!$K$14=4,K3995*Input!$J$14,0)+IF(Input!$K$15=4,L3995*Input!$J$15,0)+IF(Input!$K$16=4,M3995*Input!$J$16,0)</f>
        <v>0</v>
      </c>
    </row>
    <row r="3996" spans="8:17" x14ac:dyDescent="0.25">
      <c r="H3996" s="43">
        <v>3989</v>
      </c>
      <c r="I3996" s="55">
        <f>Bühler!I4022</f>
        <v>0.16401848605336924</v>
      </c>
      <c r="J3996" s="58">
        <f>Bühler!J4022</f>
        <v>6.5678482642073952</v>
      </c>
      <c r="K3996" s="58">
        <f>Bühler!K4022</f>
        <v>0.53338025491648666</v>
      </c>
      <c r="L3996" s="58">
        <f>Bühler!L4022</f>
        <v>0.26669012745824333</v>
      </c>
      <c r="M3996" s="57">
        <f>Bühler!M4022</f>
        <v>0</v>
      </c>
      <c r="N3996" s="55">
        <f>IF(Input!$K$13=1,J3996*Input!$J$13,0)+IF(Input!$K$14=1,K3996*Input!$J$14,0)+IF(Input!$K$15=1,L3996*Input!$J$15,0)+IF(Input!$K$16=1,M3996*Input!$J$16,0)</f>
        <v>0.78814179170488741</v>
      </c>
      <c r="O3996" s="58">
        <f>IF(Input!$K$13=2,J3996*Input!$J$13,0)+IF(Input!$K$14=2,K3996*Input!$J$14,0)+IF(Input!$K$15=2,L3996*Input!$J$15,0)+IF(Input!$K$16=2,M3996*Input!$J$16,0)</f>
        <v>7.2006334413725698E-2</v>
      </c>
      <c r="P3996" s="58">
        <f>IF(Input!$K$13=3,J3996*Input!$J$13,0)+IF(Input!$K$14=3,K3996*Input!$J$14,0)+IF(Input!$K$15=3,L3996*Input!$J$15,0)+IF(Input!$K$16=3,M3996*Input!$J$16,0)</f>
        <v>0</v>
      </c>
      <c r="Q3996" s="71">
        <f>IF(Input!$K$13=4,J3996*Input!$J$13,0)+IF(Input!$K$14=4,K3996*Input!$J$14,0)+IF(Input!$K$15=4,L3996*Input!$J$15,0)+IF(Input!$K$16=4,M3996*Input!$J$16,0)</f>
        <v>0</v>
      </c>
    </row>
    <row r="3997" spans="8:17" x14ac:dyDescent="0.25">
      <c r="H3997" s="43">
        <v>3990</v>
      </c>
      <c r="I3997" s="55">
        <f>Bühler!I4023</f>
        <v>0.16401848605336924</v>
      </c>
      <c r="J3997" s="58">
        <f>Bühler!J4023</f>
        <v>6.5678482642073952</v>
      </c>
      <c r="K3997" s="58">
        <f>Bühler!K4023</f>
        <v>0.53338025491648666</v>
      </c>
      <c r="L3997" s="58">
        <f>Bühler!L4023</f>
        <v>0.26669012745824333</v>
      </c>
      <c r="M3997" s="57">
        <f>Bühler!M4023</f>
        <v>0</v>
      </c>
      <c r="N3997" s="55">
        <f>IF(Input!$K$13=1,J3997*Input!$J$13,0)+IF(Input!$K$14=1,K3997*Input!$J$14,0)+IF(Input!$K$15=1,L3997*Input!$J$15,0)+IF(Input!$K$16=1,M3997*Input!$J$16,0)</f>
        <v>0.78814179170488741</v>
      </c>
      <c r="O3997" s="58">
        <f>IF(Input!$K$13=2,J3997*Input!$J$13,0)+IF(Input!$K$14=2,K3997*Input!$J$14,0)+IF(Input!$K$15=2,L3997*Input!$J$15,0)+IF(Input!$K$16=2,M3997*Input!$J$16,0)</f>
        <v>7.2006334413725698E-2</v>
      </c>
      <c r="P3997" s="58">
        <f>IF(Input!$K$13=3,J3997*Input!$J$13,0)+IF(Input!$K$14=3,K3997*Input!$J$14,0)+IF(Input!$K$15=3,L3997*Input!$J$15,0)+IF(Input!$K$16=3,M3997*Input!$J$16,0)</f>
        <v>0</v>
      </c>
      <c r="Q3997" s="71">
        <f>IF(Input!$K$13=4,J3997*Input!$J$13,0)+IF(Input!$K$14=4,K3997*Input!$J$14,0)+IF(Input!$K$15=4,L3997*Input!$J$15,0)+IF(Input!$K$16=4,M3997*Input!$J$16,0)</f>
        <v>0</v>
      </c>
    </row>
    <row r="3998" spans="8:17" x14ac:dyDescent="0.25">
      <c r="H3998" s="43">
        <v>3991</v>
      </c>
      <c r="I3998" s="55">
        <f>Bühler!I4024</f>
        <v>0.16401848605336924</v>
      </c>
      <c r="J3998" s="58">
        <f>Bühler!J4024</f>
        <v>6.5678482642073952</v>
      </c>
      <c r="K3998" s="58">
        <f>Bühler!K4024</f>
        <v>0.53338025491648666</v>
      </c>
      <c r="L3998" s="58">
        <f>Bühler!L4024</f>
        <v>0.26669012745824333</v>
      </c>
      <c r="M3998" s="57">
        <f>Bühler!M4024</f>
        <v>0</v>
      </c>
      <c r="N3998" s="55">
        <f>IF(Input!$K$13=1,J3998*Input!$J$13,0)+IF(Input!$K$14=1,K3998*Input!$J$14,0)+IF(Input!$K$15=1,L3998*Input!$J$15,0)+IF(Input!$K$16=1,M3998*Input!$J$16,0)</f>
        <v>0.78814179170488741</v>
      </c>
      <c r="O3998" s="58">
        <f>IF(Input!$K$13=2,J3998*Input!$J$13,0)+IF(Input!$K$14=2,K3998*Input!$J$14,0)+IF(Input!$K$15=2,L3998*Input!$J$15,0)+IF(Input!$K$16=2,M3998*Input!$J$16,0)</f>
        <v>7.2006334413725698E-2</v>
      </c>
      <c r="P3998" s="58">
        <f>IF(Input!$K$13=3,J3998*Input!$J$13,0)+IF(Input!$K$14=3,K3998*Input!$J$14,0)+IF(Input!$K$15=3,L3998*Input!$J$15,0)+IF(Input!$K$16=3,M3998*Input!$J$16,0)</f>
        <v>0</v>
      </c>
      <c r="Q3998" s="71">
        <f>IF(Input!$K$13=4,J3998*Input!$J$13,0)+IF(Input!$K$14=4,K3998*Input!$J$14,0)+IF(Input!$K$15=4,L3998*Input!$J$15,0)+IF(Input!$K$16=4,M3998*Input!$J$16,0)</f>
        <v>0</v>
      </c>
    </row>
    <row r="3999" spans="8:17" x14ac:dyDescent="0.25">
      <c r="H3999" s="43">
        <v>3992</v>
      </c>
      <c r="I3999" s="55">
        <f>Bühler!I4025</f>
        <v>0.44443718801558119</v>
      </c>
      <c r="J3999" s="58">
        <f>Bühler!J4025</f>
        <v>27.703561912737413</v>
      </c>
      <c r="K3999" s="58">
        <f>Bühler!K4025</f>
        <v>2.2721998859442332</v>
      </c>
      <c r="L3999" s="58">
        <f>Bühler!L4025</f>
        <v>1.1360999429721166</v>
      </c>
      <c r="M3999" s="57">
        <f>Bühler!M4025</f>
        <v>0</v>
      </c>
      <c r="N3999" s="55">
        <f>IF(Input!$K$13=1,J3999*Input!$J$13,0)+IF(Input!$K$14=1,K3999*Input!$J$14,0)+IF(Input!$K$15=1,L3999*Input!$J$15,0)+IF(Input!$K$16=1,M3999*Input!$J$16,0)</f>
        <v>3.3244274295284897</v>
      </c>
      <c r="O3999" s="58">
        <f>IF(Input!$K$13=2,J3999*Input!$J$13,0)+IF(Input!$K$14=2,K3999*Input!$J$14,0)+IF(Input!$K$15=2,L3999*Input!$J$15,0)+IF(Input!$K$16=2,M3999*Input!$J$16,0)</f>
        <v>0.30674698460247146</v>
      </c>
      <c r="P3999" s="58">
        <f>IF(Input!$K$13=3,J3999*Input!$J$13,0)+IF(Input!$K$14=3,K3999*Input!$J$14,0)+IF(Input!$K$15=3,L3999*Input!$J$15,0)+IF(Input!$K$16=3,M3999*Input!$J$16,0)</f>
        <v>0</v>
      </c>
      <c r="Q3999" s="71">
        <f>IF(Input!$K$13=4,J3999*Input!$J$13,0)+IF(Input!$K$14=4,K3999*Input!$J$14,0)+IF(Input!$K$15=4,L3999*Input!$J$15,0)+IF(Input!$K$16=4,M3999*Input!$J$16,0)</f>
        <v>0</v>
      </c>
    </row>
    <row r="4000" spans="8:17" x14ac:dyDescent="0.25">
      <c r="H4000" s="43">
        <v>3993</v>
      </c>
      <c r="I4000" s="55">
        <f>Bühler!I4026</f>
        <v>0.55554648501947645</v>
      </c>
      <c r="J4000" s="58">
        <f>Bühler!J4026</f>
        <v>34.629452390921777</v>
      </c>
      <c r="K4000" s="58">
        <f>Bühler!K4026</f>
        <v>2.8402498574302921</v>
      </c>
      <c r="L4000" s="58">
        <f>Bühler!L4026</f>
        <v>1.4201249287151461</v>
      </c>
      <c r="M4000" s="57">
        <f>Bühler!M4026</f>
        <v>0</v>
      </c>
      <c r="N4000" s="55">
        <f>IF(Input!$K$13=1,J4000*Input!$J$13,0)+IF(Input!$K$14=1,K4000*Input!$J$14,0)+IF(Input!$K$15=1,L4000*Input!$J$15,0)+IF(Input!$K$16=1,M4000*Input!$J$16,0)</f>
        <v>4.1555342869106129</v>
      </c>
      <c r="O4000" s="58">
        <f>IF(Input!$K$13=2,J4000*Input!$J$13,0)+IF(Input!$K$14=2,K4000*Input!$J$14,0)+IF(Input!$K$15=2,L4000*Input!$J$15,0)+IF(Input!$K$16=2,M4000*Input!$J$16,0)</f>
        <v>0.3834337307530894</v>
      </c>
      <c r="P4000" s="58">
        <f>IF(Input!$K$13=3,J4000*Input!$J$13,0)+IF(Input!$K$14=3,K4000*Input!$J$14,0)+IF(Input!$K$15=3,L4000*Input!$J$15,0)+IF(Input!$K$16=3,M4000*Input!$J$16,0)</f>
        <v>0</v>
      </c>
      <c r="Q4000" s="71">
        <f>IF(Input!$K$13=4,J4000*Input!$J$13,0)+IF(Input!$K$14=4,K4000*Input!$J$14,0)+IF(Input!$K$15=4,L4000*Input!$J$15,0)+IF(Input!$K$16=4,M4000*Input!$J$16,0)</f>
        <v>0</v>
      </c>
    </row>
    <row r="4001" spans="8:17" x14ac:dyDescent="0.25">
      <c r="H4001" s="43">
        <v>3994</v>
      </c>
      <c r="I4001" s="55">
        <f>Bühler!I4027</f>
        <v>0.61110113352142414</v>
      </c>
      <c r="J4001" s="58">
        <f>Bühler!J4027</f>
        <v>38.092397630013942</v>
      </c>
      <c r="K4001" s="58">
        <f>Bühler!K4027</f>
        <v>3.1242748431733207</v>
      </c>
      <c r="L4001" s="58">
        <f>Bühler!L4027</f>
        <v>1.5621374215866604</v>
      </c>
      <c r="M4001" s="57">
        <f>Bühler!M4027</f>
        <v>0</v>
      </c>
      <c r="N4001" s="55">
        <f>IF(Input!$K$13=1,J4001*Input!$J$13,0)+IF(Input!$K$14=1,K4001*Input!$J$14,0)+IF(Input!$K$15=1,L4001*Input!$J$15,0)+IF(Input!$K$16=1,M4001*Input!$J$16,0)</f>
        <v>4.5710877156016725</v>
      </c>
      <c r="O4001" s="58">
        <f>IF(Input!$K$13=2,J4001*Input!$J$13,0)+IF(Input!$K$14=2,K4001*Input!$J$14,0)+IF(Input!$K$15=2,L4001*Input!$J$15,0)+IF(Input!$K$16=2,M4001*Input!$J$16,0)</f>
        <v>0.42177710382839828</v>
      </c>
      <c r="P4001" s="58">
        <f>IF(Input!$K$13=3,J4001*Input!$J$13,0)+IF(Input!$K$14=3,K4001*Input!$J$14,0)+IF(Input!$K$15=3,L4001*Input!$J$15,0)+IF(Input!$K$16=3,M4001*Input!$J$16,0)</f>
        <v>0</v>
      </c>
      <c r="Q4001" s="71">
        <f>IF(Input!$K$13=4,J4001*Input!$J$13,0)+IF(Input!$K$14=4,K4001*Input!$J$14,0)+IF(Input!$K$15=4,L4001*Input!$J$15,0)+IF(Input!$K$16=4,M4001*Input!$J$16,0)</f>
        <v>0</v>
      </c>
    </row>
    <row r="4002" spans="8:17" x14ac:dyDescent="0.25">
      <c r="H4002" s="43">
        <v>3995</v>
      </c>
      <c r="I4002" s="55">
        <f>Bühler!I4028</f>
        <v>0.61110113352142414</v>
      </c>
      <c r="J4002" s="58">
        <f>Bühler!J4028</f>
        <v>38.092397630013942</v>
      </c>
      <c r="K4002" s="58">
        <f>Bühler!K4028</f>
        <v>3.1242748431733207</v>
      </c>
      <c r="L4002" s="58">
        <f>Bühler!L4028</f>
        <v>1.5621374215866604</v>
      </c>
      <c r="M4002" s="57">
        <f>Bühler!M4028</f>
        <v>0</v>
      </c>
      <c r="N4002" s="55">
        <f>IF(Input!$K$13=1,J4002*Input!$J$13,0)+IF(Input!$K$14=1,K4002*Input!$J$14,0)+IF(Input!$K$15=1,L4002*Input!$J$15,0)+IF(Input!$K$16=1,M4002*Input!$J$16,0)</f>
        <v>4.5710877156016725</v>
      </c>
      <c r="O4002" s="58">
        <f>IF(Input!$K$13=2,J4002*Input!$J$13,0)+IF(Input!$K$14=2,K4002*Input!$J$14,0)+IF(Input!$K$15=2,L4002*Input!$J$15,0)+IF(Input!$K$16=2,M4002*Input!$J$16,0)</f>
        <v>0.42177710382839828</v>
      </c>
      <c r="P4002" s="58">
        <f>IF(Input!$K$13=3,J4002*Input!$J$13,0)+IF(Input!$K$14=3,K4002*Input!$J$14,0)+IF(Input!$K$15=3,L4002*Input!$J$15,0)+IF(Input!$K$16=3,M4002*Input!$J$16,0)</f>
        <v>0</v>
      </c>
      <c r="Q4002" s="71">
        <f>IF(Input!$K$13=4,J4002*Input!$J$13,0)+IF(Input!$K$14=4,K4002*Input!$J$14,0)+IF(Input!$K$15=4,L4002*Input!$J$15,0)+IF(Input!$K$16=4,M4002*Input!$J$16,0)</f>
        <v>0</v>
      </c>
    </row>
    <row r="4003" spans="8:17" x14ac:dyDescent="0.25">
      <c r="H4003" s="43">
        <v>3996</v>
      </c>
      <c r="I4003" s="55">
        <f>Bühler!I4029</f>
        <v>0.72221043052531941</v>
      </c>
      <c r="J4003" s="58">
        <f>Bühler!J4029</f>
        <v>45.018288108198298</v>
      </c>
      <c r="K4003" s="58">
        <f>Bühler!K4029</f>
        <v>3.6923248146593797</v>
      </c>
      <c r="L4003" s="58">
        <f>Bühler!L4029</f>
        <v>1.8461624073296898</v>
      </c>
      <c r="M4003" s="57">
        <f>Bühler!M4029</f>
        <v>0</v>
      </c>
      <c r="N4003" s="55">
        <f>IF(Input!$K$13=1,J4003*Input!$J$13,0)+IF(Input!$K$14=1,K4003*Input!$J$14,0)+IF(Input!$K$15=1,L4003*Input!$J$15,0)+IF(Input!$K$16=1,M4003*Input!$J$16,0)</f>
        <v>5.4021945729837952</v>
      </c>
      <c r="O4003" s="58">
        <f>IF(Input!$K$13=2,J4003*Input!$J$13,0)+IF(Input!$K$14=2,K4003*Input!$J$14,0)+IF(Input!$K$15=2,L4003*Input!$J$15,0)+IF(Input!$K$16=2,M4003*Input!$J$16,0)</f>
        <v>0.49846384997901622</v>
      </c>
      <c r="P4003" s="58">
        <f>IF(Input!$K$13=3,J4003*Input!$J$13,0)+IF(Input!$K$14=3,K4003*Input!$J$14,0)+IF(Input!$K$15=3,L4003*Input!$J$15,0)+IF(Input!$K$16=3,M4003*Input!$J$16,0)</f>
        <v>0</v>
      </c>
      <c r="Q4003" s="71">
        <f>IF(Input!$K$13=4,J4003*Input!$J$13,0)+IF(Input!$K$14=4,K4003*Input!$J$14,0)+IF(Input!$K$15=4,L4003*Input!$J$15,0)+IF(Input!$K$16=4,M4003*Input!$J$16,0)</f>
        <v>0</v>
      </c>
    </row>
    <row r="4004" spans="8:17" x14ac:dyDescent="0.25">
      <c r="H4004" s="43">
        <v>3997</v>
      </c>
      <c r="I4004" s="55">
        <f>Bühler!I4030</f>
        <v>0.72221043052531941</v>
      </c>
      <c r="J4004" s="58">
        <f>Bühler!J4030</f>
        <v>45.018288108198298</v>
      </c>
      <c r="K4004" s="58">
        <f>Bühler!K4030</f>
        <v>3.6923248146593797</v>
      </c>
      <c r="L4004" s="58">
        <f>Bühler!L4030</f>
        <v>1.8461624073296898</v>
      </c>
      <c r="M4004" s="57">
        <f>Bühler!M4030</f>
        <v>0</v>
      </c>
      <c r="N4004" s="55">
        <f>IF(Input!$K$13=1,J4004*Input!$J$13,0)+IF(Input!$K$14=1,K4004*Input!$J$14,0)+IF(Input!$K$15=1,L4004*Input!$J$15,0)+IF(Input!$K$16=1,M4004*Input!$J$16,0)</f>
        <v>5.4021945729837952</v>
      </c>
      <c r="O4004" s="58">
        <f>IF(Input!$K$13=2,J4004*Input!$J$13,0)+IF(Input!$K$14=2,K4004*Input!$J$14,0)+IF(Input!$K$15=2,L4004*Input!$J$15,0)+IF(Input!$K$16=2,M4004*Input!$J$16,0)</f>
        <v>0.49846384997901622</v>
      </c>
      <c r="P4004" s="58">
        <f>IF(Input!$K$13=3,J4004*Input!$J$13,0)+IF(Input!$K$14=3,K4004*Input!$J$14,0)+IF(Input!$K$15=3,L4004*Input!$J$15,0)+IF(Input!$K$16=3,M4004*Input!$J$16,0)</f>
        <v>0</v>
      </c>
      <c r="Q4004" s="71">
        <f>IF(Input!$K$13=4,J4004*Input!$J$13,0)+IF(Input!$K$14=4,K4004*Input!$J$14,0)+IF(Input!$K$15=4,L4004*Input!$J$15,0)+IF(Input!$K$16=4,M4004*Input!$J$16,0)</f>
        <v>0</v>
      </c>
    </row>
    <row r="4005" spans="8:17" x14ac:dyDescent="0.25">
      <c r="H4005" s="43">
        <v>3998</v>
      </c>
      <c r="I4005" s="55">
        <f>Bühler!I4031</f>
        <v>0.49999183651752888</v>
      </c>
      <c r="J4005" s="58">
        <f>Bühler!J4031</f>
        <v>31.166507151829592</v>
      </c>
      <c r="K4005" s="58">
        <f>Bühler!K4031</f>
        <v>2.5562248716872626</v>
      </c>
      <c r="L4005" s="58">
        <f>Bühler!L4031</f>
        <v>1.2781124358436313</v>
      </c>
      <c r="M4005" s="57">
        <f>Bühler!M4031</f>
        <v>0</v>
      </c>
      <c r="N4005" s="55">
        <f>IF(Input!$K$13=1,J4005*Input!$J$13,0)+IF(Input!$K$14=1,K4005*Input!$J$14,0)+IF(Input!$K$15=1,L4005*Input!$J$15,0)+IF(Input!$K$16=1,M4005*Input!$J$16,0)</f>
        <v>3.7399808582195511</v>
      </c>
      <c r="O4005" s="58">
        <f>IF(Input!$K$13=2,J4005*Input!$J$13,0)+IF(Input!$K$14=2,K4005*Input!$J$14,0)+IF(Input!$K$15=2,L4005*Input!$J$15,0)+IF(Input!$K$16=2,M4005*Input!$J$16,0)</f>
        <v>0.34509035767778046</v>
      </c>
      <c r="P4005" s="58">
        <f>IF(Input!$K$13=3,J4005*Input!$J$13,0)+IF(Input!$K$14=3,K4005*Input!$J$14,0)+IF(Input!$K$15=3,L4005*Input!$J$15,0)+IF(Input!$K$16=3,M4005*Input!$J$16,0)</f>
        <v>0</v>
      </c>
      <c r="Q4005" s="71">
        <f>IF(Input!$K$13=4,J4005*Input!$J$13,0)+IF(Input!$K$14=4,K4005*Input!$J$14,0)+IF(Input!$K$15=4,L4005*Input!$J$15,0)+IF(Input!$K$16=4,M4005*Input!$J$16,0)</f>
        <v>0</v>
      </c>
    </row>
    <row r="4006" spans="8:17" x14ac:dyDescent="0.25">
      <c r="H4006" s="43">
        <v>3999</v>
      </c>
      <c r="I4006" s="55">
        <f>Bühler!I4032</f>
        <v>0.72221043052531941</v>
      </c>
      <c r="J4006" s="58">
        <f>Bühler!J4032</f>
        <v>45.018288108198298</v>
      </c>
      <c r="K4006" s="58">
        <f>Bühler!K4032</f>
        <v>3.6923248146593797</v>
      </c>
      <c r="L4006" s="58">
        <f>Bühler!L4032</f>
        <v>1.8461624073296898</v>
      </c>
      <c r="M4006" s="57">
        <f>Bühler!M4032</f>
        <v>0</v>
      </c>
      <c r="N4006" s="55">
        <f>IF(Input!$K$13=1,J4006*Input!$J$13,0)+IF(Input!$K$14=1,K4006*Input!$J$14,0)+IF(Input!$K$15=1,L4006*Input!$J$15,0)+IF(Input!$K$16=1,M4006*Input!$J$16,0)</f>
        <v>5.4021945729837952</v>
      </c>
      <c r="O4006" s="58">
        <f>IF(Input!$K$13=2,J4006*Input!$J$13,0)+IF(Input!$K$14=2,K4006*Input!$J$14,0)+IF(Input!$K$15=2,L4006*Input!$J$15,0)+IF(Input!$K$16=2,M4006*Input!$J$16,0)</f>
        <v>0.49846384997901622</v>
      </c>
      <c r="P4006" s="58">
        <f>IF(Input!$K$13=3,J4006*Input!$J$13,0)+IF(Input!$K$14=3,K4006*Input!$J$14,0)+IF(Input!$K$15=3,L4006*Input!$J$15,0)+IF(Input!$K$16=3,M4006*Input!$J$16,0)</f>
        <v>0</v>
      </c>
      <c r="Q4006" s="71">
        <f>IF(Input!$K$13=4,J4006*Input!$J$13,0)+IF(Input!$K$14=4,K4006*Input!$J$14,0)+IF(Input!$K$15=4,L4006*Input!$J$15,0)+IF(Input!$K$16=4,M4006*Input!$J$16,0)</f>
        <v>0</v>
      </c>
    </row>
    <row r="4007" spans="8:17" x14ac:dyDescent="0.25">
      <c r="H4007" s="43">
        <v>4000</v>
      </c>
      <c r="I4007" s="55">
        <f>Bühler!I4033</f>
        <v>0.61110113352142414</v>
      </c>
      <c r="J4007" s="58">
        <f>Bühler!J4033</f>
        <v>34.689636593465551</v>
      </c>
      <c r="K4007" s="58">
        <f>Bühler!K4033</f>
        <v>2.8402498574302921</v>
      </c>
      <c r="L4007" s="58">
        <f>Bühler!L4033</f>
        <v>1.4201249287151461</v>
      </c>
      <c r="M4007" s="57">
        <f>Bühler!M4033</f>
        <v>0</v>
      </c>
      <c r="N4007" s="55">
        <f>IF(Input!$K$13=1,J4007*Input!$J$13,0)+IF(Input!$K$14=1,K4007*Input!$J$14,0)+IF(Input!$K$15=1,L4007*Input!$J$15,0)+IF(Input!$K$16=1,M4007*Input!$J$16,0)</f>
        <v>4.1627563912158658</v>
      </c>
      <c r="O4007" s="58">
        <f>IF(Input!$K$13=2,J4007*Input!$J$13,0)+IF(Input!$K$14=2,K4007*Input!$J$14,0)+IF(Input!$K$15=2,L4007*Input!$J$15,0)+IF(Input!$K$16=2,M4007*Input!$J$16,0)</f>
        <v>0.3834337307530894</v>
      </c>
      <c r="P4007" s="58">
        <f>IF(Input!$K$13=3,J4007*Input!$J$13,0)+IF(Input!$K$14=3,K4007*Input!$J$14,0)+IF(Input!$K$15=3,L4007*Input!$J$15,0)+IF(Input!$K$16=3,M4007*Input!$J$16,0)</f>
        <v>0</v>
      </c>
      <c r="Q4007" s="71">
        <f>IF(Input!$K$13=4,J4007*Input!$J$13,0)+IF(Input!$K$14=4,K4007*Input!$J$14,0)+IF(Input!$K$15=4,L4007*Input!$J$15,0)+IF(Input!$K$16=4,M4007*Input!$J$16,0)</f>
        <v>0</v>
      </c>
    </row>
    <row r="4008" spans="8:17" x14ac:dyDescent="0.25">
      <c r="H4008" s="43">
        <v>4001</v>
      </c>
      <c r="I4008" s="55">
        <f>Bühler!I4034</f>
        <v>0.52909189049473959</v>
      </c>
      <c r="J4008" s="58">
        <f>Bühler!J4034</f>
        <v>16.548586808826581</v>
      </c>
      <c r="K4008" s="58">
        <f>Bühler!K4034</f>
        <v>1.3334506372912167</v>
      </c>
      <c r="L4008" s="58">
        <f>Bühler!L4034</f>
        <v>0.66672531864560836</v>
      </c>
      <c r="M4008" s="57">
        <f>Bühler!M4034</f>
        <v>0</v>
      </c>
      <c r="N4008" s="55">
        <f>IF(Input!$K$13=1,J4008*Input!$J$13,0)+IF(Input!$K$14=1,K4008*Input!$J$14,0)+IF(Input!$K$15=1,L4008*Input!$J$15,0)+IF(Input!$K$16=1,M4008*Input!$J$16,0)</f>
        <v>1.9858304170591896</v>
      </c>
      <c r="O4008" s="58">
        <f>IF(Input!$K$13=2,J4008*Input!$J$13,0)+IF(Input!$K$14=2,K4008*Input!$J$14,0)+IF(Input!$K$15=2,L4008*Input!$J$15,0)+IF(Input!$K$16=2,M4008*Input!$J$16,0)</f>
        <v>0.18001583603431426</v>
      </c>
      <c r="P4008" s="58">
        <f>IF(Input!$K$13=3,J4008*Input!$J$13,0)+IF(Input!$K$14=3,K4008*Input!$J$14,0)+IF(Input!$K$15=3,L4008*Input!$J$15,0)+IF(Input!$K$16=3,M4008*Input!$J$16,0)</f>
        <v>0</v>
      </c>
      <c r="Q4008" s="71">
        <f>IF(Input!$K$13=4,J4008*Input!$J$13,0)+IF(Input!$K$14=4,K4008*Input!$J$14,0)+IF(Input!$K$15=4,L4008*Input!$J$15,0)+IF(Input!$K$16=4,M4008*Input!$J$16,0)</f>
        <v>0</v>
      </c>
    </row>
    <row r="4009" spans="8:17" x14ac:dyDescent="0.25">
      <c r="H4009" s="43">
        <v>4002</v>
      </c>
      <c r="I4009" s="55">
        <f>Bühler!I4035</f>
        <v>0.44443718801558119</v>
      </c>
      <c r="J4009" s="58">
        <f>Bühler!J4035</f>
        <v>11.025240212472017</v>
      </c>
      <c r="K4009" s="58">
        <f>Bühler!K4035</f>
        <v>0.88007742061220295</v>
      </c>
      <c r="L4009" s="58">
        <f>Bühler!L4035</f>
        <v>0.44003871030610148</v>
      </c>
      <c r="M4009" s="57">
        <f>Bühler!M4035</f>
        <v>0</v>
      </c>
      <c r="N4009" s="55">
        <f>IF(Input!$K$13=1,J4009*Input!$J$13,0)+IF(Input!$K$14=1,K4009*Input!$J$14,0)+IF(Input!$K$15=1,L4009*Input!$J$15,0)+IF(Input!$K$16=1,M4009*Input!$J$16,0)</f>
        <v>1.323028825496642</v>
      </c>
      <c r="O4009" s="58">
        <f>IF(Input!$K$13=2,J4009*Input!$J$13,0)+IF(Input!$K$14=2,K4009*Input!$J$14,0)+IF(Input!$K$15=2,L4009*Input!$J$15,0)+IF(Input!$K$16=2,M4009*Input!$J$16,0)</f>
        <v>0.11881045178264739</v>
      </c>
      <c r="P4009" s="58">
        <f>IF(Input!$K$13=3,J4009*Input!$J$13,0)+IF(Input!$K$14=3,K4009*Input!$J$14,0)+IF(Input!$K$15=3,L4009*Input!$J$15,0)+IF(Input!$K$16=3,M4009*Input!$J$16,0)</f>
        <v>0</v>
      </c>
      <c r="Q4009" s="71">
        <f>IF(Input!$K$13=4,J4009*Input!$J$13,0)+IF(Input!$K$14=4,K4009*Input!$J$14,0)+IF(Input!$K$15=4,L4009*Input!$J$15,0)+IF(Input!$K$16=4,M4009*Input!$J$16,0)</f>
        <v>0</v>
      </c>
    </row>
    <row r="4010" spans="8:17" x14ac:dyDescent="0.25">
      <c r="H4010" s="43">
        <v>4003</v>
      </c>
      <c r="I4010" s="55">
        <f>Bühler!I4036</f>
        <v>0.16401848605336924</v>
      </c>
      <c r="J4010" s="58">
        <f>Bühler!J4036</f>
        <v>6.8873563427565401</v>
      </c>
      <c r="K4010" s="58">
        <f>Bühler!K4036</f>
        <v>0.560049267662311</v>
      </c>
      <c r="L4010" s="58">
        <f>Bühler!L4036</f>
        <v>0.2800246338311555</v>
      </c>
      <c r="M4010" s="57">
        <f>Bühler!M4036</f>
        <v>0</v>
      </c>
      <c r="N4010" s="55">
        <f>IF(Input!$K$13=1,J4010*Input!$J$13,0)+IF(Input!$K$14=1,K4010*Input!$J$14,0)+IF(Input!$K$15=1,L4010*Input!$J$15,0)+IF(Input!$K$16=1,M4010*Input!$J$16,0)</f>
        <v>0.82648276113078478</v>
      </c>
      <c r="O4010" s="58">
        <f>IF(Input!$K$13=2,J4010*Input!$J$13,0)+IF(Input!$K$14=2,K4010*Input!$J$14,0)+IF(Input!$K$15=2,L4010*Input!$J$15,0)+IF(Input!$K$16=2,M4010*Input!$J$16,0)</f>
        <v>7.5606651134411978E-2</v>
      </c>
      <c r="P4010" s="58">
        <f>IF(Input!$K$13=3,J4010*Input!$J$13,0)+IF(Input!$K$14=3,K4010*Input!$J$14,0)+IF(Input!$K$15=3,L4010*Input!$J$15,0)+IF(Input!$K$16=3,M4010*Input!$J$16,0)</f>
        <v>0</v>
      </c>
      <c r="Q4010" s="71">
        <f>IF(Input!$K$13=4,J4010*Input!$J$13,0)+IF(Input!$K$14=4,K4010*Input!$J$14,0)+IF(Input!$K$15=4,L4010*Input!$J$15,0)+IF(Input!$K$16=4,M4010*Input!$J$16,0)</f>
        <v>0</v>
      </c>
    </row>
    <row r="4011" spans="8:17" x14ac:dyDescent="0.25">
      <c r="H4011" s="43">
        <v>4004</v>
      </c>
      <c r="I4011" s="55">
        <f>Bühler!I4037</f>
        <v>0.16401848605336924</v>
      </c>
      <c r="J4011" s="58">
        <f>Bühler!J4037</f>
        <v>6.5678482642073952</v>
      </c>
      <c r="K4011" s="58">
        <f>Bühler!K4037</f>
        <v>0.53338025491648666</v>
      </c>
      <c r="L4011" s="58">
        <f>Bühler!L4037</f>
        <v>0.26669012745824333</v>
      </c>
      <c r="M4011" s="57">
        <f>Bühler!M4037</f>
        <v>0</v>
      </c>
      <c r="N4011" s="55">
        <f>IF(Input!$K$13=1,J4011*Input!$J$13,0)+IF(Input!$K$14=1,K4011*Input!$J$14,0)+IF(Input!$K$15=1,L4011*Input!$J$15,0)+IF(Input!$K$16=1,M4011*Input!$J$16,0)</f>
        <v>0.78814179170488741</v>
      </c>
      <c r="O4011" s="58">
        <f>IF(Input!$K$13=2,J4011*Input!$J$13,0)+IF(Input!$K$14=2,K4011*Input!$J$14,0)+IF(Input!$K$15=2,L4011*Input!$J$15,0)+IF(Input!$K$16=2,M4011*Input!$J$16,0)</f>
        <v>7.2006334413725698E-2</v>
      </c>
      <c r="P4011" s="58">
        <f>IF(Input!$K$13=3,J4011*Input!$J$13,0)+IF(Input!$K$14=3,K4011*Input!$J$14,0)+IF(Input!$K$15=3,L4011*Input!$J$15,0)+IF(Input!$K$16=3,M4011*Input!$J$16,0)</f>
        <v>0</v>
      </c>
      <c r="Q4011" s="71">
        <f>IF(Input!$K$13=4,J4011*Input!$J$13,0)+IF(Input!$K$14=4,K4011*Input!$J$14,0)+IF(Input!$K$15=4,L4011*Input!$J$15,0)+IF(Input!$K$16=4,M4011*Input!$J$16,0)</f>
        <v>0</v>
      </c>
    </row>
    <row r="4012" spans="8:17" x14ac:dyDescent="0.25">
      <c r="H4012" s="43">
        <v>4005</v>
      </c>
      <c r="I4012" s="55">
        <f>Bühler!I4038</f>
        <v>0.16401848605336924</v>
      </c>
      <c r="J4012" s="58">
        <f>Bühler!J4038</f>
        <v>6.5678482642073952</v>
      </c>
      <c r="K4012" s="58">
        <f>Bühler!K4038</f>
        <v>0.53338025491648666</v>
      </c>
      <c r="L4012" s="58">
        <f>Bühler!L4038</f>
        <v>0.26669012745824333</v>
      </c>
      <c r="M4012" s="57">
        <f>Bühler!M4038</f>
        <v>0</v>
      </c>
      <c r="N4012" s="55">
        <f>IF(Input!$K$13=1,J4012*Input!$J$13,0)+IF(Input!$K$14=1,K4012*Input!$J$14,0)+IF(Input!$K$15=1,L4012*Input!$J$15,0)+IF(Input!$K$16=1,M4012*Input!$J$16,0)</f>
        <v>0.78814179170488741</v>
      </c>
      <c r="O4012" s="58">
        <f>IF(Input!$K$13=2,J4012*Input!$J$13,0)+IF(Input!$K$14=2,K4012*Input!$J$14,0)+IF(Input!$K$15=2,L4012*Input!$J$15,0)+IF(Input!$K$16=2,M4012*Input!$J$16,0)</f>
        <v>7.2006334413725698E-2</v>
      </c>
      <c r="P4012" s="58">
        <f>IF(Input!$K$13=3,J4012*Input!$J$13,0)+IF(Input!$K$14=3,K4012*Input!$J$14,0)+IF(Input!$K$15=3,L4012*Input!$J$15,0)+IF(Input!$K$16=3,M4012*Input!$J$16,0)</f>
        <v>0</v>
      </c>
      <c r="Q4012" s="71">
        <f>IF(Input!$K$13=4,J4012*Input!$J$13,0)+IF(Input!$K$14=4,K4012*Input!$J$14,0)+IF(Input!$K$15=4,L4012*Input!$J$15,0)+IF(Input!$K$16=4,M4012*Input!$J$16,0)</f>
        <v>0</v>
      </c>
    </row>
    <row r="4013" spans="8:17" x14ac:dyDescent="0.25">
      <c r="H4013" s="43">
        <v>4006</v>
      </c>
      <c r="I4013" s="55">
        <f>Bühler!I4039</f>
        <v>0.16401848605336924</v>
      </c>
      <c r="J4013" s="58">
        <f>Bühler!J4039</f>
        <v>6.5678482642073952</v>
      </c>
      <c r="K4013" s="58">
        <f>Bühler!K4039</f>
        <v>0.53338025491648666</v>
      </c>
      <c r="L4013" s="58">
        <f>Bühler!L4039</f>
        <v>0.26669012745824333</v>
      </c>
      <c r="M4013" s="57">
        <f>Bühler!M4039</f>
        <v>0</v>
      </c>
      <c r="N4013" s="55">
        <f>IF(Input!$K$13=1,J4013*Input!$J$13,0)+IF(Input!$K$14=1,K4013*Input!$J$14,0)+IF(Input!$K$15=1,L4013*Input!$J$15,0)+IF(Input!$K$16=1,M4013*Input!$J$16,0)</f>
        <v>0.78814179170488741</v>
      </c>
      <c r="O4013" s="58">
        <f>IF(Input!$K$13=2,J4013*Input!$J$13,0)+IF(Input!$K$14=2,K4013*Input!$J$14,0)+IF(Input!$K$15=2,L4013*Input!$J$15,0)+IF(Input!$K$16=2,M4013*Input!$J$16,0)</f>
        <v>7.2006334413725698E-2</v>
      </c>
      <c r="P4013" s="58">
        <f>IF(Input!$K$13=3,J4013*Input!$J$13,0)+IF(Input!$K$14=3,K4013*Input!$J$14,0)+IF(Input!$K$15=3,L4013*Input!$J$15,0)+IF(Input!$K$16=3,M4013*Input!$J$16,0)</f>
        <v>0</v>
      </c>
      <c r="Q4013" s="71">
        <f>IF(Input!$K$13=4,J4013*Input!$J$13,0)+IF(Input!$K$14=4,K4013*Input!$J$14,0)+IF(Input!$K$15=4,L4013*Input!$J$15,0)+IF(Input!$K$16=4,M4013*Input!$J$16,0)</f>
        <v>0</v>
      </c>
    </row>
    <row r="4014" spans="8:17" x14ac:dyDescent="0.25">
      <c r="H4014" s="43">
        <v>4007</v>
      </c>
      <c r="I4014" s="55">
        <f>Bühler!I4040</f>
        <v>0.16401848605336924</v>
      </c>
      <c r="J4014" s="58">
        <f>Bühler!J4040</f>
        <v>6.5678482642073952</v>
      </c>
      <c r="K4014" s="58">
        <f>Bühler!K4040</f>
        <v>0.53338025491648666</v>
      </c>
      <c r="L4014" s="58">
        <f>Bühler!L4040</f>
        <v>0.26669012745824333</v>
      </c>
      <c r="M4014" s="57">
        <f>Bühler!M4040</f>
        <v>0</v>
      </c>
      <c r="N4014" s="55">
        <f>IF(Input!$K$13=1,J4014*Input!$J$13,0)+IF(Input!$K$14=1,K4014*Input!$J$14,0)+IF(Input!$K$15=1,L4014*Input!$J$15,0)+IF(Input!$K$16=1,M4014*Input!$J$16,0)</f>
        <v>0.78814179170488741</v>
      </c>
      <c r="O4014" s="58">
        <f>IF(Input!$K$13=2,J4014*Input!$J$13,0)+IF(Input!$K$14=2,K4014*Input!$J$14,0)+IF(Input!$K$15=2,L4014*Input!$J$15,0)+IF(Input!$K$16=2,M4014*Input!$J$16,0)</f>
        <v>7.2006334413725698E-2</v>
      </c>
      <c r="P4014" s="58">
        <f>IF(Input!$K$13=3,J4014*Input!$J$13,0)+IF(Input!$K$14=3,K4014*Input!$J$14,0)+IF(Input!$K$15=3,L4014*Input!$J$15,0)+IF(Input!$K$16=3,M4014*Input!$J$16,0)</f>
        <v>0</v>
      </c>
      <c r="Q4014" s="71">
        <f>IF(Input!$K$13=4,J4014*Input!$J$13,0)+IF(Input!$K$14=4,K4014*Input!$J$14,0)+IF(Input!$K$15=4,L4014*Input!$J$15,0)+IF(Input!$K$16=4,M4014*Input!$J$16,0)</f>
        <v>0</v>
      </c>
    </row>
    <row r="4015" spans="8:17" x14ac:dyDescent="0.25">
      <c r="H4015" s="43">
        <v>4008</v>
      </c>
      <c r="I4015" s="55">
        <f>Bühler!I4041</f>
        <v>0.16401848605336924</v>
      </c>
      <c r="J4015" s="58">
        <f>Bühler!J4041</f>
        <v>6.5678482642073952</v>
      </c>
      <c r="K4015" s="58">
        <f>Bühler!K4041</f>
        <v>0.53338025491648666</v>
      </c>
      <c r="L4015" s="58">
        <f>Bühler!L4041</f>
        <v>0.26669012745824333</v>
      </c>
      <c r="M4015" s="57">
        <f>Bühler!M4041</f>
        <v>0</v>
      </c>
      <c r="N4015" s="55">
        <f>IF(Input!$K$13=1,J4015*Input!$J$13,0)+IF(Input!$K$14=1,K4015*Input!$J$14,0)+IF(Input!$K$15=1,L4015*Input!$J$15,0)+IF(Input!$K$16=1,M4015*Input!$J$16,0)</f>
        <v>0.78814179170488741</v>
      </c>
      <c r="O4015" s="58">
        <f>IF(Input!$K$13=2,J4015*Input!$J$13,0)+IF(Input!$K$14=2,K4015*Input!$J$14,0)+IF(Input!$K$15=2,L4015*Input!$J$15,0)+IF(Input!$K$16=2,M4015*Input!$J$16,0)</f>
        <v>7.2006334413725698E-2</v>
      </c>
      <c r="P4015" s="58">
        <f>IF(Input!$K$13=3,J4015*Input!$J$13,0)+IF(Input!$K$14=3,K4015*Input!$J$14,0)+IF(Input!$K$15=3,L4015*Input!$J$15,0)+IF(Input!$K$16=3,M4015*Input!$J$16,0)</f>
        <v>0</v>
      </c>
      <c r="Q4015" s="71">
        <f>IF(Input!$K$13=4,J4015*Input!$J$13,0)+IF(Input!$K$14=4,K4015*Input!$J$14,0)+IF(Input!$K$15=4,L4015*Input!$J$15,0)+IF(Input!$K$16=4,M4015*Input!$J$16,0)</f>
        <v>0</v>
      </c>
    </row>
    <row r="4016" spans="8:17" x14ac:dyDescent="0.25">
      <c r="H4016" s="43">
        <v>4009</v>
      </c>
      <c r="I4016" s="55">
        <f>Bühler!I4042</f>
        <v>0.11445569314200842</v>
      </c>
      <c r="J4016" s="58">
        <f>Bühler!J4042</f>
        <v>4.6727726206228271</v>
      </c>
      <c r="K4016" s="58">
        <f>Bühler!K4042</f>
        <v>0.24195526380106014</v>
      </c>
      <c r="L4016" s="58">
        <f>Bühler!L4042</f>
        <v>0.12097763190053007</v>
      </c>
      <c r="M4016" s="57">
        <f>Bühler!M4042</f>
        <v>0</v>
      </c>
      <c r="N4016" s="55">
        <f>IF(Input!$K$13=1,J4016*Input!$J$13,0)+IF(Input!$K$14=1,K4016*Input!$J$14,0)+IF(Input!$K$15=1,L4016*Input!$J$15,0)+IF(Input!$K$16=1,M4016*Input!$J$16,0)</f>
        <v>0.56073271447473927</v>
      </c>
      <c r="O4016" s="58">
        <f>IF(Input!$K$13=2,J4016*Input!$J$13,0)+IF(Input!$K$14=2,K4016*Input!$J$14,0)+IF(Input!$K$15=2,L4016*Input!$J$15,0)+IF(Input!$K$16=2,M4016*Input!$J$16,0)</f>
        <v>3.2663960613143118E-2</v>
      </c>
      <c r="P4016" s="58">
        <f>IF(Input!$K$13=3,J4016*Input!$J$13,0)+IF(Input!$K$14=3,K4016*Input!$J$14,0)+IF(Input!$K$15=3,L4016*Input!$J$15,0)+IF(Input!$K$16=3,M4016*Input!$J$16,0)</f>
        <v>0</v>
      </c>
      <c r="Q4016" s="71">
        <f>IF(Input!$K$13=4,J4016*Input!$J$13,0)+IF(Input!$K$14=4,K4016*Input!$J$14,0)+IF(Input!$K$15=4,L4016*Input!$J$15,0)+IF(Input!$K$16=4,M4016*Input!$J$16,0)</f>
        <v>0</v>
      </c>
    </row>
    <row r="4017" spans="8:17" x14ac:dyDescent="0.25">
      <c r="H4017" s="43">
        <v>4010</v>
      </c>
      <c r="I4017" s="55">
        <f>Bühler!I4043</f>
        <v>0.2234611151820165</v>
      </c>
      <c r="J4017" s="58">
        <f>Bühler!J4043</f>
        <v>4.2793508511511478</v>
      </c>
      <c r="K4017" s="58">
        <f>Bühler!K4043</f>
        <v>0.21775973742095411</v>
      </c>
      <c r="L4017" s="58">
        <f>Bühler!L4043</f>
        <v>0.10887986871047706</v>
      </c>
      <c r="M4017" s="57">
        <f>Bühler!M4043</f>
        <v>0</v>
      </c>
      <c r="N4017" s="55">
        <f>IF(Input!$K$13=1,J4017*Input!$J$13,0)+IF(Input!$K$14=1,K4017*Input!$J$14,0)+IF(Input!$K$15=1,L4017*Input!$J$15,0)+IF(Input!$K$16=1,M4017*Input!$J$16,0)</f>
        <v>0.51352210213813776</v>
      </c>
      <c r="O4017" s="58">
        <f>IF(Input!$K$13=2,J4017*Input!$J$13,0)+IF(Input!$K$14=2,K4017*Input!$J$14,0)+IF(Input!$K$15=2,L4017*Input!$J$15,0)+IF(Input!$K$16=2,M4017*Input!$J$16,0)</f>
        <v>2.9397564551828806E-2</v>
      </c>
      <c r="P4017" s="58">
        <f>IF(Input!$K$13=3,J4017*Input!$J$13,0)+IF(Input!$K$14=3,K4017*Input!$J$14,0)+IF(Input!$K$15=3,L4017*Input!$J$15,0)+IF(Input!$K$16=3,M4017*Input!$J$16,0)</f>
        <v>0</v>
      </c>
      <c r="Q4017" s="71">
        <f>IF(Input!$K$13=4,J4017*Input!$J$13,0)+IF(Input!$K$14=4,K4017*Input!$J$14,0)+IF(Input!$K$15=4,L4017*Input!$J$15,0)+IF(Input!$K$16=4,M4017*Input!$J$16,0)</f>
        <v>0</v>
      </c>
    </row>
    <row r="4018" spans="8:17" x14ac:dyDescent="0.25">
      <c r="H4018" s="43">
        <v>4011</v>
      </c>
      <c r="I4018" s="55">
        <f>Bühler!I4044</f>
        <v>0.2234611151820165</v>
      </c>
      <c r="J4018" s="58">
        <f>Bühler!J4044</f>
        <v>4.2793508511511478</v>
      </c>
      <c r="K4018" s="58">
        <f>Bühler!K4044</f>
        <v>0.21775973742095411</v>
      </c>
      <c r="L4018" s="58">
        <f>Bühler!L4044</f>
        <v>0.10887986871047706</v>
      </c>
      <c r="M4018" s="57">
        <f>Bühler!M4044</f>
        <v>0</v>
      </c>
      <c r="N4018" s="55">
        <f>IF(Input!$K$13=1,J4018*Input!$J$13,0)+IF(Input!$K$14=1,K4018*Input!$J$14,0)+IF(Input!$K$15=1,L4018*Input!$J$15,0)+IF(Input!$K$16=1,M4018*Input!$J$16,0)</f>
        <v>0.51352210213813776</v>
      </c>
      <c r="O4018" s="58">
        <f>IF(Input!$K$13=2,J4018*Input!$J$13,0)+IF(Input!$K$14=2,K4018*Input!$J$14,0)+IF(Input!$K$15=2,L4018*Input!$J$15,0)+IF(Input!$K$16=2,M4018*Input!$J$16,0)</f>
        <v>2.9397564551828806E-2</v>
      </c>
      <c r="P4018" s="58">
        <f>IF(Input!$K$13=3,J4018*Input!$J$13,0)+IF(Input!$K$14=3,K4018*Input!$J$14,0)+IF(Input!$K$15=3,L4018*Input!$J$15,0)+IF(Input!$K$16=3,M4018*Input!$J$16,0)</f>
        <v>0</v>
      </c>
      <c r="Q4018" s="71">
        <f>IF(Input!$K$13=4,J4018*Input!$J$13,0)+IF(Input!$K$14=4,K4018*Input!$J$14,0)+IF(Input!$K$15=4,L4018*Input!$J$15,0)+IF(Input!$K$16=4,M4018*Input!$J$16,0)</f>
        <v>0</v>
      </c>
    </row>
    <row r="4019" spans="8:17" x14ac:dyDescent="0.25">
      <c r="H4019" s="43">
        <v>4012</v>
      </c>
      <c r="I4019" s="55">
        <f>Bühler!I4045</f>
        <v>0.2234611151820165</v>
      </c>
      <c r="J4019" s="58">
        <f>Bühler!J4045</f>
        <v>4.2793508511511478</v>
      </c>
      <c r="K4019" s="58">
        <f>Bühler!K4045</f>
        <v>0.21775973742095411</v>
      </c>
      <c r="L4019" s="58">
        <f>Bühler!L4045</f>
        <v>0.10887986871047706</v>
      </c>
      <c r="M4019" s="57">
        <f>Bühler!M4045</f>
        <v>0</v>
      </c>
      <c r="N4019" s="55">
        <f>IF(Input!$K$13=1,J4019*Input!$J$13,0)+IF(Input!$K$14=1,K4019*Input!$J$14,0)+IF(Input!$K$15=1,L4019*Input!$J$15,0)+IF(Input!$K$16=1,M4019*Input!$J$16,0)</f>
        <v>0.51352210213813776</v>
      </c>
      <c r="O4019" s="58">
        <f>IF(Input!$K$13=2,J4019*Input!$J$13,0)+IF(Input!$K$14=2,K4019*Input!$J$14,0)+IF(Input!$K$15=2,L4019*Input!$J$15,0)+IF(Input!$K$16=2,M4019*Input!$J$16,0)</f>
        <v>2.9397564551828806E-2</v>
      </c>
      <c r="P4019" s="58">
        <f>IF(Input!$K$13=3,J4019*Input!$J$13,0)+IF(Input!$K$14=3,K4019*Input!$J$14,0)+IF(Input!$K$15=3,L4019*Input!$J$15,0)+IF(Input!$K$16=3,M4019*Input!$J$16,0)</f>
        <v>0</v>
      </c>
      <c r="Q4019" s="71">
        <f>IF(Input!$K$13=4,J4019*Input!$J$13,0)+IF(Input!$K$14=4,K4019*Input!$J$14,0)+IF(Input!$K$15=4,L4019*Input!$J$15,0)+IF(Input!$K$16=4,M4019*Input!$J$16,0)</f>
        <v>0</v>
      </c>
    </row>
    <row r="4020" spans="8:17" x14ac:dyDescent="0.25">
      <c r="H4020" s="43">
        <v>4013</v>
      </c>
      <c r="I4020" s="55">
        <f>Bühler!I4046</f>
        <v>0.2234611151820165</v>
      </c>
      <c r="J4020" s="58">
        <f>Bühler!J4046</f>
        <v>4.2793508511511478</v>
      </c>
      <c r="K4020" s="58">
        <f>Bühler!K4046</f>
        <v>0.21775973742095411</v>
      </c>
      <c r="L4020" s="58">
        <f>Bühler!L4046</f>
        <v>0.10887986871047706</v>
      </c>
      <c r="M4020" s="57">
        <f>Bühler!M4046</f>
        <v>0</v>
      </c>
      <c r="N4020" s="55">
        <f>IF(Input!$K$13=1,J4020*Input!$J$13,0)+IF(Input!$K$14=1,K4020*Input!$J$14,0)+IF(Input!$K$15=1,L4020*Input!$J$15,0)+IF(Input!$K$16=1,M4020*Input!$J$16,0)</f>
        <v>0.51352210213813776</v>
      </c>
      <c r="O4020" s="58">
        <f>IF(Input!$K$13=2,J4020*Input!$J$13,0)+IF(Input!$K$14=2,K4020*Input!$J$14,0)+IF(Input!$K$15=2,L4020*Input!$J$15,0)+IF(Input!$K$16=2,M4020*Input!$J$16,0)</f>
        <v>2.9397564551828806E-2</v>
      </c>
      <c r="P4020" s="58">
        <f>IF(Input!$K$13=3,J4020*Input!$J$13,0)+IF(Input!$K$14=3,K4020*Input!$J$14,0)+IF(Input!$K$15=3,L4020*Input!$J$15,0)+IF(Input!$K$16=3,M4020*Input!$J$16,0)</f>
        <v>0</v>
      </c>
      <c r="Q4020" s="71">
        <f>IF(Input!$K$13=4,J4020*Input!$J$13,0)+IF(Input!$K$14=4,K4020*Input!$J$14,0)+IF(Input!$K$15=4,L4020*Input!$J$15,0)+IF(Input!$K$16=4,M4020*Input!$J$16,0)</f>
        <v>0</v>
      </c>
    </row>
    <row r="4021" spans="8:17" x14ac:dyDescent="0.25">
      <c r="H4021" s="43">
        <v>4014</v>
      </c>
      <c r="I4021" s="55">
        <f>Bühler!I4047</f>
        <v>0.27796382620202048</v>
      </c>
      <c r="J4021" s="58">
        <f>Bühler!J4047</f>
        <v>4.2816217974436483</v>
      </c>
      <c r="K4021" s="58">
        <f>Bühler!K4047</f>
        <v>0.21775973742095411</v>
      </c>
      <c r="L4021" s="58">
        <f>Bühler!L4047</f>
        <v>0.10887986871047706</v>
      </c>
      <c r="M4021" s="57">
        <f>Bühler!M4047</f>
        <v>0</v>
      </c>
      <c r="N4021" s="55">
        <f>IF(Input!$K$13=1,J4021*Input!$J$13,0)+IF(Input!$K$14=1,K4021*Input!$J$14,0)+IF(Input!$K$15=1,L4021*Input!$J$15,0)+IF(Input!$K$16=1,M4021*Input!$J$16,0)</f>
        <v>0.51379461569323781</v>
      </c>
      <c r="O4021" s="58">
        <f>IF(Input!$K$13=2,J4021*Input!$J$13,0)+IF(Input!$K$14=2,K4021*Input!$J$14,0)+IF(Input!$K$15=2,L4021*Input!$J$15,0)+IF(Input!$K$16=2,M4021*Input!$J$16,0)</f>
        <v>2.9397564551828806E-2</v>
      </c>
      <c r="P4021" s="58">
        <f>IF(Input!$K$13=3,J4021*Input!$J$13,0)+IF(Input!$K$14=3,K4021*Input!$J$14,0)+IF(Input!$K$15=3,L4021*Input!$J$15,0)+IF(Input!$K$16=3,M4021*Input!$J$16,0)</f>
        <v>0</v>
      </c>
      <c r="Q4021" s="71">
        <f>IF(Input!$K$13=4,J4021*Input!$J$13,0)+IF(Input!$K$14=4,K4021*Input!$J$14,0)+IF(Input!$K$15=4,L4021*Input!$J$15,0)+IF(Input!$K$16=4,M4021*Input!$J$16,0)</f>
        <v>0</v>
      </c>
    </row>
    <row r="4022" spans="8:17" x14ac:dyDescent="0.25">
      <c r="H4022" s="43">
        <v>4015</v>
      </c>
      <c r="I4022" s="55">
        <f>Bühler!I4048</f>
        <v>0.3488173505280257</v>
      </c>
      <c r="J4022" s="58">
        <f>Bühler!J4048</f>
        <v>4.2845740276238979</v>
      </c>
      <c r="K4022" s="58">
        <f>Bühler!K4048</f>
        <v>0.21775973742095411</v>
      </c>
      <c r="L4022" s="58">
        <f>Bühler!L4048</f>
        <v>0.10887986871047706</v>
      </c>
      <c r="M4022" s="57">
        <f>Bühler!M4048</f>
        <v>0</v>
      </c>
      <c r="N4022" s="55">
        <f>IF(Input!$K$13=1,J4022*Input!$J$13,0)+IF(Input!$K$14=1,K4022*Input!$J$14,0)+IF(Input!$K$15=1,L4022*Input!$J$15,0)+IF(Input!$K$16=1,M4022*Input!$J$16,0)</f>
        <v>0.51414888331486774</v>
      </c>
      <c r="O4022" s="58">
        <f>IF(Input!$K$13=2,J4022*Input!$J$13,0)+IF(Input!$K$14=2,K4022*Input!$J$14,0)+IF(Input!$K$15=2,L4022*Input!$J$15,0)+IF(Input!$K$16=2,M4022*Input!$J$16,0)</f>
        <v>2.9397564551828806E-2</v>
      </c>
      <c r="P4022" s="58">
        <f>IF(Input!$K$13=3,J4022*Input!$J$13,0)+IF(Input!$K$14=3,K4022*Input!$J$14,0)+IF(Input!$K$15=3,L4022*Input!$J$15,0)+IF(Input!$K$16=3,M4022*Input!$J$16,0)</f>
        <v>0</v>
      </c>
      <c r="Q4022" s="71">
        <f>IF(Input!$K$13=4,J4022*Input!$J$13,0)+IF(Input!$K$14=4,K4022*Input!$J$14,0)+IF(Input!$K$15=4,L4022*Input!$J$15,0)+IF(Input!$K$16=4,M4022*Input!$J$16,0)</f>
        <v>0</v>
      </c>
    </row>
    <row r="4023" spans="8:17" x14ac:dyDescent="0.25">
      <c r="H4023" s="43">
        <v>4016</v>
      </c>
      <c r="I4023" s="55">
        <f>Bühler!I4049</f>
        <v>0.39786979044602927</v>
      </c>
      <c r="J4023" s="58">
        <f>Bühler!J4049</f>
        <v>4.2866178792871485</v>
      </c>
      <c r="K4023" s="58">
        <f>Bühler!K4049</f>
        <v>0.21775973742095411</v>
      </c>
      <c r="L4023" s="58">
        <f>Bühler!L4049</f>
        <v>0.10887986871047706</v>
      </c>
      <c r="M4023" s="57">
        <f>Bühler!M4049</f>
        <v>0</v>
      </c>
      <c r="N4023" s="55">
        <f>IF(Input!$K$13=1,J4023*Input!$J$13,0)+IF(Input!$K$14=1,K4023*Input!$J$14,0)+IF(Input!$K$15=1,L4023*Input!$J$15,0)+IF(Input!$K$16=1,M4023*Input!$J$16,0)</f>
        <v>0.51439414551445783</v>
      </c>
      <c r="O4023" s="58">
        <f>IF(Input!$K$13=2,J4023*Input!$J$13,0)+IF(Input!$K$14=2,K4023*Input!$J$14,0)+IF(Input!$K$15=2,L4023*Input!$J$15,0)+IF(Input!$K$16=2,M4023*Input!$J$16,0)</f>
        <v>2.9397564551828806E-2</v>
      </c>
      <c r="P4023" s="58">
        <f>IF(Input!$K$13=3,J4023*Input!$J$13,0)+IF(Input!$K$14=3,K4023*Input!$J$14,0)+IF(Input!$K$15=3,L4023*Input!$J$15,0)+IF(Input!$K$16=3,M4023*Input!$J$16,0)</f>
        <v>0</v>
      </c>
      <c r="Q4023" s="71">
        <f>IF(Input!$K$13=4,J4023*Input!$J$13,0)+IF(Input!$K$14=4,K4023*Input!$J$14,0)+IF(Input!$K$15=4,L4023*Input!$J$15,0)+IF(Input!$K$16=4,M4023*Input!$J$16,0)</f>
        <v>0</v>
      </c>
    </row>
    <row r="4024" spans="8:17" x14ac:dyDescent="0.25">
      <c r="H4024" s="43">
        <v>4017</v>
      </c>
      <c r="I4024" s="55">
        <f>Bühler!I4050</f>
        <v>0.39786979044602927</v>
      </c>
      <c r="J4024" s="58">
        <f>Bühler!J4050</f>
        <v>4.2866178792871485</v>
      </c>
      <c r="K4024" s="58">
        <f>Bühler!K4050</f>
        <v>0.21775973742095411</v>
      </c>
      <c r="L4024" s="58">
        <f>Bühler!L4050</f>
        <v>0.10887986871047706</v>
      </c>
      <c r="M4024" s="57">
        <f>Bühler!M4050</f>
        <v>0</v>
      </c>
      <c r="N4024" s="55">
        <f>IF(Input!$K$13=1,J4024*Input!$J$13,0)+IF(Input!$K$14=1,K4024*Input!$J$14,0)+IF(Input!$K$15=1,L4024*Input!$J$15,0)+IF(Input!$K$16=1,M4024*Input!$J$16,0)</f>
        <v>0.51439414551445783</v>
      </c>
      <c r="O4024" s="58">
        <f>IF(Input!$K$13=2,J4024*Input!$J$13,0)+IF(Input!$K$14=2,K4024*Input!$J$14,0)+IF(Input!$K$15=2,L4024*Input!$J$15,0)+IF(Input!$K$16=2,M4024*Input!$J$16,0)</f>
        <v>2.9397564551828806E-2</v>
      </c>
      <c r="P4024" s="58">
        <f>IF(Input!$K$13=3,J4024*Input!$J$13,0)+IF(Input!$K$14=3,K4024*Input!$J$14,0)+IF(Input!$K$15=3,L4024*Input!$J$15,0)+IF(Input!$K$16=3,M4024*Input!$J$16,0)</f>
        <v>0</v>
      </c>
      <c r="Q4024" s="71">
        <f>IF(Input!$K$13=4,J4024*Input!$J$13,0)+IF(Input!$K$14=4,K4024*Input!$J$14,0)+IF(Input!$K$15=4,L4024*Input!$J$15,0)+IF(Input!$K$16=4,M4024*Input!$J$16,0)</f>
        <v>0</v>
      </c>
    </row>
    <row r="4025" spans="8:17" x14ac:dyDescent="0.25">
      <c r="H4025" s="43">
        <v>4018</v>
      </c>
      <c r="I4025" s="55">
        <f>Bühler!I4051</f>
        <v>0.39786979044602927</v>
      </c>
      <c r="J4025" s="58">
        <f>Bühler!J4051</f>
        <v>4.2866178792871485</v>
      </c>
      <c r="K4025" s="58">
        <f>Bühler!K4051</f>
        <v>0.21775973742095411</v>
      </c>
      <c r="L4025" s="58">
        <f>Bühler!L4051</f>
        <v>0.10887986871047706</v>
      </c>
      <c r="M4025" s="57">
        <f>Bühler!M4051</f>
        <v>0</v>
      </c>
      <c r="N4025" s="55">
        <f>IF(Input!$K$13=1,J4025*Input!$J$13,0)+IF(Input!$K$14=1,K4025*Input!$J$14,0)+IF(Input!$K$15=1,L4025*Input!$J$15,0)+IF(Input!$K$16=1,M4025*Input!$J$16,0)</f>
        <v>0.51439414551445783</v>
      </c>
      <c r="O4025" s="58">
        <f>IF(Input!$K$13=2,J4025*Input!$J$13,0)+IF(Input!$K$14=2,K4025*Input!$J$14,0)+IF(Input!$K$15=2,L4025*Input!$J$15,0)+IF(Input!$K$16=2,M4025*Input!$J$16,0)</f>
        <v>2.9397564551828806E-2</v>
      </c>
      <c r="P4025" s="58">
        <f>IF(Input!$K$13=3,J4025*Input!$J$13,0)+IF(Input!$K$14=3,K4025*Input!$J$14,0)+IF(Input!$K$15=3,L4025*Input!$J$15,0)+IF(Input!$K$16=3,M4025*Input!$J$16,0)</f>
        <v>0</v>
      </c>
      <c r="Q4025" s="71">
        <f>IF(Input!$K$13=4,J4025*Input!$J$13,0)+IF(Input!$K$14=4,K4025*Input!$J$14,0)+IF(Input!$K$15=4,L4025*Input!$J$15,0)+IF(Input!$K$16=4,M4025*Input!$J$16,0)</f>
        <v>0</v>
      </c>
    </row>
    <row r="4026" spans="8:17" x14ac:dyDescent="0.25">
      <c r="H4026" s="43">
        <v>4019</v>
      </c>
      <c r="I4026" s="55">
        <f>Bühler!I4052</f>
        <v>0.39786979044602927</v>
      </c>
      <c r="J4026" s="58">
        <f>Bühler!J4052</f>
        <v>4.2866178792871485</v>
      </c>
      <c r="K4026" s="58">
        <f>Bühler!K4052</f>
        <v>0.21775973742095411</v>
      </c>
      <c r="L4026" s="58">
        <f>Bühler!L4052</f>
        <v>0.10887986871047706</v>
      </c>
      <c r="M4026" s="57">
        <f>Bühler!M4052</f>
        <v>0</v>
      </c>
      <c r="N4026" s="55">
        <f>IF(Input!$K$13=1,J4026*Input!$J$13,0)+IF(Input!$K$14=1,K4026*Input!$J$14,0)+IF(Input!$K$15=1,L4026*Input!$J$15,0)+IF(Input!$K$16=1,M4026*Input!$J$16,0)</f>
        <v>0.51439414551445783</v>
      </c>
      <c r="O4026" s="58">
        <f>IF(Input!$K$13=2,J4026*Input!$J$13,0)+IF(Input!$K$14=2,K4026*Input!$J$14,0)+IF(Input!$K$15=2,L4026*Input!$J$15,0)+IF(Input!$K$16=2,M4026*Input!$J$16,0)</f>
        <v>2.9397564551828806E-2</v>
      </c>
      <c r="P4026" s="58">
        <f>IF(Input!$K$13=3,J4026*Input!$J$13,0)+IF(Input!$K$14=3,K4026*Input!$J$14,0)+IF(Input!$K$15=3,L4026*Input!$J$15,0)+IF(Input!$K$16=3,M4026*Input!$J$16,0)</f>
        <v>0</v>
      </c>
      <c r="Q4026" s="71">
        <f>IF(Input!$K$13=4,J4026*Input!$J$13,0)+IF(Input!$K$14=4,K4026*Input!$J$14,0)+IF(Input!$K$15=4,L4026*Input!$J$15,0)+IF(Input!$K$16=4,M4026*Input!$J$16,0)</f>
        <v>0</v>
      </c>
    </row>
    <row r="4027" spans="8:17" x14ac:dyDescent="0.25">
      <c r="H4027" s="43">
        <v>4020</v>
      </c>
      <c r="I4027" s="55">
        <f>Bühler!I4053</f>
        <v>0.39786979044602927</v>
      </c>
      <c r="J4027" s="58">
        <f>Bühler!J4053</f>
        <v>4.2866178792871485</v>
      </c>
      <c r="K4027" s="58">
        <f>Bühler!K4053</f>
        <v>0.21775973742095411</v>
      </c>
      <c r="L4027" s="58">
        <f>Bühler!L4053</f>
        <v>0.10887986871047706</v>
      </c>
      <c r="M4027" s="57">
        <f>Bühler!M4053</f>
        <v>0</v>
      </c>
      <c r="N4027" s="55">
        <f>IF(Input!$K$13=1,J4027*Input!$J$13,0)+IF(Input!$K$14=1,K4027*Input!$J$14,0)+IF(Input!$K$15=1,L4027*Input!$J$15,0)+IF(Input!$K$16=1,M4027*Input!$J$16,0)</f>
        <v>0.51439414551445783</v>
      </c>
      <c r="O4027" s="58">
        <f>IF(Input!$K$13=2,J4027*Input!$J$13,0)+IF(Input!$K$14=2,K4027*Input!$J$14,0)+IF(Input!$K$15=2,L4027*Input!$J$15,0)+IF(Input!$K$16=2,M4027*Input!$J$16,0)</f>
        <v>2.9397564551828806E-2</v>
      </c>
      <c r="P4027" s="58">
        <f>IF(Input!$K$13=3,J4027*Input!$J$13,0)+IF(Input!$K$14=3,K4027*Input!$J$14,0)+IF(Input!$K$15=3,L4027*Input!$J$15,0)+IF(Input!$K$16=3,M4027*Input!$J$16,0)</f>
        <v>0</v>
      </c>
      <c r="Q4027" s="71">
        <f>IF(Input!$K$13=4,J4027*Input!$J$13,0)+IF(Input!$K$14=4,K4027*Input!$J$14,0)+IF(Input!$K$15=4,L4027*Input!$J$15,0)+IF(Input!$K$16=4,M4027*Input!$J$16,0)</f>
        <v>0</v>
      </c>
    </row>
    <row r="4028" spans="8:17" x14ac:dyDescent="0.25">
      <c r="H4028" s="43">
        <v>4021</v>
      </c>
      <c r="I4028" s="55">
        <f>Bühler!I4054</f>
        <v>0.39786979044602927</v>
      </c>
      <c r="J4028" s="58">
        <f>Bühler!J4054</f>
        <v>4.2866178792871485</v>
      </c>
      <c r="K4028" s="58">
        <f>Bühler!K4054</f>
        <v>0.21775973742095411</v>
      </c>
      <c r="L4028" s="58">
        <f>Bühler!L4054</f>
        <v>0.10887986871047706</v>
      </c>
      <c r="M4028" s="57">
        <f>Bühler!M4054</f>
        <v>0</v>
      </c>
      <c r="N4028" s="55">
        <f>IF(Input!$K$13=1,J4028*Input!$J$13,0)+IF(Input!$K$14=1,K4028*Input!$J$14,0)+IF(Input!$K$15=1,L4028*Input!$J$15,0)+IF(Input!$K$16=1,M4028*Input!$J$16,0)</f>
        <v>0.51439414551445783</v>
      </c>
      <c r="O4028" s="58">
        <f>IF(Input!$K$13=2,J4028*Input!$J$13,0)+IF(Input!$K$14=2,K4028*Input!$J$14,0)+IF(Input!$K$15=2,L4028*Input!$J$15,0)+IF(Input!$K$16=2,M4028*Input!$J$16,0)</f>
        <v>2.9397564551828806E-2</v>
      </c>
      <c r="P4028" s="58">
        <f>IF(Input!$K$13=3,J4028*Input!$J$13,0)+IF(Input!$K$14=3,K4028*Input!$J$14,0)+IF(Input!$K$15=3,L4028*Input!$J$15,0)+IF(Input!$K$16=3,M4028*Input!$J$16,0)</f>
        <v>0</v>
      </c>
      <c r="Q4028" s="71">
        <f>IF(Input!$K$13=4,J4028*Input!$J$13,0)+IF(Input!$K$14=4,K4028*Input!$J$14,0)+IF(Input!$K$15=4,L4028*Input!$J$15,0)+IF(Input!$K$16=4,M4028*Input!$J$16,0)</f>
        <v>0</v>
      </c>
    </row>
    <row r="4029" spans="8:17" x14ac:dyDescent="0.25">
      <c r="H4029" s="43">
        <v>4022</v>
      </c>
      <c r="I4029" s="55">
        <f>Bühler!I4055</f>
        <v>0.39786979044602927</v>
      </c>
      <c r="J4029" s="58">
        <f>Bühler!J4055</f>
        <v>4.2866178792871485</v>
      </c>
      <c r="K4029" s="58">
        <f>Bühler!K4055</f>
        <v>0.21775973742095411</v>
      </c>
      <c r="L4029" s="58">
        <f>Bühler!L4055</f>
        <v>0.10887986871047706</v>
      </c>
      <c r="M4029" s="57">
        <f>Bühler!M4055</f>
        <v>0</v>
      </c>
      <c r="N4029" s="55">
        <f>IF(Input!$K$13=1,J4029*Input!$J$13,0)+IF(Input!$K$14=1,K4029*Input!$J$14,0)+IF(Input!$K$15=1,L4029*Input!$J$15,0)+IF(Input!$K$16=1,M4029*Input!$J$16,0)</f>
        <v>0.51439414551445783</v>
      </c>
      <c r="O4029" s="58">
        <f>IF(Input!$K$13=2,J4029*Input!$J$13,0)+IF(Input!$K$14=2,K4029*Input!$J$14,0)+IF(Input!$K$15=2,L4029*Input!$J$15,0)+IF(Input!$K$16=2,M4029*Input!$J$16,0)</f>
        <v>2.9397564551828806E-2</v>
      </c>
      <c r="P4029" s="58">
        <f>IF(Input!$K$13=3,J4029*Input!$J$13,0)+IF(Input!$K$14=3,K4029*Input!$J$14,0)+IF(Input!$K$15=3,L4029*Input!$J$15,0)+IF(Input!$K$16=3,M4029*Input!$J$16,0)</f>
        <v>0</v>
      </c>
      <c r="Q4029" s="71">
        <f>IF(Input!$K$13=4,J4029*Input!$J$13,0)+IF(Input!$K$14=4,K4029*Input!$J$14,0)+IF(Input!$K$15=4,L4029*Input!$J$15,0)+IF(Input!$K$16=4,M4029*Input!$J$16,0)</f>
        <v>0</v>
      </c>
    </row>
    <row r="4030" spans="8:17" x14ac:dyDescent="0.25">
      <c r="H4030" s="43">
        <v>4023</v>
      </c>
      <c r="I4030" s="55">
        <f>Bühler!I4056</f>
        <v>0.39786979044602927</v>
      </c>
      <c r="J4030" s="58">
        <f>Bühler!J4056</f>
        <v>4.2866178792871485</v>
      </c>
      <c r="K4030" s="58">
        <f>Bühler!K4056</f>
        <v>0.21775973742095411</v>
      </c>
      <c r="L4030" s="58">
        <f>Bühler!L4056</f>
        <v>0.10887986871047706</v>
      </c>
      <c r="M4030" s="57">
        <f>Bühler!M4056</f>
        <v>0</v>
      </c>
      <c r="N4030" s="55">
        <f>IF(Input!$K$13=1,J4030*Input!$J$13,0)+IF(Input!$K$14=1,K4030*Input!$J$14,0)+IF(Input!$K$15=1,L4030*Input!$J$15,0)+IF(Input!$K$16=1,M4030*Input!$J$16,0)</f>
        <v>0.51439414551445783</v>
      </c>
      <c r="O4030" s="58">
        <f>IF(Input!$K$13=2,J4030*Input!$J$13,0)+IF(Input!$K$14=2,K4030*Input!$J$14,0)+IF(Input!$K$15=2,L4030*Input!$J$15,0)+IF(Input!$K$16=2,M4030*Input!$J$16,0)</f>
        <v>2.9397564551828806E-2</v>
      </c>
      <c r="P4030" s="58">
        <f>IF(Input!$K$13=3,J4030*Input!$J$13,0)+IF(Input!$K$14=3,K4030*Input!$J$14,0)+IF(Input!$K$15=3,L4030*Input!$J$15,0)+IF(Input!$K$16=3,M4030*Input!$J$16,0)</f>
        <v>0</v>
      </c>
      <c r="Q4030" s="71">
        <f>IF(Input!$K$13=4,J4030*Input!$J$13,0)+IF(Input!$K$14=4,K4030*Input!$J$14,0)+IF(Input!$K$15=4,L4030*Input!$J$15,0)+IF(Input!$K$16=4,M4030*Input!$J$16,0)</f>
        <v>0</v>
      </c>
    </row>
    <row r="4031" spans="8:17" x14ac:dyDescent="0.25">
      <c r="H4031" s="43">
        <v>4024</v>
      </c>
      <c r="I4031" s="55">
        <f>Bühler!I4057</f>
        <v>0.35971789273202653</v>
      </c>
      <c r="J4031" s="58">
        <f>Bühler!J4057</f>
        <v>4.2850282168823979</v>
      </c>
      <c r="K4031" s="58">
        <f>Bühler!K4057</f>
        <v>0.21775973742095411</v>
      </c>
      <c r="L4031" s="58">
        <f>Bühler!L4057</f>
        <v>0.10887986871047706</v>
      </c>
      <c r="M4031" s="57">
        <f>Bühler!M4057</f>
        <v>0</v>
      </c>
      <c r="N4031" s="55">
        <f>IF(Input!$K$13=1,J4031*Input!$J$13,0)+IF(Input!$K$14=1,K4031*Input!$J$14,0)+IF(Input!$K$15=1,L4031*Input!$J$15,0)+IF(Input!$K$16=1,M4031*Input!$J$16,0)</f>
        <v>0.51420338602588778</v>
      </c>
      <c r="O4031" s="58">
        <f>IF(Input!$K$13=2,J4031*Input!$J$13,0)+IF(Input!$K$14=2,K4031*Input!$J$14,0)+IF(Input!$K$15=2,L4031*Input!$J$15,0)+IF(Input!$K$16=2,M4031*Input!$J$16,0)</f>
        <v>2.9397564551828806E-2</v>
      </c>
      <c r="P4031" s="58">
        <f>IF(Input!$K$13=3,J4031*Input!$J$13,0)+IF(Input!$K$14=3,K4031*Input!$J$14,0)+IF(Input!$K$15=3,L4031*Input!$J$15,0)+IF(Input!$K$16=3,M4031*Input!$J$16,0)</f>
        <v>0</v>
      </c>
      <c r="Q4031" s="71">
        <f>IF(Input!$K$13=4,J4031*Input!$J$13,0)+IF(Input!$K$14=4,K4031*Input!$J$14,0)+IF(Input!$K$15=4,L4031*Input!$J$15,0)+IF(Input!$K$16=4,M4031*Input!$J$16,0)</f>
        <v>0</v>
      </c>
    </row>
    <row r="4032" spans="8:17" x14ac:dyDescent="0.25">
      <c r="H4032" s="43">
        <v>4025</v>
      </c>
      <c r="I4032" s="55">
        <f>Bühler!I4058</f>
        <v>0.3270162661200241</v>
      </c>
      <c r="J4032" s="58">
        <f>Bühler!J4058</f>
        <v>4.2836656491068981</v>
      </c>
      <c r="K4032" s="58">
        <f>Bühler!K4058</f>
        <v>0.21775973742095411</v>
      </c>
      <c r="L4032" s="58">
        <f>Bühler!L4058</f>
        <v>0.10887986871047706</v>
      </c>
      <c r="M4032" s="57">
        <f>Bühler!M4058</f>
        <v>0</v>
      </c>
      <c r="N4032" s="55">
        <f>IF(Input!$K$13=1,J4032*Input!$J$13,0)+IF(Input!$K$14=1,K4032*Input!$J$14,0)+IF(Input!$K$15=1,L4032*Input!$J$15,0)+IF(Input!$K$16=1,M4032*Input!$J$16,0)</f>
        <v>0.51403987789282779</v>
      </c>
      <c r="O4032" s="58">
        <f>IF(Input!$K$13=2,J4032*Input!$J$13,0)+IF(Input!$K$14=2,K4032*Input!$J$14,0)+IF(Input!$K$15=2,L4032*Input!$J$15,0)+IF(Input!$K$16=2,M4032*Input!$J$16,0)</f>
        <v>2.9397564551828806E-2</v>
      </c>
      <c r="P4032" s="58">
        <f>IF(Input!$K$13=3,J4032*Input!$J$13,0)+IF(Input!$K$14=3,K4032*Input!$J$14,0)+IF(Input!$K$15=3,L4032*Input!$J$15,0)+IF(Input!$K$16=3,M4032*Input!$J$16,0)</f>
        <v>0</v>
      </c>
      <c r="Q4032" s="71">
        <f>IF(Input!$K$13=4,J4032*Input!$J$13,0)+IF(Input!$K$14=4,K4032*Input!$J$14,0)+IF(Input!$K$15=4,L4032*Input!$J$15,0)+IF(Input!$K$16=4,M4032*Input!$J$16,0)</f>
        <v>0</v>
      </c>
    </row>
    <row r="4033" spans="8:17" x14ac:dyDescent="0.25">
      <c r="H4033" s="43">
        <v>4026</v>
      </c>
      <c r="I4033" s="55">
        <f>Bühler!I4059</f>
        <v>0.29431463950802167</v>
      </c>
      <c r="J4033" s="58">
        <f>Bühler!J4059</f>
        <v>4.2823030813313983</v>
      </c>
      <c r="K4033" s="58">
        <f>Bühler!K4059</f>
        <v>0.21775973742095411</v>
      </c>
      <c r="L4033" s="58">
        <f>Bühler!L4059</f>
        <v>0.10887986871047706</v>
      </c>
      <c r="M4033" s="57">
        <f>Bühler!M4059</f>
        <v>0</v>
      </c>
      <c r="N4033" s="55">
        <f>IF(Input!$K$13=1,J4033*Input!$J$13,0)+IF(Input!$K$14=1,K4033*Input!$J$14,0)+IF(Input!$K$15=1,L4033*Input!$J$15,0)+IF(Input!$K$16=1,M4033*Input!$J$16,0)</f>
        <v>0.5138763697597678</v>
      </c>
      <c r="O4033" s="58">
        <f>IF(Input!$K$13=2,J4033*Input!$J$13,0)+IF(Input!$K$14=2,K4033*Input!$J$14,0)+IF(Input!$K$15=2,L4033*Input!$J$15,0)+IF(Input!$K$16=2,M4033*Input!$J$16,0)</f>
        <v>2.9397564551828806E-2</v>
      </c>
      <c r="P4033" s="58">
        <f>IF(Input!$K$13=3,J4033*Input!$J$13,0)+IF(Input!$K$14=3,K4033*Input!$J$14,0)+IF(Input!$K$15=3,L4033*Input!$J$15,0)+IF(Input!$K$16=3,M4033*Input!$J$16,0)</f>
        <v>0</v>
      </c>
      <c r="Q4033" s="71">
        <f>IF(Input!$K$13=4,J4033*Input!$J$13,0)+IF(Input!$K$14=4,K4033*Input!$J$14,0)+IF(Input!$K$15=4,L4033*Input!$J$15,0)+IF(Input!$K$16=4,M4033*Input!$J$16,0)</f>
        <v>0</v>
      </c>
    </row>
    <row r="4034" spans="8:17" x14ac:dyDescent="0.25">
      <c r="H4034" s="43">
        <v>4027</v>
      </c>
      <c r="I4034" s="55">
        <f>Bühler!I4060</f>
        <v>0.2834140973040209</v>
      </c>
      <c r="J4034" s="58">
        <f>Bühler!J4060</f>
        <v>4.2818488920728983</v>
      </c>
      <c r="K4034" s="58">
        <f>Bühler!K4060</f>
        <v>0.21775973742095411</v>
      </c>
      <c r="L4034" s="58">
        <f>Bühler!L4060</f>
        <v>0.10887986871047706</v>
      </c>
      <c r="M4034" s="57">
        <f>Bühler!M4060</f>
        <v>0</v>
      </c>
      <c r="N4034" s="55">
        <f>IF(Input!$K$13=1,J4034*Input!$J$13,0)+IF(Input!$K$14=1,K4034*Input!$J$14,0)+IF(Input!$K$15=1,L4034*Input!$J$15,0)+IF(Input!$K$16=1,M4034*Input!$J$16,0)</f>
        <v>0.51382186704874777</v>
      </c>
      <c r="O4034" s="58">
        <f>IF(Input!$K$13=2,J4034*Input!$J$13,0)+IF(Input!$K$14=2,K4034*Input!$J$14,0)+IF(Input!$K$15=2,L4034*Input!$J$15,0)+IF(Input!$K$16=2,M4034*Input!$J$16,0)</f>
        <v>2.9397564551828806E-2</v>
      </c>
      <c r="P4034" s="58">
        <f>IF(Input!$K$13=3,J4034*Input!$J$13,0)+IF(Input!$K$14=3,K4034*Input!$J$14,0)+IF(Input!$K$15=3,L4034*Input!$J$15,0)+IF(Input!$K$16=3,M4034*Input!$J$16,0)</f>
        <v>0</v>
      </c>
      <c r="Q4034" s="71">
        <f>IF(Input!$K$13=4,J4034*Input!$J$13,0)+IF(Input!$K$14=4,K4034*Input!$J$14,0)+IF(Input!$K$15=4,L4034*Input!$J$15,0)+IF(Input!$K$16=4,M4034*Input!$J$16,0)</f>
        <v>0</v>
      </c>
    </row>
    <row r="4035" spans="8:17" x14ac:dyDescent="0.25">
      <c r="H4035" s="43">
        <v>4028</v>
      </c>
      <c r="I4035" s="55">
        <f>Bühler!I4061</f>
        <v>0.22891138628401683</v>
      </c>
      <c r="J4035" s="58">
        <f>Bühler!J4061</f>
        <v>4.2795779457803977</v>
      </c>
      <c r="K4035" s="58">
        <f>Bühler!K4061</f>
        <v>0.21775973742095411</v>
      </c>
      <c r="L4035" s="58">
        <f>Bühler!L4061</f>
        <v>0.10887986871047706</v>
      </c>
      <c r="M4035" s="57">
        <f>Bühler!M4061</f>
        <v>0</v>
      </c>
      <c r="N4035" s="55">
        <f>IF(Input!$K$13=1,J4035*Input!$J$13,0)+IF(Input!$K$14=1,K4035*Input!$J$14,0)+IF(Input!$K$15=1,L4035*Input!$J$15,0)+IF(Input!$K$16=1,M4035*Input!$J$16,0)</f>
        <v>0.51354935349364772</v>
      </c>
      <c r="O4035" s="58">
        <f>IF(Input!$K$13=2,J4035*Input!$J$13,0)+IF(Input!$K$14=2,K4035*Input!$J$14,0)+IF(Input!$K$15=2,L4035*Input!$J$15,0)+IF(Input!$K$16=2,M4035*Input!$J$16,0)</f>
        <v>2.9397564551828806E-2</v>
      </c>
      <c r="P4035" s="58">
        <f>IF(Input!$K$13=3,J4035*Input!$J$13,0)+IF(Input!$K$14=3,K4035*Input!$J$14,0)+IF(Input!$K$15=3,L4035*Input!$J$15,0)+IF(Input!$K$16=3,M4035*Input!$J$16,0)</f>
        <v>0</v>
      </c>
      <c r="Q4035" s="71">
        <f>IF(Input!$K$13=4,J4035*Input!$J$13,0)+IF(Input!$K$14=4,K4035*Input!$J$14,0)+IF(Input!$K$15=4,L4035*Input!$J$15,0)+IF(Input!$K$16=4,M4035*Input!$J$16,0)</f>
        <v>0</v>
      </c>
    </row>
    <row r="4036" spans="8:17" x14ac:dyDescent="0.25">
      <c r="H4036" s="43">
        <v>4029</v>
      </c>
      <c r="I4036" s="55">
        <f>Bühler!I4062</f>
        <v>0.16895840416201244</v>
      </c>
      <c r="J4036" s="58">
        <f>Bühler!J4062</f>
        <v>4.2770799048586481</v>
      </c>
      <c r="K4036" s="58">
        <f>Bühler!K4062</f>
        <v>0.21775973742095411</v>
      </c>
      <c r="L4036" s="58">
        <f>Bühler!L4062</f>
        <v>0.10887986871047706</v>
      </c>
      <c r="M4036" s="57">
        <f>Bühler!M4062</f>
        <v>0</v>
      </c>
      <c r="N4036" s="55">
        <f>IF(Input!$K$13=1,J4036*Input!$J$13,0)+IF(Input!$K$14=1,K4036*Input!$J$14,0)+IF(Input!$K$15=1,L4036*Input!$J$15,0)+IF(Input!$K$16=1,M4036*Input!$J$16,0)</f>
        <v>0.51324958858303771</v>
      </c>
      <c r="O4036" s="58">
        <f>IF(Input!$K$13=2,J4036*Input!$J$13,0)+IF(Input!$K$14=2,K4036*Input!$J$14,0)+IF(Input!$K$15=2,L4036*Input!$J$15,0)+IF(Input!$K$16=2,M4036*Input!$J$16,0)</f>
        <v>2.9397564551828806E-2</v>
      </c>
      <c r="P4036" s="58">
        <f>IF(Input!$K$13=3,J4036*Input!$J$13,0)+IF(Input!$K$14=3,K4036*Input!$J$14,0)+IF(Input!$K$15=3,L4036*Input!$J$15,0)+IF(Input!$K$16=3,M4036*Input!$J$16,0)</f>
        <v>0</v>
      </c>
      <c r="Q4036" s="71">
        <f>IF(Input!$K$13=4,J4036*Input!$J$13,0)+IF(Input!$K$14=4,K4036*Input!$J$14,0)+IF(Input!$K$15=4,L4036*Input!$J$15,0)+IF(Input!$K$16=4,M4036*Input!$J$16,0)</f>
        <v>0</v>
      </c>
    </row>
    <row r="4037" spans="8:17" x14ac:dyDescent="0.25">
      <c r="H4037" s="43">
        <v>4030</v>
      </c>
      <c r="I4037" s="55">
        <f>Bühler!I4063</f>
        <v>0.16895840416201244</v>
      </c>
      <c r="J4037" s="58">
        <f>Bühler!J4063</f>
        <v>4.2770799048586481</v>
      </c>
      <c r="K4037" s="58">
        <f>Bühler!K4063</f>
        <v>0.21775973742095411</v>
      </c>
      <c r="L4037" s="58">
        <f>Bühler!L4063</f>
        <v>0.10887986871047706</v>
      </c>
      <c r="M4037" s="57">
        <f>Bühler!M4063</f>
        <v>0</v>
      </c>
      <c r="N4037" s="55">
        <f>IF(Input!$K$13=1,J4037*Input!$J$13,0)+IF(Input!$K$14=1,K4037*Input!$J$14,0)+IF(Input!$K$15=1,L4037*Input!$J$15,0)+IF(Input!$K$16=1,M4037*Input!$J$16,0)</f>
        <v>0.51324958858303771</v>
      </c>
      <c r="O4037" s="58">
        <f>IF(Input!$K$13=2,J4037*Input!$J$13,0)+IF(Input!$K$14=2,K4037*Input!$J$14,0)+IF(Input!$K$15=2,L4037*Input!$J$15,0)+IF(Input!$K$16=2,M4037*Input!$J$16,0)</f>
        <v>2.9397564551828806E-2</v>
      </c>
      <c r="P4037" s="58">
        <f>IF(Input!$K$13=3,J4037*Input!$J$13,0)+IF(Input!$K$14=3,K4037*Input!$J$14,0)+IF(Input!$K$15=3,L4037*Input!$J$15,0)+IF(Input!$K$16=3,M4037*Input!$J$16,0)</f>
        <v>0</v>
      </c>
      <c r="Q4037" s="71">
        <f>IF(Input!$K$13=4,J4037*Input!$J$13,0)+IF(Input!$K$14=4,K4037*Input!$J$14,0)+IF(Input!$K$15=4,L4037*Input!$J$15,0)+IF(Input!$K$16=4,M4037*Input!$J$16,0)</f>
        <v>0</v>
      </c>
    </row>
    <row r="4038" spans="8:17" x14ac:dyDescent="0.25">
      <c r="H4038" s="43">
        <v>4031</v>
      </c>
      <c r="I4038" s="55">
        <f>Bühler!I4064</f>
        <v>0.16895840416201244</v>
      </c>
      <c r="J4038" s="58">
        <f>Bühler!J4064</f>
        <v>4.2770799048586481</v>
      </c>
      <c r="K4038" s="58">
        <f>Bühler!K4064</f>
        <v>0.21775973742095411</v>
      </c>
      <c r="L4038" s="58">
        <f>Bühler!L4064</f>
        <v>0.10887986871047706</v>
      </c>
      <c r="M4038" s="57">
        <f>Bühler!M4064</f>
        <v>0</v>
      </c>
      <c r="N4038" s="55">
        <f>IF(Input!$K$13=1,J4038*Input!$J$13,0)+IF(Input!$K$14=1,K4038*Input!$J$14,0)+IF(Input!$K$15=1,L4038*Input!$J$15,0)+IF(Input!$K$16=1,M4038*Input!$J$16,0)</f>
        <v>0.51324958858303771</v>
      </c>
      <c r="O4038" s="58">
        <f>IF(Input!$K$13=2,J4038*Input!$J$13,0)+IF(Input!$K$14=2,K4038*Input!$J$14,0)+IF(Input!$K$15=2,L4038*Input!$J$15,0)+IF(Input!$K$16=2,M4038*Input!$J$16,0)</f>
        <v>2.9397564551828806E-2</v>
      </c>
      <c r="P4038" s="58">
        <f>IF(Input!$K$13=3,J4038*Input!$J$13,0)+IF(Input!$K$14=3,K4038*Input!$J$14,0)+IF(Input!$K$15=3,L4038*Input!$J$15,0)+IF(Input!$K$16=3,M4038*Input!$J$16,0)</f>
        <v>0</v>
      </c>
      <c r="Q4038" s="71">
        <f>IF(Input!$K$13=4,J4038*Input!$J$13,0)+IF(Input!$K$14=4,K4038*Input!$J$14,0)+IF(Input!$K$15=4,L4038*Input!$J$15,0)+IF(Input!$K$16=4,M4038*Input!$J$16,0)</f>
        <v>0</v>
      </c>
    </row>
    <row r="4039" spans="8:17" x14ac:dyDescent="0.25">
      <c r="H4039" s="43">
        <v>4032</v>
      </c>
      <c r="I4039" s="55">
        <f>Bühler!I4065</f>
        <v>0.16895840416201244</v>
      </c>
      <c r="J4039" s="58">
        <f>Bühler!J4065</f>
        <v>4.2770799048586481</v>
      </c>
      <c r="K4039" s="58">
        <f>Bühler!K4065</f>
        <v>0.21775973742095411</v>
      </c>
      <c r="L4039" s="58">
        <f>Bühler!L4065</f>
        <v>0.10887986871047706</v>
      </c>
      <c r="M4039" s="57">
        <f>Bühler!M4065</f>
        <v>0</v>
      </c>
      <c r="N4039" s="55">
        <f>IF(Input!$K$13=1,J4039*Input!$J$13,0)+IF(Input!$K$14=1,K4039*Input!$J$14,0)+IF(Input!$K$15=1,L4039*Input!$J$15,0)+IF(Input!$K$16=1,M4039*Input!$J$16,0)</f>
        <v>0.51324958858303771</v>
      </c>
      <c r="O4039" s="58">
        <f>IF(Input!$K$13=2,J4039*Input!$J$13,0)+IF(Input!$K$14=2,K4039*Input!$J$14,0)+IF(Input!$K$15=2,L4039*Input!$J$15,0)+IF(Input!$K$16=2,M4039*Input!$J$16,0)</f>
        <v>2.9397564551828806E-2</v>
      </c>
      <c r="P4039" s="58">
        <f>IF(Input!$K$13=3,J4039*Input!$J$13,0)+IF(Input!$K$14=3,K4039*Input!$J$14,0)+IF(Input!$K$15=3,L4039*Input!$J$15,0)+IF(Input!$K$16=3,M4039*Input!$J$16,0)</f>
        <v>0</v>
      </c>
      <c r="Q4039" s="71">
        <f>IF(Input!$K$13=4,J4039*Input!$J$13,0)+IF(Input!$K$14=4,K4039*Input!$J$14,0)+IF(Input!$K$15=4,L4039*Input!$J$15,0)+IF(Input!$K$16=4,M4039*Input!$J$16,0)</f>
        <v>0</v>
      </c>
    </row>
    <row r="4040" spans="8:17" x14ac:dyDescent="0.25">
      <c r="H4040" s="43">
        <v>4033</v>
      </c>
      <c r="I4040" s="55">
        <f>Bühler!I4066</f>
        <v>0.12589949821441054</v>
      </c>
      <c r="J4040" s="58">
        <f>Bühler!J4066</f>
        <v>4.0663661887255271</v>
      </c>
      <c r="K4040" s="58">
        <f>Bühler!K4066</f>
        <v>0.21757741976762074</v>
      </c>
      <c r="L4040" s="58">
        <f>Bühler!L4066</f>
        <v>0.10878870988381037</v>
      </c>
      <c r="M4040" s="57">
        <f>Bühler!M4066</f>
        <v>0</v>
      </c>
      <c r="N4040" s="55">
        <f>IF(Input!$K$13=1,J4040*Input!$J$13,0)+IF(Input!$K$14=1,K4040*Input!$J$14,0)+IF(Input!$K$15=1,L4040*Input!$J$15,0)+IF(Input!$K$16=1,M4040*Input!$J$16,0)</f>
        <v>0.48796394264706322</v>
      </c>
      <c r="O4040" s="58">
        <f>IF(Input!$K$13=2,J4040*Input!$J$13,0)+IF(Input!$K$14=2,K4040*Input!$J$14,0)+IF(Input!$K$15=2,L4040*Input!$J$15,0)+IF(Input!$K$16=2,M4040*Input!$J$16,0)</f>
        <v>2.9372951668628799E-2</v>
      </c>
      <c r="P4040" s="58">
        <f>IF(Input!$K$13=3,J4040*Input!$J$13,0)+IF(Input!$K$14=3,K4040*Input!$J$14,0)+IF(Input!$K$15=3,L4040*Input!$J$15,0)+IF(Input!$K$16=3,M4040*Input!$J$16,0)</f>
        <v>0</v>
      </c>
      <c r="Q4040" s="71">
        <f>IF(Input!$K$13=4,J4040*Input!$J$13,0)+IF(Input!$K$14=4,K4040*Input!$J$14,0)+IF(Input!$K$15=4,L4040*Input!$J$15,0)+IF(Input!$K$16=4,M4040*Input!$J$16,0)</f>
        <v>0</v>
      </c>
    </row>
    <row r="4041" spans="8:17" x14ac:dyDescent="0.25">
      <c r="H4041" s="43">
        <v>4034</v>
      </c>
      <c r="I4041" s="55">
        <f>Bühler!I4067</f>
        <v>0.14620586889415418</v>
      </c>
      <c r="J4041" s="58">
        <f>Bühler!J4067</f>
        <v>4.0672122875038497</v>
      </c>
      <c r="K4041" s="58">
        <f>Bühler!K4067</f>
        <v>0.21757741976762074</v>
      </c>
      <c r="L4041" s="58">
        <f>Bühler!L4067</f>
        <v>0.10878870988381037</v>
      </c>
      <c r="M4041" s="57">
        <f>Bühler!M4067</f>
        <v>0</v>
      </c>
      <c r="N4041" s="55">
        <f>IF(Input!$K$13=1,J4041*Input!$J$13,0)+IF(Input!$K$14=1,K4041*Input!$J$14,0)+IF(Input!$K$15=1,L4041*Input!$J$15,0)+IF(Input!$K$16=1,M4041*Input!$J$16,0)</f>
        <v>0.48806547450046195</v>
      </c>
      <c r="O4041" s="58">
        <f>IF(Input!$K$13=2,J4041*Input!$J$13,0)+IF(Input!$K$14=2,K4041*Input!$J$14,0)+IF(Input!$K$15=2,L4041*Input!$J$15,0)+IF(Input!$K$16=2,M4041*Input!$J$16,0)</f>
        <v>2.9372951668628799E-2</v>
      </c>
      <c r="P4041" s="58">
        <f>IF(Input!$K$13=3,J4041*Input!$J$13,0)+IF(Input!$K$14=3,K4041*Input!$J$14,0)+IF(Input!$K$15=3,L4041*Input!$J$15,0)+IF(Input!$K$16=3,M4041*Input!$J$16,0)</f>
        <v>0</v>
      </c>
      <c r="Q4041" s="71">
        <f>IF(Input!$K$13=4,J4041*Input!$J$13,0)+IF(Input!$K$14=4,K4041*Input!$J$14,0)+IF(Input!$K$15=4,L4041*Input!$J$15,0)+IF(Input!$K$16=4,M4041*Input!$J$16,0)</f>
        <v>0</v>
      </c>
    </row>
    <row r="4042" spans="8:17" x14ac:dyDescent="0.25">
      <c r="H4042" s="43">
        <v>4035</v>
      </c>
      <c r="I4042" s="55">
        <f>Bühler!I4068</f>
        <v>0.14620586889415418</v>
      </c>
      <c r="J4042" s="58">
        <f>Bühler!J4068</f>
        <v>4.0672122875038497</v>
      </c>
      <c r="K4042" s="58">
        <f>Bühler!K4068</f>
        <v>0.21757741976762074</v>
      </c>
      <c r="L4042" s="58">
        <f>Bühler!L4068</f>
        <v>0.10878870988381037</v>
      </c>
      <c r="M4042" s="57">
        <f>Bühler!M4068</f>
        <v>0</v>
      </c>
      <c r="N4042" s="55">
        <f>IF(Input!$K$13=1,J4042*Input!$J$13,0)+IF(Input!$K$14=1,K4042*Input!$J$14,0)+IF(Input!$K$15=1,L4042*Input!$J$15,0)+IF(Input!$K$16=1,M4042*Input!$J$16,0)</f>
        <v>0.48806547450046195</v>
      </c>
      <c r="O4042" s="58">
        <f>IF(Input!$K$13=2,J4042*Input!$J$13,0)+IF(Input!$K$14=2,K4042*Input!$J$14,0)+IF(Input!$K$15=2,L4042*Input!$J$15,0)+IF(Input!$K$16=2,M4042*Input!$J$16,0)</f>
        <v>2.9372951668628799E-2</v>
      </c>
      <c r="P4042" s="58">
        <f>IF(Input!$K$13=3,J4042*Input!$J$13,0)+IF(Input!$K$14=3,K4042*Input!$J$14,0)+IF(Input!$K$15=3,L4042*Input!$J$15,0)+IF(Input!$K$16=3,M4042*Input!$J$16,0)</f>
        <v>0</v>
      </c>
      <c r="Q4042" s="71">
        <f>IF(Input!$K$13=4,J4042*Input!$J$13,0)+IF(Input!$K$14=4,K4042*Input!$J$14,0)+IF(Input!$K$15=4,L4042*Input!$J$15,0)+IF(Input!$K$16=4,M4042*Input!$J$16,0)</f>
        <v>0</v>
      </c>
    </row>
    <row r="4043" spans="8:17" x14ac:dyDescent="0.25">
      <c r="H4043" s="43">
        <v>4036</v>
      </c>
      <c r="I4043" s="55">
        <f>Bühler!I4069</f>
        <v>0.14620586889415418</v>
      </c>
      <c r="J4043" s="58">
        <f>Bühler!J4069</f>
        <v>4.0672122875038497</v>
      </c>
      <c r="K4043" s="58">
        <f>Bühler!K4069</f>
        <v>0.21757741976762074</v>
      </c>
      <c r="L4043" s="58">
        <f>Bühler!L4069</f>
        <v>0.10878870988381037</v>
      </c>
      <c r="M4043" s="57">
        <f>Bühler!M4069</f>
        <v>0</v>
      </c>
      <c r="N4043" s="55">
        <f>IF(Input!$K$13=1,J4043*Input!$J$13,0)+IF(Input!$K$14=1,K4043*Input!$J$14,0)+IF(Input!$K$15=1,L4043*Input!$J$15,0)+IF(Input!$K$16=1,M4043*Input!$J$16,0)</f>
        <v>0.48806547450046195</v>
      </c>
      <c r="O4043" s="58">
        <f>IF(Input!$K$13=2,J4043*Input!$J$13,0)+IF(Input!$K$14=2,K4043*Input!$J$14,0)+IF(Input!$K$15=2,L4043*Input!$J$15,0)+IF(Input!$K$16=2,M4043*Input!$J$16,0)</f>
        <v>2.9372951668628799E-2</v>
      </c>
      <c r="P4043" s="58">
        <f>IF(Input!$K$13=3,J4043*Input!$J$13,0)+IF(Input!$K$14=3,K4043*Input!$J$14,0)+IF(Input!$K$15=3,L4043*Input!$J$15,0)+IF(Input!$K$16=3,M4043*Input!$J$16,0)</f>
        <v>0</v>
      </c>
      <c r="Q4043" s="71">
        <f>IF(Input!$K$13=4,J4043*Input!$J$13,0)+IF(Input!$K$14=4,K4043*Input!$J$14,0)+IF(Input!$K$15=4,L4043*Input!$J$15,0)+IF(Input!$K$16=4,M4043*Input!$J$16,0)</f>
        <v>0</v>
      </c>
    </row>
    <row r="4044" spans="8:17" x14ac:dyDescent="0.25">
      <c r="H4044" s="43">
        <v>4037</v>
      </c>
      <c r="I4044" s="55">
        <f>Bühler!I4070</f>
        <v>0.14620586889415418</v>
      </c>
      <c r="J4044" s="58">
        <f>Bühler!J4070</f>
        <v>4.0672122875038497</v>
      </c>
      <c r="K4044" s="58">
        <f>Bühler!K4070</f>
        <v>0.21757741976762074</v>
      </c>
      <c r="L4044" s="58">
        <f>Bühler!L4070</f>
        <v>0.10878870988381037</v>
      </c>
      <c r="M4044" s="57">
        <f>Bühler!M4070</f>
        <v>0</v>
      </c>
      <c r="N4044" s="55">
        <f>IF(Input!$K$13=1,J4044*Input!$J$13,0)+IF(Input!$K$14=1,K4044*Input!$J$14,0)+IF(Input!$K$15=1,L4044*Input!$J$15,0)+IF(Input!$K$16=1,M4044*Input!$J$16,0)</f>
        <v>0.48806547450046195</v>
      </c>
      <c r="O4044" s="58">
        <f>IF(Input!$K$13=2,J4044*Input!$J$13,0)+IF(Input!$K$14=2,K4044*Input!$J$14,0)+IF(Input!$K$15=2,L4044*Input!$J$15,0)+IF(Input!$K$16=2,M4044*Input!$J$16,0)</f>
        <v>2.9372951668628799E-2</v>
      </c>
      <c r="P4044" s="58">
        <f>IF(Input!$K$13=3,J4044*Input!$J$13,0)+IF(Input!$K$14=3,K4044*Input!$J$14,0)+IF(Input!$K$15=3,L4044*Input!$J$15,0)+IF(Input!$K$16=3,M4044*Input!$J$16,0)</f>
        <v>0</v>
      </c>
      <c r="Q4044" s="71">
        <f>IF(Input!$K$13=4,J4044*Input!$J$13,0)+IF(Input!$K$14=4,K4044*Input!$J$14,0)+IF(Input!$K$15=4,L4044*Input!$J$15,0)+IF(Input!$K$16=4,M4044*Input!$J$16,0)</f>
        <v>0</v>
      </c>
    </row>
    <row r="4045" spans="8:17" x14ac:dyDescent="0.25">
      <c r="H4045" s="43">
        <v>4038</v>
      </c>
      <c r="I4045" s="55">
        <f>Bühler!I4071</f>
        <v>0.18275733611769276</v>
      </c>
      <c r="J4045" s="58">
        <f>Bühler!J4071</f>
        <v>4.0687352653048308</v>
      </c>
      <c r="K4045" s="58">
        <f>Bühler!K4071</f>
        <v>0.21757741976762074</v>
      </c>
      <c r="L4045" s="58">
        <f>Bühler!L4071</f>
        <v>0.10878870988381037</v>
      </c>
      <c r="M4045" s="57">
        <f>Bühler!M4071</f>
        <v>0</v>
      </c>
      <c r="N4045" s="55">
        <f>IF(Input!$K$13=1,J4045*Input!$J$13,0)+IF(Input!$K$14=1,K4045*Input!$J$14,0)+IF(Input!$K$15=1,L4045*Input!$J$15,0)+IF(Input!$K$16=1,M4045*Input!$J$16,0)</f>
        <v>0.48824823183657967</v>
      </c>
      <c r="O4045" s="58">
        <f>IF(Input!$K$13=2,J4045*Input!$J$13,0)+IF(Input!$K$14=2,K4045*Input!$J$14,0)+IF(Input!$K$15=2,L4045*Input!$J$15,0)+IF(Input!$K$16=2,M4045*Input!$J$16,0)</f>
        <v>2.9372951668628799E-2</v>
      </c>
      <c r="P4045" s="58">
        <f>IF(Input!$K$13=3,J4045*Input!$J$13,0)+IF(Input!$K$14=3,K4045*Input!$J$14,0)+IF(Input!$K$15=3,L4045*Input!$J$15,0)+IF(Input!$K$16=3,M4045*Input!$J$16,0)</f>
        <v>0</v>
      </c>
      <c r="Q4045" s="71">
        <f>IF(Input!$K$13=4,J4045*Input!$J$13,0)+IF(Input!$K$14=4,K4045*Input!$J$14,0)+IF(Input!$K$15=4,L4045*Input!$J$15,0)+IF(Input!$K$16=4,M4045*Input!$J$16,0)</f>
        <v>0</v>
      </c>
    </row>
    <row r="4046" spans="8:17" x14ac:dyDescent="0.25">
      <c r="H4046" s="43">
        <v>4039</v>
      </c>
      <c r="I4046" s="55">
        <f>Bühler!I4072</f>
        <v>0.21524752920528256</v>
      </c>
      <c r="J4046" s="58">
        <f>Bühler!J4072</f>
        <v>4.070089023350147</v>
      </c>
      <c r="K4046" s="58">
        <f>Bühler!K4072</f>
        <v>0.21757741976762074</v>
      </c>
      <c r="L4046" s="58">
        <f>Bühler!L4072</f>
        <v>0.10878870988381037</v>
      </c>
      <c r="M4046" s="57">
        <f>Bühler!M4072</f>
        <v>0</v>
      </c>
      <c r="N4046" s="55">
        <f>IF(Input!$K$13=1,J4046*Input!$J$13,0)+IF(Input!$K$14=1,K4046*Input!$J$14,0)+IF(Input!$K$15=1,L4046*Input!$J$15,0)+IF(Input!$K$16=1,M4046*Input!$J$16,0)</f>
        <v>0.4884106828020176</v>
      </c>
      <c r="O4046" s="58">
        <f>IF(Input!$K$13=2,J4046*Input!$J$13,0)+IF(Input!$K$14=2,K4046*Input!$J$14,0)+IF(Input!$K$15=2,L4046*Input!$J$15,0)+IF(Input!$K$16=2,M4046*Input!$J$16,0)</f>
        <v>2.9372951668628799E-2</v>
      </c>
      <c r="P4046" s="58">
        <f>IF(Input!$K$13=3,J4046*Input!$J$13,0)+IF(Input!$K$14=3,K4046*Input!$J$14,0)+IF(Input!$K$15=3,L4046*Input!$J$15,0)+IF(Input!$K$16=3,M4046*Input!$J$16,0)</f>
        <v>0</v>
      </c>
      <c r="Q4046" s="71">
        <f>IF(Input!$K$13=4,J4046*Input!$J$13,0)+IF(Input!$K$14=4,K4046*Input!$J$14,0)+IF(Input!$K$15=4,L4046*Input!$J$15,0)+IF(Input!$K$16=4,M4046*Input!$J$16,0)</f>
        <v>0</v>
      </c>
    </row>
    <row r="4047" spans="8:17" x14ac:dyDescent="0.25">
      <c r="H4047" s="43">
        <v>4040</v>
      </c>
      <c r="I4047" s="55">
        <f>Bühler!I4073</f>
        <v>0.25586027056476984</v>
      </c>
      <c r="J4047" s="58">
        <f>Bühler!J4073</f>
        <v>4.0717812209067921</v>
      </c>
      <c r="K4047" s="58">
        <f>Bühler!K4073</f>
        <v>0.21757741976762074</v>
      </c>
      <c r="L4047" s="58">
        <f>Bühler!L4073</f>
        <v>0.10878870988381037</v>
      </c>
      <c r="M4047" s="57">
        <f>Bühler!M4073</f>
        <v>0</v>
      </c>
      <c r="N4047" s="55">
        <f>IF(Input!$K$13=1,J4047*Input!$J$13,0)+IF(Input!$K$14=1,K4047*Input!$J$14,0)+IF(Input!$K$15=1,L4047*Input!$J$15,0)+IF(Input!$K$16=1,M4047*Input!$J$16,0)</f>
        <v>0.48861374650881501</v>
      </c>
      <c r="O4047" s="58">
        <f>IF(Input!$K$13=2,J4047*Input!$J$13,0)+IF(Input!$K$14=2,K4047*Input!$J$14,0)+IF(Input!$K$15=2,L4047*Input!$J$15,0)+IF(Input!$K$16=2,M4047*Input!$J$16,0)</f>
        <v>2.9372951668628799E-2</v>
      </c>
      <c r="P4047" s="58">
        <f>IF(Input!$K$13=3,J4047*Input!$J$13,0)+IF(Input!$K$14=3,K4047*Input!$J$14,0)+IF(Input!$K$15=3,L4047*Input!$J$15,0)+IF(Input!$K$16=3,M4047*Input!$J$16,0)</f>
        <v>0</v>
      </c>
      <c r="Q4047" s="71">
        <f>IF(Input!$K$13=4,J4047*Input!$J$13,0)+IF(Input!$K$14=4,K4047*Input!$J$14,0)+IF(Input!$K$15=4,L4047*Input!$J$15,0)+IF(Input!$K$16=4,M4047*Input!$J$16,0)</f>
        <v>0</v>
      </c>
    </row>
    <row r="4048" spans="8:17" x14ac:dyDescent="0.25">
      <c r="H4048" s="43">
        <v>4041</v>
      </c>
      <c r="I4048" s="55">
        <f>Bühler!I4074</f>
        <v>0.25586027056476984</v>
      </c>
      <c r="J4048" s="58">
        <f>Bühler!J4074</f>
        <v>4.0717812209067921</v>
      </c>
      <c r="K4048" s="58">
        <f>Bühler!K4074</f>
        <v>0.21757741976762074</v>
      </c>
      <c r="L4048" s="58">
        <f>Bühler!L4074</f>
        <v>0.10878870988381037</v>
      </c>
      <c r="M4048" s="57">
        <f>Bühler!M4074</f>
        <v>0</v>
      </c>
      <c r="N4048" s="55">
        <f>IF(Input!$K$13=1,J4048*Input!$J$13,0)+IF(Input!$K$14=1,K4048*Input!$J$14,0)+IF(Input!$K$15=1,L4048*Input!$J$15,0)+IF(Input!$K$16=1,M4048*Input!$J$16,0)</f>
        <v>0.48861374650881501</v>
      </c>
      <c r="O4048" s="58">
        <f>IF(Input!$K$13=2,J4048*Input!$J$13,0)+IF(Input!$K$14=2,K4048*Input!$J$14,0)+IF(Input!$K$15=2,L4048*Input!$J$15,0)+IF(Input!$K$16=2,M4048*Input!$J$16,0)</f>
        <v>2.9372951668628799E-2</v>
      </c>
      <c r="P4048" s="58">
        <f>IF(Input!$K$13=3,J4048*Input!$J$13,0)+IF(Input!$K$14=3,K4048*Input!$J$14,0)+IF(Input!$K$15=3,L4048*Input!$J$15,0)+IF(Input!$K$16=3,M4048*Input!$J$16,0)</f>
        <v>0</v>
      </c>
      <c r="Q4048" s="71">
        <f>IF(Input!$K$13=4,J4048*Input!$J$13,0)+IF(Input!$K$14=4,K4048*Input!$J$14,0)+IF(Input!$K$15=4,L4048*Input!$J$15,0)+IF(Input!$K$16=4,M4048*Input!$J$16,0)</f>
        <v>0</v>
      </c>
    </row>
    <row r="4049" spans="8:17" x14ac:dyDescent="0.25">
      <c r="H4049" s="43">
        <v>4042</v>
      </c>
      <c r="I4049" s="55">
        <f>Bühler!I4075</f>
        <v>0.25586027056476984</v>
      </c>
      <c r="J4049" s="58">
        <f>Bühler!J4075</f>
        <v>4.0717812209067921</v>
      </c>
      <c r="K4049" s="58">
        <f>Bühler!K4075</f>
        <v>0.21757741976762074</v>
      </c>
      <c r="L4049" s="58">
        <f>Bühler!L4075</f>
        <v>0.10878870988381037</v>
      </c>
      <c r="M4049" s="57">
        <f>Bühler!M4075</f>
        <v>0</v>
      </c>
      <c r="N4049" s="55">
        <f>IF(Input!$K$13=1,J4049*Input!$J$13,0)+IF(Input!$K$14=1,K4049*Input!$J$14,0)+IF(Input!$K$15=1,L4049*Input!$J$15,0)+IF(Input!$K$16=1,M4049*Input!$J$16,0)</f>
        <v>0.48861374650881501</v>
      </c>
      <c r="O4049" s="58">
        <f>IF(Input!$K$13=2,J4049*Input!$J$13,0)+IF(Input!$K$14=2,K4049*Input!$J$14,0)+IF(Input!$K$15=2,L4049*Input!$J$15,0)+IF(Input!$K$16=2,M4049*Input!$J$16,0)</f>
        <v>2.9372951668628799E-2</v>
      </c>
      <c r="P4049" s="58">
        <f>IF(Input!$K$13=3,J4049*Input!$J$13,0)+IF(Input!$K$14=3,K4049*Input!$J$14,0)+IF(Input!$K$15=3,L4049*Input!$J$15,0)+IF(Input!$K$16=3,M4049*Input!$J$16,0)</f>
        <v>0</v>
      </c>
      <c r="Q4049" s="71">
        <f>IF(Input!$K$13=4,J4049*Input!$J$13,0)+IF(Input!$K$14=4,K4049*Input!$J$14,0)+IF(Input!$K$15=4,L4049*Input!$J$15,0)+IF(Input!$K$16=4,M4049*Input!$J$16,0)</f>
        <v>0</v>
      </c>
    </row>
    <row r="4050" spans="8:17" x14ac:dyDescent="0.25">
      <c r="H4050" s="43">
        <v>4043</v>
      </c>
      <c r="I4050" s="55">
        <f>Bühler!I4076</f>
        <v>0.25586027056476984</v>
      </c>
      <c r="J4050" s="58">
        <f>Bühler!J4076</f>
        <v>4.0717812209067921</v>
      </c>
      <c r="K4050" s="58">
        <f>Bühler!K4076</f>
        <v>0.21757741976762074</v>
      </c>
      <c r="L4050" s="58">
        <f>Bühler!L4076</f>
        <v>0.10878870988381037</v>
      </c>
      <c r="M4050" s="57">
        <f>Bühler!M4076</f>
        <v>0</v>
      </c>
      <c r="N4050" s="55">
        <f>IF(Input!$K$13=1,J4050*Input!$J$13,0)+IF(Input!$K$14=1,K4050*Input!$J$14,0)+IF(Input!$K$15=1,L4050*Input!$J$15,0)+IF(Input!$K$16=1,M4050*Input!$J$16,0)</f>
        <v>0.48861374650881501</v>
      </c>
      <c r="O4050" s="58">
        <f>IF(Input!$K$13=2,J4050*Input!$J$13,0)+IF(Input!$K$14=2,K4050*Input!$J$14,0)+IF(Input!$K$15=2,L4050*Input!$J$15,0)+IF(Input!$K$16=2,M4050*Input!$J$16,0)</f>
        <v>2.9372951668628799E-2</v>
      </c>
      <c r="P4050" s="58">
        <f>IF(Input!$K$13=3,J4050*Input!$J$13,0)+IF(Input!$K$14=3,K4050*Input!$J$14,0)+IF(Input!$K$15=3,L4050*Input!$J$15,0)+IF(Input!$K$16=3,M4050*Input!$J$16,0)</f>
        <v>0</v>
      </c>
      <c r="Q4050" s="71">
        <f>IF(Input!$K$13=4,J4050*Input!$J$13,0)+IF(Input!$K$14=4,K4050*Input!$J$14,0)+IF(Input!$K$15=4,L4050*Input!$J$15,0)+IF(Input!$K$16=4,M4050*Input!$J$16,0)</f>
        <v>0</v>
      </c>
    </row>
    <row r="4051" spans="8:17" x14ac:dyDescent="0.25">
      <c r="H4051" s="43">
        <v>4044</v>
      </c>
      <c r="I4051" s="55">
        <f>Bühler!I4077</f>
        <v>0.25586027056476984</v>
      </c>
      <c r="J4051" s="58">
        <f>Bühler!J4077</f>
        <v>4.0717812209067921</v>
      </c>
      <c r="K4051" s="58">
        <f>Bühler!K4077</f>
        <v>0.21757741976762074</v>
      </c>
      <c r="L4051" s="58">
        <f>Bühler!L4077</f>
        <v>0.10878870988381037</v>
      </c>
      <c r="M4051" s="57">
        <f>Bühler!M4077</f>
        <v>0</v>
      </c>
      <c r="N4051" s="55">
        <f>IF(Input!$K$13=1,J4051*Input!$J$13,0)+IF(Input!$K$14=1,K4051*Input!$J$14,0)+IF(Input!$K$15=1,L4051*Input!$J$15,0)+IF(Input!$K$16=1,M4051*Input!$J$16,0)</f>
        <v>0.48861374650881501</v>
      </c>
      <c r="O4051" s="58">
        <f>IF(Input!$K$13=2,J4051*Input!$J$13,0)+IF(Input!$K$14=2,K4051*Input!$J$14,0)+IF(Input!$K$15=2,L4051*Input!$J$15,0)+IF(Input!$K$16=2,M4051*Input!$J$16,0)</f>
        <v>2.9372951668628799E-2</v>
      </c>
      <c r="P4051" s="58">
        <f>IF(Input!$K$13=3,J4051*Input!$J$13,0)+IF(Input!$K$14=3,K4051*Input!$J$14,0)+IF(Input!$K$15=3,L4051*Input!$J$15,0)+IF(Input!$K$16=3,M4051*Input!$J$16,0)</f>
        <v>0</v>
      </c>
      <c r="Q4051" s="71">
        <f>IF(Input!$K$13=4,J4051*Input!$J$13,0)+IF(Input!$K$14=4,K4051*Input!$J$14,0)+IF(Input!$K$15=4,L4051*Input!$J$15,0)+IF(Input!$K$16=4,M4051*Input!$J$16,0)</f>
        <v>0</v>
      </c>
    </row>
    <row r="4052" spans="8:17" x14ac:dyDescent="0.25">
      <c r="H4052" s="43">
        <v>4045</v>
      </c>
      <c r="I4052" s="55">
        <f>Bühler!I4078</f>
        <v>0.25586027056476984</v>
      </c>
      <c r="J4052" s="58">
        <f>Bühler!J4078</f>
        <v>4.0717812209067921</v>
      </c>
      <c r="K4052" s="58">
        <f>Bühler!K4078</f>
        <v>0.21757741976762074</v>
      </c>
      <c r="L4052" s="58">
        <f>Bühler!L4078</f>
        <v>0.10878870988381037</v>
      </c>
      <c r="M4052" s="57">
        <f>Bühler!M4078</f>
        <v>0</v>
      </c>
      <c r="N4052" s="55">
        <f>IF(Input!$K$13=1,J4052*Input!$J$13,0)+IF(Input!$K$14=1,K4052*Input!$J$14,0)+IF(Input!$K$15=1,L4052*Input!$J$15,0)+IF(Input!$K$16=1,M4052*Input!$J$16,0)</f>
        <v>0.48861374650881501</v>
      </c>
      <c r="O4052" s="58">
        <f>IF(Input!$K$13=2,J4052*Input!$J$13,0)+IF(Input!$K$14=2,K4052*Input!$J$14,0)+IF(Input!$K$15=2,L4052*Input!$J$15,0)+IF(Input!$K$16=2,M4052*Input!$J$16,0)</f>
        <v>2.9372951668628799E-2</v>
      </c>
      <c r="P4052" s="58">
        <f>IF(Input!$K$13=3,J4052*Input!$J$13,0)+IF(Input!$K$14=3,K4052*Input!$J$14,0)+IF(Input!$K$15=3,L4052*Input!$J$15,0)+IF(Input!$K$16=3,M4052*Input!$J$16,0)</f>
        <v>0</v>
      </c>
      <c r="Q4052" s="71">
        <f>IF(Input!$K$13=4,J4052*Input!$J$13,0)+IF(Input!$K$14=4,K4052*Input!$J$14,0)+IF(Input!$K$15=4,L4052*Input!$J$15,0)+IF(Input!$K$16=4,M4052*Input!$J$16,0)</f>
        <v>0</v>
      </c>
    </row>
    <row r="4053" spans="8:17" x14ac:dyDescent="0.25">
      <c r="H4053" s="43">
        <v>4046</v>
      </c>
      <c r="I4053" s="55">
        <f>Bühler!I4079</f>
        <v>0.25586027056476984</v>
      </c>
      <c r="J4053" s="58">
        <f>Bühler!J4079</f>
        <v>4.0717812209067921</v>
      </c>
      <c r="K4053" s="58">
        <f>Bühler!K4079</f>
        <v>0.21757741976762074</v>
      </c>
      <c r="L4053" s="58">
        <f>Bühler!L4079</f>
        <v>0.10878870988381037</v>
      </c>
      <c r="M4053" s="57">
        <f>Bühler!M4079</f>
        <v>0</v>
      </c>
      <c r="N4053" s="55">
        <f>IF(Input!$K$13=1,J4053*Input!$J$13,0)+IF(Input!$K$14=1,K4053*Input!$J$14,0)+IF(Input!$K$15=1,L4053*Input!$J$15,0)+IF(Input!$K$16=1,M4053*Input!$J$16,0)</f>
        <v>0.48861374650881501</v>
      </c>
      <c r="O4053" s="58">
        <f>IF(Input!$K$13=2,J4053*Input!$J$13,0)+IF(Input!$K$14=2,K4053*Input!$J$14,0)+IF(Input!$K$15=2,L4053*Input!$J$15,0)+IF(Input!$K$16=2,M4053*Input!$J$16,0)</f>
        <v>2.9372951668628799E-2</v>
      </c>
      <c r="P4053" s="58">
        <f>IF(Input!$K$13=3,J4053*Input!$J$13,0)+IF(Input!$K$14=3,K4053*Input!$J$14,0)+IF(Input!$K$15=3,L4053*Input!$J$15,0)+IF(Input!$K$16=3,M4053*Input!$J$16,0)</f>
        <v>0</v>
      </c>
      <c r="Q4053" s="71">
        <f>IF(Input!$K$13=4,J4053*Input!$J$13,0)+IF(Input!$K$14=4,K4053*Input!$J$14,0)+IF(Input!$K$15=4,L4053*Input!$J$15,0)+IF(Input!$K$16=4,M4053*Input!$J$16,0)</f>
        <v>0</v>
      </c>
    </row>
    <row r="4054" spans="8:17" x14ac:dyDescent="0.25">
      <c r="H4054" s="43">
        <v>4047</v>
      </c>
      <c r="I4054" s="55">
        <f>Bühler!I4080</f>
        <v>0.25586027056476984</v>
      </c>
      <c r="J4054" s="58">
        <f>Bühler!J4080</f>
        <v>4.0717812209067921</v>
      </c>
      <c r="K4054" s="58">
        <f>Bühler!K4080</f>
        <v>0.21757741976762074</v>
      </c>
      <c r="L4054" s="58">
        <f>Bühler!L4080</f>
        <v>0.10878870988381037</v>
      </c>
      <c r="M4054" s="57">
        <f>Bühler!M4080</f>
        <v>0</v>
      </c>
      <c r="N4054" s="55">
        <f>IF(Input!$K$13=1,J4054*Input!$J$13,0)+IF(Input!$K$14=1,K4054*Input!$J$14,0)+IF(Input!$K$15=1,L4054*Input!$J$15,0)+IF(Input!$K$16=1,M4054*Input!$J$16,0)</f>
        <v>0.48861374650881501</v>
      </c>
      <c r="O4054" s="58">
        <f>IF(Input!$K$13=2,J4054*Input!$J$13,0)+IF(Input!$K$14=2,K4054*Input!$J$14,0)+IF(Input!$K$15=2,L4054*Input!$J$15,0)+IF(Input!$K$16=2,M4054*Input!$J$16,0)</f>
        <v>2.9372951668628799E-2</v>
      </c>
      <c r="P4054" s="58">
        <f>IF(Input!$K$13=3,J4054*Input!$J$13,0)+IF(Input!$K$14=3,K4054*Input!$J$14,0)+IF(Input!$K$15=3,L4054*Input!$J$15,0)+IF(Input!$K$16=3,M4054*Input!$J$16,0)</f>
        <v>0</v>
      </c>
      <c r="Q4054" s="71">
        <f>IF(Input!$K$13=4,J4054*Input!$J$13,0)+IF(Input!$K$14=4,K4054*Input!$J$14,0)+IF(Input!$K$15=4,L4054*Input!$J$15,0)+IF(Input!$K$16=4,M4054*Input!$J$16,0)</f>
        <v>0</v>
      </c>
    </row>
    <row r="4055" spans="8:17" x14ac:dyDescent="0.25">
      <c r="H4055" s="43">
        <v>4048</v>
      </c>
      <c r="I4055" s="55">
        <f>Bühler!I4081</f>
        <v>0.22743135161312875</v>
      </c>
      <c r="J4055" s="58">
        <f>Bühler!J4081</f>
        <v>4.0705966826171407</v>
      </c>
      <c r="K4055" s="58">
        <f>Bühler!K4081</f>
        <v>0.21757741976762074</v>
      </c>
      <c r="L4055" s="58">
        <f>Bühler!L4081</f>
        <v>0.10878870988381037</v>
      </c>
      <c r="M4055" s="57">
        <f>Bühler!M4081</f>
        <v>0</v>
      </c>
      <c r="N4055" s="55">
        <f>IF(Input!$K$13=1,J4055*Input!$J$13,0)+IF(Input!$K$14=1,K4055*Input!$J$14,0)+IF(Input!$K$15=1,L4055*Input!$J$15,0)+IF(Input!$K$16=1,M4055*Input!$J$16,0)</f>
        <v>0.48847160191405686</v>
      </c>
      <c r="O4055" s="58">
        <f>IF(Input!$K$13=2,J4055*Input!$J$13,0)+IF(Input!$K$14=2,K4055*Input!$J$14,0)+IF(Input!$K$15=2,L4055*Input!$J$15,0)+IF(Input!$K$16=2,M4055*Input!$J$16,0)</f>
        <v>2.9372951668628799E-2</v>
      </c>
      <c r="P4055" s="58">
        <f>IF(Input!$K$13=3,J4055*Input!$J$13,0)+IF(Input!$K$14=3,K4055*Input!$J$14,0)+IF(Input!$K$15=3,L4055*Input!$J$15,0)+IF(Input!$K$16=3,M4055*Input!$J$16,0)</f>
        <v>0</v>
      </c>
      <c r="Q4055" s="71">
        <f>IF(Input!$K$13=4,J4055*Input!$J$13,0)+IF(Input!$K$14=4,K4055*Input!$J$14,0)+IF(Input!$K$15=4,L4055*Input!$J$15,0)+IF(Input!$K$16=4,M4055*Input!$J$16,0)</f>
        <v>0</v>
      </c>
    </row>
    <row r="4056" spans="8:17" x14ac:dyDescent="0.25">
      <c r="H4056" s="43">
        <v>4049</v>
      </c>
      <c r="I4056" s="55">
        <f>Bühler!I4082</f>
        <v>0.22337007747717999</v>
      </c>
      <c r="J4056" s="58">
        <f>Bühler!J4082</f>
        <v>4.0704274628614758</v>
      </c>
      <c r="K4056" s="58">
        <f>Bühler!K4082</f>
        <v>0.21757741976762074</v>
      </c>
      <c r="L4056" s="58">
        <f>Bühler!L4082</f>
        <v>0.10878870988381037</v>
      </c>
      <c r="M4056" s="57">
        <f>Bühler!M4082</f>
        <v>0</v>
      </c>
      <c r="N4056" s="55">
        <f>IF(Input!$K$13=1,J4056*Input!$J$13,0)+IF(Input!$K$14=1,K4056*Input!$J$14,0)+IF(Input!$K$15=1,L4056*Input!$J$15,0)+IF(Input!$K$16=1,M4056*Input!$J$16,0)</f>
        <v>0.48845129554337707</v>
      </c>
      <c r="O4056" s="58">
        <f>IF(Input!$K$13=2,J4056*Input!$J$13,0)+IF(Input!$K$14=2,K4056*Input!$J$14,0)+IF(Input!$K$15=2,L4056*Input!$J$15,0)+IF(Input!$K$16=2,M4056*Input!$J$16,0)</f>
        <v>2.9372951668628799E-2</v>
      </c>
      <c r="P4056" s="58">
        <f>IF(Input!$K$13=3,J4056*Input!$J$13,0)+IF(Input!$K$14=3,K4056*Input!$J$14,0)+IF(Input!$K$15=3,L4056*Input!$J$15,0)+IF(Input!$K$16=3,M4056*Input!$J$16,0)</f>
        <v>0</v>
      </c>
      <c r="Q4056" s="71">
        <f>IF(Input!$K$13=4,J4056*Input!$J$13,0)+IF(Input!$K$14=4,K4056*Input!$J$14,0)+IF(Input!$K$15=4,L4056*Input!$J$15,0)+IF(Input!$K$16=4,M4056*Input!$J$16,0)</f>
        <v>0</v>
      </c>
    </row>
    <row r="4057" spans="8:17" x14ac:dyDescent="0.25">
      <c r="H4057" s="43">
        <v>4050</v>
      </c>
      <c r="I4057" s="55">
        <f>Bühler!I4083</f>
        <v>0.19087988438959022</v>
      </c>
      <c r="J4057" s="58">
        <f>Bühler!J4083</f>
        <v>4.0690737048161596</v>
      </c>
      <c r="K4057" s="58">
        <f>Bühler!K4083</f>
        <v>0.21757741976762074</v>
      </c>
      <c r="L4057" s="58">
        <f>Bühler!L4083</f>
        <v>0.10878870988381037</v>
      </c>
      <c r="M4057" s="57">
        <f>Bühler!M4083</f>
        <v>0</v>
      </c>
      <c r="N4057" s="55">
        <f>IF(Input!$K$13=1,J4057*Input!$J$13,0)+IF(Input!$K$14=1,K4057*Input!$J$14,0)+IF(Input!$K$15=1,L4057*Input!$J$15,0)+IF(Input!$K$16=1,M4057*Input!$J$16,0)</f>
        <v>0.48828884457793914</v>
      </c>
      <c r="O4057" s="58">
        <f>IF(Input!$K$13=2,J4057*Input!$J$13,0)+IF(Input!$K$14=2,K4057*Input!$J$14,0)+IF(Input!$K$15=2,L4057*Input!$J$15,0)+IF(Input!$K$16=2,M4057*Input!$J$16,0)</f>
        <v>2.9372951668628799E-2</v>
      </c>
      <c r="P4057" s="58">
        <f>IF(Input!$K$13=3,J4057*Input!$J$13,0)+IF(Input!$K$14=3,K4057*Input!$J$14,0)+IF(Input!$K$15=3,L4057*Input!$J$15,0)+IF(Input!$K$16=3,M4057*Input!$J$16,0)</f>
        <v>0</v>
      </c>
      <c r="Q4057" s="71">
        <f>IF(Input!$K$13=4,J4057*Input!$J$13,0)+IF(Input!$K$14=4,K4057*Input!$J$14,0)+IF(Input!$K$15=4,L4057*Input!$J$15,0)+IF(Input!$K$16=4,M4057*Input!$J$16,0)</f>
        <v>0</v>
      </c>
    </row>
    <row r="4058" spans="8:17" x14ac:dyDescent="0.25">
      <c r="H4058" s="43">
        <v>4051</v>
      </c>
      <c r="I4058" s="55">
        <f>Bühler!I4084</f>
        <v>0.17869606198174404</v>
      </c>
      <c r="J4058" s="58">
        <f>Bühler!J4084</f>
        <v>4.0685660455491659</v>
      </c>
      <c r="K4058" s="58">
        <f>Bühler!K4084</f>
        <v>0.21757741976762074</v>
      </c>
      <c r="L4058" s="58">
        <f>Bühler!L4084</f>
        <v>0.10878870988381037</v>
      </c>
      <c r="M4058" s="57">
        <f>Bühler!M4084</f>
        <v>0</v>
      </c>
      <c r="N4058" s="55">
        <f>IF(Input!$K$13=1,J4058*Input!$J$13,0)+IF(Input!$K$14=1,K4058*Input!$J$14,0)+IF(Input!$K$15=1,L4058*Input!$J$15,0)+IF(Input!$K$16=1,M4058*Input!$J$16,0)</f>
        <v>0.48822792546589988</v>
      </c>
      <c r="O4058" s="58">
        <f>IF(Input!$K$13=2,J4058*Input!$J$13,0)+IF(Input!$K$14=2,K4058*Input!$J$14,0)+IF(Input!$K$15=2,L4058*Input!$J$15,0)+IF(Input!$K$16=2,M4058*Input!$J$16,0)</f>
        <v>2.9372951668628799E-2</v>
      </c>
      <c r="P4058" s="58">
        <f>IF(Input!$K$13=3,J4058*Input!$J$13,0)+IF(Input!$K$14=3,K4058*Input!$J$14,0)+IF(Input!$K$15=3,L4058*Input!$J$15,0)+IF(Input!$K$16=3,M4058*Input!$J$16,0)</f>
        <v>0</v>
      </c>
      <c r="Q4058" s="71">
        <f>IF(Input!$K$13=4,J4058*Input!$J$13,0)+IF(Input!$K$14=4,K4058*Input!$J$14,0)+IF(Input!$K$15=4,L4058*Input!$J$15,0)+IF(Input!$K$16=4,M4058*Input!$J$16,0)</f>
        <v>0</v>
      </c>
    </row>
    <row r="4059" spans="8:17" x14ac:dyDescent="0.25">
      <c r="H4059" s="43">
        <v>4052</v>
      </c>
      <c r="I4059" s="55">
        <f>Bühler!I4085</f>
        <v>0.15026714303010294</v>
      </c>
      <c r="J4059" s="58">
        <f>Bühler!J4085</f>
        <v>4.0673815072595145</v>
      </c>
      <c r="K4059" s="58">
        <f>Bühler!K4085</f>
        <v>0.21757741976762074</v>
      </c>
      <c r="L4059" s="58">
        <f>Bühler!L4085</f>
        <v>0.10878870988381037</v>
      </c>
      <c r="M4059" s="57">
        <f>Bühler!M4085</f>
        <v>0</v>
      </c>
      <c r="N4059" s="55">
        <f>IF(Input!$K$13=1,J4059*Input!$J$13,0)+IF(Input!$K$14=1,K4059*Input!$J$14,0)+IF(Input!$K$15=1,L4059*Input!$J$15,0)+IF(Input!$K$16=1,M4059*Input!$J$16,0)</f>
        <v>0.48808578087114174</v>
      </c>
      <c r="O4059" s="58">
        <f>IF(Input!$K$13=2,J4059*Input!$J$13,0)+IF(Input!$K$14=2,K4059*Input!$J$14,0)+IF(Input!$K$15=2,L4059*Input!$J$15,0)+IF(Input!$K$16=2,M4059*Input!$J$16,0)</f>
        <v>2.9372951668628799E-2</v>
      </c>
      <c r="P4059" s="58">
        <f>IF(Input!$K$13=3,J4059*Input!$J$13,0)+IF(Input!$K$14=3,K4059*Input!$J$14,0)+IF(Input!$K$15=3,L4059*Input!$J$15,0)+IF(Input!$K$16=3,M4059*Input!$J$16,0)</f>
        <v>0</v>
      </c>
      <c r="Q4059" s="71">
        <f>IF(Input!$K$13=4,J4059*Input!$J$13,0)+IF(Input!$K$14=4,K4059*Input!$J$14,0)+IF(Input!$K$15=4,L4059*Input!$J$15,0)+IF(Input!$K$16=4,M4059*Input!$J$16,0)</f>
        <v>0</v>
      </c>
    </row>
    <row r="4060" spans="8:17" x14ac:dyDescent="0.25">
      <c r="H4060" s="43">
        <v>4053</v>
      </c>
      <c r="I4060" s="55">
        <f>Bühler!I4086</f>
        <v>0.12589949821441054</v>
      </c>
      <c r="J4060" s="58">
        <f>Bühler!J4086</f>
        <v>4.0663661887255271</v>
      </c>
      <c r="K4060" s="58">
        <f>Bühler!K4086</f>
        <v>0.21757741976762074</v>
      </c>
      <c r="L4060" s="58">
        <f>Bühler!L4086</f>
        <v>0.10878870988381037</v>
      </c>
      <c r="M4060" s="57">
        <f>Bühler!M4086</f>
        <v>0</v>
      </c>
      <c r="N4060" s="55">
        <f>IF(Input!$K$13=1,J4060*Input!$J$13,0)+IF(Input!$K$14=1,K4060*Input!$J$14,0)+IF(Input!$K$15=1,L4060*Input!$J$15,0)+IF(Input!$K$16=1,M4060*Input!$J$16,0)</f>
        <v>0.48796394264706322</v>
      </c>
      <c r="O4060" s="58">
        <f>IF(Input!$K$13=2,J4060*Input!$J$13,0)+IF(Input!$K$14=2,K4060*Input!$J$14,0)+IF(Input!$K$15=2,L4060*Input!$J$15,0)+IF(Input!$K$16=2,M4060*Input!$J$16,0)</f>
        <v>2.9372951668628799E-2</v>
      </c>
      <c r="P4060" s="58">
        <f>IF(Input!$K$13=3,J4060*Input!$J$13,0)+IF(Input!$K$14=3,K4060*Input!$J$14,0)+IF(Input!$K$15=3,L4060*Input!$J$15,0)+IF(Input!$K$16=3,M4060*Input!$J$16,0)</f>
        <v>0</v>
      </c>
      <c r="Q4060" s="71">
        <f>IF(Input!$K$13=4,J4060*Input!$J$13,0)+IF(Input!$K$14=4,K4060*Input!$J$14,0)+IF(Input!$K$15=4,L4060*Input!$J$15,0)+IF(Input!$K$16=4,M4060*Input!$J$16,0)</f>
        <v>0</v>
      </c>
    </row>
    <row r="4061" spans="8:17" x14ac:dyDescent="0.25">
      <c r="H4061" s="43">
        <v>4054</v>
      </c>
      <c r="I4061" s="55">
        <f>Bühler!I4087</f>
        <v>0.10965440167061564</v>
      </c>
      <c r="J4061" s="58">
        <f>Bühler!J4087</f>
        <v>4.0656893097028695</v>
      </c>
      <c r="K4061" s="58">
        <f>Bühler!K4087</f>
        <v>0.21757741976762074</v>
      </c>
      <c r="L4061" s="58">
        <f>Bühler!L4087</f>
        <v>0.10878870988381037</v>
      </c>
      <c r="M4061" s="57">
        <f>Bühler!M4087</f>
        <v>0</v>
      </c>
      <c r="N4061" s="55">
        <f>IF(Input!$K$13=1,J4061*Input!$J$13,0)+IF(Input!$K$14=1,K4061*Input!$J$14,0)+IF(Input!$K$15=1,L4061*Input!$J$15,0)+IF(Input!$K$16=1,M4061*Input!$J$16,0)</f>
        <v>0.48788271716434434</v>
      </c>
      <c r="O4061" s="58">
        <f>IF(Input!$K$13=2,J4061*Input!$J$13,0)+IF(Input!$K$14=2,K4061*Input!$J$14,0)+IF(Input!$K$15=2,L4061*Input!$J$15,0)+IF(Input!$K$16=2,M4061*Input!$J$16,0)</f>
        <v>2.9372951668628799E-2</v>
      </c>
      <c r="P4061" s="58">
        <f>IF(Input!$K$13=3,J4061*Input!$J$13,0)+IF(Input!$K$14=3,K4061*Input!$J$14,0)+IF(Input!$K$15=3,L4061*Input!$J$15,0)+IF(Input!$K$16=3,M4061*Input!$J$16,0)</f>
        <v>0</v>
      </c>
      <c r="Q4061" s="71">
        <f>IF(Input!$K$13=4,J4061*Input!$J$13,0)+IF(Input!$K$14=4,K4061*Input!$J$14,0)+IF(Input!$K$15=4,L4061*Input!$J$15,0)+IF(Input!$K$16=4,M4061*Input!$J$16,0)</f>
        <v>0</v>
      </c>
    </row>
    <row r="4062" spans="8:17" x14ac:dyDescent="0.25">
      <c r="H4062" s="43">
        <v>4055</v>
      </c>
      <c r="I4062" s="55">
        <f>Bühler!I4088</f>
        <v>0.10965440167061564</v>
      </c>
      <c r="J4062" s="58">
        <f>Bühler!J4088</f>
        <v>4.0656893097028695</v>
      </c>
      <c r="K4062" s="58">
        <f>Bühler!K4088</f>
        <v>0.21757741976762074</v>
      </c>
      <c r="L4062" s="58">
        <f>Bühler!L4088</f>
        <v>0.10878870988381037</v>
      </c>
      <c r="M4062" s="57">
        <f>Bühler!M4088</f>
        <v>0</v>
      </c>
      <c r="N4062" s="55">
        <f>IF(Input!$K$13=1,J4062*Input!$J$13,0)+IF(Input!$K$14=1,K4062*Input!$J$14,0)+IF(Input!$K$15=1,L4062*Input!$J$15,0)+IF(Input!$K$16=1,M4062*Input!$J$16,0)</f>
        <v>0.48788271716434434</v>
      </c>
      <c r="O4062" s="58">
        <f>IF(Input!$K$13=2,J4062*Input!$J$13,0)+IF(Input!$K$14=2,K4062*Input!$J$14,0)+IF(Input!$K$15=2,L4062*Input!$J$15,0)+IF(Input!$K$16=2,M4062*Input!$J$16,0)</f>
        <v>2.9372951668628799E-2</v>
      </c>
      <c r="P4062" s="58">
        <f>IF(Input!$K$13=3,J4062*Input!$J$13,0)+IF(Input!$K$14=3,K4062*Input!$J$14,0)+IF(Input!$K$15=3,L4062*Input!$J$15,0)+IF(Input!$K$16=3,M4062*Input!$J$16,0)</f>
        <v>0</v>
      </c>
      <c r="Q4062" s="71">
        <f>IF(Input!$K$13=4,J4062*Input!$J$13,0)+IF(Input!$K$14=4,K4062*Input!$J$14,0)+IF(Input!$K$15=4,L4062*Input!$J$15,0)+IF(Input!$K$16=4,M4062*Input!$J$16,0)</f>
        <v>0</v>
      </c>
    </row>
    <row r="4063" spans="8:17" x14ac:dyDescent="0.25">
      <c r="H4063" s="43">
        <v>4056</v>
      </c>
      <c r="I4063" s="55">
        <f>Bühler!I4089</f>
        <v>0.10965440167061564</v>
      </c>
      <c r="J4063" s="58">
        <f>Bühler!J4089</f>
        <v>4.0656893097028695</v>
      </c>
      <c r="K4063" s="58">
        <f>Bühler!K4089</f>
        <v>0.21757741976762074</v>
      </c>
      <c r="L4063" s="58">
        <f>Bühler!L4089</f>
        <v>0.10878870988381037</v>
      </c>
      <c r="M4063" s="57">
        <f>Bühler!M4089</f>
        <v>0</v>
      </c>
      <c r="N4063" s="55">
        <f>IF(Input!$K$13=1,J4063*Input!$J$13,0)+IF(Input!$K$14=1,K4063*Input!$J$14,0)+IF(Input!$K$15=1,L4063*Input!$J$15,0)+IF(Input!$K$16=1,M4063*Input!$J$16,0)</f>
        <v>0.48788271716434434</v>
      </c>
      <c r="O4063" s="58">
        <f>IF(Input!$K$13=2,J4063*Input!$J$13,0)+IF(Input!$K$14=2,K4063*Input!$J$14,0)+IF(Input!$K$15=2,L4063*Input!$J$15,0)+IF(Input!$K$16=2,M4063*Input!$J$16,0)</f>
        <v>2.9372951668628799E-2</v>
      </c>
      <c r="P4063" s="58">
        <f>IF(Input!$K$13=3,J4063*Input!$J$13,0)+IF(Input!$K$14=3,K4063*Input!$J$14,0)+IF(Input!$K$15=3,L4063*Input!$J$15,0)+IF(Input!$K$16=3,M4063*Input!$J$16,0)</f>
        <v>0</v>
      </c>
      <c r="Q4063" s="71">
        <f>IF(Input!$K$13=4,J4063*Input!$J$13,0)+IF(Input!$K$14=4,K4063*Input!$J$14,0)+IF(Input!$K$15=4,L4063*Input!$J$15,0)+IF(Input!$K$16=4,M4063*Input!$J$16,0)</f>
        <v>0</v>
      </c>
    </row>
    <row r="4064" spans="8:17" x14ac:dyDescent="0.25">
      <c r="H4064" s="43">
        <v>4057</v>
      </c>
      <c r="I4064" s="55">
        <f>Bühler!I4090</f>
        <v>0</v>
      </c>
      <c r="J4064" s="58">
        <f>Bühler!J4090</f>
        <v>6.2149215057391523</v>
      </c>
      <c r="K4064" s="58">
        <f>Bühler!K4090</f>
        <v>0.5365667780079193</v>
      </c>
      <c r="L4064" s="58">
        <f>Bühler!L4090</f>
        <v>0.26828338900395965</v>
      </c>
      <c r="M4064" s="57">
        <f>Bühler!M4090</f>
        <v>0</v>
      </c>
      <c r="N4064" s="55">
        <f>IF(Input!$K$13=1,J4064*Input!$J$13,0)+IF(Input!$K$14=1,K4064*Input!$J$14,0)+IF(Input!$K$15=1,L4064*Input!$J$15,0)+IF(Input!$K$16=1,M4064*Input!$J$16,0)</f>
        <v>0.74579058068869819</v>
      </c>
      <c r="O4064" s="58">
        <f>IF(Input!$K$13=2,J4064*Input!$J$13,0)+IF(Input!$K$14=2,K4064*Input!$J$14,0)+IF(Input!$K$15=2,L4064*Input!$J$15,0)+IF(Input!$K$16=2,M4064*Input!$J$16,0)</f>
        <v>7.2436515031069099E-2</v>
      </c>
      <c r="P4064" s="58">
        <f>IF(Input!$K$13=3,J4064*Input!$J$13,0)+IF(Input!$K$14=3,K4064*Input!$J$14,0)+IF(Input!$K$15=3,L4064*Input!$J$15,0)+IF(Input!$K$16=3,M4064*Input!$J$16,0)</f>
        <v>0</v>
      </c>
      <c r="Q4064" s="71">
        <f>IF(Input!$K$13=4,J4064*Input!$J$13,0)+IF(Input!$K$14=4,K4064*Input!$J$14,0)+IF(Input!$K$15=4,L4064*Input!$J$15,0)+IF(Input!$K$16=4,M4064*Input!$J$16,0)</f>
        <v>0</v>
      </c>
    </row>
    <row r="4065" spans="8:17" x14ac:dyDescent="0.25">
      <c r="H4065" s="43">
        <v>4058</v>
      </c>
      <c r="I4065" s="55">
        <f>Bühler!I4091</f>
        <v>0</v>
      </c>
      <c r="J4065" s="58">
        <f>Bühler!J4091</f>
        <v>6.2149215057391523</v>
      </c>
      <c r="K4065" s="58">
        <f>Bühler!K4091</f>
        <v>0.5365667780079193</v>
      </c>
      <c r="L4065" s="58">
        <f>Bühler!L4091</f>
        <v>0.26828338900395965</v>
      </c>
      <c r="M4065" s="57">
        <f>Bühler!M4091</f>
        <v>0</v>
      </c>
      <c r="N4065" s="55">
        <f>IF(Input!$K$13=1,J4065*Input!$J$13,0)+IF(Input!$K$14=1,K4065*Input!$J$14,0)+IF(Input!$K$15=1,L4065*Input!$J$15,0)+IF(Input!$K$16=1,M4065*Input!$J$16,0)</f>
        <v>0.74579058068869819</v>
      </c>
      <c r="O4065" s="58">
        <f>IF(Input!$K$13=2,J4065*Input!$J$13,0)+IF(Input!$K$14=2,K4065*Input!$J$14,0)+IF(Input!$K$15=2,L4065*Input!$J$15,0)+IF(Input!$K$16=2,M4065*Input!$J$16,0)</f>
        <v>7.2436515031069099E-2</v>
      </c>
      <c r="P4065" s="58">
        <f>IF(Input!$K$13=3,J4065*Input!$J$13,0)+IF(Input!$K$14=3,K4065*Input!$J$14,0)+IF(Input!$K$15=3,L4065*Input!$J$15,0)+IF(Input!$K$16=3,M4065*Input!$J$16,0)</f>
        <v>0</v>
      </c>
      <c r="Q4065" s="71">
        <f>IF(Input!$K$13=4,J4065*Input!$J$13,0)+IF(Input!$K$14=4,K4065*Input!$J$14,0)+IF(Input!$K$15=4,L4065*Input!$J$15,0)+IF(Input!$K$16=4,M4065*Input!$J$16,0)</f>
        <v>0</v>
      </c>
    </row>
    <row r="4066" spans="8:17" x14ac:dyDescent="0.25">
      <c r="H4066" s="43">
        <v>4059</v>
      </c>
      <c r="I4066" s="55">
        <f>Bühler!I4092</f>
        <v>0</v>
      </c>
      <c r="J4066" s="58">
        <f>Bühler!J4092</f>
        <v>6.2149215057391523</v>
      </c>
      <c r="K4066" s="58">
        <f>Bühler!K4092</f>
        <v>0.5365667780079193</v>
      </c>
      <c r="L4066" s="58">
        <f>Bühler!L4092</f>
        <v>0.26828338900395965</v>
      </c>
      <c r="M4066" s="57">
        <f>Bühler!M4092</f>
        <v>0</v>
      </c>
      <c r="N4066" s="55">
        <f>IF(Input!$K$13=1,J4066*Input!$J$13,0)+IF(Input!$K$14=1,K4066*Input!$J$14,0)+IF(Input!$K$15=1,L4066*Input!$J$15,0)+IF(Input!$K$16=1,M4066*Input!$J$16,0)</f>
        <v>0.74579058068869819</v>
      </c>
      <c r="O4066" s="58">
        <f>IF(Input!$K$13=2,J4066*Input!$J$13,0)+IF(Input!$K$14=2,K4066*Input!$J$14,0)+IF(Input!$K$15=2,L4066*Input!$J$15,0)+IF(Input!$K$16=2,M4066*Input!$J$16,0)</f>
        <v>7.2436515031069099E-2</v>
      </c>
      <c r="P4066" s="58">
        <f>IF(Input!$K$13=3,J4066*Input!$J$13,0)+IF(Input!$K$14=3,K4066*Input!$J$14,0)+IF(Input!$K$15=3,L4066*Input!$J$15,0)+IF(Input!$K$16=3,M4066*Input!$J$16,0)</f>
        <v>0</v>
      </c>
      <c r="Q4066" s="71">
        <f>IF(Input!$K$13=4,J4066*Input!$J$13,0)+IF(Input!$K$14=4,K4066*Input!$J$14,0)+IF(Input!$K$15=4,L4066*Input!$J$15,0)+IF(Input!$K$16=4,M4066*Input!$J$16,0)</f>
        <v>0</v>
      </c>
    </row>
    <row r="4067" spans="8:17" x14ac:dyDescent="0.25">
      <c r="H4067" s="43">
        <v>4060</v>
      </c>
      <c r="I4067" s="55">
        <f>Bühler!I4093</f>
        <v>0</v>
      </c>
      <c r="J4067" s="58">
        <f>Bühler!J4093</f>
        <v>6.2149215057391523</v>
      </c>
      <c r="K4067" s="58">
        <f>Bühler!K4093</f>
        <v>0.5365667780079193</v>
      </c>
      <c r="L4067" s="58">
        <f>Bühler!L4093</f>
        <v>0.26828338900395965</v>
      </c>
      <c r="M4067" s="57">
        <f>Bühler!M4093</f>
        <v>0</v>
      </c>
      <c r="N4067" s="55">
        <f>IF(Input!$K$13=1,J4067*Input!$J$13,0)+IF(Input!$K$14=1,K4067*Input!$J$14,0)+IF(Input!$K$15=1,L4067*Input!$J$15,0)+IF(Input!$K$16=1,M4067*Input!$J$16,0)</f>
        <v>0.74579058068869819</v>
      </c>
      <c r="O4067" s="58">
        <f>IF(Input!$K$13=2,J4067*Input!$J$13,0)+IF(Input!$K$14=2,K4067*Input!$J$14,0)+IF(Input!$K$15=2,L4067*Input!$J$15,0)+IF(Input!$K$16=2,M4067*Input!$J$16,0)</f>
        <v>7.2436515031069099E-2</v>
      </c>
      <c r="P4067" s="58">
        <f>IF(Input!$K$13=3,J4067*Input!$J$13,0)+IF(Input!$K$14=3,K4067*Input!$J$14,0)+IF(Input!$K$15=3,L4067*Input!$J$15,0)+IF(Input!$K$16=3,M4067*Input!$J$16,0)</f>
        <v>0</v>
      </c>
      <c r="Q4067" s="71">
        <f>IF(Input!$K$13=4,J4067*Input!$J$13,0)+IF(Input!$K$14=4,K4067*Input!$J$14,0)+IF(Input!$K$15=4,L4067*Input!$J$15,0)+IF(Input!$K$16=4,M4067*Input!$J$16,0)</f>
        <v>0</v>
      </c>
    </row>
    <row r="4068" spans="8:17" x14ac:dyDescent="0.25">
      <c r="H4068" s="43">
        <v>4061</v>
      </c>
      <c r="I4068" s="55">
        <f>Bühler!I4094</f>
        <v>0</v>
      </c>
      <c r="J4068" s="58">
        <f>Bühler!J4094</f>
        <v>6.2149215057391523</v>
      </c>
      <c r="K4068" s="58">
        <f>Bühler!K4094</f>
        <v>0.5365667780079193</v>
      </c>
      <c r="L4068" s="58">
        <f>Bühler!L4094</f>
        <v>0.26828338900395965</v>
      </c>
      <c r="M4068" s="57">
        <f>Bühler!M4094</f>
        <v>0</v>
      </c>
      <c r="N4068" s="55">
        <f>IF(Input!$K$13=1,J4068*Input!$J$13,0)+IF(Input!$K$14=1,K4068*Input!$J$14,0)+IF(Input!$K$15=1,L4068*Input!$J$15,0)+IF(Input!$K$16=1,M4068*Input!$J$16,0)</f>
        <v>0.74579058068869819</v>
      </c>
      <c r="O4068" s="58">
        <f>IF(Input!$K$13=2,J4068*Input!$J$13,0)+IF(Input!$K$14=2,K4068*Input!$J$14,0)+IF(Input!$K$15=2,L4068*Input!$J$15,0)+IF(Input!$K$16=2,M4068*Input!$J$16,0)</f>
        <v>7.2436515031069099E-2</v>
      </c>
      <c r="P4068" s="58">
        <f>IF(Input!$K$13=3,J4068*Input!$J$13,0)+IF(Input!$K$14=3,K4068*Input!$J$14,0)+IF(Input!$K$15=3,L4068*Input!$J$15,0)+IF(Input!$K$16=3,M4068*Input!$J$16,0)</f>
        <v>0</v>
      </c>
      <c r="Q4068" s="71">
        <f>IF(Input!$K$13=4,J4068*Input!$J$13,0)+IF(Input!$K$14=4,K4068*Input!$J$14,0)+IF(Input!$K$15=4,L4068*Input!$J$15,0)+IF(Input!$K$16=4,M4068*Input!$J$16,0)</f>
        <v>0</v>
      </c>
    </row>
    <row r="4069" spans="8:17" x14ac:dyDescent="0.25">
      <c r="H4069" s="43">
        <v>4062</v>
      </c>
      <c r="I4069" s="55">
        <f>Bühler!I4095</f>
        <v>0</v>
      </c>
      <c r="J4069" s="58">
        <f>Bühler!J4095</f>
        <v>6.2149215057391523</v>
      </c>
      <c r="K4069" s="58">
        <f>Bühler!K4095</f>
        <v>0.5365667780079193</v>
      </c>
      <c r="L4069" s="58">
        <f>Bühler!L4095</f>
        <v>0.26828338900395965</v>
      </c>
      <c r="M4069" s="57">
        <f>Bühler!M4095</f>
        <v>0</v>
      </c>
      <c r="N4069" s="55">
        <f>IF(Input!$K$13=1,J4069*Input!$J$13,0)+IF(Input!$K$14=1,K4069*Input!$J$14,0)+IF(Input!$K$15=1,L4069*Input!$J$15,0)+IF(Input!$K$16=1,M4069*Input!$J$16,0)</f>
        <v>0.74579058068869819</v>
      </c>
      <c r="O4069" s="58">
        <f>IF(Input!$K$13=2,J4069*Input!$J$13,0)+IF(Input!$K$14=2,K4069*Input!$J$14,0)+IF(Input!$K$15=2,L4069*Input!$J$15,0)+IF(Input!$K$16=2,M4069*Input!$J$16,0)</f>
        <v>7.2436515031069099E-2</v>
      </c>
      <c r="P4069" s="58">
        <f>IF(Input!$K$13=3,J4069*Input!$J$13,0)+IF(Input!$K$14=3,K4069*Input!$J$14,0)+IF(Input!$K$15=3,L4069*Input!$J$15,0)+IF(Input!$K$16=3,M4069*Input!$J$16,0)</f>
        <v>0</v>
      </c>
      <c r="Q4069" s="71">
        <f>IF(Input!$K$13=4,J4069*Input!$J$13,0)+IF(Input!$K$14=4,K4069*Input!$J$14,0)+IF(Input!$K$15=4,L4069*Input!$J$15,0)+IF(Input!$K$16=4,M4069*Input!$J$16,0)</f>
        <v>0</v>
      </c>
    </row>
    <row r="4070" spans="8:17" x14ac:dyDescent="0.25">
      <c r="H4070" s="43">
        <v>4063</v>
      </c>
      <c r="I4070" s="55">
        <f>Bühler!I4096</f>
        <v>0</v>
      </c>
      <c r="J4070" s="58">
        <f>Bühler!J4096</f>
        <v>6.2149215057391523</v>
      </c>
      <c r="K4070" s="58">
        <f>Bühler!K4096</f>
        <v>0.5365667780079193</v>
      </c>
      <c r="L4070" s="58">
        <f>Bühler!L4096</f>
        <v>0.26828338900395965</v>
      </c>
      <c r="M4070" s="57">
        <f>Bühler!M4096</f>
        <v>0</v>
      </c>
      <c r="N4070" s="55">
        <f>IF(Input!$K$13=1,J4070*Input!$J$13,0)+IF(Input!$K$14=1,K4070*Input!$J$14,0)+IF(Input!$K$15=1,L4070*Input!$J$15,0)+IF(Input!$K$16=1,M4070*Input!$J$16,0)</f>
        <v>0.74579058068869819</v>
      </c>
      <c r="O4070" s="58">
        <f>IF(Input!$K$13=2,J4070*Input!$J$13,0)+IF(Input!$K$14=2,K4070*Input!$J$14,0)+IF(Input!$K$15=2,L4070*Input!$J$15,0)+IF(Input!$K$16=2,M4070*Input!$J$16,0)</f>
        <v>7.2436515031069099E-2</v>
      </c>
      <c r="P4070" s="58">
        <f>IF(Input!$K$13=3,J4070*Input!$J$13,0)+IF(Input!$K$14=3,K4070*Input!$J$14,0)+IF(Input!$K$15=3,L4070*Input!$J$15,0)+IF(Input!$K$16=3,M4070*Input!$J$16,0)</f>
        <v>0</v>
      </c>
      <c r="Q4070" s="71">
        <f>IF(Input!$K$13=4,J4070*Input!$J$13,0)+IF(Input!$K$14=4,K4070*Input!$J$14,0)+IF(Input!$K$15=4,L4070*Input!$J$15,0)+IF(Input!$K$16=4,M4070*Input!$J$16,0)</f>
        <v>0</v>
      </c>
    </row>
    <row r="4071" spans="8:17" x14ac:dyDescent="0.25">
      <c r="H4071" s="43">
        <v>4064</v>
      </c>
      <c r="I4071" s="55">
        <f>Bühler!I4097</f>
        <v>0</v>
      </c>
      <c r="J4071" s="58">
        <f>Bühler!J4097</f>
        <v>26.47556561444879</v>
      </c>
      <c r="K4071" s="58">
        <f>Bühler!K4097</f>
        <v>2.2857744743137363</v>
      </c>
      <c r="L4071" s="58">
        <f>Bühler!L4097</f>
        <v>1.1428872371568681</v>
      </c>
      <c r="M4071" s="57">
        <f>Bühler!M4097</f>
        <v>0</v>
      </c>
      <c r="N4071" s="55">
        <f>IF(Input!$K$13=1,J4071*Input!$J$13,0)+IF(Input!$K$14=1,K4071*Input!$J$14,0)+IF(Input!$K$15=1,L4071*Input!$J$15,0)+IF(Input!$K$16=1,M4071*Input!$J$16,0)</f>
        <v>3.1770678737338547</v>
      </c>
      <c r="O4071" s="58">
        <f>IF(Input!$K$13=2,J4071*Input!$J$13,0)+IF(Input!$K$14=2,K4071*Input!$J$14,0)+IF(Input!$K$15=2,L4071*Input!$J$15,0)+IF(Input!$K$16=2,M4071*Input!$J$16,0)</f>
        <v>0.30857955403235438</v>
      </c>
      <c r="P4071" s="58">
        <f>IF(Input!$K$13=3,J4071*Input!$J$13,0)+IF(Input!$K$14=3,K4071*Input!$J$14,0)+IF(Input!$K$15=3,L4071*Input!$J$15,0)+IF(Input!$K$16=3,M4071*Input!$J$16,0)</f>
        <v>0</v>
      </c>
      <c r="Q4071" s="71">
        <f>IF(Input!$K$13=4,J4071*Input!$J$13,0)+IF(Input!$K$14=4,K4071*Input!$J$14,0)+IF(Input!$K$15=4,L4071*Input!$J$15,0)+IF(Input!$K$16=4,M4071*Input!$J$16,0)</f>
        <v>0</v>
      </c>
    </row>
    <row r="4072" spans="8:17" x14ac:dyDescent="0.25">
      <c r="H4072" s="43">
        <v>4065</v>
      </c>
      <c r="I4072" s="55">
        <f>Bühler!I4098</f>
        <v>0</v>
      </c>
      <c r="J4072" s="58">
        <f>Bühler!J4098</f>
        <v>29.785011316254888</v>
      </c>
      <c r="K4072" s="58">
        <f>Bühler!K4098</f>
        <v>2.5714962836029533</v>
      </c>
      <c r="L4072" s="58">
        <f>Bühler!L4098</f>
        <v>1.2857481418014767</v>
      </c>
      <c r="M4072" s="57">
        <f>Bühler!M4098</f>
        <v>0</v>
      </c>
      <c r="N4072" s="55">
        <f>IF(Input!$K$13=1,J4072*Input!$J$13,0)+IF(Input!$K$14=1,K4072*Input!$J$14,0)+IF(Input!$K$15=1,L4072*Input!$J$15,0)+IF(Input!$K$16=1,M4072*Input!$J$16,0)</f>
        <v>3.5742013579505865</v>
      </c>
      <c r="O4072" s="58">
        <f>IF(Input!$K$13=2,J4072*Input!$J$13,0)+IF(Input!$K$14=2,K4072*Input!$J$14,0)+IF(Input!$K$15=2,L4072*Input!$J$15,0)+IF(Input!$K$16=2,M4072*Input!$J$16,0)</f>
        <v>0.34715199828639864</v>
      </c>
      <c r="P4072" s="58">
        <f>IF(Input!$K$13=3,J4072*Input!$J$13,0)+IF(Input!$K$14=3,K4072*Input!$J$14,0)+IF(Input!$K$15=3,L4072*Input!$J$15,0)+IF(Input!$K$16=3,M4072*Input!$J$16,0)</f>
        <v>0</v>
      </c>
      <c r="Q4072" s="71">
        <f>IF(Input!$K$13=4,J4072*Input!$J$13,0)+IF(Input!$K$14=4,K4072*Input!$J$14,0)+IF(Input!$K$15=4,L4072*Input!$J$15,0)+IF(Input!$K$16=4,M4072*Input!$J$16,0)</f>
        <v>0</v>
      </c>
    </row>
    <row r="4073" spans="8:17" x14ac:dyDescent="0.25">
      <c r="H4073" s="43">
        <v>4066</v>
      </c>
      <c r="I4073" s="55">
        <f>Bühler!I4099</f>
        <v>0</v>
      </c>
      <c r="J4073" s="58">
        <f>Bühler!J4099</f>
        <v>33.094457018060986</v>
      </c>
      <c r="K4073" s="58">
        <f>Bühler!K4099</f>
        <v>2.8572180928921704</v>
      </c>
      <c r="L4073" s="58">
        <f>Bühler!L4099</f>
        <v>1.4286090464460852</v>
      </c>
      <c r="M4073" s="57">
        <f>Bühler!M4099</f>
        <v>0</v>
      </c>
      <c r="N4073" s="55">
        <f>IF(Input!$K$13=1,J4073*Input!$J$13,0)+IF(Input!$K$14=1,K4073*Input!$J$14,0)+IF(Input!$K$15=1,L4073*Input!$J$15,0)+IF(Input!$K$16=1,M4073*Input!$J$16,0)</f>
        <v>3.9713348421673182</v>
      </c>
      <c r="O4073" s="58">
        <f>IF(Input!$K$13=2,J4073*Input!$J$13,0)+IF(Input!$K$14=2,K4073*Input!$J$14,0)+IF(Input!$K$15=2,L4073*Input!$J$15,0)+IF(Input!$K$16=2,M4073*Input!$J$16,0)</f>
        <v>0.38572444254044302</v>
      </c>
      <c r="P4073" s="58">
        <f>IF(Input!$K$13=3,J4073*Input!$J$13,0)+IF(Input!$K$14=3,K4073*Input!$J$14,0)+IF(Input!$K$15=3,L4073*Input!$J$15,0)+IF(Input!$K$16=3,M4073*Input!$J$16,0)</f>
        <v>0</v>
      </c>
      <c r="Q4073" s="71">
        <f>IF(Input!$K$13=4,J4073*Input!$J$13,0)+IF(Input!$K$14=4,K4073*Input!$J$14,0)+IF(Input!$K$15=4,L4073*Input!$J$15,0)+IF(Input!$K$16=4,M4073*Input!$J$16,0)</f>
        <v>0</v>
      </c>
    </row>
    <row r="4074" spans="8:17" x14ac:dyDescent="0.25">
      <c r="H4074" s="43">
        <v>4067</v>
      </c>
      <c r="I4074" s="55">
        <f>Bühler!I4100</f>
        <v>0</v>
      </c>
      <c r="J4074" s="58">
        <f>Bühler!J4100</f>
        <v>33.094457018060986</v>
      </c>
      <c r="K4074" s="58">
        <f>Bühler!K4100</f>
        <v>2.8572180928921704</v>
      </c>
      <c r="L4074" s="58">
        <f>Bühler!L4100</f>
        <v>1.4286090464460852</v>
      </c>
      <c r="M4074" s="57">
        <f>Bühler!M4100</f>
        <v>0</v>
      </c>
      <c r="N4074" s="55">
        <f>IF(Input!$K$13=1,J4074*Input!$J$13,0)+IF(Input!$K$14=1,K4074*Input!$J$14,0)+IF(Input!$K$15=1,L4074*Input!$J$15,0)+IF(Input!$K$16=1,M4074*Input!$J$16,0)</f>
        <v>3.9713348421673182</v>
      </c>
      <c r="O4074" s="58">
        <f>IF(Input!$K$13=2,J4074*Input!$J$13,0)+IF(Input!$K$14=2,K4074*Input!$J$14,0)+IF(Input!$K$15=2,L4074*Input!$J$15,0)+IF(Input!$K$16=2,M4074*Input!$J$16,0)</f>
        <v>0.38572444254044302</v>
      </c>
      <c r="P4074" s="58">
        <f>IF(Input!$K$13=3,J4074*Input!$J$13,0)+IF(Input!$K$14=3,K4074*Input!$J$14,0)+IF(Input!$K$15=3,L4074*Input!$J$15,0)+IF(Input!$K$16=3,M4074*Input!$J$16,0)</f>
        <v>0</v>
      </c>
      <c r="Q4074" s="71">
        <f>IF(Input!$K$13=4,J4074*Input!$J$13,0)+IF(Input!$K$14=4,K4074*Input!$J$14,0)+IF(Input!$K$15=4,L4074*Input!$J$15,0)+IF(Input!$K$16=4,M4074*Input!$J$16,0)</f>
        <v>0</v>
      </c>
    </row>
    <row r="4075" spans="8:17" x14ac:dyDescent="0.25">
      <c r="H4075" s="43">
        <v>4068</v>
      </c>
      <c r="I4075" s="55">
        <f>Bühler!I4101</f>
        <v>0</v>
      </c>
      <c r="J4075" s="58">
        <f>Bühler!J4101</f>
        <v>39.713348421673182</v>
      </c>
      <c r="K4075" s="58">
        <f>Bühler!K4101</f>
        <v>3.4286617114706042</v>
      </c>
      <c r="L4075" s="58">
        <f>Bühler!L4101</f>
        <v>1.7143308557353021</v>
      </c>
      <c r="M4075" s="57">
        <f>Bühler!M4101</f>
        <v>0</v>
      </c>
      <c r="N4075" s="55">
        <f>IF(Input!$K$13=1,J4075*Input!$J$13,0)+IF(Input!$K$14=1,K4075*Input!$J$14,0)+IF(Input!$K$15=1,L4075*Input!$J$15,0)+IF(Input!$K$16=1,M4075*Input!$J$16,0)</f>
        <v>4.7656018106007814</v>
      </c>
      <c r="O4075" s="58">
        <f>IF(Input!$K$13=2,J4075*Input!$J$13,0)+IF(Input!$K$14=2,K4075*Input!$J$14,0)+IF(Input!$K$15=2,L4075*Input!$J$15,0)+IF(Input!$K$16=2,M4075*Input!$J$16,0)</f>
        <v>0.46286933104853156</v>
      </c>
      <c r="P4075" s="58">
        <f>IF(Input!$K$13=3,J4075*Input!$J$13,0)+IF(Input!$K$14=3,K4075*Input!$J$14,0)+IF(Input!$K$15=3,L4075*Input!$J$15,0)+IF(Input!$K$16=3,M4075*Input!$J$16,0)</f>
        <v>0</v>
      </c>
      <c r="Q4075" s="71">
        <f>IF(Input!$K$13=4,J4075*Input!$J$13,0)+IF(Input!$K$14=4,K4075*Input!$J$14,0)+IF(Input!$K$15=4,L4075*Input!$J$15,0)+IF(Input!$K$16=4,M4075*Input!$J$16,0)</f>
        <v>0</v>
      </c>
    </row>
    <row r="4076" spans="8:17" x14ac:dyDescent="0.25">
      <c r="H4076" s="43">
        <v>4069</v>
      </c>
      <c r="I4076" s="55">
        <f>Bühler!I4102</f>
        <v>0</v>
      </c>
      <c r="J4076" s="58">
        <f>Bühler!J4102</f>
        <v>39.713348421673182</v>
      </c>
      <c r="K4076" s="58">
        <f>Bühler!K4102</f>
        <v>3.4286617114706042</v>
      </c>
      <c r="L4076" s="58">
        <f>Bühler!L4102</f>
        <v>1.7143308557353021</v>
      </c>
      <c r="M4076" s="57">
        <f>Bühler!M4102</f>
        <v>0</v>
      </c>
      <c r="N4076" s="55">
        <f>IF(Input!$K$13=1,J4076*Input!$J$13,0)+IF(Input!$K$14=1,K4076*Input!$J$14,0)+IF(Input!$K$15=1,L4076*Input!$J$15,0)+IF(Input!$K$16=1,M4076*Input!$J$16,0)</f>
        <v>4.7656018106007814</v>
      </c>
      <c r="O4076" s="58">
        <f>IF(Input!$K$13=2,J4076*Input!$J$13,0)+IF(Input!$K$14=2,K4076*Input!$J$14,0)+IF(Input!$K$15=2,L4076*Input!$J$15,0)+IF(Input!$K$16=2,M4076*Input!$J$16,0)</f>
        <v>0.46286933104853156</v>
      </c>
      <c r="P4076" s="58">
        <f>IF(Input!$K$13=3,J4076*Input!$J$13,0)+IF(Input!$K$14=3,K4076*Input!$J$14,0)+IF(Input!$K$15=3,L4076*Input!$J$15,0)+IF(Input!$K$16=3,M4076*Input!$J$16,0)</f>
        <v>0</v>
      </c>
      <c r="Q4076" s="71">
        <f>IF(Input!$K$13=4,J4076*Input!$J$13,0)+IF(Input!$K$14=4,K4076*Input!$J$14,0)+IF(Input!$K$15=4,L4076*Input!$J$15,0)+IF(Input!$K$16=4,M4076*Input!$J$16,0)</f>
        <v>0</v>
      </c>
    </row>
    <row r="4077" spans="8:17" x14ac:dyDescent="0.25">
      <c r="H4077" s="43">
        <v>4070</v>
      </c>
      <c r="I4077" s="55">
        <f>Bühler!I4103</f>
        <v>0</v>
      </c>
      <c r="J4077" s="58">
        <f>Bühler!J4103</f>
        <v>26.47556561444879</v>
      </c>
      <c r="K4077" s="58">
        <f>Bühler!K4103</f>
        <v>2.2857744743137363</v>
      </c>
      <c r="L4077" s="58">
        <f>Bühler!L4103</f>
        <v>1.1428872371568681</v>
      </c>
      <c r="M4077" s="57">
        <f>Bühler!M4103</f>
        <v>0</v>
      </c>
      <c r="N4077" s="55">
        <f>IF(Input!$K$13=1,J4077*Input!$J$13,0)+IF(Input!$K$14=1,K4077*Input!$J$14,0)+IF(Input!$K$15=1,L4077*Input!$J$15,0)+IF(Input!$K$16=1,M4077*Input!$J$16,0)</f>
        <v>3.1770678737338547</v>
      </c>
      <c r="O4077" s="58">
        <f>IF(Input!$K$13=2,J4077*Input!$J$13,0)+IF(Input!$K$14=2,K4077*Input!$J$14,0)+IF(Input!$K$15=2,L4077*Input!$J$15,0)+IF(Input!$K$16=2,M4077*Input!$J$16,0)</f>
        <v>0.30857955403235438</v>
      </c>
      <c r="P4077" s="58">
        <f>IF(Input!$K$13=3,J4077*Input!$J$13,0)+IF(Input!$K$14=3,K4077*Input!$J$14,0)+IF(Input!$K$15=3,L4077*Input!$J$15,0)+IF(Input!$K$16=3,M4077*Input!$J$16,0)</f>
        <v>0</v>
      </c>
      <c r="Q4077" s="71">
        <f>IF(Input!$K$13=4,J4077*Input!$J$13,0)+IF(Input!$K$14=4,K4077*Input!$J$14,0)+IF(Input!$K$15=4,L4077*Input!$J$15,0)+IF(Input!$K$16=4,M4077*Input!$J$16,0)</f>
        <v>0</v>
      </c>
    </row>
    <row r="4078" spans="8:17" x14ac:dyDescent="0.25">
      <c r="H4078" s="43">
        <v>4071</v>
      </c>
      <c r="I4078" s="55">
        <f>Bühler!I4104</f>
        <v>0</v>
      </c>
      <c r="J4078" s="58">
        <f>Bühler!J4104</f>
        <v>39.713348421673182</v>
      </c>
      <c r="K4078" s="58">
        <f>Bühler!K4104</f>
        <v>3.4286617114706042</v>
      </c>
      <c r="L4078" s="58">
        <f>Bühler!L4104</f>
        <v>1.7143308557353021</v>
      </c>
      <c r="M4078" s="57">
        <f>Bühler!M4104</f>
        <v>0</v>
      </c>
      <c r="N4078" s="55">
        <f>IF(Input!$K$13=1,J4078*Input!$J$13,0)+IF(Input!$K$14=1,K4078*Input!$J$14,0)+IF(Input!$K$15=1,L4078*Input!$J$15,0)+IF(Input!$K$16=1,M4078*Input!$J$16,0)</f>
        <v>4.7656018106007814</v>
      </c>
      <c r="O4078" s="58">
        <f>IF(Input!$K$13=2,J4078*Input!$J$13,0)+IF(Input!$K$14=2,K4078*Input!$J$14,0)+IF(Input!$K$15=2,L4078*Input!$J$15,0)+IF(Input!$K$16=2,M4078*Input!$J$16,0)</f>
        <v>0.46286933104853156</v>
      </c>
      <c r="P4078" s="58">
        <f>IF(Input!$K$13=3,J4078*Input!$J$13,0)+IF(Input!$K$14=3,K4078*Input!$J$14,0)+IF(Input!$K$15=3,L4078*Input!$J$15,0)+IF(Input!$K$16=3,M4078*Input!$J$16,0)</f>
        <v>0</v>
      </c>
      <c r="Q4078" s="71">
        <f>IF(Input!$K$13=4,J4078*Input!$J$13,0)+IF(Input!$K$14=4,K4078*Input!$J$14,0)+IF(Input!$K$15=4,L4078*Input!$J$15,0)+IF(Input!$K$16=4,M4078*Input!$J$16,0)</f>
        <v>0</v>
      </c>
    </row>
    <row r="4079" spans="8:17" x14ac:dyDescent="0.25">
      <c r="H4079" s="43">
        <v>4072</v>
      </c>
      <c r="I4079" s="55">
        <f>Bühler!I4105</f>
        <v>0</v>
      </c>
      <c r="J4079" s="58">
        <f>Bühler!J4105</f>
        <v>39.713348421673182</v>
      </c>
      <c r="K4079" s="58">
        <f>Bühler!K4105</f>
        <v>3.4286617114706042</v>
      </c>
      <c r="L4079" s="58">
        <f>Bühler!L4105</f>
        <v>1.7143308557353021</v>
      </c>
      <c r="M4079" s="57">
        <f>Bühler!M4105</f>
        <v>0</v>
      </c>
      <c r="N4079" s="55">
        <f>IF(Input!$K$13=1,J4079*Input!$J$13,0)+IF(Input!$K$14=1,K4079*Input!$J$14,0)+IF(Input!$K$15=1,L4079*Input!$J$15,0)+IF(Input!$K$16=1,M4079*Input!$J$16,0)</f>
        <v>4.7656018106007814</v>
      </c>
      <c r="O4079" s="58">
        <f>IF(Input!$K$13=2,J4079*Input!$J$13,0)+IF(Input!$K$14=2,K4079*Input!$J$14,0)+IF(Input!$K$15=2,L4079*Input!$J$15,0)+IF(Input!$K$16=2,M4079*Input!$J$16,0)</f>
        <v>0.46286933104853156</v>
      </c>
      <c r="P4079" s="58">
        <f>IF(Input!$K$13=3,J4079*Input!$J$13,0)+IF(Input!$K$14=3,K4079*Input!$J$14,0)+IF(Input!$K$15=3,L4079*Input!$J$15,0)+IF(Input!$K$16=3,M4079*Input!$J$16,0)</f>
        <v>0</v>
      </c>
      <c r="Q4079" s="71">
        <f>IF(Input!$K$13=4,J4079*Input!$J$13,0)+IF(Input!$K$14=4,K4079*Input!$J$14,0)+IF(Input!$K$15=4,L4079*Input!$J$15,0)+IF(Input!$K$16=4,M4079*Input!$J$16,0)</f>
        <v>0</v>
      </c>
    </row>
    <row r="4080" spans="8:17" x14ac:dyDescent="0.25">
      <c r="H4080" s="43">
        <v>4073</v>
      </c>
      <c r="I4080" s="55">
        <f>Bühler!I4106</f>
        <v>0</v>
      </c>
      <c r="J4080" s="58">
        <f>Bühler!J4106</f>
        <v>23.166119912642692</v>
      </c>
      <c r="K4080" s="58">
        <f>Bühler!K4106</f>
        <v>2.0000526650245192</v>
      </c>
      <c r="L4080" s="58">
        <f>Bühler!L4106</f>
        <v>1.0000263325122596</v>
      </c>
      <c r="M4080" s="57">
        <f>Bühler!M4106</f>
        <v>0</v>
      </c>
      <c r="N4080" s="55">
        <f>IF(Input!$K$13=1,J4080*Input!$J$13,0)+IF(Input!$K$14=1,K4080*Input!$J$14,0)+IF(Input!$K$15=1,L4080*Input!$J$15,0)+IF(Input!$K$16=1,M4080*Input!$J$16,0)</f>
        <v>2.7799343895171229</v>
      </c>
      <c r="O4080" s="58">
        <f>IF(Input!$K$13=2,J4080*Input!$J$13,0)+IF(Input!$K$14=2,K4080*Input!$J$14,0)+IF(Input!$K$15=2,L4080*Input!$J$15,0)+IF(Input!$K$16=2,M4080*Input!$J$16,0)</f>
        <v>0.27000710977831011</v>
      </c>
      <c r="P4080" s="58">
        <f>IF(Input!$K$13=3,J4080*Input!$J$13,0)+IF(Input!$K$14=3,K4080*Input!$J$14,0)+IF(Input!$K$15=3,L4080*Input!$J$15,0)+IF(Input!$K$16=3,M4080*Input!$J$16,0)</f>
        <v>0</v>
      </c>
      <c r="Q4080" s="71">
        <f>IF(Input!$K$13=4,J4080*Input!$J$13,0)+IF(Input!$K$14=4,K4080*Input!$J$14,0)+IF(Input!$K$15=4,L4080*Input!$J$15,0)+IF(Input!$K$16=4,M4080*Input!$J$16,0)</f>
        <v>0</v>
      </c>
    </row>
    <row r="4081" spans="8:17" x14ac:dyDescent="0.25">
      <c r="H4081" s="43">
        <v>4074</v>
      </c>
      <c r="I4081" s="55">
        <f>Bühler!I4107</f>
        <v>0</v>
      </c>
      <c r="J4081" s="58">
        <f>Bühler!J4107</f>
        <v>6.6188914036121975</v>
      </c>
      <c r="K4081" s="58">
        <f>Bühler!K4107</f>
        <v>0.57144361857843406</v>
      </c>
      <c r="L4081" s="58">
        <f>Bühler!L4107</f>
        <v>0.28572180928921703</v>
      </c>
      <c r="M4081" s="57">
        <f>Bühler!M4107</f>
        <v>0</v>
      </c>
      <c r="N4081" s="55">
        <f>IF(Input!$K$13=1,J4081*Input!$J$13,0)+IF(Input!$K$14=1,K4081*Input!$J$14,0)+IF(Input!$K$15=1,L4081*Input!$J$15,0)+IF(Input!$K$16=1,M4081*Input!$J$16,0)</f>
        <v>0.79426696843346367</v>
      </c>
      <c r="O4081" s="58">
        <f>IF(Input!$K$13=2,J4081*Input!$J$13,0)+IF(Input!$K$14=2,K4081*Input!$J$14,0)+IF(Input!$K$15=2,L4081*Input!$J$15,0)+IF(Input!$K$16=2,M4081*Input!$J$16,0)</f>
        <v>7.7144888508088594E-2</v>
      </c>
      <c r="P4081" s="58">
        <f>IF(Input!$K$13=3,J4081*Input!$J$13,0)+IF(Input!$K$14=3,K4081*Input!$J$14,0)+IF(Input!$K$15=3,L4081*Input!$J$15,0)+IF(Input!$K$16=3,M4081*Input!$J$16,0)</f>
        <v>0</v>
      </c>
      <c r="Q4081" s="71">
        <f>IF(Input!$K$13=4,J4081*Input!$J$13,0)+IF(Input!$K$14=4,K4081*Input!$J$14,0)+IF(Input!$K$15=4,L4081*Input!$J$15,0)+IF(Input!$K$16=4,M4081*Input!$J$16,0)</f>
        <v>0</v>
      </c>
    </row>
    <row r="4082" spans="8:17" x14ac:dyDescent="0.25">
      <c r="H4082" s="43">
        <v>4075</v>
      </c>
      <c r="I4082" s="55">
        <f>Bühler!I4108</f>
        <v>0</v>
      </c>
      <c r="J4082" s="58">
        <f>Bühler!J4108</f>
        <v>6.5256675810261102</v>
      </c>
      <c r="K4082" s="58">
        <f>Bühler!K4108</f>
        <v>0.56339511690831523</v>
      </c>
      <c r="L4082" s="58">
        <f>Bühler!L4108</f>
        <v>0.28169755845415761</v>
      </c>
      <c r="M4082" s="57">
        <f>Bühler!M4108</f>
        <v>0</v>
      </c>
      <c r="N4082" s="55">
        <f>IF(Input!$K$13=1,J4082*Input!$J$13,0)+IF(Input!$K$14=1,K4082*Input!$J$14,0)+IF(Input!$K$15=1,L4082*Input!$J$15,0)+IF(Input!$K$16=1,M4082*Input!$J$16,0)</f>
        <v>0.78308010972313324</v>
      </c>
      <c r="O4082" s="58">
        <f>IF(Input!$K$13=2,J4082*Input!$J$13,0)+IF(Input!$K$14=2,K4082*Input!$J$14,0)+IF(Input!$K$15=2,L4082*Input!$J$15,0)+IF(Input!$K$16=2,M4082*Input!$J$16,0)</f>
        <v>7.6058340782622552E-2</v>
      </c>
      <c r="P4082" s="58">
        <f>IF(Input!$K$13=3,J4082*Input!$J$13,0)+IF(Input!$K$14=3,K4082*Input!$J$14,0)+IF(Input!$K$15=3,L4082*Input!$J$15,0)+IF(Input!$K$16=3,M4082*Input!$J$16,0)</f>
        <v>0</v>
      </c>
      <c r="Q4082" s="71">
        <f>IF(Input!$K$13=4,J4082*Input!$J$13,0)+IF(Input!$K$14=4,K4082*Input!$J$14,0)+IF(Input!$K$15=4,L4082*Input!$J$15,0)+IF(Input!$K$16=4,M4082*Input!$J$16,0)</f>
        <v>0</v>
      </c>
    </row>
    <row r="4083" spans="8:17" x14ac:dyDescent="0.25">
      <c r="H4083" s="43">
        <v>4076</v>
      </c>
      <c r="I4083" s="55">
        <f>Bühler!I4109</f>
        <v>0</v>
      </c>
      <c r="J4083" s="58">
        <f>Bühler!J4109</f>
        <v>6.5256675810261102</v>
      </c>
      <c r="K4083" s="58">
        <f>Bühler!K4109</f>
        <v>0.56339511690831523</v>
      </c>
      <c r="L4083" s="58">
        <f>Bühler!L4109</f>
        <v>0.28169755845415761</v>
      </c>
      <c r="M4083" s="57">
        <f>Bühler!M4109</f>
        <v>0</v>
      </c>
      <c r="N4083" s="55">
        <f>IF(Input!$K$13=1,J4083*Input!$J$13,0)+IF(Input!$K$14=1,K4083*Input!$J$14,0)+IF(Input!$K$15=1,L4083*Input!$J$15,0)+IF(Input!$K$16=1,M4083*Input!$J$16,0)</f>
        <v>0.78308010972313324</v>
      </c>
      <c r="O4083" s="58">
        <f>IF(Input!$K$13=2,J4083*Input!$J$13,0)+IF(Input!$K$14=2,K4083*Input!$J$14,0)+IF(Input!$K$15=2,L4083*Input!$J$15,0)+IF(Input!$K$16=2,M4083*Input!$J$16,0)</f>
        <v>7.6058340782622552E-2</v>
      </c>
      <c r="P4083" s="58">
        <f>IF(Input!$K$13=3,J4083*Input!$J$13,0)+IF(Input!$K$14=3,K4083*Input!$J$14,0)+IF(Input!$K$15=3,L4083*Input!$J$15,0)+IF(Input!$K$16=3,M4083*Input!$J$16,0)</f>
        <v>0</v>
      </c>
      <c r="Q4083" s="71">
        <f>IF(Input!$K$13=4,J4083*Input!$J$13,0)+IF(Input!$K$14=4,K4083*Input!$J$14,0)+IF(Input!$K$15=4,L4083*Input!$J$15,0)+IF(Input!$K$16=4,M4083*Input!$J$16,0)</f>
        <v>0</v>
      </c>
    </row>
    <row r="4084" spans="8:17" x14ac:dyDescent="0.25">
      <c r="H4084" s="43">
        <v>4077</v>
      </c>
      <c r="I4084" s="55">
        <f>Bühler!I4110</f>
        <v>0</v>
      </c>
      <c r="J4084" s="58">
        <f>Bühler!J4110</f>
        <v>6.5256675810261102</v>
      </c>
      <c r="K4084" s="58">
        <f>Bühler!K4110</f>
        <v>0.56339511690831523</v>
      </c>
      <c r="L4084" s="58">
        <f>Bühler!L4110</f>
        <v>0.28169755845415761</v>
      </c>
      <c r="M4084" s="57">
        <f>Bühler!M4110</f>
        <v>0</v>
      </c>
      <c r="N4084" s="55">
        <f>IF(Input!$K$13=1,J4084*Input!$J$13,0)+IF(Input!$K$14=1,K4084*Input!$J$14,0)+IF(Input!$K$15=1,L4084*Input!$J$15,0)+IF(Input!$K$16=1,M4084*Input!$J$16,0)</f>
        <v>0.78308010972313324</v>
      </c>
      <c r="O4084" s="58">
        <f>IF(Input!$K$13=2,J4084*Input!$J$13,0)+IF(Input!$K$14=2,K4084*Input!$J$14,0)+IF(Input!$K$15=2,L4084*Input!$J$15,0)+IF(Input!$K$16=2,M4084*Input!$J$16,0)</f>
        <v>7.6058340782622552E-2</v>
      </c>
      <c r="P4084" s="58">
        <f>IF(Input!$K$13=3,J4084*Input!$J$13,0)+IF(Input!$K$14=3,K4084*Input!$J$14,0)+IF(Input!$K$15=3,L4084*Input!$J$15,0)+IF(Input!$K$16=3,M4084*Input!$J$16,0)</f>
        <v>0</v>
      </c>
      <c r="Q4084" s="71">
        <f>IF(Input!$K$13=4,J4084*Input!$J$13,0)+IF(Input!$K$14=4,K4084*Input!$J$14,0)+IF(Input!$K$15=4,L4084*Input!$J$15,0)+IF(Input!$K$16=4,M4084*Input!$J$16,0)</f>
        <v>0</v>
      </c>
    </row>
    <row r="4085" spans="8:17" x14ac:dyDescent="0.25">
      <c r="H4085" s="43">
        <v>4078</v>
      </c>
      <c r="I4085" s="55">
        <f>Bühler!I4111</f>
        <v>0</v>
      </c>
      <c r="J4085" s="58">
        <f>Bühler!J4111</f>
        <v>6.5256675810261102</v>
      </c>
      <c r="K4085" s="58">
        <f>Bühler!K4111</f>
        <v>0.56339511690831523</v>
      </c>
      <c r="L4085" s="58">
        <f>Bühler!L4111</f>
        <v>0.28169755845415761</v>
      </c>
      <c r="M4085" s="57">
        <f>Bühler!M4111</f>
        <v>0</v>
      </c>
      <c r="N4085" s="55">
        <f>IF(Input!$K$13=1,J4085*Input!$J$13,0)+IF(Input!$K$14=1,K4085*Input!$J$14,0)+IF(Input!$K$15=1,L4085*Input!$J$15,0)+IF(Input!$K$16=1,M4085*Input!$J$16,0)</f>
        <v>0.78308010972313324</v>
      </c>
      <c r="O4085" s="58">
        <f>IF(Input!$K$13=2,J4085*Input!$J$13,0)+IF(Input!$K$14=2,K4085*Input!$J$14,0)+IF(Input!$K$15=2,L4085*Input!$J$15,0)+IF(Input!$K$16=2,M4085*Input!$J$16,0)</f>
        <v>7.6058340782622552E-2</v>
      </c>
      <c r="P4085" s="58">
        <f>IF(Input!$K$13=3,J4085*Input!$J$13,0)+IF(Input!$K$14=3,K4085*Input!$J$14,0)+IF(Input!$K$15=3,L4085*Input!$J$15,0)+IF(Input!$K$16=3,M4085*Input!$J$16,0)</f>
        <v>0</v>
      </c>
      <c r="Q4085" s="71">
        <f>IF(Input!$K$13=4,J4085*Input!$J$13,0)+IF(Input!$K$14=4,K4085*Input!$J$14,0)+IF(Input!$K$15=4,L4085*Input!$J$15,0)+IF(Input!$K$16=4,M4085*Input!$J$16,0)</f>
        <v>0</v>
      </c>
    </row>
    <row r="4086" spans="8:17" x14ac:dyDescent="0.25">
      <c r="H4086" s="43">
        <v>4079</v>
      </c>
      <c r="I4086" s="55">
        <f>Bühler!I4112</f>
        <v>0</v>
      </c>
      <c r="J4086" s="58">
        <f>Bühler!J4112</f>
        <v>6.5256675810261102</v>
      </c>
      <c r="K4086" s="58">
        <f>Bühler!K4112</f>
        <v>0.56339511690831523</v>
      </c>
      <c r="L4086" s="58">
        <f>Bühler!L4112</f>
        <v>0.28169755845415761</v>
      </c>
      <c r="M4086" s="57">
        <f>Bühler!M4112</f>
        <v>0</v>
      </c>
      <c r="N4086" s="55">
        <f>IF(Input!$K$13=1,J4086*Input!$J$13,0)+IF(Input!$K$14=1,K4086*Input!$J$14,0)+IF(Input!$K$15=1,L4086*Input!$J$15,0)+IF(Input!$K$16=1,M4086*Input!$J$16,0)</f>
        <v>0.78308010972313324</v>
      </c>
      <c r="O4086" s="58">
        <f>IF(Input!$K$13=2,J4086*Input!$J$13,0)+IF(Input!$K$14=2,K4086*Input!$J$14,0)+IF(Input!$K$15=2,L4086*Input!$J$15,0)+IF(Input!$K$16=2,M4086*Input!$J$16,0)</f>
        <v>7.6058340782622552E-2</v>
      </c>
      <c r="P4086" s="58">
        <f>IF(Input!$K$13=3,J4086*Input!$J$13,0)+IF(Input!$K$14=3,K4086*Input!$J$14,0)+IF(Input!$K$15=3,L4086*Input!$J$15,0)+IF(Input!$K$16=3,M4086*Input!$J$16,0)</f>
        <v>0</v>
      </c>
      <c r="Q4086" s="71">
        <f>IF(Input!$K$13=4,J4086*Input!$J$13,0)+IF(Input!$K$14=4,K4086*Input!$J$14,0)+IF(Input!$K$15=4,L4086*Input!$J$15,0)+IF(Input!$K$16=4,M4086*Input!$J$16,0)</f>
        <v>0</v>
      </c>
    </row>
    <row r="4087" spans="8:17" x14ac:dyDescent="0.25">
      <c r="H4087" s="43">
        <v>4080</v>
      </c>
      <c r="I4087" s="55">
        <f>Bühler!I4113</f>
        <v>0</v>
      </c>
      <c r="J4087" s="58">
        <f>Bühler!J4113</f>
        <v>6.5256675810261102</v>
      </c>
      <c r="K4087" s="58">
        <f>Bühler!K4113</f>
        <v>0.56339511690831523</v>
      </c>
      <c r="L4087" s="58">
        <f>Bühler!L4113</f>
        <v>0.28169755845415761</v>
      </c>
      <c r="M4087" s="57">
        <f>Bühler!M4113</f>
        <v>0</v>
      </c>
      <c r="N4087" s="55">
        <f>IF(Input!$K$13=1,J4087*Input!$J$13,0)+IF(Input!$K$14=1,K4087*Input!$J$14,0)+IF(Input!$K$15=1,L4087*Input!$J$15,0)+IF(Input!$K$16=1,M4087*Input!$J$16,0)</f>
        <v>0.78308010972313324</v>
      </c>
      <c r="O4087" s="58">
        <f>IF(Input!$K$13=2,J4087*Input!$J$13,0)+IF(Input!$K$14=2,K4087*Input!$J$14,0)+IF(Input!$K$15=2,L4087*Input!$J$15,0)+IF(Input!$K$16=2,M4087*Input!$J$16,0)</f>
        <v>7.6058340782622552E-2</v>
      </c>
      <c r="P4087" s="58">
        <f>IF(Input!$K$13=3,J4087*Input!$J$13,0)+IF(Input!$K$14=3,K4087*Input!$J$14,0)+IF(Input!$K$15=3,L4087*Input!$J$15,0)+IF(Input!$K$16=3,M4087*Input!$J$16,0)</f>
        <v>0</v>
      </c>
      <c r="Q4087" s="71">
        <f>IF(Input!$K$13=4,J4087*Input!$J$13,0)+IF(Input!$K$14=4,K4087*Input!$J$14,0)+IF(Input!$K$15=4,L4087*Input!$J$15,0)+IF(Input!$K$16=4,M4087*Input!$J$16,0)</f>
        <v>0</v>
      </c>
    </row>
    <row r="4088" spans="8:17" x14ac:dyDescent="0.25">
      <c r="H4088" s="43">
        <v>4081</v>
      </c>
      <c r="I4088" s="55">
        <f>Bühler!I4114</f>
        <v>0</v>
      </c>
      <c r="J4088" s="58">
        <f>Bühler!J4114</f>
        <v>3.9666377455735549</v>
      </c>
      <c r="K4088" s="58">
        <f>Bühler!K4114</f>
        <v>0.35137648538678196</v>
      </c>
      <c r="L4088" s="58">
        <f>Bühler!L4114</f>
        <v>0.17568824269339098</v>
      </c>
      <c r="M4088" s="57">
        <f>Bühler!M4114</f>
        <v>0</v>
      </c>
      <c r="N4088" s="55">
        <f>IF(Input!$K$13=1,J4088*Input!$J$13,0)+IF(Input!$K$14=1,K4088*Input!$J$14,0)+IF(Input!$K$15=1,L4088*Input!$J$15,0)+IF(Input!$K$16=1,M4088*Input!$J$16,0)</f>
        <v>0.47599652946882659</v>
      </c>
      <c r="O4088" s="58">
        <f>IF(Input!$K$13=2,J4088*Input!$J$13,0)+IF(Input!$K$14=2,K4088*Input!$J$14,0)+IF(Input!$K$15=2,L4088*Input!$J$15,0)+IF(Input!$K$16=2,M4088*Input!$J$16,0)</f>
        <v>4.7435825527215564E-2</v>
      </c>
      <c r="P4088" s="58">
        <f>IF(Input!$K$13=3,J4088*Input!$J$13,0)+IF(Input!$K$14=3,K4088*Input!$J$14,0)+IF(Input!$K$15=3,L4088*Input!$J$15,0)+IF(Input!$K$16=3,M4088*Input!$J$16,0)</f>
        <v>0</v>
      </c>
      <c r="Q4088" s="71">
        <f>IF(Input!$K$13=4,J4088*Input!$J$13,0)+IF(Input!$K$14=4,K4088*Input!$J$14,0)+IF(Input!$K$15=4,L4088*Input!$J$15,0)+IF(Input!$K$16=4,M4088*Input!$J$16,0)</f>
        <v>0</v>
      </c>
    </row>
    <row r="4089" spans="8:17" x14ac:dyDescent="0.25">
      <c r="H4089" s="43">
        <v>4082</v>
      </c>
      <c r="I4089" s="55">
        <f>Bühler!I4115</f>
        <v>0</v>
      </c>
      <c r="J4089" s="58">
        <f>Bühler!J4115</f>
        <v>6.0444003742073225</v>
      </c>
      <c r="K4089" s="58">
        <f>Bühler!K4115</f>
        <v>0.53543083487509646</v>
      </c>
      <c r="L4089" s="58">
        <f>Bühler!L4115</f>
        <v>0.26771541743754823</v>
      </c>
      <c r="M4089" s="57">
        <f>Bühler!M4115</f>
        <v>0</v>
      </c>
      <c r="N4089" s="55">
        <f>IF(Input!$K$13=1,J4089*Input!$J$13,0)+IF(Input!$K$14=1,K4089*Input!$J$14,0)+IF(Input!$K$15=1,L4089*Input!$J$15,0)+IF(Input!$K$16=1,M4089*Input!$J$16,0)</f>
        <v>0.72532804490487868</v>
      </c>
      <c r="O4089" s="58">
        <f>IF(Input!$K$13=2,J4089*Input!$J$13,0)+IF(Input!$K$14=2,K4089*Input!$J$14,0)+IF(Input!$K$15=2,L4089*Input!$J$15,0)+IF(Input!$K$16=2,M4089*Input!$J$16,0)</f>
        <v>7.2283162708138018E-2</v>
      </c>
      <c r="P4089" s="58">
        <f>IF(Input!$K$13=3,J4089*Input!$J$13,0)+IF(Input!$K$14=3,K4089*Input!$J$14,0)+IF(Input!$K$15=3,L4089*Input!$J$15,0)+IF(Input!$K$16=3,M4089*Input!$J$16,0)</f>
        <v>0</v>
      </c>
      <c r="Q4089" s="71">
        <f>IF(Input!$K$13=4,J4089*Input!$J$13,0)+IF(Input!$K$14=4,K4089*Input!$J$14,0)+IF(Input!$K$15=4,L4089*Input!$J$15,0)+IF(Input!$K$16=4,M4089*Input!$J$16,0)</f>
        <v>0</v>
      </c>
    </row>
    <row r="4090" spans="8:17" x14ac:dyDescent="0.25">
      <c r="H4090" s="43">
        <v>4083</v>
      </c>
      <c r="I4090" s="55">
        <f>Bühler!I4116</f>
        <v>0</v>
      </c>
      <c r="J4090" s="58">
        <f>Bühler!J4116</f>
        <v>6.0444003742073225</v>
      </c>
      <c r="K4090" s="58">
        <f>Bühler!K4116</f>
        <v>0.53543083487509646</v>
      </c>
      <c r="L4090" s="58">
        <f>Bühler!L4116</f>
        <v>0.26771541743754823</v>
      </c>
      <c r="M4090" s="57">
        <f>Bühler!M4116</f>
        <v>0</v>
      </c>
      <c r="N4090" s="55">
        <f>IF(Input!$K$13=1,J4090*Input!$J$13,0)+IF(Input!$K$14=1,K4090*Input!$J$14,0)+IF(Input!$K$15=1,L4090*Input!$J$15,0)+IF(Input!$K$16=1,M4090*Input!$J$16,0)</f>
        <v>0.72532804490487868</v>
      </c>
      <c r="O4090" s="58">
        <f>IF(Input!$K$13=2,J4090*Input!$J$13,0)+IF(Input!$K$14=2,K4090*Input!$J$14,0)+IF(Input!$K$15=2,L4090*Input!$J$15,0)+IF(Input!$K$16=2,M4090*Input!$J$16,0)</f>
        <v>7.2283162708138018E-2</v>
      </c>
      <c r="P4090" s="58">
        <f>IF(Input!$K$13=3,J4090*Input!$J$13,0)+IF(Input!$K$14=3,K4090*Input!$J$14,0)+IF(Input!$K$15=3,L4090*Input!$J$15,0)+IF(Input!$K$16=3,M4090*Input!$J$16,0)</f>
        <v>0</v>
      </c>
      <c r="Q4090" s="71">
        <f>IF(Input!$K$13=4,J4090*Input!$J$13,0)+IF(Input!$K$14=4,K4090*Input!$J$14,0)+IF(Input!$K$15=4,L4090*Input!$J$15,0)+IF(Input!$K$16=4,M4090*Input!$J$16,0)</f>
        <v>0</v>
      </c>
    </row>
    <row r="4091" spans="8:17" x14ac:dyDescent="0.25">
      <c r="H4091" s="43">
        <v>4084</v>
      </c>
      <c r="I4091" s="55">
        <f>Bühler!I4117</f>
        <v>0</v>
      </c>
      <c r="J4091" s="58">
        <f>Bühler!J4117</f>
        <v>6.0444003742073225</v>
      </c>
      <c r="K4091" s="58">
        <f>Bühler!K4117</f>
        <v>0.53543083487509646</v>
      </c>
      <c r="L4091" s="58">
        <f>Bühler!L4117</f>
        <v>0.26771541743754823</v>
      </c>
      <c r="M4091" s="57">
        <f>Bühler!M4117</f>
        <v>0</v>
      </c>
      <c r="N4091" s="55">
        <f>IF(Input!$K$13=1,J4091*Input!$J$13,0)+IF(Input!$K$14=1,K4091*Input!$J$14,0)+IF(Input!$K$15=1,L4091*Input!$J$15,0)+IF(Input!$K$16=1,M4091*Input!$J$16,0)</f>
        <v>0.72532804490487868</v>
      </c>
      <c r="O4091" s="58">
        <f>IF(Input!$K$13=2,J4091*Input!$J$13,0)+IF(Input!$K$14=2,K4091*Input!$J$14,0)+IF(Input!$K$15=2,L4091*Input!$J$15,0)+IF(Input!$K$16=2,M4091*Input!$J$16,0)</f>
        <v>7.2283162708138018E-2</v>
      </c>
      <c r="P4091" s="58">
        <f>IF(Input!$K$13=3,J4091*Input!$J$13,0)+IF(Input!$K$14=3,K4091*Input!$J$14,0)+IF(Input!$K$15=3,L4091*Input!$J$15,0)+IF(Input!$K$16=3,M4091*Input!$J$16,0)</f>
        <v>0</v>
      </c>
      <c r="Q4091" s="71">
        <f>IF(Input!$K$13=4,J4091*Input!$J$13,0)+IF(Input!$K$14=4,K4091*Input!$J$14,0)+IF(Input!$K$15=4,L4091*Input!$J$15,0)+IF(Input!$K$16=4,M4091*Input!$J$16,0)</f>
        <v>0</v>
      </c>
    </row>
    <row r="4092" spans="8:17" x14ac:dyDescent="0.25">
      <c r="H4092" s="43">
        <v>4085</v>
      </c>
      <c r="I4092" s="55">
        <f>Bühler!I4118</f>
        <v>0</v>
      </c>
      <c r="J4092" s="58">
        <f>Bühler!J4118</f>
        <v>6.0444003742073225</v>
      </c>
      <c r="K4092" s="58">
        <f>Bühler!K4118</f>
        <v>0.53543083487509646</v>
      </c>
      <c r="L4092" s="58">
        <f>Bühler!L4118</f>
        <v>0.26771541743754823</v>
      </c>
      <c r="M4092" s="57">
        <f>Bühler!M4118</f>
        <v>0</v>
      </c>
      <c r="N4092" s="55">
        <f>IF(Input!$K$13=1,J4092*Input!$J$13,0)+IF(Input!$K$14=1,K4092*Input!$J$14,0)+IF(Input!$K$15=1,L4092*Input!$J$15,0)+IF(Input!$K$16=1,M4092*Input!$J$16,0)</f>
        <v>0.72532804490487868</v>
      </c>
      <c r="O4092" s="58">
        <f>IF(Input!$K$13=2,J4092*Input!$J$13,0)+IF(Input!$K$14=2,K4092*Input!$J$14,0)+IF(Input!$K$15=2,L4092*Input!$J$15,0)+IF(Input!$K$16=2,M4092*Input!$J$16,0)</f>
        <v>7.2283162708138018E-2</v>
      </c>
      <c r="P4092" s="58">
        <f>IF(Input!$K$13=3,J4092*Input!$J$13,0)+IF(Input!$K$14=3,K4092*Input!$J$14,0)+IF(Input!$K$15=3,L4092*Input!$J$15,0)+IF(Input!$K$16=3,M4092*Input!$J$16,0)</f>
        <v>0</v>
      </c>
      <c r="Q4092" s="71">
        <f>IF(Input!$K$13=4,J4092*Input!$J$13,0)+IF(Input!$K$14=4,K4092*Input!$J$14,0)+IF(Input!$K$15=4,L4092*Input!$J$15,0)+IF(Input!$K$16=4,M4092*Input!$J$16,0)</f>
        <v>0</v>
      </c>
    </row>
    <row r="4093" spans="8:17" x14ac:dyDescent="0.25">
      <c r="H4093" s="43">
        <v>4086</v>
      </c>
      <c r="I4093" s="55">
        <f>Bühler!I4119</f>
        <v>0</v>
      </c>
      <c r="J4093" s="58">
        <f>Bühler!J4119</f>
        <v>6.0444003742073225</v>
      </c>
      <c r="K4093" s="58">
        <f>Bühler!K4119</f>
        <v>0.53543083487509646</v>
      </c>
      <c r="L4093" s="58">
        <f>Bühler!L4119</f>
        <v>0.26771541743754823</v>
      </c>
      <c r="M4093" s="57">
        <f>Bühler!M4119</f>
        <v>0</v>
      </c>
      <c r="N4093" s="55">
        <f>IF(Input!$K$13=1,J4093*Input!$J$13,0)+IF(Input!$K$14=1,K4093*Input!$J$14,0)+IF(Input!$K$15=1,L4093*Input!$J$15,0)+IF(Input!$K$16=1,M4093*Input!$J$16,0)</f>
        <v>0.72532804490487868</v>
      </c>
      <c r="O4093" s="58">
        <f>IF(Input!$K$13=2,J4093*Input!$J$13,0)+IF(Input!$K$14=2,K4093*Input!$J$14,0)+IF(Input!$K$15=2,L4093*Input!$J$15,0)+IF(Input!$K$16=2,M4093*Input!$J$16,0)</f>
        <v>7.2283162708138018E-2</v>
      </c>
      <c r="P4093" s="58">
        <f>IF(Input!$K$13=3,J4093*Input!$J$13,0)+IF(Input!$K$14=3,K4093*Input!$J$14,0)+IF(Input!$K$15=3,L4093*Input!$J$15,0)+IF(Input!$K$16=3,M4093*Input!$J$16,0)</f>
        <v>0</v>
      </c>
      <c r="Q4093" s="71">
        <f>IF(Input!$K$13=4,J4093*Input!$J$13,0)+IF(Input!$K$14=4,K4093*Input!$J$14,0)+IF(Input!$K$15=4,L4093*Input!$J$15,0)+IF(Input!$K$16=4,M4093*Input!$J$16,0)</f>
        <v>0</v>
      </c>
    </row>
    <row r="4094" spans="8:17" x14ac:dyDescent="0.25">
      <c r="H4094" s="43">
        <v>4087</v>
      </c>
      <c r="I4094" s="55">
        <f>Bühler!I4120</f>
        <v>0</v>
      </c>
      <c r="J4094" s="58">
        <f>Bühler!J4120</f>
        <v>6.0444003742073225</v>
      </c>
      <c r="K4094" s="58">
        <f>Bühler!K4120</f>
        <v>0.53543083487509646</v>
      </c>
      <c r="L4094" s="58">
        <f>Bühler!L4120</f>
        <v>0.26771541743754823</v>
      </c>
      <c r="M4094" s="57">
        <f>Bühler!M4120</f>
        <v>0</v>
      </c>
      <c r="N4094" s="55">
        <f>IF(Input!$K$13=1,J4094*Input!$J$13,0)+IF(Input!$K$14=1,K4094*Input!$J$14,0)+IF(Input!$K$15=1,L4094*Input!$J$15,0)+IF(Input!$K$16=1,M4094*Input!$J$16,0)</f>
        <v>0.72532804490487868</v>
      </c>
      <c r="O4094" s="58">
        <f>IF(Input!$K$13=2,J4094*Input!$J$13,0)+IF(Input!$K$14=2,K4094*Input!$J$14,0)+IF(Input!$K$15=2,L4094*Input!$J$15,0)+IF(Input!$K$16=2,M4094*Input!$J$16,0)</f>
        <v>7.2283162708138018E-2</v>
      </c>
      <c r="P4094" s="58">
        <f>IF(Input!$K$13=3,J4094*Input!$J$13,0)+IF(Input!$K$14=3,K4094*Input!$J$14,0)+IF(Input!$K$15=3,L4094*Input!$J$15,0)+IF(Input!$K$16=3,M4094*Input!$J$16,0)</f>
        <v>0</v>
      </c>
      <c r="Q4094" s="71">
        <f>IF(Input!$K$13=4,J4094*Input!$J$13,0)+IF(Input!$K$14=4,K4094*Input!$J$14,0)+IF(Input!$K$15=4,L4094*Input!$J$15,0)+IF(Input!$K$16=4,M4094*Input!$J$16,0)</f>
        <v>0</v>
      </c>
    </row>
    <row r="4095" spans="8:17" x14ac:dyDescent="0.25">
      <c r="H4095" s="43">
        <v>4088</v>
      </c>
      <c r="I4095" s="55">
        <f>Bühler!I4121</f>
        <v>0</v>
      </c>
      <c r="J4095" s="58">
        <f>Bühler!J4121</f>
        <v>25.480925327517742</v>
      </c>
      <c r="K4095" s="58">
        <f>Bühler!K4121</f>
        <v>2.257175613270328</v>
      </c>
      <c r="L4095" s="58">
        <f>Bühler!L4121</f>
        <v>1.128587806635164</v>
      </c>
      <c r="M4095" s="57">
        <f>Bühler!M4121</f>
        <v>0</v>
      </c>
      <c r="N4095" s="55">
        <f>IF(Input!$K$13=1,J4095*Input!$J$13,0)+IF(Input!$K$14=1,K4095*Input!$J$14,0)+IF(Input!$K$15=1,L4095*Input!$J$15,0)+IF(Input!$K$16=1,M4095*Input!$J$16,0)</f>
        <v>3.057711039302129</v>
      </c>
      <c r="O4095" s="58">
        <f>IF(Input!$K$13=2,J4095*Input!$J$13,0)+IF(Input!$K$14=2,K4095*Input!$J$14,0)+IF(Input!$K$15=2,L4095*Input!$J$15,0)+IF(Input!$K$16=2,M4095*Input!$J$16,0)</f>
        <v>0.30471870779149424</v>
      </c>
      <c r="P4095" s="58">
        <f>IF(Input!$K$13=3,J4095*Input!$J$13,0)+IF(Input!$K$14=3,K4095*Input!$J$14,0)+IF(Input!$K$15=3,L4095*Input!$J$15,0)+IF(Input!$K$16=3,M4095*Input!$J$16,0)</f>
        <v>0</v>
      </c>
      <c r="Q4095" s="71">
        <f>IF(Input!$K$13=4,J4095*Input!$J$13,0)+IF(Input!$K$14=4,K4095*Input!$J$14,0)+IF(Input!$K$15=4,L4095*Input!$J$15,0)+IF(Input!$K$16=4,M4095*Input!$J$16,0)</f>
        <v>0</v>
      </c>
    </row>
    <row r="4096" spans="8:17" x14ac:dyDescent="0.25">
      <c r="H4096" s="43">
        <v>4089</v>
      </c>
      <c r="I4096" s="55">
        <f>Bühler!I4122</f>
        <v>0</v>
      </c>
      <c r="J4096" s="58">
        <f>Bühler!J4122</f>
        <v>28.431348260177693</v>
      </c>
      <c r="K4096" s="58">
        <f>Bühler!K4122</f>
        <v>2.5185327895437344</v>
      </c>
      <c r="L4096" s="58">
        <f>Bühler!L4122</f>
        <v>1.2592663947718672</v>
      </c>
      <c r="M4096" s="57">
        <f>Bühler!M4122</f>
        <v>0</v>
      </c>
      <c r="N4096" s="55">
        <f>IF(Input!$K$13=1,J4096*Input!$J$13,0)+IF(Input!$K$14=1,K4096*Input!$J$14,0)+IF(Input!$K$15=1,L4096*Input!$J$15,0)+IF(Input!$K$16=1,M4096*Input!$J$16,0)</f>
        <v>3.4117617912213229</v>
      </c>
      <c r="O4096" s="58">
        <f>IF(Input!$K$13=2,J4096*Input!$J$13,0)+IF(Input!$K$14=2,K4096*Input!$J$14,0)+IF(Input!$K$15=2,L4096*Input!$J$15,0)+IF(Input!$K$16=2,M4096*Input!$J$16,0)</f>
        <v>0.34000192658840411</v>
      </c>
      <c r="P4096" s="58">
        <f>IF(Input!$K$13=3,J4096*Input!$J$13,0)+IF(Input!$K$14=3,K4096*Input!$J$14,0)+IF(Input!$K$15=3,L4096*Input!$J$15,0)+IF(Input!$K$16=3,M4096*Input!$J$16,0)</f>
        <v>0</v>
      </c>
      <c r="Q4096" s="71">
        <f>IF(Input!$K$13=4,J4096*Input!$J$13,0)+IF(Input!$K$14=4,K4096*Input!$J$14,0)+IF(Input!$K$15=4,L4096*Input!$J$15,0)+IF(Input!$K$16=4,M4096*Input!$J$16,0)</f>
        <v>0</v>
      </c>
    </row>
    <row r="4097" spans="8:17" x14ac:dyDescent="0.25">
      <c r="H4097" s="43">
        <v>4090</v>
      </c>
      <c r="I4097" s="55">
        <f>Bühler!I4123</f>
        <v>0</v>
      </c>
      <c r="J4097" s="58">
        <f>Bühler!J4123</f>
        <v>31.38177119283764</v>
      </c>
      <c r="K4097" s="58">
        <f>Bühler!K4123</f>
        <v>2.7798899658171408</v>
      </c>
      <c r="L4097" s="58">
        <f>Bühler!L4123</f>
        <v>1.3899449829085704</v>
      </c>
      <c r="M4097" s="57">
        <f>Bühler!M4123</f>
        <v>0</v>
      </c>
      <c r="N4097" s="55">
        <f>IF(Input!$K$13=1,J4097*Input!$J$13,0)+IF(Input!$K$14=1,K4097*Input!$J$14,0)+IF(Input!$K$15=1,L4097*Input!$J$15,0)+IF(Input!$K$16=1,M4097*Input!$J$16,0)</f>
        <v>3.7658125431405165</v>
      </c>
      <c r="O4097" s="58">
        <f>IF(Input!$K$13=2,J4097*Input!$J$13,0)+IF(Input!$K$14=2,K4097*Input!$J$14,0)+IF(Input!$K$15=2,L4097*Input!$J$15,0)+IF(Input!$K$16=2,M4097*Input!$J$16,0)</f>
        <v>0.37528514538531399</v>
      </c>
      <c r="P4097" s="58">
        <f>IF(Input!$K$13=3,J4097*Input!$J$13,0)+IF(Input!$K$14=3,K4097*Input!$J$14,0)+IF(Input!$K$15=3,L4097*Input!$J$15,0)+IF(Input!$K$16=3,M4097*Input!$J$16,0)</f>
        <v>0</v>
      </c>
      <c r="Q4097" s="71">
        <f>IF(Input!$K$13=4,J4097*Input!$J$13,0)+IF(Input!$K$14=4,K4097*Input!$J$14,0)+IF(Input!$K$15=4,L4097*Input!$J$15,0)+IF(Input!$K$16=4,M4097*Input!$J$16,0)</f>
        <v>0</v>
      </c>
    </row>
    <row r="4098" spans="8:17" x14ac:dyDescent="0.25">
      <c r="H4098" s="43">
        <v>4091</v>
      </c>
      <c r="I4098" s="55">
        <f>Bühler!I4124</f>
        <v>0</v>
      </c>
      <c r="J4098" s="58">
        <f>Bühler!J4124</f>
        <v>31.38177119283764</v>
      </c>
      <c r="K4098" s="58">
        <f>Bühler!K4124</f>
        <v>2.7798899658171408</v>
      </c>
      <c r="L4098" s="58">
        <f>Bühler!L4124</f>
        <v>1.3899449829085704</v>
      </c>
      <c r="M4098" s="57">
        <f>Bühler!M4124</f>
        <v>0</v>
      </c>
      <c r="N4098" s="55">
        <f>IF(Input!$K$13=1,J4098*Input!$J$13,0)+IF(Input!$K$14=1,K4098*Input!$J$14,0)+IF(Input!$K$15=1,L4098*Input!$J$15,0)+IF(Input!$K$16=1,M4098*Input!$J$16,0)</f>
        <v>3.7658125431405165</v>
      </c>
      <c r="O4098" s="58">
        <f>IF(Input!$K$13=2,J4098*Input!$J$13,0)+IF(Input!$K$14=2,K4098*Input!$J$14,0)+IF(Input!$K$15=2,L4098*Input!$J$15,0)+IF(Input!$K$16=2,M4098*Input!$J$16,0)</f>
        <v>0.37528514538531399</v>
      </c>
      <c r="P4098" s="58">
        <f>IF(Input!$K$13=3,J4098*Input!$J$13,0)+IF(Input!$K$14=3,K4098*Input!$J$14,0)+IF(Input!$K$15=3,L4098*Input!$J$15,0)+IF(Input!$K$16=3,M4098*Input!$J$16,0)</f>
        <v>0</v>
      </c>
      <c r="Q4098" s="71">
        <f>IF(Input!$K$13=4,J4098*Input!$J$13,0)+IF(Input!$K$14=4,K4098*Input!$J$14,0)+IF(Input!$K$15=4,L4098*Input!$J$15,0)+IF(Input!$K$16=4,M4098*Input!$J$16,0)</f>
        <v>0</v>
      </c>
    </row>
    <row r="4099" spans="8:17" x14ac:dyDescent="0.25">
      <c r="H4099" s="43">
        <v>4092</v>
      </c>
      <c r="I4099" s="55">
        <f>Bühler!I4125</f>
        <v>0</v>
      </c>
      <c r="J4099" s="58">
        <f>Bühler!J4125</f>
        <v>37.550837324762981</v>
      </c>
      <c r="K4099" s="58">
        <f>Bühler!K4125</f>
        <v>3.3263640616615353</v>
      </c>
      <c r="L4099" s="58">
        <f>Bühler!L4125</f>
        <v>1.6631820308307677</v>
      </c>
      <c r="M4099" s="57">
        <f>Bühler!M4125</f>
        <v>0</v>
      </c>
      <c r="N4099" s="55">
        <f>IF(Input!$K$13=1,J4099*Input!$J$13,0)+IF(Input!$K$14=1,K4099*Input!$J$14,0)+IF(Input!$K$15=1,L4099*Input!$J$15,0)+IF(Input!$K$16=1,M4099*Input!$J$16,0)</f>
        <v>4.5061004789715575</v>
      </c>
      <c r="O4099" s="58">
        <f>IF(Input!$K$13=2,J4099*Input!$J$13,0)+IF(Input!$K$14=2,K4099*Input!$J$14,0)+IF(Input!$K$15=2,L4099*Input!$J$15,0)+IF(Input!$K$16=2,M4099*Input!$J$16,0)</f>
        <v>0.44905914832430727</v>
      </c>
      <c r="P4099" s="58">
        <f>IF(Input!$K$13=3,J4099*Input!$J$13,0)+IF(Input!$K$14=3,K4099*Input!$J$14,0)+IF(Input!$K$15=3,L4099*Input!$J$15,0)+IF(Input!$K$16=3,M4099*Input!$J$16,0)</f>
        <v>0</v>
      </c>
      <c r="Q4099" s="71">
        <f>IF(Input!$K$13=4,J4099*Input!$J$13,0)+IF(Input!$K$14=4,K4099*Input!$J$14,0)+IF(Input!$K$15=4,L4099*Input!$J$15,0)+IF(Input!$K$16=4,M4099*Input!$J$16,0)</f>
        <v>0</v>
      </c>
    </row>
    <row r="4100" spans="8:17" x14ac:dyDescent="0.25">
      <c r="H4100" s="43">
        <v>4093</v>
      </c>
      <c r="I4100" s="55">
        <f>Bühler!I4126</f>
        <v>0</v>
      </c>
      <c r="J4100" s="58">
        <f>Bühler!J4126</f>
        <v>37.550837324762981</v>
      </c>
      <c r="K4100" s="58">
        <f>Bühler!K4126</f>
        <v>3.3263640616615353</v>
      </c>
      <c r="L4100" s="58">
        <f>Bühler!L4126</f>
        <v>1.6631820308307677</v>
      </c>
      <c r="M4100" s="57">
        <f>Bühler!M4126</f>
        <v>0</v>
      </c>
      <c r="N4100" s="55">
        <f>IF(Input!$K$13=1,J4100*Input!$J$13,0)+IF(Input!$K$14=1,K4100*Input!$J$14,0)+IF(Input!$K$15=1,L4100*Input!$J$15,0)+IF(Input!$K$16=1,M4100*Input!$J$16,0)</f>
        <v>4.5061004789715575</v>
      </c>
      <c r="O4100" s="58">
        <f>IF(Input!$K$13=2,J4100*Input!$J$13,0)+IF(Input!$K$14=2,K4100*Input!$J$14,0)+IF(Input!$K$15=2,L4100*Input!$J$15,0)+IF(Input!$K$16=2,M4100*Input!$J$16,0)</f>
        <v>0.44905914832430727</v>
      </c>
      <c r="P4100" s="58">
        <f>IF(Input!$K$13=3,J4100*Input!$J$13,0)+IF(Input!$K$14=3,K4100*Input!$J$14,0)+IF(Input!$K$15=3,L4100*Input!$J$15,0)+IF(Input!$K$16=3,M4100*Input!$J$16,0)</f>
        <v>0</v>
      </c>
      <c r="Q4100" s="71">
        <f>IF(Input!$K$13=4,J4100*Input!$J$13,0)+IF(Input!$K$14=4,K4100*Input!$J$14,0)+IF(Input!$K$15=4,L4100*Input!$J$15,0)+IF(Input!$K$16=4,M4100*Input!$J$16,0)</f>
        <v>0</v>
      </c>
    </row>
    <row r="4101" spans="8:17" x14ac:dyDescent="0.25">
      <c r="H4101" s="43">
        <v>4094</v>
      </c>
      <c r="I4101" s="55">
        <f>Bühler!I4127</f>
        <v>0</v>
      </c>
      <c r="J4101" s="58">
        <f>Bühler!J4127</f>
        <v>24.944484794306838</v>
      </c>
      <c r="K4101" s="58">
        <f>Bühler!K4127</f>
        <v>2.2096561266751631</v>
      </c>
      <c r="L4101" s="58">
        <f>Bühler!L4127</f>
        <v>1.1048280633375815</v>
      </c>
      <c r="M4101" s="57">
        <f>Bühler!M4127</f>
        <v>0</v>
      </c>
      <c r="N4101" s="55">
        <f>IF(Input!$K$13=1,J4101*Input!$J$13,0)+IF(Input!$K$14=1,K4101*Input!$J$14,0)+IF(Input!$K$15=1,L4101*Input!$J$15,0)+IF(Input!$K$16=1,M4101*Input!$J$16,0)</f>
        <v>2.9933381753168207</v>
      </c>
      <c r="O4101" s="58">
        <f>IF(Input!$K$13=2,J4101*Input!$J$13,0)+IF(Input!$K$14=2,K4101*Input!$J$14,0)+IF(Input!$K$15=2,L4101*Input!$J$15,0)+IF(Input!$K$16=2,M4101*Input!$J$16,0)</f>
        <v>0.29830357710114702</v>
      </c>
      <c r="P4101" s="58">
        <f>IF(Input!$K$13=3,J4101*Input!$J$13,0)+IF(Input!$K$14=3,K4101*Input!$J$14,0)+IF(Input!$K$15=3,L4101*Input!$J$15,0)+IF(Input!$K$16=3,M4101*Input!$J$16,0)</f>
        <v>0</v>
      </c>
      <c r="Q4101" s="71">
        <f>IF(Input!$K$13=4,J4101*Input!$J$13,0)+IF(Input!$K$14=4,K4101*Input!$J$14,0)+IF(Input!$K$15=4,L4101*Input!$J$15,0)+IF(Input!$K$16=4,M4101*Input!$J$16,0)</f>
        <v>0</v>
      </c>
    </row>
    <row r="4102" spans="8:17" x14ac:dyDescent="0.25">
      <c r="H4102" s="43">
        <v>4095</v>
      </c>
      <c r="I4102" s="55">
        <f>Bühler!I4128</f>
        <v>0</v>
      </c>
      <c r="J4102" s="58">
        <f>Bühler!J4128</f>
        <v>37.550837324762981</v>
      </c>
      <c r="K4102" s="58">
        <f>Bühler!K4128</f>
        <v>3.3263640616615353</v>
      </c>
      <c r="L4102" s="58">
        <f>Bühler!L4128</f>
        <v>1.6631820308307677</v>
      </c>
      <c r="M4102" s="57">
        <f>Bühler!M4128</f>
        <v>0</v>
      </c>
      <c r="N4102" s="55">
        <f>IF(Input!$K$13=1,J4102*Input!$J$13,0)+IF(Input!$K$14=1,K4102*Input!$J$14,0)+IF(Input!$K$15=1,L4102*Input!$J$15,0)+IF(Input!$K$16=1,M4102*Input!$J$16,0)</f>
        <v>4.5061004789715575</v>
      </c>
      <c r="O4102" s="58">
        <f>IF(Input!$K$13=2,J4102*Input!$J$13,0)+IF(Input!$K$14=2,K4102*Input!$J$14,0)+IF(Input!$K$15=2,L4102*Input!$J$15,0)+IF(Input!$K$16=2,M4102*Input!$J$16,0)</f>
        <v>0.44905914832430727</v>
      </c>
      <c r="P4102" s="58">
        <f>IF(Input!$K$13=3,J4102*Input!$J$13,0)+IF(Input!$K$14=3,K4102*Input!$J$14,0)+IF(Input!$K$15=3,L4102*Input!$J$15,0)+IF(Input!$K$16=3,M4102*Input!$J$16,0)</f>
        <v>0</v>
      </c>
      <c r="Q4102" s="71">
        <f>IF(Input!$K$13=4,J4102*Input!$J$13,0)+IF(Input!$K$14=4,K4102*Input!$J$14,0)+IF(Input!$K$15=4,L4102*Input!$J$15,0)+IF(Input!$K$16=4,M4102*Input!$J$16,0)</f>
        <v>0</v>
      </c>
    </row>
    <row r="4103" spans="8:17" x14ac:dyDescent="0.25">
      <c r="H4103" s="43">
        <v>4096</v>
      </c>
      <c r="I4103" s="55">
        <f>Bühler!I4129</f>
        <v>0</v>
      </c>
      <c r="J4103" s="58">
        <f>Bühler!J4129</f>
        <v>37.550837324762981</v>
      </c>
      <c r="K4103" s="58">
        <f>Bühler!K4129</f>
        <v>3.3263640616615353</v>
      </c>
      <c r="L4103" s="58">
        <f>Bühler!L4129</f>
        <v>1.6631820308307677</v>
      </c>
      <c r="M4103" s="57">
        <f>Bühler!M4129</f>
        <v>0</v>
      </c>
      <c r="N4103" s="55">
        <f>IF(Input!$K$13=1,J4103*Input!$J$13,0)+IF(Input!$K$14=1,K4103*Input!$J$14,0)+IF(Input!$K$15=1,L4103*Input!$J$15,0)+IF(Input!$K$16=1,M4103*Input!$J$16,0)</f>
        <v>4.5061004789715575</v>
      </c>
      <c r="O4103" s="58">
        <f>IF(Input!$K$13=2,J4103*Input!$J$13,0)+IF(Input!$K$14=2,K4103*Input!$J$14,0)+IF(Input!$K$15=2,L4103*Input!$J$15,0)+IF(Input!$K$16=2,M4103*Input!$J$16,0)</f>
        <v>0.44905914832430727</v>
      </c>
      <c r="P4103" s="58">
        <f>IF(Input!$K$13=3,J4103*Input!$J$13,0)+IF(Input!$K$14=3,K4103*Input!$J$14,0)+IF(Input!$K$15=3,L4103*Input!$J$15,0)+IF(Input!$K$16=3,M4103*Input!$J$16,0)</f>
        <v>0</v>
      </c>
      <c r="Q4103" s="71">
        <f>IF(Input!$K$13=4,J4103*Input!$J$13,0)+IF(Input!$K$14=4,K4103*Input!$J$14,0)+IF(Input!$K$15=4,L4103*Input!$J$15,0)+IF(Input!$K$16=4,M4103*Input!$J$16,0)</f>
        <v>0</v>
      </c>
    </row>
    <row r="4104" spans="8:17" x14ac:dyDescent="0.25">
      <c r="H4104" s="43">
        <v>4097</v>
      </c>
      <c r="I4104" s="55">
        <f>Bühler!I4130</f>
        <v>0</v>
      </c>
      <c r="J4104" s="58">
        <f>Bühler!J4130</f>
        <v>22.128171994949618</v>
      </c>
      <c r="K4104" s="58">
        <f>Bühler!K4130</f>
        <v>1.9601788220505478</v>
      </c>
      <c r="L4104" s="58">
        <f>Bühler!L4130</f>
        <v>0.98008941102527392</v>
      </c>
      <c r="M4104" s="57">
        <f>Bühler!M4130</f>
        <v>0</v>
      </c>
      <c r="N4104" s="55">
        <f>IF(Input!$K$13=1,J4104*Input!$J$13,0)+IF(Input!$K$14=1,K4104*Input!$J$14,0)+IF(Input!$K$15=1,L4104*Input!$J$15,0)+IF(Input!$K$16=1,M4104*Input!$J$16,0)</f>
        <v>2.6553806393939539</v>
      </c>
      <c r="O4104" s="58">
        <f>IF(Input!$K$13=2,J4104*Input!$J$13,0)+IF(Input!$K$14=2,K4104*Input!$J$14,0)+IF(Input!$K$15=2,L4104*Input!$J$15,0)+IF(Input!$K$16=2,M4104*Input!$J$16,0)</f>
        <v>0.26462414097682396</v>
      </c>
      <c r="P4104" s="58">
        <f>IF(Input!$K$13=3,J4104*Input!$J$13,0)+IF(Input!$K$14=3,K4104*Input!$J$14,0)+IF(Input!$K$15=3,L4104*Input!$J$15,0)+IF(Input!$K$16=3,M4104*Input!$J$16,0)</f>
        <v>0</v>
      </c>
      <c r="Q4104" s="71">
        <f>IF(Input!$K$13=4,J4104*Input!$J$13,0)+IF(Input!$K$14=4,K4104*Input!$J$14,0)+IF(Input!$K$15=4,L4104*Input!$J$15,0)+IF(Input!$K$16=4,M4104*Input!$J$16,0)</f>
        <v>0</v>
      </c>
    </row>
    <row r="4105" spans="8:17" x14ac:dyDescent="0.25">
      <c r="H4105" s="43">
        <v>4098</v>
      </c>
      <c r="I4105" s="55">
        <f>Bühler!I4131</f>
        <v>0</v>
      </c>
      <c r="J4105" s="58">
        <f>Bühler!J4131</f>
        <v>9.4443755846989408</v>
      </c>
      <c r="K4105" s="58">
        <f>Bühler!K4131</f>
        <v>0.83661067949233814</v>
      </c>
      <c r="L4105" s="58">
        <f>Bühler!L4131</f>
        <v>0.41830533974616907</v>
      </c>
      <c r="M4105" s="57">
        <f>Bühler!M4131</f>
        <v>0</v>
      </c>
      <c r="N4105" s="55">
        <f>IF(Input!$K$13=1,J4105*Input!$J$13,0)+IF(Input!$K$14=1,K4105*Input!$J$14,0)+IF(Input!$K$15=1,L4105*Input!$J$15,0)+IF(Input!$K$16=1,M4105*Input!$J$16,0)</f>
        <v>1.1333250701638728</v>
      </c>
      <c r="O4105" s="58">
        <f>IF(Input!$K$13=2,J4105*Input!$J$13,0)+IF(Input!$K$14=2,K4105*Input!$J$14,0)+IF(Input!$K$15=2,L4105*Input!$J$15,0)+IF(Input!$K$16=2,M4105*Input!$J$16,0)</f>
        <v>0.11294244173146564</v>
      </c>
      <c r="P4105" s="58">
        <f>IF(Input!$K$13=3,J4105*Input!$J$13,0)+IF(Input!$K$14=3,K4105*Input!$J$14,0)+IF(Input!$K$15=3,L4105*Input!$J$15,0)+IF(Input!$K$16=3,M4105*Input!$J$16,0)</f>
        <v>0</v>
      </c>
      <c r="Q4105" s="71">
        <f>IF(Input!$K$13=4,J4105*Input!$J$13,0)+IF(Input!$K$14=4,K4105*Input!$J$14,0)+IF(Input!$K$15=4,L4105*Input!$J$15,0)+IF(Input!$K$16=4,M4105*Input!$J$16,0)</f>
        <v>0</v>
      </c>
    </row>
    <row r="4106" spans="8:17" x14ac:dyDescent="0.25">
      <c r="H4106" s="43">
        <v>4099</v>
      </c>
      <c r="I4106" s="55">
        <f>Bühler!I4132</f>
        <v>0</v>
      </c>
      <c r="J4106" s="58">
        <f>Bühler!J4132</f>
        <v>6.2332878859013015</v>
      </c>
      <c r="K4106" s="58">
        <f>Bühler!K4132</f>
        <v>0.55216304846494313</v>
      </c>
      <c r="L4106" s="58">
        <f>Bühler!L4132</f>
        <v>0.27608152423247156</v>
      </c>
      <c r="M4106" s="57">
        <f>Bühler!M4132</f>
        <v>0</v>
      </c>
      <c r="N4106" s="55">
        <f>IF(Input!$K$13=1,J4106*Input!$J$13,0)+IF(Input!$K$14=1,K4106*Input!$J$14,0)+IF(Input!$K$15=1,L4106*Input!$J$15,0)+IF(Input!$K$16=1,M4106*Input!$J$16,0)</f>
        <v>0.74799454630815609</v>
      </c>
      <c r="O4106" s="58">
        <f>IF(Input!$K$13=2,J4106*Input!$J$13,0)+IF(Input!$K$14=2,K4106*Input!$J$14,0)+IF(Input!$K$15=2,L4106*Input!$J$15,0)+IF(Input!$K$16=2,M4106*Input!$J$16,0)</f>
        <v>7.4542011542767322E-2</v>
      </c>
      <c r="P4106" s="58">
        <f>IF(Input!$K$13=3,J4106*Input!$J$13,0)+IF(Input!$K$14=3,K4106*Input!$J$14,0)+IF(Input!$K$15=3,L4106*Input!$J$15,0)+IF(Input!$K$16=3,M4106*Input!$J$16,0)</f>
        <v>0</v>
      </c>
      <c r="Q4106" s="71">
        <f>IF(Input!$K$13=4,J4106*Input!$J$13,0)+IF(Input!$K$14=4,K4106*Input!$J$14,0)+IF(Input!$K$15=4,L4106*Input!$J$15,0)+IF(Input!$K$16=4,M4106*Input!$J$16,0)</f>
        <v>0</v>
      </c>
    </row>
    <row r="4107" spans="8:17" x14ac:dyDescent="0.25">
      <c r="H4107" s="43">
        <v>4100</v>
      </c>
      <c r="I4107" s="55">
        <f>Bühler!I4133</f>
        <v>0</v>
      </c>
      <c r="J4107" s="58">
        <f>Bühler!J4133</f>
        <v>6.2332878859013015</v>
      </c>
      <c r="K4107" s="58">
        <f>Bühler!K4133</f>
        <v>0.55216304846494313</v>
      </c>
      <c r="L4107" s="58">
        <f>Bühler!L4133</f>
        <v>0.27608152423247156</v>
      </c>
      <c r="M4107" s="57">
        <f>Bühler!M4133</f>
        <v>0</v>
      </c>
      <c r="N4107" s="55">
        <f>IF(Input!$K$13=1,J4107*Input!$J$13,0)+IF(Input!$K$14=1,K4107*Input!$J$14,0)+IF(Input!$K$15=1,L4107*Input!$J$15,0)+IF(Input!$K$16=1,M4107*Input!$J$16,0)</f>
        <v>0.74799454630815609</v>
      </c>
      <c r="O4107" s="58">
        <f>IF(Input!$K$13=2,J4107*Input!$J$13,0)+IF(Input!$K$14=2,K4107*Input!$J$14,0)+IF(Input!$K$15=2,L4107*Input!$J$15,0)+IF(Input!$K$16=2,M4107*Input!$J$16,0)</f>
        <v>7.4542011542767322E-2</v>
      </c>
      <c r="P4107" s="58">
        <f>IF(Input!$K$13=3,J4107*Input!$J$13,0)+IF(Input!$K$14=3,K4107*Input!$J$14,0)+IF(Input!$K$15=3,L4107*Input!$J$15,0)+IF(Input!$K$16=3,M4107*Input!$J$16,0)</f>
        <v>0</v>
      </c>
      <c r="Q4107" s="71">
        <f>IF(Input!$K$13=4,J4107*Input!$J$13,0)+IF(Input!$K$14=4,K4107*Input!$J$14,0)+IF(Input!$K$15=4,L4107*Input!$J$15,0)+IF(Input!$K$16=4,M4107*Input!$J$16,0)</f>
        <v>0</v>
      </c>
    </row>
    <row r="4108" spans="8:17" x14ac:dyDescent="0.25">
      <c r="H4108" s="43">
        <v>4101</v>
      </c>
      <c r="I4108" s="55">
        <f>Bühler!I4134</f>
        <v>0</v>
      </c>
      <c r="J4108" s="58">
        <f>Bühler!J4134</f>
        <v>6.2332878859013015</v>
      </c>
      <c r="K4108" s="58">
        <f>Bühler!K4134</f>
        <v>0.55216304846494313</v>
      </c>
      <c r="L4108" s="58">
        <f>Bühler!L4134</f>
        <v>0.27608152423247156</v>
      </c>
      <c r="M4108" s="57">
        <f>Bühler!M4134</f>
        <v>0</v>
      </c>
      <c r="N4108" s="55">
        <f>IF(Input!$K$13=1,J4108*Input!$J$13,0)+IF(Input!$K$14=1,K4108*Input!$J$14,0)+IF(Input!$K$15=1,L4108*Input!$J$15,0)+IF(Input!$K$16=1,M4108*Input!$J$16,0)</f>
        <v>0.74799454630815609</v>
      </c>
      <c r="O4108" s="58">
        <f>IF(Input!$K$13=2,J4108*Input!$J$13,0)+IF(Input!$K$14=2,K4108*Input!$J$14,0)+IF(Input!$K$15=2,L4108*Input!$J$15,0)+IF(Input!$K$16=2,M4108*Input!$J$16,0)</f>
        <v>7.4542011542767322E-2</v>
      </c>
      <c r="P4108" s="58">
        <f>IF(Input!$K$13=3,J4108*Input!$J$13,0)+IF(Input!$K$14=3,K4108*Input!$J$14,0)+IF(Input!$K$15=3,L4108*Input!$J$15,0)+IF(Input!$K$16=3,M4108*Input!$J$16,0)</f>
        <v>0</v>
      </c>
      <c r="Q4108" s="71">
        <f>IF(Input!$K$13=4,J4108*Input!$J$13,0)+IF(Input!$K$14=4,K4108*Input!$J$14,0)+IF(Input!$K$15=4,L4108*Input!$J$15,0)+IF(Input!$K$16=4,M4108*Input!$J$16,0)</f>
        <v>0</v>
      </c>
    </row>
    <row r="4109" spans="8:17" x14ac:dyDescent="0.25">
      <c r="H4109" s="43">
        <v>4102</v>
      </c>
      <c r="I4109" s="55">
        <f>Bühler!I4135</f>
        <v>0</v>
      </c>
      <c r="J4109" s="58">
        <f>Bühler!J4135</f>
        <v>6.2332878859013015</v>
      </c>
      <c r="K4109" s="58">
        <f>Bühler!K4135</f>
        <v>0.55216304846494313</v>
      </c>
      <c r="L4109" s="58">
        <f>Bühler!L4135</f>
        <v>0.27608152423247156</v>
      </c>
      <c r="M4109" s="57">
        <f>Bühler!M4135</f>
        <v>0</v>
      </c>
      <c r="N4109" s="55">
        <f>IF(Input!$K$13=1,J4109*Input!$J$13,0)+IF(Input!$K$14=1,K4109*Input!$J$14,0)+IF(Input!$K$15=1,L4109*Input!$J$15,0)+IF(Input!$K$16=1,M4109*Input!$J$16,0)</f>
        <v>0.74799454630815609</v>
      </c>
      <c r="O4109" s="58">
        <f>IF(Input!$K$13=2,J4109*Input!$J$13,0)+IF(Input!$K$14=2,K4109*Input!$J$14,0)+IF(Input!$K$15=2,L4109*Input!$J$15,0)+IF(Input!$K$16=2,M4109*Input!$J$16,0)</f>
        <v>7.4542011542767322E-2</v>
      </c>
      <c r="P4109" s="58">
        <f>IF(Input!$K$13=3,J4109*Input!$J$13,0)+IF(Input!$K$14=3,K4109*Input!$J$14,0)+IF(Input!$K$15=3,L4109*Input!$J$15,0)+IF(Input!$K$16=3,M4109*Input!$J$16,0)</f>
        <v>0</v>
      </c>
      <c r="Q4109" s="71">
        <f>IF(Input!$K$13=4,J4109*Input!$J$13,0)+IF(Input!$K$14=4,K4109*Input!$J$14,0)+IF(Input!$K$15=4,L4109*Input!$J$15,0)+IF(Input!$K$16=4,M4109*Input!$J$16,0)</f>
        <v>0</v>
      </c>
    </row>
    <row r="4110" spans="8:17" x14ac:dyDescent="0.25">
      <c r="H4110" s="43">
        <v>4103</v>
      </c>
      <c r="I4110" s="55">
        <f>Bühler!I4136</f>
        <v>0</v>
      </c>
      <c r="J4110" s="58">
        <f>Bühler!J4136</f>
        <v>6.2332878859013015</v>
      </c>
      <c r="K4110" s="58">
        <f>Bühler!K4136</f>
        <v>0.55216304846494313</v>
      </c>
      <c r="L4110" s="58">
        <f>Bühler!L4136</f>
        <v>0.27608152423247156</v>
      </c>
      <c r="M4110" s="57">
        <f>Bühler!M4136</f>
        <v>0</v>
      </c>
      <c r="N4110" s="55">
        <f>IF(Input!$K$13=1,J4110*Input!$J$13,0)+IF(Input!$K$14=1,K4110*Input!$J$14,0)+IF(Input!$K$15=1,L4110*Input!$J$15,0)+IF(Input!$K$16=1,M4110*Input!$J$16,0)</f>
        <v>0.74799454630815609</v>
      </c>
      <c r="O4110" s="58">
        <f>IF(Input!$K$13=2,J4110*Input!$J$13,0)+IF(Input!$K$14=2,K4110*Input!$J$14,0)+IF(Input!$K$15=2,L4110*Input!$J$15,0)+IF(Input!$K$16=2,M4110*Input!$J$16,0)</f>
        <v>7.4542011542767322E-2</v>
      </c>
      <c r="P4110" s="58">
        <f>IF(Input!$K$13=3,J4110*Input!$J$13,0)+IF(Input!$K$14=3,K4110*Input!$J$14,0)+IF(Input!$K$15=3,L4110*Input!$J$15,0)+IF(Input!$K$16=3,M4110*Input!$J$16,0)</f>
        <v>0</v>
      </c>
      <c r="Q4110" s="71">
        <f>IF(Input!$K$13=4,J4110*Input!$J$13,0)+IF(Input!$K$14=4,K4110*Input!$J$14,0)+IF(Input!$K$15=4,L4110*Input!$J$15,0)+IF(Input!$K$16=4,M4110*Input!$J$16,0)</f>
        <v>0</v>
      </c>
    </row>
    <row r="4111" spans="8:17" x14ac:dyDescent="0.25">
      <c r="H4111" s="43">
        <v>4104</v>
      </c>
      <c r="I4111" s="55">
        <f>Bühler!I4137</f>
        <v>0</v>
      </c>
      <c r="J4111" s="58">
        <f>Bühler!J4137</f>
        <v>6.2332878859013015</v>
      </c>
      <c r="K4111" s="58">
        <f>Bühler!K4137</f>
        <v>0.55216304846494313</v>
      </c>
      <c r="L4111" s="58">
        <f>Bühler!L4137</f>
        <v>0.27608152423247156</v>
      </c>
      <c r="M4111" s="57">
        <f>Bühler!M4137</f>
        <v>0</v>
      </c>
      <c r="N4111" s="55">
        <f>IF(Input!$K$13=1,J4111*Input!$J$13,0)+IF(Input!$K$14=1,K4111*Input!$J$14,0)+IF(Input!$K$15=1,L4111*Input!$J$15,0)+IF(Input!$K$16=1,M4111*Input!$J$16,0)</f>
        <v>0.74799454630815609</v>
      </c>
      <c r="O4111" s="58">
        <f>IF(Input!$K$13=2,J4111*Input!$J$13,0)+IF(Input!$K$14=2,K4111*Input!$J$14,0)+IF(Input!$K$15=2,L4111*Input!$J$15,0)+IF(Input!$K$16=2,M4111*Input!$J$16,0)</f>
        <v>7.4542011542767322E-2</v>
      </c>
      <c r="P4111" s="58">
        <f>IF(Input!$K$13=3,J4111*Input!$J$13,0)+IF(Input!$K$14=3,K4111*Input!$J$14,0)+IF(Input!$K$15=3,L4111*Input!$J$15,0)+IF(Input!$K$16=3,M4111*Input!$J$16,0)</f>
        <v>0</v>
      </c>
      <c r="Q4111" s="71">
        <f>IF(Input!$K$13=4,J4111*Input!$J$13,0)+IF(Input!$K$14=4,K4111*Input!$J$14,0)+IF(Input!$K$15=4,L4111*Input!$J$15,0)+IF(Input!$K$16=4,M4111*Input!$J$16,0)</f>
        <v>0</v>
      </c>
    </row>
    <row r="4112" spans="8:17" x14ac:dyDescent="0.25">
      <c r="H4112" s="43">
        <v>4105</v>
      </c>
      <c r="I4112" s="55">
        <f>Bühler!I4138</f>
        <v>0</v>
      </c>
      <c r="J4112" s="58">
        <f>Bühler!J4138</f>
        <v>6.0216018039773251</v>
      </c>
      <c r="K4112" s="58">
        <f>Bühler!K4138</f>
        <v>0.54125004226714357</v>
      </c>
      <c r="L4112" s="58">
        <f>Bühler!L4138</f>
        <v>0.27062502113357179</v>
      </c>
      <c r="M4112" s="57">
        <f>Bühler!M4138</f>
        <v>0</v>
      </c>
      <c r="N4112" s="55">
        <f>IF(Input!$K$13=1,J4112*Input!$J$13,0)+IF(Input!$K$14=1,K4112*Input!$J$14,0)+IF(Input!$K$15=1,L4112*Input!$J$15,0)+IF(Input!$K$16=1,M4112*Input!$J$16,0)</f>
        <v>0.722592216477279</v>
      </c>
      <c r="O4112" s="58">
        <f>IF(Input!$K$13=2,J4112*Input!$J$13,0)+IF(Input!$K$14=2,K4112*Input!$J$14,0)+IF(Input!$K$15=2,L4112*Input!$J$15,0)+IF(Input!$K$16=2,M4112*Input!$J$16,0)</f>
        <v>7.3068755706064387E-2</v>
      </c>
      <c r="P4112" s="58">
        <f>IF(Input!$K$13=3,J4112*Input!$J$13,0)+IF(Input!$K$14=3,K4112*Input!$J$14,0)+IF(Input!$K$15=3,L4112*Input!$J$15,0)+IF(Input!$K$16=3,M4112*Input!$J$16,0)</f>
        <v>0</v>
      </c>
      <c r="Q4112" s="71">
        <f>IF(Input!$K$13=4,J4112*Input!$J$13,0)+IF(Input!$K$14=4,K4112*Input!$J$14,0)+IF(Input!$K$15=4,L4112*Input!$J$15,0)+IF(Input!$K$16=4,M4112*Input!$J$16,0)</f>
        <v>0</v>
      </c>
    </row>
    <row r="4113" spans="8:17" x14ac:dyDescent="0.25">
      <c r="H4113" s="43">
        <v>4106</v>
      </c>
      <c r="I4113" s="55">
        <f>Bühler!I4139</f>
        <v>0</v>
      </c>
      <c r="J4113" s="58">
        <f>Bühler!J4139</f>
        <v>6.0216018039773251</v>
      </c>
      <c r="K4113" s="58">
        <f>Bühler!K4139</f>
        <v>0.54125004226714357</v>
      </c>
      <c r="L4113" s="58">
        <f>Bühler!L4139</f>
        <v>0.27062502113357179</v>
      </c>
      <c r="M4113" s="57">
        <f>Bühler!M4139</f>
        <v>0</v>
      </c>
      <c r="N4113" s="55">
        <f>IF(Input!$K$13=1,J4113*Input!$J$13,0)+IF(Input!$K$14=1,K4113*Input!$J$14,0)+IF(Input!$K$15=1,L4113*Input!$J$15,0)+IF(Input!$K$16=1,M4113*Input!$J$16,0)</f>
        <v>0.722592216477279</v>
      </c>
      <c r="O4113" s="58">
        <f>IF(Input!$K$13=2,J4113*Input!$J$13,0)+IF(Input!$K$14=2,K4113*Input!$J$14,0)+IF(Input!$K$15=2,L4113*Input!$J$15,0)+IF(Input!$K$16=2,M4113*Input!$J$16,0)</f>
        <v>7.3068755706064387E-2</v>
      </c>
      <c r="P4113" s="58">
        <f>IF(Input!$K$13=3,J4113*Input!$J$13,0)+IF(Input!$K$14=3,K4113*Input!$J$14,0)+IF(Input!$K$15=3,L4113*Input!$J$15,0)+IF(Input!$K$16=3,M4113*Input!$J$16,0)</f>
        <v>0</v>
      </c>
      <c r="Q4113" s="71">
        <f>IF(Input!$K$13=4,J4113*Input!$J$13,0)+IF(Input!$K$14=4,K4113*Input!$J$14,0)+IF(Input!$K$15=4,L4113*Input!$J$15,0)+IF(Input!$K$16=4,M4113*Input!$J$16,0)</f>
        <v>0</v>
      </c>
    </row>
    <row r="4114" spans="8:17" x14ac:dyDescent="0.25">
      <c r="H4114" s="43">
        <v>4107</v>
      </c>
      <c r="I4114" s="55">
        <f>Bühler!I4140</f>
        <v>0</v>
      </c>
      <c r="J4114" s="58">
        <f>Bühler!J4140</f>
        <v>6.0216018039773251</v>
      </c>
      <c r="K4114" s="58">
        <f>Bühler!K4140</f>
        <v>0.54125004226714357</v>
      </c>
      <c r="L4114" s="58">
        <f>Bühler!L4140</f>
        <v>0.27062502113357179</v>
      </c>
      <c r="M4114" s="57">
        <f>Bühler!M4140</f>
        <v>0</v>
      </c>
      <c r="N4114" s="55">
        <f>IF(Input!$K$13=1,J4114*Input!$J$13,0)+IF(Input!$K$14=1,K4114*Input!$J$14,0)+IF(Input!$K$15=1,L4114*Input!$J$15,0)+IF(Input!$K$16=1,M4114*Input!$J$16,0)</f>
        <v>0.722592216477279</v>
      </c>
      <c r="O4114" s="58">
        <f>IF(Input!$K$13=2,J4114*Input!$J$13,0)+IF(Input!$K$14=2,K4114*Input!$J$14,0)+IF(Input!$K$15=2,L4114*Input!$J$15,0)+IF(Input!$K$16=2,M4114*Input!$J$16,0)</f>
        <v>7.3068755706064387E-2</v>
      </c>
      <c r="P4114" s="58">
        <f>IF(Input!$K$13=3,J4114*Input!$J$13,0)+IF(Input!$K$14=3,K4114*Input!$J$14,0)+IF(Input!$K$15=3,L4114*Input!$J$15,0)+IF(Input!$K$16=3,M4114*Input!$J$16,0)</f>
        <v>0</v>
      </c>
      <c r="Q4114" s="71">
        <f>IF(Input!$K$13=4,J4114*Input!$J$13,0)+IF(Input!$K$14=4,K4114*Input!$J$14,0)+IF(Input!$K$15=4,L4114*Input!$J$15,0)+IF(Input!$K$16=4,M4114*Input!$J$16,0)</f>
        <v>0</v>
      </c>
    </row>
    <row r="4115" spans="8:17" x14ac:dyDescent="0.25">
      <c r="H4115" s="43">
        <v>4108</v>
      </c>
      <c r="I4115" s="55">
        <f>Bühler!I4141</f>
        <v>0</v>
      </c>
      <c r="J4115" s="58">
        <f>Bühler!J4141</f>
        <v>6.0216018039773251</v>
      </c>
      <c r="K4115" s="58">
        <f>Bühler!K4141</f>
        <v>0.54125004226714357</v>
      </c>
      <c r="L4115" s="58">
        <f>Bühler!L4141</f>
        <v>0.27062502113357179</v>
      </c>
      <c r="M4115" s="57">
        <f>Bühler!M4141</f>
        <v>0</v>
      </c>
      <c r="N4115" s="55">
        <f>IF(Input!$K$13=1,J4115*Input!$J$13,0)+IF(Input!$K$14=1,K4115*Input!$J$14,0)+IF(Input!$K$15=1,L4115*Input!$J$15,0)+IF(Input!$K$16=1,M4115*Input!$J$16,0)</f>
        <v>0.722592216477279</v>
      </c>
      <c r="O4115" s="58">
        <f>IF(Input!$K$13=2,J4115*Input!$J$13,0)+IF(Input!$K$14=2,K4115*Input!$J$14,0)+IF(Input!$K$15=2,L4115*Input!$J$15,0)+IF(Input!$K$16=2,M4115*Input!$J$16,0)</f>
        <v>7.3068755706064387E-2</v>
      </c>
      <c r="P4115" s="58">
        <f>IF(Input!$K$13=3,J4115*Input!$J$13,0)+IF(Input!$K$14=3,K4115*Input!$J$14,0)+IF(Input!$K$15=3,L4115*Input!$J$15,0)+IF(Input!$K$16=3,M4115*Input!$J$16,0)</f>
        <v>0</v>
      </c>
      <c r="Q4115" s="71">
        <f>IF(Input!$K$13=4,J4115*Input!$J$13,0)+IF(Input!$K$14=4,K4115*Input!$J$14,0)+IF(Input!$K$15=4,L4115*Input!$J$15,0)+IF(Input!$K$16=4,M4115*Input!$J$16,0)</f>
        <v>0</v>
      </c>
    </row>
    <row r="4116" spans="8:17" x14ac:dyDescent="0.25">
      <c r="H4116" s="43">
        <v>4109</v>
      </c>
      <c r="I4116" s="55">
        <f>Bühler!I4142</f>
        <v>0</v>
      </c>
      <c r="J4116" s="58">
        <f>Bühler!J4142</f>
        <v>6.0216018039773251</v>
      </c>
      <c r="K4116" s="58">
        <f>Bühler!K4142</f>
        <v>0.54125004226714357</v>
      </c>
      <c r="L4116" s="58">
        <f>Bühler!L4142</f>
        <v>0.27062502113357179</v>
      </c>
      <c r="M4116" s="57">
        <f>Bühler!M4142</f>
        <v>0</v>
      </c>
      <c r="N4116" s="55">
        <f>IF(Input!$K$13=1,J4116*Input!$J$13,0)+IF(Input!$K$14=1,K4116*Input!$J$14,0)+IF(Input!$K$15=1,L4116*Input!$J$15,0)+IF(Input!$K$16=1,M4116*Input!$J$16,0)</f>
        <v>0.722592216477279</v>
      </c>
      <c r="O4116" s="58">
        <f>IF(Input!$K$13=2,J4116*Input!$J$13,0)+IF(Input!$K$14=2,K4116*Input!$J$14,0)+IF(Input!$K$15=2,L4116*Input!$J$15,0)+IF(Input!$K$16=2,M4116*Input!$J$16,0)</f>
        <v>7.3068755706064387E-2</v>
      </c>
      <c r="P4116" s="58">
        <f>IF(Input!$K$13=3,J4116*Input!$J$13,0)+IF(Input!$K$14=3,K4116*Input!$J$14,0)+IF(Input!$K$15=3,L4116*Input!$J$15,0)+IF(Input!$K$16=3,M4116*Input!$J$16,0)</f>
        <v>0</v>
      </c>
      <c r="Q4116" s="71">
        <f>IF(Input!$K$13=4,J4116*Input!$J$13,0)+IF(Input!$K$14=4,K4116*Input!$J$14,0)+IF(Input!$K$15=4,L4116*Input!$J$15,0)+IF(Input!$K$16=4,M4116*Input!$J$16,0)</f>
        <v>0</v>
      </c>
    </row>
    <row r="4117" spans="8:17" x14ac:dyDescent="0.25">
      <c r="H4117" s="43">
        <v>4110</v>
      </c>
      <c r="I4117" s="55">
        <f>Bühler!I4143</f>
        <v>0</v>
      </c>
      <c r="J4117" s="58">
        <f>Bühler!J4143</f>
        <v>6.0216018039773251</v>
      </c>
      <c r="K4117" s="58">
        <f>Bühler!K4143</f>
        <v>0.54125004226714357</v>
      </c>
      <c r="L4117" s="58">
        <f>Bühler!L4143</f>
        <v>0.27062502113357179</v>
      </c>
      <c r="M4117" s="57">
        <f>Bühler!M4143</f>
        <v>0</v>
      </c>
      <c r="N4117" s="55">
        <f>IF(Input!$K$13=1,J4117*Input!$J$13,0)+IF(Input!$K$14=1,K4117*Input!$J$14,0)+IF(Input!$K$15=1,L4117*Input!$J$15,0)+IF(Input!$K$16=1,M4117*Input!$J$16,0)</f>
        <v>0.722592216477279</v>
      </c>
      <c r="O4117" s="58">
        <f>IF(Input!$K$13=2,J4117*Input!$J$13,0)+IF(Input!$K$14=2,K4117*Input!$J$14,0)+IF(Input!$K$15=2,L4117*Input!$J$15,0)+IF(Input!$K$16=2,M4117*Input!$J$16,0)</f>
        <v>7.3068755706064387E-2</v>
      </c>
      <c r="P4117" s="58">
        <f>IF(Input!$K$13=3,J4117*Input!$J$13,0)+IF(Input!$K$14=3,K4117*Input!$J$14,0)+IF(Input!$K$15=3,L4117*Input!$J$15,0)+IF(Input!$K$16=3,M4117*Input!$J$16,0)</f>
        <v>0</v>
      </c>
      <c r="Q4117" s="71">
        <f>IF(Input!$K$13=4,J4117*Input!$J$13,0)+IF(Input!$K$14=4,K4117*Input!$J$14,0)+IF(Input!$K$15=4,L4117*Input!$J$15,0)+IF(Input!$K$16=4,M4117*Input!$J$16,0)</f>
        <v>0</v>
      </c>
    </row>
    <row r="4118" spans="8:17" x14ac:dyDescent="0.25">
      <c r="H4118" s="43">
        <v>4111</v>
      </c>
      <c r="I4118" s="55">
        <f>Bühler!I4144</f>
        <v>0</v>
      </c>
      <c r="J4118" s="58">
        <f>Bühler!J4144</f>
        <v>6.0216018039773251</v>
      </c>
      <c r="K4118" s="58">
        <f>Bühler!K4144</f>
        <v>0.54125004226714357</v>
      </c>
      <c r="L4118" s="58">
        <f>Bühler!L4144</f>
        <v>0.27062502113357179</v>
      </c>
      <c r="M4118" s="57">
        <f>Bühler!M4144</f>
        <v>0</v>
      </c>
      <c r="N4118" s="55">
        <f>IF(Input!$K$13=1,J4118*Input!$J$13,0)+IF(Input!$K$14=1,K4118*Input!$J$14,0)+IF(Input!$K$15=1,L4118*Input!$J$15,0)+IF(Input!$K$16=1,M4118*Input!$J$16,0)</f>
        <v>0.722592216477279</v>
      </c>
      <c r="O4118" s="58">
        <f>IF(Input!$K$13=2,J4118*Input!$J$13,0)+IF(Input!$K$14=2,K4118*Input!$J$14,0)+IF(Input!$K$15=2,L4118*Input!$J$15,0)+IF(Input!$K$16=2,M4118*Input!$J$16,0)</f>
        <v>7.3068755706064387E-2</v>
      </c>
      <c r="P4118" s="58">
        <f>IF(Input!$K$13=3,J4118*Input!$J$13,0)+IF(Input!$K$14=3,K4118*Input!$J$14,0)+IF(Input!$K$15=3,L4118*Input!$J$15,0)+IF(Input!$K$16=3,M4118*Input!$J$16,0)</f>
        <v>0</v>
      </c>
      <c r="Q4118" s="71">
        <f>IF(Input!$K$13=4,J4118*Input!$J$13,0)+IF(Input!$K$14=4,K4118*Input!$J$14,0)+IF(Input!$K$15=4,L4118*Input!$J$15,0)+IF(Input!$K$16=4,M4118*Input!$J$16,0)</f>
        <v>0</v>
      </c>
    </row>
    <row r="4119" spans="8:17" x14ac:dyDescent="0.25">
      <c r="H4119" s="43">
        <v>4112</v>
      </c>
      <c r="I4119" s="55">
        <f>Bühler!I4145</f>
        <v>0</v>
      </c>
      <c r="J4119" s="58">
        <f>Bühler!J4145</f>
        <v>24.615578283531544</v>
      </c>
      <c r="K4119" s="58">
        <f>Bühler!K4145</f>
        <v>2.212564566722353</v>
      </c>
      <c r="L4119" s="58">
        <f>Bühler!L4145</f>
        <v>1.1062822833611765</v>
      </c>
      <c r="M4119" s="57">
        <f>Bühler!M4145</f>
        <v>0</v>
      </c>
      <c r="N4119" s="55">
        <f>IF(Input!$K$13=1,J4119*Input!$J$13,0)+IF(Input!$K$14=1,K4119*Input!$J$14,0)+IF(Input!$K$15=1,L4119*Input!$J$15,0)+IF(Input!$K$16=1,M4119*Input!$J$16,0)</f>
        <v>2.9538693940237852</v>
      </c>
      <c r="O4119" s="58">
        <f>IF(Input!$K$13=2,J4119*Input!$J$13,0)+IF(Input!$K$14=2,K4119*Input!$J$14,0)+IF(Input!$K$15=2,L4119*Input!$J$15,0)+IF(Input!$K$16=2,M4119*Input!$J$16,0)</f>
        <v>0.29869621650751765</v>
      </c>
      <c r="P4119" s="58">
        <f>IF(Input!$K$13=3,J4119*Input!$J$13,0)+IF(Input!$K$14=3,K4119*Input!$J$14,0)+IF(Input!$K$15=3,L4119*Input!$J$15,0)+IF(Input!$K$16=3,M4119*Input!$J$16,0)</f>
        <v>0</v>
      </c>
      <c r="Q4119" s="71">
        <f>IF(Input!$K$13=4,J4119*Input!$J$13,0)+IF(Input!$K$14=4,K4119*Input!$J$14,0)+IF(Input!$K$15=4,L4119*Input!$J$15,0)+IF(Input!$K$16=4,M4119*Input!$J$16,0)</f>
        <v>0</v>
      </c>
    </row>
    <row r="4120" spans="8:17" x14ac:dyDescent="0.25">
      <c r="H4120" s="43">
        <v>4113</v>
      </c>
      <c r="I4120" s="55">
        <f>Bühler!I4146</f>
        <v>0</v>
      </c>
      <c r="J4120" s="58">
        <f>Bühler!J4146</f>
        <v>27.465803137414149</v>
      </c>
      <c r="K4120" s="58">
        <f>Bühler!K4146</f>
        <v>2.4687562533954681</v>
      </c>
      <c r="L4120" s="58">
        <f>Bühler!L4146</f>
        <v>1.2343781266977341</v>
      </c>
      <c r="M4120" s="57">
        <f>Bühler!M4146</f>
        <v>0</v>
      </c>
      <c r="N4120" s="55">
        <f>IF(Input!$K$13=1,J4120*Input!$J$13,0)+IF(Input!$K$14=1,K4120*Input!$J$14,0)+IF(Input!$K$15=1,L4120*Input!$J$15,0)+IF(Input!$K$16=1,M4120*Input!$J$16,0)</f>
        <v>3.2958963764896976</v>
      </c>
      <c r="O4120" s="58">
        <f>IF(Input!$K$13=2,J4120*Input!$J$13,0)+IF(Input!$K$14=2,K4120*Input!$J$14,0)+IF(Input!$K$15=2,L4120*Input!$J$15,0)+IF(Input!$K$16=2,M4120*Input!$J$16,0)</f>
        <v>0.33328209420838817</v>
      </c>
      <c r="P4120" s="58">
        <f>IF(Input!$K$13=3,J4120*Input!$J$13,0)+IF(Input!$K$14=3,K4120*Input!$J$14,0)+IF(Input!$K$15=3,L4120*Input!$J$15,0)+IF(Input!$K$16=3,M4120*Input!$J$16,0)</f>
        <v>0</v>
      </c>
      <c r="Q4120" s="71">
        <f>IF(Input!$K$13=4,J4120*Input!$J$13,0)+IF(Input!$K$14=4,K4120*Input!$J$14,0)+IF(Input!$K$15=4,L4120*Input!$J$15,0)+IF(Input!$K$16=4,M4120*Input!$J$16,0)</f>
        <v>0</v>
      </c>
    </row>
    <row r="4121" spans="8:17" x14ac:dyDescent="0.25">
      <c r="H4121" s="43">
        <v>4114</v>
      </c>
      <c r="I4121" s="55">
        <f>Bühler!I4147</f>
        <v>0</v>
      </c>
      <c r="J4121" s="58">
        <f>Bühler!J4147</f>
        <v>30.31602799129675</v>
      </c>
      <c r="K4121" s="58">
        <f>Bühler!K4147</f>
        <v>2.7249479400685828</v>
      </c>
      <c r="L4121" s="58">
        <f>Bühler!L4147</f>
        <v>1.3624739700342914</v>
      </c>
      <c r="M4121" s="57">
        <f>Bühler!M4147</f>
        <v>0</v>
      </c>
      <c r="N4121" s="55">
        <f>IF(Input!$K$13=1,J4121*Input!$J$13,0)+IF(Input!$K$14=1,K4121*Input!$J$14,0)+IF(Input!$K$15=1,L4121*Input!$J$15,0)+IF(Input!$K$16=1,M4121*Input!$J$16,0)</f>
        <v>3.6379233589556099</v>
      </c>
      <c r="O4121" s="58">
        <f>IF(Input!$K$13=2,J4121*Input!$J$13,0)+IF(Input!$K$14=2,K4121*Input!$J$14,0)+IF(Input!$K$15=2,L4121*Input!$J$15,0)+IF(Input!$K$16=2,M4121*Input!$J$16,0)</f>
        <v>0.36786797190925868</v>
      </c>
      <c r="P4121" s="58">
        <f>IF(Input!$K$13=3,J4121*Input!$J$13,0)+IF(Input!$K$14=3,K4121*Input!$J$14,0)+IF(Input!$K$15=3,L4121*Input!$J$15,0)+IF(Input!$K$16=3,M4121*Input!$J$16,0)</f>
        <v>0</v>
      </c>
      <c r="Q4121" s="71">
        <f>IF(Input!$K$13=4,J4121*Input!$J$13,0)+IF(Input!$K$14=4,K4121*Input!$J$14,0)+IF(Input!$K$15=4,L4121*Input!$J$15,0)+IF(Input!$K$16=4,M4121*Input!$J$16,0)</f>
        <v>0</v>
      </c>
    </row>
    <row r="4122" spans="8:17" x14ac:dyDescent="0.25">
      <c r="H4122" s="43">
        <v>4115</v>
      </c>
      <c r="I4122" s="55">
        <f>Bühler!I4148</f>
        <v>0</v>
      </c>
      <c r="J4122" s="58">
        <f>Bühler!J4148</f>
        <v>30.31602799129675</v>
      </c>
      <c r="K4122" s="58">
        <f>Bühler!K4148</f>
        <v>2.7249479400685828</v>
      </c>
      <c r="L4122" s="58">
        <f>Bühler!L4148</f>
        <v>1.3624739700342914</v>
      </c>
      <c r="M4122" s="57">
        <f>Bühler!M4148</f>
        <v>0</v>
      </c>
      <c r="N4122" s="55">
        <f>IF(Input!$K$13=1,J4122*Input!$J$13,0)+IF(Input!$K$14=1,K4122*Input!$J$14,0)+IF(Input!$K$15=1,L4122*Input!$J$15,0)+IF(Input!$K$16=1,M4122*Input!$J$16,0)</f>
        <v>3.6379233589556099</v>
      </c>
      <c r="O4122" s="58">
        <f>IF(Input!$K$13=2,J4122*Input!$J$13,0)+IF(Input!$K$14=2,K4122*Input!$J$14,0)+IF(Input!$K$15=2,L4122*Input!$J$15,0)+IF(Input!$K$16=2,M4122*Input!$J$16,0)</f>
        <v>0.36786797190925868</v>
      </c>
      <c r="P4122" s="58">
        <f>IF(Input!$K$13=3,J4122*Input!$J$13,0)+IF(Input!$K$14=3,K4122*Input!$J$14,0)+IF(Input!$K$15=3,L4122*Input!$J$15,0)+IF(Input!$K$16=3,M4122*Input!$J$16,0)</f>
        <v>0</v>
      </c>
      <c r="Q4122" s="71">
        <f>IF(Input!$K$13=4,J4122*Input!$J$13,0)+IF(Input!$K$14=4,K4122*Input!$J$14,0)+IF(Input!$K$15=4,L4122*Input!$J$15,0)+IF(Input!$K$16=4,M4122*Input!$J$16,0)</f>
        <v>0</v>
      </c>
    </row>
    <row r="4123" spans="8:17" x14ac:dyDescent="0.25">
      <c r="H4123" s="43">
        <v>4116</v>
      </c>
      <c r="I4123" s="55">
        <f>Bühler!I4149</f>
        <v>0</v>
      </c>
      <c r="J4123" s="58">
        <f>Bühler!J4149</f>
        <v>36.275589049414911</v>
      </c>
      <c r="K4123" s="58">
        <f>Bühler!K4149</f>
        <v>3.2606214667487317</v>
      </c>
      <c r="L4123" s="58">
        <f>Bühler!L4149</f>
        <v>1.6303107333743658</v>
      </c>
      <c r="M4123" s="57">
        <f>Bühler!M4149</f>
        <v>0</v>
      </c>
      <c r="N4123" s="55">
        <f>IF(Input!$K$13=1,J4123*Input!$J$13,0)+IF(Input!$K$14=1,K4123*Input!$J$14,0)+IF(Input!$K$15=1,L4123*Input!$J$15,0)+IF(Input!$K$16=1,M4123*Input!$J$16,0)</f>
        <v>4.3530706859297892</v>
      </c>
      <c r="O4123" s="58">
        <f>IF(Input!$K$13=2,J4123*Input!$J$13,0)+IF(Input!$K$14=2,K4123*Input!$J$14,0)+IF(Input!$K$15=2,L4123*Input!$J$15,0)+IF(Input!$K$16=2,M4123*Input!$J$16,0)</f>
        <v>0.44018389801107871</v>
      </c>
      <c r="P4123" s="58">
        <f>IF(Input!$K$13=3,J4123*Input!$J$13,0)+IF(Input!$K$14=3,K4123*Input!$J$14,0)+IF(Input!$K$15=3,L4123*Input!$J$15,0)+IF(Input!$K$16=3,M4123*Input!$J$16,0)</f>
        <v>0</v>
      </c>
      <c r="Q4123" s="71">
        <f>IF(Input!$K$13=4,J4123*Input!$J$13,0)+IF(Input!$K$14=4,K4123*Input!$J$14,0)+IF(Input!$K$15=4,L4123*Input!$J$15,0)+IF(Input!$K$16=4,M4123*Input!$J$16,0)</f>
        <v>0</v>
      </c>
    </row>
    <row r="4124" spans="8:17" x14ac:dyDescent="0.25">
      <c r="H4124" s="43">
        <v>4117</v>
      </c>
      <c r="I4124" s="55">
        <f>Bühler!I4150</f>
        <v>0</v>
      </c>
      <c r="J4124" s="58">
        <f>Bühler!J4150</f>
        <v>36.275589049414911</v>
      </c>
      <c r="K4124" s="58">
        <f>Bühler!K4150</f>
        <v>3.2606214667487317</v>
      </c>
      <c r="L4124" s="58">
        <f>Bühler!L4150</f>
        <v>1.6303107333743658</v>
      </c>
      <c r="M4124" s="57">
        <f>Bühler!M4150</f>
        <v>0</v>
      </c>
      <c r="N4124" s="55">
        <f>IF(Input!$K$13=1,J4124*Input!$J$13,0)+IF(Input!$K$14=1,K4124*Input!$J$14,0)+IF(Input!$K$15=1,L4124*Input!$J$15,0)+IF(Input!$K$16=1,M4124*Input!$J$16,0)</f>
        <v>4.3530706859297892</v>
      </c>
      <c r="O4124" s="58">
        <f>IF(Input!$K$13=2,J4124*Input!$J$13,0)+IF(Input!$K$14=2,K4124*Input!$J$14,0)+IF(Input!$K$15=2,L4124*Input!$J$15,0)+IF(Input!$K$16=2,M4124*Input!$J$16,0)</f>
        <v>0.44018389801107871</v>
      </c>
      <c r="P4124" s="58">
        <f>IF(Input!$K$13=3,J4124*Input!$J$13,0)+IF(Input!$K$14=3,K4124*Input!$J$14,0)+IF(Input!$K$15=3,L4124*Input!$J$15,0)+IF(Input!$K$16=3,M4124*Input!$J$16,0)</f>
        <v>0</v>
      </c>
      <c r="Q4124" s="71">
        <f>IF(Input!$K$13=4,J4124*Input!$J$13,0)+IF(Input!$K$14=4,K4124*Input!$J$14,0)+IF(Input!$K$15=4,L4124*Input!$J$15,0)+IF(Input!$K$16=4,M4124*Input!$J$16,0)</f>
        <v>0</v>
      </c>
    </row>
    <row r="4125" spans="8:17" x14ac:dyDescent="0.25">
      <c r="H4125" s="43">
        <v>4118</v>
      </c>
      <c r="I4125" s="55">
        <f>Bühler!I4151</f>
        <v>0</v>
      </c>
      <c r="J4125" s="58">
        <f>Bühler!J4151</f>
        <v>24.097355582825621</v>
      </c>
      <c r="K4125" s="58">
        <f>Bühler!K4151</f>
        <v>2.1659842600545147</v>
      </c>
      <c r="L4125" s="58">
        <f>Bühler!L4151</f>
        <v>1.0829921300272574</v>
      </c>
      <c r="M4125" s="57">
        <f>Bühler!M4151</f>
        <v>0</v>
      </c>
      <c r="N4125" s="55">
        <f>IF(Input!$K$13=1,J4125*Input!$J$13,0)+IF(Input!$K$14=1,K4125*Input!$J$14,0)+IF(Input!$K$15=1,L4125*Input!$J$15,0)+IF(Input!$K$16=1,M4125*Input!$J$16,0)</f>
        <v>2.8916826699390743</v>
      </c>
      <c r="O4125" s="58">
        <f>IF(Input!$K$13=2,J4125*Input!$J$13,0)+IF(Input!$K$14=2,K4125*Input!$J$14,0)+IF(Input!$K$15=2,L4125*Input!$J$15,0)+IF(Input!$K$16=2,M4125*Input!$J$16,0)</f>
        <v>0.29240787510735944</v>
      </c>
      <c r="P4125" s="58">
        <f>IF(Input!$K$13=3,J4125*Input!$J$13,0)+IF(Input!$K$14=3,K4125*Input!$J$14,0)+IF(Input!$K$15=3,L4125*Input!$J$15,0)+IF(Input!$K$16=3,M4125*Input!$J$16,0)</f>
        <v>0</v>
      </c>
      <c r="Q4125" s="71">
        <f>IF(Input!$K$13=4,J4125*Input!$J$13,0)+IF(Input!$K$14=4,K4125*Input!$J$14,0)+IF(Input!$K$15=4,L4125*Input!$J$15,0)+IF(Input!$K$16=4,M4125*Input!$J$16,0)</f>
        <v>0</v>
      </c>
    </row>
    <row r="4126" spans="8:17" x14ac:dyDescent="0.25">
      <c r="H4126" s="43">
        <v>4119</v>
      </c>
      <c r="I4126" s="55">
        <f>Bühler!I4152</f>
        <v>0</v>
      </c>
      <c r="J4126" s="58">
        <f>Bühler!J4152</f>
        <v>36.275589049414911</v>
      </c>
      <c r="K4126" s="58">
        <f>Bühler!K4152</f>
        <v>3.2606214667487317</v>
      </c>
      <c r="L4126" s="58">
        <f>Bühler!L4152</f>
        <v>1.6303107333743658</v>
      </c>
      <c r="M4126" s="57">
        <f>Bühler!M4152</f>
        <v>0</v>
      </c>
      <c r="N4126" s="55">
        <f>IF(Input!$K$13=1,J4126*Input!$J$13,0)+IF(Input!$K$14=1,K4126*Input!$J$14,0)+IF(Input!$K$15=1,L4126*Input!$J$15,0)+IF(Input!$K$16=1,M4126*Input!$J$16,0)</f>
        <v>4.3530706859297892</v>
      </c>
      <c r="O4126" s="58">
        <f>IF(Input!$K$13=2,J4126*Input!$J$13,0)+IF(Input!$K$14=2,K4126*Input!$J$14,0)+IF(Input!$K$15=2,L4126*Input!$J$15,0)+IF(Input!$K$16=2,M4126*Input!$J$16,0)</f>
        <v>0.44018389801107871</v>
      </c>
      <c r="P4126" s="58">
        <f>IF(Input!$K$13=3,J4126*Input!$J$13,0)+IF(Input!$K$14=3,K4126*Input!$J$14,0)+IF(Input!$K$15=3,L4126*Input!$J$15,0)+IF(Input!$K$16=3,M4126*Input!$J$16,0)</f>
        <v>0</v>
      </c>
      <c r="Q4126" s="71">
        <f>IF(Input!$K$13=4,J4126*Input!$J$13,0)+IF(Input!$K$14=4,K4126*Input!$J$14,0)+IF(Input!$K$15=4,L4126*Input!$J$15,0)+IF(Input!$K$16=4,M4126*Input!$J$16,0)</f>
        <v>0</v>
      </c>
    </row>
    <row r="4127" spans="8:17" x14ac:dyDescent="0.25">
      <c r="H4127" s="43">
        <v>4120</v>
      </c>
      <c r="I4127" s="55">
        <f>Bühler!I4153</f>
        <v>0</v>
      </c>
      <c r="J4127" s="58">
        <f>Bühler!J4153</f>
        <v>36.275589049414911</v>
      </c>
      <c r="K4127" s="58">
        <f>Bühler!K4153</f>
        <v>3.2606214667487317</v>
      </c>
      <c r="L4127" s="58">
        <f>Bühler!L4153</f>
        <v>1.6303107333743658</v>
      </c>
      <c r="M4127" s="57">
        <f>Bühler!M4153</f>
        <v>0</v>
      </c>
      <c r="N4127" s="55">
        <f>IF(Input!$K$13=1,J4127*Input!$J$13,0)+IF(Input!$K$14=1,K4127*Input!$J$14,0)+IF(Input!$K$15=1,L4127*Input!$J$15,0)+IF(Input!$K$16=1,M4127*Input!$J$16,0)</f>
        <v>4.3530706859297892</v>
      </c>
      <c r="O4127" s="58">
        <f>IF(Input!$K$13=2,J4127*Input!$J$13,0)+IF(Input!$K$14=2,K4127*Input!$J$14,0)+IF(Input!$K$15=2,L4127*Input!$J$15,0)+IF(Input!$K$16=2,M4127*Input!$J$16,0)</f>
        <v>0.44018389801107871</v>
      </c>
      <c r="P4127" s="58">
        <f>IF(Input!$K$13=3,J4127*Input!$J$13,0)+IF(Input!$K$14=3,K4127*Input!$J$14,0)+IF(Input!$K$15=3,L4127*Input!$J$15,0)+IF(Input!$K$16=3,M4127*Input!$J$16,0)</f>
        <v>0</v>
      </c>
      <c r="Q4127" s="71">
        <f>IF(Input!$K$13=4,J4127*Input!$J$13,0)+IF(Input!$K$14=4,K4127*Input!$J$14,0)+IF(Input!$K$15=4,L4127*Input!$J$15,0)+IF(Input!$K$16=4,M4127*Input!$J$16,0)</f>
        <v>0</v>
      </c>
    </row>
    <row r="4128" spans="8:17" x14ac:dyDescent="0.25">
      <c r="H4128" s="43">
        <v>4121</v>
      </c>
      <c r="I4128" s="55">
        <f>Bühler!I4154</f>
        <v>0</v>
      </c>
      <c r="J4128" s="58">
        <f>Bühler!J4154</f>
        <v>21.376686404119503</v>
      </c>
      <c r="K4128" s="58">
        <f>Bühler!K4154</f>
        <v>1.9214376500483599</v>
      </c>
      <c r="L4128" s="58">
        <f>Bühler!L4154</f>
        <v>0.96071882502417993</v>
      </c>
      <c r="M4128" s="57">
        <f>Bühler!M4154</f>
        <v>0</v>
      </c>
      <c r="N4128" s="55">
        <f>IF(Input!$K$13=1,J4128*Input!$J$13,0)+IF(Input!$K$14=1,K4128*Input!$J$14,0)+IF(Input!$K$15=1,L4128*Input!$J$15,0)+IF(Input!$K$16=1,M4128*Input!$J$16,0)</f>
        <v>2.5652023684943401</v>
      </c>
      <c r="O4128" s="58">
        <f>IF(Input!$K$13=2,J4128*Input!$J$13,0)+IF(Input!$K$14=2,K4128*Input!$J$14,0)+IF(Input!$K$15=2,L4128*Input!$J$15,0)+IF(Input!$K$16=2,M4128*Input!$J$16,0)</f>
        <v>0.25939408275652859</v>
      </c>
      <c r="P4128" s="58">
        <f>IF(Input!$K$13=3,J4128*Input!$J$13,0)+IF(Input!$K$14=3,K4128*Input!$J$14,0)+IF(Input!$K$15=3,L4128*Input!$J$15,0)+IF(Input!$K$16=3,M4128*Input!$J$16,0)</f>
        <v>0</v>
      </c>
      <c r="Q4128" s="71">
        <f>IF(Input!$K$13=4,J4128*Input!$J$13,0)+IF(Input!$K$14=4,K4128*Input!$J$14,0)+IF(Input!$K$15=4,L4128*Input!$J$15,0)+IF(Input!$K$16=4,M4128*Input!$J$16,0)</f>
        <v>0</v>
      </c>
    </row>
    <row r="4129" spans="8:17" x14ac:dyDescent="0.25">
      <c r="H4129" s="43">
        <v>4122</v>
      </c>
      <c r="I4129" s="55">
        <f>Bühler!I4155</f>
        <v>0</v>
      </c>
      <c r="J4129" s="58">
        <f>Bühler!J4155</f>
        <v>9.1236390969353423</v>
      </c>
      <c r="K4129" s="58">
        <f>Bühler!K4155</f>
        <v>0.8200758216168843</v>
      </c>
      <c r="L4129" s="58">
        <f>Bühler!L4155</f>
        <v>0.41003791080844215</v>
      </c>
      <c r="M4129" s="57">
        <f>Bühler!M4155</f>
        <v>0</v>
      </c>
      <c r="N4129" s="55">
        <f>IF(Input!$K$13=1,J4129*Input!$J$13,0)+IF(Input!$K$14=1,K4129*Input!$J$14,0)+IF(Input!$K$15=1,L4129*Input!$J$15,0)+IF(Input!$K$16=1,M4129*Input!$J$16,0)</f>
        <v>1.094836691632241</v>
      </c>
      <c r="O4129" s="58">
        <f>IF(Input!$K$13=2,J4129*Input!$J$13,0)+IF(Input!$K$14=2,K4129*Input!$J$14,0)+IF(Input!$K$15=2,L4129*Input!$J$15,0)+IF(Input!$K$16=2,M4129*Input!$J$16,0)</f>
        <v>0.11071023591827937</v>
      </c>
      <c r="P4129" s="58">
        <f>IF(Input!$K$13=3,J4129*Input!$J$13,0)+IF(Input!$K$14=3,K4129*Input!$J$14,0)+IF(Input!$K$15=3,L4129*Input!$J$15,0)+IF(Input!$K$16=3,M4129*Input!$J$16,0)</f>
        <v>0</v>
      </c>
      <c r="Q4129" s="71">
        <f>IF(Input!$K$13=4,J4129*Input!$J$13,0)+IF(Input!$K$14=4,K4129*Input!$J$14,0)+IF(Input!$K$15=4,L4129*Input!$J$15,0)+IF(Input!$K$16=4,M4129*Input!$J$16,0)</f>
        <v>0</v>
      </c>
    </row>
    <row r="4130" spans="8:17" x14ac:dyDescent="0.25">
      <c r="H4130" s="43">
        <v>4123</v>
      </c>
      <c r="I4130" s="55">
        <f>Bühler!I4156</f>
        <v>0</v>
      </c>
      <c r="J4130" s="58">
        <f>Bühler!J4156</f>
        <v>6.0216018039773251</v>
      </c>
      <c r="K4130" s="58">
        <f>Bühler!K4156</f>
        <v>0.54125004226714357</v>
      </c>
      <c r="L4130" s="58">
        <f>Bühler!L4156</f>
        <v>0.27062502113357179</v>
      </c>
      <c r="M4130" s="57">
        <f>Bühler!M4156</f>
        <v>0</v>
      </c>
      <c r="N4130" s="55">
        <f>IF(Input!$K$13=1,J4130*Input!$J$13,0)+IF(Input!$K$14=1,K4130*Input!$J$14,0)+IF(Input!$K$15=1,L4130*Input!$J$15,0)+IF(Input!$K$16=1,M4130*Input!$J$16,0)</f>
        <v>0.722592216477279</v>
      </c>
      <c r="O4130" s="58">
        <f>IF(Input!$K$13=2,J4130*Input!$J$13,0)+IF(Input!$K$14=2,K4130*Input!$J$14,0)+IF(Input!$K$15=2,L4130*Input!$J$15,0)+IF(Input!$K$16=2,M4130*Input!$J$16,0)</f>
        <v>7.3068755706064387E-2</v>
      </c>
      <c r="P4130" s="58">
        <f>IF(Input!$K$13=3,J4130*Input!$J$13,0)+IF(Input!$K$14=3,K4130*Input!$J$14,0)+IF(Input!$K$15=3,L4130*Input!$J$15,0)+IF(Input!$K$16=3,M4130*Input!$J$16,0)</f>
        <v>0</v>
      </c>
      <c r="Q4130" s="71">
        <f>IF(Input!$K$13=4,J4130*Input!$J$13,0)+IF(Input!$K$14=4,K4130*Input!$J$14,0)+IF(Input!$K$15=4,L4130*Input!$J$15,0)+IF(Input!$K$16=4,M4130*Input!$J$16,0)</f>
        <v>0</v>
      </c>
    </row>
    <row r="4131" spans="8:17" x14ac:dyDescent="0.25">
      <c r="H4131" s="43">
        <v>4124</v>
      </c>
      <c r="I4131" s="55">
        <f>Bühler!I4157</f>
        <v>0</v>
      </c>
      <c r="J4131" s="58">
        <f>Bühler!J4157</f>
        <v>6.0216018039773251</v>
      </c>
      <c r="K4131" s="58">
        <f>Bühler!K4157</f>
        <v>0.54125004226714357</v>
      </c>
      <c r="L4131" s="58">
        <f>Bühler!L4157</f>
        <v>0.27062502113357179</v>
      </c>
      <c r="M4131" s="57">
        <f>Bühler!M4157</f>
        <v>0</v>
      </c>
      <c r="N4131" s="55">
        <f>IF(Input!$K$13=1,J4131*Input!$J$13,0)+IF(Input!$K$14=1,K4131*Input!$J$14,0)+IF(Input!$K$15=1,L4131*Input!$J$15,0)+IF(Input!$K$16=1,M4131*Input!$J$16,0)</f>
        <v>0.722592216477279</v>
      </c>
      <c r="O4131" s="58">
        <f>IF(Input!$K$13=2,J4131*Input!$J$13,0)+IF(Input!$K$14=2,K4131*Input!$J$14,0)+IF(Input!$K$15=2,L4131*Input!$J$15,0)+IF(Input!$K$16=2,M4131*Input!$J$16,0)</f>
        <v>7.3068755706064387E-2</v>
      </c>
      <c r="P4131" s="58">
        <f>IF(Input!$K$13=3,J4131*Input!$J$13,0)+IF(Input!$K$14=3,K4131*Input!$J$14,0)+IF(Input!$K$15=3,L4131*Input!$J$15,0)+IF(Input!$K$16=3,M4131*Input!$J$16,0)</f>
        <v>0</v>
      </c>
      <c r="Q4131" s="71">
        <f>IF(Input!$K$13=4,J4131*Input!$J$13,0)+IF(Input!$K$14=4,K4131*Input!$J$14,0)+IF(Input!$K$15=4,L4131*Input!$J$15,0)+IF(Input!$K$16=4,M4131*Input!$J$16,0)</f>
        <v>0</v>
      </c>
    </row>
    <row r="4132" spans="8:17" x14ac:dyDescent="0.25">
      <c r="H4132" s="43">
        <v>4125</v>
      </c>
      <c r="I4132" s="55">
        <f>Bühler!I4158</f>
        <v>0</v>
      </c>
      <c r="J4132" s="58">
        <f>Bühler!J4158</f>
        <v>6.0216018039773251</v>
      </c>
      <c r="K4132" s="58">
        <f>Bühler!K4158</f>
        <v>0.54125004226714357</v>
      </c>
      <c r="L4132" s="58">
        <f>Bühler!L4158</f>
        <v>0.27062502113357179</v>
      </c>
      <c r="M4132" s="57">
        <f>Bühler!M4158</f>
        <v>0</v>
      </c>
      <c r="N4132" s="55">
        <f>IF(Input!$K$13=1,J4132*Input!$J$13,0)+IF(Input!$K$14=1,K4132*Input!$J$14,0)+IF(Input!$K$15=1,L4132*Input!$J$15,0)+IF(Input!$K$16=1,M4132*Input!$J$16,0)</f>
        <v>0.722592216477279</v>
      </c>
      <c r="O4132" s="58">
        <f>IF(Input!$K$13=2,J4132*Input!$J$13,0)+IF(Input!$K$14=2,K4132*Input!$J$14,0)+IF(Input!$K$15=2,L4132*Input!$J$15,0)+IF(Input!$K$16=2,M4132*Input!$J$16,0)</f>
        <v>7.3068755706064387E-2</v>
      </c>
      <c r="P4132" s="58">
        <f>IF(Input!$K$13=3,J4132*Input!$J$13,0)+IF(Input!$K$14=3,K4132*Input!$J$14,0)+IF(Input!$K$15=3,L4132*Input!$J$15,0)+IF(Input!$K$16=3,M4132*Input!$J$16,0)</f>
        <v>0</v>
      </c>
      <c r="Q4132" s="71">
        <f>IF(Input!$K$13=4,J4132*Input!$J$13,0)+IF(Input!$K$14=4,K4132*Input!$J$14,0)+IF(Input!$K$15=4,L4132*Input!$J$15,0)+IF(Input!$K$16=4,M4132*Input!$J$16,0)</f>
        <v>0</v>
      </c>
    </row>
    <row r="4133" spans="8:17" x14ac:dyDescent="0.25">
      <c r="H4133" s="43">
        <v>4126</v>
      </c>
      <c r="I4133" s="55">
        <f>Bühler!I4159</f>
        <v>0</v>
      </c>
      <c r="J4133" s="58">
        <f>Bühler!J4159</f>
        <v>6.0216018039773251</v>
      </c>
      <c r="K4133" s="58">
        <f>Bühler!K4159</f>
        <v>0.54125004226714357</v>
      </c>
      <c r="L4133" s="58">
        <f>Bühler!L4159</f>
        <v>0.27062502113357179</v>
      </c>
      <c r="M4133" s="57">
        <f>Bühler!M4159</f>
        <v>0</v>
      </c>
      <c r="N4133" s="55">
        <f>IF(Input!$K$13=1,J4133*Input!$J$13,0)+IF(Input!$K$14=1,K4133*Input!$J$14,0)+IF(Input!$K$15=1,L4133*Input!$J$15,0)+IF(Input!$K$16=1,M4133*Input!$J$16,0)</f>
        <v>0.722592216477279</v>
      </c>
      <c r="O4133" s="58">
        <f>IF(Input!$K$13=2,J4133*Input!$J$13,0)+IF(Input!$K$14=2,K4133*Input!$J$14,0)+IF(Input!$K$15=2,L4133*Input!$J$15,0)+IF(Input!$K$16=2,M4133*Input!$J$16,0)</f>
        <v>7.3068755706064387E-2</v>
      </c>
      <c r="P4133" s="58">
        <f>IF(Input!$K$13=3,J4133*Input!$J$13,0)+IF(Input!$K$14=3,K4133*Input!$J$14,0)+IF(Input!$K$15=3,L4133*Input!$J$15,0)+IF(Input!$K$16=3,M4133*Input!$J$16,0)</f>
        <v>0</v>
      </c>
      <c r="Q4133" s="71">
        <f>IF(Input!$K$13=4,J4133*Input!$J$13,0)+IF(Input!$K$14=4,K4133*Input!$J$14,0)+IF(Input!$K$15=4,L4133*Input!$J$15,0)+IF(Input!$K$16=4,M4133*Input!$J$16,0)</f>
        <v>0</v>
      </c>
    </row>
    <row r="4134" spans="8:17" x14ac:dyDescent="0.25">
      <c r="H4134" s="43">
        <v>4127</v>
      </c>
      <c r="I4134" s="55">
        <f>Bühler!I4160</f>
        <v>0</v>
      </c>
      <c r="J4134" s="58">
        <f>Bühler!J4160</f>
        <v>6.0216018039773251</v>
      </c>
      <c r="K4134" s="58">
        <f>Bühler!K4160</f>
        <v>0.54125004226714357</v>
      </c>
      <c r="L4134" s="58">
        <f>Bühler!L4160</f>
        <v>0.27062502113357179</v>
      </c>
      <c r="M4134" s="57">
        <f>Bühler!M4160</f>
        <v>0</v>
      </c>
      <c r="N4134" s="55">
        <f>IF(Input!$K$13=1,J4134*Input!$J$13,0)+IF(Input!$K$14=1,K4134*Input!$J$14,0)+IF(Input!$K$15=1,L4134*Input!$J$15,0)+IF(Input!$K$16=1,M4134*Input!$J$16,0)</f>
        <v>0.722592216477279</v>
      </c>
      <c r="O4134" s="58">
        <f>IF(Input!$K$13=2,J4134*Input!$J$13,0)+IF(Input!$K$14=2,K4134*Input!$J$14,0)+IF(Input!$K$15=2,L4134*Input!$J$15,0)+IF(Input!$K$16=2,M4134*Input!$J$16,0)</f>
        <v>7.3068755706064387E-2</v>
      </c>
      <c r="P4134" s="58">
        <f>IF(Input!$K$13=3,J4134*Input!$J$13,0)+IF(Input!$K$14=3,K4134*Input!$J$14,0)+IF(Input!$K$15=3,L4134*Input!$J$15,0)+IF(Input!$K$16=3,M4134*Input!$J$16,0)</f>
        <v>0</v>
      </c>
      <c r="Q4134" s="71">
        <f>IF(Input!$K$13=4,J4134*Input!$J$13,0)+IF(Input!$K$14=4,K4134*Input!$J$14,0)+IF(Input!$K$15=4,L4134*Input!$J$15,0)+IF(Input!$K$16=4,M4134*Input!$J$16,0)</f>
        <v>0</v>
      </c>
    </row>
    <row r="4135" spans="8:17" x14ac:dyDescent="0.25">
      <c r="H4135" s="43">
        <v>4128</v>
      </c>
      <c r="I4135" s="55">
        <f>Bühler!I4161</f>
        <v>0</v>
      </c>
      <c r="J4135" s="58">
        <f>Bühler!J4161</f>
        <v>6.0216018039773251</v>
      </c>
      <c r="K4135" s="58">
        <f>Bühler!K4161</f>
        <v>0.54125004226714357</v>
      </c>
      <c r="L4135" s="58">
        <f>Bühler!L4161</f>
        <v>0.27062502113357179</v>
      </c>
      <c r="M4135" s="57">
        <f>Bühler!M4161</f>
        <v>0</v>
      </c>
      <c r="N4135" s="55">
        <f>IF(Input!$K$13=1,J4135*Input!$J$13,0)+IF(Input!$K$14=1,K4135*Input!$J$14,0)+IF(Input!$K$15=1,L4135*Input!$J$15,0)+IF(Input!$K$16=1,M4135*Input!$J$16,0)</f>
        <v>0.722592216477279</v>
      </c>
      <c r="O4135" s="58">
        <f>IF(Input!$K$13=2,J4135*Input!$J$13,0)+IF(Input!$K$14=2,K4135*Input!$J$14,0)+IF(Input!$K$15=2,L4135*Input!$J$15,0)+IF(Input!$K$16=2,M4135*Input!$J$16,0)</f>
        <v>7.3068755706064387E-2</v>
      </c>
      <c r="P4135" s="58">
        <f>IF(Input!$K$13=3,J4135*Input!$J$13,0)+IF(Input!$K$14=3,K4135*Input!$J$14,0)+IF(Input!$K$15=3,L4135*Input!$J$15,0)+IF(Input!$K$16=3,M4135*Input!$J$16,0)</f>
        <v>0</v>
      </c>
      <c r="Q4135" s="71">
        <f>IF(Input!$K$13=4,J4135*Input!$J$13,0)+IF(Input!$K$14=4,K4135*Input!$J$14,0)+IF(Input!$K$15=4,L4135*Input!$J$15,0)+IF(Input!$K$16=4,M4135*Input!$J$16,0)</f>
        <v>0</v>
      </c>
    </row>
    <row r="4136" spans="8:17" x14ac:dyDescent="0.25">
      <c r="H4136" s="43">
        <v>4129</v>
      </c>
      <c r="I4136" s="55">
        <f>Bühler!I4162</f>
        <v>0</v>
      </c>
      <c r="J4136" s="58">
        <f>Bühler!J4162</f>
        <v>6.2605274114346869</v>
      </c>
      <c r="K4136" s="58">
        <f>Bühler!K4162</f>
        <v>0.55065662004301796</v>
      </c>
      <c r="L4136" s="58">
        <f>Bühler!L4162</f>
        <v>0.27532831002150898</v>
      </c>
      <c r="M4136" s="57">
        <f>Bühler!M4162</f>
        <v>0</v>
      </c>
      <c r="N4136" s="55">
        <f>IF(Input!$K$13=1,J4136*Input!$J$13,0)+IF(Input!$K$14=1,K4136*Input!$J$14,0)+IF(Input!$K$15=1,L4136*Input!$J$15,0)+IF(Input!$K$16=1,M4136*Input!$J$16,0)</f>
        <v>0.75126328937216236</v>
      </c>
      <c r="O4136" s="58">
        <f>IF(Input!$K$13=2,J4136*Input!$J$13,0)+IF(Input!$K$14=2,K4136*Input!$J$14,0)+IF(Input!$K$15=2,L4136*Input!$J$15,0)+IF(Input!$K$16=2,M4136*Input!$J$16,0)</f>
        <v>7.4338643705807422E-2</v>
      </c>
      <c r="P4136" s="58">
        <f>IF(Input!$K$13=3,J4136*Input!$J$13,0)+IF(Input!$K$14=3,K4136*Input!$J$14,0)+IF(Input!$K$15=3,L4136*Input!$J$15,0)+IF(Input!$K$16=3,M4136*Input!$J$16,0)</f>
        <v>0</v>
      </c>
      <c r="Q4136" s="71">
        <f>IF(Input!$K$13=4,J4136*Input!$J$13,0)+IF(Input!$K$14=4,K4136*Input!$J$14,0)+IF(Input!$K$15=4,L4136*Input!$J$15,0)+IF(Input!$K$16=4,M4136*Input!$J$16,0)</f>
        <v>0</v>
      </c>
    </row>
    <row r="4137" spans="8:17" x14ac:dyDescent="0.25">
      <c r="H4137" s="43">
        <v>4130</v>
      </c>
      <c r="I4137" s="55">
        <f>Bühler!I4163</f>
        <v>0</v>
      </c>
      <c r="J4137" s="58">
        <f>Bühler!J4163</f>
        <v>6.2605274114346869</v>
      </c>
      <c r="K4137" s="58">
        <f>Bühler!K4163</f>
        <v>0.55065662004301796</v>
      </c>
      <c r="L4137" s="58">
        <f>Bühler!L4163</f>
        <v>0.27532831002150898</v>
      </c>
      <c r="M4137" s="57">
        <f>Bühler!M4163</f>
        <v>0</v>
      </c>
      <c r="N4137" s="55">
        <f>IF(Input!$K$13=1,J4137*Input!$J$13,0)+IF(Input!$K$14=1,K4137*Input!$J$14,0)+IF(Input!$K$15=1,L4137*Input!$J$15,0)+IF(Input!$K$16=1,M4137*Input!$J$16,0)</f>
        <v>0.75126328937216236</v>
      </c>
      <c r="O4137" s="58">
        <f>IF(Input!$K$13=2,J4137*Input!$J$13,0)+IF(Input!$K$14=2,K4137*Input!$J$14,0)+IF(Input!$K$15=2,L4137*Input!$J$15,0)+IF(Input!$K$16=2,M4137*Input!$J$16,0)</f>
        <v>7.4338643705807422E-2</v>
      </c>
      <c r="P4137" s="58">
        <f>IF(Input!$K$13=3,J4137*Input!$J$13,0)+IF(Input!$K$14=3,K4137*Input!$J$14,0)+IF(Input!$K$15=3,L4137*Input!$J$15,0)+IF(Input!$K$16=3,M4137*Input!$J$16,0)</f>
        <v>0</v>
      </c>
      <c r="Q4137" s="71">
        <f>IF(Input!$K$13=4,J4137*Input!$J$13,0)+IF(Input!$K$14=4,K4137*Input!$J$14,0)+IF(Input!$K$15=4,L4137*Input!$J$15,0)+IF(Input!$K$16=4,M4137*Input!$J$16,0)</f>
        <v>0</v>
      </c>
    </row>
    <row r="4138" spans="8:17" x14ac:dyDescent="0.25">
      <c r="H4138" s="43">
        <v>4131</v>
      </c>
      <c r="I4138" s="55">
        <f>Bühler!I4164</f>
        <v>0</v>
      </c>
      <c r="J4138" s="58">
        <f>Bühler!J4164</f>
        <v>6.2605274114346869</v>
      </c>
      <c r="K4138" s="58">
        <f>Bühler!K4164</f>
        <v>0.55065662004301796</v>
      </c>
      <c r="L4138" s="58">
        <f>Bühler!L4164</f>
        <v>0.27532831002150898</v>
      </c>
      <c r="M4138" s="57">
        <f>Bühler!M4164</f>
        <v>0</v>
      </c>
      <c r="N4138" s="55">
        <f>IF(Input!$K$13=1,J4138*Input!$J$13,0)+IF(Input!$K$14=1,K4138*Input!$J$14,0)+IF(Input!$K$15=1,L4138*Input!$J$15,0)+IF(Input!$K$16=1,M4138*Input!$J$16,0)</f>
        <v>0.75126328937216236</v>
      </c>
      <c r="O4138" s="58">
        <f>IF(Input!$K$13=2,J4138*Input!$J$13,0)+IF(Input!$K$14=2,K4138*Input!$J$14,0)+IF(Input!$K$15=2,L4138*Input!$J$15,0)+IF(Input!$K$16=2,M4138*Input!$J$16,0)</f>
        <v>7.4338643705807422E-2</v>
      </c>
      <c r="P4138" s="58">
        <f>IF(Input!$K$13=3,J4138*Input!$J$13,0)+IF(Input!$K$14=3,K4138*Input!$J$14,0)+IF(Input!$K$15=3,L4138*Input!$J$15,0)+IF(Input!$K$16=3,M4138*Input!$J$16,0)</f>
        <v>0</v>
      </c>
      <c r="Q4138" s="71">
        <f>IF(Input!$K$13=4,J4138*Input!$J$13,0)+IF(Input!$K$14=4,K4138*Input!$J$14,0)+IF(Input!$K$15=4,L4138*Input!$J$15,0)+IF(Input!$K$16=4,M4138*Input!$J$16,0)</f>
        <v>0</v>
      </c>
    </row>
    <row r="4139" spans="8:17" x14ac:dyDescent="0.25">
      <c r="H4139" s="43">
        <v>4132</v>
      </c>
      <c r="I4139" s="55">
        <f>Bühler!I4165</f>
        <v>0</v>
      </c>
      <c r="J4139" s="58">
        <f>Bühler!J4165</f>
        <v>6.2605274114346869</v>
      </c>
      <c r="K4139" s="58">
        <f>Bühler!K4165</f>
        <v>0.55065662004301796</v>
      </c>
      <c r="L4139" s="58">
        <f>Bühler!L4165</f>
        <v>0.27532831002150898</v>
      </c>
      <c r="M4139" s="57">
        <f>Bühler!M4165</f>
        <v>0</v>
      </c>
      <c r="N4139" s="55">
        <f>IF(Input!$K$13=1,J4139*Input!$J$13,0)+IF(Input!$K$14=1,K4139*Input!$J$14,0)+IF(Input!$K$15=1,L4139*Input!$J$15,0)+IF(Input!$K$16=1,M4139*Input!$J$16,0)</f>
        <v>0.75126328937216236</v>
      </c>
      <c r="O4139" s="58">
        <f>IF(Input!$K$13=2,J4139*Input!$J$13,0)+IF(Input!$K$14=2,K4139*Input!$J$14,0)+IF(Input!$K$15=2,L4139*Input!$J$15,0)+IF(Input!$K$16=2,M4139*Input!$J$16,0)</f>
        <v>7.4338643705807422E-2</v>
      </c>
      <c r="P4139" s="58">
        <f>IF(Input!$K$13=3,J4139*Input!$J$13,0)+IF(Input!$K$14=3,K4139*Input!$J$14,0)+IF(Input!$K$15=3,L4139*Input!$J$15,0)+IF(Input!$K$16=3,M4139*Input!$J$16,0)</f>
        <v>0</v>
      </c>
      <c r="Q4139" s="71">
        <f>IF(Input!$K$13=4,J4139*Input!$J$13,0)+IF(Input!$K$14=4,K4139*Input!$J$14,0)+IF(Input!$K$15=4,L4139*Input!$J$15,0)+IF(Input!$K$16=4,M4139*Input!$J$16,0)</f>
        <v>0</v>
      </c>
    </row>
    <row r="4140" spans="8:17" x14ac:dyDescent="0.25">
      <c r="H4140" s="43">
        <v>4133</v>
      </c>
      <c r="I4140" s="55">
        <f>Bühler!I4166</f>
        <v>0</v>
      </c>
      <c r="J4140" s="58">
        <f>Bühler!J4166</f>
        <v>6.2605274114346869</v>
      </c>
      <c r="K4140" s="58">
        <f>Bühler!K4166</f>
        <v>0.55065662004301796</v>
      </c>
      <c r="L4140" s="58">
        <f>Bühler!L4166</f>
        <v>0.27532831002150898</v>
      </c>
      <c r="M4140" s="57">
        <f>Bühler!M4166</f>
        <v>0</v>
      </c>
      <c r="N4140" s="55">
        <f>IF(Input!$K$13=1,J4140*Input!$J$13,0)+IF(Input!$K$14=1,K4140*Input!$J$14,0)+IF(Input!$K$15=1,L4140*Input!$J$15,0)+IF(Input!$K$16=1,M4140*Input!$J$16,0)</f>
        <v>0.75126328937216236</v>
      </c>
      <c r="O4140" s="58">
        <f>IF(Input!$K$13=2,J4140*Input!$J$13,0)+IF(Input!$K$14=2,K4140*Input!$J$14,0)+IF(Input!$K$15=2,L4140*Input!$J$15,0)+IF(Input!$K$16=2,M4140*Input!$J$16,0)</f>
        <v>7.4338643705807422E-2</v>
      </c>
      <c r="P4140" s="58">
        <f>IF(Input!$K$13=3,J4140*Input!$J$13,0)+IF(Input!$K$14=3,K4140*Input!$J$14,0)+IF(Input!$K$15=3,L4140*Input!$J$15,0)+IF(Input!$K$16=3,M4140*Input!$J$16,0)</f>
        <v>0</v>
      </c>
      <c r="Q4140" s="71">
        <f>IF(Input!$K$13=4,J4140*Input!$J$13,0)+IF(Input!$K$14=4,K4140*Input!$J$14,0)+IF(Input!$K$15=4,L4140*Input!$J$15,0)+IF(Input!$K$16=4,M4140*Input!$J$16,0)</f>
        <v>0</v>
      </c>
    </row>
    <row r="4141" spans="8:17" x14ac:dyDescent="0.25">
      <c r="H4141" s="43">
        <v>4134</v>
      </c>
      <c r="I4141" s="55">
        <f>Bühler!I4167</f>
        <v>0</v>
      </c>
      <c r="J4141" s="58">
        <f>Bühler!J4167</f>
        <v>6.2605274114346869</v>
      </c>
      <c r="K4141" s="58">
        <f>Bühler!K4167</f>
        <v>0.55065662004301796</v>
      </c>
      <c r="L4141" s="58">
        <f>Bühler!L4167</f>
        <v>0.27532831002150898</v>
      </c>
      <c r="M4141" s="57">
        <f>Bühler!M4167</f>
        <v>0</v>
      </c>
      <c r="N4141" s="55">
        <f>IF(Input!$K$13=1,J4141*Input!$J$13,0)+IF(Input!$K$14=1,K4141*Input!$J$14,0)+IF(Input!$K$15=1,L4141*Input!$J$15,0)+IF(Input!$K$16=1,M4141*Input!$J$16,0)</f>
        <v>0.75126328937216236</v>
      </c>
      <c r="O4141" s="58">
        <f>IF(Input!$K$13=2,J4141*Input!$J$13,0)+IF(Input!$K$14=2,K4141*Input!$J$14,0)+IF(Input!$K$15=2,L4141*Input!$J$15,0)+IF(Input!$K$16=2,M4141*Input!$J$16,0)</f>
        <v>7.4338643705807422E-2</v>
      </c>
      <c r="P4141" s="58">
        <f>IF(Input!$K$13=3,J4141*Input!$J$13,0)+IF(Input!$K$14=3,K4141*Input!$J$14,0)+IF(Input!$K$15=3,L4141*Input!$J$15,0)+IF(Input!$K$16=3,M4141*Input!$J$16,0)</f>
        <v>0</v>
      </c>
      <c r="Q4141" s="71">
        <f>IF(Input!$K$13=4,J4141*Input!$J$13,0)+IF(Input!$K$14=4,K4141*Input!$J$14,0)+IF(Input!$K$15=4,L4141*Input!$J$15,0)+IF(Input!$K$16=4,M4141*Input!$J$16,0)</f>
        <v>0</v>
      </c>
    </row>
    <row r="4142" spans="8:17" x14ac:dyDescent="0.25">
      <c r="H4142" s="43">
        <v>4135</v>
      </c>
      <c r="I4142" s="55">
        <f>Bühler!I4168</f>
        <v>0</v>
      </c>
      <c r="J4142" s="58">
        <f>Bühler!J4168</f>
        <v>6.2605274114346869</v>
      </c>
      <c r="K4142" s="58">
        <f>Bühler!K4168</f>
        <v>0.55065662004301796</v>
      </c>
      <c r="L4142" s="58">
        <f>Bühler!L4168</f>
        <v>0.27532831002150898</v>
      </c>
      <c r="M4142" s="57">
        <f>Bühler!M4168</f>
        <v>0</v>
      </c>
      <c r="N4142" s="55">
        <f>IF(Input!$K$13=1,J4142*Input!$J$13,0)+IF(Input!$K$14=1,K4142*Input!$J$14,0)+IF(Input!$K$15=1,L4142*Input!$J$15,0)+IF(Input!$K$16=1,M4142*Input!$J$16,0)</f>
        <v>0.75126328937216236</v>
      </c>
      <c r="O4142" s="58">
        <f>IF(Input!$K$13=2,J4142*Input!$J$13,0)+IF(Input!$K$14=2,K4142*Input!$J$14,0)+IF(Input!$K$15=2,L4142*Input!$J$15,0)+IF(Input!$K$16=2,M4142*Input!$J$16,0)</f>
        <v>7.4338643705807422E-2</v>
      </c>
      <c r="P4142" s="58">
        <f>IF(Input!$K$13=3,J4142*Input!$J$13,0)+IF(Input!$K$14=3,K4142*Input!$J$14,0)+IF(Input!$K$15=3,L4142*Input!$J$15,0)+IF(Input!$K$16=3,M4142*Input!$J$16,0)</f>
        <v>0</v>
      </c>
      <c r="Q4142" s="71">
        <f>IF(Input!$K$13=4,J4142*Input!$J$13,0)+IF(Input!$K$14=4,K4142*Input!$J$14,0)+IF(Input!$K$15=4,L4142*Input!$J$15,0)+IF(Input!$K$16=4,M4142*Input!$J$16,0)</f>
        <v>0</v>
      </c>
    </row>
    <row r="4143" spans="8:17" x14ac:dyDescent="0.25">
      <c r="H4143" s="43">
        <v>4136</v>
      </c>
      <c r="I4143" s="55">
        <f>Bühler!I4169</f>
        <v>0</v>
      </c>
      <c r="J4143" s="58">
        <f>Bühler!J4169</f>
        <v>25.592277206137553</v>
      </c>
      <c r="K4143" s="58">
        <f>Bühler!K4169</f>
        <v>2.2510175164788824</v>
      </c>
      <c r="L4143" s="58">
        <f>Bühler!L4169</f>
        <v>1.1255087582394412</v>
      </c>
      <c r="M4143" s="57">
        <f>Bühler!M4169</f>
        <v>0</v>
      </c>
      <c r="N4143" s="55">
        <f>IF(Input!$K$13=1,J4143*Input!$J$13,0)+IF(Input!$K$14=1,K4143*Input!$J$14,0)+IF(Input!$K$15=1,L4143*Input!$J$15,0)+IF(Input!$K$16=1,M4143*Input!$J$16,0)</f>
        <v>3.0710732647365062</v>
      </c>
      <c r="O4143" s="58">
        <f>IF(Input!$K$13=2,J4143*Input!$J$13,0)+IF(Input!$K$14=2,K4143*Input!$J$14,0)+IF(Input!$K$15=2,L4143*Input!$J$15,0)+IF(Input!$K$16=2,M4143*Input!$J$16,0)</f>
        <v>0.30388736472464911</v>
      </c>
      <c r="P4143" s="58">
        <f>IF(Input!$K$13=3,J4143*Input!$J$13,0)+IF(Input!$K$14=3,K4143*Input!$J$14,0)+IF(Input!$K$15=3,L4143*Input!$J$15,0)+IF(Input!$K$16=3,M4143*Input!$J$16,0)</f>
        <v>0</v>
      </c>
      <c r="Q4143" s="71">
        <f>IF(Input!$K$13=4,J4143*Input!$J$13,0)+IF(Input!$K$14=4,K4143*Input!$J$14,0)+IF(Input!$K$15=4,L4143*Input!$J$15,0)+IF(Input!$K$16=4,M4143*Input!$J$16,0)</f>
        <v>0</v>
      </c>
    </row>
    <row r="4144" spans="8:17" x14ac:dyDescent="0.25">
      <c r="H4144" s="43">
        <v>4137</v>
      </c>
      <c r="I4144" s="55">
        <f>Bühler!I4170</f>
        <v>0</v>
      </c>
      <c r="J4144" s="58">
        <f>Bühler!J4170</f>
        <v>28.555593514216639</v>
      </c>
      <c r="K4144" s="58">
        <f>Bühler!K4170</f>
        <v>2.511661649965911</v>
      </c>
      <c r="L4144" s="58">
        <f>Bühler!L4170</f>
        <v>1.2558308249829555</v>
      </c>
      <c r="M4144" s="57">
        <f>Bühler!M4170</f>
        <v>0</v>
      </c>
      <c r="N4144" s="55">
        <f>IF(Input!$K$13=1,J4144*Input!$J$13,0)+IF(Input!$K$14=1,K4144*Input!$J$14,0)+IF(Input!$K$15=1,L4144*Input!$J$15,0)+IF(Input!$K$16=1,M4144*Input!$J$16,0)</f>
        <v>3.4266712217059965</v>
      </c>
      <c r="O4144" s="58">
        <f>IF(Input!$K$13=2,J4144*Input!$J$13,0)+IF(Input!$K$14=2,K4144*Input!$J$14,0)+IF(Input!$K$15=2,L4144*Input!$J$15,0)+IF(Input!$K$16=2,M4144*Input!$J$16,0)</f>
        <v>0.33907432274539795</v>
      </c>
      <c r="P4144" s="58">
        <f>IF(Input!$K$13=3,J4144*Input!$J$13,0)+IF(Input!$K$14=3,K4144*Input!$J$14,0)+IF(Input!$K$15=3,L4144*Input!$J$15,0)+IF(Input!$K$16=3,M4144*Input!$J$16,0)</f>
        <v>0</v>
      </c>
      <c r="Q4144" s="71">
        <f>IF(Input!$K$13=4,J4144*Input!$J$13,0)+IF(Input!$K$14=4,K4144*Input!$J$14,0)+IF(Input!$K$15=4,L4144*Input!$J$15,0)+IF(Input!$K$16=4,M4144*Input!$J$16,0)</f>
        <v>0</v>
      </c>
    </row>
    <row r="4145" spans="8:17" x14ac:dyDescent="0.25">
      <c r="H4145" s="43">
        <v>4138</v>
      </c>
      <c r="I4145" s="55">
        <f>Bühler!I4171</f>
        <v>0</v>
      </c>
      <c r="J4145" s="58">
        <f>Bühler!J4171</f>
        <v>31.518909822295726</v>
      </c>
      <c r="K4145" s="58">
        <f>Bühler!K4171</f>
        <v>2.7723057834529397</v>
      </c>
      <c r="L4145" s="58">
        <f>Bühler!L4171</f>
        <v>1.3861528917264698</v>
      </c>
      <c r="M4145" s="57">
        <f>Bühler!M4171</f>
        <v>0</v>
      </c>
      <c r="N4145" s="55">
        <f>IF(Input!$K$13=1,J4145*Input!$J$13,0)+IF(Input!$K$14=1,K4145*Input!$J$14,0)+IF(Input!$K$15=1,L4145*Input!$J$15,0)+IF(Input!$K$16=1,M4145*Input!$J$16,0)</f>
        <v>3.7822691786754867</v>
      </c>
      <c r="O4145" s="58">
        <f>IF(Input!$K$13=2,J4145*Input!$J$13,0)+IF(Input!$K$14=2,K4145*Input!$J$14,0)+IF(Input!$K$15=2,L4145*Input!$J$15,0)+IF(Input!$K$16=2,M4145*Input!$J$16,0)</f>
        <v>0.37426128076614684</v>
      </c>
      <c r="P4145" s="58">
        <f>IF(Input!$K$13=3,J4145*Input!$J$13,0)+IF(Input!$K$14=3,K4145*Input!$J$14,0)+IF(Input!$K$15=3,L4145*Input!$J$15,0)+IF(Input!$K$16=3,M4145*Input!$J$16,0)</f>
        <v>0</v>
      </c>
      <c r="Q4145" s="71">
        <f>IF(Input!$K$13=4,J4145*Input!$J$13,0)+IF(Input!$K$14=4,K4145*Input!$J$14,0)+IF(Input!$K$15=4,L4145*Input!$J$15,0)+IF(Input!$K$16=4,M4145*Input!$J$16,0)</f>
        <v>0</v>
      </c>
    </row>
    <row r="4146" spans="8:17" x14ac:dyDescent="0.25">
      <c r="H4146" s="43">
        <v>4139</v>
      </c>
      <c r="I4146" s="55">
        <f>Bühler!I4172</f>
        <v>0</v>
      </c>
      <c r="J4146" s="58">
        <f>Bühler!J4172</f>
        <v>31.518909822295726</v>
      </c>
      <c r="K4146" s="58">
        <f>Bühler!K4172</f>
        <v>2.7723057834529397</v>
      </c>
      <c r="L4146" s="58">
        <f>Bühler!L4172</f>
        <v>1.3861528917264698</v>
      </c>
      <c r="M4146" s="57">
        <f>Bühler!M4172</f>
        <v>0</v>
      </c>
      <c r="N4146" s="55">
        <f>IF(Input!$K$13=1,J4146*Input!$J$13,0)+IF(Input!$K$14=1,K4146*Input!$J$14,0)+IF(Input!$K$15=1,L4146*Input!$J$15,0)+IF(Input!$K$16=1,M4146*Input!$J$16,0)</f>
        <v>3.7822691786754867</v>
      </c>
      <c r="O4146" s="58">
        <f>IF(Input!$K$13=2,J4146*Input!$J$13,0)+IF(Input!$K$14=2,K4146*Input!$J$14,0)+IF(Input!$K$15=2,L4146*Input!$J$15,0)+IF(Input!$K$16=2,M4146*Input!$J$16,0)</f>
        <v>0.37426128076614684</v>
      </c>
      <c r="P4146" s="58">
        <f>IF(Input!$K$13=3,J4146*Input!$J$13,0)+IF(Input!$K$14=3,K4146*Input!$J$14,0)+IF(Input!$K$15=3,L4146*Input!$J$15,0)+IF(Input!$K$16=3,M4146*Input!$J$16,0)</f>
        <v>0</v>
      </c>
      <c r="Q4146" s="71">
        <f>IF(Input!$K$13=4,J4146*Input!$J$13,0)+IF(Input!$K$14=4,K4146*Input!$J$14,0)+IF(Input!$K$15=4,L4146*Input!$J$15,0)+IF(Input!$K$16=4,M4146*Input!$J$16,0)</f>
        <v>0</v>
      </c>
    </row>
    <row r="4147" spans="8:17" x14ac:dyDescent="0.25">
      <c r="H4147" s="43">
        <v>4140</v>
      </c>
      <c r="I4147" s="55">
        <f>Bühler!I4173</f>
        <v>0</v>
      </c>
      <c r="J4147" s="58">
        <f>Bühler!J4173</f>
        <v>37.714934830097441</v>
      </c>
      <c r="K4147" s="58">
        <f>Bühler!K4173</f>
        <v>3.3172889716530896</v>
      </c>
      <c r="L4147" s="58">
        <f>Bühler!L4173</f>
        <v>1.6586444858265448</v>
      </c>
      <c r="M4147" s="57">
        <f>Bühler!M4173</f>
        <v>0</v>
      </c>
      <c r="N4147" s="55">
        <f>IF(Input!$K$13=1,J4147*Input!$J$13,0)+IF(Input!$K$14=1,K4147*Input!$J$14,0)+IF(Input!$K$15=1,L4147*Input!$J$15,0)+IF(Input!$K$16=1,M4147*Input!$J$16,0)</f>
        <v>4.5257921796116927</v>
      </c>
      <c r="O4147" s="58">
        <f>IF(Input!$K$13=2,J4147*Input!$J$13,0)+IF(Input!$K$14=2,K4147*Input!$J$14,0)+IF(Input!$K$15=2,L4147*Input!$J$15,0)+IF(Input!$K$16=2,M4147*Input!$J$16,0)</f>
        <v>0.44783401117316712</v>
      </c>
      <c r="P4147" s="58">
        <f>IF(Input!$K$13=3,J4147*Input!$J$13,0)+IF(Input!$K$14=3,K4147*Input!$J$14,0)+IF(Input!$K$15=3,L4147*Input!$J$15,0)+IF(Input!$K$16=3,M4147*Input!$J$16,0)</f>
        <v>0</v>
      </c>
      <c r="Q4147" s="71">
        <f>IF(Input!$K$13=4,J4147*Input!$J$13,0)+IF(Input!$K$14=4,K4147*Input!$J$14,0)+IF(Input!$K$15=4,L4147*Input!$J$15,0)+IF(Input!$K$16=4,M4147*Input!$J$16,0)</f>
        <v>0</v>
      </c>
    </row>
    <row r="4148" spans="8:17" x14ac:dyDescent="0.25">
      <c r="H4148" s="43">
        <v>4141</v>
      </c>
      <c r="I4148" s="55">
        <f>Bühler!I4174</f>
        <v>0</v>
      </c>
      <c r="J4148" s="58">
        <f>Bühler!J4174</f>
        <v>37.714934830097441</v>
      </c>
      <c r="K4148" s="58">
        <f>Bühler!K4174</f>
        <v>3.3172889716530896</v>
      </c>
      <c r="L4148" s="58">
        <f>Bühler!L4174</f>
        <v>1.6586444858265448</v>
      </c>
      <c r="M4148" s="57">
        <f>Bühler!M4174</f>
        <v>0</v>
      </c>
      <c r="N4148" s="55">
        <f>IF(Input!$K$13=1,J4148*Input!$J$13,0)+IF(Input!$K$14=1,K4148*Input!$J$14,0)+IF(Input!$K$15=1,L4148*Input!$J$15,0)+IF(Input!$K$16=1,M4148*Input!$J$16,0)</f>
        <v>4.5257921796116927</v>
      </c>
      <c r="O4148" s="58">
        <f>IF(Input!$K$13=2,J4148*Input!$J$13,0)+IF(Input!$K$14=2,K4148*Input!$J$14,0)+IF(Input!$K$15=2,L4148*Input!$J$15,0)+IF(Input!$K$16=2,M4148*Input!$J$16,0)</f>
        <v>0.44783401117316712</v>
      </c>
      <c r="P4148" s="58">
        <f>IF(Input!$K$13=3,J4148*Input!$J$13,0)+IF(Input!$K$14=3,K4148*Input!$J$14,0)+IF(Input!$K$15=3,L4148*Input!$J$15,0)+IF(Input!$K$16=3,M4148*Input!$J$16,0)</f>
        <v>0</v>
      </c>
      <c r="Q4148" s="71">
        <f>IF(Input!$K$13=4,J4148*Input!$J$13,0)+IF(Input!$K$14=4,K4148*Input!$J$14,0)+IF(Input!$K$15=4,L4148*Input!$J$15,0)+IF(Input!$K$16=4,M4148*Input!$J$16,0)</f>
        <v>0</v>
      </c>
    </row>
    <row r="4149" spans="8:17" x14ac:dyDescent="0.25">
      <c r="H4149" s="43">
        <v>4142</v>
      </c>
      <c r="I4149" s="55">
        <f>Bühler!I4175</f>
        <v>0</v>
      </c>
      <c r="J4149" s="58">
        <f>Bühler!J4175</f>
        <v>25.053492422850443</v>
      </c>
      <c r="K4149" s="58">
        <f>Bühler!K4175</f>
        <v>2.2036276740266949</v>
      </c>
      <c r="L4149" s="58">
        <f>Bühler!L4175</f>
        <v>1.1018138370133475</v>
      </c>
      <c r="M4149" s="57">
        <f>Bühler!M4175</f>
        <v>0</v>
      </c>
      <c r="N4149" s="55">
        <f>IF(Input!$K$13=1,J4149*Input!$J$13,0)+IF(Input!$K$14=1,K4149*Input!$J$14,0)+IF(Input!$K$15=1,L4149*Input!$J$15,0)+IF(Input!$K$16=1,M4149*Input!$J$16,0)</f>
        <v>3.0064190907420532</v>
      </c>
      <c r="O4149" s="58">
        <f>IF(Input!$K$13=2,J4149*Input!$J$13,0)+IF(Input!$K$14=2,K4149*Input!$J$14,0)+IF(Input!$K$15=2,L4149*Input!$J$15,0)+IF(Input!$K$16=2,M4149*Input!$J$16,0)</f>
        <v>0.29748973599360379</v>
      </c>
      <c r="P4149" s="58">
        <f>IF(Input!$K$13=3,J4149*Input!$J$13,0)+IF(Input!$K$14=3,K4149*Input!$J$14,0)+IF(Input!$K$15=3,L4149*Input!$J$15,0)+IF(Input!$K$16=3,M4149*Input!$J$16,0)</f>
        <v>0</v>
      </c>
      <c r="Q4149" s="71">
        <f>IF(Input!$K$13=4,J4149*Input!$J$13,0)+IF(Input!$K$14=4,K4149*Input!$J$14,0)+IF(Input!$K$15=4,L4149*Input!$J$15,0)+IF(Input!$K$16=4,M4149*Input!$J$16,0)</f>
        <v>0</v>
      </c>
    </row>
    <row r="4150" spans="8:17" x14ac:dyDescent="0.25">
      <c r="H4150" s="43">
        <v>4143</v>
      </c>
      <c r="I4150" s="55">
        <f>Bühler!I4176</f>
        <v>0</v>
      </c>
      <c r="J4150" s="58">
        <f>Bühler!J4176</f>
        <v>37.714934830097441</v>
      </c>
      <c r="K4150" s="58">
        <f>Bühler!K4176</f>
        <v>3.3172889716530896</v>
      </c>
      <c r="L4150" s="58">
        <f>Bühler!L4176</f>
        <v>1.6586444858265448</v>
      </c>
      <c r="M4150" s="57">
        <f>Bühler!M4176</f>
        <v>0</v>
      </c>
      <c r="N4150" s="55">
        <f>IF(Input!$K$13=1,J4150*Input!$J$13,0)+IF(Input!$K$14=1,K4150*Input!$J$14,0)+IF(Input!$K$15=1,L4150*Input!$J$15,0)+IF(Input!$K$16=1,M4150*Input!$J$16,0)</f>
        <v>4.5257921796116927</v>
      </c>
      <c r="O4150" s="58">
        <f>IF(Input!$K$13=2,J4150*Input!$J$13,0)+IF(Input!$K$14=2,K4150*Input!$J$14,0)+IF(Input!$K$15=2,L4150*Input!$J$15,0)+IF(Input!$K$16=2,M4150*Input!$J$16,0)</f>
        <v>0.44783401117316712</v>
      </c>
      <c r="P4150" s="58">
        <f>IF(Input!$K$13=3,J4150*Input!$J$13,0)+IF(Input!$K$14=3,K4150*Input!$J$14,0)+IF(Input!$K$15=3,L4150*Input!$J$15,0)+IF(Input!$K$16=3,M4150*Input!$J$16,0)</f>
        <v>0</v>
      </c>
      <c r="Q4150" s="71">
        <f>IF(Input!$K$13=4,J4150*Input!$J$13,0)+IF(Input!$K$14=4,K4150*Input!$J$14,0)+IF(Input!$K$15=4,L4150*Input!$J$15,0)+IF(Input!$K$16=4,M4150*Input!$J$16,0)</f>
        <v>0</v>
      </c>
    </row>
    <row r="4151" spans="8:17" x14ac:dyDescent="0.25">
      <c r="H4151" s="43">
        <v>4144</v>
      </c>
      <c r="I4151" s="55">
        <f>Bühler!I4177</f>
        <v>0</v>
      </c>
      <c r="J4151" s="58">
        <f>Bühler!J4177</f>
        <v>37.714934830097441</v>
      </c>
      <c r="K4151" s="58">
        <f>Bühler!K4177</f>
        <v>3.3172889716530896</v>
      </c>
      <c r="L4151" s="58">
        <f>Bühler!L4177</f>
        <v>1.6586444858265448</v>
      </c>
      <c r="M4151" s="57">
        <f>Bühler!M4177</f>
        <v>0</v>
      </c>
      <c r="N4151" s="55">
        <f>IF(Input!$K$13=1,J4151*Input!$J$13,0)+IF(Input!$K$14=1,K4151*Input!$J$14,0)+IF(Input!$K$15=1,L4151*Input!$J$15,0)+IF(Input!$K$16=1,M4151*Input!$J$16,0)</f>
        <v>4.5257921796116927</v>
      </c>
      <c r="O4151" s="58">
        <f>IF(Input!$K$13=2,J4151*Input!$J$13,0)+IF(Input!$K$14=2,K4151*Input!$J$14,0)+IF(Input!$K$15=2,L4151*Input!$J$15,0)+IF(Input!$K$16=2,M4151*Input!$J$16,0)</f>
        <v>0.44783401117316712</v>
      </c>
      <c r="P4151" s="58">
        <f>IF(Input!$K$13=3,J4151*Input!$J$13,0)+IF(Input!$K$14=3,K4151*Input!$J$14,0)+IF(Input!$K$15=3,L4151*Input!$J$15,0)+IF(Input!$K$16=3,M4151*Input!$J$16,0)</f>
        <v>0</v>
      </c>
      <c r="Q4151" s="71">
        <f>IF(Input!$K$13=4,J4151*Input!$J$13,0)+IF(Input!$K$14=4,K4151*Input!$J$14,0)+IF(Input!$K$15=4,L4151*Input!$J$15,0)+IF(Input!$K$16=4,M4151*Input!$J$16,0)</f>
        <v>0</v>
      </c>
    </row>
    <row r="4152" spans="8:17" x14ac:dyDescent="0.25">
      <c r="H4152" s="43">
        <v>4145</v>
      </c>
      <c r="I4152" s="55">
        <f>Bühler!I4178</f>
        <v>0</v>
      </c>
      <c r="J4152" s="58">
        <f>Bühler!J4178</f>
        <v>22.224872310593138</v>
      </c>
      <c r="K4152" s="58">
        <f>Bühler!K4178</f>
        <v>1.9548310011527137</v>
      </c>
      <c r="L4152" s="58">
        <f>Bühler!L4178</f>
        <v>0.97741550057635684</v>
      </c>
      <c r="M4152" s="57">
        <f>Bühler!M4178</f>
        <v>0</v>
      </c>
      <c r="N4152" s="55">
        <f>IF(Input!$K$13=1,J4152*Input!$J$13,0)+IF(Input!$K$14=1,K4152*Input!$J$14,0)+IF(Input!$K$15=1,L4152*Input!$J$15,0)+IF(Input!$K$16=1,M4152*Input!$J$16,0)</f>
        <v>2.6669846772711763</v>
      </c>
      <c r="O4152" s="58">
        <f>IF(Input!$K$13=2,J4152*Input!$J$13,0)+IF(Input!$K$14=2,K4152*Input!$J$14,0)+IF(Input!$K$15=2,L4152*Input!$J$15,0)+IF(Input!$K$16=2,M4152*Input!$J$16,0)</f>
        <v>0.26390218515561636</v>
      </c>
      <c r="P4152" s="58">
        <f>IF(Input!$K$13=3,J4152*Input!$J$13,0)+IF(Input!$K$14=3,K4152*Input!$J$14,0)+IF(Input!$K$15=3,L4152*Input!$J$15,0)+IF(Input!$K$16=3,M4152*Input!$J$16,0)</f>
        <v>0</v>
      </c>
      <c r="Q4152" s="71">
        <f>IF(Input!$K$13=4,J4152*Input!$J$13,0)+IF(Input!$K$14=4,K4152*Input!$J$14,0)+IF(Input!$K$15=4,L4152*Input!$J$15,0)+IF(Input!$K$16=4,M4152*Input!$J$16,0)</f>
        <v>0</v>
      </c>
    </row>
    <row r="4153" spans="8:17" x14ac:dyDescent="0.25">
      <c r="H4153" s="43">
        <v>4146</v>
      </c>
      <c r="I4153" s="55">
        <f>Bühler!I4179</f>
        <v>0</v>
      </c>
      <c r="J4153" s="58">
        <f>Bühler!J4179</f>
        <v>9.4856475930828594</v>
      </c>
      <c r="K4153" s="58">
        <f>Bühler!K4179</f>
        <v>0.83432821218639097</v>
      </c>
      <c r="L4153" s="58">
        <f>Bühler!L4179</f>
        <v>0.41716410609319549</v>
      </c>
      <c r="M4153" s="57">
        <f>Bühler!M4179</f>
        <v>0</v>
      </c>
      <c r="N4153" s="55">
        <f>IF(Input!$K$13=1,J4153*Input!$J$13,0)+IF(Input!$K$14=1,K4153*Input!$J$14,0)+IF(Input!$K$15=1,L4153*Input!$J$15,0)+IF(Input!$K$16=1,M4153*Input!$J$16,0)</f>
        <v>1.1382777111699431</v>
      </c>
      <c r="O4153" s="58">
        <f>IF(Input!$K$13=2,J4153*Input!$J$13,0)+IF(Input!$K$14=2,K4153*Input!$J$14,0)+IF(Input!$K$15=2,L4153*Input!$J$15,0)+IF(Input!$K$16=2,M4153*Input!$J$16,0)</f>
        <v>0.11263430864516277</v>
      </c>
      <c r="P4153" s="58">
        <f>IF(Input!$K$13=3,J4153*Input!$J$13,0)+IF(Input!$K$14=3,K4153*Input!$J$14,0)+IF(Input!$K$15=3,L4153*Input!$J$15,0)+IF(Input!$K$16=3,M4153*Input!$J$16,0)</f>
        <v>0</v>
      </c>
      <c r="Q4153" s="71">
        <f>IF(Input!$K$13=4,J4153*Input!$J$13,0)+IF(Input!$K$14=4,K4153*Input!$J$14,0)+IF(Input!$K$15=4,L4153*Input!$J$15,0)+IF(Input!$K$16=4,M4153*Input!$J$16,0)</f>
        <v>0</v>
      </c>
    </row>
    <row r="4154" spans="8:17" x14ac:dyDescent="0.25">
      <c r="H4154" s="43">
        <v>4147</v>
      </c>
      <c r="I4154" s="55">
        <f>Bühler!I4180</f>
        <v>0</v>
      </c>
      <c r="J4154" s="58">
        <f>Bühler!J4180</f>
        <v>6.2605274114346869</v>
      </c>
      <c r="K4154" s="58">
        <f>Bühler!K4180</f>
        <v>0.55065662004301796</v>
      </c>
      <c r="L4154" s="58">
        <f>Bühler!L4180</f>
        <v>0.27532831002150898</v>
      </c>
      <c r="M4154" s="57">
        <f>Bühler!M4180</f>
        <v>0</v>
      </c>
      <c r="N4154" s="55">
        <f>IF(Input!$K$13=1,J4154*Input!$J$13,0)+IF(Input!$K$14=1,K4154*Input!$J$14,0)+IF(Input!$K$15=1,L4154*Input!$J$15,0)+IF(Input!$K$16=1,M4154*Input!$J$16,0)</f>
        <v>0.75126328937216236</v>
      </c>
      <c r="O4154" s="58">
        <f>IF(Input!$K$13=2,J4154*Input!$J$13,0)+IF(Input!$K$14=2,K4154*Input!$J$14,0)+IF(Input!$K$15=2,L4154*Input!$J$15,0)+IF(Input!$K$16=2,M4154*Input!$J$16,0)</f>
        <v>7.4338643705807422E-2</v>
      </c>
      <c r="P4154" s="58">
        <f>IF(Input!$K$13=3,J4154*Input!$J$13,0)+IF(Input!$K$14=3,K4154*Input!$J$14,0)+IF(Input!$K$15=3,L4154*Input!$J$15,0)+IF(Input!$K$16=3,M4154*Input!$J$16,0)</f>
        <v>0</v>
      </c>
      <c r="Q4154" s="71">
        <f>IF(Input!$K$13=4,J4154*Input!$J$13,0)+IF(Input!$K$14=4,K4154*Input!$J$14,0)+IF(Input!$K$15=4,L4154*Input!$J$15,0)+IF(Input!$K$16=4,M4154*Input!$J$16,0)</f>
        <v>0</v>
      </c>
    </row>
    <row r="4155" spans="8:17" x14ac:dyDescent="0.25">
      <c r="H4155" s="43">
        <v>4148</v>
      </c>
      <c r="I4155" s="55">
        <f>Bühler!I4181</f>
        <v>0</v>
      </c>
      <c r="J4155" s="58">
        <f>Bühler!J4181</f>
        <v>6.2605274114346869</v>
      </c>
      <c r="K4155" s="58">
        <f>Bühler!K4181</f>
        <v>0.55065662004301796</v>
      </c>
      <c r="L4155" s="58">
        <f>Bühler!L4181</f>
        <v>0.27532831002150898</v>
      </c>
      <c r="M4155" s="57">
        <f>Bühler!M4181</f>
        <v>0</v>
      </c>
      <c r="N4155" s="55">
        <f>IF(Input!$K$13=1,J4155*Input!$J$13,0)+IF(Input!$K$14=1,K4155*Input!$J$14,0)+IF(Input!$K$15=1,L4155*Input!$J$15,0)+IF(Input!$K$16=1,M4155*Input!$J$16,0)</f>
        <v>0.75126328937216236</v>
      </c>
      <c r="O4155" s="58">
        <f>IF(Input!$K$13=2,J4155*Input!$J$13,0)+IF(Input!$K$14=2,K4155*Input!$J$14,0)+IF(Input!$K$15=2,L4155*Input!$J$15,0)+IF(Input!$K$16=2,M4155*Input!$J$16,0)</f>
        <v>7.4338643705807422E-2</v>
      </c>
      <c r="P4155" s="58">
        <f>IF(Input!$K$13=3,J4155*Input!$J$13,0)+IF(Input!$K$14=3,K4155*Input!$J$14,0)+IF(Input!$K$15=3,L4155*Input!$J$15,0)+IF(Input!$K$16=3,M4155*Input!$J$16,0)</f>
        <v>0</v>
      </c>
      <c r="Q4155" s="71">
        <f>IF(Input!$K$13=4,J4155*Input!$J$13,0)+IF(Input!$K$14=4,K4155*Input!$J$14,0)+IF(Input!$K$15=4,L4155*Input!$J$15,0)+IF(Input!$K$16=4,M4155*Input!$J$16,0)</f>
        <v>0</v>
      </c>
    </row>
    <row r="4156" spans="8:17" x14ac:dyDescent="0.25">
      <c r="H4156" s="43">
        <v>4149</v>
      </c>
      <c r="I4156" s="55">
        <f>Bühler!I4182</f>
        <v>0</v>
      </c>
      <c r="J4156" s="58">
        <f>Bühler!J4182</f>
        <v>6.2605274114346869</v>
      </c>
      <c r="K4156" s="58">
        <f>Bühler!K4182</f>
        <v>0.55065662004301796</v>
      </c>
      <c r="L4156" s="58">
        <f>Bühler!L4182</f>
        <v>0.27532831002150898</v>
      </c>
      <c r="M4156" s="57">
        <f>Bühler!M4182</f>
        <v>0</v>
      </c>
      <c r="N4156" s="55">
        <f>IF(Input!$K$13=1,J4156*Input!$J$13,0)+IF(Input!$K$14=1,K4156*Input!$J$14,0)+IF(Input!$K$15=1,L4156*Input!$J$15,0)+IF(Input!$K$16=1,M4156*Input!$J$16,0)</f>
        <v>0.75126328937216236</v>
      </c>
      <c r="O4156" s="58">
        <f>IF(Input!$K$13=2,J4156*Input!$J$13,0)+IF(Input!$K$14=2,K4156*Input!$J$14,0)+IF(Input!$K$15=2,L4156*Input!$J$15,0)+IF(Input!$K$16=2,M4156*Input!$J$16,0)</f>
        <v>7.4338643705807422E-2</v>
      </c>
      <c r="P4156" s="58">
        <f>IF(Input!$K$13=3,J4156*Input!$J$13,0)+IF(Input!$K$14=3,K4156*Input!$J$14,0)+IF(Input!$K$15=3,L4156*Input!$J$15,0)+IF(Input!$K$16=3,M4156*Input!$J$16,0)</f>
        <v>0</v>
      </c>
      <c r="Q4156" s="71">
        <f>IF(Input!$K$13=4,J4156*Input!$J$13,0)+IF(Input!$K$14=4,K4156*Input!$J$14,0)+IF(Input!$K$15=4,L4156*Input!$J$15,0)+IF(Input!$K$16=4,M4156*Input!$J$16,0)</f>
        <v>0</v>
      </c>
    </row>
    <row r="4157" spans="8:17" x14ac:dyDescent="0.25">
      <c r="H4157" s="43">
        <v>4150</v>
      </c>
      <c r="I4157" s="55">
        <f>Bühler!I4183</f>
        <v>0</v>
      </c>
      <c r="J4157" s="58">
        <f>Bühler!J4183</f>
        <v>6.2605274114346869</v>
      </c>
      <c r="K4157" s="58">
        <f>Bühler!K4183</f>
        <v>0.55065662004301796</v>
      </c>
      <c r="L4157" s="58">
        <f>Bühler!L4183</f>
        <v>0.27532831002150898</v>
      </c>
      <c r="M4157" s="57">
        <f>Bühler!M4183</f>
        <v>0</v>
      </c>
      <c r="N4157" s="55">
        <f>IF(Input!$K$13=1,J4157*Input!$J$13,0)+IF(Input!$K$14=1,K4157*Input!$J$14,0)+IF(Input!$K$15=1,L4157*Input!$J$15,0)+IF(Input!$K$16=1,M4157*Input!$J$16,0)</f>
        <v>0.75126328937216236</v>
      </c>
      <c r="O4157" s="58">
        <f>IF(Input!$K$13=2,J4157*Input!$J$13,0)+IF(Input!$K$14=2,K4157*Input!$J$14,0)+IF(Input!$K$15=2,L4157*Input!$J$15,0)+IF(Input!$K$16=2,M4157*Input!$J$16,0)</f>
        <v>7.4338643705807422E-2</v>
      </c>
      <c r="P4157" s="58">
        <f>IF(Input!$K$13=3,J4157*Input!$J$13,0)+IF(Input!$K$14=3,K4157*Input!$J$14,0)+IF(Input!$K$15=3,L4157*Input!$J$15,0)+IF(Input!$K$16=3,M4157*Input!$J$16,0)</f>
        <v>0</v>
      </c>
      <c r="Q4157" s="71">
        <f>IF(Input!$K$13=4,J4157*Input!$J$13,0)+IF(Input!$K$14=4,K4157*Input!$J$14,0)+IF(Input!$K$15=4,L4157*Input!$J$15,0)+IF(Input!$K$16=4,M4157*Input!$J$16,0)</f>
        <v>0</v>
      </c>
    </row>
    <row r="4158" spans="8:17" x14ac:dyDescent="0.25">
      <c r="H4158" s="43">
        <v>4151</v>
      </c>
      <c r="I4158" s="55">
        <f>Bühler!I4184</f>
        <v>0</v>
      </c>
      <c r="J4158" s="58">
        <f>Bühler!J4184</f>
        <v>6.2605274114346869</v>
      </c>
      <c r="K4158" s="58">
        <f>Bühler!K4184</f>
        <v>0.55065662004301796</v>
      </c>
      <c r="L4158" s="58">
        <f>Bühler!L4184</f>
        <v>0.27532831002150898</v>
      </c>
      <c r="M4158" s="57">
        <f>Bühler!M4184</f>
        <v>0</v>
      </c>
      <c r="N4158" s="55">
        <f>IF(Input!$K$13=1,J4158*Input!$J$13,0)+IF(Input!$K$14=1,K4158*Input!$J$14,0)+IF(Input!$K$15=1,L4158*Input!$J$15,0)+IF(Input!$K$16=1,M4158*Input!$J$16,0)</f>
        <v>0.75126328937216236</v>
      </c>
      <c r="O4158" s="58">
        <f>IF(Input!$K$13=2,J4158*Input!$J$13,0)+IF(Input!$K$14=2,K4158*Input!$J$14,0)+IF(Input!$K$15=2,L4158*Input!$J$15,0)+IF(Input!$K$16=2,M4158*Input!$J$16,0)</f>
        <v>7.4338643705807422E-2</v>
      </c>
      <c r="P4158" s="58">
        <f>IF(Input!$K$13=3,J4158*Input!$J$13,0)+IF(Input!$K$14=3,K4158*Input!$J$14,0)+IF(Input!$K$15=3,L4158*Input!$J$15,0)+IF(Input!$K$16=3,M4158*Input!$J$16,0)</f>
        <v>0</v>
      </c>
      <c r="Q4158" s="71">
        <f>IF(Input!$K$13=4,J4158*Input!$J$13,0)+IF(Input!$K$14=4,K4158*Input!$J$14,0)+IF(Input!$K$15=4,L4158*Input!$J$15,0)+IF(Input!$K$16=4,M4158*Input!$J$16,0)</f>
        <v>0</v>
      </c>
    </row>
    <row r="4159" spans="8:17" x14ac:dyDescent="0.25">
      <c r="H4159" s="43">
        <v>4152</v>
      </c>
      <c r="I4159" s="55">
        <f>Bühler!I4185</f>
        <v>0</v>
      </c>
      <c r="J4159" s="58">
        <f>Bühler!J4185</f>
        <v>6.2605274114346869</v>
      </c>
      <c r="K4159" s="58">
        <f>Bühler!K4185</f>
        <v>0.55065662004301796</v>
      </c>
      <c r="L4159" s="58">
        <f>Bühler!L4185</f>
        <v>0.27532831002150898</v>
      </c>
      <c r="M4159" s="57">
        <f>Bühler!M4185</f>
        <v>0</v>
      </c>
      <c r="N4159" s="55">
        <f>IF(Input!$K$13=1,J4159*Input!$J$13,0)+IF(Input!$K$14=1,K4159*Input!$J$14,0)+IF(Input!$K$15=1,L4159*Input!$J$15,0)+IF(Input!$K$16=1,M4159*Input!$J$16,0)</f>
        <v>0.75126328937216236</v>
      </c>
      <c r="O4159" s="58">
        <f>IF(Input!$K$13=2,J4159*Input!$J$13,0)+IF(Input!$K$14=2,K4159*Input!$J$14,0)+IF(Input!$K$15=2,L4159*Input!$J$15,0)+IF(Input!$K$16=2,M4159*Input!$J$16,0)</f>
        <v>7.4338643705807422E-2</v>
      </c>
      <c r="P4159" s="58">
        <f>IF(Input!$K$13=3,J4159*Input!$J$13,0)+IF(Input!$K$14=3,K4159*Input!$J$14,0)+IF(Input!$K$15=3,L4159*Input!$J$15,0)+IF(Input!$K$16=3,M4159*Input!$J$16,0)</f>
        <v>0</v>
      </c>
      <c r="Q4159" s="71">
        <f>IF(Input!$K$13=4,J4159*Input!$J$13,0)+IF(Input!$K$14=4,K4159*Input!$J$14,0)+IF(Input!$K$15=4,L4159*Input!$J$15,0)+IF(Input!$K$16=4,M4159*Input!$J$16,0)</f>
        <v>0</v>
      </c>
    </row>
    <row r="4160" spans="8:17" x14ac:dyDescent="0.25">
      <c r="H4160" s="43">
        <v>4153</v>
      </c>
      <c r="I4160" s="55">
        <f>Bühler!I4186</f>
        <v>0</v>
      </c>
      <c r="J4160" s="58">
        <f>Bühler!J4186</f>
        <v>9.935063791875459</v>
      </c>
      <c r="K4160" s="58">
        <f>Bühler!K4186</f>
        <v>0.85611259618905444</v>
      </c>
      <c r="L4160" s="58">
        <f>Bühler!L4186</f>
        <v>0.42805629809452722</v>
      </c>
      <c r="M4160" s="57">
        <f>Bühler!M4186</f>
        <v>0</v>
      </c>
      <c r="N4160" s="55">
        <f>IF(Input!$K$13=1,J4160*Input!$J$13,0)+IF(Input!$K$14=1,K4160*Input!$J$14,0)+IF(Input!$K$15=1,L4160*Input!$J$15,0)+IF(Input!$K$16=1,M4160*Input!$J$16,0)</f>
        <v>1.1922076550250551</v>
      </c>
      <c r="O4160" s="58">
        <f>IF(Input!$K$13=2,J4160*Input!$J$13,0)+IF(Input!$K$14=2,K4160*Input!$J$14,0)+IF(Input!$K$15=2,L4160*Input!$J$15,0)+IF(Input!$K$16=2,M4160*Input!$J$16,0)</f>
        <v>0.11557520048552235</v>
      </c>
      <c r="P4160" s="58">
        <f>IF(Input!$K$13=3,J4160*Input!$J$13,0)+IF(Input!$K$14=3,K4160*Input!$J$14,0)+IF(Input!$K$15=3,L4160*Input!$J$15,0)+IF(Input!$K$16=3,M4160*Input!$J$16,0)</f>
        <v>0</v>
      </c>
      <c r="Q4160" s="71">
        <f>IF(Input!$K$13=4,J4160*Input!$J$13,0)+IF(Input!$K$14=4,K4160*Input!$J$14,0)+IF(Input!$K$15=4,L4160*Input!$J$15,0)+IF(Input!$K$16=4,M4160*Input!$J$16,0)</f>
        <v>0</v>
      </c>
    </row>
    <row r="4161" spans="8:17" x14ac:dyDescent="0.25">
      <c r="H4161" s="43">
        <v>4154</v>
      </c>
      <c r="I4161" s="55">
        <f>Bühler!I4187</f>
        <v>0</v>
      </c>
      <c r="J4161" s="58">
        <f>Bühler!J4187</f>
        <v>6.0212507829548239</v>
      </c>
      <c r="K4161" s="58">
        <f>Bühler!K4187</f>
        <v>0.51885611890245731</v>
      </c>
      <c r="L4161" s="58">
        <f>Bühler!L4187</f>
        <v>0.25942805945122865</v>
      </c>
      <c r="M4161" s="57">
        <f>Bühler!M4187</f>
        <v>0</v>
      </c>
      <c r="N4161" s="55">
        <f>IF(Input!$K$13=1,J4161*Input!$J$13,0)+IF(Input!$K$14=1,K4161*Input!$J$14,0)+IF(Input!$K$15=1,L4161*Input!$J$15,0)+IF(Input!$K$16=1,M4161*Input!$J$16,0)</f>
        <v>0.72255009395457881</v>
      </c>
      <c r="O4161" s="58">
        <f>IF(Input!$K$13=2,J4161*Input!$J$13,0)+IF(Input!$K$14=2,K4161*Input!$J$14,0)+IF(Input!$K$15=2,L4161*Input!$J$15,0)+IF(Input!$K$16=2,M4161*Input!$J$16,0)</f>
        <v>7.0045576051831732E-2</v>
      </c>
      <c r="P4161" s="58">
        <f>IF(Input!$K$13=3,J4161*Input!$J$13,0)+IF(Input!$K$14=3,K4161*Input!$J$14,0)+IF(Input!$K$15=3,L4161*Input!$J$15,0)+IF(Input!$K$16=3,M4161*Input!$J$16,0)</f>
        <v>0</v>
      </c>
      <c r="Q4161" s="71">
        <f>IF(Input!$K$13=4,J4161*Input!$J$13,0)+IF(Input!$K$14=4,K4161*Input!$J$14,0)+IF(Input!$K$15=4,L4161*Input!$J$15,0)+IF(Input!$K$16=4,M4161*Input!$J$16,0)</f>
        <v>0</v>
      </c>
    </row>
    <row r="4162" spans="8:17" x14ac:dyDescent="0.25">
      <c r="H4162" s="43">
        <v>4155</v>
      </c>
      <c r="I4162" s="55">
        <f>Bühler!I4188</f>
        <v>0</v>
      </c>
      <c r="J4162" s="58">
        <f>Bühler!J4188</f>
        <v>6.0212507829548239</v>
      </c>
      <c r="K4162" s="58">
        <f>Bühler!K4188</f>
        <v>0.51885611890245731</v>
      </c>
      <c r="L4162" s="58">
        <f>Bühler!L4188</f>
        <v>0.25942805945122865</v>
      </c>
      <c r="M4162" s="57">
        <f>Bühler!M4188</f>
        <v>0</v>
      </c>
      <c r="N4162" s="55">
        <f>IF(Input!$K$13=1,J4162*Input!$J$13,0)+IF(Input!$K$14=1,K4162*Input!$J$14,0)+IF(Input!$K$15=1,L4162*Input!$J$15,0)+IF(Input!$K$16=1,M4162*Input!$J$16,0)</f>
        <v>0.72255009395457881</v>
      </c>
      <c r="O4162" s="58">
        <f>IF(Input!$K$13=2,J4162*Input!$J$13,0)+IF(Input!$K$14=2,K4162*Input!$J$14,0)+IF(Input!$K$15=2,L4162*Input!$J$15,0)+IF(Input!$K$16=2,M4162*Input!$J$16,0)</f>
        <v>7.0045576051831732E-2</v>
      </c>
      <c r="P4162" s="58">
        <f>IF(Input!$K$13=3,J4162*Input!$J$13,0)+IF(Input!$K$14=3,K4162*Input!$J$14,0)+IF(Input!$K$15=3,L4162*Input!$J$15,0)+IF(Input!$K$16=3,M4162*Input!$J$16,0)</f>
        <v>0</v>
      </c>
      <c r="Q4162" s="71">
        <f>IF(Input!$K$13=4,J4162*Input!$J$13,0)+IF(Input!$K$14=4,K4162*Input!$J$14,0)+IF(Input!$K$15=4,L4162*Input!$J$15,0)+IF(Input!$K$16=4,M4162*Input!$J$16,0)</f>
        <v>0</v>
      </c>
    </row>
    <row r="4163" spans="8:17" x14ac:dyDescent="0.25">
      <c r="H4163" s="43">
        <v>4156</v>
      </c>
      <c r="I4163" s="55">
        <f>Bühler!I4189</f>
        <v>0</v>
      </c>
      <c r="J4163" s="58">
        <f>Bühler!J4189</f>
        <v>6.0212507829548239</v>
      </c>
      <c r="K4163" s="58">
        <f>Bühler!K4189</f>
        <v>0.51885611890245731</v>
      </c>
      <c r="L4163" s="58">
        <f>Bühler!L4189</f>
        <v>0.25942805945122865</v>
      </c>
      <c r="M4163" s="57">
        <f>Bühler!M4189</f>
        <v>0</v>
      </c>
      <c r="N4163" s="55">
        <f>IF(Input!$K$13=1,J4163*Input!$J$13,0)+IF(Input!$K$14=1,K4163*Input!$J$14,0)+IF(Input!$K$15=1,L4163*Input!$J$15,0)+IF(Input!$K$16=1,M4163*Input!$J$16,0)</f>
        <v>0.72255009395457881</v>
      </c>
      <c r="O4163" s="58">
        <f>IF(Input!$K$13=2,J4163*Input!$J$13,0)+IF(Input!$K$14=2,K4163*Input!$J$14,0)+IF(Input!$K$15=2,L4163*Input!$J$15,0)+IF(Input!$K$16=2,M4163*Input!$J$16,0)</f>
        <v>7.0045576051831732E-2</v>
      </c>
      <c r="P4163" s="58">
        <f>IF(Input!$K$13=3,J4163*Input!$J$13,0)+IF(Input!$K$14=3,K4163*Input!$J$14,0)+IF(Input!$K$15=3,L4163*Input!$J$15,0)+IF(Input!$K$16=3,M4163*Input!$J$16,0)</f>
        <v>0</v>
      </c>
      <c r="Q4163" s="71">
        <f>IF(Input!$K$13=4,J4163*Input!$J$13,0)+IF(Input!$K$14=4,K4163*Input!$J$14,0)+IF(Input!$K$15=4,L4163*Input!$J$15,0)+IF(Input!$K$16=4,M4163*Input!$J$16,0)</f>
        <v>0</v>
      </c>
    </row>
    <row r="4164" spans="8:17" x14ac:dyDescent="0.25">
      <c r="H4164" s="43">
        <v>4157</v>
      </c>
      <c r="I4164" s="55">
        <f>Bühler!I4190</f>
        <v>0</v>
      </c>
      <c r="J4164" s="58">
        <f>Bühler!J4190</f>
        <v>6.0212507829548239</v>
      </c>
      <c r="K4164" s="58">
        <f>Bühler!K4190</f>
        <v>0.51885611890245731</v>
      </c>
      <c r="L4164" s="58">
        <f>Bühler!L4190</f>
        <v>0.25942805945122865</v>
      </c>
      <c r="M4164" s="57">
        <f>Bühler!M4190</f>
        <v>0</v>
      </c>
      <c r="N4164" s="55">
        <f>IF(Input!$K$13=1,J4164*Input!$J$13,0)+IF(Input!$K$14=1,K4164*Input!$J$14,0)+IF(Input!$K$15=1,L4164*Input!$J$15,0)+IF(Input!$K$16=1,M4164*Input!$J$16,0)</f>
        <v>0.72255009395457881</v>
      </c>
      <c r="O4164" s="58">
        <f>IF(Input!$K$13=2,J4164*Input!$J$13,0)+IF(Input!$K$14=2,K4164*Input!$J$14,0)+IF(Input!$K$15=2,L4164*Input!$J$15,0)+IF(Input!$K$16=2,M4164*Input!$J$16,0)</f>
        <v>7.0045576051831732E-2</v>
      </c>
      <c r="P4164" s="58">
        <f>IF(Input!$K$13=3,J4164*Input!$J$13,0)+IF(Input!$K$14=3,K4164*Input!$J$14,0)+IF(Input!$K$15=3,L4164*Input!$J$15,0)+IF(Input!$K$16=3,M4164*Input!$J$16,0)</f>
        <v>0</v>
      </c>
      <c r="Q4164" s="71">
        <f>IF(Input!$K$13=4,J4164*Input!$J$13,0)+IF(Input!$K$14=4,K4164*Input!$J$14,0)+IF(Input!$K$15=4,L4164*Input!$J$15,0)+IF(Input!$K$16=4,M4164*Input!$J$16,0)</f>
        <v>0</v>
      </c>
    </row>
    <row r="4165" spans="8:17" x14ac:dyDescent="0.25">
      <c r="H4165" s="43">
        <v>4158</v>
      </c>
      <c r="I4165" s="55">
        <f>Bühler!I4191</f>
        <v>0</v>
      </c>
      <c r="J4165" s="58">
        <f>Bühler!J4191</f>
        <v>6.0212507829548239</v>
      </c>
      <c r="K4165" s="58">
        <f>Bühler!K4191</f>
        <v>0.51885611890245731</v>
      </c>
      <c r="L4165" s="58">
        <f>Bühler!L4191</f>
        <v>0.25942805945122865</v>
      </c>
      <c r="M4165" s="57">
        <f>Bühler!M4191</f>
        <v>0</v>
      </c>
      <c r="N4165" s="55">
        <f>IF(Input!$K$13=1,J4165*Input!$J$13,0)+IF(Input!$K$14=1,K4165*Input!$J$14,0)+IF(Input!$K$15=1,L4165*Input!$J$15,0)+IF(Input!$K$16=1,M4165*Input!$J$16,0)</f>
        <v>0.72255009395457881</v>
      </c>
      <c r="O4165" s="58">
        <f>IF(Input!$K$13=2,J4165*Input!$J$13,0)+IF(Input!$K$14=2,K4165*Input!$J$14,0)+IF(Input!$K$15=2,L4165*Input!$J$15,0)+IF(Input!$K$16=2,M4165*Input!$J$16,0)</f>
        <v>7.0045576051831732E-2</v>
      </c>
      <c r="P4165" s="58">
        <f>IF(Input!$K$13=3,J4165*Input!$J$13,0)+IF(Input!$K$14=3,K4165*Input!$J$14,0)+IF(Input!$K$15=3,L4165*Input!$J$15,0)+IF(Input!$K$16=3,M4165*Input!$J$16,0)</f>
        <v>0</v>
      </c>
      <c r="Q4165" s="71">
        <f>IF(Input!$K$13=4,J4165*Input!$J$13,0)+IF(Input!$K$14=4,K4165*Input!$J$14,0)+IF(Input!$K$15=4,L4165*Input!$J$15,0)+IF(Input!$K$16=4,M4165*Input!$J$16,0)</f>
        <v>0</v>
      </c>
    </row>
    <row r="4166" spans="8:17" x14ac:dyDescent="0.25">
      <c r="H4166" s="43">
        <v>4159</v>
      </c>
      <c r="I4166" s="55">
        <f>Bühler!I4192</f>
        <v>0</v>
      </c>
      <c r="J4166" s="58">
        <f>Bühler!J4192</f>
        <v>6.0212507829548239</v>
      </c>
      <c r="K4166" s="58">
        <f>Bühler!K4192</f>
        <v>0.51885611890245731</v>
      </c>
      <c r="L4166" s="58">
        <f>Bühler!L4192</f>
        <v>0.25942805945122865</v>
      </c>
      <c r="M4166" s="57">
        <f>Bühler!M4192</f>
        <v>0</v>
      </c>
      <c r="N4166" s="55">
        <f>IF(Input!$K$13=1,J4166*Input!$J$13,0)+IF(Input!$K$14=1,K4166*Input!$J$14,0)+IF(Input!$K$15=1,L4166*Input!$J$15,0)+IF(Input!$K$16=1,M4166*Input!$J$16,0)</f>
        <v>0.72255009395457881</v>
      </c>
      <c r="O4166" s="58">
        <f>IF(Input!$K$13=2,J4166*Input!$J$13,0)+IF(Input!$K$14=2,K4166*Input!$J$14,0)+IF(Input!$K$15=2,L4166*Input!$J$15,0)+IF(Input!$K$16=2,M4166*Input!$J$16,0)</f>
        <v>7.0045576051831732E-2</v>
      </c>
      <c r="P4166" s="58">
        <f>IF(Input!$K$13=3,J4166*Input!$J$13,0)+IF(Input!$K$14=3,K4166*Input!$J$14,0)+IF(Input!$K$15=3,L4166*Input!$J$15,0)+IF(Input!$K$16=3,M4166*Input!$J$16,0)</f>
        <v>0</v>
      </c>
      <c r="Q4166" s="71">
        <f>IF(Input!$K$13=4,J4166*Input!$J$13,0)+IF(Input!$K$14=4,K4166*Input!$J$14,0)+IF(Input!$K$15=4,L4166*Input!$J$15,0)+IF(Input!$K$16=4,M4166*Input!$J$16,0)</f>
        <v>0</v>
      </c>
    </row>
    <row r="4167" spans="8:17" x14ac:dyDescent="0.25">
      <c r="H4167" s="43">
        <v>4160</v>
      </c>
      <c r="I4167" s="55">
        <f>Bühler!I4193</f>
        <v>0</v>
      </c>
      <c r="J4167" s="58">
        <f>Bühler!J4193</f>
        <v>25.650528335387545</v>
      </c>
      <c r="K4167" s="58">
        <f>Bühler!K4193</f>
        <v>2.2103270665244676</v>
      </c>
      <c r="L4167" s="58">
        <f>Bühler!L4193</f>
        <v>1.1051635332622338</v>
      </c>
      <c r="M4167" s="57">
        <f>Bühler!M4193</f>
        <v>0</v>
      </c>
      <c r="N4167" s="55">
        <f>IF(Input!$K$13=1,J4167*Input!$J$13,0)+IF(Input!$K$14=1,K4167*Input!$J$14,0)+IF(Input!$K$15=1,L4167*Input!$J$15,0)+IF(Input!$K$16=1,M4167*Input!$J$16,0)</f>
        <v>3.0780634002465055</v>
      </c>
      <c r="O4167" s="58">
        <f>IF(Input!$K$13=2,J4167*Input!$J$13,0)+IF(Input!$K$14=2,K4167*Input!$J$14,0)+IF(Input!$K$15=2,L4167*Input!$J$15,0)+IF(Input!$K$16=2,M4167*Input!$J$16,0)</f>
        <v>0.29839415398080316</v>
      </c>
      <c r="P4167" s="58">
        <f>IF(Input!$K$13=3,J4167*Input!$J$13,0)+IF(Input!$K$14=3,K4167*Input!$J$14,0)+IF(Input!$K$15=3,L4167*Input!$J$15,0)+IF(Input!$K$16=3,M4167*Input!$J$16,0)</f>
        <v>0</v>
      </c>
      <c r="Q4167" s="71">
        <f>IF(Input!$K$13=4,J4167*Input!$J$13,0)+IF(Input!$K$14=4,K4167*Input!$J$14,0)+IF(Input!$K$15=4,L4167*Input!$J$15,0)+IF(Input!$K$16=4,M4167*Input!$J$16,0)</f>
        <v>0</v>
      </c>
    </row>
    <row r="4168" spans="8:17" x14ac:dyDescent="0.25">
      <c r="H4168" s="43">
        <v>4161</v>
      </c>
      <c r="I4168" s="55">
        <f>Bühler!I4194</f>
        <v>0</v>
      </c>
      <c r="J4168" s="58">
        <f>Bühler!J4194</f>
        <v>32.063160419234435</v>
      </c>
      <c r="K4168" s="58">
        <f>Bühler!K4194</f>
        <v>2.7629088331555844</v>
      </c>
      <c r="L4168" s="58">
        <f>Bühler!L4194</f>
        <v>1.3814544165777922</v>
      </c>
      <c r="M4168" s="57">
        <f>Bühler!M4194</f>
        <v>0</v>
      </c>
      <c r="N4168" s="55">
        <f>IF(Input!$K$13=1,J4168*Input!$J$13,0)+IF(Input!$K$14=1,K4168*Input!$J$14,0)+IF(Input!$K$15=1,L4168*Input!$J$15,0)+IF(Input!$K$16=1,M4168*Input!$J$16,0)</f>
        <v>3.8475792503081321</v>
      </c>
      <c r="O4168" s="58">
        <f>IF(Input!$K$13=2,J4168*Input!$J$13,0)+IF(Input!$K$14=2,K4168*Input!$J$14,0)+IF(Input!$K$15=2,L4168*Input!$J$15,0)+IF(Input!$K$16=2,M4168*Input!$J$16,0)</f>
        <v>0.37299269247600386</v>
      </c>
      <c r="P4168" s="58">
        <f>IF(Input!$K$13=3,J4168*Input!$J$13,0)+IF(Input!$K$14=3,K4168*Input!$J$14,0)+IF(Input!$K$15=3,L4168*Input!$J$15,0)+IF(Input!$K$16=3,M4168*Input!$J$16,0)</f>
        <v>0</v>
      </c>
      <c r="Q4168" s="71">
        <f>IF(Input!$K$13=4,J4168*Input!$J$13,0)+IF(Input!$K$14=4,K4168*Input!$J$14,0)+IF(Input!$K$15=4,L4168*Input!$J$15,0)+IF(Input!$K$16=4,M4168*Input!$J$16,0)</f>
        <v>0</v>
      </c>
    </row>
    <row r="4169" spans="8:17" x14ac:dyDescent="0.25">
      <c r="H4169" s="43">
        <v>4162</v>
      </c>
      <c r="I4169" s="55">
        <f>Bühler!I4195</f>
        <v>0</v>
      </c>
      <c r="J4169" s="58">
        <f>Bühler!J4195</f>
        <v>35.269476461157879</v>
      </c>
      <c r="K4169" s="58">
        <f>Bühler!K4195</f>
        <v>3.0391997164711428</v>
      </c>
      <c r="L4169" s="58">
        <f>Bühler!L4195</f>
        <v>1.5195998582355714</v>
      </c>
      <c r="M4169" s="57">
        <f>Bühler!M4195</f>
        <v>0</v>
      </c>
      <c r="N4169" s="55">
        <f>IF(Input!$K$13=1,J4169*Input!$J$13,0)+IF(Input!$K$14=1,K4169*Input!$J$14,0)+IF(Input!$K$15=1,L4169*Input!$J$15,0)+IF(Input!$K$16=1,M4169*Input!$J$16,0)</f>
        <v>4.2323371753389454</v>
      </c>
      <c r="O4169" s="58">
        <f>IF(Input!$K$13=2,J4169*Input!$J$13,0)+IF(Input!$K$14=2,K4169*Input!$J$14,0)+IF(Input!$K$15=2,L4169*Input!$J$15,0)+IF(Input!$K$16=2,M4169*Input!$J$16,0)</f>
        <v>0.41029196172360427</v>
      </c>
      <c r="P4169" s="58">
        <f>IF(Input!$K$13=3,J4169*Input!$J$13,0)+IF(Input!$K$14=3,K4169*Input!$J$14,0)+IF(Input!$K$15=3,L4169*Input!$J$15,0)+IF(Input!$K$16=3,M4169*Input!$J$16,0)</f>
        <v>0</v>
      </c>
      <c r="Q4169" s="71">
        <f>IF(Input!$K$13=4,J4169*Input!$J$13,0)+IF(Input!$K$14=4,K4169*Input!$J$14,0)+IF(Input!$K$15=4,L4169*Input!$J$15,0)+IF(Input!$K$16=4,M4169*Input!$J$16,0)</f>
        <v>0</v>
      </c>
    </row>
    <row r="4170" spans="8:17" x14ac:dyDescent="0.25">
      <c r="H4170" s="43">
        <v>4163</v>
      </c>
      <c r="I4170" s="55">
        <f>Bühler!I4196</f>
        <v>0</v>
      </c>
      <c r="J4170" s="58">
        <f>Bühler!J4196</f>
        <v>35.269476461157879</v>
      </c>
      <c r="K4170" s="58">
        <f>Bühler!K4196</f>
        <v>3.0391997164711428</v>
      </c>
      <c r="L4170" s="58">
        <f>Bühler!L4196</f>
        <v>1.5195998582355714</v>
      </c>
      <c r="M4170" s="57">
        <f>Bühler!M4196</f>
        <v>0</v>
      </c>
      <c r="N4170" s="55">
        <f>IF(Input!$K$13=1,J4170*Input!$J$13,0)+IF(Input!$K$14=1,K4170*Input!$J$14,0)+IF(Input!$K$15=1,L4170*Input!$J$15,0)+IF(Input!$K$16=1,M4170*Input!$J$16,0)</f>
        <v>4.2323371753389454</v>
      </c>
      <c r="O4170" s="58">
        <f>IF(Input!$K$13=2,J4170*Input!$J$13,0)+IF(Input!$K$14=2,K4170*Input!$J$14,0)+IF(Input!$K$15=2,L4170*Input!$J$15,0)+IF(Input!$K$16=2,M4170*Input!$J$16,0)</f>
        <v>0.41029196172360427</v>
      </c>
      <c r="P4170" s="58">
        <f>IF(Input!$K$13=3,J4170*Input!$J$13,0)+IF(Input!$K$14=3,K4170*Input!$J$14,0)+IF(Input!$K$15=3,L4170*Input!$J$15,0)+IF(Input!$K$16=3,M4170*Input!$J$16,0)</f>
        <v>0</v>
      </c>
      <c r="Q4170" s="71">
        <f>IF(Input!$K$13=4,J4170*Input!$J$13,0)+IF(Input!$K$14=4,K4170*Input!$J$14,0)+IF(Input!$K$15=4,L4170*Input!$J$15,0)+IF(Input!$K$16=4,M4170*Input!$J$16,0)</f>
        <v>0</v>
      </c>
    </row>
    <row r="4171" spans="8:17" x14ac:dyDescent="0.25">
      <c r="H4171" s="43">
        <v>4164</v>
      </c>
      <c r="I4171" s="55">
        <f>Bühler!I4197</f>
        <v>0</v>
      </c>
      <c r="J4171" s="58">
        <f>Bühler!J4197</f>
        <v>41.682108545004759</v>
      </c>
      <c r="K4171" s="58">
        <f>Bühler!K4197</f>
        <v>3.5917814831022596</v>
      </c>
      <c r="L4171" s="58">
        <f>Bühler!L4197</f>
        <v>1.7958907415511298</v>
      </c>
      <c r="M4171" s="57">
        <f>Bühler!M4197</f>
        <v>0</v>
      </c>
      <c r="N4171" s="55">
        <f>IF(Input!$K$13=1,J4171*Input!$J$13,0)+IF(Input!$K$14=1,K4171*Input!$J$14,0)+IF(Input!$K$15=1,L4171*Input!$J$15,0)+IF(Input!$K$16=1,M4171*Input!$J$16,0)</f>
        <v>5.0018530254005711</v>
      </c>
      <c r="O4171" s="58">
        <f>IF(Input!$K$13=2,J4171*Input!$J$13,0)+IF(Input!$K$14=2,K4171*Input!$J$14,0)+IF(Input!$K$15=2,L4171*Input!$J$15,0)+IF(Input!$K$16=2,M4171*Input!$J$16,0)</f>
        <v>0.48489050021880503</v>
      </c>
      <c r="P4171" s="58">
        <f>IF(Input!$K$13=3,J4171*Input!$J$13,0)+IF(Input!$K$14=3,K4171*Input!$J$14,0)+IF(Input!$K$15=3,L4171*Input!$J$15,0)+IF(Input!$K$16=3,M4171*Input!$J$16,0)</f>
        <v>0</v>
      </c>
      <c r="Q4171" s="71">
        <f>IF(Input!$K$13=4,J4171*Input!$J$13,0)+IF(Input!$K$14=4,K4171*Input!$J$14,0)+IF(Input!$K$15=4,L4171*Input!$J$15,0)+IF(Input!$K$16=4,M4171*Input!$J$16,0)</f>
        <v>0</v>
      </c>
    </row>
    <row r="4172" spans="8:17" x14ac:dyDescent="0.25">
      <c r="H4172" s="43">
        <v>4165</v>
      </c>
      <c r="I4172" s="55">
        <f>Bühler!I4198</f>
        <v>0</v>
      </c>
      <c r="J4172" s="58">
        <f>Bühler!J4198</f>
        <v>41.682108545004759</v>
      </c>
      <c r="K4172" s="58">
        <f>Bühler!K4198</f>
        <v>3.5917814831022596</v>
      </c>
      <c r="L4172" s="58">
        <f>Bühler!L4198</f>
        <v>1.7958907415511298</v>
      </c>
      <c r="M4172" s="57">
        <f>Bühler!M4198</f>
        <v>0</v>
      </c>
      <c r="N4172" s="55">
        <f>IF(Input!$K$13=1,J4172*Input!$J$13,0)+IF(Input!$K$14=1,K4172*Input!$J$14,0)+IF(Input!$K$15=1,L4172*Input!$J$15,0)+IF(Input!$K$16=1,M4172*Input!$J$16,0)</f>
        <v>5.0018530254005711</v>
      </c>
      <c r="O4172" s="58">
        <f>IF(Input!$K$13=2,J4172*Input!$J$13,0)+IF(Input!$K$14=2,K4172*Input!$J$14,0)+IF(Input!$K$15=2,L4172*Input!$J$15,0)+IF(Input!$K$16=2,M4172*Input!$J$16,0)</f>
        <v>0.48489050021880503</v>
      </c>
      <c r="P4172" s="58">
        <f>IF(Input!$K$13=3,J4172*Input!$J$13,0)+IF(Input!$K$14=3,K4172*Input!$J$14,0)+IF(Input!$K$15=3,L4172*Input!$J$15,0)+IF(Input!$K$16=3,M4172*Input!$J$16,0)</f>
        <v>0</v>
      </c>
      <c r="Q4172" s="71">
        <f>IF(Input!$K$13=4,J4172*Input!$J$13,0)+IF(Input!$K$14=4,K4172*Input!$J$14,0)+IF(Input!$K$15=4,L4172*Input!$J$15,0)+IF(Input!$K$16=4,M4172*Input!$J$16,0)</f>
        <v>0</v>
      </c>
    </row>
    <row r="4173" spans="8:17" x14ac:dyDescent="0.25">
      <c r="H4173" s="43">
        <v>4166</v>
      </c>
      <c r="I4173" s="55">
        <f>Bühler!I4199</f>
        <v>0</v>
      </c>
      <c r="J4173" s="58">
        <f>Bühler!J4199</f>
        <v>28.856844377310985</v>
      </c>
      <c r="K4173" s="58">
        <f>Bühler!K4199</f>
        <v>2.486617949840026</v>
      </c>
      <c r="L4173" s="58">
        <f>Bühler!L4199</f>
        <v>1.243308974920013</v>
      </c>
      <c r="M4173" s="57">
        <f>Bühler!M4199</f>
        <v>0</v>
      </c>
      <c r="N4173" s="55">
        <f>IF(Input!$K$13=1,J4173*Input!$J$13,0)+IF(Input!$K$14=1,K4173*Input!$J$14,0)+IF(Input!$K$15=1,L4173*Input!$J$15,0)+IF(Input!$K$16=1,M4173*Input!$J$16,0)</f>
        <v>3.4628213252773179</v>
      </c>
      <c r="O4173" s="58">
        <f>IF(Input!$K$13=2,J4173*Input!$J$13,0)+IF(Input!$K$14=2,K4173*Input!$J$14,0)+IF(Input!$K$15=2,L4173*Input!$J$15,0)+IF(Input!$K$16=2,M4173*Input!$J$16,0)</f>
        <v>0.33569342322840351</v>
      </c>
      <c r="P4173" s="58">
        <f>IF(Input!$K$13=3,J4173*Input!$J$13,0)+IF(Input!$K$14=3,K4173*Input!$J$14,0)+IF(Input!$K$15=3,L4173*Input!$J$15,0)+IF(Input!$K$16=3,M4173*Input!$J$16,0)</f>
        <v>0</v>
      </c>
      <c r="Q4173" s="71">
        <f>IF(Input!$K$13=4,J4173*Input!$J$13,0)+IF(Input!$K$14=4,K4173*Input!$J$14,0)+IF(Input!$K$15=4,L4173*Input!$J$15,0)+IF(Input!$K$16=4,M4173*Input!$J$16,0)</f>
        <v>0</v>
      </c>
    </row>
    <row r="4174" spans="8:17" x14ac:dyDescent="0.25">
      <c r="H4174" s="43">
        <v>4167</v>
      </c>
      <c r="I4174" s="55">
        <f>Bühler!I4200</f>
        <v>0</v>
      </c>
      <c r="J4174" s="58">
        <f>Bühler!J4200</f>
        <v>41.682108545004759</v>
      </c>
      <c r="K4174" s="58">
        <f>Bühler!K4200</f>
        <v>3.5917814831022596</v>
      </c>
      <c r="L4174" s="58">
        <f>Bühler!L4200</f>
        <v>1.7958907415511298</v>
      </c>
      <c r="M4174" s="57">
        <f>Bühler!M4200</f>
        <v>0</v>
      </c>
      <c r="N4174" s="55">
        <f>IF(Input!$K$13=1,J4174*Input!$J$13,0)+IF(Input!$K$14=1,K4174*Input!$J$14,0)+IF(Input!$K$15=1,L4174*Input!$J$15,0)+IF(Input!$K$16=1,M4174*Input!$J$16,0)</f>
        <v>5.0018530254005711</v>
      </c>
      <c r="O4174" s="58">
        <f>IF(Input!$K$13=2,J4174*Input!$J$13,0)+IF(Input!$K$14=2,K4174*Input!$J$14,0)+IF(Input!$K$15=2,L4174*Input!$J$15,0)+IF(Input!$K$16=2,M4174*Input!$J$16,0)</f>
        <v>0.48489050021880503</v>
      </c>
      <c r="P4174" s="58">
        <f>IF(Input!$K$13=3,J4174*Input!$J$13,0)+IF(Input!$K$14=3,K4174*Input!$J$14,0)+IF(Input!$K$15=3,L4174*Input!$J$15,0)+IF(Input!$K$16=3,M4174*Input!$J$16,0)</f>
        <v>0</v>
      </c>
      <c r="Q4174" s="71">
        <f>IF(Input!$K$13=4,J4174*Input!$J$13,0)+IF(Input!$K$14=4,K4174*Input!$J$14,0)+IF(Input!$K$15=4,L4174*Input!$J$15,0)+IF(Input!$K$16=4,M4174*Input!$J$16,0)</f>
        <v>0</v>
      </c>
    </row>
    <row r="4175" spans="8:17" x14ac:dyDescent="0.25">
      <c r="H4175" s="43">
        <v>4168</v>
      </c>
      <c r="I4175" s="55">
        <f>Bühler!I4201</f>
        <v>0</v>
      </c>
      <c r="J4175" s="58">
        <f>Bühler!J4201</f>
        <v>32.063160419234435</v>
      </c>
      <c r="K4175" s="58">
        <f>Bühler!K4201</f>
        <v>2.7629088331555844</v>
      </c>
      <c r="L4175" s="58">
        <f>Bühler!L4201</f>
        <v>1.3814544165777922</v>
      </c>
      <c r="M4175" s="57">
        <f>Bühler!M4201</f>
        <v>0</v>
      </c>
      <c r="N4175" s="55">
        <f>IF(Input!$K$13=1,J4175*Input!$J$13,0)+IF(Input!$K$14=1,K4175*Input!$J$14,0)+IF(Input!$K$15=1,L4175*Input!$J$15,0)+IF(Input!$K$16=1,M4175*Input!$J$16,0)</f>
        <v>3.8475792503081321</v>
      </c>
      <c r="O4175" s="58">
        <f>IF(Input!$K$13=2,J4175*Input!$J$13,0)+IF(Input!$K$14=2,K4175*Input!$J$14,0)+IF(Input!$K$15=2,L4175*Input!$J$15,0)+IF(Input!$K$16=2,M4175*Input!$J$16,0)</f>
        <v>0.37299269247600386</v>
      </c>
      <c r="P4175" s="58">
        <f>IF(Input!$K$13=3,J4175*Input!$J$13,0)+IF(Input!$K$14=3,K4175*Input!$J$14,0)+IF(Input!$K$15=3,L4175*Input!$J$15,0)+IF(Input!$K$16=3,M4175*Input!$J$16,0)</f>
        <v>0</v>
      </c>
      <c r="Q4175" s="71">
        <f>IF(Input!$K$13=4,J4175*Input!$J$13,0)+IF(Input!$K$14=4,K4175*Input!$J$14,0)+IF(Input!$K$15=4,L4175*Input!$J$15,0)+IF(Input!$K$16=4,M4175*Input!$J$16,0)</f>
        <v>0</v>
      </c>
    </row>
    <row r="4176" spans="8:17" x14ac:dyDescent="0.25">
      <c r="H4176" s="43">
        <v>4169</v>
      </c>
      <c r="I4176" s="55">
        <f>Bühler!I4202</f>
        <v>0</v>
      </c>
      <c r="J4176" s="58">
        <f>Bühler!J4202</f>
        <v>15.053126957387057</v>
      </c>
      <c r="K4176" s="58">
        <f>Bühler!K4202</f>
        <v>1.297140297256143</v>
      </c>
      <c r="L4176" s="58">
        <f>Bühler!L4202</f>
        <v>0.6485701486280715</v>
      </c>
      <c r="M4176" s="57">
        <f>Bühler!M4202</f>
        <v>0</v>
      </c>
      <c r="N4176" s="55">
        <f>IF(Input!$K$13=1,J4176*Input!$J$13,0)+IF(Input!$K$14=1,K4176*Input!$J$14,0)+IF(Input!$K$15=1,L4176*Input!$J$15,0)+IF(Input!$K$16=1,M4176*Input!$J$16,0)</f>
        <v>1.8063752348864468</v>
      </c>
      <c r="O4176" s="58">
        <f>IF(Input!$K$13=2,J4176*Input!$J$13,0)+IF(Input!$K$14=2,K4176*Input!$J$14,0)+IF(Input!$K$15=2,L4176*Input!$J$15,0)+IF(Input!$K$16=2,M4176*Input!$J$16,0)</f>
        <v>0.17511394012957932</v>
      </c>
      <c r="P4176" s="58">
        <f>IF(Input!$K$13=3,J4176*Input!$J$13,0)+IF(Input!$K$14=3,K4176*Input!$J$14,0)+IF(Input!$K$15=3,L4176*Input!$J$15,0)+IF(Input!$K$16=3,M4176*Input!$J$16,0)</f>
        <v>0</v>
      </c>
      <c r="Q4176" s="71">
        <f>IF(Input!$K$13=4,J4176*Input!$J$13,0)+IF(Input!$K$14=4,K4176*Input!$J$14,0)+IF(Input!$K$15=4,L4176*Input!$J$15,0)+IF(Input!$K$16=4,M4176*Input!$J$16,0)</f>
        <v>0</v>
      </c>
    </row>
    <row r="4177" spans="8:17" x14ac:dyDescent="0.25">
      <c r="H4177" s="43">
        <v>4170</v>
      </c>
      <c r="I4177" s="55">
        <f>Bühler!I4203</f>
        <v>0</v>
      </c>
      <c r="J4177" s="58">
        <f>Bühler!J4203</f>
        <v>9.935063791875459</v>
      </c>
      <c r="K4177" s="58">
        <f>Bühler!K4203</f>
        <v>0.85611259618905444</v>
      </c>
      <c r="L4177" s="58">
        <f>Bühler!L4203</f>
        <v>0.42805629809452722</v>
      </c>
      <c r="M4177" s="57">
        <f>Bühler!M4203</f>
        <v>0</v>
      </c>
      <c r="N4177" s="55">
        <f>IF(Input!$K$13=1,J4177*Input!$J$13,0)+IF(Input!$K$14=1,K4177*Input!$J$14,0)+IF(Input!$K$15=1,L4177*Input!$J$15,0)+IF(Input!$K$16=1,M4177*Input!$J$16,0)</f>
        <v>1.1922076550250551</v>
      </c>
      <c r="O4177" s="58">
        <f>IF(Input!$K$13=2,J4177*Input!$J$13,0)+IF(Input!$K$14=2,K4177*Input!$J$14,0)+IF(Input!$K$15=2,L4177*Input!$J$15,0)+IF(Input!$K$16=2,M4177*Input!$J$16,0)</f>
        <v>0.11557520048552235</v>
      </c>
      <c r="P4177" s="58">
        <f>IF(Input!$K$13=3,J4177*Input!$J$13,0)+IF(Input!$K$14=3,K4177*Input!$J$14,0)+IF(Input!$K$15=3,L4177*Input!$J$15,0)+IF(Input!$K$16=3,M4177*Input!$J$16,0)</f>
        <v>0</v>
      </c>
      <c r="Q4177" s="71">
        <f>IF(Input!$K$13=4,J4177*Input!$J$13,0)+IF(Input!$K$14=4,K4177*Input!$J$14,0)+IF(Input!$K$15=4,L4177*Input!$J$15,0)+IF(Input!$K$16=4,M4177*Input!$J$16,0)</f>
        <v>0</v>
      </c>
    </row>
    <row r="4178" spans="8:17" x14ac:dyDescent="0.25">
      <c r="H4178" s="43">
        <v>4171</v>
      </c>
      <c r="I4178" s="55">
        <f>Bühler!I4204</f>
        <v>0</v>
      </c>
      <c r="J4178" s="58">
        <f>Bühler!J4204</f>
        <v>6.3223133221025645</v>
      </c>
      <c r="K4178" s="58">
        <f>Bühler!K4204</f>
        <v>0.54479892484758008</v>
      </c>
      <c r="L4178" s="58">
        <f>Bühler!L4204</f>
        <v>0.27239946242379004</v>
      </c>
      <c r="M4178" s="57">
        <f>Bühler!M4204</f>
        <v>0</v>
      </c>
      <c r="N4178" s="55">
        <f>IF(Input!$K$13=1,J4178*Input!$J$13,0)+IF(Input!$K$14=1,K4178*Input!$J$14,0)+IF(Input!$K$15=1,L4178*Input!$J$15,0)+IF(Input!$K$16=1,M4178*Input!$J$16,0)</f>
        <v>0.75867759865230766</v>
      </c>
      <c r="O4178" s="58">
        <f>IF(Input!$K$13=2,J4178*Input!$J$13,0)+IF(Input!$K$14=2,K4178*Input!$J$14,0)+IF(Input!$K$15=2,L4178*Input!$J$15,0)+IF(Input!$K$16=2,M4178*Input!$J$16,0)</f>
        <v>7.3547854854423306E-2</v>
      </c>
      <c r="P4178" s="58">
        <f>IF(Input!$K$13=3,J4178*Input!$J$13,0)+IF(Input!$K$14=3,K4178*Input!$J$14,0)+IF(Input!$K$15=3,L4178*Input!$J$15,0)+IF(Input!$K$16=3,M4178*Input!$J$16,0)</f>
        <v>0</v>
      </c>
      <c r="Q4178" s="71">
        <f>IF(Input!$K$13=4,J4178*Input!$J$13,0)+IF(Input!$K$14=4,K4178*Input!$J$14,0)+IF(Input!$K$15=4,L4178*Input!$J$15,0)+IF(Input!$K$16=4,M4178*Input!$J$16,0)</f>
        <v>0</v>
      </c>
    </row>
    <row r="4179" spans="8:17" x14ac:dyDescent="0.25">
      <c r="H4179" s="43">
        <v>4172</v>
      </c>
      <c r="I4179" s="55">
        <f>Bühler!I4205</f>
        <v>0</v>
      </c>
      <c r="J4179" s="58">
        <f>Bühler!J4205</f>
        <v>6.0212507829548239</v>
      </c>
      <c r="K4179" s="58">
        <f>Bühler!K4205</f>
        <v>0.51885611890245731</v>
      </c>
      <c r="L4179" s="58">
        <f>Bühler!L4205</f>
        <v>0.25942805945122865</v>
      </c>
      <c r="M4179" s="57">
        <f>Bühler!M4205</f>
        <v>0</v>
      </c>
      <c r="N4179" s="55">
        <f>IF(Input!$K$13=1,J4179*Input!$J$13,0)+IF(Input!$K$14=1,K4179*Input!$J$14,0)+IF(Input!$K$15=1,L4179*Input!$J$15,0)+IF(Input!$K$16=1,M4179*Input!$J$16,0)</f>
        <v>0.72255009395457881</v>
      </c>
      <c r="O4179" s="58">
        <f>IF(Input!$K$13=2,J4179*Input!$J$13,0)+IF(Input!$K$14=2,K4179*Input!$J$14,0)+IF(Input!$K$15=2,L4179*Input!$J$15,0)+IF(Input!$K$16=2,M4179*Input!$J$16,0)</f>
        <v>7.0045576051831732E-2</v>
      </c>
      <c r="P4179" s="58">
        <f>IF(Input!$K$13=3,J4179*Input!$J$13,0)+IF(Input!$K$14=3,K4179*Input!$J$14,0)+IF(Input!$K$15=3,L4179*Input!$J$15,0)+IF(Input!$K$16=3,M4179*Input!$J$16,0)</f>
        <v>0</v>
      </c>
      <c r="Q4179" s="71">
        <f>IF(Input!$K$13=4,J4179*Input!$J$13,0)+IF(Input!$K$14=4,K4179*Input!$J$14,0)+IF(Input!$K$15=4,L4179*Input!$J$15,0)+IF(Input!$K$16=4,M4179*Input!$J$16,0)</f>
        <v>0</v>
      </c>
    </row>
    <row r="4180" spans="8:17" x14ac:dyDescent="0.25">
      <c r="H4180" s="43">
        <v>4173</v>
      </c>
      <c r="I4180" s="55">
        <f>Bühler!I4206</f>
        <v>0</v>
      </c>
      <c r="J4180" s="58">
        <f>Bühler!J4206</f>
        <v>6.0212507829548239</v>
      </c>
      <c r="K4180" s="58">
        <f>Bühler!K4206</f>
        <v>0.51885611890245731</v>
      </c>
      <c r="L4180" s="58">
        <f>Bühler!L4206</f>
        <v>0.25942805945122865</v>
      </c>
      <c r="M4180" s="57">
        <f>Bühler!M4206</f>
        <v>0</v>
      </c>
      <c r="N4180" s="55">
        <f>IF(Input!$K$13=1,J4180*Input!$J$13,0)+IF(Input!$K$14=1,K4180*Input!$J$14,0)+IF(Input!$K$15=1,L4180*Input!$J$15,0)+IF(Input!$K$16=1,M4180*Input!$J$16,0)</f>
        <v>0.72255009395457881</v>
      </c>
      <c r="O4180" s="58">
        <f>IF(Input!$K$13=2,J4180*Input!$J$13,0)+IF(Input!$K$14=2,K4180*Input!$J$14,0)+IF(Input!$K$15=2,L4180*Input!$J$15,0)+IF(Input!$K$16=2,M4180*Input!$J$16,0)</f>
        <v>7.0045576051831732E-2</v>
      </c>
      <c r="P4180" s="58">
        <f>IF(Input!$K$13=3,J4180*Input!$J$13,0)+IF(Input!$K$14=3,K4180*Input!$J$14,0)+IF(Input!$K$15=3,L4180*Input!$J$15,0)+IF(Input!$K$16=3,M4180*Input!$J$16,0)</f>
        <v>0</v>
      </c>
      <c r="Q4180" s="71">
        <f>IF(Input!$K$13=4,J4180*Input!$J$13,0)+IF(Input!$K$14=4,K4180*Input!$J$14,0)+IF(Input!$K$15=4,L4180*Input!$J$15,0)+IF(Input!$K$16=4,M4180*Input!$J$16,0)</f>
        <v>0</v>
      </c>
    </row>
    <row r="4181" spans="8:17" x14ac:dyDescent="0.25">
      <c r="H4181" s="43">
        <v>4174</v>
      </c>
      <c r="I4181" s="55">
        <f>Bühler!I4207</f>
        <v>0</v>
      </c>
      <c r="J4181" s="58">
        <f>Bühler!J4207</f>
        <v>6.0212507829548239</v>
      </c>
      <c r="K4181" s="58">
        <f>Bühler!K4207</f>
        <v>0.51885611890245731</v>
      </c>
      <c r="L4181" s="58">
        <f>Bühler!L4207</f>
        <v>0.25942805945122865</v>
      </c>
      <c r="M4181" s="57">
        <f>Bühler!M4207</f>
        <v>0</v>
      </c>
      <c r="N4181" s="55">
        <f>IF(Input!$K$13=1,J4181*Input!$J$13,0)+IF(Input!$K$14=1,K4181*Input!$J$14,0)+IF(Input!$K$15=1,L4181*Input!$J$15,0)+IF(Input!$K$16=1,M4181*Input!$J$16,0)</f>
        <v>0.72255009395457881</v>
      </c>
      <c r="O4181" s="58">
        <f>IF(Input!$K$13=2,J4181*Input!$J$13,0)+IF(Input!$K$14=2,K4181*Input!$J$14,0)+IF(Input!$K$15=2,L4181*Input!$J$15,0)+IF(Input!$K$16=2,M4181*Input!$J$16,0)</f>
        <v>7.0045576051831732E-2</v>
      </c>
      <c r="P4181" s="58">
        <f>IF(Input!$K$13=3,J4181*Input!$J$13,0)+IF(Input!$K$14=3,K4181*Input!$J$14,0)+IF(Input!$K$15=3,L4181*Input!$J$15,0)+IF(Input!$K$16=3,M4181*Input!$J$16,0)</f>
        <v>0</v>
      </c>
      <c r="Q4181" s="71">
        <f>IF(Input!$K$13=4,J4181*Input!$J$13,0)+IF(Input!$K$14=4,K4181*Input!$J$14,0)+IF(Input!$K$15=4,L4181*Input!$J$15,0)+IF(Input!$K$16=4,M4181*Input!$J$16,0)</f>
        <v>0</v>
      </c>
    </row>
    <row r="4182" spans="8:17" x14ac:dyDescent="0.25">
      <c r="H4182" s="43">
        <v>4175</v>
      </c>
      <c r="I4182" s="55">
        <f>Bühler!I4208</f>
        <v>0</v>
      </c>
      <c r="J4182" s="58">
        <f>Bühler!J4208</f>
        <v>6.0212507829548239</v>
      </c>
      <c r="K4182" s="58">
        <f>Bühler!K4208</f>
        <v>0.51885611890245731</v>
      </c>
      <c r="L4182" s="58">
        <f>Bühler!L4208</f>
        <v>0.25942805945122865</v>
      </c>
      <c r="M4182" s="57">
        <f>Bühler!M4208</f>
        <v>0</v>
      </c>
      <c r="N4182" s="55">
        <f>IF(Input!$K$13=1,J4182*Input!$J$13,0)+IF(Input!$K$14=1,K4182*Input!$J$14,0)+IF(Input!$K$15=1,L4182*Input!$J$15,0)+IF(Input!$K$16=1,M4182*Input!$J$16,0)</f>
        <v>0.72255009395457881</v>
      </c>
      <c r="O4182" s="58">
        <f>IF(Input!$K$13=2,J4182*Input!$J$13,0)+IF(Input!$K$14=2,K4182*Input!$J$14,0)+IF(Input!$K$15=2,L4182*Input!$J$15,0)+IF(Input!$K$16=2,M4182*Input!$J$16,0)</f>
        <v>7.0045576051831732E-2</v>
      </c>
      <c r="P4182" s="58">
        <f>IF(Input!$K$13=3,J4182*Input!$J$13,0)+IF(Input!$K$14=3,K4182*Input!$J$14,0)+IF(Input!$K$15=3,L4182*Input!$J$15,0)+IF(Input!$K$16=3,M4182*Input!$J$16,0)</f>
        <v>0</v>
      </c>
      <c r="Q4182" s="71">
        <f>IF(Input!$K$13=4,J4182*Input!$J$13,0)+IF(Input!$K$14=4,K4182*Input!$J$14,0)+IF(Input!$K$15=4,L4182*Input!$J$15,0)+IF(Input!$K$16=4,M4182*Input!$J$16,0)</f>
        <v>0</v>
      </c>
    </row>
    <row r="4183" spans="8:17" x14ac:dyDescent="0.25">
      <c r="H4183" s="43">
        <v>4176</v>
      </c>
      <c r="I4183" s="55">
        <f>Bühler!I4209</f>
        <v>0</v>
      </c>
      <c r="J4183" s="58">
        <f>Bühler!J4209</f>
        <v>6.0212507829548239</v>
      </c>
      <c r="K4183" s="58">
        <f>Bühler!K4209</f>
        <v>0.51885611890245731</v>
      </c>
      <c r="L4183" s="58">
        <f>Bühler!L4209</f>
        <v>0.25942805945122865</v>
      </c>
      <c r="M4183" s="57">
        <f>Bühler!M4209</f>
        <v>0</v>
      </c>
      <c r="N4183" s="55">
        <f>IF(Input!$K$13=1,J4183*Input!$J$13,0)+IF(Input!$K$14=1,K4183*Input!$J$14,0)+IF(Input!$K$15=1,L4183*Input!$J$15,0)+IF(Input!$K$16=1,M4183*Input!$J$16,0)</f>
        <v>0.72255009395457881</v>
      </c>
      <c r="O4183" s="58">
        <f>IF(Input!$K$13=2,J4183*Input!$J$13,0)+IF(Input!$K$14=2,K4183*Input!$J$14,0)+IF(Input!$K$15=2,L4183*Input!$J$15,0)+IF(Input!$K$16=2,M4183*Input!$J$16,0)</f>
        <v>7.0045576051831732E-2</v>
      </c>
      <c r="P4183" s="58">
        <f>IF(Input!$K$13=3,J4183*Input!$J$13,0)+IF(Input!$K$14=3,K4183*Input!$J$14,0)+IF(Input!$K$15=3,L4183*Input!$J$15,0)+IF(Input!$K$16=3,M4183*Input!$J$16,0)</f>
        <v>0</v>
      </c>
      <c r="Q4183" s="71">
        <f>IF(Input!$K$13=4,J4183*Input!$J$13,0)+IF(Input!$K$14=4,K4183*Input!$J$14,0)+IF(Input!$K$15=4,L4183*Input!$J$15,0)+IF(Input!$K$16=4,M4183*Input!$J$16,0)</f>
        <v>0</v>
      </c>
    </row>
    <row r="4184" spans="8:17" x14ac:dyDescent="0.25">
      <c r="H4184" s="43">
        <v>4177</v>
      </c>
      <c r="I4184" s="55">
        <f>Bühler!I4210</f>
        <v>0.1735766801260584</v>
      </c>
      <c r="J4184" s="58">
        <f>Bühler!J4210</f>
        <v>5.0307976392875648</v>
      </c>
      <c r="K4184" s="58">
        <f>Bühler!K4210</f>
        <v>0.2439302280909291</v>
      </c>
      <c r="L4184" s="58">
        <f>Bühler!L4210</f>
        <v>0.12196511404546455</v>
      </c>
      <c r="M4184" s="57">
        <f>Bühler!M4210</f>
        <v>0</v>
      </c>
      <c r="N4184" s="55">
        <f>IF(Input!$K$13=1,J4184*Input!$J$13,0)+IF(Input!$K$14=1,K4184*Input!$J$14,0)+IF(Input!$K$15=1,L4184*Input!$J$15,0)+IF(Input!$K$16=1,M4184*Input!$J$16,0)</f>
        <v>0.60369571671450772</v>
      </c>
      <c r="O4184" s="58">
        <f>IF(Input!$K$13=2,J4184*Input!$J$13,0)+IF(Input!$K$14=2,K4184*Input!$J$14,0)+IF(Input!$K$15=2,L4184*Input!$J$15,0)+IF(Input!$K$16=2,M4184*Input!$J$16,0)</f>
        <v>3.2930580792275427E-2</v>
      </c>
      <c r="P4184" s="58">
        <f>IF(Input!$K$13=3,J4184*Input!$J$13,0)+IF(Input!$K$14=3,K4184*Input!$J$14,0)+IF(Input!$K$15=3,L4184*Input!$J$15,0)+IF(Input!$K$16=3,M4184*Input!$J$16,0)</f>
        <v>0</v>
      </c>
      <c r="Q4184" s="71">
        <f>IF(Input!$K$13=4,J4184*Input!$J$13,0)+IF(Input!$K$14=4,K4184*Input!$J$14,0)+IF(Input!$K$15=4,L4184*Input!$J$15,0)+IF(Input!$K$16=4,M4184*Input!$J$16,0)</f>
        <v>0</v>
      </c>
    </row>
    <row r="4185" spans="8:17" x14ac:dyDescent="0.25">
      <c r="H4185" s="43">
        <v>4178</v>
      </c>
      <c r="I4185" s="55">
        <f>Bühler!I4211</f>
        <v>0.3388878040556379</v>
      </c>
      <c r="J4185" s="58">
        <f>Bühler!J4211</f>
        <v>4.6216598300316987</v>
      </c>
      <c r="K4185" s="58">
        <f>Bühler!K4211</f>
        <v>0.21953720528183621</v>
      </c>
      <c r="L4185" s="58">
        <f>Bühler!L4211</f>
        <v>0.1097686026409181</v>
      </c>
      <c r="M4185" s="57">
        <f>Bühler!M4211</f>
        <v>0</v>
      </c>
      <c r="N4185" s="55">
        <f>IF(Input!$K$13=1,J4185*Input!$J$13,0)+IF(Input!$K$14=1,K4185*Input!$J$14,0)+IF(Input!$K$15=1,L4185*Input!$J$15,0)+IF(Input!$K$16=1,M4185*Input!$J$16,0)</f>
        <v>0.55459917960380378</v>
      </c>
      <c r="O4185" s="58">
        <f>IF(Input!$K$13=2,J4185*Input!$J$13,0)+IF(Input!$K$14=2,K4185*Input!$J$14,0)+IF(Input!$K$15=2,L4185*Input!$J$15,0)+IF(Input!$K$16=2,M4185*Input!$J$16,0)</f>
        <v>2.9637522713047884E-2</v>
      </c>
      <c r="P4185" s="58">
        <f>IF(Input!$K$13=3,J4185*Input!$J$13,0)+IF(Input!$K$14=3,K4185*Input!$J$14,0)+IF(Input!$K$15=3,L4185*Input!$J$15,0)+IF(Input!$K$16=3,M4185*Input!$J$16,0)</f>
        <v>0</v>
      </c>
      <c r="Q4185" s="71">
        <f>IF(Input!$K$13=4,J4185*Input!$J$13,0)+IF(Input!$K$14=4,K4185*Input!$J$14,0)+IF(Input!$K$15=4,L4185*Input!$J$15,0)+IF(Input!$K$16=4,M4185*Input!$J$16,0)</f>
        <v>0</v>
      </c>
    </row>
    <row r="4186" spans="8:17" x14ac:dyDescent="0.25">
      <c r="H4186" s="43">
        <v>4179</v>
      </c>
      <c r="I4186" s="55">
        <f>Bühler!I4212</f>
        <v>0.3388878040556379</v>
      </c>
      <c r="J4186" s="58">
        <f>Bühler!J4212</f>
        <v>4.6216598300316987</v>
      </c>
      <c r="K4186" s="58">
        <f>Bühler!K4212</f>
        <v>0.21953720528183621</v>
      </c>
      <c r="L4186" s="58">
        <f>Bühler!L4212</f>
        <v>0.1097686026409181</v>
      </c>
      <c r="M4186" s="57">
        <f>Bühler!M4212</f>
        <v>0</v>
      </c>
      <c r="N4186" s="55">
        <f>IF(Input!$K$13=1,J4186*Input!$J$13,0)+IF(Input!$K$14=1,K4186*Input!$J$14,0)+IF(Input!$K$15=1,L4186*Input!$J$15,0)+IF(Input!$K$16=1,M4186*Input!$J$16,0)</f>
        <v>0.55459917960380378</v>
      </c>
      <c r="O4186" s="58">
        <f>IF(Input!$K$13=2,J4186*Input!$J$13,0)+IF(Input!$K$14=2,K4186*Input!$J$14,0)+IF(Input!$K$15=2,L4186*Input!$J$15,0)+IF(Input!$K$16=2,M4186*Input!$J$16,0)</f>
        <v>2.9637522713047884E-2</v>
      </c>
      <c r="P4186" s="58">
        <f>IF(Input!$K$13=3,J4186*Input!$J$13,0)+IF(Input!$K$14=3,K4186*Input!$J$14,0)+IF(Input!$K$15=3,L4186*Input!$J$15,0)+IF(Input!$K$16=3,M4186*Input!$J$16,0)</f>
        <v>0</v>
      </c>
      <c r="Q4186" s="71">
        <f>IF(Input!$K$13=4,J4186*Input!$J$13,0)+IF(Input!$K$14=4,K4186*Input!$J$14,0)+IF(Input!$K$15=4,L4186*Input!$J$15,0)+IF(Input!$K$16=4,M4186*Input!$J$16,0)</f>
        <v>0</v>
      </c>
    </row>
    <row r="4187" spans="8:17" x14ac:dyDescent="0.25">
      <c r="H4187" s="43">
        <v>4180</v>
      </c>
      <c r="I4187" s="55">
        <f>Bühler!I4213</f>
        <v>0.3388878040556379</v>
      </c>
      <c r="J4187" s="58">
        <f>Bühler!J4213</f>
        <v>4.6216598300316987</v>
      </c>
      <c r="K4187" s="58">
        <f>Bühler!K4213</f>
        <v>0.21953720528183621</v>
      </c>
      <c r="L4187" s="58">
        <f>Bühler!L4213</f>
        <v>0.1097686026409181</v>
      </c>
      <c r="M4187" s="57">
        <f>Bühler!M4213</f>
        <v>0</v>
      </c>
      <c r="N4187" s="55">
        <f>IF(Input!$K$13=1,J4187*Input!$J$13,0)+IF(Input!$K$14=1,K4187*Input!$J$14,0)+IF(Input!$K$15=1,L4187*Input!$J$15,0)+IF(Input!$K$16=1,M4187*Input!$J$16,0)</f>
        <v>0.55459917960380378</v>
      </c>
      <c r="O4187" s="58">
        <f>IF(Input!$K$13=2,J4187*Input!$J$13,0)+IF(Input!$K$14=2,K4187*Input!$J$14,0)+IF(Input!$K$15=2,L4187*Input!$J$15,0)+IF(Input!$K$16=2,M4187*Input!$J$16,0)</f>
        <v>2.9637522713047884E-2</v>
      </c>
      <c r="P4187" s="58">
        <f>IF(Input!$K$13=3,J4187*Input!$J$13,0)+IF(Input!$K$14=3,K4187*Input!$J$14,0)+IF(Input!$K$15=3,L4187*Input!$J$15,0)+IF(Input!$K$16=3,M4187*Input!$J$16,0)</f>
        <v>0</v>
      </c>
      <c r="Q4187" s="71">
        <f>IF(Input!$K$13=4,J4187*Input!$J$13,0)+IF(Input!$K$14=4,K4187*Input!$J$14,0)+IF(Input!$K$15=4,L4187*Input!$J$15,0)+IF(Input!$K$16=4,M4187*Input!$J$16,0)</f>
        <v>0</v>
      </c>
    </row>
    <row r="4188" spans="8:17" x14ac:dyDescent="0.25">
      <c r="H4188" s="43">
        <v>4181</v>
      </c>
      <c r="I4188" s="55">
        <f>Bühler!I4214</f>
        <v>0.3388878040556379</v>
      </c>
      <c r="J4188" s="58">
        <f>Bühler!J4214</f>
        <v>4.6216598300316987</v>
      </c>
      <c r="K4188" s="58">
        <f>Bühler!K4214</f>
        <v>0.21953720528183621</v>
      </c>
      <c r="L4188" s="58">
        <f>Bühler!L4214</f>
        <v>0.1097686026409181</v>
      </c>
      <c r="M4188" s="57">
        <f>Bühler!M4214</f>
        <v>0</v>
      </c>
      <c r="N4188" s="55">
        <f>IF(Input!$K$13=1,J4188*Input!$J$13,0)+IF(Input!$K$14=1,K4188*Input!$J$14,0)+IF(Input!$K$15=1,L4188*Input!$J$15,0)+IF(Input!$K$16=1,M4188*Input!$J$16,0)</f>
        <v>0.55459917960380378</v>
      </c>
      <c r="O4188" s="58">
        <f>IF(Input!$K$13=2,J4188*Input!$J$13,0)+IF(Input!$K$14=2,K4188*Input!$J$14,0)+IF(Input!$K$15=2,L4188*Input!$J$15,0)+IF(Input!$K$16=2,M4188*Input!$J$16,0)</f>
        <v>2.9637522713047884E-2</v>
      </c>
      <c r="P4188" s="58">
        <f>IF(Input!$K$13=3,J4188*Input!$J$13,0)+IF(Input!$K$14=3,K4188*Input!$J$14,0)+IF(Input!$K$15=3,L4188*Input!$J$15,0)+IF(Input!$K$16=3,M4188*Input!$J$16,0)</f>
        <v>0</v>
      </c>
      <c r="Q4188" s="71">
        <f>IF(Input!$K$13=4,J4188*Input!$J$13,0)+IF(Input!$K$14=4,K4188*Input!$J$14,0)+IF(Input!$K$15=4,L4188*Input!$J$15,0)+IF(Input!$K$16=4,M4188*Input!$J$16,0)</f>
        <v>0</v>
      </c>
    </row>
    <row r="4189" spans="8:17" x14ac:dyDescent="0.25">
      <c r="H4189" s="43">
        <v>4182</v>
      </c>
      <c r="I4189" s="55">
        <f>Bühler!I4215</f>
        <v>0.42154336602042763</v>
      </c>
      <c r="J4189" s="58">
        <f>Bühler!J4215</f>
        <v>4.6251038117802317</v>
      </c>
      <c r="K4189" s="58">
        <f>Bühler!K4215</f>
        <v>0.21953720528183621</v>
      </c>
      <c r="L4189" s="58">
        <f>Bühler!L4215</f>
        <v>0.1097686026409181</v>
      </c>
      <c r="M4189" s="57">
        <f>Bühler!M4215</f>
        <v>0</v>
      </c>
      <c r="N4189" s="55">
        <f>IF(Input!$K$13=1,J4189*Input!$J$13,0)+IF(Input!$K$14=1,K4189*Input!$J$14,0)+IF(Input!$K$15=1,L4189*Input!$J$15,0)+IF(Input!$K$16=1,M4189*Input!$J$16,0)</f>
        <v>0.55501245741362781</v>
      </c>
      <c r="O4189" s="58">
        <f>IF(Input!$K$13=2,J4189*Input!$J$13,0)+IF(Input!$K$14=2,K4189*Input!$J$14,0)+IF(Input!$K$15=2,L4189*Input!$J$15,0)+IF(Input!$K$16=2,M4189*Input!$J$16,0)</f>
        <v>2.9637522713047884E-2</v>
      </c>
      <c r="P4189" s="58">
        <f>IF(Input!$K$13=3,J4189*Input!$J$13,0)+IF(Input!$K$14=3,K4189*Input!$J$14,0)+IF(Input!$K$15=3,L4189*Input!$J$15,0)+IF(Input!$K$16=3,M4189*Input!$J$16,0)</f>
        <v>0</v>
      </c>
      <c r="Q4189" s="71">
        <f>IF(Input!$K$13=4,J4189*Input!$J$13,0)+IF(Input!$K$14=4,K4189*Input!$J$14,0)+IF(Input!$K$15=4,L4189*Input!$J$15,0)+IF(Input!$K$16=4,M4189*Input!$J$16,0)</f>
        <v>0</v>
      </c>
    </row>
    <row r="4190" spans="8:17" x14ac:dyDescent="0.25">
      <c r="H4190" s="43">
        <v>4183</v>
      </c>
      <c r="I4190" s="55">
        <f>Bühler!I4216</f>
        <v>0.52899559657465423</v>
      </c>
      <c r="J4190" s="58">
        <f>Bühler!J4216</f>
        <v>4.6295809880533243</v>
      </c>
      <c r="K4190" s="58">
        <f>Bühler!K4216</f>
        <v>0.21953720528183621</v>
      </c>
      <c r="L4190" s="58">
        <f>Bühler!L4216</f>
        <v>0.1097686026409181</v>
      </c>
      <c r="M4190" s="57">
        <f>Bühler!M4216</f>
        <v>0</v>
      </c>
      <c r="N4190" s="55">
        <f>IF(Input!$K$13=1,J4190*Input!$J$13,0)+IF(Input!$K$14=1,K4190*Input!$J$14,0)+IF(Input!$K$15=1,L4190*Input!$J$15,0)+IF(Input!$K$16=1,M4190*Input!$J$16,0)</f>
        <v>0.5555497185663989</v>
      </c>
      <c r="O4190" s="58">
        <f>IF(Input!$K$13=2,J4190*Input!$J$13,0)+IF(Input!$K$14=2,K4190*Input!$J$14,0)+IF(Input!$K$15=2,L4190*Input!$J$15,0)+IF(Input!$K$16=2,M4190*Input!$J$16,0)</f>
        <v>2.9637522713047884E-2</v>
      </c>
      <c r="P4190" s="58">
        <f>IF(Input!$K$13=3,J4190*Input!$J$13,0)+IF(Input!$K$14=3,K4190*Input!$J$14,0)+IF(Input!$K$15=3,L4190*Input!$J$15,0)+IF(Input!$K$16=3,M4190*Input!$J$16,0)</f>
        <v>0</v>
      </c>
      <c r="Q4190" s="71">
        <f>IF(Input!$K$13=4,J4190*Input!$J$13,0)+IF(Input!$K$14=4,K4190*Input!$J$14,0)+IF(Input!$K$15=4,L4190*Input!$J$15,0)+IF(Input!$K$16=4,M4190*Input!$J$16,0)</f>
        <v>0</v>
      </c>
    </row>
    <row r="4191" spans="8:17" x14ac:dyDescent="0.25">
      <c r="H4191" s="43">
        <v>4184</v>
      </c>
      <c r="I4191" s="55">
        <f>Bühler!I4217</f>
        <v>0.60338560234296501</v>
      </c>
      <c r="J4191" s="58">
        <f>Bühler!J4217</f>
        <v>4.6326805716270041</v>
      </c>
      <c r="K4191" s="58">
        <f>Bühler!K4217</f>
        <v>0.21953720528183621</v>
      </c>
      <c r="L4191" s="58">
        <f>Bühler!L4217</f>
        <v>0.1097686026409181</v>
      </c>
      <c r="M4191" s="57">
        <f>Bühler!M4217</f>
        <v>0</v>
      </c>
      <c r="N4191" s="55">
        <f>IF(Input!$K$13=1,J4191*Input!$J$13,0)+IF(Input!$K$14=1,K4191*Input!$J$14,0)+IF(Input!$K$15=1,L4191*Input!$J$15,0)+IF(Input!$K$16=1,M4191*Input!$J$16,0)</f>
        <v>0.5559216685952405</v>
      </c>
      <c r="O4191" s="58">
        <f>IF(Input!$K$13=2,J4191*Input!$J$13,0)+IF(Input!$K$14=2,K4191*Input!$J$14,0)+IF(Input!$K$15=2,L4191*Input!$J$15,0)+IF(Input!$K$16=2,M4191*Input!$J$16,0)</f>
        <v>2.9637522713047884E-2</v>
      </c>
      <c r="P4191" s="58">
        <f>IF(Input!$K$13=3,J4191*Input!$J$13,0)+IF(Input!$K$14=3,K4191*Input!$J$14,0)+IF(Input!$K$15=3,L4191*Input!$J$15,0)+IF(Input!$K$16=3,M4191*Input!$J$16,0)</f>
        <v>0</v>
      </c>
      <c r="Q4191" s="71">
        <f>IF(Input!$K$13=4,J4191*Input!$J$13,0)+IF(Input!$K$14=4,K4191*Input!$J$14,0)+IF(Input!$K$15=4,L4191*Input!$J$15,0)+IF(Input!$K$16=4,M4191*Input!$J$16,0)</f>
        <v>0</v>
      </c>
    </row>
    <row r="4192" spans="8:17" x14ac:dyDescent="0.25">
      <c r="H4192" s="43">
        <v>4185</v>
      </c>
      <c r="I4192" s="55">
        <f>Bühler!I4218</f>
        <v>0.60338560234296501</v>
      </c>
      <c r="J4192" s="58">
        <f>Bühler!J4218</f>
        <v>4.6326805716270041</v>
      </c>
      <c r="K4192" s="58">
        <f>Bühler!K4218</f>
        <v>0.21953720528183621</v>
      </c>
      <c r="L4192" s="58">
        <f>Bühler!L4218</f>
        <v>0.1097686026409181</v>
      </c>
      <c r="M4192" s="57">
        <f>Bühler!M4218</f>
        <v>0</v>
      </c>
      <c r="N4192" s="55">
        <f>IF(Input!$K$13=1,J4192*Input!$J$13,0)+IF(Input!$K$14=1,K4192*Input!$J$14,0)+IF(Input!$K$15=1,L4192*Input!$J$15,0)+IF(Input!$K$16=1,M4192*Input!$J$16,0)</f>
        <v>0.5559216685952405</v>
      </c>
      <c r="O4192" s="58">
        <f>IF(Input!$K$13=2,J4192*Input!$J$13,0)+IF(Input!$K$14=2,K4192*Input!$J$14,0)+IF(Input!$K$15=2,L4192*Input!$J$15,0)+IF(Input!$K$16=2,M4192*Input!$J$16,0)</f>
        <v>2.9637522713047884E-2</v>
      </c>
      <c r="P4192" s="58">
        <f>IF(Input!$K$13=3,J4192*Input!$J$13,0)+IF(Input!$K$14=3,K4192*Input!$J$14,0)+IF(Input!$K$15=3,L4192*Input!$J$15,0)+IF(Input!$K$16=3,M4192*Input!$J$16,0)</f>
        <v>0</v>
      </c>
      <c r="Q4192" s="71">
        <f>IF(Input!$K$13=4,J4192*Input!$J$13,0)+IF(Input!$K$14=4,K4192*Input!$J$14,0)+IF(Input!$K$15=4,L4192*Input!$J$15,0)+IF(Input!$K$16=4,M4192*Input!$J$16,0)</f>
        <v>0</v>
      </c>
    </row>
    <row r="4193" spans="8:17" x14ac:dyDescent="0.25">
      <c r="H4193" s="43">
        <v>4186</v>
      </c>
      <c r="I4193" s="55">
        <f>Bühler!I4219</f>
        <v>0.60338560234296501</v>
      </c>
      <c r="J4193" s="58">
        <f>Bühler!J4219</f>
        <v>4.6326805716270041</v>
      </c>
      <c r="K4193" s="58">
        <f>Bühler!K4219</f>
        <v>0.21953720528183621</v>
      </c>
      <c r="L4193" s="58">
        <f>Bühler!L4219</f>
        <v>0.1097686026409181</v>
      </c>
      <c r="M4193" s="57">
        <f>Bühler!M4219</f>
        <v>0</v>
      </c>
      <c r="N4193" s="55">
        <f>IF(Input!$K$13=1,J4193*Input!$J$13,0)+IF(Input!$K$14=1,K4193*Input!$J$14,0)+IF(Input!$K$15=1,L4193*Input!$J$15,0)+IF(Input!$K$16=1,M4193*Input!$J$16,0)</f>
        <v>0.5559216685952405</v>
      </c>
      <c r="O4193" s="58">
        <f>IF(Input!$K$13=2,J4193*Input!$J$13,0)+IF(Input!$K$14=2,K4193*Input!$J$14,0)+IF(Input!$K$15=2,L4193*Input!$J$15,0)+IF(Input!$K$16=2,M4193*Input!$J$16,0)</f>
        <v>2.9637522713047884E-2</v>
      </c>
      <c r="P4193" s="58">
        <f>IF(Input!$K$13=3,J4193*Input!$J$13,0)+IF(Input!$K$14=3,K4193*Input!$J$14,0)+IF(Input!$K$15=3,L4193*Input!$J$15,0)+IF(Input!$K$16=3,M4193*Input!$J$16,0)</f>
        <v>0</v>
      </c>
      <c r="Q4193" s="71">
        <f>IF(Input!$K$13=4,J4193*Input!$J$13,0)+IF(Input!$K$14=4,K4193*Input!$J$14,0)+IF(Input!$K$15=4,L4193*Input!$J$15,0)+IF(Input!$K$16=4,M4193*Input!$J$16,0)</f>
        <v>0</v>
      </c>
    </row>
    <row r="4194" spans="8:17" x14ac:dyDescent="0.25">
      <c r="H4194" s="43">
        <v>4187</v>
      </c>
      <c r="I4194" s="55">
        <f>Bühler!I4220</f>
        <v>0.60338560234296501</v>
      </c>
      <c r="J4194" s="58">
        <f>Bühler!J4220</f>
        <v>4.6326805716270041</v>
      </c>
      <c r="K4194" s="58">
        <f>Bühler!K4220</f>
        <v>0.21953720528183621</v>
      </c>
      <c r="L4194" s="58">
        <f>Bühler!L4220</f>
        <v>0.1097686026409181</v>
      </c>
      <c r="M4194" s="57">
        <f>Bühler!M4220</f>
        <v>0</v>
      </c>
      <c r="N4194" s="55">
        <f>IF(Input!$K$13=1,J4194*Input!$J$13,0)+IF(Input!$K$14=1,K4194*Input!$J$14,0)+IF(Input!$K$15=1,L4194*Input!$J$15,0)+IF(Input!$K$16=1,M4194*Input!$J$16,0)</f>
        <v>0.5559216685952405</v>
      </c>
      <c r="O4194" s="58">
        <f>IF(Input!$K$13=2,J4194*Input!$J$13,0)+IF(Input!$K$14=2,K4194*Input!$J$14,0)+IF(Input!$K$15=2,L4194*Input!$J$15,0)+IF(Input!$K$16=2,M4194*Input!$J$16,0)</f>
        <v>2.9637522713047884E-2</v>
      </c>
      <c r="P4194" s="58">
        <f>IF(Input!$K$13=3,J4194*Input!$J$13,0)+IF(Input!$K$14=3,K4194*Input!$J$14,0)+IF(Input!$K$15=3,L4194*Input!$J$15,0)+IF(Input!$K$16=3,M4194*Input!$J$16,0)</f>
        <v>0</v>
      </c>
      <c r="Q4194" s="71">
        <f>IF(Input!$K$13=4,J4194*Input!$J$13,0)+IF(Input!$K$14=4,K4194*Input!$J$14,0)+IF(Input!$K$15=4,L4194*Input!$J$15,0)+IF(Input!$K$16=4,M4194*Input!$J$16,0)</f>
        <v>0</v>
      </c>
    </row>
    <row r="4195" spans="8:17" x14ac:dyDescent="0.25">
      <c r="H4195" s="43">
        <v>4188</v>
      </c>
      <c r="I4195" s="55">
        <f>Bühler!I4221</f>
        <v>0.60338560234296501</v>
      </c>
      <c r="J4195" s="58">
        <f>Bühler!J4221</f>
        <v>4.6326805716270041</v>
      </c>
      <c r="K4195" s="58">
        <f>Bühler!K4221</f>
        <v>0.21953720528183621</v>
      </c>
      <c r="L4195" s="58">
        <f>Bühler!L4221</f>
        <v>0.1097686026409181</v>
      </c>
      <c r="M4195" s="57">
        <f>Bühler!M4221</f>
        <v>0</v>
      </c>
      <c r="N4195" s="55">
        <f>IF(Input!$K$13=1,J4195*Input!$J$13,0)+IF(Input!$K$14=1,K4195*Input!$J$14,0)+IF(Input!$K$15=1,L4195*Input!$J$15,0)+IF(Input!$K$16=1,M4195*Input!$J$16,0)</f>
        <v>0.5559216685952405</v>
      </c>
      <c r="O4195" s="58">
        <f>IF(Input!$K$13=2,J4195*Input!$J$13,0)+IF(Input!$K$14=2,K4195*Input!$J$14,0)+IF(Input!$K$15=2,L4195*Input!$J$15,0)+IF(Input!$K$16=2,M4195*Input!$J$16,0)</f>
        <v>2.9637522713047884E-2</v>
      </c>
      <c r="P4195" s="58">
        <f>IF(Input!$K$13=3,J4195*Input!$J$13,0)+IF(Input!$K$14=3,K4195*Input!$J$14,0)+IF(Input!$K$15=3,L4195*Input!$J$15,0)+IF(Input!$K$16=3,M4195*Input!$J$16,0)</f>
        <v>0</v>
      </c>
      <c r="Q4195" s="71">
        <f>IF(Input!$K$13=4,J4195*Input!$J$13,0)+IF(Input!$K$14=4,K4195*Input!$J$14,0)+IF(Input!$K$15=4,L4195*Input!$J$15,0)+IF(Input!$K$16=4,M4195*Input!$J$16,0)</f>
        <v>0</v>
      </c>
    </row>
    <row r="4196" spans="8:17" x14ac:dyDescent="0.25">
      <c r="H4196" s="43">
        <v>4189</v>
      </c>
      <c r="I4196" s="55">
        <f>Bühler!I4222</f>
        <v>0.60338560234296501</v>
      </c>
      <c r="J4196" s="58">
        <f>Bühler!J4222</f>
        <v>4.6326805716270041</v>
      </c>
      <c r="K4196" s="58">
        <f>Bühler!K4222</f>
        <v>0.21953720528183621</v>
      </c>
      <c r="L4196" s="58">
        <f>Bühler!L4222</f>
        <v>0.1097686026409181</v>
      </c>
      <c r="M4196" s="57">
        <f>Bühler!M4222</f>
        <v>0</v>
      </c>
      <c r="N4196" s="55">
        <f>IF(Input!$K$13=1,J4196*Input!$J$13,0)+IF(Input!$K$14=1,K4196*Input!$J$14,0)+IF(Input!$K$15=1,L4196*Input!$J$15,0)+IF(Input!$K$16=1,M4196*Input!$J$16,0)</f>
        <v>0.5559216685952405</v>
      </c>
      <c r="O4196" s="58">
        <f>IF(Input!$K$13=2,J4196*Input!$J$13,0)+IF(Input!$K$14=2,K4196*Input!$J$14,0)+IF(Input!$K$15=2,L4196*Input!$J$15,0)+IF(Input!$K$16=2,M4196*Input!$J$16,0)</f>
        <v>2.9637522713047884E-2</v>
      </c>
      <c r="P4196" s="58">
        <f>IF(Input!$K$13=3,J4196*Input!$J$13,0)+IF(Input!$K$14=3,K4196*Input!$J$14,0)+IF(Input!$K$15=3,L4196*Input!$J$15,0)+IF(Input!$K$16=3,M4196*Input!$J$16,0)</f>
        <v>0</v>
      </c>
      <c r="Q4196" s="71">
        <f>IF(Input!$K$13=4,J4196*Input!$J$13,0)+IF(Input!$K$14=4,K4196*Input!$J$14,0)+IF(Input!$K$15=4,L4196*Input!$J$15,0)+IF(Input!$K$16=4,M4196*Input!$J$16,0)</f>
        <v>0</v>
      </c>
    </row>
    <row r="4197" spans="8:17" x14ac:dyDescent="0.25">
      <c r="H4197" s="43">
        <v>4190</v>
      </c>
      <c r="I4197" s="55">
        <f>Bühler!I4223</f>
        <v>0.60338560234296501</v>
      </c>
      <c r="J4197" s="58">
        <f>Bühler!J4223</f>
        <v>4.6326805716270041</v>
      </c>
      <c r="K4197" s="58">
        <f>Bühler!K4223</f>
        <v>0.21953720528183621</v>
      </c>
      <c r="L4197" s="58">
        <f>Bühler!L4223</f>
        <v>0.1097686026409181</v>
      </c>
      <c r="M4197" s="57">
        <f>Bühler!M4223</f>
        <v>0</v>
      </c>
      <c r="N4197" s="55">
        <f>IF(Input!$K$13=1,J4197*Input!$J$13,0)+IF(Input!$K$14=1,K4197*Input!$J$14,0)+IF(Input!$K$15=1,L4197*Input!$J$15,0)+IF(Input!$K$16=1,M4197*Input!$J$16,0)</f>
        <v>0.5559216685952405</v>
      </c>
      <c r="O4197" s="58">
        <f>IF(Input!$K$13=2,J4197*Input!$J$13,0)+IF(Input!$K$14=2,K4197*Input!$J$14,0)+IF(Input!$K$15=2,L4197*Input!$J$15,0)+IF(Input!$K$16=2,M4197*Input!$J$16,0)</f>
        <v>2.9637522713047884E-2</v>
      </c>
      <c r="P4197" s="58">
        <f>IF(Input!$K$13=3,J4197*Input!$J$13,0)+IF(Input!$K$14=3,K4197*Input!$J$14,0)+IF(Input!$K$15=3,L4197*Input!$J$15,0)+IF(Input!$K$16=3,M4197*Input!$J$16,0)</f>
        <v>0</v>
      </c>
      <c r="Q4197" s="71">
        <f>IF(Input!$K$13=4,J4197*Input!$J$13,0)+IF(Input!$K$14=4,K4197*Input!$J$14,0)+IF(Input!$K$15=4,L4197*Input!$J$15,0)+IF(Input!$K$16=4,M4197*Input!$J$16,0)</f>
        <v>0</v>
      </c>
    </row>
    <row r="4198" spans="8:17" x14ac:dyDescent="0.25">
      <c r="H4198" s="43">
        <v>4191</v>
      </c>
      <c r="I4198" s="55">
        <f>Bühler!I4224</f>
        <v>0.60338560234296501</v>
      </c>
      <c r="J4198" s="58">
        <f>Bühler!J4224</f>
        <v>4.6326805716270041</v>
      </c>
      <c r="K4198" s="58">
        <f>Bühler!K4224</f>
        <v>0.21953720528183621</v>
      </c>
      <c r="L4198" s="58">
        <f>Bühler!L4224</f>
        <v>0.1097686026409181</v>
      </c>
      <c r="M4198" s="57">
        <f>Bühler!M4224</f>
        <v>0</v>
      </c>
      <c r="N4198" s="55">
        <f>IF(Input!$K$13=1,J4198*Input!$J$13,0)+IF(Input!$K$14=1,K4198*Input!$J$14,0)+IF(Input!$K$15=1,L4198*Input!$J$15,0)+IF(Input!$K$16=1,M4198*Input!$J$16,0)</f>
        <v>0.5559216685952405</v>
      </c>
      <c r="O4198" s="58">
        <f>IF(Input!$K$13=2,J4198*Input!$J$13,0)+IF(Input!$K$14=2,K4198*Input!$J$14,0)+IF(Input!$K$15=2,L4198*Input!$J$15,0)+IF(Input!$K$16=2,M4198*Input!$J$16,0)</f>
        <v>2.9637522713047884E-2</v>
      </c>
      <c r="P4198" s="58">
        <f>IF(Input!$K$13=3,J4198*Input!$J$13,0)+IF(Input!$K$14=3,K4198*Input!$J$14,0)+IF(Input!$K$15=3,L4198*Input!$J$15,0)+IF(Input!$K$16=3,M4198*Input!$J$16,0)</f>
        <v>0</v>
      </c>
      <c r="Q4198" s="71">
        <f>IF(Input!$K$13=4,J4198*Input!$J$13,0)+IF(Input!$K$14=4,K4198*Input!$J$14,0)+IF(Input!$K$15=4,L4198*Input!$J$15,0)+IF(Input!$K$16=4,M4198*Input!$J$16,0)</f>
        <v>0</v>
      </c>
    </row>
    <row r="4199" spans="8:17" x14ac:dyDescent="0.25">
      <c r="H4199" s="43">
        <v>4192</v>
      </c>
      <c r="I4199" s="55">
        <f>Bühler!I4225</f>
        <v>0.54552670896761213</v>
      </c>
      <c r="J4199" s="58">
        <f>Bühler!J4225</f>
        <v>4.6302697844030316</v>
      </c>
      <c r="K4199" s="58">
        <f>Bühler!K4225</f>
        <v>0.21953720528183621</v>
      </c>
      <c r="L4199" s="58">
        <f>Bühler!L4225</f>
        <v>0.1097686026409181</v>
      </c>
      <c r="M4199" s="57">
        <f>Bühler!M4225</f>
        <v>0</v>
      </c>
      <c r="N4199" s="55">
        <f>IF(Input!$K$13=1,J4199*Input!$J$13,0)+IF(Input!$K$14=1,K4199*Input!$J$14,0)+IF(Input!$K$15=1,L4199*Input!$J$15,0)+IF(Input!$K$16=1,M4199*Input!$J$16,0)</f>
        <v>0.55563237412836375</v>
      </c>
      <c r="O4199" s="58">
        <f>IF(Input!$K$13=2,J4199*Input!$J$13,0)+IF(Input!$K$14=2,K4199*Input!$J$14,0)+IF(Input!$K$15=2,L4199*Input!$J$15,0)+IF(Input!$K$16=2,M4199*Input!$J$16,0)</f>
        <v>2.9637522713047884E-2</v>
      </c>
      <c r="P4199" s="58">
        <f>IF(Input!$K$13=3,J4199*Input!$J$13,0)+IF(Input!$K$14=3,K4199*Input!$J$14,0)+IF(Input!$K$15=3,L4199*Input!$J$15,0)+IF(Input!$K$16=3,M4199*Input!$J$16,0)</f>
        <v>0</v>
      </c>
      <c r="Q4199" s="71">
        <f>IF(Input!$K$13=4,J4199*Input!$J$13,0)+IF(Input!$K$14=4,K4199*Input!$J$14,0)+IF(Input!$K$15=4,L4199*Input!$J$15,0)+IF(Input!$K$16=4,M4199*Input!$J$16,0)</f>
        <v>0</v>
      </c>
    </row>
    <row r="4200" spans="8:17" x14ac:dyDescent="0.25">
      <c r="H4200" s="43">
        <v>4193</v>
      </c>
      <c r="I4200" s="55">
        <f>Bühler!I4226</f>
        <v>0.49593337178873836</v>
      </c>
      <c r="J4200" s="58">
        <f>Bühler!J4226</f>
        <v>4.6282033953539115</v>
      </c>
      <c r="K4200" s="58">
        <f>Bühler!K4226</f>
        <v>0.21953720528183621</v>
      </c>
      <c r="L4200" s="58">
        <f>Bühler!L4226</f>
        <v>0.1097686026409181</v>
      </c>
      <c r="M4200" s="57">
        <f>Bühler!M4226</f>
        <v>0</v>
      </c>
      <c r="N4200" s="55">
        <f>IF(Input!$K$13=1,J4200*Input!$J$13,0)+IF(Input!$K$14=1,K4200*Input!$J$14,0)+IF(Input!$K$15=1,L4200*Input!$J$15,0)+IF(Input!$K$16=1,M4200*Input!$J$16,0)</f>
        <v>0.55538440744246931</v>
      </c>
      <c r="O4200" s="58">
        <f>IF(Input!$K$13=2,J4200*Input!$J$13,0)+IF(Input!$K$14=2,K4200*Input!$J$14,0)+IF(Input!$K$15=2,L4200*Input!$J$15,0)+IF(Input!$K$16=2,M4200*Input!$J$16,0)</f>
        <v>2.9637522713047884E-2</v>
      </c>
      <c r="P4200" s="58">
        <f>IF(Input!$K$13=3,J4200*Input!$J$13,0)+IF(Input!$K$14=3,K4200*Input!$J$14,0)+IF(Input!$K$15=3,L4200*Input!$J$15,0)+IF(Input!$K$16=3,M4200*Input!$J$16,0)</f>
        <v>0</v>
      </c>
      <c r="Q4200" s="71">
        <f>IF(Input!$K$13=4,J4200*Input!$J$13,0)+IF(Input!$K$14=4,K4200*Input!$J$14,0)+IF(Input!$K$15=4,L4200*Input!$J$15,0)+IF(Input!$K$16=4,M4200*Input!$J$16,0)</f>
        <v>0</v>
      </c>
    </row>
    <row r="4201" spans="8:17" x14ac:dyDescent="0.25">
      <c r="H4201" s="43">
        <v>4194</v>
      </c>
      <c r="I4201" s="55">
        <f>Bühler!I4227</f>
        <v>0.44634003460986454</v>
      </c>
      <c r="J4201" s="58">
        <f>Bühler!J4227</f>
        <v>4.6261370063047922</v>
      </c>
      <c r="K4201" s="58">
        <f>Bühler!K4227</f>
        <v>0.21953720528183621</v>
      </c>
      <c r="L4201" s="58">
        <f>Bühler!L4227</f>
        <v>0.1097686026409181</v>
      </c>
      <c r="M4201" s="57">
        <f>Bühler!M4227</f>
        <v>0</v>
      </c>
      <c r="N4201" s="55">
        <f>IF(Input!$K$13=1,J4201*Input!$J$13,0)+IF(Input!$K$14=1,K4201*Input!$J$14,0)+IF(Input!$K$15=1,L4201*Input!$J$15,0)+IF(Input!$K$16=1,M4201*Input!$J$16,0)</f>
        <v>0.55513644075657509</v>
      </c>
      <c r="O4201" s="58">
        <f>IF(Input!$K$13=2,J4201*Input!$J$13,0)+IF(Input!$K$14=2,K4201*Input!$J$14,0)+IF(Input!$K$15=2,L4201*Input!$J$15,0)+IF(Input!$K$16=2,M4201*Input!$J$16,0)</f>
        <v>2.9637522713047884E-2</v>
      </c>
      <c r="P4201" s="58">
        <f>IF(Input!$K$13=3,J4201*Input!$J$13,0)+IF(Input!$K$14=3,K4201*Input!$J$14,0)+IF(Input!$K$15=3,L4201*Input!$J$15,0)+IF(Input!$K$16=3,M4201*Input!$J$16,0)</f>
        <v>0</v>
      </c>
      <c r="Q4201" s="71">
        <f>IF(Input!$K$13=4,J4201*Input!$J$13,0)+IF(Input!$K$14=4,K4201*Input!$J$14,0)+IF(Input!$K$15=4,L4201*Input!$J$15,0)+IF(Input!$K$16=4,M4201*Input!$J$16,0)</f>
        <v>0</v>
      </c>
    </row>
    <row r="4202" spans="8:17" x14ac:dyDescent="0.25">
      <c r="H4202" s="43">
        <v>4195</v>
      </c>
      <c r="I4202" s="55">
        <f>Bühler!I4228</f>
        <v>0.42980892221690659</v>
      </c>
      <c r="J4202" s="58">
        <f>Bühler!J4228</f>
        <v>4.6254482099550849</v>
      </c>
      <c r="K4202" s="58">
        <f>Bühler!K4228</f>
        <v>0.21953720528183621</v>
      </c>
      <c r="L4202" s="58">
        <f>Bühler!L4228</f>
        <v>0.1097686026409181</v>
      </c>
      <c r="M4202" s="57">
        <f>Bühler!M4228</f>
        <v>0</v>
      </c>
      <c r="N4202" s="55">
        <f>IF(Input!$K$13=1,J4202*Input!$J$13,0)+IF(Input!$K$14=1,K4202*Input!$J$14,0)+IF(Input!$K$15=1,L4202*Input!$J$15,0)+IF(Input!$K$16=1,M4202*Input!$J$16,0)</f>
        <v>0.55505378519461013</v>
      </c>
      <c r="O4202" s="58">
        <f>IF(Input!$K$13=2,J4202*Input!$J$13,0)+IF(Input!$K$14=2,K4202*Input!$J$14,0)+IF(Input!$K$15=2,L4202*Input!$J$15,0)+IF(Input!$K$16=2,M4202*Input!$J$16,0)</f>
        <v>2.9637522713047884E-2</v>
      </c>
      <c r="P4202" s="58">
        <f>IF(Input!$K$13=3,J4202*Input!$J$13,0)+IF(Input!$K$14=3,K4202*Input!$J$14,0)+IF(Input!$K$15=3,L4202*Input!$J$15,0)+IF(Input!$K$16=3,M4202*Input!$J$16,0)</f>
        <v>0</v>
      </c>
      <c r="Q4202" s="71">
        <f>IF(Input!$K$13=4,J4202*Input!$J$13,0)+IF(Input!$K$14=4,K4202*Input!$J$14,0)+IF(Input!$K$15=4,L4202*Input!$J$15,0)+IF(Input!$K$16=4,M4202*Input!$J$16,0)</f>
        <v>0</v>
      </c>
    </row>
    <row r="4203" spans="8:17" x14ac:dyDescent="0.25">
      <c r="H4203" s="43">
        <v>4196</v>
      </c>
      <c r="I4203" s="55">
        <f>Bühler!I4229</f>
        <v>0.34715336025211679</v>
      </c>
      <c r="J4203" s="58">
        <f>Bühler!J4229</f>
        <v>4.6220042282065528</v>
      </c>
      <c r="K4203" s="58">
        <f>Bühler!K4229</f>
        <v>0.21953720528183621</v>
      </c>
      <c r="L4203" s="58">
        <f>Bühler!L4229</f>
        <v>0.1097686026409181</v>
      </c>
      <c r="M4203" s="57">
        <f>Bühler!M4229</f>
        <v>0</v>
      </c>
      <c r="N4203" s="55">
        <f>IF(Input!$K$13=1,J4203*Input!$J$13,0)+IF(Input!$K$14=1,K4203*Input!$J$14,0)+IF(Input!$K$15=1,L4203*Input!$J$15,0)+IF(Input!$K$16=1,M4203*Input!$J$16,0)</f>
        <v>0.55464050738478632</v>
      </c>
      <c r="O4203" s="58">
        <f>IF(Input!$K$13=2,J4203*Input!$J$13,0)+IF(Input!$K$14=2,K4203*Input!$J$14,0)+IF(Input!$K$15=2,L4203*Input!$J$15,0)+IF(Input!$K$16=2,M4203*Input!$J$16,0)</f>
        <v>2.9637522713047884E-2</v>
      </c>
      <c r="P4203" s="58">
        <f>IF(Input!$K$13=3,J4203*Input!$J$13,0)+IF(Input!$K$14=3,K4203*Input!$J$14,0)+IF(Input!$K$15=3,L4203*Input!$J$15,0)+IF(Input!$K$16=3,M4203*Input!$J$16,0)</f>
        <v>0</v>
      </c>
      <c r="Q4203" s="71">
        <f>IF(Input!$K$13=4,J4203*Input!$J$13,0)+IF(Input!$K$14=4,K4203*Input!$J$14,0)+IF(Input!$K$15=4,L4203*Input!$J$15,0)+IF(Input!$K$16=4,M4203*Input!$J$16,0)</f>
        <v>0</v>
      </c>
    </row>
    <row r="4204" spans="8:17" x14ac:dyDescent="0.25">
      <c r="H4204" s="43">
        <v>4197</v>
      </c>
      <c r="I4204" s="55">
        <f>Bühler!I4230</f>
        <v>0.25623224209084811</v>
      </c>
      <c r="J4204" s="58">
        <f>Bühler!J4230</f>
        <v>4.6182158482831666</v>
      </c>
      <c r="K4204" s="58">
        <f>Bühler!K4230</f>
        <v>0.21953720528183621</v>
      </c>
      <c r="L4204" s="58">
        <f>Bühler!L4230</f>
        <v>0.1097686026409181</v>
      </c>
      <c r="M4204" s="57">
        <f>Bühler!M4230</f>
        <v>0</v>
      </c>
      <c r="N4204" s="55">
        <f>IF(Input!$K$13=1,J4204*Input!$J$13,0)+IF(Input!$K$14=1,K4204*Input!$J$14,0)+IF(Input!$K$15=1,L4204*Input!$J$15,0)+IF(Input!$K$16=1,M4204*Input!$J$16,0)</f>
        <v>0.55418590179397997</v>
      </c>
      <c r="O4204" s="58">
        <f>IF(Input!$K$13=2,J4204*Input!$J$13,0)+IF(Input!$K$14=2,K4204*Input!$J$14,0)+IF(Input!$K$15=2,L4204*Input!$J$15,0)+IF(Input!$K$16=2,M4204*Input!$J$16,0)</f>
        <v>2.9637522713047884E-2</v>
      </c>
      <c r="P4204" s="58">
        <f>IF(Input!$K$13=3,J4204*Input!$J$13,0)+IF(Input!$K$14=3,K4204*Input!$J$14,0)+IF(Input!$K$15=3,L4204*Input!$J$15,0)+IF(Input!$K$16=3,M4204*Input!$J$16,0)</f>
        <v>0</v>
      </c>
      <c r="Q4204" s="71">
        <f>IF(Input!$K$13=4,J4204*Input!$J$13,0)+IF(Input!$K$14=4,K4204*Input!$J$14,0)+IF(Input!$K$15=4,L4204*Input!$J$15,0)+IF(Input!$K$16=4,M4204*Input!$J$16,0)</f>
        <v>0</v>
      </c>
    </row>
    <row r="4205" spans="8:17" x14ac:dyDescent="0.25">
      <c r="H4205" s="43">
        <v>4198</v>
      </c>
      <c r="I4205" s="55">
        <f>Bühler!I4231</f>
        <v>0.25623224209084811</v>
      </c>
      <c r="J4205" s="58">
        <f>Bühler!J4231</f>
        <v>4.6182158482831666</v>
      </c>
      <c r="K4205" s="58">
        <f>Bühler!K4231</f>
        <v>0.21953720528183621</v>
      </c>
      <c r="L4205" s="58">
        <f>Bühler!L4231</f>
        <v>0.1097686026409181</v>
      </c>
      <c r="M4205" s="57">
        <f>Bühler!M4231</f>
        <v>0</v>
      </c>
      <c r="N4205" s="55">
        <f>IF(Input!$K$13=1,J4205*Input!$J$13,0)+IF(Input!$K$14=1,K4205*Input!$J$14,0)+IF(Input!$K$15=1,L4205*Input!$J$15,0)+IF(Input!$K$16=1,M4205*Input!$J$16,0)</f>
        <v>0.55418590179397997</v>
      </c>
      <c r="O4205" s="58">
        <f>IF(Input!$K$13=2,J4205*Input!$J$13,0)+IF(Input!$K$14=2,K4205*Input!$J$14,0)+IF(Input!$K$15=2,L4205*Input!$J$15,0)+IF(Input!$K$16=2,M4205*Input!$J$16,0)</f>
        <v>2.9637522713047884E-2</v>
      </c>
      <c r="P4205" s="58">
        <f>IF(Input!$K$13=3,J4205*Input!$J$13,0)+IF(Input!$K$14=3,K4205*Input!$J$14,0)+IF(Input!$K$15=3,L4205*Input!$J$15,0)+IF(Input!$K$16=3,M4205*Input!$J$16,0)</f>
        <v>0</v>
      </c>
      <c r="Q4205" s="71">
        <f>IF(Input!$K$13=4,J4205*Input!$J$13,0)+IF(Input!$K$14=4,K4205*Input!$J$14,0)+IF(Input!$K$15=4,L4205*Input!$J$15,0)+IF(Input!$K$16=4,M4205*Input!$J$16,0)</f>
        <v>0</v>
      </c>
    </row>
    <row r="4206" spans="8:17" x14ac:dyDescent="0.25">
      <c r="H4206" s="43">
        <v>4199</v>
      </c>
      <c r="I4206" s="55">
        <f>Bühler!I4232</f>
        <v>0.25623224209084811</v>
      </c>
      <c r="J4206" s="58">
        <f>Bühler!J4232</f>
        <v>4.6182158482831666</v>
      </c>
      <c r="K4206" s="58">
        <f>Bühler!K4232</f>
        <v>0.21953720528183621</v>
      </c>
      <c r="L4206" s="58">
        <f>Bühler!L4232</f>
        <v>0.1097686026409181</v>
      </c>
      <c r="M4206" s="57">
        <f>Bühler!M4232</f>
        <v>0</v>
      </c>
      <c r="N4206" s="55">
        <f>IF(Input!$K$13=1,J4206*Input!$J$13,0)+IF(Input!$K$14=1,K4206*Input!$J$14,0)+IF(Input!$K$15=1,L4206*Input!$J$15,0)+IF(Input!$K$16=1,M4206*Input!$J$16,0)</f>
        <v>0.55418590179397997</v>
      </c>
      <c r="O4206" s="58">
        <f>IF(Input!$K$13=2,J4206*Input!$J$13,0)+IF(Input!$K$14=2,K4206*Input!$J$14,0)+IF(Input!$K$15=2,L4206*Input!$J$15,0)+IF(Input!$K$16=2,M4206*Input!$J$16,0)</f>
        <v>2.9637522713047884E-2</v>
      </c>
      <c r="P4206" s="58">
        <f>IF(Input!$K$13=3,J4206*Input!$J$13,0)+IF(Input!$K$14=3,K4206*Input!$J$14,0)+IF(Input!$K$15=3,L4206*Input!$J$15,0)+IF(Input!$K$16=3,M4206*Input!$J$16,0)</f>
        <v>0</v>
      </c>
      <c r="Q4206" s="71">
        <f>IF(Input!$K$13=4,J4206*Input!$J$13,0)+IF(Input!$K$14=4,K4206*Input!$J$14,0)+IF(Input!$K$15=4,L4206*Input!$J$15,0)+IF(Input!$K$16=4,M4206*Input!$J$16,0)</f>
        <v>0</v>
      </c>
    </row>
    <row r="4207" spans="8:17" x14ac:dyDescent="0.25">
      <c r="H4207" s="43">
        <v>4200</v>
      </c>
      <c r="I4207" s="55">
        <f>Bühler!I4233</f>
        <v>0.25623224209084811</v>
      </c>
      <c r="J4207" s="58">
        <f>Bühler!J4233</f>
        <v>4.6182158482831666</v>
      </c>
      <c r="K4207" s="58">
        <f>Bühler!K4233</f>
        <v>0.21953720528183621</v>
      </c>
      <c r="L4207" s="58">
        <f>Bühler!L4233</f>
        <v>0.1097686026409181</v>
      </c>
      <c r="M4207" s="57">
        <f>Bühler!M4233</f>
        <v>0</v>
      </c>
      <c r="N4207" s="55">
        <f>IF(Input!$K$13=1,J4207*Input!$J$13,0)+IF(Input!$K$14=1,K4207*Input!$J$14,0)+IF(Input!$K$15=1,L4207*Input!$J$15,0)+IF(Input!$K$16=1,M4207*Input!$J$16,0)</f>
        <v>0.55418590179397997</v>
      </c>
      <c r="O4207" s="58">
        <f>IF(Input!$K$13=2,J4207*Input!$J$13,0)+IF(Input!$K$14=2,K4207*Input!$J$14,0)+IF(Input!$K$15=2,L4207*Input!$J$15,0)+IF(Input!$K$16=2,M4207*Input!$J$16,0)</f>
        <v>2.9637522713047884E-2</v>
      </c>
      <c r="P4207" s="58">
        <f>IF(Input!$K$13=3,J4207*Input!$J$13,0)+IF(Input!$K$14=3,K4207*Input!$J$14,0)+IF(Input!$K$15=3,L4207*Input!$J$15,0)+IF(Input!$K$16=3,M4207*Input!$J$16,0)</f>
        <v>0</v>
      </c>
      <c r="Q4207" s="71">
        <f>IF(Input!$K$13=4,J4207*Input!$J$13,0)+IF(Input!$K$14=4,K4207*Input!$J$14,0)+IF(Input!$K$15=4,L4207*Input!$J$15,0)+IF(Input!$K$16=4,M4207*Input!$J$16,0)</f>
        <v>0</v>
      </c>
    </row>
    <row r="4208" spans="8:17" x14ac:dyDescent="0.25">
      <c r="H4208" s="43">
        <v>4201</v>
      </c>
      <c r="I4208" s="55">
        <f>Bühler!I4234</f>
        <v>0.12589949821441054</v>
      </c>
      <c r="J4208" s="58">
        <f>Bühler!J4234</f>
        <v>4.0663661887255271</v>
      </c>
      <c r="K4208" s="58">
        <f>Bühler!K4234</f>
        <v>0.21757741976762074</v>
      </c>
      <c r="L4208" s="58">
        <f>Bühler!L4234</f>
        <v>0.10878870988381037</v>
      </c>
      <c r="M4208" s="57">
        <f>Bühler!M4234</f>
        <v>0</v>
      </c>
      <c r="N4208" s="55">
        <f>IF(Input!$K$13=1,J4208*Input!$J$13,0)+IF(Input!$K$14=1,K4208*Input!$J$14,0)+IF(Input!$K$15=1,L4208*Input!$J$15,0)+IF(Input!$K$16=1,M4208*Input!$J$16,0)</f>
        <v>0.48796394264706322</v>
      </c>
      <c r="O4208" s="58">
        <f>IF(Input!$K$13=2,J4208*Input!$J$13,0)+IF(Input!$K$14=2,K4208*Input!$J$14,0)+IF(Input!$K$15=2,L4208*Input!$J$15,0)+IF(Input!$K$16=2,M4208*Input!$J$16,0)</f>
        <v>2.9372951668628799E-2</v>
      </c>
      <c r="P4208" s="58">
        <f>IF(Input!$K$13=3,J4208*Input!$J$13,0)+IF(Input!$K$14=3,K4208*Input!$J$14,0)+IF(Input!$K$15=3,L4208*Input!$J$15,0)+IF(Input!$K$16=3,M4208*Input!$J$16,0)</f>
        <v>0</v>
      </c>
      <c r="Q4208" s="71">
        <f>IF(Input!$K$13=4,J4208*Input!$J$13,0)+IF(Input!$K$14=4,K4208*Input!$J$14,0)+IF(Input!$K$15=4,L4208*Input!$J$15,0)+IF(Input!$K$16=4,M4208*Input!$J$16,0)</f>
        <v>0</v>
      </c>
    </row>
    <row r="4209" spans="8:17" x14ac:dyDescent="0.25">
      <c r="H4209" s="43">
        <v>4202</v>
      </c>
      <c r="I4209" s="55">
        <f>Bühler!I4235</f>
        <v>0.14620586889415418</v>
      </c>
      <c r="J4209" s="58">
        <f>Bühler!J4235</f>
        <v>4.0672122875038497</v>
      </c>
      <c r="K4209" s="58">
        <f>Bühler!K4235</f>
        <v>0.21757741976762074</v>
      </c>
      <c r="L4209" s="58">
        <f>Bühler!L4235</f>
        <v>0.10878870988381037</v>
      </c>
      <c r="M4209" s="57">
        <f>Bühler!M4235</f>
        <v>0</v>
      </c>
      <c r="N4209" s="55">
        <f>IF(Input!$K$13=1,J4209*Input!$J$13,0)+IF(Input!$K$14=1,K4209*Input!$J$14,0)+IF(Input!$K$15=1,L4209*Input!$J$15,0)+IF(Input!$K$16=1,M4209*Input!$J$16,0)</f>
        <v>0.48806547450046195</v>
      </c>
      <c r="O4209" s="58">
        <f>IF(Input!$K$13=2,J4209*Input!$J$13,0)+IF(Input!$K$14=2,K4209*Input!$J$14,0)+IF(Input!$K$15=2,L4209*Input!$J$15,0)+IF(Input!$K$16=2,M4209*Input!$J$16,0)</f>
        <v>2.9372951668628799E-2</v>
      </c>
      <c r="P4209" s="58">
        <f>IF(Input!$K$13=3,J4209*Input!$J$13,0)+IF(Input!$K$14=3,K4209*Input!$J$14,0)+IF(Input!$K$15=3,L4209*Input!$J$15,0)+IF(Input!$K$16=3,M4209*Input!$J$16,0)</f>
        <v>0</v>
      </c>
      <c r="Q4209" s="71">
        <f>IF(Input!$K$13=4,J4209*Input!$J$13,0)+IF(Input!$K$14=4,K4209*Input!$J$14,0)+IF(Input!$K$15=4,L4209*Input!$J$15,0)+IF(Input!$K$16=4,M4209*Input!$J$16,0)</f>
        <v>0</v>
      </c>
    </row>
    <row r="4210" spans="8:17" x14ac:dyDescent="0.25">
      <c r="H4210" s="43">
        <v>4203</v>
      </c>
      <c r="I4210" s="55">
        <f>Bühler!I4236</f>
        <v>0.14620586889415418</v>
      </c>
      <c r="J4210" s="58">
        <f>Bühler!J4236</f>
        <v>4.0672122875038497</v>
      </c>
      <c r="K4210" s="58">
        <f>Bühler!K4236</f>
        <v>0.21757741976762074</v>
      </c>
      <c r="L4210" s="58">
        <f>Bühler!L4236</f>
        <v>0.10878870988381037</v>
      </c>
      <c r="M4210" s="57">
        <f>Bühler!M4236</f>
        <v>0</v>
      </c>
      <c r="N4210" s="55">
        <f>IF(Input!$K$13=1,J4210*Input!$J$13,0)+IF(Input!$K$14=1,K4210*Input!$J$14,0)+IF(Input!$K$15=1,L4210*Input!$J$15,0)+IF(Input!$K$16=1,M4210*Input!$J$16,0)</f>
        <v>0.48806547450046195</v>
      </c>
      <c r="O4210" s="58">
        <f>IF(Input!$K$13=2,J4210*Input!$J$13,0)+IF(Input!$K$14=2,K4210*Input!$J$14,0)+IF(Input!$K$15=2,L4210*Input!$J$15,0)+IF(Input!$K$16=2,M4210*Input!$J$16,0)</f>
        <v>2.9372951668628799E-2</v>
      </c>
      <c r="P4210" s="58">
        <f>IF(Input!$K$13=3,J4210*Input!$J$13,0)+IF(Input!$K$14=3,K4210*Input!$J$14,0)+IF(Input!$K$15=3,L4210*Input!$J$15,0)+IF(Input!$K$16=3,M4210*Input!$J$16,0)</f>
        <v>0</v>
      </c>
      <c r="Q4210" s="71">
        <f>IF(Input!$K$13=4,J4210*Input!$J$13,0)+IF(Input!$K$14=4,K4210*Input!$J$14,0)+IF(Input!$K$15=4,L4210*Input!$J$15,0)+IF(Input!$K$16=4,M4210*Input!$J$16,0)</f>
        <v>0</v>
      </c>
    </row>
    <row r="4211" spans="8:17" x14ac:dyDescent="0.25">
      <c r="H4211" s="43">
        <v>4204</v>
      </c>
      <c r="I4211" s="55">
        <f>Bühler!I4237</f>
        <v>0.14620586889415418</v>
      </c>
      <c r="J4211" s="58">
        <f>Bühler!J4237</f>
        <v>4.0672122875038497</v>
      </c>
      <c r="K4211" s="58">
        <f>Bühler!K4237</f>
        <v>0.21757741976762074</v>
      </c>
      <c r="L4211" s="58">
        <f>Bühler!L4237</f>
        <v>0.10878870988381037</v>
      </c>
      <c r="M4211" s="57">
        <f>Bühler!M4237</f>
        <v>0</v>
      </c>
      <c r="N4211" s="55">
        <f>IF(Input!$K$13=1,J4211*Input!$J$13,0)+IF(Input!$K$14=1,K4211*Input!$J$14,0)+IF(Input!$K$15=1,L4211*Input!$J$15,0)+IF(Input!$K$16=1,M4211*Input!$J$16,0)</f>
        <v>0.48806547450046195</v>
      </c>
      <c r="O4211" s="58">
        <f>IF(Input!$K$13=2,J4211*Input!$J$13,0)+IF(Input!$K$14=2,K4211*Input!$J$14,0)+IF(Input!$K$15=2,L4211*Input!$J$15,0)+IF(Input!$K$16=2,M4211*Input!$J$16,0)</f>
        <v>2.9372951668628799E-2</v>
      </c>
      <c r="P4211" s="58">
        <f>IF(Input!$K$13=3,J4211*Input!$J$13,0)+IF(Input!$K$14=3,K4211*Input!$J$14,0)+IF(Input!$K$15=3,L4211*Input!$J$15,0)+IF(Input!$K$16=3,M4211*Input!$J$16,0)</f>
        <v>0</v>
      </c>
      <c r="Q4211" s="71">
        <f>IF(Input!$K$13=4,J4211*Input!$J$13,0)+IF(Input!$K$14=4,K4211*Input!$J$14,0)+IF(Input!$K$15=4,L4211*Input!$J$15,0)+IF(Input!$K$16=4,M4211*Input!$J$16,0)</f>
        <v>0</v>
      </c>
    </row>
    <row r="4212" spans="8:17" x14ac:dyDescent="0.25">
      <c r="H4212" s="43">
        <v>4205</v>
      </c>
      <c r="I4212" s="55">
        <f>Bühler!I4238</f>
        <v>0.14620586889415418</v>
      </c>
      <c r="J4212" s="58">
        <f>Bühler!J4238</f>
        <v>4.0672122875038497</v>
      </c>
      <c r="K4212" s="58">
        <f>Bühler!K4238</f>
        <v>0.21757741976762074</v>
      </c>
      <c r="L4212" s="58">
        <f>Bühler!L4238</f>
        <v>0.10878870988381037</v>
      </c>
      <c r="M4212" s="57">
        <f>Bühler!M4238</f>
        <v>0</v>
      </c>
      <c r="N4212" s="55">
        <f>IF(Input!$K$13=1,J4212*Input!$J$13,0)+IF(Input!$K$14=1,K4212*Input!$J$14,0)+IF(Input!$K$15=1,L4212*Input!$J$15,0)+IF(Input!$K$16=1,M4212*Input!$J$16,0)</f>
        <v>0.48806547450046195</v>
      </c>
      <c r="O4212" s="58">
        <f>IF(Input!$K$13=2,J4212*Input!$J$13,0)+IF(Input!$K$14=2,K4212*Input!$J$14,0)+IF(Input!$K$15=2,L4212*Input!$J$15,0)+IF(Input!$K$16=2,M4212*Input!$J$16,0)</f>
        <v>2.9372951668628799E-2</v>
      </c>
      <c r="P4212" s="58">
        <f>IF(Input!$K$13=3,J4212*Input!$J$13,0)+IF(Input!$K$14=3,K4212*Input!$J$14,0)+IF(Input!$K$15=3,L4212*Input!$J$15,0)+IF(Input!$K$16=3,M4212*Input!$J$16,0)</f>
        <v>0</v>
      </c>
      <c r="Q4212" s="71">
        <f>IF(Input!$K$13=4,J4212*Input!$J$13,0)+IF(Input!$K$14=4,K4212*Input!$J$14,0)+IF(Input!$K$15=4,L4212*Input!$J$15,0)+IF(Input!$K$16=4,M4212*Input!$J$16,0)</f>
        <v>0</v>
      </c>
    </row>
    <row r="4213" spans="8:17" x14ac:dyDescent="0.25">
      <c r="H4213" s="43">
        <v>4206</v>
      </c>
      <c r="I4213" s="55">
        <f>Bühler!I4239</f>
        <v>0.18275733611769276</v>
      </c>
      <c r="J4213" s="58">
        <f>Bühler!J4239</f>
        <v>4.0687352653048308</v>
      </c>
      <c r="K4213" s="58">
        <f>Bühler!K4239</f>
        <v>0.21757741976762074</v>
      </c>
      <c r="L4213" s="58">
        <f>Bühler!L4239</f>
        <v>0.10878870988381037</v>
      </c>
      <c r="M4213" s="57">
        <f>Bühler!M4239</f>
        <v>0</v>
      </c>
      <c r="N4213" s="55">
        <f>IF(Input!$K$13=1,J4213*Input!$J$13,0)+IF(Input!$K$14=1,K4213*Input!$J$14,0)+IF(Input!$K$15=1,L4213*Input!$J$15,0)+IF(Input!$K$16=1,M4213*Input!$J$16,0)</f>
        <v>0.48824823183657967</v>
      </c>
      <c r="O4213" s="58">
        <f>IF(Input!$K$13=2,J4213*Input!$J$13,0)+IF(Input!$K$14=2,K4213*Input!$J$14,0)+IF(Input!$K$15=2,L4213*Input!$J$15,0)+IF(Input!$K$16=2,M4213*Input!$J$16,0)</f>
        <v>2.9372951668628799E-2</v>
      </c>
      <c r="P4213" s="58">
        <f>IF(Input!$K$13=3,J4213*Input!$J$13,0)+IF(Input!$K$14=3,K4213*Input!$J$14,0)+IF(Input!$K$15=3,L4213*Input!$J$15,0)+IF(Input!$K$16=3,M4213*Input!$J$16,0)</f>
        <v>0</v>
      </c>
      <c r="Q4213" s="71">
        <f>IF(Input!$K$13=4,J4213*Input!$J$13,0)+IF(Input!$K$14=4,K4213*Input!$J$14,0)+IF(Input!$K$15=4,L4213*Input!$J$15,0)+IF(Input!$K$16=4,M4213*Input!$J$16,0)</f>
        <v>0</v>
      </c>
    </row>
    <row r="4214" spans="8:17" x14ac:dyDescent="0.25">
      <c r="H4214" s="43">
        <v>4207</v>
      </c>
      <c r="I4214" s="55">
        <f>Bühler!I4240</f>
        <v>0.21524752920528256</v>
      </c>
      <c r="J4214" s="58">
        <f>Bühler!J4240</f>
        <v>4.070089023350147</v>
      </c>
      <c r="K4214" s="58">
        <f>Bühler!K4240</f>
        <v>0.21757741976762074</v>
      </c>
      <c r="L4214" s="58">
        <f>Bühler!L4240</f>
        <v>0.10878870988381037</v>
      </c>
      <c r="M4214" s="57">
        <f>Bühler!M4240</f>
        <v>0</v>
      </c>
      <c r="N4214" s="55">
        <f>IF(Input!$K$13=1,J4214*Input!$J$13,0)+IF(Input!$K$14=1,K4214*Input!$J$14,0)+IF(Input!$K$15=1,L4214*Input!$J$15,0)+IF(Input!$K$16=1,M4214*Input!$J$16,0)</f>
        <v>0.4884106828020176</v>
      </c>
      <c r="O4214" s="58">
        <f>IF(Input!$K$13=2,J4214*Input!$J$13,0)+IF(Input!$K$14=2,K4214*Input!$J$14,0)+IF(Input!$K$15=2,L4214*Input!$J$15,0)+IF(Input!$K$16=2,M4214*Input!$J$16,0)</f>
        <v>2.9372951668628799E-2</v>
      </c>
      <c r="P4214" s="58">
        <f>IF(Input!$K$13=3,J4214*Input!$J$13,0)+IF(Input!$K$14=3,K4214*Input!$J$14,0)+IF(Input!$K$15=3,L4214*Input!$J$15,0)+IF(Input!$K$16=3,M4214*Input!$J$16,0)</f>
        <v>0</v>
      </c>
      <c r="Q4214" s="71">
        <f>IF(Input!$K$13=4,J4214*Input!$J$13,0)+IF(Input!$K$14=4,K4214*Input!$J$14,0)+IF(Input!$K$15=4,L4214*Input!$J$15,0)+IF(Input!$K$16=4,M4214*Input!$J$16,0)</f>
        <v>0</v>
      </c>
    </row>
    <row r="4215" spans="8:17" x14ac:dyDescent="0.25">
      <c r="H4215" s="43">
        <v>4208</v>
      </c>
      <c r="I4215" s="55">
        <f>Bühler!I4241</f>
        <v>0.25586027056476984</v>
      </c>
      <c r="J4215" s="58">
        <f>Bühler!J4241</f>
        <v>4.0717812209067921</v>
      </c>
      <c r="K4215" s="58">
        <f>Bühler!K4241</f>
        <v>0.21757741976762074</v>
      </c>
      <c r="L4215" s="58">
        <f>Bühler!L4241</f>
        <v>0.10878870988381037</v>
      </c>
      <c r="M4215" s="57">
        <f>Bühler!M4241</f>
        <v>0</v>
      </c>
      <c r="N4215" s="55">
        <f>IF(Input!$K$13=1,J4215*Input!$J$13,0)+IF(Input!$K$14=1,K4215*Input!$J$14,0)+IF(Input!$K$15=1,L4215*Input!$J$15,0)+IF(Input!$K$16=1,M4215*Input!$J$16,0)</f>
        <v>0.48861374650881501</v>
      </c>
      <c r="O4215" s="58">
        <f>IF(Input!$K$13=2,J4215*Input!$J$13,0)+IF(Input!$K$14=2,K4215*Input!$J$14,0)+IF(Input!$K$15=2,L4215*Input!$J$15,0)+IF(Input!$K$16=2,M4215*Input!$J$16,0)</f>
        <v>2.9372951668628799E-2</v>
      </c>
      <c r="P4215" s="58">
        <f>IF(Input!$K$13=3,J4215*Input!$J$13,0)+IF(Input!$K$14=3,K4215*Input!$J$14,0)+IF(Input!$K$15=3,L4215*Input!$J$15,0)+IF(Input!$K$16=3,M4215*Input!$J$16,0)</f>
        <v>0</v>
      </c>
      <c r="Q4215" s="71">
        <f>IF(Input!$K$13=4,J4215*Input!$J$13,0)+IF(Input!$K$14=4,K4215*Input!$J$14,0)+IF(Input!$K$15=4,L4215*Input!$J$15,0)+IF(Input!$K$16=4,M4215*Input!$J$16,0)</f>
        <v>0</v>
      </c>
    </row>
    <row r="4216" spans="8:17" x14ac:dyDescent="0.25">
      <c r="H4216" s="43">
        <v>4209</v>
      </c>
      <c r="I4216" s="55">
        <f>Bühler!I4242</f>
        <v>0.25586027056476984</v>
      </c>
      <c r="J4216" s="58">
        <f>Bühler!J4242</f>
        <v>4.0717812209067921</v>
      </c>
      <c r="K4216" s="58">
        <f>Bühler!K4242</f>
        <v>0.21757741976762074</v>
      </c>
      <c r="L4216" s="58">
        <f>Bühler!L4242</f>
        <v>0.10878870988381037</v>
      </c>
      <c r="M4216" s="57">
        <f>Bühler!M4242</f>
        <v>0</v>
      </c>
      <c r="N4216" s="55">
        <f>IF(Input!$K$13=1,J4216*Input!$J$13,0)+IF(Input!$K$14=1,K4216*Input!$J$14,0)+IF(Input!$K$15=1,L4216*Input!$J$15,0)+IF(Input!$K$16=1,M4216*Input!$J$16,0)</f>
        <v>0.48861374650881501</v>
      </c>
      <c r="O4216" s="58">
        <f>IF(Input!$K$13=2,J4216*Input!$J$13,0)+IF(Input!$K$14=2,K4216*Input!$J$14,0)+IF(Input!$K$15=2,L4216*Input!$J$15,0)+IF(Input!$K$16=2,M4216*Input!$J$16,0)</f>
        <v>2.9372951668628799E-2</v>
      </c>
      <c r="P4216" s="58">
        <f>IF(Input!$K$13=3,J4216*Input!$J$13,0)+IF(Input!$K$14=3,K4216*Input!$J$14,0)+IF(Input!$K$15=3,L4216*Input!$J$15,0)+IF(Input!$K$16=3,M4216*Input!$J$16,0)</f>
        <v>0</v>
      </c>
      <c r="Q4216" s="71">
        <f>IF(Input!$K$13=4,J4216*Input!$J$13,0)+IF(Input!$K$14=4,K4216*Input!$J$14,0)+IF(Input!$K$15=4,L4216*Input!$J$15,0)+IF(Input!$K$16=4,M4216*Input!$J$16,0)</f>
        <v>0</v>
      </c>
    </row>
    <row r="4217" spans="8:17" x14ac:dyDescent="0.25">
      <c r="H4217" s="43">
        <v>4210</v>
      </c>
      <c r="I4217" s="55">
        <f>Bühler!I4243</f>
        <v>0.25586027056476984</v>
      </c>
      <c r="J4217" s="58">
        <f>Bühler!J4243</f>
        <v>4.0717812209067921</v>
      </c>
      <c r="K4217" s="58">
        <f>Bühler!K4243</f>
        <v>0.21757741976762074</v>
      </c>
      <c r="L4217" s="58">
        <f>Bühler!L4243</f>
        <v>0.10878870988381037</v>
      </c>
      <c r="M4217" s="57">
        <f>Bühler!M4243</f>
        <v>0</v>
      </c>
      <c r="N4217" s="55">
        <f>IF(Input!$K$13=1,J4217*Input!$J$13,0)+IF(Input!$K$14=1,K4217*Input!$J$14,0)+IF(Input!$K$15=1,L4217*Input!$J$15,0)+IF(Input!$K$16=1,M4217*Input!$J$16,0)</f>
        <v>0.48861374650881501</v>
      </c>
      <c r="O4217" s="58">
        <f>IF(Input!$K$13=2,J4217*Input!$J$13,0)+IF(Input!$K$14=2,K4217*Input!$J$14,0)+IF(Input!$K$15=2,L4217*Input!$J$15,0)+IF(Input!$K$16=2,M4217*Input!$J$16,0)</f>
        <v>2.9372951668628799E-2</v>
      </c>
      <c r="P4217" s="58">
        <f>IF(Input!$K$13=3,J4217*Input!$J$13,0)+IF(Input!$K$14=3,K4217*Input!$J$14,0)+IF(Input!$K$15=3,L4217*Input!$J$15,0)+IF(Input!$K$16=3,M4217*Input!$J$16,0)</f>
        <v>0</v>
      </c>
      <c r="Q4217" s="71">
        <f>IF(Input!$K$13=4,J4217*Input!$J$13,0)+IF(Input!$K$14=4,K4217*Input!$J$14,0)+IF(Input!$K$15=4,L4217*Input!$J$15,0)+IF(Input!$K$16=4,M4217*Input!$J$16,0)</f>
        <v>0</v>
      </c>
    </row>
    <row r="4218" spans="8:17" x14ac:dyDescent="0.25">
      <c r="H4218" s="43">
        <v>4211</v>
      </c>
      <c r="I4218" s="55">
        <f>Bühler!I4244</f>
        <v>0.25586027056476984</v>
      </c>
      <c r="J4218" s="58">
        <f>Bühler!J4244</f>
        <v>4.0717812209067921</v>
      </c>
      <c r="K4218" s="58">
        <f>Bühler!K4244</f>
        <v>0.21757741976762074</v>
      </c>
      <c r="L4218" s="58">
        <f>Bühler!L4244</f>
        <v>0.10878870988381037</v>
      </c>
      <c r="M4218" s="57">
        <f>Bühler!M4244</f>
        <v>0</v>
      </c>
      <c r="N4218" s="55">
        <f>IF(Input!$K$13=1,J4218*Input!$J$13,0)+IF(Input!$K$14=1,K4218*Input!$J$14,0)+IF(Input!$K$15=1,L4218*Input!$J$15,0)+IF(Input!$K$16=1,M4218*Input!$J$16,0)</f>
        <v>0.48861374650881501</v>
      </c>
      <c r="O4218" s="58">
        <f>IF(Input!$K$13=2,J4218*Input!$J$13,0)+IF(Input!$K$14=2,K4218*Input!$J$14,0)+IF(Input!$K$15=2,L4218*Input!$J$15,0)+IF(Input!$K$16=2,M4218*Input!$J$16,0)</f>
        <v>2.9372951668628799E-2</v>
      </c>
      <c r="P4218" s="58">
        <f>IF(Input!$K$13=3,J4218*Input!$J$13,0)+IF(Input!$K$14=3,K4218*Input!$J$14,0)+IF(Input!$K$15=3,L4218*Input!$J$15,0)+IF(Input!$K$16=3,M4218*Input!$J$16,0)</f>
        <v>0</v>
      </c>
      <c r="Q4218" s="71">
        <f>IF(Input!$K$13=4,J4218*Input!$J$13,0)+IF(Input!$K$14=4,K4218*Input!$J$14,0)+IF(Input!$K$15=4,L4218*Input!$J$15,0)+IF(Input!$K$16=4,M4218*Input!$J$16,0)</f>
        <v>0</v>
      </c>
    </row>
    <row r="4219" spans="8:17" x14ac:dyDescent="0.25">
      <c r="H4219" s="43">
        <v>4212</v>
      </c>
      <c r="I4219" s="55">
        <f>Bühler!I4245</f>
        <v>0.25586027056476984</v>
      </c>
      <c r="J4219" s="58">
        <f>Bühler!J4245</f>
        <v>4.0717812209067921</v>
      </c>
      <c r="K4219" s="58">
        <f>Bühler!K4245</f>
        <v>0.21757741976762074</v>
      </c>
      <c r="L4219" s="58">
        <f>Bühler!L4245</f>
        <v>0.10878870988381037</v>
      </c>
      <c r="M4219" s="57">
        <f>Bühler!M4245</f>
        <v>0</v>
      </c>
      <c r="N4219" s="55">
        <f>IF(Input!$K$13=1,J4219*Input!$J$13,0)+IF(Input!$K$14=1,K4219*Input!$J$14,0)+IF(Input!$K$15=1,L4219*Input!$J$15,0)+IF(Input!$K$16=1,M4219*Input!$J$16,0)</f>
        <v>0.48861374650881501</v>
      </c>
      <c r="O4219" s="58">
        <f>IF(Input!$K$13=2,J4219*Input!$J$13,0)+IF(Input!$K$14=2,K4219*Input!$J$14,0)+IF(Input!$K$15=2,L4219*Input!$J$15,0)+IF(Input!$K$16=2,M4219*Input!$J$16,0)</f>
        <v>2.9372951668628799E-2</v>
      </c>
      <c r="P4219" s="58">
        <f>IF(Input!$K$13=3,J4219*Input!$J$13,0)+IF(Input!$K$14=3,K4219*Input!$J$14,0)+IF(Input!$K$15=3,L4219*Input!$J$15,0)+IF(Input!$K$16=3,M4219*Input!$J$16,0)</f>
        <v>0</v>
      </c>
      <c r="Q4219" s="71">
        <f>IF(Input!$K$13=4,J4219*Input!$J$13,0)+IF(Input!$K$14=4,K4219*Input!$J$14,0)+IF(Input!$K$15=4,L4219*Input!$J$15,0)+IF(Input!$K$16=4,M4219*Input!$J$16,0)</f>
        <v>0</v>
      </c>
    </row>
    <row r="4220" spans="8:17" x14ac:dyDescent="0.25">
      <c r="H4220" s="43">
        <v>4213</v>
      </c>
      <c r="I4220" s="55">
        <f>Bühler!I4246</f>
        <v>0.25586027056476984</v>
      </c>
      <c r="J4220" s="58">
        <f>Bühler!J4246</f>
        <v>4.0717812209067921</v>
      </c>
      <c r="K4220" s="58">
        <f>Bühler!K4246</f>
        <v>0.21757741976762074</v>
      </c>
      <c r="L4220" s="58">
        <f>Bühler!L4246</f>
        <v>0.10878870988381037</v>
      </c>
      <c r="M4220" s="57">
        <f>Bühler!M4246</f>
        <v>0</v>
      </c>
      <c r="N4220" s="55">
        <f>IF(Input!$K$13=1,J4220*Input!$J$13,0)+IF(Input!$K$14=1,K4220*Input!$J$14,0)+IF(Input!$K$15=1,L4220*Input!$J$15,0)+IF(Input!$K$16=1,M4220*Input!$J$16,0)</f>
        <v>0.48861374650881501</v>
      </c>
      <c r="O4220" s="58">
        <f>IF(Input!$K$13=2,J4220*Input!$J$13,0)+IF(Input!$K$14=2,K4220*Input!$J$14,0)+IF(Input!$K$15=2,L4220*Input!$J$15,0)+IF(Input!$K$16=2,M4220*Input!$J$16,0)</f>
        <v>2.9372951668628799E-2</v>
      </c>
      <c r="P4220" s="58">
        <f>IF(Input!$K$13=3,J4220*Input!$J$13,0)+IF(Input!$K$14=3,K4220*Input!$J$14,0)+IF(Input!$K$15=3,L4220*Input!$J$15,0)+IF(Input!$K$16=3,M4220*Input!$J$16,0)</f>
        <v>0</v>
      </c>
      <c r="Q4220" s="71">
        <f>IF(Input!$K$13=4,J4220*Input!$J$13,0)+IF(Input!$K$14=4,K4220*Input!$J$14,0)+IF(Input!$K$15=4,L4220*Input!$J$15,0)+IF(Input!$K$16=4,M4220*Input!$J$16,0)</f>
        <v>0</v>
      </c>
    </row>
    <row r="4221" spans="8:17" x14ac:dyDescent="0.25">
      <c r="H4221" s="43">
        <v>4214</v>
      </c>
      <c r="I4221" s="55">
        <f>Bühler!I4247</f>
        <v>0.25586027056476984</v>
      </c>
      <c r="J4221" s="58">
        <f>Bühler!J4247</f>
        <v>4.0717812209067921</v>
      </c>
      <c r="K4221" s="58">
        <f>Bühler!K4247</f>
        <v>0.21757741976762074</v>
      </c>
      <c r="L4221" s="58">
        <f>Bühler!L4247</f>
        <v>0.10878870988381037</v>
      </c>
      <c r="M4221" s="57">
        <f>Bühler!M4247</f>
        <v>0</v>
      </c>
      <c r="N4221" s="55">
        <f>IF(Input!$K$13=1,J4221*Input!$J$13,0)+IF(Input!$K$14=1,K4221*Input!$J$14,0)+IF(Input!$K$15=1,L4221*Input!$J$15,0)+IF(Input!$K$16=1,M4221*Input!$J$16,0)</f>
        <v>0.48861374650881501</v>
      </c>
      <c r="O4221" s="58">
        <f>IF(Input!$K$13=2,J4221*Input!$J$13,0)+IF(Input!$K$14=2,K4221*Input!$J$14,0)+IF(Input!$K$15=2,L4221*Input!$J$15,0)+IF(Input!$K$16=2,M4221*Input!$J$16,0)</f>
        <v>2.9372951668628799E-2</v>
      </c>
      <c r="P4221" s="58">
        <f>IF(Input!$K$13=3,J4221*Input!$J$13,0)+IF(Input!$K$14=3,K4221*Input!$J$14,0)+IF(Input!$K$15=3,L4221*Input!$J$15,0)+IF(Input!$K$16=3,M4221*Input!$J$16,0)</f>
        <v>0</v>
      </c>
      <c r="Q4221" s="71">
        <f>IF(Input!$K$13=4,J4221*Input!$J$13,0)+IF(Input!$K$14=4,K4221*Input!$J$14,0)+IF(Input!$K$15=4,L4221*Input!$J$15,0)+IF(Input!$K$16=4,M4221*Input!$J$16,0)</f>
        <v>0</v>
      </c>
    </row>
    <row r="4222" spans="8:17" x14ac:dyDescent="0.25">
      <c r="H4222" s="43">
        <v>4215</v>
      </c>
      <c r="I4222" s="55">
        <f>Bühler!I4248</f>
        <v>0.25586027056476984</v>
      </c>
      <c r="J4222" s="58">
        <f>Bühler!J4248</f>
        <v>4.0717812209067921</v>
      </c>
      <c r="K4222" s="58">
        <f>Bühler!K4248</f>
        <v>0.21757741976762074</v>
      </c>
      <c r="L4222" s="58">
        <f>Bühler!L4248</f>
        <v>0.10878870988381037</v>
      </c>
      <c r="M4222" s="57">
        <f>Bühler!M4248</f>
        <v>0</v>
      </c>
      <c r="N4222" s="55">
        <f>IF(Input!$K$13=1,J4222*Input!$J$13,0)+IF(Input!$K$14=1,K4222*Input!$J$14,0)+IF(Input!$K$15=1,L4222*Input!$J$15,0)+IF(Input!$K$16=1,M4222*Input!$J$16,0)</f>
        <v>0.48861374650881501</v>
      </c>
      <c r="O4222" s="58">
        <f>IF(Input!$K$13=2,J4222*Input!$J$13,0)+IF(Input!$K$14=2,K4222*Input!$J$14,0)+IF(Input!$K$15=2,L4222*Input!$J$15,0)+IF(Input!$K$16=2,M4222*Input!$J$16,0)</f>
        <v>2.9372951668628799E-2</v>
      </c>
      <c r="P4222" s="58">
        <f>IF(Input!$K$13=3,J4222*Input!$J$13,0)+IF(Input!$K$14=3,K4222*Input!$J$14,0)+IF(Input!$K$15=3,L4222*Input!$J$15,0)+IF(Input!$K$16=3,M4222*Input!$J$16,0)</f>
        <v>0</v>
      </c>
      <c r="Q4222" s="71">
        <f>IF(Input!$K$13=4,J4222*Input!$J$13,0)+IF(Input!$K$14=4,K4222*Input!$J$14,0)+IF(Input!$K$15=4,L4222*Input!$J$15,0)+IF(Input!$K$16=4,M4222*Input!$J$16,0)</f>
        <v>0</v>
      </c>
    </row>
    <row r="4223" spans="8:17" x14ac:dyDescent="0.25">
      <c r="H4223" s="43">
        <v>4216</v>
      </c>
      <c r="I4223" s="55">
        <f>Bühler!I4249</f>
        <v>0.22743135161312875</v>
      </c>
      <c r="J4223" s="58">
        <f>Bühler!J4249</f>
        <v>4.0705966826171407</v>
      </c>
      <c r="K4223" s="58">
        <f>Bühler!K4249</f>
        <v>0.21757741976762074</v>
      </c>
      <c r="L4223" s="58">
        <f>Bühler!L4249</f>
        <v>0.10878870988381037</v>
      </c>
      <c r="M4223" s="57">
        <f>Bühler!M4249</f>
        <v>0</v>
      </c>
      <c r="N4223" s="55">
        <f>IF(Input!$K$13=1,J4223*Input!$J$13,0)+IF(Input!$K$14=1,K4223*Input!$J$14,0)+IF(Input!$K$15=1,L4223*Input!$J$15,0)+IF(Input!$K$16=1,M4223*Input!$J$16,0)</f>
        <v>0.48847160191405686</v>
      </c>
      <c r="O4223" s="58">
        <f>IF(Input!$K$13=2,J4223*Input!$J$13,0)+IF(Input!$K$14=2,K4223*Input!$J$14,0)+IF(Input!$K$15=2,L4223*Input!$J$15,0)+IF(Input!$K$16=2,M4223*Input!$J$16,0)</f>
        <v>2.9372951668628799E-2</v>
      </c>
      <c r="P4223" s="58">
        <f>IF(Input!$K$13=3,J4223*Input!$J$13,0)+IF(Input!$K$14=3,K4223*Input!$J$14,0)+IF(Input!$K$15=3,L4223*Input!$J$15,0)+IF(Input!$K$16=3,M4223*Input!$J$16,0)</f>
        <v>0</v>
      </c>
      <c r="Q4223" s="71">
        <f>IF(Input!$K$13=4,J4223*Input!$J$13,0)+IF(Input!$K$14=4,K4223*Input!$J$14,0)+IF(Input!$K$15=4,L4223*Input!$J$15,0)+IF(Input!$K$16=4,M4223*Input!$J$16,0)</f>
        <v>0</v>
      </c>
    </row>
    <row r="4224" spans="8:17" x14ac:dyDescent="0.25">
      <c r="H4224" s="43">
        <v>4217</v>
      </c>
      <c r="I4224" s="55">
        <f>Bühler!I4250</f>
        <v>0.22337007747717999</v>
      </c>
      <c r="J4224" s="58">
        <f>Bühler!J4250</f>
        <v>4.0704274628614758</v>
      </c>
      <c r="K4224" s="58">
        <f>Bühler!K4250</f>
        <v>0.21757741976762074</v>
      </c>
      <c r="L4224" s="58">
        <f>Bühler!L4250</f>
        <v>0.10878870988381037</v>
      </c>
      <c r="M4224" s="57">
        <f>Bühler!M4250</f>
        <v>0</v>
      </c>
      <c r="N4224" s="55">
        <f>IF(Input!$K$13=1,J4224*Input!$J$13,0)+IF(Input!$K$14=1,K4224*Input!$J$14,0)+IF(Input!$K$15=1,L4224*Input!$J$15,0)+IF(Input!$K$16=1,M4224*Input!$J$16,0)</f>
        <v>0.48845129554337707</v>
      </c>
      <c r="O4224" s="58">
        <f>IF(Input!$K$13=2,J4224*Input!$J$13,0)+IF(Input!$K$14=2,K4224*Input!$J$14,0)+IF(Input!$K$15=2,L4224*Input!$J$15,0)+IF(Input!$K$16=2,M4224*Input!$J$16,0)</f>
        <v>2.9372951668628799E-2</v>
      </c>
      <c r="P4224" s="58">
        <f>IF(Input!$K$13=3,J4224*Input!$J$13,0)+IF(Input!$K$14=3,K4224*Input!$J$14,0)+IF(Input!$K$15=3,L4224*Input!$J$15,0)+IF(Input!$K$16=3,M4224*Input!$J$16,0)</f>
        <v>0</v>
      </c>
      <c r="Q4224" s="71">
        <f>IF(Input!$K$13=4,J4224*Input!$J$13,0)+IF(Input!$K$14=4,K4224*Input!$J$14,0)+IF(Input!$K$15=4,L4224*Input!$J$15,0)+IF(Input!$K$16=4,M4224*Input!$J$16,0)</f>
        <v>0</v>
      </c>
    </row>
    <row r="4225" spans="8:17" x14ac:dyDescent="0.25">
      <c r="H4225" s="43">
        <v>4218</v>
      </c>
      <c r="I4225" s="55">
        <f>Bühler!I4251</f>
        <v>0.19087988438959022</v>
      </c>
      <c r="J4225" s="58">
        <f>Bühler!J4251</f>
        <v>4.0690737048161596</v>
      </c>
      <c r="K4225" s="58">
        <f>Bühler!K4251</f>
        <v>0.21757741976762074</v>
      </c>
      <c r="L4225" s="58">
        <f>Bühler!L4251</f>
        <v>0.10878870988381037</v>
      </c>
      <c r="M4225" s="57">
        <f>Bühler!M4251</f>
        <v>0</v>
      </c>
      <c r="N4225" s="55">
        <f>IF(Input!$K$13=1,J4225*Input!$J$13,0)+IF(Input!$K$14=1,K4225*Input!$J$14,0)+IF(Input!$K$15=1,L4225*Input!$J$15,0)+IF(Input!$K$16=1,M4225*Input!$J$16,0)</f>
        <v>0.48828884457793914</v>
      </c>
      <c r="O4225" s="58">
        <f>IF(Input!$K$13=2,J4225*Input!$J$13,0)+IF(Input!$K$14=2,K4225*Input!$J$14,0)+IF(Input!$K$15=2,L4225*Input!$J$15,0)+IF(Input!$K$16=2,M4225*Input!$J$16,0)</f>
        <v>2.9372951668628799E-2</v>
      </c>
      <c r="P4225" s="58">
        <f>IF(Input!$K$13=3,J4225*Input!$J$13,0)+IF(Input!$K$14=3,K4225*Input!$J$14,0)+IF(Input!$K$15=3,L4225*Input!$J$15,0)+IF(Input!$K$16=3,M4225*Input!$J$16,0)</f>
        <v>0</v>
      </c>
      <c r="Q4225" s="71">
        <f>IF(Input!$K$13=4,J4225*Input!$J$13,0)+IF(Input!$K$14=4,K4225*Input!$J$14,0)+IF(Input!$K$15=4,L4225*Input!$J$15,0)+IF(Input!$K$16=4,M4225*Input!$J$16,0)</f>
        <v>0</v>
      </c>
    </row>
    <row r="4226" spans="8:17" x14ac:dyDescent="0.25">
      <c r="H4226" s="43">
        <v>4219</v>
      </c>
      <c r="I4226" s="55">
        <f>Bühler!I4252</f>
        <v>0.17869606198174404</v>
      </c>
      <c r="J4226" s="58">
        <f>Bühler!J4252</f>
        <v>4.0685660455491659</v>
      </c>
      <c r="K4226" s="58">
        <f>Bühler!K4252</f>
        <v>0.21757741976762074</v>
      </c>
      <c r="L4226" s="58">
        <f>Bühler!L4252</f>
        <v>0.10878870988381037</v>
      </c>
      <c r="M4226" s="57">
        <f>Bühler!M4252</f>
        <v>0</v>
      </c>
      <c r="N4226" s="55">
        <f>IF(Input!$K$13=1,J4226*Input!$J$13,0)+IF(Input!$K$14=1,K4226*Input!$J$14,0)+IF(Input!$K$15=1,L4226*Input!$J$15,0)+IF(Input!$K$16=1,M4226*Input!$J$16,0)</f>
        <v>0.48822792546589988</v>
      </c>
      <c r="O4226" s="58">
        <f>IF(Input!$K$13=2,J4226*Input!$J$13,0)+IF(Input!$K$14=2,K4226*Input!$J$14,0)+IF(Input!$K$15=2,L4226*Input!$J$15,0)+IF(Input!$K$16=2,M4226*Input!$J$16,0)</f>
        <v>2.9372951668628799E-2</v>
      </c>
      <c r="P4226" s="58">
        <f>IF(Input!$K$13=3,J4226*Input!$J$13,0)+IF(Input!$K$14=3,K4226*Input!$J$14,0)+IF(Input!$K$15=3,L4226*Input!$J$15,0)+IF(Input!$K$16=3,M4226*Input!$J$16,0)</f>
        <v>0</v>
      </c>
      <c r="Q4226" s="71">
        <f>IF(Input!$K$13=4,J4226*Input!$J$13,0)+IF(Input!$K$14=4,K4226*Input!$J$14,0)+IF(Input!$K$15=4,L4226*Input!$J$15,0)+IF(Input!$K$16=4,M4226*Input!$J$16,0)</f>
        <v>0</v>
      </c>
    </row>
    <row r="4227" spans="8:17" x14ac:dyDescent="0.25">
      <c r="H4227" s="43">
        <v>4220</v>
      </c>
      <c r="I4227" s="55">
        <f>Bühler!I4253</f>
        <v>0.15026714303010294</v>
      </c>
      <c r="J4227" s="58">
        <f>Bühler!J4253</f>
        <v>4.0673815072595145</v>
      </c>
      <c r="K4227" s="58">
        <f>Bühler!K4253</f>
        <v>0.21757741976762074</v>
      </c>
      <c r="L4227" s="58">
        <f>Bühler!L4253</f>
        <v>0.10878870988381037</v>
      </c>
      <c r="M4227" s="57">
        <f>Bühler!M4253</f>
        <v>0</v>
      </c>
      <c r="N4227" s="55">
        <f>IF(Input!$K$13=1,J4227*Input!$J$13,0)+IF(Input!$K$14=1,K4227*Input!$J$14,0)+IF(Input!$K$15=1,L4227*Input!$J$15,0)+IF(Input!$K$16=1,M4227*Input!$J$16,0)</f>
        <v>0.48808578087114174</v>
      </c>
      <c r="O4227" s="58">
        <f>IF(Input!$K$13=2,J4227*Input!$J$13,0)+IF(Input!$K$14=2,K4227*Input!$J$14,0)+IF(Input!$K$15=2,L4227*Input!$J$15,0)+IF(Input!$K$16=2,M4227*Input!$J$16,0)</f>
        <v>2.9372951668628799E-2</v>
      </c>
      <c r="P4227" s="58">
        <f>IF(Input!$K$13=3,J4227*Input!$J$13,0)+IF(Input!$K$14=3,K4227*Input!$J$14,0)+IF(Input!$K$15=3,L4227*Input!$J$15,0)+IF(Input!$K$16=3,M4227*Input!$J$16,0)</f>
        <v>0</v>
      </c>
      <c r="Q4227" s="71">
        <f>IF(Input!$K$13=4,J4227*Input!$J$13,0)+IF(Input!$K$14=4,K4227*Input!$J$14,0)+IF(Input!$K$15=4,L4227*Input!$J$15,0)+IF(Input!$K$16=4,M4227*Input!$J$16,0)</f>
        <v>0</v>
      </c>
    </row>
    <row r="4228" spans="8:17" x14ac:dyDescent="0.25">
      <c r="H4228" s="43">
        <v>4221</v>
      </c>
      <c r="I4228" s="55">
        <f>Bühler!I4254</f>
        <v>0.12589949821441054</v>
      </c>
      <c r="J4228" s="58">
        <f>Bühler!J4254</f>
        <v>4.0663661887255271</v>
      </c>
      <c r="K4228" s="58">
        <f>Bühler!K4254</f>
        <v>0.21757741976762074</v>
      </c>
      <c r="L4228" s="58">
        <f>Bühler!L4254</f>
        <v>0.10878870988381037</v>
      </c>
      <c r="M4228" s="57">
        <f>Bühler!M4254</f>
        <v>0</v>
      </c>
      <c r="N4228" s="55">
        <f>IF(Input!$K$13=1,J4228*Input!$J$13,0)+IF(Input!$K$14=1,K4228*Input!$J$14,0)+IF(Input!$K$15=1,L4228*Input!$J$15,0)+IF(Input!$K$16=1,M4228*Input!$J$16,0)</f>
        <v>0.48796394264706322</v>
      </c>
      <c r="O4228" s="58">
        <f>IF(Input!$K$13=2,J4228*Input!$J$13,0)+IF(Input!$K$14=2,K4228*Input!$J$14,0)+IF(Input!$K$15=2,L4228*Input!$J$15,0)+IF(Input!$K$16=2,M4228*Input!$J$16,0)</f>
        <v>2.9372951668628799E-2</v>
      </c>
      <c r="P4228" s="58">
        <f>IF(Input!$K$13=3,J4228*Input!$J$13,0)+IF(Input!$K$14=3,K4228*Input!$J$14,0)+IF(Input!$K$15=3,L4228*Input!$J$15,0)+IF(Input!$K$16=3,M4228*Input!$J$16,0)</f>
        <v>0</v>
      </c>
      <c r="Q4228" s="71">
        <f>IF(Input!$K$13=4,J4228*Input!$J$13,0)+IF(Input!$K$14=4,K4228*Input!$J$14,0)+IF(Input!$K$15=4,L4228*Input!$J$15,0)+IF(Input!$K$16=4,M4228*Input!$J$16,0)</f>
        <v>0</v>
      </c>
    </row>
    <row r="4229" spans="8:17" x14ac:dyDescent="0.25">
      <c r="H4229" s="43">
        <v>4222</v>
      </c>
      <c r="I4229" s="55">
        <f>Bühler!I4255</f>
        <v>0.10965440167061564</v>
      </c>
      <c r="J4229" s="58">
        <f>Bühler!J4255</f>
        <v>4.0656893097028695</v>
      </c>
      <c r="K4229" s="58">
        <f>Bühler!K4255</f>
        <v>0.21757741976762074</v>
      </c>
      <c r="L4229" s="58">
        <f>Bühler!L4255</f>
        <v>0.10878870988381037</v>
      </c>
      <c r="M4229" s="57">
        <f>Bühler!M4255</f>
        <v>0</v>
      </c>
      <c r="N4229" s="55">
        <f>IF(Input!$K$13=1,J4229*Input!$J$13,0)+IF(Input!$K$14=1,K4229*Input!$J$14,0)+IF(Input!$K$15=1,L4229*Input!$J$15,0)+IF(Input!$K$16=1,M4229*Input!$J$16,0)</f>
        <v>0.48788271716434434</v>
      </c>
      <c r="O4229" s="58">
        <f>IF(Input!$K$13=2,J4229*Input!$J$13,0)+IF(Input!$K$14=2,K4229*Input!$J$14,0)+IF(Input!$K$15=2,L4229*Input!$J$15,0)+IF(Input!$K$16=2,M4229*Input!$J$16,0)</f>
        <v>2.9372951668628799E-2</v>
      </c>
      <c r="P4229" s="58">
        <f>IF(Input!$K$13=3,J4229*Input!$J$13,0)+IF(Input!$K$14=3,K4229*Input!$J$14,0)+IF(Input!$K$15=3,L4229*Input!$J$15,0)+IF(Input!$K$16=3,M4229*Input!$J$16,0)</f>
        <v>0</v>
      </c>
      <c r="Q4229" s="71">
        <f>IF(Input!$K$13=4,J4229*Input!$J$13,0)+IF(Input!$K$14=4,K4229*Input!$J$14,0)+IF(Input!$K$15=4,L4229*Input!$J$15,0)+IF(Input!$K$16=4,M4229*Input!$J$16,0)</f>
        <v>0</v>
      </c>
    </row>
    <row r="4230" spans="8:17" x14ac:dyDescent="0.25">
      <c r="H4230" s="43">
        <v>4223</v>
      </c>
      <c r="I4230" s="55">
        <f>Bühler!I4256</f>
        <v>0.10965440167061564</v>
      </c>
      <c r="J4230" s="58">
        <f>Bühler!J4256</f>
        <v>4.0656893097028695</v>
      </c>
      <c r="K4230" s="58">
        <f>Bühler!K4256</f>
        <v>0.21757741976762074</v>
      </c>
      <c r="L4230" s="58">
        <f>Bühler!L4256</f>
        <v>0.10878870988381037</v>
      </c>
      <c r="M4230" s="57">
        <f>Bühler!M4256</f>
        <v>0</v>
      </c>
      <c r="N4230" s="55">
        <f>IF(Input!$K$13=1,J4230*Input!$J$13,0)+IF(Input!$K$14=1,K4230*Input!$J$14,0)+IF(Input!$K$15=1,L4230*Input!$J$15,0)+IF(Input!$K$16=1,M4230*Input!$J$16,0)</f>
        <v>0.48788271716434434</v>
      </c>
      <c r="O4230" s="58">
        <f>IF(Input!$K$13=2,J4230*Input!$J$13,0)+IF(Input!$K$14=2,K4230*Input!$J$14,0)+IF(Input!$K$15=2,L4230*Input!$J$15,0)+IF(Input!$K$16=2,M4230*Input!$J$16,0)</f>
        <v>2.9372951668628799E-2</v>
      </c>
      <c r="P4230" s="58">
        <f>IF(Input!$K$13=3,J4230*Input!$J$13,0)+IF(Input!$K$14=3,K4230*Input!$J$14,0)+IF(Input!$K$15=3,L4230*Input!$J$15,0)+IF(Input!$K$16=3,M4230*Input!$J$16,0)</f>
        <v>0</v>
      </c>
      <c r="Q4230" s="71">
        <f>IF(Input!$K$13=4,J4230*Input!$J$13,0)+IF(Input!$K$14=4,K4230*Input!$J$14,0)+IF(Input!$K$15=4,L4230*Input!$J$15,0)+IF(Input!$K$16=4,M4230*Input!$J$16,0)</f>
        <v>0</v>
      </c>
    </row>
    <row r="4231" spans="8:17" x14ac:dyDescent="0.25">
      <c r="H4231" s="43">
        <v>4224</v>
      </c>
      <c r="I4231" s="55">
        <f>Bühler!I4257</f>
        <v>0.10965440167061564</v>
      </c>
      <c r="J4231" s="58">
        <f>Bühler!J4257</f>
        <v>4.0656893097028695</v>
      </c>
      <c r="K4231" s="58">
        <f>Bühler!K4257</f>
        <v>0.21757741976762074</v>
      </c>
      <c r="L4231" s="58">
        <f>Bühler!L4257</f>
        <v>0.10878870988381037</v>
      </c>
      <c r="M4231" s="57">
        <f>Bühler!M4257</f>
        <v>0</v>
      </c>
      <c r="N4231" s="55">
        <f>IF(Input!$K$13=1,J4231*Input!$J$13,0)+IF(Input!$K$14=1,K4231*Input!$J$14,0)+IF(Input!$K$15=1,L4231*Input!$J$15,0)+IF(Input!$K$16=1,M4231*Input!$J$16,0)</f>
        <v>0.48788271716434434</v>
      </c>
      <c r="O4231" s="58">
        <f>IF(Input!$K$13=2,J4231*Input!$J$13,0)+IF(Input!$K$14=2,K4231*Input!$J$14,0)+IF(Input!$K$15=2,L4231*Input!$J$15,0)+IF(Input!$K$16=2,M4231*Input!$J$16,0)</f>
        <v>2.9372951668628799E-2</v>
      </c>
      <c r="P4231" s="58">
        <f>IF(Input!$K$13=3,J4231*Input!$J$13,0)+IF(Input!$K$14=3,K4231*Input!$J$14,0)+IF(Input!$K$15=3,L4231*Input!$J$15,0)+IF(Input!$K$16=3,M4231*Input!$J$16,0)</f>
        <v>0</v>
      </c>
      <c r="Q4231" s="71">
        <f>IF(Input!$K$13=4,J4231*Input!$J$13,0)+IF(Input!$K$14=4,K4231*Input!$J$14,0)+IF(Input!$K$15=4,L4231*Input!$J$15,0)+IF(Input!$K$16=4,M4231*Input!$J$16,0)</f>
        <v>0</v>
      </c>
    </row>
    <row r="4232" spans="8:17" x14ac:dyDescent="0.25">
      <c r="H4232" s="43">
        <v>4225</v>
      </c>
      <c r="I4232" s="55">
        <f>Bühler!I4258</f>
        <v>0</v>
      </c>
      <c r="J4232" s="58">
        <f>Bühler!J4258</f>
        <v>6.2367566159024053</v>
      </c>
      <c r="K4232" s="58">
        <f>Bühler!K4258</f>
        <v>0.53742643329636319</v>
      </c>
      <c r="L4232" s="58">
        <f>Bühler!L4258</f>
        <v>0.2687132166481816</v>
      </c>
      <c r="M4232" s="57">
        <f>Bühler!M4258</f>
        <v>0</v>
      </c>
      <c r="N4232" s="55">
        <f>IF(Input!$K$13=1,J4232*Input!$J$13,0)+IF(Input!$K$14=1,K4232*Input!$J$14,0)+IF(Input!$K$15=1,L4232*Input!$J$15,0)+IF(Input!$K$16=1,M4232*Input!$J$16,0)</f>
        <v>0.74841079390828857</v>
      </c>
      <c r="O4232" s="58">
        <f>IF(Input!$K$13=2,J4232*Input!$J$13,0)+IF(Input!$K$14=2,K4232*Input!$J$14,0)+IF(Input!$K$15=2,L4232*Input!$J$15,0)+IF(Input!$K$16=2,M4232*Input!$J$16,0)</f>
        <v>7.2552568495009018E-2</v>
      </c>
      <c r="P4232" s="58">
        <f>IF(Input!$K$13=3,J4232*Input!$J$13,0)+IF(Input!$K$14=3,K4232*Input!$J$14,0)+IF(Input!$K$15=3,L4232*Input!$J$15,0)+IF(Input!$K$16=3,M4232*Input!$J$16,0)</f>
        <v>0</v>
      </c>
      <c r="Q4232" s="71">
        <f>IF(Input!$K$13=4,J4232*Input!$J$13,0)+IF(Input!$K$14=4,K4232*Input!$J$14,0)+IF(Input!$K$15=4,L4232*Input!$J$15,0)+IF(Input!$K$16=4,M4232*Input!$J$16,0)</f>
        <v>0</v>
      </c>
    </row>
    <row r="4233" spans="8:17" x14ac:dyDescent="0.25">
      <c r="H4233" s="43">
        <v>4226</v>
      </c>
      <c r="I4233" s="55">
        <f>Bühler!I4259</f>
        <v>0</v>
      </c>
      <c r="J4233" s="58">
        <f>Bühler!J4259</f>
        <v>6.2367566159024053</v>
      </c>
      <c r="K4233" s="58">
        <f>Bühler!K4259</f>
        <v>0.53742643329636319</v>
      </c>
      <c r="L4233" s="58">
        <f>Bühler!L4259</f>
        <v>0.2687132166481816</v>
      </c>
      <c r="M4233" s="57">
        <f>Bühler!M4259</f>
        <v>0</v>
      </c>
      <c r="N4233" s="55">
        <f>IF(Input!$K$13=1,J4233*Input!$J$13,0)+IF(Input!$K$14=1,K4233*Input!$J$14,0)+IF(Input!$K$15=1,L4233*Input!$J$15,0)+IF(Input!$K$16=1,M4233*Input!$J$16,0)</f>
        <v>0.74841079390828857</v>
      </c>
      <c r="O4233" s="58">
        <f>IF(Input!$K$13=2,J4233*Input!$J$13,0)+IF(Input!$K$14=2,K4233*Input!$J$14,0)+IF(Input!$K$15=2,L4233*Input!$J$15,0)+IF(Input!$K$16=2,M4233*Input!$J$16,0)</f>
        <v>7.2552568495009018E-2</v>
      </c>
      <c r="P4233" s="58">
        <f>IF(Input!$K$13=3,J4233*Input!$J$13,0)+IF(Input!$K$14=3,K4233*Input!$J$14,0)+IF(Input!$K$15=3,L4233*Input!$J$15,0)+IF(Input!$K$16=3,M4233*Input!$J$16,0)</f>
        <v>0</v>
      </c>
      <c r="Q4233" s="71">
        <f>IF(Input!$K$13=4,J4233*Input!$J$13,0)+IF(Input!$K$14=4,K4233*Input!$J$14,0)+IF(Input!$K$15=4,L4233*Input!$J$15,0)+IF(Input!$K$16=4,M4233*Input!$J$16,0)</f>
        <v>0</v>
      </c>
    </row>
    <row r="4234" spans="8:17" x14ac:dyDescent="0.25">
      <c r="H4234" s="43">
        <v>4227</v>
      </c>
      <c r="I4234" s="55">
        <f>Bühler!I4260</f>
        <v>0</v>
      </c>
      <c r="J4234" s="58">
        <f>Bühler!J4260</f>
        <v>6.2367566159024053</v>
      </c>
      <c r="K4234" s="58">
        <f>Bühler!K4260</f>
        <v>0.53742643329636319</v>
      </c>
      <c r="L4234" s="58">
        <f>Bühler!L4260</f>
        <v>0.2687132166481816</v>
      </c>
      <c r="M4234" s="57">
        <f>Bühler!M4260</f>
        <v>0</v>
      </c>
      <c r="N4234" s="55">
        <f>IF(Input!$K$13=1,J4234*Input!$J$13,0)+IF(Input!$K$14=1,K4234*Input!$J$14,0)+IF(Input!$K$15=1,L4234*Input!$J$15,0)+IF(Input!$K$16=1,M4234*Input!$J$16,0)</f>
        <v>0.74841079390828857</v>
      </c>
      <c r="O4234" s="58">
        <f>IF(Input!$K$13=2,J4234*Input!$J$13,0)+IF(Input!$K$14=2,K4234*Input!$J$14,0)+IF(Input!$K$15=2,L4234*Input!$J$15,0)+IF(Input!$K$16=2,M4234*Input!$J$16,0)</f>
        <v>7.2552568495009018E-2</v>
      </c>
      <c r="P4234" s="58">
        <f>IF(Input!$K$13=3,J4234*Input!$J$13,0)+IF(Input!$K$14=3,K4234*Input!$J$14,0)+IF(Input!$K$15=3,L4234*Input!$J$15,0)+IF(Input!$K$16=3,M4234*Input!$J$16,0)</f>
        <v>0</v>
      </c>
      <c r="Q4234" s="71">
        <f>IF(Input!$K$13=4,J4234*Input!$J$13,0)+IF(Input!$K$14=4,K4234*Input!$J$14,0)+IF(Input!$K$15=4,L4234*Input!$J$15,0)+IF(Input!$K$16=4,M4234*Input!$J$16,0)</f>
        <v>0</v>
      </c>
    </row>
    <row r="4235" spans="8:17" x14ac:dyDescent="0.25">
      <c r="H4235" s="43">
        <v>4228</v>
      </c>
      <c r="I4235" s="55">
        <f>Bühler!I4261</f>
        <v>0</v>
      </c>
      <c r="J4235" s="58">
        <f>Bühler!J4261</f>
        <v>6.2367566159024053</v>
      </c>
      <c r="K4235" s="58">
        <f>Bühler!K4261</f>
        <v>0.53742643329636319</v>
      </c>
      <c r="L4235" s="58">
        <f>Bühler!L4261</f>
        <v>0.2687132166481816</v>
      </c>
      <c r="M4235" s="57">
        <f>Bühler!M4261</f>
        <v>0</v>
      </c>
      <c r="N4235" s="55">
        <f>IF(Input!$K$13=1,J4235*Input!$J$13,0)+IF(Input!$K$14=1,K4235*Input!$J$14,0)+IF(Input!$K$15=1,L4235*Input!$J$15,0)+IF(Input!$K$16=1,M4235*Input!$J$16,0)</f>
        <v>0.74841079390828857</v>
      </c>
      <c r="O4235" s="58">
        <f>IF(Input!$K$13=2,J4235*Input!$J$13,0)+IF(Input!$K$14=2,K4235*Input!$J$14,0)+IF(Input!$K$15=2,L4235*Input!$J$15,0)+IF(Input!$K$16=2,M4235*Input!$J$16,0)</f>
        <v>7.2552568495009018E-2</v>
      </c>
      <c r="P4235" s="58">
        <f>IF(Input!$K$13=3,J4235*Input!$J$13,0)+IF(Input!$K$14=3,K4235*Input!$J$14,0)+IF(Input!$K$15=3,L4235*Input!$J$15,0)+IF(Input!$K$16=3,M4235*Input!$J$16,0)</f>
        <v>0</v>
      </c>
      <c r="Q4235" s="71">
        <f>IF(Input!$K$13=4,J4235*Input!$J$13,0)+IF(Input!$K$14=4,K4235*Input!$J$14,0)+IF(Input!$K$15=4,L4235*Input!$J$15,0)+IF(Input!$K$16=4,M4235*Input!$J$16,0)</f>
        <v>0</v>
      </c>
    </row>
    <row r="4236" spans="8:17" x14ac:dyDescent="0.25">
      <c r="H4236" s="43">
        <v>4229</v>
      </c>
      <c r="I4236" s="55">
        <f>Bühler!I4262</f>
        <v>0</v>
      </c>
      <c r="J4236" s="58">
        <f>Bühler!J4262</f>
        <v>6.2367566159024053</v>
      </c>
      <c r="K4236" s="58">
        <f>Bühler!K4262</f>
        <v>0.53742643329636319</v>
      </c>
      <c r="L4236" s="58">
        <f>Bühler!L4262</f>
        <v>0.2687132166481816</v>
      </c>
      <c r="M4236" s="57">
        <f>Bühler!M4262</f>
        <v>0</v>
      </c>
      <c r="N4236" s="55">
        <f>IF(Input!$K$13=1,J4236*Input!$J$13,0)+IF(Input!$K$14=1,K4236*Input!$J$14,0)+IF(Input!$K$15=1,L4236*Input!$J$15,0)+IF(Input!$K$16=1,M4236*Input!$J$16,0)</f>
        <v>0.74841079390828857</v>
      </c>
      <c r="O4236" s="58">
        <f>IF(Input!$K$13=2,J4236*Input!$J$13,0)+IF(Input!$K$14=2,K4236*Input!$J$14,0)+IF(Input!$K$15=2,L4236*Input!$J$15,0)+IF(Input!$K$16=2,M4236*Input!$J$16,0)</f>
        <v>7.2552568495009018E-2</v>
      </c>
      <c r="P4236" s="58">
        <f>IF(Input!$K$13=3,J4236*Input!$J$13,0)+IF(Input!$K$14=3,K4236*Input!$J$14,0)+IF(Input!$K$15=3,L4236*Input!$J$15,0)+IF(Input!$K$16=3,M4236*Input!$J$16,0)</f>
        <v>0</v>
      </c>
      <c r="Q4236" s="71">
        <f>IF(Input!$K$13=4,J4236*Input!$J$13,0)+IF(Input!$K$14=4,K4236*Input!$J$14,0)+IF(Input!$K$15=4,L4236*Input!$J$15,0)+IF(Input!$K$16=4,M4236*Input!$J$16,0)</f>
        <v>0</v>
      </c>
    </row>
    <row r="4237" spans="8:17" x14ac:dyDescent="0.25">
      <c r="H4237" s="43">
        <v>4230</v>
      </c>
      <c r="I4237" s="55">
        <f>Bühler!I4263</f>
        <v>0</v>
      </c>
      <c r="J4237" s="58">
        <f>Bühler!J4263</f>
        <v>6.2367566159024053</v>
      </c>
      <c r="K4237" s="58">
        <f>Bühler!K4263</f>
        <v>0.53742643329636319</v>
      </c>
      <c r="L4237" s="58">
        <f>Bühler!L4263</f>
        <v>0.2687132166481816</v>
      </c>
      <c r="M4237" s="57">
        <f>Bühler!M4263</f>
        <v>0</v>
      </c>
      <c r="N4237" s="55">
        <f>IF(Input!$K$13=1,J4237*Input!$J$13,0)+IF(Input!$K$14=1,K4237*Input!$J$14,0)+IF(Input!$K$15=1,L4237*Input!$J$15,0)+IF(Input!$K$16=1,M4237*Input!$J$16,0)</f>
        <v>0.74841079390828857</v>
      </c>
      <c r="O4237" s="58">
        <f>IF(Input!$K$13=2,J4237*Input!$J$13,0)+IF(Input!$K$14=2,K4237*Input!$J$14,0)+IF(Input!$K$15=2,L4237*Input!$J$15,0)+IF(Input!$K$16=2,M4237*Input!$J$16,0)</f>
        <v>7.2552568495009018E-2</v>
      </c>
      <c r="P4237" s="58">
        <f>IF(Input!$K$13=3,J4237*Input!$J$13,0)+IF(Input!$K$14=3,K4237*Input!$J$14,0)+IF(Input!$K$15=3,L4237*Input!$J$15,0)+IF(Input!$K$16=3,M4237*Input!$J$16,0)</f>
        <v>0</v>
      </c>
      <c r="Q4237" s="71">
        <f>IF(Input!$K$13=4,J4237*Input!$J$13,0)+IF(Input!$K$14=4,K4237*Input!$J$14,0)+IF(Input!$K$15=4,L4237*Input!$J$15,0)+IF(Input!$K$16=4,M4237*Input!$J$16,0)</f>
        <v>0</v>
      </c>
    </row>
    <row r="4238" spans="8:17" x14ac:dyDescent="0.25">
      <c r="H4238" s="43">
        <v>4231</v>
      </c>
      <c r="I4238" s="55">
        <f>Bühler!I4264</f>
        <v>0</v>
      </c>
      <c r="J4238" s="58">
        <f>Bühler!J4264</f>
        <v>6.2367566159024053</v>
      </c>
      <c r="K4238" s="58">
        <f>Bühler!K4264</f>
        <v>0.53742643329636319</v>
      </c>
      <c r="L4238" s="58">
        <f>Bühler!L4264</f>
        <v>0.2687132166481816</v>
      </c>
      <c r="M4238" s="57">
        <f>Bühler!M4264</f>
        <v>0</v>
      </c>
      <c r="N4238" s="55">
        <f>IF(Input!$K$13=1,J4238*Input!$J$13,0)+IF(Input!$K$14=1,K4238*Input!$J$14,0)+IF(Input!$K$15=1,L4238*Input!$J$15,0)+IF(Input!$K$16=1,M4238*Input!$J$16,0)</f>
        <v>0.74841079390828857</v>
      </c>
      <c r="O4238" s="58">
        <f>IF(Input!$K$13=2,J4238*Input!$J$13,0)+IF(Input!$K$14=2,K4238*Input!$J$14,0)+IF(Input!$K$15=2,L4238*Input!$J$15,0)+IF(Input!$K$16=2,M4238*Input!$J$16,0)</f>
        <v>7.2552568495009018E-2</v>
      </c>
      <c r="P4238" s="58">
        <f>IF(Input!$K$13=3,J4238*Input!$J$13,0)+IF(Input!$K$14=3,K4238*Input!$J$14,0)+IF(Input!$K$15=3,L4238*Input!$J$15,0)+IF(Input!$K$16=3,M4238*Input!$J$16,0)</f>
        <v>0</v>
      </c>
      <c r="Q4238" s="71">
        <f>IF(Input!$K$13=4,J4238*Input!$J$13,0)+IF(Input!$K$14=4,K4238*Input!$J$14,0)+IF(Input!$K$15=4,L4238*Input!$J$15,0)+IF(Input!$K$16=4,M4238*Input!$J$16,0)</f>
        <v>0</v>
      </c>
    </row>
    <row r="4239" spans="8:17" x14ac:dyDescent="0.25">
      <c r="H4239" s="43">
        <v>4232</v>
      </c>
      <c r="I4239" s="55">
        <f>Bühler!I4265</f>
        <v>0</v>
      </c>
      <c r="J4239" s="58">
        <f>Bühler!J4265</f>
        <v>26.568583183744245</v>
      </c>
      <c r="K4239" s="58">
        <f>Bühler!K4265</f>
        <v>2.2894366058425071</v>
      </c>
      <c r="L4239" s="58">
        <f>Bühler!L4265</f>
        <v>1.1447183029212535</v>
      </c>
      <c r="M4239" s="57">
        <f>Bühler!M4265</f>
        <v>0</v>
      </c>
      <c r="N4239" s="55">
        <f>IF(Input!$K$13=1,J4239*Input!$J$13,0)+IF(Input!$K$14=1,K4239*Input!$J$14,0)+IF(Input!$K$15=1,L4239*Input!$J$15,0)+IF(Input!$K$16=1,M4239*Input!$J$16,0)</f>
        <v>3.1882299820493092</v>
      </c>
      <c r="O4239" s="58">
        <f>IF(Input!$K$13=2,J4239*Input!$J$13,0)+IF(Input!$K$14=2,K4239*Input!$J$14,0)+IF(Input!$K$15=2,L4239*Input!$J$15,0)+IF(Input!$K$16=2,M4239*Input!$J$16,0)</f>
        <v>0.30907394178873848</v>
      </c>
      <c r="P4239" s="58">
        <f>IF(Input!$K$13=3,J4239*Input!$J$13,0)+IF(Input!$K$14=3,K4239*Input!$J$14,0)+IF(Input!$K$15=3,L4239*Input!$J$15,0)+IF(Input!$K$16=3,M4239*Input!$J$16,0)</f>
        <v>0</v>
      </c>
      <c r="Q4239" s="71">
        <f>IF(Input!$K$13=4,J4239*Input!$J$13,0)+IF(Input!$K$14=4,K4239*Input!$J$14,0)+IF(Input!$K$15=4,L4239*Input!$J$15,0)+IF(Input!$K$16=4,M4239*Input!$J$16,0)</f>
        <v>0</v>
      </c>
    </row>
    <row r="4240" spans="8:17" x14ac:dyDescent="0.25">
      <c r="H4240" s="43">
        <v>4233</v>
      </c>
      <c r="I4240" s="55">
        <f>Bühler!I4266</f>
        <v>0</v>
      </c>
      <c r="J4240" s="58">
        <f>Bühler!J4266</f>
        <v>29.889656081712275</v>
      </c>
      <c r="K4240" s="58">
        <f>Bühler!K4266</f>
        <v>2.5756161815728209</v>
      </c>
      <c r="L4240" s="58">
        <f>Bühler!L4266</f>
        <v>1.2878080907864105</v>
      </c>
      <c r="M4240" s="57">
        <f>Bühler!M4266</f>
        <v>0</v>
      </c>
      <c r="N4240" s="55">
        <f>IF(Input!$K$13=1,J4240*Input!$J$13,0)+IF(Input!$K$14=1,K4240*Input!$J$14,0)+IF(Input!$K$15=1,L4240*Input!$J$15,0)+IF(Input!$K$16=1,M4240*Input!$J$16,0)</f>
        <v>3.5867587298054731</v>
      </c>
      <c r="O4240" s="58">
        <f>IF(Input!$K$13=2,J4240*Input!$J$13,0)+IF(Input!$K$14=2,K4240*Input!$J$14,0)+IF(Input!$K$15=2,L4240*Input!$J$15,0)+IF(Input!$K$16=2,M4240*Input!$J$16,0)</f>
        <v>0.34770818451233076</v>
      </c>
      <c r="P4240" s="58">
        <f>IF(Input!$K$13=3,J4240*Input!$J$13,0)+IF(Input!$K$14=3,K4240*Input!$J$14,0)+IF(Input!$K$15=3,L4240*Input!$J$15,0)+IF(Input!$K$16=3,M4240*Input!$J$16,0)</f>
        <v>0</v>
      </c>
      <c r="Q4240" s="71">
        <f>IF(Input!$K$13=4,J4240*Input!$J$13,0)+IF(Input!$K$14=4,K4240*Input!$J$14,0)+IF(Input!$K$15=4,L4240*Input!$J$15,0)+IF(Input!$K$16=4,M4240*Input!$J$16,0)</f>
        <v>0</v>
      </c>
    </row>
    <row r="4241" spans="8:17" x14ac:dyDescent="0.25">
      <c r="H4241" s="43">
        <v>4234</v>
      </c>
      <c r="I4241" s="55">
        <f>Bühler!I4267</f>
        <v>0</v>
      </c>
      <c r="J4241" s="58">
        <f>Bühler!J4267</f>
        <v>33.210728979680312</v>
      </c>
      <c r="K4241" s="58">
        <f>Bühler!K4267</f>
        <v>2.8617957573031343</v>
      </c>
      <c r="L4241" s="58">
        <f>Bühler!L4267</f>
        <v>1.4308978786515671</v>
      </c>
      <c r="M4241" s="57">
        <f>Bühler!M4267</f>
        <v>0</v>
      </c>
      <c r="N4241" s="55">
        <f>IF(Input!$K$13=1,J4241*Input!$J$13,0)+IF(Input!$K$14=1,K4241*Input!$J$14,0)+IF(Input!$K$15=1,L4241*Input!$J$15,0)+IF(Input!$K$16=1,M4241*Input!$J$16,0)</f>
        <v>3.9852874775616374</v>
      </c>
      <c r="O4241" s="58">
        <f>IF(Input!$K$13=2,J4241*Input!$J$13,0)+IF(Input!$K$14=2,K4241*Input!$J$14,0)+IF(Input!$K$15=2,L4241*Input!$J$15,0)+IF(Input!$K$16=2,M4241*Input!$J$16,0)</f>
        <v>0.38634242723592316</v>
      </c>
      <c r="P4241" s="58">
        <f>IF(Input!$K$13=3,J4241*Input!$J$13,0)+IF(Input!$K$14=3,K4241*Input!$J$14,0)+IF(Input!$K$15=3,L4241*Input!$J$15,0)+IF(Input!$K$16=3,M4241*Input!$J$16,0)</f>
        <v>0</v>
      </c>
      <c r="Q4241" s="71">
        <f>IF(Input!$K$13=4,J4241*Input!$J$13,0)+IF(Input!$K$14=4,K4241*Input!$J$14,0)+IF(Input!$K$15=4,L4241*Input!$J$15,0)+IF(Input!$K$16=4,M4241*Input!$J$16,0)</f>
        <v>0</v>
      </c>
    </row>
    <row r="4242" spans="8:17" x14ac:dyDescent="0.25">
      <c r="H4242" s="43">
        <v>4235</v>
      </c>
      <c r="I4242" s="55">
        <f>Bühler!I4268</f>
        <v>0</v>
      </c>
      <c r="J4242" s="58">
        <f>Bühler!J4268</f>
        <v>33.210728979680312</v>
      </c>
      <c r="K4242" s="58">
        <f>Bühler!K4268</f>
        <v>2.8617957573031343</v>
      </c>
      <c r="L4242" s="58">
        <f>Bühler!L4268</f>
        <v>1.4308978786515671</v>
      </c>
      <c r="M4242" s="57">
        <f>Bühler!M4268</f>
        <v>0</v>
      </c>
      <c r="N4242" s="55">
        <f>IF(Input!$K$13=1,J4242*Input!$J$13,0)+IF(Input!$K$14=1,K4242*Input!$J$14,0)+IF(Input!$K$15=1,L4242*Input!$J$15,0)+IF(Input!$K$16=1,M4242*Input!$J$16,0)</f>
        <v>3.9852874775616374</v>
      </c>
      <c r="O4242" s="58">
        <f>IF(Input!$K$13=2,J4242*Input!$J$13,0)+IF(Input!$K$14=2,K4242*Input!$J$14,0)+IF(Input!$K$15=2,L4242*Input!$J$15,0)+IF(Input!$K$16=2,M4242*Input!$J$16,0)</f>
        <v>0.38634242723592316</v>
      </c>
      <c r="P4242" s="58">
        <f>IF(Input!$K$13=3,J4242*Input!$J$13,0)+IF(Input!$K$14=3,K4242*Input!$J$14,0)+IF(Input!$K$15=3,L4242*Input!$J$15,0)+IF(Input!$K$16=3,M4242*Input!$J$16,0)</f>
        <v>0</v>
      </c>
      <c r="Q4242" s="71">
        <f>IF(Input!$K$13=4,J4242*Input!$J$13,0)+IF(Input!$K$14=4,K4242*Input!$J$14,0)+IF(Input!$K$15=4,L4242*Input!$J$15,0)+IF(Input!$K$16=4,M4242*Input!$J$16,0)</f>
        <v>0</v>
      </c>
    </row>
    <row r="4243" spans="8:17" x14ac:dyDescent="0.25">
      <c r="H4243" s="43">
        <v>4236</v>
      </c>
      <c r="I4243" s="55">
        <f>Bühler!I4269</f>
        <v>0</v>
      </c>
      <c r="J4243" s="58">
        <f>Bühler!J4269</f>
        <v>39.852874775616371</v>
      </c>
      <c r="K4243" s="58">
        <f>Bühler!K4269</f>
        <v>3.4341549087637611</v>
      </c>
      <c r="L4243" s="58">
        <f>Bühler!L4269</f>
        <v>1.7170774543818805</v>
      </c>
      <c r="M4243" s="57">
        <f>Bühler!M4269</f>
        <v>0</v>
      </c>
      <c r="N4243" s="55">
        <f>IF(Input!$K$13=1,J4243*Input!$J$13,0)+IF(Input!$K$14=1,K4243*Input!$J$14,0)+IF(Input!$K$15=1,L4243*Input!$J$15,0)+IF(Input!$K$16=1,M4243*Input!$J$16,0)</f>
        <v>4.7823449730739647</v>
      </c>
      <c r="O4243" s="58">
        <f>IF(Input!$K$13=2,J4243*Input!$J$13,0)+IF(Input!$K$14=2,K4243*Input!$J$14,0)+IF(Input!$K$15=2,L4243*Input!$J$15,0)+IF(Input!$K$16=2,M4243*Input!$J$16,0)</f>
        <v>0.46361091268310772</v>
      </c>
      <c r="P4243" s="58">
        <f>IF(Input!$K$13=3,J4243*Input!$J$13,0)+IF(Input!$K$14=3,K4243*Input!$J$14,0)+IF(Input!$K$15=3,L4243*Input!$J$15,0)+IF(Input!$K$16=3,M4243*Input!$J$16,0)</f>
        <v>0</v>
      </c>
      <c r="Q4243" s="71">
        <f>IF(Input!$K$13=4,J4243*Input!$J$13,0)+IF(Input!$K$14=4,K4243*Input!$J$14,0)+IF(Input!$K$15=4,L4243*Input!$J$15,0)+IF(Input!$K$16=4,M4243*Input!$J$16,0)</f>
        <v>0</v>
      </c>
    </row>
    <row r="4244" spans="8:17" x14ac:dyDescent="0.25">
      <c r="H4244" s="43">
        <v>4237</v>
      </c>
      <c r="I4244" s="55">
        <f>Bühler!I4270</f>
        <v>0</v>
      </c>
      <c r="J4244" s="58">
        <f>Bühler!J4270</f>
        <v>39.852874775616371</v>
      </c>
      <c r="K4244" s="58">
        <f>Bühler!K4270</f>
        <v>3.4341549087637611</v>
      </c>
      <c r="L4244" s="58">
        <f>Bühler!L4270</f>
        <v>1.7170774543818805</v>
      </c>
      <c r="M4244" s="57">
        <f>Bühler!M4270</f>
        <v>0</v>
      </c>
      <c r="N4244" s="55">
        <f>IF(Input!$K$13=1,J4244*Input!$J$13,0)+IF(Input!$K$14=1,K4244*Input!$J$14,0)+IF(Input!$K$15=1,L4244*Input!$J$15,0)+IF(Input!$K$16=1,M4244*Input!$J$16,0)</f>
        <v>4.7823449730739647</v>
      </c>
      <c r="O4244" s="58">
        <f>IF(Input!$K$13=2,J4244*Input!$J$13,0)+IF(Input!$K$14=2,K4244*Input!$J$14,0)+IF(Input!$K$15=2,L4244*Input!$J$15,0)+IF(Input!$K$16=2,M4244*Input!$J$16,0)</f>
        <v>0.46361091268310772</v>
      </c>
      <c r="P4244" s="58">
        <f>IF(Input!$K$13=3,J4244*Input!$J$13,0)+IF(Input!$K$14=3,K4244*Input!$J$14,0)+IF(Input!$K$15=3,L4244*Input!$J$15,0)+IF(Input!$K$16=3,M4244*Input!$J$16,0)</f>
        <v>0</v>
      </c>
      <c r="Q4244" s="71">
        <f>IF(Input!$K$13=4,J4244*Input!$J$13,0)+IF(Input!$K$14=4,K4244*Input!$J$14,0)+IF(Input!$K$15=4,L4244*Input!$J$15,0)+IF(Input!$K$16=4,M4244*Input!$J$16,0)</f>
        <v>0</v>
      </c>
    </row>
    <row r="4245" spans="8:17" x14ac:dyDescent="0.25">
      <c r="H4245" s="43">
        <v>4238</v>
      </c>
      <c r="I4245" s="55">
        <f>Bühler!I4271</f>
        <v>0</v>
      </c>
      <c r="J4245" s="58">
        <f>Bühler!J4271</f>
        <v>26.568583183744245</v>
      </c>
      <c r="K4245" s="58">
        <f>Bühler!K4271</f>
        <v>2.2894366058425071</v>
      </c>
      <c r="L4245" s="58">
        <f>Bühler!L4271</f>
        <v>1.1447183029212535</v>
      </c>
      <c r="M4245" s="57">
        <f>Bühler!M4271</f>
        <v>0</v>
      </c>
      <c r="N4245" s="55">
        <f>IF(Input!$K$13=1,J4245*Input!$J$13,0)+IF(Input!$K$14=1,K4245*Input!$J$14,0)+IF(Input!$K$15=1,L4245*Input!$J$15,0)+IF(Input!$K$16=1,M4245*Input!$J$16,0)</f>
        <v>3.1882299820493092</v>
      </c>
      <c r="O4245" s="58">
        <f>IF(Input!$K$13=2,J4245*Input!$J$13,0)+IF(Input!$K$14=2,K4245*Input!$J$14,0)+IF(Input!$K$15=2,L4245*Input!$J$15,0)+IF(Input!$K$16=2,M4245*Input!$J$16,0)</f>
        <v>0.30907394178873848</v>
      </c>
      <c r="P4245" s="58">
        <f>IF(Input!$K$13=3,J4245*Input!$J$13,0)+IF(Input!$K$14=3,K4245*Input!$J$14,0)+IF(Input!$K$15=3,L4245*Input!$J$15,0)+IF(Input!$K$16=3,M4245*Input!$J$16,0)</f>
        <v>0</v>
      </c>
      <c r="Q4245" s="71">
        <f>IF(Input!$K$13=4,J4245*Input!$J$13,0)+IF(Input!$K$14=4,K4245*Input!$J$14,0)+IF(Input!$K$15=4,L4245*Input!$J$15,0)+IF(Input!$K$16=4,M4245*Input!$J$16,0)</f>
        <v>0</v>
      </c>
    </row>
    <row r="4246" spans="8:17" x14ac:dyDescent="0.25">
      <c r="H4246" s="43">
        <v>4239</v>
      </c>
      <c r="I4246" s="55">
        <f>Bühler!I4272</f>
        <v>0</v>
      </c>
      <c r="J4246" s="58">
        <f>Bühler!J4272</f>
        <v>39.852874775616371</v>
      </c>
      <c r="K4246" s="58">
        <f>Bühler!K4272</f>
        <v>3.4341549087637611</v>
      </c>
      <c r="L4246" s="58">
        <f>Bühler!L4272</f>
        <v>1.7170774543818805</v>
      </c>
      <c r="M4246" s="57">
        <f>Bühler!M4272</f>
        <v>0</v>
      </c>
      <c r="N4246" s="55">
        <f>IF(Input!$K$13=1,J4246*Input!$J$13,0)+IF(Input!$K$14=1,K4246*Input!$J$14,0)+IF(Input!$K$15=1,L4246*Input!$J$15,0)+IF(Input!$K$16=1,M4246*Input!$J$16,0)</f>
        <v>4.7823449730739647</v>
      </c>
      <c r="O4246" s="58">
        <f>IF(Input!$K$13=2,J4246*Input!$J$13,0)+IF(Input!$K$14=2,K4246*Input!$J$14,0)+IF(Input!$K$15=2,L4246*Input!$J$15,0)+IF(Input!$K$16=2,M4246*Input!$J$16,0)</f>
        <v>0.46361091268310772</v>
      </c>
      <c r="P4246" s="58">
        <f>IF(Input!$K$13=3,J4246*Input!$J$13,0)+IF(Input!$K$14=3,K4246*Input!$J$14,0)+IF(Input!$K$15=3,L4246*Input!$J$15,0)+IF(Input!$K$16=3,M4246*Input!$J$16,0)</f>
        <v>0</v>
      </c>
      <c r="Q4246" s="71">
        <f>IF(Input!$K$13=4,J4246*Input!$J$13,0)+IF(Input!$K$14=4,K4246*Input!$J$14,0)+IF(Input!$K$15=4,L4246*Input!$J$15,0)+IF(Input!$K$16=4,M4246*Input!$J$16,0)</f>
        <v>0</v>
      </c>
    </row>
    <row r="4247" spans="8:17" x14ac:dyDescent="0.25">
      <c r="H4247" s="43">
        <v>4240</v>
      </c>
      <c r="I4247" s="55">
        <f>Bühler!I4273</f>
        <v>0</v>
      </c>
      <c r="J4247" s="58">
        <f>Bühler!J4273</f>
        <v>39.852874775616371</v>
      </c>
      <c r="K4247" s="58">
        <f>Bühler!K4273</f>
        <v>3.4341549087637611</v>
      </c>
      <c r="L4247" s="58">
        <f>Bühler!L4273</f>
        <v>1.7170774543818805</v>
      </c>
      <c r="M4247" s="57">
        <f>Bühler!M4273</f>
        <v>0</v>
      </c>
      <c r="N4247" s="55">
        <f>IF(Input!$K$13=1,J4247*Input!$J$13,0)+IF(Input!$K$14=1,K4247*Input!$J$14,0)+IF(Input!$K$15=1,L4247*Input!$J$15,0)+IF(Input!$K$16=1,M4247*Input!$J$16,0)</f>
        <v>4.7823449730739647</v>
      </c>
      <c r="O4247" s="58">
        <f>IF(Input!$K$13=2,J4247*Input!$J$13,0)+IF(Input!$K$14=2,K4247*Input!$J$14,0)+IF(Input!$K$15=2,L4247*Input!$J$15,0)+IF(Input!$K$16=2,M4247*Input!$J$16,0)</f>
        <v>0.46361091268310772</v>
      </c>
      <c r="P4247" s="58">
        <f>IF(Input!$K$13=3,J4247*Input!$J$13,0)+IF(Input!$K$14=3,K4247*Input!$J$14,0)+IF(Input!$K$15=3,L4247*Input!$J$15,0)+IF(Input!$K$16=3,M4247*Input!$J$16,0)</f>
        <v>0</v>
      </c>
      <c r="Q4247" s="71">
        <f>IF(Input!$K$13=4,J4247*Input!$J$13,0)+IF(Input!$K$14=4,K4247*Input!$J$14,0)+IF(Input!$K$15=4,L4247*Input!$J$15,0)+IF(Input!$K$16=4,M4247*Input!$J$16,0)</f>
        <v>0</v>
      </c>
    </row>
    <row r="4248" spans="8:17" x14ac:dyDescent="0.25">
      <c r="H4248" s="43">
        <v>4241</v>
      </c>
      <c r="I4248" s="55">
        <f>Bühler!I4274</f>
        <v>0</v>
      </c>
      <c r="J4248" s="58">
        <f>Bühler!J4274</f>
        <v>23.247510285776212</v>
      </c>
      <c r="K4248" s="58">
        <f>Bühler!K4274</f>
        <v>2.0032570301121937</v>
      </c>
      <c r="L4248" s="58">
        <f>Bühler!L4274</f>
        <v>1.0016285150560968</v>
      </c>
      <c r="M4248" s="57">
        <f>Bühler!M4274</f>
        <v>0</v>
      </c>
      <c r="N4248" s="55">
        <f>IF(Input!$K$13=1,J4248*Input!$J$13,0)+IF(Input!$K$14=1,K4248*Input!$J$14,0)+IF(Input!$K$15=1,L4248*Input!$J$15,0)+IF(Input!$K$16=1,M4248*Input!$J$16,0)</f>
        <v>2.7897012342931453</v>
      </c>
      <c r="O4248" s="58">
        <f>IF(Input!$K$13=2,J4248*Input!$J$13,0)+IF(Input!$K$14=2,K4248*Input!$J$14,0)+IF(Input!$K$15=2,L4248*Input!$J$15,0)+IF(Input!$K$16=2,M4248*Input!$J$16,0)</f>
        <v>0.27043969906514614</v>
      </c>
      <c r="P4248" s="58">
        <f>IF(Input!$K$13=3,J4248*Input!$J$13,0)+IF(Input!$K$14=3,K4248*Input!$J$14,0)+IF(Input!$K$15=3,L4248*Input!$J$15,0)+IF(Input!$K$16=3,M4248*Input!$J$16,0)</f>
        <v>0</v>
      </c>
      <c r="Q4248" s="71">
        <f>IF(Input!$K$13=4,J4248*Input!$J$13,0)+IF(Input!$K$14=4,K4248*Input!$J$14,0)+IF(Input!$K$15=4,L4248*Input!$J$15,0)+IF(Input!$K$16=4,M4248*Input!$J$16,0)</f>
        <v>0</v>
      </c>
    </row>
    <row r="4249" spans="8:17" x14ac:dyDescent="0.25">
      <c r="H4249" s="43">
        <v>4242</v>
      </c>
      <c r="I4249" s="55">
        <f>Bühler!I4275</f>
        <v>0</v>
      </c>
      <c r="J4249" s="58">
        <f>Bühler!J4275</f>
        <v>6.6421457959360612</v>
      </c>
      <c r="K4249" s="58">
        <f>Bühler!K4275</f>
        <v>0.57235915146062677</v>
      </c>
      <c r="L4249" s="58">
        <f>Bühler!L4275</f>
        <v>0.28617957573031338</v>
      </c>
      <c r="M4249" s="57">
        <f>Bühler!M4275</f>
        <v>0</v>
      </c>
      <c r="N4249" s="55">
        <f>IF(Input!$K$13=1,J4249*Input!$J$13,0)+IF(Input!$K$14=1,K4249*Input!$J$14,0)+IF(Input!$K$15=1,L4249*Input!$J$15,0)+IF(Input!$K$16=1,M4249*Input!$J$16,0)</f>
        <v>0.7970574955123273</v>
      </c>
      <c r="O4249" s="58">
        <f>IF(Input!$K$13=2,J4249*Input!$J$13,0)+IF(Input!$K$14=2,K4249*Input!$J$14,0)+IF(Input!$K$15=2,L4249*Input!$J$15,0)+IF(Input!$K$16=2,M4249*Input!$J$16,0)</f>
        <v>7.7268485447184621E-2</v>
      </c>
      <c r="P4249" s="58">
        <f>IF(Input!$K$13=3,J4249*Input!$J$13,0)+IF(Input!$K$14=3,K4249*Input!$J$14,0)+IF(Input!$K$15=3,L4249*Input!$J$15,0)+IF(Input!$K$16=3,M4249*Input!$J$16,0)</f>
        <v>0</v>
      </c>
      <c r="Q4249" s="71">
        <f>IF(Input!$K$13=4,J4249*Input!$J$13,0)+IF(Input!$K$14=4,K4249*Input!$J$14,0)+IF(Input!$K$15=4,L4249*Input!$J$15,0)+IF(Input!$K$16=4,M4249*Input!$J$16,0)</f>
        <v>0</v>
      </c>
    </row>
    <row r="4250" spans="8:17" x14ac:dyDescent="0.25">
      <c r="H4250" s="43">
        <v>4243</v>
      </c>
      <c r="I4250" s="55">
        <f>Bühler!I4276</f>
        <v>0</v>
      </c>
      <c r="J4250" s="58">
        <f>Bühler!J4276</f>
        <v>6.5485944466975248</v>
      </c>
      <c r="K4250" s="58">
        <f>Bühler!K4276</f>
        <v>0.56429775496118129</v>
      </c>
      <c r="L4250" s="58">
        <f>Bühler!L4276</f>
        <v>0.28214887748059064</v>
      </c>
      <c r="M4250" s="57">
        <f>Bühler!M4276</f>
        <v>0</v>
      </c>
      <c r="N4250" s="55">
        <f>IF(Input!$K$13=1,J4250*Input!$J$13,0)+IF(Input!$K$14=1,K4250*Input!$J$14,0)+IF(Input!$K$15=1,L4250*Input!$J$15,0)+IF(Input!$K$16=1,M4250*Input!$J$16,0)</f>
        <v>0.78583133360370294</v>
      </c>
      <c r="O4250" s="58">
        <f>IF(Input!$K$13=2,J4250*Input!$J$13,0)+IF(Input!$K$14=2,K4250*Input!$J$14,0)+IF(Input!$K$15=2,L4250*Input!$J$15,0)+IF(Input!$K$16=2,M4250*Input!$J$16,0)</f>
        <v>7.6180196919759469E-2</v>
      </c>
      <c r="P4250" s="58">
        <f>IF(Input!$K$13=3,J4250*Input!$J$13,0)+IF(Input!$K$14=3,K4250*Input!$J$14,0)+IF(Input!$K$15=3,L4250*Input!$J$15,0)+IF(Input!$K$16=3,M4250*Input!$J$16,0)</f>
        <v>0</v>
      </c>
      <c r="Q4250" s="71">
        <f>IF(Input!$K$13=4,J4250*Input!$J$13,0)+IF(Input!$K$14=4,K4250*Input!$J$14,0)+IF(Input!$K$15=4,L4250*Input!$J$15,0)+IF(Input!$K$16=4,M4250*Input!$J$16,0)</f>
        <v>0</v>
      </c>
    </row>
    <row r="4251" spans="8:17" x14ac:dyDescent="0.25">
      <c r="H4251" s="43">
        <v>4244</v>
      </c>
      <c r="I4251" s="55">
        <f>Bühler!I4277</f>
        <v>0</v>
      </c>
      <c r="J4251" s="58">
        <f>Bühler!J4277</f>
        <v>6.5485944466975248</v>
      </c>
      <c r="K4251" s="58">
        <f>Bühler!K4277</f>
        <v>0.56429775496118129</v>
      </c>
      <c r="L4251" s="58">
        <f>Bühler!L4277</f>
        <v>0.28214887748059064</v>
      </c>
      <c r="M4251" s="57">
        <f>Bühler!M4277</f>
        <v>0</v>
      </c>
      <c r="N4251" s="55">
        <f>IF(Input!$K$13=1,J4251*Input!$J$13,0)+IF(Input!$K$14=1,K4251*Input!$J$14,0)+IF(Input!$K$15=1,L4251*Input!$J$15,0)+IF(Input!$K$16=1,M4251*Input!$J$16,0)</f>
        <v>0.78583133360370294</v>
      </c>
      <c r="O4251" s="58">
        <f>IF(Input!$K$13=2,J4251*Input!$J$13,0)+IF(Input!$K$14=2,K4251*Input!$J$14,0)+IF(Input!$K$15=2,L4251*Input!$J$15,0)+IF(Input!$K$16=2,M4251*Input!$J$16,0)</f>
        <v>7.6180196919759469E-2</v>
      </c>
      <c r="P4251" s="58">
        <f>IF(Input!$K$13=3,J4251*Input!$J$13,0)+IF(Input!$K$14=3,K4251*Input!$J$14,0)+IF(Input!$K$15=3,L4251*Input!$J$15,0)+IF(Input!$K$16=3,M4251*Input!$J$16,0)</f>
        <v>0</v>
      </c>
      <c r="Q4251" s="71">
        <f>IF(Input!$K$13=4,J4251*Input!$J$13,0)+IF(Input!$K$14=4,K4251*Input!$J$14,0)+IF(Input!$K$15=4,L4251*Input!$J$15,0)+IF(Input!$K$16=4,M4251*Input!$J$16,0)</f>
        <v>0</v>
      </c>
    </row>
    <row r="4252" spans="8:17" x14ac:dyDescent="0.25">
      <c r="H4252" s="43">
        <v>4245</v>
      </c>
      <c r="I4252" s="55">
        <f>Bühler!I4278</f>
        <v>0</v>
      </c>
      <c r="J4252" s="58">
        <f>Bühler!J4278</f>
        <v>6.5485944466975248</v>
      </c>
      <c r="K4252" s="58">
        <f>Bühler!K4278</f>
        <v>0.56429775496118129</v>
      </c>
      <c r="L4252" s="58">
        <f>Bühler!L4278</f>
        <v>0.28214887748059064</v>
      </c>
      <c r="M4252" s="57">
        <f>Bühler!M4278</f>
        <v>0</v>
      </c>
      <c r="N4252" s="55">
        <f>IF(Input!$K$13=1,J4252*Input!$J$13,0)+IF(Input!$K$14=1,K4252*Input!$J$14,0)+IF(Input!$K$15=1,L4252*Input!$J$15,0)+IF(Input!$K$16=1,M4252*Input!$J$16,0)</f>
        <v>0.78583133360370294</v>
      </c>
      <c r="O4252" s="58">
        <f>IF(Input!$K$13=2,J4252*Input!$J$13,0)+IF(Input!$K$14=2,K4252*Input!$J$14,0)+IF(Input!$K$15=2,L4252*Input!$J$15,0)+IF(Input!$K$16=2,M4252*Input!$J$16,0)</f>
        <v>7.6180196919759469E-2</v>
      </c>
      <c r="P4252" s="58">
        <f>IF(Input!$K$13=3,J4252*Input!$J$13,0)+IF(Input!$K$14=3,K4252*Input!$J$14,0)+IF(Input!$K$15=3,L4252*Input!$J$15,0)+IF(Input!$K$16=3,M4252*Input!$J$16,0)</f>
        <v>0</v>
      </c>
      <c r="Q4252" s="71">
        <f>IF(Input!$K$13=4,J4252*Input!$J$13,0)+IF(Input!$K$14=4,K4252*Input!$J$14,0)+IF(Input!$K$15=4,L4252*Input!$J$15,0)+IF(Input!$K$16=4,M4252*Input!$J$16,0)</f>
        <v>0</v>
      </c>
    </row>
    <row r="4253" spans="8:17" x14ac:dyDescent="0.25">
      <c r="H4253" s="43">
        <v>4246</v>
      </c>
      <c r="I4253" s="55">
        <f>Bühler!I4279</f>
        <v>0</v>
      </c>
      <c r="J4253" s="58">
        <f>Bühler!J4279</f>
        <v>6.5485944466975248</v>
      </c>
      <c r="K4253" s="58">
        <f>Bühler!K4279</f>
        <v>0.56429775496118129</v>
      </c>
      <c r="L4253" s="58">
        <f>Bühler!L4279</f>
        <v>0.28214887748059064</v>
      </c>
      <c r="M4253" s="57">
        <f>Bühler!M4279</f>
        <v>0</v>
      </c>
      <c r="N4253" s="55">
        <f>IF(Input!$K$13=1,J4253*Input!$J$13,0)+IF(Input!$K$14=1,K4253*Input!$J$14,0)+IF(Input!$K$15=1,L4253*Input!$J$15,0)+IF(Input!$K$16=1,M4253*Input!$J$16,0)</f>
        <v>0.78583133360370294</v>
      </c>
      <c r="O4253" s="58">
        <f>IF(Input!$K$13=2,J4253*Input!$J$13,0)+IF(Input!$K$14=2,K4253*Input!$J$14,0)+IF(Input!$K$15=2,L4253*Input!$J$15,0)+IF(Input!$K$16=2,M4253*Input!$J$16,0)</f>
        <v>7.6180196919759469E-2</v>
      </c>
      <c r="P4253" s="58">
        <f>IF(Input!$K$13=3,J4253*Input!$J$13,0)+IF(Input!$K$14=3,K4253*Input!$J$14,0)+IF(Input!$K$15=3,L4253*Input!$J$15,0)+IF(Input!$K$16=3,M4253*Input!$J$16,0)</f>
        <v>0</v>
      </c>
      <c r="Q4253" s="71">
        <f>IF(Input!$K$13=4,J4253*Input!$J$13,0)+IF(Input!$K$14=4,K4253*Input!$J$14,0)+IF(Input!$K$15=4,L4253*Input!$J$15,0)+IF(Input!$K$16=4,M4253*Input!$J$16,0)</f>
        <v>0</v>
      </c>
    </row>
    <row r="4254" spans="8:17" x14ac:dyDescent="0.25">
      <c r="H4254" s="43">
        <v>4247</v>
      </c>
      <c r="I4254" s="55">
        <f>Bühler!I4280</f>
        <v>0</v>
      </c>
      <c r="J4254" s="58">
        <f>Bühler!J4280</f>
        <v>6.5485944466975248</v>
      </c>
      <c r="K4254" s="58">
        <f>Bühler!K4280</f>
        <v>0.56429775496118129</v>
      </c>
      <c r="L4254" s="58">
        <f>Bühler!L4280</f>
        <v>0.28214887748059064</v>
      </c>
      <c r="M4254" s="57">
        <f>Bühler!M4280</f>
        <v>0</v>
      </c>
      <c r="N4254" s="55">
        <f>IF(Input!$K$13=1,J4254*Input!$J$13,0)+IF(Input!$K$14=1,K4254*Input!$J$14,0)+IF(Input!$K$15=1,L4254*Input!$J$15,0)+IF(Input!$K$16=1,M4254*Input!$J$16,0)</f>
        <v>0.78583133360370294</v>
      </c>
      <c r="O4254" s="58">
        <f>IF(Input!$K$13=2,J4254*Input!$J$13,0)+IF(Input!$K$14=2,K4254*Input!$J$14,0)+IF(Input!$K$15=2,L4254*Input!$J$15,0)+IF(Input!$K$16=2,M4254*Input!$J$16,0)</f>
        <v>7.6180196919759469E-2</v>
      </c>
      <c r="P4254" s="58">
        <f>IF(Input!$K$13=3,J4254*Input!$J$13,0)+IF(Input!$K$14=3,K4254*Input!$J$14,0)+IF(Input!$K$15=3,L4254*Input!$J$15,0)+IF(Input!$K$16=3,M4254*Input!$J$16,0)</f>
        <v>0</v>
      </c>
      <c r="Q4254" s="71">
        <f>IF(Input!$K$13=4,J4254*Input!$J$13,0)+IF(Input!$K$14=4,K4254*Input!$J$14,0)+IF(Input!$K$15=4,L4254*Input!$J$15,0)+IF(Input!$K$16=4,M4254*Input!$J$16,0)</f>
        <v>0</v>
      </c>
    </row>
    <row r="4255" spans="8:17" x14ac:dyDescent="0.25">
      <c r="H4255" s="43">
        <v>4248</v>
      </c>
      <c r="I4255" s="55">
        <f>Bühler!I4281</f>
        <v>0</v>
      </c>
      <c r="J4255" s="58">
        <f>Bühler!J4281</f>
        <v>6.5485944466975248</v>
      </c>
      <c r="K4255" s="58">
        <f>Bühler!K4281</f>
        <v>0.56429775496118129</v>
      </c>
      <c r="L4255" s="58">
        <f>Bühler!L4281</f>
        <v>0.28214887748059064</v>
      </c>
      <c r="M4255" s="57">
        <f>Bühler!M4281</f>
        <v>0</v>
      </c>
      <c r="N4255" s="55">
        <f>IF(Input!$K$13=1,J4255*Input!$J$13,0)+IF(Input!$K$14=1,K4255*Input!$J$14,0)+IF(Input!$K$15=1,L4255*Input!$J$15,0)+IF(Input!$K$16=1,M4255*Input!$J$16,0)</f>
        <v>0.78583133360370294</v>
      </c>
      <c r="O4255" s="58">
        <f>IF(Input!$K$13=2,J4255*Input!$J$13,0)+IF(Input!$K$14=2,K4255*Input!$J$14,0)+IF(Input!$K$15=2,L4255*Input!$J$15,0)+IF(Input!$K$16=2,M4255*Input!$J$16,0)</f>
        <v>7.6180196919759469E-2</v>
      </c>
      <c r="P4255" s="58">
        <f>IF(Input!$K$13=3,J4255*Input!$J$13,0)+IF(Input!$K$14=3,K4255*Input!$J$14,0)+IF(Input!$K$15=3,L4255*Input!$J$15,0)+IF(Input!$K$16=3,M4255*Input!$J$16,0)</f>
        <v>0</v>
      </c>
      <c r="Q4255" s="71">
        <f>IF(Input!$K$13=4,J4255*Input!$J$13,0)+IF(Input!$K$14=4,K4255*Input!$J$14,0)+IF(Input!$K$15=4,L4255*Input!$J$15,0)+IF(Input!$K$16=4,M4255*Input!$J$16,0)</f>
        <v>0</v>
      </c>
    </row>
    <row r="4256" spans="8:17" x14ac:dyDescent="0.25">
      <c r="H4256" s="43">
        <v>4249</v>
      </c>
      <c r="I4256" s="55">
        <f>Bühler!I4282</f>
        <v>8.1085095085525593E-3</v>
      </c>
      <c r="J4256" s="58">
        <f>Bühler!J4282</f>
        <v>4.2090716607187426</v>
      </c>
      <c r="K4256" s="58">
        <f>Bühler!K4282</f>
        <v>0.3605753488570011</v>
      </c>
      <c r="L4256" s="58">
        <f>Bühler!L4282</f>
        <v>0.18028767442850055</v>
      </c>
      <c r="M4256" s="57">
        <f>Bühler!M4282</f>
        <v>0</v>
      </c>
      <c r="N4256" s="55">
        <f>IF(Input!$K$13=1,J4256*Input!$J$13,0)+IF(Input!$K$14=1,K4256*Input!$J$14,0)+IF(Input!$K$15=1,L4256*Input!$J$15,0)+IF(Input!$K$16=1,M4256*Input!$J$16,0)</f>
        <v>0.50508859928624905</v>
      </c>
      <c r="O4256" s="58">
        <f>IF(Input!$K$13=2,J4256*Input!$J$13,0)+IF(Input!$K$14=2,K4256*Input!$J$14,0)+IF(Input!$K$15=2,L4256*Input!$J$15,0)+IF(Input!$K$16=2,M4256*Input!$J$16,0)</f>
        <v>4.8677672095695144E-2</v>
      </c>
      <c r="P4256" s="58">
        <f>IF(Input!$K$13=3,J4256*Input!$J$13,0)+IF(Input!$K$14=3,K4256*Input!$J$14,0)+IF(Input!$K$15=3,L4256*Input!$J$15,0)+IF(Input!$K$16=3,M4256*Input!$J$16,0)</f>
        <v>0</v>
      </c>
      <c r="Q4256" s="71">
        <f>IF(Input!$K$13=4,J4256*Input!$J$13,0)+IF(Input!$K$14=4,K4256*Input!$J$14,0)+IF(Input!$K$15=4,L4256*Input!$J$15,0)+IF(Input!$K$16=4,M4256*Input!$J$16,0)</f>
        <v>0</v>
      </c>
    </row>
    <row r="4257" spans="8:17" x14ac:dyDescent="0.25">
      <c r="H4257" s="43">
        <v>4250</v>
      </c>
      <c r="I4257" s="55">
        <f>Bühler!I4283</f>
        <v>8.1085095085525593E-3</v>
      </c>
      <c r="J4257" s="58">
        <f>Bühler!J4283</f>
        <v>6.4092222256201365</v>
      </c>
      <c r="K4257" s="58">
        <f>Bühler!K4283</f>
        <v>0.54944815063923991</v>
      </c>
      <c r="L4257" s="58">
        <f>Bühler!L4283</f>
        <v>0.27472407531961995</v>
      </c>
      <c r="M4257" s="57">
        <f>Bühler!M4283</f>
        <v>0</v>
      </c>
      <c r="N4257" s="55">
        <f>IF(Input!$K$13=1,J4257*Input!$J$13,0)+IF(Input!$K$14=1,K4257*Input!$J$14,0)+IF(Input!$K$15=1,L4257*Input!$J$15,0)+IF(Input!$K$16=1,M4257*Input!$J$16,0)</f>
        <v>0.76910666707441633</v>
      </c>
      <c r="O4257" s="58">
        <f>IF(Input!$K$13=2,J4257*Input!$J$13,0)+IF(Input!$K$14=2,K4257*Input!$J$14,0)+IF(Input!$K$15=2,L4257*Input!$J$15,0)+IF(Input!$K$16=2,M4257*Input!$J$16,0)</f>
        <v>7.4175500336297384E-2</v>
      </c>
      <c r="P4257" s="58">
        <f>IF(Input!$K$13=3,J4257*Input!$J$13,0)+IF(Input!$K$14=3,K4257*Input!$J$14,0)+IF(Input!$K$15=3,L4257*Input!$J$15,0)+IF(Input!$K$16=3,M4257*Input!$J$16,0)</f>
        <v>0</v>
      </c>
      <c r="Q4257" s="71">
        <f>IF(Input!$K$13=4,J4257*Input!$J$13,0)+IF(Input!$K$14=4,K4257*Input!$J$14,0)+IF(Input!$K$15=4,L4257*Input!$J$15,0)+IF(Input!$K$16=4,M4257*Input!$J$16,0)</f>
        <v>0</v>
      </c>
    </row>
    <row r="4258" spans="8:17" x14ac:dyDescent="0.25">
      <c r="H4258" s="43">
        <v>4251</v>
      </c>
      <c r="I4258" s="55">
        <f>Bühler!I4284</f>
        <v>8.1085095085525593E-3</v>
      </c>
      <c r="J4258" s="58">
        <f>Bühler!J4284</f>
        <v>6.4092222256201365</v>
      </c>
      <c r="K4258" s="58">
        <f>Bühler!K4284</f>
        <v>0.54944815063923991</v>
      </c>
      <c r="L4258" s="58">
        <f>Bühler!L4284</f>
        <v>0.27472407531961995</v>
      </c>
      <c r="M4258" s="57">
        <f>Bühler!M4284</f>
        <v>0</v>
      </c>
      <c r="N4258" s="55">
        <f>IF(Input!$K$13=1,J4258*Input!$J$13,0)+IF(Input!$K$14=1,K4258*Input!$J$14,0)+IF(Input!$K$15=1,L4258*Input!$J$15,0)+IF(Input!$K$16=1,M4258*Input!$J$16,0)</f>
        <v>0.76910666707441633</v>
      </c>
      <c r="O4258" s="58">
        <f>IF(Input!$K$13=2,J4258*Input!$J$13,0)+IF(Input!$K$14=2,K4258*Input!$J$14,0)+IF(Input!$K$15=2,L4258*Input!$J$15,0)+IF(Input!$K$16=2,M4258*Input!$J$16,0)</f>
        <v>7.4175500336297384E-2</v>
      </c>
      <c r="P4258" s="58">
        <f>IF(Input!$K$13=3,J4258*Input!$J$13,0)+IF(Input!$K$14=3,K4258*Input!$J$14,0)+IF(Input!$K$15=3,L4258*Input!$J$15,0)+IF(Input!$K$16=3,M4258*Input!$J$16,0)</f>
        <v>0</v>
      </c>
      <c r="Q4258" s="71">
        <f>IF(Input!$K$13=4,J4258*Input!$J$13,0)+IF(Input!$K$14=4,K4258*Input!$J$14,0)+IF(Input!$K$15=4,L4258*Input!$J$15,0)+IF(Input!$K$16=4,M4258*Input!$J$16,0)</f>
        <v>0</v>
      </c>
    </row>
    <row r="4259" spans="8:17" x14ac:dyDescent="0.25">
      <c r="H4259" s="43">
        <v>4252</v>
      </c>
      <c r="I4259" s="55">
        <f>Bühler!I4285</f>
        <v>8.1085095085525593E-3</v>
      </c>
      <c r="J4259" s="58">
        <f>Bühler!J4285</f>
        <v>6.4092222256201365</v>
      </c>
      <c r="K4259" s="58">
        <f>Bühler!K4285</f>
        <v>0.54944815063923991</v>
      </c>
      <c r="L4259" s="58">
        <f>Bühler!L4285</f>
        <v>0.27472407531961995</v>
      </c>
      <c r="M4259" s="57">
        <f>Bühler!M4285</f>
        <v>0</v>
      </c>
      <c r="N4259" s="55">
        <f>IF(Input!$K$13=1,J4259*Input!$J$13,0)+IF(Input!$K$14=1,K4259*Input!$J$14,0)+IF(Input!$K$15=1,L4259*Input!$J$15,0)+IF(Input!$K$16=1,M4259*Input!$J$16,0)</f>
        <v>0.76910666707441633</v>
      </c>
      <c r="O4259" s="58">
        <f>IF(Input!$K$13=2,J4259*Input!$J$13,0)+IF(Input!$K$14=2,K4259*Input!$J$14,0)+IF(Input!$K$15=2,L4259*Input!$J$15,0)+IF(Input!$K$16=2,M4259*Input!$J$16,0)</f>
        <v>7.4175500336297384E-2</v>
      </c>
      <c r="P4259" s="58">
        <f>IF(Input!$K$13=3,J4259*Input!$J$13,0)+IF(Input!$K$14=3,K4259*Input!$J$14,0)+IF(Input!$K$15=3,L4259*Input!$J$15,0)+IF(Input!$K$16=3,M4259*Input!$J$16,0)</f>
        <v>0</v>
      </c>
      <c r="Q4259" s="71">
        <f>IF(Input!$K$13=4,J4259*Input!$J$13,0)+IF(Input!$K$14=4,K4259*Input!$J$14,0)+IF(Input!$K$15=4,L4259*Input!$J$15,0)+IF(Input!$K$16=4,M4259*Input!$J$16,0)</f>
        <v>0</v>
      </c>
    </row>
    <row r="4260" spans="8:17" x14ac:dyDescent="0.25">
      <c r="H4260" s="43">
        <v>4253</v>
      </c>
      <c r="I4260" s="55">
        <f>Bühler!I4286</f>
        <v>8.1085095085525593E-3</v>
      </c>
      <c r="J4260" s="58">
        <f>Bühler!J4286</f>
        <v>6.4092222256201365</v>
      </c>
      <c r="K4260" s="58">
        <f>Bühler!K4286</f>
        <v>0.54944815063923991</v>
      </c>
      <c r="L4260" s="58">
        <f>Bühler!L4286</f>
        <v>0.27472407531961995</v>
      </c>
      <c r="M4260" s="57">
        <f>Bühler!M4286</f>
        <v>0</v>
      </c>
      <c r="N4260" s="55">
        <f>IF(Input!$K$13=1,J4260*Input!$J$13,0)+IF(Input!$K$14=1,K4260*Input!$J$14,0)+IF(Input!$K$15=1,L4260*Input!$J$15,0)+IF(Input!$K$16=1,M4260*Input!$J$16,0)</f>
        <v>0.76910666707441633</v>
      </c>
      <c r="O4260" s="58">
        <f>IF(Input!$K$13=2,J4260*Input!$J$13,0)+IF(Input!$K$14=2,K4260*Input!$J$14,0)+IF(Input!$K$15=2,L4260*Input!$J$15,0)+IF(Input!$K$16=2,M4260*Input!$J$16,0)</f>
        <v>7.4175500336297384E-2</v>
      </c>
      <c r="P4260" s="58">
        <f>IF(Input!$K$13=3,J4260*Input!$J$13,0)+IF(Input!$K$14=3,K4260*Input!$J$14,0)+IF(Input!$K$15=3,L4260*Input!$J$15,0)+IF(Input!$K$16=3,M4260*Input!$J$16,0)</f>
        <v>0</v>
      </c>
      <c r="Q4260" s="71">
        <f>IF(Input!$K$13=4,J4260*Input!$J$13,0)+IF(Input!$K$14=4,K4260*Input!$J$14,0)+IF(Input!$K$15=4,L4260*Input!$J$15,0)+IF(Input!$K$16=4,M4260*Input!$J$16,0)</f>
        <v>0</v>
      </c>
    </row>
    <row r="4261" spans="8:17" x14ac:dyDescent="0.25">
      <c r="H4261" s="43">
        <v>4254</v>
      </c>
      <c r="I4261" s="55">
        <f>Bühler!I4287</f>
        <v>8.1085095085525593E-3</v>
      </c>
      <c r="J4261" s="58">
        <f>Bühler!J4287</f>
        <v>6.4092222256201365</v>
      </c>
      <c r="K4261" s="58">
        <f>Bühler!K4287</f>
        <v>0.54944815063923991</v>
      </c>
      <c r="L4261" s="58">
        <f>Bühler!L4287</f>
        <v>0.27472407531961995</v>
      </c>
      <c r="M4261" s="57">
        <f>Bühler!M4287</f>
        <v>0</v>
      </c>
      <c r="N4261" s="55">
        <f>IF(Input!$K$13=1,J4261*Input!$J$13,0)+IF(Input!$K$14=1,K4261*Input!$J$14,0)+IF(Input!$K$15=1,L4261*Input!$J$15,0)+IF(Input!$K$16=1,M4261*Input!$J$16,0)</f>
        <v>0.76910666707441633</v>
      </c>
      <c r="O4261" s="58">
        <f>IF(Input!$K$13=2,J4261*Input!$J$13,0)+IF(Input!$K$14=2,K4261*Input!$J$14,0)+IF(Input!$K$15=2,L4261*Input!$J$15,0)+IF(Input!$K$16=2,M4261*Input!$J$16,0)</f>
        <v>7.4175500336297384E-2</v>
      </c>
      <c r="P4261" s="58">
        <f>IF(Input!$K$13=3,J4261*Input!$J$13,0)+IF(Input!$K$14=3,K4261*Input!$J$14,0)+IF(Input!$K$15=3,L4261*Input!$J$15,0)+IF(Input!$K$16=3,M4261*Input!$J$16,0)</f>
        <v>0</v>
      </c>
      <c r="Q4261" s="71">
        <f>IF(Input!$K$13=4,J4261*Input!$J$13,0)+IF(Input!$K$14=4,K4261*Input!$J$14,0)+IF(Input!$K$15=4,L4261*Input!$J$15,0)+IF(Input!$K$16=4,M4261*Input!$J$16,0)</f>
        <v>0</v>
      </c>
    </row>
    <row r="4262" spans="8:17" x14ac:dyDescent="0.25">
      <c r="H4262" s="43">
        <v>4255</v>
      </c>
      <c r="I4262" s="55">
        <f>Bühler!I4288</f>
        <v>8.1085095085525593E-3</v>
      </c>
      <c r="J4262" s="58">
        <f>Bühler!J4288</f>
        <v>6.4092222256201365</v>
      </c>
      <c r="K4262" s="58">
        <f>Bühler!K4288</f>
        <v>0.54944815063923991</v>
      </c>
      <c r="L4262" s="58">
        <f>Bühler!L4288</f>
        <v>0.27472407531961995</v>
      </c>
      <c r="M4262" s="57">
        <f>Bühler!M4288</f>
        <v>0</v>
      </c>
      <c r="N4262" s="55">
        <f>IF(Input!$K$13=1,J4262*Input!$J$13,0)+IF(Input!$K$14=1,K4262*Input!$J$14,0)+IF(Input!$K$15=1,L4262*Input!$J$15,0)+IF(Input!$K$16=1,M4262*Input!$J$16,0)</f>
        <v>0.76910666707441633</v>
      </c>
      <c r="O4262" s="58">
        <f>IF(Input!$K$13=2,J4262*Input!$J$13,0)+IF(Input!$K$14=2,K4262*Input!$J$14,0)+IF(Input!$K$15=2,L4262*Input!$J$15,0)+IF(Input!$K$16=2,M4262*Input!$J$16,0)</f>
        <v>7.4175500336297384E-2</v>
      </c>
      <c r="P4262" s="58">
        <f>IF(Input!$K$13=3,J4262*Input!$J$13,0)+IF(Input!$K$14=3,K4262*Input!$J$14,0)+IF(Input!$K$15=3,L4262*Input!$J$15,0)+IF(Input!$K$16=3,M4262*Input!$J$16,0)</f>
        <v>0</v>
      </c>
      <c r="Q4262" s="71">
        <f>IF(Input!$K$13=4,J4262*Input!$J$13,0)+IF(Input!$K$14=4,K4262*Input!$J$14,0)+IF(Input!$K$15=4,L4262*Input!$J$15,0)+IF(Input!$K$16=4,M4262*Input!$J$16,0)</f>
        <v>0</v>
      </c>
    </row>
    <row r="4263" spans="8:17" x14ac:dyDescent="0.25">
      <c r="H4263" s="43">
        <v>4256</v>
      </c>
      <c r="I4263" s="55">
        <f>Bühler!I4289</f>
        <v>2.3357738681088498E-2</v>
      </c>
      <c r="J4263" s="58">
        <f>Bühler!J4289</f>
        <v>27.007150690104321</v>
      </c>
      <c r="K4263" s="58">
        <f>Bühler!K4289</f>
        <v>2.3162673600385451</v>
      </c>
      <c r="L4263" s="58">
        <f>Bühler!L4289</f>
        <v>1.1581336800192725</v>
      </c>
      <c r="M4263" s="57">
        <f>Bühler!M4289</f>
        <v>0</v>
      </c>
      <c r="N4263" s="55">
        <f>IF(Input!$K$13=1,J4263*Input!$J$13,0)+IF(Input!$K$14=1,K4263*Input!$J$14,0)+IF(Input!$K$15=1,L4263*Input!$J$15,0)+IF(Input!$K$16=1,M4263*Input!$J$16,0)</f>
        <v>3.2408580828125184</v>
      </c>
      <c r="O4263" s="58">
        <f>IF(Input!$K$13=2,J4263*Input!$J$13,0)+IF(Input!$K$14=2,K4263*Input!$J$14,0)+IF(Input!$K$15=2,L4263*Input!$J$15,0)+IF(Input!$K$16=2,M4263*Input!$J$16,0)</f>
        <v>0.31269609360520356</v>
      </c>
      <c r="P4263" s="58">
        <f>IF(Input!$K$13=3,J4263*Input!$J$13,0)+IF(Input!$K$14=3,K4263*Input!$J$14,0)+IF(Input!$K$15=3,L4263*Input!$J$15,0)+IF(Input!$K$16=3,M4263*Input!$J$16,0)</f>
        <v>0</v>
      </c>
      <c r="Q4263" s="71">
        <f>IF(Input!$K$13=4,J4263*Input!$J$13,0)+IF(Input!$K$14=4,K4263*Input!$J$14,0)+IF(Input!$K$15=4,L4263*Input!$J$15,0)+IF(Input!$K$16=4,M4263*Input!$J$16,0)</f>
        <v>0</v>
      </c>
    </row>
    <row r="4264" spans="8:17" x14ac:dyDescent="0.25">
      <c r="H4264" s="43">
        <v>4257</v>
      </c>
      <c r="I4264" s="55">
        <f>Bühler!I4290</f>
        <v>2.606231894942506E-2</v>
      </c>
      <c r="J4264" s="58">
        <f>Bühler!J4290</f>
        <v>30.134294454221664</v>
      </c>
      <c r="K4264" s="58">
        <f>Bühler!K4290</f>
        <v>2.5844667385693239</v>
      </c>
      <c r="L4264" s="58">
        <f>Bühler!L4290</f>
        <v>1.2922333692846619</v>
      </c>
      <c r="M4264" s="57">
        <f>Bühler!M4290</f>
        <v>0</v>
      </c>
      <c r="N4264" s="55">
        <f>IF(Input!$K$13=1,J4264*Input!$J$13,0)+IF(Input!$K$14=1,K4264*Input!$J$14,0)+IF(Input!$K$15=1,L4264*Input!$J$15,0)+IF(Input!$K$16=1,M4264*Input!$J$16,0)</f>
        <v>3.6161153345065995</v>
      </c>
      <c r="O4264" s="58">
        <f>IF(Input!$K$13=2,J4264*Input!$J$13,0)+IF(Input!$K$14=2,K4264*Input!$J$14,0)+IF(Input!$K$15=2,L4264*Input!$J$15,0)+IF(Input!$K$16=2,M4264*Input!$J$16,0)</f>
        <v>0.34890300970685872</v>
      </c>
      <c r="P4264" s="58">
        <f>IF(Input!$K$13=3,J4264*Input!$J$13,0)+IF(Input!$K$14=3,K4264*Input!$J$14,0)+IF(Input!$K$15=3,L4264*Input!$J$15,0)+IF(Input!$K$16=3,M4264*Input!$J$16,0)</f>
        <v>0</v>
      </c>
      <c r="Q4264" s="71">
        <f>IF(Input!$K$13=4,J4264*Input!$J$13,0)+IF(Input!$K$14=4,K4264*Input!$J$14,0)+IF(Input!$K$15=4,L4264*Input!$J$15,0)+IF(Input!$K$16=4,M4264*Input!$J$16,0)</f>
        <v>0</v>
      </c>
    </row>
    <row r="4265" spans="8:17" x14ac:dyDescent="0.25">
      <c r="H4265" s="43">
        <v>4258</v>
      </c>
      <c r="I4265" s="55">
        <f>Bühler!I4291</f>
        <v>2.8766899217761627E-2</v>
      </c>
      <c r="J4265" s="58">
        <f>Bühler!J4291</f>
        <v>33.261438218339009</v>
      </c>
      <c r="K4265" s="58">
        <f>Bühler!K4291</f>
        <v>2.8526661171001035</v>
      </c>
      <c r="L4265" s="58">
        <f>Bühler!L4291</f>
        <v>1.4263330585500518</v>
      </c>
      <c r="M4265" s="57">
        <f>Bühler!M4291</f>
        <v>0</v>
      </c>
      <c r="N4265" s="55">
        <f>IF(Input!$K$13=1,J4265*Input!$J$13,0)+IF(Input!$K$14=1,K4265*Input!$J$14,0)+IF(Input!$K$15=1,L4265*Input!$J$15,0)+IF(Input!$K$16=1,M4265*Input!$J$16,0)</f>
        <v>3.991372586200681</v>
      </c>
      <c r="O4265" s="58">
        <f>IF(Input!$K$13=2,J4265*Input!$J$13,0)+IF(Input!$K$14=2,K4265*Input!$J$14,0)+IF(Input!$K$15=2,L4265*Input!$J$15,0)+IF(Input!$K$16=2,M4265*Input!$J$16,0)</f>
        <v>0.38510992580851394</v>
      </c>
      <c r="P4265" s="58">
        <f>IF(Input!$K$13=3,J4265*Input!$J$13,0)+IF(Input!$K$14=3,K4265*Input!$J$14,0)+IF(Input!$K$15=3,L4265*Input!$J$15,0)+IF(Input!$K$16=3,M4265*Input!$J$16,0)</f>
        <v>0</v>
      </c>
      <c r="Q4265" s="71">
        <f>IF(Input!$K$13=4,J4265*Input!$J$13,0)+IF(Input!$K$14=4,K4265*Input!$J$14,0)+IF(Input!$K$15=4,L4265*Input!$J$15,0)+IF(Input!$K$16=4,M4265*Input!$J$16,0)</f>
        <v>0</v>
      </c>
    </row>
    <row r="4266" spans="8:17" x14ac:dyDescent="0.25">
      <c r="H4266" s="43">
        <v>4259</v>
      </c>
      <c r="I4266" s="55">
        <f>Bühler!I4292</f>
        <v>2.8766899217761627E-2</v>
      </c>
      <c r="J4266" s="58">
        <f>Bühler!J4292</f>
        <v>33.261438218339009</v>
      </c>
      <c r="K4266" s="58">
        <f>Bühler!K4292</f>
        <v>2.8526661171001035</v>
      </c>
      <c r="L4266" s="58">
        <f>Bühler!L4292</f>
        <v>1.4263330585500518</v>
      </c>
      <c r="M4266" s="57">
        <f>Bühler!M4292</f>
        <v>0</v>
      </c>
      <c r="N4266" s="55">
        <f>IF(Input!$K$13=1,J4266*Input!$J$13,0)+IF(Input!$K$14=1,K4266*Input!$J$14,0)+IF(Input!$K$15=1,L4266*Input!$J$15,0)+IF(Input!$K$16=1,M4266*Input!$J$16,0)</f>
        <v>3.991372586200681</v>
      </c>
      <c r="O4266" s="58">
        <f>IF(Input!$K$13=2,J4266*Input!$J$13,0)+IF(Input!$K$14=2,K4266*Input!$J$14,0)+IF(Input!$K$15=2,L4266*Input!$J$15,0)+IF(Input!$K$16=2,M4266*Input!$J$16,0)</f>
        <v>0.38510992580851394</v>
      </c>
      <c r="P4266" s="58">
        <f>IF(Input!$K$13=3,J4266*Input!$J$13,0)+IF(Input!$K$14=3,K4266*Input!$J$14,0)+IF(Input!$K$15=3,L4266*Input!$J$15,0)+IF(Input!$K$16=3,M4266*Input!$J$16,0)</f>
        <v>0</v>
      </c>
      <c r="Q4266" s="71">
        <f>IF(Input!$K$13=4,J4266*Input!$J$13,0)+IF(Input!$K$14=4,K4266*Input!$J$14,0)+IF(Input!$K$15=4,L4266*Input!$J$15,0)+IF(Input!$K$16=4,M4266*Input!$J$16,0)</f>
        <v>0</v>
      </c>
    </row>
    <row r="4267" spans="8:17" x14ac:dyDescent="0.25">
      <c r="H4267" s="43">
        <v>4260</v>
      </c>
      <c r="I4267" s="55">
        <f>Bühler!I4293</f>
        <v>3.4421930687919891E-2</v>
      </c>
      <c r="J4267" s="58">
        <f>Bühler!J4293</f>
        <v>39.800011543311633</v>
      </c>
      <c r="K4267" s="58">
        <f>Bühler!K4293</f>
        <v>3.4134466358462769</v>
      </c>
      <c r="L4267" s="58">
        <f>Bühler!L4293</f>
        <v>1.7067233179231385</v>
      </c>
      <c r="M4267" s="57">
        <f>Bühler!M4293</f>
        <v>0</v>
      </c>
      <c r="N4267" s="55">
        <f>IF(Input!$K$13=1,J4267*Input!$J$13,0)+IF(Input!$K$14=1,K4267*Input!$J$14,0)+IF(Input!$K$15=1,L4267*Input!$J$15,0)+IF(Input!$K$16=1,M4267*Input!$J$16,0)</f>
        <v>4.7760013851973957</v>
      </c>
      <c r="O4267" s="58">
        <f>IF(Input!$K$13=2,J4267*Input!$J$13,0)+IF(Input!$K$14=2,K4267*Input!$J$14,0)+IF(Input!$K$15=2,L4267*Input!$J$15,0)+IF(Input!$K$16=2,M4267*Input!$J$16,0)</f>
        <v>0.46081529583924741</v>
      </c>
      <c r="P4267" s="58">
        <f>IF(Input!$K$13=3,J4267*Input!$J$13,0)+IF(Input!$K$14=3,K4267*Input!$J$14,0)+IF(Input!$K$15=3,L4267*Input!$J$15,0)+IF(Input!$K$16=3,M4267*Input!$J$16,0)</f>
        <v>0</v>
      </c>
      <c r="Q4267" s="71">
        <f>IF(Input!$K$13=4,J4267*Input!$J$13,0)+IF(Input!$K$14=4,K4267*Input!$J$14,0)+IF(Input!$K$15=4,L4267*Input!$J$15,0)+IF(Input!$K$16=4,M4267*Input!$J$16,0)</f>
        <v>0</v>
      </c>
    </row>
    <row r="4268" spans="8:17" x14ac:dyDescent="0.25">
      <c r="H4268" s="43">
        <v>4261</v>
      </c>
      <c r="I4268" s="55">
        <f>Bühler!I4294</f>
        <v>3.4421930687919891E-2</v>
      </c>
      <c r="J4268" s="58">
        <f>Bühler!J4294</f>
        <v>39.800011543311633</v>
      </c>
      <c r="K4268" s="58">
        <f>Bühler!K4294</f>
        <v>3.4134466358462769</v>
      </c>
      <c r="L4268" s="58">
        <f>Bühler!L4294</f>
        <v>1.7067233179231385</v>
      </c>
      <c r="M4268" s="57">
        <f>Bühler!M4294</f>
        <v>0</v>
      </c>
      <c r="N4268" s="55">
        <f>IF(Input!$K$13=1,J4268*Input!$J$13,0)+IF(Input!$K$14=1,K4268*Input!$J$14,0)+IF(Input!$K$15=1,L4268*Input!$J$15,0)+IF(Input!$K$16=1,M4268*Input!$J$16,0)</f>
        <v>4.7760013851973957</v>
      </c>
      <c r="O4268" s="58">
        <f>IF(Input!$K$13=2,J4268*Input!$J$13,0)+IF(Input!$K$14=2,K4268*Input!$J$14,0)+IF(Input!$K$15=2,L4268*Input!$J$15,0)+IF(Input!$K$16=2,M4268*Input!$J$16,0)</f>
        <v>0.46081529583924741</v>
      </c>
      <c r="P4268" s="58">
        <f>IF(Input!$K$13=3,J4268*Input!$J$13,0)+IF(Input!$K$14=3,K4268*Input!$J$14,0)+IF(Input!$K$15=3,L4268*Input!$J$15,0)+IF(Input!$K$16=3,M4268*Input!$J$16,0)</f>
        <v>0</v>
      </c>
      <c r="Q4268" s="71">
        <f>IF(Input!$K$13=4,J4268*Input!$J$13,0)+IF(Input!$K$14=4,K4268*Input!$J$14,0)+IF(Input!$K$15=4,L4268*Input!$J$15,0)+IF(Input!$K$16=4,M4268*Input!$J$16,0)</f>
        <v>0</v>
      </c>
    </row>
    <row r="4269" spans="8:17" x14ac:dyDescent="0.25">
      <c r="H4269" s="43">
        <v>4262</v>
      </c>
      <c r="I4269" s="55">
        <f>Bühler!I4295</f>
        <v>2.286599681411821E-2</v>
      </c>
      <c r="J4269" s="58">
        <f>Bühler!J4295</f>
        <v>26.438579096628441</v>
      </c>
      <c r="K4269" s="58">
        <f>Bühler!K4295</f>
        <v>2.267503836669313</v>
      </c>
      <c r="L4269" s="58">
        <f>Bühler!L4295</f>
        <v>1.1337519183346565</v>
      </c>
      <c r="M4269" s="57">
        <f>Bühler!M4295</f>
        <v>0</v>
      </c>
      <c r="N4269" s="55">
        <f>IF(Input!$K$13=1,J4269*Input!$J$13,0)+IF(Input!$K$14=1,K4269*Input!$J$14,0)+IF(Input!$K$15=1,L4269*Input!$J$15,0)+IF(Input!$K$16=1,M4269*Input!$J$16,0)</f>
        <v>3.172629491595413</v>
      </c>
      <c r="O4269" s="58">
        <f>IF(Input!$K$13=2,J4269*Input!$J$13,0)+IF(Input!$K$14=2,K4269*Input!$J$14,0)+IF(Input!$K$15=2,L4269*Input!$J$15,0)+IF(Input!$K$16=2,M4269*Input!$J$16,0)</f>
        <v>0.30611301795035728</v>
      </c>
      <c r="P4269" s="58">
        <f>IF(Input!$K$13=3,J4269*Input!$J$13,0)+IF(Input!$K$14=3,K4269*Input!$J$14,0)+IF(Input!$K$15=3,L4269*Input!$J$15,0)+IF(Input!$K$16=3,M4269*Input!$J$16,0)</f>
        <v>0</v>
      </c>
      <c r="Q4269" s="71">
        <f>IF(Input!$K$13=4,J4269*Input!$J$13,0)+IF(Input!$K$14=4,K4269*Input!$J$14,0)+IF(Input!$K$15=4,L4269*Input!$J$15,0)+IF(Input!$K$16=4,M4269*Input!$J$16,0)</f>
        <v>0</v>
      </c>
    </row>
    <row r="4270" spans="8:17" x14ac:dyDescent="0.25">
      <c r="H4270" s="43">
        <v>4263</v>
      </c>
      <c r="I4270" s="55">
        <f>Bühler!I4296</f>
        <v>3.4421930687919891E-2</v>
      </c>
      <c r="J4270" s="58">
        <f>Bühler!J4296</f>
        <v>39.800011543311633</v>
      </c>
      <c r="K4270" s="58">
        <f>Bühler!K4296</f>
        <v>3.4134466358462769</v>
      </c>
      <c r="L4270" s="58">
        <f>Bühler!L4296</f>
        <v>1.7067233179231385</v>
      </c>
      <c r="M4270" s="57">
        <f>Bühler!M4296</f>
        <v>0</v>
      </c>
      <c r="N4270" s="55">
        <f>IF(Input!$K$13=1,J4270*Input!$J$13,0)+IF(Input!$K$14=1,K4270*Input!$J$14,0)+IF(Input!$K$15=1,L4270*Input!$J$15,0)+IF(Input!$K$16=1,M4270*Input!$J$16,0)</f>
        <v>4.7760013851973957</v>
      </c>
      <c r="O4270" s="58">
        <f>IF(Input!$K$13=2,J4270*Input!$J$13,0)+IF(Input!$K$14=2,K4270*Input!$J$14,0)+IF(Input!$K$15=2,L4270*Input!$J$15,0)+IF(Input!$K$16=2,M4270*Input!$J$16,0)</f>
        <v>0.46081529583924741</v>
      </c>
      <c r="P4270" s="58">
        <f>IF(Input!$K$13=3,J4270*Input!$J$13,0)+IF(Input!$K$14=3,K4270*Input!$J$14,0)+IF(Input!$K$15=3,L4270*Input!$J$15,0)+IF(Input!$K$16=3,M4270*Input!$J$16,0)</f>
        <v>0</v>
      </c>
      <c r="Q4270" s="71">
        <f>IF(Input!$K$13=4,J4270*Input!$J$13,0)+IF(Input!$K$14=4,K4270*Input!$J$14,0)+IF(Input!$K$15=4,L4270*Input!$J$15,0)+IF(Input!$K$16=4,M4270*Input!$J$16,0)</f>
        <v>0</v>
      </c>
    </row>
    <row r="4271" spans="8:17" x14ac:dyDescent="0.25">
      <c r="H4271" s="43">
        <v>4264</v>
      </c>
      <c r="I4271" s="55">
        <f>Bühler!I4297</f>
        <v>3.4421930687919891E-2</v>
      </c>
      <c r="J4271" s="58">
        <f>Bühler!J4297</f>
        <v>39.800011543311633</v>
      </c>
      <c r="K4271" s="58">
        <f>Bühler!K4297</f>
        <v>3.4134466358462769</v>
      </c>
      <c r="L4271" s="58">
        <f>Bühler!L4297</f>
        <v>1.7067233179231385</v>
      </c>
      <c r="M4271" s="57">
        <f>Bühler!M4297</f>
        <v>0</v>
      </c>
      <c r="N4271" s="55">
        <f>IF(Input!$K$13=1,J4271*Input!$J$13,0)+IF(Input!$K$14=1,K4271*Input!$J$14,0)+IF(Input!$K$15=1,L4271*Input!$J$15,0)+IF(Input!$K$16=1,M4271*Input!$J$16,0)</f>
        <v>4.7760013851973957</v>
      </c>
      <c r="O4271" s="58">
        <f>IF(Input!$K$13=2,J4271*Input!$J$13,0)+IF(Input!$K$14=2,K4271*Input!$J$14,0)+IF(Input!$K$15=2,L4271*Input!$J$15,0)+IF(Input!$K$16=2,M4271*Input!$J$16,0)</f>
        <v>0.46081529583924741</v>
      </c>
      <c r="P4271" s="58">
        <f>IF(Input!$K$13=3,J4271*Input!$J$13,0)+IF(Input!$K$14=3,K4271*Input!$J$14,0)+IF(Input!$K$15=3,L4271*Input!$J$15,0)+IF(Input!$K$16=3,M4271*Input!$J$16,0)</f>
        <v>0</v>
      </c>
      <c r="Q4271" s="71">
        <f>IF(Input!$K$13=4,J4271*Input!$J$13,0)+IF(Input!$K$14=4,K4271*Input!$J$14,0)+IF(Input!$K$15=4,L4271*Input!$J$15,0)+IF(Input!$K$16=4,M4271*Input!$J$16,0)</f>
        <v>0</v>
      </c>
    </row>
    <row r="4272" spans="8:17" x14ac:dyDescent="0.25">
      <c r="H4272" s="43">
        <v>4265</v>
      </c>
      <c r="I4272" s="55">
        <f>Bühler!I4298</f>
        <v>2.8772130514218758E-2</v>
      </c>
      <c r="J4272" s="58">
        <f>Bühler!J4298</f>
        <v>23.462773324256901</v>
      </c>
      <c r="K4272" s="58">
        <f>Bühler!K4298</f>
        <v>2.0114953389808417</v>
      </c>
      <c r="L4272" s="58">
        <f>Bühler!L4298</f>
        <v>1.0057476694904208</v>
      </c>
      <c r="M4272" s="57">
        <f>Bühler!M4298</f>
        <v>0</v>
      </c>
      <c r="N4272" s="55">
        <f>IF(Input!$K$13=1,J4272*Input!$J$13,0)+IF(Input!$K$14=1,K4272*Input!$J$14,0)+IF(Input!$K$15=1,L4272*Input!$J$15,0)+IF(Input!$K$16=1,M4272*Input!$J$16,0)</f>
        <v>2.8155327989108279</v>
      </c>
      <c r="O4272" s="58">
        <f>IF(Input!$K$13=2,J4272*Input!$J$13,0)+IF(Input!$K$14=2,K4272*Input!$J$14,0)+IF(Input!$K$15=2,L4272*Input!$J$15,0)+IF(Input!$K$16=2,M4272*Input!$J$16,0)</f>
        <v>0.27155187076241361</v>
      </c>
      <c r="P4272" s="58">
        <f>IF(Input!$K$13=3,J4272*Input!$J$13,0)+IF(Input!$K$14=3,K4272*Input!$J$14,0)+IF(Input!$K$15=3,L4272*Input!$J$15,0)+IF(Input!$K$16=3,M4272*Input!$J$16,0)</f>
        <v>0</v>
      </c>
      <c r="Q4272" s="71">
        <f>IF(Input!$K$13=4,J4272*Input!$J$13,0)+IF(Input!$K$14=4,K4272*Input!$J$14,0)+IF(Input!$K$15=4,L4272*Input!$J$15,0)+IF(Input!$K$16=4,M4272*Input!$J$16,0)</f>
        <v>0</v>
      </c>
    </row>
    <row r="4273" spans="8:17" x14ac:dyDescent="0.25">
      <c r="H4273" s="43">
        <v>4266</v>
      </c>
      <c r="I4273" s="55">
        <f>Bühler!I4299</f>
        <v>2.2860765517661082E-2</v>
      </c>
      <c r="J4273" s="58">
        <f>Bühler!J4299</f>
        <v>10.025450215226224</v>
      </c>
      <c r="K4273" s="58">
        <f>Bühler!K4299</f>
        <v>0.85851273537381234</v>
      </c>
      <c r="L4273" s="58">
        <f>Bühler!L4299</f>
        <v>0.42925636768690617</v>
      </c>
      <c r="M4273" s="57">
        <f>Bühler!M4299</f>
        <v>0</v>
      </c>
      <c r="N4273" s="55">
        <f>IF(Input!$K$13=1,J4273*Input!$J$13,0)+IF(Input!$K$14=1,K4273*Input!$J$14,0)+IF(Input!$K$15=1,L4273*Input!$J$15,0)+IF(Input!$K$16=1,M4273*Input!$J$16,0)</f>
        <v>1.2030540258271467</v>
      </c>
      <c r="O4273" s="58">
        <f>IF(Input!$K$13=2,J4273*Input!$J$13,0)+IF(Input!$K$14=2,K4273*Input!$J$14,0)+IF(Input!$K$15=2,L4273*Input!$J$15,0)+IF(Input!$K$16=2,M4273*Input!$J$16,0)</f>
        <v>0.11589921927546468</v>
      </c>
      <c r="P4273" s="58">
        <f>IF(Input!$K$13=3,J4273*Input!$J$13,0)+IF(Input!$K$14=3,K4273*Input!$J$14,0)+IF(Input!$K$15=3,L4273*Input!$J$15,0)+IF(Input!$K$16=3,M4273*Input!$J$16,0)</f>
        <v>0</v>
      </c>
      <c r="Q4273" s="71">
        <f>IF(Input!$K$13=4,J4273*Input!$J$13,0)+IF(Input!$K$14=4,K4273*Input!$J$14,0)+IF(Input!$K$15=4,L4273*Input!$J$15,0)+IF(Input!$K$16=4,M4273*Input!$J$16,0)</f>
        <v>0</v>
      </c>
    </row>
    <row r="4274" spans="8:17" x14ac:dyDescent="0.25">
      <c r="H4274" s="43">
        <v>4267</v>
      </c>
      <c r="I4274" s="55">
        <f>Bühler!I4300</f>
        <v>8.1085095085525593E-3</v>
      </c>
      <c r="J4274" s="58">
        <f>Bühler!J4300</f>
        <v>6.609235913338444</v>
      </c>
      <c r="K4274" s="58">
        <f>Bühler!K4300</f>
        <v>0.56661840534671604</v>
      </c>
      <c r="L4274" s="58">
        <f>Bühler!L4300</f>
        <v>0.28330920267335802</v>
      </c>
      <c r="M4274" s="57">
        <f>Bühler!M4300</f>
        <v>0</v>
      </c>
      <c r="N4274" s="55">
        <f>IF(Input!$K$13=1,J4274*Input!$J$13,0)+IF(Input!$K$14=1,K4274*Input!$J$14,0)+IF(Input!$K$15=1,L4274*Input!$J$15,0)+IF(Input!$K$16=1,M4274*Input!$J$16,0)</f>
        <v>0.79310830960061329</v>
      </c>
      <c r="O4274" s="58">
        <f>IF(Input!$K$13=2,J4274*Input!$J$13,0)+IF(Input!$K$14=2,K4274*Input!$J$14,0)+IF(Input!$K$15=2,L4274*Input!$J$15,0)+IF(Input!$K$16=2,M4274*Input!$J$16,0)</f>
        <v>7.649348472180667E-2</v>
      </c>
      <c r="P4274" s="58">
        <f>IF(Input!$K$13=3,J4274*Input!$J$13,0)+IF(Input!$K$14=3,K4274*Input!$J$14,0)+IF(Input!$K$15=3,L4274*Input!$J$15,0)+IF(Input!$K$16=3,M4274*Input!$J$16,0)</f>
        <v>0</v>
      </c>
      <c r="Q4274" s="71">
        <f>IF(Input!$K$13=4,J4274*Input!$J$13,0)+IF(Input!$K$14=4,K4274*Input!$J$14,0)+IF(Input!$K$15=4,L4274*Input!$J$15,0)+IF(Input!$K$16=4,M4274*Input!$J$16,0)</f>
        <v>0</v>
      </c>
    </row>
    <row r="4275" spans="8:17" x14ac:dyDescent="0.25">
      <c r="H4275" s="43">
        <v>4268</v>
      </c>
      <c r="I4275" s="55">
        <f>Bühler!I4301</f>
        <v>8.1085095085525593E-3</v>
      </c>
      <c r="J4275" s="58">
        <f>Bühler!J4301</f>
        <v>6.609235913338444</v>
      </c>
      <c r="K4275" s="58">
        <f>Bühler!K4301</f>
        <v>0.56661840534671604</v>
      </c>
      <c r="L4275" s="58">
        <f>Bühler!L4301</f>
        <v>0.28330920267335802</v>
      </c>
      <c r="M4275" s="57">
        <f>Bühler!M4301</f>
        <v>0</v>
      </c>
      <c r="N4275" s="55">
        <f>IF(Input!$K$13=1,J4275*Input!$J$13,0)+IF(Input!$K$14=1,K4275*Input!$J$14,0)+IF(Input!$K$15=1,L4275*Input!$J$15,0)+IF(Input!$K$16=1,M4275*Input!$J$16,0)</f>
        <v>0.79310830960061329</v>
      </c>
      <c r="O4275" s="58">
        <f>IF(Input!$K$13=2,J4275*Input!$J$13,0)+IF(Input!$K$14=2,K4275*Input!$J$14,0)+IF(Input!$K$15=2,L4275*Input!$J$15,0)+IF(Input!$K$16=2,M4275*Input!$J$16,0)</f>
        <v>7.649348472180667E-2</v>
      </c>
      <c r="P4275" s="58">
        <f>IF(Input!$K$13=3,J4275*Input!$J$13,0)+IF(Input!$K$14=3,K4275*Input!$J$14,0)+IF(Input!$K$15=3,L4275*Input!$J$15,0)+IF(Input!$K$16=3,M4275*Input!$J$16,0)</f>
        <v>0</v>
      </c>
      <c r="Q4275" s="71">
        <f>IF(Input!$K$13=4,J4275*Input!$J$13,0)+IF(Input!$K$14=4,K4275*Input!$J$14,0)+IF(Input!$K$15=4,L4275*Input!$J$15,0)+IF(Input!$K$16=4,M4275*Input!$J$16,0)</f>
        <v>0</v>
      </c>
    </row>
    <row r="4276" spans="8:17" x14ac:dyDescent="0.25">
      <c r="H4276" s="43">
        <v>4269</v>
      </c>
      <c r="I4276" s="55">
        <f>Bühler!I4302</f>
        <v>8.1085095085525593E-3</v>
      </c>
      <c r="J4276" s="58">
        <f>Bühler!J4302</f>
        <v>6.609235913338444</v>
      </c>
      <c r="K4276" s="58">
        <f>Bühler!K4302</f>
        <v>0.56661840534671604</v>
      </c>
      <c r="L4276" s="58">
        <f>Bühler!L4302</f>
        <v>0.28330920267335802</v>
      </c>
      <c r="M4276" s="57">
        <f>Bühler!M4302</f>
        <v>0</v>
      </c>
      <c r="N4276" s="55">
        <f>IF(Input!$K$13=1,J4276*Input!$J$13,0)+IF(Input!$K$14=1,K4276*Input!$J$14,0)+IF(Input!$K$15=1,L4276*Input!$J$15,0)+IF(Input!$K$16=1,M4276*Input!$J$16,0)</f>
        <v>0.79310830960061329</v>
      </c>
      <c r="O4276" s="58">
        <f>IF(Input!$K$13=2,J4276*Input!$J$13,0)+IF(Input!$K$14=2,K4276*Input!$J$14,0)+IF(Input!$K$15=2,L4276*Input!$J$15,0)+IF(Input!$K$16=2,M4276*Input!$J$16,0)</f>
        <v>7.649348472180667E-2</v>
      </c>
      <c r="P4276" s="58">
        <f>IF(Input!$K$13=3,J4276*Input!$J$13,0)+IF(Input!$K$14=3,K4276*Input!$J$14,0)+IF(Input!$K$15=3,L4276*Input!$J$15,0)+IF(Input!$K$16=3,M4276*Input!$J$16,0)</f>
        <v>0</v>
      </c>
      <c r="Q4276" s="71">
        <f>IF(Input!$K$13=4,J4276*Input!$J$13,0)+IF(Input!$K$14=4,K4276*Input!$J$14,0)+IF(Input!$K$15=4,L4276*Input!$J$15,0)+IF(Input!$K$16=4,M4276*Input!$J$16,0)</f>
        <v>0</v>
      </c>
    </row>
    <row r="4277" spans="8:17" x14ac:dyDescent="0.25">
      <c r="H4277" s="43">
        <v>4270</v>
      </c>
      <c r="I4277" s="55">
        <f>Bühler!I4303</f>
        <v>8.1085095085525593E-3</v>
      </c>
      <c r="J4277" s="58">
        <f>Bühler!J4303</f>
        <v>6.609235913338444</v>
      </c>
      <c r="K4277" s="58">
        <f>Bühler!K4303</f>
        <v>0.56661840534671604</v>
      </c>
      <c r="L4277" s="58">
        <f>Bühler!L4303</f>
        <v>0.28330920267335802</v>
      </c>
      <c r="M4277" s="57">
        <f>Bühler!M4303</f>
        <v>0</v>
      </c>
      <c r="N4277" s="55">
        <f>IF(Input!$K$13=1,J4277*Input!$J$13,0)+IF(Input!$K$14=1,K4277*Input!$J$14,0)+IF(Input!$K$15=1,L4277*Input!$J$15,0)+IF(Input!$K$16=1,M4277*Input!$J$16,0)</f>
        <v>0.79310830960061329</v>
      </c>
      <c r="O4277" s="58">
        <f>IF(Input!$K$13=2,J4277*Input!$J$13,0)+IF(Input!$K$14=2,K4277*Input!$J$14,0)+IF(Input!$K$15=2,L4277*Input!$J$15,0)+IF(Input!$K$16=2,M4277*Input!$J$16,0)</f>
        <v>7.649348472180667E-2</v>
      </c>
      <c r="P4277" s="58">
        <f>IF(Input!$K$13=3,J4277*Input!$J$13,0)+IF(Input!$K$14=3,K4277*Input!$J$14,0)+IF(Input!$K$15=3,L4277*Input!$J$15,0)+IF(Input!$K$16=3,M4277*Input!$J$16,0)</f>
        <v>0</v>
      </c>
      <c r="Q4277" s="71">
        <f>IF(Input!$K$13=4,J4277*Input!$J$13,0)+IF(Input!$K$14=4,K4277*Input!$J$14,0)+IF(Input!$K$15=4,L4277*Input!$J$15,0)+IF(Input!$K$16=4,M4277*Input!$J$16,0)</f>
        <v>0</v>
      </c>
    </row>
    <row r="4278" spans="8:17" x14ac:dyDescent="0.25">
      <c r="H4278" s="43">
        <v>4271</v>
      </c>
      <c r="I4278" s="55">
        <f>Bühler!I4304</f>
        <v>8.1085095085525593E-3</v>
      </c>
      <c r="J4278" s="58">
        <f>Bühler!J4304</f>
        <v>6.609235913338444</v>
      </c>
      <c r="K4278" s="58">
        <f>Bühler!K4304</f>
        <v>0.56661840534671604</v>
      </c>
      <c r="L4278" s="58">
        <f>Bühler!L4304</f>
        <v>0.28330920267335802</v>
      </c>
      <c r="M4278" s="57">
        <f>Bühler!M4304</f>
        <v>0</v>
      </c>
      <c r="N4278" s="55">
        <f>IF(Input!$K$13=1,J4278*Input!$J$13,0)+IF(Input!$K$14=1,K4278*Input!$J$14,0)+IF(Input!$K$15=1,L4278*Input!$J$15,0)+IF(Input!$K$16=1,M4278*Input!$J$16,0)</f>
        <v>0.79310830960061329</v>
      </c>
      <c r="O4278" s="58">
        <f>IF(Input!$K$13=2,J4278*Input!$J$13,0)+IF(Input!$K$14=2,K4278*Input!$J$14,0)+IF(Input!$K$15=2,L4278*Input!$J$15,0)+IF(Input!$K$16=2,M4278*Input!$J$16,0)</f>
        <v>7.649348472180667E-2</v>
      </c>
      <c r="P4278" s="58">
        <f>IF(Input!$K$13=3,J4278*Input!$J$13,0)+IF(Input!$K$14=3,K4278*Input!$J$14,0)+IF(Input!$K$15=3,L4278*Input!$J$15,0)+IF(Input!$K$16=3,M4278*Input!$J$16,0)</f>
        <v>0</v>
      </c>
      <c r="Q4278" s="71">
        <f>IF(Input!$K$13=4,J4278*Input!$J$13,0)+IF(Input!$K$14=4,K4278*Input!$J$14,0)+IF(Input!$K$15=4,L4278*Input!$J$15,0)+IF(Input!$K$16=4,M4278*Input!$J$16,0)</f>
        <v>0</v>
      </c>
    </row>
    <row r="4279" spans="8:17" x14ac:dyDescent="0.25">
      <c r="H4279" s="43">
        <v>4272</v>
      </c>
      <c r="I4279" s="55">
        <f>Bühler!I4305</f>
        <v>8.1085095085525593E-3</v>
      </c>
      <c r="J4279" s="58">
        <f>Bühler!J4305</f>
        <v>6.609235913338444</v>
      </c>
      <c r="K4279" s="58">
        <f>Bühler!K4305</f>
        <v>0.56661840534671604</v>
      </c>
      <c r="L4279" s="58">
        <f>Bühler!L4305</f>
        <v>0.28330920267335802</v>
      </c>
      <c r="M4279" s="57">
        <f>Bühler!M4305</f>
        <v>0</v>
      </c>
      <c r="N4279" s="55">
        <f>IF(Input!$K$13=1,J4279*Input!$J$13,0)+IF(Input!$K$14=1,K4279*Input!$J$14,0)+IF(Input!$K$15=1,L4279*Input!$J$15,0)+IF(Input!$K$16=1,M4279*Input!$J$16,0)</f>
        <v>0.79310830960061329</v>
      </c>
      <c r="O4279" s="58">
        <f>IF(Input!$K$13=2,J4279*Input!$J$13,0)+IF(Input!$K$14=2,K4279*Input!$J$14,0)+IF(Input!$K$15=2,L4279*Input!$J$15,0)+IF(Input!$K$16=2,M4279*Input!$J$16,0)</f>
        <v>7.649348472180667E-2</v>
      </c>
      <c r="P4279" s="58">
        <f>IF(Input!$K$13=3,J4279*Input!$J$13,0)+IF(Input!$K$14=3,K4279*Input!$J$14,0)+IF(Input!$K$15=3,L4279*Input!$J$15,0)+IF(Input!$K$16=3,M4279*Input!$J$16,0)</f>
        <v>0</v>
      </c>
      <c r="Q4279" s="71">
        <f>IF(Input!$K$13=4,J4279*Input!$J$13,0)+IF(Input!$K$14=4,K4279*Input!$J$14,0)+IF(Input!$K$15=4,L4279*Input!$J$15,0)+IF(Input!$K$16=4,M4279*Input!$J$16,0)</f>
        <v>0</v>
      </c>
    </row>
    <row r="4280" spans="8:17" x14ac:dyDescent="0.25">
      <c r="H4280" s="43">
        <v>4273</v>
      </c>
      <c r="I4280" s="55">
        <f>Bühler!I4306</f>
        <v>0.24288896161449139</v>
      </c>
      <c r="J4280" s="58">
        <f>Bühler!J4306</f>
        <v>7.3200758113749265</v>
      </c>
      <c r="K4280" s="58">
        <f>Bühler!K4306</f>
        <v>0.58201187929593268</v>
      </c>
      <c r="L4280" s="58">
        <f>Bühler!L4306</f>
        <v>0.29100593964796634</v>
      </c>
      <c r="M4280" s="57">
        <f>Bühler!M4306</f>
        <v>0</v>
      </c>
      <c r="N4280" s="55">
        <f>IF(Input!$K$13=1,J4280*Input!$J$13,0)+IF(Input!$K$14=1,K4280*Input!$J$14,0)+IF(Input!$K$15=1,L4280*Input!$J$15,0)+IF(Input!$K$16=1,M4280*Input!$J$16,0)</f>
        <v>0.87840909736499118</v>
      </c>
      <c r="O4280" s="58">
        <f>IF(Input!$K$13=2,J4280*Input!$J$13,0)+IF(Input!$K$14=2,K4280*Input!$J$14,0)+IF(Input!$K$15=2,L4280*Input!$J$15,0)+IF(Input!$K$16=2,M4280*Input!$J$16,0)</f>
        <v>7.8571603704950921E-2</v>
      </c>
      <c r="P4280" s="58">
        <f>IF(Input!$K$13=3,J4280*Input!$J$13,0)+IF(Input!$K$14=3,K4280*Input!$J$14,0)+IF(Input!$K$15=3,L4280*Input!$J$15,0)+IF(Input!$K$16=3,M4280*Input!$J$16,0)</f>
        <v>0</v>
      </c>
      <c r="Q4280" s="71">
        <f>IF(Input!$K$13=4,J4280*Input!$J$13,0)+IF(Input!$K$14=4,K4280*Input!$J$14,0)+IF(Input!$K$15=4,L4280*Input!$J$15,0)+IF(Input!$K$16=4,M4280*Input!$J$16,0)</f>
        <v>0</v>
      </c>
    </row>
    <row r="4281" spans="8:17" x14ac:dyDescent="0.25">
      <c r="H4281" s="43">
        <v>4274</v>
      </c>
      <c r="I4281" s="55">
        <f>Bühler!I4307</f>
        <v>0.24288896161449139</v>
      </c>
      <c r="J4281" s="58">
        <f>Bühler!J4307</f>
        <v>7.3200758113749265</v>
      </c>
      <c r="K4281" s="58">
        <f>Bühler!K4307</f>
        <v>0.58201187929593268</v>
      </c>
      <c r="L4281" s="58">
        <f>Bühler!L4307</f>
        <v>0.29100593964796634</v>
      </c>
      <c r="M4281" s="57">
        <f>Bühler!M4307</f>
        <v>0</v>
      </c>
      <c r="N4281" s="55">
        <f>IF(Input!$K$13=1,J4281*Input!$J$13,0)+IF(Input!$K$14=1,K4281*Input!$J$14,0)+IF(Input!$K$15=1,L4281*Input!$J$15,0)+IF(Input!$K$16=1,M4281*Input!$J$16,0)</f>
        <v>0.87840909736499118</v>
      </c>
      <c r="O4281" s="58">
        <f>IF(Input!$K$13=2,J4281*Input!$J$13,0)+IF(Input!$K$14=2,K4281*Input!$J$14,0)+IF(Input!$K$15=2,L4281*Input!$J$15,0)+IF(Input!$K$16=2,M4281*Input!$J$16,0)</f>
        <v>7.8571603704950921E-2</v>
      </c>
      <c r="P4281" s="58">
        <f>IF(Input!$K$13=3,J4281*Input!$J$13,0)+IF(Input!$K$14=3,K4281*Input!$J$14,0)+IF(Input!$K$15=3,L4281*Input!$J$15,0)+IF(Input!$K$16=3,M4281*Input!$J$16,0)</f>
        <v>0</v>
      </c>
      <c r="Q4281" s="71">
        <f>IF(Input!$K$13=4,J4281*Input!$J$13,0)+IF(Input!$K$14=4,K4281*Input!$J$14,0)+IF(Input!$K$15=4,L4281*Input!$J$15,0)+IF(Input!$K$16=4,M4281*Input!$J$16,0)</f>
        <v>0</v>
      </c>
    </row>
    <row r="4282" spans="8:17" x14ac:dyDescent="0.25">
      <c r="H4282" s="43">
        <v>4275</v>
      </c>
      <c r="I4282" s="55">
        <f>Bühler!I4308</f>
        <v>0.24288896161449139</v>
      </c>
      <c r="J4282" s="58">
        <f>Bühler!J4308</f>
        <v>7.3200758113749265</v>
      </c>
      <c r="K4282" s="58">
        <f>Bühler!K4308</f>
        <v>0.58201187929593268</v>
      </c>
      <c r="L4282" s="58">
        <f>Bühler!L4308</f>
        <v>0.29100593964796634</v>
      </c>
      <c r="M4282" s="57">
        <f>Bühler!M4308</f>
        <v>0</v>
      </c>
      <c r="N4282" s="55">
        <f>IF(Input!$K$13=1,J4282*Input!$J$13,0)+IF(Input!$K$14=1,K4282*Input!$J$14,0)+IF(Input!$K$15=1,L4282*Input!$J$15,0)+IF(Input!$K$16=1,M4282*Input!$J$16,0)</f>
        <v>0.87840909736499118</v>
      </c>
      <c r="O4282" s="58">
        <f>IF(Input!$K$13=2,J4282*Input!$J$13,0)+IF(Input!$K$14=2,K4282*Input!$J$14,0)+IF(Input!$K$15=2,L4282*Input!$J$15,0)+IF(Input!$K$16=2,M4282*Input!$J$16,0)</f>
        <v>7.8571603704950921E-2</v>
      </c>
      <c r="P4282" s="58">
        <f>IF(Input!$K$13=3,J4282*Input!$J$13,0)+IF(Input!$K$14=3,K4282*Input!$J$14,0)+IF(Input!$K$15=3,L4282*Input!$J$15,0)+IF(Input!$K$16=3,M4282*Input!$J$16,0)</f>
        <v>0</v>
      </c>
      <c r="Q4282" s="71">
        <f>IF(Input!$K$13=4,J4282*Input!$J$13,0)+IF(Input!$K$14=4,K4282*Input!$J$14,0)+IF(Input!$K$15=4,L4282*Input!$J$15,0)+IF(Input!$K$16=4,M4282*Input!$J$16,0)</f>
        <v>0</v>
      </c>
    </row>
    <row r="4283" spans="8:17" x14ac:dyDescent="0.25">
      <c r="H4283" s="43">
        <v>4276</v>
      </c>
      <c r="I4283" s="55">
        <f>Bühler!I4309</f>
        <v>0.24288896161449139</v>
      </c>
      <c r="J4283" s="58">
        <f>Bühler!J4309</f>
        <v>7.3200758113749265</v>
      </c>
      <c r="K4283" s="58">
        <f>Bühler!K4309</f>
        <v>0.58201187929593268</v>
      </c>
      <c r="L4283" s="58">
        <f>Bühler!L4309</f>
        <v>0.29100593964796634</v>
      </c>
      <c r="M4283" s="57">
        <f>Bühler!M4309</f>
        <v>0</v>
      </c>
      <c r="N4283" s="55">
        <f>IF(Input!$K$13=1,J4283*Input!$J$13,0)+IF(Input!$K$14=1,K4283*Input!$J$14,0)+IF(Input!$K$15=1,L4283*Input!$J$15,0)+IF(Input!$K$16=1,M4283*Input!$J$16,0)</f>
        <v>0.87840909736499118</v>
      </c>
      <c r="O4283" s="58">
        <f>IF(Input!$K$13=2,J4283*Input!$J$13,0)+IF(Input!$K$14=2,K4283*Input!$J$14,0)+IF(Input!$K$15=2,L4283*Input!$J$15,0)+IF(Input!$K$16=2,M4283*Input!$J$16,0)</f>
        <v>7.8571603704950921E-2</v>
      </c>
      <c r="P4283" s="58">
        <f>IF(Input!$K$13=3,J4283*Input!$J$13,0)+IF(Input!$K$14=3,K4283*Input!$J$14,0)+IF(Input!$K$15=3,L4283*Input!$J$15,0)+IF(Input!$K$16=3,M4283*Input!$J$16,0)</f>
        <v>0</v>
      </c>
      <c r="Q4283" s="71">
        <f>IF(Input!$K$13=4,J4283*Input!$J$13,0)+IF(Input!$K$14=4,K4283*Input!$J$14,0)+IF(Input!$K$15=4,L4283*Input!$J$15,0)+IF(Input!$K$16=4,M4283*Input!$J$16,0)</f>
        <v>0</v>
      </c>
    </row>
    <row r="4284" spans="8:17" x14ac:dyDescent="0.25">
      <c r="H4284" s="43">
        <v>4277</v>
      </c>
      <c r="I4284" s="55">
        <f>Bühler!I4310</f>
        <v>0.24288896161449139</v>
      </c>
      <c r="J4284" s="58">
        <f>Bühler!J4310</f>
        <v>7.3200758113749265</v>
      </c>
      <c r="K4284" s="58">
        <f>Bühler!K4310</f>
        <v>0.58201187929593268</v>
      </c>
      <c r="L4284" s="58">
        <f>Bühler!L4310</f>
        <v>0.29100593964796634</v>
      </c>
      <c r="M4284" s="57">
        <f>Bühler!M4310</f>
        <v>0</v>
      </c>
      <c r="N4284" s="55">
        <f>IF(Input!$K$13=1,J4284*Input!$J$13,0)+IF(Input!$K$14=1,K4284*Input!$J$14,0)+IF(Input!$K$15=1,L4284*Input!$J$15,0)+IF(Input!$K$16=1,M4284*Input!$J$16,0)</f>
        <v>0.87840909736499118</v>
      </c>
      <c r="O4284" s="58">
        <f>IF(Input!$K$13=2,J4284*Input!$J$13,0)+IF(Input!$K$14=2,K4284*Input!$J$14,0)+IF(Input!$K$15=2,L4284*Input!$J$15,0)+IF(Input!$K$16=2,M4284*Input!$J$16,0)</f>
        <v>7.8571603704950921E-2</v>
      </c>
      <c r="P4284" s="58">
        <f>IF(Input!$K$13=3,J4284*Input!$J$13,0)+IF(Input!$K$14=3,K4284*Input!$J$14,0)+IF(Input!$K$15=3,L4284*Input!$J$15,0)+IF(Input!$K$16=3,M4284*Input!$J$16,0)</f>
        <v>0</v>
      </c>
      <c r="Q4284" s="71">
        <f>IF(Input!$K$13=4,J4284*Input!$J$13,0)+IF(Input!$K$14=4,K4284*Input!$J$14,0)+IF(Input!$K$15=4,L4284*Input!$J$15,0)+IF(Input!$K$16=4,M4284*Input!$J$16,0)</f>
        <v>0</v>
      </c>
    </row>
    <row r="4285" spans="8:17" x14ac:dyDescent="0.25">
      <c r="H4285" s="43">
        <v>4278</v>
      </c>
      <c r="I4285" s="55">
        <f>Bühler!I4311</f>
        <v>0.24288896161449139</v>
      </c>
      <c r="J4285" s="58">
        <f>Bühler!J4311</f>
        <v>7.3200758113749265</v>
      </c>
      <c r="K4285" s="58">
        <f>Bühler!K4311</f>
        <v>0.58201187929593268</v>
      </c>
      <c r="L4285" s="58">
        <f>Bühler!L4311</f>
        <v>0.29100593964796634</v>
      </c>
      <c r="M4285" s="57">
        <f>Bühler!M4311</f>
        <v>0</v>
      </c>
      <c r="N4285" s="55">
        <f>IF(Input!$K$13=1,J4285*Input!$J$13,0)+IF(Input!$K$14=1,K4285*Input!$J$14,0)+IF(Input!$K$15=1,L4285*Input!$J$15,0)+IF(Input!$K$16=1,M4285*Input!$J$16,0)</f>
        <v>0.87840909736499118</v>
      </c>
      <c r="O4285" s="58">
        <f>IF(Input!$K$13=2,J4285*Input!$J$13,0)+IF(Input!$K$14=2,K4285*Input!$J$14,0)+IF(Input!$K$15=2,L4285*Input!$J$15,0)+IF(Input!$K$16=2,M4285*Input!$J$16,0)</f>
        <v>7.8571603704950921E-2</v>
      </c>
      <c r="P4285" s="58">
        <f>IF(Input!$K$13=3,J4285*Input!$J$13,0)+IF(Input!$K$14=3,K4285*Input!$J$14,0)+IF(Input!$K$15=3,L4285*Input!$J$15,0)+IF(Input!$K$16=3,M4285*Input!$J$16,0)</f>
        <v>0</v>
      </c>
      <c r="Q4285" s="71">
        <f>IF(Input!$K$13=4,J4285*Input!$J$13,0)+IF(Input!$K$14=4,K4285*Input!$J$14,0)+IF(Input!$K$15=4,L4285*Input!$J$15,0)+IF(Input!$K$16=4,M4285*Input!$J$16,0)</f>
        <v>0</v>
      </c>
    </row>
    <row r="4286" spans="8:17" x14ac:dyDescent="0.25">
      <c r="H4286" s="43">
        <v>4279</v>
      </c>
      <c r="I4286" s="55">
        <f>Bühler!I4312</f>
        <v>0.24288896161449139</v>
      </c>
      <c r="J4286" s="58">
        <f>Bühler!J4312</f>
        <v>7.3200758113749265</v>
      </c>
      <c r="K4286" s="58">
        <f>Bühler!K4312</f>
        <v>0.58201187929593268</v>
      </c>
      <c r="L4286" s="58">
        <f>Bühler!L4312</f>
        <v>0.29100593964796634</v>
      </c>
      <c r="M4286" s="57">
        <f>Bühler!M4312</f>
        <v>0</v>
      </c>
      <c r="N4286" s="55">
        <f>IF(Input!$K$13=1,J4286*Input!$J$13,0)+IF(Input!$K$14=1,K4286*Input!$J$14,0)+IF(Input!$K$15=1,L4286*Input!$J$15,0)+IF(Input!$K$16=1,M4286*Input!$J$16,0)</f>
        <v>0.87840909736499118</v>
      </c>
      <c r="O4286" s="58">
        <f>IF(Input!$K$13=2,J4286*Input!$J$13,0)+IF(Input!$K$14=2,K4286*Input!$J$14,0)+IF(Input!$K$15=2,L4286*Input!$J$15,0)+IF(Input!$K$16=2,M4286*Input!$J$16,0)</f>
        <v>7.8571603704950921E-2</v>
      </c>
      <c r="P4286" s="58">
        <f>IF(Input!$K$13=3,J4286*Input!$J$13,0)+IF(Input!$K$14=3,K4286*Input!$J$14,0)+IF(Input!$K$15=3,L4286*Input!$J$15,0)+IF(Input!$K$16=3,M4286*Input!$J$16,0)</f>
        <v>0</v>
      </c>
      <c r="Q4286" s="71">
        <f>IF(Input!$K$13=4,J4286*Input!$J$13,0)+IF(Input!$K$14=4,K4286*Input!$J$14,0)+IF(Input!$K$15=4,L4286*Input!$J$15,0)+IF(Input!$K$16=4,M4286*Input!$J$16,0)</f>
        <v>0</v>
      </c>
    </row>
    <row r="4287" spans="8:17" x14ac:dyDescent="0.25">
      <c r="H4287" s="43">
        <v>4280</v>
      </c>
      <c r="I4287" s="55">
        <f>Bühler!I4313</f>
        <v>0.66915908924792356</v>
      </c>
      <c r="J4287" s="58">
        <f>Bühler!J4313</f>
        <v>29.57286262817615</v>
      </c>
      <c r="K4287" s="58">
        <f>Bühler!K4313</f>
        <v>2.3791940156673124</v>
      </c>
      <c r="L4287" s="58">
        <f>Bühler!L4313</f>
        <v>1.1895970078336562</v>
      </c>
      <c r="M4287" s="57">
        <f>Bühler!M4313</f>
        <v>0</v>
      </c>
      <c r="N4287" s="55">
        <f>IF(Input!$K$13=1,J4287*Input!$J$13,0)+IF(Input!$K$14=1,K4287*Input!$J$14,0)+IF(Input!$K$15=1,L4287*Input!$J$15,0)+IF(Input!$K$16=1,M4287*Input!$J$16,0)</f>
        <v>3.5487435153811377</v>
      </c>
      <c r="O4287" s="58">
        <f>IF(Input!$K$13=2,J4287*Input!$J$13,0)+IF(Input!$K$14=2,K4287*Input!$J$14,0)+IF(Input!$K$15=2,L4287*Input!$J$15,0)+IF(Input!$K$16=2,M4287*Input!$J$16,0)</f>
        <v>0.32119119211508718</v>
      </c>
      <c r="P4287" s="58">
        <f>IF(Input!$K$13=3,J4287*Input!$J$13,0)+IF(Input!$K$14=3,K4287*Input!$J$14,0)+IF(Input!$K$15=3,L4287*Input!$J$15,0)+IF(Input!$K$16=3,M4287*Input!$J$16,0)</f>
        <v>0</v>
      </c>
      <c r="Q4287" s="71">
        <f>IF(Input!$K$13=4,J4287*Input!$J$13,0)+IF(Input!$K$14=4,K4287*Input!$J$14,0)+IF(Input!$K$15=4,L4287*Input!$J$15,0)+IF(Input!$K$16=4,M4287*Input!$J$16,0)</f>
        <v>0</v>
      </c>
    </row>
    <row r="4288" spans="8:17" x14ac:dyDescent="0.25">
      <c r="H4288" s="43">
        <v>4281</v>
      </c>
      <c r="I4288" s="55">
        <f>Bühler!I4314</f>
        <v>0.74664066800294637</v>
      </c>
      <c r="J4288" s="58">
        <f>Bühler!J4314</f>
        <v>32.997088827228133</v>
      </c>
      <c r="K4288" s="58">
        <f>Bühler!K4314</f>
        <v>2.6546796385340543</v>
      </c>
      <c r="L4288" s="58">
        <f>Bühler!L4314</f>
        <v>1.3273398192670272</v>
      </c>
      <c r="M4288" s="57">
        <f>Bühler!M4314</f>
        <v>0</v>
      </c>
      <c r="N4288" s="55">
        <f>IF(Input!$K$13=1,J4288*Input!$J$13,0)+IF(Input!$K$14=1,K4288*Input!$J$14,0)+IF(Input!$K$15=1,L4288*Input!$J$15,0)+IF(Input!$K$16=1,M4288*Input!$J$16,0)</f>
        <v>3.9596506592673757</v>
      </c>
      <c r="O4288" s="58">
        <f>IF(Input!$K$13=2,J4288*Input!$J$13,0)+IF(Input!$K$14=2,K4288*Input!$J$14,0)+IF(Input!$K$15=2,L4288*Input!$J$15,0)+IF(Input!$K$16=2,M4288*Input!$J$16,0)</f>
        <v>0.35838175120209737</v>
      </c>
      <c r="P4288" s="58">
        <f>IF(Input!$K$13=3,J4288*Input!$J$13,0)+IF(Input!$K$14=3,K4288*Input!$J$14,0)+IF(Input!$K$15=3,L4288*Input!$J$15,0)+IF(Input!$K$16=3,M4288*Input!$J$16,0)</f>
        <v>0</v>
      </c>
      <c r="Q4288" s="71">
        <f>IF(Input!$K$13=4,J4288*Input!$J$13,0)+IF(Input!$K$14=4,K4288*Input!$J$14,0)+IF(Input!$K$15=4,L4288*Input!$J$15,0)+IF(Input!$K$16=4,M4288*Input!$J$16,0)</f>
        <v>0</v>
      </c>
    </row>
    <row r="4289" spans="8:17" x14ac:dyDescent="0.25">
      <c r="H4289" s="43">
        <v>4282</v>
      </c>
      <c r="I4289" s="55">
        <f>Bühler!I4315</f>
        <v>0.82412224675796908</v>
      </c>
      <c r="J4289" s="58">
        <f>Bühler!J4315</f>
        <v>36.421315026280105</v>
      </c>
      <c r="K4289" s="58">
        <f>Bühler!K4315</f>
        <v>2.9301652614007954</v>
      </c>
      <c r="L4289" s="58">
        <f>Bühler!L4315</f>
        <v>1.4650826307003977</v>
      </c>
      <c r="M4289" s="57">
        <f>Bühler!M4315</f>
        <v>0</v>
      </c>
      <c r="N4289" s="55">
        <f>IF(Input!$K$13=1,J4289*Input!$J$13,0)+IF(Input!$K$14=1,K4289*Input!$J$14,0)+IF(Input!$K$15=1,L4289*Input!$J$15,0)+IF(Input!$K$16=1,M4289*Input!$J$16,0)</f>
        <v>4.3705578031536128</v>
      </c>
      <c r="O4289" s="58">
        <f>IF(Input!$K$13=2,J4289*Input!$J$13,0)+IF(Input!$K$14=2,K4289*Input!$J$14,0)+IF(Input!$K$15=2,L4289*Input!$J$15,0)+IF(Input!$K$16=2,M4289*Input!$J$16,0)</f>
        <v>0.39557231028910733</v>
      </c>
      <c r="P4289" s="58">
        <f>IF(Input!$K$13=3,J4289*Input!$J$13,0)+IF(Input!$K$14=3,K4289*Input!$J$14,0)+IF(Input!$K$15=3,L4289*Input!$J$15,0)+IF(Input!$K$16=3,M4289*Input!$J$16,0)</f>
        <v>0</v>
      </c>
      <c r="Q4289" s="71">
        <f>IF(Input!$K$13=4,J4289*Input!$J$13,0)+IF(Input!$K$14=4,K4289*Input!$J$14,0)+IF(Input!$K$15=4,L4289*Input!$J$15,0)+IF(Input!$K$16=4,M4289*Input!$J$16,0)</f>
        <v>0</v>
      </c>
    </row>
    <row r="4290" spans="8:17" x14ac:dyDescent="0.25">
      <c r="H4290" s="43">
        <v>4283</v>
      </c>
      <c r="I4290" s="55">
        <f>Bühler!I4316</f>
        <v>0.82412224675796908</v>
      </c>
      <c r="J4290" s="58">
        <f>Bühler!J4316</f>
        <v>36.421315026280105</v>
      </c>
      <c r="K4290" s="58">
        <f>Bühler!K4316</f>
        <v>2.9301652614007954</v>
      </c>
      <c r="L4290" s="58">
        <f>Bühler!L4316</f>
        <v>1.4650826307003977</v>
      </c>
      <c r="M4290" s="57">
        <f>Bühler!M4316</f>
        <v>0</v>
      </c>
      <c r="N4290" s="55">
        <f>IF(Input!$K$13=1,J4290*Input!$J$13,0)+IF(Input!$K$14=1,K4290*Input!$J$14,0)+IF(Input!$K$15=1,L4290*Input!$J$15,0)+IF(Input!$K$16=1,M4290*Input!$J$16,0)</f>
        <v>4.3705578031536128</v>
      </c>
      <c r="O4290" s="58">
        <f>IF(Input!$K$13=2,J4290*Input!$J$13,0)+IF(Input!$K$14=2,K4290*Input!$J$14,0)+IF(Input!$K$15=2,L4290*Input!$J$15,0)+IF(Input!$K$16=2,M4290*Input!$J$16,0)</f>
        <v>0.39557231028910733</v>
      </c>
      <c r="P4290" s="58">
        <f>IF(Input!$K$13=3,J4290*Input!$J$13,0)+IF(Input!$K$14=3,K4290*Input!$J$14,0)+IF(Input!$K$15=3,L4290*Input!$J$15,0)+IF(Input!$K$16=3,M4290*Input!$J$16,0)</f>
        <v>0</v>
      </c>
      <c r="Q4290" s="71">
        <f>IF(Input!$K$13=4,J4290*Input!$J$13,0)+IF(Input!$K$14=4,K4290*Input!$J$14,0)+IF(Input!$K$15=4,L4290*Input!$J$15,0)+IF(Input!$K$16=4,M4290*Input!$J$16,0)</f>
        <v>0</v>
      </c>
    </row>
    <row r="4291" spans="8:17" x14ac:dyDescent="0.25">
      <c r="H4291" s="43">
        <v>4284</v>
      </c>
      <c r="I4291" s="55">
        <f>Bühler!I4317</f>
        <v>0.98612918415483475</v>
      </c>
      <c r="J4291" s="58">
        <f>Bühler!J4317</f>
        <v>43.581060715206959</v>
      </c>
      <c r="K4291" s="58">
        <f>Bühler!K4317</f>
        <v>3.5061806546676184</v>
      </c>
      <c r="L4291" s="58">
        <f>Bühler!L4317</f>
        <v>1.7530903273338092</v>
      </c>
      <c r="M4291" s="57">
        <f>Bühler!M4317</f>
        <v>0</v>
      </c>
      <c r="N4291" s="55">
        <f>IF(Input!$K$13=1,J4291*Input!$J$13,0)+IF(Input!$K$14=1,K4291*Input!$J$14,0)+IF(Input!$K$15=1,L4291*Input!$J$15,0)+IF(Input!$K$16=1,M4291*Input!$J$16,0)</f>
        <v>5.2297272858248354</v>
      </c>
      <c r="O4291" s="58">
        <f>IF(Input!$K$13=2,J4291*Input!$J$13,0)+IF(Input!$K$14=2,K4291*Input!$J$14,0)+IF(Input!$K$15=2,L4291*Input!$J$15,0)+IF(Input!$K$16=2,M4291*Input!$J$16,0)</f>
        <v>0.47333438838012842</v>
      </c>
      <c r="P4291" s="58">
        <f>IF(Input!$K$13=3,J4291*Input!$J$13,0)+IF(Input!$K$14=3,K4291*Input!$J$14,0)+IF(Input!$K$15=3,L4291*Input!$J$15,0)+IF(Input!$K$16=3,M4291*Input!$J$16,0)</f>
        <v>0</v>
      </c>
      <c r="Q4291" s="71">
        <f>IF(Input!$K$13=4,J4291*Input!$J$13,0)+IF(Input!$K$14=4,K4291*Input!$J$14,0)+IF(Input!$K$15=4,L4291*Input!$J$15,0)+IF(Input!$K$16=4,M4291*Input!$J$16,0)</f>
        <v>0</v>
      </c>
    </row>
    <row r="4292" spans="8:17" x14ac:dyDescent="0.25">
      <c r="H4292" s="43">
        <v>4285</v>
      </c>
      <c r="I4292" s="55">
        <f>Bühler!I4318</f>
        <v>0.98612918415483475</v>
      </c>
      <c r="J4292" s="58">
        <f>Bühler!J4318</f>
        <v>43.581060715206959</v>
      </c>
      <c r="K4292" s="58">
        <f>Bühler!K4318</f>
        <v>3.5061806546676184</v>
      </c>
      <c r="L4292" s="58">
        <f>Bühler!L4318</f>
        <v>1.7530903273338092</v>
      </c>
      <c r="M4292" s="57">
        <f>Bühler!M4318</f>
        <v>0</v>
      </c>
      <c r="N4292" s="55">
        <f>IF(Input!$K$13=1,J4292*Input!$J$13,0)+IF(Input!$K$14=1,K4292*Input!$J$14,0)+IF(Input!$K$15=1,L4292*Input!$J$15,0)+IF(Input!$K$16=1,M4292*Input!$J$16,0)</f>
        <v>5.2297272858248354</v>
      </c>
      <c r="O4292" s="58">
        <f>IF(Input!$K$13=2,J4292*Input!$J$13,0)+IF(Input!$K$14=2,K4292*Input!$J$14,0)+IF(Input!$K$15=2,L4292*Input!$J$15,0)+IF(Input!$K$16=2,M4292*Input!$J$16,0)</f>
        <v>0.47333438838012842</v>
      </c>
      <c r="P4292" s="58">
        <f>IF(Input!$K$13=3,J4292*Input!$J$13,0)+IF(Input!$K$14=3,K4292*Input!$J$14,0)+IF(Input!$K$15=3,L4292*Input!$J$15,0)+IF(Input!$K$16=3,M4292*Input!$J$16,0)</f>
        <v>0</v>
      </c>
      <c r="Q4292" s="71">
        <f>IF(Input!$K$13=4,J4292*Input!$J$13,0)+IF(Input!$K$14=4,K4292*Input!$J$14,0)+IF(Input!$K$15=4,L4292*Input!$J$15,0)+IF(Input!$K$16=4,M4292*Input!$J$16,0)</f>
        <v>0</v>
      </c>
    </row>
    <row r="4293" spans="8:17" x14ac:dyDescent="0.25">
      <c r="H4293" s="43">
        <v>4286</v>
      </c>
      <c r="I4293" s="55">
        <f>Bühler!I4319</f>
        <v>0.65507152947428315</v>
      </c>
      <c r="J4293" s="58">
        <f>Bühler!J4319</f>
        <v>28.950276046530341</v>
      </c>
      <c r="K4293" s="58">
        <f>Bühler!K4319</f>
        <v>2.3291057206006323</v>
      </c>
      <c r="L4293" s="58">
        <f>Bühler!L4319</f>
        <v>1.1645528603003161</v>
      </c>
      <c r="M4293" s="57">
        <f>Bühler!M4319</f>
        <v>0</v>
      </c>
      <c r="N4293" s="55">
        <f>IF(Input!$K$13=1,J4293*Input!$J$13,0)+IF(Input!$K$14=1,K4293*Input!$J$14,0)+IF(Input!$K$15=1,L4293*Input!$J$15,0)+IF(Input!$K$16=1,M4293*Input!$J$16,0)</f>
        <v>3.4740331255836407</v>
      </c>
      <c r="O4293" s="58">
        <f>IF(Input!$K$13=2,J4293*Input!$J$13,0)+IF(Input!$K$14=2,K4293*Input!$J$14,0)+IF(Input!$K$15=2,L4293*Input!$J$15,0)+IF(Input!$K$16=2,M4293*Input!$J$16,0)</f>
        <v>0.31442927228108536</v>
      </c>
      <c r="P4293" s="58">
        <f>IF(Input!$K$13=3,J4293*Input!$J$13,0)+IF(Input!$K$14=3,K4293*Input!$J$14,0)+IF(Input!$K$15=3,L4293*Input!$J$15,0)+IF(Input!$K$16=3,M4293*Input!$J$16,0)</f>
        <v>0</v>
      </c>
      <c r="Q4293" s="71">
        <f>IF(Input!$K$13=4,J4293*Input!$J$13,0)+IF(Input!$K$14=4,K4293*Input!$J$14,0)+IF(Input!$K$15=4,L4293*Input!$J$15,0)+IF(Input!$K$16=4,M4293*Input!$J$16,0)</f>
        <v>0</v>
      </c>
    </row>
    <row r="4294" spans="8:17" x14ac:dyDescent="0.25">
      <c r="H4294" s="43">
        <v>4287</v>
      </c>
      <c r="I4294" s="55">
        <f>Bühler!I4320</f>
        <v>0.98612918415483475</v>
      </c>
      <c r="J4294" s="58">
        <f>Bühler!J4320</f>
        <v>43.581060715206959</v>
      </c>
      <c r="K4294" s="58">
        <f>Bühler!K4320</f>
        <v>3.5061806546676184</v>
      </c>
      <c r="L4294" s="58">
        <f>Bühler!L4320</f>
        <v>1.7530903273338092</v>
      </c>
      <c r="M4294" s="57">
        <f>Bühler!M4320</f>
        <v>0</v>
      </c>
      <c r="N4294" s="55">
        <f>IF(Input!$K$13=1,J4294*Input!$J$13,0)+IF(Input!$K$14=1,K4294*Input!$J$14,0)+IF(Input!$K$15=1,L4294*Input!$J$15,0)+IF(Input!$K$16=1,M4294*Input!$J$16,0)</f>
        <v>5.2297272858248354</v>
      </c>
      <c r="O4294" s="58">
        <f>IF(Input!$K$13=2,J4294*Input!$J$13,0)+IF(Input!$K$14=2,K4294*Input!$J$14,0)+IF(Input!$K$15=2,L4294*Input!$J$15,0)+IF(Input!$K$16=2,M4294*Input!$J$16,0)</f>
        <v>0.47333438838012842</v>
      </c>
      <c r="P4294" s="58">
        <f>IF(Input!$K$13=3,J4294*Input!$J$13,0)+IF(Input!$K$14=3,K4294*Input!$J$14,0)+IF(Input!$K$15=3,L4294*Input!$J$15,0)+IF(Input!$K$16=3,M4294*Input!$J$16,0)</f>
        <v>0</v>
      </c>
      <c r="Q4294" s="71">
        <f>IF(Input!$K$13=4,J4294*Input!$J$13,0)+IF(Input!$K$14=4,K4294*Input!$J$14,0)+IF(Input!$K$15=4,L4294*Input!$J$15,0)+IF(Input!$K$16=4,M4294*Input!$J$16,0)</f>
        <v>0</v>
      </c>
    </row>
    <row r="4295" spans="8:17" x14ac:dyDescent="0.25">
      <c r="H4295" s="43">
        <v>4288</v>
      </c>
      <c r="I4295" s="55">
        <f>Bühler!I4321</f>
        <v>0.98612918415483475</v>
      </c>
      <c r="J4295" s="58">
        <f>Bühler!J4321</f>
        <v>43.581060715206959</v>
      </c>
      <c r="K4295" s="58">
        <f>Bühler!K4321</f>
        <v>3.5061806546676184</v>
      </c>
      <c r="L4295" s="58">
        <f>Bühler!L4321</f>
        <v>1.7530903273338092</v>
      </c>
      <c r="M4295" s="57">
        <f>Bühler!M4321</f>
        <v>0</v>
      </c>
      <c r="N4295" s="55">
        <f>IF(Input!$K$13=1,J4295*Input!$J$13,0)+IF(Input!$K$14=1,K4295*Input!$J$14,0)+IF(Input!$K$15=1,L4295*Input!$J$15,0)+IF(Input!$K$16=1,M4295*Input!$J$16,0)</f>
        <v>5.2297272858248354</v>
      </c>
      <c r="O4295" s="58">
        <f>IF(Input!$K$13=2,J4295*Input!$J$13,0)+IF(Input!$K$14=2,K4295*Input!$J$14,0)+IF(Input!$K$15=2,L4295*Input!$J$15,0)+IF(Input!$K$16=2,M4295*Input!$J$16,0)</f>
        <v>0.47333438838012842</v>
      </c>
      <c r="P4295" s="58">
        <f>IF(Input!$K$13=3,J4295*Input!$J$13,0)+IF(Input!$K$14=3,K4295*Input!$J$14,0)+IF(Input!$K$15=3,L4295*Input!$J$15,0)+IF(Input!$K$16=3,M4295*Input!$J$16,0)</f>
        <v>0</v>
      </c>
      <c r="Q4295" s="71">
        <f>IF(Input!$K$13=4,J4295*Input!$J$13,0)+IF(Input!$K$14=4,K4295*Input!$J$14,0)+IF(Input!$K$15=4,L4295*Input!$J$15,0)+IF(Input!$K$16=4,M4295*Input!$J$16,0)</f>
        <v>0</v>
      </c>
    </row>
    <row r="4296" spans="8:17" x14ac:dyDescent="0.25">
      <c r="H4296" s="43">
        <v>4289</v>
      </c>
      <c r="I4296" s="55">
        <f>Bühler!I4322</f>
        <v>0.82400080227716199</v>
      </c>
      <c r="J4296" s="58">
        <f>Bühler!J4322</f>
        <v>25.944826201305521</v>
      </c>
      <c r="K4296" s="58">
        <f>Bühler!K4322</f>
        <v>2.066142171500561</v>
      </c>
      <c r="L4296" s="58">
        <f>Bühler!L4322</f>
        <v>1.0330710857502805</v>
      </c>
      <c r="M4296" s="57">
        <f>Bühler!M4322</f>
        <v>0</v>
      </c>
      <c r="N4296" s="55">
        <f>IF(Input!$K$13=1,J4296*Input!$J$13,0)+IF(Input!$K$14=1,K4296*Input!$J$14,0)+IF(Input!$K$15=1,L4296*Input!$J$15,0)+IF(Input!$K$16=1,M4296*Input!$J$16,0)</f>
        <v>3.1133791441566623</v>
      </c>
      <c r="O4296" s="58">
        <f>IF(Input!$K$13=2,J4296*Input!$J$13,0)+IF(Input!$K$14=2,K4296*Input!$J$14,0)+IF(Input!$K$15=2,L4296*Input!$J$15,0)+IF(Input!$K$16=2,M4296*Input!$J$16,0)</f>
        <v>0.27892919315257569</v>
      </c>
      <c r="P4296" s="58">
        <f>IF(Input!$K$13=3,J4296*Input!$J$13,0)+IF(Input!$K$14=3,K4296*Input!$J$14,0)+IF(Input!$K$15=3,L4296*Input!$J$15,0)+IF(Input!$K$16=3,M4296*Input!$J$16,0)</f>
        <v>0</v>
      </c>
      <c r="Q4296" s="71">
        <f>IF(Input!$K$13=4,J4296*Input!$J$13,0)+IF(Input!$K$14=4,K4296*Input!$J$14,0)+IF(Input!$K$15=4,L4296*Input!$J$15,0)+IF(Input!$K$16=4,M4296*Input!$J$16,0)</f>
        <v>0</v>
      </c>
    </row>
    <row r="4297" spans="8:17" x14ac:dyDescent="0.25">
      <c r="H4297" s="43">
        <v>4290</v>
      </c>
      <c r="I4297" s="55">
        <f>Bühler!I4323</f>
        <v>0.65519297395509035</v>
      </c>
      <c r="J4297" s="58">
        <f>Bühler!J4323</f>
        <v>11.4021349686926</v>
      </c>
      <c r="K4297" s="58">
        <f>Bühler!K4323</f>
        <v>0.88183618075141312</v>
      </c>
      <c r="L4297" s="58">
        <f>Bühler!L4323</f>
        <v>0.44091809037570656</v>
      </c>
      <c r="M4297" s="57">
        <f>Bühler!M4323</f>
        <v>0</v>
      </c>
      <c r="N4297" s="55">
        <f>IF(Input!$K$13=1,J4297*Input!$J$13,0)+IF(Input!$K$14=1,K4297*Input!$J$14,0)+IF(Input!$K$15=1,L4297*Input!$J$15,0)+IF(Input!$K$16=1,M4297*Input!$J$16,0)</f>
        <v>1.3682561962431119</v>
      </c>
      <c r="O4297" s="58">
        <f>IF(Input!$K$13=2,J4297*Input!$J$13,0)+IF(Input!$K$14=2,K4297*Input!$J$14,0)+IF(Input!$K$15=2,L4297*Input!$J$15,0)+IF(Input!$K$16=2,M4297*Input!$J$16,0)</f>
        <v>0.11904788440144076</v>
      </c>
      <c r="P4297" s="58">
        <f>IF(Input!$K$13=3,J4297*Input!$J$13,0)+IF(Input!$K$14=3,K4297*Input!$J$14,0)+IF(Input!$K$15=3,L4297*Input!$J$15,0)+IF(Input!$K$16=3,M4297*Input!$J$16,0)</f>
        <v>0</v>
      </c>
      <c r="Q4297" s="71">
        <f>IF(Input!$K$13=4,J4297*Input!$J$13,0)+IF(Input!$K$14=4,K4297*Input!$J$14,0)+IF(Input!$K$15=4,L4297*Input!$J$15,0)+IF(Input!$K$16=4,M4297*Input!$J$16,0)</f>
        <v>0</v>
      </c>
    </row>
    <row r="4298" spans="8:17" x14ac:dyDescent="0.25">
      <c r="H4298" s="43">
        <v>4291</v>
      </c>
      <c r="I4298" s="55">
        <f>Bühler!I4324</f>
        <v>0.24288896161449139</v>
      </c>
      <c r="J4298" s="58">
        <f>Bühler!J4324</f>
        <v>7.3200758113749265</v>
      </c>
      <c r="K4298" s="58">
        <f>Bühler!K4324</f>
        <v>0.58201187929593268</v>
      </c>
      <c r="L4298" s="58">
        <f>Bühler!L4324</f>
        <v>0.29100593964796634</v>
      </c>
      <c r="M4298" s="57">
        <f>Bühler!M4324</f>
        <v>0</v>
      </c>
      <c r="N4298" s="55">
        <f>IF(Input!$K$13=1,J4298*Input!$J$13,0)+IF(Input!$K$14=1,K4298*Input!$J$14,0)+IF(Input!$K$15=1,L4298*Input!$J$15,0)+IF(Input!$K$16=1,M4298*Input!$J$16,0)</f>
        <v>0.87840909736499118</v>
      </c>
      <c r="O4298" s="58">
        <f>IF(Input!$K$13=2,J4298*Input!$J$13,0)+IF(Input!$K$14=2,K4298*Input!$J$14,0)+IF(Input!$K$15=2,L4298*Input!$J$15,0)+IF(Input!$K$16=2,M4298*Input!$J$16,0)</f>
        <v>7.8571603704950921E-2</v>
      </c>
      <c r="P4298" s="58">
        <f>IF(Input!$K$13=3,J4298*Input!$J$13,0)+IF(Input!$K$14=3,K4298*Input!$J$14,0)+IF(Input!$K$15=3,L4298*Input!$J$15,0)+IF(Input!$K$16=3,M4298*Input!$J$16,0)</f>
        <v>0</v>
      </c>
      <c r="Q4298" s="71">
        <f>IF(Input!$K$13=4,J4298*Input!$J$13,0)+IF(Input!$K$14=4,K4298*Input!$J$14,0)+IF(Input!$K$15=4,L4298*Input!$J$15,0)+IF(Input!$K$16=4,M4298*Input!$J$16,0)</f>
        <v>0</v>
      </c>
    </row>
    <row r="4299" spans="8:17" x14ac:dyDescent="0.25">
      <c r="H4299" s="43">
        <v>4292</v>
      </c>
      <c r="I4299" s="55">
        <f>Bühler!I4325</f>
        <v>0.24288896161449139</v>
      </c>
      <c r="J4299" s="58">
        <f>Bühler!J4325</f>
        <v>7.3200758113749265</v>
      </c>
      <c r="K4299" s="58">
        <f>Bühler!K4325</f>
        <v>0.58201187929593268</v>
      </c>
      <c r="L4299" s="58">
        <f>Bühler!L4325</f>
        <v>0.29100593964796634</v>
      </c>
      <c r="M4299" s="57">
        <f>Bühler!M4325</f>
        <v>0</v>
      </c>
      <c r="N4299" s="55">
        <f>IF(Input!$K$13=1,J4299*Input!$J$13,0)+IF(Input!$K$14=1,K4299*Input!$J$14,0)+IF(Input!$K$15=1,L4299*Input!$J$15,0)+IF(Input!$K$16=1,M4299*Input!$J$16,0)</f>
        <v>0.87840909736499118</v>
      </c>
      <c r="O4299" s="58">
        <f>IF(Input!$K$13=2,J4299*Input!$J$13,0)+IF(Input!$K$14=2,K4299*Input!$J$14,0)+IF(Input!$K$15=2,L4299*Input!$J$15,0)+IF(Input!$K$16=2,M4299*Input!$J$16,0)</f>
        <v>7.8571603704950921E-2</v>
      </c>
      <c r="P4299" s="58">
        <f>IF(Input!$K$13=3,J4299*Input!$J$13,0)+IF(Input!$K$14=3,K4299*Input!$J$14,0)+IF(Input!$K$15=3,L4299*Input!$J$15,0)+IF(Input!$K$16=3,M4299*Input!$J$16,0)</f>
        <v>0</v>
      </c>
      <c r="Q4299" s="71">
        <f>IF(Input!$K$13=4,J4299*Input!$J$13,0)+IF(Input!$K$14=4,K4299*Input!$J$14,0)+IF(Input!$K$15=4,L4299*Input!$J$15,0)+IF(Input!$K$16=4,M4299*Input!$J$16,0)</f>
        <v>0</v>
      </c>
    </row>
    <row r="4300" spans="8:17" x14ac:dyDescent="0.25">
      <c r="H4300" s="43">
        <v>4293</v>
      </c>
      <c r="I4300" s="55">
        <f>Bühler!I4326</f>
        <v>0.24288896161449139</v>
      </c>
      <c r="J4300" s="58">
        <f>Bühler!J4326</f>
        <v>7.3200758113749265</v>
      </c>
      <c r="K4300" s="58">
        <f>Bühler!K4326</f>
        <v>0.58201187929593268</v>
      </c>
      <c r="L4300" s="58">
        <f>Bühler!L4326</f>
        <v>0.29100593964796634</v>
      </c>
      <c r="M4300" s="57">
        <f>Bühler!M4326</f>
        <v>0</v>
      </c>
      <c r="N4300" s="55">
        <f>IF(Input!$K$13=1,J4300*Input!$J$13,0)+IF(Input!$K$14=1,K4300*Input!$J$14,0)+IF(Input!$K$15=1,L4300*Input!$J$15,0)+IF(Input!$K$16=1,M4300*Input!$J$16,0)</f>
        <v>0.87840909736499118</v>
      </c>
      <c r="O4300" s="58">
        <f>IF(Input!$K$13=2,J4300*Input!$J$13,0)+IF(Input!$K$14=2,K4300*Input!$J$14,0)+IF(Input!$K$15=2,L4300*Input!$J$15,0)+IF(Input!$K$16=2,M4300*Input!$J$16,0)</f>
        <v>7.8571603704950921E-2</v>
      </c>
      <c r="P4300" s="58">
        <f>IF(Input!$K$13=3,J4300*Input!$J$13,0)+IF(Input!$K$14=3,K4300*Input!$J$14,0)+IF(Input!$K$15=3,L4300*Input!$J$15,0)+IF(Input!$K$16=3,M4300*Input!$J$16,0)</f>
        <v>0</v>
      </c>
      <c r="Q4300" s="71">
        <f>IF(Input!$K$13=4,J4300*Input!$J$13,0)+IF(Input!$K$14=4,K4300*Input!$J$14,0)+IF(Input!$K$15=4,L4300*Input!$J$15,0)+IF(Input!$K$16=4,M4300*Input!$J$16,0)</f>
        <v>0</v>
      </c>
    </row>
    <row r="4301" spans="8:17" x14ac:dyDescent="0.25">
      <c r="H4301" s="43">
        <v>4294</v>
      </c>
      <c r="I4301" s="55">
        <f>Bühler!I4327</f>
        <v>0.24288896161449139</v>
      </c>
      <c r="J4301" s="58">
        <f>Bühler!J4327</f>
        <v>7.3200758113749265</v>
      </c>
      <c r="K4301" s="58">
        <f>Bühler!K4327</f>
        <v>0.58201187929593268</v>
      </c>
      <c r="L4301" s="58">
        <f>Bühler!L4327</f>
        <v>0.29100593964796634</v>
      </c>
      <c r="M4301" s="57">
        <f>Bühler!M4327</f>
        <v>0</v>
      </c>
      <c r="N4301" s="55">
        <f>IF(Input!$K$13=1,J4301*Input!$J$13,0)+IF(Input!$K$14=1,K4301*Input!$J$14,0)+IF(Input!$K$15=1,L4301*Input!$J$15,0)+IF(Input!$K$16=1,M4301*Input!$J$16,0)</f>
        <v>0.87840909736499118</v>
      </c>
      <c r="O4301" s="58">
        <f>IF(Input!$K$13=2,J4301*Input!$J$13,0)+IF(Input!$K$14=2,K4301*Input!$J$14,0)+IF(Input!$K$15=2,L4301*Input!$J$15,0)+IF(Input!$K$16=2,M4301*Input!$J$16,0)</f>
        <v>7.8571603704950921E-2</v>
      </c>
      <c r="P4301" s="58">
        <f>IF(Input!$K$13=3,J4301*Input!$J$13,0)+IF(Input!$K$14=3,K4301*Input!$J$14,0)+IF(Input!$K$15=3,L4301*Input!$J$15,0)+IF(Input!$K$16=3,M4301*Input!$J$16,0)</f>
        <v>0</v>
      </c>
      <c r="Q4301" s="71">
        <f>IF(Input!$K$13=4,J4301*Input!$J$13,0)+IF(Input!$K$14=4,K4301*Input!$J$14,0)+IF(Input!$K$15=4,L4301*Input!$J$15,0)+IF(Input!$K$16=4,M4301*Input!$J$16,0)</f>
        <v>0</v>
      </c>
    </row>
    <row r="4302" spans="8:17" x14ac:dyDescent="0.25">
      <c r="H4302" s="43">
        <v>4295</v>
      </c>
      <c r="I4302" s="55">
        <f>Bühler!I4328</f>
        <v>0.24288896161449139</v>
      </c>
      <c r="J4302" s="58">
        <f>Bühler!J4328</f>
        <v>7.3200758113749265</v>
      </c>
      <c r="K4302" s="58">
        <f>Bühler!K4328</f>
        <v>0.58201187929593268</v>
      </c>
      <c r="L4302" s="58">
        <f>Bühler!L4328</f>
        <v>0.29100593964796634</v>
      </c>
      <c r="M4302" s="57">
        <f>Bühler!M4328</f>
        <v>0</v>
      </c>
      <c r="N4302" s="55">
        <f>IF(Input!$K$13=1,J4302*Input!$J$13,0)+IF(Input!$K$14=1,K4302*Input!$J$14,0)+IF(Input!$K$15=1,L4302*Input!$J$15,0)+IF(Input!$K$16=1,M4302*Input!$J$16,0)</f>
        <v>0.87840909736499118</v>
      </c>
      <c r="O4302" s="58">
        <f>IF(Input!$K$13=2,J4302*Input!$J$13,0)+IF(Input!$K$14=2,K4302*Input!$J$14,0)+IF(Input!$K$15=2,L4302*Input!$J$15,0)+IF(Input!$K$16=2,M4302*Input!$J$16,0)</f>
        <v>7.8571603704950921E-2</v>
      </c>
      <c r="P4302" s="58">
        <f>IF(Input!$K$13=3,J4302*Input!$J$13,0)+IF(Input!$K$14=3,K4302*Input!$J$14,0)+IF(Input!$K$15=3,L4302*Input!$J$15,0)+IF(Input!$K$16=3,M4302*Input!$J$16,0)</f>
        <v>0</v>
      </c>
      <c r="Q4302" s="71">
        <f>IF(Input!$K$13=4,J4302*Input!$J$13,0)+IF(Input!$K$14=4,K4302*Input!$J$14,0)+IF(Input!$K$15=4,L4302*Input!$J$15,0)+IF(Input!$K$16=4,M4302*Input!$J$16,0)</f>
        <v>0</v>
      </c>
    </row>
    <row r="4303" spans="8:17" x14ac:dyDescent="0.25">
      <c r="H4303" s="43">
        <v>4296</v>
      </c>
      <c r="I4303" s="55">
        <f>Bühler!I4329</f>
        <v>0.24288896161449139</v>
      </c>
      <c r="J4303" s="58">
        <f>Bühler!J4329</f>
        <v>7.3200758113749265</v>
      </c>
      <c r="K4303" s="58">
        <f>Bühler!K4329</f>
        <v>0.58201187929593268</v>
      </c>
      <c r="L4303" s="58">
        <f>Bühler!L4329</f>
        <v>0.29100593964796634</v>
      </c>
      <c r="M4303" s="57">
        <f>Bühler!M4329</f>
        <v>0</v>
      </c>
      <c r="N4303" s="55">
        <f>IF(Input!$K$13=1,J4303*Input!$J$13,0)+IF(Input!$K$14=1,K4303*Input!$J$14,0)+IF(Input!$K$15=1,L4303*Input!$J$15,0)+IF(Input!$K$16=1,M4303*Input!$J$16,0)</f>
        <v>0.87840909736499118</v>
      </c>
      <c r="O4303" s="58">
        <f>IF(Input!$K$13=2,J4303*Input!$J$13,0)+IF(Input!$K$14=2,K4303*Input!$J$14,0)+IF(Input!$K$15=2,L4303*Input!$J$15,0)+IF(Input!$K$16=2,M4303*Input!$J$16,0)</f>
        <v>7.8571603704950921E-2</v>
      </c>
      <c r="P4303" s="58">
        <f>IF(Input!$K$13=3,J4303*Input!$J$13,0)+IF(Input!$K$14=3,K4303*Input!$J$14,0)+IF(Input!$K$15=3,L4303*Input!$J$15,0)+IF(Input!$K$16=3,M4303*Input!$J$16,0)</f>
        <v>0</v>
      </c>
      <c r="Q4303" s="71">
        <f>IF(Input!$K$13=4,J4303*Input!$J$13,0)+IF(Input!$K$14=4,K4303*Input!$J$14,0)+IF(Input!$K$15=4,L4303*Input!$J$15,0)+IF(Input!$K$16=4,M4303*Input!$J$16,0)</f>
        <v>0</v>
      </c>
    </row>
    <row r="4304" spans="8:17" x14ac:dyDescent="0.25">
      <c r="H4304" s="43">
        <v>4297</v>
      </c>
      <c r="I4304" s="55">
        <f>Bühler!I4330</f>
        <v>9.6974377072643211E-2</v>
      </c>
      <c r="J4304" s="58">
        <f>Bühler!J4330</f>
        <v>6.8434342015114424</v>
      </c>
      <c r="K4304" s="58">
        <f>Bühler!K4330</f>
        <v>0.56946977559476686</v>
      </c>
      <c r="L4304" s="58">
        <f>Bühler!L4330</f>
        <v>0.28473488779738343</v>
      </c>
      <c r="M4304" s="57">
        <f>Bühler!M4330</f>
        <v>0</v>
      </c>
      <c r="N4304" s="55">
        <f>IF(Input!$K$13=1,J4304*Input!$J$13,0)+IF(Input!$K$14=1,K4304*Input!$J$14,0)+IF(Input!$K$15=1,L4304*Input!$J$15,0)+IF(Input!$K$16=1,M4304*Input!$J$16,0)</f>
        <v>0.82121210418137303</v>
      </c>
      <c r="O4304" s="58">
        <f>IF(Input!$K$13=2,J4304*Input!$J$13,0)+IF(Input!$K$14=2,K4304*Input!$J$14,0)+IF(Input!$K$15=2,L4304*Input!$J$15,0)+IF(Input!$K$16=2,M4304*Input!$J$16,0)</f>
        <v>7.6878419705293521E-2</v>
      </c>
      <c r="P4304" s="58">
        <f>IF(Input!$K$13=3,J4304*Input!$J$13,0)+IF(Input!$K$14=3,K4304*Input!$J$14,0)+IF(Input!$K$15=3,L4304*Input!$J$15,0)+IF(Input!$K$16=3,M4304*Input!$J$16,0)</f>
        <v>0</v>
      </c>
      <c r="Q4304" s="71">
        <f>IF(Input!$K$13=4,J4304*Input!$J$13,0)+IF(Input!$K$14=4,K4304*Input!$J$14,0)+IF(Input!$K$15=4,L4304*Input!$J$15,0)+IF(Input!$K$16=4,M4304*Input!$J$16,0)</f>
        <v>0</v>
      </c>
    </row>
    <row r="4305" spans="8:17" x14ac:dyDescent="0.25">
      <c r="H4305" s="43">
        <v>4298</v>
      </c>
      <c r="I4305" s="55">
        <f>Bühler!I4331</f>
        <v>9.6974377072643211E-2</v>
      </c>
      <c r="J4305" s="58">
        <f>Bühler!J4331</f>
        <v>6.8434342015114424</v>
      </c>
      <c r="K4305" s="58">
        <f>Bühler!K4331</f>
        <v>0.56946977559476686</v>
      </c>
      <c r="L4305" s="58">
        <f>Bühler!L4331</f>
        <v>0.28473488779738343</v>
      </c>
      <c r="M4305" s="57">
        <f>Bühler!M4331</f>
        <v>0</v>
      </c>
      <c r="N4305" s="55">
        <f>IF(Input!$K$13=1,J4305*Input!$J$13,0)+IF(Input!$K$14=1,K4305*Input!$J$14,0)+IF(Input!$K$15=1,L4305*Input!$J$15,0)+IF(Input!$K$16=1,M4305*Input!$J$16,0)</f>
        <v>0.82121210418137303</v>
      </c>
      <c r="O4305" s="58">
        <f>IF(Input!$K$13=2,J4305*Input!$J$13,0)+IF(Input!$K$14=2,K4305*Input!$J$14,0)+IF(Input!$K$15=2,L4305*Input!$J$15,0)+IF(Input!$K$16=2,M4305*Input!$J$16,0)</f>
        <v>7.6878419705293521E-2</v>
      </c>
      <c r="P4305" s="58">
        <f>IF(Input!$K$13=3,J4305*Input!$J$13,0)+IF(Input!$K$14=3,K4305*Input!$J$14,0)+IF(Input!$K$15=3,L4305*Input!$J$15,0)+IF(Input!$K$16=3,M4305*Input!$J$16,0)</f>
        <v>0</v>
      </c>
      <c r="Q4305" s="71">
        <f>IF(Input!$K$13=4,J4305*Input!$J$13,0)+IF(Input!$K$14=4,K4305*Input!$J$14,0)+IF(Input!$K$15=4,L4305*Input!$J$15,0)+IF(Input!$K$16=4,M4305*Input!$J$16,0)</f>
        <v>0</v>
      </c>
    </row>
    <row r="4306" spans="8:17" x14ac:dyDescent="0.25">
      <c r="H4306" s="43">
        <v>4299</v>
      </c>
      <c r="I4306" s="55">
        <f>Bühler!I4332</f>
        <v>9.6974377072643211E-2</v>
      </c>
      <c r="J4306" s="58">
        <f>Bühler!J4332</f>
        <v>6.8434342015114424</v>
      </c>
      <c r="K4306" s="58">
        <f>Bühler!K4332</f>
        <v>0.56946977559476686</v>
      </c>
      <c r="L4306" s="58">
        <f>Bühler!L4332</f>
        <v>0.28473488779738343</v>
      </c>
      <c r="M4306" s="57">
        <f>Bühler!M4332</f>
        <v>0</v>
      </c>
      <c r="N4306" s="55">
        <f>IF(Input!$K$13=1,J4306*Input!$J$13,0)+IF(Input!$K$14=1,K4306*Input!$J$14,0)+IF(Input!$K$15=1,L4306*Input!$J$15,0)+IF(Input!$K$16=1,M4306*Input!$J$16,0)</f>
        <v>0.82121210418137303</v>
      </c>
      <c r="O4306" s="58">
        <f>IF(Input!$K$13=2,J4306*Input!$J$13,0)+IF(Input!$K$14=2,K4306*Input!$J$14,0)+IF(Input!$K$15=2,L4306*Input!$J$15,0)+IF(Input!$K$16=2,M4306*Input!$J$16,0)</f>
        <v>7.6878419705293521E-2</v>
      </c>
      <c r="P4306" s="58">
        <f>IF(Input!$K$13=3,J4306*Input!$J$13,0)+IF(Input!$K$14=3,K4306*Input!$J$14,0)+IF(Input!$K$15=3,L4306*Input!$J$15,0)+IF(Input!$K$16=3,M4306*Input!$J$16,0)</f>
        <v>0</v>
      </c>
      <c r="Q4306" s="71">
        <f>IF(Input!$K$13=4,J4306*Input!$J$13,0)+IF(Input!$K$14=4,K4306*Input!$J$14,0)+IF(Input!$K$15=4,L4306*Input!$J$15,0)+IF(Input!$K$16=4,M4306*Input!$J$16,0)</f>
        <v>0</v>
      </c>
    </row>
    <row r="4307" spans="8:17" x14ac:dyDescent="0.25">
      <c r="H4307" s="43">
        <v>4300</v>
      </c>
      <c r="I4307" s="55">
        <f>Bühler!I4333</f>
        <v>9.6974377072643211E-2</v>
      </c>
      <c r="J4307" s="58">
        <f>Bühler!J4333</f>
        <v>6.8434342015114424</v>
      </c>
      <c r="K4307" s="58">
        <f>Bühler!K4333</f>
        <v>0.56946977559476686</v>
      </c>
      <c r="L4307" s="58">
        <f>Bühler!L4333</f>
        <v>0.28473488779738343</v>
      </c>
      <c r="M4307" s="57">
        <f>Bühler!M4333</f>
        <v>0</v>
      </c>
      <c r="N4307" s="55">
        <f>IF(Input!$K$13=1,J4307*Input!$J$13,0)+IF(Input!$K$14=1,K4307*Input!$J$14,0)+IF(Input!$K$15=1,L4307*Input!$J$15,0)+IF(Input!$K$16=1,M4307*Input!$J$16,0)</f>
        <v>0.82121210418137303</v>
      </c>
      <c r="O4307" s="58">
        <f>IF(Input!$K$13=2,J4307*Input!$J$13,0)+IF(Input!$K$14=2,K4307*Input!$J$14,0)+IF(Input!$K$15=2,L4307*Input!$J$15,0)+IF(Input!$K$16=2,M4307*Input!$J$16,0)</f>
        <v>7.6878419705293521E-2</v>
      </c>
      <c r="P4307" s="58">
        <f>IF(Input!$K$13=3,J4307*Input!$J$13,0)+IF(Input!$K$14=3,K4307*Input!$J$14,0)+IF(Input!$K$15=3,L4307*Input!$J$15,0)+IF(Input!$K$16=3,M4307*Input!$J$16,0)</f>
        <v>0</v>
      </c>
      <c r="Q4307" s="71">
        <f>IF(Input!$K$13=4,J4307*Input!$J$13,0)+IF(Input!$K$14=4,K4307*Input!$J$14,0)+IF(Input!$K$15=4,L4307*Input!$J$15,0)+IF(Input!$K$16=4,M4307*Input!$J$16,0)</f>
        <v>0</v>
      </c>
    </row>
    <row r="4308" spans="8:17" x14ac:dyDescent="0.25">
      <c r="H4308" s="43">
        <v>4301</v>
      </c>
      <c r="I4308" s="55">
        <f>Bühler!I4334</f>
        <v>9.6974377072643211E-2</v>
      </c>
      <c r="J4308" s="58">
        <f>Bühler!J4334</f>
        <v>6.8434342015114424</v>
      </c>
      <c r="K4308" s="58">
        <f>Bühler!K4334</f>
        <v>0.56946977559476686</v>
      </c>
      <c r="L4308" s="58">
        <f>Bühler!L4334</f>
        <v>0.28473488779738343</v>
      </c>
      <c r="M4308" s="57">
        <f>Bühler!M4334</f>
        <v>0</v>
      </c>
      <c r="N4308" s="55">
        <f>IF(Input!$K$13=1,J4308*Input!$J$13,0)+IF(Input!$K$14=1,K4308*Input!$J$14,0)+IF(Input!$K$15=1,L4308*Input!$J$15,0)+IF(Input!$K$16=1,M4308*Input!$J$16,0)</f>
        <v>0.82121210418137303</v>
      </c>
      <c r="O4308" s="58">
        <f>IF(Input!$K$13=2,J4308*Input!$J$13,0)+IF(Input!$K$14=2,K4308*Input!$J$14,0)+IF(Input!$K$15=2,L4308*Input!$J$15,0)+IF(Input!$K$16=2,M4308*Input!$J$16,0)</f>
        <v>7.6878419705293521E-2</v>
      </c>
      <c r="P4308" s="58">
        <f>IF(Input!$K$13=3,J4308*Input!$J$13,0)+IF(Input!$K$14=3,K4308*Input!$J$14,0)+IF(Input!$K$15=3,L4308*Input!$J$15,0)+IF(Input!$K$16=3,M4308*Input!$J$16,0)</f>
        <v>0</v>
      </c>
      <c r="Q4308" s="71">
        <f>IF(Input!$K$13=4,J4308*Input!$J$13,0)+IF(Input!$K$14=4,K4308*Input!$J$14,0)+IF(Input!$K$15=4,L4308*Input!$J$15,0)+IF(Input!$K$16=4,M4308*Input!$J$16,0)</f>
        <v>0</v>
      </c>
    </row>
    <row r="4309" spans="8:17" x14ac:dyDescent="0.25">
      <c r="H4309" s="43">
        <v>4302</v>
      </c>
      <c r="I4309" s="55">
        <f>Bühler!I4335</f>
        <v>9.6974377072643211E-2</v>
      </c>
      <c r="J4309" s="58">
        <f>Bühler!J4335</f>
        <v>6.8434342015114424</v>
      </c>
      <c r="K4309" s="58">
        <f>Bühler!K4335</f>
        <v>0.56946977559476686</v>
      </c>
      <c r="L4309" s="58">
        <f>Bühler!L4335</f>
        <v>0.28473488779738343</v>
      </c>
      <c r="M4309" s="57">
        <f>Bühler!M4335</f>
        <v>0</v>
      </c>
      <c r="N4309" s="55">
        <f>IF(Input!$K$13=1,J4309*Input!$J$13,0)+IF(Input!$K$14=1,K4309*Input!$J$14,0)+IF(Input!$K$15=1,L4309*Input!$J$15,0)+IF(Input!$K$16=1,M4309*Input!$J$16,0)</f>
        <v>0.82121210418137303</v>
      </c>
      <c r="O4309" s="58">
        <f>IF(Input!$K$13=2,J4309*Input!$J$13,0)+IF(Input!$K$14=2,K4309*Input!$J$14,0)+IF(Input!$K$15=2,L4309*Input!$J$15,0)+IF(Input!$K$16=2,M4309*Input!$J$16,0)</f>
        <v>7.6878419705293521E-2</v>
      </c>
      <c r="P4309" s="58">
        <f>IF(Input!$K$13=3,J4309*Input!$J$13,0)+IF(Input!$K$14=3,K4309*Input!$J$14,0)+IF(Input!$K$15=3,L4309*Input!$J$15,0)+IF(Input!$K$16=3,M4309*Input!$J$16,0)</f>
        <v>0</v>
      </c>
      <c r="Q4309" s="71">
        <f>IF(Input!$K$13=4,J4309*Input!$J$13,0)+IF(Input!$K$14=4,K4309*Input!$J$14,0)+IF(Input!$K$15=4,L4309*Input!$J$15,0)+IF(Input!$K$16=4,M4309*Input!$J$16,0)</f>
        <v>0</v>
      </c>
    </row>
    <row r="4310" spans="8:17" x14ac:dyDescent="0.25">
      <c r="H4310" s="43">
        <v>4303</v>
      </c>
      <c r="I4310" s="55">
        <f>Bühler!I4336</f>
        <v>9.6974377072643211E-2</v>
      </c>
      <c r="J4310" s="58">
        <f>Bühler!J4336</f>
        <v>6.8434342015114424</v>
      </c>
      <c r="K4310" s="58">
        <f>Bühler!K4336</f>
        <v>0.56946977559476686</v>
      </c>
      <c r="L4310" s="58">
        <f>Bühler!L4336</f>
        <v>0.28473488779738343</v>
      </c>
      <c r="M4310" s="57">
        <f>Bühler!M4336</f>
        <v>0</v>
      </c>
      <c r="N4310" s="55">
        <f>IF(Input!$K$13=1,J4310*Input!$J$13,0)+IF(Input!$K$14=1,K4310*Input!$J$14,0)+IF(Input!$K$15=1,L4310*Input!$J$15,0)+IF(Input!$K$16=1,M4310*Input!$J$16,0)</f>
        <v>0.82121210418137303</v>
      </c>
      <c r="O4310" s="58">
        <f>IF(Input!$K$13=2,J4310*Input!$J$13,0)+IF(Input!$K$14=2,K4310*Input!$J$14,0)+IF(Input!$K$15=2,L4310*Input!$J$15,0)+IF(Input!$K$16=2,M4310*Input!$J$16,0)</f>
        <v>7.6878419705293521E-2</v>
      </c>
      <c r="P4310" s="58">
        <f>IF(Input!$K$13=3,J4310*Input!$J$13,0)+IF(Input!$K$14=3,K4310*Input!$J$14,0)+IF(Input!$K$15=3,L4310*Input!$J$15,0)+IF(Input!$K$16=3,M4310*Input!$J$16,0)</f>
        <v>0</v>
      </c>
      <c r="Q4310" s="71">
        <f>IF(Input!$K$13=4,J4310*Input!$J$13,0)+IF(Input!$K$14=4,K4310*Input!$J$14,0)+IF(Input!$K$15=4,L4310*Input!$J$15,0)+IF(Input!$K$16=4,M4310*Input!$J$16,0)</f>
        <v>0</v>
      </c>
    </row>
    <row r="4311" spans="8:17" x14ac:dyDescent="0.25">
      <c r="H4311" s="43">
        <v>4304</v>
      </c>
      <c r="I4311" s="55">
        <f>Bühler!I4337</f>
        <v>0.26716440883513204</v>
      </c>
      <c r="J4311" s="58">
        <f>Bühler!J4337</f>
        <v>27.835103160920955</v>
      </c>
      <c r="K4311" s="58">
        <f>Bühler!K4337</f>
        <v>2.3279234159919406</v>
      </c>
      <c r="L4311" s="58">
        <f>Bühler!L4337</f>
        <v>1.1639617079959703</v>
      </c>
      <c r="M4311" s="57">
        <f>Bühler!M4337</f>
        <v>0</v>
      </c>
      <c r="N4311" s="55">
        <f>IF(Input!$K$13=1,J4311*Input!$J$13,0)+IF(Input!$K$14=1,K4311*Input!$J$14,0)+IF(Input!$K$15=1,L4311*Input!$J$15,0)+IF(Input!$K$16=1,M4311*Input!$J$16,0)</f>
        <v>3.3402123793105143</v>
      </c>
      <c r="O4311" s="58">
        <f>IF(Input!$K$13=2,J4311*Input!$J$13,0)+IF(Input!$K$14=2,K4311*Input!$J$14,0)+IF(Input!$K$15=2,L4311*Input!$J$15,0)+IF(Input!$K$16=2,M4311*Input!$J$16,0)</f>
        <v>0.31426966115891197</v>
      </c>
      <c r="P4311" s="58">
        <f>IF(Input!$K$13=3,J4311*Input!$J$13,0)+IF(Input!$K$14=3,K4311*Input!$J$14,0)+IF(Input!$K$15=3,L4311*Input!$J$15,0)+IF(Input!$K$16=3,M4311*Input!$J$16,0)</f>
        <v>0</v>
      </c>
      <c r="Q4311" s="71">
        <f>IF(Input!$K$13=4,J4311*Input!$J$13,0)+IF(Input!$K$14=4,K4311*Input!$J$14,0)+IF(Input!$K$15=4,L4311*Input!$J$15,0)+IF(Input!$K$16=4,M4311*Input!$J$16,0)</f>
        <v>0</v>
      </c>
    </row>
    <row r="4312" spans="8:17" x14ac:dyDescent="0.25">
      <c r="H4312" s="43">
        <v>4305</v>
      </c>
      <c r="I4312" s="55">
        <f>Bühler!I4338</f>
        <v>0.29809923512130521</v>
      </c>
      <c r="J4312" s="58">
        <f>Bühler!J4338</f>
        <v>31.0581151058697</v>
      </c>
      <c r="K4312" s="58">
        <f>Bühler!K4338</f>
        <v>2.5974724431067973</v>
      </c>
      <c r="L4312" s="58">
        <f>Bühler!L4338</f>
        <v>1.2987362215533986</v>
      </c>
      <c r="M4312" s="57">
        <f>Bühler!M4338</f>
        <v>0</v>
      </c>
      <c r="N4312" s="55">
        <f>IF(Input!$K$13=1,J4312*Input!$J$13,0)+IF(Input!$K$14=1,K4312*Input!$J$14,0)+IF(Input!$K$15=1,L4312*Input!$J$15,0)+IF(Input!$K$16=1,M4312*Input!$J$16,0)</f>
        <v>3.7269738127043639</v>
      </c>
      <c r="O4312" s="58">
        <f>IF(Input!$K$13=2,J4312*Input!$J$13,0)+IF(Input!$K$14=2,K4312*Input!$J$14,0)+IF(Input!$K$15=2,L4312*Input!$J$15,0)+IF(Input!$K$16=2,M4312*Input!$J$16,0)</f>
        <v>0.35065877981941762</v>
      </c>
      <c r="P4312" s="58">
        <f>IF(Input!$K$13=3,J4312*Input!$J$13,0)+IF(Input!$K$14=3,K4312*Input!$J$14,0)+IF(Input!$K$15=3,L4312*Input!$J$15,0)+IF(Input!$K$16=3,M4312*Input!$J$16,0)</f>
        <v>0</v>
      </c>
      <c r="Q4312" s="71">
        <f>IF(Input!$K$13=4,J4312*Input!$J$13,0)+IF(Input!$K$14=4,K4312*Input!$J$14,0)+IF(Input!$K$15=4,L4312*Input!$J$15,0)+IF(Input!$K$16=4,M4312*Input!$J$16,0)</f>
        <v>0</v>
      </c>
    </row>
    <row r="4313" spans="8:17" x14ac:dyDescent="0.25">
      <c r="H4313" s="43">
        <v>4306</v>
      </c>
      <c r="I4313" s="55">
        <f>Bühler!I4339</f>
        <v>0.32903406140747837</v>
      </c>
      <c r="J4313" s="58">
        <f>Bühler!J4339</f>
        <v>34.281127050818448</v>
      </c>
      <c r="K4313" s="58">
        <f>Bühler!K4339</f>
        <v>2.8670214702216534</v>
      </c>
      <c r="L4313" s="58">
        <f>Bühler!L4339</f>
        <v>1.4335107351108267</v>
      </c>
      <c r="M4313" s="57">
        <f>Bühler!M4339</f>
        <v>0</v>
      </c>
      <c r="N4313" s="55">
        <f>IF(Input!$K$13=1,J4313*Input!$J$13,0)+IF(Input!$K$14=1,K4313*Input!$J$14,0)+IF(Input!$K$15=1,L4313*Input!$J$15,0)+IF(Input!$K$16=1,M4313*Input!$J$16,0)</f>
        <v>4.1137352460982139</v>
      </c>
      <c r="O4313" s="58">
        <f>IF(Input!$K$13=2,J4313*Input!$J$13,0)+IF(Input!$K$14=2,K4313*Input!$J$14,0)+IF(Input!$K$15=2,L4313*Input!$J$15,0)+IF(Input!$K$16=2,M4313*Input!$J$16,0)</f>
        <v>0.38704789847992321</v>
      </c>
      <c r="P4313" s="58">
        <f>IF(Input!$K$13=3,J4313*Input!$J$13,0)+IF(Input!$K$14=3,K4313*Input!$J$14,0)+IF(Input!$K$15=3,L4313*Input!$J$15,0)+IF(Input!$K$16=3,M4313*Input!$J$16,0)</f>
        <v>0</v>
      </c>
      <c r="Q4313" s="71">
        <f>IF(Input!$K$13=4,J4313*Input!$J$13,0)+IF(Input!$K$14=4,K4313*Input!$J$14,0)+IF(Input!$K$15=4,L4313*Input!$J$15,0)+IF(Input!$K$16=4,M4313*Input!$J$16,0)</f>
        <v>0</v>
      </c>
    </row>
    <row r="4314" spans="8:17" x14ac:dyDescent="0.25">
      <c r="H4314" s="43">
        <v>4307</v>
      </c>
      <c r="I4314" s="55">
        <f>Bühler!I4340</f>
        <v>0.32903406140747837</v>
      </c>
      <c r="J4314" s="58">
        <f>Bühler!J4340</f>
        <v>34.281127050818448</v>
      </c>
      <c r="K4314" s="58">
        <f>Bühler!K4340</f>
        <v>2.8670214702216534</v>
      </c>
      <c r="L4314" s="58">
        <f>Bühler!L4340</f>
        <v>1.4335107351108267</v>
      </c>
      <c r="M4314" s="57">
        <f>Bühler!M4340</f>
        <v>0</v>
      </c>
      <c r="N4314" s="55">
        <f>IF(Input!$K$13=1,J4314*Input!$J$13,0)+IF(Input!$K$14=1,K4314*Input!$J$14,0)+IF(Input!$K$15=1,L4314*Input!$J$15,0)+IF(Input!$K$16=1,M4314*Input!$J$16,0)</f>
        <v>4.1137352460982139</v>
      </c>
      <c r="O4314" s="58">
        <f>IF(Input!$K$13=2,J4314*Input!$J$13,0)+IF(Input!$K$14=2,K4314*Input!$J$14,0)+IF(Input!$K$15=2,L4314*Input!$J$15,0)+IF(Input!$K$16=2,M4314*Input!$J$16,0)</f>
        <v>0.38704789847992321</v>
      </c>
      <c r="P4314" s="58">
        <f>IF(Input!$K$13=3,J4314*Input!$J$13,0)+IF(Input!$K$14=3,K4314*Input!$J$14,0)+IF(Input!$K$15=3,L4314*Input!$J$15,0)+IF(Input!$K$16=3,M4314*Input!$J$16,0)</f>
        <v>0</v>
      </c>
      <c r="Q4314" s="71">
        <f>IF(Input!$K$13=4,J4314*Input!$J$13,0)+IF(Input!$K$14=4,K4314*Input!$J$14,0)+IF(Input!$K$15=4,L4314*Input!$J$15,0)+IF(Input!$K$16=4,M4314*Input!$J$16,0)</f>
        <v>0</v>
      </c>
    </row>
    <row r="4315" spans="8:17" x14ac:dyDescent="0.25">
      <c r="H4315" s="43">
        <v>4308</v>
      </c>
      <c r="I4315" s="55">
        <f>Bühler!I4341</f>
        <v>0.39371597091493138</v>
      </c>
      <c r="J4315" s="58">
        <f>Bühler!J4341</f>
        <v>41.020152026620359</v>
      </c>
      <c r="K4315" s="58">
        <f>Bühler!K4341</f>
        <v>3.4306239814618071</v>
      </c>
      <c r="L4315" s="58">
        <f>Bühler!L4341</f>
        <v>1.7153119907309036</v>
      </c>
      <c r="M4315" s="57">
        <f>Bühler!M4341</f>
        <v>0</v>
      </c>
      <c r="N4315" s="55">
        <f>IF(Input!$K$13=1,J4315*Input!$J$13,0)+IF(Input!$K$14=1,K4315*Input!$J$14,0)+IF(Input!$K$15=1,L4315*Input!$J$15,0)+IF(Input!$K$16=1,M4315*Input!$J$16,0)</f>
        <v>4.9224182431944428</v>
      </c>
      <c r="O4315" s="58">
        <f>IF(Input!$K$13=2,J4315*Input!$J$13,0)+IF(Input!$K$14=2,K4315*Input!$J$14,0)+IF(Input!$K$15=2,L4315*Input!$J$15,0)+IF(Input!$K$16=2,M4315*Input!$J$16,0)</f>
        <v>0.46313423749734395</v>
      </c>
      <c r="P4315" s="58">
        <f>IF(Input!$K$13=3,J4315*Input!$J$13,0)+IF(Input!$K$14=3,K4315*Input!$J$14,0)+IF(Input!$K$15=3,L4315*Input!$J$15,0)+IF(Input!$K$16=3,M4315*Input!$J$16,0)</f>
        <v>0</v>
      </c>
      <c r="Q4315" s="71">
        <f>IF(Input!$K$13=4,J4315*Input!$J$13,0)+IF(Input!$K$14=4,K4315*Input!$J$14,0)+IF(Input!$K$15=4,L4315*Input!$J$15,0)+IF(Input!$K$16=4,M4315*Input!$J$16,0)</f>
        <v>0</v>
      </c>
    </row>
    <row r="4316" spans="8:17" x14ac:dyDescent="0.25">
      <c r="H4316" s="43">
        <v>4309</v>
      </c>
      <c r="I4316" s="55">
        <f>Bühler!I4342</f>
        <v>0.39371597091493138</v>
      </c>
      <c r="J4316" s="58">
        <f>Bühler!J4342</f>
        <v>41.020152026620359</v>
      </c>
      <c r="K4316" s="58">
        <f>Bühler!K4342</f>
        <v>3.4306239814618071</v>
      </c>
      <c r="L4316" s="58">
        <f>Bühler!L4342</f>
        <v>1.7153119907309036</v>
      </c>
      <c r="M4316" s="57">
        <f>Bühler!M4342</f>
        <v>0</v>
      </c>
      <c r="N4316" s="55">
        <f>IF(Input!$K$13=1,J4316*Input!$J$13,0)+IF(Input!$K$14=1,K4316*Input!$J$14,0)+IF(Input!$K$15=1,L4316*Input!$J$15,0)+IF(Input!$K$16=1,M4316*Input!$J$16,0)</f>
        <v>4.9224182431944428</v>
      </c>
      <c r="O4316" s="58">
        <f>IF(Input!$K$13=2,J4316*Input!$J$13,0)+IF(Input!$K$14=2,K4316*Input!$J$14,0)+IF(Input!$K$15=2,L4316*Input!$J$15,0)+IF(Input!$K$16=2,M4316*Input!$J$16,0)</f>
        <v>0.46313423749734395</v>
      </c>
      <c r="P4316" s="58">
        <f>IF(Input!$K$13=3,J4316*Input!$J$13,0)+IF(Input!$K$14=3,K4316*Input!$J$14,0)+IF(Input!$K$15=3,L4316*Input!$J$15,0)+IF(Input!$K$16=3,M4316*Input!$J$16,0)</f>
        <v>0</v>
      </c>
      <c r="Q4316" s="71">
        <f>IF(Input!$K$13=4,J4316*Input!$J$13,0)+IF(Input!$K$14=4,K4316*Input!$J$14,0)+IF(Input!$K$15=4,L4316*Input!$J$15,0)+IF(Input!$K$16=4,M4316*Input!$J$16,0)</f>
        <v>0</v>
      </c>
    </row>
    <row r="4317" spans="8:17" x14ac:dyDescent="0.25">
      <c r="H4317" s="43">
        <v>4310</v>
      </c>
      <c r="I4317" s="55">
        <f>Bühler!I4343</f>
        <v>0.2615398949649187</v>
      </c>
      <c r="J4317" s="58">
        <f>Bühler!J4343</f>
        <v>27.24910098911209</v>
      </c>
      <c r="K4317" s="58">
        <f>Bühler!K4343</f>
        <v>2.2789145019710575</v>
      </c>
      <c r="L4317" s="58">
        <f>Bühler!L4343</f>
        <v>1.1394572509855287</v>
      </c>
      <c r="M4317" s="57">
        <f>Bühler!M4343</f>
        <v>0</v>
      </c>
      <c r="N4317" s="55">
        <f>IF(Input!$K$13=1,J4317*Input!$J$13,0)+IF(Input!$K$14=1,K4317*Input!$J$14,0)+IF(Input!$K$15=1,L4317*Input!$J$15,0)+IF(Input!$K$16=1,M4317*Input!$J$16,0)</f>
        <v>3.2698921186934506</v>
      </c>
      <c r="O4317" s="58">
        <f>IF(Input!$K$13=2,J4317*Input!$J$13,0)+IF(Input!$K$14=2,K4317*Input!$J$14,0)+IF(Input!$K$15=2,L4317*Input!$J$15,0)+IF(Input!$K$16=2,M4317*Input!$J$16,0)</f>
        <v>0.30765345776609276</v>
      </c>
      <c r="P4317" s="58">
        <f>IF(Input!$K$13=3,J4317*Input!$J$13,0)+IF(Input!$K$14=3,K4317*Input!$J$14,0)+IF(Input!$K$15=3,L4317*Input!$J$15,0)+IF(Input!$K$16=3,M4317*Input!$J$16,0)</f>
        <v>0</v>
      </c>
      <c r="Q4317" s="71">
        <f>IF(Input!$K$13=4,J4317*Input!$J$13,0)+IF(Input!$K$14=4,K4317*Input!$J$14,0)+IF(Input!$K$15=4,L4317*Input!$J$15,0)+IF(Input!$K$16=4,M4317*Input!$J$16,0)</f>
        <v>0</v>
      </c>
    </row>
    <row r="4318" spans="8:17" x14ac:dyDescent="0.25">
      <c r="H4318" s="43">
        <v>4311</v>
      </c>
      <c r="I4318" s="55">
        <f>Bühler!I4344</f>
        <v>0.39371597091493138</v>
      </c>
      <c r="J4318" s="58">
        <f>Bühler!J4344</f>
        <v>41.020152026620359</v>
      </c>
      <c r="K4318" s="58">
        <f>Bühler!K4344</f>
        <v>3.4306239814618071</v>
      </c>
      <c r="L4318" s="58">
        <f>Bühler!L4344</f>
        <v>1.7153119907309036</v>
      </c>
      <c r="M4318" s="57">
        <f>Bühler!M4344</f>
        <v>0</v>
      </c>
      <c r="N4318" s="55">
        <f>IF(Input!$K$13=1,J4318*Input!$J$13,0)+IF(Input!$K$14=1,K4318*Input!$J$14,0)+IF(Input!$K$15=1,L4318*Input!$J$15,0)+IF(Input!$K$16=1,M4318*Input!$J$16,0)</f>
        <v>4.9224182431944428</v>
      </c>
      <c r="O4318" s="58">
        <f>IF(Input!$K$13=2,J4318*Input!$J$13,0)+IF(Input!$K$14=2,K4318*Input!$J$14,0)+IF(Input!$K$15=2,L4318*Input!$J$15,0)+IF(Input!$K$16=2,M4318*Input!$J$16,0)</f>
        <v>0.46313423749734395</v>
      </c>
      <c r="P4318" s="58">
        <f>IF(Input!$K$13=3,J4318*Input!$J$13,0)+IF(Input!$K$14=3,K4318*Input!$J$14,0)+IF(Input!$K$15=3,L4318*Input!$J$15,0)+IF(Input!$K$16=3,M4318*Input!$J$16,0)</f>
        <v>0</v>
      </c>
      <c r="Q4318" s="71">
        <f>IF(Input!$K$13=4,J4318*Input!$J$13,0)+IF(Input!$K$14=4,K4318*Input!$J$14,0)+IF(Input!$K$15=4,L4318*Input!$J$15,0)+IF(Input!$K$16=4,M4318*Input!$J$16,0)</f>
        <v>0</v>
      </c>
    </row>
    <row r="4319" spans="8:17" x14ac:dyDescent="0.25">
      <c r="H4319" s="43">
        <v>4312</v>
      </c>
      <c r="I4319" s="55">
        <f>Bühler!I4345</f>
        <v>0.39371597091493138</v>
      </c>
      <c r="J4319" s="58">
        <f>Bühler!J4345</f>
        <v>41.020152026620359</v>
      </c>
      <c r="K4319" s="58">
        <f>Bühler!K4345</f>
        <v>3.4306239814618071</v>
      </c>
      <c r="L4319" s="58">
        <f>Bühler!L4345</f>
        <v>1.7153119907309036</v>
      </c>
      <c r="M4319" s="57">
        <f>Bühler!M4345</f>
        <v>0</v>
      </c>
      <c r="N4319" s="55">
        <f>IF(Input!$K$13=1,J4319*Input!$J$13,0)+IF(Input!$K$14=1,K4319*Input!$J$14,0)+IF(Input!$K$15=1,L4319*Input!$J$15,0)+IF(Input!$K$16=1,M4319*Input!$J$16,0)</f>
        <v>4.9224182431944428</v>
      </c>
      <c r="O4319" s="58">
        <f>IF(Input!$K$13=2,J4319*Input!$J$13,0)+IF(Input!$K$14=2,K4319*Input!$J$14,0)+IF(Input!$K$15=2,L4319*Input!$J$15,0)+IF(Input!$K$16=2,M4319*Input!$J$16,0)</f>
        <v>0.46313423749734395</v>
      </c>
      <c r="P4319" s="58">
        <f>IF(Input!$K$13=3,J4319*Input!$J$13,0)+IF(Input!$K$14=3,K4319*Input!$J$14,0)+IF(Input!$K$15=3,L4319*Input!$J$15,0)+IF(Input!$K$16=3,M4319*Input!$J$16,0)</f>
        <v>0</v>
      </c>
      <c r="Q4319" s="71">
        <f>IF(Input!$K$13=4,J4319*Input!$J$13,0)+IF(Input!$K$14=4,K4319*Input!$J$14,0)+IF(Input!$K$15=4,L4319*Input!$J$15,0)+IF(Input!$K$16=4,M4319*Input!$J$16,0)</f>
        <v>0</v>
      </c>
    </row>
    <row r="4320" spans="8:17" x14ac:dyDescent="0.25">
      <c r="H4320" s="43">
        <v>4313</v>
      </c>
      <c r="I4320" s="55">
        <f>Bühler!I4346</f>
        <v>0.32898557421894215</v>
      </c>
      <c r="J4320" s="58">
        <f>Bühler!J4346</f>
        <v>24.277645162277601</v>
      </c>
      <c r="K4320" s="58">
        <f>Bühler!K4346</f>
        <v>2.021617703361422</v>
      </c>
      <c r="L4320" s="58">
        <f>Bühler!L4346</f>
        <v>1.010808851680711</v>
      </c>
      <c r="M4320" s="57">
        <f>Bühler!M4346</f>
        <v>0</v>
      </c>
      <c r="N4320" s="55">
        <f>IF(Input!$K$13=1,J4320*Input!$J$13,0)+IF(Input!$K$14=1,K4320*Input!$J$14,0)+IF(Input!$K$15=1,L4320*Input!$J$15,0)+IF(Input!$K$16=1,M4320*Input!$J$16,0)</f>
        <v>2.9133174194733118</v>
      </c>
      <c r="O4320" s="58">
        <f>IF(Input!$K$13=2,J4320*Input!$J$13,0)+IF(Input!$K$14=2,K4320*Input!$J$14,0)+IF(Input!$K$15=2,L4320*Input!$J$15,0)+IF(Input!$K$16=2,M4320*Input!$J$16,0)</f>
        <v>0.27291838995379197</v>
      </c>
      <c r="P4320" s="58">
        <f>IF(Input!$K$13=3,J4320*Input!$J$13,0)+IF(Input!$K$14=3,K4320*Input!$J$14,0)+IF(Input!$K$15=3,L4320*Input!$J$15,0)+IF(Input!$K$16=3,M4320*Input!$J$16,0)</f>
        <v>0</v>
      </c>
      <c r="Q4320" s="71">
        <f>IF(Input!$K$13=4,J4320*Input!$J$13,0)+IF(Input!$K$14=4,K4320*Input!$J$14,0)+IF(Input!$K$15=4,L4320*Input!$J$15,0)+IF(Input!$K$16=4,M4320*Input!$J$16,0)</f>
        <v>0</v>
      </c>
    </row>
    <row r="4321" spans="8:17" x14ac:dyDescent="0.25">
      <c r="H4321" s="43">
        <v>4314</v>
      </c>
      <c r="I4321" s="55">
        <f>Bühler!I4347</f>
        <v>0.26158838215345503</v>
      </c>
      <c r="J4321" s="58">
        <f>Bühler!J4347</f>
        <v>10.493051999377474</v>
      </c>
      <c r="K4321" s="58">
        <f>Bühler!K4347</f>
        <v>0.86283299332540431</v>
      </c>
      <c r="L4321" s="58">
        <f>Bühler!L4347</f>
        <v>0.43141649666270215</v>
      </c>
      <c r="M4321" s="57">
        <f>Bühler!M4347</f>
        <v>0</v>
      </c>
      <c r="N4321" s="55">
        <f>IF(Input!$K$13=1,J4321*Input!$J$13,0)+IF(Input!$K$14=1,K4321*Input!$J$14,0)+IF(Input!$K$15=1,L4321*Input!$J$15,0)+IF(Input!$K$16=1,M4321*Input!$J$16,0)</f>
        <v>1.259166239925297</v>
      </c>
      <c r="O4321" s="58">
        <f>IF(Input!$K$13=2,J4321*Input!$J$13,0)+IF(Input!$K$14=2,K4321*Input!$J$14,0)+IF(Input!$K$15=2,L4321*Input!$J$15,0)+IF(Input!$K$16=2,M4321*Input!$J$16,0)</f>
        <v>0.11648245409892957</v>
      </c>
      <c r="P4321" s="58">
        <f>IF(Input!$K$13=3,J4321*Input!$J$13,0)+IF(Input!$K$14=3,K4321*Input!$J$14,0)+IF(Input!$K$15=3,L4321*Input!$J$15,0)+IF(Input!$K$16=3,M4321*Input!$J$16,0)</f>
        <v>0</v>
      </c>
      <c r="Q4321" s="71">
        <f>IF(Input!$K$13=4,J4321*Input!$J$13,0)+IF(Input!$K$14=4,K4321*Input!$J$14,0)+IF(Input!$K$15=4,L4321*Input!$J$15,0)+IF(Input!$K$16=4,M4321*Input!$J$16,0)</f>
        <v>0</v>
      </c>
    </row>
    <row r="4322" spans="8:17" x14ac:dyDescent="0.25">
      <c r="H4322" s="43">
        <v>4315</v>
      </c>
      <c r="I4322" s="55">
        <f>Bühler!I4348</f>
        <v>9.6974377072643211E-2</v>
      </c>
      <c r="J4322" s="58">
        <f>Bühler!J4348</f>
        <v>6.8434342015114424</v>
      </c>
      <c r="K4322" s="58">
        <f>Bühler!K4348</f>
        <v>0.56946977559476686</v>
      </c>
      <c r="L4322" s="58">
        <f>Bühler!L4348</f>
        <v>0.28473488779738343</v>
      </c>
      <c r="M4322" s="57">
        <f>Bühler!M4348</f>
        <v>0</v>
      </c>
      <c r="N4322" s="55">
        <f>IF(Input!$K$13=1,J4322*Input!$J$13,0)+IF(Input!$K$14=1,K4322*Input!$J$14,0)+IF(Input!$K$15=1,L4322*Input!$J$15,0)+IF(Input!$K$16=1,M4322*Input!$J$16,0)</f>
        <v>0.82121210418137303</v>
      </c>
      <c r="O4322" s="58">
        <f>IF(Input!$K$13=2,J4322*Input!$J$13,0)+IF(Input!$K$14=2,K4322*Input!$J$14,0)+IF(Input!$K$15=2,L4322*Input!$J$15,0)+IF(Input!$K$16=2,M4322*Input!$J$16,0)</f>
        <v>7.6878419705293521E-2</v>
      </c>
      <c r="P4322" s="58">
        <f>IF(Input!$K$13=3,J4322*Input!$J$13,0)+IF(Input!$K$14=3,K4322*Input!$J$14,0)+IF(Input!$K$15=3,L4322*Input!$J$15,0)+IF(Input!$K$16=3,M4322*Input!$J$16,0)</f>
        <v>0</v>
      </c>
      <c r="Q4322" s="71">
        <f>IF(Input!$K$13=4,J4322*Input!$J$13,0)+IF(Input!$K$14=4,K4322*Input!$J$14,0)+IF(Input!$K$15=4,L4322*Input!$J$15,0)+IF(Input!$K$16=4,M4322*Input!$J$16,0)</f>
        <v>0</v>
      </c>
    </row>
    <row r="4323" spans="8:17" x14ac:dyDescent="0.25">
      <c r="H4323" s="43">
        <v>4316</v>
      </c>
      <c r="I4323" s="55">
        <f>Bühler!I4349</f>
        <v>9.6974377072643211E-2</v>
      </c>
      <c r="J4323" s="58">
        <f>Bühler!J4349</f>
        <v>6.8434342015114424</v>
      </c>
      <c r="K4323" s="58">
        <f>Bühler!K4349</f>
        <v>0.56946977559476686</v>
      </c>
      <c r="L4323" s="58">
        <f>Bühler!L4349</f>
        <v>0.28473488779738343</v>
      </c>
      <c r="M4323" s="57">
        <f>Bühler!M4349</f>
        <v>0</v>
      </c>
      <c r="N4323" s="55">
        <f>IF(Input!$K$13=1,J4323*Input!$J$13,0)+IF(Input!$K$14=1,K4323*Input!$J$14,0)+IF(Input!$K$15=1,L4323*Input!$J$15,0)+IF(Input!$K$16=1,M4323*Input!$J$16,0)</f>
        <v>0.82121210418137303</v>
      </c>
      <c r="O4323" s="58">
        <f>IF(Input!$K$13=2,J4323*Input!$J$13,0)+IF(Input!$K$14=2,K4323*Input!$J$14,0)+IF(Input!$K$15=2,L4323*Input!$J$15,0)+IF(Input!$K$16=2,M4323*Input!$J$16,0)</f>
        <v>7.6878419705293521E-2</v>
      </c>
      <c r="P4323" s="58">
        <f>IF(Input!$K$13=3,J4323*Input!$J$13,0)+IF(Input!$K$14=3,K4323*Input!$J$14,0)+IF(Input!$K$15=3,L4323*Input!$J$15,0)+IF(Input!$K$16=3,M4323*Input!$J$16,0)</f>
        <v>0</v>
      </c>
      <c r="Q4323" s="71">
        <f>IF(Input!$K$13=4,J4323*Input!$J$13,0)+IF(Input!$K$14=4,K4323*Input!$J$14,0)+IF(Input!$K$15=4,L4323*Input!$J$15,0)+IF(Input!$K$16=4,M4323*Input!$J$16,0)</f>
        <v>0</v>
      </c>
    </row>
    <row r="4324" spans="8:17" x14ac:dyDescent="0.25">
      <c r="H4324" s="43">
        <v>4317</v>
      </c>
      <c r="I4324" s="55">
        <f>Bühler!I4350</f>
        <v>9.6974377072643211E-2</v>
      </c>
      <c r="J4324" s="58">
        <f>Bühler!J4350</f>
        <v>6.8434342015114424</v>
      </c>
      <c r="K4324" s="58">
        <f>Bühler!K4350</f>
        <v>0.56946977559476686</v>
      </c>
      <c r="L4324" s="58">
        <f>Bühler!L4350</f>
        <v>0.28473488779738343</v>
      </c>
      <c r="M4324" s="57">
        <f>Bühler!M4350</f>
        <v>0</v>
      </c>
      <c r="N4324" s="55">
        <f>IF(Input!$K$13=1,J4324*Input!$J$13,0)+IF(Input!$K$14=1,K4324*Input!$J$14,0)+IF(Input!$K$15=1,L4324*Input!$J$15,0)+IF(Input!$K$16=1,M4324*Input!$J$16,0)</f>
        <v>0.82121210418137303</v>
      </c>
      <c r="O4324" s="58">
        <f>IF(Input!$K$13=2,J4324*Input!$J$13,0)+IF(Input!$K$14=2,K4324*Input!$J$14,0)+IF(Input!$K$15=2,L4324*Input!$J$15,0)+IF(Input!$K$16=2,M4324*Input!$J$16,0)</f>
        <v>7.6878419705293521E-2</v>
      </c>
      <c r="P4324" s="58">
        <f>IF(Input!$K$13=3,J4324*Input!$J$13,0)+IF(Input!$K$14=3,K4324*Input!$J$14,0)+IF(Input!$K$15=3,L4324*Input!$J$15,0)+IF(Input!$K$16=3,M4324*Input!$J$16,0)</f>
        <v>0</v>
      </c>
      <c r="Q4324" s="71">
        <f>IF(Input!$K$13=4,J4324*Input!$J$13,0)+IF(Input!$K$14=4,K4324*Input!$J$14,0)+IF(Input!$K$15=4,L4324*Input!$J$15,0)+IF(Input!$K$16=4,M4324*Input!$J$16,0)</f>
        <v>0</v>
      </c>
    </row>
    <row r="4325" spans="8:17" x14ac:dyDescent="0.25">
      <c r="H4325" s="43">
        <v>4318</v>
      </c>
      <c r="I4325" s="55">
        <f>Bühler!I4351</f>
        <v>9.6974377072643211E-2</v>
      </c>
      <c r="J4325" s="58">
        <f>Bühler!J4351</f>
        <v>6.8434342015114424</v>
      </c>
      <c r="K4325" s="58">
        <f>Bühler!K4351</f>
        <v>0.56946977559476686</v>
      </c>
      <c r="L4325" s="58">
        <f>Bühler!L4351</f>
        <v>0.28473488779738343</v>
      </c>
      <c r="M4325" s="57">
        <f>Bühler!M4351</f>
        <v>0</v>
      </c>
      <c r="N4325" s="55">
        <f>IF(Input!$K$13=1,J4325*Input!$J$13,0)+IF(Input!$K$14=1,K4325*Input!$J$14,0)+IF(Input!$K$15=1,L4325*Input!$J$15,0)+IF(Input!$K$16=1,M4325*Input!$J$16,0)</f>
        <v>0.82121210418137303</v>
      </c>
      <c r="O4325" s="58">
        <f>IF(Input!$K$13=2,J4325*Input!$J$13,0)+IF(Input!$K$14=2,K4325*Input!$J$14,0)+IF(Input!$K$15=2,L4325*Input!$J$15,0)+IF(Input!$K$16=2,M4325*Input!$J$16,0)</f>
        <v>7.6878419705293521E-2</v>
      </c>
      <c r="P4325" s="58">
        <f>IF(Input!$K$13=3,J4325*Input!$J$13,0)+IF(Input!$K$14=3,K4325*Input!$J$14,0)+IF(Input!$K$15=3,L4325*Input!$J$15,0)+IF(Input!$K$16=3,M4325*Input!$J$16,0)</f>
        <v>0</v>
      </c>
      <c r="Q4325" s="71">
        <f>IF(Input!$K$13=4,J4325*Input!$J$13,0)+IF(Input!$K$14=4,K4325*Input!$J$14,0)+IF(Input!$K$15=4,L4325*Input!$J$15,0)+IF(Input!$K$16=4,M4325*Input!$J$16,0)</f>
        <v>0</v>
      </c>
    </row>
    <row r="4326" spans="8:17" x14ac:dyDescent="0.25">
      <c r="H4326" s="43">
        <v>4319</v>
      </c>
      <c r="I4326" s="55">
        <f>Bühler!I4352</f>
        <v>9.6974377072643211E-2</v>
      </c>
      <c r="J4326" s="58">
        <f>Bühler!J4352</f>
        <v>6.8434342015114424</v>
      </c>
      <c r="K4326" s="58">
        <f>Bühler!K4352</f>
        <v>0.56946977559476686</v>
      </c>
      <c r="L4326" s="58">
        <f>Bühler!L4352</f>
        <v>0.28473488779738343</v>
      </c>
      <c r="M4326" s="57">
        <f>Bühler!M4352</f>
        <v>0</v>
      </c>
      <c r="N4326" s="55">
        <f>IF(Input!$K$13=1,J4326*Input!$J$13,0)+IF(Input!$K$14=1,K4326*Input!$J$14,0)+IF(Input!$K$15=1,L4326*Input!$J$15,0)+IF(Input!$K$16=1,M4326*Input!$J$16,0)</f>
        <v>0.82121210418137303</v>
      </c>
      <c r="O4326" s="58">
        <f>IF(Input!$K$13=2,J4326*Input!$J$13,0)+IF(Input!$K$14=2,K4326*Input!$J$14,0)+IF(Input!$K$15=2,L4326*Input!$J$15,0)+IF(Input!$K$16=2,M4326*Input!$J$16,0)</f>
        <v>7.6878419705293521E-2</v>
      </c>
      <c r="P4326" s="58">
        <f>IF(Input!$K$13=3,J4326*Input!$J$13,0)+IF(Input!$K$14=3,K4326*Input!$J$14,0)+IF(Input!$K$15=3,L4326*Input!$J$15,0)+IF(Input!$K$16=3,M4326*Input!$J$16,0)</f>
        <v>0</v>
      </c>
      <c r="Q4326" s="71">
        <f>IF(Input!$K$13=4,J4326*Input!$J$13,0)+IF(Input!$K$14=4,K4326*Input!$J$14,0)+IF(Input!$K$15=4,L4326*Input!$J$15,0)+IF(Input!$K$16=4,M4326*Input!$J$16,0)</f>
        <v>0</v>
      </c>
    </row>
    <row r="4327" spans="8:17" x14ac:dyDescent="0.25">
      <c r="H4327" s="43">
        <v>4320</v>
      </c>
      <c r="I4327" s="55">
        <f>Bühler!I4353</f>
        <v>9.6974377072643211E-2</v>
      </c>
      <c r="J4327" s="58">
        <f>Bühler!J4353</f>
        <v>6.8434342015114424</v>
      </c>
      <c r="K4327" s="58">
        <f>Bühler!K4353</f>
        <v>0.56946977559476686</v>
      </c>
      <c r="L4327" s="58">
        <f>Bühler!L4353</f>
        <v>0.28473488779738343</v>
      </c>
      <c r="M4327" s="57">
        <f>Bühler!M4353</f>
        <v>0</v>
      </c>
      <c r="N4327" s="55">
        <f>IF(Input!$K$13=1,J4327*Input!$J$13,0)+IF(Input!$K$14=1,K4327*Input!$J$14,0)+IF(Input!$K$15=1,L4327*Input!$J$15,0)+IF(Input!$K$16=1,M4327*Input!$J$16,0)</f>
        <v>0.82121210418137303</v>
      </c>
      <c r="O4327" s="58">
        <f>IF(Input!$K$13=2,J4327*Input!$J$13,0)+IF(Input!$K$14=2,K4327*Input!$J$14,0)+IF(Input!$K$15=2,L4327*Input!$J$15,0)+IF(Input!$K$16=2,M4327*Input!$J$16,0)</f>
        <v>7.6878419705293521E-2</v>
      </c>
      <c r="P4327" s="58">
        <f>IF(Input!$K$13=3,J4327*Input!$J$13,0)+IF(Input!$K$14=3,K4327*Input!$J$14,0)+IF(Input!$K$15=3,L4327*Input!$J$15,0)+IF(Input!$K$16=3,M4327*Input!$J$16,0)</f>
        <v>0</v>
      </c>
      <c r="Q4327" s="71">
        <f>IF(Input!$K$13=4,J4327*Input!$J$13,0)+IF(Input!$K$14=4,K4327*Input!$J$14,0)+IF(Input!$K$15=4,L4327*Input!$J$15,0)+IF(Input!$K$16=4,M4327*Input!$J$16,0)</f>
        <v>0</v>
      </c>
    </row>
    <row r="4328" spans="8:17" x14ac:dyDescent="0.25">
      <c r="H4328" s="43">
        <v>4321</v>
      </c>
      <c r="I4328" s="55">
        <f>Bühler!I4354</f>
        <v>0</v>
      </c>
      <c r="J4328" s="58">
        <f>Bühler!J4354</f>
        <v>9.9176722832969908</v>
      </c>
      <c r="K4328" s="58">
        <f>Bühler!K4354</f>
        <v>0.85542788691982163</v>
      </c>
      <c r="L4328" s="58">
        <f>Bühler!L4354</f>
        <v>0.42771394345991082</v>
      </c>
      <c r="M4328" s="57">
        <f>Bühler!M4354</f>
        <v>0</v>
      </c>
      <c r="N4328" s="55">
        <f>IF(Input!$K$13=1,J4328*Input!$J$13,0)+IF(Input!$K$14=1,K4328*Input!$J$14,0)+IF(Input!$K$15=1,L4328*Input!$J$15,0)+IF(Input!$K$16=1,M4328*Input!$J$16,0)</f>
        <v>1.1901206739956389</v>
      </c>
      <c r="O4328" s="58">
        <f>IF(Input!$K$13=2,J4328*Input!$J$13,0)+IF(Input!$K$14=2,K4328*Input!$J$14,0)+IF(Input!$K$15=2,L4328*Input!$J$15,0)+IF(Input!$K$16=2,M4328*Input!$J$16,0)</f>
        <v>0.11548276473417592</v>
      </c>
      <c r="P4328" s="58">
        <f>IF(Input!$K$13=3,J4328*Input!$J$13,0)+IF(Input!$K$14=3,K4328*Input!$J$14,0)+IF(Input!$K$15=3,L4328*Input!$J$15,0)+IF(Input!$K$16=3,M4328*Input!$J$16,0)</f>
        <v>0</v>
      </c>
      <c r="Q4328" s="71">
        <f>IF(Input!$K$13=4,J4328*Input!$J$13,0)+IF(Input!$K$14=4,K4328*Input!$J$14,0)+IF(Input!$K$15=4,L4328*Input!$J$15,0)+IF(Input!$K$16=4,M4328*Input!$J$16,0)</f>
        <v>0</v>
      </c>
    </row>
    <row r="4329" spans="8:17" x14ac:dyDescent="0.25">
      <c r="H4329" s="43">
        <v>4322</v>
      </c>
      <c r="I4329" s="55">
        <f>Bühler!I4355</f>
        <v>0</v>
      </c>
      <c r="J4329" s="58">
        <f>Bühler!J4355</f>
        <v>6.0107104747254496</v>
      </c>
      <c r="K4329" s="58">
        <f>Bühler!K4355</f>
        <v>0.51844114358777071</v>
      </c>
      <c r="L4329" s="58">
        <f>Bühler!L4355</f>
        <v>0.25922057179388536</v>
      </c>
      <c r="M4329" s="57">
        <f>Bühler!M4355</f>
        <v>0</v>
      </c>
      <c r="N4329" s="55">
        <f>IF(Input!$K$13=1,J4329*Input!$J$13,0)+IF(Input!$K$14=1,K4329*Input!$J$14,0)+IF(Input!$K$15=1,L4329*Input!$J$15,0)+IF(Input!$K$16=1,M4329*Input!$J$16,0)</f>
        <v>0.72128525696705392</v>
      </c>
      <c r="O4329" s="58">
        <f>IF(Input!$K$13=2,J4329*Input!$J$13,0)+IF(Input!$K$14=2,K4329*Input!$J$14,0)+IF(Input!$K$15=2,L4329*Input!$J$15,0)+IF(Input!$K$16=2,M4329*Input!$J$16,0)</f>
        <v>6.9989554384349048E-2</v>
      </c>
      <c r="P4329" s="58">
        <f>IF(Input!$K$13=3,J4329*Input!$J$13,0)+IF(Input!$K$14=3,K4329*Input!$J$14,0)+IF(Input!$K$15=3,L4329*Input!$J$15,0)+IF(Input!$K$16=3,M4329*Input!$J$16,0)</f>
        <v>0</v>
      </c>
      <c r="Q4329" s="71">
        <f>IF(Input!$K$13=4,J4329*Input!$J$13,0)+IF(Input!$K$14=4,K4329*Input!$J$14,0)+IF(Input!$K$15=4,L4329*Input!$J$15,0)+IF(Input!$K$16=4,M4329*Input!$J$16,0)</f>
        <v>0</v>
      </c>
    </row>
    <row r="4330" spans="8:17" x14ac:dyDescent="0.25">
      <c r="H4330" s="43">
        <v>4323</v>
      </c>
      <c r="I4330" s="55">
        <f>Bühler!I4356</f>
        <v>0</v>
      </c>
      <c r="J4330" s="58">
        <f>Bühler!J4356</f>
        <v>6.0107104747254496</v>
      </c>
      <c r="K4330" s="58">
        <f>Bühler!K4356</f>
        <v>0.51844114358777071</v>
      </c>
      <c r="L4330" s="58">
        <f>Bühler!L4356</f>
        <v>0.25922057179388536</v>
      </c>
      <c r="M4330" s="57">
        <f>Bühler!M4356</f>
        <v>0</v>
      </c>
      <c r="N4330" s="55">
        <f>IF(Input!$K$13=1,J4330*Input!$J$13,0)+IF(Input!$K$14=1,K4330*Input!$J$14,0)+IF(Input!$K$15=1,L4330*Input!$J$15,0)+IF(Input!$K$16=1,M4330*Input!$J$16,0)</f>
        <v>0.72128525696705392</v>
      </c>
      <c r="O4330" s="58">
        <f>IF(Input!$K$13=2,J4330*Input!$J$13,0)+IF(Input!$K$14=2,K4330*Input!$J$14,0)+IF(Input!$K$15=2,L4330*Input!$J$15,0)+IF(Input!$K$16=2,M4330*Input!$J$16,0)</f>
        <v>6.9989554384349048E-2</v>
      </c>
      <c r="P4330" s="58">
        <f>IF(Input!$K$13=3,J4330*Input!$J$13,0)+IF(Input!$K$14=3,K4330*Input!$J$14,0)+IF(Input!$K$15=3,L4330*Input!$J$15,0)+IF(Input!$K$16=3,M4330*Input!$J$16,0)</f>
        <v>0</v>
      </c>
      <c r="Q4330" s="71">
        <f>IF(Input!$K$13=4,J4330*Input!$J$13,0)+IF(Input!$K$14=4,K4330*Input!$J$14,0)+IF(Input!$K$15=4,L4330*Input!$J$15,0)+IF(Input!$K$16=4,M4330*Input!$J$16,0)</f>
        <v>0</v>
      </c>
    </row>
    <row r="4331" spans="8:17" x14ac:dyDescent="0.25">
      <c r="H4331" s="43">
        <v>4324</v>
      </c>
      <c r="I4331" s="55">
        <f>Bühler!I4357</f>
        <v>0</v>
      </c>
      <c r="J4331" s="58">
        <f>Bühler!J4357</f>
        <v>6.0107104747254496</v>
      </c>
      <c r="K4331" s="58">
        <f>Bühler!K4357</f>
        <v>0.51844114358777071</v>
      </c>
      <c r="L4331" s="58">
        <f>Bühler!L4357</f>
        <v>0.25922057179388536</v>
      </c>
      <c r="M4331" s="57">
        <f>Bühler!M4357</f>
        <v>0</v>
      </c>
      <c r="N4331" s="55">
        <f>IF(Input!$K$13=1,J4331*Input!$J$13,0)+IF(Input!$K$14=1,K4331*Input!$J$14,0)+IF(Input!$K$15=1,L4331*Input!$J$15,0)+IF(Input!$K$16=1,M4331*Input!$J$16,0)</f>
        <v>0.72128525696705392</v>
      </c>
      <c r="O4331" s="58">
        <f>IF(Input!$K$13=2,J4331*Input!$J$13,0)+IF(Input!$K$14=2,K4331*Input!$J$14,0)+IF(Input!$K$15=2,L4331*Input!$J$15,0)+IF(Input!$K$16=2,M4331*Input!$J$16,0)</f>
        <v>6.9989554384349048E-2</v>
      </c>
      <c r="P4331" s="58">
        <f>IF(Input!$K$13=3,J4331*Input!$J$13,0)+IF(Input!$K$14=3,K4331*Input!$J$14,0)+IF(Input!$K$15=3,L4331*Input!$J$15,0)+IF(Input!$K$16=3,M4331*Input!$J$16,0)</f>
        <v>0</v>
      </c>
      <c r="Q4331" s="71">
        <f>IF(Input!$K$13=4,J4331*Input!$J$13,0)+IF(Input!$K$14=4,K4331*Input!$J$14,0)+IF(Input!$K$15=4,L4331*Input!$J$15,0)+IF(Input!$K$16=4,M4331*Input!$J$16,0)</f>
        <v>0</v>
      </c>
    </row>
    <row r="4332" spans="8:17" x14ac:dyDescent="0.25">
      <c r="H4332" s="43">
        <v>4325</v>
      </c>
      <c r="I4332" s="55">
        <f>Bühler!I4358</f>
        <v>0</v>
      </c>
      <c r="J4332" s="58">
        <f>Bühler!J4358</f>
        <v>6.0107104747254496</v>
      </c>
      <c r="K4332" s="58">
        <f>Bühler!K4358</f>
        <v>0.51844114358777071</v>
      </c>
      <c r="L4332" s="58">
        <f>Bühler!L4358</f>
        <v>0.25922057179388536</v>
      </c>
      <c r="M4332" s="57">
        <f>Bühler!M4358</f>
        <v>0</v>
      </c>
      <c r="N4332" s="55">
        <f>IF(Input!$K$13=1,J4332*Input!$J$13,0)+IF(Input!$K$14=1,K4332*Input!$J$14,0)+IF(Input!$K$15=1,L4332*Input!$J$15,0)+IF(Input!$K$16=1,M4332*Input!$J$16,0)</f>
        <v>0.72128525696705392</v>
      </c>
      <c r="O4332" s="58">
        <f>IF(Input!$K$13=2,J4332*Input!$J$13,0)+IF(Input!$K$14=2,K4332*Input!$J$14,0)+IF(Input!$K$15=2,L4332*Input!$J$15,0)+IF(Input!$K$16=2,M4332*Input!$J$16,0)</f>
        <v>6.9989554384349048E-2</v>
      </c>
      <c r="P4332" s="58">
        <f>IF(Input!$K$13=3,J4332*Input!$J$13,0)+IF(Input!$K$14=3,K4332*Input!$J$14,0)+IF(Input!$K$15=3,L4332*Input!$J$15,0)+IF(Input!$K$16=3,M4332*Input!$J$16,0)</f>
        <v>0</v>
      </c>
      <c r="Q4332" s="71">
        <f>IF(Input!$K$13=4,J4332*Input!$J$13,0)+IF(Input!$K$14=4,K4332*Input!$J$14,0)+IF(Input!$K$15=4,L4332*Input!$J$15,0)+IF(Input!$K$16=4,M4332*Input!$J$16,0)</f>
        <v>0</v>
      </c>
    </row>
    <row r="4333" spans="8:17" x14ac:dyDescent="0.25">
      <c r="H4333" s="43">
        <v>4326</v>
      </c>
      <c r="I4333" s="55">
        <f>Bühler!I4359</f>
        <v>0</v>
      </c>
      <c r="J4333" s="58">
        <f>Bühler!J4359</f>
        <v>6.0107104747254496</v>
      </c>
      <c r="K4333" s="58">
        <f>Bühler!K4359</f>
        <v>0.51844114358777071</v>
      </c>
      <c r="L4333" s="58">
        <f>Bühler!L4359</f>
        <v>0.25922057179388536</v>
      </c>
      <c r="M4333" s="57">
        <f>Bühler!M4359</f>
        <v>0</v>
      </c>
      <c r="N4333" s="55">
        <f>IF(Input!$K$13=1,J4333*Input!$J$13,0)+IF(Input!$K$14=1,K4333*Input!$J$14,0)+IF(Input!$K$15=1,L4333*Input!$J$15,0)+IF(Input!$K$16=1,M4333*Input!$J$16,0)</f>
        <v>0.72128525696705392</v>
      </c>
      <c r="O4333" s="58">
        <f>IF(Input!$K$13=2,J4333*Input!$J$13,0)+IF(Input!$K$14=2,K4333*Input!$J$14,0)+IF(Input!$K$15=2,L4333*Input!$J$15,0)+IF(Input!$K$16=2,M4333*Input!$J$16,0)</f>
        <v>6.9989554384349048E-2</v>
      </c>
      <c r="P4333" s="58">
        <f>IF(Input!$K$13=3,J4333*Input!$J$13,0)+IF(Input!$K$14=3,K4333*Input!$J$14,0)+IF(Input!$K$15=3,L4333*Input!$J$15,0)+IF(Input!$K$16=3,M4333*Input!$J$16,0)</f>
        <v>0</v>
      </c>
      <c r="Q4333" s="71">
        <f>IF(Input!$K$13=4,J4333*Input!$J$13,0)+IF(Input!$K$14=4,K4333*Input!$J$14,0)+IF(Input!$K$15=4,L4333*Input!$J$15,0)+IF(Input!$K$16=4,M4333*Input!$J$16,0)</f>
        <v>0</v>
      </c>
    </row>
    <row r="4334" spans="8:17" x14ac:dyDescent="0.25">
      <c r="H4334" s="43">
        <v>4327</v>
      </c>
      <c r="I4334" s="55">
        <f>Bühler!I4360</f>
        <v>0</v>
      </c>
      <c r="J4334" s="58">
        <f>Bühler!J4360</f>
        <v>6.0107104747254496</v>
      </c>
      <c r="K4334" s="58">
        <f>Bühler!K4360</f>
        <v>0.51844114358777071</v>
      </c>
      <c r="L4334" s="58">
        <f>Bühler!L4360</f>
        <v>0.25922057179388536</v>
      </c>
      <c r="M4334" s="57">
        <f>Bühler!M4360</f>
        <v>0</v>
      </c>
      <c r="N4334" s="55">
        <f>IF(Input!$K$13=1,J4334*Input!$J$13,0)+IF(Input!$K$14=1,K4334*Input!$J$14,0)+IF(Input!$K$15=1,L4334*Input!$J$15,0)+IF(Input!$K$16=1,M4334*Input!$J$16,0)</f>
        <v>0.72128525696705392</v>
      </c>
      <c r="O4334" s="58">
        <f>IF(Input!$K$13=2,J4334*Input!$J$13,0)+IF(Input!$K$14=2,K4334*Input!$J$14,0)+IF(Input!$K$15=2,L4334*Input!$J$15,0)+IF(Input!$K$16=2,M4334*Input!$J$16,0)</f>
        <v>6.9989554384349048E-2</v>
      </c>
      <c r="P4334" s="58">
        <f>IF(Input!$K$13=3,J4334*Input!$J$13,0)+IF(Input!$K$14=3,K4334*Input!$J$14,0)+IF(Input!$K$15=3,L4334*Input!$J$15,0)+IF(Input!$K$16=3,M4334*Input!$J$16,0)</f>
        <v>0</v>
      </c>
      <c r="Q4334" s="71">
        <f>IF(Input!$K$13=4,J4334*Input!$J$13,0)+IF(Input!$K$14=4,K4334*Input!$J$14,0)+IF(Input!$K$15=4,L4334*Input!$J$15,0)+IF(Input!$K$16=4,M4334*Input!$J$16,0)</f>
        <v>0</v>
      </c>
    </row>
    <row r="4335" spans="8:17" x14ac:dyDescent="0.25">
      <c r="H4335" s="43">
        <v>4328</v>
      </c>
      <c r="I4335" s="55">
        <f>Bühler!I4361</f>
        <v>0</v>
      </c>
      <c r="J4335" s="58">
        <f>Bühler!J4361</f>
        <v>25.605626622330416</v>
      </c>
      <c r="K4335" s="58">
        <f>Bühler!K4361</f>
        <v>2.2085592716839035</v>
      </c>
      <c r="L4335" s="58">
        <f>Bühler!L4361</f>
        <v>1.1042796358419518</v>
      </c>
      <c r="M4335" s="57">
        <f>Bühler!M4361</f>
        <v>0</v>
      </c>
      <c r="N4335" s="55">
        <f>IF(Input!$K$13=1,J4335*Input!$J$13,0)+IF(Input!$K$14=1,K4335*Input!$J$14,0)+IF(Input!$K$15=1,L4335*Input!$J$15,0)+IF(Input!$K$16=1,M4335*Input!$J$16,0)</f>
        <v>3.0726751946796496</v>
      </c>
      <c r="O4335" s="58">
        <f>IF(Input!$K$13=2,J4335*Input!$J$13,0)+IF(Input!$K$14=2,K4335*Input!$J$14,0)+IF(Input!$K$15=2,L4335*Input!$J$15,0)+IF(Input!$K$16=2,M4335*Input!$J$16,0)</f>
        <v>0.29815550167732696</v>
      </c>
      <c r="P4335" s="58">
        <f>IF(Input!$K$13=3,J4335*Input!$J$13,0)+IF(Input!$K$14=3,K4335*Input!$J$14,0)+IF(Input!$K$15=3,L4335*Input!$J$15,0)+IF(Input!$K$16=3,M4335*Input!$J$16,0)</f>
        <v>0</v>
      </c>
      <c r="Q4335" s="71">
        <f>IF(Input!$K$13=4,J4335*Input!$J$13,0)+IF(Input!$K$14=4,K4335*Input!$J$14,0)+IF(Input!$K$15=4,L4335*Input!$J$15,0)+IF(Input!$K$16=4,M4335*Input!$J$16,0)</f>
        <v>0</v>
      </c>
    </row>
    <row r="4336" spans="8:17" x14ac:dyDescent="0.25">
      <c r="H4336" s="43">
        <v>4329</v>
      </c>
      <c r="I4336" s="55">
        <f>Bühler!I4362</f>
        <v>0</v>
      </c>
      <c r="J4336" s="58">
        <f>Bühler!J4362</f>
        <v>32.007033277913017</v>
      </c>
      <c r="K4336" s="58">
        <f>Bühler!K4362</f>
        <v>2.7606990896048789</v>
      </c>
      <c r="L4336" s="58">
        <f>Bühler!L4362</f>
        <v>1.3803495448024394</v>
      </c>
      <c r="M4336" s="57">
        <f>Bühler!M4362</f>
        <v>0</v>
      </c>
      <c r="N4336" s="55">
        <f>IF(Input!$K$13=1,J4336*Input!$J$13,0)+IF(Input!$K$14=1,K4336*Input!$J$14,0)+IF(Input!$K$15=1,L4336*Input!$J$15,0)+IF(Input!$K$16=1,M4336*Input!$J$16,0)</f>
        <v>3.8408439933495617</v>
      </c>
      <c r="O4336" s="58">
        <f>IF(Input!$K$13=2,J4336*Input!$J$13,0)+IF(Input!$K$14=2,K4336*Input!$J$14,0)+IF(Input!$K$15=2,L4336*Input!$J$15,0)+IF(Input!$K$16=2,M4336*Input!$J$16,0)</f>
        <v>0.37269437709665865</v>
      </c>
      <c r="P4336" s="58">
        <f>IF(Input!$K$13=3,J4336*Input!$J$13,0)+IF(Input!$K$14=3,K4336*Input!$J$14,0)+IF(Input!$K$15=3,L4336*Input!$J$15,0)+IF(Input!$K$16=3,M4336*Input!$J$16,0)</f>
        <v>0</v>
      </c>
      <c r="Q4336" s="71">
        <f>IF(Input!$K$13=4,J4336*Input!$J$13,0)+IF(Input!$K$14=4,K4336*Input!$J$14,0)+IF(Input!$K$15=4,L4336*Input!$J$15,0)+IF(Input!$K$16=4,M4336*Input!$J$16,0)</f>
        <v>0</v>
      </c>
    </row>
    <row r="4337" spans="8:17" x14ac:dyDescent="0.25">
      <c r="H4337" s="43">
        <v>4330</v>
      </c>
      <c r="I4337" s="55">
        <f>Bühler!I4363</f>
        <v>0</v>
      </c>
      <c r="J4337" s="58">
        <f>Bühler!J4363</f>
        <v>35.207736605704326</v>
      </c>
      <c r="K4337" s="58">
        <f>Bühler!K4363</f>
        <v>3.0367689985653672</v>
      </c>
      <c r="L4337" s="58">
        <f>Bühler!L4363</f>
        <v>1.5183844992826836</v>
      </c>
      <c r="M4337" s="57">
        <f>Bühler!M4363</f>
        <v>0</v>
      </c>
      <c r="N4337" s="55">
        <f>IF(Input!$K$13=1,J4337*Input!$J$13,0)+IF(Input!$K$14=1,K4337*Input!$J$14,0)+IF(Input!$K$15=1,L4337*Input!$J$15,0)+IF(Input!$K$16=1,M4337*Input!$J$16,0)</f>
        <v>4.2249283926845189</v>
      </c>
      <c r="O4337" s="58">
        <f>IF(Input!$K$13=2,J4337*Input!$J$13,0)+IF(Input!$K$14=2,K4337*Input!$J$14,0)+IF(Input!$K$15=2,L4337*Input!$J$15,0)+IF(Input!$K$16=2,M4337*Input!$J$16,0)</f>
        <v>0.4099638148063246</v>
      </c>
      <c r="P4337" s="58">
        <f>IF(Input!$K$13=3,J4337*Input!$J$13,0)+IF(Input!$K$14=3,K4337*Input!$J$14,0)+IF(Input!$K$15=3,L4337*Input!$J$15,0)+IF(Input!$K$16=3,M4337*Input!$J$16,0)</f>
        <v>0</v>
      </c>
      <c r="Q4337" s="71">
        <f>IF(Input!$K$13=4,J4337*Input!$J$13,0)+IF(Input!$K$14=4,K4337*Input!$J$14,0)+IF(Input!$K$15=4,L4337*Input!$J$15,0)+IF(Input!$K$16=4,M4337*Input!$J$16,0)</f>
        <v>0</v>
      </c>
    </row>
    <row r="4338" spans="8:17" x14ac:dyDescent="0.25">
      <c r="H4338" s="43">
        <v>4331</v>
      </c>
      <c r="I4338" s="55">
        <f>Bühler!I4364</f>
        <v>0</v>
      </c>
      <c r="J4338" s="58">
        <f>Bühler!J4364</f>
        <v>35.207736605704326</v>
      </c>
      <c r="K4338" s="58">
        <f>Bühler!K4364</f>
        <v>3.0367689985653672</v>
      </c>
      <c r="L4338" s="58">
        <f>Bühler!L4364</f>
        <v>1.5183844992826836</v>
      </c>
      <c r="M4338" s="57">
        <f>Bühler!M4364</f>
        <v>0</v>
      </c>
      <c r="N4338" s="55">
        <f>IF(Input!$K$13=1,J4338*Input!$J$13,0)+IF(Input!$K$14=1,K4338*Input!$J$14,0)+IF(Input!$K$15=1,L4338*Input!$J$15,0)+IF(Input!$K$16=1,M4338*Input!$J$16,0)</f>
        <v>4.2249283926845189</v>
      </c>
      <c r="O4338" s="58">
        <f>IF(Input!$K$13=2,J4338*Input!$J$13,0)+IF(Input!$K$14=2,K4338*Input!$J$14,0)+IF(Input!$K$15=2,L4338*Input!$J$15,0)+IF(Input!$K$16=2,M4338*Input!$J$16,0)</f>
        <v>0.4099638148063246</v>
      </c>
      <c r="P4338" s="58">
        <f>IF(Input!$K$13=3,J4338*Input!$J$13,0)+IF(Input!$K$14=3,K4338*Input!$J$14,0)+IF(Input!$K$15=3,L4338*Input!$J$15,0)+IF(Input!$K$16=3,M4338*Input!$J$16,0)</f>
        <v>0</v>
      </c>
      <c r="Q4338" s="71">
        <f>IF(Input!$K$13=4,J4338*Input!$J$13,0)+IF(Input!$K$14=4,K4338*Input!$J$14,0)+IF(Input!$K$15=4,L4338*Input!$J$15,0)+IF(Input!$K$16=4,M4338*Input!$J$16,0)</f>
        <v>0</v>
      </c>
    </row>
    <row r="4339" spans="8:17" x14ac:dyDescent="0.25">
      <c r="H4339" s="43">
        <v>4332</v>
      </c>
      <c r="I4339" s="55">
        <f>Bühler!I4365</f>
        <v>0</v>
      </c>
      <c r="J4339" s="58">
        <f>Bühler!J4365</f>
        <v>41.609143261286924</v>
      </c>
      <c r="K4339" s="58">
        <f>Bühler!K4365</f>
        <v>3.5889088164863434</v>
      </c>
      <c r="L4339" s="58">
        <f>Bühler!L4365</f>
        <v>1.7944544082431717</v>
      </c>
      <c r="M4339" s="57">
        <f>Bühler!M4365</f>
        <v>0</v>
      </c>
      <c r="N4339" s="55">
        <f>IF(Input!$K$13=1,J4339*Input!$J$13,0)+IF(Input!$K$14=1,K4339*Input!$J$14,0)+IF(Input!$K$15=1,L4339*Input!$J$15,0)+IF(Input!$K$16=1,M4339*Input!$J$16,0)</f>
        <v>4.9930971913544306</v>
      </c>
      <c r="O4339" s="58">
        <f>IF(Input!$K$13=2,J4339*Input!$J$13,0)+IF(Input!$K$14=2,K4339*Input!$J$14,0)+IF(Input!$K$15=2,L4339*Input!$J$15,0)+IF(Input!$K$16=2,M4339*Input!$J$16,0)</f>
        <v>0.48450269022565634</v>
      </c>
      <c r="P4339" s="58">
        <f>IF(Input!$K$13=3,J4339*Input!$J$13,0)+IF(Input!$K$14=3,K4339*Input!$J$14,0)+IF(Input!$K$15=3,L4339*Input!$J$15,0)+IF(Input!$K$16=3,M4339*Input!$J$16,0)</f>
        <v>0</v>
      </c>
      <c r="Q4339" s="71">
        <f>IF(Input!$K$13=4,J4339*Input!$J$13,0)+IF(Input!$K$14=4,K4339*Input!$J$14,0)+IF(Input!$K$15=4,L4339*Input!$J$15,0)+IF(Input!$K$16=4,M4339*Input!$J$16,0)</f>
        <v>0</v>
      </c>
    </row>
    <row r="4340" spans="8:17" x14ac:dyDescent="0.25">
      <c r="H4340" s="43">
        <v>4333</v>
      </c>
      <c r="I4340" s="55">
        <f>Bühler!I4366</f>
        <v>0</v>
      </c>
      <c r="J4340" s="58">
        <f>Bühler!J4366</f>
        <v>41.609143261286924</v>
      </c>
      <c r="K4340" s="58">
        <f>Bühler!K4366</f>
        <v>3.5889088164863434</v>
      </c>
      <c r="L4340" s="58">
        <f>Bühler!L4366</f>
        <v>1.7944544082431717</v>
      </c>
      <c r="M4340" s="57">
        <f>Bühler!M4366</f>
        <v>0</v>
      </c>
      <c r="N4340" s="55">
        <f>IF(Input!$K$13=1,J4340*Input!$J$13,0)+IF(Input!$K$14=1,K4340*Input!$J$14,0)+IF(Input!$K$15=1,L4340*Input!$J$15,0)+IF(Input!$K$16=1,M4340*Input!$J$16,0)</f>
        <v>4.9930971913544306</v>
      </c>
      <c r="O4340" s="58">
        <f>IF(Input!$K$13=2,J4340*Input!$J$13,0)+IF(Input!$K$14=2,K4340*Input!$J$14,0)+IF(Input!$K$15=2,L4340*Input!$J$15,0)+IF(Input!$K$16=2,M4340*Input!$J$16,0)</f>
        <v>0.48450269022565634</v>
      </c>
      <c r="P4340" s="58">
        <f>IF(Input!$K$13=3,J4340*Input!$J$13,0)+IF(Input!$K$14=3,K4340*Input!$J$14,0)+IF(Input!$K$15=3,L4340*Input!$J$15,0)+IF(Input!$K$16=3,M4340*Input!$J$16,0)</f>
        <v>0</v>
      </c>
      <c r="Q4340" s="71">
        <f>IF(Input!$K$13=4,J4340*Input!$J$13,0)+IF(Input!$K$14=4,K4340*Input!$J$14,0)+IF(Input!$K$15=4,L4340*Input!$J$15,0)+IF(Input!$K$16=4,M4340*Input!$J$16,0)</f>
        <v>0</v>
      </c>
    </row>
    <row r="4341" spans="8:17" x14ac:dyDescent="0.25">
      <c r="H4341" s="43">
        <v>4334</v>
      </c>
      <c r="I4341" s="55">
        <f>Bühler!I4367</f>
        <v>0</v>
      </c>
      <c r="J4341" s="58">
        <f>Bühler!J4367</f>
        <v>28.806329950121714</v>
      </c>
      <c r="K4341" s="58">
        <f>Bühler!K4367</f>
        <v>2.4846291806443914</v>
      </c>
      <c r="L4341" s="58">
        <f>Bühler!L4367</f>
        <v>1.2423145903221957</v>
      </c>
      <c r="M4341" s="57">
        <f>Bühler!M4367</f>
        <v>0</v>
      </c>
      <c r="N4341" s="55">
        <f>IF(Input!$K$13=1,J4341*Input!$J$13,0)+IF(Input!$K$14=1,K4341*Input!$J$14,0)+IF(Input!$K$15=1,L4341*Input!$J$15,0)+IF(Input!$K$16=1,M4341*Input!$J$16,0)</f>
        <v>3.4567595940146054</v>
      </c>
      <c r="O4341" s="58">
        <f>IF(Input!$K$13=2,J4341*Input!$J$13,0)+IF(Input!$K$14=2,K4341*Input!$J$14,0)+IF(Input!$K$15=2,L4341*Input!$J$15,0)+IF(Input!$K$16=2,M4341*Input!$J$16,0)</f>
        <v>0.3354249393869928</v>
      </c>
      <c r="P4341" s="58">
        <f>IF(Input!$K$13=3,J4341*Input!$J$13,0)+IF(Input!$K$14=3,K4341*Input!$J$14,0)+IF(Input!$K$15=3,L4341*Input!$J$15,0)+IF(Input!$K$16=3,M4341*Input!$J$16,0)</f>
        <v>0</v>
      </c>
      <c r="Q4341" s="71">
        <f>IF(Input!$K$13=4,J4341*Input!$J$13,0)+IF(Input!$K$14=4,K4341*Input!$J$14,0)+IF(Input!$K$15=4,L4341*Input!$J$15,0)+IF(Input!$K$16=4,M4341*Input!$J$16,0)</f>
        <v>0</v>
      </c>
    </row>
    <row r="4342" spans="8:17" x14ac:dyDescent="0.25">
      <c r="H4342" s="43">
        <v>4335</v>
      </c>
      <c r="I4342" s="55">
        <f>Bühler!I4368</f>
        <v>0</v>
      </c>
      <c r="J4342" s="58">
        <f>Bühler!J4368</f>
        <v>41.609143261286924</v>
      </c>
      <c r="K4342" s="58">
        <f>Bühler!K4368</f>
        <v>3.5889088164863434</v>
      </c>
      <c r="L4342" s="58">
        <f>Bühler!L4368</f>
        <v>1.7944544082431717</v>
      </c>
      <c r="M4342" s="57">
        <f>Bühler!M4368</f>
        <v>0</v>
      </c>
      <c r="N4342" s="55">
        <f>IF(Input!$K$13=1,J4342*Input!$J$13,0)+IF(Input!$K$14=1,K4342*Input!$J$14,0)+IF(Input!$K$15=1,L4342*Input!$J$15,0)+IF(Input!$K$16=1,M4342*Input!$J$16,0)</f>
        <v>4.9930971913544306</v>
      </c>
      <c r="O4342" s="58">
        <f>IF(Input!$K$13=2,J4342*Input!$J$13,0)+IF(Input!$K$14=2,K4342*Input!$J$14,0)+IF(Input!$K$15=2,L4342*Input!$J$15,0)+IF(Input!$K$16=2,M4342*Input!$J$16,0)</f>
        <v>0.48450269022565634</v>
      </c>
      <c r="P4342" s="58">
        <f>IF(Input!$K$13=3,J4342*Input!$J$13,0)+IF(Input!$K$14=3,K4342*Input!$J$14,0)+IF(Input!$K$15=3,L4342*Input!$J$15,0)+IF(Input!$K$16=3,M4342*Input!$J$16,0)</f>
        <v>0</v>
      </c>
      <c r="Q4342" s="71">
        <f>IF(Input!$K$13=4,J4342*Input!$J$13,0)+IF(Input!$K$14=4,K4342*Input!$J$14,0)+IF(Input!$K$15=4,L4342*Input!$J$15,0)+IF(Input!$K$16=4,M4342*Input!$J$16,0)</f>
        <v>0</v>
      </c>
    </row>
    <row r="4343" spans="8:17" x14ac:dyDescent="0.25">
      <c r="H4343" s="43">
        <v>4336</v>
      </c>
      <c r="I4343" s="55">
        <f>Bühler!I4369</f>
        <v>0</v>
      </c>
      <c r="J4343" s="58">
        <f>Bühler!J4369</f>
        <v>32.007033277913017</v>
      </c>
      <c r="K4343" s="58">
        <f>Bühler!K4369</f>
        <v>2.7606990896048789</v>
      </c>
      <c r="L4343" s="58">
        <f>Bühler!L4369</f>
        <v>1.3803495448024394</v>
      </c>
      <c r="M4343" s="57">
        <f>Bühler!M4369</f>
        <v>0</v>
      </c>
      <c r="N4343" s="55">
        <f>IF(Input!$K$13=1,J4343*Input!$J$13,0)+IF(Input!$K$14=1,K4343*Input!$J$14,0)+IF(Input!$K$15=1,L4343*Input!$J$15,0)+IF(Input!$K$16=1,M4343*Input!$J$16,0)</f>
        <v>3.8408439933495617</v>
      </c>
      <c r="O4343" s="58">
        <f>IF(Input!$K$13=2,J4343*Input!$J$13,0)+IF(Input!$K$14=2,K4343*Input!$J$14,0)+IF(Input!$K$15=2,L4343*Input!$J$15,0)+IF(Input!$K$16=2,M4343*Input!$J$16,0)</f>
        <v>0.37269437709665865</v>
      </c>
      <c r="P4343" s="58">
        <f>IF(Input!$K$13=3,J4343*Input!$J$13,0)+IF(Input!$K$14=3,K4343*Input!$J$14,0)+IF(Input!$K$15=3,L4343*Input!$J$15,0)+IF(Input!$K$16=3,M4343*Input!$J$16,0)</f>
        <v>0</v>
      </c>
      <c r="Q4343" s="71">
        <f>IF(Input!$K$13=4,J4343*Input!$J$13,0)+IF(Input!$K$14=4,K4343*Input!$J$14,0)+IF(Input!$K$15=4,L4343*Input!$J$15,0)+IF(Input!$K$16=4,M4343*Input!$J$16,0)</f>
        <v>0</v>
      </c>
    </row>
    <row r="4344" spans="8:17" x14ac:dyDescent="0.25">
      <c r="H4344" s="43">
        <v>4337</v>
      </c>
      <c r="I4344" s="55">
        <f>Bühler!I4370</f>
        <v>0</v>
      </c>
      <c r="J4344" s="58">
        <f>Bühler!J4370</f>
        <v>15.026776186813626</v>
      </c>
      <c r="K4344" s="58">
        <f>Bühler!K4370</f>
        <v>1.296102858969427</v>
      </c>
      <c r="L4344" s="58">
        <f>Bühler!L4370</f>
        <v>0.6480514294847135</v>
      </c>
      <c r="M4344" s="57">
        <f>Bühler!M4370</f>
        <v>0</v>
      </c>
      <c r="N4344" s="55">
        <f>IF(Input!$K$13=1,J4344*Input!$J$13,0)+IF(Input!$K$14=1,K4344*Input!$J$14,0)+IF(Input!$K$15=1,L4344*Input!$J$15,0)+IF(Input!$K$16=1,M4344*Input!$J$16,0)</f>
        <v>1.803213142417635</v>
      </c>
      <c r="O4344" s="58">
        <f>IF(Input!$K$13=2,J4344*Input!$J$13,0)+IF(Input!$K$14=2,K4344*Input!$J$14,0)+IF(Input!$K$15=2,L4344*Input!$J$15,0)+IF(Input!$K$16=2,M4344*Input!$J$16,0)</f>
        <v>0.17497388596087265</v>
      </c>
      <c r="P4344" s="58">
        <f>IF(Input!$K$13=3,J4344*Input!$J$13,0)+IF(Input!$K$14=3,K4344*Input!$J$14,0)+IF(Input!$K$15=3,L4344*Input!$J$15,0)+IF(Input!$K$16=3,M4344*Input!$J$16,0)</f>
        <v>0</v>
      </c>
      <c r="Q4344" s="71">
        <f>IF(Input!$K$13=4,J4344*Input!$J$13,0)+IF(Input!$K$14=4,K4344*Input!$J$14,0)+IF(Input!$K$15=4,L4344*Input!$J$15,0)+IF(Input!$K$16=4,M4344*Input!$J$16,0)</f>
        <v>0</v>
      </c>
    </row>
    <row r="4345" spans="8:17" x14ac:dyDescent="0.25">
      <c r="H4345" s="43">
        <v>4338</v>
      </c>
      <c r="I4345" s="55">
        <f>Bühler!I4371</f>
        <v>0</v>
      </c>
      <c r="J4345" s="58">
        <f>Bühler!J4371</f>
        <v>9.9176722832969908</v>
      </c>
      <c r="K4345" s="58">
        <f>Bühler!K4371</f>
        <v>0.85542788691982163</v>
      </c>
      <c r="L4345" s="58">
        <f>Bühler!L4371</f>
        <v>0.42771394345991082</v>
      </c>
      <c r="M4345" s="57">
        <f>Bühler!M4371</f>
        <v>0</v>
      </c>
      <c r="N4345" s="55">
        <f>IF(Input!$K$13=1,J4345*Input!$J$13,0)+IF(Input!$K$14=1,K4345*Input!$J$14,0)+IF(Input!$K$15=1,L4345*Input!$J$15,0)+IF(Input!$K$16=1,M4345*Input!$J$16,0)</f>
        <v>1.1901206739956389</v>
      </c>
      <c r="O4345" s="58">
        <f>IF(Input!$K$13=2,J4345*Input!$J$13,0)+IF(Input!$K$14=2,K4345*Input!$J$14,0)+IF(Input!$K$15=2,L4345*Input!$J$15,0)+IF(Input!$K$16=2,M4345*Input!$J$16,0)</f>
        <v>0.11548276473417592</v>
      </c>
      <c r="P4345" s="58">
        <f>IF(Input!$K$13=3,J4345*Input!$J$13,0)+IF(Input!$K$14=3,K4345*Input!$J$14,0)+IF(Input!$K$15=3,L4345*Input!$J$15,0)+IF(Input!$K$16=3,M4345*Input!$J$16,0)</f>
        <v>0</v>
      </c>
      <c r="Q4345" s="71">
        <f>IF(Input!$K$13=4,J4345*Input!$J$13,0)+IF(Input!$K$14=4,K4345*Input!$J$14,0)+IF(Input!$K$15=4,L4345*Input!$J$15,0)+IF(Input!$K$16=4,M4345*Input!$J$16,0)</f>
        <v>0</v>
      </c>
    </row>
    <row r="4346" spans="8:17" x14ac:dyDescent="0.25">
      <c r="H4346" s="43">
        <v>4339</v>
      </c>
      <c r="I4346" s="55">
        <f>Bühler!I4372</f>
        <v>0</v>
      </c>
      <c r="J4346" s="58">
        <f>Bühler!J4372</f>
        <v>6.3112459984617217</v>
      </c>
      <c r="K4346" s="58">
        <f>Bühler!K4372</f>
        <v>0.54436320076715927</v>
      </c>
      <c r="L4346" s="58">
        <f>Bühler!L4372</f>
        <v>0.27218160038357964</v>
      </c>
      <c r="M4346" s="57">
        <f>Bühler!M4372</f>
        <v>0</v>
      </c>
      <c r="N4346" s="55">
        <f>IF(Input!$K$13=1,J4346*Input!$J$13,0)+IF(Input!$K$14=1,K4346*Input!$J$14,0)+IF(Input!$K$15=1,L4346*Input!$J$15,0)+IF(Input!$K$16=1,M4346*Input!$J$16,0)</f>
        <v>0.75734951981540655</v>
      </c>
      <c r="O4346" s="58">
        <f>IF(Input!$K$13=2,J4346*Input!$J$13,0)+IF(Input!$K$14=2,K4346*Input!$J$14,0)+IF(Input!$K$15=2,L4346*Input!$J$15,0)+IF(Input!$K$16=2,M4346*Input!$J$16,0)</f>
        <v>7.3489032103566498E-2</v>
      </c>
      <c r="P4346" s="58">
        <f>IF(Input!$K$13=3,J4346*Input!$J$13,0)+IF(Input!$K$14=3,K4346*Input!$J$14,0)+IF(Input!$K$15=3,L4346*Input!$J$15,0)+IF(Input!$K$16=3,M4346*Input!$J$16,0)</f>
        <v>0</v>
      </c>
      <c r="Q4346" s="71">
        <f>IF(Input!$K$13=4,J4346*Input!$J$13,0)+IF(Input!$K$14=4,K4346*Input!$J$14,0)+IF(Input!$K$15=4,L4346*Input!$J$15,0)+IF(Input!$K$16=4,M4346*Input!$J$16,0)</f>
        <v>0</v>
      </c>
    </row>
    <row r="4347" spans="8:17" x14ac:dyDescent="0.25">
      <c r="H4347" s="43">
        <v>4340</v>
      </c>
      <c r="I4347" s="55">
        <f>Bühler!I4373</f>
        <v>0</v>
      </c>
      <c r="J4347" s="58">
        <f>Bühler!J4373</f>
        <v>6.0107104747254496</v>
      </c>
      <c r="K4347" s="58">
        <f>Bühler!K4373</f>
        <v>0.51844114358777071</v>
      </c>
      <c r="L4347" s="58">
        <f>Bühler!L4373</f>
        <v>0.25922057179388536</v>
      </c>
      <c r="M4347" s="57">
        <f>Bühler!M4373</f>
        <v>0</v>
      </c>
      <c r="N4347" s="55">
        <f>IF(Input!$K$13=1,J4347*Input!$J$13,0)+IF(Input!$K$14=1,K4347*Input!$J$14,0)+IF(Input!$K$15=1,L4347*Input!$J$15,0)+IF(Input!$K$16=1,M4347*Input!$J$16,0)</f>
        <v>0.72128525696705392</v>
      </c>
      <c r="O4347" s="58">
        <f>IF(Input!$K$13=2,J4347*Input!$J$13,0)+IF(Input!$K$14=2,K4347*Input!$J$14,0)+IF(Input!$K$15=2,L4347*Input!$J$15,0)+IF(Input!$K$16=2,M4347*Input!$J$16,0)</f>
        <v>6.9989554384349048E-2</v>
      </c>
      <c r="P4347" s="58">
        <f>IF(Input!$K$13=3,J4347*Input!$J$13,0)+IF(Input!$K$14=3,K4347*Input!$J$14,0)+IF(Input!$K$15=3,L4347*Input!$J$15,0)+IF(Input!$K$16=3,M4347*Input!$J$16,0)</f>
        <v>0</v>
      </c>
      <c r="Q4347" s="71">
        <f>IF(Input!$K$13=4,J4347*Input!$J$13,0)+IF(Input!$K$14=4,K4347*Input!$J$14,0)+IF(Input!$K$15=4,L4347*Input!$J$15,0)+IF(Input!$K$16=4,M4347*Input!$J$16,0)</f>
        <v>0</v>
      </c>
    </row>
    <row r="4348" spans="8:17" x14ac:dyDescent="0.25">
      <c r="H4348" s="43">
        <v>4341</v>
      </c>
      <c r="I4348" s="55">
        <f>Bühler!I4374</f>
        <v>0</v>
      </c>
      <c r="J4348" s="58">
        <f>Bühler!J4374</f>
        <v>6.0107104747254496</v>
      </c>
      <c r="K4348" s="58">
        <f>Bühler!K4374</f>
        <v>0.51844114358777071</v>
      </c>
      <c r="L4348" s="58">
        <f>Bühler!L4374</f>
        <v>0.25922057179388536</v>
      </c>
      <c r="M4348" s="57">
        <f>Bühler!M4374</f>
        <v>0</v>
      </c>
      <c r="N4348" s="55">
        <f>IF(Input!$K$13=1,J4348*Input!$J$13,0)+IF(Input!$K$14=1,K4348*Input!$J$14,0)+IF(Input!$K$15=1,L4348*Input!$J$15,0)+IF(Input!$K$16=1,M4348*Input!$J$16,0)</f>
        <v>0.72128525696705392</v>
      </c>
      <c r="O4348" s="58">
        <f>IF(Input!$K$13=2,J4348*Input!$J$13,0)+IF(Input!$K$14=2,K4348*Input!$J$14,0)+IF(Input!$K$15=2,L4348*Input!$J$15,0)+IF(Input!$K$16=2,M4348*Input!$J$16,0)</f>
        <v>6.9989554384349048E-2</v>
      </c>
      <c r="P4348" s="58">
        <f>IF(Input!$K$13=3,J4348*Input!$J$13,0)+IF(Input!$K$14=3,K4348*Input!$J$14,0)+IF(Input!$K$15=3,L4348*Input!$J$15,0)+IF(Input!$K$16=3,M4348*Input!$J$16,0)</f>
        <v>0</v>
      </c>
      <c r="Q4348" s="71">
        <f>IF(Input!$K$13=4,J4348*Input!$J$13,0)+IF(Input!$K$14=4,K4348*Input!$J$14,0)+IF(Input!$K$15=4,L4348*Input!$J$15,0)+IF(Input!$K$16=4,M4348*Input!$J$16,0)</f>
        <v>0</v>
      </c>
    </row>
    <row r="4349" spans="8:17" x14ac:dyDescent="0.25">
      <c r="H4349" s="43">
        <v>4342</v>
      </c>
      <c r="I4349" s="55">
        <f>Bühler!I4375</f>
        <v>0</v>
      </c>
      <c r="J4349" s="58">
        <f>Bühler!J4375</f>
        <v>6.0107104747254496</v>
      </c>
      <c r="K4349" s="58">
        <f>Bühler!K4375</f>
        <v>0.51844114358777071</v>
      </c>
      <c r="L4349" s="58">
        <f>Bühler!L4375</f>
        <v>0.25922057179388536</v>
      </c>
      <c r="M4349" s="57">
        <f>Bühler!M4375</f>
        <v>0</v>
      </c>
      <c r="N4349" s="55">
        <f>IF(Input!$K$13=1,J4349*Input!$J$13,0)+IF(Input!$K$14=1,K4349*Input!$J$14,0)+IF(Input!$K$15=1,L4349*Input!$J$15,0)+IF(Input!$K$16=1,M4349*Input!$J$16,0)</f>
        <v>0.72128525696705392</v>
      </c>
      <c r="O4349" s="58">
        <f>IF(Input!$K$13=2,J4349*Input!$J$13,0)+IF(Input!$K$14=2,K4349*Input!$J$14,0)+IF(Input!$K$15=2,L4349*Input!$J$15,0)+IF(Input!$K$16=2,M4349*Input!$J$16,0)</f>
        <v>6.9989554384349048E-2</v>
      </c>
      <c r="P4349" s="58">
        <f>IF(Input!$K$13=3,J4349*Input!$J$13,0)+IF(Input!$K$14=3,K4349*Input!$J$14,0)+IF(Input!$K$15=3,L4349*Input!$J$15,0)+IF(Input!$K$16=3,M4349*Input!$J$16,0)</f>
        <v>0</v>
      </c>
      <c r="Q4349" s="71">
        <f>IF(Input!$K$13=4,J4349*Input!$J$13,0)+IF(Input!$K$14=4,K4349*Input!$J$14,0)+IF(Input!$K$15=4,L4349*Input!$J$15,0)+IF(Input!$K$16=4,M4349*Input!$J$16,0)</f>
        <v>0</v>
      </c>
    </row>
    <row r="4350" spans="8:17" x14ac:dyDescent="0.25">
      <c r="H4350" s="43">
        <v>4343</v>
      </c>
      <c r="I4350" s="55">
        <f>Bühler!I4376</f>
        <v>0</v>
      </c>
      <c r="J4350" s="58">
        <f>Bühler!J4376</f>
        <v>6.0107104747254496</v>
      </c>
      <c r="K4350" s="58">
        <f>Bühler!K4376</f>
        <v>0.51844114358777071</v>
      </c>
      <c r="L4350" s="58">
        <f>Bühler!L4376</f>
        <v>0.25922057179388536</v>
      </c>
      <c r="M4350" s="57">
        <f>Bühler!M4376</f>
        <v>0</v>
      </c>
      <c r="N4350" s="55">
        <f>IF(Input!$K$13=1,J4350*Input!$J$13,0)+IF(Input!$K$14=1,K4350*Input!$J$14,0)+IF(Input!$K$15=1,L4350*Input!$J$15,0)+IF(Input!$K$16=1,M4350*Input!$J$16,0)</f>
        <v>0.72128525696705392</v>
      </c>
      <c r="O4350" s="58">
        <f>IF(Input!$K$13=2,J4350*Input!$J$13,0)+IF(Input!$K$14=2,K4350*Input!$J$14,0)+IF(Input!$K$15=2,L4350*Input!$J$15,0)+IF(Input!$K$16=2,M4350*Input!$J$16,0)</f>
        <v>6.9989554384349048E-2</v>
      </c>
      <c r="P4350" s="58">
        <f>IF(Input!$K$13=3,J4350*Input!$J$13,0)+IF(Input!$K$14=3,K4350*Input!$J$14,0)+IF(Input!$K$15=3,L4350*Input!$J$15,0)+IF(Input!$K$16=3,M4350*Input!$J$16,0)</f>
        <v>0</v>
      </c>
      <c r="Q4350" s="71">
        <f>IF(Input!$K$13=4,J4350*Input!$J$13,0)+IF(Input!$K$14=4,K4350*Input!$J$14,0)+IF(Input!$K$15=4,L4350*Input!$J$15,0)+IF(Input!$K$16=4,M4350*Input!$J$16,0)</f>
        <v>0</v>
      </c>
    </row>
    <row r="4351" spans="8:17" x14ac:dyDescent="0.25">
      <c r="H4351" s="43">
        <v>4344</v>
      </c>
      <c r="I4351" s="55">
        <f>Bühler!I4377</f>
        <v>0</v>
      </c>
      <c r="J4351" s="58">
        <f>Bühler!J4377</f>
        <v>6.0107104747254496</v>
      </c>
      <c r="K4351" s="58">
        <f>Bühler!K4377</f>
        <v>0.51844114358777071</v>
      </c>
      <c r="L4351" s="58">
        <f>Bühler!L4377</f>
        <v>0.25922057179388536</v>
      </c>
      <c r="M4351" s="57">
        <f>Bühler!M4377</f>
        <v>0</v>
      </c>
      <c r="N4351" s="55">
        <f>IF(Input!$K$13=1,J4351*Input!$J$13,0)+IF(Input!$K$14=1,K4351*Input!$J$14,0)+IF(Input!$K$15=1,L4351*Input!$J$15,0)+IF(Input!$K$16=1,M4351*Input!$J$16,0)</f>
        <v>0.72128525696705392</v>
      </c>
      <c r="O4351" s="58">
        <f>IF(Input!$K$13=2,J4351*Input!$J$13,0)+IF(Input!$K$14=2,K4351*Input!$J$14,0)+IF(Input!$K$15=2,L4351*Input!$J$15,0)+IF(Input!$K$16=2,M4351*Input!$J$16,0)</f>
        <v>6.9989554384349048E-2</v>
      </c>
      <c r="P4351" s="58">
        <f>IF(Input!$K$13=3,J4351*Input!$J$13,0)+IF(Input!$K$14=3,K4351*Input!$J$14,0)+IF(Input!$K$15=3,L4351*Input!$J$15,0)+IF(Input!$K$16=3,M4351*Input!$J$16,0)</f>
        <v>0</v>
      </c>
      <c r="Q4351" s="71">
        <f>IF(Input!$K$13=4,J4351*Input!$J$13,0)+IF(Input!$K$14=4,K4351*Input!$J$14,0)+IF(Input!$K$15=4,L4351*Input!$J$15,0)+IF(Input!$K$16=4,M4351*Input!$J$16,0)</f>
        <v>0</v>
      </c>
    </row>
    <row r="4352" spans="8:17" x14ac:dyDescent="0.25">
      <c r="H4352" s="43">
        <v>4345</v>
      </c>
      <c r="I4352" s="55">
        <f>Bühler!I4378</f>
        <v>9.228532302298971E-2</v>
      </c>
      <c r="J4352" s="58">
        <f>Bühler!J4378</f>
        <v>4.5385132386235494</v>
      </c>
      <c r="K4352" s="58">
        <f>Bühler!K4378</f>
        <v>0.24121465219235913</v>
      </c>
      <c r="L4352" s="58">
        <f>Bühler!L4378</f>
        <v>0.12060732609617957</v>
      </c>
      <c r="M4352" s="57">
        <f>Bühler!M4378</f>
        <v>0</v>
      </c>
      <c r="N4352" s="55">
        <f>IF(Input!$K$13=1,J4352*Input!$J$13,0)+IF(Input!$K$14=1,K4352*Input!$J$14,0)+IF(Input!$K$15=1,L4352*Input!$J$15,0)+IF(Input!$K$16=1,M4352*Input!$J$16,0)</f>
        <v>0.5446215886348259</v>
      </c>
      <c r="O4352" s="58">
        <f>IF(Input!$K$13=2,J4352*Input!$J$13,0)+IF(Input!$K$14=2,K4352*Input!$J$14,0)+IF(Input!$K$15=2,L4352*Input!$J$15,0)+IF(Input!$K$16=2,M4352*Input!$J$16,0)</f>
        <v>3.2563978045968479E-2</v>
      </c>
      <c r="P4352" s="58">
        <f>IF(Input!$K$13=3,J4352*Input!$J$13,0)+IF(Input!$K$14=3,K4352*Input!$J$14,0)+IF(Input!$K$15=3,L4352*Input!$J$15,0)+IF(Input!$K$16=3,M4352*Input!$J$16,0)</f>
        <v>0</v>
      </c>
      <c r="Q4352" s="71">
        <f>IF(Input!$K$13=4,J4352*Input!$J$13,0)+IF(Input!$K$14=4,K4352*Input!$J$14,0)+IF(Input!$K$15=4,L4352*Input!$J$15,0)+IF(Input!$K$16=4,M4352*Input!$J$16,0)</f>
        <v>0</v>
      </c>
    </row>
    <row r="4353" spans="8:17" x14ac:dyDescent="0.25">
      <c r="H4353" s="43">
        <v>4346</v>
      </c>
      <c r="I4353" s="55">
        <f>Bühler!I4379</f>
        <v>0.18017610685440852</v>
      </c>
      <c r="J4353" s="58">
        <f>Bühler!J4379</f>
        <v>4.1509849840709387</v>
      </c>
      <c r="K4353" s="58">
        <f>Bühler!K4379</f>
        <v>0.21709318697312319</v>
      </c>
      <c r="L4353" s="58">
        <f>Bühler!L4379</f>
        <v>0.10854659348656159</v>
      </c>
      <c r="M4353" s="57">
        <f>Bühler!M4379</f>
        <v>0</v>
      </c>
      <c r="N4353" s="55">
        <f>IF(Input!$K$13=1,J4353*Input!$J$13,0)+IF(Input!$K$14=1,K4353*Input!$J$14,0)+IF(Input!$K$15=1,L4353*Input!$J$15,0)+IF(Input!$K$16=1,M4353*Input!$J$16,0)</f>
        <v>0.49811819808851265</v>
      </c>
      <c r="O4353" s="58">
        <f>IF(Input!$K$13=2,J4353*Input!$J$13,0)+IF(Input!$K$14=2,K4353*Input!$J$14,0)+IF(Input!$K$15=2,L4353*Input!$J$15,0)+IF(Input!$K$16=2,M4353*Input!$J$16,0)</f>
        <v>2.9307580241371631E-2</v>
      </c>
      <c r="P4353" s="58">
        <f>IF(Input!$K$13=3,J4353*Input!$J$13,0)+IF(Input!$K$14=3,K4353*Input!$J$14,0)+IF(Input!$K$15=3,L4353*Input!$J$15,0)+IF(Input!$K$16=3,M4353*Input!$J$16,0)</f>
        <v>0</v>
      </c>
      <c r="Q4353" s="71">
        <f>IF(Input!$K$13=4,J4353*Input!$J$13,0)+IF(Input!$K$14=4,K4353*Input!$J$14,0)+IF(Input!$K$15=4,L4353*Input!$J$15,0)+IF(Input!$K$16=4,M4353*Input!$J$16,0)</f>
        <v>0</v>
      </c>
    </row>
    <row r="4354" spans="8:17" x14ac:dyDescent="0.25">
      <c r="H4354" s="43">
        <v>4347</v>
      </c>
      <c r="I4354" s="55">
        <f>Bühler!I4380</f>
        <v>0.18017610685440852</v>
      </c>
      <c r="J4354" s="58">
        <f>Bühler!J4380</f>
        <v>4.1509849840709387</v>
      </c>
      <c r="K4354" s="58">
        <f>Bühler!K4380</f>
        <v>0.21709318697312319</v>
      </c>
      <c r="L4354" s="58">
        <f>Bühler!L4380</f>
        <v>0.10854659348656159</v>
      </c>
      <c r="M4354" s="57">
        <f>Bühler!M4380</f>
        <v>0</v>
      </c>
      <c r="N4354" s="55">
        <f>IF(Input!$K$13=1,J4354*Input!$J$13,0)+IF(Input!$K$14=1,K4354*Input!$J$14,0)+IF(Input!$K$15=1,L4354*Input!$J$15,0)+IF(Input!$K$16=1,M4354*Input!$J$16,0)</f>
        <v>0.49811819808851265</v>
      </c>
      <c r="O4354" s="58">
        <f>IF(Input!$K$13=2,J4354*Input!$J$13,0)+IF(Input!$K$14=2,K4354*Input!$J$14,0)+IF(Input!$K$15=2,L4354*Input!$J$15,0)+IF(Input!$K$16=2,M4354*Input!$J$16,0)</f>
        <v>2.9307580241371631E-2</v>
      </c>
      <c r="P4354" s="58">
        <f>IF(Input!$K$13=3,J4354*Input!$J$13,0)+IF(Input!$K$14=3,K4354*Input!$J$14,0)+IF(Input!$K$15=3,L4354*Input!$J$15,0)+IF(Input!$K$16=3,M4354*Input!$J$16,0)</f>
        <v>0</v>
      </c>
      <c r="Q4354" s="71">
        <f>IF(Input!$K$13=4,J4354*Input!$J$13,0)+IF(Input!$K$14=4,K4354*Input!$J$14,0)+IF(Input!$K$15=4,L4354*Input!$J$15,0)+IF(Input!$K$16=4,M4354*Input!$J$16,0)</f>
        <v>0</v>
      </c>
    </row>
    <row r="4355" spans="8:17" x14ac:dyDescent="0.25">
      <c r="H4355" s="43">
        <v>4348</v>
      </c>
      <c r="I4355" s="55">
        <f>Bühler!I4381</f>
        <v>0.18017610685440852</v>
      </c>
      <c r="J4355" s="58">
        <f>Bühler!J4381</f>
        <v>4.1509849840709387</v>
      </c>
      <c r="K4355" s="58">
        <f>Bühler!K4381</f>
        <v>0.21709318697312319</v>
      </c>
      <c r="L4355" s="58">
        <f>Bühler!L4381</f>
        <v>0.10854659348656159</v>
      </c>
      <c r="M4355" s="57">
        <f>Bühler!M4381</f>
        <v>0</v>
      </c>
      <c r="N4355" s="55">
        <f>IF(Input!$K$13=1,J4355*Input!$J$13,0)+IF(Input!$K$14=1,K4355*Input!$J$14,0)+IF(Input!$K$15=1,L4355*Input!$J$15,0)+IF(Input!$K$16=1,M4355*Input!$J$16,0)</f>
        <v>0.49811819808851265</v>
      </c>
      <c r="O4355" s="58">
        <f>IF(Input!$K$13=2,J4355*Input!$J$13,0)+IF(Input!$K$14=2,K4355*Input!$J$14,0)+IF(Input!$K$15=2,L4355*Input!$J$15,0)+IF(Input!$K$16=2,M4355*Input!$J$16,0)</f>
        <v>2.9307580241371631E-2</v>
      </c>
      <c r="P4355" s="58">
        <f>IF(Input!$K$13=3,J4355*Input!$J$13,0)+IF(Input!$K$14=3,K4355*Input!$J$14,0)+IF(Input!$K$15=3,L4355*Input!$J$15,0)+IF(Input!$K$16=3,M4355*Input!$J$16,0)</f>
        <v>0</v>
      </c>
      <c r="Q4355" s="71">
        <f>IF(Input!$K$13=4,J4355*Input!$J$13,0)+IF(Input!$K$14=4,K4355*Input!$J$14,0)+IF(Input!$K$15=4,L4355*Input!$J$15,0)+IF(Input!$K$16=4,M4355*Input!$J$16,0)</f>
        <v>0</v>
      </c>
    </row>
    <row r="4356" spans="8:17" x14ac:dyDescent="0.25">
      <c r="H4356" s="43">
        <v>4349</v>
      </c>
      <c r="I4356" s="55">
        <f>Bühler!I4382</f>
        <v>0.18017610685440852</v>
      </c>
      <c r="J4356" s="58">
        <f>Bühler!J4382</f>
        <v>4.1509849840709387</v>
      </c>
      <c r="K4356" s="58">
        <f>Bühler!K4382</f>
        <v>0.21709318697312319</v>
      </c>
      <c r="L4356" s="58">
        <f>Bühler!L4382</f>
        <v>0.10854659348656159</v>
      </c>
      <c r="M4356" s="57">
        <f>Bühler!M4382</f>
        <v>0</v>
      </c>
      <c r="N4356" s="55">
        <f>IF(Input!$K$13=1,J4356*Input!$J$13,0)+IF(Input!$K$14=1,K4356*Input!$J$14,0)+IF(Input!$K$15=1,L4356*Input!$J$15,0)+IF(Input!$K$16=1,M4356*Input!$J$16,0)</f>
        <v>0.49811819808851265</v>
      </c>
      <c r="O4356" s="58">
        <f>IF(Input!$K$13=2,J4356*Input!$J$13,0)+IF(Input!$K$14=2,K4356*Input!$J$14,0)+IF(Input!$K$15=2,L4356*Input!$J$15,0)+IF(Input!$K$16=2,M4356*Input!$J$16,0)</f>
        <v>2.9307580241371631E-2</v>
      </c>
      <c r="P4356" s="58">
        <f>IF(Input!$K$13=3,J4356*Input!$J$13,0)+IF(Input!$K$14=3,K4356*Input!$J$14,0)+IF(Input!$K$15=3,L4356*Input!$J$15,0)+IF(Input!$K$16=3,M4356*Input!$J$16,0)</f>
        <v>0</v>
      </c>
      <c r="Q4356" s="71">
        <f>IF(Input!$K$13=4,J4356*Input!$J$13,0)+IF(Input!$K$14=4,K4356*Input!$J$14,0)+IF(Input!$K$15=4,L4356*Input!$J$15,0)+IF(Input!$K$16=4,M4356*Input!$J$16,0)</f>
        <v>0</v>
      </c>
    </row>
    <row r="4357" spans="8:17" x14ac:dyDescent="0.25">
      <c r="H4357" s="43">
        <v>4350</v>
      </c>
      <c r="I4357" s="55">
        <f>Bühler!I4383</f>
        <v>0.22412149877011792</v>
      </c>
      <c r="J4357" s="58">
        <f>Bühler!J4383</f>
        <v>4.1528160420674274</v>
      </c>
      <c r="K4357" s="58">
        <f>Bühler!K4383</f>
        <v>0.21709318697312319</v>
      </c>
      <c r="L4357" s="58">
        <f>Bühler!L4383</f>
        <v>0.10854659348656159</v>
      </c>
      <c r="M4357" s="57">
        <f>Bühler!M4383</f>
        <v>0</v>
      </c>
      <c r="N4357" s="55">
        <f>IF(Input!$K$13=1,J4357*Input!$J$13,0)+IF(Input!$K$14=1,K4357*Input!$J$14,0)+IF(Input!$K$15=1,L4357*Input!$J$15,0)+IF(Input!$K$16=1,M4357*Input!$J$16,0)</f>
        <v>0.49833792504809127</v>
      </c>
      <c r="O4357" s="58">
        <f>IF(Input!$K$13=2,J4357*Input!$J$13,0)+IF(Input!$K$14=2,K4357*Input!$J$14,0)+IF(Input!$K$15=2,L4357*Input!$J$15,0)+IF(Input!$K$16=2,M4357*Input!$J$16,0)</f>
        <v>2.9307580241371631E-2</v>
      </c>
      <c r="P4357" s="58">
        <f>IF(Input!$K$13=3,J4357*Input!$J$13,0)+IF(Input!$K$14=3,K4357*Input!$J$14,0)+IF(Input!$K$15=3,L4357*Input!$J$15,0)+IF(Input!$K$16=3,M4357*Input!$J$16,0)</f>
        <v>0</v>
      </c>
      <c r="Q4357" s="71">
        <f>IF(Input!$K$13=4,J4357*Input!$J$13,0)+IF(Input!$K$14=4,K4357*Input!$J$14,0)+IF(Input!$K$15=4,L4357*Input!$J$15,0)+IF(Input!$K$16=4,M4357*Input!$J$16,0)</f>
        <v>0</v>
      </c>
    </row>
    <row r="4358" spans="8:17" x14ac:dyDescent="0.25">
      <c r="H4358" s="43">
        <v>4351</v>
      </c>
      <c r="I4358" s="55">
        <f>Bühler!I4384</f>
        <v>0.28125050826054016</v>
      </c>
      <c r="J4358" s="58">
        <f>Bühler!J4384</f>
        <v>4.1551964174628608</v>
      </c>
      <c r="K4358" s="58">
        <f>Bühler!K4384</f>
        <v>0.21709318697312319</v>
      </c>
      <c r="L4358" s="58">
        <f>Bühler!L4384</f>
        <v>0.10854659348656159</v>
      </c>
      <c r="M4358" s="57">
        <f>Bühler!M4384</f>
        <v>0</v>
      </c>
      <c r="N4358" s="55">
        <f>IF(Input!$K$13=1,J4358*Input!$J$13,0)+IF(Input!$K$14=1,K4358*Input!$J$14,0)+IF(Input!$K$15=1,L4358*Input!$J$15,0)+IF(Input!$K$16=1,M4358*Input!$J$16,0)</f>
        <v>0.49862357009554326</v>
      </c>
      <c r="O4358" s="58">
        <f>IF(Input!$K$13=2,J4358*Input!$J$13,0)+IF(Input!$K$14=2,K4358*Input!$J$14,0)+IF(Input!$K$15=2,L4358*Input!$J$15,0)+IF(Input!$K$16=2,M4358*Input!$J$16,0)</f>
        <v>2.9307580241371631E-2</v>
      </c>
      <c r="P4358" s="58">
        <f>IF(Input!$K$13=3,J4358*Input!$J$13,0)+IF(Input!$K$14=3,K4358*Input!$J$14,0)+IF(Input!$K$15=3,L4358*Input!$J$15,0)+IF(Input!$K$16=3,M4358*Input!$J$16,0)</f>
        <v>0</v>
      </c>
      <c r="Q4358" s="71">
        <f>IF(Input!$K$13=4,J4358*Input!$J$13,0)+IF(Input!$K$14=4,K4358*Input!$J$14,0)+IF(Input!$K$15=4,L4358*Input!$J$15,0)+IF(Input!$K$16=4,M4358*Input!$J$16,0)</f>
        <v>0</v>
      </c>
    </row>
    <row r="4359" spans="8:17" x14ac:dyDescent="0.25">
      <c r="H4359" s="43">
        <v>4352</v>
      </c>
      <c r="I4359" s="55">
        <f>Bühler!I4385</f>
        <v>0.3208013609846786</v>
      </c>
      <c r="J4359" s="58">
        <f>Bühler!J4385</f>
        <v>4.1568443696597006</v>
      </c>
      <c r="K4359" s="58">
        <f>Bühler!K4385</f>
        <v>0.21709318697312319</v>
      </c>
      <c r="L4359" s="58">
        <f>Bühler!L4385</f>
        <v>0.10854659348656159</v>
      </c>
      <c r="M4359" s="57">
        <f>Bühler!M4385</f>
        <v>0</v>
      </c>
      <c r="N4359" s="55">
        <f>IF(Input!$K$13=1,J4359*Input!$J$13,0)+IF(Input!$K$14=1,K4359*Input!$J$14,0)+IF(Input!$K$15=1,L4359*Input!$J$15,0)+IF(Input!$K$16=1,M4359*Input!$J$16,0)</f>
        <v>0.49882132435916404</v>
      </c>
      <c r="O4359" s="58">
        <f>IF(Input!$K$13=2,J4359*Input!$J$13,0)+IF(Input!$K$14=2,K4359*Input!$J$14,0)+IF(Input!$K$15=2,L4359*Input!$J$15,0)+IF(Input!$K$16=2,M4359*Input!$J$16,0)</f>
        <v>2.9307580241371631E-2</v>
      </c>
      <c r="P4359" s="58">
        <f>IF(Input!$K$13=3,J4359*Input!$J$13,0)+IF(Input!$K$14=3,K4359*Input!$J$14,0)+IF(Input!$K$15=3,L4359*Input!$J$15,0)+IF(Input!$K$16=3,M4359*Input!$J$16,0)</f>
        <v>0</v>
      </c>
      <c r="Q4359" s="71">
        <f>IF(Input!$K$13=4,J4359*Input!$J$13,0)+IF(Input!$K$14=4,K4359*Input!$J$14,0)+IF(Input!$K$15=4,L4359*Input!$J$15,0)+IF(Input!$K$16=4,M4359*Input!$J$16,0)</f>
        <v>0</v>
      </c>
    </row>
    <row r="4360" spans="8:17" x14ac:dyDescent="0.25">
      <c r="H4360" s="43">
        <v>4353</v>
      </c>
      <c r="I4360" s="55">
        <f>Bühler!I4386</f>
        <v>0.3208013609846786</v>
      </c>
      <c r="J4360" s="58">
        <f>Bühler!J4386</f>
        <v>4.1568443696597006</v>
      </c>
      <c r="K4360" s="58">
        <f>Bühler!K4386</f>
        <v>0.21709318697312319</v>
      </c>
      <c r="L4360" s="58">
        <f>Bühler!L4386</f>
        <v>0.10854659348656159</v>
      </c>
      <c r="M4360" s="57">
        <f>Bühler!M4386</f>
        <v>0</v>
      </c>
      <c r="N4360" s="55">
        <f>IF(Input!$K$13=1,J4360*Input!$J$13,0)+IF(Input!$K$14=1,K4360*Input!$J$14,0)+IF(Input!$K$15=1,L4360*Input!$J$15,0)+IF(Input!$K$16=1,M4360*Input!$J$16,0)</f>
        <v>0.49882132435916404</v>
      </c>
      <c r="O4360" s="58">
        <f>IF(Input!$K$13=2,J4360*Input!$J$13,0)+IF(Input!$K$14=2,K4360*Input!$J$14,0)+IF(Input!$K$15=2,L4360*Input!$J$15,0)+IF(Input!$K$16=2,M4360*Input!$J$16,0)</f>
        <v>2.9307580241371631E-2</v>
      </c>
      <c r="P4360" s="58">
        <f>IF(Input!$K$13=3,J4360*Input!$J$13,0)+IF(Input!$K$14=3,K4360*Input!$J$14,0)+IF(Input!$K$15=3,L4360*Input!$J$15,0)+IF(Input!$K$16=3,M4360*Input!$J$16,0)</f>
        <v>0</v>
      </c>
      <c r="Q4360" s="71">
        <f>IF(Input!$K$13=4,J4360*Input!$J$13,0)+IF(Input!$K$14=4,K4360*Input!$J$14,0)+IF(Input!$K$15=4,L4360*Input!$J$15,0)+IF(Input!$K$16=4,M4360*Input!$J$16,0)</f>
        <v>0</v>
      </c>
    </row>
    <row r="4361" spans="8:17" x14ac:dyDescent="0.25">
      <c r="H4361" s="43">
        <v>4354</v>
      </c>
      <c r="I4361" s="55">
        <f>Bühler!I4387</f>
        <v>0.3208013609846786</v>
      </c>
      <c r="J4361" s="58">
        <f>Bühler!J4387</f>
        <v>4.1568443696597006</v>
      </c>
      <c r="K4361" s="58">
        <f>Bühler!K4387</f>
        <v>0.21709318697312319</v>
      </c>
      <c r="L4361" s="58">
        <f>Bühler!L4387</f>
        <v>0.10854659348656159</v>
      </c>
      <c r="M4361" s="57">
        <f>Bühler!M4387</f>
        <v>0</v>
      </c>
      <c r="N4361" s="55">
        <f>IF(Input!$K$13=1,J4361*Input!$J$13,0)+IF(Input!$K$14=1,K4361*Input!$J$14,0)+IF(Input!$K$15=1,L4361*Input!$J$15,0)+IF(Input!$K$16=1,M4361*Input!$J$16,0)</f>
        <v>0.49882132435916404</v>
      </c>
      <c r="O4361" s="58">
        <f>IF(Input!$K$13=2,J4361*Input!$J$13,0)+IF(Input!$K$14=2,K4361*Input!$J$14,0)+IF(Input!$K$15=2,L4361*Input!$J$15,0)+IF(Input!$K$16=2,M4361*Input!$J$16,0)</f>
        <v>2.9307580241371631E-2</v>
      </c>
      <c r="P4361" s="58">
        <f>IF(Input!$K$13=3,J4361*Input!$J$13,0)+IF(Input!$K$14=3,K4361*Input!$J$14,0)+IF(Input!$K$15=3,L4361*Input!$J$15,0)+IF(Input!$K$16=3,M4361*Input!$J$16,0)</f>
        <v>0</v>
      </c>
      <c r="Q4361" s="71">
        <f>IF(Input!$K$13=4,J4361*Input!$J$13,0)+IF(Input!$K$14=4,K4361*Input!$J$14,0)+IF(Input!$K$15=4,L4361*Input!$J$15,0)+IF(Input!$K$16=4,M4361*Input!$J$16,0)</f>
        <v>0</v>
      </c>
    </row>
    <row r="4362" spans="8:17" x14ac:dyDescent="0.25">
      <c r="H4362" s="43">
        <v>4355</v>
      </c>
      <c r="I4362" s="55">
        <f>Bühler!I4388</f>
        <v>0.3208013609846786</v>
      </c>
      <c r="J4362" s="58">
        <f>Bühler!J4388</f>
        <v>4.1568443696597006</v>
      </c>
      <c r="K4362" s="58">
        <f>Bühler!K4388</f>
        <v>0.21709318697312319</v>
      </c>
      <c r="L4362" s="58">
        <f>Bühler!L4388</f>
        <v>0.10854659348656159</v>
      </c>
      <c r="M4362" s="57">
        <f>Bühler!M4388</f>
        <v>0</v>
      </c>
      <c r="N4362" s="55">
        <f>IF(Input!$K$13=1,J4362*Input!$J$13,0)+IF(Input!$K$14=1,K4362*Input!$J$14,0)+IF(Input!$K$15=1,L4362*Input!$J$15,0)+IF(Input!$K$16=1,M4362*Input!$J$16,0)</f>
        <v>0.49882132435916404</v>
      </c>
      <c r="O4362" s="58">
        <f>IF(Input!$K$13=2,J4362*Input!$J$13,0)+IF(Input!$K$14=2,K4362*Input!$J$14,0)+IF(Input!$K$15=2,L4362*Input!$J$15,0)+IF(Input!$K$16=2,M4362*Input!$J$16,0)</f>
        <v>2.9307580241371631E-2</v>
      </c>
      <c r="P4362" s="58">
        <f>IF(Input!$K$13=3,J4362*Input!$J$13,0)+IF(Input!$K$14=3,K4362*Input!$J$14,0)+IF(Input!$K$15=3,L4362*Input!$J$15,0)+IF(Input!$K$16=3,M4362*Input!$J$16,0)</f>
        <v>0</v>
      </c>
      <c r="Q4362" s="71">
        <f>IF(Input!$K$13=4,J4362*Input!$J$13,0)+IF(Input!$K$14=4,K4362*Input!$J$14,0)+IF(Input!$K$15=4,L4362*Input!$J$15,0)+IF(Input!$K$16=4,M4362*Input!$J$16,0)</f>
        <v>0</v>
      </c>
    </row>
    <row r="4363" spans="8:17" x14ac:dyDescent="0.25">
      <c r="H4363" s="43">
        <v>4356</v>
      </c>
      <c r="I4363" s="55">
        <f>Bühler!I4389</f>
        <v>0.3208013609846786</v>
      </c>
      <c r="J4363" s="58">
        <f>Bühler!J4389</f>
        <v>4.1568443696597006</v>
      </c>
      <c r="K4363" s="58">
        <f>Bühler!K4389</f>
        <v>0.21709318697312319</v>
      </c>
      <c r="L4363" s="58">
        <f>Bühler!L4389</f>
        <v>0.10854659348656159</v>
      </c>
      <c r="M4363" s="57">
        <f>Bühler!M4389</f>
        <v>0</v>
      </c>
      <c r="N4363" s="55">
        <f>IF(Input!$K$13=1,J4363*Input!$J$13,0)+IF(Input!$K$14=1,K4363*Input!$J$14,0)+IF(Input!$K$15=1,L4363*Input!$J$15,0)+IF(Input!$K$16=1,M4363*Input!$J$16,0)</f>
        <v>0.49882132435916404</v>
      </c>
      <c r="O4363" s="58">
        <f>IF(Input!$K$13=2,J4363*Input!$J$13,0)+IF(Input!$K$14=2,K4363*Input!$J$14,0)+IF(Input!$K$15=2,L4363*Input!$J$15,0)+IF(Input!$K$16=2,M4363*Input!$J$16,0)</f>
        <v>2.9307580241371631E-2</v>
      </c>
      <c r="P4363" s="58">
        <f>IF(Input!$K$13=3,J4363*Input!$J$13,0)+IF(Input!$K$14=3,K4363*Input!$J$14,0)+IF(Input!$K$15=3,L4363*Input!$J$15,0)+IF(Input!$K$16=3,M4363*Input!$J$16,0)</f>
        <v>0</v>
      </c>
      <c r="Q4363" s="71">
        <f>IF(Input!$K$13=4,J4363*Input!$J$13,0)+IF(Input!$K$14=4,K4363*Input!$J$14,0)+IF(Input!$K$15=4,L4363*Input!$J$15,0)+IF(Input!$K$16=4,M4363*Input!$J$16,0)</f>
        <v>0</v>
      </c>
    </row>
    <row r="4364" spans="8:17" x14ac:dyDescent="0.25">
      <c r="H4364" s="43">
        <v>4357</v>
      </c>
      <c r="I4364" s="55">
        <f>Bühler!I4390</f>
        <v>0.3208013609846786</v>
      </c>
      <c r="J4364" s="58">
        <f>Bühler!J4390</f>
        <v>4.1568443696597006</v>
      </c>
      <c r="K4364" s="58">
        <f>Bühler!K4390</f>
        <v>0.21709318697312319</v>
      </c>
      <c r="L4364" s="58">
        <f>Bühler!L4390</f>
        <v>0.10854659348656159</v>
      </c>
      <c r="M4364" s="57">
        <f>Bühler!M4390</f>
        <v>0</v>
      </c>
      <c r="N4364" s="55">
        <f>IF(Input!$K$13=1,J4364*Input!$J$13,0)+IF(Input!$K$14=1,K4364*Input!$J$14,0)+IF(Input!$K$15=1,L4364*Input!$J$15,0)+IF(Input!$K$16=1,M4364*Input!$J$16,0)</f>
        <v>0.49882132435916404</v>
      </c>
      <c r="O4364" s="58">
        <f>IF(Input!$K$13=2,J4364*Input!$J$13,0)+IF(Input!$K$14=2,K4364*Input!$J$14,0)+IF(Input!$K$15=2,L4364*Input!$J$15,0)+IF(Input!$K$16=2,M4364*Input!$J$16,0)</f>
        <v>2.9307580241371631E-2</v>
      </c>
      <c r="P4364" s="58">
        <f>IF(Input!$K$13=3,J4364*Input!$J$13,0)+IF(Input!$K$14=3,K4364*Input!$J$14,0)+IF(Input!$K$15=3,L4364*Input!$J$15,0)+IF(Input!$K$16=3,M4364*Input!$J$16,0)</f>
        <v>0</v>
      </c>
      <c r="Q4364" s="71">
        <f>IF(Input!$K$13=4,J4364*Input!$J$13,0)+IF(Input!$K$14=4,K4364*Input!$J$14,0)+IF(Input!$K$15=4,L4364*Input!$J$15,0)+IF(Input!$K$16=4,M4364*Input!$J$16,0)</f>
        <v>0</v>
      </c>
    </row>
    <row r="4365" spans="8:17" x14ac:dyDescent="0.25">
      <c r="H4365" s="43">
        <v>4358</v>
      </c>
      <c r="I4365" s="55">
        <f>Bühler!I4391</f>
        <v>0.3208013609846786</v>
      </c>
      <c r="J4365" s="58">
        <f>Bühler!J4391</f>
        <v>4.1568443696597006</v>
      </c>
      <c r="K4365" s="58">
        <f>Bühler!K4391</f>
        <v>0.21709318697312319</v>
      </c>
      <c r="L4365" s="58">
        <f>Bühler!L4391</f>
        <v>0.10854659348656159</v>
      </c>
      <c r="M4365" s="57">
        <f>Bühler!M4391</f>
        <v>0</v>
      </c>
      <c r="N4365" s="55">
        <f>IF(Input!$K$13=1,J4365*Input!$J$13,0)+IF(Input!$K$14=1,K4365*Input!$J$14,0)+IF(Input!$K$15=1,L4365*Input!$J$15,0)+IF(Input!$K$16=1,M4365*Input!$J$16,0)</f>
        <v>0.49882132435916404</v>
      </c>
      <c r="O4365" s="58">
        <f>IF(Input!$K$13=2,J4365*Input!$J$13,0)+IF(Input!$K$14=2,K4365*Input!$J$14,0)+IF(Input!$K$15=2,L4365*Input!$J$15,0)+IF(Input!$K$16=2,M4365*Input!$J$16,0)</f>
        <v>2.9307580241371631E-2</v>
      </c>
      <c r="P4365" s="58">
        <f>IF(Input!$K$13=3,J4365*Input!$J$13,0)+IF(Input!$K$14=3,K4365*Input!$J$14,0)+IF(Input!$K$15=3,L4365*Input!$J$15,0)+IF(Input!$K$16=3,M4365*Input!$J$16,0)</f>
        <v>0</v>
      </c>
      <c r="Q4365" s="71">
        <f>IF(Input!$K$13=4,J4365*Input!$J$13,0)+IF(Input!$K$14=4,K4365*Input!$J$14,0)+IF(Input!$K$15=4,L4365*Input!$J$15,0)+IF(Input!$K$16=4,M4365*Input!$J$16,0)</f>
        <v>0</v>
      </c>
    </row>
    <row r="4366" spans="8:17" x14ac:dyDescent="0.25">
      <c r="H4366" s="43">
        <v>4359</v>
      </c>
      <c r="I4366" s="55">
        <f>Bühler!I4392</f>
        <v>0.3208013609846786</v>
      </c>
      <c r="J4366" s="58">
        <f>Bühler!J4392</f>
        <v>4.1568443696597006</v>
      </c>
      <c r="K4366" s="58">
        <f>Bühler!K4392</f>
        <v>0.21709318697312319</v>
      </c>
      <c r="L4366" s="58">
        <f>Bühler!L4392</f>
        <v>0.10854659348656159</v>
      </c>
      <c r="M4366" s="57">
        <f>Bühler!M4392</f>
        <v>0</v>
      </c>
      <c r="N4366" s="55">
        <f>IF(Input!$K$13=1,J4366*Input!$J$13,0)+IF(Input!$K$14=1,K4366*Input!$J$14,0)+IF(Input!$K$15=1,L4366*Input!$J$15,0)+IF(Input!$K$16=1,M4366*Input!$J$16,0)</f>
        <v>0.49882132435916404</v>
      </c>
      <c r="O4366" s="58">
        <f>IF(Input!$K$13=2,J4366*Input!$J$13,0)+IF(Input!$K$14=2,K4366*Input!$J$14,0)+IF(Input!$K$15=2,L4366*Input!$J$15,0)+IF(Input!$K$16=2,M4366*Input!$J$16,0)</f>
        <v>2.9307580241371631E-2</v>
      </c>
      <c r="P4366" s="58">
        <f>IF(Input!$K$13=3,J4366*Input!$J$13,0)+IF(Input!$K$14=3,K4366*Input!$J$14,0)+IF(Input!$K$15=3,L4366*Input!$J$15,0)+IF(Input!$K$16=3,M4366*Input!$J$16,0)</f>
        <v>0</v>
      </c>
      <c r="Q4366" s="71">
        <f>IF(Input!$K$13=4,J4366*Input!$J$13,0)+IF(Input!$K$14=4,K4366*Input!$J$14,0)+IF(Input!$K$15=4,L4366*Input!$J$15,0)+IF(Input!$K$16=4,M4366*Input!$J$16,0)</f>
        <v>0</v>
      </c>
    </row>
    <row r="4367" spans="8:17" x14ac:dyDescent="0.25">
      <c r="H4367" s="43">
        <v>4360</v>
      </c>
      <c r="I4367" s="55">
        <f>Bühler!I4393</f>
        <v>0.29003958664368196</v>
      </c>
      <c r="J4367" s="58">
        <f>Bühler!J4393</f>
        <v>4.1555626290621586</v>
      </c>
      <c r="K4367" s="58">
        <f>Bühler!K4393</f>
        <v>0.21709318697312319</v>
      </c>
      <c r="L4367" s="58">
        <f>Bühler!L4393</f>
        <v>0.10854659348656159</v>
      </c>
      <c r="M4367" s="57">
        <f>Bühler!M4393</f>
        <v>0</v>
      </c>
      <c r="N4367" s="55">
        <f>IF(Input!$K$13=1,J4367*Input!$J$13,0)+IF(Input!$K$14=1,K4367*Input!$J$14,0)+IF(Input!$K$15=1,L4367*Input!$J$15,0)+IF(Input!$K$16=1,M4367*Input!$J$16,0)</f>
        <v>0.49866751548745902</v>
      </c>
      <c r="O4367" s="58">
        <f>IF(Input!$K$13=2,J4367*Input!$J$13,0)+IF(Input!$K$14=2,K4367*Input!$J$14,0)+IF(Input!$K$15=2,L4367*Input!$J$15,0)+IF(Input!$K$16=2,M4367*Input!$J$16,0)</f>
        <v>2.9307580241371631E-2</v>
      </c>
      <c r="P4367" s="58">
        <f>IF(Input!$K$13=3,J4367*Input!$J$13,0)+IF(Input!$K$14=3,K4367*Input!$J$14,0)+IF(Input!$K$15=3,L4367*Input!$J$15,0)+IF(Input!$K$16=3,M4367*Input!$J$16,0)</f>
        <v>0</v>
      </c>
      <c r="Q4367" s="71">
        <f>IF(Input!$K$13=4,J4367*Input!$J$13,0)+IF(Input!$K$14=4,K4367*Input!$J$14,0)+IF(Input!$K$15=4,L4367*Input!$J$15,0)+IF(Input!$K$16=4,M4367*Input!$J$16,0)</f>
        <v>0</v>
      </c>
    </row>
    <row r="4368" spans="8:17" x14ac:dyDescent="0.25">
      <c r="H4368" s="43">
        <v>4361</v>
      </c>
      <c r="I4368" s="55">
        <f>Bühler!I4394</f>
        <v>0.26367235149425633</v>
      </c>
      <c r="J4368" s="58">
        <f>Bühler!J4394</f>
        <v>4.1544639942642663</v>
      </c>
      <c r="K4368" s="58">
        <f>Bühler!K4394</f>
        <v>0.21709318697312319</v>
      </c>
      <c r="L4368" s="58">
        <f>Bühler!L4394</f>
        <v>0.10854659348656159</v>
      </c>
      <c r="M4368" s="57">
        <f>Bühler!M4394</f>
        <v>0</v>
      </c>
      <c r="N4368" s="55">
        <f>IF(Input!$K$13=1,J4368*Input!$J$13,0)+IF(Input!$K$14=1,K4368*Input!$J$14,0)+IF(Input!$K$15=1,L4368*Input!$J$15,0)+IF(Input!$K$16=1,M4368*Input!$J$16,0)</f>
        <v>0.49853567931171194</v>
      </c>
      <c r="O4368" s="58">
        <f>IF(Input!$K$13=2,J4368*Input!$J$13,0)+IF(Input!$K$14=2,K4368*Input!$J$14,0)+IF(Input!$K$15=2,L4368*Input!$J$15,0)+IF(Input!$K$16=2,M4368*Input!$J$16,0)</f>
        <v>2.9307580241371631E-2</v>
      </c>
      <c r="P4368" s="58">
        <f>IF(Input!$K$13=3,J4368*Input!$J$13,0)+IF(Input!$K$14=3,K4368*Input!$J$14,0)+IF(Input!$K$15=3,L4368*Input!$J$15,0)+IF(Input!$K$16=3,M4368*Input!$J$16,0)</f>
        <v>0</v>
      </c>
      <c r="Q4368" s="71">
        <f>IF(Input!$K$13=4,J4368*Input!$J$13,0)+IF(Input!$K$14=4,K4368*Input!$J$14,0)+IF(Input!$K$15=4,L4368*Input!$J$15,0)+IF(Input!$K$16=4,M4368*Input!$J$16,0)</f>
        <v>0</v>
      </c>
    </row>
    <row r="4369" spans="8:17" x14ac:dyDescent="0.25">
      <c r="H4369" s="43">
        <v>4362</v>
      </c>
      <c r="I4369" s="55">
        <f>Bühler!I4395</f>
        <v>0.2373051163448307</v>
      </c>
      <c r="J4369" s="58">
        <f>Bühler!J4395</f>
        <v>4.1533653594663731</v>
      </c>
      <c r="K4369" s="58">
        <f>Bühler!K4395</f>
        <v>0.21709318697312319</v>
      </c>
      <c r="L4369" s="58">
        <f>Bühler!L4395</f>
        <v>0.10854659348656159</v>
      </c>
      <c r="M4369" s="57">
        <f>Bühler!M4395</f>
        <v>0</v>
      </c>
      <c r="N4369" s="55">
        <f>IF(Input!$K$13=1,J4369*Input!$J$13,0)+IF(Input!$K$14=1,K4369*Input!$J$14,0)+IF(Input!$K$15=1,L4369*Input!$J$15,0)+IF(Input!$K$16=1,M4369*Input!$J$16,0)</f>
        <v>0.49840384313596475</v>
      </c>
      <c r="O4369" s="58">
        <f>IF(Input!$K$13=2,J4369*Input!$J$13,0)+IF(Input!$K$14=2,K4369*Input!$J$14,0)+IF(Input!$K$15=2,L4369*Input!$J$15,0)+IF(Input!$K$16=2,M4369*Input!$J$16,0)</f>
        <v>2.9307580241371631E-2</v>
      </c>
      <c r="P4369" s="58">
        <f>IF(Input!$K$13=3,J4369*Input!$J$13,0)+IF(Input!$K$14=3,K4369*Input!$J$14,0)+IF(Input!$K$15=3,L4369*Input!$J$15,0)+IF(Input!$K$16=3,M4369*Input!$J$16,0)</f>
        <v>0</v>
      </c>
      <c r="Q4369" s="71">
        <f>IF(Input!$K$13=4,J4369*Input!$J$13,0)+IF(Input!$K$14=4,K4369*Input!$J$14,0)+IF(Input!$K$15=4,L4369*Input!$J$15,0)+IF(Input!$K$16=4,M4369*Input!$J$16,0)</f>
        <v>0</v>
      </c>
    </row>
    <row r="4370" spans="8:17" x14ac:dyDescent="0.25">
      <c r="H4370" s="43">
        <v>4363</v>
      </c>
      <c r="I4370" s="55">
        <f>Bühler!I4396</f>
        <v>0.22851603796168884</v>
      </c>
      <c r="J4370" s="58">
        <f>Bühler!J4396</f>
        <v>4.1529991478670754</v>
      </c>
      <c r="K4370" s="58">
        <f>Bühler!K4396</f>
        <v>0.21709318697312319</v>
      </c>
      <c r="L4370" s="58">
        <f>Bühler!L4396</f>
        <v>0.10854659348656159</v>
      </c>
      <c r="M4370" s="57">
        <f>Bühler!M4396</f>
        <v>0</v>
      </c>
      <c r="N4370" s="55">
        <f>IF(Input!$K$13=1,J4370*Input!$J$13,0)+IF(Input!$K$14=1,K4370*Input!$J$14,0)+IF(Input!$K$15=1,L4370*Input!$J$15,0)+IF(Input!$K$16=1,M4370*Input!$J$16,0)</f>
        <v>0.49835989774404904</v>
      </c>
      <c r="O4370" s="58">
        <f>IF(Input!$K$13=2,J4370*Input!$J$13,0)+IF(Input!$K$14=2,K4370*Input!$J$14,0)+IF(Input!$K$15=2,L4370*Input!$J$15,0)+IF(Input!$K$16=2,M4370*Input!$J$16,0)</f>
        <v>2.9307580241371631E-2</v>
      </c>
      <c r="P4370" s="58">
        <f>IF(Input!$K$13=3,J4370*Input!$J$13,0)+IF(Input!$K$14=3,K4370*Input!$J$14,0)+IF(Input!$K$15=3,L4370*Input!$J$15,0)+IF(Input!$K$16=3,M4370*Input!$J$16,0)</f>
        <v>0</v>
      </c>
      <c r="Q4370" s="71">
        <f>IF(Input!$K$13=4,J4370*Input!$J$13,0)+IF(Input!$K$14=4,K4370*Input!$J$14,0)+IF(Input!$K$15=4,L4370*Input!$J$15,0)+IF(Input!$K$16=4,M4370*Input!$J$16,0)</f>
        <v>0</v>
      </c>
    </row>
    <row r="4371" spans="8:17" x14ac:dyDescent="0.25">
      <c r="H4371" s="43">
        <v>4364</v>
      </c>
      <c r="I4371" s="55">
        <f>Bühler!I4397</f>
        <v>0.18457064604597942</v>
      </c>
      <c r="J4371" s="58">
        <f>Bühler!J4397</f>
        <v>4.1511680898705876</v>
      </c>
      <c r="K4371" s="58">
        <f>Bühler!K4397</f>
        <v>0.21709318697312319</v>
      </c>
      <c r="L4371" s="58">
        <f>Bühler!L4397</f>
        <v>0.10854659348656159</v>
      </c>
      <c r="M4371" s="57">
        <f>Bühler!M4397</f>
        <v>0</v>
      </c>
      <c r="N4371" s="55">
        <f>IF(Input!$K$13=1,J4371*Input!$J$13,0)+IF(Input!$K$14=1,K4371*Input!$J$14,0)+IF(Input!$K$15=1,L4371*Input!$J$15,0)+IF(Input!$K$16=1,M4371*Input!$J$16,0)</f>
        <v>0.49814017078447048</v>
      </c>
      <c r="O4371" s="58">
        <f>IF(Input!$K$13=2,J4371*Input!$J$13,0)+IF(Input!$K$14=2,K4371*Input!$J$14,0)+IF(Input!$K$15=2,L4371*Input!$J$15,0)+IF(Input!$K$16=2,M4371*Input!$J$16,0)</f>
        <v>2.9307580241371631E-2</v>
      </c>
      <c r="P4371" s="58">
        <f>IF(Input!$K$13=3,J4371*Input!$J$13,0)+IF(Input!$K$14=3,K4371*Input!$J$14,0)+IF(Input!$K$15=3,L4371*Input!$J$15,0)+IF(Input!$K$16=3,M4371*Input!$J$16,0)</f>
        <v>0</v>
      </c>
      <c r="Q4371" s="71">
        <f>IF(Input!$K$13=4,J4371*Input!$J$13,0)+IF(Input!$K$14=4,K4371*Input!$J$14,0)+IF(Input!$K$15=4,L4371*Input!$J$15,0)+IF(Input!$K$16=4,M4371*Input!$J$16,0)</f>
        <v>0</v>
      </c>
    </row>
    <row r="4372" spans="8:17" x14ac:dyDescent="0.25">
      <c r="H4372" s="43">
        <v>4365</v>
      </c>
      <c r="I4372" s="55">
        <f>Bühler!I4398</f>
        <v>0.13623071493869909</v>
      </c>
      <c r="J4372" s="58">
        <f>Bühler!J4398</f>
        <v>4.149153926074451</v>
      </c>
      <c r="K4372" s="58">
        <f>Bühler!K4398</f>
        <v>0.21709318697312319</v>
      </c>
      <c r="L4372" s="58">
        <f>Bühler!L4398</f>
        <v>0.10854659348656159</v>
      </c>
      <c r="M4372" s="57">
        <f>Bühler!M4398</f>
        <v>0</v>
      </c>
      <c r="N4372" s="55">
        <f>IF(Input!$K$13=1,J4372*Input!$J$13,0)+IF(Input!$K$14=1,K4372*Input!$J$14,0)+IF(Input!$K$15=1,L4372*Input!$J$15,0)+IF(Input!$K$16=1,M4372*Input!$J$16,0)</f>
        <v>0.49789847112893409</v>
      </c>
      <c r="O4372" s="58">
        <f>IF(Input!$K$13=2,J4372*Input!$J$13,0)+IF(Input!$K$14=2,K4372*Input!$J$14,0)+IF(Input!$K$15=2,L4372*Input!$J$15,0)+IF(Input!$K$16=2,M4372*Input!$J$16,0)</f>
        <v>2.9307580241371631E-2</v>
      </c>
      <c r="P4372" s="58">
        <f>IF(Input!$K$13=3,J4372*Input!$J$13,0)+IF(Input!$K$14=3,K4372*Input!$J$14,0)+IF(Input!$K$15=3,L4372*Input!$J$15,0)+IF(Input!$K$16=3,M4372*Input!$J$16,0)</f>
        <v>0</v>
      </c>
      <c r="Q4372" s="71">
        <f>IF(Input!$K$13=4,J4372*Input!$J$13,0)+IF(Input!$K$14=4,K4372*Input!$J$14,0)+IF(Input!$K$15=4,L4372*Input!$J$15,0)+IF(Input!$K$16=4,M4372*Input!$J$16,0)</f>
        <v>0</v>
      </c>
    </row>
    <row r="4373" spans="8:17" x14ac:dyDescent="0.25">
      <c r="H4373" s="43">
        <v>4366</v>
      </c>
      <c r="I4373" s="55">
        <f>Bühler!I4399</f>
        <v>0.13623071493869909</v>
      </c>
      <c r="J4373" s="58">
        <f>Bühler!J4399</f>
        <v>4.149153926074451</v>
      </c>
      <c r="K4373" s="58">
        <f>Bühler!K4399</f>
        <v>0.21709318697312319</v>
      </c>
      <c r="L4373" s="58">
        <f>Bühler!L4399</f>
        <v>0.10854659348656159</v>
      </c>
      <c r="M4373" s="57">
        <f>Bühler!M4399</f>
        <v>0</v>
      </c>
      <c r="N4373" s="55">
        <f>IF(Input!$K$13=1,J4373*Input!$J$13,0)+IF(Input!$K$14=1,K4373*Input!$J$14,0)+IF(Input!$K$15=1,L4373*Input!$J$15,0)+IF(Input!$K$16=1,M4373*Input!$J$16,0)</f>
        <v>0.49789847112893409</v>
      </c>
      <c r="O4373" s="58">
        <f>IF(Input!$K$13=2,J4373*Input!$J$13,0)+IF(Input!$K$14=2,K4373*Input!$J$14,0)+IF(Input!$K$15=2,L4373*Input!$J$15,0)+IF(Input!$K$16=2,M4373*Input!$J$16,0)</f>
        <v>2.9307580241371631E-2</v>
      </c>
      <c r="P4373" s="58">
        <f>IF(Input!$K$13=3,J4373*Input!$J$13,0)+IF(Input!$K$14=3,K4373*Input!$J$14,0)+IF(Input!$K$15=3,L4373*Input!$J$15,0)+IF(Input!$K$16=3,M4373*Input!$J$16,0)</f>
        <v>0</v>
      </c>
      <c r="Q4373" s="71">
        <f>IF(Input!$K$13=4,J4373*Input!$J$13,0)+IF(Input!$K$14=4,K4373*Input!$J$14,0)+IF(Input!$K$15=4,L4373*Input!$J$15,0)+IF(Input!$K$16=4,M4373*Input!$J$16,0)</f>
        <v>0</v>
      </c>
    </row>
    <row r="4374" spans="8:17" x14ac:dyDescent="0.25">
      <c r="H4374" s="43">
        <v>4367</v>
      </c>
      <c r="I4374" s="55">
        <f>Bühler!I4400</f>
        <v>0.13623071493869909</v>
      </c>
      <c r="J4374" s="58">
        <f>Bühler!J4400</f>
        <v>4.149153926074451</v>
      </c>
      <c r="K4374" s="58">
        <f>Bühler!K4400</f>
        <v>0.21709318697312319</v>
      </c>
      <c r="L4374" s="58">
        <f>Bühler!L4400</f>
        <v>0.10854659348656159</v>
      </c>
      <c r="M4374" s="57">
        <f>Bühler!M4400</f>
        <v>0</v>
      </c>
      <c r="N4374" s="55">
        <f>IF(Input!$K$13=1,J4374*Input!$J$13,0)+IF(Input!$K$14=1,K4374*Input!$J$14,0)+IF(Input!$K$15=1,L4374*Input!$J$15,0)+IF(Input!$K$16=1,M4374*Input!$J$16,0)</f>
        <v>0.49789847112893409</v>
      </c>
      <c r="O4374" s="58">
        <f>IF(Input!$K$13=2,J4374*Input!$J$13,0)+IF(Input!$K$14=2,K4374*Input!$J$14,0)+IF(Input!$K$15=2,L4374*Input!$J$15,0)+IF(Input!$K$16=2,M4374*Input!$J$16,0)</f>
        <v>2.9307580241371631E-2</v>
      </c>
      <c r="P4374" s="58">
        <f>IF(Input!$K$13=3,J4374*Input!$J$13,0)+IF(Input!$K$14=3,K4374*Input!$J$14,0)+IF(Input!$K$15=3,L4374*Input!$J$15,0)+IF(Input!$K$16=3,M4374*Input!$J$16,0)</f>
        <v>0</v>
      </c>
      <c r="Q4374" s="71">
        <f>IF(Input!$K$13=4,J4374*Input!$J$13,0)+IF(Input!$K$14=4,K4374*Input!$J$14,0)+IF(Input!$K$15=4,L4374*Input!$J$15,0)+IF(Input!$K$16=4,M4374*Input!$J$16,0)</f>
        <v>0</v>
      </c>
    </row>
    <row r="4375" spans="8:17" x14ac:dyDescent="0.25">
      <c r="H4375" s="43">
        <v>4368</v>
      </c>
      <c r="I4375" s="55">
        <f>Bühler!I4401</f>
        <v>0.13623071493869909</v>
      </c>
      <c r="J4375" s="58">
        <f>Bühler!J4401</f>
        <v>4.149153926074451</v>
      </c>
      <c r="K4375" s="58">
        <f>Bühler!K4401</f>
        <v>0.21709318697312319</v>
      </c>
      <c r="L4375" s="58">
        <f>Bühler!L4401</f>
        <v>0.10854659348656159</v>
      </c>
      <c r="M4375" s="57">
        <f>Bühler!M4401</f>
        <v>0</v>
      </c>
      <c r="N4375" s="55">
        <f>IF(Input!$K$13=1,J4375*Input!$J$13,0)+IF(Input!$K$14=1,K4375*Input!$J$14,0)+IF(Input!$K$15=1,L4375*Input!$J$15,0)+IF(Input!$K$16=1,M4375*Input!$J$16,0)</f>
        <v>0.49789847112893409</v>
      </c>
      <c r="O4375" s="58">
        <f>IF(Input!$K$13=2,J4375*Input!$J$13,0)+IF(Input!$K$14=2,K4375*Input!$J$14,0)+IF(Input!$K$15=2,L4375*Input!$J$15,0)+IF(Input!$K$16=2,M4375*Input!$J$16,0)</f>
        <v>2.9307580241371631E-2</v>
      </c>
      <c r="P4375" s="58">
        <f>IF(Input!$K$13=3,J4375*Input!$J$13,0)+IF(Input!$K$14=3,K4375*Input!$J$14,0)+IF(Input!$K$15=3,L4375*Input!$J$15,0)+IF(Input!$K$16=3,M4375*Input!$J$16,0)</f>
        <v>0</v>
      </c>
      <c r="Q4375" s="71">
        <f>IF(Input!$K$13=4,J4375*Input!$J$13,0)+IF(Input!$K$14=4,K4375*Input!$J$14,0)+IF(Input!$K$15=4,L4375*Input!$J$15,0)+IF(Input!$K$16=4,M4375*Input!$J$16,0)</f>
        <v>0</v>
      </c>
    </row>
    <row r="4376" spans="8:17" x14ac:dyDescent="0.25">
      <c r="H4376" s="43">
        <v>4369</v>
      </c>
      <c r="I4376" s="55">
        <f>Bühler!I4402</f>
        <v>0.11763375794957832</v>
      </c>
      <c r="J4376" s="58">
        <f>Bühler!J4402</f>
        <v>4.0378341060931175</v>
      </c>
      <c r="K4376" s="58">
        <f>Bühler!K4402</f>
        <v>0.21742861169439107</v>
      </c>
      <c r="L4376" s="58">
        <f>Bühler!L4402</f>
        <v>0.10871430584719553</v>
      </c>
      <c r="M4376" s="57">
        <f>Bühler!M4402</f>
        <v>0</v>
      </c>
      <c r="N4376" s="55">
        <f>IF(Input!$K$13=1,J4376*Input!$J$13,0)+IF(Input!$K$14=1,K4376*Input!$J$14,0)+IF(Input!$K$15=1,L4376*Input!$J$15,0)+IF(Input!$K$16=1,M4376*Input!$J$16,0)</f>
        <v>0.4845400927311741</v>
      </c>
      <c r="O4376" s="58">
        <f>IF(Input!$K$13=2,J4376*Input!$J$13,0)+IF(Input!$K$14=2,K4376*Input!$J$14,0)+IF(Input!$K$15=2,L4376*Input!$J$15,0)+IF(Input!$K$16=2,M4376*Input!$J$16,0)</f>
        <v>2.935286257874279E-2</v>
      </c>
      <c r="P4376" s="58">
        <f>IF(Input!$K$13=3,J4376*Input!$J$13,0)+IF(Input!$K$14=3,K4376*Input!$J$14,0)+IF(Input!$K$15=3,L4376*Input!$J$15,0)+IF(Input!$K$16=3,M4376*Input!$J$16,0)</f>
        <v>0</v>
      </c>
      <c r="Q4376" s="71">
        <f>IF(Input!$K$13=4,J4376*Input!$J$13,0)+IF(Input!$K$14=4,K4376*Input!$J$14,0)+IF(Input!$K$15=4,L4376*Input!$J$15,0)+IF(Input!$K$16=4,M4376*Input!$J$16,0)</f>
        <v>0</v>
      </c>
    </row>
    <row r="4377" spans="8:17" x14ac:dyDescent="0.25">
      <c r="H4377" s="43">
        <v>4370</v>
      </c>
      <c r="I4377" s="55">
        <f>Bühler!I4403</f>
        <v>0.13660694471563933</v>
      </c>
      <c r="J4377" s="58">
        <f>Bühler!J4403</f>
        <v>4.038624655541704</v>
      </c>
      <c r="K4377" s="58">
        <f>Bühler!K4403</f>
        <v>0.21742861169439107</v>
      </c>
      <c r="L4377" s="58">
        <f>Bühler!L4403</f>
        <v>0.10871430584719553</v>
      </c>
      <c r="M4377" s="57">
        <f>Bühler!M4403</f>
        <v>0</v>
      </c>
      <c r="N4377" s="55">
        <f>IF(Input!$K$13=1,J4377*Input!$J$13,0)+IF(Input!$K$14=1,K4377*Input!$J$14,0)+IF(Input!$K$15=1,L4377*Input!$J$15,0)+IF(Input!$K$16=1,M4377*Input!$J$16,0)</f>
        <v>0.48463495866500444</v>
      </c>
      <c r="O4377" s="58">
        <f>IF(Input!$K$13=2,J4377*Input!$J$13,0)+IF(Input!$K$14=2,K4377*Input!$J$14,0)+IF(Input!$K$15=2,L4377*Input!$J$15,0)+IF(Input!$K$16=2,M4377*Input!$J$16,0)</f>
        <v>2.935286257874279E-2</v>
      </c>
      <c r="P4377" s="58">
        <f>IF(Input!$K$13=3,J4377*Input!$J$13,0)+IF(Input!$K$14=3,K4377*Input!$J$14,0)+IF(Input!$K$15=3,L4377*Input!$J$15,0)+IF(Input!$K$16=3,M4377*Input!$J$16,0)</f>
        <v>0</v>
      </c>
      <c r="Q4377" s="71">
        <f>IF(Input!$K$13=4,J4377*Input!$J$13,0)+IF(Input!$K$14=4,K4377*Input!$J$14,0)+IF(Input!$K$15=4,L4377*Input!$J$15,0)+IF(Input!$K$16=4,M4377*Input!$J$16,0)</f>
        <v>0</v>
      </c>
    </row>
    <row r="4378" spans="8:17" x14ac:dyDescent="0.25">
      <c r="H4378" s="43">
        <v>4371</v>
      </c>
      <c r="I4378" s="55">
        <f>Bühler!I4404</f>
        <v>0.13660694471563933</v>
      </c>
      <c r="J4378" s="58">
        <f>Bühler!J4404</f>
        <v>4.038624655541704</v>
      </c>
      <c r="K4378" s="58">
        <f>Bühler!K4404</f>
        <v>0.21742861169439107</v>
      </c>
      <c r="L4378" s="58">
        <f>Bühler!L4404</f>
        <v>0.10871430584719553</v>
      </c>
      <c r="M4378" s="57">
        <f>Bühler!M4404</f>
        <v>0</v>
      </c>
      <c r="N4378" s="55">
        <f>IF(Input!$K$13=1,J4378*Input!$J$13,0)+IF(Input!$K$14=1,K4378*Input!$J$14,0)+IF(Input!$K$15=1,L4378*Input!$J$15,0)+IF(Input!$K$16=1,M4378*Input!$J$16,0)</f>
        <v>0.48463495866500444</v>
      </c>
      <c r="O4378" s="58">
        <f>IF(Input!$K$13=2,J4378*Input!$J$13,0)+IF(Input!$K$14=2,K4378*Input!$J$14,0)+IF(Input!$K$15=2,L4378*Input!$J$15,0)+IF(Input!$K$16=2,M4378*Input!$J$16,0)</f>
        <v>2.935286257874279E-2</v>
      </c>
      <c r="P4378" s="58">
        <f>IF(Input!$K$13=3,J4378*Input!$J$13,0)+IF(Input!$K$14=3,K4378*Input!$J$14,0)+IF(Input!$K$15=3,L4378*Input!$J$15,0)+IF(Input!$K$16=3,M4378*Input!$J$16,0)</f>
        <v>0</v>
      </c>
      <c r="Q4378" s="71">
        <f>IF(Input!$K$13=4,J4378*Input!$J$13,0)+IF(Input!$K$14=4,K4378*Input!$J$14,0)+IF(Input!$K$15=4,L4378*Input!$J$15,0)+IF(Input!$K$16=4,M4378*Input!$J$16,0)</f>
        <v>0</v>
      </c>
    </row>
    <row r="4379" spans="8:17" x14ac:dyDescent="0.25">
      <c r="H4379" s="43">
        <v>4372</v>
      </c>
      <c r="I4379" s="55">
        <f>Bühler!I4405</f>
        <v>0.13660694471563933</v>
      </c>
      <c r="J4379" s="58">
        <f>Bühler!J4405</f>
        <v>4.038624655541704</v>
      </c>
      <c r="K4379" s="58">
        <f>Bühler!K4405</f>
        <v>0.21742861169439107</v>
      </c>
      <c r="L4379" s="58">
        <f>Bühler!L4405</f>
        <v>0.10871430584719553</v>
      </c>
      <c r="M4379" s="57">
        <f>Bühler!M4405</f>
        <v>0</v>
      </c>
      <c r="N4379" s="55">
        <f>IF(Input!$K$13=1,J4379*Input!$J$13,0)+IF(Input!$K$14=1,K4379*Input!$J$14,0)+IF(Input!$K$15=1,L4379*Input!$J$15,0)+IF(Input!$K$16=1,M4379*Input!$J$16,0)</f>
        <v>0.48463495866500444</v>
      </c>
      <c r="O4379" s="58">
        <f>IF(Input!$K$13=2,J4379*Input!$J$13,0)+IF(Input!$K$14=2,K4379*Input!$J$14,0)+IF(Input!$K$15=2,L4379*Input!$J$15,0)+IF(Input!$K$16=2,M4379*Input!$J$16,0)</f>
        <v>2.935286257874279E-2</v>
      </c>
      <c r="P4379" s="58">
        <f>IF(Input!$K$13=3,J4379*Input!$J$13,0)+IF(Input!$K$14=3,K4379*Input!$J$14,0)+IF(Input!$K$15=3,L4379*Input!$J$15,0)+IF(Input!$K$16=3,M4379*Input!$J$16,0)</f>
        <v>0</v>
      </c>
      <c r="Q4379" s="71">
        <f>IF(Input!$K$13=4,J4379*Input!$J$13,0)+IF(Input!$K$14=4,K4379*Input!$J$14,0)+IF(Input!$K$15=4,L4379*Input!$J$15,0)+IF(Input!$K$16=4,M4379*Input!$J$16,0)</f>
        <v>0</v>
      </c>
    </row>
    <row r="4380" spans="8:17" x14ac:dyDescent="0.25">
      <c r="H4380" s="43">
        <v>4373</v>
      </c>
      <c r="I4380" s="55">
        <f>Bühler!I4406</f>
        <v>0.13660694471563933</v>
      </c>
      <c r="J4380" s="58">
        <f>Bühler!J4406</f>
        <v>4.038624655541704</v>
      </c>
      <c r="K4380" s="58">
        <f>Bühler!K4406</f>
        <v>0.21742861169439107</v>
      </c>
      <c r="L4380" s="58">
        <f>Bühler!L4406</f>
        <v>0.10871430584719553</v>
      </c>
      <c r="M4380" s="57">
        <f>Bühler!M4406</f>
        <v>0</v>
      </c>
      <c r="N4380" s="55">
        <f>IF(Input!$K$13=1,J4380*Input!$J$13,0)+IF(Input!$K$14=1,K4380*Input!$J$14,0)+IF(Input!$K$15=1,L4380*Input!$J$15,0)+IF(Input!$K$16=1,M4380*Input!$J$16,0)</f>
        <v>0.48463495866500444</v>
      </c>
      <c r="O4380" s="58">
        <f>IF(Input!$K$13=2,J4380*Input!$J$13,0)+IF(Input!$K$14=2,K4380*Input!$J$14,0)+IF(Input!$K$15=2,L4380*Input!$J$15,0)+IF(Input!$K$16=2,M4380*Input!$J$16,0)</f>
        <v>2.935286257874279E-2</v>
      </c>
      <c r="P4380" s="58">
        <f>IF(Input!$K$13=3,J4380*Input!$J$13,0)+IF(Input!$K$14=3,K4380*Input!$J$14,0)+IF(Input!$K$15=3,L4380*Input!$J$15,0)+IF(Input!$K$16=3,M4380*Input!$J$16,0)</f>
        <v>0</v>
      </c>
      <c r="Q4380" s="71">
        <f>IF(Input!$K$13=4,J4380*Input!$J$13,0)+IF(Input!$K$14=4,K4380*Input!$J$14,0)+IF(Input!$K$15=4,L4380*Input!$J$15,0)+IF(Input!$K$16=4,M4380*Input!$J$16,0)</f>
        <v>0</v>
      </c>
    </row>
    <row r="4381" spans="8:17" x14ac:dyDescent="0.25">
      <c r="H4381" s="43">
        <v>4374</v>
      </c>
      <c r="I4381" s="55">
        <f>Bühler!I4407</f>
        <v>0.17075868089454918</v>
      </c>
      <c r="J4381" s="58">
        <f>Bühler!J4407</f>
        <v>4.0400476445491584</v>
      </c>
      <c r="K4381" s="58">
        <f>Bühler!K4407</f>
        <v>0.21742861169439107</v>
      </c>
      <c r="L4381" s="58">
        <f>Bühler!L4407</f>
        <v>0.10871430584719553</v>
      </c>
      <c r="M4381" s="57">
        <f>Bühler!M4407</f>
        <v>0</v>
      </c>
      <c r="N4381" s="55">
        <f>IF(Input!$K$13=1,J4381*Input!$J$13,0)+IF(Input!$K$14=1,K4381*Input!$J$14,0)+IF(Input!$K$15=1,L4381*Input!$J$15,0)+IF(Input!$K$16=1,M4381*Input!$J$16,0)</f>
        <v>0.484805717345899</v>
      </c>
      <c r="O4381" s="58">
        <f>IF(Input!$K$13=2,J4381*Input!$J$13,0)+IF(Input!$K$14=2,K4381*Input!$J$14,0)+IF(Input!$K$15=2,L4381*Input!$J$15,0)+IF(Input!$K$16=2,M4381*Input!$J$16,0)</f>
        <v>2.935286257874279E-2</v>
      </c>
      <c r="P4381" s="58">
        <f>IF(Input!$K$13=3,J4381*Input!$J$13,0)+IF(Input!$K$14=3,K4381*Input!$J$14,0)+IF(Input!$K$15=3,L4381*Input!$J$15,0)+IF(Input!$K$16=3,M4381*Input!$J$16,0)</f>
        <v>0</v>
      </c>
      <c r="Q4381" s="71">
        <f>IF(Input!$K$13=4,J4381*Input!$J$13,0)+IF(Input!$K$14=4,K4381*Input!$J$14,0)+IF(Input!$K$15=4,L4381*Input!$J$15,0)+IF(Input!$K$16=4,M4381*Input!$J$16,0)</f>
        <v>0</v>
      </c>
    </row>
    <row r="4382" spans="8:17" x14ac:dyDescent="0.25">
      <c r="H4382" s="43">
        <v>4375</v>
      </c>
      <c r="I4382" s="55">
        <f>Bühler!I4408</f>
        <v>0.2011157797202468</v>
      </c>
      <c r="J4382" s="58">
        <f>Bühler!J4408</f>
        <v>4.0413125236668961</v>
      </c>
      <c r="K4382" s="58">
        <f>Bühler!K4408</f>
        <v>0.21742861169439107</v>
      </c>
      <c r="L4382" s="58">
        <f>Bühler!L4408</f>
        <v>0.10871430584719553</v>
      </c>
      <c r="M4382" s="57">
        <f>Bühler!M4408</f>
        <v>0</v>
      </c>
      <c r="N4382" s="55">
        <f>IF(Input!$K$13=1,J4382*Input!$J$13,0)+IF(Input!$K$14=1,K4382*Input!$J$14,0)+IF(Input!$K$15=1,L4382*Input!$J$15,0)+IF(Input!$K$16=1,M4382*Input!$J$16,0)</f>
        <v>0.48495750284002753</v>
      </c>
      <c r="O4382" s="58">
        <f>IF(Input!$K$13=2,J4382*Input!$J$13,0)+IF(Input!$K$14=2,K4382*Input!$J$14,0)+IF(Input!$K$15=2,L4382*Input!$J$15,0)+IF(Input!$K$16=2,M4382*Input!$J$16,0)</f>
        <v>2.935286257874279E-2</v>
      </c>
      <c r="P4382" s="58">
        <f>IF(Input!$K$13=3,J4382*Input!$J$13,0)+IF(Input!$K$14=3,K4382*Input!$J$14,0)+IF(Input!$K$15=3,L4382*Input!$J$15,0)+IF(Input!$K$16=3,M4382*Input!$J$16,0)</f>
        <v>0</v>
      </c>
      <c r="Q4382" s="71">
        <f>IF(Input!$K$13=4,J4382*Input!$J$13,0)+IF(Input!$K$14=4,K4382*Input!$J$14,0)+IF(Input!$K$15=4,L4382*Input!$J$15,0)+IF(Input!$K$16=4,M4382*Input!$J$16,0)</f>
        <v>0</v>
      </c>
    </row>
    <row r="4383" spans="8:17" x14ac:dyDescent="0.25">
      <c r="H4383" s="43">
        <v>4376</v>
      </c>
      <c r="I4383" s="55">
        <f>Bühler!I4409</f>
        <v>0.23906215325236882</v>
      </c>
      <c r="J4383" s="58">
        <f>Bühler!J4409</f>
        <v>4.0428936225640673</v>
      </c>
      <c r="K4383" s="58">
        <f>Bühler!K4409</f>
        <v>0.21742861169439107</v>
      </c>
      <c r="L4383" s="58">
        <f>Bühler!L4409</f>
        <v>0.10871430584719553</v>
      </c>
      <c r="M4383" s="57">
        <f>Bühler!M4409</f>
        <v>0</v>
      </c>
      <c r="N4383" s="55">
        <f>IF(Input!$K$13=1,J4383*Input!$J$13,0)+IF(Input!$K$14=1,K4383*Input!$J$14,0)+IF(Input!$K$15=1,L4383*Input!$J$15,0)+IF(Input!$K$16=1,M4383*Input!$J$16,0)</f>
        <v>0.48514723470768806</v>
      </c>
      <c r="O4383" s="58">
        <f>IF(Input!$K$13=2,J4383*Input!$J$13,0)+IF(Input!$K$14=2,K4383*Input!$J$14,0)+IF(Input!$K$15=2,L4383*Input!$J$15,0)+IF(Input!$K$16=2,M4383*Input!$J$16,0)</f>
        <v>2.935286257874279E-2</v>
      </c>
      <c r="P4383" s="58">
        <f>IF(Input!$K$13=3,J4383*Input!$J$13,0)+IF(Input!$K$14=3,K4383*Input!$J$14,0)+IF(Input!$K$15=3,L4383*Input!$J$15,0)+IF(Input!$K$16=3,M4383*Input!$J$16,0)</f>
        <v>0</v>
      </c>
      <c r="Q4383" s="71">
        <f>IF(Input!$K$13=4,J4383*Input!$J$13,0)+IF(Input!$K$14=4,K4383*Input!$J$14,0)+IF(Input!$K$15=4,L4383*Input!$J$15,0)+IF(Input!$K$16=4,M4383*Input!$J$16,0)</f>
        <v>0</v>
      </c>
    </row>
    <row r="4384" spans="8:17" x14ac:dyDescent="0.25">
      <c r="H4384" s="43">
        <v>4377</v>
      </c>
      <c r="I4384" s="55">
        <f>Bühler!I4410</f>
        <v>0.23906215325236882</v>
      </c>
      <c r="J4384" s="58">
        <f>Bühler!J4410</f>
        <v>4.0428936225640673</v>
      </c>
      <c r="K4384" s="58">
        <f>Bühler!K4410</f>
        <v>0.21742861169439107</v>
      </c>
      <c r="L4384" s="58">
        <f>Bühler!L4410</f>
        <v>0.10871430584719553</v>
      </c>
      <c r="M4384" s="57">
        <f>Bühler!M4410</f>
        <v>0</v>
      </c>
      <c r="N4384" s="55">
        <f>IF(Input!$K$13=1,J4384*Input!$J$13,0)+IF(Input!$K$14=1,K4384*Input!$J$14,0)+IF(Input!$K$15=1,L4384*Input!$J$15,0)+IF(Input!$K$16=1,M4384*Input!$J$16,0)</f>
        <v>0.48514723470768806</v>
      </c>
      <c r="O4384" s="58">
        <f>IF(Input!$K$13=2,J4384*Input!$J$13,0)+IF(Input!$K$14=2,K4384*Input!$J$14,0)+IF(Input!$K$15=2,L4384*Input!$J$15,0)+IF(Input!$K$16=2,M4384*Input!$J$16,0)</f>
        <v>2.935286257874279E-2</v>
      </c>
      <c r="P4384" s="58">
        <f>IF(Input!$K$13=3,J4384*Input!$J$13,0)+IF(Input!$K$14=3,K4384*Input!$J$14,0)+IF(Input!$K$15=3,L4384*Input!$J$15,0)+IF(Input!$K$16=3,M4384*Input!$J$16,0)</f>
        <v>0</v>
      </c>
      <c r="Q4384" s="71">
        <f>IF(Input!$K$13=4,J4384*Input!$J$13,0)+IF(Input!$K$14=4,K4384*Input!$J$14,0)+IF(Input!$K$15=4,L4384*Input!$J$15,0)+IF(Input!$K$16=4,M4384*Input!$J$16,0)</f>
        <v>0</v>
      </c>
    </row>
    <row r="4385" spans="8:17" x14ac:dyDescent="0.25">
      <c r="H4385" s="43">
        <v>4378</v>
      </c>
      <c r="I4385" s="55">
        <f>Bühler!I4411</f>
        <v>0.23906215325236882</v>
      </c>
      <c r="J4385" s="58">
        <f>Bühler!J4411</f>
        <v>4.0428936225640673</v>
      </c>
      <c r="K4385" s="58">
        <f>Bühler!K4411</f>
        <v>0.21742861169439107</v>
      </c>
      <c r="L4385" s="58">
        <f>Bühler!L4411</f>
        <v>0.10871430584719553</v>
      </c>
      <c r="M4385" s="57">
        <f>Bühler!M4411</f>
        <v>0</v>
      </c>
      <c r="N4385" s="55">
        <f>IF(Input!$K$13=1,J4385*Input!$J$13,0)+IF(Input!$K$14=1,K4385*Input!$J$14,0)+IF(Input!$K$15=1,L4385*Input!$J$15,0)+IF(Input!$K$16=1,M4385*Input!$J$16,0)</f>
        <v>0.48514723470768806</v>
      </c>
      <c r="O4385" s="58">
        <f>IF(Input!$K$13=2,J4385*Input!$J$13,0)+IF(Input!$K$14=2,K4385*Input!$J$14,0)+IF(Input!$K$15=2,L4385*Input!$J$15,0)+IF(Input!$K$16=2,M4385*Input!$J$16,0)</f>
        <v>2.935286257874279E-2</v>
      </c>
      <c r="P4385" s="58">
        <f>IF(Input!$K$13=3,J4385*Input!$J$13,0)+IF(Input!$K$14=3,K4385*Input!$J$14,0)+IF(Input!$K$15=3,L4385*Input!$J$15,0)+IF(Input!$K$16=3,M4385*Input!$J$16,0)</f>
        <v>0</v>
      </c>
      <c r="Q4385" s="71">
        <f>IF(Input!$K$13=4,J4385*Input!$J$13,0)+IF(Input!$K$14=4,K4385*Input!$J$14,0)+IF(Input!$K$15=4,L4385*Input!$J$15,0)+IF(Input!$K$16=4,M4385*Input!$J$16,0)</f>
        <v>0</v>
      </c>
    </row>
    <row r="4386" spans="8:17" x14ac:dyDescent="0.25">
      <c r="H4386" s="43">
        <v>4379</v>
      </c>
      <c r="I4386" s="55">
        <f>Bühler!I4412</f>
        <v>0.23906215325236882</v>
      </c>
      <c r="J4386" s="58">
        <f>Bühler!J4412</f>
        <v>4.0428936225640673</v>
      </c>
      <c r="K4386" s="58">
        <f>Bühler!K4412</f>
        <v>0.21742861169439107</v>
      </c>
      <c r="L4386" s="58">
        <f>Bühler!L4412</f>
        <v>0.10871430584719553</v>
      </c>
      <c r="M4386" s="57">
        <f>Bühler!M4412</f>
        <v>0</v>
      </c>
      <c r="N4386" s="55">
        <f>IF(Input!$K$13=1,J4386*Input!$J$13,0)+IF(Input!$K$14=1,K4386*Input!$J$14,0)+IF(Input!$K$15=1,L4386*Input!$J$15,0)+IF(Input!$K$16=1,M4386*Input!$J$16,0)</f>
        <v>0.48514723470768806</v>
      </c>
      <c r="O4386" s="58">
        <f>IF(Input!$K$13=2,J4386*Input!$J$13,0)+IF(Input!$K$14=2,K4386*Input!$J$14,0)+IF(Input!$K$15=2,L4386*Input!$J$15,0)+IF(Input!$K$16=2,M4386*Input!$J$16,0)</f>
        <v>2.935286257874279E-2</v>
      </c>
      <c r="P4386" s="58">
        <f>IF(Input!$K$13=3,J4386*Input!$J$13,0)+IF(Input!$K$14=3,K4386*Input!$J$14,0)+IF(Input!$K$15=3,L4386*Input!$J$15,0)+IF(Input!$K$16=3,M4386*Input!$J$16,0)</f>
        <v>0</v>
      </c>
      <c r="Q4386" s="71">
        <f>IF(Input!$K$13=4,J4386*Input!$J$13,0)+IF(Input!$K$14=4,K4386*Input!$J$14,0)+IF(Input!$K$15=4,L4386*Input!$J$15,0)+IF(Input!$K$16=4,M4386*Input!$J$16,0)</f>
        <v>0</v>
      </c>
    </row>
    <row r="4387" spans="8:17" x14ac:dyDescent="0.25">
      <c r="H4387" s="43">
        <v>4380</v>
      </c>
      <c r="I4387" s="55">
        <f>Bühler!I4413</f>
        <v>0.23906215325236882</v>
      </c>
      <c r="J4387" s="58">
        <f>Bühler!J4413</f>
        <v>4.0428936225640673</v>
      </c>
      <c r="K4387" s="58">
        <f>Bühler!K4413</f>
        <v>0.21742861169439107</v>
      </c>
      <c r="L4387" s="58">
        <f>Bühler!L4413</f>
        <v>0.10871430584719553</v>
      </c>
      <c r="M4387" s="57">
        <f>Bühler!M4413</f>
        <v>0</v>
      </c>
      <c r="N4387" s="55">
        <f>IF(Input!$K$13=1,J4387*Input!$J$13,0)+IF(Input!$K$14=1,K4387*Input!$J$14,0)+IF(Input!$K$15=1,L4387*Input!$J$15,0)+IF(Input!$K$16=1,M4387*Input!$J$16,0)</f>
        <v>0.48514723470768806</v>
      </c>
      <c r="O4387" s="58">
        <f>IF(Input!$K$13=2,J4387*Input!$J$13,0)+IF(Input!$K$14=2,K4387*Input!$J$14,0)+IF(Input!$K$15=2,L4387*Input!$J$15,0)+IF(Input!$K$16=2,M4387*Input!$J$16,0)</f>
        <v>2.935286257874279E-2</v>
      </c>
      <c r="P4387" s="58">
        <f>IF(Input!$K$13=3,J4387*Input!$J$13,0)+IF(Input!$K$14=3,K4387*Input!$J$14,0)+IF(Input!$K$15=3,L4387*Input!$J$15,0)+IF(Input!$K$16=3,M4387*Input!$J$16,0)</f>
        <v>0</v>
      </c>
      <c r="Q4387" s="71">
        <f>IF(Input!$K$13=4,J4387*Input!$J$13,0)+IF(Input!$K$14=4,K4387*Input!$J$14,0)+IF(Input!$K$15=4,L4387*Input!$J$15,0)+IF(Input!$K$16=4,M4387*Input!$J$16,0)</f>
        <v>0</v>
      </c>
    </row>
    <row r="4388" spans="8:17" x14ac:dyDescent="0.25">
      <c r="H4388" s="43">
        <v>4381</v>
      </c>
      <c r="I4388" s="55">
        <f>Bühler!I4414</f>
        <v>0.23906215325236882</v>
      </c>
      <c r="J4388" s="58">
        <f>Bühler!J4414</f>
        <v>4.0428936225640673</v>
      </c>
      <c r="K4388" s="58">
        <f>Bühler!K4414</f>
        <v>0.21742861169439107</v>
      </c>
      <c r="L4388" s="58">
        <f>Bühler!L4414</f>
        <v>0.10871430584719553</v>
      </c>
      <c r="M4388" s="57">
        <f>Bühler!M4414</f>
        <v>0</v>
      </c>
      <c r="N4388" s="55">
        <f>IF(Input!$K$13=1,J4388*Input!$J$13,0)+IF(Input!$K$14=1,K4388*Input!$J$14,0)+IF(Input!$K$15=1,L4388*Input!$J$15,0)+IF(Input!$K$16=1,M4388*Input!$J$16,0)</f>
        <v>0.48514723470768806</v>
      </c>
      <c r="O4388" s="58">
        <f>IF(Input!$K$13=2,J4388*Input!$J$13,0)+IF(Input!$K$14=2,K4388*Input!$J$14,0)+IF(Input!$K$15=2,L4388*Input!$J$15,0)+IF(Input!$K$16=2,M4388*Input!$J$16,0)</f>
        <v>2.935286257874279E-2</v>
      </c>
      <c r="P4388" s="58">
        <f>IF(Input!$K$13=3,J4388*Input!$J$13,0)+IF(Input!$K$14=3,K4388*Input!$J$14,0)+IF(Input!$K$15=3,L4388*Input!$J$15,0)+IF(Input!$K$16=3,M4388*Input!$J$16,0)</f>
        <v>0</v>
      </c>
      <c r="Q4388" s="71">
        <f>IF(Input!$K$13=4,J4388*Input!$J$13,0)+IF(Input!$K$14=4,K4388*Input!$J$14,0)+IF(Input!$K$15=4,L4388*Input!$J$15,0)+IF(Input!$K$16=4,M4388*Input!$J$16,0)</f>
        <v>0</v>
      </c>
    </row>
    <row r="4389" spans="8:17" x14ac:dyDescent="0.25">
      <c r="H4389" s="43">
        <v>4382</v>
      </c>
      <c r="I4389" s="55">
        <f>Bühler!I4415</f>
        <v>0.23906215325236882</v>
      </c>
      <c r="J4389" s="58">
        <f>Bühler!J4415</f>
        <v>4.0428936225640673</v>
      </c>
      <c r="K4389" s="58">
        <f>Bühler!K4415</f>
        <v>0.21742861169439107</v>
      </c>
      <c r="L4389" s="58">
        <f>Bühler!L4415</f>
        <v>0.10871430584719553</v>
      </c>
      <c r="M4389" s="57">
        <f>Bühler!M4415</f>
        <v>0</v>
      </c>
      <c r="N4389" s="55">
        <f>IF(Input!$K$13=1,J4389*Input!$J$13,0)+IF(Input!$K$14=1,K4389*Input!$J$14,0)+IF(Input!$K$15=1,L4389*Input!$J$15,0)+IF(Input!$K$16=1,M4389*Input!$J$16,0)</f>
        <v>0.48514723470768806</v>
      </c>
      <c r="O4389" s="58">
        <f>IF(Input!$K$13=2,J4389*Input!$J$13,0)+IF(Input!$K$14=2,K4389*Input!$J$14,0)+IF(Input!$K$15=2,L4389*Input!$J$15,0)+IF(Input!$K$16=2,M4389*Input!$J$16,0)</f>
        <v>2.935286257874279E-2</v>
      </c>
      <c r="P4389" s="58">
        <f>IF(Input!$K$13=3,J4389*Input!$J$13,0)+IF(Input!$K$14=3,K4389*Input!$J$14,0)+IF(Input!$K$15=3,L4389*Input!$J$15,0)+IF(Input!$K$16=3,M4389*Input!$J$16,0)</f>
        <v>0</v>
      </c>
      <c r="Q4389" s="71">
        <f>IF(Input!$K$13=4,J4389*Input!$J$13,0)+IF(Input!$K$14=4,K4389*Input!$J$14,0)+IF(Input!$K$15=4,L4389*Input!$J$15,0)+IF(Input!$K$16=4,M4389*Input!$J$16,0)</f>
        <v>0</v>
      </c>
    </row>
    <row r="4390" spans="8:17" x14ac:dyDescent="0.25">
      <c r="H4390" s="43">
        <v>4383</v>
      </c>
      <c r="I4390" s="55">
        <f>Bühler!I4416</f>
        <v>0.23906215325236882</v>
      </c>
      <c r="J4390" s="58">
        <f>Bühler!J4416</f>
        <v>4.0428936225640673</v>
      </c>
      <c r="K4390" s="58">
        <f>Bühler!K4416</f>
        <v>0.21742861169439107</v>
      </c>
      <c r="L4390" s="58">
        <f>Bühler!L4416</f>
        <v>0.10871430584719553</v>
      </c>
      <c r="M4390" s="57">
        <f>Bühler!M4416</f>
        <v>0</v>
      </c>
      <c r="N4390" s="55">
        <f>IF(Input!$K$13=1,J4390*Input!$J$13,0)+IF(Input!$K$14=1,K4390*Input!$J$14,0)+IF(Input!$K$15=1,L4390*Input!$J$15,0)+IF(Input!$K$16=1,M4390*Input!$J$16,0)</f>
        <v>0.48514723470768806</v>
      </c>
      <c r="O4390" s="58">
        <f>IF(Input!$K$13=2,J4390*Input!$J$13,0)+IF(Input!$K$14=2,K4390*Input!$J$14,0)+IF(Input!$K$15=2,L4390*Input!$J$15,0)+IF(Input!$K$16=2,M4390*Input!$J$16,0)</f>
        <v>2.935286257874279E-2</v>
      </c>
      <c r="P4390" s="58">
        <f>IF(Input!$K$13=3,J4390*Input!$J$13,0)+IF(Input!$K$14=3,K4390*Input!$J$14,0)+IF(Input!$K$15=3,L4390*Input!$J$15,0)+IF(Input!$K$16=3,M4390*Input!$J$16,0)</f>
        <v>0</v>
      </c>
      <c r="Q4390" s="71">
        <f>IF(Input!$K$13=4,J4390*Input!$J$13,0)+IF(Input!$K$14=4,K4390*Input!$J$14,0)+IF(Input!$K$15=4,L4390*Input!$J$15,0)+IF(Input!$K$16=4,M4390*Input!$J$16,0)</f>
        <v>0</v>
      </c>
    </row>
    <row r="4391" spans="8:17" x14ac:dyDescent="0.25">
      <c r="H4391" s="43">
        <v>4384</v>
      </c>
      <c r="I4391" s="55">
        <f>Bühler!I4417</f>
        <v>0.2124996917798834</v>
      </c>
      <c r="J4391" s="58">
        <f>Bühler!J4417</f>
        <v>4.0417868533360473</v>
      </c>
      <c r="K4391" s="58">
        <f>Bühler!K4417</f>
        <v>0.21742861169439107</v>
      </c>
      <c r="L4391" s="58">
        <f>Bühler!L4417</f>
        <v>0.10871430584719553</v>
      </c>
      <c r="M4391" s="57">
        <f>Bühler!M4417</f>
        <v>0</v>
      </c>
      <c r="N4391" s="55">
        <f>IF(Input!$K$13=1,J4391*Input!$J$13,0)+IF(Input!$K$14=1,K4391*Input!$J$14,0)+IF(Input!$K$15=1,L4391*Input!$J$15,0)+IF(Input!$K$16=1,M4391*Input!$J$16,0)</f>
        <v>0.48501442240032566</v>
      </c>
      <c r="O4391" s="58">
        <f>IF(Input!$K$13=2,J4391*Input!$J$13,0)+IF(Input!$K$14=2,K4391*Input!$J$14,0)+IF(Input!$K$15=2,L4391*Input!$J$15,0)+IF(Input!$K$16=2,M4391*Input!$J$16,0)</f>
        <v>2.935286257874279E-2</v>
      </c>
      <c r="P4391" s="58">
        <f>IF(Input!$K$13=3,J4391*Input!$J$13,0)+IF(Input!$K$14=3,K4391*Input!$J$14,0)+IF(Input!$K$15=3,L4391*Input!$J$15,0)+IF(Input!$K$16=3,M4391*Input!$J$16,0)</f>
        <v>0</v>
      </c>
      <c r="Q4391" s="71">
        <f>IF(Input!$K$13=4,J4391*Input!$J$13,0)+IF(Input!$K$14=4,K4391*Input!$J$14,0)+IF(Input!$K$15=4,L4391*Input!$J$15,0)+IF(Input!$K$16=4,M4391*Input!$J$16,0)</f>
        <v>0</v>
      </c>
    </row>
    <row r="4392" spans="8:17" x14ac:dyDescent="0.25">
      <c r="H4392" s="43">
        <v>4385</v>
      </c>
      <c r="I4392" s="55">
        <f>Bühler!I4418</f>
        <v>0.20870505442667123</v>
      </c>
      <c r="J4392" s="58">
        <f>Bühler!J4418</f>
        <v>4.0416287434463296</v>
      </c>
      <c r="K4392" s="58">
        <f>Bühler!K4418</f>
        <v>0.21742861169439107</v>
      </c>
      <c r="L4392" s="58">
        <f>Bühler!L4418</f>
        <v>0.10871430584719553</v>
      </c>
      <c r="M4392" s="57">
        <f>Bühler!M4418</f>
        <v>0</v>
      </c>
      <c r="N4392" s="55">
        <f>IF(Input!$K$13=1,J4392*Input!$J$13,0)+IF(Input!$K$14=1,K4392*Input!$J$14,0)+IF(Input!$K$15=1,L4392*Input!$J$15,0)+IF(Input!$K$16=1,M4392*Input!$J$16,0)</f>
        <v>0.48499544921355953</v>
      </c>
      <c r="O4392" s="58">
        <f>IF(Input!$K$13=2,J4392*Input!$J$13,0)+IF(Input!$K$14=2,K4392*Input!$J$14,0)+IF(Input!$K$15=2,L4392*Input!$J$15,0)+IF(Input!$K$16=2,M4392*Input!$J$16,0)</f>
        <v>2.935286257874279E-2</v>
      </c>
      <c r="P4392" s="58">
        <f>IF(Input!$K$13=3,J4392*Input!$J$13,0)+IF(Input!$K$14=3,K4392*Input!$J$14,0)+IF(Input!$K$15=3,L4392*Input!$J$15,0)+IF(Input!$K$16=3,M4392*Input!$J$16,0)</f>
        <v>0</v>
      </c>
      <c r="Q4392" s="71">
        <f>IF(Input!$K$13=4,J4392*Input!$J$13,0)+IF(Input!$K$14=4,K4392*Input!$J$14,0)+IF(Input!$K$15=4,L4392*Input!$J$15,0)+IF(Input!$K$16=4,M4392*Input!$J$16,0)</f>
        <v>0</v>
      </c>
    </row>
    <row r="4393" spans="8:17" x14ac:dyDescent="0.25">
      <c r="H4393" s="43">
        <v>4386</v>
      </c>
      <c r="I4393" s="55">
        <f>Bühler!I4419</f>
        <v>0.17834795560097358</v>
      </c>
      <c r="J4393" s="58">
        <f>Bühler!J4419</f>
        <v>4.0403638643285928</v>
      </c>
      <c r="K4393" s="58">
        <f>Bühler!K4419</f>
        <v>0.21742861169439107</v>
      </c>
      <c r="L4393" s="58">
        <f>Bühler!L4419</f>
        <v>0.10871430584719553</v>
      </c>
      <c r="M4393" s="57">
        <f>Bühler!M4419</f>
        <v>0</v>
      </c>
      <c r="N4393" s="55">
        <f>IF(Input!$K$13=1,J4393*Input!$J$13,0)+IF(Input!$K$14=1,K4393*Input!$J$14,0)+IF(Input!$K$15=1,L4393*Input!$J$15,0)+IF(Input!$K$16=1,M4393*Input!$J$16,0)</f>
        <v>0.48484366371943111</v>
      </c>
      <c r="O4393" s="58">
        <f>IF(Input!$K$13=2,J4393*Input!$J$13,0)+IF(Input!$K$14=2,K4393*Input!$J$14,0)+IF(Input!$K$15=2,L4393*Input!$J$15,0)+IF(Input!$K$16=2,M4393*Input!$J$16,0)</f>
        <v>2.935286257874279E-2</v>
      </c>
      <c r="P4393" s="58">
        <f>IF(Input!$K$13=3,J4393*Input!$J$13,0)+IF(Input!$K$14=3,K4393*Input!$J$14,0)+IF(Input!$K$15=3,L4393*Input!$J$15,0)+IF(Input!$K$16=3,M4393*Input!$J$16,0)</f>
        <v>0</v>
      </c>
      <c r="Q4393" s="71">
        <f>IF(Input!$K$13=4,J4393*Input!$J$13,0)+IF(Input!$K$14=4,K4393*Input!$J$14,0)+IF(Input!$K$15=4,L4393*Input!$J$15,0)+IF(Input!$K$16=4,M4393*Input!$J$16,0)</f>
        <v>0</v>
      </c>
    </row>
    <row r="4394" spans="8:17" x14ac:dyDescent="0.25">
      <c r="H4394" s="43">
        <v>4387</v>
      </c>
      <c r="I4394" s="55">
        <f>Bühler!I4420</f>
        <v>0.16696404354133701</v>
      </c>
      <c r="J4394" s="58">
        <f>Bühler!J4420</f>
        <v>4.0398895346594408</v>
      </c>
      <c r="K4394" s="58">
        <f>Bühler!K4420</f>
        <v>0.21742861169439107</v>
      </c>
      <c r="L4394" s="58">
        <f>Bühler!L4420</f>
        <v>0.10871430584719553</v>
      </c>
      <c r="M4394" s="57">
        <f>Bühler!M4420</f>
        <v>0</v>
      </c>
      <c r="N4394" s="55">
        <f>IF(Input!$K$13=1,J4394*Input!$J$13,0)+IF(Input!$K$14=1,K4394*Input!$J$14,0)+IF(Input!$K$15=1,L4394*Input!$J$15,0)+IF(Input!$K$16=1,M4394*Input!$J$16,0)</f>
        <v>0.48478674415913287</v>
      </c>
      <c r="O4394" s="58">
        <f>IF(Input!$K$13=2,J4394*Input!$J$13,0)+IF(Input!$K$14=2,K4394*Input!$J$14,0)+IF(Input!$K$15=2,L4394*Input!$J$15,0)+IF(Input!$K$16=2,M4394*Input!$J$16,0)</f>
        <v>2.935286257874279E-2</v>
      </c>
      <c r="P4394" s="58">
        <f>IF(Input!$K$13=3,J4394*Input!$J$13,0)+IF(Input!$K$14=3,K4394*Input!$J$14,0)+IF(Input!$K$15=3,L4394*Input!$J$15,0)+IF(Input!$K$16=3,M4394*Input!$J$16,0)</f>
        <v>0</v>
      </c>
      <c r="Q4394" s="71">
        <f>IF(Input!$K$13=4,J4394*Input!$J$13,0)+IF(Input!$K$14=4,K4394*Input!$J$14,0)+IF(Input!$K$15=4,L4394*Input!$J$15,0)+IF(Input!$K$16=4,M4394*Input!$J$16,0)</f>
        <v>0</v>
      </c>
    </row>
    <row r="4395" spans="8:17" x14ac:dyDescent="0.25">
      <c r="H4395" s="43">
        <v>4388</v>
      </c>
      <c r="I4395" s="55">
        <f>Bühler!I4421</f>
        <v>0.14040158206885153</v>
      </c>
      <c r="J4395" s="58">
        <f>Bühler!J4421</f>
        <v>4.0387827654314208</v>
      </c>
      <c r="K4395" s="58">
        <f>Bühler!K4421</f>
        <v>0.21742861169439107</v>
      </c>
      <c r="L4395" s="58">
        <f>Bühler!L4421</f>
        <v>0.10871430584719553</v>
      </c>
      <c r="M4395" s="57">
        <f>Bühler!M4421</f>
        <v>0</v>
      </c>
      <c r="N4395" s="55">
        <f>IF(Input!$K$13=1,J4395*Input!$J$13,0)+IF(Input!$K$14=1,K4395*Input!$J$14,0)+IF(Input!$K$15=1,L4395*Input!$J$15,0)+IF(Input!$K$16=1,M4395*Input!$J$16,0)</f>
        <v>0.48465393185177047</v>
      </c>
      <c r="O4395" s="58">
        <f>IF(Input!$K$13=2,J4395*Input!$J$13,0)+IF(Input!$K$14=2,K4395*Input!$J$14,0)+IF(Input!$K$15=2,L4395*Input!$J$15,0)+IF(Input!$K$16=2,M4395*Input!$J$16,0)</f>
        <v>2.935286257874279E-2</v>
      </c>
      <c r="P4395" s="58">
        <f>IF(Input!$K$13=3,J4395*Input!$J$13,0)+IF(Input!$K$14=3,K4395*Input!$J$14,0)+IF(Input!$K$15=3,L4395*Input!$J$15,0)+IF(Input!$K$16=3,M4395*Input!$J$16,0)</f>
        <v>0</v>
      </c>
      <c r="Q4395" s="71">
        <f>IF(Input!$K$13=4,J4395*Input!$J$13,0)+IF(Input!$K$14=4,K4395*Input!$J$14,0)+IF(Input!$K$15=4,L4395*Input!$J$15,0)+IF(Input!$K$16=4,M4395*Input!$J$16,0)</f>
        <v>0</v>
      </c>
    </row>
    <row r="4396" spans="8:17" x14ac:dyDescent="0.25">
      <c r="H4396" s="43">
        <v>4389</v>
      </c>
      <c r="I4396" s="55">
        <f>Bühler!I4422</f>
        <v>0.11763375794957832</v>
      </c>
      <c r="J4396" s="58">
        <f>Bühler!J4422</f>
        <v>4.0378341060931175</v>
      </c>
      <c r="K4396" s="58">
        <f>Bühler!K4422</f>
        <v>0.21742861169439107</v>
      </c>
      <c r="L4396" s="58">
        <f>Bühler!L4422</f>
        <v>0.10871430584719553</v>
      </c>
      <c r="M4396" s="57">
        <f>Bühler!M4422</f>
        <v>0</v>
      </c>
      <c r="N4396" s="55">
        <f>IF(Input!$K$13=1,J4396*Input!$J$13,0)+IF(Input!$K$14=1,K4396*Input!$J$14,0)+IF(Input!$K$15=1,L4396*Input!$J$15,0)+IF(Input!$K$16=1,M4396*Input!$J$16,0)</f>
        <v>0.4845400927311741</v>
      </c>
      <c r="O4396" s="58">
        <f>IF(Input!$K$13=2,J4396*Input!$J$13,0)+IF(Input!$K$14=2,K4396*Input!$J$14,0)+IF(Input!$K$15=2,L4396*Input!$J$15,0)+IF(Input!$K$16=2,M4396*Input!$J$16,0)</f>
        <v>2.935286257874279E-2</v>
      </c>
      <c r="P4396" s="58">
        <f>IF(Input!$K$13=3,J4396*Input!$J$13,0)+IF(Input!$K$14=3,K4396*Input!$J$14,0)+IF(Input!$K$15=3,L4396*Input!$J$15,0)+IF(Input!$K$16=3,M4396*Input!$J$16,0)</f>
        <v>0</v>
      </c>
      <c r="Q4396" s="71">
        <f>IF(Input!$K$13=4,J4396*Input!$J$13,0)+IF(Input!$K$14=4,K4396*Input!$J$14,0)+IF(Input!$K$15=4,L4396*Input!$J$15,0)+IF(Input!$K$16=4,M4396*Input!$J$16,0)</f>
        <v>0</v>
      </c>
    </row>
    <row r="4397" spans="8:17" x14ac:dyDescent="0.25">
      <c r="H4397" s="43">
        <v>4390</v>
      </c>
      <c r="I4397" s="55">
        <f>Bühler!I4423</f>
        <v>0.10245520853672951</v>
      </c>
      <c r="J4397" s="58">
        <f>Bühler!J4423</f>
        <v>4.0372016665342487</v>
      </c>
      <c r="K4397" s="58">
        <f>Bühler!K4423</f>
        <v>0.21742861169439107</v>
      </c>
      <c r="L4397" s="58">
        <f>Bühler!L4423</f>
        <v>0.10871430584719553</v>
      </c>
      <c r="M4397" s="57">
        <f>Bühler!M4423</f>
        <v>0</v>
      </c>
      <c r="N4397" s="55">
        <f>IF(Input!$K$13=1,J4397*Input!$J$13,0)+IF(Input!$K$14=1,K4397*Input!$J$14,0)+IF(Input!$K$15=1,L4397*Input!$J$15,0)+IF(Input!$K$16=1,M4397*Input!$J$16,0)</f>
        <v>0.48446419998410983</v>
      </c>
      <c r="O4397" s="58">
        <f>IF(Input!$K$13=2,J4397*Input!$J$13,0)+IF(Input!$K$14=2,K4397*Input!$J$14,0)+IF(Input!$K$15=2,L4397*Input!$J$15,0)+IF(Input!$K$16=2,M4397*Input!$J$16,0)</f>
        <v>2.935286257874279E-2</v>
      </c>
      <c r="P4397" s="58">
        <f>IF(Input!$K$13=3,J4397*Input!$J$13,0)+IF(Input!$K$14=3,K4397*Input!$J$14,0)+IF(Input!$K$15=3,L4397*Input!$J$15,0)+IF(Input!$K$16=3,M4397*Input!$J$16,0)</f>
        <v>0</v>
      </c>
      <c r="Q4397" s="71">
        <f>IF(Input!$K$13=4,J4397*Input!$J$13,0)+IF(Input!$K$14=4,K4397*Input!$J$14,0)+IF(Input!$K$15=4,L4397*Input!$J$15,0)+IF(Input!$K$16=4,M4397*Input!$J$16,0)</f>
        <v>0</v>
      </c>
    </row>
    <row r="4398" spans="8:17" x14ac:dyDescent="0.25">
      <c r="H4398" s="43">
        <v>4391</v>
      </c>
      <c r="I4398" s="55">
        <f>Bühler!I4424</f>
        <v>0.10245520853672951</v>
      </c>
      <c r="J4398" s="58">
        <f>Bühler!J4424</f>
        <v>4.0372016665342487</v>
      </c>
      <c r="K4398" s="58">
        <f>Bühler!K4424</f>
        <v>0.21742861169439107</v>
      </c>
      <c r="L4398" s="58">
        <f>Bühler!L4424</f>
        <v>0.10871430584719553</v>
      </c>
      <c r="M4398" s="57">
        <f>Bühler!M4424</f>
        <v>0</v>
      </c>
      <c r="N4398" s="55">
        <f>IF(Input!$K$13=1,J4398*Input!$J$13,0)+IF(Input!$K$14=1,K4398*Input!$J$14,0)+IF(Input!$K$15=1,L4398*Input!$J$15,0)+IF(Input!$K$16=1,M4398*Input!$J$16,0)</f>
        <v>0.48446419998410983</v>
      </c>
      <c r="O4398" s="58">
        <f>IF(Input!$K$13=2,J4398*Input!$J$13,0)+IF(Input!$K$14=2,K4398*Input!$J$14,0)+IF(Input!$K$15=2,L4398*Input!$J$15,0)+IF(Input!$K$16=2,M4398*Input!$J$16,0)</f>
        <v>2.935286257874279E-2</v>
      </c>
      <c r="P4398" s="58">
        <f>IF(Input!$K$13=3,J4398*Input!$J$13,0)+IF(Input!$K$14=3,K4398*Input!$J$14,0)+IF(Input!$K$15=3,L4398*Input!$J$15,0)+IF(Input!$K$16=3,M4398*Input!$J$16,0)</f>
        <v>0</v>
      </c>
      <c r="Q4398" s="71">
        <f>IF(Input!$K$13=4,J4398*Input!$J$13,0)+IF(Input!$K$14=4,K4398*Input!$J$14,0)+IF(Input!$K$15=4,L4398*Input!$J$15,0)+IF(Input!$K$16=4,M4398*Input!$J$16,0)</f>
        <v>0</v>
      </c>
    </row>
    <row r="4399" spans="8:17" x14ac:dyDescent="0.25">
      <c r="H4399" s="43">
        <v>4392</v>
      </c>
      <c r="I4399" s="55">
        <f>Bühler!I4425</f>
        <v>0.10245520853672951</v>
      </c>
      <c r="J4399" s="58">
        <f>Bühler!J4425</f>
        <v>4.0372016665342487</v>
      </c>
      <c r="K4399" s="58">
        <f>Bühler!K4425</f>
        <v>0.21742861169439107</v>
      </c>
      <c r="L4399" s="58">
        <f>Bühler!L4425</f>
        <v>0.10871430584719553</v>
      </c>
      <c r="M4399" s="57">
        <f>Bühler!M4425</f>
        <v>0</v>
      </c>
      <c r="N4399" s="55">
        <f>IF(Input!$K$13=1,J4399*Input!$J$13,0)+IF(Input!$K$14=1,K4399*Input!$J$14,0)+IF(Input!$K$15=1,L4399*Input!$J$15,0)+IF(Input!$K$16=1,M4399*Input!$J$16,0)</f>
        <v>0.48446419998410983</v>
      </c>
      <c r="O4399" s="58">
        <f>IF(Input!$K$13=2,J4399*Input!$J$13,0)+IF(Input!$K$14=2,K4399*Input!$J$14,0)+IF(Input!$K$15=2,L4399*Input!$J$15,0)+IF(Input!$K$16=2,M4399*Input!$J$16,0)</f>
        <v>2.935286257874279E-2</v>
      </c>
      <c r="P4399" s="58">
        <f>IF(Input!$K$13=3,J4399*Input!$J$13,0)+IF(Input!$K$14=3,K4399*Input!$J$14,0)+IF(Input!$K$15=3,L4399*Input!$J$15,0)+IF(Input!$K$16=3,M4399*Input!$J$16,0)</f>
        <v>0</v>
      </c>
      <c r="Q4399" s="71">
        <f>IF(Input!$K$13=4,J4399*Input!$J$13,0)+IF(Input!$K$14=4,K4399*Input!$J$14,0)+IF(Input!$K$15=4,L4399*Input!$J$15,0)+IF(Input!$K$16=4,M4399*Input!$J$16,0)</f>
        <v>0</v>
      </c>
    </row>
    <row r="4400" spans="8:17" x14ac:dyDescent="0.25">
      <c r="H4400" s="43">
        <v>4393</v>
      </c>
      <c r="I4400" s="55">
        <f>Bühler!I4426</f>
        <v>5.7104947955946575E-2</v>
      </c>
      <c r="J4400" s="58">
        <f>Bühler!J4426</f>
        <v>6.5060538560722598</v>
      </c>
      <c r="K4400" s="58">
        <f>Bühler!K4426</f>
        <v>0.54559315853658197</v>
      </c>
      <c r="L4400" s="58">
        <f>Bühler!L4426</f>
        <v>0.27279657926829098</v>
      </c>
      <c r="M4400" s="57">
        <f>Bühler!M4426</f>
        <v>0</v>
      </c>
      <c r="N4400" s="55">
        <f>IF(Input!$K$13=1,J4400*Input!$J$13,0)+IF(Input!$K$14=1,K4400*Input!$J$14,0)+IF(Input!$K$15=1,L4400*Input!$J$15,0)+IF(Input!$K$16=1,M4400*Input!$J$16,0)</f>
        <v>0.78072646272867119</v>
      </c>
      <c r="O4400" s="58">
        <f>IF(Input!$K$13=2,J4400*Input!$J$13,0)+IF(Input!$K$14=2,K4400*Input!$J$14,0)+IF(Input!$K$15=2,L4400*Input!$J$15,0)+IF(Input!$K$16=2,M4400*Input!$J$16,0)</f>
        <v>7.3655076402438568E-2</v>
      </c>
      <c r="P4400" s="58">
        <f>IF(Input!$K$13=3,J4400*Input!$J$13,0)+IF(Input!$K$14=3,K4400*Input!$J$14,0)+IF(Input!$K$15=3,L4400*Input!$J$15,0)+IF(Input!$K$16=3,M4400*Input!$J$16,0)</f>
        <v>0</v>
      </c>
      <c r="Q4400" s="71">
        <f>IF(Input!$K$13=4,J4400*Input!$J$13,0)+IF(Input!$K$14=4,K4400*Input!$J$14,0)+IF(Input!$K$15=4,L4400*Input!$J$15,0)+IF(Input!$K$16=4,M4400*Input!$J$16,0)</f>
        <v>0</v>
      </c>
    </row>
    <row r="4401" spans="8:17" x14ac:dyDescent="0.25">
      <c r="H4401" s="43">
        <v>4394</v>
      </c>
      <c r="I4401" s="55">
        <f>Bühler!I4427</f>
        <v>5.7104947955946575E-2</v>
      </c>
      <c r="J4401" s="58">
        <f>Bühler!J4427</f>
        <v>6.5060538560722598</v>
      </c>
      <c r="K4401" s="58">
        <f>Bühler!K4427</f>
        <v>0.54559315853658197</v>
      </c>
      <c r="L4401" s="58">
        <f>Bühler!L4427</f>
        <v>0.27279657926829098</v>
      </c>
      <c r="M4401" s="57">
        <f>Bühler!M4427</f>
        <v>0</v>
      </c>
      <c r="N4401" s="55">
        <f>IF(Input!$K$13=1,J4401*Input!$J$13,0)+IF(Input!$K$14=1,K4401*Input!$J$14,0)+IF(Input!$K$15=1,L4401*Input!$J$15,0)+IF(Input!$K$16=1,M4401*Input!$J$16,0)</f>
        <v>0.78072646272867119</v>
      </c>
      <c r="O4401" s="58">
        <f>IF(Input!$K$13=2,J4401*Input!$J$13,0)+IF(Input!$K$14=2,K4401*Input!$J$14,0)+IF(Input!$K$15=2,L4401*Input!$J$15,0)+IF(Input!$K$16=2,M4401*Input!$J$16,0)</f>
        <v>7.3655076402438568E-2</v>
      </c>
      <c r="P4401" s="58">
        <f>IF(Input!$K$13=3,J4401*Input!$J$13,0)+IF(Input!$K$14=3,K4401*Input!$J$14,0)+IF(Input!$K$15=3,L4401*Input!$J$15,0)+IF(Input!$K$16=3,M4401*Input!$J$16,0)</f>
        <v>0</v>
      </c>
      <c r="Q4401" s="71">
        <f>IF(Input!$K$13=4,J4401*Input!$J$13,0)+IF(Input!$K$14=4,K4401*Input!$J$14,0)+IF(Input!$K$15=4,L4401*Input!$J$15,0)+IF(Input!$K$16=4,M4401*Input!$J$16,0)</f>
        <v>0</v>
      </c>
    </row>
    <row r="4402" spans="8:17" x14ac:dyDescent="0.25">
      <c r="H4402" s="43">
        <v>4395</v>
      </c>
      <c r="I4402" s="55">
        <f>Bühler!I4428</f>
        <v>5.7104947955946575E-2</v>
      </c>
      <c r="J4402" s="58">
        <f>Bühler!J4428</f>
        <v>6.5060538560722598</v>
      </c>
      <c r="K4402" s="58">
        <f>Bühler!K4428</f>
        <v>0.54559315853658197</v>
      </c>
      <c r="L4402" s="58">
        <f>Bühler!L4428</f>
        <v>0.27279657926829098</v>
      </c>
      <c r="M4402" s="57">
        <f>Bühler!M4428</f>
        <v>0</v>
      </c>
      <c r="N4402" s="55">
        <f>IF(Input!$K$13=1,J4402*Input!$J$13,0)+IF(Input!$K$14=1,K4402*Input!$J$14,0)+IF(Input!$K$15=1,L4402*Input!$J$15,0)+IF(Input!$K$16=1,M4402*Input!$J$16,0)</f>
        <v>0.78072646272867119</v>
      </c>
      <c r="O4402" s="58">
        <f>IF(Input!$K$13=2,J4402*Input!$J$13,0)+IF(Input!$K$14=2,K4402*Input!$J$14,0)+IF(Input!$K$15=2,L4402*Input!$J$15,0)+IF(Input!$K$16=2,M4402*Input!$J$16,0)</f>
        <v>7.3655076402438568E-2</v>
      </c>
      <c r="P4402" s="58">
        <f>IF(Input!$K$13=3,J4402*Input!$J$13,0)+IF(Input!$K$14=3,K4402*Input!$J$14,0)+IF(Input!$K$15=3,L4402*Input!$J$15,0)+IF(Input!$K$16=3,M4402*Input!$J$16,0)</f>
        <v>0</v>
      </c>
      <c r="Q4402" s="71">
        <f>IF(Input!$K$13=4,J4402*Input!$J$13,0)+IF(Input!$K$14=4,K4402*Input!$J$14,0)+IF(Input!$K$15=4,L4402*Input!$J$15,0)+IF(Input!$K$16=4,M4402*Input!$J$16,0)</f>
        <v>0</v>
      </c>
    </row>
    <row r="4403" spans="8:17" x14ac:dyDescent="0.25">
      <c r="H4403" s="43">
        <v>4396</v>
      </c>
      <c r="I4403" s="55">
        <f>Bühler!I4429</f>
        <v>5.7104947955946575E-2</v>
      </c>
      <c r="J4403" s="58">
        <f>Bühler!J4429</f>
        <v>6.5060538560722598</v>
      </c>
      <c r="K4403" s="58">
        <f>Bühler!K4429</f>
        <v>0.54559315853658197</v>
      </c>
      <c r="L4403" s="58">
        <f>Bühler!L4429</f>
        <v>0.27279657926829098</v>
      </c>
      <c r="M4403" s="57">
        <f>Bühler!M4429</f>
        <v>0</v>
      </c>
      <c r="N4403" s="55">
        <f>IF(Input!$K$13=1,J4403*Input!$J$13,0)+IF(Input!$K$14=1,K4403*Input!$J$14,0)+IF(Input!$K$15=1,L4403*Input!$J$15,0)+IF(Input!$K$16=1,M4403*Input!$J$16,0)</f>
        <v>0.78072646272867119</v>
      </c>
      <c r="O4403" s="58">
        <f>IF(Input!$K$13=2,J4403*Input!$J$13,0)+IF(Input!$K$14=2,K4403*Input!$J$14,0)+IF(Input!$K$15=2,L4403*Input!$J$15,0)+IF(Input!$K$16=2,M4403*Input!$J$16,0)</f>
        <v>7.3655076402438568E-2</v>
      </c>
      <c r="P4403" s="58">
        <f>IF(Input!$K$13=3,J4403*Input!$J$13,0)+IF(Input!$K$14=3,K4403*Input!$J$14,0)+IF(Input!$K$15=3,L4403*Input!$J$15,0)+IF(Input!$K$16=3,M4403*Input!$J$16,0)</f>
        <v>0</v>
      </c>
      <c r="Q4403" s="71">
        <f>IF(Input!$K$13=4,J4403*Input!$J$13,0)+IF(Input!$K$14=4,K4403*Input!$J$14,0)+IF(Input!$K$15=4,L4403*Input!$J$15,0)+IF(Input!$K$16=4,M4403*Input!$J$16,0)</f>
        <v>0</v>
      </c>
    </row>
    <row r="4404" spans="8:17" x14ac:dyDescent="0.25">
      <c r="H4404" s="43">
        <v>4397</v>
      </c>
      <c r="I4404" s="55">
        <f>Bühler!I4430</f>
        <v>5.7104947955946575E-2</v>
      </c>
      <c r="J4404" s="58">
        <f>Bühler!J4430</f>
        <v>6.5060538560722598</v>
      </c>
      <c r="K4404" s="58">
        <f>Bühler!K4430</f>
        <v>0.54559315853658197</v>
      </c>
      <c r="L4404" s="58">
        <f>Bühler!L4430</f>
        <v>0.27279657926829098</v>
      </c>
      <c r="M4404" s="57">
        <f>Bühler!M4430</f>
        <v>0</v>
      </c>
      <c r="N4404" s="55">
        <f>IF(Input!$K$13=1,J4404*Input!$J$13,0)+IF(Input!$K$14=1,K4404*Input!$J$14,0)+IF(Input!$K$15=1,L4404*Input!$J$15,0)+IF(Input!$K$16=1,M4404*Input!$J$16,0)</f>
        <v>0.78072646272867119</v>
      </c>
      <c r="O4404" s="58">
        <f>IF(Input!$K$13=2,J4404*Input!$J$13,0)+IF(Input!$K$14=2,K4404*Input!$J$14,0)+IF(Input!$K$15=2,L4404*Input!$J$15,0)+IF(Input!$K$16=2,M4404*Input!$J$16,0)</f>
        <v>7.3655076402438568E-2</v>
      </c>
      <c r="P4404" s="58">
        <f>IF(Input!$K$13=3,J4404*Input!$J$13,0)+IF(Input!$K$14=3,K4404*Input!$J$14,0)+IF(Input!$K$15=3,L4404*Input!$J$15,0)+IF(Input!$K$16=3,M4404*Input!$J$16,0)</f>
        <v>0</v>
      </c>
      <c r="Q4404" s="71">
        <f>IF(Input!$K$13=4,J4404*Input!$J$13,0)+IF(Input!$K$14=4,K4404*Input!$J$14,0)+IF(Input!$K$15=4,L4404*Input!$J$15,0)+IF(Input!$K$16=4,M4404*Input!$J$16,0)</f>
        <v>0</v>
      </c>
    </row>
    <row r="4405" spans="8:17" x14ac:dyDescent="0.25">
      <c r="H4405" s="43">
        <v>4398</v>
      </c>
      <c r="I4405" s="55">
        <f>Bühler!I4431</f>
        <v>5.7104947955946575E-2</v>
      </c>
      <c r="J4405" s="58">
        <f>Bühler!J4431</f>
        <v>6.5060538560722598</v>
      </c>
      <c r="K4405" s="58">
        <f>Bühler!K4431</f>
        <v>0.54559315853658197</v>
      </c>
      <c r="L4405" s="58">
        <f>Bühler!L4431</f>
        <v>0.27279657926829098</v>
      </c>
      <c r="M4405" s="57">
        <f>Bühler!M4431</f>
        <v>0</v>
      </c>
      <c r="N4405" s="55">
        <f>IF(Input!$K$13=1,J4405*Input!$J$13,0)+IF(Input!$K$14=1,K4405*Input!$J$14,0)+IF(Input!$K$15=1,L4405*Input!$J$15,0)+IF(Input!$K$16=1,M4405*Input!$J$16,0)</f>
        <v>0.78072646272867119</v>
      </c>
      <c r="O4405" s="58">
        <f>IF(Input!$K$13=2,J4405*Input!$J$13,0)+IF(Input!$K$14=2,K4405*Input!$J$14,0)+IF(Input!$K$15=2,L4405*Input!$J$15,0)+IF(Input!$K$16=2,M4405*Input!$J$16,0)</f>
        <v>7.3655076402438568E-2</v>
      </c>
      <c r="P4405" s="58">
        <f>IF(Input!$K$13=3,J4405*Input!$J$13,0)+IF(Input!$K$14=3,K4405*Input!$J$14,0)+IF(Input!$K$15=3,L4405*Input!$J$15,0)+IF(Input!$K$16=3,M4405*Input!$J$16,0)</f>
        <v>0</v>
      </c>
      <c r="Q4405" s="71">
        <f>IF(Input!$K$13=4,J4405*Input!$J$13,0)+IF(Input!$K$14=4,K4405*Input!$J$14,0)+IF(Input!$K$15=4,L4405*Input!$J$15,0)+IF(Input!$K$16=4,M4405*Input!$J$16,0)</f>
        <v>0</v>
      </c>
    </row>
    <row r="4406" spans="8:17" x14ac:dyDescent="0.25">
      <c r="H4406" s="43">
        <v>4399</v>
      </c>
      <c r="I4406" s="55">
        <f>Bühler!I4432</f>
        <v>5.7104947955946575E-2</v>
      </c>
      <c r="J4406" s="58">
        <f>Bühler!J4432</f>
        <v>6.5060538560722598</v>
      </c>
      <c r="K4406" s="58">
        <f>Bühler!K4432</f>
        <v>0.54559315853658197</v>
      </c>
      <c r="L4406" s="58">
        <f>Bühler!L4432</f>
        <v>0.27279657926829098</v>
      </c>
      <c r="M4406" s="57">
        <f>Bühler!M4432</f>
        <v>0</v>
      </c>
      <c r="N4406" s="55">
        <f>IF(Input!$K$13=1,J4406*Input!$J$13,0)+IF(Input!$K$14=1,K4406*Input!$J$14,0)+IF(Input!$K$15=1,L4406*Input!$J$15,0)+IF(Input!$K$16=1,M4406*Input!$J$16,0)</f>
        <v>0.78072646272867119</v>
      </c>
      <c r="O4406" s="58">
        <f>IF(Input!$K$13=2,J4406*Input!$J$13,0)+IF(Input!$K$14=2,K4406*Input!$J$14,0)+IF(Input!$K$15=2,L4406*Input!$J$15,0)+IF(Input!$K$16=2,M4406*Input!$J$16,0)</f>
        <v>7.3655076402438568E-2</v>
      </c>
      <c r="P4406" s="58">
        <f>IF(Input!$K$13=3,J4406*Input!$J$13,0)+IF(Input!$K$14=3,K4406*Input!$J$14,0)+IF(Input!$K$15=3,L4406*Input!$J$15,0)+IF(Input!$K$16=3,M4406*Input!$J$16,0)</f>
        <v>0</v>
      </c>
      <c r="Q4406" s="71">
        <f>IF(Input!$K$13=4,J4406*Input!$J$13,0)+IF(Input!$K$14=4,K4406*Input!$J$14,0)+IF(Input!$K$15=4,L4406*Input!$J$15,0)+IF(Input!$K$16=4,M4406*Input!$J$16,0)</f>
        <v>0</v>
      </c>
    </row>
    <row r="4407" spans="8:17" x14ac:dyDescent="0.25">
      <c r="H4407" s="43">
        <v>4400</v>
      </c>
      <c r="I4407" s="55">
        <f>Bühler!I4433</f>
        <v>0.2484065236083676</v>
      </c>
      <c r="J4407" s="58">
        <f>Bühler!J4433</f>
        <v>27.721357159293529</v>
      </c>
      <c r="K4407" s="58">
        <f>Bühler!K4433</f>
        <v>2.3242268553658394</v>
      </c>
      <c r="L4407" s="58">
        <f>Bühler!L4433</f>
        <v>1.1621134276829197</v>
      </c>
      <c r="M4407" s="57">
        <f>Bühler!M4433</f>
        <v>0</v>
      </c>
      <c r="N4407" s="55">
        <f>IF(Input!$K$13=1,J4407*Input!$J$13,0)+IF(Input!$K$14=1,K4407*Input!$J$14,0)+IF(Input!$K$15=1,L4407*Input!$J$15,0)+IF(Input!$K$16=1,M4407*Input!$J$16,0)</f>
        <v>3.3265628591152234</v>
      </c>
      <c r="O4407" s="58">
        <f>IF(Input!$K$13=2,J4407*Input!$J$13,0)+IF(Input!$K$14=2,K4407*Input!$J$14,0)+IF(Input!$K$15=2,L4407*Input!$J$15,0)+IF(Input!$K$16=2,M4407*Input!$J$16,0)</f>
        <v>0.31377062547438828</v>
      </c>
      <c r="P4407" s="58">
        <f>IF(Input!$K$13=3,J4407*Input!$J$13,0)+IF(Input!$K$14=3,K4407*Input!$J$14,0)+IF(Input!$K$15=3,L4407*Input!$J$15,0)+IF(Input!$K$16=3,M4407*Input!$J$16,0)</f>
        <v>0</v>
      </c>
      <c r="Q4407" s="71">
        <f>IF(Input!$K$13=4,J4407*Input!$J$13,0)+IF(Input!$K$14=4,K4407*Input!$J$14,0)+IF(Input!$K$15=4,L4407*Input!$J$15,0)+IF(Input!$K$16=4,M4407*Input!$J$16,0)</f>
        <v>0</v>
      </c>
    </row>
    <row r="4408" spans="8:17" x14ac:dyDescent="0.25">
      <c r="H4408" s="43">
        <v>4401</v>
      </c>
      <c r="I4408" s="55">
        <f>Bühler!I4434</f>
        <v>0.27945733905941356</v>
      </c>
      <c r="J4408" s="58">
        <f>Bühler!J4434</f>
        <v>31.186526804205219</v>
      </c>
      <c r="K4408" s="58">
        <f>Bühler!K4434</f>
        <v>2.6147552122865689</v>
      </c>
      <c r="L4408" s="58">
        <f>Bühler!L4434</f>
        <v>1.3073776061432845</v>
      </c>
      <c r="M4408" s="57">
        <f>Bühler!M4434</f>
        <v>0</v>
      </c>
      <c r="N4408" s="55">
        <f>IF(Input!$K$13=1,J4408*Input!$J$13,0)+IF(Input!$K$14=1,K4408*Input!$J$14,0)+IF(Input!$K$15=1,L4408*Input!$J$15,0)+IF(Input!$K$16=1,M4408*Input!$J$16,0)</f>
        <v>3.742383216504626</v>
      </c>
      <c r="O4408" s="58">
        <f>IF(Input!$K$13=2,J4408*Input!$J$13,0)+IF(Input!$K$14=2,K4408*Input!$J$14,0)+IF(Input!$K$15=2,L4408*Input!$J$15,0)+IF(Input!$K$16=2,M4408*Input!$J$16,0)</f>
        <v>0.3529919536586868</v>
      </c>
      <c r="P4408" s="58">
        <f>IF(Input!$K$13=3,J4408*Input!$J$13,0)+IF(Input!$K$14=3,K4408*Input!$J$14,0)+IF(Input!$K$15=3,L4408*Input!$J$15,0)+IF(Input!$K$16=3,M4408*Input!$J$16,0)</f>
        <v>0</v>
      </c>
      <c r="Q4408" s="71">
        <f>IF(Input!$K$13=4,J4408*Input!$J$13,0)+IF(Input!$K$14=4,K4408*Input!$J$14,0)+IF(Input!$K$15=4,L4408*Input!$J$15,0)+IF(Input!$K$16=4,M4408*Input!$J$16,0)</f>
        <v>0</v>
      </c>
    </row>
    <row r="4409" spans="8:17" x14ac:dyDescent="0.25">
      <c r="H4409" s="43">
        <v>4402</v>
      </c>
      <c r="I4409" s="55">
        <f>Bühler!I4435</f>
        <v>0.31050815451045943</v>
      </c>
      <c r="J4409" s="58">
        <f>Bühler!J4435</f>
        <v>34.651696449116905</v>
      </c>
      <c r="K4409" s="58">
        <f>Bühler!K4435</f>
        <v>2.9052835692072989</v>
      </c>
      <c r="L4409" s="58">
        <f>Bühler!L4435</f>
        <v>1.4526417846036495</v>
      </c>
      <c r="M4409" s="57">
        <f>Bühler!M4435</f>
        <v>0</v>
      </c>
      <c r="N4409" s="55">
        <f>IF(Input!$K$13=1,J4409*Input!$J$13,0)+IF(Input!$K$14=1,K4409*Input!$J$14,0)+IF(Input!$K$15=1,L4409*Input!$J$15,0)+IF(Input!$K$16=1,M4409*Input!$J$16,0)</f>
        <v>4.1582035738940286</v>
      </c>
      <c r="O4409" s="58">
        <f>IF(Input!$K$13=2,J4409*Input!$J$13,0)+IF(Input!$K$14=2,K4409*Input!$J$14,0)+IF(Input!$K$15=2,L4409*Input!$J$15,0)+IF(Input!$K$16=2,M4409*Input!$J$16,0)</f>
        <v>0.39221328184298532</v>
      </c>
      <c r="P4409" s="58">
        <f>IF(Input!$K$13=3,J4409*Input!$J$13,0)+IF(Input!$K$14=3,K4409*Input!$J$14,0)+IF(Input!$K$15=3,L4409*Input!$J$15,0)+IF(Input!$K$16=3,M4409*Input!$J$16,0)</f>
        <v>0</v>
      </c>
      <c r="Q4409" s="71">
        <f>IF(Input!$K$13=4,J4409*Input!$J$13,0)+IF(Input!$K$14=4,K4409*Input!$J$14,0)+IF(Input!$K$15=4,L4409*Input!$J$15,0)+IF(Input!$K$16=4,M4409*Input!$J$16,0)</f>
        <v>0</v>
      </c>
    </row>
    <row r="4410" spans="8:17" x14ac:dyDescent="0.25">
      <c r="H4410" s="43">
        <v>4403</v>
      </c>
      <c r="I4410" s="55">
        <f>Bühler!I4436</f>
        <v>0.31050815451045943</v>
      </c>
      <c r="J4410" s="58">
        <f>Bühler!J4436</f>
        <v>34.651696449116905</v>
      </c>
      <c r="K4410" s="58">
        <f>Bühler!K4436</f>
        <v>2.9052835692072989</v>
      </c>
      <c r="L4410" s="58">
        <f>Bühler!L4436</f>
        <v>1.4526417846036495</v>
      </c>
      <c r="M4410" s="57">
        <f>Bühler!M4436</f>
        <v>0</v>
      </c>
      <c r="N4410" s="55">
        <f>IF(Input!$K$13=1,J4410*Input!$J$13,0)+IF(Input!$K$14=1,K4410*Input!$J$14,0)+IF(Input!$K$15=1,L4410*Input!$J$15,0)+IF(Input!$K$16=1,M4410*Input!$J$16,0)</f>
        <v>4.1582035738940286</v>
      </c>
      <c r="O4410" s="58">
        <f>IF(Input!$K$13=2,J4410*Input!$J$13,0)+IF(Input!$K$14=2,K4410*Input!$J$14,0)+IF(Input!$K$15=2,L4410*Input!$J$15,0)+IF(Input!$K$16=2,M4410*Input!$J$16,0)</f>
        <v>0.39221328184298532</v>
      </c>
      <c r="P4410" s="58">
        <f>IF(Input!$K$13=3,J4410*Input!$J$13,0)+IF(Input!$K$14=3,K4410*Input!$J$14,0)+IF(Input!$K$15=3,L4410*Input!$J$15,0)+IF(Input!$K$16=3,M4410*Input!$J$16,0)</f>
        <v>0</v>
      </c>
      <c r="Q4410" s="71">
        <f>IF(Input!$K$13=4,J4410*Input!$J$13,0)+IF(Input!$K$14=4,K4410*Input!$J$14,0)+IF(Input!$K$15=4,L4410*Input!$J$15,0)+IF(Input!$K$16=4,M4410*Input!$J$16,0)</f>
        <v>0</v>
      </c>
    </row>
    <row r="4411" spans="8:17" x14ac:dyDescent="0.25">
      <c r="H4411" s="43">
        <v>4404</v>
      </c>
      <c r="I4411" s="55">
        <f>Bühler!I4437</f>
        <v>0.37260978541255135</v>
      </c>
      <c r="J4411" s="58">
        <f>Bühler!J4437</f>
        <v>41.582035738940277</v>
      </c>
      <c r="K4411" s="58">
        <f>Bühler!K4437</f>
        <v>3.486340283048758</v>
      </c>
      <c r="L4411" s="58">
        <f>Bühler!L4437</f>
        <v>1.743170141524379</v>
      </c>
      <c r="M4411" s="57">
        <f>Bühler!M4437</f>
        <v>0</v>
      </c>
      <c r="N4411" s="55">
        <f>IF(Input!$K$13=1,J4411*Input!$J$13,0)+IF(Input!$K$14=1,K4411*Input!$J$14,0)+IF(Input!$K$15=1,L4411*Input!$J$15,0)+IF(Input!$K$16=1,M4411*Input!$J$16,0)</f>
        <v>4.9898442886728329</v>
      </c>
      <c r="O4411" s="58">
        <f>IF(Input!$K$13=2,J4411*Input!$J$13,0)+IF(Input!$K$14=2,K4411*Input!$J$14,0)+IF(Input!$K$15=2,L4411*Input!$J$15,0)+IF(Input!$K$16=2,M4411*Input!$J$16,0)</f>
        <v>0.47065593821158236</v>
      </c>
      <c r="P4411" s="58">
        <f>IF(Input!$K$13=3,J4411*Input!$J$13,0)+IF(Input!$K$14=3,K4411*Input!$J$14,0)+IF(Input!$K$15=3,L4411*Input!$J$15,0)+IF(Input!$K$16=3,M4411*Input!$J$16,0)</f>
        <v>0</v>
      </c>
      <c r="Q4411" s="71">
        <f>IF(Input!$K$13=4,J4411*Input!$J$13,0)+IF(Input!$K$14=4,K4411*Input!$J$14,0)+IF(Input!$K$15=4,L4411*Input!$J$15,0)+IF(Input!$K$16=4,M4411*Input!$J$16,0)</f>
        <v>0</v>
      </c>
    </row>
    <row r="4412" spans="8:17" x14ac:dyDescent="0.25">
      <c r="H4412" s="43">
        <v>4405</v>
      </c>
      <c r="I4412" s="55">
        <f>Bühler!I4438</f>
        <v>0.37260978541255135</v>
      </c>
      <c r="J4412" s="58">
        <f>Bühler!J4438</f>
        <v>41.582035738940277</v>
      </c>
      <c r="K4412" s="58">
        <f>Bühler!K4438</f>
        <v>3.486340283048758</v>
      </c>
      <c r="L4412" s="58">
        <f>Bühler!L4438</f>
        <v>1.743170141524379</v>
      </c>
      <c r="M4412" s="57">
        <f>Bühler!M4438</f>
        <v>0</v>
      </c>
      <c r="N4412" s="55">
        <f>IF(Input!$K$13=1,J4412*Input!$J$13,0)+IF(Input!$K$14=1,K4412*Input!$J$14,0)+IF(Input!$K$15=1,L4412*Input!$J$15,0)+IF(Input!$K$16=1,M4412*Input!$J$16,0)</f>
        <v>4.9898442886728329</v>
      </c>
      <c r="O4412" s="58">
        <f>IF(Input!$K$13=2,J4412*Input!$J$13,0)+IF(Input!$K$14=2,K4412*Input!$J$14,0)+IF(Input!$K$15=2,L4412*Input!$J$15,0)+IF(Input!$K$16=2,M4412*Input!$J$16,0)</f>
        <v>0.47065593821158236</v>
      </c>
      <c r="P4412" s="58">
        <f>IF(Input!$K$13=3,J4412*Input!$J$13,0)+IF(Input!$K$14=3,K4412*Input!$J$14,0)+IF(Input!$K$15=3,L4412*Input!$J$15,0)+IF(Input!$K$16=3,M4412*Input!$J$16,0)</f>
        <v>0</v>
      </c>
      <c r="Q4412" s="71">
        <f>IF(Input!$K$13=4,J4412*Input!$J$13,0)+IF(Input!$K$14=4,K4412*Input!$J$14,0)+IF(Input!$K$15=4,L4412*Input!$J$15,0)+IF(Input!$K$16=4,M4412*Input!$J$16,0)</f>
        <v>0</v>
      </c>
    </row>
    <row r="4413" spans="8:17" x14ac:dyDescent="0.25">
      <c r="H4413" s="43">
        <v>4406</v>
      </c>
      <c r="I4413" s="55">
        <f>Bühler!I4439</f>
        <v>0.2484065236083676</v>
      </c>
      <c r="J4413" s="58">
        <f>Bühler!J4439</f>
        <v>27.721357159293529</v>
      </c>
      <c r="K4413" s="58">
        <f>Bühler!K4439</f>
        <v>2.3242268553658394</v>
      </c>
      <c r="L4413" s="58">
        <f>Bühler!L4439</f>
        <v>1.1621134276829197</v>
      </c>
      <c r="M4413" s="57">
        <f>Bühler!M4439</f>
        <v>0</v>
      </c>
      <c r="N4413" s="55">
        <f>IF(Input!$K$13=1,J4413*Input!$J$13,0)+IF(Input!$K$14=1,K4413*Input!$J$14,0)+IF(Input!$K$15=1,L4413*Input!$J$15,0)+IF(Input!$K$16=1,M4413*Input!$J$16,0)</f>
        <v>3.3265628591152234</v>
      </c>
      <c r="O4413" s="58">
        <f>IF(Input!$K$13=2,J4413*Input!$J$13,0)+IF(Input!$K$14=2,K4413*Input!$J$14,0)+IF(Input!$K$15=2,L4413*Input!$J$15,0)+IF(Input!$K$16=2,M4413*Input!$J$16,0)</f>
        <v>0.31377062547438828</v>
      </c>
      <c r="P4413" s="58">
        <f>IF(Input!$K$13=3,J4413*Input!$J$13,0)+IF(Input!$K$14=3,K4413*Input!$J$14,0)+IF(Input!$K$15=3,L4413*Input!$J$15,0)+IF(Input!$K$16=3,M4413*Input!$J$16,0)</f>
        <v>0</v>
      </c>
      <c r="Q4413" s="71">
        <f>IF(Input!$K$13=4,J4413*Input!$J$13,0)+IF(Input!$K$14=4,K4413*Input!$J$14,0)+IF(Input!$K$15=4,L4413*Input!$J$15,0)+IF(Input!$K$16=4,M4413*Input!$J$16,0)</f>
        <v>0</v>
      </c>
    </row>
    <row r="4414" spans="8:17" x14ac:dyDescent="0.25">
      <c r="H4414" s="43">
        <v>4407</v>
      </c>
      <c r="I4414" s="55">
        <f>Bühler!I4440</f>
        <v>0.37260978541255135</v>
      </c>
      <c r="J4414" s="58">
        <f>Bühler!J4440</f>
        <v>41.582035738940277</v>
      </c>
      <c r="K4414" s="58">
        <f>Bühler!K4440</f>
        <v>3.486340283048758</v>
      </c>
      <c r="L4414" s="58">
        <f>Bühler!L4440</f>
        <v>1.743170141524379</v>
      </c>
      <c r="M4414" s="57">
        <f>Bühler!M4440</f>
        <v>0</v>
      </c>
      <c r="N4414" s="55">
        <f>IF(Input!$K$13=1,J4414*Input!$J$13,0)+IF(Input!$K$14=1,K4414*Input!$J$14,0)+IF(Input!$K$15=1,L4414*Input!$J$15,0)+IF(Input!$K$16=1,M4414*Input!$J$16,0)</f>
        <v>4.9898442886728329</v>
      </c>
      <c r="O4414" s="58">
        <f>IF(Input!$K$13=2,J4414*Input!$J$13,0)+IF(Input!$K$14=2,K4414*Input!$J$14,0)+IF(Input!$K$15=2,L4414*Input!$J$15,0)+IF(Input!$K$16=2,M4414*Input!$J$16,0)</f>
        <v>0.47065593821158236</v>
      </c>
      <c r="P4414" s="58">
        <f>IF(Input!$K$13=3,J4414*Input!$J$13,0)+IF(Input!$K$14=3,K4414*Input!$J$14,0)+IF(Input!$K$15=3,L4414*Input!$J$15,0)+IF(Input!$K$16=3,M4414*Input!$J$16,0)</f>
        <v>0</v>
      </c>
      <c r="Q4414" s="71">
        <f>IF(Input!$K$13=4,J4414*Input!$J$13,0)+IF(Input!$K$14=4,K4414*Input!$J$14,0)+IF(Input!$K$15=4,L4414*Input!$J$15,0)+IF(Input!$K$16=4,M4414*Input!$J$16,0)</f>
        <v>0</v>
      </c>
    </row>
    <row r="4415" spans="8:17" x14ac:dyDescent="0.25">
      <c r="H4415" s="43">
        <v>4408</v>
      </c>
      <c r="I4415" s="55">
        <f>Bühler!I4441</f>
        <v>0.37260978541255135</v>
      </c>
      <c r="J4415" s="58">
        <f>Bühler!J4441</f>
        <v>41.582035738940277</v>
      </c>
      <c r="K4415" s="58">
        <f>Bühler!K4441</f>
        <v>3.486340283048758</v>
      </c>
      <c r="L4415" s="58">
        <f>Bühler!L4441</f>
        <v>1.743170141524379</v>
      </c>
      <c r="M4415" s="57">
        <f>Bühler!M4441</f>
        <v>0</v>
      </c>
      <c r="N4415" s="55">
        <f>IF(Input!$K$13=1,J4415*Input!$J$13,0)+IF(Input!$K$14=1,K4415*Input!$J$14,0)+IF(Input!$K$15=1,L4415*Input!$J$15,0)+IF(Input!$K$16=1,M4415*Input!$J$16,0)</f>
        <v>4.9898442886728329</v>
      </c>
      <c r="O4415" s="58">
        <f>IF(Input!$K$13=2,J4415*Input!$J$13,0)+IF(Input!$K$14=2,K4415*Input!$J$14,0)+IF(Input!$K$15=2,L4415*Input!$J$15,0)+IF(Input!$K$16=2,M4415*Input!$J$16,0)</f>
        <v>0.47065593821158236</v>
      </c>
      <c r="P4415" s="58">
        <f>IF(Input!$K$13=3,J4415*Input!$J$13,0)+IF(Input!$K$14=3,K4415*Input!$J$14,0)+IF(Input!$K$15=3,L4415*Input!$J$15,0)+IF(Input!$K$16=3,M4415*Input!$J$16,0)</f>
        <v>0</v>
      </c>
      <c r="Q4415" s="71">
        <f>IF(Input!$K$13=4,J4415*Input!$J$13,0)+IF(Input!$K$14=4,K4415*Input!$J$14,0)+IF(Input!$K$15=4,L4415*Input!$J$15,0)+IF(Input!$K$16=4,M4415*Input!$J$16,0)</f>
        <v>0</v>
      </c>
    </row>
    <row r="4416" spans="8:17" x14ac:dyDescent="0.25">
      <c r="H4416" s="43">
        <v>4409</v>
      </c>
      <c r="I4416" s="55">
        <f>Bühler!I4442</f>
        <v>0.31050815451045943</v>
      </c>
      <c r="J4416" s="58">
        <f>Bühler!J4442</f>
        <v>24.357102664597736</v>
      </c>
      <c r="K4416" s="58">
        <f>Bühler!K4442</f>
        <v>2.033698498445109</v>
      </c>
      <c r="L4416" s="58">
        <f>Bühler!L4442</f>
        <v>1.0168492492225545</v>
      </c>
      <c r="M4416" s="57">
        <f>Bühler!M4442</f>
        <v>0</v>
      </c>
      <c r="N4416" s="55">
        <f>IF(Input!$K$13=1,J4416*Input!$J$13,0)+IF(Input!$K$14=1,K4416*Input!$J$14,0)+IF(Input!$K$15=1,L4416*Input!$J$15,0)+IF(Input!$K$16=1,M4416*Input!$J$16,0)</f>
        <v>2.9228523197517284</v>
      </c>
      <c r="O4416" s="58">
        <f>IF(Input!$K$13=2,J4416*Input!$J$13,0)+IF(Input!$K$14=2,K4416*Input!$J$14,0)+IF(Input!$K$15=2,L4416*Input!$J$15,0)+IF(Input!$K$16=2,M4416*Input!$J$16,0)</f>
        <v>0.2745492972900897</v>
      </c>
      <c r="P4416" s="58">
        <f>IF(Input!$K$13=3,J4416*Input!$J$13,0)+IF(Input!$K$14=3,K4416*Input!$J$14,0)+IF(Input!$K$15=3,L4416*Input!$J$15,0)+IF(Input!$K$16=3,M4416*Input!$J$16,0)</f>
        <v>0</v>
      </c>
      <c r="Q4416" s="71">
        <f>IF(Input!$K$13=4,J4416*Input!$J$13,0)+IF(Input!$K$14=4,K4416*Input!$J$14,0)+IF(Input!$K$15=4,L4416*Input!$J$15,0)+IF(Input!$K$16=4,M4416*Input!$J$16,0)</f>
        <v>0</v>
      </c>
    </row>
    <row r="4417" spans="8:17" x14ac:dyDescent="0.25">
      <c r="H4417" s="43">
        <v>4410</v>
      </c>
      <c r="I4417" s="55">
        <f>Bühler!I4443</f>
        <v>0.2498341473072663</v>
      </c>
      <c r="J4417" s="58">
        <f>Bühler!J4443</f>
        <v>7.1337161825956548</v>
      </c>
      <c r="K4417" s="58">
        <f>Bühler!K4443</f>
        <v>0.58105671384145985</v>
      </c>
      <c r="L4417" s="58">
        <f>Bühler!L4443</f>
        <v>0.29052835692072992</v>
      </c>
      <c r="M4417" s="57">
        <f>Bühler!M4443</f>
        <v>0</v>
      </c>
      <c r="N4417" s="55">
        <f>IF(Input!$K$13=1,J4417*Input!$J$13,0)+IF(Input!$K$14=1,K4417*Input!$J$14,0)+IF(Input!$K$15=1,L4417*Input!$J$15,0)+IF(Input!$K$16=1,M4417*Input!$J$16,0)</f>
        <v>0.85604594191147854</v>
      </c>
      <c r="O4417" s="58">
        <f>IF(Input!$K$13=2,J4417*Input!$J$13,0)+IF(Input!$K$14=2,K4417*Input!$J$14,0)+IF(Input!$K$15=2,L4417*Input!$J$15,0)+IF(Input!$K$16=2,M4417*Input!$J$16,0)</f>
        <v>7.8442656368597069E-2</v>
      </c>
      <c r="P4417" s="58">
        <f>IF(Input!$K$13=3,J4417*Input!$J$13,0)+IF(Input!$K$14=3,K4417*Input!$J$14,0)+IF(Input!$K$15=3,L4417*Input!$J$15,0)+IF(Input!$K$16=3,M4417*Input!$J$16,0)</f>
        <v>0</v>
      </c>
      <c r="Q4417" s="71">
        <f>IF(Input!$K$13=4,J4417*Input!$J$13,0)+IF(Input!$K$14=4,K4417*Input!$J$14,0)+IF(Input!$K$15=4,L4417*Input!$J$15,0)+IF(Input!$K$16=4,M4417*Input!$J$16,0)</f>
        <v>0</v>
      </c>
    </row>
    <row r="4418" spans="8:17" x14ac:dyDescent="0.25">
      <c r="H4418" s="43">
        <v>4411</v>
      </c>
      <c r="I4418" s="55">
        <f>Bühler!I4444</f>
        <v>8.9226481181166523E-2</v>
      </c>
      <c r="J4418" s="58">
        <f>Bühler!J4444</f>
        <v>6.8630616918555791</v>
      </c>
      <c r="K4418" s="58">
        <f>Bühler!K4444</f>
        <v>0.57287281646341104</v>
      </c>
      <c r="L4418" s="58">
        <f>Bühler!L4444</f>
        <v>0.28643640823170552</v>
      </c>
      <c r="M4418" s="57">
        <f>Bühler!M4444</f>
        <v>0</v>
      </c>
      <c r="N4418" s="55">
        <f>IF(Input!$K$13=1,J4418*Input!$J$13,0)+IF(Input!$K$14=1,K4418*Input!$J$14,0)+IF(Input!$K$15=1,L4418*Input!$J$15,0)+IF(Input!$K$16=1,M4418*Input!$J$16,0)</f>
        <v>0.82356740302266951</v>
      </c>
      <c r="O4418" s="58">
        <f>IF(Input!$K$13=2,J4418*Input!$J$13,0)+IF(Input!$K$14=2,K4418*Input!$J$14,0)+IF(Input!$K$15=2,L4418*Input!$J$15,0)+IF(Input!$K$16=2,M4418*Input!$J$16,0)</f>
        <v>7.7337830222560494E-2</v>
      </c>
      <c r="P4418" s="58">
        <f>IF(Input!$K$13=3,J4418*Input!$J$13,0)+IF(Input!$K$14=3,K4418*Input!$J$14,0)+IF(Input!$K$15=3,L4418*Input!$J$15,0)+IF(Input!$K$16=3,M4418*Input!$J$16,0)</f>
        <v>0</v>
      </c>
      <c r="Q4418" s="71">
        <f>IF(Input!$K$13=4,J4418*Input!$J$13,0)+IF(Input!$K$14=4,K4418*Input!$J$14,0)+IF(Input!$K$15=4,L4418*Input!$J$15,0)+IF(Input!$K$16=4,M4418*Input!$J$16,0)</f>
        <v>0</v>
      </c>
    </row>
    <row r="4419" spans="8:17" x14ac:dyDescent="0.25">
      <c r="H4419" s="43">
        <v>4412</v>
      </c>
      <c r="I4419" s="55">
        <f>Bühler!I4445</f>
        <v>8.9226481181166523E-2</v>
      </c>
      <c r="J4419" s="58">
        <f>Bühler!J4445</f>
        <v>6.8630616918555791</v>
      </c>
      <c r="K4419" s="58">
        <f>Bühler!K4445</f>
        <v>0.57287281646341104</v>
      </c>
      <c r="L4419" s="58">
        <f>Bühler!L4445</f>
        <v>0.28643640823170552</v>
      </c>
      <c r="M4419" s="57">
        <f>Bühler!M4445</f>
        <v>0</v>
      </c>
      <c r="N4419" s="55">
        <f>IF(Input!$K$13=1,J4419*Input!$J$13,0)+IF(Input!$K$14=1,K4419*Input!$J$14,0)+IF(Input!$K$15=1,L4419*Input!$J$15,0)+IF(Input!$K$16=1,M4419*Input!$J$16,0)</f>
        <v>0.82356740302266951</v>
      </c>
      <c r="O4419" s="58">
        <f>IF(Input!$K$13=2,J4419*Input!$J$13,0)+IF(Input!$K$14=2,K4419*Input!$J$14,0)+IF(Input!$K$15=2,L4419*Input!$J$15,0)+IF(Input!$K$16=2,M4419*Input!$J$16,0)</f>
        <v>7.7337830222560494E-2</v>
      </c>
      <c r="P4419" s="58">
        <f>IF(Input!$K$13=3,J4419*Input!$J$13,0)+IF(Input!$K$14=3,K4419*Input!$J$14,0)+IF(Input!$K$15=3,L4419*Input!$J$15,0)+IF(Input!$K$16=3,M4419*Input!$J$16,0)</f>
        <v>0</v>
      </c>
      <c r="Q4419" s="71">
        <f>IF(Input!$K$13=4,J4419*Input!$J$13,0)+IF(Input!$K$14=4,K4419*Input!$J$14,0)+IF(Input!$K$15=4,L4419*Input!$J$15,0)+IF(Input!$K$16=4,M4419*Input!$J$16,0)</f>
        <v>0</v>
      </c>
    </row>
    <row r="4420" spans="8:17" x14ac:dyDescent="0.25">
      <c r="H4420" s="43">
        <v>4413</v>
      </c>
      <c r="I4420" s="55">
        <f>Bühler!I4446</f>
        <v>8.9226481181166523E-2</v>
      </c>
      <c r="J4420" s="58">
        <f>Bühler!J4446</f>
        <v>6.8630616918555791</v>
      </c>
      <c r="K4420" s="58">
        <f>Bühler!K4446</f>
        <v>0.57287281646341104</v>
      </c>
      <c r="L4420" s="58">
        <f>Bühler!L4446</f>
        <v>0.28643640823170552</v>
      </c>
      <c r="M4420" s="57">
        <f>Bühler!M4446</f>
        <v>0</v>
      </c>
      <c r="N4420" s="55">
        <f>IF(Input!$K$13=1,J4420*Input!$J$13,0)+IF(Input!$K$14=1,K4420*Input!$J$14,0)+IF(Input!$K$15=1,L4420*Input!$J$15,0)+IF(Input!$K$16=1,M4420*Input!$J$16,0)</f>
        <v>0.82356740302266951</v>
      </c>
      <c r="O4420" s="58">
        <f>IF(Input!$K$13=2,J4420*Input!$J$13,0)+IF(Input!$K$14=2,K4420*Input!$J$14,0)+IF(Input!$K$15=2,L4420*Input!$J$15,0)+IF(Input!$K$16=2,M4420*Input!$J$16,0)</f>
        <v>7.7337830222560494E-2</v>
      </c>
      <c r="P4420" s="58">
        <f>IF(Input!$K$13=3,J4420*Input!$J$13,0)+IF(Input!$K$14=3,K4420*Input!$J$14,0)+IF(Input!$K$15=3,L4420*Input!$J$15,0)+IF(Input!$K$16=3,M4420*Input!$J$16,0)</f>
        <v>0</v>
      </c>
      <c r="Q4420" s="71">
        <f>IF(Input!$K$13=4,J4420*Input!$J$13,0)+IF(Input!$K$14=4,K4420*Input!$J$14,0)+IF(Input!$K$15=4,L4420*Input!$J$15,0)+IF(Input!$K$16=4,M4420*Input!$J$16,0)</f>
        <v>0</v>
      </c>
    </row>
    <row r="4421" spans="8:17" x14ac:dyDescent="0.25">
      <c r="H4421" s="43">
        <v>4414</v>
      </c>
      <c r="I4421" s="55">
        <f>Bühler!I4447</f>
        <v>8.9226481181166523E-2</v>
      </c>
      <c r="J4421" s="58">
        <f>Bühler!J4447</f>
        <v>6.8630616918555791</v>
      </c>
      <c r="K4421" s="58">
        <f>Bühler!K4447</f>
        <v>0.57287281646341104</v>
      </c>
      <c r="L4421" s="58">
        <f>Bühler!L4447</f>
        <v>0.28643640823170552</v>
      </c>
      <c r="M4421" s="57">
        <f>Bühler!M4447</f>
        <v>0</v>
      </c>
      <c r="N4421" s="55">
        <f>IF(Input!$K$13=1,J4421*Input!$J$13,0)+IF(Input!$K$14=1,K4421*Input!$J$14,0)+IF(Input!$K$15=1,L4421*Input!$J$15,0)+IF(Input!$K$16=1,M4421*Input!$J$16,0)</f>
        <v>0.82356740302266951</v>
      </c>
      <c r="O4421" s="58">
        <f>IF(Input!$K$13=2,J4421*Input!$J$13,0)+IF(Input!$K$14=2,K4421*Input!$J$14,0)+IF(Input!$K$15=2,L4421*Input!$J$15,0)+IF(Input!$K$16=2,M4421*Input!$J$16,0)</f>
        <v>7.7337830222560494E-2</v>
      </c>
      <c r="P4421" s="58">
        <f>IF(Input!$K$13=3,J4421*Input!$J$13,0)+IF(Input!$K$14=3,K4421*Input!$J$14,0)+IF(Input!$K$15=3,L4421*Input!$J$15,0)+IF(Input!$K$16=3,M4421*Input!$J$16,0)</f>
        <v>0</v>
      </c>
      <c r="Q4421" s="71">
        <f>IF(Input!$K$13=4,J4421*Input!$J$13,0)+IF(Input!$K$14=4,K4421*Input!$J$14,0)+IF(Input!$K$15=4,L4421*Input!$J$15,0)+IF(Input!$K$16=4,M4421*Input!$J$16,0)</f>
        <v>0</v>
      </c>
    </row>
    <row r="4422" spans="8:17" x14ac:dyDescent="0.25">
      <c r="H4422" s="43">
        <v>4415</v>
      </c>
      <c r="I4422" s="55">
        <f>Bühler!I4448</f>
        <v>8.9226481181166523E-2</v>
      </c>
      <c r="J4422" s="58">
        <f>Bühler!J4448</f>
        <v>6.8630616918555791</v>
      </c>
      <c r="K4422" s="58">
        <f>Bühler!K4448</f>
        <v>0.57287281646341104</v>
      </c>
      <c r="L4422" s="58">
        <f>Bühler!L4448</f>
        <v>0.28643640823170552</v>
      </c>
      <c r="M4422" s="57">
        <f>Bühler!M4448</f>
        <v>0</v>
      </c>
      <c r="N4422" s="55">
        <f>IF(Input!$K$13=1,J4422*Input!$J$13,0)+IF(Input!$K$14=1,K4422*Input!$J$14,0)+IF(Input!$K$15=1,L4422*Input!$J$15,0)+IF(Input!$K$16=1,M4422*Input!$J$16,0)</f>
        <v>0.82356740302266951</v>
      </c>
      <c r="O4422" s="58">
        <f>IF(Input!$K$13=2,J4422*Input!$J$13,0)+IF(Input!$K$14=2,K4422*Input!$J$14,0)+IF(Input!$K$15=2,L4422*Input!$J$15,0)+IF(Input!$K$16=2,M4422*Input!$J$16,0)</f>
        <v>7.7337830222560494E-2</v>
      </c>
      <c r="P4422" s="58">
        <f>IF(Input!$K$13=3,J4422*Input!$J$13,0)+IF(Input!$K$14=3,K4422*Input!$J$14,0)+IF(Input!$K$15=3,L4422*Input!$J$15,0)+IF(Input!$K$16=3,M4422*Input!$J$16,0)</f>
        <v>0</v>
      </c>
      <c r="Q4422" s="71">
        <f>IF(Input!$K$13=4,J4422*Input!$J$13,0)+IF(Input!$K$14=4,K4422*Input!$J$14,0)+IF(Input!$K$15=4,L4422*Input!$J$15,0)+IF(Input!$K$16=4,M4422*Input!$J$16,0)</f>
        <v>0</v>
      </c>
    </row>
    <row r="4423" spans="8:17" x14ac:dyDescent="0.25">
      <c r="H4423" s="43">
        <v>4416</v>
      </c>
      <c r="I4423" s="55">
        <f>Bühler!I4449</f>
        <v>8.9226481181166523E-2</v>
      </c>
      <c r="J4423" s="58">
        <f>Bühler!J4449</f>
        <v>6.8630616918555791</v>
      </c>
      <c r="K4423" s="58">
        <f>Bühler!K4449</f>
        <v>0.57287281646341104</v>
      </c>
      <c r="L4423" s="58">
        <f>Bühler!L4449</f>
        <v>0.28643640823170552</v>
      </c>
      <c r="M4423" s="57">
        <f>Bühler!M4449</f>
        <v>0</v>
      </c>
      <c r="N4423" s="55">
        <f>IF(Input!$K$13=1,J4423*Input!$J$13,0)+IF(Input!$K$14=1,K4423*Input!$J$14,0)+IF(Input!$K$15=1,L4423*Input!$J$15,0)+IF(Input!$K$16=1,M4423*Input!$J$16,0)</f>
        <v>0.82356740302266951</v>
      </c>
      <c r="O4423" s="58">
        <f>IF(Input!$K$13=2,J4423*Input!$J$13,0)+IF(Input!$K$14=2,K4423*Input!$J$14,0)+IF(Input!$K$15=2,L4423*Input!$J$15,0)+IF(Input!$K$16=2,M4423*Input!$J$16,0)</f>
        <v>7.7337830222560494E-2</v>
      </c>
      <c r="P4423" s="58">
        <f>IF(Input!$K$13=3,J4423*Input!$J$13,0)+IF(Input!$K$14=3,K4423*Input!$J$14,0)+IF(Input!$K$15=3,L4423*Input!$J$15,0)+IF(Input!$K$16=3,M4423*Input!$J$16,0)</f>
        <v>0</v>
      </c>
      <c r="Q4423" s="71">
        <f>IF(Input!$K$13=4,J4423*Input!$J$13,0)+IF(Input!$K$14=4,K4423*Input!$J$14,0)+IF(Input!$K$15=4,L4423*Input!$J$15,0)+IF(Input!$K$16=4,M4423*Input!$J$16,0)</f>
        <v>0</v>
      </c>
    </row>
    <row r="4424" spans="8:17" x14ac:dyDescent="0.25">
      <c r="H4424" s="43">
        <v>4417</v>
      </c>
      <c r="I4424" s="55">
        <f>Bühler!I4450</f>
        <v>0</v>
      </c>
      <c r="J4424" s="58">
        <f>Bühler!J4450</f>
        <v>4.1491765709727124</v>
      </c>
      <c r="K4424" s="58">
        <f>Bühler!K4450</f>
        <v>0.35856309747289056</v>
      </c>
      <c r="L4424" s="58">
        <f>Bühler!L4450</f>
        <v>0.17928154873644528</v>
      </c>
      <c r="M4424" s="57">
        <f>Bühler!M4450</f>
        <v>0</v>
      </c>
      <c r="N4424" s="55">
        <f>IF(Input!$K$13=1,J4424*Input!$J$13,0)+IF(Input!$K$14=1,K4424*Input!$J$14,0)+IF(Input!$K$15=1,L4424*Input!$J$15,0)+IF(Input!$K$16=1,M4424*Input!$J$16,0)</f>
        <v>0.49790118851672549</v>
      </c>
      <c r="O4424" s="58">
        <f>IF(Input!$K$13=2,J4424*Input!$J$13,0)+IF(Input!$K$14=2,K4424*Input!$J$14,0)+IF(Input!$K$15=2,L4424*Input!$J$15,0)+IF(Input!$K$16=2,M4424*Input!$J$16,0)</f>
        <v>4.8406018158840221E-2</v>
      </c>
      <c r="P4424" s="58">
        <f>IF(Input!$K$13=3,J4424*Input!$J$13,0)+IF(Input!$K$14=3,K4424*Input!$J$14,0)+IF(Input!$K$15=3,L4424*Input!$J$15,0)+IF(Input!$K$16=3,M4424*Input!$J$16,0)</f>
        <v>0</v>
      </c>
      <c r="Q4424" s="71">
        <f>IF(Input!$K$13=4,J4424*Input!$J$13,0)+IF(Input!$K$14=4,K4424*Input!$J$14,0)+IF(Input!$K$15=4,L4424*Input!$J$15,0)+IF(Input!$K$16=4,M4424*Input!$J$16,0)</f>
        <v>0</v>
      </c>
    </row>
    <row r="4425" spans="8:17" x14ac:dyDescent="0.25">
      <c r="H4425" s="43">
        <v>4418</v>
      </c>
      <c r="I4425" s="55">
        <f>Bühler!I4451</f>
        <v>0</v>
      </c>
      <c r="J4425" s="58">
        <f>Bühler!J4451</f>
        <v>6.3225547748155631</v>
      </c>
      <c r="K4425" s="58">
        <f>Bühler!K4451</f>
        <v>0.54638186281583334</v>
      </c>
      <c r="L4425" s="58">
        <f>Bühler!L4451</f>
        <v>0.27319093140791667</v>
      </c>
      <c r="M4425" s="57">
        <f>Bühler!M4451</f>
        <v>0</v>
      </c>
      <c r="N4425" s="55">
        <f>IF(Input!$K$13=1,J4425*Input!$J$13,0)+IF(Input!$K$14=1,K4425*Input!$J$14,0)+IF(Input!$K$15=1,L4425*Input!$J$15,0)+IF(Input!$K$16=1,M4425*Input!$J$16,0)</f>
        <v>0.75870657297786759</v>
      </c>
      <c r="O4425" s="58">
        <f>IF(Input!$K$13=2,J4425*Input!$J$13,0)+IF(Input!$K$14=2,K4425*Input!$J$14,0)+IF(Input!$K$15=2,L4425*Input!$J$15,0)+IF(Input!$K$16=2,M4425*Input!$J$16,0)</f>
        <v>7.3761551480137494E-2</v>
      </c>
      <c r="P4425" s="58">
        <f>IF(Input!$K$13=3,J4425*Input!$J$13,0)+IF(Input!$K$14=3,K4425*Input!$J$14,0)+IF(Input!$K$15=3,L4425*Input!$J$15,0)+IF(Input!$K$16=3,M4425*Input!$J$16,0)</f>
        <v>0</v>
      </c>
      <c r="Q4425" s="71">
        <f>IF(Input!$K$13=4,J4425*Input!$J$13,0)+IF(Input!$K$14=4,K4425*Input!$J$14,0)+IF(Input!$K$15=4,L4425*Input!$J$15,0)+IF(Input!$K$16=4,M4425*Input!$J$16,0)</f>
        <v>0</v>
      </c>
    </row>
    <row r="4426" spans="8:17" x14ac:dyDescent="0.25">
      <c r="H4426" s="43">
        <v>4419</v>
      </c>
      <c r="I4426" s="55">
        <f>Bühler!I4452</f>
        <v>0</v>
      </c>
      <c r="J4426" s="58">
        <f>Bühler!J4452</f>
        <v>6.3225547748155631</v>
      </c>
      <c r="K4426" s="58">
        <f>Bühler!K4452</f>
        <v>0.54638186281583334</v>
      </c>
      <c r="L4426" s="58">
        <f>Bühler!L4452</f>
        <v>0.27319093140791667</v>
      </c>
      <c r="M4426" s="57">
        <f>Bühler!M4452</f>
        <v>0</v>
      </c>
      <c r="N4426" s="55">
        <f>IF(Input!$K$13=1,J4426*Input!$J$13,0)+IF(Input!$K$14=1,K4426*Input!$J$14,0)+IF(Input!$K$15=1,L4426*Input!$J$15,0)+IF(Input!$K$16=1,M4426*Input!$J$16,0)</f>
        <v>0.75870657297786759</v>
      </c>
      <c r="O4426" s="58">
        <f>IF(Input!$K$13=2,J4426*Input!$J$13,0)+IF(Input!$K$14=2,K4426*Input!$J$14,0)+IF(Input!$K$15=2,L4426*Input!$J$15,0)+IF(Input!$K$16=2,M4426*Input!$J$16,0)</f>
        <v>7.3761551480137494E-2</v>
      </c>
      <c r="P4426" s="58">
        <f>IF(Input!$K$13=3,J4426*Input!$J$13,0)+IF(Input!$K$14=3,K4426*Input!$J$14,0)+IF(Input!$K$15=3,L4426*Input!$J$15,0)+IF(Input!$K$16=3,M4426*Input!$J$16,0)</f>
        <v>0</v>
      </c>
      <c r="Q4426" s="71">
        <f>IF(Input!$K$13=4,J4426*Input!$J$13,0)+IF(Input!$K$14=4,K4426*Input!$J$14,0)+IF(Input!$K$15=4,L4426*Input!$J$15,0)+IF(Input!$K$16=4,M4426*Input!$J$16,0)</f>
        <v>0</v>
      </c>
    </row>
    <row r="4427" spans="8:17" x14ac:dyDescent="0.25">
      <c r="H4427" s="43">
        <v>4420</v>
      </c>
      <c r="I4427" s="55">
        <f>Bühler!I4453</f>
        <v>0</v>
      </c>
      <c r="J4427" s="58">
        <f>Bühler!J4453</f>
        <v>6.3225547748155631</v>
      </c>
      <c r="K4427" s="58">
        <f>Bühler!K4453</f>
        <v>0.54638186281583334</v>
      </c>
      <c r="L4427" s="58">
        <f>Bühler!L4453</f>
        <v>0.27319093140791667</v>
      </c>
      <c r="M4427" s="57">
        <f>Bühler!M4453</f>
        <v>0</v>
      </c>
      <c r="N4427" s="55">
        <f>IF(Input!$K$13=1,J4427*Input!$J$13,0)+IF(Input!$K$14=1,K4427*Input!$J$14,0)+IF(Input!$K$15=1,L4427*Input!$J$15,0)+IF(Input!$K$16=1,M4427*Input!$J$16,0)</f>
        <v>0.75870657297786759</v>
      </c>
      <c r="O4427" s="58">
        <f>IF(Input!$K$13=2,J4427*Input!$J$13,0)+IF(Input!$K$14=2,K4427*Input!$J$14,0)+IF(Input!$K$15=2,L4427*Input!$J$15,0)+IF(Input!$K$16=2,M4427*Input!$J$16,0)</f>
        <v>7.3761551480137494E-2</v>
      </c>
      <c r="P4427" s="58">
        <f>IF(Input!$K$13=3,J4427*Input!$J$13,0)+IF(Input!$K$14=3,K4427*Input!$J$14,0)+IF(Input!$K$15=3,L4427*Input!$J$15,0)+IF(Input!$K$16=3,M4427*Input!$J$16,0)</f>
        <v>0</v>
      </c>
      <c r="Q4427" s="71">
        <f>IF(Input!$K$13=4,J4427*Input!$J$13,0)+IF(Input!$K$14=4,K4427*Input!$J$14,0)+IF(Input!$K$15=4,L4427*Input!$J$15,0)+IF(Input!$K$16=4,M4427*Input!$J$16,0)</f>
        <v>0</v>
      </c>
    </row>
    <row r="4428" spans="8:17" x14ac:dyDescent="0.25">
      <c r="H4428" s="43">
        <v>4421</v>
      </c>
      <c r="I4428" s="55">
        <f>Bühler!I4454</f>
        <v>0</v>
      </c>
      <c r="J4428" s="58">
        <f>Bühler!J4454</f>
        <v>6.3225547748155631</v>
      </c>
      <c r="K4428" s="58">
        <f>Bühler!K4454</f>
        <v>0.54638186281583334</v>
      </c>
      <c r="L4428" s="58">
        <f>Bühler!L4454</f>
        <v>0.27319093140791667</v>
      </c>
      <c r="M4428" s="57">
        <f>Bühler!M4454</f>
        <v>0</v>
      </c>
      <c r="N4428" s="55">
        <f>IF(Input!$K$13=1,J4428*Input!$J$13,0)+IF(Input!$K$14=1,K4428*Input!$J$14,0)+IF(Input!$K$15=1,L4428*Input!$J$15,0)+IF(Input!$K$16=1,M4428*Input!$J$16,0)</f>
        <v>0.75870657297786759</v>
      </c>
      <c r="O4428" s="58">
        <f>IF(Input!$K$13=2,J4428*Input!$J$13,0)+IF(Input!$K$14=2,K4428*Input!$J$14,0)+IF(Input!$K$15=2,L4428*Input!$J$15,0)+IF(Input!$K$16=2,M4428*Input!$J$16,0)</f>
        <v>7.3761551480137494E-2</v>
      </c>
      <c r="P4428" s="58">
        <f>IF(Input!$K$13=3,J4428*Input!$J$13,0)+IF(Input!$K$14=3,K4428*Input!$J$14,0)+IF(Input!$K$15=3,L4428*Input!$J$15,0)+IF(Input!$K$16=3,M4428*Input!$J$16,0)</f>
        <v>0</v>
      </c>
      <c r="Q4428" s="71">
        <f>IF(Input!$K$13=4,J4428*Input!$J$13,0)+IF(Input!$K$14=4,K4428*Input!$J$14,0)+IF(Input!$K$15=4,L4428*Input!$J$15,0)+IF(Input!$K$16=4,M4428*Input!$J$16,0)</f>
        <v>0</v>
      </c>
    </row>
    <row r="4429" spans="8:17" x14ac:dyDescent="0.25">
      <c r="H4429" s="43">
        <v>4422</v>
      </c>
      <c r="I4429" s="55">
        <f>Bühler!I4455</f>
        <v>0</v>
      </c>
      <c r="J4429" s="58">
        <f>Bühler!J4455</f>
        <v>6.3225547748155631</v>
      </c>
      <c r="K4429" s="58">
        <f>Bühler!K4455</f>
        <v>0.54638186281583334</v>
      </c>
      <c r="L4429" s="58">
        <f>Bühler!L4455</f>
        <v>0.27319093140791667</v>
      </c>
      <c r="M4429" s="57">
        <f>Bühler!M4455</f>
        <v>0</v>
      </c>
      <c r="N4429" s="55">
        <f>IF(Input!$K$13=1,J4429*Input!$J$13,0)+IF(Input!$K$14=1,K4429*Input!$J$14,0)+IF(Input!$K$15=1,L4429*Input!$J$15,0)+IF(Input!$K$16=1,M4429*Input!$J$16,0)</f>
        <v>0.75870657297786759</v>
      </c>
      <c r="O4429" s="58">
        <f>IF(Input!$K$13=2,J4429*Input!$J$13,0)+IF(Input!$K$14=2,K4429*Input!$J$14,0)+IF(Input!$K$15=2,L4429*Input!$J$15,0)+IF(Input!$K$16=2,M4429*Input!$J$16,0)</f>
        <v>7.3761551480137494E-2</v>
      </c>
      <c r="P4429" s="58">
        <f>IF(Input!$K$13=3,J4429*Input!$J$13,0)+IF(Input!$K$14=3,K4429*Input!$J$14,0)+IF(Input!$K$15=3,L4429*Input!$J$15,0)+IF(Input!$K$16=3,M4429*Input!$J$16,0)</f>
        <v>0</v>
      </c>
      <c r="Q4429" s="71">
        <f>IF(Input!$K$13=4,J4429*Input!$J$13,0)+IF(Input!$K$14=4,K4429*Input!$J$14,0)+IF(Input!$K$15=4,L4429*Input!$J$15,0)+IF(Input!$K$16=4,M4429*Input!$J$16,0)</f>
        <v>0</v>
      </c>
    </row>
    <row r="4430" spans="8:17" x14ac:dyDescent="0.25">
      <c r="H4430" s="43">
        <v>4423</v>
      </c>
      <c r="I4430" s="55">
        <f>Bühler!I4456</f>
        <v>0</v>
      </c>
      <c r="J4430" s="58">
        <f>Bühler!J4456</f>
        <v>6.3225547748155631</v>
      </c>
      <c r="K4430" s="58">
        <f>Bühler!K4456</f>
        <v>0.54638186281583334</v>
      </c>
      <c r="L4430" s="58">
        <f>Bühler!L4456</f>
        <v>0.27319093140791667</v>
      </c>
      <c r="M4430" s="57">
        <f>Bühler!M4456</f>
        <v>0</v>
      </c>
      <c r="N4430" s="55">
        <f>IF(Input!$K$13=1,J4430*Input!$J$13,0)+IF(Input!$K$14=1,K4430*Input!$J$14,0)+IF(Input!$K$15=1,L4430*Input!$J$15,0)+IF(Input!$K$16=1,M4430*Input!$J$16,0)</f>
        <v>0.75870657297786759</v>
      </c>
      <c r="O4430" s="58">
        <f>IF(Input!$K$13=2,J4430*Input!$J$13,0)+IF(Input!$K$14=2,K4430*Input!$J$14,0)+IF(Input!$K$15=2,L4430*Input!$J$15,0)+IF(Input!$K$16=2,M4430*Input!$J$16,0)</f>
        <v>7.3761551480137494E-2</v>
      </c>
      <c r="P4430" s="58">
        <f>IF(Input!$K$13=3,J4430*Input!$J$13,0)+IF(Input!$K$14=3,K4430*Input!$J$14,0)+IF(Input!$K$15=3,L4430*Input!$J$15,0)+IF(Input!$K$16=3,M4430*Input!$J$16,0)</f>
        <v>0</v>
      </c>
      <c r="Q4430" s="71">
        <f>IF(Input!$K$13=4,J4430*Input!$J$13,0)+IF(Input!$K$14=4,K4430*Input!$J$14,0)+IF(Input!$K$15=4,L4430*Input!$J$15,0)+IF(Input!$K$16=4,M4430*Input!$J$16,0)</f>
        <v>0</v>
      </c>
    </row>
    <row r="4431" spans="8:17" x14ac:dyDescent="0.25">
      <c r="H4431" s="43">
        <v>4424</v>
      </c>
      <c r="I4431" s="55">
        <f>Bühler!I4457</f>
        <v>0</v>
      </c>
      <c r="J4431" s="58">
        <f>Bühler!J4457</f>
        <v>26.653519972581854</v>
      </c>
      <c r="K4431" s="58">
        <f>Bühler!K4457</f>
        <v>2.303341040432997</v>
      </c>
      <c r="L4431" s="58">
        <f>Bühler!L4457</f>
        <v>1.1516705202164985</v>
      </c>
      <c r="M4431" s="57">
        <f>Bühler!M4457</f>
        <v>0</v>
      </c>
      <c r="N4431" s="55">
        <f>IF(Input!$K$13=1,J4431*Input!$J$13,0)+IF(Input!$K$14=1,K4431*Input!$J$14,0)+IF(Input!$K$15=1,L4431*Input!$J$15,0)+IF(Input!$K$16=1,M4431*Input!$J$16,0)</f>
        <v>3.1984223967098222</v>
      </c>
      <c r="O4431" s="58">
        <f>IF(Input!$K$13=2,J4431*Input!$J$13,0)+IF(Input!$K$14=2,K4431*Input!$J$14,0)+IF(Input!$K$15=2,L4431*Input!$J$15,0)+IF(Input!$K$16=2,M4431*Input!$J$16,0)</f>
        <v>0.31095104045845456</v>
      </c>
      <c r="P4431" s="58">
        <f>IF(Input!$K$13=3,J4431*Input!$J$13,0)+IF(Input!$K$14=3,K4431*Input!$J$14,0)+IF(Input!$K$15=3,L4431*Input!$J$15,0)+IF(Input!$K$16=3,M4431*Input!$J$16,0)</f>
        <v>0</v>
      </c>
      <c r="Q4431" s="71">
        <f>IF(Input!$K$13=4,J4431*Input!$J$13,0)+IF(Input!$K$14=4,K4431*Input!$J$14,0)+IF(Input!$K$15=4,L4431*Input!$J$15,0)+IF(Input!$K$16=4,M4431*Input!$J$16,0)</f>
        <v>0</v>
      </c>
    </row>
    <row r="4432" spans="8:17" x14ac:dyDescent="0.25">
      <c r="H4432" s="43">
        <v>4425</v>
      </c>
      <c r="I4432" s="55">
        <f>Bühler!I4458</f>
        <v>0</v>
      </c>
      <c r="J4432" s="58">
        <f>Bühler!J4458</f>
        <v>29.7397170220387</v>
      </c>
      <c r="K4432" s="58">
        <f>Bühler!K4458</f>
        <v>2.5700436872199757</v>
      </c>
      <c r="L4432" s="58">
        <f>Bühler!L4458</f>
        <v>1.2850218436099878</v>
      </c>
      <c r="M4432" s="57">
        <f>Bühler!M4458</f>
        <v>0</v>
      </c>
      <c r="N4432" s="55">
        <f>IF(Input!$K$13=1,J4432*Input!$J$13,0)+IF(Input!$K$14=1,K4432*Input!$J$14,0)+IF(Input!$K$15=1,L4432*Input!$J$15,0)+IF(Input!$K$16=1,M4432*Input!$J$16,0)</f>
        <v>3.5687660426446439</v>
      </c>
      <c r="O4432" s="58">
        <f>IF(Input!$K$13=2,J4432*Input!$J$13,0)+IF(Input!$K$14=2,K4432*Input!$J$14,0)+IF(Input!$K$15=2,L4432*Input!$J$15,0)+IF(Input!$K$16=2,M4432*Input!$J$16,0)</f>
        <v>0.34695589777469671</v>
      </c>
      <c r="P4432" s="58">
        <f>IF(Input!$K$13=3,J4432*Input!$J$13,0)+IF(Input!$K$14=3,K4432*Input!$J$14,0)+IF(Input!$K$15=3,L4432*Input!$J$15,0)+IF(Input!$K$16=3,M4432*Input!$J$16,0)</f>
        <v>0</v>
      </c>
      <c r="Q4432" s="71">
        <f>IF(Input!$K$13=4,J4432*Input!$J$13,0)+IF(Input!$K$14=4,K4432*Input!$J$14,0)+IF(Input!$K$15=4,L4432*Input!$J$15,0)+IF(Input!$K$16=4,M4432*Input!$J$16,0)</f>
        <v>0</v>
      </c>
    </row>
    <row r="4433" spans="8:17" x14ac:dyDescent="0.25">
      <c r="H4433" s="43">
        <v>4426</v>
      </c>
      <c r="I4433" s="55">
        <f>Bühler!I4459</f>
        <v>0</v>
      </c>
      <c r="J4433" s="58">
        <f>Bühler!J4459</f>
        <v>32.825914071495546</v>
      </c>
      <c r="K4433" s="58">
        <f>Bühler!K4459</f>
        <v>2.8367463340069548</v>
      </c>
      <c r="L4433" s="58">
        <f>Bühler!L4459</f>
        <v>1.4183731670034774</v>
      </c>
      <c r="M4433" s="57">
        <f>Bühler!M4459</f>
        <v>0</v>
      </c>
      <c r="N4433" s="55">
        <f>IF(Input!$K$13=1,J4433*Input!$J$13,0)+IF(Input!$K$14=1,K4433*Input!$J$14,0)+IF(Input!$K$15=1,L4433*Input!$J$15,0)+IF(Input!$K$16=1,M4433*Input!$J$16,0)</f>
        <v>3.9391096885794656</v>
      </c>
      <c r="O4433" s="58">
        <f>IF(Input!$K$13=2,J4433*Input!$J$13,0)+IF(Input!$K$14=2,K4433*Input!$J$14,0)+IF(Input!$K$15=2,L4433*Input!$J$15,0)+IF(Input!$K$16=2,M4433*Input!$J$16,0)</f>
        <v>0.38296075509093885</v>
      </c>
      <c r="P4433" s="58">
        <f>IF(Input!$K$13=3,J4433*Input!$J$13,0)+IF(Input!$K$14=3,K4433*Input!$J$14,0)+IF(Input!$K$15=3,L4433*Input!$J$15,0)+IF(Input!$K$16=3,M4433*Input!$J$16,0)</f>
        <v>0</v>
      </c>
      <c r="Q4433" s="71">
        <f>IF(Input!$K$13=4,J4433*Input!$J$13,0)+IF(Input!$K$14=4,K4433*Input!$J$14,0)+IF(Input!$K$15=4,L4433*Input!$J$15,0)+IF(Input!$K$16=4,M4433*Input!$J$16,0)</f>
        <v>0</v>
      </c>
    </row>
    <row r="4434" spans="8:17" x14ac:dyDescent="0.25">
      <c r="H4434" s="43">
        <v>4427</v>
      </c>
      <c r="I4434" s="55">
        <f>Bühler!I4460</f>
        <v>0</v>
      </c>
      <c r="J4434" s="58">
        <f>Bühler!J4460</f>
        <v>32.825914071495546</v>
      </c>
      <c r="K4434" s="58">
        <f>Bühler!K4460</f>
        <v>2.8367463340069548</v>
      </c>
      <c r="L4434" s="58">
        <f>Bühler!L4460</f>
        <v>1.4183731670034774</v>
      </c>
      <c r="M4434" s="57">
        <f>Bühler!M4460</f>
        <v>0</v>
      </c>
      <c r="N4434" s="55">
        <f>IF(Input!$K$13=1,J4434*Input!$J$13,0)+IF(Input!$K$14=1,K4434*Input!$J$14,0)+IF(Input!$K$15=1,L4434*Input!$J$15,0)+IF(Input!$K$16=1,M4434*Input!$J$16,0)</f>
        <v>3.9391096885794656</v>
      </c>
      <c r="O4434" s="58">
        <f>IF(Input!$K$13=2,J4434*Input!$J$13,0)+IF(Input!$K$14=2,K4434*Input!$J$14,0)+IF(Input!$K$15=2,L4434*Input!$J$15,0)+IF(Input!$K$16=2,M4434*Input!$J$16,0)</f>
        <v>0.38296075509093885</v>
      </c>
      <c r="P4434" s="58">
        <f>IF(Input!$K$13=3,J4434*Input!$J$13,0)+IF(Input!$K$14=3,K4434*Input!$J$14,0)+IF(Input!$K$15=3,L4434*Input!$J$15,0)+IF(Input!$K$16=3,M4434*Input!$J$16,0)</f>
        <v>0</v>
      </c>
      <c r="Q4434" s="71">
        <f>IF(Input!$K$13=4,J4434*Input!$J$13,0)+IF(Input!$K$14=4,K4434*Input!$J$14,0)+IF(Input!$K$15=4,L4434*Input!$J$15,0)+IF(Input!$K$16=4,M4434*Input!$J$16,0)</f>
        <v>0</v>
      </c>
    </row>
    <row r="4435" spans="8:17" x14ac:dyDescent="0.25">
      <c r="H4435" s="43">
        <v>4428</v>
      </c>
      <c r="I4435" s="55">
        <f>Bühler!I4461</f>
        <v>0</v>
      </c>
      <c r="J4435" s="58">
        <f>Bühler!J4461</f>
        <v>39.278871538541679</v>
      </c>
      <c r="K4435" s="58">
        <f>Bühler!K4461</f>
        <v>3.3943973227433641</v>
      </c>
      <c r="L4435" s="58">
        <f>Bühler!L4461</f>
        <v>1.6971986613716821</v>
      </c>
      <c r="M4435" s="57">
        <f>Bühler!M4461</f>
        <v>0</v>
      </c>
      <c r="N4435" s="55">
        <f>IF(Input!$K$13=1,J4435*Input!$J$13,0)+IF(Input!$K$14=1,K4435*Input!$J$14,0)+IF(Input!$K$15=1,L4435*Input!$J$15,0)+IF(Input!$K$16=1,M4435*Input!$J$16,0)</f>
        <v>4.713464584625001</v>
      </c>
      <c r="O4435" s="58">
        <f>IF(Input!$K$13=2,J4435*Input!$J$13,0)+IF(Input!$K$14=2,K4435*Input!$J$14,0)+IF(Input!$K$15=2,L4435*Input!$J$15,0)+IF(Input!$K$16=2,M4435*Input!$J$16,0)</f>
        <v>0.45824363857035411</v>
      </c>
      <c r="P4435" s="58">
        <f>IF(Input!$K$13=3,J4435*Input!$J$13,0)+IF(Input!$K$14=3,K4435*Input!$J$14,0)+IF(Input!$K$15=3,L4435*Input!$J$15,0)+IF(Input!$K$16=3,M4435*Input!$J$16,0)</f>
        <v>0</v>
      </c>
      <c r="Q4435" s="71">
        <f>IF(Input!$K$13=4,J4435*Input!$J$13,0)+IF(Input!$K$14=4,K4435*Input!$J$14,0)+IF(Input!$K$15=4,L4435*Input!$J$15,0)+IF(Input!$K$16=4,M4435*Input!$J$16,0)</f>
        <v>0</v>
      </c>
    </row>
    <row r="4436" spans="8:17" x14ac:dyDescent="0.25">
      <c r="H4436" s="43">
        <v>4429</v>
      </c>
      <c r="I4436" s="55">
        <f>Bühler!I4462</f>
        <v>0</v>
      </c>
      <c r="J4436" s="58">
        <f>Bühler!J4462</f>
        <v>39.278871538541679</v>
      </c>
      <c r="K4436" s="58">
        <f>Bühler!K4462</f>
        <v>3.3943973227433641</v>
      </c>
      <c r="L4436" s="58">
        <f>Bühler!L4462</f>
        <v>1.6971986613716821</v>
      </c>
      <c r="M4436" s="57">
        <f>Bühler!M4462</f>
        <v>0</v>
      </c>
      <c r="N4436" s="55">
        <f>IF(Input!$K$13=1,J4436*Input!$J$13,0)+IF(Input!$K$14=1,K4436*Input!$J$14,0)+IF(Input!$K$15=1,L4436*Input!$J$15,0)+IF(Input!$K$16=1,M4436*Input!$J$16,0)</f>
        <v>4.713464584625001</v>
      </c>
      <c r="O4436" s="58">
        <f>IF(Input!$K$13=2,J4436*Input!$J$13,0)+IF(Input!$K$14=2,K4436*Input!$J$14,0)+IF(Input!$K$15=2,L4436*Input!$J$15,0)+IF(Input!$K$16=2,M4436*Input!$J$16,0)</f>
        <v>0.45824363857035411</v>
      </c>
      <c r="P4436" s="58">
        <f>IF(Input!$K$13=3,J4436*Input!$J$13,0)+IF(Input!$K$14=3,K4436*Input!$J$14,0)+IF(Input!$K$15=3,L4436*Input!$J$15,0)+IF(Input!$K$16=3,M4436*Input!$J$16,0)</f>
        <v>0</v>
      </c>
      <c r="Q4436" s="71">
        <f>IF(Input!$K$13=4,J4436*Input!$J$13,0)+IF(Input!$K$14=4,K4436*Input!$J$14,0)+IF(Input!$K$15=4,L4436*Input!$J$15,0)+IF(Input!$K$16=4,M4436*Input!$J$16,0)</f>
        <v>0</v>
      </c>
    </row>
    <row r="4437" spans="8:17" x14ac:dyDescent="0.25">
      <c r="H4437" s="43">
        <v>4430</v>
      </c>
      <c r="I4437" s="55">
        <f>Bühler!I4463</f>
        <v>0</v>
      </c>
      <c r="J4437" s="58">
        <f>Bühler!J4463</f>
        <v>26.092393236316973</v>
      </c>
      <c r="K4437" s="58">
        <f>Bühler!K4463</f>
        <v>2.2548496501080919</v>
      </c>
      <c r="L4437" s="58">
        <f>Bühler!L4463</f>
        <v>1.127424825054046</v>
      </c>
      <c r="M4437" s="57">
        <f>Bühler!M4463</f>
        <v>0</v>
      </c>
      <c r="N4437" s="55">
        <f>IF(Input!$K$13=1,J4437*Input!$J$13,0)+IF(Input!$K$14=1,K4437*Input!$J$14,0)+IF(Input!$K$15=1,L4437*Input!$J$15,0)+IF(Input!$K$16=1,M4437*Input!$J$16,0)</f>
        <v>3.1310871883580367</v>
      </c>
      <c r="O4437" s="58">
        <f>IF(Input!$K$13=2,J4437*Input!$J$13,0)+IF(Input!$K$14=2,K4437*Input!$J$14,0)+IF(Input!$K$15=2,L4437*Input!$J$15,0)+IF(Input!$K$16=2,M4437*Input!$J$16,0)</f>
        <v>0.30440470276459242</v>
      </c>
      <c r="P4437" s="58">
        <f>IF(Input!$K$13=3,J4437*Input!$J$13,0)+IF(Input!$K$14=3,K4437*Input!$J$14,0)+IF(Input!$K$15=3,L4437*Input!$J$15,0)+IF(Input!$K$16=3,M4437*Input!$J$16,0)</f>
        <v>0</v>
      </c>
      <c r="Q4437" s="71">
        <f>IF(Input!$K$13=4,J4437*Input!$J$13,0)+IF(Input!$K$14=4,K4437*Input!$J$14,0)+IF(Input!$K$15=4,L4437*Input!$J$15,0)+IF(Input!$K$16=4,M4437*Input!$J$16,0)</f>
        <v>0</v>
      </c>
    </row>
    <row r="4438" spans="8:17" x14ac:dyDescent="0.25">
      <c r="H4438" s="43">
        <v>4431</v>
      </c>
      <c r="I4438" s="55">
        <f>Bühler!I4464</f>
        <v>0</v>
      </c>
      <c r="J4438" s="58">
        <f>Bühler!J4464</f>
        <v>39.278871538541679</v>
      </c>
      <c r="K4438" s="58">
        <f>Bühler!K4464</f>
        <v>3.3943973227433641</v>
      </c>
      <c r="L4438" s="58">
        <f>Bühler!L4464</f>
        <v>1.6971986613716821</v>
      </c>
      <c r="M4438" s="57">
        <f>Bühler!M4464</f>
        <v>0</v>
      </c>
      <c r="N4438" s="55">
        <f>IF(Input!$K$13=1,J4438*Input!$J$13,0)+IF(Input!$K$14=1,K4438*Input!$J$14,0)+IF(Input!$K$15=1,L4438*Input!$J$15,0)+IF(Input!$K$16=1,M4438*Input!$J$16,0)</f>
        <v>4.713464584625001</v>
      </c>
      <c r="O4438" s="58">
        <f>IF(Input!$K$13=2,J4438*Input!$J$13,0)+IF(Input!$K$14=2,K4438*Input!$J$14,0)+IF(Input!$K$15=2,L4438*Input!$J$15,0)+IF(Input!$K$16=2,M4438*Input!$J$16,0)</f>
        <v>0.45824363857035411</v>
      </c>
      <c r="P4438" s="58">
        <f>IF(Input!$K$13=3,J4438*Input!$J$13,0)+IF(Input!$K$14=3,K4438*Input!$J$14,0)+IF(Input!$K$15=3,L4438*Input!$J$15,0)+IF(Input!$K$16=3,M4438*Input!$J$16,0)</f>
        <v>0</v>
      </c>
      <c r="Q4438" s="71">
        <f>IF(Input!$K$13=4,J4438*Input!$J$13,0)+IF(Input!$K$14=4,K4438*Input!$J$14,0)+IF(Input!$K$15=4,L4438*Input!$J$15,0)+IF(Input!$K$16=4,M4438*Input!$J$16,0)</f>
        <v>0</v>
      </c>
    </row>
    <row r="4439" spans="8:17" x14ac:dyDescent="0.25">
      <c r="H4439" s="43">
        <v>4432</v>
      </c>
      <c r="I4439" s="55">
        <f>Bühler!I4465</f>
        <v>0</v>
      </c>
      <c r="J4439" s="58">
        <f>Bühler!J4465</f>
        <v>39.278871538541679</v>
      </c>
      <c r="K4439" s="58">
        <f>Bühler!K4465</f>
        <v>3.3943973227433641</v>
      </c>
      <c r="L4439" s="58">
        <f>Bühler!L4465</f>
        <v>1.6971986613716821</v>
      </c>
      <c r="M4439" s="57">
        <f>Bühler!M4465</f>
        <v>0</v>
      </c>
      <c r="N4439" s="55">
        <f>IF(Input!$K$13=1,J4439*Input!$J$13,0)+IF(Input!$K$14=1,K4439*Input!$J$14,0)+IF(Input!$K$15=1,L4439*Input!$J$15,0)+IF(Input!$K$16=1,M4439*Input!$J$16,0)</f>
        <v>4.713464584625001</v>
      </c>
      <c r="O4439" s="58">
        <f>IF(Input!$K$13=2,J4439*Input!$J$13,0)+IF(Input!$K$14=2,K4439*Input!$J$14,0)+IF(Input!$K$15=2,L4439*Input!$J$15,0)+IF(Input!$K$16=2,M4439*Input!$J$16,0)</f>
        <v>0.45824363857035411</v>
      </c>
      <c r="P4439" s="58">
        <f>IF(Input!$K$13=3,J4439*Input!$J$13,0)+IF(Input!$K$14=3,K4439*Input!$J$14,0)+IF(Input!$K$15=3,L4439*Input!$J$15,0)+IF(Input!$K$16=3,M4439*Input!$J$16,0)</f>
        <v>0</v>
      </c>
      <c r="Q4439" s="71">
        <f>IF(Input!$K$13=4,J4439*Input!$J$13,0)+IF(Input!$K$14=4,K4439*Input!$J$14,0)+IF(Input!$K$15=4,L4439*Input!$J$15,0)+IF(Input!$K$16=4,M4439*Input!$J$16,0)</f>
        <v>0</v>
      </c>
    </row>
    <row r="4440" spans="8:17" x14ac:dyDescent="0.25">
      <c r="H4440" s="43">
        <v>4433</v>
      </c>
      <c r="I4440" s="55">
        <f>Bühler!I4466</f>
        <v>0</v>
      </c>
      <c r="J4440" s="58">
        <f>Bühler!J4466</f>
        <v>23.146477870926347</v>
      </c>
      <c r="K4440" s="58">
        <f>Bühler!K4466</f>
        <v>2.00026985090234</v>
      </c>
      <c r="L4440" s="58">
        <f>Bühler!L4466</f>
        <v>1.00013492545117</v>
      </c>
      <c r="M4440" s="57">
        <f>Bühler!M4466</f>
        <v>0</v>
      </c>
      <c r="N4440" s="55">
        <f>IF(Input!$K$13=1,J4440*Input!$J$13,0)+IF(Input!$K$14=1,K4440*Input!$J$14,0)+IF(Input!$K$15=1,L4440*Input!$J$15,0)+IF(Input!$K$16=1,M4440*Input!$J$16,0)</f>
        <v>2.7775773445111613</v>
      </c>
      <c r="O4440" s="58">
        <f>IF(Input!$K$13=2,J4440*Input!$J$13,0)+IF(Input!$K$14=2,K4440*Input!$J$14,0)+IF(Input!$K$15=2,L4440*Input!$J$15,0)+IF(Input!$K$16=2,M4440*Input!$J$16,0)</f>
        <v>0.27003642987181586</v>
      </c>
      <c r="P4440" s="58">
        <f>IF(Input!$K$13=3,J4440*Input!$J$13,0)+IF(Input!$K$14=3,K4440*Input!$J$14,0)+IF(Input!$K$15=3,L4440*Input!$J$15,0)+IF(Input!$K$16=3,M4440*Input!$J$16,0)</f>
        <v>0</v>
      </c>
      <c r="Q4440" s="71">
        <f>IF(Input!$K$13=4,J4440*Input!$J$13,0)+IF(Input!$K$14=4,K4440*Input!$J$14,0)+IF(Input!$K$15=4,L4440*Input!$J$15,0)+IF(Input!$K$16=4,M4440*Input!$J$16,0)</f>
        <v>0</v>
      </c>
    </row>
    <row r="4441" spans="8:17" x14ac:dyDescent="0.25">
      <c r="H4441" s="43">
        <v>4434</v>
      </c>
      <c r="I4441" s="55">
        <f>Bühler!I4467</f>
        <v>0</v>
      </c>
      <c r="J4441" s="58">
        <f>Bühler!J4467</f>
        <v>9.8789918356493178</v>
      </c>
      <c r="K4441" s="58">
        <f>Bühler!K4467</f>
        <v>0.85372166064973953</v>
      </c>
      <c r="L4441" s="58">
        <f>Bühler!L4467</f>
        <v>0.42686083032486977</v>
      </c>
      <c r="M4441" s="57">
        <f>Bühler!M4467</f>
        <v>0</v>
      </c>
      <c r="N4441" s="55">
        <f>IF(Input!$K$13=1,J4441*Input!$J$13,0)+IF(Input!$K$14=1,K4441*Input!$J$14,0)+IF(Input!$K$15=1,L4441*Input!$J$15,0)+IF(Input!$K$16=1,M4441*Input!$J$16,0)</f>
        <v>1.1854790202779182</v>
      </c>
      <c r="O4441" s="58">
        <f>IF(Input!$K$13=2,J4441*Input!$J$13,0)+IF(Input!$K$14=2,K4441*Input!$J$14,0)+IF(Input!$K$15=2,L4441*Input!$J$15,0)+IF(Input!$K$16=2,M4441*Input!$J$16,0)</f>
        <v>0.11525242418771484</v>
      </c>
      <c r="P4441" s="58">
        <f>IF(Input!$K$13=3,J4441*Input!$J$13,0)+IF(Input!$K$14=3,K4441*Input!$J$14,0)+IF(Input!$K$15=3,L4441*Input!$J$15,0)+IF(Input!$K$16=3,M4441*Input!$J$16,0)</f>
        <v>0</v>
      </c>
      <c r="Q4441" s="71">
        <f>IF(Input!$K$13=4,J4441*Input!$J$13,0)+IF(Input!$K$14=4,K4441*Input!$J$14,0)+IF(Input!$K$15=4,L4441*Input!$J$15,0)+IF(Input!$K$16=4,M4441*Input!$J$16,0)</f>
        <v>0</v>
      </c>
    </row>
    <row r="4442" spans="8:17" x14ac:dyDescent="0.25">
      <c r="H4442" s="43">
        <v>4435</v>
      </c>
      <c r="I4442" s="55">
        <f>Bühler!I4468</f>
        <v>0</v>
      </c>
      <c r="J4442" s="58">
        <f>Bühler!J4468</f>
        <v>6.5201346115285492</v>
      </c>
      <c r="K4442" s="58">
        <f>Bühler!K4468</f>
        <v>0.56345629602882807</v>
      </c>
      <c r="L4442" s="58">
        <f>Bühler!L4468</f>
        <v>0.28172814801441404</v>
      </c>
      <c r="M4442" s="57">
        <f>Bühler!M4468</f>
        <v>0</v>
      </c>
      <c r="N4442" s="55">
        <f>IF(Input!$K$13=1,J4442*Input!$J$13,0)+IF(Input!$K$14=1,K4442*Input!$J$14,0)+IF(Input!$K$15=1,L4442*Input!$J$15,0)+IF(Input!$K$16=1,M4442*Input!$J$16,0)</f>
        <v>0.78241615338342585</v>
      </c>
      <c r="O4442" s="58">
        <f>IF(Input!$K$13=2,J4442*Input!$J$13,0)+IF(Input!$K$14=2,K4442*Input!$J$14,0)+IF(Input!$K$15=2,L4442*Input!$J$15,0)+IF(Input!$K$16=2,M4442*Input!$J$16,0)</f>
        <v>7.6066599963891784E-2</v>
      </c>
      <c r="P4442" s="58">
        <f>IF(Input!$K$13=3,J4442*Input!$J$13,0)+IF(Input!$K$14=3,K4442*Input!$J$14,0)+IF(Input!$K$15=3,L4442*Input!$J$15,0)+IF(Input!$K$16=3,M4442*Input!$J$16,0)</f>
        <v>0</v>
      </c>
      <c r="Q4442" s="71">
        <f>IF(Input!$K$13=4,J4442*Input!$J$13,0)+IF(Input!$K$14=4,K4442*Input!$J$14,0)+IF(Input!$K$15=4,L4442*Input!$J$15,0)+IF(Input!$K$16=4,M4442*Input!$J$16,0)</f>
        <v>0</v>
      </c>
    </row>
    <row r="4443" spans="8:17" x14ac:dyDescent="0.25">
      <c r="H4443" s="43">
        <v>4436</v>
      </c>
      <c r="I4443" s="55">
        <f>Bühler!I4469</f>
        <v>0</v>
      </c>
      <c r="J4443" s="58">
        <f>Bühler!J4469</f>
        <v>6.5201346115285492</v>
      </c>
      <c r="K4443" s="58">
        <f>Bühler!K4469</f>
        <v>0.56345629602882807</v>
      </c>
      <c r="L4443" s="58">
        <f>Bühler!L4469</f>
        <v>0.28172814801441404</v>
      </c>
      <c r="M4443" s="57">
        <f>Bühler!M4469</f>
        <v>0</v>
      </c>
      <c r="N4443" s="55">
        <f>IF(Input!$K$13=1,J4443*Input!$J$13,0)+IF(Input!$K$14=1,K4443*Input!$J$14,0)+IF(Input!$K$15=1,L4443*Input!$J$15,0)+IF(Input!$K$16=1,M4443*Input!$J$16,0)</f>
        <v>0.78241615338342585</v>
      </c>
      <c r="O4443" s="58">
        <f>IF(Input!$K$13=2,J4443*Input!$J$13,0)+IF(Input!$K$14=2,K4443*Input!$J$14,0)+IF(Input!$K$15=2,L4443*Input!$J$15,0)+IF(Input!$K$16=2,M4443*Input!$J$16,0)</f>
        <v>7.6066599963891784E-2</v>
      </c>
      <c r="P4443" s="58">
        <f>IF(Input!$K$13=3,J4443*Input!$J$13,0)+IF(Input!$K$14=3,K4443*Input!$J$14,0)+IF(Input!$K$15=3,L4443*Input!$J$15,0)+IF(Input!$K$16=3,M4443*Input!$J$16,0)</f>
        <v>0</v>
      </c>
      <c r="Q4443" s="71">
        <f>IF(Input!$K$13=4,J4443*Input!$J$13,0)+IF(Input!$K$14=4,K4443*Input!$J$14,0)+IF(Input!$K$15=4,L4443*Input!$J$15,0)+IF(Input!$K$16=4,M4443*Input!$J$16,0)</f>
        <v>0</v>
      </c>
    </row>
    <row r="4444" spans="8:17" x14ac:dyDescent="0.25">
      <c r="H4444" s="43">
        <v>4437</v>
      </c>
      <c r="I4444" s="55">
        <f>Bühler!I4470</f>
        <v>0</v>
      </c>
      <c r="J4444" s="58">
        <f>Bühler!J4470</f>
        <v>6.5201346115285492</v>
      </c>
      <c r="K4444" s="58">
        <f>Bühler!K4470</f>
        <v>0.56345629602882807</v>
      </c>
      <c r="L4444" s="58">
        <f>Bühler!L4470</f>
        <v>0.28172814801441404</v>
      </c>
      <c r="M4444" s="57">
        <f>Bühler!M4470</f>
        <v>0</v>
      </c>
      <c r="N4444" s="55">
        <f>IF(Input!$K$13=1,J4444*Input!$J$13,0)+IF(Input!$K$14=1,K4444*Input!$J$14,0)+IF(Input!$K$15=1,L4444*Input!$J$15,0)+IF(Input!$K$16=1,M4444*Input!$J$16,0)</f>
        <v>0.78241615338342585</v>
      </c>
      <c r="O4444" s="58">
        <f>IF(Input!$K$13=2,J4444*Input!$J$13,0)+IF(Input!$K$14=2,K4444*Input!$J$14,0)+IF(Input!$K$15=2,L4444*Input!$J$15,0)+IF(Input!$K$16=2,M4444*Input!$J$16,0)</f>
        <v>7.6066599963891784E-2</v>
      </c>
      <c r="P4444" s="58">
        <f>IF(Input!$K$13=3,J4444*Input!$J$13,0)+IF(Input!$K$14=3,K4444*Input!$J$14,0)+IF(Input!$K$15=3,L4444*Input!$J$15,0)+IF(Input!$K$16=3,M4444*Input!$J$16,0)</f>
        <v>0</v>
      </c>
      <c r="Q4444" s="71">
        <f>IF(Input!$K$13=4,J4444*Input!$J$13,0)+IF(Input!$K$14=4,K4444*Input!$J$14,0)+IF(Input!$K$15=4,L4444*Input!$J$15,0)+IF(Input!$K$16=4,M4444*Input!$J$16,0)</f>
        <v>0</v>
      </c>
    </row>
    <row r="4445" spans="8:17" x14ac:dyDescent="0.25">
      <c r="H4445" s="43">
        <v>4438</v>
      </c>
      <c r="I4445" s="55">
        <f>Bühler!I4471</f>
        <v>0</v>
      </c>
      <c r="J4445" s="58">
        <f>Bühler!J4471</f>
        <v>6.5201346115285492</v>
      </c>
      <c r="K4445" s="58">
        <f>Bühler!K4471</f>
        <v>0.56345629602882807</v>
      </c>
      <c r="L4445" s="58">
        <f>Bühler!L4471</f>
        <v>0.28172814801441404</v>
      </c>
      <c r="M4445" s="57">
        <f>Bühler!M4471</f>
        <v>0</v>
      </c>
      <c r="N4445" s="55">
        <f>IF(Input!$K$13=1,J4445*Input!$J$13,0)+IF(Input!$K$14=1,K4445*Input!$J$14,0)+IF(Input!$K$15=1,L4445*Input!$J$15,0)+IF(Input!$K$16=1,M4445*Input!$J$16,0)</f>
        <v>0.78241615338342585</v>
      </c>
      <c r="O4445" s="58">
        <f>IF(Input!$K$13=2,J4445*Input!$J$13,0)+IF(Input!$K$14=2,K4445*Input!$J$14,0)+IF(Input!$K$15=2,L4445*Input!$J$15,0)+IF(Input!$K$16=2,M4445*Input!$J$16,0)</f>
        <v>7.6066599963891784E-2</v>
      </c>
      <c r="P4445" s="58">
        <f>IF(Input!$K$13=3,J4445*Input!$J$13,0)+IF(Input!$K$14=3,K4445*Input!$J$14,0)+IF(Input!$K$15=3,L4445*Input!$J$15,0)+IF(Input!$K$16=3,M4445*Input!$J$16,0)</f>
        <v>0</v>
      </c>
      <c r="Q4445" s="71">
        <f>IF(Input!$K$13=4,J4445*Input!$J$13,0)+IF(Input!$K$14=4,K4445*Input!$J$14,0)+IF(Input!$K$15=4,L4445*Input!$J$15,0)+IF(Input!$K$16=4,M4445*Input!$J$16,0)</f>
        <v>0</v>
      </c>
    </row>
    <row r="4446" spans="8:17" x14ac:dyDescent="0.25">
      <c r="H4446" s="43">
        <v>4439</v>
      </c>
      <c r="I4446" s="55">
        <f>Bühler!I4472</f>
        <v>0</v>
      </c>
      <c r="J4446" s="58">
        <f>Bühler!J4472</f>
        <v>6.5201346115285492</v>
      </c>
      <c r="K4446" s="58">
        <f>Bühler!K4472</f>
        <v>0.56345629602882807</v>
      </c>
      <c r="L4446" s="58">
        <f>Bühler!L4472</f>
        <v>0.28172814801441404</v>
      </c>
      <c r="M4446" s="57">
        <f>Bühler!M4472</f>
        <v>0</v>
      </c>
      <c r="N4446" s="55">
        <f>IF(Input!$K$13=1,J4446*Input!$J$13,0)+IF(Input!$K$14=1,K4446*Input!$J$14,0)+IF(Input!$K$15=1,L4446*Input!$J$15,0)+IF(Input!$K$16=1,M4446*Input!$J$16,0)</f>
        <v>0.78241615338342585</v>
      </c>
      <c r="O4446" s="58">
        <f>IF(Input!$K$13=2,J4446*Input!$J$13,0)+IF(Input!$K$14=2,K4446*Input!$J$14,0)+IF(Input!$K$15=2,L4446*Input!$J$15,0)+IF(Input!$K$16=2,M4446*Input!$J$16,0)</f>
        <v>7.6066599963891784E-2</v>
      </c>
      <c r="P4446" s="58">
        <f>IF(Input!$K$13=3,J4446*Input!$J$13,0)+IF(Input!$K$14=3,K4446*Input!$J$14,0)+IF(Input!$K$15=3,L4446*Input!$J$15,0)+IF(Input!$K$16=3,M4446*Input!$J$16,0)</f>
        <v>0</v>
      </c>
      <c r="Q4446" s="71">
        <f>IF(Input!$K$13=4,J4446*Input!$J$13,0)+IF(Input!$K$14=4,K4446*Input!$J$14,0)+IF(Input!$K$15=4,L4446*Input!$J$15,0)+IF(Input!$K$16=4,M4446*Input!$J$16,0)</f>
        <v>0</v>
      </c>
    </row>
    <row r="4447" spans="8:17" x14ac:dyDescent="0.25">
      <c r="H4447" s="43">
        <v>4440</v>
      </c>
      <c r="I4447" s="55">
        <f>Bühler!I4473</f>
        <v>0</v>
      </c>
      <c r="J4447" s="58">
        <f>Bühler!J4473</f>
        <v>6.5201346115285492</v>
      </c>
      <c r="K4447" s="58">
        <f>Bühler!K4473</f>
        <v>0.56345629602882807</v>
      </c>
      <c r="L4447" s="58">
        <f>Bühler!L4473</f>
        <v>0.28172814801441404</v>
      </c>
      <c r="M4447" s="57">
        <f>Bühler!M4473</f>
        <v>0</v>
      </c>
      <c r="N4447" s="55">
        <f>IF(Input!$K$13=1,J4447*Input!$J$13,0)+IF(Input!$K$14=1,K4447*Input!$J$14,0)+IF(Input!$K$15=1,L4447*Input!$J$15,0)+IF(Input!$K$16=1,M4447*Input!$J$16,0)</f>
        <v>0.78241615338342585</v>
      </c>
      <c r="O4447" s="58">
        <f>IF(Input!$K$13=2,J4447*Input!$J$13,0)+IF(Input!$K$14=2,K4447*Input!$J$14,0)+IF(Input!$K$15=2,L4447*Input!$J$15,0)+IF(Input!$K$16=2,M4447*Input!$J$16,0)</f>
        <v>7.6066599963891784E-2</v>
      </c>
      <c r="P4447" s="58">
        <f>IF(Input!$K$13=3,J4447*Input!$J$13,0)+IF(Input!$K$14=3,K4447*Input!$J$14,0)+IF(Input!$K$15=3,L4447*Input!$J$15,0)+IF(Input!$K$16=3,M4447*Input!$J$16,0)</f>
        <v>0</v>
      </c>
      <c r="Q4447" s="71">
        <f>IF(Input!$K$13=4,J4447*Input!$J$13,0)+IF(Input!$K$14=4,K4447*Input!$J$14,0)+IF(Input!$K$15=4,L4447*Input!$J$15,0)+IF(Input!$K$16=4,M4447*Input!$J$16,0)</f>
        <v>0</v>
      </c>
    </row>
    <row r="4448" spans="8:17" x14ac:dyDescent="0.25">
      <c r="H4448" s="43">
        <v>4441</v>
      </c>
      <c r="I4448" s="55">
        <f>Bühler!I4474</f>
        <v>8.3833793150921675E-3</v>
      </c>
      <c r="J4448" s="58">
        <f>Bühler!J4474</f>
        <v>6.5540446526657536</v>
      </c>
      <c r="K4448" s="58">
        <f>Bühler!K4474</f>
        <v>0.56185492691905892</v>
      </c>
      <c r="L4448" s="58">
        <f>Bühler!L4474</f>
        <v>0.28092746345952946</v>
      </c>
      <c r="M4448" s="57">
        <f>Bühler!M4474</f>
        <v>0</v>
      </c>
      <c r="N4448" s="55">
        <f>IF(Input!$K$13=1,J4448*Input!$J$13,0)+IF(Input!$K$14=1,K4448*Input!$J$14,0)+IF(Input!$K$15=1,L4448*Input!$J$15,0)+IF(Input!$K$16=1,M4448*Input!$J$16,0)</f>
        <v>0.78648535831989042</v>
      </c>
      <c r="O4448" s="58">
        <f>IF(Input!$K$13=2,J4448*Input!$J$13,0)+IF(Input!$K$14=2,K4448*Input!$J$14,0)+IF(Input!$K$15=2,L4448*Input!$J$15,0)+IF(Input!$K$16=2,M4448*Input!$J$16,0)</f>
        <v>7.5850415134072952E-2</v>
      </c>
      <c r="P4448" s="58">
        <f>IF(Input!$K$13=3,J4448*Input!$J$13,0)+IF(Input!$K$14=3,K4448*Input!$J$14,0)+IF(Input!$K$15=3,L4448*Input!$J$15,0)+IF(Input!$K$16=3,M4448*Input!$J$16,0)</f>
        <v>0</v>
      </c>
      <c r="Q4448" s="71">
        <f>IF(Input!$K$13=4,J4448*Input!$J$13,0)+IF(Input!$K$14=4,K4448*Input!$J$14,0)+IF(Input!$K$15=4,L4448*Input!$J$15,0)+IF(Input!$K$16=4,M4448*Input!$J$16,0)</f>
        <v>0</v>
      </c>
    </row>
    <row r="4449" spans="8:17" x14ac:dyDescent="0.25">
      <c r="H4449" s="43">
        <v>4442</v>
      </c>
      <c r="I4449" s="55">
        <f>Bühler!I4475</f>
        <v>8.3833793150921675E-3</v>
      </c>
      <c r="J4449" s="58">
        <f>Bühler!J4475</f>
        <v>6.5540446526657536</v>
      </c>
      <c r="K4449" s="58">
        <f>Bühler!K4475</f>
        <v>0.56185492691905892</v>
      </c>
      <c r="L4449" s="58">
        <f>Bühler!L4475</f>
        <v>0.28092746345952946</v>
      </c>
      <c r="M4449" s="57">
        <f>Bühler!M4475</f>
        <v>0</v>
      </c>
      <c r="N4449" s="55">
        <f>IF(Input!$K$13=1,J4449*Input!$J$13,0)+IF(Input!$K$14=1,K4449*Input!$J$14,0)+IF(Input!$K$15=1,L4449*Input!$J$15,0)+IF(Input!$K$16=1,M4449*Input!$J$16,0)</f>
        <v>0.78648535831989042</v>
      </c>
      <c r="O4449" s="58">
        <f>IF(Input!$K$13=2,J4449*Input!$J$13,0)+IF(Input!$K$14=2,K4449*Input!$J$14,0)+IF(Input!$K$15=2,L4449*Input!$J$15,0)+IF(Input!$K$16=2,M4449*Input!$J$16,0)</f>
        <v>7.5850415134072952E-2</v>
      </c>
      <c r="P4449" s="58">
        <f>IF(Input!$K$13=3,J4449*Input!$J$13,0)+IF(Input!$K$14=3,K4449*Input!$J$14,0)+IF(Input!$K$15=3,L4449*Input!$J$15,0)+IF(Input!$K$16=3,M4449*Input!$J$16,0)</f>
        <v>0</v>
      </c>
      <c r="Q4449" s="71">
        <f>IF(Input!$K$13=4,J4449*Input!$J$13,0)+IF(Input!$K$14=4,K4449*Input!$J$14,0)+IF(Input!$K$15=4,L4449*Input!$J$15,0)+IF(Input!$K$16=4,M4449*Input!$J$16,0)</f>
        <v>0</v>
      </c>
    </row>
    <row r="4450" spans="8:17" x14ac:dyDescent="0.25">
      <c r="H4450" s="43">
        <v>4443</v>
      </c>
      <c r="I4450" s="55">
        <f>Bühler!I4476</f>
        <v>8.3833793150921675E-3</v>
      </c>
      <c r="J4450" s="58">
        <f>Bühler!J4476</f>
        <v>6.5540446526657536</v>
      </c>
      <c r="K4450" s="58">
        <f>Bühler!K4476</f>
        <v>0.56185492691905892</v>
      </c>
      <c r="L4450" s="58">
        <f>Bühler!L4476</f>
        <v>0.28092746345952946</v>
      </c>
      <c r="M4450" s="57">
        <f>Bühler!M4476</f>
        <v>0</v>
      </c>
      <c r="N4450" s="55">
        <f>IF(Input!$K$13=1,J4450*Input!$J$13,0)+IF(Input!$K$14=1,K4450*Input!$J$14,0)+IF(Input!$K$15=1,L4450*Input!$J$15,0)+IF(Input!$K$16=1,M4450*Input!$J$16,0)</f>
        <v>0.78648535831989042</v>
      </c>
      <c r="O4450" s="58">
        <f>IF(Input!$K$13=2,J4450*Input!$J$13,0)+IF(Input!$K$14=2,K4450*Input!$J$14,0)+IF(Input!$K$15=2,L4450*Input!$J$15,0)+IF(Input!$K$16=2,M4450*Input!$J$16,0)</f>
        <v>7.5850415134072952E-2</v>
      </c>
      <c r="P4450" s="58">
        <f>IF(Input!$K$13=3,J4450*Input!$J$13,0)+IF(Input!$K$14=3,K4450*Input!$J$14,0)+IF(Input!$K$15=3,L4450*Input!$J$15,0)+IF(Input!$K$16=3,M4450*Input!$J$16,0)</f>
        <v>0</v>
      </c>
      <c r="Q4450" s="71">
        <f>IF(Input!$K$13=4,J4450*Input!$J$13,0)+IF(Input!$K$14=4,K4450*Input!$J$14,0)+IF(Input!$K$15=4,L4450*Input!$J$15,0)+IF(Input!$K$16=4,M4450*Input!$J$16,0)</f>
        <v>0</v>
      </c>
    </row>
    <row r="4451" spans="8:17" x14ac:dyDescent="0.25">
      <c r="H4451" s="43">
        <v>4444</v>
      </c>
      <c r="I4451" s="55">
        <f>Bühler!I4477</f>
        <v>8.3833793150921675E-3</v>
      </c>
      <c r="J4451" s="58">
        <f>Bühler!J4477</f>
        <v>6.5540446526657536</v>
      </c>
      <c r="K4451" s="58">
        <f>Bühler!K4477</f>
        <v>0.56185492691905892</v>
      </c>
      <c r="L4451" s="58">
        <f>Bühler!L4477</f>
        <v>0.28092746345952946</v>
      </c>
      <c r="M4451" s="57">
        <f>Bühler!M4477</f>
        <v>0</v>
      </c>
      <c r="N4451" s="55">
        <f>IF(Input!$K$13=1,J4451*Input!$J$13,0)+IF(Input!$K$14=1,K4451*Input!$J$14,0)+IF(Input!$K$15=1,L4451*Input!$J$15,0)+IF(Input!$K$16=1,M4451*Input!$J$16,0)</f>
        <v>0.78648535831989042</v>
      </c>
      <c r="O4451" s="58">
        <f>IF(Input!$K$13=2,J4451*Input!$J$13,0)+IF(Input!$K$14=2,K4451*Input!$J$14,0)+IF(Input!$K$15=2,L4451*Input!$J$15,0)+IF(Input!$K$16=2,M4451*Input!$J$16,0)</f>
        <v>7.5850415134072952E-2</v>
      </c>
      <c r="P4451" s="58">
        <f>IF(Input!$K$13=3,J4451*Input!$J$13,0)+IF(Input!$K$14=3,K4451*Input!$J$14,0)+IF(Input!$K$15=3,L4451*Input!$J$15,0)+IF(Input!$K$16=3,M4451*Input!$J$16,0)</f>
        <v>0</v>
      </c>
      <c r="Q4451" s="71">
        <f>IF(Input!$K$13=4,J4451*Input!$J$13,0)+IF(Input!$K$14=4,K4451*Input!$J$14,0)+IF(Input!$K$15=4,L4451*Input!$J$15,0)+IF(Input!$K$16=4,M4451*Input!$J$16,0)</f>
        <v>0</v>
      </c>
    </row>
    <row r="4452" spans="8:17" x14ac:dyDescent="0.25">
      <c r="H4452" s="43">
        <v>4445</v>
      </c>
      <c r="I4452" s="55">
        <f>Bühler!I4478</f>
        <v>8.3833793150921675E-3</v>
      </c>
      <c r="J4452" s="58">
        <f>Bühler!J4478</f>
        <v>6.5540446526657536</v>
      </c>
      <c r="K4452" s="58">
        <f>Bühler!K4478</f>
        <v>0.56185492691905892</v>
      </c>
      <c r="L4452" s="58">
        <f>Bühler!L4478</f>
        <v>0.28092746345952946</v>
      </c>
      <c r="M4452" s="57">
        <f>Bühler!M4478</f>
        <v>0</v>
      </c>
      <c r="N4452" s="55">
        <f>IF(Input!$K$13=1,J4452*Input!$J$13,0)+IF(Input!$K$14=1,K4452*Input!$J$14,0)+IF(Input!$K$15=1,L4452*Input!$J$15,0)+IF(Input!$K$16=1,M4452*Input!$J$16,0)</f>
        <v>0.78648535831989042</v>
      </c>
      <c r="O4452" s="58">
        <f>IF(Input!$K$13=2,J4452*Input!$J$13,0)+IF(Input!$K$14=2,K4452*Input!$J$14,0)+IF(Input!$K$15=2,L4452*Input!$J$15,0)+IF(Input!$K$16=2,M4452*Input!$J$16,0)</f>
        <v>7.5850415134072952E-2</v>
      </c>
      <c r="P4452" s="58">
        <f>IF(Input!$K$13=3,J4452*Input!$J$13,0)+IF(Input!$K$14=3,K4452*Input!$J$14,0)+IF(Input!$K$15=3,L4452*Input!$J$15,0)+IF(Input!$K$16=3,M4452*Input!$J$16,0)</f>
        <v>0</v>
      </c>
      <c r="Q4452" s="71">
        <f>IF(Input!$K$13=4,J4452*Input!$J$13,0)+IF(Input!$K$14=4,K4452*Input!$J$14,0)+IF(Input!$K$15=4,L4452*Input!$J$15,0)+IF(Input!$K$16=4,M4452*Input!$J$16,0)</f>
        <v>0</v>
      </c>
    </row>
    <row r="4453" spans="8:17" x14ac:dyDescent="0.25">
      <c r="H4453" s="43">
        <v>4446</v>
      </c>
      <c r="I4453" s="55">
        <f>Bühler!I4479</f>
        <v>8.3833793150921675E-3</v>
      </c>
      <c r="J4453" s="58">
        <f>Bühler!J4479</f>
        <v>6.5540446526657536</v>
      </c>
      <c r="K4453" s="58">
        <f>Bühler!K4479</f>
        <v>0.56185492691905892</v>
      </c>
      <c r="L4453" s="58">
        <f>Bühler!L4479</f>
        <v>0.28092746345952946</v>
      </c>
      <c r="M4453" s="57">
        <f>Bühler!M4479</f>
        <v>0</v>
      </c>
      <c r="N4453" s="55">
        <f>IF(Input!$K$13=1,J4453*Input!$J$13,0)+IF(Input!$K$14=1,K4453*Input!$J$14,0)+IF(Input!$K$15=1,L4453*Input!$J$15,0)+IF(Input!$K$16=1,M4453*Input!$J$16,0)</f>
        <v>0.78648535831989042</v>
      </c>
      <c r="O4453" s="58">
        <f>IF(Input!$K$13=2,J4453*Input!$J$13,0)+IF(Input!$K$14=2,K4453*Input!$J$14,0)+IF(Input!$K$15=2,L4453*Input!$J$15,0)+IF(Input!$K$16=2,M4453*Input!$J$16,0)</f>
        <v>7.5850415134072952E-2</v>
      </c>
      <c r="P4453" s="58">
        <f>IF(Input!$K$13=3,J4453*Input!$J$13,0)+IF(Input!$K$14=3,K4453*Input!$J$14,0)+IF(Input!$K$15=3,L4453*Input!$J$15,0)+IF(Input!$K$16=3,M4453*Input!$J$16,0)</f>
        <v>0</v>
      </c>
      <c r="Q4453" s="71">
        <f>IF(Input!$K$13=4,J4453*Input!$J$13,0)+IF(Input!$K$14=4,K4453*Input!$J$14,0)+IF(Input!$K$15=4,L4453*Input!$J$15,0)+IF(Input!$K$16=4,M4453*Input!$J$16,0)</f>
        <v>0</v>
      </c>
    </row>
    <row r="4454" spans="8:17" x14ac:dyDescent="0.25">
      <c r="H4454" s="43">
        <v>4447</v>
      </c>
      <c r="I4454" s="55">
        <f>Bühler!I4480</f>
        <v>8.3833793150921675E-3</v>
      </c>
      <c r="J4454" s="58">
        <f>Bühler!J4480</f>
        <v>6.5540446526657536</v>
      </c>
      <c r="K4454" s="58">
        <f>Bühler!K4480</f>
        <v>0.56185492691905892</v>
      </c>
      <c r="L4454" s="58">
        <f>Bühler!L4480</f>
        <v>0.28092746345952946</v>
      </c>
      <c r="M4454" s="57">
        <f>Bühler!M4480</f>
        <v>0</v>
      </c>
      <c r="N4454" s="55">
        <f>IF(Input!$K$13=1,J4454*Input!$J$13,0)+IF(Input!$K$14=1,K4454*Input!$J$14,0)+IF(Input!$K$15=1,L4454*Input!$J$15,0)+IF(Input!$K$16=1,M4454*Input!$J$16,0)</f>
        <v>0.78648535831989042</v>
      </c>
      <c r="O4454" s="58">
        <f>IF(Input!$K$13=2,J4454*Input!$J$13,0)+IF(Input!$K$14=2,K4454*Input!$J$14,0)+IF(Input!$K$15=2,L4454*Input!$J$15,0)+IF(Input!$K$16=2,M4454*Input!$J$16,0)</f>
        <v>7.5850415134072952E-2</v>
      </c>
      <c r="P4454" s="58">
        <f>IF(Input!$K$13=3,J4454*Input!$J$13,0)+IF(Input!$K$14=3,K4454*Input!$J$14,0)+IF(Input!$K$15=3,L4454*Input!$J$15,0)+IF(Input!$K$16=3,M4454*Input!$J$16,0)</f>
        <v>0</v>
      </c>
      <c r="Q4454" s="71">
        <f>IF(Input!$K$13=4,J4454*Input!$J$13,0)+IF(Input!$K$14=4,K4454*Input!$J$14,0)+IF(Input!$K$15=4,L4454*Input!$J$15,0)+IF(Input!$K$16=4,M4454*Input!$J$16,0)</f>
        <v>0</v>
      </c>
    </row>
    <row r="4455" spans="8:17" x14ac:dyDescent="0.25">
      <c r="H4455" s="43">
        <v>4448</v>
      </c>
      <c r="I4455" s="55">
        <f>Bühler!I4481</f>
        <v>2.3096210013078919E-2</v>
      </c>
      <c r="J4455" s="58">
        <f>Bühler!J4481</f>
        <v>26.780034912944579</v>
      </c>
      <c r="K4455" s="58">
        <f>Bühler!K4481</f>
        <v>2.2967948376176075</v>
      </c>
      <c r="L4455" s="58">
        <f>Bühler!L4481</f>
        <v>1.1483974188088037</v>
      </c>
      <c r="M4455" s="57">
        <f>Bühler!M4481</f>
        <v>0</v>
      </c>
      <c r="N4455" s="55">
        <f>IF(Input!$K$13=1,J4455*Input!$J$13,0)+IF(Input!$K$14=1,K4455*Input!$J$14,0)+IF(Input!$K$15=1,L4455*Input!$J$15,0)+IF(Input!$K$16=1,M4455*Input!$J$16,0)</f>
        <v>3.2136041895533496</v>
      </c>
      <c r="O4455" s="58">
        <f>IF(Input!$K$13=2,J4455*Input!$J$13,0)+IF(Input!$K$14=2,K4455*Input!$J$14,0)+IF(Input!$K$15=2,L4455*Input!$J$15,0)+IF(Input!$K$16=2,M4455*Input!$J$16,0)</f>
        <v>0.31006730307837699</v>
      </c>
      <c r="P4455" s="58">
        <f>IF(Input!$K$13=3,J4455*Input!$J$13,0)+IF(Input!$K$14=3,K4455*Input!$J$14,0)+IF(Input!$K$15=3,L4455*Input!$J$15,0)+IF(Input!$K$16=3,M4455*Input!$J$16,0)</f>
        <v>0</v>
      </c>
      <c r="Q4455" s="71">
        <f>IF(Input!$K$13=4,J4455*Input!$J$13,0)+IF(Input!$K$14=4,K4455*Input!$J$14,0)+IF(Input!$K$15=4,L4455*Input!$J$15,0)+IF(Input!$K$16=4,M4455*Input!$J$16,0)</f>
        <v>0</v>
      </c>
    </row>
    <row r="4456" spans="8:17" x14ac:dyDescent="0.25">
      <c r="H4456" s="43">
        <v>4449</v>
      </c>
      <c r="I4456" s="55">
        <f>Bühler!I4482</f>
        <v>2.5770508014593321E-2</v>
      </c>
      <c r="J4456" s="58">
        <f>Bühler!J4482</f>
        <v>29.880881060759219</v>
      </c>
      <c r="K4456" s="58">
        <f>Bühler!K4482</f>
        <v>2.5627395030259619</v>
      </c>
      <c r="L4456" s="58">
        <f>Bühler!L4482</f>
        <v>1.2813697515129809</v>
      </c>
      <c r="M4456" s="57">
        <f>Bühler!M4482</f>
        <v>0</v>
      </c>
      <c r="N4456" s="55">
        <f>IF(Input!$K$13=1,J4456*Input!$J$13,0)+IF(Input!$K$14=1,K4456*Input!$J$14,0)+IF(Input!$K$15=1,L4456*Input!$J$15,0)+IF(Input!$K$16=1,M4456*Input!$J$16,0)</f>
        <v>3.5857057272911059</v>
      </c>
      <c r="O4456" s="58">
        <f>IF(Input!$K$13=2,J4456*Input!$J$13,0)+IF(Input!$K$14=2,K4456*Input!$J$14,0)+IF(Input!$K$15=2,L4456*Input!$J$15,0)+IF(Input!$K$16=2,M4456*Input!$J$16,0)</f>
        <v>0.3459698329085048</v>
      </c>
      <c r="P4456" s="58">
        <f>IF(Input!$K$13=3,J4456*Input!$J$13,0)+IF(Input!$K$14=3,K4456*Input!$J$14,0)+IF(Input!$K$15=3,L4456*Input!$J$15,0)+IF(Input!$K$16=3,M4456*Input!$J$16,0)</f>
        <v>0</v>
      </c>
      <c r="Q4456" s="71">
        <f>IF(Input!$K$13=4,J4456*Input!$J$13,0)+IF(Input!$K$14=4,K4456*Input!$J$14,0)+IF(Input!$K$15=4,L4456*Input!$J$15,0)+IF(Input!$K$16=4,M4456*Input!$J$16,0)</f>
        <v>0</v>
      </c>
    </row>
    <row r="4457" spans="8:17" x14ac:dyDescent="0.25">
      <c r="H4457" s="43">
        <v>4450</v>
      </c>
      <c r="I4457" s="55">
        <f>Bühler!I4483</f>
        <v>2.8444806016107726E-2</v>
      </c>
      <c r="J4457" s="58">
        <f>Bühler!J4483</f>
        <v>32.981727208573865</v>
      </c>
      <c r="K4457" s="58">
        <f>Bühler!K4483</f>
        <v>2.8286841684343171</v>
      </c>
      <c r="L4457" s="58">
        <f>Bühler!L4483</f>
        <v>1.4143420842171586</v>
      </c>
      <c r="M4457" s="57">
        <f>Bühler!M4483</f>
        <v>0</v>
      </c>
      <c r="N4457" s="55">
        <f>IF(Input!$K$13=1,J4457*Input!$J$13,0)+IF(Input!$K$14=1,K4457*Input!$J$14,0)+IF(Input!$K$15=1,L4457*Input!$J$15,0)+IF(Input!$K$16=1,M4457*Input!$J$16,0)</f>
        <v>3.9578072650288636</v>
      </c>
      <c r="O4457" s="58">
        <f>IF(Input!$K$13=2,J4457*Input!$J$13,0)+IF(Input!$K$14=2,K4457*Input!$J$14,0)+IF(Input!$K$15=2,L4457*Input!$J$15,0)+IF(Input!$K$16=2,M4457*Input!$J$16,0)</f>
        <v>0.38187236273863279</v>
      </c>
      <c r="P4457" s="58">
        <f>IF(Input!$K$13=3,J4457*Input!$J$13,0)+IF(Input!$K$14=3,K4457*Input!$J$14,0)+IF(Input!$K$15=3,L4457*Input!$J$15,0)+IF(Input!$K$16=3,M4457*Input!$J$16,0)</f>
        <v>0</v>
      </c>
      <c r="Q4457" s="71">
        <f>IF(Input!$K$13=4,J4457*Input!$J$13,0)+IF(Input!$K$14=4,K4457*Input!$J$14,0)+IF(Input!$K$15=4,L4457*Input!$J$15,0)+IF(Input!$K$16=4,M4457*Input!$J$16,0)</f>
        <v>0</v>
      </c>
    </row>
    <row r="4458" spans="8:17" x14ac:dyDescent="0.25">
      <c r="H4458" s="43">
        <v>4451</v>
      </c>
      <c r="I4458" s="55">
        <f>Bühler!I4484</f>
        <v>2.8444806016107726E-2</v>
      </c>
      <c r="J4458" s="58">
        <f>Bühler!J4484</f>
        <v>32.981727208573865</v>
      </c>
      <c r="K4458" s="58">
        <f>Bühler!K4484</f>
        <v>2.8286841684343171</v>
      </c>
      <c r="L4458" s="58">
        <f>Bühler!L4484</f>
        <v>1.4143420842171586</v>
      </c>
      <c r="M4458" s="57">
        <f>Bühler!M4484</f>
        <v>0</v>
      </c>
      <c r="N4458" s="55">
        <f>IF(Input!$K$13=1,J4458*Input!$J$13,0)+IF(Input!$K$14=1,K4458*Input!$J$14,0)+IF(Input!$K$15=1,L4458*Input!$J$15,0)+IF(Input!$K$16=1,M4458*Input!$J$16,0)</f>
        <v>3.9578072650288636</v>
      </c>
      <c r="O4458" s="58">
        <f>IF(Input!$K$13=2,J4458*Input!$J$13,0)+IF(Input!$K$14=2,K4458*Input!$J$14,0)+IF(Input!$K$15=2,L4458*Input!$J$15,0)+IF(Input!$K$16=2,M4458*Input!$J$16,0)</f>
        <v>0.38187236273863279</v>
      </c>
      <c r="P4458" s="58">
        <f>IF(Input!$K$13=3,J4458*Input!$J$13,0)+IF(Input!$K$14=3,K4458*Input!$J$14,0)+IF(Input!$K$15=3,L4458*Input!$J$15,0)+IF(Input!$K$16=3,M4458*Input!$J$16,0)</f>
        <v>0</v>
      </c>
      <c r="Q4458" s="71">
        <f>IF(Input!$K$13=4,J4458*Input!$J$13,0)+IF(Input!$K$14=4,K4458*Input!$J$14,0)+IF(Input!$K$15=4,L4458*Input!$J$15,0)+IF(Input!$K$16=4,M4458*Input!$J$16,0)</f>
        <v>0</v>
      </c>
    </row>
    <row r="4459" spans="8:17" x14ac:dyDescent="0.25">
      <c r="H4459" s="43">
        <v>4452</v>
      </c>
      <c r="I4459" s="55">
        <f>Bühler!I4485</f>
        <v>3.4036520019274194E-2</v>
      </c>
      <c r="J4459" s="58">
        <f>Bühler!J4485</f>
        <v>39.46531460854991</v>
      </c>
      <c r="K4459" s="58">
        <f>Bühler!K4485</f>
        <v>3.3847502870154216</v>
      </c>
      <c r="L4459" s="58">
        <f>Bühler!L4485</f>
        <v>1.6923751435077108</v>
      </c>
      <c r="M4459" s="57">
        <f>Bühler!M4485</f>
        <v>0</v>
      </c>
      <c r="N4459" s="55">
        <f>IF(Input!$K$13=1,J4459*Input!$J$13,0)+IF(Input!$K$14=1,K4459*Input!$J$14,0)+IF(Input!$K$15=1,L4459*Input!$J$15,0)+IF(Input!$K$16=1,M4459*Input!$J$16,0)</f>
        <v>4.7358377530259892</v>
      </c>
      <c r="O4459" s="58">
        <f>IF(Input!$K$13=2,J4459*Input!$J$13,0)+IF(Input!$K$14=2,K4459*Input!$J$14,0)+IF(Input!$K$15=2,L4459*Input!$J$15,0)+IF(Input!$K$16=2,M4459*Input!$J$16,0)</f>
        <v>0.45694128874708184</v>
      </c>
      <c r="P4459" s="58">
        <f>IF(Input!$K$13=3,J4459*Input!$J$13,0)+IF(Input!$K$14=3,K4459*Input!$J$14,0)+IF(Input!$K$15=3,L4459*Input!$J$15,0)+IF(Input!$K$16=3,M4459*Input!$J$16,0)</f>
        <v>0</v>
      </c>
      <c r="Q4459" s="71">
        <f>IF(Input!$K$13=4,J4459*Input!$J$13,0)+IF(Input!$K$14=4,K4459*Input!$J$14,0)+IF(Input!$K$15=4,L4459*Input!$J$15,0)+IF(Input!$K$16=4,M4459*Input!$J$16,0)</f>
        <v>0</v>
      </c>
    </row>
    <row r="4460" spans="8:17" x14ac:dyDescent="0.25">
      <c r="H4460" s="43">
        <v>4453</v>
      </c>
      <c r="I4460" s="55">
        <f>Bühler!I4486</f>
        <v>3.4036520019274194E-2</v>
      </c>
      <c r="J4460" s="58">
        <f>Bühler!J4486</f>
        <v>39.46531460854991</v>
      </c>
      <c r="K4460" s="58">
        <f>Bühler!K4486</f>
        <v>3.3847502870154216</v>
      </c>
      <c r="L4460" s="58">
        <f>Bühler!L4486</f>
        <v>1.6923751435077108</v>
      </c>
      <c r="M4460" s="57">
        <f>Bühler!M4486</f>
        <v>0</v>
      </c>
      <c r="N4460" s="55">
        <f>IF(Input!$K$13=1,J4460*Input!$J$13,0)+IF(Input!$K$14=1,K4460*Input!$J$14,0)+IF(Input!$K$15=1,L4460*Input!$J$15,0)+IF(Input!$K$16=1,M4460*Input!$J$16,0)</f>
        <v>4.7358377530259892</v>
      </c>
      <c r="O4460" s="58">
        <f>IF(Input!$K$13=2,J4460*Input!$J$13,0)+IF(Input!$K$14=2,K4460*Input!$J$14,0)+IF(Input!$K$15=2,L4460*Input!$J$15,0)+IF(Input!$K$16=2,M4460*Input!$J$16,0)</f>
        <v>0.45694128874708184</v>
      </c>
      <c r="P4460" s="58">
        <f>IF(Input!$K$13=3,J4460*Input!$J$13,0)+IF(Input!$K$14=3,K4460*Input!$J$14,0)+IF(Input!$K$15=3,L4460*Input!$J$15,0)+IF(Input!$K$16=3,M4460*Input!$J$16,0)</f>
        <v>0</v>
      </c>
      <c r="Q4460" s="71">
        <f>IF(Input!$K$13=4,J4460*Input!$J$13,0)+IF(Input!$K$14=4,K4460*Input!$J$14,0)+IF(Input!$K$15=4,L4460*Input!$J$15,0)+IF(Input!$K$16=4,M4460*Input!$J$16,0)</f>
        <v>0</v>
      </c>
    </row>
    <row r="4461" spans="8:17" x14ac:dyDescent="0.25">
      <c r="H4461" s="43">
        <v>4454</v>
      </c>
      <c r="I4461" s="55">
        <f>Bühler!I4487</f>
        <v>2.2609974012803576E-2</v>
      </c>
      <c r="J4461" s="58">
        <f>Bühler!J4487</f>
        <v>26.216244704251011</v>
      </c>
      <c r="K4461" s="58">
        <f>Bühler!K4487</f>
        <v>2.2484412620888157</v>
      </c>
      <c r="L4461" s="58">
        <f>Bühler!L4487</f>
        <v>1.1242206310444078</v>
      </c>
      <c r="M4461" s="57">
        <f>Bühler!M4487</f>
        <v>0</v>
      </c>
      <c r="N4461" s="55">
        <f>IF(Input!$K$13=1,J4461*Input!$J$13,0)+IF(Input!$K$14=1,K4461*Input!$J$14,0)+IF(Input!$K$15=1,L4461*Input!$J$15,0)+IF(Input!$K$16=1,M4461*Input!$J$16,0)</f>
        <v>3.1459493645101211</v>
      </c>
      <c r="O4461" s="58">
        <f>IF(Input!$K$13=2,J4461*Input!$J$13,0)+IF(Input!$K$14=2,K4461*Input!$J$14,0)+IF(Input!$K$15=2,L4461*Input!$J$15,0)+IF(Input!$K$16=2,M4461*Input!$J$16,0)</f>
        <v>0.30353957038199009</v>
      </c>
      <c r="P4461" s="58">
        <f>IF(Input!$K$13=3,J4461*Input!$J$13,0)+IF(Input!$K$14=3,K4461*Input!$J$14,0)+IF(Input!$K$15=3,L4461*Input!$J$15,0)+IF(Input!$K$16=3,M4461*Input!$J$16,0)</f>
        <v>0</v>
      </c>
      <c r="Q4461" s="71">
        <f>IF(Input!$K$13=4,J4461*Input!$J$13,0)+IF(Input!$K$14=4,K4461*Input!$J$14,0)+IF(Input!$K$15=4,L4461*Input!$J$15,0)+IF(Input!$K$16=4,M4461*Input!$J$16,0)</f>
        <v>0</v>
      </c>
    </row>
    <row r="4462" spans="8:17" x14ac:dyDescent="0.25">
      <c r="H4462" s="43">
        <v>4455</v>
      </c>
      <c r="I4462" s="55">
        <f>Bühler!I4488</f>
        <v>3.4036520019274194E-2</v>
      </c>
      <c r="J4462" s="58">
        <f>Bühler!J4488</f>
        <v>39.46531460854991</v>
      </c>
      <c r="K4462" s="58">
        <f>Bühler!K4488</f>
        <v>3.3847502870154216</v>
      </c>
      <c r="L4462" s="58">
        <f>Bühler!L4488</f>
        <v>1.6923751435077108</v>
      </c>
      <c r="M4462" s="57">
        <f>Bühler!M4488</f>
        <v>0</v>
      </c>
      <c r="N4462" s="55">
        <f>IF(Input!$K$13=1,J4462*Input!$J$13,0)+IF(Input!$K$14=1,K4462*Input!$J$14,0)+IF(Input!$K$15=1,L4462*Input!$J$15,0)+IF(Input!$K$16=1,M4462*Input!$J$16,0)</f>
        <v>4.7358377530259892</v>
      </c>
      <c r="O4462" s="58">
        <f>IF(Input!$K$13=2,J4462*Input!$J$13,0)+IF(Input!$K$14=2,K4462*Input!$J$14,0)+IF(Input!$K$15=2,L4462*Input!$J$15,0)+IF(Input!$K$16=2,M4462*Input!$J$16,0)</f>
        <v>0.45694128874708184</v>
      </c>
      <c r="P4462" s="58">
        <f>IF(Input!$K$13=3,J4462*Input!$J$13,0)+IF(Input!$K$14=3,K4462*Input!$J$14,0)+IF(Input!$K$15=3,L4462*Input!$J$15,0)+IF(Input!$K$16=3,M4462*Input!$J$16,0)</f>
        <v>0</v>
      </c>
      <c r="Q4462" s="71">
        <f>IF(Input!$K$13=4,J4462*Input!$J$13,0)+IF(Input!$K$14=4,K4462*Input!$J$14,0)+IF(Input!$K$15=4,L4462*Input!$J$15,0)+IF(Input!$K$16=4,M4462*Input!$J$16,0)</f>
        <v>0</v>
      </c>
    </row>
    <row r="4463" spans="8:17" x14ac:dyDescent="0.25">
      <c r="H4463" s="43">
        <v>4456</v>
      </c>
      <c r="I4463" s="55">
        <f>Bühler!I4489</f>
        <v>3.4036520019274194E-2</v>
      </c>
      <c r="J4463" s="58">
        <f>Bühler!J4489</f>
        <v>39.46531460854991</v>
      </c>
      <c r="K4463" s="58">
        <f>Bühler!K4489</f>
        <v>3.3847502870154216</v>
      </c>
      <c r="L4463" s="58">
        <f>Bühler!L4489</f>
        <v>1.6923751435077108</v>
      </c>
      <c r="M4463" s="57">
        <f>Bühler!M4489</f>
        <v>0</v>
      </c>
      <c r="N4463" s="55">
        <f>IF(Input!$K$13=1,J4463*Input!$J$13,0)+IF(Input!$K$14=1,K4463*Input!$J$14,0)+IF(Input!$K$15=1,L4463*Input!$J$15,0)+IF(Input!$K$16=1,M4463*Input!$J$16,0)</f>
        <v>4.7358377530259892</v>
      </c>
      <c r="O4463" s="58">
        <f>IF(Input!$K$13=2,J4463*Input!$J$13,0)+IF(Input!$K$14=2,K4463*Input!$J$14,0)+IF(Input!$K$15=2,L4463*Input!$J$15,0)+IF(Input!$K$16=2,M4463*Input!$J$16,0)</f>
        <v>0.45694128874708184</v>
      </c>
      <c r="P4463" s="58">
        <f>IF(Input!$K$13=3,J4463*Input!$J$13,0)+IF(Input!$K$14=3,K4463*Input!$J$14,0)+IF(Input!$K$15=3,L4463*Input!$J$15,0)+IF(Input!$K$16=3,M4463*Input!$J$16,0)</f>
        <v>0</v>
      </c>
      <c r="Q4463" s="71">
        <f>IF(Input!$K$13=4,J4463*Input!$J$13,0)+IF(Input!$K$14=4,K4463*Input!$J$14,0)+IF(Input!$K$15=4,L4463*Input!$J$15,0)+IF(Input!$K$16=4,M4463*Input!$J$16,0)</f>
        <v>0</v>
      </c>
    </row>
    <row r="4464" spans="8:17" x14ac:dyDescent="0.25">
      <c r="H4464" s="43">
        <v>4457</v>
      </c>
      <c r="I4464" s="55">
        <f>Bühler!I4490</f>
        <v>2.8440614326450182E-2</v>
      </c>
      <c r="J4464" s="58">
        <f>Bühler!J4490</f>
        <v>23.265428102867784</v>
      </c>
      <c r="K4464" s="58">
        <f>Bühler!K4490</f>
        <v>1.9945849905626589</v>
      </c>
      <c r="L4464" s="58">
        <f>Bühler!L4490</f>
        <v>0.99729249528132946</v>
      </c>
      <c r="M4464" s="57">
        <f>Bühler!M4490</f>
        <v>0</v>
      </c>
      <c r="N4464" s="55">
        <f>IF(Input!$K$13=1,J4464*Input!$J$13,0)+IF(Input!$K$14=1,K4464*Input!$J$14,0)+IF(Input!$K$15=1,L4464*Input!$J$15,0)+IF(Input!$K$16=1,M4464*Input!$J$16,0)</f>
        <v>2.7918513723441341</v>
      </c>
      <c r="O4464" s="58">
        <f>IF(Input!$K$13=2,J4464*Input!$J$13,0)+IF(Input!$K$14=2,K4464*Input!$J$14,0)+IF(Input!$K$15=2,L4464*Input!$J$15,0)+IF(Input!$K$16=2,M4464*Input!$J$16,0)</f>
        <v>0.26926897372595893</v>
      </c>
      <c r="P4464" s="58">
        <f>IF(Input!$K$13=3,J4464*Input!$J$13,0)+IF(Input!$K$14=3,K4464*Input!$J$14,0)+IF(Input!$K$15=3,L4464*Input!$J$15,0)+IF(Input!$K$16=3,M4464*Input!$J$16,0)</f>
        <v>0</v>
      </c>
      <c r="Q4464" s="71">
        <f>IF(Input!$K$13=4,J4464*Input!$J$13,0)+IF(Input!$K$14=4,K4464*Input!$J$14,0)+IF(Input!$K$15=4,L4464*Input!$J$15,0)+IF(Input!$K$16=4,M4464*Input!$J$16,0)</f>
        <v>0</v>
      </c>
    </row>
    <row r="4465" spans="8:17" x14ac:dyDescent="0.25">
      <c r="H4465" s="43">
        <v>4458</v>
      </c>
      <c r="I4465" s="55">
        <f>Bühler!I4491</f>
        <v>2.2614165702461123E-2</v>
      </c>
      <c r="J4465" s="58">
        <f>Bühler!J4491</f>
        <v>9.941108768007572</v>
      </c>
      <c r="K4465" s="58">
        <f>Bühler!K4491</f>
        <v>0.85129534381675598</v>
      </c>
      <c r="L4465" s="58">
        <f>Bühler!L4491</f>
        <v>0.42564767190837799</v>
      </c>
      <c r="M4465" s="57">
        <f>Bühler!M4491</f>
        <v>0</v>
      </c>
      <c r="N4465" s="55">
        <f>IF(Input!$K$13=1,J4465*Input!$J$13,0)+IF(Input!$K$14=1,K4465*Input!$J$14,0)+IF(Input!$K$15=1,L4465*Input!$J$15,0)+IF(Input!$K$16=1,M4465*Input!$J$16,0)</f>
        <v>1.1929330521609085</v>
      </c>
      <c r="O4465" s="58">
        <f>IF(Input!$K$13=2,J4465*Input!$J$13,0)+IF(Input!$K$14=2,K4465*Input!$J$14,0)+IF(Input!$K$15=2,L4465*Input!$J$15,0)+IF(Input!$K$16=2,M4465*Input!$J$16,0)</f>
        <v>0.11492487141526204</v>
      </c>
      <c r="P4465" s="58">
        <f>IF(Input!$K$13=3,J4465*Input!$J$13,0)+IF(Input!$K$14=3,K4465*Input!$J$14,0)+IF(Input!$K$15=3,L4465*Input!$J$15,0)+IF(Input!$K$16=3,M4465*Input!$J$16,0)</f>
        <v>0</v>
      </c>
      <c r="Q4465" s="71">
        <f>IF(Input!$K$13=4,J4465*Input!$J$13,0)+IF(Input!$K$14=4,K4465*Input!$J$14,0)+IF(Input!$K$15=4,L4465*Input!$J$15,0)+IF(Input!$K$16=4,M4465*Input!$J$16,0)</f>
        <v>0</v>
      </c>
    </row>
    <row r="4466" spans="8:17" x14ac:dyDescent="0.25">
      <c r="H4466" s="43">
        <v>4459</v>
      </c>
      <c r="I4466" s="55">
        <f>Bühler!I4492</f>
        <v>8.3833793150921675E-3</v>
      </c>
      <c r="J4466" s="58">
        <f>Bühler!J4492</f>
        <v>6.5540446526657536</v>
      </c>
      <c r="K4466" s="58">
        <f>Bühler!K4492</f>
        <v>0.56185492691905892</v>
      </c>
      <c r="L4466" s="58">
        <f>Bühler!L4492</f>
        <v>0.28092746345952946</v>
      </c>
      <c r="M4466" s="57">
        <f>Bühler!M4492</f>
        <v>0</v>
      </c>
      <c r="N4466" s="55">
        <f>IF(Input!$K$13=1,J4466*Input!$J$13,0)+IF(Input!$K$14=1,K4466*Input!$J$14,0)+IF(Input!$K$15=1,L4466*Input!$J$15,0)+IF(Input!$K$16=1,M4466*Input!$J$16,0)</f>
        <v>0.78648535831989042</v>
      </c>
      <c r="O4466" s="58">
        <f>IF(Input!$K$13=2,J4466*Input!$J$13,0)+IF(Input!$K$14=2,K4466*Input!$J$14,0)+IF(Input!$K$15=2,L4466*Input!$J$15,0)+IF(Input!$K$16=2,M4466*Input!$J$16,0)</f>
        <v>7.5850415134072952E-2</v>
      </c>
      <c r="P4466" s="58">
        <f>IF(Input!$K$13=3,J4466*Input!$J$13,0)+IF(Input!$K$14=3,K4466*Input!$J$14,0)+IF(Input!$K$15=3,L4466*Input!$J$15,0)+IF(Input!$K$16=3,M4466*Input!$J$16,0)</f>
        <v>0</v>
      </c>
      <c r="Q4466" s="71">
        <f>IF(Input!$K$13=4,J4466*Input!$J$13,0)+IF(Input!$K$14=4,K4466*Input!$J$14,0)+IF(Input!$K$15=4,L4466*Input!$J$15,0)+IF(Input!$K$16=4,M4466*Input!$J$16,0)</f>
        <v>0</v>
      </c>
    </row>
    <row r="4467" spans="8:17" x14ac:dyDescent="0.25">
      <c r="H4467" s="43">
        <v>4460</v>
      </c>
      <c r="I4467" s="55">
        <f>Bühler!I4493</f>
        <v>8.3833793150921675E-3</v>
      </c>
      <c r="J4467" s="58">
        <f>Bühler!J4493</f>
        <v>6.5540446526657536</v>
      </c>
      <c r="K4467" s="58">
        <f>Bühler!K4493</f>
        <v>0.56185492691905892</v>
      </c>
      <c r="L4467" s="58">
        <f>Bühler!L4493</f>
        <v>0.28092746345952946</v>
      </c>
      <c r="M4467" s="57">
        <f>Bühler!M4493</f>
        <v>0</v>
      </c>
      <c r="N4467" s="55">
        <f>IF(Input!$K$13=1,J4467*Input!$J$13,0)+IF(Input!$K$14=1,K4467*Input!$J$14,0)+IF(Input!$K$15=1,L4467*Input!$J$15,0)+IF(Input!$K$16=1,M4467*Input!$J$16,0)</f>
        <v>0.78648535831989042</v>
      </c>
      <c r="O4467" s="58">
        <f>IF(Input!$K$13=2,J4467*Input!$J$13,0)+IF(Input!$K$14=2,K4467*Input!$J$14,0)+IF(Input!$K$15=2,L4467*Input!$J$15,0)+IF(Input!$K$16=2,M4467*Input!$J$16,0)</f>
        <v>7.5850415134072952E-2</v>
      </c>
      <c r="P4467" s="58">
        <f>IF(Input!$K$13=3,J4467*Input!$J$13,0)+IF(Input!$K$14=3,K4467*Input!$J$14,0)+IF(Input!$K$15=3,L4467*Input!$J$15,0)+IF(Input!$K$16=3,M4467*Input!$J$16,0)</f>
        <v>0</v>
      </c>
      <c r="Q4467" s="71">
        <f>IF(Input!$K$13=4,J4467*Input!$J$13,0)+IF(Input!$K$14=4,K4467*Input!$J$14,0)+IF(Input!$K$15=4,L4467*Input!$J$15,0)+IF(Input!$K$16=4,M4467*Input!$J$16,0)</f>
        <v>0</v>
      </c>
    </row>
    <row r="4468" spans="8:17" x14ac:dyDescent="0.25">
      <c r="H4468" s="43">
        <v>4461</v>
      </c>
      <c r="I4468" s="55">
        <f>Bühler!I4494</f>
        <v>8.3833793150921675E-3</v>
      </c>
      <c r="J4468" s="58">
        <f>Bühler!J4494</f>
        <v>6.5540446526657536</v>
      </c>
      <c r="K4468" s="58">
        <f>Bühler!K4494</f>
        <v>0.56185492691905892</v>
      </c>
      <c r="L4468" s="58">
        <f>Bühler!L4494</f>
        <v>0.28092746345952946</v>
      </c>
      <c r="M4468" s="57">
        <f>Bühler!M4494</f>
        <v>0</v>
      </c>
      <c r="N4468" s="55">
        <f>IF(Input!$K$13=1,J4468*Input!$J$13,0)+IF(Input!$K$14=1,K4468*Input!$J$14,0)+IF(Input!$K$15=1,L4468*Input!$J$15,0)+IF(Input!$K$16=1,M4468*Input!$J$16,0)</f>
        <v>0.78648535831989042</v>
      </c>
      <c r="O4468" s="58">
        <f>IF(Input!$K$13=2,J4468*Input!$J$13,0)+IF(Input!$K$14=2,K4468*Input!$J$14,0)+IF(Input!$K$15=2,L4468*Input!$J$15,0)+IF(Input!$K$16=2,M4468*Input!$J$16,0)</f>
        <v>7.5850415134072952E-2</v>
      </c>
      <c r="P4468" s="58">
        <f>IF(Input!$K$13=3,J4468*Input!$J$13,0)+IF(Input!$K$14=3,K4468*Input!$J$14,0)+IF(Input!$K$15=3,L4468*Input!$J$15,0)+IF(Input!$K$16=3,M4468*Input!$J$16,0)</f>
        <v>0</v>
      </c>
      <c r="Q4468" s="71">
        <f>IF(Input!$K$13=4,J4468*Input!$J$13,0)+IF(Input!$K$14=4,K4468*Input!$J$14,0)+IF(Input!$K$15=4,L4468*Input!$J$15,0)+IF(Input!$K$16=4,M4468*Input!$J$16,0)</f>
        <v>0</v>
      </c>
    </row>
    <row r="4469" spans="8:17" x14ac:dyDescent="0.25">
      <c r="H4469" s="43">
        <v>4462</v>
      </c>
      <c r="I4469" s="55">
        <f>Bühler!I4495</f>
        <v>8.3833793150921675E-3</v>
      </c>
      <c r="J4469" s="58">
        <f>Bühler!J4495</f>
        <v>6.5540446526657536</v>
      </c>
      <c r="K4469" s="58">
        <f>Bühler!K4495</f>
        <v>0.56185492691905892</v>
      </c>
      <c r="L4469" s="58">
        <f>Bühler!L4495</f>
        <v>0.28092746345952946</v>
      </c>
      <c r="M4469" s="57">
        <f>Bühler!M4495</f>
        <v>0</v>
      </c>
      <c r="N4469" s="55">
        <f>IF(Input!$K$13=1,J4469*Input!$J$13,0)+IF(Input!$K$14=1,K4469*Input!$J$14,0)+IF(Input!$K$15=1,L4469*Input!$J$15,0)+IF(Input!$K$16=1,M4469*Input!$J$16,0)</f>
        <v>0.78648535831989042</v>
      </c>
      <c r="O4469" s="58">
        <f>IF(Input!$K$13=2,J4469*Input!$J$13,0)+IF(Input!$K$14=2,K4469*Input!$J$14,0)+IF(Input!$K$15=2,L4469*Input!$J$15,0)+IF(Input!$K$16=2,M4469*Input!$J$16,0)</f>
        <v>7.5850415134072952E-2</v>
      </c>
      <c r="P4469" s="58">
        <f>IF(Input!$K$13=3,J4469*Input!$J$13,0)+IF(Input!$K$14=3,K4469*Input!$J$14,0)+IF(Input!$K$15=3,L4469*Input!$J$15,0)+IF(Input!$K$16=3,M4469*Input!$J$16,0)</f>
        <v>0</v>
      </c>
      <c r="Q4469" s="71">
        <f>IF(Input!$K$13=4,J4469*Input!$J$13,0)+IF(Input!$K$14=4,K4469*Input!$J$14,0)+IF(Input!$K$15=4,L4469*Input!$J$15,0)+IF(Input!$K$16=4,M4469*Input!$J$16,0)</f>
        <v>0</v>
      </c>
    </row>
    <row r="4470" spans="8:17" x14ac:dyDescent="0.25">
      <c r="H4470" s="43">
        <v>4463</v>
      </c>
      <c r="I4470" s="55">
        <f>Bühler!I4496</f>
        <v>8.3833793150921675E-3</v>
      </c>
      <c r="J4470" s="58">
        <f>Bühler!J4496</f>
        <v>6.5540446526657536</v>
      </c>
      <c r="K4470" s="58">
        <f>Bühler!K4496</f>
        <v>0.56185492691905892</v>
      </c>
      <c r="L4470" s="58">
        <f>Bühler!L4496</f>
        <v>0.28092746345952946</v>
      </c>
      <c r="M4470" s="57">
        <f>Bühler!M4496</f>
        <v>0</v>
      </c>
      <c r="N4470" s="55">
        <f>IF(Input!$K$13=1,J4470*Input!$J$13,0)+IF(Input!$K$14=1,K4470*Input!$J$14,0)+IF(Input!$K$15=1,L4470*Input!$J$15,0)+IF(Input!$K$16=1,M4470*Input!$J$16,0)</f>
        <v>0.78648535831989042</v>
      </c>
      <c r="O4470" s="58">
        <f>IF(Input!$K$13=2,J4470*Input!$J$13,0)+IF(Input!$K$14=2,K4470*Input!$J$14,0)+IF(Input!$K$15=2,L4470*Input!$J$15,0)+IF(Input!$K$16=2,M4470*Input!$J$16,0)</f>
        <v>7.5850415134072952E-2</v>
      </c>
      <c r="P4470" s="58">
        <f>IF(Input!$K$13=3,J4470*Input!$J$13,0)+IF(Input!$K$14=3,K4470*Input!$J$14,0)+IF(Input!$K$15=3,L4470*Input!$J$15,0)+IF(Input!$K$16=3,M4470*Input!$J$16,0)</f>
        <v>0</v>
      </c>
      <c r="Q4470" s="71">
        <f>IF(Input!$K$13=4,J4470*Input!$J$13,0)+IF(Input!$K$14=4,K4470*Input!$J$14,0)+IF(Input!$K$15=4,L4470*Input!$J$15,0)+IF(Input!$K$16=4,M4470*Input!$J$16,0)</f>
        <v>0</v>
      </c>
    </row>
    <row r="4471" spans="8:17" x14ac:dyDescent="0.25">
      <c r="H4471" s="43">
        <v>4464</v>
      </c>
      <c r="I4471" s="55">
        <f>Bühler!I4497</f>
        <v>8.3833793150921675E-3</v>
      </c>
      <c r="J4471" s="58">
        <f>Bühler!J4497</f>
        <v>6.5540446526657536</v>
      </c>
      <c r="K4471" s="58">
        <f>Bühler!K4497</f>
        <v>0.56185492691905892</v>
      </c>
      <c r="L4471" s="58">
        <f>Bühler!L4497</f>
        <v>0.28092746345952946</v>
      </c>
      <c r="M4471" s="57">
        <f>Bühler!M4497</f>
        <v>0</v>
      </c>
      <c r="N4471" s="55">
        <f>IF(Input!$K$13=1,J4471*Input!$J$13,0)+IF(Input!$K$14=1,K4471*Input!$J$14,0)+IF(Input!$K$15=1,L4471*Input!$J$15,0)+IF(Input!$K$16=1,M4471*Input!$J$16,0)</f>
        <v>0.78648535831989042</v>
      </c>
      <c r="O4471" s="58">
        <f>IF(Input!$K$13=2,J4471*Input!$J$13,0)+IF(Input!$K$14=2,K4471*Input!$J$14,0)+IF(Input!$K$15=2,L4471*Input!$J$15,0)+IF(Input!$K$16=2,M4471*Input!$J$16,0)</f>
        <v>7.5850415134072952E-2</v>
      </c>
      <c r="P4471" s="58">
        <f>IF(Input!$K$13=3,J4471*Input!$J$13,0)+IF(Input!$K$14=3,K4471*Input!$J$14,0)+IF(Input!$K$15=3,L4471*Input!$J$15,0)+IF(Input!$K$16=3,M4471*Input!$J$16,0)</f>
        <v>0</v>
      </c>
      <c r="Q4471" s="71">
        <f>IF(Input!$K$13=4,J4471*Input!$J$13,0)+IF(Input!$K$14=4,K4471*Input!$J$14,0)+IF(Input!$K$15=4,L4471*Input!$J$15,0)+IF(Input!$K$16=4,M4471*Input!$J$16,0)</f>
        <v>0</v>
      </c>
    </row>
    <row r="4472" spans="8:17" x14ac:dyDescent="0.25">
      <c r="H4472" s="43">
        <v>4465</v>
      </c>
      <c r="I4472" s="55">
        <f>Bühler!I4498</f>
        <v>9.6974377072643211E-2</v>
      </c>
      <c r="J4472" s="58">
        <f>Bühler!J4498</f>
        <v>6.8434342015114424</v>
      </c>
      <c r="K4472" s="58">
        <f>Bühler!K4498</f>
        <v>0.56946977559476686</v>
      </c>
      <c r="L4472" s="58">
        <f>Bühler!L4498</f>
        <v>0.28473488779738343</v>
      </c>
      <c r="M4472" s="57">
        <f>Bühler!M4498</f>
        <v>0</v>
      </c>
      <c r="N4472" s="55">
        <f>IF(Input!$K$13=1,J4472*Input!$J$13,0)+IF(Input!$K$14=1,K4472*Input!$J$14,0)+IF(Input!$K$15=1,L4472*Input!$J$15,0)+IF(Input!$K$16=1,M4472*Input!$J$16,0)</f>
        <v>0.82121210418137303</v>
      </c>
      <c r="O4472" s="58">
        <f>IF(Input!$K$13=2,J4472*Input!$J$13,0)+IF(Input!$K$14=2,K4472*Input!$J$14,0)+IF(Input!$K$15=2,L4472*Input!$J$15,0)+IF(Input!$K$16=2,M4472*Input!$J$16,0)</f>
        <v>7.6878419705293521E-2</v>
      </c>
      <c r="P4472" s="58">
        <f>IF(Input!$K$13=3,J4472*Input!$J$13,0)+IF(Input!$K$14=3,K4472*Input!$J$14,0)+IF(Input!$K$15=3,L4472*Input!$J$15,0)+IF(Input!$K$16=3,M4472*Input!$J$16,0)</f>
        <v>0</v>
      </c>
      <c r="Q4472" s="71">
        <f>IF(Input!$K$13=4,J4472*Input!$J$13,0)+IF(Input!$K$14=4,K4472*Input!$J$14,0)+IF(Input!$K$15=4,L4472*Input!$J$15,0)+IF(Input!$K$16=4,M4472*Input!$J$16,0)</f>
        <v>0</v>
      </c>
    </row>
    <row r="4473" spans="8:17" x14ac:dyDescent="0.25">
      <c r="H4473" s="43">
        <v>4466</v>
      </c>
      <c r="I4473" s="55">
        <f>Bühler!I4499</f>
        <v>9.6974377072643211E-2</v>
      </c>
      <c r="J4473" s="58">
        <f>Bühler!J4499</f>
        <v>6.8434342015114424</v>
      </c>
      <c r="K4473" s="58">
        <f>Bühler!K4499</f>
        <v>0.56946977559476686</v>
      </c>
      <c r="L4473" s="58">
        <f>Bühler!L4499</f>
        <v>0.28473488779738343</v>
      </c>
      <c r="M4473" s="57">
        <f>Bühler!M4499</f>
        <v>0</v>
      </c>
      <c r="N4473" s="55">
        <f>IF(Input!$K$13=1,J4473*Input!$J$13,0)+IF(Input!$K$14=1,K4473*Input!$J$14,0)+IF(Input!$K$15=1,L4473*Input!$J$15,0)+IF(Input!$K$16=1,M4473*Input!$J$16,0)</f>
        <v>0.82121210418137303</v>
      </c>
      <c r="O4473" s="58">
        <f>IF(Input!$K$13=2,J4473*Input!$J$13,0)+IF(Input!$K$14=2,K4473*Input!$J$14,0)+IF(Input!$K$15=2,L4473*Input!$J$15,0)+IF(Input!$K$16=2,M4473*Input!$J$16,0)</f>
        <v>7.6878419705293521E-2</v>
      </c>
      <c r="P4473" s="58">
        <f>IF(Input!$K$13=3,J4473*Input!$J$13,0)+IF(Input!$K$14=3,K4473*Input!$J$14,0)+IF(Input!$K$15=3,L4473*Input!$J$15,0)+IF(Input!$K$16=3,M4473*Input!$J$16,0)</f>
        <v>0</v>
      </c>
      <c r="Q4473" s="71">
        <f>IF(Input!$K$13=4,J4473*Input!$J$13,0)+IF(Input!$K$14=4,K4473*Input!$J$14,0)+IF(Input!$K$15=4,L4473*Input!$J$15,0)+IF(Input!$K$16=4,M4473*Input!$J$16,0)</f>
        <v>0</v>
      </c>
    </row>
    <row r="4474" spans="8:17" x14ac:dyDescent="0.25">
      <c r="H4474" s="43">
        <v>4467</v>
      </c>
      <c r="I4474" s="55">
        <f>Bühler!I4500</f>
        <v>9.6974377072643211E-2</v>
      </c>
      <c r="J4474" s="58">
        <f>Bühler!J4500</f>
        <v>6.8434342015114424</v>
      </c>
      <c r="K4474" s="58">
        <f>Bühler!K4500</f>
        <v>0.56946977559476686</v>
      </c>
      <c r="L4474" s="58">
        <f>Bühler!L4500</f>
        <v>0.28473488779738343</v>
      </c>
      <c r="M4474" s="57">
        <f>Bühler!M4500</f>
        <v>0</v>
      </c>
      <c r="N4474" s="55">
        <f>IF(Input!$K$13=1,J4474*Input!$J$13,0)+IF(Input!$K$14=1,K4474*Input!$J$14,0)+IF(Input!$K$15=1,L4474*Input!$J$15,0)+IF(Input!$K$16=1,M4474*Input!$J$16,0)</f>
        <v>0.82121210418137303</v>
      </c>
      <c r="O4474" s="58">
        <f>IF(Input!$K$13=2,J4474*Input!$J$13,0)+IF(Input!$K$14=2,K4474*Input!$J$14,0)+IF(Input!$K$15=2,L4474*Input!$J$15,0)+IF(Input!$K$16=2,M4474*Input!$J$16,0)</f>
        <v>7.6878419705293521E-2</v>
      </c>
      <c r="P4474" s="58">
        <f>IF(Input!$K$13=3,J4474*Input!$J$13,0)+IF(Input!$K$14=3,K4474*Input!$J$14,0)+IF(Input!$K$15=3,L4474*Input!$J$15,0)+IF(Input!$K$16=3,M4474*Input!$J$16,0)</f>
        <v>0</v>
      </c>
      <c r="Q4474" s="71">
        <f>IF(Input!$K$13=4,J4474*Input!$J$13,0)+IF(Input!$K$14=4,K4474*Input!$J$14,0)+IF(Input!$K$15=4,L4474*Input!$J$15,0)+IF(Input!$K$16=4,M4474*Input!$J$16,0)</f>
        <v>0</v>
      </c>
    </row>
    <row r="4475" spans="8:17" x14ac:dyDescent="0.25">
      <c r="H4475" s="43">
        <v>4468</v>
      </c>
      <c r="I4475" s="55">
        <f>Bühler!I4501</f>
        <v>9.6974377072643211E-2</v>
      </c>
      <c r="J4475" s="58">
        <f>Bühler!J4501</f>
        <v>6.8434342015114424</v>
      </c>
      <c r="K4475" s="58">
        <f>Bühler!K4501</f>
        <v>0.56946977559476686</v>
      </c>
      <c r="L4475" s="58">
        <f>Bühler!L4501</f>
        <v>0.28473488779738343</v>
      </c>
      <c r="M4475" s="57">
        <f>Bühler!M4501</f>
        <v>0</v>
      </c>
      <c r="N4475" s="55">
        <f>IF(Input!$K$13=1,J4475*Input!$J$13,0)+IF(Input!$K$14=1,K4475*Input!$J$14,0)+IF(Input!$K$15=1,L4475*Input!$J$15,0)+IF(Input!$K$16=1,M4475*Input!$J$16,0)</f>
        <v>0.82121210418137303</v>
      </c>
      <c r="O4475" s="58">
        <f>IF(Input!$K$13=2,J4475*Input!$J$13,0)+IF(Input!$K$14=2,K4475*Input!$J$14,0)+IF(Input!$K$15=2,L4475*Input!$J$15,0)+IF(Input!$K$16=2,M4475*Input!$J$16,0)</f>
        <v>7.6878419705293521E-2</v>
      </c>
      <c r="P4475" s="58">
        <f>IF(Input!$K$13=3,J4475*Input!$J$13,0)+IF(Input!$K$14=3,K4475*Input!$J$14,0)+IF(Input!$K$15=3,L4475*Input!$J$15,0)+IF(Input!$K$16=3,M4475*Input!$J$16,0)</f>
        <v>0</v>
      </c>
      <c r="Q4475" s="71">
        <f>IF(Input!$K$13=4,J4475*Input!$J$13,0)+IF(Input!$K$14=4,K4475*Input!$J$14,0)+IF(Input!$K$15=4,L4475*Input!$J$15,0)+IF(Input!$K$16=4,M4475*Input!$J$16,0)</f>
        <v>0</v>
      </c>
    </row>
    <row r="4476" spans="8:17" x14ac:dyDescent="0.25">
      <c r="H4476" s="43">
        <v>4469</v>
      </c>
      <c r="I4476" s="55">
        <f>Bühler!I4502</f>
        <v>9.6974377072643211E-2</v>
      </c>
      <c r="J4476" s="58">
        <f>Bühler!J4502</f>
        <v>6.8434342015114424</v>
      </c>
      <c r="K4476" s="58">
        <f>Bühler!K4502</f>
        <v>0.56946977559476686</v>
      </c>
      <c r="L4476" s="58">
        <f>Bühler!L4502</f>
        <v>0.28473488779738343</v>
      </c>
      <c r="M4476" s="57">
        <f>Bühler!M4502</f>
        <v>0</v>
      </c>
      <c r="N4476" s="55">
        <f>IF(Input!$K$13=1,J4476*Input!$J$13,0)+IF(Input!$K$14=1,K4476*Input!$J$14,0)+IF(Input!$K$15=1,L4476*Input!$J$15,0)+IF(Input!$K$16=1,M4476*Input!$J$16,0)</f>
        <v>0.82121210418137303</v>
      </c>
      <c r="O4476" s="58">
        <f>IF(Input!$K$13=2,J4476*Input!$J$13,0)+IF(Input!$K$14=2,K4476*Input!$J$14,0)+IF(Input!$K$15=2,L4476*Input!$J$15,0)+IF(Input!$K$16=2,M4476*Input!$J$16,0)</f>
        <v>7.6878419705293521E-2</v>
      </c>
      <c r="P4476" s="58">
        <f>IF(Input!$K$13=3,J4476*Input!$J$13,0)+IF(Input!$K$14=3,K4476*Input!$J$14,0)+IF(Input!$K$15=3,L4476*Input!$J$15,0)+IF(Input!$K$16=3,M4476*Input!$J$16,0)</f>
        <v>0</v>
      </c>
      <c r="Q4476" s="71">
        <f>IF(Input!$K$13=4,J4476*Input!$J$13,0)+IF(Input!$K$14=4,K4476*Input!$J$14,0)+IF(Input!$K$15=4,L4476*Input!$J$15,0)+IF(Input!$K$16=4,M4476*Input!$J$16,0)</f>
        <v>0</v>
      </c>
    </row>
    <row r="4477" spans="8:17" x14ac:dyDescent="0.25">
      <c r="H4477" s="43">
        <v>4470</v>
      </c>
      <c r="I4477" s="55">
        <f>Bühler!I4503</f>
        <v>9.6974377072643211E-2</v>
      </c>
      <c r="J4477" s="58">
        <f>Bühler!J4503</f>
        <v>6.8434342015114424</v>
      </c>
      <c r="K4477" s="58">
        <f>Bühler!K4503</f>
        <v>0.56946977559476686</v>
      </c>
      <c r="L4477" s="58">
        <f>Bühler!L4503</f>
        <v>0.28473488779738343</v>
      </c>
      <c r="M4477" s="57">
        <f>Bühler!M4503</f>
        <v>0</v>
      </c>
      <c r="N4477" s="55">
        <f>IF(Input!$K$13=1,J4477*Input!$J$13,0)+IF(Input!$K$14=1,K4477*Input!$J$14,0)+IF(Input!$K$15=1,L4477*Input!$J$15,0)+IF(Input!$K$16=1,M4477*Input!$J$16,0)</f>
        <v>0.82121210418137303</v>
      </c>
      <c r="O4477" s="58">
        <f>IF(Input!$K$13=2,J4477*Input!$J$13,0)+IF(Input!$K$14=2,K4477*Input!$J$14,0)+IF(Input!$K$15=2,L4477*Input!$J$15,0)+IF(Input!$K$16=2,M4477*Input!$J$16,0)</f>
        <v>7.6878419705293521E-2</v>
      </c>
      <c r="P4477" s="58">
        <f>IF(Input!$K$13=3,J4477*Input!$J$13,0)+IF(Input!$K$14=3,K4477*Input!$J$14,0)+IF(Input!$K$15=3,L4477*Input!$J$15,0)+IF(Input!$K$16=3,M4477*Input!$J$16,0)</f>
        <v>0</v>
      </c>
      <c r="Q4477" s="71">
        <f>IF(Input!$K$13=4,J4477*Input!$J$13,0)+IF(Input!$K$14=4,K4477*Input!$J$14,0)+IF(Input!$K$15=4,L4477*Input!$J$15,0)+IF(Input!$K$16=4,M4477*Input!$J$16,0)</f>
        <v>0</v>
      </c>
    </row>
    <row r="4478" spans="8:17" x14ac:dyDescent="0.25">
      <c r="H4478" s="43">
        <v>4471</v>
      </c>
      <c r="I4478" s="55">
        <f>Bühler!I4504</f>
        <v>9.6974377072643211E-2</v>
      </c>
      <c r="J4478" s="58">
        <f>Bühler!J4504</f>
        <v>6.8434342015114424</v>
      </c>
      <c r="K4478" s="58">
        <f>Bühler!K4504</f>
        <v>0.56946977559476686</v>
      </c>
      <c r="L4478" s="58">
        <f>Bühler!L4504</f>
        <v>0.28473488779738343</v>
      </c>
      <c r="M4478" s="57">
        <f>Bühler!M4504</f>
        <v>0</v>
      </c>
      <c r="N4478" s="55">
        <f>IF(Input!$K$13=1,J4478*Input!$J$13,0)+IF(Input!$K$14=1,K4478*Input!$J$14,0)+IF(Input!$K$15=1,L4478*Input!$J$15,0)+IF(Input!$K$16=1,M4478*Input!$J$16,0)</f>
        <v>0.82121210418137303</v>
      </c>
      <c r="O4478" s="58">
        <f>IF(Input!$K$13=2,J4478*Input!$J$13,0)+IF(Input!$K$14=2,K4478*Input!$J$14,0)+IF(Input!$K$15=2,L4478*Input!$J$15,0)+IF(Input!$K$16=2,M4478*Input!$J$16,0)</f>
        <v>7.6878419705293521E-2</v>
      </c>
      <c r="P4478" s="58">
        <f>IF(Input!$K$13=3,J4478*Input!$J$13,0)+IF(Input!$K$14=3,K4478*Input!$J$14,0)+IF(Input!$K$15=3,L4478*Input!$J$15,0)+IF(Input!$K$16=3,M4478*Input!$J$16,0)</f>
        <v>0</v>
      </c>
      <c r="Q4478" s="71">
        <f>IF(Input!$K$13=4,J4478*Input!$J$13,0)+IF(Input!$K$14=4,K4478*Input!$J$14,0)+IF(Input!$K$15=4,L4478*Input!$J$15,0)+IF(Input!$K$16=4,M4478*Input!$J$16,0)</f>
        <v>0</v>
      </c>
    </row>
    <row r="4479" spans="8:17" x14ac:dyDescent="0.25">
      <c r="H4479" s="43">
        <v>4472</v>
      </c>
      <c r="I4479" s="55">
        <f>Bühler!I4505</f>
        <v>0.26716440883513204</v>
      </c>
      <c r="J4479" s="58">
        <f>Bühler!J4505</f>
        <v>27.835103160920955</v>
      </c>
      <c r="K4479" s="58">
        <f>Bühler!K4505</f>
        <v>2.3279234159919406</v>
      </c>
      <c r="L4479" s="58">
        <f>Bühler!L4505</f>
        <v>1.1639617079959703</v>
      </c>
      <c r="M4479" s="57">
        <f>Bühler!M4505</f>
        <v>0</v>
      </c>
      <c r="N4479" s="55">
        <f>IF(Input!$K$13=1,J4479*Input!$J$13,0)+IF(Input!$K$14=1,K4479*Input!$J$14,0)+IF(Input!$K$15=1,L4479*Input!$J$15,0)+IF(Input!$K$16=1,M4479*Input!$J$16,0)</f>
        <v>3.3402123793105143</v>
      </c>
      <c r="O4479" s="58">
        <f>IF(Input!$K$13=2,J4479*Input!$J$13,0)+IF(Input!$K$14=2,K4479*Input!$J$14,0)+IF(Input!$K$15=2,L4479*Input!$J$15,0)+IF(Input!$K$16=2,M4479*Input!$J$16,0)</f>
        <v>0.31426966115891197</v>
      </c>
      <c r="P4479" s="58">
        <f>IF(Input!$K$13=3,J4479*Input!$J$13,0)+IF(Input!$K$14=3,K4479*Input!$J$14,0)+IF(Input!$K$15=3,L4479*Input!$J$15,0)+IF(Input!$K$16=3,M4479*Input!$J$16,0)</f>
        <v>0</v>
      </c>
      <c r="Q4479" s="71">
        <f>IF(Input!$K$13=4,J4479*Input!$J$13,0)+IF(Input!$K$14=4,K4479*Input!$J$14,0)+IF(Input!$K$15=4,L4479*Input!$J$15,0)+IF(Input!$K$16=4,M4479*Input!$J$16,0)</f>
        <v>0</v>
      </c>
    </row>
    <row r="4480" spans="8:17" x14ac:dyDescent="0.25">
      <c r="H4480" s="43">
        <v>4473</v>
      </c>
      <c r="I4480" s="55">
        <f>Bühler!I4506</f>
        <v>0.29809923512130521</v>
      </c>
      <c r="J4480" s="58">
        <f>Bühler!J4506</f>
        <v>31.0581151058697</v>
      </c>
      <c r="K4480" s="58">
        <f>Bühler!K4506</f>
        <v>2.5974724431067973</v>
      </c>
      <c r="L4480" s="58">
        <f>Bühler!L4506</f>
        <v>1.2987362215533986</v>
      </c>
      <c r="M4480" s="57">
        <f>Bühler!M4506</f>
        <v>0</v>
      </c>
      <c r="N4480" s="55">
        <f>IF(Input!$K$13=1,J4480*Input!$J$13,0)+IF(Input!$K$14=1,K4480*Input!$J$14,0)+IF(Input!$K$15=1,L4480*Input!$J$15,0)+IF(Input!$K$16=1,M4480*Input!$J$16,0)</f>
        <v>3.7269738127043639</v>
      </c>
      <c r="O4480" s="58">
        <f>IF(Input!$K$13=2,J4480*Input!$J$13,0)+IF(Input!$K$14=2,K4480*Input!$J$14,0)+IF(Input!$K$15=2,L4480*Input!$J$15,0)+IF(Input!$K$16=2,M4480*Input!$J$16,0)</f>
        <v>0.35065877981941762</v>
      </c>
      <c r="P4480" s="58">
        <f>IF(Input!$K$13=3,J4480*Input!$J$13,0)+IF(Input!$K$14=3,K4480*Input!$J$14,0)+IF(Input!$K$15=3,L4480*Input!$J$15,0)+IF(Input!$K$16=3,M4480*Input!$J$16,0)</f>
        <v>0</v>
      </c>
      <c r="Q4480" s="71">
        <f>IF(Input!$K$13=4,J4480*Input!$J$13,0)+IF(Input!$K$14=4,K4480*Input!$J$14,0)+IF(Input!$K$15=4,L4480*Input!$J$15,0)+IF(Input!$K$16=4,M4480*Input!$J$16,0)</f>
        <v>0</v>
      </c>
    </row>
    <row r="4481" spans="8:17" x14ac:dyDescent="0.25">
      <c r="H4481" s="43">
        <v>4474</v>
      </c>
      <c r="I4481" s="55">
        <f>Bühler!I4507</f>
        <v>0.32903406140747837</v>
      </c>
      <c r="J4481" s="58">
        <f>Bühler!J4507</f>
        <v>34.281127050818448</v>
      </c>
      <c r="K4481" s="58">
        <f>Bühler!K4507</f>
        <v>2.8670214702216534</v>
      </c>
      <c r="L4481" s="58">
        <f>Bühler!L4507</f>
        <v>1.4335107351108267</v>
      </c>
      <c r="M4481" s="57">
        <f>Bühler!M4507</f>
        <v>0</v>
      </c>
      <c r="N4481" s="55">
        <f>IF(Input!$K$13=1,J4481*Input!$J$13,0)+IF(Input!$K$14=1,K4481*Input!$J$14,0)+IF(Input!$K$15=1,L4481*Input!$J$15,0)+IF(Input!$K$16=1,M4481*Input!$J$16,0)</f>
        <v>4.1137352460982139</v>
      </c>
      <c r="O4481" s="58">
        <f>IF(Input!$K$13=2,J4481*Input!$J$13,0)+IF(Input!$K$14=2,K4481*Input!$J$14,0)+IF(Input!$K$15=2,L4481*Input!$J$15,0)+IF(Input!$K$16=2,M4481*Input!$J$16,0)</f>
        <v>0.38704789847992321</v>
      </c>
      <c r="P4481" s="58">
        <f>IF(Input!$K$13=3,J4481*Input!$J$13,0)+IF(Input!$K$14=3,K4481*Input!$J$14,0)+IF(Input!$K$15=3,L4481*Input!$J$15,0)+IF(Input!$K$16=3,M4481*Input!$J$16,0)</f>
        <v>0</v>
      </c>
      <c r="Q4481" s="71">
        <f>IF(Input!$K$13=4,J4481*Input!$J$13,0)+IF(Input!$K$14=4,K4481*Input!$J$14,0)+IF(Input!$K$15=4,L4481*Input!$J$15,0)+IF(Input!$K$16=4,M4481*Input!$J$16,0)</f>
        <v>0</v>
      </c>
    </row>
    <row r="4482" spans="8:17" x14ac:dyDescent="0.25">
      <c r="H4482" s="43">
        <v>4475</v>
      </c>
      <c r="I4482" s="55">
        <f>Bühler!I4508</f>
        <v>0.32903406140747837</v>
      </c>
      <c r="J4482" s="58">
        <f>Bühler!J4508</f>
        <v>34.281127050818448</v>
      </c>
      <c r="K4482" s="58">
        <f>Bühler!K4508</f>
        <v>2.8670214702216534</v>
      </c>
      <c r="L4482" s="58">
        <f>Bühler!L4508</f>
        <v>1.4335107351108267</v>
      </c>
      <c r="M4482" s="57">
        <f>Bühler!M4508</f>
        <v>0</v>
      </c>
      <c r="N4482" s="55">
        <f>IF(Input!$K$13=1,J4482*Input!$J$13,0)+IF(Input!$K$14=1,K4482*Input!$J$14,0)+IF(Input!$K$15=1,L4482*Input!$J$15,0)+IF(Input!$K$16=1,M4482*Input!$J$16,0)</f>
        <v>4.1137352460982139</v>
      </c>
      <c r="O4482" s="58">
        <f>IF(Input!$K$13=2,J4482*Input!$J$13,0)+IF(Input!$K$14=2,K4482*Input!$J$14,0)+IF(Input!$K$15=2,L4482*Input!$J$15,0)+IF(Input!$K$16=2,M4482*Input!$J$16,0)</f>
        <v>0.38704789847992321</v>
      </c>
      <c r="P4482" s="58">
        <f>IF(Input!$K$13=3,J4482*Input!$J$13,0)+IF(Input!$K$14=3,K4482*Input!$J$14,0)+IF(Input!$K$15=3,L4482*Input!$J$15,0)+IF(Input!$K$16=3,M4482*Input!$J$16,0)</f>
        <v>0</v>
      </c>
      <c r="Q4482" s="71">
        <f>IF(Input!$K$13=4,J4482*Input!$J$13,0)+IF(Input!$K$14=4,K4482*Input!$J$14,0)+IF(Input!$K$15=4,L4482*Input!$J$15,0)+IF(Input!$K$16=4,M4482*Input!$J$16,0)</f>
        <v>0</v>
      </c>
    </row>
    <row r="4483" spans="8:17" x14ac:dyDescent="0.25">
      <c r="H4483" s="43">
        <v>4476</v>
      </c>
      <c r="I4483" s="55">
        <f>Bühler!I4509</f>
        <v>0.39371597091493138</v>
      </c>
      <c r="J4483" s="58">
        <f>Bühler!J4509</f>
        <v>41.020152026620359</v>
      </c>
      <c r="K4483" s="58">
        <f>Bühler!K4509</f>
        <v>3.4306239814618071</v>
      </c>
      <c r="L4483" s="58">
        <f>Bühler!L4509</f>
        <v>1.7153119907309036</v>
      </c>
      <c r="M4483" s="57">
        <f>Bühler!M4509</f>
        <v>0</v>
      </c>
      <c r="N4483" s="55">
        <f>IF(Input!$K$13=1,J4483*Input!$J$13,0)+IF(Input!$K$14=1,K4483*Input!$J$14,0)+IF(Input!$K$15=1,L4483*Input!$J$15,0)+IF(Input!$K$16=1,M4483*Input!$J$16,0)</f>
        <v>4.9224182431944428</v>
      </c>
      <c r="O4483" s="58">
        <f>IF(Input!$K$13=2,J4483*Input!$J$13,0)+IF(Input!$K$14=2,K4483*Input!$J$14,0)+IF(Input!$K$15=2,L4483*Input!$J$15,0)+IF(Input!$K$16=2,M4483*Input!$J$16,0)</f>
        <v>0.46313423749734395</v>
      </c>
      <c r="P4483" s="58">
        <f>IF(Input!$K$13=3,J4483*Input!$J$13,0)+IF(Input!$K$14=3,K4483*Input!$J$14,0)+IF(Input!$K$15=3,L4483*Input!$J$15,0)+IF(Input!$K$16=3,M4483*Input!$J$16,0)</f>
        <v>0</v>
      </c>
      <c r="Q4483" s="71">
        <f>IF(Input!$K$13=4,J4483*Input!$J$13,0)+IF(Input!$K$14=4,K4483*Input!$J$14,0)+IF(Input!$K$15=4,L4483*Input!$J$15,0)+IF(Input!$K$16=4,M4483*Input!$J$16,0)</f>
        <v>0</v>
      </c>
    </row>
    <row r="4484" spans="8:17" x14ac:dyDescent="0.25">
      <c r="H4484" s="43">
        <v>4477</v>
      </c>
      <c r="I4484" s="55">
        <f>Bühler!I4510</f>
        <v>0.39371597091493138</v>
      </c>
      <c r="J4484" s="58">
        <f>Bühler!J4510</f>
        <v>41.020152026620359</v>
      </c>
      <c r="K4484" s="58">
        <f>Bühler!K4510</f>
        <v>3.4306239814618071</v>
      </c>
      <c r="L4484" s="58">
        <f>Bühler!L4510</f>
        <v>1.7153119907309036</v>
      </c>
      <c r="M4484" s="57">
        <f>Bühler!M4510</f>
        <v>0</v>
      </c>
      <c r="N4484" s="55">
        <f>IF(Input!$K$13=1,J4484*Input!$J$13,0)+IF(Input!$K$14=1,K4484*Input!$J$14,0)+IF(Input!$K$15=1,L4484*Input!$J$15,0)+IF(Input!$K$16=1,M4484*Input!$J$16,0)</f>
        <v>4.9224182431944428</v>
      </c>
      <c r="O4484" s="58">
        <f>IF(Input!$K$13=2,J4484*Input!$J$13,0)+IF(Input!$K$14=2,K4484*Input!$J$14,0)+IF(Input!$K$15=2,L4484*Input!$J$15,0)+IF(Input!$K$16=2,M4484*Input!$J$16,0)</f>
        <v>0.46313423749734395</v>
      </c>
      <c r="P4484" s="58">
        <f>IF(Input!$K$13=3,J4484*Input!$J$13,0)+IF(Input!$K$14=3,K4484*Input!$J$14,0)+IF(Input!$K$15=3,L4484*Input!$J$15,0)+IF(Input!$K$16=3,M4484*Input!$J$16,0)</f>
        <v>0</v>
      </c>
      <c r="Q4484" s="71">
        <f>IF(Input!$K$13=4,J4484*Input!$J$13,0)+IF(Input!$K$14=4,K4484*Input!$J$14,0)+IF(Input!$K$15=4,L4484*Input!$J$15,0)+IF(Input!$K$16=4,M4484*Input!$J$16,0)</f>
        <v>0</v>
      </c>
    </row>
    <row r="4485" spans="8:17" x14ac:dyDescent="0.25">
      <c r="H4485" s="43">
        <v>4478</v>
      </c>
      <c r="I4485" s="55">
        <f>Bühler!I4511</f>
        <v>0.2615398949649187</v>
      </c>
      <c r="J4485" s="58">
        <f>Bühler!J4511</f>
        <v>27.24910098911209</v>
      </c>
      <c r="K4485" s="58">
        <f>Bühler!K4511</f>
        <v>2.2789145019710575</v>
      </c>
      <c r="L4485" s="58">
        <f>Bühler!L4511</f>
        <v>1.1394572509855287</v>
      </c>
      <c r="M4485" s="57">
        <f>Bühler!M4511</f>
        <v>0</v>
      </c>
      <c r="N4485" s="55">
        <f>IF(Input!$K$13=1,J4485*Input!$J$13,0)+IF(Input!$K$14=1,K4485*Input!$J$14,0)+IF(Input!$K$15=1,L4485*Input!$J$15,0)+IF(Input!$K$16=1,M4485*Input!$J$16,0)</f>
        <v>3.2698921186934506</v>
      </c>
      <c r="O4485" s="58">
        <f>IF(Input!$K$13=2,J4485*Input!$J$13,0)+IF(Input!$K$14=2,K4485*Input!$J$14,0)+IF(Input!$K$15=2,L4485*Input!$J$15,0)+IF(Input!$K$16=2,M4485*Input!$J$16,0)</f>
        <v>0.30765345776609276</v>
      </c>
      <c r="P4485" s="58">
        <f>IF(Input!$K$13=3,J4485*Input!$J$13,0)+IF(Input!$K$14=3,K4485*Input!$J$14,0)+IF(Input!$K$15=3,L4485*Input!$J$15,0)+IF(Input!$K$16=3,M4485*Input!$J$16,0)</f>
        <v>0</v>
      </c>
      <c r="Q4485" s="71">
        <f>IF(Input!$K$13=4,J4485*Input!$J$13,0)+IF(Input!$K$14=4,K4485*Input!$J$14,0)+IF(Input!$K$15=4,L4485*Input!$J$15,0)+IF(Input!$K$16=4,M4485*Input!$J$16,0)</f>
        <v>0</v>
      </c>
    </row>
    <row r="4486" spans="8:17" x14ac:dyDescent="0.25">
      <c r="H4486" s="43">
        <v>4479</v>
      </c>
      <c r="I4486" s="55">
        <f>Bühler!I4512</f>
        <v>0.39371597091493138</v>
      </c>
      <c r="J4486" s="58">
        <f>Bühler!J4512</f>
        <v>41.020152026620359</v>
      </c>
      <c r="K4486" s="58">
        <f>Bühler!K4512</f>
        <v>3.4306239814618071</v>
      </c>
      <c r="L4486" s="58">
        <f>Bühler!L4512</f>
        <v>1.7153119907309036</v>
      </c>
      <c r="M4486" s="57">
        <f>Bühler!M4512</f>
        <v>0</v>
      </c>
      <c r="N4486" s="55">
        <f>IF(Input!$K$13=1,J4486*Input!$J$13,0)+IF(Input!$K$14=1,K4486*Input!$J$14,0)+IF(Input!$K$15=1,L4486*Input!$J$15,0)+IF(Input!$K$16=1,M4486*Input!$J$16,0)</f>
        <v>4.9224182431944428</v>
      </c>
      <c r="O4486" s="58">
        <f>IF(Input!$K$13=2,J4486*Input!$J$13,0)+IF(Input!$K$14=2,K4486*Input!$J$14,0)+IF(Input!$K$15=2,L4486*Input!$J$15,0)+IF(Input!$K$16=2,M4486*Input!$J$16,0)</f>
        <v>0.46313423749734395</v>
      </c>
      <c r="P4486" s="58">
        <f>IF(Input!$K$13=3,J4486*Input!$J$13,0)+IF(Input!$K$14=3,K4486*Input!$J$14,0)+IF(Input!$K$15=3,L4486*Input!$J$15,0)+IF(Input!$K$16=3,M4486*Input!$J$16,0)</f>
        <v>0</v>
      </c>
      <c r="Q4486" s="71">
        <f>IF(Input!$K$13=4,J4486*Input!$J$13,0)+IF(Input!$K$14=4,K4486*Input!$J$14,0)+IF(Input!$K$15=4,L4486*Input!$J$15,0)+IF(Input!$K$16=4,M4486*Input!$J$16,0)</f>
        <v>0</v>
      </c>
    </row>
    <row r="4487" spans="8:17" x14ac:dyDescent="0.25">
      <c r="H4487" s="43">
        <v>4480</v>
      </c>
      <c r="I4487" s="55">
        <f>Bühler!I4513</f>
        <v>0.39371597091493138</v>
      </c>
      <c r="J4487" s="58">
        <f>Bühler!J4513</f>
        <v>41.020152026620359</v>
      </c>
      <c r="K4487" s="58">
        <f>Bühler!K4513</f>
        <v>3.4306239814618071</v>
      </c>
      <c r="L4487" s="58">
        <f>Bühler!L4513</f>
        <v>1.7153119907309036</v>
      </c>
      <c r="M4487" s="57">
        <f>Bühler!M4513</f>
        <v>0</v>
      </c>
      <c r="N4487" s="55">
        <f>IF(Input!$K$13=1,J4487*Input!$J$13,0)+IF(Input!$K$14=1,K4487*Input!$J$14,0)+IF(Input!$K$15=1,L4487*Input!$J$15,0)+IF(Input!$K$16=1,M4487*Input!$J$16,0)</f>
        <v>4.9224182431944428</v>
      </c>
      <c r="O4487" s="58">
        <f>IF(Input!$K$13=2,J4487*Input!$J$13,0)+IF(Input!$K$14=2,K4487*Input!$J$14,0)+IF(Input!$K$15=2,L4487*Input!$J$15,0)+IF(Input!$K$16=2,M4487*Input!$J$16,0)</f>
        <v>0.46313423749734395</v>
      </c>
      <c r="P4487" s="58">
        <f>IF(Input!$K$13=3,J4487*Input!$J$13,0)+IF(Input!$K$14=3,K4487*Input!$J$14,0)+IF(Input!$K$15=3,L4487*Input!$J$15,0)+IF(Input!$K$16=3,M4487*Input!$J$16,0)</f>
        <v>0</v>
      </c>
      <c r="Q4487" s="71">
        <f>IF(Input!$K$13=4,J4487*Input!$J$13,0)+IF(Input!$K$14=4,K4487*Input!$J$14,0)+IF(Input!$K$15=4,L4487*Input!$J$15,0)+IF(Input!$K$16=4,M4487*Input!$J$16,0)</f>
        <v>0</v>
      </c>
    </row>
    <row r="4488" spans="8:17" x14ac:dyDescent="0.25">
      <c r="H4488" s="43">
        <v>4481</v>
      </c>
      <c r="I4488" s="55">
        <f>Bühler!I4514</f>
        <v>0.32898557421894215</v>
      </c>
      <c r="J4488" s="58">
        <f>Bühler!J4514</f>
        <v>24.277645162277601</v>
      </c>
      <c r="K4488" s="58">
        <f>Bühler!K4514</f>
        <v>2.021617703361422</v>
      </c>
      <c r="L4488" s="58">
        <f>Bühler!L4514</f>
        <v>1.010808851680711</v>
      </c>
      <c r="M4488" s="57">
        <f>Bühler!M4514</f>
        <v>0</v>
      </c>
      <c r="N4488" s="55">
        <f>IF(Input!$K$13=1,J4488*Input!$J$13,0)+IF(Input!$K$14=1,K4488*Input!$J$14,0)+IF(Input!$K$15=1,L4488*Input!$J$15,0)+IF(Input!$K$16=1,M4488*Input!$J$16,0)</f>
        <v>2.9133174194733118</v>
      </c>
      <c r="O4488" s="58">
        <f>IF(Input!$K$13=2,J4488*Input!$J$13,0)+IF(Input!$K$14=2,K4488*Input!$J$14,0)+IF(Input!$K$15=2,L4488*Input!$J$15,0)+IF(Input!$K$16=2,M4488*Input!$J$16,0)</f>
        <v>0.27291838995379197</v>
      </c>
      <c r="P4488" s="58">
        <f>IF(Input!$K$13=3,J4488*Input!$J$13,0)+IF(Input!$K$14=3,K4488*Input!$J$14,0)+IF(Input!$K$15=3,L4488*Input!$J$15,0)+IF(Input!$K$16=3,M4488*Input!$J$16,0)</f>
        <v>0</v>
      </c>
      <c r="Q4488" s="71">
        <f>IF(Input!$K$13=4,J4488*Input!$J$13,0)+IF(Input!$K$14=4,K4488*Input!$J$14,0)+IF(Input!$K$15=4,L4488*Input!$J$15,0)+IF(Input!$K$16=4,M4488*Input!$J$16,0)</f>
        <v>0</v>
      </c>
    </row>
    <row r="4489" spans="8:17" x14ac:dyDescent="0.25">
      <c r="H4489" s="43">
        <v>4482</v>
      </c>
      <c r="I4489" s="55">
        <f>Bühler!I4515</f>
        <v>0.26158838215345503</v>
      </c>
      <c r="J4489" s="58">
        <f>Bühler!J4515</f>
        <v>10.493051999377474</v>
      </c>
      <c r="K4489" s="58">
        <f>Bühler!K4515</f>
        <v>0.86283299332540431</v>
      </c>
      <c r="L4489" s="58">
        <f>Bühler!L4515</f>
        <v>0.43141649666270215</v>
      </c>
      <c r="M4489" s="57">
        <f>Bühler!M4515</f>
        <v>0</v>
      </c>
      <c r="N4489" s="55">
        <f>IF(Input!$K$13=1,J4489*Input!$J$13,0)+IF(Input!$K$14=1,K4489*Input!$J$14,0)+IF(Input!$K$15=1,L4489*Input!$J$15,0)+IF(Input!$K$16=1,M4489*Input!$J$16,0)</f>
        <v>1.259166239925297</v>
      </c>
      <c r="O4489" s="58">
        <f>IF(Input!$K$13=2,J4489*Input!$J$13,0)+IF(Input!$K$14=2,K4489*Input!$J$14,0)+IF(Input!$K$15=2,L4489*Input!$J$15,0)+IF(Input!$K$16=2,M4489*Input!$J$16,0)</f>
        <v>0.11648245409892957</v>
      </c>
      <c r="P4489" s="58">
        <f>IF(Input!$K$13=3,J4489*Input!$J$13,0)+IF(Input!$K$14=3,K4489*Input!$J$14,0)+IF(Input!$K$15=3,L4489*Input!$J$15,0)+IF(Input!$K$16=3,M4489*Input!$J$16,0)</f>
        <v>0</v>
      </c>
      <c r="Q4489" s="71">
        <f>IF(Input!$K$13=4,J4489*Input!$J$13,0)+IF(Input!$K$14=4,K4489*Input!$J$14,0)+IF(Input!$K$15=4,L4489*Input!$J$15,0)+IF(Input!$K$16=4,M4489*Input!$J$16,0)</f>
        <v>0</v>
      </c>
    </row>
    <row r="4490" spans="8:17" x14ac:dyDescent="0.25">
      <c r="H4490" s="43">
        <v>4483</v>
      </c>
      <c r="I4490" s="55">
        <f>Bühler!I4516</f>
        <v>9.6974377072643211E-2</v>
      </c>
      <c r="J4490" s="58">
        <f>Bühler!J4516</f>
        <v>6.8434342015114424</v>
      </c>
      <c r="K4490" s="58">
        <f>Bühler!K4516</f>
        <v>0.56946977559476686</v>
      </c>
      <c r="L4490" s="58">
        <f>Bühler!L4516</f>
        <v>0.28473488779738343</v>
      </c>
      <c r="M4490" s="57">
        <f>Bühler!M4516</f>
        <v>0</v>
      </c>
      <c r="N4490" s="55">
        <f>IF(Input!$K$13=1,J4490*Input!$J$13,0)+IF(Input!$K$14=1,K4490*Input!$J$14,0)+IF(Input!$K$15=1,L4490*Input!$J$15,0)+IF(Input!$K$16=1,M4490*Input!$J$16,0)</f>
        <v>0.82121210418137303</v>
      </c>
      <c r="O4490" s="58">
        <f>IF(Input!$K$13=2,J4490*Input!$J$13,0)+IF(Input!$K$14=2,K4490*Input!$J$14,0)+IF(Input!$K$15=2,L4490*Input!$J$15,0)+IF(Input!$K$16=2,M4490*Input!$J$16,0)</f>
        <v>7.6878419705293521E-2</v>
      </c>
      <c r="P4490" s="58">
        <f>IF(Input!$K$13=3,J4490*Input!$J$13,0)+IF(Input!$K$14=3,K4490*Input!$J$14,0)+IF(Input!$K$15=3,L4490*Input!$J$15,0)+IF(Input!$K$16=3,M4490*Input!$J$16,0)</f>
        <v>0</v>
      </c>
      <c r="Q4490" s="71">
        <f>IF(Input!$K$13=4,J4490*Input!$J$13,0)+IF(Input!$K$14=4,K4490*Input!$J$14,0)+IF(Input!$K$15=4,L4490*Input!$J$15,0)+IF(Input!$K$16=4,M4490*Input!$J$16,0)</f>
        <v>0</v>
      </c>
    </row>
    <row r="4491" spans="8:17" x14ac:dyDescent="0.25">
      <c r="H4491" s="43">
        <v>4484</v>
      </c>
      <c r="I4491" s="55">
        <f>Bühler!I4517</f>
        <v>9.6974377072643211E-2</v>
      </c>
      <c r="J4491" s="58">
        <f>Bühler!J4517</f>
        <v>6.8434342015114424</v>
      </c>
      <c r="K4491" s="58">
        <f>Bühler!K4517</f>
        <v>0.56946977559476686</v>
      </c>
      <c r="L4491" s="58">
        <f>Bühler!L4517</f>
        <v>0.28473488779738343</v>
      </c>
      <c r="M4491" s="57">
        <f>Bühler!M4517</f>
        <v>0</v>
      </c>
      <c r="N4491" s="55">
        <f>IF(Input!$K$13=1,J4491*Input!$J$13,0)+IF(Input!$K$14=1,K4491*Input!$J$14,0)+IF(Input!$K$15=1,L4491*Input!$J$15,0)+IF(Input!$K$16=1,M4491*Input!$J$16,0)</f>
        <v>0.82121210418137303</v>
      </c>
      <c r="O4491" s="58">
        <f>IF(Input!$K$13=2,J4491*Input!$J$13,0)+IF(Input!$K$14=2,K4491*Input!$J$14,0)+IF(Input!$K$15=2,L4491*Input!$J$15,0)+IF(Input!$K$16=2,M4491*Input!$J$16,0)</f>
        <v>7.6878419705293521E-2</v>
      </c>
      <c r="P4491" s="58">
        <f>IF(Input!$K$13=3,J4491*Input!$J$13,0)+IF(Input!$K$14=3,K4491*Input!$J$14,0)+IF(Input!$K$15=3,L4491*Input!$J$15,0)+IF(Input!$K$16=3,M4491*Input!$J$16,0)</f>
        <v>0</v>
      </c>
      <c r="Q4491" s="71">
        <f>IF(Input!$K$13=4,J4491*Input!$J$13,0)+IF(Input!$K$14=4,K4491*Input!$J$14,0)+IF(Input!$K$15=4,L4491*Input!$J$15,0)+IF(Input!$K$16=4,M4491*Input!$J$16,0)</f>
        <v>0</v>
      </c>
    </row>
    <row r="4492" spans="8:17" x14ac:dyDescent="0.25">
      <c r="H4492" s="43">
        <v>4485</v>
      </c>
      <c r="I4492" s="55">
        <f>Bühler!I4518</f>
        <v>9.6974377072643211E-2</v>
      </c>
      <c r="J4492" s="58">
        <f>Bühler!J4518</f>
        <v>6.8434342015114424</v>
      </c>
      <c r="K4492" s="58">
        <f>Bühler!K4518</f>
        <v>0.56946977559476686</v>
      </c>
      <c r="L4492" s="58">
        <f>Bühler!L4518</f>
        <v>0.28473488779738343</v>
      </c>
      <c r="M4492" s="57">
        <f>Bühler!M4518</f>
        <v>0</v>
      </c>
      <c r="N4492" s="55">
        <f>IF(Input!$K$13=1,J4492*Input!$J$13,0)+IF(Input!$K$14=1,K4492*Input!$J$14,0)+IF(Input!$K$15=1,L4492*Input!$J$15,0)+IF(Input!$K$16=1,M4492*Input!$J$16,0)</f>
        <v>0.82121210418137303</v>
      </c>
      <c r="O4492" s="58">
        <f>IF(Input!$K$13=2,J4492*Input!$J$13,0)+IF(Input!$K$14=2,K4492*Input!$J$14,0)+IF(Input!$K$15=2,L4492*Input!$J$15,0)+IF(Input!$K$16=2,M4492*Input!$J$16,0)</f>
        <v>7.6878419705293521E-2</v>
      </c>
      <c r="P4492" s="58">
        <f>IF(Input!$K$13=3,J4492*Input!$J$13,0)+IF(Input!$K$14=3,K4492*Input!$J$14,0)+IF(Input!$K$15=3,L4492*Input!$J$15,0)+IF(Input!$K$16=3,M4492*Input!$J$16,0)</f>
        <v>0</v>
      </c>
      <c r="Q4492" s="71">
        <f>IF(Input!$K$13=4,J4492*Input!$J$13,0)+IF(Input!$K$14=4,K4492*Input!$J$14,0)+IF(Input!$K$15=4,L4492*Input!$J$15,0)+IF(Input!$K$16=4,M4492*Input!$J$16,0)</f>
        <v>0</v>
      </c>
    </row>
    <row r="4493" spans="8:17" x14ac:dyDescent="0.25">
      <c r="H4493" s="43">
        <v>4486</v>
      </c>
      <c r="I4493" s="55">
        <f>Bühler!I4519</f>
        <v>9.6974377072643211E-2</v>
      </c>
      <c r="J4493" s="58">
        <f>Bühler!J4519</f>
        <v>6.8434342015114424</v>
      </c>
      <c r="K4493" s="58">
        <f>Bühler!K4519</f>
        <v>0.56946977559476686</v>
      </c>
      <c r="L4493" s="58">
        <f>Bühler!L4519</f>
        <v>0.28473488779738343</v>
      </c>
      <c r="M4493" s="57">
        <f>Bühler!M4519</f>
        <v>0</v>
      </c>
      <c r="N4493" s="55">
        <f>IF(Input!$K$13=1,J4493*Input!$J$13,0)+IF(Input!$K$14=1,K4493*Input!$J$14,0)+IF(Input!$K$15=1,L4493*Input!$J$15,0)+IF(Input!$K$16=1,M4493*Input!$J$16,0)</f>
        <v>0.82121210418137303</v>
      </c>
      <c r="O4493" s="58">
        <f>IF(Input!$K$13=2,J4493*Input!$J$13,0)+IF(Input!$K$14=2,K4493*Input!$J$14,0)+IF(Input!$K$15=2,L4493*Input!$J$15,0)+IF(Input!$K$16=2,M4493*Input!$J$16,0)</f>
        <v>7.6878419705293521E-2</v>
      </c>
      <c r="P4493" s="58">
        <f>IF(Input!$K$13=3,J4493*Input!$J$13,0)+IF(Input!$K$14=3,K4493*Input!$J$14,0)+IF(Input!$K$15=3,L4493*Input!$J$15,0)+IF(Input!$K$16=3,M4493*Input!$J$16,0)</f>
        <v>0</v>
      </c>
      <c r="Q4493" s="71">
        <f>IF(Input!$K$13=4,J4493*Input!$J$13,0)+IF(Input!$K$14=4,K4493*Input!$J$14,0)+IF(Input!$K$15=4,L4493*Input!$J$15,0)+IF(Input!$K$16=4,M4493*Input!$J$16,0)</f>
        <v>0</v>
      </c>
    </row>
    <row r="4494" spans="8:17" x14ac:dyDescent="0.25">
      <c r="H4494" s="43">
        <v>4487</v>
      </c>
      <c r="I4494" s="55">
        <f>Bühler!I4520</f>
        <v>9.6974377072643211E-2</v>
      </c>
      <c r="J4494" s="58">
        <f>Bühler!J4520</f>
        <v>6.8434342015114424</v>
      </c>
      <c r="K4494" s="58">
        <f>Bühler!K4520</f>
        <v>0.56946977559476686</v>
      </c>
      <c r="L4494" s="58">
        <f>Bühler!L4520</f>
        <v>0.28473488779738343</v>
      </c>
      <c r="M4494" s="57">
        <f>Bühler!M4520</f>
        <v>0</v>
      </c>
      <c r="N4494" s="55">
        <f>IF(Input!$K$13=1,J4494*Input!$J$13,0)+IF(Input!$K$14=1,K4494*Input!$J$14,0)+IF(Input!$K$15=1,L4494*Input!$J$15,0)+IF(Input!$K$16=1,M4494*Input!$J$16,0)</f>
        <v>0.82121210418137303</v>
      </c>
      <c r="O4494" s="58">
        <f>IF(Input!$K$13=2,J4494*Input!$J$13,0)+IF(Input!$K$14=2,K4494*Input!$J$14,0)+IF(Input!$K$15=2,L4494*Input!$J$15,0)+IF(Input!$K$16=2,M4494*Input!$J$16,0)</f>
        <v>7.6878419705293521E-2</v>
      </c>
      <c r="P4494" s="58">
        <f>IF(Input!$K$13=3,J4494*Input!$J$13,0)+IF(Input!$K$14=3,K4494*Input!$J$14,0)+IF(Input!$K$15=3,L4494*Input!$J$15,0)+IF(Input!$K$16=3,M4494*Input!$J$16,0)</f>
        <v>0</v>
      </c>
      <c r="Q4494" s="71">
        <f>IF(Input!$K$13=4,J4494*Input!$J$13,0)+IF(Input!$K$14=4,K4494*Input!$J$14,0)+IF(Input!$K$15=4,L4494*Input!$J$15,0)+IF(Input!$K$16=4,M4494*Input!$J$16,0)</f>
        <v>0</v>
      </c>
    </row>
    <row r="4495" spans="8:17" x14ac:dyDescent="0.25">
      <c r="H4495" s="43">
        <v>4488</v>
      </c>
      <c r="I4495" s="55">
        <f>Bühler!I4521</f>
        <v>9.6974377072643211E-2</v>
      </c>
      <c r="J4495" s="58">
        <f>Bühler!J4521</f>
        <v>6.8434342015114424</v>
      </c>
      <c r="K4495" s="58">
        <f>Bühler!K4521</f>
        <v>0.56946977559476686</v>
      </c>
      <c r="L4495" s="58">
        <f>Bühler!L4521</f>
        <v>0.28473488779738343</v>
      </c>
      <c r="M4495" s="57">
        <f>Bühler!M4521</f>
        <v>0</v>
      </c>
      <c r="N4495" s="55">
        <f>IF(Input!$K$13=1,J4495*Input!$J$13,0)+IF(Input!$K$14=1,K4495*Input!$J$14,0)+IF(Input!$K$15=1,L4495*Input!$J$15,0)+IF(Input!$K$16=1,M4495*Input!$J$16,0)</f>
        <v>0.82121210418137303</v>
      </c>
      <c r="O4495" s="58">
        <f>IF(Input!$K$13=2,J4495*Input!$J$13,0)+IF(Input!$K$14=2,K4495*Input!$J$14,0)+IF(Input!$K$15=2,L4495*Input!$J$15,0)+IF(Input!$K$16=2,M4495*Input!$J$16,0)</f>
        <v>7.6878419705293521E-2</v>
      </c>
      <c r="P4495" s="58">
        <f>IF(Input!$K$13=3,J4495*Input!$J$13,0)+IF(Input!$K$14=3,K4495*Input!$J$14,0)+IF(Input!$K$15=3,L4495*Input!$J$15,0)+IF(Input!$K$16=3,M4495*Input!$J$16,0)</f>
        <v>0</v>
      </c>
      <c r="Q4495" s="71">
        <f>IF(Input!$K$13=4,J4495*Input!$J$13,0)+IF(Input!$K$14=4,K4495*Input!$J$14,0)+IF(Input!$K$15=4,L4495*Input!$J$15,0)+IF(Input!$K$16=4,M4495*Input!$J$16,0)</f>
        <v>0</v>
      </c>
    </row>
    <row r="4496" spans="8:17" x14ac:dyDescent="0.25">
      <c r="H4496" s="43">
        <v>4489</v>
      </c>
      <c r="I4496" s="55">
        <f>Bühler!I4522</f>
        <v>4.3300942809023295E-2</v>
      </c>
      <c r="J4496" s="58">
        <f>Bühler!J4522</f>
        <v>10.173279740948372</v>
      </c>
      <c r="K4496" s="58">
        <f>Bühler!K4522</f>
        <v>0.86364439815061556</v>
      </c>
      <c r="L4496" s="58">
        <f>Bühler!L4522</f>
        <v>0.43182219907530778</v>
      </c>
      <c r="M4496" s="57">
        <f>Bühler!M4522</f>
        <v>0</v>
      </c>
      <c r="N4496" s="55">
        <f>IF(Input!$K$13=1,J4496*Input!$J$13,0)+IF(Input!$K$14=1,K4496*Input!$J$14,0)+IF(Input!$K$15=1,L4496*Input!$J$15,0)+IF(Input!$K$16=1,M4496*Input!$J$16,0)</f>
        <v>1.2207935689138045</v>
      </c>
      <c r="O4496" s="58">
        <f>IF(Input!$K$13=2,J4496*Input!$J$13,0)+IF(Input!$K$14=2,K4496*Input!$J$14,0)+IF(Input!$K$15=2,L4496*Input!$J$15,0)+IF(Input!$K$16=2,M4496*Input!$J$16,0)</f>
        <v>0.11659199375033309</v>
      </c>
      <c r="P4496" s="58">
        <f>IF(Input!$K$13=3,J4496*Input!$J$13,0)+IF(Input!$K$14=3,K4496*Input!$J$14,0)+IF(Input!$K$15=3,L4496*Input!$J$15,0)+IF(Input!$K$16=3,M4496*Input!$J$16,0)</f>
        <v>0</v>
      </c>
      <c r="Q4496" s="71">
        <f>IF(Input!$K$13=4,J4496*Input!$J$13,0)+IF(Input!$K$14=4,K4496*Input!$J$14,0)+IF(Input!$K$15=4,L4496*Input!$J$15,0)+IF(Input!$K$16=4,M4496*Input!$J$16,0)</f>
        <v>0</v>
      </c>
    </row>
    <row r="4497" spans="8:17" x14ac:dyDescent="0.25">
      <c r="H4497" s="43">
        <v>4490</v>
      </c>
      <c r="I4497" s="55">
        <f>Bühler!I4523</f>
        <v>4.3300942809023295E-2</v>
      </c>
      <c r="J4497" s="58">
        <f>Bühler!J4523</f>
        <v>6.1841035281877126</v>
      </c>
      <c r="K4497" s="58">
        <f>Bühler!K4523</f>
        <v>0.5234208473640094</v>
      </c>
      <c r="L4497" s="58">
        <f>Bühler!L4523</f>
        <v>0.2617104236820047</v>
      </c>
      <c r="M4497" s="57">
        <f>Bühler!M4523</f>
        <v>0</v>
      </c>
      <c r="N4497" s="55">
        <f>IF(Input!$K$13=1,J4497*Input!$J$13,0)+IF(Input!$K$14=1,K4497*Input!$J$14,0)+IF(Input!$K$15=1,L4497*Input!$J$15,0)+IF(Input!$K$16=1,M4497*Input!$J$16,0)</f>
        <v>0.74209242338252546</v>
      </c>
      <c r="O4497" s="58">
        <f>IF(Input!$K$13=2,J4497*Input!$J$13,0)+IF(Input!$K$14=2,K4497*Input!$J$14,0)+IF(Input!$K$15=2,L4497*Input!$J$15,0)+IF(Input!$K$16=2,M4497*Input!$J$16,0)</f>
        <v>7.0661814394141265E-2</v>
      </c>
      <c r="P4497" s="58">
        <f>IF(Input!$K$13=3,J4497*Input!$J$13,0)+IF(Input!$K$14=3,K4497*Input!$J$14,0)+IF(Input!$K$15=3,L4497*Input!$J$15,0)+IF(Input!$K$16=3,M4497*Input!$J$16,0)</f>
        <v>0</v>
      </c>
      <c r="Q4497" s="71">
        <f>IF(Input!$K$13=4,J4497*Input!$J$13,0)+IF(Input!$K$14=4,K4497*Input!$J$14,0)+IF(Input!$K$15=4,L4497*Input!$J$15,0)+IF(Input!$K$16=4,M4497*Input!$J$16,0)</f>
        <v>0</v>
      </c>
    </row>
    <row r="4498" spans="8:17" x14ac:dyDescent="0.25">
      <c r="H4498" s="43">
        <v>4491</v>
      </c>
      <c r="I4498" s="55">
        <f>Bühler!I4524</f>
        <v>4.3300942809023295E-2</v>
      </c>
      <c r="J4498" s="58">
        <f>Bühler!J4524</f>
        <v>6.1841035281877126</v>
      </c>
      <c r="K4498" s="58">
        <f>Bühler!K4524</f>
        <v>0.5234208473640094</v>
      </c>
      <c r="L4498" s="58">
        <f>Bühler!L4524</f>
        <v>0.2617104236820047</v>
      </c>
      <c r="M4498" s="57">
        <f>Bühler!M4524</f>
        <v>0</v>
      </c>
      <c r="N4498" s="55">
        <f>IF(Input!$K$13=1,J4498*Input!$J$13,0)+IF(Input!$K$14=1,K4498*Input!$J$14,0)+IF(Input!$K$15=1,L4498*Input!$J$15,0)+IF(Input!$K$16=1,M4498*Input!$J$16,0)</f>
        <v>0.74209242338252546</v>
      </c>
      <c r="O4498" s="58">
        <f>IF(Input!$K$13=2,J4498*Input!$J$13,0)+IF(Input!$K$14=2,K4498*Input!$J$14,0)+IF(Input!$K$15=2,L4498*Input!$J$15,0)+IF(Input!$K$16=2,M4498*Input!$J$16,0)</f>
        <v>7.0661814394141265E-2</v>
      </c>
      <c r="P4498" s="58">
        <f>IF(Input!$K$13=3,J4498*Input!$J$13,0)+IF(Input!$K$14=3,K4498*Input!$J$14,0)+IF(Input!$K$15=3,L4498*Input!$J$15,0)+IF(Input!$K$16=3,M4498*Input!$J$16,0)</f>
        <v>0</v>
      </c>
      <c r="Q4498" s="71">
        <f>IF(Input!$K$13=4,J4498*Input!$J$13,0)+IF(Input!$K$14=4,K4498*Input!$J$14,0)+IF(Input!$K$15=4,L4498*Input!$J$15,0)+IF(Input!$K$16=4,M4498*Input!$J$16,0)</f>
        <v>0</v>
      </c>
    </row>
    <row r="4499" spans="8:17" x14ac:dyDescent="0.25">
      <c r="H4499" s="43">
        <v>4492</v>
      </c>
      <c r="I4499" s="55">
        <f>Bühler!I4525</f>
        <v>4.3300942809023295E-2</v>
      </c>
      <c r="J4499" s="58">
        <f>Bühler!J4525</f>
        <v>6.1841035281877126</v>
      </c>
      <c r="K4499" s="58">
        <f>Bühler!K4525</f>
        <v>0.5234208473640094</v>
      </c>
      <c r="L4499" s="58">
        <f>Bühler!L4525</f>
        <v>0.2617104236820047</v>
      </c>
      <c r="M4499" s="57">
        <f>Bühler!M4525</f>
        <v>0</v>
      </c>
      <c r="N4499" s="55">
        <f>IF(Input!$K$13=1,J4499*Input!$J$13,0)+IF(Input!$K$14=1,K4499*Input!$J$14,0)+IF(Input!$K$15=1,L4499*Input!$J$15,0)+IF(Input!$K$16=1,M4499*Input!$J$16,0)</f>
        <v>0.74209242338252546</v>
      </c>
      <c r="O4499" s="58">
        <f>IF(Input!$K$13=2,J4499*Input!$J$13,0)+IF(Input!$K$14=2,K4499*Input!$J$14,0)+IF(Input!$K$15=2,L4499*Input!$J$15,0)+IF(Input!$K$16=2,M4499*Input!$J$16,0)</f>
        <v>7.0661814394141265E-2</v>
      </c>
      <c r="P4499" s="58">
        <f>IF(Input!$K$13=3,J4499*Input!$J$13,0)+IF(Input!$K$14=3,K4499*Input!$J$14,0)+IF(Input!$K$15=3,L4499*Input!$J$15,0)+IF(Input!$K$16=3,M4499*Input!$J$16,0)</f>
        <v>0</v>
      </c>
      <c r="Q4499" s="71">
        <f>IF(Input!$K$13=4,J4499*Input!$J$13,0)+IF(Input!$K$14=4,K4499*Input!$J$14,0)+IF(Input!$K$15=4,L4499*Input!$J$15,0)+IF(Input!$K$16=4,M4499*Input!$J$16,0)</f>
        <v>0</v>
      </c>
    </row>
    <row r="4500" spans="8:17" x14ac:dyDescent="0.25">
      <c r="H4500" s="43">
        <v>4493</v>
      </c>
      <c r="I4500" s="55">
        <f>Bühler!I4526</f>
        <v>4.3300942809023295E-2</v>
      </c>
      <c r="J4500" s="58">
        <f>Bühler!J4526</f>
        <v>6.1841035281877126</v>
      </c>
      <c r="K4500" s="58">
        <f>Bühler!K4526</f>
        <v>0.5234208473640094</v>
      </c>
      <c r="L4500" s="58">
        <f>Bühler!L4526</f>
        <v>0.2617104236820047</v>
      </c>
      <c r="M4500" s="57">
        <f>Bühler!M4526</f>
        <v>0</v>
      </c>
      <c r="N4500" s="55">
        <f>IF(Input!$K$13=1,J4500*Input!$J$13,0)+IF(Input!$K$14=1,K4500*Input!$J$14,0)+IF(Input!$K$15=1,L4500*Input!$J$15,0)+IF(Input!$K$16=1,M4500*Input!$J$16,0)</f>
        <v>0.74209242338252546</v>
      </c>
      <c r="O4500" s="58">
        <f>IF(Input!$K$13=2,J4500*Input!$J$13,0)+IF(Input!$K$14=2,K4500*Input!$J$14,0)+IF(Input!$K$15=2,L4500*Input!$J$15,0)+IF(Input!$K$16=2,M4500*Input!$J$16,0)</f>
        <v>7.0661814394141265E-2</v>
      </c>
      <c r="P4500" s="58">
        <f>IF(Input!$K$13=3,J4500*Input!$J$13,0)+IF(Input!$K$14=3,K4500*Input!$J$14,0)+IF(Input!$K$15=3,L4500*Input!$J$15,0)+IF(Input!$K$16=3,M4500*Input!$J$16,0)</f>
        <v>0</v>
      </c>
      <c r="Q4500" s="71">
        <f>IF(Input!$K$13=4,J4500*Input!$J$13,0)+IF(Input!$K$14=4,K4500*Input!$J$14,0)+IF(Input!$K$15=4,L4500*Input!$J$15,0)+IF(Input!$K$16=4,M4500*Input!$J$16,0)</f>
        <v>0</v>
      </c>
    </row>
    <row r="4501" spans="8:17" x14ac:dyDescent="0.25">
      <c r="H4501" s="43">
        <v>4494</v>
      </c>
      <c r="I4501" s="55">
        <f>Bühler!I4527</f>
        <v>4.3300942809023295E-2</v>
      </c>
      <c r="J4501" s="58">
        <f>Bühler!J4527</f>
        <v>6.1841035281877126</v>
      </c>
      <c r="K4501" s="58">
        <f>Bühler!K4527</f>
        <v>0.5234208473640094</v>
      </c>
      <c r="L4501" s="58">
        <f>Bühler!L4527</f>
        <v>0.2617104236820047</v>
      </c>
      <c r="M4501" s="57">
        <f>Bühler!M4527</f>
        <v>0</v>
      </c>
      <c r="N4501" s="55">
        <f>IF(Input!$K$13=1,J4501*Input!$J$13,0)+IF(Input!$K$14=1,K4501*Input!$J$14,0)+IF(Input!$K$15=1,L4501*Input!$J$15,0)+IF(Input!$K$16=1,M4501*Input!$J$16,0)</f>
        <v>0.74209242338252546</v>
      </c>
      <c r="O4501" s="58">
        <f>IF(Input!$K$13=2,J4501*Input!$J$13,0)+IF(Input!$K$14=2,K4501*Input!$J$14,0)+IF(Input!$K$15=2,L4501*Input!$J$15,0)+IF(Input!$K$16=2,M4501*Input!$J$16,0)</f>
        <v>7.0661814394141265E-2</v>
      </c>
      <c r="P4501" s="58">
        <f>IF(Input!$K$13=3,J4501*Input!$J$13,0)+IF(Input!$K$14=3,K4501*Input!$J$14,0)+IF(Input!$K$15=3,L4501*Input!$J$15,0)+IF(Input!$K$16=3,M4501*Input!$J$16,0)</f>
        <v>0</v>
      </c>
      <c r="Q4501" s="71">
        <f>IF(Input!$K$13=4,J4501*Input!$J$13,0)+IF(Input!$K$14=4,K4501*Input!$J$14,0)+IF(Input!$K$15=4,L4501*Input!$J$15,0)+IF(Input!$K$16=4,M4501*Input!$J$16,0)</f>
        <v>0</v>
      </c>
    </row>
    <row r="4502" spans="8:17" x14ac:dyDescent="0.25">
      <c r="H4502" s="43">
        <v>4495</v>
      </c>
      <c r="I4502" s="55">
        <f>Bühler!I4528</f>
        <v>4.3300942809023295E-2</v>
      </c>
      <c r="J4502" s="58">
        <f>Bühler!J4528</f>
        <v>6.1841035281877126</v>
      </c>
      <c r="K4502" s="58">
        <f>Bühler!K4528</f>
        <v>0.5234208473640094</v>
      </c>
      <c r="L4502" s="58">
        <f>Bühler!L4528</f>
        <v>0.2617104236820047</v>
      </c>
      <c r="M4502" s="57">
        <f>Bühler!M4528</f>
        <v>0</v>
      </c>
      <c r="N4502" s="55">
        <f>IF(Input!$K$13=1,J4502*Input!$J$13,0)+IF(Input!$K$14=1,K4502*Input!$J$14,0)+IF(Input!$K$15=1,L4502*Input!$J$15,0)+IF(Input!$K$16=1,M4502*Input!$J$16,0)</f>
        <v>0.74209242338252546</v>
      </c>
      <c r="O4502" s="58">
        <f>IF(Input!$K$13=2,J4502*Input!$J$13,0)+IF(Input!$K$14=2,K4502*Input!$J$14,0)+IF(Input!$K$15=2,L4502*Input!$J$15,0)+IF(Input!$K$16=2,M4502*Input!$J$16,0)</f>
        <v>7.0661814394141265E-2</v>
      </c>
      <c r="P4502" s="58">
        <f>IF(Input!$K$13=3,J4502*Input!$J$13,0)+IF(Input!$K$14=3,K4502*Input!$J$14,0)+IF(Input!$K$15=3,L4502*Input!$J$15,0)+IF(Input!$K$16=3,M4502*Input!$J$16,0)</f>
        <v>0</v>
      </c>
      <c r="Q4502" s="71">
        <f>IF(Input!$K$13=4,J4502*Input!$J$13,0)+IF(Input!$K$14=4,K4502*Input!$J$14,0)+IF(Input!$K$15=4,L4502*Input!$J$15,0)+IF(Input!$K$16=4,M4502*Input!$J$16,0)</f>
        <v>0</v>
      </c>
    </row>
    <row r="4503" spans="8:17" x14ac:dyDescent="0.25">
      <c r="H4503" s="43">
        <v>4496</v>
      </c>
      <c r="I4503" s="55">
        <f>Bühler!I4529</f>
        <v>0.11733158696638571</v>
      </c>
      <c r="J4503" s="58">
        <f>Bühler!J4529</f>
        <v>26.271556398229595</v>
      </c>
      <c r="K4503" s="58">
        <f>Bühler!K4529</f>
        <v>2.2297728097706799</v>
      </c>
      <c r="L4503" s="58">
        <f>Bühler!L4529</f>
        <v>1.11488640488534</v>
      </c>
      <c r="M4503" s="57">
        <f>Bühler!M4529</f>
        <v>0</v>
      </c>
      <c r="N4503" s="55">
        <f>IF(Input!$K$13=1,J4503*Input!$J$13,0)+IF(Input!$K$14=1,K4503*Input!$J$14,0)+IF(Input!$K$15=1,L4503*Input!$J$15,0)+IF(Input!$K$16=1,M4503*Input!$J$16,0)</f>
        <v>3.1525867677875512</v>
      </c>
      <c r="O4503" s="58">
        <f>IF(Input!$K$13=2,J4503*Input!$J$13,0)+IF(Input!$K$14=2,K4503*Input!$J$14,0)+IF(Input!$K$15=2,L4503*Input!$J$15,0)+IF(Input!$K$16=2,M4503*Input!$J$16,0)</f>
        <v>0.3010193293190418</v>
      </c>
      <c r="P4503" s="58">
        <f>IF(Input!$K$13=3,J4503*Input!$J$13,0)+IF(Input!$K$14=3,K4503*Input!$J$14,0)+IF(Input!$K$15=3,L4503*Input!$J$15,0)+IF(Input!$K$16=3,M4503*Input!$J$16,0)</f>
        <v>0</v>
      </c>
      <c r="Q4503" s="71">
        <f>IF(Input!$K$13=4,J4503*Input!$J$13,0)+IF(Input!$K$14=4,K4503*Input!$J$14,0)+IF(Input!$K$15=4,L4503*Input!$J$15,0)+IF(Input!$K$16=4,M4503*Input!$J$16,0)</f>
        <v>0</v>
      </c>
    </row>
    <row r="4504" spans="8:17" x14ac:dyDescent="0.25">
      <c r="H4504" s="43">
        <v>4497</v>
      </c>
      <c r="I4504" s="55">
        <f>Bühler!I4530</f>
        <v>0.14666448370798213</v>
      </c>
      <c r="J4504" s="58">
        <f>Bühler!J4530</f>
        <v>32.83944549778699</v>
      </c>
      <c r="K4504" s="58">
        <f>Bühler!K4530</f>
        <v>2.7872160122133498</v>
      </c>
      <c r="L4504" s="58">
        <f>Bühler!L4530</f>
        <v>1.3936080061066749</v>
      </c>
      <c r="M4504" s="57">
        <f>Bühler!M4530</f>
        <v>0</v>
      </c>
      <c r="N4504" s="55">
        <f>IF(Input!$K$13=1,J4504*Input!$J$13,0)+IF(Input!$K$14=1,K4504*Input!$J$14,0)+IF(Input!$K$15=1,L4504*Input!$J$15,0)+IF(Input!$K$16=1,M4504*Input!$J$16,0)</f>
        <v>3.9407334597344388</v>
      </c>
      <c r="O4504" s="58">
        <f>IF(Input!$K$13=2,J4504*Input!$J$13,0)+IF(Input!$K$14=2,K4504*Input!$J$14,0)+IF(Input!$K$15=2,L4504*Input!$J$15,0)+IF(Input!$K$16=2,M4504*Input!$J$16,0)</f>
        <v>0.37627416164880223</v>
      </c>
      <c r="P4504" s="58">
        <f>IF(Input!$K$13=3,J4504*Input!$J$13,0)+IF(Input!$K$14=3,K4504*Input!$J$14,0)+IF(Input!$K$15=3,L4504*Input!$J$15,0)+IF(Input!$K$16=3,M4504*Input!$J$16,0)</f>
        <v>0</v>
      </c>
      <c r="Q4504" s="71">
        <f>IF(Input!$K$13=4,J4504*Input!$J$13,0)+IF(Input!$K$14=4,K4504*Input!$J$14,0)+IF(Input!$K$15=4,L4504*Input!$J$15,0)+IF(Input!$K$16=4,M4504*Input!$J$16,0)</f>
        <v>0</v>
      </c>
    </row>
    <row r="4505" spans="8:17" x14ac:dyDescent="0.25">
      <c r="H4505" s="43">
        <v>4498</v>
      </c>
      <c r="I4505" s="55">
        <f>Bühler!I4531</f>
        <v>0.16133093207878035</v>
      </c>
      <c r="J4505" s="58">
        <f>Bühler!J4531</f>
        <v>36.123390047565692</v>
      </c>
      <c r="K4505" s="58">
        <f>Bühler!K4531</f>
        <v>3.0659376134346856</v>
      </c>
      <c r="L4505" s="58">
        <f>Bühler!L4531</f>
        <v>1.5329688067173428</v>
      </c>
      <c r="M4505" s="57">
        <f>Bühler!M4531</f>
        <v>0</v>
      </c>
      <c r="N4505" s="55">
        <f>IF(Input!$K$13=1,J4505*Input!$J$13,0)+IF(Input!$K$14=1,K4505*Input!$J$14,0)+IF(Input!$K$15=1,L4505*Input!$J$15,0)+IF(Input!$K$16=1,M4505*Input!$J$16,0)</f>
        <v>4.334806805707883</v>
      </c>
      <c r="O4505" s="58">
        <f>IF(Input!$K$13=2,J4505*Input!$J$13,0)+IF(Input!$K$14=2,K4505*Input!$J$14,0)+IF(Input!$K$15=2,L4505*Input!$J$15,0)+IF(Input!$K$16=2,M4505*Input!$J$16,0)</f>
        <v>0.41390157781368253</v>
      </c>
      <c r="P4505" s="58">
        <f>IF(Input!$K$13=3,J4505*Input!$J$13,0)+IF(Input!$K$14=3,K4505*Input!$J$14,0)+IF(Input!$K$15=3,L4505*Input!$J$15,0)+IF(Input!$K$16=3,M4505*Input!$J$16,0)</f>
        <v>0</v>
      </c>
      <c r="Q4505" s="71">
        <f>IF(Input!$K$13=4,J4505*Input!$J$13,0)+IF(Input!$K$14=4,K4505*Input!$J$14,0)+IF(Input!$K$15=4,L4505*Input!$J$15,0)+IF(Input!$K$16=4,M4505*Input!$J$16,0)</f>
        <v>0</v>
      </c>
    </row>
    <row r="4506" spans="8:17" x14ac:dyDescent="0.25">
      <c r="H4506" s="43">
        <v>4499</v>
      </c>
      <c r="I4506" s="55">
        <f>Bühler!I4532</f>
        <v>0.16133093207878035</v>
      </c>
      <c r="J4506" s="58">
        <f>Bühler!J4532</f>
        <v>36.123390047565692</v>
      </c>
      <c r="K4506" s="58">
        <f>Bühler!K4532</f>
        <v>3.0659376134346856</v>
      </c>
      <c r="L4506" s="58">
        <f>Bühler!L4532</f>
        <v>1.5329688067173428</v>
      </c>
      <c r="M4506" s="57">
        <f>Bühler!M4532</f>
        <v>0</v>
      </c>
      <c r="N4506" s="55">
        <f>IF(Input!$K$13=1,J4506*Input!$J$13,0)+IF(Input!$K$14=1,K4506*Input!$J$14,0)+IF(Input!$K$15=1,L4506*Input!$J$15,0)+IF(Input!$K$16=1,M4506*Input!$J$16,0)</f>
        <v>4.334806805707883</v>
      </c>
      <c r="O4506" s="58">
        <f>IF(Input!$K$13=2,J4506*Input!$J$13,0)+IF(Input!$K$14=2,K4506*Input!$J$14,0)+IF(Input!$K$15=2,L4506*Input!$J$15,0)+IF(Input!$K$16=2,M4506*Input!$J$16,0)</f>
        <v>0.41390157781368253</v>
      </c>
      <c r="P4506" s="58">
        <f>IF(Input!$K$13=3,J4506*Input!$J$13,0)+IF(Input!$K$14=3,K4506*Input!$J$14,0)+IF(Input!$K$15=3,L4506*Input!$J$15,0)+IF(Input!$K$16=3,M4506*Input!$J$16,0)</f>
        <v>0</v>
      </c>
      <c r="Q4506" s="71">
        <f>IF(Input!$K$13=4,J4506*Input!$J$13,0)+IF(Input!$K$14=4,K4506*Input!$J$14,0)+IF(Input!$K$15=4,L4506*Input!$J$15,0)+IF(Input!$K$16=4,M4506*Input!$J$16,0)</f>
        <v>0</v>
      </c>
    </row>
    <row r="4507" spans="8:17" x14ac:dyDescent="0.25">
      <c r="H4507" s="43">
        <v>4500</v>
      </c>
      <c r="I4507" s="55">
        <f>Bühler!I4533</f>
        <v>0.19066382882037677</v>
      </c>
      <c r="J4507" s="58">
        <f>Bühler!J4533</f>
        <v>42.69127914712309</v>
      </c>
      <c r="K4507" s="58">
        <f>Bühler!K4533</f>
        <v>3.6233808158773546</v>
      </c>
      <c r="L4507" s="58">
        <f>Bühler!L4533</f>
        <v>1.8116904079386773</v>
      </c>
      <c r="M4507" s="57">
        <f>Bühler!M4533</f>
        <v>0</v>
      </c>
      <c r="N4507" s="55">
        <f>IF(Input!$K$13=1,J4507*Input!$J$13,0)+IF(Input!$K$14=1,K4507*Input!$J$14,0)+IF(Input!$K$15=1,L4507*Input!$J$15,0)+IF(Input!$K$16=1,M4507*Input!$J$16,0)</f>
        <v>5.1229534976547706</v>
      </c>
      <c r="O4507" s="58">
        <f>IF(Input!$K$13=2,J4507*Input!$J$13,0)+IF(Input!$K$14=2,K4507*Input!$J$14,0)+IF(Input!$K$15=2,L4507*Input!$J$15,0)+IF(Input!$K$16=2,M4507*Input!$J$16,0)</f>
        <v>0.48915641014344285</v>
      </c>
      <c r="P4507" s="58">
        <f>IF(Input!$K$13=3,J4507*Input!$J$13,0)+IF(Input!$K$14=3,K4507*Input!$J$14,0)+IF(Input!$K$15=3,L4507*Input!$J$15,0)+IF(Input!$K$16=3,M4507*Input!$J$16,0)</f>
        <v>0</v>
      </c>
      <c r="Q4507" s="71">
        <f>IF(Input!$K$13=4,J4507*Input!$J$13,0)+IF(Input!$K$14=4,K4507*Input!$J$14,0)+IF(Input!$K$15=4,L4507*Input!$J$15,0)+IF(Input!$K$16=4,M4507*Input!$J$16,0)</f>
        <v>0</v>
      </c>
    </row>
    <row r="4508" spans="8:17" x14ac:dyDescent="0.25">
      <c r="H4508" s="43">
        <v>4501</v>
      </c>
      <c r="I4508" s="55">
        <f>Bühler!I4534</f>
        <v>0.19066382882037677</v>
      </c>
      <c r="J4508" s="58">
        <f>Bühler!J4534</f>
        <v>42.69127914712309</v>
      </c>
      <c r="K4508" s="58">
        <f>Bühler!K4534</f>
        <v>3.6233808158773546</v>
      </c>
      <c r="L4508" s="58">
        <f>Bühler!L4534</f>
        <v>1.8116904079386773</v>
      </c>
      <c r="M4508" s="57">
        <f>Bühler!M4534</f>
        <v>0</v>
      </c>
      <c r="N4508" s="55">
        <f>IF(Input!$K$13=1,J4508*Input!$J$13,0)+IF(Input!$K$14=1,K4508*Input!$J$14,0)+IF(Input!$K$15=1,L4508*Input!$J$15,0)+IF(Input!$K$16=1,M4508*Input!$J$16,0)</f>
        <v>5.1229534976547706</v>
      </c>
      <c r="O4508" s="58">
        <f>IF(Input!$K$13=2,J4508*Input!$J$13,0)+IF(Input!$K$14=2,K4508*Input!$J$14,0)+IF(Input!$K$15=2,L4508*Input!$J$15,0)+IF(Input!$K$16=2,M4508*Input!$J$16,0)</f>
        <v>0.48915641014344285</v>
      </c>
      <c r="P4508" s="58">
        <f>IF(Input!$K$13=3,J4508*Input!$J$13,0)+IF(Input!$K$14=3,K4508*Input!$J$14,0)+IF(Input!$K$15=3,L4508*Input!$J$15,0)+IF(Input!$K$16=3,M4508*Input!$J$16,0)</f>
        <v>0</v>
      </c>
      <c r="Q4508" s="71">
        <f>IF(Input!$K$13=4,J4508*Input!$J$13,0)+IF(Input!$K$14=4,K4508*Input!$J$14,0)+IF(Input!$K$15=4,L4508*Input!$J$15,0)+IF(Input!$K$16=4,M4508*Input!$J$16,0)</f>
        <v>0</v>
      </c>
    </row>
    <row r="4509" spans="8:17" x14ac:dyDescent="0.25">
      <c r="H4509" s="43">
        <v>4502</v>
      </c>
      <c r="I4509" s="55">
        <f>Bühler!I4535</f>
        <v>0.13199803533718393</v>
      </c>
      <c r="J4509" s="58">
        <f>Bühler!J4535</f>
        <v>29.555500948008294</v>
      </c>
      <c r="K4509" s="58">
        <f>Bühler!K4535</f>
        <v>2.5084944109920149</v>
      </c>
      <c r="L4509" s="58">
        <f>Bühler!L4535</f>
        <v>1.2542472054960074</v>
      </c>
      <c r="M4509" s="57">
        <f>Bühler!M4535</f>
        <v>0</v>
      </c>
      <c r="N4509" s="55">
        <f>IF(Input!$K$13=1,J4509*Input!$J$13,0)+IF(Input!$K$14=1,K4509*Input!$J$14,0)+IF(Input!$K$15=1,L4509*Input!$J$15,0)+IF(Input!$K$16=1,M4509*Input!$J$16,0)</f>
        <v>3.546660113760995</v>
      </c>
      <c r="O4509" s="58">
        <f>IF(Input!$K$13=2,J4509*Input!$J$13,0)+IF(Input!$K$14=2,K4509*Input!$J$14,0)+IF(Input!$K$15=2,L4509*Input!$J$15,0)+IF(Input!$K$16=2,M4509*Input!$J$16,0)</f>
        <v>0.33864674548392204</v>
      </c>
      <c r="P4509" s="58">
        <f>IF(Input!$K$13=3,J4509*Input!$J$13,0)+IF(Input!$K$14=3,K4509*Input!$J$14,0)+IF(Input!$K$15=3,L4509*Input!$J$15,0)+IF(Input!$K$16=3,M4509*Input!$J$16,0)</f>
        <v>0</v>
      </c>
      <c r="Q4509" s="71">
        <f>IF(Input!$K$13=4,J4509*Input!$J$13,0)+IF(Input!$K$14=4,K4509*Input!$J$14,0)+IF(Input!$K$15=4,L4509*Input!$J$15,0)+IF(Input!$K$16=4,M4509*Input!$J$16,0)</f>
        <v>0</v>
      </c>
    </row>
    <row r="4510" spans="8:17" x14ac:dyDescent="0.25">
      <c r="H4510" s="43">
        <v>4503</v>
      </c>
      <c r="I4510" s="55">
        <f>Bühler!I4536</f>
        <v>0.19066382882037677</v>
      </c>
      <c r="J4510" s="58">
        <f>Bühler!J4536</f>
        <v>42.69127914712309</v>
      </c>
      <c r="K4510" s="58">
        <f>Bühler!K4536</f>
        <v>3.6233808158773546</v>
      </c>
      <c r="L4510" s="58">
        <f>Bühler!L4536</f>
        <v>1.8116904079386773</v>
      </c>
      <c r="M4510" s="57">
        <f>Bühler!M4536</f>
        <v>0</v>
      </c>
      <c r="N4510" s="55">
        <f>IF(Input!$K$13=1,J4510*Input!$J$13,0)+IF(Input!$K$14=1,K4510*Input!$J$14,0)+IF(Input!$K$15=1,L4510*Input!$J$15,0)+IF(Input!$K$16=1,M4510*Input!$J$16,0)</f>
        <v>5.1229534976547706</v>
      </c>
      <c r="O4510" s="58">
        <f>IF(Input!$K$13=2,J4510*Input!$J$13,0)+IF(Input!$K$14=2,K4510*Input!$J$14,0)+IF(Input!$K$15=2,L4510*Input!$J$15,0)+IF(Input!$K$16=2,M4510*Input!$J$16,0)</f>
        <v>0.48915641014344285</v>
      </c>
      <c r="P4510" s="58">
        <f>IF(Input!$K$13=3,J4510*Input!$J$13,0)+IF(Input!$K$14=3,K4510*Input!$J$14,0)+IF(Input!$K$15=3,L4510*Input!$J$15,0)+IF(Input!$K$16=3,M4510*Input!$J$16,0)</f>
        <v>0</v>
      </c>
      <c r="Q4510" s="71">
        <f>IF(Input!$K$13=4,J4510*Input!$J$13,0)+IF(Input!$K$14=4,K4510*Input!$J$14,0)+IF(Input!$K$15=4,L4510*Input!$J$15,0)+IF(Input!$K$16=4,M4510*Input!$J$16,0)</f>
        <v>0</v>
      </c>
    </row>
    <row r="4511" spans="8:17" x14ac:dyDescent="0.25">
      <c r="H4511" s="43">
        <v>4504</v>
      </c>
      <c r="I4511" s="55">
        <f>Bühler!I4537</f>
        <v>0.16133093207878035</v>
      </c>
      <c r="J4511" s="58">
        <f>Bühler!J4537</f>
        <v>32.855334150188689</v>
      </c>
      <c r="K4511" s="58">
        <f>Bühler!K4537</f>
        <v>2.7872160122133498</v>
      </c>
      <c r="L4511" s="58">
        <f>Bühler!L4537</f>
        <v>1.3936080061066749</v>
      </c>
      <c r="M4511" s="57">
        <f>Bühler!M4537</f>
        <v>0</v>
      </c>
      <c r="N4511" s="55">
        <f>IF(Input!$K$13=1,J4511*Input!$J$13,0)+IF(Input!$K$14=1,K4511*Input!$J$14,0)+IF(Input!$K$15=1,L4511*Input!$J$15,0)+IF(Input!$K$16=1,M4511*Input!$J$16,0)</f>
        <v>3.9426400980226424</v>
      </c>
      <c r="O4511" s="58">
        <f>IF(Input!$K$13=2,J4511*Input!$J$13,0)+IF(Input!$K$14=2,K4511*Input!$J$14,0)+IF(Input!$K$15=2,L4511*Input!$J$15,0)+IF(Input!$K$16=2,M4511*Input!$J$16,0)</f>
        <v>0.37627416164880223</v>
      </c>
      <c r="P4511" s="58">
        <f>IF(Input!$K$13=3,J4511*Input!$J$13,0)+IF(Input!$K$14=3,K4511*Input!$J$14,0)+IF(Input!$K$15=3,L4511*Input!$J$15,0)+IF(Input!$K$16=3,M4511*Input!$J$16,0)</f>
        <v>0</v>
      </c>
      <c r="Q4511" s="71">
        <f>IF(Input!$K$13=4,J4511*Input!$J$13,0)+IF(Input!$K$14=4,K4511*Input!$J$14,0)+IF(Input!$K$15=4,L4511*Input!$J$15,0)+IF(Input!$K$16=4,M4511*Input!$J$16,0)</f>
        <v>0</v>
      </c>
    </row>
    <row r="4512" spans="8:17" x14ac:dyDescent="0.25">
      <c r="H4512" s="43">
        <v>4505</v>
      </c>
      <c r="I4512" s="55">
        <f>Bühler!I4538</f>
        <v>0.13968046067426873</v>
      </c>
      <c r="J4512" s="58">
        <f>Bühler!J4538</f>
        <v>15.494305932758634</v>
      </c>
      <c r="K4512" s="58">
        <f>Bühler!K4538</f>
        <v>1.3085521184100235</v>
      </c>
      <c r="L4512" s="58">
        <f>Bühler!L4538</f>
        <v>0.65427605920501175</v>
      </c>
      <c r="M4512" s="57">
        <f>Bühler!M4538</f>
        <v>0</v>
      </c>
      <c r="N4512" s="55">
        <f>IF(Input!$K$13=1,J4512*Input!$J$13,0)+IF(Input!$K$14=1,K4512*Input!$J$14,0)+IF(Input!$K$15=1,L4512*Input!$J$15,0)+IF(Input!$K$16=1,M4512*Input!$J$16,0)</f>
        <v>1.8593167119310359</v>
      </c>
      <c r="O4512" s="58">
        <f>IF(Input!$K$13=2,J4512*Input!$J$13,0)+IF(Input!$K$14=2,K4512*Input!$J$14,0)+IF(Input!$K$15=2,L4512*Input!$J$15,0)+IF(Input!$K$16=2,M4512*Input!$J$16,0)</f>
        <v>0.17665453598535319</v>
      </c>
      <c r="P4512" s="58">
        <f>IF(Input!$K$13=3,J4512*Input!$J$13,0)+IF(Input!$K$14=3,K4512*Input!$J$14,0)+IF(Input!$K$15=3,L4512*Input!$J$15,0)+IF(Input!$K$16=3,M4512*Input!$J$16,0)</f>
        <v>0</v>
      </c>
      <c r="Q4512" s="71">
        <f>IF(Input!$K$13=4,J4512*Input!$J$13,0)+IF(Input!$K$14=4,K4512*Input!$J$14,0)+IF(Input!$K$15=4,L4512*Input!$J$15,0)+IF(Input!$K$16=4,M4512*Input!$J$16,0)</f>
        <v>0</v>
      </c>
    </row>
    <row r="4513" spans="8:17" x14ac:dyDescent="0.25">
      <c r="H4513" s="43">
        <v>4506</v>
      </c>
      <c r="I4513" s="55">
        <f>Bühler!I4539</f>
        <v>0.11733158696638571</v>
      </c>
      <c r="J4513" s="58">
        <f>Bühler!J4539</f>
        <v>10.253479605452181</v>
      </c>
      <c r="K4513" s="58">
        <f>Bühler!K4539</f>
        <v>0.86364439815061556</v>
      </c>
      <c r="L4513" s="58">
        <f>Bühler!L4539</f>
        <v>0.43182219907530778</v>
      </c>
      <c r="M4513" s="57">
        <f>Bühler!M4539</f>
        <v>0</v>
      </c>
      <c r="N4513" s="55">
        <f>IF(Input!$K$13=1,J4513*Input!$J$13,0)+IF(Input!$K$14=1,K4513*Input!$J$14,0)+IF(Input!$K$15=1,L4513*Input!$J$15,0)+IF(Input!$K$16=1,M4513*Input!$J$16,0)</f>
        <v>1.2304175526542618</v>
      </c>
      <c r="O4513" s="58">
        <f>IF(Input!$K$13=2,J4513*Input!$J$13,0)+IF(Input!$K$14=2,K4513*Input!$J$14,0)+IF(Input!$K$15=2,L4513*Input!$J$15,0)+IF(Input!$K$16=2,M4513*Input!$J$16,0)</f>
        <v>0.11659199375033309</v>
      </c>
      <c r="P4513" s="58">
        <f>IF(Input!$K$13=3,J4513*Input!$J$13,0)+IF(Input!$K$14=3,K4513*Input!$J$14,0)+IF(Input!$K$15=3,L4513*Input!$J$15,0)+IF(Input!$K$16=3,M4513*Input!$J$16,0)</f>
        <v>0</v>
      </c>
      <c r="Q4513" s="71">
        <f>IF(Input!$K$13=4,J4513*Input!$J$13,0)+IF(Input!$K$14=4,K4513*Input!$J$14,0)+IF(Input!$K$15=4,L4513*Input!$J$15,0)+IF(Input!$K$16=4,M4513*Input!$J$16,0)</f>
        <v>0</v>
      </c>
    </row>
    <row r="4514" spans="8:17" x14ac:dyDescent="0.25">
      <c r="H4514" s="43">
        <v>4507</v>
      </c>
      <c r="I4514" s="55">
        <f>Bühler!I4540</f>
        <v>4.3300942809023295E-2</v>
      </c>
      <c r="J4514" s="58">
        <f>Bühler!J4540</f>
        <v>6.4909632368616093</v>
      </c>
      <c r="K4514" s="58">
        <f>Bühler!K4540</f>
        <v>0.54959188973220985</v>
      </c>
      <c r="L4514" s="58">
        <f>Bühler!L4540</f>
        <v>0.27479594486610492</v>
      </c>
      <c r="M4514" s="57">
        <f>Bühler!M4540</f>
        <v>0</v>
      </c>
      <c r="N4514" s="55">
        <f>IF(Input!$K$13=1,J4514*Input!$J$13,0)+IF(Input!$K$14=1,K4514*Input!$J$14,0)+IF(Input!$K$15=1,L4514*Input!$J$15,0)+IF(Input!$K$16=1,M4514*Input!$J$16,0)</f>
        <v>0.77891558842339303</v>
      </c>
      <c r="O4514" s="58">
        <f>IF(Input!$K$13=2,J4514*Input!$J$13,0)+IF(Input!$K$14=2,K4514*Input!$J$14,0)+IF(Input!$K$15=2,L4514*Input!$J$15,0)+IF(Input!$K$16=2,M4514*Input!$J$16,0)</f>
        <v>7.4194905113848325E-2</v>
      </c>
      <c r="P4514" s="58">
        <f>IF(Input!$K$13=3,J4514*Input!$J$13,0)+IF(Input!$K$14=3,K4514*Input!$J$14,0)+IF(Input!$K$15=3,L4514*Input!$J$15,0)+IF(Input!$K$16=3,M4514*Input!$J$16,0)</f>
        <v>0</v>
      </c>
      <c r="Q4514" s="71">
        <f>IF(Input!$K$13=4,J4514*Input!$J$13,0)+IF(Input!$K$14=4,K4514*Input!$J$14,0)+IF(Input!$K$15=4,L4514*Input!$J$15,0)+IF(Input!$K$16=4,M4514*Input!$J$16,0)</f>
        <v>0</v>
      </c>
    </row>
    <row r="4515" spans="8:17" x14ac:dyDescent="0.25">
      <c r="H4515" s="43">
        <v>4508</v>
      </c>
      <c r="I4515" s="55">
        <f>Bühler!I4541</f>
        <v>4.3300942809023295E-2</v>
      </c>
      <c r="J4515" s="58">
        <f>Bühler!J4541</f>
        <v>6.1841035281877126</v>
      </c>
      <c r="K4515" s="58">
        <f>Bühler!K4541</f>
        <v>0.5234208473640094</v>
      </c>
      <c r="L4515" s="58">
        <f>Bühler!L4541</f>
        <v>0.2617104236820047</v>
      </c>
      <c r="M4515" s="57">
        <f>Bühler!M4541</f>
        <v>0</v>
      </c>
      <c r="N4515" s="55">
        <f>IF(Input!$K$13=1,J4515*Input!$J$13,0)+IF(Input!$K$14=1,K4515*Input!$J$14,0)+IF(Input!$K$15=1,L4515*Input!$J$15,0)+IF(Input!$K$16=1,M4515*Input!$J$16,0)</f>
        <v>0.74209242338252546</v>
      </c>
      <c r="O4515" s="58">
        <f>IF(Input!$K$13=2,J4515*Input!$J$13,0)+IF(Input!$K$14=2,K4515*Input!$J$14,0)+IF(Input!$K$15=2,L4515*Input!$J$15,0)+IF(Input!$K$16=2,M4515*Input!$J$16,0)</f>
        <v>7.0661814394141265E-2</v>
      </c>
      <c r="P4515" s="58">
        <f>IF(Input!$K$13=3,J4515*Input!$J$13,0)+IF(Input!$K$14=3,K4515*Input!$J$14,0)+IF(Input!$K$15=3,L4515*Input!$J$15,0)+IF(Input!$K$16=3,M4515*Input!$J$16,0)</f>
        <v>0</v>
      </c>
      <c r="Q4515" s="71">
        <f>IF(Input!$K$13=4,J4515*Input!$J$13,0)+IF(Input!$K$14=4,K4515*Input!$J$14,0)+IF(Input!$K$15=4,L4515*Input!$J$15,0)+IF(Input!$K$16=4,M4515*Input!$J$16,0)</f>
        <v>0</v>
      </c>
    </row>
    <row r="4516" spans="8:17" x14ac:dyDescent="0.25">
      <c r="H4516" s="43">
        <v>4509</v>
      </c>
      <c r="I4516" s="55">
        <f>Bühler!I4542</f>
        <v>4.3300942809023295E-2</v>
      </c>
      <c r="J4516" s="58">
        <f>Bühler!J4542</f>
        <v>6.1841035281877126</v>
      </c>
      <c r="K4516" s="58">
        <f>Bühler!K4542</f>
        <v>0.5234208473640094</v>
      </c>
      <c r="L4516" s="58">
        <f>Bühler!L4542</f>
        <v>0.2617104236820047</v>
      </c>
      <c r="M4516" s="57">
        <f>Bühler!M4542</f>
        <v>0</v>
      </c>
      <c r="N4516" s="55">
        <f>IF(Input!$K$13=1,J4516*Input!$J$13,0)+IF(Input!$K$14=1,K4516*Input!$J$14,0)+IF(Input!$K$15=1,L4516*Input!$J$15,0)+IF(Input!$K$16=1,M4516*Input!$J$16,0)</f>
        <v>0.74209242338252546</v>
      </c>
      <c r="O4516" s="58">
        <f>IF(Input!$K$13=2,J4516*Input!$J$13,0)+IF(Input!$K$14=2,K4516*Input!$J$14,0)+IF(Input!$K$15=2,L4516*Input!$J$15,0)+IF(Input!$K$16=2,M4516*Input!$J$16,0)</f>
        <v>7.0661814394141265E-2</v>
      </c>
      <c r="P4516" s="58">
        <f>IF(Input!$K$13=3,J4516*Input!$J$13,0)+IF(Input!$K$14=3,K4516*Input!$J$14,0)+IF(Input!$K$15=3,L4516*Input!$J$15,0)+IF(Input!$K$16=3,M4516*Input!$J$16,0)</f>
        <v>0</v>
      </c>
      <c r="Q4516" s="71">
        <f>IF(Input!$K$13=4,J4516*Input!$J$13,0)+IF(Input!$K$14=4,K4516*Input!$J$14,0)+IF(Input!$K$15=4,L4516*Input!$J$15,0)+IF(Input!$K$16=4,M4516*Input!$J$16,0)</f>
        <v>0</v>
      </c>
    </row>
    <row r="4517" spans="8:17" x14ac:dyDescent="0.25">
      <c r="H4517" s="43">
        <v>4510</v>
      </c>
      <c r="I4517" s="55">
        <f>Bühler!I4543</f>
        <v>4.3300942809023295E-2</v>
      </c>
      <c r="J4517" s="58">
        <f>Bühler!J4543</f>
        <v>6.1841035281877126</v>
      </c>
      <c r="K4517" s="58">
        <f>Bühler!K4543</f>
        <v>0.5234208473640094</v>
      </c>
      <c r="L4517" s="58">
        <f>Bühler!L4543</f>
        <v>0.2617104236820047</v>
      </c>
      <c r="M4517" s="57">
        <f>Bühler!M4543</f>
        <v>0</v>
      </c>
      <c r="N4517" s="55">
        <f>IF(Input!$K$13=1,J4517*Input!$J$13,0)+IF(Input!$K$14=1,K4517*Input!$J$14,0)+IF(Input!$K$15=1,L4517*Input!$J$15,0)+IF(Input!$K$16=1,M4517*Input!$J$16,0)</f>
        <v>0.74209242338252546</v>
      </c>
      <c r="O4517" s="58">
        <f>IF(Input!$K$13=2,J4517*Input!$J$13,0)+IF(Input!$K$14=2,K4517*Input!$J$14,0)+IF(Input!$K$15=2,L4517*Input!$J$15,0)+IF(Input!$K$16=2,M4517*Input!$J$16,0)</f>
        <v>7.0661814394141265E-2</v>
      </c>
      <c r="P4517" s="58">
        <f>IF(Input!$K$13=3,J4517*Input!$J$13,0)+IF(Input!$K$14=3,K4517*Input!$J$14,0)+IF(Input!$K$15=3,L4517*Input!$J$15,0)+IF(Input!$K$16=3,M4517*Input!$J$16,0)</f>
        <v>0</v>
      </c>
      <c r="Q4517" s="71">
        <f>IF(Input!$K$13=4,J4517*Input!$J$13,0)+IF(Input!$K$14=4,K4517*Input!$J$14,0)+IF(Input!$K$15=4,L4517*Input!$J$15,0)+IF(Input!$K$16=4,M4517*Input!$J$16,0)</f>
        <v>0</v>
      </c>
    </row>
    <row r="4518" spans="8:17" x14ac:dyDescent="0.25">
      <c r="H4518" s="43">
        <v>4511</v>
      </c>
      <c r="I4518" s="55">
        <f>Bühler!I4544</f>
        <v>4.3300942809023295E-2</v>
      </c>
      <c r="J4518" s="58">
        <f>Bühler!J4544</f>
        <v>6.1841035281877126</v>
      </c>
      <c r="K4518" s="58">
        <f>Bühler!K4544</f>
        <v>0.5234208473640094</v>
      </c>
      <c r="L4518" s="58">
        <f>Bühler!L4544</f>
        <v>0.2617104236820047</v>
      </c>
      <c r="M4518" s="57">
        <f>Bühler!M4544</f>
        <v>0</v>
      </c>
      <c r="N4518" s="55">
        <f>IF(Input!$K$13=1,J4518*Input!$J$13,0)+IF(Input!$K$14=1,K4518*Input!$J$14,0)+IF(Input!$K$15=1,L4518*Input!$J$15,0)+IF(Input!$K$16=1,M4518*Input!$J$16,0)</f>
        <v>0.74209242338252546</v>
      </c>
      <c r="O4518" s="58">
        <f>IF(Input!$K$13=2,J4518*Input!$J$13,0)+IF(Input!$K$14=2,K4518*Input!$J$14,0)+IF(Input!$K$15=2,L4518*Input!$J$15,0)+IF(Input!$K$16=2,M4518*Input!$J$16,0)</f>
        <v>7.0661814394141265E-2</v>
      </c>
      <c r="P4518" s="58">
        <f>IF(Input!$K$13=3,J4518*Input!$J$13,0)+IF(Input!$K$14=3,K4518*Input!$J$14,0)+IF(Input!$K$15=3,L4518*Input!$J$15,0)+IF(Input!$K$16=3,M4518*Input!$J$16,0)</f>
        <v>0</v>
      </c>
      <c r="Q4518" s="71">
        <f>IF(Input!$K$13=4,J4518*Input!$J$13,0)+IF(Input!$K$14=4,K4518*Input!$J$14,0)+IF(Input!$K$15=4,L4518*Input!$J$15,0)+IF(Input!$K$16=4,M4518*Input!$J$16,0)</f>
        <v>0</v>
      </c>
    </row>
    <row r="4519" spans="8:17" x14ac:dyDescent="0.25">
      <c r="H4519" s="43">
        <v>4512</v>
      </c>
      <c r="I4519" s="55">
        <f>Bühler!I4545</f>
        <v>4.3300942809023295E-2</v>
      </c>
      <c r="J4519" s="58">
        <f>Bühler!J4545</f>
        <v>6.1841035281877126</v>
      </c>
      <c r="K4519" s="58">
        <f>Bühler!K4545</f>
        <v>0.5234208473640094</v>
      </c>
      <c r="L4519" s="58">
        <f>Bühler!L4545</f>
        <v>0.2617104236820047</v>
      </c>
      <c r="M4519" s="57">
        <f>Bühler!M4545</f>
        <v>0</v>
      </c>
      <c r="N4519" s="55">
        <f>IF(Input!$K$13=1,J4519*Input!$J$13,0)+IF(Input!$K$14=1,K4519*Input!$J$14,0)+IF(Input!$K$15=1,L4519*Input!$J$15,0)+IF(Input!$K$16=1,M4519*Input!$J$16,0)</f>
        <v>0.74209242338252546</v>
      </c>
      <c r="O4519" s="58">
        <f>IF(Input!$K$13=2,J4519*Input!$J$13,0)+IF(Input!$K$14=2,K4519*Input!$J$14,0)+IF(Input!$K$15=2,L4519*Input!$J$15,0)+IF(Input!$K$16=2,M4519*Input!$J$16,0)</f>
        <v>7.0661814394141265E-2</v>
      </c>
      <c r="P4519" s="58">
        <f>IF(Input!$K$13=3,J4519*Input!$J$13,0)+IF(Input!$K$14=3,K4519*Input!$J$14,0)+IF(Input!$K$15=3,L4519*Input!$J$15,0)+IF(Input!$K$16=3,M4519*Input!$J$16,0)</f>
        <v>0</v>
      </c>
      <c r="Q4519" s="71">
        <f>IF(Input!$K$13=4,J4519*Input!$J$13,0)+IF(Input!$K$14=4,K4519*Input!$J$14,0)+IF(Input!$K$15=4,L4519*Input!$J$15,0)+IF(Input!$K$16=4,M4519*Input!$J$16,0)</f>
        <v>0</v>
      </c>
    </row>
    <row r="4520" spans="8:17" x14ac:dyDescent="0.25">
      <c r="H4520" s="43">
        <v>4513</v>
      </c>
      <c r="I4520" s="55">
        <f>Bühler!I4546</f>
        <v>3.0700961581270975E-2</v>
      </c>
      <c r="J4520" s="58">
        <f>Bühler!J4546</f>
        <v>4.1655705108477799</v>
      </c>
      <c r="K4520" s="58">
        <f>Bühler!K4546</f>
        <v>0.23915739772374559</v>
      </c>
      <c r="L4520" s="58">
        <f>Bühler!L4546</f>
        <v>0.11957869886187279</v>
      </c>
      <c r="M4520" s="57">
        <f>Bühler!M4546</f>
        <v>0</v>
      </c>
      <c r="N4520" s="55">
        <f>IF(Input!$K$13=1,J4520*Input!$J$13,0)+IF(Input!$K$14=1,K4520*Input!$J$14,0)+IF(Input!$K$15=1,L4520*Input!$J$15,0)+IF(Input!$K$16=1,M4520*Input!$J$16,0)</f>
        <v>0.49986846130173357</v>
      </c>
      <c r="O4520" s="58">
        <f>IF(Input!$K$13=2,J4520*Input!$J$13,0)+IF(Input!$K$14=2,K4520*Input!$J$14,0)+IF(Input!$K$15=2,L4520*Input!$J$15,0)+IF(Input!$K$16=2,M4520*Input!$J$16,0)</f>
        <v>3.2286248692705653E-2</v>
      </c>
      <c r="P4520" s="58">
        <f>IF(Input!$K$13=3,J4520*Input!$J$13,0)+IF(Input!$K$14=3,K4520*Input!$J$14,0)+IF(Input!$K$15=3,L4520*Input!$J$15,0)+IF(Input!$K$16=3,M4520*Input!$J$16,0)</f>
        <v>0</v>
      </c>
      <c r="Q4520" s="71">
        <f>IF(Input!$K$13=4,J4520*Input!$J$13,0)+IF(Input!$K$14=4,K4520*Input!$J$14,0)+IF(Input!$K$15=4,L4520*Input!$J$15,0)+IF(Input!$K$16=4,M4520*Input!$J$16,0)</f>
        <v>0</v>
      </c>
    </row>
    <row r="4521" spans="8:17" x14ac:dyDescent="0.25">
      <c r="H4521" s="43">
        <v>4514</v>
      </c>
      <c r="I4521" s="55">
        <f>Bühler!I4547</f>
        <v>5.9939972611052869E-2</v>
      </c>
      <c r="J4521" s="58">
        <f>Bühler!J4547</f>
        <v>3.7944131310703639</v>
      </c>
      <c r="K4521" s="58">
        <f>Bühler!K4547</f>
        <v>0.21524165795137101</v>
      </c>
      <c r="L4521" s="58">
        <f>Bühler!L4547</f>
        <v>0.10762082897568551</v>
      </c>
      <c r="M4521" s="57">
        <f>Bühler!M4547</f>
        <v>0</v>
      </c>
      <c r="N4521" s="55">
        <f>IF(Input!$K$13=1,J4521*Input!$J$13,0)+IF(Input!$K$14=1,K4521*Input!$J$14,0)+IF(Input!$K$15=1,L4521*Input!$J$15,0)+IF(Input!$K$16=1,M4521*Input!$J$16,0)</f>
        <v>0.45532957572844368</v>
      </c>
      <c r="O4521" s="58">
        <f>IF(Input!$K$13=2,J4521*Input!$J$13,0)+IF(Input!$K$14=2,K4521*Input!$J$14,0)+IF(Input!$K$15=2,L4521*Input!$J$15,0)+IF(Input!$K$16=2,M4521*Input!$J$16,0)</f>
        <v>2.9057623823435089E-2</v>
      </c>
      <c r="P4521" s="58">
        <f>IF(Input!$K$13=3,J4521*Input!$J$13,0)+IF(Input!$K$14=3,K4521*Input!$J$14,0)+IF(Input!$K$15=3,L4521*Input!$J$15,0)+IF(Input!$K$16=3,M4521*Input!$J$16,0)</f>
        <v>0</v>
      </c>
      <c r="Q4521" s="71">
        <f>IF(Input!$K$13=4,J4521*Input!$J$13,0)+IF(Input!$K$14=4,K4521*Input!$J$14,0)+IF(Input!$K$15=4,L4521*Input!$J$15,0)+IF(Input!$K$16=4,M4521*Input!$J$16,0)</f>
        <v>0</v>
      </c>
    </row>
    <row r="4522" spans="8:17" x14ac:dyDescent="0.25">
      <c r="H4522" s="43">
        <v>4515</v>
      </c>
      <c r="I4522" s="55">
        <f>Bühler!I4548</f>
        <v>5.9939972611052869E-2</v>
      </c>
      <c r="J4522" s="58">
        <f>Bühler!J4548</f>
        <v>3.7944131310703639</v>
      </c>
      <c r="K4522" s="58">
        <f>Bühler!K4548</f>
        <v>0.21524165795137101</v>
      </c>
      <c r="L4522" s="58">
        <f>Bühler!L4548</f>
        <v>0.10762082897568551</v>
      </c>
      <c r="M4522" s="57">
        <f>Bühler!M4548</f>
        <v>0</v>
      </c>
      <c r="N4522" s="55">
        <f>IF(Input!$K$13=1,J4522*Input!$J$13,0)+IF(Input!$K$14=1,K4522*Input!$J$14,0)+IF(Input!$K$15=1,L4522*Input!$J$15,0)+IF(Input!$K$16=1,M4522*Input!$J$16,0)</f>
        <v>0.45532957572844368</v>
      </c>
      <c r="O4522" s="58">
        <f>IF(Input!$K$13=2,J4522*Input!$J$13,0)+IF(Input!$K$14=2,K4522*Input!$J$14,0)+IF(Input!$K$15=2,L4522*Input!$J$15,0)+IF(Input!$K$16=2,M4522*Input!$J$16,0)</f>
        <v>2.9057623823435089E-2</v>
      </c>
      <c r="P4522" s="58">
        <f>IF(Input!$K$13=3,J4522*Input!$J$13,0)+IF(Input!$K$14=3,K4522*Input!$J$14,0)+IF(Input!$K$15=3,L4522*Input!$J$15,0)+IF(Input!$K$16=3,M4522*Input!$J$16,0)</f>
        <v>0</v>
      </c>
      <c r="Q4522" s="71">
        <f>IF(Input!$K$13=4,J4522*Input!$J$13,0)+IF(Input!$K$14=4,K4522*Input!$J$14,0)+IF(Input!$K$15=4,L4522*Input!$J$15,0)+IF(Input!$K$16=4,M4522*Input!$J$16,0)</f>
        <v>0</v>
      </c>
    </row>
    <row r="4523" spans="8:17" x14ac:dyDescent="0.25">
      <c r="H4523" s="43">
        <v>4516</v>
      </c>
      <c r="I4523" s="55">
        <f>Bühler!I4549</f>
        <v>5.9939972611052869E-2</v>
      </c>
      <c r="J4523" s="58">
        <f>Bühler!J4549</f>
        <v>3.7944131310703639</v>
      </c>
      <c r="K4523" s="58">
        <f>Bühler!K4549</f>
        <v>0.21524165795137101</v>
      </c>
      <c r="L4523" s="58">
        <f>Bühler!L4549</f>
        <v>0.10762082897568551</v>
      </c>
      <c r="M4523" s="57">
        <f>Bühler!M4549</f>
        <v>0</v>
      </c>
      <c r="N4523" s="55">
        <f>IF(Input!$K$13=1,J4523*Input!$J$13,0)+IF(Input!$K$14=1,K4523*Input!$J$14,0)+IF(Input!$K$15=1,L4523*Input!$J$15,0)+IF(Input!$K$16=1,M4523*Input!$J$16,0)</f>
        <v>0.45532957572844368</v>
      </c>
      <c r="O4523" s="58">
        <f>IF(Input!$K$13=2,J4523*Input!$J$13,0)+IF(Input!$K$14=2,K4523*Input!$J$14,0)+IF(Input!$K$15=2,L4523*Input!$J$15,0)+IF(Input!$K$16=2,M4523*Input!$J$16,0)</f>
        <v>2.9057623823435089E-2</v>
      </c>
      <c r="P4523" s="58">
        <f>IF(Input!$K$13=3,J4523*Input!$J$13,0)+IF(Input!$K$14=3,K4523*Input!$J$14,0)+IF(Input!$K$15=3,L4523*Input!$J$15,0)+IF(Input!$K$16=3,M4523*Input!$J$16,0)</f>
        <v>0</v>
      </c>
      <c r="Q4523" s="71">
        <f>IF(Input!$K$13=4,J4523*Input!$J$13,0)+IF(Input!$K$14=4,K4523*Input!$J$14,0)+IF(Input!$K$15=4,L4523*Input!$J$15,0)+IF(Input!$K$16=4,M4523*Input!$J$16,0)</f>
        <v>0</v>
      </c>
    </row>
    <row r="4524" spans="8:17" x14ac:dyDescent="0.25">
      <c r="H4524" s="43">
        <v>4517</v>
      </c>
      <c r="I4524" s="55">
        <f>Bühler!I4550</f>
        <v>5.9939972611052869E-2</v>
      </c>
      <c r="J4524" s="58">
        <f>Bühler!J4550</f>
        <v>3.7944131310703639</v>
      </c>
      <c r="K4524" s="58">
        <f>Bühler!K4550</f>
        <v>0.21524165795137101</v>
      </c>
      <c r="L4524" s="58">
        <f>Bühler!L4550</f>
        <v>0.10762082897568551</v>
      </c>
      <c r="M4524" s="57">
        <f>Bühler!M4550</f>
        <v>0</v>
      </c>
      <c r="N4524" s="55">
        <f>IF(Input!$K$13=1,J4524*Input!$J$13,0)+IF(Input!$K$14=1,K4524*Input!$J$14,0)+IF(Input!$K$15=1,L4524*Input!$J$15,0)+IF(Input!$K$16=1,M4524*Input!$J$16,0)</f>
        <v>0.45532957572844368</v>
      </c>
      <c r="O4524" s="58">
        <f>IF(Input!$K$13=2,J4524*Input!$J$13,0)+IF(Input!$K$14=2,K4524*Input!$J$14,0)+IF(Input!$K$15=2,L4524*Input!$J$15,0)+IF(Input!$K$16=2,M4524*Input!$J$16,0)</f>
        <v>2.9057623823435089E-2</v>
      </c>
      <c r="P4524" s="58">
        <f>IF(Input!$K$13=3,J4524*Input!$J$13,0)+IF(Input!$K$14=3,K4524*Input!$J$14,0)+IF(Input!$K$15=3,L4524*Input!$J$15,0)+IF(Input!$K$16=3,M4524*Input!$J$16,0)</f>
        <v>0</v>
      </c>
      <c r="Q4524" s="71">
        <f>IF(Input!$K$13=4,J4524*Input!$J$13,0)+IF(Input!$K$14=4,K4524*Input!$J$14,0)+IF(Input!$K$15=4,L4524*Input!$J$15,0)+IF(Input!$K$16=4,M4524*Input!$J$16,0)</f>
        <v>0</v>
      </c>
    </row>
    <row r="4525" spans="8:17" x14ac:dyDescent="0.25">
      <c r="H4525" s="43">
        <v>4518</v>
      </c>
      <c r="I4525" s="55">
        <f>Bühler!I4551</f>
        <v>7.4559478125943796E-2</v>
      </c>
      <c r="J4525" s="58">
        <f>Bühler!J4551</f>
        <v>3.7950222771334845</v>
      </c>
      <c r="K4525" s="58">
        <f>Bühler!K4551</f>
        <v>0.21524165795137101</v>
      </c>
      <c r="L4525" s="58">
        <f>Bühler!L4551</f>
        <v>0.10762082897568551</v>
      </c>
      <c r="M4525" s="57">
        <f>Bühler!M4551</f>
        <v>0</v>
      </c>
      <c r="N4525" s="55">
        <f>IF(Input!$K$13=1,J4525*Input!$J$13,0)+IF(Input!$K$14=1,K4525*Input!$J$14,0)+IF(Input!$K$15=1,L4525*Input!$J$15,0)+IF(Input!$K$16=1,M4525*Input!$J$16,0)</f>
        <v>0.45540267325601813</v>
      </c>
      <c r="O4525" s="58">
        <f>IF(Input!$K$13=2,J4525*Input!$J$13,0)+IF(Input!$K$14=2,K4525*Input!$J$14,0)+IF(Input!$K$15=2,L4525*Input!$J$15,0)+IF(Input!$K$16=2,M4525*Input!$J$16,0)</f>
        <v>2.9057623823435089E-2</v>
      </c>
      <c r="P4525" s="58">
        <f>IF(Input!$K$13=3,J4525*Input!$J$13,0)+IF(Input!$K$14=3,K4525*Input!$J$14,0)+IF(Input!$K$15=3,L4525*Input!$J$15,0)+IF(Input!$K$16=3,M4525*Input!$J$16,0)</f>
        <v>0</v>
      </c>
      <c r="Q4525" s="71">
        <f>IF(Input!$K$13=4,J4525*Input!$J$13,0)+IF(Input!$K$14=4,K4525*Input!$J$14,0)+IF(Input!$K$15=4,L4525*Input!$J$15,0)+IF(Input!$K$16=4,M4525*Input!$J$16,0)</f>
        <v>0</v>
      </c>
    </row>
    <row r="4526" spans="8:17" x14ac:dyDescent="0.25">
      <c r="H4526" s="43">
        <v>4519</v>
      </c>
      <c r="I4526" s="55">
        <f>Bühler!I4552</f>
        <v>9.3564835295302018E-2</v>
      </c>
      <c r="J4526" s="58">
        <f>Bühler!J4552</f>
        <v>3.795814167015541</v>
      </c>
      <c r="K4526" s="58">
        <f>Bühler!K4552</f>
        <v>0.21524165795137101</v>
      </c>
      <c r="L4526" s="58">
        <f>Bühler!L4552</f>
        <v>0.10762082897568551</v>
      </c>
      <c r="M4526" s="57">
        <f>Bühler!M4552</f>
        <v>0</v>
      </c>
      <c r="N4526" s="55">
        <f>IF(Input!$K$13=1,J4526*Input!$J$13,0)+IF(Input!$K$14=1,K4526*Input!$J$14,0)+IF(Input!$K$15=1,L4526*Input!$J$15,0)+IF(Input!$K$16=1,M4526*Input!$J$16,0)</f>
        <v>0.45549770004186491</v>
      </c>
      <c r="O4526" s="58">
        <f>IF(Input!$K$13=2,J4526*Input!$J$13,0)+IF(Input!$K$14=2,K4526*Input!$J$14,0)+IF(Input!$K$15=2,L4526*Input!$J$15,0)+IF(Input!$K$16=2,M4526*Input!$J$16,0)</f>
        <v>2.9057623823435089E-2</v>
      </c>
      <c r="P4526" s="58">
        <f>IF(Input!$K$13=3,J4526*Input!$J$13,0)+IF(Input!$K$14=3,K4526*Input!$J$14,0)+IF(Input!$K$15=3,L4526*Input!$J$15,0)+IF(Input!$K$16=3,M4526*Input!$J$16,0)</f>
        <v>0</v>
      </c>
      <c r="Q4526" s="71">
        <f>IF(Input!$K$13=4,J4526*Input!$J$13,0)+IF(Input!$K$14=4,K4526*Input!$J$14,0)+IF(Input!$K$15=4,L4526*Input!$J$15,0)+IF(Input!$K$16=4,M4526*Input!$J$16,0)</f>
        <v>0</v>
      </c>
    </row>
    <row r="4527" spans="8:17" x14ac:dyDescent="0.25">
      <c r="H4527" s="43">
        <v>4520</v>
      </c>
      <c r="I4527" s="55">
        <f>Bühler!I4553</f>
        <v>0.10672239025870386</v>
      </c>
      <c r="J4527" s="58">
        <f>Bühler!J4553</f>
        <v>3.7963623984723496</v>
      </c>
      <c r="K4527" s="58">
        <f>Bühler!K4553</f>
        <v>0.21524165795137101</v>
      </c>
      <c r="L4527" s="58">
        <f>Bühler!L4553</f>
        <v>0.10762082897568551</v>
      </c>
      <c r="M4527" s="57">
        <f>Bühler!M4553</f>
        <v>0</v>
      </c>
      <c r="N4527" s="55">
        <f>IF(Input!$K$13=1,J4527*Input!$J$13,0)+IF(Input!$K$14=1,K4527*Input!$J$14,0)+IF(Input!$K$15=1,L4527*Input!$J$15,0)+IF(Input!$K$16=1,M4527*Input!$J$16,0)</f>
        <v>0.45556348781668193</v>
      </c>
      <c r="O4527" s="58">
        <f>IF(Input!$K$13=2,J4527*Input!$J$13,0)+IF(Input!$K$14=2,K4527*Input!$J$14,0)+IF(Input!$K$15=2,L4527*Input!$J$15,0)+IF(Input!$K$16=2,M4527*Input!$J$16,0)</f>
        <v>2.9057623823435089E-2</v>
      </c>
      <c r="P4527" s="58">
        <f>IF(Input!$K$13=3,J4527*Input!$J$13,0)+IF(Input!$K$14=3,K4527*Input!$J$14,0)+IF(Input!$K$15=3,L4527*Input!$J$15,0)+IF(Input!$K$16=3,M4527*Input!$J$16,0)</f>
        <v>0</v>
      </c>
      <c r="Q4527" s="71">
        <f>IF(Input!$K$13=4,J4527*Input!$J$13,0)+IF(Input!$K$14=4,K4527*Input!$J$14,0)+IF(Input!$K$15=4,L4527*Input!$J$15,0)+IF(Input!$K$16=4,M4527*Input!$J$16,0)</f>
        <v>0</v>
      </c>
    </row>
    <row r="4528" spans="8:17" x14ac:dyDescent="0.25">
      <c r="H4528" s="43">
        <v>4521</v>
      </c>
      <c r="I4528" s="55">
        <f>Bühler!I4554</f>
        <v>0.10672239025870386</v>
      </c>
      <c r="J4528" s="58">
        <f>Bühler!J4554</f>
        <v>3.7963623984723496</v>
      </c>
      <c r="K4528" s="58">
        <f>Bühler!K4554</f>
        <v>0.21524165795137101</v>
      </c>
      <c r="L4528" s="58">
        <f>Bühler!L4554</f>
        <v>0.10762082897568551</v>
      </c>
      <c r="M4528" s="57">
        <f>Bühler!M4554</f>
        <v>0</v>
      </c>
      <c r="N4528" s="55">
        <f>IF(Input!$K$13=1,J4528*Input!$J$13,0)+IF(Input!$K$14=1,K4528*Input!$J$14,0)+IF(Input!$K$15=1,L4528*Input!$J$15,0)+IF(Input!$K$16=1,M4528*Input!$J$16,0)</f>
        <v>0.45556348781668193</v>
      </c>
      <c r="O4528" s="58">
        <f>IF(Input!$K$13=2,J4528*Input!$J$13,0)+IF(Input!$K$14=2,K4528*Input!$J$14,0)+IF(Input!$K$15=2,L4528*Input!$J$15,0)+IF(Input!$K$16=2,M4528*Input!$J$16,0)</f>
        <v>2.9057623823435089E-2</v>
      </c>
      <c r="P4528" s="58">
        <f>IF(Input!$K$13=3,J4528*Input!$J$13,0)+IF(Input!$K$14=3,K4528*Input!$J$14,0)+IF(Input!$K$15=3,L4528*Input!$J$15,0)+IF(Input!$K$16=3,M4528*Input!$J$16,0)</f>
        <v>0</v>
      </c>
      <c r="Q4528" s="71">
        <f>IF(Input!$K$13=4,J4528*Input!$J$13,0)+IF(Input!$K$14=4,K4528*Input!$J$14,0)+IF(Input!$K$15=4,L4528*Input!$J$15,0)+IF(Input!$K$16=4,M4528*Input!$J$16,0)</f>
        <v>0</v>
      </c>
    </row>
    <row r="4529" spans="8:17" x14ac:dyDescent="0.25">
      <c r="H4529" s="43">
        <v>4522</v>
      </c>
      <c r="I4529" s="55">
        <f>Bühler!I4555</f>
        <v>0.10672239025870386</v>
      </c>
      <c r="J4529" s="58">
        <f>Bühler!J4555</f>
        <v>3.7963623984723496</v>
      </c>
      <c r="K4529" s="58">
        <f>Bühler!K4555</f>
        <v>0.21524165795137101</v>
      </c>
      <c r="L4529" s="58">
        <f>Bühler!L4555</f>
        <v>0.10762082897568551</v>
      </c>
      <c r="M4529" s="57">
        <f>Bühler!M4555</f>
        <v>0</v>
      </c>
      <c r="N4529" s="55">
        <f>IF(Input!$K$13=1,J4529*Input!$J$13,0)+IF(Input!$K$14=1,K4529*Input!$J$14,0)+IF(Input!$K$15=1,L4529*Input!$J$15,0)+IF(Input!$K$16=1,M4529*Input!$J$16,0)</f>
        <v>0.45556348781668193</v>
      </c>
      <c r="O4529" s="58">
        <f>IF(Input!$K$13=2,J4529*Input!$J$13,0)+IF(Input!$K$14=2,K4529*Input!$J$14,0)+IF(Input!$K$15=2,L4529*Input!$J$15,0)+IF(Input!$K$16=2,M4529*Input!$J$16,0)</f>
        <v>2.9057623823435089E-2</v>
      </c>
      <c r="P4529" s="58">
        <f>IF(Input!$K$13=3,J4529*Input!$J$13,0)+IF(Input!$K$14=3,K4529*Input!$J$14,0)+IF(Input!$K$15=3,L4529*Input!$J$15,0)+IF(Input!$K$16=3,M4529*Input!$J$16,0)</f>
        <v>0</v>
      </c>
      <c r="Q4529" s="71">
        <f>IF(Input!$K$13=4,J4529*Input!$J$13,0)+IF(Input!$K$14=4,K4529*Input!$J$14,0)+IF(Input!$K$15=4,L4529*Input!$J$15,0)+IF(Input!$K$16=4,M4529*Input!$J$16,0)</f>
        <v>0</v>
      </c>
    </row>
    <row r="4530" spans="8:17" x14ac:dyDescent="0.25">
      <c r="H4530" s="43">
        <v>4523</v>
      </c>
      <c r="I4530" s="55">
        <f>Bühler!I4556</f>
        <v>0.10672239025870386</v>
      </c>
      <c r="J4530" s="58">
        <f>Bühler!J4556</f>
        <v>3.7963623984723496</v>
      </c>
      <c r="K4530" s="58">
        <f>Bühler!K4556</f>
        <v>0.21524165795137101</v>
      </c>
      <c r="L4530" s="58">
        <f>Bühler!L4556</f>
        <v>0.10762082897568551</v>
      </c>
      <c r="M4530" s="57">
        <f>Bühler!M4556</f>
        <v>0</v>
      </c>
      <c r="N4530" s="55">
        <f>IF(Input!$K$13=1,J4530*Input!$J$13,0)+IF(Input!$K$14=1,K4530*Input!$J$14,0)+IF(Input!$K$15=1,L4530*Input!$J$15,0)+IF(Input!$K$16=1,M4530*Input!$J$16,0)</f>
        <v>0.45556348781668193</v>
      </c>
      <c r="O4530" s="58">
        <f>IF(Input!$K$13=2,J4530*Input!$J$13,0)+IF(Input!$K$14=2,K4530*Input!$J$14,0)+IF(Input!$K$15=2,L4530*Input!$J$15,0)+IF(Input!$K$16=2,M4530*Input!$J$16,0)</f>
        <v>2.9057623823435089E-2</v>
      </c>
      <c r="P4530" s="58">
        <f>IF(Input!$K$13=3,J4530*Input!$J$13,0)+IF(Input!$K$14=3,K4530*Input!$J$14,0)+IF(Input!$K$15=3,L4530*Input!$J$15,0)+IF(Input!$K$16=3,M4530*Input!$J$16,0)</f>
        <v>0</v>
      </c>
      <c r="Q4530" s="71">
        <f>IF(Input!$K$13=4,J4530*Input!$J$13,0)+IF(Input!$K$14=4,K4530*Input!$J$14,0)+IF(Input!$K$15=4,L4530*Input!$J$15,0)+IF(Input!$K$16=4,M4530*Input!$J$16,0)</f>
        <v>0</v>
      </c>
    </row>
    <row r="4531" spans="8:17" x14ac:dyDescent="0.25">
      <c r="H4531" s="43">
        <v>4524</v>
      </c>
      <c r="I4531" s="55">
        <f>Bühler!I4557</f>
        <v>0.10672239025870386</v>
      </c>
      <c r="J4531" s="58">
        <f>Bühler!J4557</f>
        <v>3.7963623984723496</v>
      </c>
      <c r="K4531" s="58">
        <f>Bühler!K4557</f>
        <v>0.21524165795137101</v>
      </c>
      <c r="L4531" s="58">
        <f>Bühler!L4557</f>
        <v>0.10762082897568551</v>
      </c>
      <c r="M4531" s="57">
        <f>Bühler!M4557</f>
        <v>0</v>
      </c>
      <c r="N4531" s="55">
        <f>IF(Input!$K$13=1,J4531*Input!$J$13,0)+IF(Input!$K$14=1,K4531*Input!$J$14,0)+IF(Input!$K$15=1,L4531*Input!$J$15,0)+IF(Input!$K$16=1,M4531*Input!$J$16,0)</f>
        <v>0.45556348781668193</v>
      </c>
      <c r="O4531" s="58">
        <f>IF(Input!$K$13=2,J4531*Input!$J$13,0)+IF(Input!$K$14=2,K4531*Input!$J$14,0)+IF(Input!$K$15=2,L4531*Input!$J$15,0)+IF(Input!$K$16=2,M4531*Input!$J$16,0)</f>
        <v>2.9057623823435089E-2</v>
      </c>
      <c r="P4531" s="58">
        <f>IF(Input!$K$13=3,J4531*Input!$J$13,0)+IF(Input!$K$14=3,K4531*Input!$J$14,0)+IF(Input!$K$15=3,L4531*Input!$J$15,0)+IF(Input!$K$16=3,M4531*Input!$J$16,0)</f>
        <v>0</v>
      </c>
      <c r="Q4531" s="71">
        <f>IF(Input!$K$13=4,J4531*Input!$J$13,0)+IF(Input!$K$14=4,K4531*Input!$J$14,0)+IF(Input!$K$15=4,L4531*Input!$J$15,0)+IF(Input!$K$16=4,M4531*Input!$J$16,0)</f>
        <v>0</v>
      </c>
    </row>
    <row r="4532" spans="8:17" x14ac:dyDescent="0.25">
      <c r="H4532" s="43">
        <v>4525</v>
      </c>
      <c r="I4532" s="55">
        <f>Bühler!I4558</f>
        <v>0.10672239025870386</v>
      </c>
      <c r="J4532" s="58">
        <f>Bühler!J4558</f>
        <v>3.7963623984723496</v>
      </c>
      <c r="K4532" s="58">
        <f>Bühler!K4558</f>
        <v>0.21524165795137101</v>
      </c>
      <c r="L4532" s="58">
        <f>Bühler!L4558</f>
        <v>0.10762082897568551</v>
      </c>
      <c r="M4532" s="57">
        <f>Bühler!M4558</f>
        <v>0</v>
      </c>
      <c r="N4532" s="55">
        <f>IF(Input!$K$13=1,J4532*Input!$J$13,0)+IF(Input!$K$14=1,K4532*Input!$J$14,0)+IF(Input!$K$15=1,L4532*Input!$J$15,0)+IF(Input!$K$16=1,M4532*Input!$J$16,0)</f>
        <v>0.45556348781668193</v>
      </c>
      <c r="O4532" s="58">
        <f>IF(Input!$K$13=2,J4532*Input!$J$13,0)+IF(Input!$K$14=2,K4532*Input!$J$14,0)+IF(Input!$K$15=2,L4532*Input!$J$15,0)+IF(Input!$K$16=2,M4532*Input!$J$16,0)</f>
        <v>2.9057623823435089E-2</v>
      </c>
      <c r="P4532" s="58">
        <f>IF(Input!$K$13=3,J4532*Input!$J$13,0)+IF(Input!$K$14=3,K4532*Input!$J$14,0)+IF(Input!$K$15=3,L4532*Input!$J$15,0)+IF(Input!$K$16=3,M4532*Input!$J$16,0)</f>
        <v>0</v>
      </c>
      <c r="Q4532" s="71">
        <f>IF(Input!$K$13=4,J4532*Input!$J$13,0)+IF(Input!$K$14=4,K4532*Input!$J$14,0)+IF(Input!$K$15=4,L4532*Input!$J$15,0)+IF(Input!$K$16=4,M4532*Input!$J$16,0)</f>
        <v>0</v>
      </c>
    </row>
    <row r="4533" spans="8:17" x14ac:dyDescent="0.25">
      <c r="H4533" s="43">
        <v>4526</v>
      </c>
      <c r="I4533" s="55">
        <f>Bühler!I4559</f>
        <v>0.10672239025870386</v>
      </c>
      <c r="J4533" s="58">
        <f>Bühler!J4559</f>
        <v>3.7963623984723496</v>
      </c>
      <c r="K4533" s="58">
        <f>Bühler!K4559</f>
        <v>0.21524165795137101</v>
      </c>
      <c r="L4533" s="58">
        <f>Bühler!L4559</f>
        <v>0.10762082897568551</v>
      </c>
      <c r="M4533" s="57">
        <f>Bühler!M4559</f>
        <v>0</v>
      </c>
      <c r="N4533" s="55">
        <f>IF(Input!$K$13=1,J4533*Input!$J$13,0)+IF(Input!$K$14=1,K4533*Input!$J$14,0)+IF(Input!$K$15=1,L4533*Input!$J$15,0)+IF(Input!$K$16=1,M4533*Input!$J$16,0)</f>
        <v>0.45556348781668193</v>
      </c>
      <c r="O4533" s="58">
        <f>IF(Input!$K$13=2,J4533*Input!$J$13,0)+IF(Input!$K$14=2,K4533*Input!$J$14,0)+IF(Input!$K$15=2,L4533*Input!$J$15,0)+IF(Input!$K$16=2,M4533*Input!$J$16,0)</f>
        <v>2.9057623823435089E-2</v>
      </c>
      <c r="P4533" s="58">
        <f>IF(Input!$K$13=3,J4533*Input!$J$13,0)+IF(Input!$K$14=3,K4533*Input!$J$14,0)+IF(Input!$K$15=3,L4533*Input!$J$15,0)+IF(Input!$K$16=3,M4533*Input!$J$16,0)</f>
        <v>0</v>
      </c>
      <c r="Q4533" s="71">
        <f>IF(Input!$K$13=4,J4533*Input!$J$13,0)+IF(Input!$K$14=4,K4533*Input!$J$14,0)+IF(Input!$K$15=4,L4533*Input!$J$15,0)+IF(Input!$K$16=4,M4533*Input!$J$16,0)</f>
        <v>0</v>
      </c>
    </row>
    <row r="4534" spans="8:17" x14ac:dyDescent="0.25">
      <c r="H4534" s="43">
        <v>4527</v>
      </c>
      <c r="I4534" s="55">
        <f>Bühler!I4560</f>
        <v>0.10672239025870386</v>
      </c>
      <c r="J4534" s="58">
        <f>Bühler!J4560</f>
        <v>3.7963623984723496</v>
      </c>
      <c r="K4534" s="58">
        <f>Bühler!K4560</f>
        <v>0.21524165795137101</v>
      </c>
      <c r="L4534" s="58">
        <f>Bühler!L4560</f>
        <v>0.10762082897568551</v>
      </c>
      <c r="M4534" s="57">
        <f>Bühler!M4560</f>
        <v>0</v>
      </c>
      <c r="N4534" s="55">
        <f>IF(Input!$K$13=1,J4534*Input!$J$13,0)+IF(Input!$K$14=1,K4534*Input!$J$14,0)+IF(Input!$K$15=1,L4534*Input!$J$15,0)+IF(Input!$K$16=1,M4534*Input!$J$16,0)</f>
        <v>0.45556348781668193</v>
      </c>
      <c r="O4534" s="58">
        <f>IF(Input!$K$13=2,J4534*Input!$J$13,0)+IF(Input!$K$14=2,K4534*Input!$J$14,0)+IF(Input!$K$15=2,L4534*Input!$J$15,0)+IF(Input!$K$16=2,M4534*Input!$J$16,0)</f>
        <v>2.9057623823435089E-2</v>
      </c>
      <c r="P4534" s="58">
        <f>IF(Input!$K$13=3,J4534*Input!$J$13,0)+IF(Input!$K$14=3,K4534*Input!$J$14,0)+IF(Input!$K$15=3,L4534*Input!$J$15,0)+IF(Input!$K$16=3,M4534*Input!$J$16,0)</f>
        <v>0</v>
      </c>
      <c r="Q4534" s="71">
        <f>IF(Input!$K$13=4,J4534*Input!$J$13,0)+IF(Input!$K$14=4,K4534*Input!$J$14,0)+IF(Input!$K$15=4,L4534*Input!$J$15,0)+IF(Input!$K$16=4,M4534*Input!$J$16,0)</f>
        <v>0</v>
      </c>
    </row>
    <row r="4535" spans="8:17" x14ac:dyDescent="0.25">
      <c r="H4535" s="43">
        <v>4528</v>
      </c>
      <c r="I4535" s="55">
        <f>Bühler!I4561</f>
        <v>9.6488736398280206E-2</v>
      </c>
      <c r="J4535" s="58">
        <f>Bühler!J4561</f>
        <v>3.7959359962281649</v>
      </c>
      <c r="K4535" s="58">
        <f>Bühler!K4561</f>
        <v>0.21524165795137101</v>
      </c>
      <c r="L4535" s="58">
        <f>Bühler!L4561</f>
        <v>0.10762082897568551</v>
      </c>
      <c r="M4535" s="57">
        <f>Bühler!M4561</f>
        <v>0</v>
      </c>
      <c r="N4535" s="55">
        <f>IF(Input!$K$13=1,J4535*Input!$J$13,0)+IF(Input!$K$14=1,K4535*Input!$J$14,0)+IF(Input!$K$15=1,L4535*Input!$J$15,0)+IF(Input!$K$16=1,M4535*Input!$J$16,0)</f>
        <v>0.45551231954737975</v>
      </c>
      <c r="O4535" s="58">
        <f>IF(Input!$K$13=2,J4535*Input!$J$13,0)+IF(Input!$K$14=2,K4535*Input!$J$14,0)+IF(Input!$K$15=2,L4535*Input!$J$15,0)+IF(Input!$K$16=2,M4535*Input!$J$16,0)</f>
        <v>2.9057623823435089E-2</v>
      </c>
      <c r="P4535" s="58">
        <f>IF(Input!$K$13=3,J4535*Input!$J$13,0)+IF(Input!$K$14=3,K4535*Input!$J$14,0)+IF(Input!$K$15=3,L4535*Input!$J$15,0)+IF(Input!$K$16=3,M4535*Input!$J$16,0)</f>
        <v>0</v>
      </c>
      <c r="Q4535" s="71">
        <f>IF(Input!$K$13=4,J4535*Input!$J$13,0)+IF(Input!$K$14=4,K4535*Input!$J$14,0)+IF(Input!$K$15=4,L4535*Input!$J$15,0)+IF(Input!$K$16=4,M4535*Input!$J$16,0)</f>
        <v>0</v>
      </c>
    </row>
    <row r="4536" spans="8:17" x14ac:dyDescent="0.25">
      <c r="H4536" s="43">
        <v>4529</v>
      </c>
      <c r="I4536" s="55">
        <f>Bühler!I4562</f>
        <v>8.7717033089345656E-2</v>
      </c>
      <c r="J4536" s="58">
        <f>Bühler!J4562</f>
        <v>3.7955705085902927</v>
      </c>
      <c r="K4536" s="58">
        <f>Bühler!K4562</f>
        <v>0.21524165795137101</v>
      </c>
      <c r="L4536" s="58">
        <f>Bühler!L4562</f>
        <v>0.10762082897568551</v>
      </c>
      <c r="M4536" s="57">
        <f>Bühler!M4562</f>
        <v>0</v>
      </c>
      <c r="N4536" s="55">
        <f>IF(Input!$K$13=1,J4536*Input!$J$13,0)+IF(Input!$K$14=1,K4536*Input!$J$14,0)+IF(Input!$K$15=1,L4536*Input!$J$15,0)+IF(Input!$K$16=1,M4536*Input!$J$16,0)</f>
        <v>0.4554684610308351</v>
      </c>
      <c r="O4536" s="58">
        <f>IF(Input!$K$13=2,J4536*Input!$J$13,0)+IF(Input!$K$14=2,K4536*Input!$J$14,0)+IF(Input!$K$15=2,L4536*Input!$J$15,0)+IF(Input!$K$16=2,M4536*Input!$J$16,0)</f>
        <v>2.9057623823435089E-2</v>
      </c>
      <c r="P4536" s="58">
        <f>IF(Input!$K$13=3,J4536*Input!$J$13,0)+IF(Input!$K$14=3,K4536*Input!$J$14,0)+IF(Input!$K$15=3,L4536*Input!$J$15,0)+IF(Input!$K$16=3,M4536*Input!$J$16,0)</f>
        <v>0</v>
      </c>
      <c r="Q4536" s="71">
        <f>IF(Input!$K$13=4,J4536*Input!$J$13,0)+IF(Input!$K$14=4,K4536*Input!$J$14,0)+IF(Input!$K$15=4,L4536*Input!$J$15,0)+IF(Input!$K$16=4,M4536*Input!$J$16,0)</f>
        <v>0</v>
      </c>
    </row>
    <row r="4537" spans="8:17" x14ac:dyDescent="0.25">
      <c r="H4537" s="43">
        <v>4530</v>
      </c>
      <c r="I4537" s="55">
        <f>Bühler!I4563</f>
        <v>7.8945329780411078E-2</v>
      </c>
      <c r="J4537" s="58">
        <f>Bühler!J4563</f>
        <v>3.7952050209524204</v>
      </c>
      <c r="K4537" s="58">
        <f>Bühler!K4563</f>
        <v>0.21524165795137101</v>
      </c>
      <c r="L4537" s="58">
        <f>Bühler!L4563</f>
        <v>0.10762082897568551</v>
      </c>
      <c r="M4537" s="57">
        <f>Bühler!M4563</f>
        <v>0</v>
      </c>
      <c r="N4537" s="55">
        <f>IF(Input!$K$13=1,J4537*Input!$J$13,0)+IF(Input!$K$14=1,K4537*Input!$J$14,0)+IF(Input!$K$15=1,L4537*Input!$J$15,0)+IF(Input!$K$16=1,M4537*Input!$J$16,0)</f>
        <v>0.45542460251429046</v>
      </c>
      <c r="O4537" s="58">
        <f>IF(Input!$K$13=2,J4537*Input!$J$13,0)+IF(Input!$K$14=2,K4537*Input!$J$14,0)+IF(Input!$K$15=2,L4537*Input!$J$15,0)+IF(Input!$K$16=2,M4537*Input!$J$16,0)</f>
        <v>2.9057623823435089E-2</v>
      </c>
      <c r="P4537" s="58">
        <f>IF(Input!$K$13=3,J4537*Input!$J$13,0)+IF(Input!$K$14=3,K4537*Input!$J$14,0)+IF(Input!$K$15=3,L4537*Input!$J$15,0)+IF(Input!$K$16=3,M4537*Input!$J$16,0)</f>
        <v>0</v>
      </c>
      <c r="Q4537" s="71">
        <f>IF(Input!$K$13=4,J4537*Input!$J$13,0)+IF(Input!$K$14=4,K4537*Input!$J$14,0)+IF(Input!$K$15=4,L4537*Input!$J$15,0)+IF(Input!$K$16=4,M4537*Input!$J$16,0)</f>
        <v>0</v>
      </c>
    </row>
    <row r="4538" spans="8:17" x14ac:dyDescent="0.25">
      <c r="H4538" s="43">
        <v>4531</v>
      </c>
      <c r="I4538" s="55">
        <f>Bühler!I4564</f>
        <v>7.602142867743289E-2</v>
      </c>
      <c r="J4538" s="58">
        <f>Bühler!J4564</f>
        <v>3.7950831917397965</v>
      </c>
      <c r="K4538" s="58">
        <f>Bühler!K4564</f>
        <v>0.21524165795137101</v>
      </c>
      <c r="L4538" s="58">
        <f>Bühler!L4564</f>
        <v>0.10762082897568551</v>
      </c>
      <c r="M4538" s="57">
        <f>Bühler!M4564</f>
        <v>0</v>
      </c>
      <c r="N4538" s="55">
        <f>IF(Input!$K$13=1,J4538*Input!$J$13,0)+IF(Input!$K$14=1,K4538*Input!$J$14,0)+IF(Input!$K$15=1,L4538*Input!$J$15,0)+IF(Input!$K$16=1,M4538*Input!$J$16,0)</f>
        <v>0.45540998300877555</v>
      </c>
      <c r="O4538" s="58">
        <f>IF(Input!$K$13=2,J4538*Input!$J$13,0)+IF(Input!$K$14=2,K4538*Input!$J$14,0)+IF(Input!$K$15=2,L4538*Input!$J$15,0)+IF(Input!$K$16=2,M4538*Input!$J$16,0)</f>
        <v>2.9057623823435089E-2</v>
      </c>
      <c r="P4538" s="58">
        <f>IF(Input!$K$13=3,J4538*Input!$J$13,0)+IF(Input!$K$14=3,K4538*Input!$J$14,0)+IF(Input!$K$15=3,L4538*Input!$J$15,0)+IF(Input!$K$16=3,M4538*Input!$J$16,0)</f>
        <v>0</v>
      </c>
      <c r="Q4538" s="71">
        <f>IF(Input!$K$13=4,J4538*Input!$J$13,0)+IF(Input!$K$14=4,K4538*Input!$J$14,0)+IF(Input!$K$15=4,L4538*Input!$J$15,0)+IF(Input!$K$16=4,M4538*Input!$J$16,0)</f>
        <v>0</v>
      </c>
    </row>
    <row r="4539" spans="8:17" x14ac:dyDescent="0.25">
      <c r="H4539" s="43">
        <v>4532</v>
      </c>
      <c r="I4539" s="55">
        <f>Bühler!I4565</f>
        <v>6.1401923162541949E-2</v>
      </c>
      <c r="J4539" s="58">
        <f>Bühler!J4565</f>
        <v>3.7944740456766759</v>
      </c>
      <c r="K4539" s="58">
        <f>Bühler!K4565</f>
        <v>0.21524165795137101</v>
      </c>
      <c r="L4539" s="58">
        <f>Bühler!L4565</f>
        <v>0.10762082897568551</v>
      </c>
      <c r="M4539" s="57">
        <f>Bühler!M4565</f>
        <v>0</v>
      </c>
      <c r="N4539" s="55">
        <f>IF(Input!$K$13=1,J4539*Input!$J$13,0)+IF(Input!$K$14=1,K4539*Input!$J$14,0)+IF(Input!$K$15=1,L4539*Input!$J$15,0)+IF(Input!$K$16=1,M4539*Input!$J$16,0)</f>
        <v>0.4553368854812011</v>
      </c>
      <c r="O4539" s="58">
        <f>IF(Input!$K$13=2,J4539*Input!$J$13,0)+IF(Input!$K$14=2,K4539*Input!$J$14,0)+IF(Input!$K$15=2,L4539*Input!$J$15,0)+IF(Input!$K$16=2,M4539*Input!$J$16,0)</f>
        <v>2.9057623823435089E-2</v>
      </c>
      <c r="P4539" s="58">
        <f>IF(Input!$K$13=3,J4539*Input!$J$13,0)+IF(Input!$K$14=3,K4539*Input!$J$14,0)+IF(Input!$K$15=3,L4539*Input!$J$15,0)+IF(Input!$K$16=3,M4539*Input!$J$16,0)</f>
        <v>0</v>
      </c>
      <c r="Q4539" s="71">
        <f>IF(Input!$K$13=4,J4539*Input!$J$13,0)+IF(Input!$K$14=4,K4539*Input!$J$14,0)+IF(Input!$K$15=4,L4539*Input!$J$15,0)+IF(Input!$K$16=4,M4539*Input!$J$16,0)</f>
        <v>0</v>
      </c>
    </row>
    <row r="4540" spans="8:17" x14ac:dyDescent="0.25">
      <c r="H4540" s="43">
        <v>4533</v>
      </c>
      <c r="I4540" s="55">
        <f>Bühler!I4566</f>
        <v>4.5320467096161915E-2</v>
      </c>
      <c r="J4540" s="58">
        <f>Bühler!J4566</f>
        <v>3.7938039850072434</v>
      </c>
      <c r="K4540" s="58">
        <f>Bühler!K4566</f>
        <v>0.21524165795137101</v>
      </c>
      <c r="L4540" s="58">
        <f>Bühler!L4566</f>
        <v>0.10762082897568551</v>
      </c>
      <c r="M4540" s="57">
        <f>Bühler!M4566</f>
        <v>0</v>
      </c>
      <c r="N4540" s="55">
        <f>IF(Input!$K$13=1,J4540*Input!$J$13,0)+IF(Input!$K$14=1,K4540*Input!$J$14,0)+IF(Input!$K$15=1,L4540*Input!$J$15,0)+IF(Input!$K$16=1,M4540*Input!$J$16,0)</f>
        <v>0.45525647820086917</v>
      </c>
      <c r="O4540" s="58">
        <f>IF(Input!$K$13=2,J4540*Input!$J$13,0)+IF(Input!$K$14=2,K4540*Input!$J$14,0)+IF(Input!$K$15=2,L4540*Input!$J$15,0)+IF(Input!$K$16=2,M4540*Input!$J$16,0)</f>
        <v>2.9057623823435089E-2</v>
      </c>
      <c r="P4540" s="58">
        <f>IF(Input!$K$13=3,J4540*Input!$J$13,0)+IF(Input!$K$14=3,K4540*Input!$J$14,0)+IF(Input!$K$15=3,L4540*Input!$J$15,0)+IF(Input!$K$16=3,M4540*Input!$J$16,0)</f>
        <v>0</v>
      </c>
      <c r="Q4540" s="71">
        <f>IF(Input!$K$13=4,J4540*Input!$J$13,0)+IF(Input!$K$14=4,K4540*Input!$J$14,0)+IF(Input!$K$15=4,L4540*Input!$J$15,0)+IF(Input!$K$16=4,M4540*Input!$J$16,0)</f>
        <v>0</v>
      </c>
    </row>
    <row r="4541" spans="8:17" x14ac:dyDescent="0.25">
      <c r="H4541" s="43">
        <v>4534</v>
      </c>
      <c r="I4541" s="55">
        <f>Bühler!I4567</f>
        <v>4.5320467096161915E-2</v>
      </c>
      <c r="J4541" s="58">
        <f>Bühler!J4567</f>
        <v>3.7938039850072434</v>
      </c>
      <c r="K4541" s="58">
        <f>Bühler!K4567</f>
        <v>0.21524165795137101</v>
      </c>
      <c r="L4541" s="58">
        <f>Bühler!L4567</f>
        <v>0.10762082897568551</v>
      </c>
      <c r="M4541" s="57">
        <f>Bühler!M4567</f>
        <v>0</v>
      </c>
      <c r="N4541" s="55">
        <f>IF(Input!$K$13=1,J4541*Input!$J$13,0)+IF(Input!$K$14=1,K4541*Input!$J$14,0)+IF(Input!$K$15=1,L4541*Input!$J$15,0)+IF(Input!$K$16=1,M4541*Input!$J$16,0)</f>
        <v>0.45525647820086917</v>
      </c>
      <c r="O4541" s="58">
        <f>IF(Input!$K$13=2,J4541*Input!$J$13,0)+IF(Input!$K$14=2,K4541*Input!$J$14,0)+IF(Input!$K$15=2,L4541*Input!$J$15,0)+IF(Input!$K$16=2,M4541*Input!$J$16,0)</f>
        <v>2.9057623823435089E-2</v>
      </c>
      <c r="P4541" s="58">
        <f>IF(Input!$K$13=3,J4541*Input!$J$13,0)+IF(Input!$K$14=3,K4541*Input!$J$14,0)+IF(Input!$K$15=3,L4541*Input!$J$15,0)+IF(Input!$K$16=3,M4541*Input!$J$16,0)</f>
        <v>0</v>
      </c>
      <c r="Q4541" s="71">
        <f>IF(Input!$K$13=4,J4541*Input!$J$13,0)+IF(Input!$K$14=4,K4541*Input!$J$14,0)+IF(Input!$K$15=4,L4541*Input!$J$15,0)+IF(Input!$K$16=4,M4541*Input!$J$16,0)</f>
        <v>0</v>
      </c>
    </row>
    <row r="4542" spans="8:17" x14ac:dyDescent="0.25">
      <c r="H4542" s="43">
        <v>4535</v>
      </c>
      <c r="I4542" s="55">
        <f>Bühler!I4568</f>
        <v>4.5320467096161915E-2</v>
      </c>
      <c r="J4542" s="58">
        <f>Bühler!J4568</f>
        <v>3.7938039850072434</v>
      </c>
      <c r="K4542" s="58">
        <f>Bühler!K4568</f>
        <v>0.21524165795137101</v>
      </c>
      <c r="L4542" s="58">
        <f>Bühler!L4568</f>
        <v>0.10762082897568551</v>
      </c>
      <c r="M4542" s="57">
        <f>Bühler!M4568</f>
        <v>0</v>
      </c>
      <c r="N4542" s="55">
        <f>IF(Input!$K$13=1,J4542*Input!$J$13,0)+IF(Input!$K$14=1,K4542*Input!$J$14,0)+IF(Input!$K$15=1,L4542*Input!$J$15,0)+IF(Input!$K$16=1,M4542*Input!$J$16,0)</f>
        <v>0.45525647820086917</v>
      </c>
      <c r="O4542" s="58">
        <f>IF(Input!$K$13=2,J4542*Input!$J$13,0)+IF(Input!$K$14=2,K4542*Input!$J$14,0)+IF(Input!$K$15=2,L4542*Input!$J$15,0)+IF(Input!$K$16=2,M4542*Input!$J$16,0)</f>
        <v>2.9057623823435089E-2</v>
      </c>
      <c r="P4542" s="58">
        <f>IF(Input!$K$13=3,J4542*Input!$J$13,0)+IF(Input!$K$14=3,K4542*Input!$J$14,0)+IF(Input!$K$15=3,L4542*Input!$J$15,0)+IF(Input!$K$16=3,M4542*Input!$J$16,0)</f>
        <v>0</v>
      </c>
      <c r="Q4542" s="71">
        <f>IF(Input!$K$13=4,J4542*Input!$J$13,0)+IF(Input!$K$14=4,K4542*Input!$J$14,0)+IF(Input!$K$15=4,L4542*Input!$J$15,0)+IF(Input!$K$16=4,M4542*Input!$J$16,0)</f>
        <v>0</v>
      </c>
    </row>
    <row r="4543" spans="8:17" x14ac:dyDescent="0.25">
      <c r="H4543" s="43">
        <v>4536</v>
      </c>
      <c r="I4543" s="55">
        <f>Bühler!I4569</f>
        <v>4.5320467096161915E-2</v>
      </c>
      <c r="J4543" s="58">
        <f>Bühler!J4569</f>
        <v>3.7938039850072434</v>
      </c>
      <c r="K4543" s="58">
        <f>Bühler!K4569</f>
        <v>0.21524165795137101</v>
      </c>
      <c r="L4543" s="58">
        <f>Bühler!L4569</f>
        <v>0.10762082897568551</v>
      </c>
      <c r="M4543" s="57">
        <f>Bühler!M4569</f>
        <v>0</v>
      </c>
      <c r="N4543" s="55">
        <f>IF(Input!$K$13=1,J4543*Input!$J$13,0)+IF(Input!$K$14=1,K4543*Input!$J$14,0)+IF(Input!$K$15=1,L4543*Input!$J$15,0)+IF(Input!$K$16=1,M4543*Input!$J$16,0)</f>
        <v>0.45525647820086917</v>
      </c>
      <c r="O4543" s="58">
        <f>IF(Input!$K$13=2,J4543*Input!$J$13,0)+IF(Input!$K$14=2,K4543*Input!$J$14,0)+IF(Input!$K$15=2,L4543*Input!$J$15,0)+IF(Input!$K$16=2,M4543*Input!$J$16,0)</f>
        <v>2.9057623823435089E-2</v>
      </c>
      <c r="P4543" s="58">
        <f>IF(Input!$K$13=3,J4543*Input!$J$13,0)+IF(Input!$K$14=3,K4543*Input!$J$14,0)+IF(Input!$K$15=3,L4543*Input!$J$15,0)+IF(Input!$K$16=3,M4543*Input!$J$16,0)</f>
        <v>0</v>
      </c>
      <c r="Q4543" s="71">
        <f>IF(Input!$K$13=4,J4543*Input!$J$13,0)+IF(Input!$K$14=4,K4543*Input!$J$14,0)+IF(Input!$K$15=4,L4543*Input!$J$15,0)+IF(Input!$K$16=4,M4543*Input!$J$16,0)</f>
        <v>0</v>
      </c>
    </row>
    <row r="4544" spans="8:17" x14ac:dyDescent="0.25">
      <c r="H4544" s="43">
        <v>4537</v>
      </c>
      <c r="I4544" s="55">
        <f>Bühler!I4570</f>
        <v>0</v>
      </c>
      <c r="J4544" s="58">
        <f>Bühler!J4570</f>
        <v>3.4691791637510598</v>
      </c>
      <c r="K4544" s="58">
        <f>Bühler!K4570</f>
        <v>0.2144524502297967</v>
      </c>
      <c r="L4544" s="58">
        <f>Bühler!L4570</f>
        <v>0.10722622511489835</v>
      </c>
      <c r="M4544" s="57">
        <f>Bühler!M4570</f>
        <v>0</v>
      </c>
      <c r="N4544" s="55">
        <f>IF(Input!$K$13=1,J4544*Input!$J$13,0)+IF(Input!$K$14=1,K4544*Input!$J$14,0)+IF(Input!$K$15=1,L4544*Input!$J$15,0)+IF(Input!$K$16=1,M4544*Input!$J$16,0)</f>
        <v>0.41630149965012714</v>
      </c>
      <c r="O4544" s="58">
        <f>IF(Input!$K$13=2,J4544*Input!$J$13,0)+IF(Input!$K$14=2,K4544*Input!$J$14,0)+IF(Input!$K$15=2,L4544*Input!$J$15,0)+IF(Input!$K$16=2,M4544*Input!$J$16,0)</f>
        <v>2.8951080781022556E-2</v>
      </c>
      <c r="P4544" s="58">
        <f>IF(Input!$K$13=3,J4544*Input!$J$13,0)+IF(Input!$K$14=3,K4544*Input!$J$14,0)+IF(Input!$K$15=3,L4544*Input!$J$15,0)+IF(Input!$K$16=3,M4544*Input!$J$16,0)</f>
        <v>0</v>
      </c>
      <c r="Q4544" s="71">
        <f>IF(Input!$K$13=4,J4544*Input!$J$13,0)+IF(Input!$K$14=4,K4544*Input!$J$14,0)+IF(Input!$K$15=4,L4544*Input!$J$15,0)+IF(Input!$K$16=4,M4544*Input!$J$16,0)</f>
        <v>0</v>
      </c>
    </row>
    <row r="4545" spans="8:17" x14ac:dyDescent="0.25">
      <c r="H4545" s="43">
        <v>4538</v>
      </c>
      <c r="I4545" s="55">
        <f>Bühler!I4571</f>
        <v>0</v>
      </c>
      <c r="J4545" s="58">
        <f>Bühler!J4571</f>
        <v>3.4691791637510598</v>
      </c>
      <c r="K4545" s="58">
        <f>Bühler!K4571</f>
        <v>0.2144524502297967</v>
      </c>
      <c r="L4545" s="58">
        <f>Bühler!L4571</f>
        <v>0.10722622511489835</v>
      </c>
      <c r="M4545" s="57">
        <f>Bühler!M4571</f>
        <v>0</v>
      </c>
      <c r="N4545" s="55">
        <f>IF(Input!$K$13=1,J4545*Input!$J$13,0)+IF(Input!$K$14=1,K4545*Input!$J$14,0)+IF(Input!$K$15=1,L4545*Input!$J$15,0)+IF(Input!$K$16=1,M4545*Input!$J$16,0)</f>
        <v>0.41630149965012714</v>
      </c>
      <c r="O4545" s="58">
        <f>IF(Input!$K$13=2,J4545*Input!$J$13,0)+IF(Input!$K$14=2,K4545*Input!$J$14,0)+IF(Input!$K$15=2,L4545*Input!$J$15,0)+IF(Input!$K$16=2,M4545*Input!$J$16,0)</f>
        <v>2.8951080781022556E-2</v>
      </c>
      <c r="P4545" s="58">
        <f>IF(Input!$K$13=3,J4545*Input!$J$13,0)+IF(Input!$K$14=3,K4545*Input!$J$14,0)+IF(Input!$K$15=3,L4545*Input!$J$15,0)+IF(Input!$K$16=3,M4545*Input!$J$16,0)</f>
        <v>0</v>
      </c>
      <c r="Q4545" s="71">
        <f>IF(Input!$K$13=4,J4545*Input!$J$13,0)+IF(Input!$K$14=4,K4545*Input!$J$14,0)+IF(Input!$K$15=4,L4545*Input!$J$15,0)+IF(Input!$K$16=4,M4545*Input!$J$16,0)</f>
        <v>0</v>
      </c>
    </row>
    <row r="4546" spans="8:17" x14ac:dyDescent="0.25">
      <c r="H4546" s="43">
        <v>4539</v>
      </c>
      <c r="I4546" s="55">
        <f>Bühler!I4572</f>
        <v>0</v>
      </c>
      <c r="J4546" s="58">
        <f>Bühler!J4572</f>
        <v>3.4691791637510598</v>
      </c>
      <c r="K4546" s="58">
        <f>Bühler!K4572</f>
        <v>0.2144524502297967</v>
      </c>
      <c r="L4546" s="58">
        <f>Bühler!L4572</f>
        <v>0.10722622511489835</v>
      </c>
      <c r="M4546" s="57">
        <f>Bühler!M4572</f>
        <v>0</v>
      </c>
      <c r="N4546" s="55">
        <f>IF(Input!$K$13=1,J4546*Input!$J$13,0)+IF(Input!$K$14=1,K4546*Input!$J$14,0)+IF(Input!$K$15=1,L4546*Input!$J$15,0)+IF(Input!$K$16=1,M4546*Input!$J$16,0)</f>
        <v>0.41630149965012714</v>
      </c>
      <c r="O4546" s="58">
        <f>IF(Input!$K$13=2,J4546*Input!$J$13,0)+IF(Input!$K$14=2,K4546*Input!$J$14,0)+IF(Input!$K$15=2,L4546*Input!$J$15,0)+IF(Input!$K$16=2,M4546*Input!$J$16,0)</f>
        <v>2.8951080781022556E-2</v>
      </c>
      <c r="P4546" s="58">
        <f>IF(Input!$K$13=3,J4546*Input!$J$13,0)+IF(Input!$K$14=3,K4546*Input!$J$14,0)+IF(Input!$K$15=3,L4546*Input!$J$15,0)+IF(Input!$K$16=3,M4546*Input!$J$16,0)</f>
        <v>0</v>
      </c>
      <c r="Q4546" s="71">
        <f>IF(Input!$K$13=4,J4546*Input!$J$13,0)+IF(Input!$K$14=4,K4546*Input!$J$14,0)+IF(Input!$K$15=4,L4546*Input!$J$15,0)+IF(Input!$K$16=4,M4546*Input!$J$16,0)</f>
        <v>0</v>
      </c>
    </row>
    <row r="4547" spans="8:17" x14ac:dyDescent="0.25">
      <c r="H4547" s="43">
        <v>4540</v>
      </c>
      <c r="I4547" s="55">
        <f>Bühler!I4573</f>
        <v>0</v>
      </c>
      <c r="J4547" s="58">
        <f>Bühler!J4573</f>
        <v>3.4691791637510598</v>
      </c>
      <c r="K4547" s="58">
        <f>Bühler!K4573</f>
        <v>0.2144524502297967</v>
      </c>
      <c r="L4547" s="58">
        <f>Bühler!L4573</f>
        <v>0.10722622511489835</v>
      </c>
      <c r="M4547" s="57">
        <f>Bühler!M4573</f>
        <v>0</v>
      </c>
      <c r="N4547" s="55">
        <f>IF(Input!$K$13=1,J4547*Input!$J$13,0)+IF(Input!$K$14=1,K4547*Input!$J$14,0)+IF(Input!$K$15=1,L4547*Input!$J$15,0)+IF(Input!$K$16=1,M4547*Input!$J$16,0)</f>
        <v>0.41630149965012714</v>
      </c>
      <c r="O4547" s="58">
        <f>IF(Input!$K$13=2,J4547*Input!$J$13,0)+IF(Input!$K$14=2,K4547*Input!$J$14,0)+IF(Input!$K$15=2,L4547*Input!$J$15,0)+IF(Input!$K$16=2,M4547*Input!$J$16,0)</f>
        <v>2.8951080781022556E-2</v>
      </c>
      <c r="P4547" s="58">
        <f>IF(Input!$K$13=3,J4547*Input!$J$13,0)+IF(Input!$K$14=3,K4547*Input!$J$14,0)+IF(Input!$K$15=3,L4547*Input!$J$15,0)+IF(Input!$K$16=3,M4547*Input!$J$16,0)</f>
        <v>0</v>
      </c>
      <c r="Q4547" s="71">
        <f>IF(Input!$K$13=4,J4547*Input!$J$13,0)+IF(Input!$K$14=4,K4547*Input!$J$14,0)+IF(Input!$K$15=4,L4547*Input!$J$15,0)+IF(Input!$K$16=4,M4547*Input!$J$16,0)</f>
        <v>0</v>
      </c>
    </row>
    <row r="4548" spans="8:17" x14ac:dyDescent="0.25">
      <c r="H4548" s="43">
        <v>4541</v>
      </c>
      <c r="I4548" s="55">
        <f>Bühler!I4574</f>
        <v>0</v>
      </c>
      <c r="J4548" s="58">
        <f>Bühler!J4574</f>
        <v>3.4691791637510598</v>
      </c>
      <c r="K4548" s="58">
        <f>Bühler!K4574</f>
        <v>0.2144524502297967</v>
      </c>
      <c r="L4548" s="58">
        <f>Bühler!L4574</f>
        <v>0.10722622511489835</v>
      </c>
      <c r="M4548" s="57">
        <f>Bühler!M4574</f>
        <v>0</v>
      </c>
      <c r="N4548" s="55">
        <f>IF(Input!$K$13=1,J4548*Input!$J$13,0)+IF(Input!$K$14=1,K4548*Input!$J$14,0)+IF(Input!$K$15=1,L4548*Input!$J$15,0)+IF(Input!$K$16=1,M4548*Input!$J$16,0)</f>
        <v>0.41630149965012714</v>
      </c>
      <c r="O4548" s="58">
        <f>IF(Input!$K$13=2,J4548*Input!$J$13,0)+IF(Input!$K$14=2,K4548*Input!$J$14,0)+IF(Input!$K$15=2,L4548*Input!$J$15,0)+IF(Input!$K$16=2,M4548*Input!$J$16,0)</f>
        <v>2.8951080781022556E-2</v>
      </c>
      <c r="P4548" s="58">
        <f>IF(Input!$K$13=3,J4548*Input!$J$13,0)+IF(Input!$K$14=3,K4548*Input!$J$14,0)+IF(Input!$K$15=3,L4548*Input!$J$15,0)+IF(Input!$K$16=3,M4548*Input!$J$16,0)</f>
        <v>0</v>
      </c>
      <c r="Q4548" s="71">
        <f>IF(Input!$K$13=4,J4548*Input!$J$13,0)+IF(Input!$K$14=4,K4548*Input!$J$14,0)+IF(Input!$K$15=4,L4548*Input!$J$15,0)+IF(Input!$K$16=4,M4548*Input!$J$16,0)</f>
        <v>0</v>
      </c>
    </row>
    <row r="4549" spans="8:17" x14ac:dyDescent="0.25">
      <c r="H4549" s="43">
        <v>4542</v>
      </c>
      <c r="I4549" s="55">
        <f>Bühler!I4575</f>
        <v>0</v>
      </c>
      <c r="J4549" s="58">
        <f>Bühler!J4575</f>
        <v>3.4691791637510598</v>
      </c>
      <c r="K4549" s="58">
        <f>Bühler!K4575</f>
        <v>0.2144524502297967</v>
      </c>
      <c r="L4549" s="58">
        <f>Bühler!L4575</f>
        <v>0.10722622511489835</v>
      </c>
      <c r="M4549" s="57">
        <f>Bühler!M4575</f>
        <v>0</v>
      </c>
      <c r="N4549" s="55">
        <f>IF(Input!$K$13=1,J4549*Input!$J$13,0)+IF(Input!$K$14=1,K4549*Input!$J$14,0)+IF(Input!$K$15=1,L4549*Input!$J$15,0)+IF(Input!$K$16=1,M4549*Input!$J$16,0)</f>
        <v>0.41630149965012714</v>
      </c>
      <c r="O4549" s="58">
        <f>IF(Input!$K$13=2,J4549*Input!$J$13,0)+IF(Input!$K$14=2,K4549*Input!$J$14,0)+IF(Input!$K$15=2,L4549*Input!$J$15,0)+IF(Input!$K$16=2,M4549*Input!$J$16,0)</f>
        <v>2.8951080781022556E-2</v>
      </c>
      <c r="P4549" s="58">
        <f>IF(Input!$K$13=3,J4549*Input!$J$13,0)+IF(Input!$K$14=3,K4549*Input!$J$14,0)+IF(Input!$K$15=3,L4549*Input!$J$15,0)+IF(Input!$K$16=3,M4549*Input!$J$16,0)</f>
        <v>0</v>
      </c>
      <c r="Q4549" s="71">
        <f>IF(Input!$K$13=4,J4549*Input!$J$13,0)+IF(Input!$K$14=4,K4549*Input!$J$14,0)+IF(Input!$K$15=4,L4549*Input!$J$15,0)+IF(Input!$K$16=4,M4549*Input!$J$16,0)</f>
        <v>0</v>
      </c>
    </row>
    <row r="4550" spans="8:17" x14ac:dyDescent="0.25">
      <c r="H4550" s="43">
        <v>4543</v>
      </c>
      <c r="I4550" s="55">
        <f>Bühler!I4576</f>
        <v>0</v>
      </c>
      <c r="J4550" s="58">
        <f>Bühler!J4576</f>
        <v>3.4691791637510598</v>
      </c>
      <c r="K4550" s="58">
        <f>Bühler!K4576</f>
        <v>0.2144524502297967</v>
      </c>
      <c r="L4550" s="58">
        <f>Bühler!L4576</f>
        <v>0.10722622511489835</v>
      </c>
      <c r="M4550" s="57">
        <f>Bühler!M4576</f>
        <v>0</v>
      </c>
      <c r="N4550" s="55">
        <f>IF(Input!$K$13=1,J4550*Input!$J$13,0)+IF(Input!$K$14=1,K4550*Input!$J$14,0)+IF(Input!$K$15=1,L4550*Input!$J$15,0)+IF(Input!$K$16=1,M4550*Input!$J$16,0)</f>
        <v>0.41630149965012714</v>
      </c>
      <c r="O4550" s="58">
        <f>IF(Input!$K$13=2,J4550*Input!$J$13,0)+IF(Input!$K$14=2,K4550*Input!$J$14,0)+IF(Input!$K$15=2,L4550*Input!$J$15,0)+IF(Input!$K$16=2,M4550*Input!$J$16,0)</f>
        <v>2.8951080781022556E-2</v>
      </c>
      <c r="P4550" s="58">
        <f>IF(Input!$K$13=3,J4550*Input!$J$13,0)+IF(Input!$K$14=3,K4550*Input!$J$14,0)+IF(Input!$K$15=3,L4550*Input!$J$15,0)+IF(Input!$K$16=3,M4550*Input!$J$16,0)</f>
        <v>0</v>
      </c>
      <c r="Q4550" s="71">
        <f>IF(Input!$K$13=4,J4550*Input!$J$13,0)+IF(Input!$K$14=4,K4550*Input!$J$14,0)+IF(Input!$K$15=4,L4550*Input!$J$15,0)+IF(Input!$K$16=4,M4550*Input!$J$16,0)</f>
        <v>0</v>
      </c>
    </row>
    <row r="4551" spans="8:17" x14ac:dyDescent="0.25">
      <c r="H4551" s="43">
        <v>4544</v>
      </c>
      <c r="I4551" s="55">
        <f>Bühler!I4577</f>
        <v>0</v>
      </c>
      <c r="J4551" s="58">
        <f>Bühler!J4577</f>
        <v>3.4691791637510598</v>
      </c>
      <c r="K4551" s="58">
        <f>Bühler!K4577</f>
        <v>0.2144524502297967</v>
      </c>
      <c r="L4551" s="58">
        <f>Bühler!L4577</f>
        <v>0.10722622511489835</v>
      </c>
      <c r="M4551" s="57">
        <f>Bühler!M4577</f>
        <v>0</v>
      </c>
      <c r="N4551" s="55">
        <f>IF(Input!$K$13=1,J4551*Input!$J$13,0)+IF(Input!$K$14=1,K4551*Input!$J$14,0)+IF(Input!$K$15=1,L4551*Input!$J$15,0)+IF(Input!$K$16=1,M4551*Input!$J$16,0)</f>
        <v>0.41630149965012714</v>
      </c>
      <c r="O4551" s="58">
        <f>IF(Input!$K$13=2,J4551*Input!$J$13,0)+IF(Input!$K$14=2,K4551*Input!$J$14,0)+IF(Input!$K$15=2,L4551*Input!$J$15,0)+IF(Input!$K$16=2,M4551*Input!$J$16,0)</f>
        <v>2.8951080781022556E-2</v>
      </c>
      <c r="P4551" s="58">
        <f>IF(Input!$K$13=3,J4551*Input!$J$13,0)+IF(Input!$K$14=3,K4551*Input!$J$14,0)+IF(Input!$K$15=3,L4551*Input!$J$15,0)+IF(Input!$K$16=3,M4551*Input!$J$16,0)</f>
        <v>0</v>
      </c>
      <c r="Q4551" s="71">
        <f>IF(Input!$K$13=4,J4551*Input!$J$13,0)+IF(Input!$K$14=4,K4551*Input!$J$14,0)+IF(Input!$K$15=4,L4551*Input!$J$15,0)+IF(Input!$K$16=4,M4551*Input!$J$16,0)</f>
        <v>0</v>
      </c>
    </row>
    <row r="4552" spans="8:17" x14ac:dyDescent="0.25">
      <c r="H4552" s="43">
        <v>4545</v>
      </c>
      <c r="I4552" s="55">
        <f>Bühler!I4578</f>
        <v>0</v>
      </c>
      <c r="J4552" s="58">
        <f>Bühler!J4578</f>
        <v>3.4691791637510598</v>
      </c>
      <c r="K4552" s="58">
        <f>Bühler!K4578</f>
        <v>0.2144524502297967</v>
      </c>
      <c r="L4552" s="58">
        <f>Bühler!L4578</f>
        <v>0.10722622511489835</v>
      </c>
      <c r="M4552" s="57">
        <f>Bühler!M4578</f>
        <v>0</v>
      </c>
      <c r="N4552" s="55">
        <f>IF(Input!$K$13=1,J4552*Input!$J$13,0)+IF(Input!$K$14=1,K4552*Input!$J$14,0)+IF(Input!$K$15=1,L4552*Input!$J$15,0)+IF(Input!$K$16=1,M4552*Input!$J$16,0)</f>
        <v>0.41630149965012714</v>
      </c>
      <c r="O4552" s="58">
        <f>IF(Input!$K$13=2,J4552*Input!$J$13,0)+IF(Input!$K$14=2,K4552*Input!$J$14,0)+IF(Input!$K$15=2,L4552*Input!$J$15,0)+IF(Input!$K$16=2,M4552*Input!$J$16,0)</f>
        <v>2.8951080781022556E-2</v>
      </c>
      <c r="P4552" s="58">
        <f>IF(Input!$K$13=3,J4552*Input!$J$13,0)+IF(Input!$K$14=3,K4552*Input!$J$14,0)+IF(Input!$K$15=3,L4552*Input!$J$15,0)+IF(Input!$K$16=3,M4552*Input!$J$16,0)</f>
        <v>0</v>
      </c>
      <c r="Q4552" s="71">
        <f>IF(Input!$K$13=4,J4552*Input!$J$13,0)+IF(Input!$K$14=4,K4552*Input!$J$14,0)+IF(Input!$K$15=4,L4552*Input!$J$15,0)+IF(Input!$K$16=4,M4552*Input!$J$16,0)</f>
        <v>0</v>
      </c>
    </row>
    <row r="4553" spans="8:17" x14ac:dyDescent="0.25">
      <c r="H4553" s="43">
        <v>4546</v>
      </c>
      <c r="I4553" s="55">
        <f>Bühler!I4579</f>
        <v>0</v>
      </c>
      <c r="J4553" s="58">
        <f>Bühler!J4579</f>
        <v>3.4691791637510598</v>
      </c>
      <c r="K4553" s="58">
        <f>Bühler!K4579</f>
        <v>0.2144524502297967</v>
      </c>
      <c r="L4553" s="58">
        <f>Bühler!L4579</f>
        <v>0.10722622511489835</v>
      </c>
      <c r="M4553" s="57">
        <f>Bühler!M4579</f>
        <v>0</v>
      </c>
      <c r="N4553" s="55">
        <f>IF(Input!$K$13=1,J4553*Input!$J$13,0)+IF(Input!$K$14=1,K4553*Input!$J$14,0)+IF(Input!$K$15=1,L4553*Input!$J$15,0)+IF(Input!$K$16=1,M4553*Input!$J$16,0)</f>
        <v>0.41630149965012714</v>
      </c>
      <c r="O4553" s="58">
        <f>IF(Input!$K$13=2,J4553*Input!$J$13,0)+IF(Input!$K$14=2,K4553*Input!$J$14,0)+IF(Input!$K$15=2,L4553*Input!$J$15,0)+IF(Input!$K$16=2,M4553*Input!$J$16,0)</f>
        <v>2.8951080781022556E-2</v>
      </c>
      <c r="P4553" s="58">
        <f>IF(Input!$K$13=3,J4553*Input!$J$13,0)+IF(Input!$K$14=3,K4553*Input!$J$14,0)+IF(Input!$K$15=3,L4553*Input!$J$15,0)+IF(Input!$K$16=3,M4553*Input!$J$16,0)</f>
        <v>0</v>
      </c>
      <c r="Q4553" s="71">
        <f>IF(Input!$K$13=4,J4553*Input!$J$13,0)+IF(Input!$K$14=4,K4553*Input!$J$14,0)+IF(Input!$K$15=4,L4553*Input!$J$15,0)+IF(Input!$K$16=4,M4553*Input!$J$16,0)</f>
        <v>0</v>
      </c>
    </row>
    <row r="4554" spans="8:17" x14ac:dyDescent="0.25">
      <c r="H4554" s="43">
        <v>4547</v>
      </c>
      <c r="I4554" s="55">
        <f>Bühler!I4580</f>
        <v>0</v>
      </c>
      <c r="J4554" s="58">
        <f>Bühler!J4580</f>
        <v>3.4691791637510598</v>
      </c>
      <c r="K4554" s="58">
        <f>Bühler!K4580</f>
        <v>0.2144524502297967</v>
      </c>
      <c r="L4554" s="58">
        <f>Bühler!L4580</f>
        <v>0.10722622511489835</v>
      </c>
      <c r="M4554" s="57">
        <f>Bühler!M4580</f>
        <v>0</v>
      </c>
      <c r="N4554" s="55">
        <f>IF(Input!$K$13=1,J4554*Input!$J$13,0)+IF(Input!$K$14=1,K4554*Input!$J$14,0)+IF(Input!$K$15=1,L4554*Input!$J$15,0)+IF(Input!$K$16=1,M4554*Input!$J$16,0)</f>
        <v>0.41630149965012714</v>
      </c>
      <c r="O4554" s="58">
        <f>IF(Input!$K$13=2,J4554*Input!$J$13,0)+IF(Input!$K$14=2,K4554*Input!$J$14,0)+IF(Input!$K$15=2,L4554*Input!$J$15,0)+IF(Input!$K$16=2,M4554*Input!$J$16,0)</f>
        <v>2.8951080781022556E-2</v>
      </c>
      <c r="P4554" s="58">
        <f>IF(Input!$K$13=3,J4554*Input!$J$13,0)+IF(Input!$K$14=3,K4554*Input!$J$14,0)+IF(Input!$K$15=3,L4554*Input!$J$15,0)+IF(Input!$K$16=3,M4554*Input!$J$16,0)</f>
        <v>0</v>
      </c>
      <c r="Q4554" s="71">
        <f>IF(Input!$K$13=4,J4554*Input!$J$13,0)+IF(Input!$K$14=4,K4554*Input!$J$14,0)+IF(Input!$K$15=4,L4554*Input!$J$15,0)+IF(Input!$K$16=4,M4554*Input!$J$16,0)</f>
        <v>0</v>
      </c>
    </row>
    <row r="4555" spans="8:17" x14ac:dyDescent="0.25">
      <c r="H4555" s="43">
        <v>4548</v>
      </c>
      <c r="I4555" s="55">
        <f>Bühler!I4581</f>
        <v>0</v>
      </c>
      <c r="J4555" s="58">
        <f>Bühler!J4581</f>
        <v>3.4691791637510598</v>
      </c>
      <c r="K4555" s="58">
        <f>Bühler!K4581</f>
        <v>0.2144524502297967</v>
      </c>
      <c r="L4555" s="58">
        <f>Bühler!L4581</f>
        <v>0.10722622511489835</v>
      </c>
      <c r="M4555" s="57">
        <f>Bühler!M4581</f>
        <v>0</v>
      </c>
      <c r="N4555" s="55">
        <f>IF(Input!$K$13=1,J4555*Input!$J$13,0)+IF(Input!$K$14=1,K4555*Input!$J$14,0)+IF(Input!$K$15=1,L4555*Input!$J$15,0)+IF(Input!$K$16=1,M4555*Input!$J$16,0)</f>
        <v>0.41630149965012714</v>
      </c>
      <c r="O4555" s="58">
        <f>IF(Input!$K$13=2,J4555*Input!$J$13,0)+IF(Input!$K$14=2,K4555*Input!$J$14,0)+IF(Input!$K$15=2,L4555*Input!$J$15,0)+IF(Input!$K$16=2,M4555*Input!$J$16,0)</f>
        <v>2.8951080781022556E-2</v>
      </c>
      <c r="P4555" s="58">
        <f>IF(Input!$K$13=3,J4555*Input!$J$13,0)+IF(Input!$K$14=3,K4555*Input!$J$14,0)+IF(Input!$K$15=3,L4555*Input!$J$15,0)+IF(Input!$K$16=3,M4555*Input!$J$16,0)</f>
        <v>0</v>
      </c>
      <c r="Q4555" s="71">
        <f>IF(Input!$K$13=4,J4555*Input!$J$13,0)+IF(Input!$K$14=4,K4555*Input!$J$14,0)+IF(Input!$K$15=4,L4555*Input!$J$15,0)+IF(Input!$K$16=4,M4555*Input!$J$16,0)</f>
        <v>0</v>
      </c>
    </row>
    <row r="4556" spans="8:17" x14ac:dyDescent="0.25">
      <c r="H4556" s="43">
        <v>4549</v>
      </c>
      <c r="I4556" s="55">
        <f>Bühler!I4582</f>
        <v>0</v>
      </c>
      <c r="J4556" s="58">
        <f>Bühler!J4582</f>
        <v>3.4691791637510598</v>
      </c>
      <c r="K4556" s="58">
        <f>Bühler!K4582</f>
        <v>0.2144524502297967</v>
      </c>
      <c r="L4556" s="58">
        <f>Bühler!L4582</f>
        <v>0.10722622511489835</v>
      </c>
      <c r="M4556" s="57">
        <f>Bühler!M4582</f>
        <v>0</v>
      </c>
      <c r="N4556" s="55">
        <f>IF(Input!$K$13=1,J4556*Input!$J$13,0)+IF(Input!$K$14=1,K4556*Input!$J$14,0)+IF(Input!$K$15=1,L4556*Input!$J$15,0)+IF(Input!$K$16=1,M4556*Input!$J$16,0)</f>
        <v>0.41630149965012714</v>
      </c>
      <c r="O4556" s="58">
        <f>IF(Input!$K$13=2,J4556*Input!$J$13,0)+IF(Input!$K$14=2,K4556*Input!$J$14,0)+IF(Input!$K$15=2,L4556*Input!$J$15,0)+IF(Input!$K$16=2,M4556*Input!$J$16,0)</f>
        <v>2.8951080781022556E-2</v>
      </c>
      <c r="P4556" s="58">
        <f>IF(Input!$K$13=3,J4556*Input!$J$13,0)+IF(Input!$K$14=3,K4556*Input!$J$14,0)+IF(Input!$K$15=3,L4556*Input!$J$15,0)+IF(Input!$K$16=3,M4556*Input!$J$16,0)</f>
        <v>0</v>
      </c>
      <c r="Q4556" s="71">
        <f>IF(Input!$K$13=4,J4556*Input!$J$13,0)+IF(Input!$K$14=4,K4556*Input!$J$14,0)+IF(Input!$K$15=4,L4556*Input!$J$15,0)+IF(Input!$K$16=4,M4556*Input!$J$16,0)</f>
        <v>0</v>
      </c>
    </row>
    <row r="4557" spans="8:17" x14ac:dyDescent="0.25">
      <c r="H4557" s="43">
        <v>4550</v>
      </c>
      <c r="I4557" s="55">
        <f>Bühler!I4583</f>
        <v>0</v>
      </c>
      <c r="J4557" s="58">
        <f>Bühler!J4583</f>
        <v>3.4691791637510598</v>
      </c>
      <c r="K4557" s="58">
        <f>Bühler!K4583</f>
        <v>0.2144524502297967</v>
      </c>
      <c r="L4557" s="58">
        <f>Bühler!L4583</f>
        <v>0.10722622511489835</v>
      </c>
      <c r="M4557" s="57">
        <f>Bühler!M4583</f>
        <v>0</v>
      </c>
      <c r="N4557" s="55">
        <f>IF(Input!$K$13=1,J4557*Input!$J$13,0)+IF(Input!$K$14=1,K4557*Input!$J$14,0)+IF(Input!$K$15=1,L4557*Input!$J$15,0)+IF(Input!$K$16=1,M4557*Input!$J$16,0)</f>
        <v>0.41630149965012714</v>
      </c>
      <c r="O4557" s="58">
        <f>IF(Input!$K$13=2,J4557*Input!$J$13,0)+IF(Input!$K$14=2,K4557*Input!$J$14,0)+IF(Input!$K$15=2,L4557*Input!$J$15,0)+IF(Input!$K$16=2,M4557*Input!$J$16,0)</f>
        <v>2.8951080781022556E-2</v>
      </c>
      <c r="P4557" s="58">
        <f>IF(Input!$K$13=3,J4557*Input!$J$13,0)+IF(Input!$K$14=3,K4557*Input!$J$14,0)+IF(Input!$K$15=3,L4557*Input!$J$15,0)+IF(Input!$K$16=3,M4557*Input!$J$16,0)</f>
        <v>0</v>
      </c>
      <c r="Q4557" s="71">
        <f>IF(Input!$K$13=4,J4557*Input!$J$13,0)+IF(Input!$K$14=4,K4557*Input!$J$14,0)+IF(Input!$K$15=4,L4557*Input!$J$15,0)+IF(Input!$K$16=4,M4557*Input!$J$16,0)</f>
        <v>0</v>
      </c>
    </row>
    <row r="4558" spans="8:17" x14ac:dyDescent="0.25">
      <c r="H4558" s="43">
        <v>4551</v>
      </c>
      <c r="I4558" s="55">
        <f>Bühler!I4584</f>
        <v>0</v>
      </c>
      <c r="J4558" s="58">
        <f>Bühler!J4584</f>
        <v>3.4691791637510598</v>
      </c>
      <c r="K4558" s="58">
        <f>Bühler!K4584</f>
        <v>0.2144524502297967</v>
      </c>
      <c r="L4558" s="58">
        <f>Bühler!L4584</f>
        <v>0.10722622511489835</v>
      </c>
      <c r="M4558" s="57">
        <f>Bühler!M4584</f>
        <v>0</v>
      </c>
      <c r="N4558" s="55">
        <f>IF(Input!$K$13=1,J4558*Input!$J$13,0)+IF(Input!$K$14=1,K4558*Input!$J$14,0)+IF(Input!$K$15=1,L4558*Input!$J$15,0)+IF(Input!$K$16=1,M4558*Input!$J$16,0)</f>
        <v>0.41630149965012714</v>
      </c>
      <c r="O4558" s="58">
        <f>IF(Input!$K$13=2,J4558*Input!$J$13,0)+IF(Input!$K$14=2,K4558*Input!$J$14,0)+IF(Input!$K$15=2,L4558*Input!$J$15,0)+IF(Input!$K$16=2,M4558*Input!$J$16,0)</f>
        <v>2.8951080781022556E-2</v>
      </c>
      <c r="P4558" s="58">
        <f>IF(Input!$K$13=3,J4558*Input!$J$13,0)+IF(Input!$K$14=3,K4558*Input!$J$14,0)+IF(Input!$K$15=3,L4558*Input!$J$15,0)+IF(Input!$K$16=3,M4558*Input!$J$16,0)</f>
        <v>0</v>
      </c>
      <c r="Q4558" s="71">
        <f>IF(Input!$K$13=4,J4558*Input!$J$13,0)+IF(Input!$K$14=4,K4558*Input!$J$14,0)+IF(Input!$K$15=4,L4558*Input!$J$15,0)+IF(Input!$K$16=4,M4558*Input!$J$16,0)</f>
        <v>0</v>
      </c>
    </row>
    <row r="4559" spans="8:17" x14ac:dyDescent="0.25">
      <c r="H4559" s="43">
        <v>4552</v>
      </c>
      <c r="I4559" s="55">
        <f>Bühler!I4585</f>
        <v>0</v>
      </c>
      <c r="J4559" s="58">
        <f>Bühler!J4585</f>
        <v>3.4691791637510598</v>
      </c>
      <c r="K4559" s="58">
        <f>Bühler!K4585</f>
        <v>0.2144524502297967</v>
      </c>
      <c r="L4559" s="58">
        <f>Bühler!L4585</f>
        <v>0.10722622511489835</v>
      </c>
      <c r="M4559" s="57">
        <f>Bühler!M4585</f>
        <v>0</v>
      </c>
      <c r="N4559" s="55">
        <f>IF(Input!$K$13=1,J4559*Input!$J$13,0)+IF(Input!$K$14=1,K4559*Input!$J$14,0)+IF(Input!$K$15=1,L4559*Input!$J$15,0)+IF(Input!$K$16=1,M4559*Input!$J$16,0)</f>
        <v>0.41630149965012714</v>
      </c>
      <c r="O4559" s="58">
        <f>IF(Input!$K$13=2,J4559*Input!$J$13,0)+IF(Input!$K$14=2,K4559*Input!$J$14,0)+IF(Input!$K$15=2,L4559*Input!$J$15,0)+IF(Input!$K$16=2,M4559*Input!$J$16,0)</f>
        <v>2.8951080781022556E-2</v>
      </c>
      <c r="P4559" s="58">
        <f>IF(Input!$K$13=3,J4559*Input!$J$13,0)+IF(Input!$K$14=3,K4559*Input!$J$14,0)+IF(Input!$K$15=3,L4559*Input!$J$15,0)+IF(Input!$K$16=3,M4559*Input!$J$16,0)</f>
        <v>0</v>
      </c>
      <c r="Q4559" s="71">
        <f>IF(Input!$K$13=4,J4559*Input!$J$13,0)+IF(Input!$K$14=4,K4559*Input!$J$14,0)+IF(Input!$K$15=4,L4559*Input!$J$15,0)+IF(Input!$K$16=4,M4559*Input!$J$16,0)</f>
        <v>0</v>
      </c>
    </row>
    <row r="4560" spans="8:17" x14ac:dyDescent="0.25">
      <c r="H4560" s="43">
        <v>4553</v>
      </c>
      <c r="I4560" s="55">
        <f>Bühler!I4586</f>
        <v>0</v>
      </c>
      <c r="J4560" s="58">
        <f>Bühler!J4586</f>
        <v>3.4691791637510598</v>
      </c>
      <c r="K4560" s="58">
        <f>Bühler!K4586</f>
        <v>0.2144524502297967</v>
      </c>
      <c r="L4560" s="58">
        <f>Bühler!L4586</f>
        <v>0.10722622511489835</v>
      </c>
      <c r="M4560" s="57">
        <f>Bühler!M4586</f>
        <v>0</v>
      </c>
      <c r="N4560" s="55">
        <f>IF(Input!$K$13=1,J4560*Input!$J$13,0)+IF(Input!$K$14=1,K4560*Input!$J$14,0)+IF(Input!$K$15=1,L4560*Input!$J$15,0)+IF(Input!$K$16=1,M4560*Input!$J$16,0)</f>
        <v>0.41630149965012714</v>
      </c>
      <c r="O4560" s="58">
        <f>IF(Input!$K$13=2,J4560*Input!$J$13,0)+IF(Input!$K$14=2,K4560*Input!$J$14,0)+IF(Input!$K$15=2,L4560*Input!$J$15,0)+IF(Input!$K$16=2,M4560*Input!$J$16,0)</f>
        <v>2.8951080781022556E-2</v>
      </c>
      <c r="P4560" s="58">
        <f>IF(Input!$K$13=3,J4560*Input!$J$13,0)+IF(Input!$K$14=3,K4560*Input!$J$14,0)+IF(Input!$K$15=3,L4560*Input!$J$15,0)+IF(Input!$K$16=3,M4560*Input!$J$16,0)</f>
        <v>0</v>
      </c>
      <c r="Q4560" s="71">
        <f>IF(Input!$K$13=4,J4560*Input!$J$13,0)+IF(Input!$K$14=4,K4560*Input!$J$14,0)+IF(Input!$K$15=4,L4560*Input!$J$15,0)+IF(Input!$K$16=4,M4560*Input!$J$16,0)</f>
        <v>0</v>
      </c>
    </row>
    <row r="4561" spans="8:17" x14ac:dyDescent="0.25">
      <c r="H4561" s="43">
        <v>4554</v>
      </c>
      <c r="I4561" s="55">
        <f>Bühler!I4587</f>
        <v>0</v>
      </c>
      <c r="J4561" s="58">
        <f>Bühler!J4587</f>
        <v>3.4691791637510598</v>
      </c>
      <c r="K4561" s="58">
        <f>Bühler!K4587</f>
        <v>0.2144524502297967</v>
      </c>
      <c r="L4561" s="58">
        <f>Bühler!L4587</f>
        <v>0.10722622511489835</v>
      </c>
      <c r="M4561" s="57">
        <f>Bühler!M4587</f>
        <v>0</v>
      </c>
      <c r="N4561" s="55">
        <f>IF(Input!$K$13=1,J4561*Input!$J$13,0)+IF(Input!$K$14=1,K4561*Input!$J$14,0)+IF(Input!$K$15=1,L4561*Input!$J$15,0)+IF(Input!$K$16=1,M4561*Input!$J$16,0)</f>
        <v>0.41630149965012714</v>
      </c>
      <c r="O4561" s="58">
        <f>IF(Input!$K$13=2,J4561*Input!$J$13,0)+IF(Input!$K$14=2,K4561*Input!$J$14,0)+IF(Input!$K$15=2,L4561*Input!$J$15,0)+IF(Input!$K$16=2,M4561*Input!$J$16,0)</f>
        <v>2.8951080781022556E-2</v>
      </c>
      <c r="P4561" s="58">
        <f>IF(Input!$K$13=3,J4561*Input!$J$13,0)+IF(Input!$K$14=3,K4561*Input!$J$14,0)+IF(Input!$K$15=3,L4561*Input!$J$15,0)+IF(Input!$K$16=3,M4561*Input!$J$16,0)</f>
        <v>0</v>
      </c>
      <c r="Q4561" s="71">
        <f>IF(Input!$K$13=4,J4561*Input!$J$13,0)+IF(Input!$K$14=4,K4561*Input!$J$14,0)+IF(Input!$K$15=4,L4561*Input!$J$15,0)+IF(Input!$K$16=4,M4561*Input!$J$16,0)</f>
        <v>0</v>
      </c>
    </row>
    <row r="4562" spans="8:17" x14ac:dyDescent="0.25">
      <c r="H4562" s="43">
        <v>4555</v>
      </c>
      <c r="I4562" s="55">
        <f>Bühler!I4588</f>
        <v>0</v>
      </c>
      <c r="J4562" s="58">
        <f>Bühler!J4588</f>
        <v>3.4691791637510598</v>
      </c>
      <c r="K4562" s="58">
        <f>Bühler!K4588</f>
        <v>0.2144524502297967</v>
      </c>
      <c r="L4562" s="58">
        <f>Bühler!L4588</f>
        <v>0.10722622511489835</v>
      </c>
      <c r="M4562" s="57">
        <f>Bühler!M4588</f>
        <v>0</v>
      </c>
      <c r="N4562" s="55">
        <f>IF(Input!$K$13=1,J4562*Input!$J$13,0)+IF(Input!$K$14=1,K4562*Input!$J$14,0)+IF(Input!$K$15=1,L4562*Input!$J$15,0)+IF(Input!$K$16=1,M4562*Input!$J$16,0)</f>
        <v>0.41630149965012714</v>
      </c>
      <c r="O4562" s="58">
        <f>IF(Input!$K$13=2,J4562*Input!$J$13,0)+IF(Input!$K$14=2,K4562*Input!$J$14,0)+IF(Input!$K$15=2,L4562*Input!$J$15,0)+IF(Input!$K$16=2,M4562*Input!$J$16,0)</f>
        <v>2.8951080781022556E-2</v>
      </c>
      <c r="P4562" s="58">
        <f>IF(Input!$K$13=3,J4562*Input!$J$13,0)+IF(Input!$K$14=3,K4562*Input!$J$14,0)+IF(Input!$K$15=3,L4562*Input!$J$15,0)+IF(Input!$K$16=3,M4562*Input!$J$16,0)</f>
        <v>0</v>
      </c>
      <c r="Q4562" s="71">
        <f>IF(Input!$K$13=4,J4562*Input!$J$13,0)+IF(Input!$K$14=4,K4562*Input!$J$14,0)+IF(Input!$K$15=4,L4562*Input!$J$15,0)+IF(Input!$K$16=4,M4562*Input!$J$16,0)</f>
        <v>0</v>
      </c>
    </row>
    <row r="4563" spans="8:17" x14ac:dyDescent="0.25">
      <c r="H4563" s="43">
        <v>4556</v>
      </c>
      <c r="I4563" s="55">
        <f>Bühler!I4589</f>
        <v>0</v>
      </c>
      <c r="J4563" s="58">
        <f>Bühler!J4589</f>
        <v>3.4691791637510598</v>
      </c>
      <c r="K4563" s="58">
        <f>Bühler!K4589</f>
        <v>0.2144524502297967</v>
      </c>
      <c r="L4563" s="58">
        <f>Bühler!L4589</f>
        <v>0.10722622511489835</v>
      </c>
      <c r="M4563" s="57">
        <f>Bühler!M4589</f>
        <v>0</v>
      </c>
      <c r="N4563" s="55">
        <f>IF(Input!$K$13=1,J4563*Input!$J$13,0)+IF(Input!$K$14=1,K4563*Input!$J$14,0)+IF(Input!$K$15=1,L4563*Input!$J$15,0)+IF(Input!$K$16=1,M4563*Input!$J$16,0)</f>
        <v>0.41630149965012714</v>
      </c>
      <c r="O4563" s="58">
        <f>IF(Input!$K$13=2,J4563*Input!$J$13,0)+IF(Input!$K$14=2,K4563*Input!$J$14,0)+IF(Input!$K$15=2,L4563*Input!$J$15,0)+IF(Input!$K$16=2,M4563*Input!$J$16,0)</f>
        <v>2.8951080781022556E-2</v>
      </c>
      <c r="P4563" s="58">
        <f>IF(Input!$K$13=3,J4563*Input!$J$13,0)+IF(Input!$K$14=3,K4563*Input!$J$14,0)+IF(Input!$K$15=3,L4563*Input!$J$15,0)+IF(Input!$K$16=3,M4563*Input!$J$16,0)</f>
        <v>0</v>
      </c>
      <c r="Q4563" s="71">
        <f>IF(Input!$K$13=4,J4563*Input!$J$13,0)+IF(Input!$K$14=4,K4563*Input!$J$14,0)+IF(Input!$K$15=4,L4563*Input!$J$15,0)+IF(Input!$K$16=4,M4563*Input!$J$16,0)</f>
        <v>0</v>
      </c>
    </row>
    <row r="4564" spans="8:17" x14ac:dyDescent="0.25">
      <c r="H4564" s="43">
        <v>4557</v>
      </c>
      <c r="I4564" s="55">
        <f>Bühler!I4590</f>
        <v>0</v>
      </c>
      <c r="J4564" s="58">
        <f>Bühler!J4590</f>
        <v>3.4691791637510598</v>
      </c>
      <c r="K4564" s="58">
        <f>Bühler!K4590</f>
        <v>0.2144524502297967</v>
      </c>
      <c r="L4564" s="58">
        <f>Bühler!L4590</f>
        <v>0.10722622511489835</v>
      </c>
      <c r="M4564" s="57">
        <f>Bühler!M4590</f>
        <v>0</v>
      </c>
      <c r="N4564" s="55">
        <f>IF(Input!$K$13=1,J4564*Input!$J$13,0)+IF(Input!$K$14=1,K4564*Input!$J$14,0)+IF(Input!$K$15=1,L4564*Input!$J$15,0)+IF(Input!$K$16=1,M4564*Input!$J$16,0)</f>
        <v>0.41630149965012714</v>
      </c>
      <c r="O4564" s="58">
        <f>IF(Input!$K$13=2,J4564*Input!$J$13,0)+IF(Input!$K$14=2,K4564*Input!$J$14,0)+IF(Input!$K$15=2,L4564*Input!$J$15,0)+IF(Input!$K$16=2,M4564*Input!$J$16,0)</f>
        <v>2.8951080781022556E-2</v>
      </c>
      <c r="P4564" s="58">
        <f>IF(Input!$K$13=3,J4564*Input!$J$13,0)+IF(Input!$K$14=3,K4564*Input!$J$14,0)+IF(Input!$K$15=3,L4564*Input!$J$15,0)+IF(Input!$K$16=3,M4564*Input!$J$16,0)</f>
        <v>0</v>
      </c>
      <c r="Q4564" s="71">
        <f>IF(Input!$K$13=4,J4564*Input!$J$13,0)+IF(Input!$K$14=4,K4564*Input!$J$14,0)+IF(Input!$K$15=4,L4564*Input!$J$15,0)+IF(Input!$K$16=4,M4564*Input!$J$16,0)</f>
        <v>0</v>
      </c>
    </row>
    <row r="4565" spans="8:17" x14ac:dyDescent="0.25">
      <c r="H4565" s="43">
        <v>4558</v>
      </c>
      <c r="I4565" s="55">
        <f>Bühler!I4591</f>
        <v>0</v>
      </c>
      <c r="J4565" s="58">
        <f>Bühler!J4591</f>
        <v>3.4691791637510598</v>
      </c>
      <c r="K4565" s="58">
        <f>Bühler!K4591</f>
        <v>0.2144524502297967</v>
      </c>
      <c r="L4565" s="58">
        <f>Bühler!L4591</f>
        <v>0.10722622511489835</v>
      </c>
      <c r="M4565" s="57">
        <f>Bühler!M4591</f>
        <v>0</v>
      </c>
      <c r="N4565" s="55">
        <f>IF(Input!$K$13=1,J4565*Input!$J$13,0)+IF(Input!$K$14=1,K4565*Input!$J$14,0)+IF(Input!$K$15=1,L4565*Input!$J$15,0)+IF(Input!$K$16=1,M4565*Input!$J$16,0)</f>
        <v>0.41630149965012714</v>
      </c>
      <c r="O4565" s="58">
        <f>IF(Input!$K$13=2,J4565*Input!$J$13,0)+IF(Input!$K$14=2,K4565*Input!$J$14,0)+IF(Input!$K$15=2,L4565*Input!$J$15,0)+IF(Input!$K$16=2,M4565*Input!$J$16,0)</f>
        <v>2.8951080781022556E-2</v>
      </c>
      <c r="P4565" s="58">
        <f>IF(Input!$K$13=3,J4565*Input!$J$13,0)+IF(Input!$K$14=3,K4565*Input!$J$14,0)+IF(Input!$K$15=3,L4565*Input!$J$15,0)+IF(Input!$K$16=3,M4565*Input!$J$16,0)</f>
        <v>0</v>
      </c>
      <c r="Q4565" s="71">
        <f>IF(Input!$K$13=4,J4565*Input!$J$13,0)+IF(Input!$K$14=4,K4565*Input!$J$14,0)+IF(Input!$K$15=4,L4565*Input!$J$15,0)+IF(Input!$K$16=4,M4565*Input!$J$16,0)</f>
        <v>0</v>
      </c>
    </row>
    <row r="4566" spans="8:17" x14ac:dyDescent="0.25">
      <c r="H4566" s="43">
        <v>4559</v>
      </c>
      <c r="I4566" s="55">
        <f>Bühler!I4592</f>
        <v>0</v>
      </c>
      <c r="J4566" s="58">
        <f>Bühler!J4592</f>
        <v>3.4691791637510598</v>
      </c>
      <c r="K4566" s="58">
        <f>Bühler!K4592</f>
        <v>0.2144524502297967</v>
      </c>
      <c r="L4566" s="58">
        <f>Bühler!L4592</f>
        <v>0.10722622511489835</v>
      </c>
      <c r="M4566" s="57">
        <f>Bühler!M4592</f>
        <v>0</v>
      </c>
      <c r="N4566" s="55">
        <f>IF(Input!$K$13=1,J4566*Input!$J$13,0)+IF(Input!$K$14=1,K4566*Input!$J$14,0)+IF(Input!$K$15=1,L4566*Input!$J$15,0)+IF(Input!$K$16=1,M4566*Input!$J$16,0)</f>
        <v>0.41630149965012714</v>
      </c>
      <c r="O4566" s="58">
        <f>IF(Input!$K$13=2,J4566*Input!$J$13,0)+IF(Input!$K$14=2,K4566*Input!$J$14,0)+IF(Input!$K$15=2,L4566*Input!$J$15,0)+IF(Input!$K$16=2,M4566*Input!$J$16,0)</f>
        <v>2.8951080781022556E-2</v>
      </c>
      <c r="P4566" s="58">
        <f>IF(Input!$K$13=3,J4566*Input!$J$13,0)+IF(Input!$K$14=3,K4566*Input!$J$14,0)+IF(Input!$K$15=3,L4566*Input!$J$15,0)+IF(Input!$K$16=3,M4566*Input!$J$16,0)</f>
        <v>0</v>
      </c>
      <c r="Q4566" s="71">
        <f>IF(Input!$K$13=4,J4566*Input!$J$13,0)+IF(Input!$K$14=4,K4566*Input!$J$14,0)+IF(Input!$K$15=4,L4566*Input!$J$15,0)+IF(Input!$K$16=4,M4566*Input!$J$16,0)</f>
        <v>0</v>
      </c>
    </row>
    <row r="4567" spans="8:17" x14ac:dyDescent="0.25">
      <c r="H4567" s="43">
        <v>4560</v>
      </c>
      <c r="I4567" s="55">
        <f>Bühler!I4593</f>
        <v>0</v>
      </c>
      <c r="J4567" s="58">
        <f>Bühler!J4593</f>
        <v>3.4691791637510598</v>
      </c>
      <c r="K4567" s="58">
        <f>Bühler!K4593</f>
        <v>0.2144524502297967</v>
      </c>
      <c r="L4567" s="58">
        <f>Bühler!L4593</f>
        <v>0.10722622511489835</v>
      </c>
      <c r="M4567" s="57">
        <f>Bühler!M4593</f>
        <v>0</v>
      </c>
      <c r="N4567" s="55">
        <f>IF(Input!$K$13=1,J4567*Input!$J$13,0)+IF(Input!$K$14=1,K4567*Input!$J$14,0)+IF(Input!$K$15=1,L4567*Input!$J$15,0)+IF(Input!$K$16=1,M4567*Input!$J$16,0)</f>
        <v>0.41630149965012714</v>
      </c>
      <c r="O4567" s="58">
        <f>IF(Input!$K$13=2,J4567*Input!$J$13,0)+IF(Input!$K$14=2,K4567*Input!$J$14,0)+IF(Input!$K$15=2,L4567*Input!$J$15,0)+IF(Input!$K$16=2,M4567*Input!$J$16,0)</f>
        <v>2.8951080781022556E-2</v>
      </c>
      <c r="P4567" s="58">
        <f>IF(Input!$K$13=3,J4567*Input!$J$13,0)+IF(Input!$K$14=3,K4567*Input!$J$14,0)+IF(Input!$K$15=3,L4567*Input!$J$15,0)+IF(Input!$K$16=3,M4567*Input!$J$16,0)</f>
        <v>0</v>
      </c>
      <c r="Q4567" s="71">
        <f>IF(Input!$K$13=4,J4567*Input!$J$13,0)+IF(Input!$K$14=4,K4567*Input!$J$14,0)+IF(Input!$K$15=4,L4567*Input!$J$15,0)+IF(Input!$K$16=4,M4567*Input!$J$16,0)</f>
        <v>0</v>
      </c>
    </row>
    <row r="4568" spans="8:17" x14ac:dyDescent="0.25">
      <c r="H4568" s="43">
        <v>4561</v>
      </c>
      <c r="I4568" s="55">
        <f>Bühler!I4594</f>
        <v>0</v>
      </c>
      <c r="J4568" s="58">
        <f>Bühler!J4594</f>
        <v>5.7891368575557038</v>
      </c>
      <c r="K4568" s="58">
        <f>Bühler!K4594</f>
        <v>0.51980349988325991</v>
      </c>
      <c r="L4568" s="58">
        <f>Bühler!L4594</f>
        <v>0.25990174994162996</v>
      </c>
      <c r="M4568" s="57">
        <f>Bühler!M4594</f>
        <v>0</v>
      </c>
      <c r="N4568" s="55">
        <f>IF(Input!$K$13=1,J4568*Input!$J$13,0)+IF(Input!$K$14=1,K4568*Input!$J$14,0)+IF(Input!$K$15=1,L4568*Input!$J$15,0)+IF(Input!$K$16=1,M4568*Input!$J$16,0)</f>
        <v>0.69469642290668443</v>
      </c>
      <c r="O4568" s="58">
        <f>IF(Input!$K$13=2,J4568*Input!$J$13,0)+IF(Input!$K$14=2,K4568*Input!$J$14,0)+IF(Input!$K$15=2,L4568*Input!$J$15,0)+IF(Input!$K$16=2,M4568*Input!$J$16,0)</f>
        <v>7.0173472484240079E-2</v>
      </c>
      <c r="P4568" s="58">
        <f>IF(Input!$K$13=3,J4568*Input!$J$13,0)+IF(Input!$K$14=3,K4568*Input!$J$14,0)+IF(Input!$K$15=3,L4568*Input!$J$15,0)+IF(Input!$K$16=3,M4568*Input!$J$16,0)</f>
        <v>0</v>
      </c>
      <c r="Q4568" s="71">
        <f>IF(Input!$K$13=4,J4568*Input!$J$13,0)+IF(Input!$K$14=4,K4568*Input!$J$14,0)+IF(Input!$K$15=4,L4568*Input!$J$15,0)+IF(Input!$K$16=4,M4568*Input!$J$16,0)</f>
        <v>0</v>
      </c>
    </row>
    <row r="4569" spans="8:17" x14ac:dyDescent="0.25">
      <c r="H4569" s="43">
        <v>4562</v>
      </c>
      <c r="I4569" s="55">
        <f>Bühler!I4595</f>
        <v>0</v>
      </c>
      <c r="J4569" s="58">
        <f>Bühler!J4595</f>
        <v>5.7891368575557038</v>
      </c>
      <c r="K4569" s="58">
        <f>Bühler!K4595</f>
        <v>0.51980349988325991</v>
      </c>
      <c r="L4569" s="58">
        <f>Bühler!L4595</f>
        <v>0.25990174994162996</v>
      </c>
      <c r="M4569" s="57">
        <f>Bühler!M4595</f>
        <v>0</v>
      </c>
      <c r="N4569" s="55">
        <f>IF(Input!$K$13=1,J4569*Input!$J$13,0)+IF(Input!$K$14=1,K4569*Input!$J$14,0)+IF(Input!$K$15=1,L4569*Input!$J$15,0)+IF(Input!$K$16=1,M4569*Input!$J$16,0)</f>
        <v>0.69469642290668443</v>
      </c>
      <c r="O4569" s="58">
        <f>IF(Input!$K$13=2,J4569*Input!$J$13,0)+IF(Input!$K$14=2,K4569*Input!$J$14,0)+IF(Input!$K$15=2,L4569*Input!$J$15,0)+IF(Input!$K$16=2,M4569*Input!$J$16,0)</f>
        <v>7.0173472484240079E-2</v>
      </c>
      <c r="P4569" s="58">
        <f>IF(Input!$K$13=3,J4569*Input!$J$13,0)+IF(Input!$K$14=3,K4569*Input!$J$14,0)+IF(Input!$K$15=3,L4569*Input!$J$15,0)+IF(Input!$K$16=3,M4569*Input!$J$16,0)</f>
        <v>0</v>
      </c>
      <c r="Q4569" s="71">
        <f>IF(Input!$K$13=4,J4569*Input!$J$13,0)+IF(Input!$K$14=4,K4569*Input!$J$14,0)+IF(Input!$K$15=4,L4569*Input!$J$15,0)+IF(Input!$K$16=4,M4569*Input!$J$16,0)</f>
        <v>0</v>
      </c>
    </row>
    <row r="4570" spans="8:17" x14ac:dyDescent="0.25">
      <c r="H4570" s="43">
        <v>4563</v>
      </c>
      <c r="I4570" s="55">
        <f>Bühler!I4596</f>
        <v>0</v>
      </c>
      <c r="J4570" s="58">
        <f>Bühler!J4596</f>
        <v>5.7891368575557038</v>
      </c>
      <c r="K4570" s="58">
        <f>Bühler!K4596</f>
        <v>0.51980349988325991</v>
      </c>
      <c r="L4570" s="58">
        <f>Bühler!L4596</f>
        <v>0.25990174994162996</v>
      </c>
      <c r="M4570" s="57">
        <f>Bühler!M4596</f>
        <v>0</v>
      </c>
      <c r="N4570" s="55">
        <f>IF(Input!$K$13=1,J4570*Input!$J$13,0)+IF(Input!$K$14=1,K4570*Input!$J$14,0)+IF(Input!$K$15=1,L4570*Input!$J$15,0)+IF(Input!$K$16=1,M4570*Input!$J$16,0)</f>
        <v>0.69469642290668443</v>
      </c>
      <c r="O4570" s="58">
        <f>IF(Input!$K$13=2,J4570*Input!$J$13,0)+IF(Input!$K$14=2,K4570*Input!$J$14,0)+IF(Input!$K$15=2,L4570*Input!$J$15,0)+IF(Input!$K$16=2,M4570*Input!$J$16,0)</f>
        <v>7.0173472484240079E-2</v>
      </c>
      <c r="P4570" s="58">
        <f>IF(Input!$K$13=3,J4570*Input!$J$13,0)+IF(Input!$K$14=3,K4570*Input!$J$14,0)+IF(Input!$K$15=3,L4570*Input!$J$15,0)+IF(Input!$K$16=3,M4570*Input!$J$16,0)</f>
        <v>0</v>
      </c>
      <c r="Q4570" s="71">
        <f>IF(Input!$K$13=4,J4570*Input!$J$13,0)+IF(Input!$K$14=4,K4570*Input!$J$14,0)+IF(Input!$K$15=4,L4570*Input!$J$15,0)+IF(Input!$K$16=4,M4570*Input!$J$16,0)</f>
        <v>0</v>
      </c>
    </row>
    <row r="4571" spans="8:17" x14ac:dyDescent="0.25">
      <c r="H4571" s="43">
        <v>4564</v>
      </c>
      <c r="I4571" s="55">
        <f>Bühler!I4597</f>
        <v>0</v>
      </c>
      <c r="J4571" s="58">
        <f>Bühler!J4597</f>
        <v>5.7891368575557038</v>
      </c>
      <c r="K4571" s="58">
        <f>Bühler!K4597</f>
        <v>0.51980349988325991</v>
      </c>
      <c r="L4571" s="58">
        <f>Bühler!L4597</f>
        <v>0.25990174994162996</v>
      </c>
      <c r="M4571" s="57">
        <f>Bühler!M4597</f>
        <v>0</v>
      </c>
      <c r="N4571" s="55">
        <f>IF(Input!$K$13=1,J4571*Input!$J$13,0)+IF(Input!$K$14=1,K4571*Input!$J$14,0)+IF(Input!$K$15=1,L4571*Input!$J$15,0)+IF(Input!$K$16=1,M4571*Input!$J$16,0)</f>
        <v>0.69469642290668443</v>
      </c>
      <c r="O4571" s="58">
        <f>IF(Input!$K$13=2,J4571*Input!$J$13,0)+IF(Input!$K$14=2,K4571*Input!$J$14,0)+IF(Input!$K$15=2,L4571*Input!$J$15,0)+IF(Input!$K$16=2,M4571*Input!$J$16,0)</f>
        <v>7.0173472484240079E-2</v>
      </c>
      <c r="P4571" s="58">
        <f>IF(Input!$K$13=3,J4571*Input!$J$13,0)+IF(Input!$K$14=3,K4571*Input!$J$14,0)+IF(Input!$K$15=3,L4571*Input!$J$15,0)+IF(Input!$K$16=3,M4571*Input!$J$16,0)</f>
        <v>0</v>
      </c>
      <c r="Q4571" s="71">
        <f>IF(Input!$K$13=4,J4571*Input!$J$13,0)+IF(Input!$K$14=4,K4571*Input!$J$14,0)+IF(Input!$K$15=4,L4571*Input!$J$15,0)+IF(Input!$K$16=4,M4571*Input!$J$16,0)</f>
        <v>0</v>
      </c>
    </row>
    <row r="4572" spans="8:17" x14ac:dyDescent="0.25">
      <c r="H4572" s="43">
        <v>4565</v>
      </c>
      <c r="I4572" s="55">
        <f>Bühler!I4598</f>
        <v>0</v>
      </c>
      <c r="J4572" s="58">
        <f>Bühler!J4598</f>
        <v>5.7891368575557038</v>
      </c>
      <c r="K4572" s="58">
        <f>Bühler!K4598</f>
        <v>0.51980349988325991</v>
      </c>
      <c r="L4572" s="58">
        <f>Bühler!L4598</f>
        <v>0.25990174994162996</v>
      </c>
      <c r="M4572" s="57">
        <f>Bühler!M4598</f>
        <v>0</v>
      </c>
      <c r="N4572" s="55">
        <f>IF(Input!$K$13=1,J4572*Input!$J$13,0)+IF(Input!$K$14=1,K4572*Input!$J$14,0)+IF(Input!$K$15=1,L4572*Input!$J$15,0)+IF(Input!$K$16=1,M4572*Input!$J$16,0)</f>
        <v>0.69469642290668443</v>
      </c>
      <c r="O4572" s="58">
        <f>IF(Input!$K$13=2,J4572*Input!$J$13,0)+IF(Input!$K$14=2,K4572*Input!$J$14,0)+IF(Input!$K$15=2,L4572*Input!$J$15,0)+IF(Input!$K$16=2,M4572*Input!$J$16,0)</f>
        <v>7.0173472484240079E-2</v>
      </c>
      <c r="P4572" s="58">
        <f>IF(Input!$K$13=3,J4572*Input!$J$13,0)+IF(Input!$K$14=3,K4572*Input!$J$14,0)+IF(Input!$K$15=3,L4572*Input!$J$15,0)+IF(Input!$K$16=3,M4572*Input!$J$16,0)</f>
        <v>0</v>
      </c>
      <c r="Q4572" s="71">
        <f>IF(Input!$K$13=4,J4572*Input!$J$13,0)+IF(Input!$K$14=4,K4572*Input!$J$14,0)+IF(Input!$K$15=4,L4572*Input!$J$15,0)+IF(Input!$K$16=4,M4572*Input!$J$16,0)</f>
        <v>0</v>
      </c>
    </row>
    <row r="4573" spans="8:17" x14ac:dyDescent="0.25">
      <c r="H4573" s="43">
        <v>4566</v>
      </c>
      <c r="I4573" s="55">
        <f>Bühler!I4599</f>
        <v>0</v>
      </c>
      <c r="J4573" s="58">
        <f>Bühler!J4599</f>
        <v>5.7891368575557038</v>
      </c>
      <c r="K4573" s="58">
        <f>Bühler!K4599</f>
        <v>0.51980349988325991</v>
      </c>
      <c r="L4573" s="58">
        <f>Bühler!L4599</f>
        <v>0.25990174994162996</v>
      </c>
      <c r="M4573" s="57">
        <f>Bühler!M4599</f>
        <v>0</v>
      </c>
      <c r="N4573" s="55">
        <f>IF(Input!$K$13=1,J4573*Input!$J$13,0)+IF(Input!$K$14=1,K4573*Input!$J$14,0)+IF(Input!$K$15=1,L4573*Input!$J$15,0)+IF(Input!$K$16=1,M4573*Input!$J$16,0)</f>
        <v>0.69469642290668443</v>
      </c>
      <c r="O4573" s="58">
        <f>IF(Input!$K$13=2,J4573*Input!$J$13,0)+IF(Input!$K$14=2,K4573*Input!$J$14,0)+IF(Input!$K$15=2,L4573*Input!$J$15,0)+IF(Input!$K$16=2,M4573*Input!$J$16,0)</f>
        <v>7.0173472484240079E-2</v>
      </c>
      <c r="P4573" s="58">
        <f>IF(Input!$K$13=3,J4573*Input!$J$13,0)+IF(Input!$K$14=3,K4573*Input!$J$14,0)+IF(Input!$K$15=3,L4573*Input!$J$15,0)+IF(Input!$K$16=3,M4573*Input!$J$16,0)</f>
        <v>0</v>
      </c>
      <c r="Q4573" s="71">
        <f>IF(Input!$K$13=4,J4573*Input!$J$13,0)+IF(Input!$K$14=4,K4573*Input!$J$14,0)+IF(Input!$K$15=4,L4573*Input!$J$15,0)+IF(Input!$K$16=4,M4573*Input!$J$16,0)</f>
        <v>0</v>
      </c>
    </row>
    <row r="4574" spans="8:17" x14ac:dyDescent="0.25">
      <c r="H4574" s="43">
        <v>4567</v>
      </c>
      <c r="I4574" s="55">
        <f>Bühler!I4600</f>
        <v>0</v>
      </c>
      <c r="J4574" s="58">
        <f>Bühler!J4600</f>
        <v>5.7891368575557038</v>
      </c>
      <c r="K4574" s="58">
        <f>Bühler!K4600</f>
        <v>0.51980349988325991</v>
      </c>
      <c r="L4574" s="58">
        <f>Bühler!L4600</f>
        <v>0.25990174994162996</v>
      </c>
      <c r="M4574" s="57">
        <f>Bühler!M4600</f>
        <v>0</v>
      </c>
      <c r="N4574" s="55">
        <f>IF(Input!$K$13=1,J4574*Input!$J$13,0)+IF(Input!$K$14=1,K4574*Input!$J$14,0)+IF(Input!$K$15=1,L4574*Input!$J$15,0)+IF(Input!$K$16=1,M4574*Input!$J$16,0)</f>
        <v>0.69469642290668443</v>
      </c>
      <c r="O4574" s="58">
        <f>IF(Input!$K$13=2,J4574*Input!$J$13,0)+IF(Input!$K$14=2,K4574*Input!$J$14,0)+IF(Input!$K$15=2,L4574*Input!$J$15,0)+IF(Input!$K$16=2,M4574*Input!$J$16,0)</f>
        <v>7.0173472484240079E-2</v>
      </c>
      <c r="P4574" s="58">
        <f>IF(Input!$K$13=3,J4574*Input!$J$13,0)+IF(Input!$K$14=3,K4574*Input!$J$14,0)+IF(Input!$K$15=3,L4574*Input!$J$15,0)+IF(Input!$K$16=3,M4574*Input!$J$16,0)</f>
        <v>0</v>
      </c>
      <c r="Q4574" s="71">
        <f>IF(Input!$K$13=4,J4574*Input!$J$13,0)+IF(Input!$K$14=4,K4574*Input!$J$14,0)+IF(Input!$K$15=4,L4574*Input!$J$15,0)+IF(Input!$K$16=4,M4574*Input!$J$16,0)</f>
        <v>0</v>
      </c>
    </row>
    <row r="4575" spans="8:17" x14ac:dyDescent="0.25">
      <c r="H4575" s="43">
        <v>4568</v>
      </c>
      <c r="I4575" s="55">
        <f>Bühler!I4601</f>
        <v>0</v>
      </c>
      <c r="J4575" s="58">
        <f>Bühler!J4601</f>
        <v>24.661723013187292</v>
      </c>
      <c r="K4575" s="58">
        <f>Bühler!K4601</f>
        <v>2.2143629095026873</v>
      </c>
      <c r="L4575" s="58">
        <f>Bühler!L4601</f>
        <v>1.1071814547513437</v>
      </c>
      <c r="M4575" s="57">
        <f>Bühler!M4601</f>
        <v>0</v>
      </c>
      <c r="N4575" s="55">
        <f>IF(Input!$K$13=1,J4575*Input!$J$13,0)+IF(Input!$K$14=1,K4575*Input!$J$14,0)+IF(Input!$K$15=1,L4575*Input!$J$15,0)+IF(Input!$K$16=1,M4575*Input!$J$16,0)</f>
        <v>2.9594067615824748</v>
      </c>
      <c r="O4575" s="58">
        <f>IF(Input!$K$13=2,J4575*Input!$J$13,0)+IF(Input!$K$14=2,K4575*Input!$J$14,0)+IF(Input!$K$15=2,L4575*Input!$J$15,0)+IF(Input!$K$16=2,M4575*Input!$J$16,0)</f>
        <v>0.29893899278286279</v>
      </c>
      <c r="P4575" s="58">
        <f>IF(Input!$K$13=3,J4575*Input!$J$13,0)+IF(Input!$K$14=3,K4575*Input!$J$14,0)+IF(Input!$K$15=3,L4575*Input!$J$15,0)+IF(Input!$K$16=3,M4575*Input!$J$16,0)</f>
        <v>0</v>
      </c>
      <c r="Q4575" s="71">
        <f>IF(Input!$K$13=4,J4575*Input!$J$13,0)+IF(Input!$K$14=4,K4575*Input!$J$14,0)+IF(Input!$K$15=4,L4575*Input!$J$15,0)+IF(Input!$K$16=4,M4575*Input!$J$16,0)</f>
        <v>0</v>
      </c>
    </row>
    <row r="4576" spans="8:17" x14ac:dyDescent="0.25">
      <c r="H4576" s="43">
        <v>4569</v>
      </c>
      <c r="I4576" s="55">
        <f>Bühler!I4602</f>
        <v>0</v>
      </c>
      <c r="J4576" s="58">
        <f>Bühler!J4602</f>
        <v>27.744438389835707</v>
      </c>
      <c r="K4576" s="58">
        <f>Bühler!K4602</f>
        <v>2.4911582731905231</v>
      </c>
      <c r="L4576" s="58">
        <f>Bühler!L4602</f>
        <v>1.2455791365952615</v>
      </c>
      <c r="M4576" s="57">
        <f>Bühler!M4602</f>
        <v>0</v>
      </c>
      <c r="N4576" s="55">
        <f>IF(Input!$K$13=1,J4576*Input!$J$13,0)+IF(Input!$K$14=1,K4576*Input!$J$14,0)+IF(Input!$K$15=1,L4576*Input!$J$15,0)+IF(Input!$K$16=1,M4576*Input!$J$16,0)</f>
        <v>3.3293326067802846</v>
      </c>
      <c r="O4576" s="58">
        <f>IF(Input!$K$13=2,J4576*Input!$J$13,0)+IF(Input!$K$14=2,K4576*Input!$J$14,0)+IF(Input!$K$15=2,L4576*Input!$J$15,0)+IF(Input!$K$16=2,M4576*Input!$J$16,0)</f>
        <v>0.33630636688072058</v>
      </c>
      <c r="P4576" s="58">
        <f>IF(Input!$K$13=3,J4576*Input!$J$13,0)+IF(Input!$K$14=3,K4576*Input!$J$14,0)+IF(Input!$K$15=3,L4576*Input!$J$15,0)+IF(Input!$K$16=3,M4576*Input!$J$16,0)</f>
        <v>0</v>
      </c>
      <c r="Q4576" s="71">
        <f>IF(Input!$K$13=4,J4576*Input!$J$13,0)+IF(Input!$K$14=4,K4576*Input!$J$14,0)+IF(Input!$K$15=4,L4576*Input!$J$15,0)+IF(Input!$K$16=4,M4576*Input!$J$16,0)</f>
        <v>0</v>
      </c>
    </row>
    <row r="4577" spans="8:17" x14ac:dyDescent="0.25">
      <c r="H4577" s="43">
        <v>4570</v>
      </c>
      <c r="I4577" s="55">
        <f>Bühler!I4603</f>
        <v>0</v>
      </c>
      <c r="J4577" s="58">
        <f>Bühler!J4603</f>
        <v>30.827153766484116</v>
      </c>
      <c r="K4577" s="58">
        <f>Bühler!K4603</f>
        <v>2.7679536368783593</v>
      </c>
      <c r="L4577" s="58">
        <f>Bühler!L4603</f>
        <v>1.3839768184391796</v>
      </c>
      <c r="M4577" s="57">
        <f>Bühler!M4603</f>
        <v>0</v>
      </c>
      <c r="N4577" s="55">
        <f>IF(Input!$K$13=1,J4577*Input!$J$13,0)+IF(Input!$K$14=1,K4577*Input!$J$14,0)+IF(Input!$K$15=1,L4577*Input!$J$15,0)+IF(Input!$K$16=1,M4577*Input!$J$16,0)</f>
        <v>3.699258451978094</v>
      </c>
      <c r="O4577" s="58">
        <f>IF(Input!$K$13=2,J4577*Input!$J$13,0)+IF(Input!$K$14=2,K4577*Input!$J$14,0)+IF(Input!$K$15=2,L4577*Input!$J$15,0)+IF(Input!$K$16=2,M4577*Input!$J$16,0)</f>
        <v>0.37367374097857853</v>
      </c>
      <c r="P4577" s="58">
        <f>IF(Input!$K$13=3,J4577*Input!$J$13,0)+IF(Input!$K$14=3,K4577*Input!$J$14,0)+IF(Input!$K$15=3,L4577*Input!$J$15,0)+IF(Input!$K$16=3,M4577*Input!$J$16,0)</f>
        <v>0</v>
      </c>
      <c r="Q4577" s="71">
        <f>IF(Input!$K$13=4,J4577*Input!$J$13,0)+IF(Input!$K$14=4,K4577*Input!$J$14,0)+IF(Input!$K$15=4,L4577*Input!$J$15,0)+IF(Input!$K$16=4,M4577*Input!$J$16,0)</f>
        <v>0</v>
      </c>
    </row>
    <row r="4578" spans="8:17" x14ac:dyDescent="0.25">
      <c r="H4578" s="43">
        <v>4571</v>
      </c>
      <c r="I4578" s="55">
        <f>Bühler!I4604</f>
        <v>0</v>
      </c>
      <c r="J4578" s="58">
        <f>Bühler!J4604</f>
        <v>30.827153766484116</v>
      </c>
      <c r="K4578" s="58">
        <f>Bühler!K4604</f>
        <v>2.7679536368783593</v>
      </c>
      <c r="L4578" s="58">
        <f>Bühler!L4604</f>
        <v>1.3839768184391796</v>
      </c>
      <c r="M4578" s="57">
        <f>Bühler!M4604</f>
        <v>0</v>
      </c>
      <c r="N4578" s="55">
        <f>IF(Input!$K$13=1,J4578*Input!$J$13,0)+IF(Input!$K$14=1,K4578*Input!$J$14,0)+IF(Input!$K$15=1,L4578*Input!$J$15,0)+IF(Input!$K$16=1,M4578*Input!$J$16,0)</f>
        <v>3.699258451978094</v>
      </c>
      <c r="O4578" s="58">
        <f>IF(Input!$K$13=2,J4578*Input!$J$13,0)+IF(Input!$K$14=2,K4578*Input!$J$14,0)+IF(Input!$K$15=2,L4578*Input!$J$15,0)+IF(Input!$K$16=2,M4578*Input!$J$16,0)</f>
        <v>0.37367374097857853</v>
      </c>
      <c r="P4578" s="58">
        <f>IF(Input!$K$13=3,J4578*Input!$J$13,0)+IF(Input!$K$14=3,K4578*Input!$J$14,0)+IF(Input!$K$15=3,L4578*Input!$J$15,0)+IF(Input!$K$16=3,M4578*Input!$J$16,0)</f>
        <v>0</v>
      </c>
      <c r="Q4578" s="71">
        <f>IF(Input!$K$13=4,J4578*Input!$J$13,0)+IF(Input!$K$14=4,K4578*Input!$J$14,0)+IF(Input!$K$15=4,L4578*Input!$J$15,0)+IF(Input!$K$16=4,M4578*Input!$J$16,0)</f>
        <v>0</v>
      </c>
    </row>
    <row r="4579" spans="8:17" x14ac:dyDescent="0.25">
      <c r="H4579" s="43">
        <v>4572</v>
      </c>
      <c r="I4579" s="55">
        <f>Bühler!I4605</f>
        <v>0</v>
      </c>
      <c r="J4579" s="58">
        <f>Bühler!J4605</f>
        <v>36.992584519780934</v>
      </c>
      <c r="K4579" s="58">
        <f>Bühler!K4605</f>
        <v>3.3215443642540303</v>
      </c>
      <c r="L4579" s="58">
        <f>Bühler!L4605</f>
        <v>1.6607721821270152</v>
      </c>
      <c r="M4579" s="57">
        <f>Bühler!M4605</f>
        <v>0</v>
      </c>
      <c r="N4579" s="55">
        <f>IF(Input!$K$13=1,J4579*Input!$J$13,0)+IF(Input!$K$14=1,K4579*Input!$J$14,0)+IF(Input!$K$15=1,L4579*Input!$J$15,0)+IF(Input!$K$16=1,M4579*Input!$J$16,0)</f>
        <v>4.4391101423737123</v>
      </c>
      <c r="O4579" s="58">
        <f>IF(Input!$K$13=2,J4579*Input!$J$13,0)+IF(Input!$K$14=2,K4579*Input!$J$14,0)+IF(Input!$K$15=2,L4579*Input!$J$15,0)+IF(Input!$K$16=2,M4579*Input!$J$16,0)</f>
        <v>0.4484084891742941</v>
      </c>
      <c r="P4579" s="58">
        <f>IF(Input!$K$13=3,J4579*Input!$J$13,0)+IF(Input!$K$14=3,K4579*Input!$J$14,0)+IF(Input!$K$15=3,L4579*Input!$J$15,0)+IF(Input!$K$16=3,M4579*Input!$J$16,0)</f>
        <v>0</v>
      </c>
      <c r="Q4579" s="71">
        <f>IF(Input!$K$13=4,J4579*Input!$J$13,0)+IF(Input!$K$14=4,K4579*Input!$J$14,0)+IF(Input!$K$15=4,L4579*Input!$J$15,0)+IF(Input!$K$16=4,M4579*Input!$J$16,0)</f>
        <v>0</v>
      </c>
    </row>
    <row r="4580" spans="8:17" x14ac:dyDescent="0.25">
      <c r="H4580" s="43">
        <v>4573</v>
      </c>
      <c r="I4580" s="55">
        <f>Bühler!I4606</f>
        <v>0</v>
      </c>
      <c r="J4580" s="58">
        <f>Bühler!J4606</f>
        <v>36.992584519780934</v>
      </c>
      <c r="K4580" s="58">
        <f>Bühler!K4606</f>
        <v>3.3215443642540303</v>
      </c>
      <c r="L4580" s="58">
        <f>Bühler!L4606</f>
        <v>1.6607721821270152</v>
      </c>
      <c r="M4580" s="57">
        <f>Bühler!M4606</f>
        <v>0</v>
      </c>
      <c r="N4580" s="55">
        <f>IF(Input!$K$13=1,J4580*Input!$J$13,0)+IF(Input!$K$14=1,K4580*Input!$J$14,0)+IF(Input!$K$15=1,L4580*Input!$J$15,0)+IF(Input!$K$16=1,M4580*Input!$J$16,0)</f>
        <v>4.4391101423737123</v>
      </c>
      <c r="O4580" s="58">
        <f>IF(Input!$K$13=2,J4580*Input!$J$13,0)+IF(Input!$K$14=2,K4580*Input!$J$14,0)+IF(Input!$K$15=2,L4580*Input!$J$15,0)+IF(Input!$K$16=2,M4580*Input!$J$16,0)</f>
        <v>0.4484084891742941</v>
      </c>
      <c r="P4580" s="58">
        <f>IF(Input!$K$13=3,J4580*Input!$J$13,0)+IF(Input!$K$14=3,K4580*Input!$J$14,0)+IF(Input!$K$15=3,L4580*Input!$J$15,0)+IF(Input!$K$16=3,M4580*Input!$J$16,0)</f>
        <v>0</v>
      </c>
      <c r="Q4580" s="71">
        <f>IF(Input!$K$13=4,J4580*Input!$J$13,0)+IF(Input!$K$14=4,K4580*Input!$J$14,0)+IF(Input!$K$15=4,L4580*Input!$J$15,0)+IF(Input!$K$16=4,M4580*Input!$J$16,0)</f>
        <v>0</v>
      </c>
    </row>
    <row r="4581" spans="8:17" x14ac:dyDescent="0.25">
      <c r="H4581" s="43">
        <v>4574</v>
      </c>
      <c r="I4581" s="55">
        <f>Bühler!I4607</f>
        <v>0</v>
      </c>
      <c r="J4581" s="58">
        <f>Bühler!J4607</f>
        <v>24.661723013187292</v>
      </c>
      <c r="K4581" s="58">
        <f>Bühler!K4607</f>
        <v>2.2143629095026873</v>
      </c>
      <c r="L4581" s="58">
        <f>Bühler!L4607</f>
        <v>1.1071814547513437</v>
      </c>
      <c r="M4581" s="57">
        <f>Bühler!M4607</f>
        <v>0</v>
      </c>
      <c r="N4581" s="55">
        <f>IF(Input!$K$13=1,J4581*Input!$J$13,0)+IF(Input!$K$14=1,K4581*Input!$J$14,0)+IF(Input!$K$15=1,L4581*Input!$J$15,0)+IF(Input!$K$16=1,M4581*Input!$J$16,0)</f>
        <v>2.9594067615824748</v>
      </c>
      <c r="O4581" s="58">
        <f>IF(Input!$K$13=2,J4581*Input!$J$13,0)+IF(Input!$K$14=2,K4581*Input!$J$14,0)+IF(Input!$K$15=2,L4581*Input!$J$15,0)+IF(Input!$K$16=2,M4581*Input!$J$16,0)</f>
        <v>0.29893899278286279</v>
      </c>
      <c r="P4581" s="58">
        <f>IF(Input!$K$13=3,J4581*Input!$J$13,0)+IF(Input!$K$14=3,K4581*Input!$J$14,0)+IF(Input!$K$15=3,L4581*Input!$J$15,0)+IF(Input!$K$16=3,M4581*Input!$J$16,0)</f>
        <v>0</v>
      </c>
      <c r="Q4581" s="71">
        <f>IF(Input!$K$13=4,J4581*Input!$J$13,0)+IF(Input!$K$14=4,K4581*Input!$J$14,0)+IF(Input!$K$15=4,L4581*Input!$J$15,0)+IF(Input!$K$16=4,M4581*Input!$J$16,0)</f>
        <v>0</v>
      </c>
    </row>
    <row r="4582" spans="8:17" x14ac:dyDescent="0.25">
      <c r="H4582" s="43">
        <v>4575</v>
      </c>
      <c r="I4582" s="55">
        <f>Bühler!I4608</f>
        <v>0</v>
      </c>
      <c r="J4582" s="58">
        <f>Bühler!J4608</f>
        <v>36.992584519780934</v>
      </c>
      <c r="K4582" s="58">
        <f>Bühler!K4608</f>
        <v>3.3215443642540303</v>
      </c>
      <c r="L4582" s="58">
        <f>Bühler!L4608</f>
        <v>1.6607721821270152</v>
      </c>
      <c r="M4582" s="57">
        <f>Bühler!M4608</f>
        <v>0</v>
      </c>
      <c r="N4582" s="55">
        <f>IF(Input!$K$13=1,J4582*Input!$J$13,0)+IF(Input!$K$14=1,K4582*Input!$J$14,0)+IF(Input!$K$15=1,L4582*Input!$J$15,0)+IF(Input!$K$16=1,M4582*Input!$J$16,0)</f>
        <v>4.4391101423737123</v>
      </c>
      <c r="O4582" s="58">
        <f>IF(Input!$K$13=2,J4582*Input!$J$13,0)+IF(Input!$K$14=2,K4582*Input!$J$14,0)+IF(Input!$K$15=2,L4582*Input!$J$15,0)+IF(Input!$K$16=2,M4582*Input!$J$16,0)</f>
        <v>0.4484084891742941</v>
      </c>
      <c r="P4582" s="58">
        <f>IF(Input!$K$13=3,J4582*Input!$J$13,0)+IF(Input!$K$14=3,K4582*Input!$J$14,0)+IF(Input!$K$15=3,L4582*Input!$J$15,0)+IF(Input!$K$16=3,M4582*Input!$J$16,0)</f>
        <v>0</v>
      </c>
      <c r="Q4582" s="71">
        <f>IF(Input!$K$13=4,J4582*Input!$J$13,0)+IF(Input!$K$14=4,K4582*Input!$J$14,0)+IF(Input!$K$15=4,L4582*Input!$J$15,0)+IF(Input!$K$16=4,M4582*Input!$J$16,0)</f>
        <v>0</v>
      </c>
    </row>
    <row r="4583" spans="8:17" x14ac:dyDescent="0.25">
      <c r="H4583" s="43">
        <v>4576</v>
      </c>
      <c r="I4583" s="55">
        <f>Bühler!I4609</f>
        <v>0</v>
      </c>
      <c r="J4583" s="58">
        <f>Bühler!J4609</f>
        <v>36.992584519780934</v>
      </c>
      <c r="K4583" s="58">
        <f>Bühler!K4609</f>
        <v>3.3215443642540303</v>
      </c>
      <c r="L4583" s="58">
        <f>Bühler!L4609</f>
        <v>1.6607721821270152</v>
      </c>
      <c r="M4583" s="57">
        <f>Bühler!M4609</f>
        <v>0</v>
      </c>
      <c r="N4583" s="55">
        <f>IF(Input!$K$13=1,J4583*Input!$J$13,0)+IF(Input!$K$14=1,K4583*Input!$J$14,0)+IF(Input!$K$15=1,L4583*Input!$J$15,0)+IF(Input!$K$16=1,M4583*Input!$J$16,0)</f>
        <v>4.4391101423737123</v>
      </c>
      <c r="O4583" s="58">
        <f>IF(Input!$K$13=2,J4583*Input!$J$13,0)+IF(Input!$K$14=2,K4583*Input!$J$14,0)+IF(Input!$K$15=2,L4583*Input!$J$15,0)+IF(Input!$K$16=2,M4583*Input!$J$16,0)</f>
        <v>0.4484084891742941</v>
      </c>
      <c r="P4583" s="58">
        <f>IF(Input!$K$13=3,J4583*Input!$J$13,0)+IF(Input!$K$14=3,K4583*Input!$J$14,0)+IF(Input!$K$15=3,L4583*Input!$J$15,0)+IF(Input!$K$16=3,M4583*Input!$J$16,0)</f>
        <v>0</v>
      </c>
      <c r="Q4583" s="71">
        <f>IF(Input!$K$13=4,J4583*Input!$J$13,0)+IF(Input!$K$14=4,K4583*Input!$J$14,0)+IF(Input!$K$15=4,L4583*Input!$J$15,0)+IF(Input!$K$16=4,M4583*Input!$J$16,0)</f>
        <v>0</v>
      </c>
    </row>
    <row r="4584" spans="8:17" x14ac:dyDescent="0.25">
      <c r="H4584" s="43">
        <v>4577</v>
      </c>
      <c r="I4584" s="55">
        <f>Bühler!I4610</f>
        <v>0</v>
      </c>
      <c r="J4584" s="58">
        <f>Bühler!J4610</f>
        <v>21.579007636538879</v>
      </c>
      <c r="K4584" s="58">
        <f>Bühler!K4610</f>
        <v>1.9375675458148511</v>
      </c>
      <c r="L4584" s="58">
        <f>Bühler!L4610</f>
        <v>0.96878377290742557</v>
      </c>
      <c r="M4584" s="57">
        <f>Bühler!M4610</f>
        <v>0</v>
      </c>
      <c r="N4584" s="55">
        <f>IF(Input!$K$13=1,J4584*Input!$J$13,0)+IF(Input!$K$14=1,K4584*Input!$J$14,0)+IF(Input!$K$15=1,L4584*Input!$J$15,0)+IF(Input!$K$16=1,M4584*Input!$J$16,0)</f>
        <v>2.5894809163846655</v>
      </c>
      <c r="O4584" s="58">
        <f>IF(Input!$K$13=2,J4584*Input!$J$13,0)+IF(Input!$K$14=2,K4584*Input!$J$14,0)+IF(Input!$K$15=2,L4584*Input!$J$15,0)+IF(Input!$K$16=2,M4584*Input!$J$16,0)</f>
        <v>0.26157161868500489</v>
      </c>
      <c r="P4584" s="58">
        <f>IF(Input!$K$13=3,J4584*Input!$J$13,0)+IF(Input!$K$14=3,K4584*Input!$J$14,0)+IF(Input!$K$15=3,L4584*Input!$J$15,0)+IF(Input!$K$16=3,M4584*Input!$J$16,0)</f>
        <v>0</v>
      </c>
      <c r="Q4584" s="71">
        <f>IF(Input!$K$13=4,J4584*Input!$J$13,0)+IF(Input!$K$14=4,K4584*Input!$J$14,0)+IF(Input!$K$15=4,L4584*Input!$J$15,0)+IF(Input!$K$16=4,M4584*Input!$J$16,0)</f>
        <v>0</v>
      </c>
    </row>
    <row r="4585" spans="8:17" x14ac:dyDescent="0.25">
      <c r="H4585" s="43">
        <v>4578</v>
      </c>
      <c r="I4585" s="55">
        <f>Bühler!I4611</f>
        <v>0</v>
      </c>
      <c r="J4585" s="58">
        <f>Bühler!J4611</f>
        <v>6.1654307532968229</v>
      </c>
      <c r="K4585" s="58">
        <f>Bühler!K4611</f>
        <v>0.55359072737567183</v>
      </c>
      <c r="L4585" s="58">
        <f>Bühler!L4611</f>
        <v>0.27679536368783592</v>
      </c>
      <c r="M4585" s="57">
        <f>Bühler!M4611</f>
        <v>0</v>
      </c>
      <c r="N4585" s="55">
        <f>IF(Input!$K$13=1,J4585*Input!$J$13,0)+IF(Input!$K$14=1,K4585*Input!$J$14,0)+IF(Input!$K$15=1,L4585*Input!$J$15,0)+IF(Input!$K$16=1,M4585*Input!$J$16,0)</f>
        <v>0.73985169039561871</v>
      </c>
      <c r="O4585" s="58">
        <f>IF(Input!$K$13=2,J4585*Input!$J$13,0)+IF(Input!$K$14=2,K4585*Input!$J$14,0)+IF(Input!$K$15=2,L4585*Input!$J$15,0)+IF(Input!$K$16=2,M4585*Input!$J$16,0)</f>
        <v>7.4734748195715697E-2</v>
      </c>
      <c r="P4585" s="58">
        <f>IF(Input!$K$13=3,J4585*Input!$J$13,0)+IF(Input!$K$14=3,K4585*Input!$J$14,0)+IF(Input!$K$15=3,L4585*Input!$J$15,0)+IF(Input!$K$16=3,M4585*Input!$J$16,0)</f>
        <v>0</v>
      </c>
      <c r="Q4585" s="71">
        <f>IF(Input!$K$13=4,J4585*Input!$J$13,0)+IF(Input!$K$14=4,K4585*Input!$J$14,0)+IF(Input!$K$15=4,L4585*Input!$J$15,0)+IF(Input!$K$16=4,M4585*Input!$J$16,0)</f>
        <v>0</v>
      </c>
    </row>
    <row r="4586" spans="8:17" x14ac:dyDescent="0.25">
      <c r="H4586" s="43">
        <v>4579</v>
      </c>
      <c r="I4586" s="55">
        <f>Bühler!I4612</f>
        <v>0</v>
      </c>
      <c r="J4586" s="58">
        <f>Bühler!J4612</f>
        <v>6.0785937004334887</v>
      </c>
      <c r="K4586" s="58">
        <f>Bühler!K4612</f>
        <v>0.54579367487742292</v>
      </c>
      <c r="L4586" s="58">
        <f>Bühler!L4612</f>
        <v>0.27289683743871146</v>
      </c>
      <c r="M4586" s="57">
        <f>Bühler!M4612</f>
        <v>0</v>
      </c>
      <c r="N4586" s="55">
        <f>IF(Input!$K$13=1,J4586*Input!$J$13,0)+IF(Input!$K$14=1,K4586*Input!$J$14,0)+IF(Input!$K$15=1,L4586*Input!$J$15,0)+IF(Input!$K$16=1,M4586*Input!$J$16,0)</f>
        <v>0.72943124405201865</v>
      </c>
      <c r="O4586" s="58">
        <f>IF(Input!$K$13=2,J4586*Input!$J$13,0)+IF(Input!$K$14=2,K4586*Input!$J$14,0)+IF(Input!$K$15=2,L4586*Input!$J$15,0)+IF(Input!$K$16=2,M4586*Input!$J$16,0)</f>
        <v>7.3682146108452085E-2</v>
      </c>
      <c r="P4586" s="58">
        <f>IF(Input!$K$13=3,J4586*Input!$J$13,0)+IF(Input!$K$14=3,K4586*Input!$J$14,0)+IF(Input!$K$15=3,L4586*Input!$J$15,0)+IF(Input!$K$16=3,M4586*Input!$J$16,0)</f>
        <v>0</v>
      </c>
      <c r="Q4586" s="71">
        <f>IF(Input!$K$13=4,J4586*Input!$J$13,0)+IF(Input!$K$14=4,K4586*Input!$J$14,0)+IF(Input!$K$15=4,L4586*Input!$J$15,0)+IF(Input!$K$16=4,M4586*Input!$J$16,0)</f>
        <v>0</v>
      </c>
    </row>
    <row r="4587" spans="8:17" x14ac:dyDescent="0.25">
      <c r="H4587" s="43">
        <v>4580</v>
      </c>
      <c r="I4587" s="55">
        <f>Bühler!I4613</f>
        <v>0</v>
      </c>
      <c r="J4587" s="58">
        <f>Bühler!J4613</f>
        <v>6.0785937004334887</v>
      </c>
      <c r="K4587" s="58">
        <f>Bühler!K4613</f>
        <v>0.54579367487742292</v>
      </c>
      <c r="L4587" s="58">
        <f>Bühler!L4613</f>
        <v>0.27289683743871146</v>
      </c>
      <c r="M4587" s="57">
        <f>Bühler!M4613</f>
        <v>0</v>
      </c>
      <c r="N4587" s="55">
        <f>IF(Input!$K$13=1,J4587*Input!$J$13,0)+IF(Input!$K$14=1,K4587*Input!$J$14,0)+IF(Input!$K$15=1,L4587*Input!$J$15,0)+IF(Input!$K$16=1,M4587*Input!$J$16,0)</f>
        <v>0.72943124405201865</v>
      </c>
      <c r="O4587" s="58">
        <f>IF(Input!$K$13=2,J4587*Input!$J$13,0)+IF(Input!$K$14=2,K4587*Input!$J$14,0)+IF(Input!$K$15=2,L4587*Input!$J$15,0)+IF(Input!$K$16=2,M4587*Input!$J$16,0)</f>
        <v>7.3682146108452085E-2</v>
      </c>
      <c r="P4587" s="58">
        <f>IF(Input!$K$13=3,J4587*Input!$J$13,0)+IF(Input!$K$14=3,K4587*Input!$J$14,0)+IF(Input!$K$15=3,L4587*Input!$J$15,0)+IF(Input!$K$16=3,M4587*Input!$J$16,0)</f>
        <v>0</v>
      </c>
      <c r="Q4587" s="71">
        <f>IF(Input!$K$13=4,J4587*Input!$J$13,0)+IF(Input!$K$14=4,K4587*Input!$J$14,0)+IF(Input!$K$15=4,L4587*Input!$J$15,0)+IF(Input!$K$16=4,M4587*Input!$J$16,0)</f>
        <v>0</v>
      </c>
    </row>
    <row r="4588" spans="8:17" x14ac:dyDescent="0.25">
      <c r="H4588" s="43">
        <v>4581</v>
      </c>
      <c r="I4588" s="55">
        <f>Bühler!I4614</f>
        <v>0</v>
      </c>
      <c r="J4588" s="58">
        <f>Bühler!J4614</f>
        <v>6.0785937004334887</v>
      </c>
      <c r="K4588" s="58">
        <f>Bühler!K4614</f>
        <v>0.54579367487742292</v>
      </c>
      <c r="L4588" s="58">
        <f>Bühler!L4614</f>
        <v>0.27289683743871146</v>
      </c>
      <c r="M4588" s="57">
        <f>Bühler!M4614</f>
        <v>0</v>
      </c>
      <c r="N4588" s="55">
        <f>IF(Input!$K$13=1,J4588*Input!$J$13,0)+IF(Input!$K$14=1,K4588*Input!$J$14,0)+IF(Input!$K$15=1,L4588*Input!$J$15,0)+IF(Input!$K$16=1,M4588*Input!$J$16,0)</f>
        <v>0.72943124405201865</v>
      </c>
      <c r="O4588" s="58">
        <f>IF(Input!$K$13=2,J4588*Input!$J$13,0)+IF(Input!$K$14=2,K4588*Input!$J$14,0)+IF(Input!$K$15=2,L4588*Input!$J$15,0)+IF(Input!$K$16=2,M4588*Input!$J$16,0)</f>
        <v>7.3682146108452085E-2</v>
      </c>
      <c r="P4588" s="58">
        <f>IF(Input!$K$13=3,J4588*Input!$J$13,0)+IF(Input!$K$14=3,K4588*Input!$J$14,0)+IF(Input!$K$15=3,L4588*Input!$J$15,0)+IF(Input!$K$16=3,M4588*Input!$J$16,0)</f>
        <v>0</v>
      </c>
      <c r="Q4588" s="71">
        <f>IF(Input!$K$13=4,J4588*Input!$J$13,0)+IF(Input!$K$14=4,K4588*Input!$J$14,0)+IF(Input!$K$15=4,L4588*Input!$J$15,0)+IF(Input!$K$16=4,M4588*Input!$J$16,0)</f>
        <v>0</v>
      </c>
    </row>
    <row r="4589" spans="8:17" x14ac:dyDescent="0.25">
      <c r="H4589" s="43">
        <v>4582</v>
      </c>
      <c r="I4589" s="55">
        <f>Bühler!I4615</f>
        <v>0</v>
      </c>
      <c r="J4589" s="58">
        <f>Bühler!J4615</f>
        <v>6.0785937004334887</v>
      </c>
      <c r="K4589" s="58">
        <f>Bühler!K4615</f>
        <v>0.54579367487742292</v>
      </c>
      <c r="L4589" s="58">
        <f>Bühler!L4615</f>
        <v>0.27289683743871146</v>
      </c>
      <c r="M4589" s="57">
        <f>Bühler!M4615</f>
        <v>0</v>
      </c>
      <c r="N4589" s="55">
        <f>IF(Input!$K$13=1,J4589*Input!$J$13,0)+IF(Input!$K$14=1,K4589*Input!$J$14,0)+IF(Input!$K$15=1,L4589*Input!$J$15,0)+IF(Input!$K$16=1,M4589*Input!$J$16,0)</f>
        <v>0.72943124405201865</v>
      </c>
      <c r="O4589" s="58">
        <f>IF(Input!$K$13=2,J4589*Input!$J$13,0)+IF(Input!$K$14=2,K4589*Input!$J$14,0)+IF(Input!$K$15=2,L4589*Input!$J$15,0)+IF(Input!$K$16=2,M4589*Input!$J$16,0)</f>
        <v>7.3682146108452085E-2</v>
      </c>
      <c r="P4589" s="58">
        <f>IF(Input!$K$13=3,J4589*Input!$J$13,0)+IF(Input!$K$14=3,K4589*Input!$J$14,0)+IF(Input!$K$15=3,L4589*Input!$J$15,0)+IF(Input!$K$16=3,M4589*Input!$J$16,0)</f>
        <v>0</v>
      </c>
      <c r="Q4589" s="71">
        <f>IF(Input!$K$13=4,J4589*Input!$J$13,0)+IF(Input!$K$14=4,K4589*Input!$J$14,0)+IF(Input!$K$15=4,L4589*Input!$J$15,0)+IF(Input!$K$16=4,M4589*Input!$J$16,0)</f>
        <v>0</v>
      </c>
    </row>
    <row r="4590" spans="8:17" x14ac:dyDescent="0.25">
      <c r="H4590" s="43">
        <v>4583</v>
      </c>
      <c r="I4590" s="55">
        <f>Bühler!I4616</f>
        <v>0</v>
      </c>
      <c r="J4590" s="58">
        <f>Bühler!J4616</f>
        <v>6.0785937004334887</v>
      </c>
      <c r="K4590" s="58">
        <f>Bühler!K4616</f>
        <v>0.54579367487742292</v>
      </c>
      <c r="L4590" s="58">
        <f>Bühler!L4616</f>
        <v>0.27289683743871146</v>
      </c>
      <c r="M4590" s="57">
        <f>Bühler!M4616</f>
        <v>0</v>
      </c>
      <c r="N4590" s="55">
        <f>IF(Input!$K$13=1,J4590*Input!$J$13,0)+IF(Input!$K$14=1,K4590*Input!$J$14,0)+IF(Input!$K$15=1,L4590*Input!$J$15,0)+IF(Input!$K$16=1,M4590*Input!$J$16,0)</f>
        <v>0.72943124405201865</v>
      </c>
      <c r="O4590" s="58">
        <f>IF(Input!$K$13=2,J4590*Input!$J$13,0)+IF(Input!$K$14=2,K4590*Input!$J$14,0)+IF(Input!$K$15=2,L4590*Input!$J$15,0)+IF(Input!$K$16=2,M4590*Input!$J$16,0)</f>
        <v>7.3682146108452085E-2</v>
      </c>
      <c r="P4590" s="58">
        <f>IF(Input!$K$13=3,J4590*Input!$J$13,0)+IF(Input!$K$14=3,K4590*Input!$J$14,0)+IF(Input!$K$15=3,L4590*Input!$J$15,0)+IF(Input!$K$16=3,M4590*Input!$J$16,0)</f>
        <v>0</v>
      </c>
      <c r="Q4590" s="71">
        <f>IF(Input!$K$13=4,J4590*Input!$J$13,0)+IF(Input!$K$14=4,K4590*Input!$J$14,0)+IF(Input!$K$15=4,L4590*Input!$J$15,0)+IF(Input!$K$16=4,M4590*Input!$J$16,0)</f>
        <v>0</v>
      </c>
    </row>
    <row r="4591" spans="8:17" x14ac:dyDescent="0.25">
      <c r="H4591" s="43">
        <v>4584</v>
      </c>
      <c r="I4591" s="55">
        <f>Bühler!I4617</f>
        <v>0</v>
      </c>
      <c r="J4591" s="58">
        <f>Bühler!J4617</f>
        <v>6.0785937004334887</v>
      </c>
      <c r="K4591" s="58">
        <f>Bühler!K4617</f>
        <v>0.54579367487742292</v>
      </c>
      <c r="L4591" s="58">
        <f>Bühler!L4617</f>
        <v>0.27289683743871146</v>
      </c>
      <c r="M4591" s="57">
        <f>Bühler!M4617</f>
        <v>0</v>
      </c>
      <c r="N4591" s="55">
        <f>IF(Input!$K$13=1,J4591*Input!$J$13,0)+IF(Input!$K$14=1,K4591*Input!$J$14,0)+IF(Input!$K$15=1,L4591*Input!$J$15,0)+IF(Input!$K$16=1,M4591*Input!$J$16,0)</f>
        <v>0.72943124405201865</v>
      </c>
      <c r="O4591" s="58">
        <f>IF(Input!$K$13=2,J4591*Input!$J$13,0)+IF(Input!$K$14=2,K4591*Input!$J$14,0)+IF(Input!$K$15=2,L4591*Input!$J$15,0)+IF(Input!$K$16=2,M4591*Input!$J$16,0)</f>
        <v>7.3682146108452085E-2</v>
      </c>
      <c r="P4591" s="58">
        <f>IF(Input!$K$13=3,J4591*Input!$J$13,0)+IF(Input!$K$14=3,K4591*Input!$J$14,0)+IF(Input!$K$15=3,L4591*Input!$J$15,0)+IF(Input!$K$16=3,M4591*Input!$J$16,0)</f>
        <v>0</v>
      </c>
      <c r="Q4591" s="71">
        <f>IF(Input!$K$13=4,J4591*Input!$J$13,0)+IF(Input!$K$14=4,K4591*Input!$J$14,0)+IF(Input!$K$15=4,L4591*Input!$J$15,0)+IF(Input!$K$16=4,M4591*Input!$J$16,0)</f>
        <v>0</v>
      </c>
    </row>
    <row r="4592" spans="8:17" x14ac:dyDescent="0.25">
      <c r="H4592" s="43">
        <v>4585</v>
      </c>
      <c r="I4592" s="55">
        <f>Bühler!I4618</f>
        <v>0</v>
      </c>
      <c r="J4592" s="58">
        <f>Bühler!J4618</f>
        <v>3.9009237684298581</v>
      </c>
      <c r="K4592" s="58">
        <f>Bühler!K4618</f>
        <v>0.34878930503578287</v>
      </c>
      <c r="L4592" s="58">
        <f>Bühler!L4618</f>
        <v>0.17439465251789144</v>
      </c>
      <c r="M4592" s="57">
        <f>Bühler!M4618</f>
        <v>0</v>
      </c>
      <c r="N4592" s="55">
        <f>IF(Input!$K$13=1,J4592*Input!$J$13,0)+IF(Input!$K$14=1,K4592*Input!$J$14,0)+IF(Input!$K$15=1,L4592*Input!$J$15,0)+IF(Input!$K$16=1,M4592*Input!$J$16,0)</f>
        <v>0.46811085221158294</v>
      </c>
      <c r="O4592" s="58">
        <f>IF(Input!$K$13=2,J4592*Input!$J$13,0)+IF(Input!$K$14=2,K4592*Input!$J$14,0)+IF(Input!$K$15=2,L4592*Input!$J$15,0)+IF(Input!$K$16=2,M4592*Input!$J$16,0)</f>
        <v>4.7086556179830687E-2</v>
      </c>
      <c r="P4592" s="58">
        <f>IF(Input!$K$13=3,J4592*Input!$J$13,0)+IF(Input!$K$14=3,K4592*Input!$J$14,0)+IF(Input!$K$15=3,L4592*Input!$J$15,0)+IF(Input!$K$16=3,M4592*Input!$J$16,0)</f>
        <v>0</v>
      </c>
      <c r="Q4592" s="71">
        <f>IF(Input!$K$13=4,J4592*Input!$J$13,0)+IF(Input!$K$14=4,K4592*Input!$J$14,0)+IF(Input!$K$15=4,L4592*Input!$J$15,0)+IF(Input!$K$16=4,M4592*Input!$J$16,0)</f>
        <v>0</v>
      </c>
    </row>
    <row r="4593" spans="8:17" x14ac:dyDescent="0.25">
      <c r="H4593" s="43">
        <v>4586</v>
      </c>
      <c r="I4593" s="55">
        <f>Bühler!I4619</f>
        <v>0</v>
      </c>
      <c r="J4593" s="58">
        <f>Bühler!J4619</f>
        <v>5.9442647899883561</v>
      </c>
      <c r="K4593" s="58">
        <f>Bühler!K4619</f>
        <v>0.53148846481643108</v>
      </c>
      <c r="L4593" s="58">
        <f>Bühler!L4619</f>
        <v>0.26574423240821554</v>
      </c>
      <c r="M4593" s="57">
        <f>Bühler!M4619</f>
        <v>0</v>
      </c>
      <c r="N4593" s="55">
        <f>IF(Input!$K$13=1,J4593*Input!$J$13,0)+IF(Input!$K$14=1,K4593*Input!$J$14,0)+IF(Input!$K$15=1,L4593*Input!$J$15,0)+IF(Input!$K$16=1,M4593*Input!$J$16,0)</f>
        <v>0.71331177479860275</v>
      </c>
      <c r="O4593" s="58">
        <f>IF(Input!$K$13=2,J4593*Input!$J$13,0)+IF(Input!$K$14=2,K4593*Input!$J$14,0)+IF(Input!$K$15=2,L4593*Input!$J$15,0)+IF(Input!$K$16=2,M4593*Input!$J$16,0)</f>
        <v>7.1750942750218191E-2</v>
      </c>
      <c r="P4593" s="58">
        <f>IF(Input!$K$13=3,J4593*Input!$J$13,0)+IF(Input!$K$14=3,K4593*Input!$J$14,0)+IF(Input!$K$15=3,L4593*Input!$J$15,0)+IF(Input!$K$16=3,M4593*Input!$J$16,0)</f>
        <v>0</v>
      </c>
      <c r="Q4593" s="71">
        <f>IF(Input!$K$13=4,J4593*Input!$J$13,0)+IF(Input!$K$14=4,K4593*Input!$J$14,0)+IF(Input!$K$15=4,L4593*Input!$J$15,0)+IF(Input!$K$16=4,M4593*Input!$J$16,0)</f>
        <v>0</v>
      </c>
    </row>
    <row r="4594" spans="8:17" x14ac:dyDescent="0.25">
      <c r="H4594" s="43">
        <v>4587</v>
      </c>
      <c r="I4594" s="55">
        <f>Bühler!I4620</f>
        <v>0</v>
      </c>
      <c r="J4594" s="58">
        <f>Bühler!J4620</f>
        <v>5.9442647899883561</v>
      </c>
      <c r="K4594" s="58">
        <f>Bühler!K4620</f>
        <v>0.53148846481643108</v>
      </c>
      <c r="L4594" s="58">
        <f>Bühler!L4620</f>
        <v>0.26574423240821554</v>
      </c>
      <c r="M4594" s="57">
        <f>Bühler!M4620</f>
        <v>0</v>
      </c>
      <c r="N4594" s="55">
        <f>IF(Input!$K$13=1,J4594*Input!$J$13,0)+IF(Input!$K$14=1,K4594*Input!$J$14,0)+IF(Input!$K$15=1,L4594*Input!$J$15,0)+IF(Input!$K$16=1,M4594*Input!$J$16,0)</f>
        <v>0.71331177479860275</v>
      </c>
      <c r="O4594" s="58">
        <f>IF(Input!$K$13=2,J4594*Input!$J$13,0)+IF(Input!$K$14=2,K4594*Input!$J$14,0)+IF(Input!$K$15=2,L4594*Input!$J$15,0)+IF(Input!$K$16=2,M4594*Input!$J$16,0)</f>
        <v>7.1750942750218191E-2</v>
      </c>
      <c r="P4594" s="58">
        <f>IF(Input!$K$13=3,J4594*Input!$J$13,0)+IF(Input!$K$14=3,K4594*Input!$J$14,0)+IF(Input!$K$15=3,L4594*Input!$J$15,0)+IF(Input!$K$16=3,M4594*Input!$J$16,0)</f>
        <v>0</v>
      </c>
      <c r="Q4594" s="71">
        <f>IF(Input!$K$13=4,J4594*Input!$J$13,0)+IF(Input!$K$14=4,K4594*Input!$J$14,0)+IF(Input!$K$15=4,L4594*Input!$J$15,0)+IF(Input!$K$16=4,M4594*Input!$J$16,0)</f>
        <v>0</v>
      </c>
    </row>
    <row r="4595" spans="8:17" x14ac:dyDescent="0.25">
      <c r="H4595" s="43">
        <v>4588</v>
      </c>
      <c r="I4595" s="55">
        <f>Bühler!I4621</f>
        <v>0</v>
      </c>
      <c r="J4595" s="58">
        <f>Bühler!J4621</f>
        <v>5.9442647899883561</v>
      </c>
      <c r="K4595" s="58">
        <f>Bühler!K4621</f>
        <v>0.53148846481643108</v>
      </c>
      <c r="L4595" s="58">
        <f>Bühler!L4621</f>
        <v>0.26574423240821554</v>
      </c>
      <c r="M4595" s="57">
        <f>Bühler!M4621</f>
        <v>0</v>
      </c>
      <c r="N4595" s="55">
        <f>IF(Input!$K$13=1,J4595*Input!$J$13,0)+IF(Input!$K$14=1,K4595*Input!$J$14,0)+IF(Input!$K$15=1,L4595*Input!$J$15,0)+IF(Input!$K$16=1,M4595*Input!$J$16,0)</f>
        <v>0.71331177479860275</v>
      </c>
      <c r="O4595" s="58">
        <f>IF(Input!$K$13=2,J4595*Input!$J$13,0)+IF(Input!$K$14=2,K4595*Input!$J$14,0)+IF(Input!$K$15=2,L4595*Input!$J$15,0)+IF(Input!$K$16=2,M4595*Input!$J$16,0)</f>
        <v>7.1750942750218191E-2</v>
      </c>
      <c r="P4595" s="58">
        <f>IF(Input!$K$13=3,J4595*Input!$J$13,0)+IF(Input!$K$14=3,K4595*Input!$J$14,0)+IF(Input!$K$15=3,L4595*Input!$J$15,0)+IF(Input!$K$16=3,M4595*Input!$J$16,0)</f>
        <v>0</v>
      </c>
      <c r="Q4595" s="71">
        <f>IF(Input!$K$13=4,J4595*Input!$J$13,0)+IF(Input!$K$14=4,K4595*Input!$J$14,0)+IF(Input!$K$15=4,L4595*Input!$J$15,0)+IF(Input!$K$16=4,M4595*Input!$J$16,0)</f>
        <v>0</v>
      </c>
    </row>
    <row r="4596" spans="8:17" x14ac:dyDescent="0.25">
      <c r="H4596" s="43">
        <v>4589</v>
      </c>
      <c r="I4596" s="55">
        <f>Bühler!I4622</f>
        <v>0</v>
      </c>
      <c r="J4596" s="58">
        <f>Bühler!J4622</f>
        <v>5.9442647899883561</v>
      </c>
      <c r="K4596" s="58">
        <f>Bühler!K4622</f>
        <v>0.53148846481643108</v>
      </c>
      <c r="L4596" s="58">
        <f>Bühler!L4622</f>
        <v>0.26574423240821554</v>
      </c>
      <c r="M4596" s="57">
        <f>Bühler!M4622</f>
        <v>0</v>
      </c>
      <c r="N4596" s="55">
        <f>IF(Input!$K$13=1,J4596*Input!$J$13,0)+IF(Input!$K$14=1,K4596*Input!$J$14,0)+IF(Input!$K$15=1,L4596*Input!$J$15,0)+IF(Input!$K$16=1,M4596*Input!$J$16,0)</f>
        <v>0.71331177479860275</v>
      </c>
      <c r="O4596" s="58">
        <f>IF(Input!$K$13=2,J4596*Input!$J$13,0)+IF(Input!$K$14=2,K4596*Input!$J$14,0)+IF(Input!$K$15=2,L4596*Input!$J$15,0)+IF(Input!$K$16=2,M4596*Input!$J$16,0)</f>
        <v>7.1750942750218191E-2</v>
      </c>
      <c r="P4596" s="58">
        <f>IF(Input!$K$13=3,J4596*Input!$J$13,0)+IF(Input!$K$14=3,K4596*Input!$J$14,0)+IF(Input!$K$15=3,L4596*Input!$J$15,0)+IF(Input!$K$16=3,M4596*Input!$J$16,0)</f>
        <v>0</v>
      </c>
      <c r="Q4596" s="71">
        <f>IF(Input!$K$13=4,J4596*Input!$J$13,0)+IF(Input!$K$14=4,K4596*Input!$J$14,0)+IF(Input!$K$15=4,L4596*Input!$J$15,0)+IF(Input!$K$16=4,M4596*Input!$J$16,0)</f>
        <v>0</v>
      </c>
    </row>
    <row r="4597" spans="8:17" x14ac:dyDescent="0.25">
      <c r="H4597" s="43">
        <v>4590</v>
      </c>
      <c r="I4597" s="55">
        <f>Bühler!I4623</f>
        <v>0</v>
      </c>
      <c r="J4597" s="58">
        <f>Bühler!J4623</f>
        <v>5.9442647899883561</v>
      </c>
      <c r="K4597" s="58">
        <f>Bühler!K4623</f>
        <v>0.53148846481643108</v>
      </c>
      <c r="L4597" s="58">
        <f>Bühler!L4623</f>
        <v>0.26574423240821554</v>
      </c>
      <c r="M4597" s="57">
        <f>Bühler!M4623</f>
        <v>0</v>
      </c>
      <c r="N4597" s="55">
        <f>IF(Input!$K$13=1,J4597*Input!$J$13,0)+IF(Input!$K$14=1,K4597*Input!$J$14,0)+IF(Input!$K$15=1,L4597*Input!$J$15,0)+IF(Input!$K$16=1,M4597*Input!$J$16,0)</f>
        <v>0.71331177479860275</v>
      </c>
      <c r="O4597" s="58">
        <f>IF(Input!$K$13=2,J4597*Input!$J$13,0)+IF(Input!$K$14=2,K4597*Input!$J$14,0)+IF(Input!$K$15=2,L4597*Input!$J$15,0)+IF(Input!$K$16=2,M4597*Input!$J$16,0)</f>
        <v>7.1750942750218191E-2</v>
      </c>
      <c r="P4597" s="58">
        <f>IF(Input!$K$13=3,J4597*Input!$J$13,0)+IF(Input!$K$14=3,K4597*Input!$J$14,0)+IF(Input!$K$15=3,L4597*Input!$J$15,0)+IF(Input!$K$16=3,M4597*Input!$J$16,0)</f>
        <v>0</v>
      </c>
      <c r="Q4597" s="71">
        <f>IF(Input!$K$13=4,J4597*Input!$J$13,0)+IF(Input!$K$14=4,K4597*Input!$J$14,0)+IF(Input!$K$15=4,L4597*Input!$J$15,0)+IF(Input!$K$16=4,M4597*Input!$J$16,0)</f>
        <v>0</v>
      </c>
    </row>
    <row r="4598" spans="8:17" x14ac:dyDescent="0.25">
      <c r="H4598" s="43">
        <v>4591</v>
      </c>
      <c r="I4598" s="55">
        <f>Bühler!I4624</f>
        <v>0</v>
      </c>
      <c r="J4598" s="58">
        <f>Bühler!J4624</f>
        <v>5.9442647899883561</v>
      </c>
      <c r="K4598" s="58">
        <f>Bühler!K4624</f>
        <v>0.53148846481643108</v>
      </c>
      <c r="L4598" s="58">
        <f>Bühler!L4624</f>
        <v>0.26574423240821554</v>
      </c>
      <c r="M4598" s="57">
        <f>Bühler!M4624</f>
        <v>0</v>
      </c>
      <c r="N4598" s="55">
        <f>IF(Input!$K$13=1,J4598*Input!$J$13,0)+IF(Input!$K$14=1,K4598*Input!$J$14,0)+IF(Input!$K$15=1,L4598*Input!$J$15,0)+IF(Input!$K$16=1,M4598*Input!$J$16,0)</f>
        <v>0.71331177479860275</v>
      </c>
      <c r="O4598" s="58">
        <f>IF(Input!$K$13=2,J4598*Input!$J$13,0)+IF(Input!$K$14=2,K4598*Input!$J$14,0)+IF(Input!$K$15=2,L4598*Input!$J$15,0)+IF(Input!$K$16=2,M4598*Input!$J$16,0)</f>
        <v>7.1750942750218191E-2</v>
      </c>
      <c r="P4598" s="58">
        <f>IF(Input!$K$13=3,J4598*Input!$J$13,0)+IF(Input!$K$14=3,K4598*Input!$J$14,0)+IF(Input!$K$15=3,L4598*Input!$J$15,0)+IF(Input!$K$16=3,M4598*Input!$J$16,0)</f>
        <v>0</v>
      </c>
      <c r="Q4598" s="71">
        <f>IF(Input!$K$13=4,J4598*Input!$J$13,0)+IF(Input!$K$14=4,K4598*Input!$J$14,0)+IF(Input!$K$15=4,L4598*Input!$J$15,0)+IF(Input!$K$16=4,M4598*Input!$J$16,0)</f>
        <v>0</v>
      </c>
    </row>
    <row r="4599" spans="8:17" x14ac:dyDescent="0.25">
      <c r="H4599" s="43">
        <v>4592</v>
      </c>
      <c r="I4599" s="55">
        <f>Bühler!I4625</f>
        <v>0</v>
      </c>
      <c r="J4599" s="58">
        <f>Bühler!J4625</f>
        <v>25.058791255294658</v>
      </c>
      <c r="K4599" s="58">
        <f>Bühler!K4625</f>
        <v>2.2405560594917668</v>
      </c>
      <c r="L4599" s="58">
        <f>Bühler!L4625</f>
        <v>1.1202780297458834</v>
      </c>
      <c r="M4599" s="57">
        <f>Bühler!M4625</f>
        <v>0</v>
      </c>
      <c r="N4599" s="55">
        <f>IF(Input!$K$13=1,J4599*Input!$J$13,0)+IF(Input!$K$14=1,K4599*Input!$J$14,0)+IF(Input!$K$15=1,L4599*Input!$J$15,0)+IF(Input!$K$16=1,M4599*Input!$J$16,0)</f>
        <v>3.007054950635359</v>
      </c>
      <c r="O4599" s="58">
        <f>IF(Input!$K$13=2,J4599*Input!$J$13,0)+IF(Input!$K$14=2,K4599*Input!$J$14,0)+IF(Input!$K$15=2,L4599*Input!$J$15,0)+IF(Input!$K$16=2,M4599*Input!$J$16,0)</f>
        <v>0.30247506803138852</v>
      </c>
      <c r="P4599" s="58">
        <f>IF(Input!$K$13=3,J4599*Input!$J$13,0)+IF(Input!$K$14=3,K4599*Input!$J$14,0)+IF(Input!$K$15=3,L4599*Input!$J$15,0)+IF(Input!$K$16=3,M4599*Input!$J$16,0)</f>
        <v>0</v>
      </c>
      <c r="Q4599" s="71">
        <f>IF(Input!$K$13=4,J4599*Input!$J$13,0)+IF(Input!$K$14=4,K4599*Input!$J$14,0)+IF(Input!$K$15=4,L4599*Input!$J$15,0)+IF(Input!$K$16=4,M4599*Input!$J$16,0)</f>
        <v>0</v>
      </c>
    </row>
    <row r="4600" spans="8:17" x14ac:dyDescent="0.25">
      <c r="H4600" s="43">
        <v>4593</v>
      </c>
      <c r="I4600" s="55">
        <f>Bühler!I4626</f>
        <v>0</v>
      </c>
      <c r="J4600" s="58">
        <f>Bühler!J4626</f>
        <v>27.960335505907729</v>
      </c>
      <c r="K4600" s="58">
        <f>Bühler!K4626</f>
        <v>2.4999888663802876</v>
      </c>
      <c r="L4600" s="58">
        <f>Bühler!L4626</f>
        <v>1.2499944331901438</v>
      </c>
      <c r="M4600" s="57">
        <f>Bühler!M4626</f>
        <v>0</v>
      </c>
      <c r="N4600" s="55">
        <f>IF(Input!$K$13=1,J4600*Input!$J$13,0)+IF(Input!$K$14=1,K4600*Input!$J$14,0)+IF(Input!$K$15=1,L4600*Input!$J$15,0)+IF(Input!$K$16=1,M4600*Input!$J$16,0)</f>
        <v>3.3552402607089271</v>
      </c>
      <c r="O4600" s="58">
        <f>IF(Input!$K$13=2,J4600*Input!$J$13,0)+IF(Input!$K$14=2,K4600*Input!$J$14,0)+IF(Input!$K$15=2,L4600*Input!$J$15,0)+IF(Input!$K$16=2,M4600*Input!$J$16,0)</f>
        <v>0.33749849696133882</v>
      </c>
      <c r="P4600" s="58">
        <f>IF(Input!$K$13=3,J4600*Input!$J$13,0)+IF(Input!$K$14=3,K4600*Input!$J$14,0)+IF(Input!$K$15=3,L4600*Input!$J$15,0)+IF(Input!$K$16=3,M4600*Input!$J$16,0)</f>
        <v>0</v>
      </c>
      <c r="Q4600" s="71">
        <f>IF(Input!$K$13=4,J4600*Input!$J$13,0)+IF(Input!$K$14=4,K4600*Input!$J$14,0)+IF(Input!$K$15=4,L4600*Input!$J$15,0)+IF(Input!$K$16=4,M4600*Input!$J$16,0)</f>
        <v>0</v>
      </c>
    </row>
    <row r="4601" spans="8:17" x14ac:dyDescent="0.25">
      <c r="H4601" s="43">
        <v>4594</v>
      </c>
      <c r="I4601" s="55">
        <f>Bühler!I4627</f>
        <v>0</v>
      </c>
      <c r="J4601" s="58">
        <f>Bühler!J4627</f>
        <v>30.861879756520793</v>
      </c>
      <c r="K4601" s="58">
        <f>Bühler!K4627</f>
        <v>2.7594216732688079</v>
      </c>
      <c r="L4601" s="58">
        <f>Bühler!L4627</f>
        <v>1.379710836634404</v>
      </c>
      <c r="M4601" s="57">
        <f>Bühler!M4627</f>
        <v>0</v>
      </c>
      <c r="N4601" s="55">
        <f>IF(Input!$K$13=1,J4601*Input!$J$13,0)+IF(Input!$K$14=1,K4601*Input!$J$14,0)+IF(Input!$K$15=1,L4601*Input!$J$15,0)+IF(Input!$K$16=1,M4601*Input!$J$16,0)</f>
        <v>3.7034255707824948</v>
      </c>
      <c r="O4601" s="58">
        <f>IF(Input!$K$13=2,J4601*Input!$J$13,0)+IF(Input!$K$14=2,K4601*Input!$J$14,0)+IF(Input!$K$15=2,L4601*Input!$J$15,0)+IF(Input!$K$16=2,M4601*Input!$J$16,0)</f>
        <v>0.37252192589128907</v>
      </c>
      <c r="P4601" s="58">
        <f>IF(Input!$K$13=3,J4601*Input!$J$13,0)+IF(Input!$K$14=3,K4601*Input!$J$14,0)+IF(Input!$K$15=3,L4601*Input!$J$15,0)+IF(Input!$K$16=3,M4601*Input!$J$16,0)</f>
        <v>0</v>
      </c>
      <c r="Q4601" s="71">
        <f>IF(Input!$K$13=4,J4601*Input!$J$13,0)+IF(Input!$K$14=4,K4601*Input!$J$14,0)+IF(Input!$K$15=4,L4601*Input!$J$15,0)+IF(Input!$K$16=4,M4601*Input!$J$16,0)</f>
        <v>0</v>
      </c>
    </row>
    <row r="4602" spans="8:17" x14ac:dyDescent="0.25">
      <c r="H4602" s="43">
        <v>4595</v>
      </c>
      <c r="I4602" s="55">
        <f>Bühler!I4628</f>
        <v>0</v>
      </c>
      <c r="J4602" s="58">
        <f>Bühler!J4628</f>
        <v>30.861879756520793</v>
      </c>
      <c r="K4602" s="58">
        <f>Bühler!K4628</f>
        <v>2.7594216732688079</v>
      </c>
      <c r="L4602" s="58">
        <f>Bühler!L4628</f>
        <v>1.379710836634404</v>
      </c>
      <c r="M4602" s="57">
        <f>Bühler!M4628</f>
        <v>0</v>
      </c>
      <c r="N4602" s="55">
        <f>IF(Input!$K$13=1,J4602*Input!$J$13,0)+IF(Input!$K$14=1,K4602*Input!$J$14,0)+IF(Input!$K$15=1,L4602*Input!$J$15,0)+IF(Input!$K$16=1,M4602*Input!$J$16,0)</f>
        <v>3.7034255707824948</v>
      </c>
      <c r="O4602" s="58">
        <f>IF(Input!$K$13=2,J4602*Input!$J$13,0)+IF(Input!$K$14=2,K4602*Input!$J$14,0)+IF(Input!$K$15=2,L4602*Input!$J$15,0)+IF(Input!$K$16=2,M4602*Input!$J$16,0)</f>
        <v>0.37252192589128907</v>
      </c>
      <c r="P4602" s="58">
        <f>IF(Input!$K$13=3,J4602*Input!$J$13,0)+IF(Input!$K$14=3,K4602*Input!$J$14,0)+IF(Input!$K$15=3,L4602*Input!$J$15,0)+IF(Input!$K$16=3,M4602*Input!$J$16,0)</f>
        <v>0</v>
      </c>
      <c r="Q4602" s="71">
        <f>IF(Input!$K$13=4,J4602*Input!$J$13,0)+IF(Input!$K$14=4,K4602*Input!$J$14,0)+IF(Input!$K$15=4,L4602*Input!$J$15,0)+IF(Input!$K$16=4,M4602*Input!$J$16,0)</f>
        <v>0</v>
      </c>
    </row>
    <row r="4603" spans="8:17" x14ac:dyDescent="0.25">
      <c r="H4603" s="43">
        <v>4596</v>
      </c>
      <c r="I4603" s="55">
        <f>Bühler!I4629</f>
        <v>0</v>
      </c>
      <c r="J4603" s="58">
        <f>Bühler!J4629</f>
        <v>36.928745007802654</v>
      </c>
      <c r="K4603" s="58">
        <f>Bühler!K4629</f>
        <v>3.3018720876720771</v>
      </c>
      <c r="L4603" s="58">
        <f>Bühler!L4629</f>
        <v>1.6509360438360385</v>
      </c>
      <c r="M4603" s="57">
        <f>Bühler!M4629</f>
        <v>0</v>
      </c>
      <c r="N4603" s="55">
        <f>IF(Input!$K$13=1,J4603*Input!$J$13,0)+IF(Input!$K$14=1,K4603*Input!$J$14,0)+IF(Input!$K$15=1,L4603*Input!$J$15,0)+IF(Input!$K$16=1,M4603*Input!$J$16,0)</f>
        <v>4.4314494009363186</v>
      </c>
      <c r="O4603" s="58">
        <f>IF(Input!$K$13=2,J4603*Input!$J$13,0)+IF(Input!$K$14=2,K4603*Input!$J$14,0)+IF(Input!$K$15=2,L4603*Input!$J$15,0)+IF(Input!$K$16=2,M4603*Input!$J$16,0)</f>
        <v>0.44575273183573039</v>
      </c>
      <c r="P4603" s="58">
        <f>IF(Input!$K$13=3,J4603*Input!$J$13,0)+IF(Input!$K$14=3,K4603*Input!$J$14,0)+IF(Input!$K$15=3,L4603*Input!$J$15,0)+IF(Input!$K$16=3,M4603*Input!$J$16,0)</f>
        <v>0</v>
      </c>
      <c r="Q4603" s="71">
        <f>IF(Input!$K$13=4,J4603*Input!$J$13,0)+IF(Input!$K$14=4,K4603*Input!$J$14,0)+IF(Input!$K$15=4,L4603*Input!$J$15,0)+IF(Input!$K$16=4,M4603*Input!$J$16,0)</f>
        <v>0</v>
      </c>
    </row>
    <row r="4604" spans="8:17" x14ac:dyDescent="0.25">
      <c r="H4604" s="43">
        <v>4597</v>
      </c>
      <c r="I4604" s="55">
        <f>Bühler!I4630</f>
        <v>0</v>
      </c>
      <c r="J4604" s="58">
        <f>Bühler!J4630</f>
        <v>36.928745007802654</v>
      </c>
      <c r="K4604" s="58">
        <f>Bühler!K4630</f>
        <v>3.3018720876720771</v>
      </c>
      <c r="L4604" s="58">
        <f>Bühler!L4630</f>
        <v>1.6509360438360385</v>
      </c>
      <c r="M4604" s="57">
        <f>Bühler!M4630</f>
        <v>0</v>
      </c>
      <c r="N4604" s="55">
        <f>IF(Input!$K$13=1,J4604*Input!$J$13,0)+IF(Input!$K$14=1,K4604*Input!$J$14,0)+IF(Input!$K$15=1,L4604*Input!$J$15,0)+IF(Input!$K$16=1,M4604*Input!$J$16,0)</f>
        <v>4.4314494009363186</v>
      </c>
      <c r="O4604" s="58">
        <f>IF(Input!$K$13=2,J4604*Input!$J$13,0)+IF(Input!$K$14=2,K4604*Input!$J$14,0)+IF(Input!$K$15=2,L4604*Input!$J$15,0)+IF(Input!$K$16=2,M4604*Input!$J$16,0)</f>
        <v>0.44575273183573039</v>
      </c>
      <c r="P4604" s="58">
        <f>IF(Input!$K$13=3,J4604*Input!$J$13,0)+IF(Input!$K$14=3,K4604*Input!$J$14,0)+IF(Input!$K$15=3,L4604*Input!$J$15,0)+IF(Input!$K$16=3,M4604*Input!$J$16,0)</f>
        <v>0</v>
      </c>
      <c r="Q4604" s="71">
        <f>IF(Input!$K$13=4,J4604*Input!$J$13,0)+IF(Input!$K$14=4,K4604*Input!$J$14,0)+IF(Input!$K$15=4,L4604*Input!$J$15,0)+IF(Input!$K$16=4,M4604*Input!$J$16,0)</f>
        <v>0</v>
      </c>
    </row>
    <row r="4605" spans="8:17" x14ac:dyDescent="0.25">
      <c r="H4605" s="43">
        <v>4598</v>
      </c>
      <c r="I4605" s="55">
        <f>Bühler!I4631</f>
        <v>0</v>
      </c>
      <c r="J4605" s="58">
        <f>Bühler!J4631</f>
        <v>24.531237755183191</v>
      </c>
      <c r="K4605" s="58">
        <f>Bühler!K4631</f>
        <v>2.1933864582393086</v>
      </c>
      <c r="L4605" s="58">
        <f>Bühler!L4631</f>
        <v>1.0966932291196543</v>
      </c>
      <c r="M4605" s="57">
        <f>Bühler!M4631</f>
        <v>0</v>
      </c>
      <c r="N4605" s="55">
        <f>IF(Input!$K$13=1,J4605*Input!$J$13,0)+IF(Input!$K$14=1,K4605*Input!$J$14,0)+IF(Input!$K$15=1,L4605*Input!$J$15,0)+IF(Input!$K$16=1,M4605*Input!$J$16,0)</f>
        <v>2.9437485306219831</v>
      </c>
      <c r="O4605" s="58">
        <f>IF(Input!$K$13=2,J4605*Input!$J$13,0)+IF(Input!$K$14=2,K4605*Input!$J$14,0)+IF(Input!$K$15=2,L4605*Input!$J$15,0)+IF(Input!$K$16=2,M4605*Input!$J$16,0)</f>
        <v>0.29610717186230662</v>
      </c>
      <c r="P4605" s="58">
        <f>IF(Input!$K$13=3,J4605*Input!$J$13,0)+IF(Input!$K$14=3,K4605*Input!$J$14,0)+IF(Input!$K$15=3,L4605*Input!$J$15,0)+IF(Input!$K$16=3,M4605*Input!$J$16,0)</f>
        <v>0</v>
      </c>
      <c r="Q4605" s="71">
        <f>IF(Input!$K$13=4,J4605*Input!$J$13,0)+IF(Input!$K$14=4,K4605*Input!$J$14,0)+IF(Input!$K$15=4,L4605*Input!$J$15,0)+IF(Input!$K$16=4,M4605*Input!$J$16,0)</f>
        <v>0</v>
      </c>
    </row>
    <row r="4606" spans="8:17" x14ac:dyDescent="0.25">
      <c r="H4606" s="43">
        <v>4599</v>
      </c>
      <c r="I4606" s="55">
        <f>Bühler!I4632</f>
        <v>0</v>
      </c>
      <c r="J4606" s="58">
        <f>Bühler!J4632</f>
        <v>36.928745007802654</v>
      </c>
      <c r="K4606" s="58">
        <f>Bühler!K4632</f>
        <v>3.3018720876720771</v>
      </c>
      <c r="L4606" s="58">
        <f>Bühler!L4632</f>
        <v>1.6509360438360385</v>
      </c>
      <c r="M4606" s="57">
        <f>Bühler!M4632</f>
        <v>0</v>
      </c>
      <c r="N4606" s="55">
        <f>IF(Input!$K$13=1,J4606*Input!$J$13,0)+IF(Input!$K$14=1,K4606*Input!$J$14,0)+IF(Input!$K$15=1,L4606*Input!$J$15,0)+IF(Input!$K$16=1,M4606*Input!$J$16,0)</f>
        <v>4.4314494009363186</v>
      </c>
      <c r="O4606" s="58">
        <f>IF(Input!$K$13=2,J4606*Input!$J$13,0)+IF(Input!$K$14=2,K4606*Input!$J$14,0)+IF(Input!$K$15=2,L4606*Input!$J$15,0)+IF(Input!$K$16=2,M4606*Input!$J$16,0)</f>
        <v>0.44575273183573039</v>
      </c>
      <c r="P4606" s="58">
        <f>IF(Input!$K$13=3,J4606*Input!$J$13,0)+IF(Input!$K$14=3,K4606*Input!$J$14,0)+IF(Input!$K$15=3,L4606*Input!$J$15,0)+IF(Input!$K$16=3,M4606*Input!$J$16,0)</f>
        <v>0</v>
      </c>
      <c r="Q4606" s="71">
        <f>IF(Input!$K$13=4,J4606*Input!$J$13,0)+IF(Input!$K$14=4,K4606*Input!$J$14,0)+IF(Input!$K$15=4,L4606*Input!$J$15,0)+IF(Input!$K$16=4,M4606*Input!$J$16,0)</f>
        <v>0</v>
      </c>
    </row>
    <row r="4607" spans="8:17" x14ac:dyDescent="0.25">
      <c r="H4607" s="43">
        <v>4600</v>
      </c>
      <c r="I4607" s="55">
        <f>Bühler!I4633</f>
        <v>0</v>
      </c>
      <c r="J4607" s="58">
        <f>Bühler!J4633</f>
        <v>36.928745007802654</v>
      </c>
      <c r="K4607" s="58">
        <f>Bühler!K4633</f>
        <v>3.3018720876720771</v>
      </c>
      <c r="L4607" s="58">
        <f>Bühler!L4633</f>
        <v>1.6509360438360385</v>
      </c>
      <c r="M4607" s="57">
        <f>Bühler!M4633</f>
        <v>0</v>
      </c>
      <c r="N4607" s="55">
        <f>IF(Input!$K$13=1,J4607*Input!$J$13,0)+IF(Input!$K$14=1,K4607*Input!$J$14,0)+IF(Input!$K$15=1,L4607*Input!$J$15,0)+IF(Input!$K$16=1,M4607*Input!$J$16,0)</f>
        <v>4.4314494009363186</v>
      </c>
      <c r="O4607" s="58">
        <f>IF(Input!$K$13=2,J4607*Input!$J$13,0)+IF(Input!$K$14=2,K4607*Input!$J$14,0)+IF(Input!$K$15=2,L4607*Input!$J$15,0)+IF(Input!$K$16=2,M4607*Input!$J$16,0)</f>
        <v>0.44575273183573039</v>
      </c>
      <c r="P4607" s="58">
        <f>IF(Input!$K$13=3,J4607*Input!$J$13,0)+IF(Input!$K$14=3,K4607*Input!$J$14,0)+IF(Input!$K$15=3,L4607*Input!$J$15,0)+IF(Input!$K$16=3,M4607*Input!$J$16,0)</f>
        <v>0</v>
      </c>
      <c r="Q4607" s="71">
        <f>IF(Input!$K$13=4,J4607*Input!$J$13,0)+IF(Input!$K$14=4,K4607*Input!$J$14,0)+IF(Input!$K$15=4,L4607*Input!$J$15,0)+IF(Input!$K$16=4,M4607*Input!$J$16,0)</f>
        <v>0</v>
      </c>
    </row>
    <row r="4608" spans="8:17" x14ac:dyDescent="0.25">
      <c r="H4608" s="43">
        <v>4601</v>
      </c>
      <c r="I4608" s="55">
        <f>Bühler!I4634</f>
        <v>0</v>
      </c>
      <c r="J4608" s="58">
        <f>Bühler!J4634</f>
        <v>21.761581879597998</v>
      </c>
      <c r="K4608" s="58">
        <f>Bühler!K4634</f>
        <v>1.9457460516639031</v>
      </c>
      <c r="L4608" s="58">
        <f>Bühler!L4634</f>
        <v>0.97287302583195157</v>
      </c>
      <c r="M4608" s="57">
        <f>Bühler!M4634</f>
        <v>0</v>
      </c>
      <c r="N4608" s="55">
        <f>IF(Input!$K$13=1,J4608*Input!$J$13,0)+IF(Input!$K$14=1,K4608*Input!$J$14,0)+IF(Input!$K$15=1,L4608*Input!$J$15,0)+IF(Input!$K$16=1,M4608*Input!$J$16,0)</f>
        <v>2.6113898255517598</v>
      </c>
      <c r="O4608" s="58">
        <f>IF(Input!$K$13=2,J4608*Input!$J$13,0)+IF(Input!$K$14=2,K4608*Input!$J$14,0)+IF(Input!$K$15=2,L4608*Input!$J$15,0)+IF(Input!$K$16=2,M4608*Input!$J$16,0)</f>
        <v>0.26267571697462694</v>
      </c>
      <c r="P4608" s="58">
        <f>IF(Input!$K$13=3,J4608*Input!$J$13,0)+IF(Input!$K$14=3,K4608*Input!$J$14,0)+IF(Input!$K$15=3,L4608*Input!$J$15,0)+IF(Input!$K$16=3,M4608*Input!$J$16,0)</f>
        <v>0</v>
      </c>
      <c r="Q4608" s="71">
        <f>IF(Input!$K$13=4,J4608*Input!$J$13,0)+IF(Input!$K$14=4,K4608*Input!$J$14,0)+IF(Input!$K$15=4,L4608*Input!$J$15,0)+IF(Input!$K$16=4,M4608*Input!$J$16,0)</f>
        <v>0</v>
      </c>
    </row>
    <row r="4609" spans="8:17" x14ac:dyDescent="0.25">
      <c r="H4609" s="43">
        <v>4602</v>
      </c>
      <c r="I4609" s="55">
        <f>Bühler!I4635</f>
        <v>0</v>
      </c>
      <c r="J4609" s="58">
        <f>Bühler!J4635</f>
        <v>9.2879137343568061</v>
      </c>
      <c r="K4609" s="58">
        <f>Bühler!K4635</f>
        <v>0.83045072627567351</v>
      </c>
      <c r="L4609" s="58">
        <f>Bühler!L4635</f>
        <v>0.41522536313783676</v>
      </c>
      <c r="M4609" s="57">
        <f>Bühler!M4635</f>
        <v>0</v>
      </c>
      <c r="N4609" s="55">
        <f>IF(Input!$K$13=1,J4609*Input!$J$13,0)+IF(Input!$K$14=1,K4609*Input!$J$14,0)+IF(Input!$K$15=1,L4609*Input!$J$15,0)+IF(Input!$K$16=1,M4609*Input!$J$16,0)</f>
        <v>1.1145496481228168</v>
      </c>
      <c r="O4609" s="58">
        <f>IF(Input!$K$13=2,J4609*Input!$J$13,0)+IF(Input!$K$14=2,K4609*Input!$J$14,0)+IF(Input!$K$15=2,L4609*Input!$J$15,0)+IF(Input!$K$16=2,M4609*Input!$J$16,0)</f>
        <v>0.11211084804721591</v>
      </c>
      <c r="P4609" s="58">
        <f>IF(Input!$K$13=3,J4609*Input!$J$13,0)+IF(Input!$K$14=3,K4609*Input!$J$14,0)+IF(Input!$K$15=3,L4609*Input!$J$15,0)+IF(Input!$K$16=3,M4609*Input!$J$16,0)</f>
        <v>0</v>
      </c>
      <c r="Q4609" s="71">
        <f>IF(Input!$K$13=4,J4609*Input!$J$13,0)+IF(Input!$K$14=4,K4609*Input!$J$14,0)+IF(Input!$K$15=4,L4609*Input!$J$15,0)+IF(Input!$K$16=4,M4609*Input!$J$16,0)</f>
        <v>0</v>
      </c>
    </row>
    <row r="4610" spans="8:17" x14ac:dyDescent="0.25">
      <c r="H4610" s="43">
        <v>4603</v>
      </c>
      <c r="I4610" s="55">
        <f>Bühler!I4636</f>
        <v>0</v>
      </c>
      <c r="J4610" s="58">
        <f>Bühler!J4636</f>
        <v>6.1300230646754912</v>
      </c>
      <c r="K4610" s="58">
        <f>Bühler!K4636</f>
        <v>0.54809747934194442</v>
      </c>
      <c r="L4610" s="58">
        <f>Bühler!L4636</f>
        <v>0.27404873967097221</v>
      </c>
      <c r="M4610" s="57">
        <f>Bühler!M4636</f>
        <v>0</v>
      </c>
      <c r="N4610" s="55">
        <f>IF(Input!$K$13=1,J4610*Input!$J$13,0)+IF(Input!$K$14=1,K4610*Input!$J$14,0)+IF(Input!$K$15=1,L4610*Input!$J$15,0)+IF(Input!$K$16=1,M4610*Input!$J$16,0)</f>
        <v>0.73560276776105893</v>
      </c>
      <c r="O4610" s="58">
        <f>IF(Input!$K$13=2,J4610*Input!$J$13,0)+IF(Input!$K$14=2,K4610*Input!$J$14,0)+IF(Input!$K$15=2,L4610*Input!$J$15,0)+IF(Input!$K$16=2,M4610*Input!$J$16,0)</f>
        <v>7.3993159711162493E-2</v>
      </c>
      <c r="P4610" s="58">
        <f>IF(Input!$K$13=3,J4610*Input!$J$13,0)+IF(Input!$K$14=3,K4610*Input!$J$14,0)+IF(Input!$K$15=3,L4610*Input!$J$15,0)+IF(Input!$K$16=3,M4610*Input!$J$16,0)</f>
        <v>0</v>
      </c>
      <c r="Q4610" s="71">
        <f>IF(Input!$K$13=4,J4610*Input!$J$13,0)+IF(Input!$K$14=4,K4610*Input!$J$14,0)+IF(Input!$K$15=4,L4610*Input!$J$15,0)+IF(Input!$K$16=4,M4610*Input!$J$16,0)</f>
        <v>0</v>
      </c>
    </row>
    <row r="4611" spans="8:17" x14ac:dyDescent="0.25">
      <c r="H4611" s="43">
        <v>4604</v>
      </c>
      <c r="I4611" s="55">
        <f>Bühler!I4637</f>
        <v>0</v>
      </c>
      <c r="J4611" s="58">
        <f>Bühler!J4637</f>
        <v>6.1300230646754912</v>
      </c>
      <c r="K4611" s="58">
        <f>Bühler!K4637</f>
        <v>0.54809747934194442</v>
      </c>
      <c r="L4611" s="58">
        <f>Bühler!L4637</f>
        <v>0.27404873967097221</v>
      </c>
      <c r="M4611" s="57">
        <f>Bühler!M4637</f>
        <v>0</v>
      </c>
      <c r="N4611" s="55">
        <f>IF(Input!$K$13=1,J4611*Input!$J$13,0)+IF(Input!$K$14=1,K4611*Input!$J$14,0)+IF(Input!$K$15=1,L4611*Input!$J$15,0)+IF(Input!$K$16=1,M4611*Input!$J$16,0)</f>
        <v>0.73560276776105893</v>
      </c>
      <c r="O4611" s="58">
        <f>IF(Input!$K$13=2,J4611*Input!$J$13,0)+IF(Input!$K$14=2,K4611*Input!$J$14,0)+IF(Input!$K$15=2,L4611*Input!$J$15,0)+IF(Input!$K$16=2,M4611*Input!$J$16,0)</f>
        <v>7.3993159711162493E-2</v>
      </c>
      <c r="P4611" s="58">
        <f>IF(Input!$K$13=3,J4611*Input!$J$13,0)+IF(Input!$K$14=3,K4611*Input!$J$14,0)+IF(Input!$K$15=3,L4611*Input!$J$15,0)+IF(Input!$K$16=3,M4611*Input!$J$16,0)</f>
        <v>0</v>
      </c>
      <c r="Q4611" s="71">
        <f>IF(Input!$K$13=4,J4611*Input!$J$13,0)+IF(Input!$K$14=4,K4611*Input!$J$14,0)+IF(Input!$K$15=4,L4611*Input!$J$15,0)+IF(Input!$K$16=4,M4611*Input!$J$16,0)</f>
        <v>0</v>
      </c>
    </row>
    <row r="4612" spans="8:17" x14ac:dyDescent="0.25">
      <c r="H4612" s="43">
        <v>4605</v>
      </c>
      <c r="I4612" s="55">
        <f>Bühler!I4638</f>
        <v>0</v>
      </c>
      <c r="J4612" s="58">
        <f>Bühler!J4638</f>
        <v>6.1300230646754912</v>
      </c>
      <c r="K4612" s="58">
        <f>Bühler!K4638</f>
        <v>0.54809747934194442</v>
      </c>
      <c r="L4612" s="58">
        <f>Bühler!L4638</f>
        <v>0.27404873967097221</v>
      </c>
      <c r="M4612" s="57">
        <f>Bühler!M4638</f>
        <v>0</v>
      </c>
      <c r="N4612" s="55">
        <f>IF(Input!$K$13=1,J4612*Input!$J$13,0)+IF(Input!$K$14=1,K4612*Input!$J$14,0)+IF(Input!$K$15=1,L4612*Input!$J$15,0)+IF(Input!$K$16=1,M4612*Input!$J$16,0)</f>
        <v>0.73560276776105893</v>
      </c>
      <c r="O4612" s="58">
        <f>IF(Input!$K$13=2,J4612*Input!$J$13,0)+IF(Input!$K$14=2,K4612*Input!$J$14,0)+IF(Input!$K$15=2,L4612*Input!$J$15,0)+IF(Input!$K$16=2,M4612*Input!$J$16,0)</f>
        <v>7.3993159711162493E-2</v>
      </c>
      <c r="P4612" s="58">
        <f>IF(Input!$K$13=3,J4612*Input!$J$13,0)+IF(Input!$K$14=3,K4612*Input!$J$14,0)+IF(Input!$K$15=3,L4612*Input!$J$15,0)+IF(Input!$K$16=3,M4612*Input!$J$16,0)</f>
        <v>0</v>
      </c>
      <c r="Q4612" s="71">
        <f>IF(Input!$K$13=4,J4612*Input!$J$13,0)+IF(Input!$K$14=4,K4612*Input!$J$14,0)+IF(Input!$K$15=4,L4612*Input!$J$15,0)+IF(Input!$K$16=4,M4612*Input!$J$16,0)</f>
        <v>0</v>
      </c>
    </row>
    <row r="4613" spans="8:17" x14ac:dyDescent="0.25">
      <c r="H4613" s="43">
        <v>4606</v>
      </c>
      <c r="I4613" s="55">
        <f>Bühler!I4639</f>
        <v>0</v>
      </c>
      <c r="J4613" s="58">
        <f>Bühler!J4639</f>
        <v>6.1300230646754912</v>
      </c>
      <c r="K4613" s="58">
        <f>Bühler!K4639</f>
        <v>0.54809747934194442</v>
      </c>
      <c r="L4613" s="58">
        <f>Bühler!L4639</f>
        <v>0.27404873967097221</v>
      </c>
      <c r="M4613" s="57">
        <f>Bühler!M4639</f>
        <v>0</v>
      </c>
      <c r="N4613" s="55">
        <f>IF(Input!$K$13=1,J4613*Input!$J$13,0)+IF(Input!$K$14=1,K4613*Input!$J$14,0)+IF(Input!$K$15=1,L4613*Input!$J$15,0)+IF(Input!$K$16=1,M4613*Input!$J$16,0)</f>
        <v>0.73560276776105893</v>
      </c>
      <c r="O4613" s="58">
        <f>IF(Input!$K$13=2,J4613*Input!$J$13,0)+IF(Input!$K$14=2,K4613*Input!$J$14,0)+IF(Input!$K$15=2,L4613*Input!$J$15,0)+IF(Input!$K$16=2,M4613*Input!$J$16,0)</f>
        <v>7.3993159711162493E-2</v>
      </c>
      <c r="P4613" s="58">
        <f>IF(Input!$K$13=3,J4613*Input!$J$13,0)+IF(Input!$K$14=3,K4613*Input!$J$14,0)+IF(Input!$K$15=3,L4613*Input!$J$15,0)+IF(Input!$K$16=3,M4613*Input!$J$16,0)</f>
        <v>0</v>
      </c>
      <c r="Q4613" s="71">
        <f>IF(Input!$K$13=4,J4613*Input!$J$13,0)+IF(Input!$K$14=4,K4613*Input!$J$14,0)+IF(Input!$K$15=4,L4613*Input!$J$15,0)+IF(Input!$K$16=4,M4613*Input!$J$16,0)</f>
        <v>0</v>
      </c>
    </row>
    <row r="4614" spans="8:17" x14ac:dyDescent="0.25">
      <c r="H4614" s="43">
        <v>4607</v>
      </c>
      <c r="I4614" s="55">
        <f>Bühler!I4640</f>
        <v>0</v>
      </c>
      <c r="J4614" s="58">
        <f>Bühler!J4640</f>
        <v>6.1300230646754912</v>
      </c>
      <c r="K4614" s="58">
        <f>Bühler!K4640</f>
        <v>0.54809747934194442</v>
      </c>
      <c r="L4614" s="58">
        <f>Bühler!L4640</f>
        <v>0.27404873967097221</v>
      </c>
      <c r="M4614" s="57">
        <f>Bühler!M4640</f>
        <v>0</v>
      </c>
      <c r="N4614" s="55">
        <f>IF(Input!$K$13=1,J4614*Input!$J$13,0)+IF(Input!$K$14=1,K4614*Input!$J$14,0)+IF(Input!$K$15=1,L4614*Input!$J$15,0)+IF(Input!$K$16=1,M4614*Input!$J$16,0)</f>
        <v>0.73560276776105893</v>
      </c>
      <c r="O4614" s="58">
        <f>IF(Input!$K$13=2,J4614*Input!$J$13,0)+IF(Input!$K$14=2,K4614*Input!$J$14,0)+IF(Input!$K$15=2,L4614*Input!$J$15,0)+IF(Input!$K$16=2,M4614*Input!$J$16,0)</f>
        <v>7.3993159711162493E-2</v>
      </c>
      <c r="P4614" s="58">
        <f>IF(Input!$K$13=3,J4614*Input!$J$13,0)+IF(Input!$K$14=3,K4614*Input!$J$14,0)+IF(Input!$K$15=3,L4614*Input!$J$15,0)+IF(Input!$K$16=3,M4614*Input!$J$16,0)</f>
        <v>0</v>
      </c>
      <c r="Q4614" s="71">
        <f>IF(Input!$K$13=4,J4614*Input!$J$13,0)+IF(Input!$K$14=4,K4614*Input!$J$14,0)+IF(Input!$K$15=4,L4614*Input!$J$15,0)+IF(Input!$K$16=4,M4614*Input!$J$16,0)</f>
        <v>0</v>
      </c>
    </row>
    <row r="4615" spans="8:17" x14ac:dyDescent="0.25">
      <c r="H4615" s="43">
        <v>4608</v>
      </c>
      <c r="I4615" s="55">
        <f>Bühler!I4641</f>
        <v>0</v>
      </c>
      <c r="J4615" s="58">
        <f>Bühler!J4641</f>
        <v>6.1300230646754912</v>
      </c>
      <c r="K4615" s="58">
        <f>Bühler!K4641</f>
        <v>0.54809747934194442</v>
      </c>
      <c r="L4615" s="58">
        <f>Bühler!L4641</f>
        <v>0.27404873967097221</v>
      </c>
      <c r="M4615" s="57">
        <f>Bühler!M4641</f>
        <v>0</v>
      </c>
      <c r="N4615" s="55">
        <f>IF(Input!$K$13=1,J4615*Input!$J$13,0)+IF(Input!$K$14=1,K4615*Input!$J$14,0)+IF(Input!$K$15=1,L4615*Input!$J$15,0)+IF(Input!$K$16=1,M4615*Input!$J$16,0)</f>
        <v>0.73560276776105893</v>
      </c>
      <c r="O4615" s="58">
        <f>IF(Input!$K$13=2,J4615*Input!$J$13,0)+IF(Input!$K$14=2,K4615*Input!$J$14,0)+IF(Input!$K$15=2,L4615*Input!$J$15,0)+IF(Input!$K$16=2,M4615*Input!$J$16,0)</f>
        <v>7.3993159711162493E-2</v>
      </c>
      <c r="P4615" s="58">
        <f>IF(Input!$K$13=3,J4615*Input!$J$13,0)+IF(Input!$K$14=3,K4615*Input!$J$14,0)+IF(Input!$K$15=3,L4615*Input!$J$15,0)+IF(Input!$K$16=3,M4615*Input!$J$16,0)</f>
        <v>0</v>
      </c>
      <c r="Q4615" s="71">
        <f>IF(Input!$K$13=4,J4615*Input!$J$13,0)+IF(Input!$K$14=4,K4615*Input!$J$14,0)+IF(Input!$K$15=4,L4615*Input!$J$15,0)+IF(Input!$K$16=4,M4615*Input!$J$16,0)</f>
        <v>0</v>
      </c>
    </row>
    <row r="4616" spans="8:17" x14ac:dyDescent="0.25">
      <c r="H4616" s="43">
        <v>4609</v>
      </c>
      <c r="I4616" s="55">
        <f>Bühler!I4642</f>
        <v>0</v>
      </c>
      <c r="J4616" s="58">
        <f>Bühler!J4642</f>
        <v>6.0443566237351689</v>
      </c>
      <c r="K4616" s="58">
        <f>Bühler!K4642</f>
        <v>0.54214590681722674</v>
      </c>
      <c r="L4616" s="58">
        <f>Bühler!L4642</f>
        <v>0.27107295340861337</v>
      </c>
      <c r="M4616" s="57">
        <f>Bühler!M4642</f>
        <v>0</v>
      </c>
      <c r="N4616" s="55">
        <f>IF(Input!$K$13=1,J4616*Input!$J$13,0)+IF(Input!$K$14=1,K4616*Input!$J$14,0)+IF(Input!$K$15=1,L4616*Input!$J$15,0)+IF(Input!$K$16=1,M4616*Input!$J$16,0)</f>
        <v>0.72532279484822026</v>
      </c>
      <c r="O4616" s="58">
        <f>IF(Input!$K$13=2,J4616*Input!$J$13,0)+IF(Input!$K$14=2,K4616*Input!$J$14,0)+IF(Input!$K$15=2,L4616*Input!$J$15,0)+IF(Input!$K$16=2,M4616*Input!$J$16,0)</f>
        <v>7.3189697420325606E-2</v>
      </c>
      <c r="P4616" s="58">
        <f>IF(Input!$K$13=3,J4616*Input!$J$13,0)+IF(Input!$K$14=3,K4616*Input!$J$14,0)+IF(Input!$K$15=3,L4616*Input!$J$15,0)+IF(Input!$K$16=3,M4616*Input!$J$16,0)</f>
        <v>0</v>
      </c>
      <c r="Q4616" s="71">
        <f>IF(Input!$K$13=4,J4616*Input!$J$13,0)+IF(Input!$K$14=4,K4616*Input!$J$14,0)+IF(Input!$K$15=4,L4616*Input!$J$15,0)+IF(Input!$K$16=4,M4616*Input!$J$16,0)</f>
        <v>0</v>
      </c>
    </row>
    <row r="4617" spans="8:17" x14ac:dyDescent="0.25">
      <c r="H4617" s="43">
        <v>4610</v>
      </c>
      <c r="I4617" s="55">
        <f>Bühler!I4643</f>
        <v>0</v>
      </c>
      <c r="J4617" s="58">
        <f>Bühler!J4643</f>
        <v>6.0443566237351689</v>
      </c>
      <c r="K4617" s="58">
        <f>Bühler!K4643</f>
        <v>0.54214590681722674</v>
      </c>
      <c r="L4617" s="58">
        <f>Bühler!L4643</f>
        <v>0.27107295340861337</v>
      </c>
      <c r="M4617" s="57">
        <f>Bühler!M4643</f>
        <v>0</v>
      </c>
      <c r="N4617" s="55">
        <f>IF(Input!$K$13=1,J4617*Input!$J$13,0)+IF(Input!$K$14=1,K4617*Input!$J$14,0)+IF(Input!$K$15=1,L4617*Input!$J$15,0)+IF(Input!$K$16=1,M4617*Input!$J$16,0)</f>
        <v>0.72532279484822026</v>
      </c>
      <c r="O4617" s="58">
        <f>IF(Input!$K$13=2,J4617*Input!$J$13,0)+IF(Input!$K$14=2,K4617*Input!$J$14,0)+IF(Input!$K$15=2,L4617*Input!$J$15,0)+IF(Input!$K$16=2,M4617*Input!$J$16,0)</f>
        <v>7.3189697420325606E-2</v>
      </c>
      <c r="P4617" s="58">
        <f>IF(Input!$K$13=3,J4617*Input!$J$13,0)+IF(Input!$K$14=3,K4617*Input!$J$14,0)+IF(Input!$K$15=3,L4617*Input!$J$15,0)+IF(Input!$K$16=3,M4617*Input!$J$16,0)</f>
        <v>0</v>
      </c>
      <c r="Q4617" s="71">
        <f>IF(Input!$K$13=4,J4617*Input!$J$13,0)+IF(Input!$K$14=4,K4617*Input!$J$14,0)+IF(Input!$K$15=4,L4617*Input!$J$15,0)+IF(Input!$K$16=4,M4617*Input!$J$16,0)</f>
        <v>0</v>
      </c>
    </row>
    <row r="4618" spans="8:17" x14ac:dyDescent="0.25">
      <c r="H4618" s="43">
        <v>4611</v>
      </c>
      <c r="I4618" s="55">
        <f>Bühler!I4644</f>
        <v>0</v>
      </c>
      <c r="J4618" s="58">
        <f>Bühler!J4644</f>
        <v>6.0443566237351689</v>
      </c>
      <c r="K4618" s="58">
        <f>Bühler!K4644</f>
        <v>0.54214590681722674</v>
      </c>
      <c r="L4618" s="58">
        <f>Bühler!L4644</f>
        <v>0.27107295340861337</v>
      </c>
      <c r="M4618" s="57">
        <f>Bühler!M4644</f>
        <v>0</v>
      </c>
      <c r="N4618" s="55">
        <f>IF(Input!$K$13=1,J4618*Input!$J$13,0)+IF(Input!$K$14=1,K4618*Input!$J$14,0)+IF(Input!$K$15=1,L4618*Input!$J$15,0)+IF(Input!$K$16=1,M4618*Input!$J$16,0)</f>
        <v>0.72532279484822026</v>
      </c>
      <c r="O4618" s="58">
        <f>IF(Input!$K$13=2,J4618*Input!$J$13,0)+IF(Input!$K$14=2,K4618*Input!$J$14,0)+IF(Input!$K$15=2,L4618*Input!$J$15,0)+IF(Input!$K$16=2,M4618*Input!$J$16,0)</f>
        <v>7.3189697420325606E-2</v>
      </c>
      <c r="P4618" s="58">
        <f>IF(Input!$K$13=3,J4618*Input!$J$13,0)+IF(Input!$K$14=3,K4618*Input!$J$14,0)+IF(Input!$K$15=3,L4618*Input!$J$15,0)+IF(Input!$K$16=3,M4618*Input!$J$16,0)</f>
        <v>0</v>
      </c>
      <c r="Q4618" s="71">
        <f>IF(Input!$K$13=4,J4618*Input!$J$13,0)+IF(Input!$K$14=4,K4618*Input!$J$14,0)+IF(Input!$K$15=4,L4618*Input!$J$15,0)+IF(Input!$K$16=4,M4618*Input!$J$16,0)</f>
        <v>0</v>
      </c>
    </row>
    <row r="4619" spans="8:17" x14ac:dyDescent="0.25">
      <c r="H4619" s="43">
        <v>4612</v>
      </c>
      <c r="I4619" s="55">
        <f>Bühler!I4645</f>
        <v>0</v>
      </c>
      <c r="J4619" s="58">
        <f>Bühler!J4645</f>
        <v>6.0443566237351689</v>
      </c>
      <c r="K4619" s="58">
        <f>Bühler!K4645</f>
        <v>0.54214590681722674</v>
      </c>
      <c r="L4619" s="58">
        <f>Bühler!L4645</f>
        <v>0.27107295340861337</v>
      </c>
      <c r="M4619" s="57">
        <f>Bühler!M4645</f>
        <v>0</v>
      </c>
      <c r="N4619" s="55">
        <f>IF(Input!$K$13=1,J4619*Input!$J$13,0)+IF(Input!$K$14=1,K4619*Input!$J$14,0)+IF(Input!$K$15=1,L4619*Input!$J$15,0)+IF(Input!$K$16=1,M4619*Input!$J$16,0)</f>
        <v>0.72532279484822026</v>
      </c>
      <c r="O4619" s="58">
        <f>IF(Input!$K$13=2,J4619*Input!$J$13,0)+IF(Input!$K$14=2,K4619*Input!$J$14,0)+IF(Input!$K$15=2,L4619*Input!$J$15,0)+IF(Input!$K$16=2,M4619*Input!$J$16,0)</f>
        <v>7.3189697420325606E-2</v>
      </c>
      <c r="P4619" s="58">
        <f>IF(Input!$K$13=3,J4619*Input!$J$13,0)+IF(Input!$K$14=3,K4619*Input!$J$14,0)+IF(Input!$K$15=3,L4619*Input!$J$15,0)+IF(Input!$K$16=3,M4619*Input!$J$16,0)</f>
        <v>0</v>
      </c>
      <c r="Q4619" s="71">
        <f>IF(Input!$K$13=4,J4619*Input!$J$13,0)+IF(Input!$K$14=4,K4619*Input!$J$14,0)+IF(Input!$K$15=4,L4619*Input!$J$15,0)+IF(Input!$K$16=4,M4619*Input!$J$16,0)</f>
        <v>0</v>
      </c>
    </row>
    <row r="4620" spans="8:17" x14ac:dyDescent="0.25">
      <c r="H4620" s="43">
        <v>4613</v>
      </c>
      <c r="I4620" s="55">
        <f>Bühler!I4646</f>
        <v>0</v>
      </c>
      <c r="J4620" s="58">
        <f>Bühler!J4646</f>
        <v>6.0443566237351689</v>
      </c>
      <c r="K4620" s="58">
        <f>Bühler!K4646</f>
        <v>0.54214590681722674</v>
      </c>
      <c r="L4620" s="58">
        <f>Bühler!L4646</f>
        <v>0.27107295340861337</v>
      </c>
      <c r="M4620" s="57">
        <f>Bühler!M4646</f>
        <v>0</v>
      </c>
      <c r="N4620" s="55">
        <f>IF(Input!$K$13=1,J4620*Input!$J$13,0)+IF(Input!$K$14=1,K4620*Input!$J$14,0)+IF(Input!$K$15=1,L4620*Input!$J$15,0)+IF(Input!$K$16=1,M4620*Input!$J$16,0)</f>
        <v>0.72532279484822026</v>
      </c>
      <c r="O4620" s="58">
        <f>IF(Input!$K$13=2,J4620*Input!$J$13,0)+IF(Input!$K$14=2,K4620*Input!$J$14,0)+IF(Input!$K$15=2,L4620*Input!$J$15,0)+IF(Input!$K$16=2,M4620*Input!$J$16,0)</f>
        <v>7.3189697420325606E-2</v>
      </c>
      <c r="P4620" s="58">
        <f>IF(Input!$K$13=3,J4620*Input!$J$13,0)+IF(Input!$K$14=3,K4620*Input!$J$14,0)+IF(Input!$K$15=3,L4620*Input!$J$15,0)+IF(Input!$K$16=3,M4620*Input!$J$16,0)</f>
        <v>0</v>
      </c>
      <c r="Q4620" s="71">
        <f>IF(Input!$K$13=4,J4620*Input!$J$13,0)+IF(Input!$K$14=4,K4620*Input!$J$14,0)+IF(Input!$K$15=4,L4620*Input!$J$15,0)+IF(Input!$K$16=4,M4620*Input!$J$16,0)</f>
        <v>0</v>
      </c>
    </row>
    <row r="4621" spans="8:17" x14ac:dyDescent="0.25">
      <c r="H4621" s="43">
        <v>4614</v>
      </c>
      <c r="I4621" s="55">
        <f>Bühler!I4647</f>
        <v>0</v>
      </c>
      <c r="J4621" s="58">
        <f>Bühler!J4647</f>
        <v>6.0443566237351689</v>
      </c>
      <c r="K4621" s="58">
        <f>Bühler!K4647</f>
        <v>0.54214590681722674</v>
      </c>
      <c r="L4621" s="58">
        <f>Bühler!L4647</f>
        <v>0.27107295340861337</v>
      </c>
      <c r="M4621" s="57">
        <f>Bühler!M4647</f>
        <v>0</v>
      </c>
      <c r="N4621" s="55">
        <f>IF(Input!$K$13=1,J4621*Input!$J$13,0)+IF(Input!$K$14=1,K4621*Input!$J$14,0)+IF(Input!$K$15=1,L4621*Input!$J$15,0)+IF(Input!$K$16=1,M4621*Input!$J$16,0)</f>
        <v>0.72532279484822026</v>
      </c>
      <c r="O4621" s="58">
        <f>IF(Input!$K$13=2,J4621*Input!$J$13,0)+IF(Input!$K$14=2,K4621*Input!$J$14,0)+IF(Input!$K$15=2,L4621*Input!$J$15,0)+IF(Input!$K$16=2,M4621*Input!$J$16,0)</f>
        <v>7.3189697420325606E-2</v>
      </c>
      <c r="P4621" s="58">
        <f>IF(Input!$K$13=3,J4621*Input!$J$13,0)+IF(Input!$K$14=3,K4621*Input!$J$14,0)+IF(Input!$K$15=3,L4621*Input!$J$15,0)+IF(Input!$K$16=3,M4621*Input!$J$16,0)</f>
        <v>0</v>
      </c>
      <c r="Q4621" s="71">
        <f>IF(Input!$K$13=4,J4621*Input!$J$13,0)+IF(Input!$K$14=4,K4621*Input!$J$14,0)+IF(Input!$K$15=4,L4621*Input!$J$15,0)+IF(Input!$K$16=4,M4621*Input!$J$16,0)</f>
        <v>0</v>
      </c>
    </row>
    <row r="4622" spans="8:17" x14ac:dyDescent="0.25">
      <c r="H4622" s="43">
        <v>4615</v>
      </c>
      <c r="I4622" s="55">
        <f>Bühler!I4648</f>
        <v>0</v>
      </c>
      <c r="J4622" s="58">
        <f>Bühler!J4648</f>
        <v>6.0443566237351689</v>
      </c>
      <c r="K4622" s="58">
        <f>Bühler!K4648</f>
        <v>0.54214590681722674</v>
      </c>
      <c r="L4622" s="58">
        <f>Bühler!L4648</f>
        <v>0.27107295340861337</v>
      </c>
      <c r="M4622" s="57">
        <f>Bühler!M4648</f>
        <v>0</v>
      </c>
      <c r="N4622" s="55">
        <f>IF(Input!$K$13=1,J4622*Input!$J$13,0)+IF(Input!$K$14=1,K4622*Input!$J$14,0)+IF(Input!$K$15=1,L4622*Input!$J$15,0)+IF(Input!$K$16=1,M4622*Input!$J$16,0)</f>
        <v>0.72532279484822026</v>
      </c>
      <c r="O4622" s="58">
        <f>IF(Input!$K$13=2,J4622*Input!$J$13,0)+IF(Input!$K$14=2,K4622*Input!$J$14,0)+IF(Input!$K$15=2,L4622*Input!$J$15,0)+IF(Input!$K$16=2,M4622*Input!$J$16,0)</f>
        <v>7.3189697420325606E-2</v>
      </c>
      <c r="P4622" s="58">
        <f>IF(Input!$K$13=3,J4622*Input!$J$13,0)+IF(Input!$K$14=3,K4622*Input!$J$14,0)+IF(Input!$K$15=3,L4622*Input!$J$15,0)+IF(Input!$K$16=3,M4622*Input!$J$16,0)</f>
        <v>0</v>
      </c>
      <c r="Q4622" s="71">
        <f>IF(Input!$K$13=4,J4622*Input!$J$13,0)+IF(Input!$K$14=4,K4622*Input!$J$14,0)+IF(Input!$K$15=4,L4622*Input!$J$15,0)+IF(Input!$K$16=4,M4622*Input!$J$16,0)</f>
        <v>0</v>
      </c>
    </row>
    <row r="4623" spans="8:17" x14ac:dyDescent="0.25">
      <c r="H4623" s="43">
        <v>4616</v>
      </c>
      <c r="I4623" s="55">
        <f>Bühler!I4649</f>
        <v>0</v>
      </c>
      <c r="J4623" s="58">
        <f>Bühler!J4649</f>
        <v>24.708597228541642</v>
      </c>
      <c r="K4623" s="58">
        <f>Bühler!K4649</f>
        <v>2.2162267524134514</v>
      </c>
      <c r="L4623" s="58">
        <f>Bühler!L4649</f>
        <v>1.1081133762067257</v>
      </c>
      <c r="M4623" s="57">
        <f>Bühler!M4649</f>
        <v>0</v>
      </c>
      <c r="N4623" s="55">
        <f>IF(Input!$K$13=1,J4623*Input!$J$13,0)+IF(Input!$K$14=1,K4623*Input!$J$14,0)+IF(Input!$K$15=1,L4623*Input!$J$15,0)+IF(Input!$K$16=1,M4623*Input!$J$16,0)</f>
        <v>2.9650316674249968</v>
      </c>
      <c r="O4623" s="58">
        <f>IF(Input!$K$13=2,J4623*Input!$J$13,0)+IF(Input!$K$14=2,K4623*Input!$J$14,0)+IF(Input!$K$15=2,L4623*Input!$J$15,0)+IF(Input!$K$16=2,M4623*Input!$J$16,0)</f>
        <v>0.29919061157581595</v>
      </c>
      <c r="P4623" s="58">
        <f>IF(Input!$K$13=3,J4623*Input!$J$13,0)+IF(Input!$K$14=3,K4623*Input!$J$14,0)+IF(Input!$K$15=3,L4623*Input!$J$15,0)+IF(Input!$K$16=3,M4623*Input!$J$16,0)</f>
        <v>0</v>
      </c>
      <c r="Q4623" s="71">
        <f>IF(Input!$K$13=4,J4623*Input!$J$13,0)+IF(Input!$K$14=4,K4623*Input!$J$14,0)+IF(Input!$K$15=4,L4623*Input!$J$15,0)+IF(Input!$K$16=4,M4623*Input!$J$16,0)</f>
        <v>0</v>
      </c>
    </row>
    <row r="4624" spans="8:17" x14ac:dyDescent="0.25">
      <c r="H4624" s="43">
        <v>4617</v>
      </c>
      <c r="I4624" s="55">
        <f>Bühler!I4650</f>
        <v>0</v>
      </c>
      <c r="J4624" s="58">
        <f>Bühler!J4650</f>
        <v>27.569592697109623</v>
      </c>
      <c r="K4624" s="58">
        <f>Bühler!K4650</f>
        <v>2.4728424816402725</v>
      </c>
      <c r="L4624" s="58">
        <f>Bühler!L4650</f>
        <v>1.2364212408201363</v>
      </c>
      <c r="M4624" s="57">
        <f>Bühler!M4650</f>
        <v>0</v>
      </c>
      <c r="N4624" s="55">
        <f>IF(Input!$K$13=1,J4624*Input!$J$13,0)+IF(Input!$K$14=1,K4624*Input!$J$14,0)+IF(Input!$K$15=1,L4624*Input!$J$15,0)+IF(Input!$K$16=1,M4624*Input!$J$16,0)</f>
        <v>3.3083511236531549</v>
      </c>
      <c r="O4624" s="58">
        <f>IF(Input!$K$13=2,J4624*Input!$J$13,0)+IF(Input!$K$14=2,K4624*Input!$J$14,0)+IF(Input!$K$15=2,L4624*Input!$J$15,0)+IF(Input!$K$16=2,M4624*Input!$J$16,0)</f>
        <v>0.33383373502143676</v>
      </c>
      <c r="P4624" s="58">
        <f>IF(Input!$K$13=3,J4624*Input!$J$13,0)+IF(Input!$K$14=3,K4624*Input!$J$14,0)+IF(Input!$K$15=3,L4624*Input!$J$15,0)+IF(Input!$K$16=3,M4624*Input!$J$16,0)</f>
        <v>0</v>
      </c>
      <c r="Q4624" s="71">
        <f>IF(Input!$K$13=4,J4624*Input!$J$13,0)+IF(Input!$K$14=4,K4624*Input!$J$14,0)+IF(Input!$K$15=4,L4624*Input!$J$15,0)+IF(Input!$K$16=4,M4624*Input!$J$16,0)</f>
        <v>0</v>
      </c>
    </row>
    <row r="4625" spans="8:17" x14ac:dyDescent="0.25">
      <c r="H4625" s="43">
        <v>4618</v>
      </c>
      <c r="I4625" s="55">
        <f>Bühler!I4651</f>
        <v>0</v>
      </c>
      <c r="J4625" s="58">
        <f>Bühler!J4651</f>
        <v>30.430588165677602</v>
      </c>
      <c r="K4625" s="58">
        <f>Bühler!K4651</f>
        <v>2.7294582108670928</v>
      </c>
      <c r="L4625" s="58">
        <f>Bühler!L4651</f>
        <v>1.3647291054335464</v>
      </c>
      <c r="M4625" s="57">
        <f>Bühler!M4651</f>
        <v>0</v>
      </c>
      <c r="N4625" s="55">
        <f>IF(Input!$K$13=1,J4625*Input!$J$13,0)+IF(Input!$K$14=1,K4625*Input!$J$14,0)+IF(Input!$K$15=1,L4625*Input!$J$15,0)+IF(Input!$K$16=1,M4625*Input!$J$16,0)</f>
        <v>3.6516705798813121</v>
      </c>
      <c r="O4625" s="58">
        <f>IF(Input!$K$13=2,J4625*Input!$J$13,0)+IF(Input!$K$14=2,K4625*Input!$J$14,0)+IF(Input!$K$15=2,L4625*Input!$J$15,0)+IF(Input!$K$16=2,M4625*Input!$J$16,0)</f>
        <v>0.36847685846705752</v>
      </c>
      <c r="P4625" s="58">
        <f>IF(Input!$K$13=3,J4625*Input!$J$13,0)+IF(Input!$K$14=3,K4625*Input!$J$14,0)+IF(Input!$K$15=3,L4625*Input!$J$15,0)+IF(Input!$K$16=3,M4625*Input!$J$16,0)</f>
        <v>0</v>
      </c>
      <c r="Q4625" s="71">
        <f>IF(Input!$K$13=4,J4625*Input!$J$13,0)+IF(Input!$K$14=4,K4625*Input!$J$14,0)+IF(Input!$K$15=4,L4625*Input!$J$15,0)+IF(Input!$K$16=4,M4625*Input!$J$16,0)</f>
        <v>0</v>
      </c>
    </row>
    <row r="4626" spans="8:17" x14ac:dyDescent="0.25">
      <c r="H4626" s="43">
        <v>4619</v>
      </c>
      <c r="I4626" s="55">
        <f>Bühler!I4652</f>
        <v>0</v>
      </c>
      <c r="J4626" s="58">
        <f>Bühler!J4652</f>
        <v>30.430588165677602</v>
      </c>
      <c r="K4626" s="58">
        <f>Bühler!K4652</f>
        <v>2.7294582108670928</v>
      </c>
      <c r="L4626" s="58">
        <f>Bühler!L4652</f>
        <v>1.3647291054335464</v>
      </c>
      <c r="M4626" s="57">
        <f>Bühler!M4652</f>
        <v>0</v>
      </c>
      <c r="N4626" s="55">
        <f>IF(Input!$K$13=1,J4626*Input!$J$13,0)+IF(Input!$K$14=1,K4626*Input!$J$14,0)+IF(Input!$K$15=1,L4626*Input!$J$15,0)+IF(Input!$K$16=1,M4626*Input!$J$16,0)</f>
        <v>3.6516705798813121</v>
      </c>
      <c r="O4626" s="58">
        <f>IF(Input!$K$13=2,J4626*Input!$J$13,0)+IF(Input!$K$14=2,K4626*Input!$J$14,0)+IF(Input!$K$15=2,L4626*Input!$J$15,0)+IF(Input!$K$16=2,M4626*Input!$J$16,0)</f>
        <v>0.36847685846705752</v>
      </c>
      <c r="P4626" s="58">
        <f>IF(Input!$K$13=3,J4626*Input!$J$13,0)+IF(Input!$K$14=3,K4626*Input!$J$14,0)+IF(Input!$K$15=3,L4626*Input!$J$15,0)+IF(Input!$K$16=3,M4626*Input!$J$16,0)</f>
        <v>0</v>
      </c>
      <c r="Q4626" s="71">
        <f>IF(Input!$K$13=4,J4626*Input!$J$13,0)+IF(Input!$K$14=4,K4626*Input!$J$14,0)+IF(Input!$K$15=4,L4626*Input!$J$15,0)+IF(Input!$K$16=4,M4626*Input!$J$16,0)</f>
        <v>0</v>
      </c>
    </row>
    <row r="4627" spans="8:17" x14ac:dyDescent="0.25">
      <c r="H4627" s="43">
        <v>4620</v>
      </c>
      <c r="I4627" s="55">
        <f>Bühler!I4653</f>
        <v>0</v>
      </c>
      <c r="J4627" s="58">
        <f>Bühler!J4653</f>
        <v>36.412669599956104</v>
      </c>
      <c r="K4627" s="58">
        <f>Bühler!K4653</f>
        <v>3.2660183719777174</v>
      </c>
      <c r="L4627" s="58">
        <f>Bühler!L4653</f>
        <v>1.6330091859888587</v>
      </c>
      <c r="M4627" s="57">
        <f>Bühler!M4653</f>
        <v>0</v>
      </c>
      <c r="N4627" s="55">
        <f>IF(Input!$K$13=1,J4627*Input!$J$13,0)+IF(Input!$K$14=1,K4627*Input!$J$14,0)+IF(Input!$K$15=1,L4627*Input!$J$15,0)+IF(Input!$K$16=1,M4627*Input!$J$16,0)</f>
        <v>4.3695203519947325</v>
      </c>
      <c r="O4627" s="58">
        <f>IF(Input!$K$13=2,J4627*Input!$J$13,0)+IF(Input!$K$14=2,K4627*Input!$J$14,0)+IF(Input!$K$15=2,L4627*Input!$J$15,0)+IF(Input!$K$16=2,M4627*Input!$J$16,0)</f>
        <v>0.44091248021699181</v>
      </c>
      <c r="P4627" s="58">
        <f>IF(Input!$K$13=3,J4627*Input!$J$13,0)+IF(Input!$K$14=3,K4627*Input!$J$14,0)+IF(Input!$K$15=3,L4627*Input!$J$15,0)+IF(Input!$K$16=3,M4627*Input!$J$16,0)</f>
        <v>0</v>
      </c>
      <c r="Q4627" s="71">
        <f>IF(Input!$K$13=4,J4627*Input!$J$13,0)+IF(Input!$K$14=4,K4627*Input!$J$14,0)+IF(Input!$K$15=4,L4627*Input!$J$15,0)+IF(Input!$K$16=4,M4627*Input!$J$16,0)</f>
        <v>0</v>
      </c>
    </row>
    <row r="4628" spans="8:17" x14ac:dyDescent="0.25">
      <c r="H4628" s="43">
        <v>4621</v>
      </c>
      <c r="I4628" s="55">
        <f>Bühler!I4654</f>
        <v>0</v>
      </c>
      <c r="J4628" s="58">
        <f>Bühler!J4654</f>
        <v>36.412669599956104</v>
      </c>
      <c r="K4628" s="58">
        <f>Bühler!K4654</f>
        <v>3.2660183719777174</v>
      </c>
      <c r="L4628" s="58">
        <f>Bühler!L4654</f>
        <v>1.6330091859888587</v>
      </c>
      <c r="M4628" s="57">
        <f>Bühler!M4654</f>
        <v>0</v>
      </c>
      <c r="N4628" s="55">
        <f>IF(Input!$K$13=1,J4628*Input!$J$13,0)+IF(Input!$K$14=1,K4628*Input!$J$14,0)+IF(Input!$K$15=1,L4628*Input!$J$15,0)+IF(Input!$K$16=1,M4628*Input!$J$16,0)</f>
        <v>4.3695203519947325</v>
      </c>
      <c r="O4628" s="58">
        <f>IF(Input!$K$13=2,J4628*Input!$J$13,0)+IF(Input!$K$14=2,K4628*Input!$J$14,0)+IF(Input!$K$15=2,L4628*Input!$J$15,0)+IF(Input!$K$16=2,M4628*Input!$J$16,0)</f>
        <v>0.44091248021699181</v>
      </c>
      <c r="P4628" s="58">
        <f>IF(Input!$K$13=3,J4628*Input!$J$13,0)+IF(Input!$K$14=3,K4628*Input!$J$14,0)+IF(Input!$K$15=3,L4628*Input!$J$15,0)+IF(Input!$K$16=3,M4628*Input!$J$16,0)</f>
        <v>0</v>
      </c>
      <c r="Q4628" s="71">
        <f>IF(Input!$K$13=4,J4628*Input!$J$13,0)+IF(Input!$K$14=4,K4628*Input!$J$14,0)+IF(Input!$K$15=4,L4628*Input!$J$15,0)+IF(Input!$K$16=4,M4628*Input!$J$16,0)</f>
        <v>0</v>
      </c>
    </row>
    <row r="4629" spans="8:17" x14ac:dyDescent="0.25">
      <c r="H4629" s="43">
        <v>4622</v>
      </c>
      <c r="I4629" s="55">
        <f>Bühler!I4655</f>
        <v>0</v>
      </c>
      <c r="J4629" s="58">
        <f>Bühler!J4655</f>
        <v>24.18841623425655</v>
      </c>
      <c r="K4629" s="58">
        <f>Bühler!K4655</f>
        <v>2.1695693470994835</v>
      </c>
      <c r="L4629" s="58">
        <f>Bühler!L4655</f>
        <v>1.0847846735497417</v>
      </c>
      <c r="M4629" s="57">
        <f>Bühler!M4655</f>
        <v>0</v>
      </c>
      <c r="N4629" s="55">
        <f>IF(Input!$K$13=1,J4629*Input!$J$13,0)+IF(Input!$K$14=1,K4629*Input!$J$14,0)+IF(Input!$K$15=1,L4629*Input!$J$15,0)+IF(Input!$K$16=1,M4629*Input!$J$16,0)</f>
        <v>2.9026099481107859</v>
      </c>
      <c r="O4629" s="58">
        <f>IF(Input!$K$13=2,J4629*Input!$J$13,0)+IF(Input!$K$14=2,K4629*Input!$J$14,0)+IF(Input!$K$15=2,L4629*Input!$J$15,0)+IF(Input!$K$16=2,M4629*Input!$J$16,0)</f>
        <v>0.29289186185843025</v>
      </c>
      <c r="P4629" s="58">
        <f>IF(Input!$K$13=3,J4629*Input!$J$13,0)+IF(Input!$K$14=3,K4629*Input!$J$14,0)+IF(Input!$K$15=3,L4629*Input!$J$15,0)+IF(Input!$K$16=3,M4629*Input!$J$16,0)</f>
        <v>0</v>
      </c>
      <c r="Q4629" s="71">
        <f>IF(Input!$K$13=4,J4629*Input!$J$13,0)+IF(Input!$K$14=4,K4629*Input!$J$14,0)+IF(Input!$K$15=4,L4629*Input!$J$15,0)+IF(Input!$K$16=4,M4629*Input!$J$16,0)</f>
        <v>0</v>
      </c>
    </row>
    <row r="4630" spans="8:17" x14ac:dyDescent="0.25">
      <c r="H4630" s="43">
        <v>4623</v>
      </c>
      <c r="I4630" s="55">
        <f>Bühler!I4656</f>
        <v>0</v>
      </c>
      <c r="J4630" s="58">
        <f>Bühler!J4656</f>
        <v>36.412669599956104</v>
      </c>
      <c r="K4630" s="58">
        <f>Bühler!K4656</f>
        <v>3.2660183719777174</v>
      </c>
      <c r="L4630" s="58">
        <f>Bühler!L4656</f>
        <v>1.6330091859888587</v>
      </c>
      <c r="M4630" s="57">
        <f>Bühler!M4656</f>
        <v>0</v>
      </c>
      <c r="N4630" s="55">
        <f>IF(Input!$K$13=1,J4630*Input!$J$13,0)+IF(Input!$K$14=1,K4630*Input!$J$14,0)+IF(Input!$K$15=1,L4630*Input!$J$15,0)+IF(Input!$K$16=1,M4630*Input!$J$16,0)</f>
        <v>4.3695203519947325</v>
      </c>
      <c r="O4630" s="58">
        <f>IF(Input!$K$13=2,J4630*Input!$J$13,0)+IF(Input!$K$14=2,K4630*Input!$J$14,0)+IF(Input!$K$15=2,L4630*Input!$J$15,0)+IF(Input!$K$16=2,M4630*Input!$J$16,0)</f>
        <v>0.44091248021699181</v>
      </c>
      <c r="P4630" s="58">
        <f>IF(Input!$K$13=3,J4630*Input!$J$13,0)+IF(Input!$K$14=3,K4630*Input!$J$14,0)+IF(Input!$K$15=3,L4630*Input!$J$15,0)+IF(Input!$K$16=3,M4630*Input!$J$16,0)</f>
        <v>0</v>
      </c>
      <c r="Q4630" s="71">
        <f>IF(Input!$K$13=4,J4630*Input!$J$13,0)+IF(Input!$K$14=4,K4630*Input!$J$14,0)+IF(Input!$K$15=4,L4630*Input!$J$15,0)+IF(Input!$K$16=4,M4630*Input!$J$16,0)</f>
        <v>0</v>
      </c>
    </row>
    <row r="4631" spans="8:17" x14ac:dyDescent="0.25">
      <c r="H4631" s="43">
        <v>4624</v>
      </c>
      <c r="I4631" s="55">
        <f>Bühler!I4657</f>
        <v>0</v>
      </c>
      <c r="J4631" s="58">
        <f>Bühler!J4657</f>
        <v>36.412669599956104</v>
      </c>
      <c r="K4631" s="58">
        <f>Bühler!K4657</f>
        <v>3.2660183719777174</v>
      </c>
      <c r="L4631" s="58">
        <f>Bühler!L4657</f>
        <v>1.6330091859888587</v>
      </c>
      <c r="M4631" s="57">
        <f>Bühler!M4657</f>
        <v>0</v>
      </c>
      <c r="N4631" s="55">
        <f>IF(Input!$K$13=1,J4631*Input!$J$13,0)+IF(Input!$K$14=1,K4631*Input!$J$14,0)+IF(Input!$K$15=1,L4631*Input!$J$15,0)+IF(Input!$K$16=1,M4631*Input!$J$16,0)</f>
        <v>4.3695203519947325</v>
      </c>
      <c r="O4631" s="58">
        <f>IF(Input!$K$13=2,J4631*Input!$J$13,0)+IF(Input!$K$14=2,K4631*Input!$J$14,0)+IF(Input!$K$15=2,L4631*Input!$J$15,0)+IF(Input!$K$16=2,M4631*Input!$J$16,0)</f>
        <v>0.44091248021699181</v>
      </c>
      <c r="P4631" s="58">
        <f>IF(Input!$K$13=3,J4631*Input!$J$13,0)+IF(Input!$K$14=3,K4631*Input!$J$14,0)+IF(Input!$K$15=3,L4631*Input!$J$15,0)+IF(Input!$K$16=3,M4631*Input!$J$16,0)</f>
        <v>0</v>
      </c>
      <c r="Q4631" s="71">
        <f>IF(Input!$K$13=4,J4631*Input!$J$13,0)+IF(Input!$K$14=4,K4631*Input!$J$14,0)+IF(Input!$K$15=4,L4631*Input!$J$15,0)+IF(Input!$K$16=4,M4631*Input!$J$16,0)</f>
        <v>0</v>
      </c>
    </row>
    <row r="4632" spans="8:17" x14ac:dyDescent="0.25">
      <c r="H4632" s="43">
        <v>4625</v>
      </c>
      <c r="I4632" s="55">
        <f>Bühler!I4658</f>
        <v>0</v>
      </c>
      <c r="J4632" s="58">
        <f>Bühler!J4658</f>
        <v>21.457466014259847</v>
      </c>
      <c r="K4632" s="58">
        <f>Bühler!K4658</f>
        <v>1.9246179692011549</v>
      </c>
      <c r="L4632" s="58">
        <f>Bühler!L4658</f>
        <v>0.96230898460057746</v>
      </c>
      <c r="M4632" s="57">
        <f>Bühler!M4658</f>
        <v>0</v>
      </c>
      <c r="N4632" s="55">
        <f>IF(Input!$K$13=1,J4632*Input!$J$13,0)+IF(Input!$K$14=1,K4632*Input!$J$14,0)+IF(Input!$K$15=1,L4632*Input!$J$15,0)+IF(Input!$K$16=1,M4632*Input!$J$16,0)</f>
        <v>2.5748959217111813</v>
      </c>
      <c r="O4632" s="58">
        <f>IF(Input!$K$13=2,J4632*Input!$J$13,0)+IF(Input!$K$14=2,K4632*Input!$J$14,0)+IF(Input!$K$15=2,L4632*Input!$J$15,0)+IF(Input!$K$16=2,M4632*Input!$J$16,0)</f>
        <v>0.2598234258421559</v>
      </c>
      <c r="P4632" s="58">
        <f>IF(Input!$K$13=3,J4632*Input!$J$13,0)+IF(Input!$K$14=3,K4632*Input!$J$14,0)+IF(Input!$K$15=3,L4632*Input!$J$15,0)+IF(Input!$K$16=3,M4632*Input!$J$16,0)</f>
        <v>0</v>
      </c>
      <c r="Q4632" s="71">
        <f>IF(Input!$K$13=4,J4632*Input!$J$13,0)+IF(Input!$K$14=4,K4632*Input!$J$14,0)+IF(Input!$K$15=4,L4632*Input!$J$15,0)+IF(Input!$K$16=4,M4632*Input!$J$16,0)</f>
        <v>0</v>
      </c>
    </row>
    <row r="4633" spans="8:17" x14ac:dyDescent="0.25">
      <c r="H4633" s="43">
        <v>4626</v>
      </c>
      <c r="I4633" s="55">
        <f>Bühler!I4659</f>
        <v>0</v>
      </c>
      <c r="J4633" s="58">
        <f>Bühler!J4659</f>
        <v>9.1581160965684383</v>
      </c>
      <c r="K4633" s="58">
        <f>Bühler!K4659</f>
        <v>0.82143319214731336</v>
      </c>
      <c r="L4633" s="58">
        <f>Bühler!L4659</f>
        <v>0.41071659607365668</v>
      </c>
      <c r="M4633" s="57">
        <f>Bühler!M4659</f>
        <v>0</v>
      </c>
      <c r="N4633" s="55">
        <f>IF(Input!$K$13=1,J4633*Input!$J$13,0)+IF(Input!$K$14=1,K4633*Input!$J$14,0)+IF(Input!$K$15=1,L4633*Input!$J$15,0)+IF(Input!$K$16=1,M4633*Input!$J$16,0)</f>
        <v>1.0989739315882125</v>
      </c>
      <c r="O4633" s="58">
        <f>IF(Input!$K$13=2,J4633*Input!$J$13,0)+IF(Input!$K$14=2,K4633*Input!$J$14,0)+IF(Input!$K$15=2,L4633*Input!$J$15,0)+IF(Input!$K$16=2,M4633*Input!$J$16,0)</f>
        <v>0.1108934809398873</v>
      </c>
      <c r="P4633" s="58">
        <f>IF(Input!$K$13=3,J4633*Input!$J$13,0)+IF(Input!$K$14=3,K4633*Input!$J$14,0)+IF(Input!$K$15=3,L4633*Input!$J$15,0)+IF(Input!$K$16=3,M4633*Input!$J$16,0)</f>
        <v>0</v>
      </c>
      <c r="Q4633" s="71">
        <f>IF(Input!$K$13=4,J4633*Input!$J$13,0)+IF(Input!$K$14=4,K4633*Input!$J$14,0)+IF(Input!$K$15=4,L4633*Input!$J$15,0)+IF(Input!$K$16=4,M4633*Input!$J$16,0)</f>
        <v>0</v>
      </c>
    </row>
    <row r="4634" spans="8:17" x14ac:dyDescent="0.25">
      <c r="H4634" s="43">
        <v>4627</v>
      </c>
      <c r="I4634" s="55">
        <f>Bühler!I4660</f>
        <v>0</v>
      </c>
      <c r="J4634" s="58">
        <f>Bühler!J4660</f>
        <v>6.0443566237351689</v>
      </c>
      <c r="K4634" s="58">
        <f>Bühler!K4660</f>
        <v>0.54214590681722674</v>
      </c>
      <c r="L4634" s="58">
        <f>Bühler!L4660</f>
        <v>0.27107295340861337</v>
      </c>
      <c r="M4634" s="57">
        <f>Bühler!M4660</f>
        <v>0</v>
      </c>
      <c r="N4634" s="55">
        <f>IF(Input!$K$13=1,J4634*Input!$J$13,0)+IF(Input!$K$14=1,K4634*Input!$J$14,0)+IF(Input!$K$15=1,L4634*Input!$J$15,0)+IF(Input!$K$16=1,M4634*Input!$J$16,0)</f>
        <v>0.72532279484822026</v>
      </c>
      <c r="O4634" s="58">
        <f>IF(Input!$K$13=2,J4634*Input!$J$13,0)+IF(Input!$K$14=2,K4634*Input!$J$14,0)+IF(Input!$K$15=2,L4634*Input!$J$15,0)+IF(Input!$K$16=2,M4634*Input!$J$16,0)</f>
        <v>7.3189697420325606E-2</v>
      </c>
      <c r="P4634" s="58">
        <f>IF(Input!$K$13=3,J4634*Input!$J$13,0)+IF(Input!$K$14=3,K4634*Input!$J$14,0)+IF(Input!$K$15=3,L4634*Input!$J$15,0)+IF(Input!$K$16=3,M4634*Input!$J$16,0)</f>
        <v>0</v>
      </c>
      <c r="Q4634" s="71">
        <f>IF(Input!$K$13=4,J4634*Input!$J$13,0)+IF(Input!$K$14=4,K4634*Input!$J$14,0)+IF(Input!$K$15=4,L4634*Input!$J$15,0)+IF(Input!$K$16=4,M4634*Input!$J$16,0)</f>
        <v>0</v>
      </c>
    </row>
    <row r="4635" spans="8:17" x14ac:dyDescent="0.25">
      <c r="H4635" s="43">
        <v>4628</v>
      </c>
      <c r="I4635" s="55">
        <f>Bühler!I4661</f>
        <v>0</v>
      </c>
      <c r="J4635" s="58">
        <f>Bühler!J4661</f>
        <v>6.0443566237351689</v>
      </c>
      <c r="K4635" s="58">
        <f>Bühler!K4661</f>
        <v>0.54214590681722674</v>
      </c>
      <c r="L4635" s="58">
        <f>Bühler!L4661</f>
        <v>0.27107295340861337</v>
      </c>
      <c r="M4635" s="57">
        <f>Bühler!M4661</f>
        <v>0</v>
      </c>
      <c r="N4635" s="55">
        <f>IF(Input!$K$13=1,J4635*Input!$J$13,0)+IF(Input!$K$14=1,K4635*Input!$J$14,0)+IF(Input!$K$15=1,L4635*Input!$J$15,0)+IF(Input!$K$16=1,M4635*Input!$J$16,0)</f>
        <v>0.72532279484822026</v>
      </c>
      <c r="O4635" s="58">
        <f>IF(Input!$K$13=2,J4635*Input!$J$13,0)+IF(Input!$K$14=2,K4635*Input!$J$14,0)+IF(Input!$K$15=2,L4635*Input!$J$15,0)+IF(Input!$K$16=2,M4635*Input!$J$16,0)</f>
        <v>7.3189697420325606E-2</v>
      </c>
      <c r="P4635" s="58">
        <f>IF(Input!$K$13=3,J4635*Input!$J$13,0)+IF(Input!$K$14=3,K4635*Input!$J$14,0)+IF(Input!$K$15=3,L4635*Input!$J$15,0)+IF(Input!$K$16=3,M4635*Input!$J$16,0)</f>
        <v>0</v>
      </c>
      <c r="Q4635" s="71">
        <f>IF(Input!$K$13=4,J4635*Input!$J$13,0)+IF(Input!$K$14=4,K4635*Input!$J$14,0)+IF(Input!$K$15=4,L4635*Input!$J$15,0)+IF(Input!$K$16=4,M4635*Input!$J$16,0)</f>
        <v>0</v>
      </c>
    </row>
    <row r="4636" spans="8:17" x14ac:dyDescent="0.25">
      <c r="H4636" s="43">
        <v>4629</v>
      </c>
      <c r="I4636" s="55">
        <f>Bühler!I4662</f>
        <v>0</v>
      </c>
      <c r="J4636" s="58">
        <f>Bühler!J4662</f>
        <v>6.0443566237351689</v>
      </c>
      <c r="K4636" s="58">
        <f>Bühler!K4662</f>
        <v>0.54214590681722674</v>
      </c>
      <c r="L4636" s="58">
        <f>Bühler!L4662</f>
        <v>0.27107295340861337</v>
      </c>
      <c r="M4636" s="57">
        <f>Bühler!M4662</f>
        <v>0</v>
      </c>
      <c r="N4636" s="55">
        <f>IF(Input!$K$13=1,J4636*Input!$J$13,0)+IF(Input!$K$14=1,K4636*Input!$J$14,0)+IF(Input!$K$15=1,L4636*Input!$J$15,0)+IF(Input!$K$16=1,M4636*Input!$J$16,0)</f>
        <v>0.72532279484822026</v>
      </c>
      <c r="O4636" s="58">
        <f>IF(Input!$K$13=2,J4636*Input!$J$13,0)+IF(Input!$K$14=2,K4636*Input!$J$14,0)+IF(Input!$K$15=2,L4636*Input!$J$15,0)+IF(Input!$K$16=2,M4636*Input!$J$16,0)</f>
        <v>7.3189697420325606E-2</v>
      </c>
      <c r="P4636" s="58">
        <f>IF(Input!$K$13=3,J4636*Input!$J$13,0)+IF(Input!$K$14=3,K4636*Input!$J$14,0)+IF(Input!$K$15=3,L4636*Input!$J$15,0)+IF(Input!$K$16=3,M4636*Input!$J$16,0)</f>
        <v>0</v>
      </c>
      <c r="Q4636" s="71">
        <f>IF(Input!$K$13=4,J4636*Input!$J$13,0)+IF(Input!$K$14=4,K4636*Input!$J$14,0)+IF(Input!$K$15=4,L4636*Input!$J$15,0)+IF(Input!$K$16=4,M4636*Input!$J$16,0)</f>
        <v>0</v>
      </c>
    </row>
    <row r="4637" spans="8:17" x14ac:dyDescent="0.25">
      <c r="H4637" s="43">
        <v>4630</v>
      </c>
      <c r="I4637" s="55">
        <f>Bühler!I4663</f>
        <v>0</v>
      </c>
      <c r="J4637" s="58">
        <f>Bühler!J4663</f>
        <v>6.0443566237351689</v>
      </c>
      <c r="K4637" s="58">
        <f>Bühler!K4663</f>
        <v>0.54214590681722674</v>
      </c>
      <c r="L4637" s="58">
        <f>Bühler!L4663</f>
        <v>0.27107295340861337</v>
      </c>
      <c r="M4637" s="57">
        <f>Bühler!M4663</f>
        <v>0</v>
      </c>
      <c r="N4637" s="55">
        <f>IF(Input!$K$13=1,J4637*Input!$J$13,0)+IF(Input!$K$14=1,K4637*Input!$J$14,0)+IF(Input!$K$15=1,L4637*Input!$J$15,0)+IF(Input!$K$16=1,M4637*Input!$J$16,0)</f>
        <v>0.72532279484822026</v>
      </c>
      <c r="O4637" s="58">
        <f>IF(Input!$K$13=2,J4637*Input!$J$13,0)+IF(Input!$K$14=2,K4637*Input!$J$14,0)+IF(Input!$K$15=2,L4637*Input!$J$15,0)+IF(Input!$K$16=2,M4637*Input!$J$16,0)</f>
        <v>7.3189697420325606E-2</v>
      </c>
      <c r="P4637" s="58">
        <f>IF(Input!$K$13=3,J4637*Input!$J$13,0)+IF(Input!$K$14=3,K4637*Input!$J$14,0)+IF(Input!$K$15=3,L4637*Input!$J$15,0)+IF(Input!$K$16=3,M4637*Input!$J$16,0)</f>
        <v>0</v>
      </c>
      <c r="Q4637" s="71">
        <f>IF(Input!$K$13=4,J4637*Input!$J$13,0)+IF(Input!$K$14=4,K4637*Input!$J$14,0)+IF(Input!$K$15=4,L4637*Input!$J$15,0)+IF(Input!$K$16=4,M4637*Input!$J$16,0)</f>
        <v>0</v>
      </c>
    </row>
    <row r="4638" spans="8:17" x14ac:dyDescent="0.25">
      <c r="H4638" s="43">
        <v>4631</v>
      </c>
      <c r="I4638" s="55">
        <f>Bühler!I4664</f>
        <v>0</v>
      </c>
      <c r="J4638" s="58">
        <f>Bühler!J4664</f>
        <v>6.0443566237351689</v>
      </c>
      <c r="K4638" s="58">
        <f>Bühler!K4664</f>
        <v>0.54214590681722674</v>
      </c>
      <c r="L4638" s="58">
        <f>Bühler!L4664</f>
        <v>0.27107295340861337</v>
      </c>
      <c r="M4638" s="57">
        <f>Bühler!M4664</f>
        <v>0</v>
      </c>
      <c r="N4638" s="55">
        <f>IF(Input!$K$13=1,J4638*Input!$J$13,0)+IF(Input!$K$14=1,K4638*Input!$J$14,0)+IF(Input!$K$15=1,L4638*Input!$J$15,0)+IF(Input!$K$16=1,M4638*Input!$J$16,0)</f>
        <v>0.72532279484822026</v>
      </c>
      <c r="O4638" s="58">
        <f>IF(Input!$K$13=2,J4638*Input!$J$13,0)+IF(Input!$K$14=2,K4638*Input!$J$14,0)+IF(Input!$K$15=2,L4638*Input!$J$15,0)+IF(Input!$K$16=2,M4638*Input!$J$16,0)</f>
        <v>7.3189697420325606E-2</v>
      </c>
      <c r="P4638" s="58">
        <f>IF(Input!$K$13=3,J4638*Input!$J$13,0)+IF(Input!$K$14=3,K4638*Input!$J$14,0)+IF(Input!$K$15=3,L4638*Input!$J$15,0)+IF(Input!$K$16=3,M4638*Input!$J$16,0)</f>
        <v>0</v>
      </c>
      <c r="Q4638" s="71">
        <f>IF(Input!$K$13=4,J4638*Input!$J$13,0)+IF(Input!$K$14=4,K4638*Input!$J$14,0)+IF(Input!$K$15=4,L4638*Input!$J$15,0)+IF(Input!$K$16=4,M4638*Input!$J$16,0)</f>
        <v>0</v>
      </c>
    </row>
    <row r="4639" spans="8:17" x14ac:dyDescent="0.25">
      <c r="H4639" s="43">
        <v>4632</v>
      </c>
      <c r="I4639" s="55">
        <f>Bühler!I4665</f>
        <v>0</v>
      </c>
      <c r="J4639" s="58">
        <f>Bühler!J4665</f>
        <v>6.0443566237351689</v>
      </c>
      <c r="K4639" s="58">
        <f>Bühler!K4665</f>
        <v>0.54214590681722674</v>
      </c>
      <c r="L4639" s="58">
        <f>Bühler!L4665</f>
        <v>0.27107295340861337</v>
      </c>
      <c r="M4639" s="57">
        <f>Bühler!M4665</f>
        <v>0</v>
      </c>
      <c r="N4639" s="55">
        <f>IF(Input!$K$13=1,J4639*Input!$J$13,0)+IF(Input!$K$14=1,K4639*Input!$J$14,0)+IF(Input!$K$15=1,L4639*Input!$J$15,0)+IF(Input!$K$16=1,M4639*Input!$J$16,0)</f>
        <v>0.72532279484822026</v>
      </c>
      <c r="O4639" s="58">
        <f>IF(Input!$K$13=2,J4639*Input!$J$13,0)+IF(Input!$K$14=2,K4639*Input!$J$14,0)+IF(Input!$K$15=2,L4639*Input!$J$15,0)+IF(Input!$K$16=2,M4639*Input!$J$16,0)</f>
        <v>7.3189697420325606E-2</v>
      </c>
      <c r="P4639" s="58">
        <f>IF(Input!$K$13=3,J4639*Input!$J$13,0)+IF(Input!$K$14=3,K4639*Input!$J$14,0)+IF(Input!$K$15=3,L4639*Input!$J$15,0)+IF(Input!$K$16=3,M4639*Input!$J$16,0)</f>
        <v>0</v>
      </c>
      <c r="Q4639" s="71">
        <f>IF(Input!$K$13=4,J4639*Input!$J$13,0)+IF(Input!$K$14=4,K4639*Input!$J$14,0)+IF(Input!$K$15=4,L4639*Input!$J$15,0)+IF(Input!$K$16=4,M4639*Input!$J$16,0)</f>
        <v>0</v>
      </c>
    </row>
    <row r="4640" spans="8:17" x14ac:dyDescent="0.25">
      <c r="H4640" s="43">
        <v>4633</v>
      </c>
      <c r="I4640" s="55">
        <f>Bühler!I4666</f>
        <v>0</v>
      </c>
      <c r="J4640" s="58">
        <f>Bühler!J4666</f>
        <v>6.4084337398606728</v>
      </c>
      <c r="K4640" s="58">
        <f>Bühler!K4666</f>
        <v>0.55647973961855934</v>
      </c>
      <c r="L4640" s="58">
        <f>Bühler!L4666</f>
        <v>0.27823986980927967</v>
      </c>
      <c r="M4640" s="57">
        <f>Bühler!M4666</f>
        <v>0</v>
      </c>
      <c r="N4640" s="55">
        <f>IF(Input!$K$13=1,J4640*Input!$J$13,0)+IF(Input!$K$14=1,K4640*Input!$J$14,0)+IF(Input!$K$15=1,L4640*Input!$J$15,0)+IF(Input!$K$16=1,M4640*Input!$J$16,0)</f>
        <v>0.76901204878328067</v>
      </c>
      <c r="O4640" s="58">
        <f>IF(Input!$K$13=2,J4640*Input!$J$13,0)+IF(Input!$K$14=2,K4640*Input!$J$14,0)+IF(Input!$K$15=2,L4640*Input!$J$15,0)+IF(Input!$K$16=2,M4640*Input!$J$16,0)</f>
        <v>7.5124764848505513E-2</v>
      </c>
      <c r="P4640" s="58">
        <f>IF(Input!$K$13=3,J4640*Input!$J$13,0)+IF(Input!$K$14=3,K4640*Input!$J$14,0)+IF(Input!$K$15=3,L4640*Input!$J$15,0)+IF(Input!$K$16=3,M4640*Input!$J$16,0)</f>
        <v>0</v>
      </c>
      <c r="Q4640" s="71">
        <f>IF(Input!$K$13=4,J4640*Input!$J$13,0)+IF(Input!$K$14=4,K4640*Input!$J$14,0)+IF(Input!$K$15=4,L4640*Input!$J$15,0)+IF(Input!$K$16=4,M4640*Input!$J$16,0)</f>
        <v>0</v>
      </c>
    </row>
    <row r="4641" spans="8:17" x14ac:dyDescent="0.25">
      <c r="H4641" s="43">
        <v>4634</v>
      </c>
      <c r="I4641" s="55">
        <f>Bühler!I4667</f>
        <v>0</v>
      </c>
      <c r="J4641" s="58">
        <f>Bühler!J4667</f>
        <v>6.4084337398606728</v>
      </c>
      <c r="K4641" s="58">
        <f>Bühler!K4667</f>
        <v>0.55647973961855934</v>
      </c>
      <c r="L4641" s="58">
        <f>Bühler!L4667</f>
        <v>0.27823986980927967</v>
      </c>
      <c r="M4641" s="57">
        <f>Bühler!M4667</f>
        <v>0</v>
      </c>
      <c r="N4641" s="55">
        <f>IF(Input!$K$13=1,J4641*Input!$J$13,0)+IF(Input!$K$14=1,K4641*Input!$J$14,0)+IF(Input!$K$15=1,L4641*Input!$J$15,0)+IF(Input!$K$16=1,M4641*Input!$J$16,0)</f>
        <v>0.76901204878328067</v>
      </c>
      <c r="O4641" s="58">
        <f>IF(Input!$K$13=2,J4641*Input!$J$13,0)+IF(Input!$K$14=2,K4641*Input!$J$14,0)+IF(Input!$K$15=2,L4641*Input!$J$15,0)+IF(Input!$K$16=2,M4641*Input!$J$16,0)</f>
        <v>7.5124764848505513E-2</v>
      </c>
      <c r="P4641" s="58">
        <f>IF(Input!$K$13=3,J4641*Input!$J$13,0)+IF(Input!$K$14=3,K4641*Input!$J$14,0)+IF(Input!$K$15=3,L4641*Input!$J$15,0)+IF(Input!$K$16=3,M4641*Input!$J$16,0)</f>
        <v>0</v>
      </c>
      <c r="Q4641" s="71">
        <f>IF(Input!$K$13=4,J4641*Input!$J$13,0)+IF(Input!$K$14=4,K4641*Input!$J$14,0)+IF(Input!$K$15=4,L4641*Input!$J$15,0)+IF(Input!$K$16=4,M4641*Input!$J$16,0)</f>
        <v>0</v>
      </c>
    </row>
    <row r="4642" spans="8:17" x14ac:dyDescent="0.25">
      <c r="H4642" s="43">
        <v>4635</v>
      </c>
      <c r="I4642" s="55">
        <f>Bühler!I4668</f>
        <v>0</v>
      </c>
      <c r="J4642" s="58">
        <f>Bühler!J4668</f>
        <v>6.4084337398606728</v>
      </c>
      <c r="K4642" s="58">
        <f>Bühler!K4668</f>
        <v>0.55647973961855934</v>
      </c>
      <c r="L4642" s="58">
        <f>Bühler!L4668</f>
        <v>0.27823986980927967</v>
      </c>
      <c r="M4642" s="57">
        <f>Bühler!M4668</f>
        <v>0</v>
      </c>
      <c r="N4642" s="55">
        <f>IF(Input!$K$13=1,J4642*Input!$J$13,0)+IF(Input!$K$14=1,K4642*Input!$J$14,0)+IF(Input!$K$15=1,L4642*Input!$J$15,0)+IF(Input!$K$16=1,M4642*Input!$J$16,0)</f>
        <v>0.76901204878328067</v>
      </c>
      <c r="O4642" s="58">
        <f>IF(Input!$K$13=2,J4642*Input!$J$13,0)+IF(Input!$K$14=2,K4642*Input!$J$14,0)+IF(Input!$K$15=2,L4642*Input!$J$15,0)+IF(Input!$K$16=2,M4642*Input!$J$16,0)</f>
        <v>7.5124764848505513E-2</v>
      </c>
      <c r="P4642" s="58">
        <f>IF(Input!$K$13=3,J4642*Input!$J$13,0)+IF(Input!$K$14=3,K4642*Input!$J$14,0)+IF(Input!$K$15=3,L4642*Input!$J$15,0)+IF(Input!$K$16=3,M4642*Input!$J$16,0)</f>
        <v>0</v>
      </c>
      <c r="Q4642" s="71">
        <f>IF(Input!$K$13=4,J4642*Input!$J$13,0)+IF(Input!$K$14=4,K4642*Input!$J$14,0)+IF(Input!$K$15=4,L4642*Input!$J$15,0)+IF(Input!$K$16=4,M4642*Input!$J$16,0)</f>
        <v>0</v>
      </c>
    </row>
    <row r="4643" spans="8:17" x14ac:dyDescent="0.25">
      <c r="H4643" s="43">
        <v>4636</v>
      </c>
      <c r="I4643" s="55">
        <f>Bühler!I4669</f>
        <v>0</v>
      </c>
      <c r="J4643" s="58">
        <f>Bühler!J4669</f>
        <v>6.4084337398606728</v>
      </c>
      <c r="K4643" s="58">
        <f>Bühler!K4669</f>
        <v>0.55647973961855934</v>
      </c>
      <c r="L4643" s="58">
        <f>Bühler!L4669</f>
        <v>0.27823986980927967</v>
      </c>
      <c r="M4643" s="57">
        <f>Bühler!M4669</f>
        <v>0</v>
      </c>
      <c r="N4643" s="55">
        <f>IF(Input!$K$13=1,J4643*Input!$J$13,0)+IF(Input!$K$14=1,K4643*Input!$J$14,0)+IF(Input!$K$15=1,L4643*Input!$J$15,0)+IF(Input!$K$16=1,M4643*Input!$J$16,0)</f>
        <v>0.76901204878328067</v>
      </c>
      <c r="O4643" s="58">
        <f>IF(Input!$K$13=2,J4643*Input!$J$13,0)+IF(Input!$K$14=2,K4643*Input!$J$14,0)+IF(Input!$K$15=2,L4643*Input!$J$15,0)+IF(Input!$K$16=2,M4643*Input!$J$16,0)</f>
        <v>7.5124764848505513E-2</v>
      </c>
      <c r="P4643" s="58">
        <f>IF(Input!$K$13=3,J4643*Input!$J$13,0)+IF(Input!$K$14=3,K4643*Input!$J$14,0)+IF(Input!$K$15=3,L4643*Input!$J$15,0)+IF(Input!$K$16=3,M4643*Input!$J$16,0)</f>
        <v>0</v>
      </c>
      <c r="Q4643" s="71">
        <f>IF(Input!$K$13=4,J4643*Input!$J$13,0)+IF(Input!$K$14=4,K4643*Input!$J$14,0)+IF(Input!$K$15=4,L4643*Input!$J$15,0)+IF(Input!$K$16=4,M4643*Input!$J$16,0)</f>
        <v>0</v>
      </c>
    </row>
    <row r="4644" spans="8:17" x14ac:dyDescent="0.25">
      <c r="H4644" s="43">
        <v>4637</v>
      </c>
      <c r="I4644" s="55">
        <f>Bühler!I4670</f>
        <v>0</v>
      </c>
      <c r="J4644" s="58">
        <f>Bühler!J4670</f>
        <v>6.4084337398606728</v>
      </c>
      <c r="K4644" s="58">
        <f>Bühler!K4670</f>
        <v>0.55647973961855934</v>
      </c>
      <c r="L4644" s="58">
        <f>Bühler!L4670</f>
        <v>0.27823986980927967</v>
      </c>
      <c r="M4644" s="57">
        <f>Bühler!M4670</f>
        <v>0</v>
      </c>
      <c r="N4644" s="55">
        <f>IF(Input!$K$13=1,J4644*Input!$J$13,0)+IF(Input!$K$14=1,K4644*Input!$J$14,0)+IF(Input!$K$15=1,L4644*Input!$J$15,0)+IF(Input!$K$16=1,M4644*Input!$J$16,0)</f>
        <v>0.76901204878328067</v>
      </c>
      <c r="O4644" s="58">
        <f>IF(Input!$K$13=2,J4644*Input!$J$13,0)+IF(Input!$K$14=2,K4644*Input!$J$14,0)+IF(Input!$K$15=2,L4644*Input!$J$15,0)+IF(Input!$K$16=2,M4644*Input!$J$16,0)</f>
        <v>7.5124764848505513E-2</v>
      </c>
      <c r="P4644" s="58">
        <f>IF(Input!$K$13=3,J4644*Input!$J$13,0)+IF(Input!$K$14=3,K4644*Input!$J$14,0)+IF(Input!$K$15=3,L4644*Input!$J$15,0)+IF(Input!$K$16=3,M4644*Input!$J$16,0)</f>
        <v>0</v>
      </c>
      <c r="Q4644" s="71">
        <f>IF(Input!$K$13=4,J4644*Input!$J$13,0)+IF(Input!$K$14=4,K4644*Input!$J$14,0)+IF(Input!$K$15=4,L4644*Input!$J$15,0)+IF(Input!$K$16=4,M4644*Input!$J$16,0)</f>
        <v>0</v>
      </c>
    </row>
    <row r="4645" spans="8:17" x14ac:dyDescent="0.25">
      <c r="H4645" s="43">
        <v>4638</v>
      </c>
      <c r="I4645" s="55">
        <f>Bühler!I4671</f>
        <v>0</v>
      </c>
      <c r="J4645" s="58">
        <f>Bühler!J4671</f>
        <v>6.4084337398606728</v>
      </c>
      <c r="K4645" s="58">
        <f>Bühler!K4671</f>
        <v>0.55647973961855934</v>
      </c>
      <c r="L4645" s="58">
        <f>Bühler!L4671</f>
        <v>0.27823986980927967</v>
      </c>
      <c r="M4645" s="57">
        <f>Bühler!M4671</f>
        <v>0</v>
      </c>
      <c r="N4645" s="55">
        <f>IF(Input!$K$13=1,J4645*Input!$J$13,0)+IF(Input!$K$14=1,K4645*Input!$J$14,0)+IF(Input!$K$15=1,L4645*Input!$J$15,0)+IF(Input!$K$16=1,M4645*Input!$J$16,0)</f>
        <v>0.76901204878328067</v>
      </c>
      <c r="O4645" s="58">
        <f>IF(Input!$K$13=2,J4645*Input!$J$13,0)+IF(Input!$K$14=2,K4645*Input!$J$14,0)+IF(Input!$K$15=2,L4645*Input!$J$15,0)+IF(Input!$K$16=2,M4645*Input!$J$16,0)</f>
        <v>7.5124764848505513E-2</v>
      </c>
      <c r="P4645" s="58">
        <f>IF(Input!$K$13=3,J4645*Input!$J$13,0)+IF(Input!$K$14=3,K4645*Input!$J$14,0)+IF(Input!$K$15=3,L4645*Input!$J$15,0)+IF(Input!$K$16=3,M4645*Input!$J$16,0)</f>
        <v>0</v>
      </c>
      <c r="Q4645" s="71">
        <f>IF(Input!$K$13=4,J4645*Input!$J$13,0)+IF(Input!$K$14=4,K4645*Input!$J$14,0)+IF(Input!$K$15=4,L4645*Input!$J$15,0)+IF(Input!$K$16=4,M4645*Input!$J$16,0)</f>
        <v>0</v>
      </c>
    </row>
    <row r="4646" spans="8:17" x14ac:dyDescent="0.25">
      <c r="H4646" s="43">
        <v>4639</v>
      </c>
      <c r="I4646" s="55">
        <f>Bühler!I4672</f>
        <v>0</v>
      </c>
      <c r="J4646" s="58">
        <f>Bühler!J4672</f>
        <v>6.4084337398606728</v>
      </c>
      <c r="K4646" s="58">
        <f>Bühler!K4672</f>
        <v>0.55647973961855934</v>
      </c>
      <c r="L4646" s="58">
        <f>Bühler!L4672</f>
        <v>0.27823986980927967</v>
      </c>
      <c r="M4646" s="57">
        <f>Bühler!M4672</f>
        <v>0</v>
      </c>
      <c r="N4646" s="55">
        <f>IF(Input!$K$13=1,J4646*Input!$J$13,0)+IF(Input!$K$14=1,K4646*Input!$J$14,0)+IF(Input!$K$15=1,L4646*Input!$J$15,0)+IF(Input!$K$16=1,M4646*Input!$J$16,0)</f>
        <v>0.76901204878328067</v>
      </c>
      <c r="O4646" s="58">
        <f>IF(Input!$K$13=2,J4646*Input!$J$13,0)+IF(Input!$K$14=2,K4646*Input!$J$14,0)+IF(Input!$K$15=2,L4646*Input!$J$15,0)+IF(Input!$K$16=2,M4646*Input!$J$16,0)</f>
        <v>7.5124764848505513E-2</v>
      </c>
      <c r="P4646" s="58">
        <f>IF(Input!$K$13=3,J4646*Input!$J$13,0)+IF(Input!$K$14=3,K4646*Input!$J$14,0)+IF(Input!$K$15=3,L4646*Input!$J$15,0)+IF(Input!$K$16=3,M4646*Input!$J$16,0)</f>
        <v>0</v>
      </c>
      <c r="Q4646" s="71">
        <f>IF(Input!$K$13=4,J4646*Input!$J$13,0)+IF(Input!$K$14=4,K4646*Input!$J$14,0)+IF(Input!$K$15=4,L4646*Input!$J$15,0)+IF(Input!$K$16=4,M4646*Input!$J$16,0)</f>
        <v>0</v>
      </c>
    </row>
    <row r="4647" spans="8:17" x14ac:dyDescent="0.25">
      <c r="H4647" s="43">
        <v>4640</v>
      </c>
      <c r="I4647" s="55">
        <f>Bühler!I4673</f>
        <v>0</v>
      </c>
      <c r="J4647" s="58">
        <f>Bühler!J4673</f>
        <v>26.196900348703174</v>
      </c>
      <c r="K4647" s="58">
        <f>Bühler!K4673</f>
        <v>2.2748217234710193</v>
      </c>
      <c r="L4647" s="58">
        <f>Bühler!L4673</f>
        <v>1.1374108617355096</v>
      </c>
      <c r="M4647" s="57">
        <f>Bühler!M4673</f>
        <v>0</v>
      </c>
      <c r="N4647" s="55">
        <f>IF(Input!$K$13=1,J4647*Input!$J$13,0)+IF(Input!$K$14=1,K4647*Input!$J$14,0)+IF(Input!$K$15=1,L4647*Input!$J$15,0)+IF(Input!$K$16=1,M4647*Input!$J$16,0)</f>
        <v>3.1436280418443809</v>
      </c>
      <c r="O4647" s="58">
        <f>IF(Input!$K$13=2,J4647*Input!$J$13,0)+IF(Input!$K$14=2,K4647*Input!$J$14,0)+IF(Input!$K$15=2,L4647*Input!$J$15,0)+IF(Input!$K$16=2,M4647*Input!$J$16,0)</f>
        <v>0.30710093266858762</v>
      </c>
      <c r="P4647" s="58">
        <f>IF(Input!$K$13=3,J4647*Input!$J$13,0)+IF(Input!$K$14=3,K4647*Input!$J$14,0)+IF(Input!$K$15=3,L4647*Input!$J$15,0)+IF(Input!$K$16=3,M4647*Input!$J$16,0)</f>
        <v>0</v>
      </c>
      <c r="Q4647" s="71">
        <f>IF(Input!$K$13=4,J4647*Input!$J$13,0)+IF(Input!$K$14=4,K4647*Input!$J$14,0)+IF(Input!$K$15=4,L4647*Input!$J$15,0)+IF(Input!$K$16=4,M4647*Input!$J$16,0)</f>
        <v>0</v>
      </c>
    </row>
    <row r="4648" spans="8:17" x14ac:dyDescent="0.25">
      <c r="H4648" s="43">
        <v>4641</v>
      </c>
      <c r="I4648" s="55">
        <f>Bühler!I4674</f>
        <v>0</v>
      </c>
      <c r="J4648" s="58">
        <f>Bühler!J4674</f>
        <v>29.230225652237223</v>
      </c>
      <c r="K4648" s="58">
        <f>Bühler!K4674</f>
        <v>2.5382221335571375</v>
      </c>
      <c r="L4648" s="58">
        <f>Bühler!L4674</f>
        <v>1.2691110667785688</v>
      </c>
      <c r="M4648" s="57">
        <f>Bühler!M4674</f>
        <v>0</v>
      </c>
      <c r="N4648" s="55">
        <f>IF(Input!$K$13=1,J4648*Input!$J$13,0)+IF(Input!$K$14=1,K4648*Input!$J$14,0)+IF(Input!$K$15=1,L4648*Input!$J$15,0)+IF(Input!$K$16=1,M4648*Input!$J$16,0)</f>
        <v>3.5076270782684666</v>
      </c>
      <c r="O4648" s="58">
        <f>IF(Input!$K$13=2,J4648*Input!$J$13,0)+IF(Input!$K$14=2,K4648*Input!$J$14,0)+IF(Input!$K$15=2,L4648*Input!$J$15,0)+IF(Input!$K$16=2,M4648*Input!$J$16,0)</f>
        <v>0.34265998803021358</v>
      </c>
      <c r="P4648" s="58">
        <f>IF(Input!$K$13=3,J4648*Input!$J$13,0)+IF(Input!$K$14=3,K4648*Input!$J$14,0)+IF(Input!$K$15=3,L4648*Input!$J$15,0)+IF(Input!$K$16=3,M4648*Input!$J$16,0)</f>
        <v>0</v>
      </c>
      <c r="Q4648" s="71">
        <f>IF(Input!$K$13=4,J4648*Input!$J$13,0)+IF(Input!$K$14=4,K4648*Input!$J$14,0)+IF(Input!$K$15=4,L4648*Input!$J$15,0)+IF(Input!$K$16=4,M4648*Input!$J$16,0)</f>
        <v>0</v>
      </c>
    </row>
    <row r="4649" spans="8:17" x14ac:dyDescent="0.25">
      <c r="H4649" s="43">
        <v>4642</v>
      </c>
      <c r="I4649" s="55">
        <f>Bühler!I4675</f>
        <v>0</v>
      </c>
      <c r="J4649" s="58">
        <f>Bühler!J4675</f>
        <v>32.263550955771279</v>
      </c>
      <c r="K4649" s="58">
        <f>Bühler!K4675</f>
        <v>2.8016225436432558</v>
      </c>
      <c r="L4649" s="58">
        <f>Bühler!L4675</f>
        <v>1.4008112718216279</v>
      </c>
      <c r="M4649" s="57">
        <f>Bühler!M4675</f>
        <v>0</v>
      </c>
      <c r="N4649" s="55">
        <f>IF(Input!$K$13=1,J4649*Input!$J$13,0)+IF(Input!$K$14=1,K4649*Input!$J$14,0)+IF(Input!$K$15=1,L4649*Input!$J$15,0)+IF(Input!$K$16=1,M4649*Input!$J$16,0)</f>
        <v>3.8716261146925532</v>
      </c>
      <c r="O4649" s="58">
        <f>IF(Input!$K$13=2,J4649*Input!$J$13,0)+IF(Input!$K$14=2,K4649*Input!$J$14,0)+IF(Input!$K$15=2,L4649*Input!$J$15,0)+IF(Input!$K$16=2,M4649*Input!$J$16,0)</f>
        <v>0.37821904339183954</v>
      </c>
      <c r="P4649" s="58">
        <f>IF(Input!$K$13=3,J4649*Input!$J$13,0)+IF(Input!$K$14=3,K4649*Input!$J$14,0)+IF(Input!$K$15=3,L4649*Input!$J$15,0)+IF(Input!$K$16=3,M4649*Input!$J$16,0)</f>
        <v>0</v>
      </c>
      <c r="Q4649" s="71">
        <f>IF(Input!$K$13=4,J4649*Input!$J$13,0)+IF(Input!$K$14=4,K4649*Input!$J$14,0)+IF(Input!$K$15=4,L4649*Input!$J$15,0)+IF(Input!$K$16=4,M4649*Input!$J$16,0)</f>
        <v>0</v>
      </c>
    </row>
    <row r="4650" spans="8:17" x14ac:dyDescent="0.25">
      <c r="H4650" s="43">
        <v>4643</v>
      </c>
      <c r="I4650" s="55">
        <f>Bühler!I4676</f>
        <v>0</v>
      </c>
      <c r="J4650" s="58">
        <f>Bühler!J4676</f>
        <v>32.263550955771279</v>
      </c>
      <c r="K4650" s="58">
        <f>Bühler!K4676</f>
        <v>2.8016225436432558</v>
      </c>
      <c r="L4650" s="58">
        <f>Bühler!L4676</f>
        <v>1.4008112718216279</v>
      </c>
      <c r="M4650" s="57">
        <f>Bühler!M4676</f>
        <v>0</v>
      </c>
      <c r="N4650" s="55">
        <f>IF(Input!$K$13=1,J4650*Input!$J$13,0)+IF(Input!$K$14=1,K4650*Input!$J$14,0)+IF(Input!$K$15=1,L4650*Input!$J$15,0)+IF(Input!$K$16=1,M4650*Input!$J$16,0)</f>
        <v>3.8716261146925532</v>
      </c>
      <c r="O4650" s="58">
        <f>IF(Input!$K$13=2,J4650*Input!$J$13,0)+IF(Input!$K$14=2,K4650*Input!$J$14,0)+IF(Input!$K$15=2,L4650*Input!$J$15,0)+IF(Input!$K$16=2,M4650*Input!$J$16,0)</f>
        <v>0.37821904339183954</v>
      </c>
      <c r="P4650" s="58">
        <f>IF(Input!$K$13=3,J4650*Input!$J$13,0)+IF(Input!$K$14=3,K4650*Input!$J$14,0)+IF(Input!$K$15=3,L4650*Input!$J$15,0)+IF(Input!$K$16=3,M4650*Input!$J$16,0)</f>
        <v>0</v>
      </c>
      <c r="Q4650" s="71">
        <f>IF(Input!$K$13=4,J4650*Input!$J$13,0)+IF(Input!$K$14=4,K4650*Input!$J$14,0)+IF(Input!$K$15=4,L4650*Input!$J$15,0)+IF(Input!$K$16=4,M4650*Input!$J$16,0)</f>
        <v>0</v>
      </c>
    </row>
    <row r="4651" spans="8:17" x14ac:dyDescent="0.25">
      <c r="H4651" s="43">
        <v>4644</v>
      </c>
      <c r="I4651" s="55">
        <f>Bühler!I4677</f>
        <v>0</v>
      </c>
      <c r="J4651" s="58">
        <f>Bühler!J4677</f>
        <v>38.605958408615201</v>
      </c>
      <c r="K4651" s="58">
        <f>Bühler!K4677</f>
        <v>3.3523688556415023</v>
      </c>
      <c r="L4651" s="58">
        <f>Bühler!L4677</f>
        <v>1.6761844278207512</v>
      </c>
      <c r="M4651" s="57">
        <f>Bühler!M4677</f>
        <v>0</v>
      </c>
      <c r="N4651" s="55">
        <f>IF(Input!$K$13=1,J4651*Input!$J$13,0)+IF(Input!$K$14=1,K4651*Input!$J$14,0)+IF(Input!$K$15=1,L4651*Input!$J$15,0)+IF(Input!$K$16=1,M4651*Input!$J$16,0)</f>
        <v>4.6327150090338236</v>
      </c>
      <c r="O4651" s="58">
        <f>IF(Input!$K$13=2,J4651*Input!$J$13,0)+IF(Input!$K$14=2,K4651*Input!$J$14,0)+IF(Input!$K$15=2,L4651*Input!$J$15,0)+IF(Input!$K$16=2,M4651*Input!$J$16,0)</f>
        <v>0.45256979551160281</v>
      </c>
      <c r="P4651" s="58">
        <f>IF(Input!$K$13=3,J4651*Input!$J$13,0)+IF(Input!$K$14=3,K4651*Input!$J$14,0)+IF(Input!$K$15=3,L4651*Input!$J$15,0)+IF(Input!$K$16=3,M4651*Input!$J$16,0)</f>
        <v>0</v>
      </c>
      <c r="Q4651" s="71">
        <f>IF(Input!$K$13=4,J4651*Input!$J$13,0)+IF(Input!$K$14=4,K4651*Input!$J$14,0)+IF(Input!$K$15=4,L4651*Input!$J$15,0)+IF(Input!$K$16=4,M4651*Input!$J$16,0)</f>
        <v>0</v>
      </c>
    </row>
    <row r="4652" spans="8:17" x14ac:dyDescent="0.25">
      <c r="H4652" s="43">
        <v>4645</v>
      </c>
      <c r="I4652" s="55">
        <f>Bühler!I4678</f>
        <v>0</v>
      </c>
      <c r="J4652" s="58">
        <f>Bühler!J4678</f>
        <v>38.605958408615201</v>
      </c>
      <c r="K4652" s="58">
        <f>Bühler!K4678</f>
        <v>3.3523688556415023</v>
      </c>
      <c r="L4652" s="58">
        <f>Bühler!L4678</f>
        <v>1.6761844278207512</v>
      </c>
      <c r="M4652" s="57">
        <f>Bühler!M4678</f>
        <v>0</v>
      </c>
      <c r="N4652" s="55">
        <f>IF(Input!$K$13=1,J4652*Input!$J$13,0)+IF(Input!$K$14=1,K4652*Input!$J$14,0)+IF(Input!$K$15=1,L4652*Input!$J$15,0)+IF(Input!$K$16=1,M4652*Input!$J$16,0)</f>
        <v>4.6327150090338236</v>
      </c>
      <c r="O4652" s="58">
        <f>IF(Input!$K$13=2,J4652*Input!$J$13,0)+IF(Input!$K$14=2,K4652*Input!$J$14,0)+IF(Input!$K$15=2,L4652*Input!$J$15,0)+IF(Input!$K$16=2,M4652*Input!$J$16,0)</f>
        <v>0.45256979551160281</v>
      </c>
      <c r="P4652" s="58">
        <f>IF(Input!$K$13=3,J4652*Input!$J$13,0)+IF(Input!$K$14=3,K4652*Input!$J$14,0)+IF(Input!$K$15=3,L4652*Input!$J$15,0)+IF(Input!$K$16=3,M4652*Input!$J$16,0)</f>
        <v>0</v>
      </c>
      <c r="Q4652" s="71">
        <f>IF(Input!$K$13=4,J4652*Input!$J$13,0)+IF(Input!$K$14=4,K4652*Input!$J$14,0)+IF(Input!$K$15=4,L4652*Input!$J$15,0)+IF(Input!$K$16=4,M4652*Input!$J$16,0)</f>
        <v>0</v>
      </c>
    </row>
    <row r="4653" spans="8:17" x14ac:dyDescent="0.25">
      <c r="H4653" s="43">
        <v>4646</v>
      </c>
      <c r="I4653" s="55">
        <f>Bühler!I4679</f>
        <v>0</v>
      </c>
      <c r="J4653" s="58">
        <f>Bühler!J4679</f>
        <v>25.645386657151526</v>
      </c>
      <c r="K4653" s="58">
        <f>Bühler!K4679</f>
        <v>2.2269307398189979</v>
      </c>
      <c r="L4653" s="58">
        <f>Bühler!L4679</f>
        <v>1.113465369909499</v>
      </c>
      <c r="M4653" s="57">
        <f>Bühler!M4679</f>
        <v>0</v>
      </c>
      <c r="N4653" s="55">
        <f>IF(Input!$K$13=1,J4653*Input!$J$13,0)+IF(Input!$K$14=1,K4653*Input!$J$14,0)+IF(Input!$K$15=1,L4653*Input!$J$15,0)+IF(Input!$K$16=1,M4653*Input!$J$16,0)</f>
        <v>3.0774463988581831</v>
      </c>
      <c r="O4653" s="58">
        <f>IF(Input!$K$13=2,J4653*Input!$J$13,0)+IF(Input!$K$14=2,K4653*Input!$J$14,0)+IF(Input!$K$15=2,L4653*Input!$J$15,0)+IF(Input!$K$16=2,M4653*Input!$J$16,0)</f>
        <v>0.30063564987556468</v>
      </c>
      <c r="P4653" s="58">
        <f>IF(Input!$K$13=3,J4653*Input!$J$13,0)+IF(Input!$K$14=3,K4653*Input!$J$14,0)+IF(Input!$K$15=3,L4653*Input!$J$15,0)+IF(Input!$K$16=3,M4653*Input!$J$16,0)</f>
        <v>0</v>
      </c>
      <c r="Q4653" s="71">
        <f>IF(Input!$K$13=4,J4653*Input!$J$13,0)+IF(Input!$K$14=4,K4653*Input!$J$14,0)+IF(Input!$K$15=4,L4653*Input!$J$15,0)+IF(Input!$K$16=4,M4653*Input!$J$16,0)</f>
        <v>0</v>
      </c>
    </row>
    <row r="4654" spans="8:17" x14ac:dyDescent="0.25">
      <c r="H4654" s="43">
        <v>4647</v>
      </c>
      <c r="I4654" s="55">
        <f>Bühler!I4680</f>
        <v>0</v>
      </c>
      <c r="J4654" s="58">
        <f>Bühler!J4680</f>
        <v>38.605958408615201</v>
      </c>
      <c r="K4654" s="58">
        <f>Bühler!K4680</f>
        <v>3.3523688556415023</v>
      </c>
      <c r="L4654" s="58">
        <f>Bühler!L4680</f>
        <v>1.6761844278207512</v>
      </c>
      <c r="M4654" s="57">
        <f>Bühler!M4680</f>
        <v>0</v>
      </c>
      <c r="N4654" s="55">
        <f>IF(Input!$K$13=1,J4654*Input!$J$13,0)+IF(Input!$K$14=1,K4654*Input!$J$14,0)+IF(Input!$K$15=1,L4654*Input!$J$15,0)+IF(Input!$K$16=1,M4654*Input!$J$16,0)</f>
        <v>4.6327150090338236</v>
      </c>
      <c r="O4654" s="58">
        <f>IF(Input!$K$13=2,J4654*Input!$J$13,0)+IF(Input!$K$14=2,K4654*Input!$J$14,0)+IF(Input!$K$15=2,L4654*Input!$J$15,0)+IF(Input!$K$16=2,M4654*Input!$J$16,0)</f>
        <v>0.45256979551160281</v>
      </c>
      <c r="P4654" s="58">
        <f>IF(Input!$K$13=3,J4654*Input!$J$13,0)+IF(Input!$K$14=3,K4654*Input!$J$14,0)+IF(Input!$K$15=3,L4654*Input!$J$15,0)+IF(Input!$K$16=3,M4654*Input!$J$16,0)</f>
        <v>0</v>
      </c>
      <c r="Q4654" s="71">
        <f>IF(Input!$K$13=4,J4654*Input!$J$13,0)+IF(Input!$K$14=4,K4654*Input!$J$14,0)+IF(Input!$K$15=4,L4654*Input!$J$15,0)+IF(Input!$K$16=4,M4654*Input!$J$16,0)</f>
        <v>0</v>
      </c>
    </row>
    <row r="4655" spans="8:17" x14ac:dyDescent="0.25">
      <c r="H4655" s="43">
        <v>4648</v>
      </c>
      <c r="I4655" s="55">
        <f>Bühler!I4681</f>
        <v>0</v>
      </c>
      <c r="J4655" s="58">
        <f>Bühler!J4681</f>
        <v>38.605958408615201</v>
      </c>
      <c r="K4655" s="58">
        <f>Bühler!K4681</f>
        <v>3.3523688556415023</v>
      </c>
      <c r="L4655" s="58">
        <f>Bühler!L4681</f>
        <v>1.6761844278207512</v>
      </c>
      <c r="M4655" s="57">
        <f>Bühler!M4681</f>
        <v>0</v>
      </c>
      <c r="N4655" s="55">
        <f>IF(Input!$K$13=1,J4655*Input!$J$13,0)+IF(Input!$K$14=1,K4655*Input!$J$14,0)+IF(Input!$K$15=1,L4655*Input!$J$15,0)+IF(Input!$K$16=1,M4655*Input!$J$16,0)</f>
        <v>4.6327150090338236</v>
      </c>
      <c r="O4655" s="58">
        <f>IF(Input!$K$13=2,J4655*Input!$J$13,0)+IF(Input!$K$14=2,K4655*Input!$J$14,0)+IF(Input!$K$15=2,L4655*Input!$J$15,0)+IF(Input!$K$16=2,M4655*Input!$J$16,0)</f>
        <v>0.45256979551160281</v>
      </c>
      <c r="P4655" s="58">
        <f>IF(Input!$K$13=3,J4655*Input!$J$13,0)+IF(Input!$K$14=3,K4655*Input!$J$14,0)+IF(Input!$K$15=3,L4655*Input!$J$15,0)+IF(Input!$K$16=3,M4655*Input!$J$16,0)</f>
        <v>0</v>
      </c>
      <c r="Q4655" s="71">
        <f>IF(Input!$K$13=4,J4655*Input!$J$13,0)+IF(Input!$K$14=4,K4655*Input!$J$14,0)+IF(Input!$K$15=4,L4655*Input!$J$15,0)+IF(Input!$K$16=4,M4655*Input!$J$16,0)</f>
        <v>0</v>
      </c>
    </row>
    <row r="4656" spans="8:17" x14ac:dyDescent="0.25">
      <c r="H4656" s="43">
        <v>4649</v>
      </c>
      <c r="I4656" s="55">
        <f>Bühler!I4682</f>
        <v>0</v>
      </c>
      <c r="J4656" s="58">
        <f>Bühler!J4682</f>
        <v>22.749939776505393</v>
      </c>
      <c r="K4656" s="58">
        <f>Bühler!K4682</f>
        <v>1.9755030756458858</v>
      </c>
      <c r="L4656" s="58">
        <f>Bühler!L4682</f>
        <v>0.98775153782294289</v>
      </c>
      <c r="M4656" s="57">
        <f>Bühler!M4682</f>
        <v>0</v>
      </c>
      <c r="N4656" s="55">
        <f>IF(Input!$K$13=1,J4656*Input!$J$13,0)+IF(Input!$K$14=1,K4656*Input!$J$14,0)+IF(Input!$K$15=1,L4656*Input!$J$15,0)+IF(Input!$K$16=1,M4656*Input!$J$16,0)</f>
        <v>2.7299927731806468</v>
      </c>
      <c r="O4656" s="58">
        <f>IF(Input!$K$13=2,J4656*Input!$J$13,0)+IF(Input!$K$14=2,K4656*Input!$J$14,0)+IF(Input!$K$15=2,L4656*Input!$J$15,0)+IF(Input!$K$16=2,M4656*Input!$J$16,0)</f>
        <v>0.26669291521219457</v>
      </c>
      <c r="P4656" s="58">
        <f>IF(Input!$K$13=3,J4656*Input!$J$13,0)+IF(Input!$K$14=3,K4656*Input!$J$14,0)+IF(Input!$K$15=3,L4656*Input!$J$15,0)+IF(Input!$K$16=3,M4656*Input!$J$16,0)</f>
        <v>0</v>
      </c>
      <c r="Q4656" s="71">
        <f>IF(Input!$K$13=4,J4656*Input!$J$13,0)+IF(Input!$K$14=4,K4656*Input!$J$14,0)+IF(Input!$K$15=4,L4656*Input!$J$15,0)+IF(Input!$K$16=4,M4656*Input!$J$16,0)</f>
        <v>0</v>
      </c>
    </row>
    <row r="4657" spans="8:17" x14ac:dyDescent="0.25">
      <c r="H4657" s="43">
        <v>4650</v>
      </c>
      <c r="I4657" s="55">
        <f>Bühler!I4683</f>
        <v>0</v>
      </c>
      <c r="J4657" s="58">
        <f>Bühler!J4683</f>
        <v>9.7097480906979889</v>
      </c>
      <c r="K4657" s="58">
        <f>Bühler!K4683</f>
        <v>0.84315112063418074</v>
      </c>
      <c r="L4657" s="58">
        <f>Bühler!L4683</f>
        <v>0.42157556031709037</v>
      </c>
      <c r="M4657" s="57">
        <f>Bühler!M4683</f>
        <v>0</v>
      </c>
      <c r="N4657" s="55">
        <f>IF(Input!$K$13=1,J4657*Input!$J$13,0)+IF(Input!$K$14=1,K4657*Input!$J$14,0)+IF(Input!$K$15=1,L4657*Input!$J$15,0)+IF(Input!$K$16=1,M4657*Input!$J$16,0)</f>
        <v>1.1651697708837587</v>
      </c>
      <c r="O4657" s="58">
        <f>IF(Input!$K$13=2,J4657*Input!$J$13,0)+IF(Input!$K$14=2,K4657*Input!$J$14,0)+IF(Input!$K$15=2,L4657*Input!$J$15,0)+IF(Input!$K$16=2,M4657*Input!$J$16,0)</f>
        <v>0.1138254012856144</v>
      </c>
      <c r="P4657" s="58">
        <f>IF(Input!$K$13=3,J4657*Input!$J$13,0)+IF(Input!$K$14=3,K4657*Input!$J$14,0)+IF(Input!$K$15=3,L4657*Input!$J$15,0)+IF(Input!$K$16=3,M4657*Input!$J$16,0)</f>
        <v>0</v>
      </c>
      <c r="Q4657" s="71">
        <f>IF(Input!$K$13=4,J4657*Input!$J$13,0)+IF(Input!$K$14=4,K4657*Input!$J$14,0)+IF(Input!$K$15=4,L4657*Input!$J$15,0)+IF(Input!$K$16=4,M4657*Input!$J$16,0)</f>
        <v>0</v>
      </c>
    </row>
    <row r="4658" spans="8:17" x14ac:dyDescent="0.25">
      <c r="H4658" s="43">
        <v>4651</v>
      </c>
      <c r="I4658" s="55">
        <f>Bühler!I4684</f>
        <v>0</v>
      </c>
      <c r="J4658" s="58">
        <f>Bühler!J4684</f>
        <v>6.4084337398606728</v>
      </c>
      <c r="K4658" s="58">
        <f>Bühler!K4684</f>
        <v>0.55647973961855934</v>
      </c>
      <c r="L4658" s="58">
        <f>Bühler!L4684</f>
        <v>0.27823986980927967</v>
      </c>
      <c r="M4658" s="57">
        <f>Bühler!M4684</f>
        <v>0</v>
      </c>
      <c r="N4658" s="55">
        <f>IF(Input!$K$13=1,J4658*Input!$J$13,0)+IF(Input!$K$14=1,K4658*Input!$J$14,0)+IF(Input!$K$15=1,L4658*Input!$J$15,0)+IF(Input!$K$16=1,M4658*Input!$J$16,0)</f>
        <v>0.76901204878328067</v>
      </c>
      <c r="O4658" s="58">
        <f>IF(Input!$K$13=2,J4658*Input!$J$13,0)+IF(Input!$K$14=2,K4658*Input!$J$14,0)+IF(Input!$K$15=2,L4658*Input!$J$15,0)+IF(Input!$K$16=2,M4658*Input!$J$16,0)</f>
        <v>7.5124764848505513E-2</v>
      </c>
      <c r="P4658" s="58">
        <f>IF(Input!$K$13=3,J4658*Input!$J$13,0)+IF(Input!$K$14=3,K4658*Input!$J$14,0)+IF(Input!$K$15=3,L4658*Input!$J$15,0)+IF(Input!$K$16=3,M4658*Input!$J$16,0)</f>
        <v>0</v>
      </c>
      <c r="Q4658" s="71">
        <f>IF(Input!$K$13=4,J4658*Input!$J$13,0)+IF(Input!$K$14=4,K4658*Input!$J$14,0)+IF(Input!$K$15=4,L4658*Input!$J$15,0)+IF(Input!$K$16=4,M4658*Input!$J$16,0)</f>
        <v>0</v>
      </c>
    </row>
    <row r="4659" spans="8:17" x14ac:dyDescent="0.25">
      <c r="H4659" s="43">
        <v>4652</v>
      </c>
      <c r="I4659" s="55">
        <f>Bühler!I4685</f>
        <v>0</v>
      </c>
      <c r="J4659" s="58">
        <f>Bühler!J4685</f>
        <v>6.4084337398606728</v>
      </c>
      <c r="K4659" s="58">
        <f>Bühler!K4685</f>
        <v>0.55647973961855934</v>
      </c>
      <c r="L4659" s="58">
        <f>Bühler!L4685</f>
        <v>0.27823986980927967</v>
      </c>
      <c r="M4659" s="57">
        <f>Bühler!M4685</f>
        <v>0</v>
      </c>
      <c r="N4659" s="55">
        <f>IF(Input!$K$13=1,J4659*Input!$J$13,0)+IF(Input!$K$14=1,K4659*Input!$J$14,0)+IF(Input!$K$15=1,L4659*Input!$J$15,0)+IF(Input!$K$16=1,M4659*Input!$J$16,0)</f>
        <v>0.76901204878328067</v>
      </c>
      <c r="O4659" s="58">
        <f>IF(Input!$K$13=2,J4659*Input!$J$13,0)+IF(Input!$K$14=2,K4659*Input!$J$14,0)+IF(Input!$K$15=2,L4659*Input!$J$15,0)+IF(Input!$K$16=2,M4659*Input!$J$16,0)</f>
        <v>7.5124764848505513E-2</v>
      </c>
      <c r="P4659" s="58">
        <f>IF(Input!$K$13=3,J4659*Input!$J$13,0)+IF(Input!$K$14=3,K4659*Input!$J$14,0)+IF(Input!$K$15=3,L4659*Input!$J$15,0)+IF(Input!$K$16=3,M4659*Input!$J$16,0)</f>
        <v>0</v>
      </c>
      <c r="Q4659" s="71">
        <f>IF(Input!$K$13=4,J4659*Input!$J$13,0)+IF(Input!$K$14=4,K4659*Input!$J$14,0)+IF(Input!$K$15=4,L4659*Input!$J$15,0)+IF(Input!$K$16=4,M4659*Input!$J$16,0)</f>
        <v>0</v>
      </c>
    </row>
    <row r="4660" spans="8:17" x14ac:dyDescent="0.25">
      <c r="H4660" s="43">
        <v>4653</v>
      </c>
      <c r="I4660" s="55">
        <f>Bühler!I4686</f>
        <v>0</v>
      </c>
      <c r="J4660" s="58">
        <f>Bühler!J4686</f>
        <v>6.4084337398606728</v>
      </c>
      <c r="K4660" s="58">
        <f>Bühler!K4686</f>
        <v>0.55647973961855934</v>
      </c>
      <c r="L4660" s="58">
        <f>Bühler!L4686</f>
        <v>0.27823986980927967</v>
      </c>
      <c r="M4660" s="57">
        <f>Bühler!M4686</f>
        <v>0</v>
      </c>
      <c r="N4660" s="55">
        <f>IF(Input!$K$13=1,J4660*Input!$J$13,0)+IF(Input!$K$14=1,K4660*Input!$J$14,0)+IF(Input!$K$15=1,L4660*Input!$J$15,0)+IF(Input!$K$16=1,M4660*Input!$J$16,0)</f>
        <v>0.76901204878328067</v>
      </c>
      <c r="O4660" s="58">
        <f>IF(Input!$K$13=2,J4660*Input!$J$13,0)+IF(Input!$K$14=2,K4660*Input!$J$14,0)+IF(Input!$K$15=2,L4660*Input!$J$15,0)+IF(Input!$K$16=2,M4660*Input!$J$16,0)</f>
        <v>7.5124764848505513E-2</v>
      </c>
      <c r="P4660" s="58">
        <f>IF(Input!$K$13=3,J4660*Input!$J$13,0)+IF(Input!$K$14=3,K4660*Input!$J$14,0)+IF(Input!$K$15=3,L4660*Input!$J$15,0)+IF(Input!$K$16=3,M4660*Input!$J$16,0)</f>
        <v>0</v>
      </c>
      <c r="Q4660" s="71">
        <f>IF(Input!$K$13=4,J4660*Input!$J$13,0)+IF(Input!$K$14=4,K4660*Input!$J$14,0)+IF(Input!$K$15=4,L4660*Input!$J$15,0)+IF(Input!$K$16=4,M4660*Input!$J$16,0)</f>
        <v>0</v>
      </c>
    </row>
    <row r="4661" spans="8:17" x14ac:dyDescent="0.25">
      <c r="H4661" s="43">
        <v>4654</v>
      </c>
      <c r="I4661" s="55">
        <f>Bühler!I4687</f>
        <v>0</v>
      </c>
      <c r="J4661" s="58">
        <f>Bühler!J4687</f>
        <v>6.4084337398606728</v>
      </c>
      <c r="K4661" s="58">
        <f>Bühler!K4687</f>
        <v>0.55647973961855934</v>
      </c>
      <c r="L4661" s="58">
        <f>Bühler!L4687</f>
        <v>0.27823986980927967</v>
      </c>
      <c r="M4661" s="57">
        <f>Bühler!M4687</f>
        <v>0</v>
      </c>
      <c r="N4661" s="55">
        <f>IF(Input!$K$13=1,J4661*Input!$J$13,0)+IF(Input!$K$14=1,K4661*Input!$J$14,0)+IF(Input!$K$15=1,L4661*Input!$J$15,0)+IF(Input!$K$16=1,M4661*Input!$J$16,0)</f>
        <v>0.76901204878328067</v>
      </c>
      <c r="O4661" s="58">
        <f>IF(Input!$K$13=2,J4661*Input!$J$13,0)+IF(Input!$K$14=2,K4661*Input!$J$14,0)+IF(Input!$K$15=2,L4661*Input!$J$15,0)+IF(Input!$K$16=2,M4661*Input!$J$16,0)</f>
        <v>7.5124764848505513E-2</v>
      </c>
      <c r="P4661" s="58">
        <f>IF(Input!$K$13=3,J4661*Input!$J$13,0)+IF(Input!$K$14=3,K4661*Input!$J$14,0)+IF(Input!$K$15=3,L4661*Input!$J$15,0)+IF(Input!$K$16=3,M4661*Input!$J$16,0)</f>
        <v>0</v>
      </c>
      <c r="Q4661" s="71">
        <f>IF(Input!$K$13=4,J4661*Input!$J$13,0)+IF(Input!$K$14=4,K4661*Input!$J$14,0)+IF(Input!$K$15=4,L4661*Input!$J$15,0)+IF(Input!$K$16=4,M4661*Input!$J$16,0)</f>
        <v>0</v>
      </c>
    </row>
    <row r="4662" spans="8:17" x14ac:dyDescent="0.25">
      <c r="H4662" s="43">
        <v>4655</v>
      </c>
      <c r="I4662" s="55">
        <f>Bühler!I4688</f>
        <v>0</v>
      </c>
      <c r="J4662" s="58">
        <f>Bühler!J4688</f>
        <v>6.4084337398606728</v>
      </c>
      <c r="K4662" s="58">
        <f>Bühler!K4688</f>
        <v>0.55647973961855934</v>
      </c>
      <c r="L4662" s="58">
        <f>Bühler!L4688</f>
        <v>0.27823986980927967</v>
      </c>
      <c r="M4662" s="57">
        <f>Bühler!M4688</f>
        <v>0</v>
      </c>
      <c r="N4662" s="55">
        <f>IF(Input!$K$13=1,J4662*Input!$J$13,0)+IF(Input!$K$14=1,K4662*Input!$J$14,0)+IF(Input!$K$15=1,L4662*Input!$J$15,0)+IF(Input!$K$16=1,M4662*Input!$J$16,0)</f>
        <v>0.76901204878328067</v>
      </c>
      <c r="O4662" s="58">
        <f>IF(Input!$K$13=2,J4662*Input!$J$13,0)+IF(Input!$K$14=2,K4662*Input!$J$14,0)+IF(Input!$K$15=2,L4662*Input!$J$15,0)+IF(Input!$K$16=2,M4662*Input!$J$16,0)</f>
        <v>7.5124764848505513E-2</v>
      </c>
      <c r="P4662" s="58">
        <f>IF(Input!$K$13=3,J4662*Input!$J$13,0)+IF(Input!$K$14=3,K4662*Input!$J$14,0)+IF(Input!$K$15=3,L4662*Input!$J$15,0)+IF(Input!$K$16=3,M4662*Input!$J$16,0)</f>
        <v>0</v>
      </c>
      <c r="Q4662" s="71">
        <f>IF(Input!$K$13=4,J4662*Input!$J$13,0)+IF(Input!$K$14=4,K4662*Input!$J$14,0)+IF(Input!$K$15=4,L4662*Input!$J$15,0)+IF(Input!$K$16=4,M4662*Input!$J$16,0)</f>
        <v>0</v>
      </c>
    </row>
    <row r="4663" spans="8:17" x14ac:dyDescent="0.25">
      <c r="H4663" s="43">
        <v>4656</v>
      </c>
      <c r="I4663" s="55">
        <f>Bühler!I4689</f>
        <v>0</v>
      </c>
      <c r="J4663" s="58">
        <f>Bühler!J4689</f>
        <v>6.4084337398606728</v>
      </c>
      <c r="K4663" s="58">
        <f>Bühler!K4689</f>
        <v>0.55647973961855934</v>
      </c>
      <c r="L4663" s="58">
        <f>Bühler!L4689</f>
        <v>0.27823986980927967</v>
      </c>
      <c r="M4663" s="57">
        <f>Bühler!M4689</f>
        <v>0</v>
      </c>
      <c r="N4663" s="55">
        <f>IF(Input!$K$13=1,J4663*Input!$J$13,0)+IF(Input!$K$14=1,K4663*Input!$J$14,0)+IF(Input!$K$15=1,L4663*Input!$J$15,0)+IF(Input!$K$16=1,M4663*Input!$J$16,0)</f>
        <v>0.76901204878328067</v>
      </c>
      <c r="O4663" s="58">
        <f>IF(Input!$K$13=2,J4663*Input!$J$13,0)+IF(Input!$K$14=2,K4663*Input!$J$14,0)+IF(Input!$K$15=2,L4663*Input!$J$15,0)+IF(Input!$K$16=2,M4663*Input!$J$16,0)</f>
        <v>7.5124764848505513E-2</v>
      </c>
      <c r="P4663" s="58">
        <f>IF(Input!$K$13=3,J4663*Input!$J$13,0)+IF(Input!$K$14=3,K4663*Input!$J$14,0)+IF(Input!$K$15=3,L4663*Input!$J$15,0)+IF(Input!$K$16=3,M4663*Input!$J$16,0)</f>
        <v>0</v>
      </c>
      <c r="Q4663" s="71">
        <f>IF(Input!$K$13=4,J4663*Input!$J$13,0)+IF(Input!$K$14=4,K4663*Input!$J$14,0)+IF(Input!$K$15=4,L4663*Input!$J$15,0)+IF(Input!$K$16=4,M4663*Input!$J$16,0)</f>
        <v>0</v>
      </c>
    </row>
    <row r="4664" spans="8:17" x14ac:dyDescent="0.25">
      <c r="H4664" s="43">
        <v>4657</v>
      </c>
      <c r="I4664" s="55">
        <f>Bühler!I4690</f>
        <v>0</v>
      </c>
      <c r="J4664" s="58">
        <f>Bühler!J4690</f>
        <v>9.7089741803553888</v>
      </c>
      <c r="K4664" s="58">
        <f>Bühler!K4690</f>
        <v>0.84721137568902793</v>
      </c>
      <c r="L4664" s="58">
        <f>Bühler!L4690</f>
        <v>0.42360568784451397</v>
      </c>
      <c r="M4664" s="57">
        <f>Bühler!M4690</f>
        <v>0</v>
      </c>
      <c r="N4664" s="55">
        <f>IF(Input!$K$13=1,J4664*Input!$J$13,0)+IF(Input!$K$14=1,K4664*Input!$J$14,0)+IF(Input!$K$15=1,L4664*Input!$J$15,0)+IF(Input!$K$16=1,M4664*Input!$J$16,0)</f>
        <v>1.1650769016426465</v>
      </c>
      <c r="O4664" s="58">
        <f>IF(Input!$K$13=2,J4664*Input!$J$13,0)+IF(Input!$K$14=2,K4664*Input!$J$14,0)+IF(Input!$K$15=2,L4664*Input!$J$15,0)+IF(Input!$K$16=2,M4664*Input!$J$16,0)</f>
        <v>0.11437353571801878</v>
      </c>
      <c r="P4664" s="58">
        <f>IF(Input!$K$13=3,J4664*Input!$J$13,0)+IF(Input!$K$14=3,K4664*Input!$J$14,0)+IF(Input!$K$15=3,L4664*Input!$J$15,0)+IF(Input!$K$16=3,M4664*Input!$J$16,0)</f>
        <v>0</v>
      </c>
      <c r="Q4664" s="71">
        <f>IF(Input!$K$13=4,J4664*Input!$J$13,0)+IF(Input!$K$14=4,K4664*Input!$J$14,0)+IF(Input!$K$15=4,L4664*Input!$J$15,0)+IF(Input!$K$16=4,M4664*Input!$J$16,0)</f>
        <v>0</v>
      </c>
    </row>
    <row r="4665" spans="8:17" x14ac:dyDescent="0.25">
      <c r="H4665" s="43">
        <v>4658</v>
      </c>
      <c r="I4665" s="55">
        <f>Bühler!I4691</f>
        <v>0</v>
      </c>
      <c r="J4665" s="58">
        <f>Bühler!J4691</f>
        <v>5.8842267759729632</v>
      </c>
      <c r="K4665" s="58">
        <f>Bühler!K4691</f>
        <v>0.51346143981153203</v>
      </c>
      <c r="L4665" s="58">
        <f>Bühler!L4691</f>
        <v>0.25673071990576601</v>
      </c>
      <c r="M4665" s="57">
        <f>Bühler!M4691</f>
        <v>0</v>
      </c>
      <c r="N4665" s="55">
        <f>IF(Input!$K$13=1,J4665*Input!$J$13,0)+IF(Input!$K$14=1,K4665*Input!$J$14,0)+IF(Input!$K$15=1,L4665*Input!$J$15,0)+IF(Input!$K$16=1,M4665*Input!$J$16,0)</f>
        <v>0.70610721311675551</v>
      </c>
      <c r="O4665" s="58">
        <f>IF(Input!$K$13=2,J4665*Input!$J$13,0)+IF(Input!$K$14=2,K4665*Input!$J$14,0)+IF(Input!$K$15=2,L4665*Input!$J$15,0)+IF(Input!$K$16=2,M4665*Input!$J$16,0)</f>
        <v>6.9317294374556818E-2</v>
      </c>
      <c r="P4665" s="58">
        <f>IF(Input!$K$13=3,J4665*Input!$J$13,0)+IF(Input!$K$14=3,K4665*Input!$J$14,0)+IF(Input!$K$15=3,L4665*Input!$J$15,0)+IF(Input!$K$16=3,M4665*Input!$J$16,0)</f>
        <v>0</v>
      </c>
      <c r="Q4665" s="71">
        <f>IF(Input!$K$13=4,J4665*Input!$J$13,0)+IF(Input!$K$14=4,K4665*Input!$J$14,0)+IF(Input!$K$15=4,L4665*Input!$J$15,0)+IF(Input!$K$16=4,M4665*Input!$J$16,0)</f>
        <v>0</v>
      </c>
    </row>
    <row r="4666" spans="8:17" x14ac:dyDescent="0.25">
      <c r="H4666" s="43">
        <v>4659</v>
      </c>
      <c r="I4666" s="55">
        <f>Bühler!I4692</f>
        <v>0</v>
      </c>
      <c r="J4666" s="58">
        <f>Bühler!J4692</f>
        <v>5.8842267759729632</v>
      </c>
      <c r="K4666" s="58">
        <f>Bühler!K4692</f>
        <v>0.51346143981153203</v>
      </c>
      <c r="L4666" s="58">
        <f>Bühler!L4692</f>
        <v>0.25673071990576601</v>
      </c>
      <c r="M4666" s="57">
        <f>Bühler!M4692</f>
        <v>0</v>
      </c>
      <c r="N4666" s="55">
        <f>IF(Input!$K$13=1,J4666*Input!$J$13,0)+IF(Input!$K$14=1,K4666*Input!$J$14,0)+IF(Input!$K$15=1,L4666*Input!$J$15,0)+IF(Input!$K$16=1,M4666*Input!$J$16,0)</f>
        <v>0.70610721311675551</v>
      </c>
      <c r="O4666" s="58">
        <f>IF(Input!$K$13=2,J4666*Input!$J$13,0)+IF(Input!$K$14=2,K4666*Input!$J$14,0)+IF(Input!$K$15=2,L4666*Input!$J$15,0)+IF(Input!$K$16=2,M4666*Input!$J$16,0)</f>
        <v>6.9317294374556818E-2</v>
      </c>
      <c r="P4666" s="58">
        <f>IF(Input!$K$13=3,J4666*Input!$J$13,0)+IF(Input!$K$14=3,K4666*Input!$J$14,0)+IF(Input!$K$15=3,L4666*Input!$J$15,0)+IF(Input!$K$16=3,M4666*Input!$J$16,0)</f>
        <v>0</v>
      </c>
      <c r="Q4666" s="71">
        <f>IF(Input!$K$13=4,J4666*Input!$J$13,0)+IF(Input!$K$14=4,K4666*Input!$J$14,0)+IF(Input!$K$15=4,L4666*Input!$J$15,0)+IF(Input!$K$16=4,M4666*Input!$J$16,0)</f>
        <v>0</v>
      </c>
    </row>
    <row r="4667" spans="8:17" x14ac:dyDescent="0.25">
      <c r="H4667" s="43">
        <v>4660</v>
      </c>
      <c r="I4667" s="55">
        <f>Bühler!I4693</f>
        <v>0</v>
      </c>
      <c r="J4667" s="58">
        <f>Bühler!J4693</f>
        <v>5.8842267759729632</v>
      </c>
      <c r="K4667" s="58">
        <f>Bühler!K4693</f>
        <v>0.51346143981153203</v>
      </c>
      <c r="L4667" s="58">
        <f>Bühler!L4693</f>
        <v>0.25673071990576601</v>
      </c>
      <c r="M4667" s="57">
        <f>Bühler!M4693</f>
        <v>0</v>
      </c>
      <c r="N4667" s="55">
        <f>IF(Input!$K$13=1,J4667*Input!$J$13,0)+IF(Input!$K$14=1,K4667*Input!$J$14,0)+IF(Input!$K$15=1,L4667*Input!$J$15,0)+IF(Input!$K$16=1,M4667*Input!$J$16,0)</f>
        <v>0.70610721311675551</v>
      </c>
      <c r="O4667" s="58">
        <f>IF(Input!$K$13=2,J4667*Input!$J$13,0)+IF(Input!$K$14=2,K4667*Input!$J$14,0)+IF(Input!$K$15=2,L4667*Input!$J$15,0)+IF(Input!$K$16=2,M4667*Input!$J$16,0)</f>
        <v>6.9317294374556818E-2</v>
      </c>
      <c r="P4667" s="58">
        <f>IF(Input!$K$13=3,J4667*Input!$J$13,0)+IF(Input!$K$14=3,K4667*Input!$J$14,0)+IF(Input!$K$15=3,L4667*Input!$J$15,0)+IF(Input!$K$16=3,M4667*Input!$J$16,0)</f>
        <v>0</v>
      </c>
      <c r="Q4667" s="71">
        <f>IF(Input!$K$13=4,J4667*Input!$J$13,0)+IF(Input!$K$14=4,K4667*Input!$J$14,0)+IF(Input!$K$15=4,L4667*Input!$J$15,0)+IF(Input!$K$16=4,M4667*Input!$J$16,0)</f>
        <v>0</v>
      </c>
    </row>
    <row r="4668" spans="8:17" x14ac:dyDescent="0.25">
      <c r="H4668" s="43">
        <v>4661</v>
      </c>
      <c r="I4668" s="55">
        <f>Bühler!I4694</f>
        <v>0</v>
      </c>
      <c r="J4668" s="58">
        <f>Bühler!J4694</f>
        <v>5.8842267759729632</v>
      </c>
      <c r="K4668" s="58">
        <f>Bühler!K4694</f>
        <v>0.51346143981153203</v>
      </c>
      <c r="L4668" s="58">
        <f>Bühler!L4694</f>
        <v>0.25673071990576601</v>
      </c>
      <c r="M4668" s="57">
        <f>Bühler!M4694</f>
        <v>0</v>
      </c>
      <c r="N4668" s="55">
        <f>IF(Input!$K$13=1,J4668*Input!$J$13,0)+IF(Input!$K$14=1,K4668*Input!$J$14,0)+IF(Input!$K$15=1,L4668*Input!$J$15,0)+IF(Input!$K$16=1,M4668*Input!$J$16,0)</f>
        <v>0.70610721311675551</v>
      </c>
      <c r="O4668" s="58">
        <f>IF(Input!$K$13=2,J4668*Input!$J$13,0)+IF(Input!$K$14=2,K4668*Input!$J$14,0)+IF(Input!$K$15=2,L4668*Input!$J$15,0)+IF(Input!$K$16=2,M4668*Input!$J$16,0)</f>
        <v>6.9317294374556818E-2</v>
      </c>
      <c r="P4668" s="58">
        <f>IF(Input!$K$13=3,J4668*Input!$J$13,0)+IF(Input!$K$14=3,K4668*Input!$J$14,0)+IF(Input!$K$15=3,L4668*Input!$J$15,0)+IF(Input!$K$16=3,M4668*Input!$J$16,0)</f>
        <v>0</v>
      </c>
      <c r="Q4668" s="71">
        <f>IF(Input!$K$13=4,J4668*Input!$J$13,0)+IF(Input!$K$14=4,K4668*Input!$J$14,0)+IF(Input!$K$15=4,L4668*Input!$J$15,0)+IF(Input!$K$16=4,M4668*Input!$J$16,0)</f>
        <v>0</v>
      </c>
    </row>
    <row r="4669" spans="8:17" x14ac:dyDescent="0.25">
      <c r="H4669" s="43">
        <v>4662</v>
      </c>
      <c r="I4669" s="55">
        <f>Bühler!I4695</f>
        <v>0</v>
      </c>
      <c r="J4669" s="58">
        <f>Bühler!J4695</f>
        <v>5.8842267759729632</v>
      </c>
      <c r="K4669" s="58">
        <f>Bühler!K4695</f>
        <v>0.51346143981153203</v>
      </c>
      <c r="L4669" s="58">
        <f>Bühler!L4695</f>
        <v>0.25673071990576601</v>
      </c>
      <c r="M4669" s="57">
        <f>Bühler!M4695</f>
        <v>0</v>
      </c>
      <c r="N4669" s="55">
        <f>IF(Input!$K$13=1,J4669*Input!$J$13,0)+IF(Input!$K$14=1,K4669*Input!$J$14,0)+IF(Input!$K$15=1,L4669*Input!$J$15,0)+IF(Input!$K$16=1,M4669*Input!$J$16,0)</f>
        <v>0.70610721311675551</v>
      </c>
      <c r="O4669" s="58">
        <f>IF(Input!$K$13=2,J4669*Input!$J$13,0)+IF(Input!$K$14=2,K4669*Input!$J$14,0)+IF(Input!$K$15=2,L4669*Input!$J$15,0)+IF(Input!$K$16=2,M4669*Input!$J$16,0)</f>
        <v>6.9317294374556818E-2</v>
      </c>
      <c r="P4669" s="58">
        <f>IF(Input!$K$13=3,J4669*Input!$J$13,0)+IF(Input!$K$14=3,K4669*Input!$J$14,0)+IF(Input!$K$15=3,L4669*Input!$J$15,0)+IF(Input!$K$16=3,M4669*Input!$J$16,0)</f>
        <v>0</v>
      </c>
      <c r="Q4669" s="71">
        <f>IF(Input!$K$13=4,J4669*Input!$J$13,0)+IF(Input!$K$14=4,K4669*Input!$J$14,0)+IF(Input!$K$15=4,L4669*Input!$J$15,0)+IF(Input!$K$16=4,M4669*Input!$J$16,0)</f>
        <v>0</v>
      </c>
    </row>
    <row r="4670" spans="8:17" x14ac:dyDescent="0.25">
      <c r="H4670" s="43">
        <v>4663</v>
      </c>
      <c r="I4670" s="55">
        <f>Bühler!I4696</f>
        <v>0</v>
      </c>
      <c r="J4670" s="58">
        <f>Bühler!J4696</f>
        <v>5.8842267759729632</v>
      </c>
      <c r="K4670" s="58">
        <f>Bühler!K4696</f>
        <v>0.51346143981153203</v>
      </c>
      <c r="L4670" s="58">
        <f>Bühler!L4696</f>
        <v>0.25673071990576601</v>
      </c>
      <c r="M4670" s="57">
        <f>Bühler!M4696</f>
        <v>0</v>
      </c>
      <c r="N4670" s="55">
        <f>IF(Input!$K$13=1,J4670*Input!$J$13,0)+IF(Input!$K$14=1,K4670*Input!$J$14,0)+IF(Input!$K$15=1,L4670*Input!$J$15,0)+IF(Input!$K$16=1,M4670*Input!$J$16,0)</f>
        <v>0.70610721311675551</v>
      </c>
      <c r="O4670" s="58">
        <f>IF(Input!$K$13=2,J4670*Input!$J$13,0)+IF(Input!$K$14=2,K4670*Input!$J$14,0)+IF(Input!$K$15=2,L4670*Input!$J$15,0)+IF(Input!$K$16=2,M4670*Input!$J$16,0)</f>
        <v>6.9317294374556818E-2</v>
      </c>
      <c r="P4670" s="58">
        <f>IF(Input!$K$13=3,J4670*Input!$J$13,0)+IF(Input!$K$14=3,K4670*Input!$J$14,0)+IF(Input!$K$15=3,L4670*Input!$J$15,0)+IF(Input!$K$16=3,M4670*Input!$J$16,0)</f>
        <v>0</v>
      </c>
      <c r="Q4670" s="71">
        <f>IF(Input!$K$13=4,J4670*Input!$J$13,0)+IF(Input!$K$14=4,K4670*Input!$J$14,0)+IF(Input!$K$15=4,L4670*Input!$J$15,0)+IF(Input!$K$16=4,M4670*Input!$J$16,0)</f>
        <v>0</v>
      </c>
    </row>
    <row r="4671" spans="8:17" x14ac:dyDescent="0.25">
      <c r="H4671" s="43">
        <v>4664</v>
      </c>
      <c r="I4671" s="55">
        <f>Bühler!I4697</f>
        <v>0</v>
      </c>
      <c r="J4671" s="58">
        <f>Bühler!J4697</f>
        <v>25.066806065644819</v>
      </c>
      <c r="K4671" s="58">
        <f>Bühler!K4697</f>
        <v>2.1873457335971263</v>
      </c>
      <c r="L4671" s="58">
        <f>Bühler!L4697</f>
        <v>1.0936728667985631</v>
      </c>
      <c r="M4671" s="57">
        <f>Bühler!M4697</f>
        <v>0</v>
      </c>
      <c r="N4671" s="55">
        <f>IF(Input!$K$13=1,J4671*Input!$J$13,0)+IF(Input!$K$14=1,K4671*Input!$J$14,0)+IF(Input!$K$15=1,L4671*Input!$J$15,0)+IF(Input!$K$16=1,M4671*Input!$J$16,0)</f>
        <v>3.0080167278773784</v>
      </c>
      <c r="O4671" s="58">
        <f>IF(Input!$K$13=2,J4671*Input!$J$13,0)+IF(Input!$K$14=2,K4671*Input!$J$14,0)+IF(Input!$K$15=2,L4671*Input!$J$15,0)+IF(Input!$K$16=2,M4671*Input!$J$16,0)</f>
        <v>0.29529167403561207</v>
      </c>
      <c r="P4671" s="58">
        <f>IF(Input!$K$13=3,J4671*Input!$J$13,0)+IF(Input!$K$14=3,K4671*Input!$J$14,0)+IF(Input!$K$15=3,L4671*Input!$J$15,0)+IF(Input!$K$16=3,M4671*Input!$J$16,0)</f>
        <v>0</v>
      </c>
      <c r="Q4671" s="71">
        <f>IF(Input!$K$13=4,J4671*Input!$J$13,0)+IF(Input!$K$14=4,K4671*Input!$J$14,0)+IF(Input!$K$15=4,L4671*Input!$J$15,0)+IF(Input!$K$16=4,M4671*Input!$J$16,0)</f>
        <v>0</v>
      </c>
    </row>
    <row r="4672" spans="8:17" x14ac:dyDescent="0.25">
      <c r="H4672" s="43">
        <v>4665</v>
      </c>
      <c r="I4672" s="55">
        <f>Bühler!I4698</f>
        <v>0</v>
      </c>
      <c r="J4672" s="58">
        <f>Bühler!J4698</f>
        <v>31.333507582056022</v>
      </c>
      <c r="K4672" s="58">
        <f>Bühler!K4698</f>
        <v>2.7341821669964084</v>
      </c>
      <c r="L4672" s="58">
        <f>Bühler!L4698</f>
        <v>1.3670910834982042</v>
      </c>
      <c r="M4672" s="57">
        <f>Bühler!M4698</f>
        <v>0</v>
      </c>
      <c r="N4672" s="55">
        <f>IF(Input!$K$13=1,J4672*Input!$J$13,0)+IF(Input!$K$14=1,K4672*Input!$J$14,0)+IF(Input!$K$15=1,L4672*Input!$J$15,0)+IF(Input!$K$16=1,M4672*Input!$J$16,0)</f>
        <v>3.7600209098467223</v>
      </c>
      <c r="O4672" s="58">
        <f>IF(Input!$K$13=2,J4672*Input!$J$13,0)+IF(Input!$K$14=2,K4672*Input!$J$14,0)+IF(Input!$K$15=2,L4672*Input!$J$15,0)+IF(Input!$K$16=2,M4672*Input!$J$16,0)</f>
        <v>0.36911459254451512</v>
      </c>
      <c r="P4672" s="58">
        <f>IF(Input!$K$13=3,J4672*Input!$J$13,0)+IF(Input!$K$14=3,K4672*Input!$J$14,0)+IF(Input!$K$15=3,L4672*Input!$J$15,0)+IF(Input!$K$16=3,M4672*Input!$J$16,0)</f>
        <v>0</v>
      </c>
      <c r="Q4672" s="71">
        <f>IF(Input!$K$13=4,J4672*Input!$J$13,0)+IF(Input!$K$14=4,K4672*Input!$J$14,0)+IF(Input!$K$15=4,L4672*Input!$J$15,0)+IF(Input!$K$16=4,M4672*Input!$J$16,0)</f>
        <v>0</v>
      </c>
    </row>
    <row r="4673" spans="8:17" x14ac:dyDescent="0.25">
      <c r="H4673" s="43">
        <v>4666</v>
      </c>
      <c r="I4673" s="55">
        <f>Bühler!I4699</f>
        <v>0</v>
      </c>
      <c r="J4673" s="58">
        <f>Bühler!J4699</f>
        <v>34.466858340261624</v>
      </c>
      <c r="K4673" s="58">
        <f>Bühler!K4699</f>
        <v>3.0076003836960488</v>
      </c>
      <c r="L4673" s="58">
        <f>Bühler!L4699</f>
        <v>1.5038001918480244</v>
      </c>
      <c r="M4673" s="57">
        <f>Bühler!M4699</f>
        <v>0</v>
      </c>
      <c r="N4673" s="55">
        <f>IF(Input!$K$13=1,J4673*Input!$J$13,0)+IF(Input!$K$14=1,K4673*Input!$J$14,0)+IF(Input!$K$15=1,L4673*Input!$J$15,0)+IF(Input!$K$16=1,M4673*Input!$J$16,0)</f>
        <v>4.1360230008313943</v>
      </c>
      <c r="O4673" s="58">
        <f>IF(Input!$K$13=2,J4673*Input!$J$13,0)+IF(Input!$K$14=2,K4673*Input!$J$14,0)+IF(Input!$K$15=2,L4673*Input!$J$15,0)+IF(Input!$K$16=2,M4673*Input!$J$16,0)</f>
        <v>0.40602605179896656</v>
      </c>
      <c r="P4673" s="58">
        <f>IF(Input!$K$13=3,J4673*Input!$J$13,0)+IF(Input!$K$14=3,K4673*Input!$J$14,0)+IF(Input!$K$15=3,L4673*Input!$J$15,0)+IF(Input!$K$16=3,M4673*Input!$J$16,0)</f>
        <v>0</v>
      </c>
      <c r="Q4673" s="71">
        <f>IF(Input!$K$13=4,J4673*Input!$J$13,0)+IF(Input!$K$14=4,K4673*Input!$J$14,0)+IF(Input!$K$15=4,L4673*Input!$J$15,0)+IF(Input!$K$16=4,M4673*Input!$J$16,0)</f>
        <v>0</v>
      </c>
    </row>
    <row r="4674" spans="8:17" x14ac:dyDescent="0.25">
      <c r="H4674" s="43">
        <v>4667</v>
      </c>
      <c r="I4674" s="55">
        <f>Bühler!I4700</f>
        <v>0</v>
      </c>
      <c r="J4674" s="58">
        <f>Bühler!J4700</f>
        <v>34.466858340261624</v>
      </c>
      <c r="K4674" s="58">
        <f>Bühler!K4700</f>
        <v>3.0076003836960488</v>
      </c>
      <c r="L4674" s="58">
        <f>Bühler!L4700</f>
        <v>1.5038001918480244</v>
      </c>
      <c r="M4674" s="57">
        <f>Bühler!M4700</f>
        <v>0</v>
      </c>
      <c r="N4674" s="55">
        <f>IF(Input!$K$13=1,J4674*Input!$J$13,0)+IF(Input!$K$14=1,K4674*Input!$J$14,0)+IF(Input!$K$15=1,L4674*Input!$J$15,0)+IF(Input!$K$16=1,M4674*Input!$J$16,0)</f>
        <v>4.1360230008313943</v>
      </c>
      <c r="O4674" s="58">
        <f>IF(Input!$K$13=2,J4674*Input!$J$13,0)+IF(Input!$K$14=2,K4674*Input!$J$14,0)+IF(Input!$K$15=2,L4674*Input!$J$15,0)+IF(Input!$K$16=2,M4674*Input!$J$16,0)</f>
        <v>0.40602605179896656</v>
      </c>
      <c r="P4674" s="58">
        <f>IF(Input!$K$13=3,J4674*Input!$J$13,0)+IF(Input!$K$14=3,K4674*Input!$J$14,0)+IF(Input!$K$15=3,L4674*Input!$J$15,0)+IF(Input!$K$16=3,M4674*Input!$J$16,0)</f>
        <v>0</v>
      </c>
      <c r="Q4674" s="71">
        <f>IF(Input!$K$13=4,J4674*Input!$J$13,0)+IF(Input!$K$14=4,K4674*Input!$J$14,0)+IF(Input!$K$15=4,L4674*Input!$J$15,0)+IF(Input!$K$16=4,M4674*Input!$J$16,0)</f>
        <v>0</v>
      </c>
    </row>
    <row r="4675" spans="8:17" x14ac:dyDescent="0.25">
      <c r="H4675" s="43">
        <v>4668</v>
      </c>
      <c r="I4675" s="55">
        <f>Bühler!I4701</f>
        <v>0</v>
      </c>
      <c r="J4675" s="58">
        <f>Bühler!J4701</f>
        <v>40.733559856672827</v>
      </c>
      <c r="K4675" s="58">
        <f>Bühler!K4701</f>
        <v>3.5544368170953304</v>
      </c>
      <c r="L4675" s="58">
        <f>Bühler!L4701</f>
        <v>1.7772184085476652</v>
      </c>
      <c r="M4675" s="57">
        <f>Bühler!M4701</f>
        <v>0</v>
      </c>
      <c r="N4675" s="55">
        <f>IF(Input!$K$13=1,J4675*Input!$J$13,0)+IF(Input!$K$14=1,K4675*Input!$J$14,0)+IF(Input!$K$15=1,L4675*Input!$J$15,0)+IF(Input!$K$16=1,M4675*Input!$J$16,0)</f>
        <v>4.8880271828007391</v>
      </c>
      <c r="O4675" s="58">
        <f>IF(Input!$K$13=2,J4675*Input!$J$13,0)+IF(Input!$K$14=2,K4675*Input!$J$14,0)+IF(Input!$K$15=2,L4675*Input!$J$15,0)+IF(Input!$K$16=2,M4675*Input!$J$16,0)</f>
        <v>0.47984897030786955</v>
      </c>
      <c r="P4675" s="58">
        <f>IF(Input!$K$13=3,J4675*Input!$J$13,0)+IF(Input!$K$14=3,K4675*Input!$J$14,0)+IF(Input!$K$15=3,L4675*Input!$J$15,0)+IF(Input!$K$16=3,M4675*Input!$J$16,0)</f>
        <v>0</v>
      </c>
      <c r="Q4675" s="71">
        <f>IF(Input!$K$13=4,J4675*Input!$J$13,0)+IF(Input!$K$14=4,K4675*Input!$J$14,0)+IF(Input!$K$15=4,L4675*Input!$J$15,0)+IF(Input!$K$16=4,M4675*Input!$J$16,0)</f>
        <v>0</v>
      </c>
    </row>
    <row r="4676" spans="8:17" x14ac:dyDescent="0.25">
      <c r="H4676" s="43">
        <v>4669</v>
      </c>
      <c r="I4676" s="55">
        <f>Bühler!I4702</f>
        <v>0</v>
      </c>
      <c r="J4676" s="58">
        <f>Bühler!J4702</f>
        <v>40.733559856672827</v>
      </c>
      <c r="K4676" s="58">
        <f>Bühler!K4702</f>
        <v>3.5544368170953304</v>
      </c>
      <c r="L4676" s="58">
        <f>Bühler!L4702</f>
        <v>1.7772184085476652</v>
      </c>
      <c r="M4676" s="57">
        <f>Bühler!M4702</f>
        <v>0</v>
      </c>
      <c r="N4676" s="55">
        <f>IF(Input!$K$13=1,J4676*Input!$J$13,0)+IF(Input!$K$14=1,K4676*Input!$J$14,0)+IF(Input!$K$15=1,L4676*Input!$J$15,0)+IF(Input!$K$16=1,M4676*Input!$J$16,0)</f>
        <v>4.8880271828007391</v>
      </c>
      <c r="O4676" s="58">
        <f>IF(Input!$K$13=2,J4676*Input!$J$13,0)+IF(Input!$K$14=2,K4676*Input!$J$14,0)+IF(Input!$K$15=2,L4676*Input!$J$15,0)+IF(Input!$K$16=2,M4676*Input!$J$16,0)</f>
        <v>0.47984897030786955</v>
      </c>
      <c r="P4676" s="58">
        <f>IF(Input!$K$13=3,J4676*Input!$J$13,0)+IF(Input!$K$14=3,K4676*Input!$J$14,0)+IF(Input!$K$15=3,L4676*Input!$J$15,0)+IF(Input!$K$16=3,M4676*Input!$J$16,0)</f>
        <v>0</v>
      </c>
      <c r="Q4676" s="71">
        <f>IF(Input!$K$13=4,J4676*Input!$J$13,0)+IF(Input!$K$14=4,K4676*Input!$J$14,0)+IF(Input!$K$15=4,L4676*Input!$J$15,0)+IF(Input!$K$16=4,M4676*Input!$J$16,0)</f>
        <v>0</v>
      </c>
    </row>
    <row r="4677" spans="8:17" x14ac:dyDescent="0.25">
      <c r="H4677" s="43">
        <v>4670</v>
      </c>
      <c r="I4677" s="55">
        <f>Bühler!I4703</f>
        <v>0</v>
      </c>
      <c r="J4677" s="58">
        <f>Bühler!J4703</f>
        <v>28.200156823850421</v>
      </c>
      <c r="K4677" s="58">
        <f>Bühler!K4703</f>
        <v>2.4607639502967671</v>
      </c>
      <c r="L4677" s="58">
        <f>Bühler!L4703</f>
        <v>1.2303819751483835</v>
      </c>
      <c r="M4677" s="57">
        <f>Bühler!M4703</f>
        <v>0</v>
      </c>
      <c r="N4677" s="55">
        <f>IF(Input!$K$13=1,J4677*Input!$J$13,0)+IF(Input!$K$14=1,K4677*Input!$J$14,0)+IF(Input!$K$15=1,L4677*Input!$J$15,0)+IF(Input!$K$16=1,M4677*Input!$J$16,0)</f>
        <v>3.3840188188620504</v>
      </c>
      <c r="O4677" s="58">
        <f>IF(Input!$K$13=2,J4677*Input!$J$13,0)+IF(Input!$K$14=2,K4677*Input!$J$14,0)+IF(Input!$K$15=2,L4677*Input!$J$15,0)+IF(Input!$K$16=2,M4677*Input!$J$16,0)</f>
        <v>0.33220313329006357</v>
      </c>
      <c r="P4677" s="58">
        <f>IF(Input!$K$13=3,J4677*Input!$J$13,0)+IF(Input!$K$14=3,K4677*Input!$J$14,0)+IF(Input!$K$15=3,L4677*Input!$J$15,0)+IF(Input!$K$16=3,M4677*Input!$J$16,0)</f>
        <v>0</v>
      </c>
      <c r="Q4677" s="71">
        <f>IF(Input!$K$13=4,J4677*Input!$J$13,0)+IF(Input!$K$14=4,K4677*Input!$J$14,0)+IF(Input!$K$15=4,L4677*Input!$J$15,0)+IF(Input!$K$16=4,M4677*Input!$J$16,0)</f>
        <v>0</v>
      </c>
    </row>
    <row r="4678" spans="8:17" x14ac:dyDescent="0.25">
      <c r="H4678" s="43">
        <v>4671</v>
      </c>
      <c r="I4678" s="55">
        <f>Bühler!I4704</f>
        <v>0</v>
      </c>
      <c r="J4678" s="58">
        <f>Bühler!J4704</f>
        <v>40.733559856672827</v>
      </c>
      <c r="K4678" s="58">
        <f>Bühler!K4704</f>
        <v>3.5544368170953304</v>
      </c>
      <c r="L4678" s="58">
        <f>Bühler!L4704</f>
        <v>1.7772184085476652</v>
      </c>
      <c r="M4678" s="57">
        <f>Bühler!M4704</f>
        <v>0</v>
      </c>
      <c r="N4678" s="55">
        <f>IF(Input!$K$13=1,J4678*Input!$J$13,0)+IF(Input!$K$14=1,K4678*Input!$J$14,0)+IF(Input!$K$15=1,L4678*Input!$J$15,0)+IF(Input!$K$16=1,M4678*Input!$J$16,0)</f>
        <v>4.8880271828007391</v>
      </c>
      <c r="O4678" s="58">
        <f>IF(Input!$K$13=2,J4678*Input!$J$13,0)+IF(Input!$K$14=2,K4678*Input!$J$14,0)+IF(Input!$K$15=2,L4678*Input!$J$15,0)+IF(Input!$K$16=2,M4678*Input!$J$16,0)</f>
        <v>0.47984897030786955</v>
      </c>
      <c r="P4678" s="58">
        <f>IF(Input!$K$13=3,J4678*Input!$J$13,0)+IF(Input!$K$14=3,K4678*Input!$J$14,0)+IF(Input!$K$15=3,L4678*Input!$J$15,0)+IF(Input!$K$16=3,M4678*Input!$J$16,0)</f>
        <v>0</v>
      </c>
      <c r="Q4678" s="71">
        <f>IF(Input!$K$13=4,J4678*Input!$J$13,0)+IF(Input!$K$14=4,K4678*Input!$J$14,0)+IF(Input!$K$15=4,L4678*Input!$J$15,0)+IF(Input!$K$16=4,M4678*Input!$J$16,0)</f>
        <v>0</v>
      </c>
    </row>
    <row r="4679" spans="8:17" x14ac:dyDescent="0.25">
      <c r="H4679" s="43">
        <v>4672</v>
      </c>
      <c r="I4679" s="55">
        <f>Bühler!I4705</f>
        <v>0</v>
      </c>
      <c r="J4679" s="58">
        <f>Bühler!J4705</f>
        <v>31.333507582056022</v>
      </c>
      <c r="K4679" s="58">
        <f>Bühler!K4705</f>
        <v>2.7341821669964084</v>
      </c>
      <c r="L4679" s="58">
        <f>Bühler!L4705</f>
        <v>1.3670910834982042</v>
      </c>
      <c r="M4679" s="57">
        <f>Bühler!M4705</f>
        <v>0</v>
      </c>
      <c r="N4679" s="55">
        <f>IF(Input!$K$13=1,J4679*Input!$J$13,0)+IF(Input!$K$14=1,K4679*Input!$J$14,0)+IF(Input!$K$15=1,L4679*Input!$J$15,0)+IF(Input!$K$16=1,M4679*Input!$J$16,0)</f>
        <v>3.7600209098467223</v>
      </c>
      <c r="O4679" s="58">
        <f>IF(Input!$K$13=2,J4679*Input!$J$13,0)+IF(Input!$K$14=2,K4679*Input!$J$14,0)+IF(Input!$K$15=2,L4679*Input!$J$15,0)+IF(Input!$K$16=2,M4679*Input!$J$16,0)</f>
        <v>0.36911459254451512</v>
      </c>
      <c r="P4679" s="58">
        <f>IF(Input!$K$13=3,J4679*Input!$J$13,0)+IF(Input!$K$14=3,K4679*Input!$J$14,0)+IF(Input!$K$15=3,L4679*Input!$J$15,0)+IF(Input!$K$16=3,M4679*Input!$J$16,0)</f>
        <v>0</v>
      </c>
      <c r="Q4679" s="71">
        <f>IF(Input!$K$13=4,J4679*Input!$J$13,0)+IF(Input!$K$14=4,K4679*Input!$J$14,0)+IF(Input!$K$15=4,L4679*Input!$J$15,0)+IF(Input!$K$16=4,M4679*Input!$J$16,0)</f>
        <v>0</v>
      </c>
    </row>
    <row r="4680" spans="8:17" x14ac:dyDescent="0.25">
      <c r="H4680" s="43">
        <v>4673</v>
      </c>
      <c r="I4680" s="55">
        <f>Bühler!I4706</f>
        <v>0</v>
      </c>
      <c r="J4680" s="58">
        <f>Bühler!J4706</f>
        <v>14.710566939932406</v>
      </c>
      <c r="K4680" s="58">
        <f>Bühler!K4706</f>
        <v>1.2836535995288303</v>
      </c>
      <c r="L4680" s="58">
        <f>Bühler!L4706</f>
        <v>0.64182679976441515</v>
      </c>
      <c r="M4680" s="57">
        <f>Bühler!M4706</f>
        <v>0</v>
      </c>
      <c r="N4680" s="55">
        <f>IF(Input!$K$13=1,J4680*Input!$J$13,0)+IF(Input!$K$14=1,K4680*Input!$J$14,0)+IF(Input!$K$15=1,L4680*Input!$J$15,0)+IF(Input!$K$16=1,M4680*Input!$J$16,0)</f>
        <v>1.7652680327918886</v>
      </c>
      <c r="O4680" s="58">
        <f>IF(Input!$K$13=2,J4680*Input!$J$13,0)+IF(Input!$K$14=2,K4680*Input!$J$14,0)+IF(Input!$K$15=2,L4680*Input!$J$15,0)+IF(Input!$K$16=2,M4680*Input!$J$16,0)</f>
        <v>0.17329323593639206</v>
      </c>
      <c r="P4680" s="58">
        <f>IF(Input!$K$13=3,J4680*Input!$J$13,0)+IF(Input!$K$14=3,K4680*Input!$J$14,0)+IF(Input!$K$15=3,L4680*Input!$J$15,0)+IF(Input!$K$16=3,M4680*Input!$J$16,0)</f>
        <v>0</v>
      </c>
      <c r="Q4680" s="71">
        <f>IF(Input!$K$13=4,J4680*Input!$J$13,0)+IF(Input!$K$14=4,K4680*Input!$J$14,0)+IF(Input!$K$15=4,L4680*Input!$J$15,0)+IF(Input!$K$16=4,M4680*Input!$J$16,0)</f>
        <v>0</v>
      </c>
    </row>
    <row r="4681" spans="8:17" x14ac:dyDescent="0.25">
      <c r="H4681" s="43">
        <v>4674</v>
      </c>
      <c r="I4681" s="55">
        <f>Bühler!I4707</f>
        <v>0</v>
      </c>
      <c r="J4681" s="58">
        <f>Bühler!J4707</f>
        <v>9.7089741803553888</v>
      </c>
      <c r="K4681" s="58">
        <f>Bühler!K4707</f>
        <v>0.84721137568902793</v>
      </c>
      <c r="L4681" s="58">
        <f>Bühler!L4707</f>
        <v>0.42360568784451397</v>
      </c>
      <c r="M4681" s="57">
        <f>Bühler!M4707</f>
        <v>0</v>
      </c>
      <c r="N4681" s="55">
        <f>IF(Input!$K$13=1,J4681*Input!$J$13,0)+IF(Input!$K$14=1,K4681*Input!$J$14,0)+IF(Input!$K$15=1,L4681*Input!$J$15,0)+IF(Input!$K$16=1,M4681*Input!$J$16,0)</f>
        <v>1.1650769016426465</v>
      </c>
      <c r="O4681" s="58">
        <f>IF(Input!$K$13=2,J4681*Input!$J$13,0)+IF(Input!$K$14=2,K4681*Input!$J$14,0)+IF(Input!$K$15=2,L4681*Input!$J$15,0)+IF(Input!$K$16=2,M4681*Input!$J$16,0)</f>
        <v>0.11437353571801878</v>
      </c>
      <c r="P4681" s="58">
        <f>IF(Input!$K$13=3,J4681*Input!$J$13,0)+IF(Input!$K$14=3,K4681*Input!$J$14,0)+IF(Input!$K$15=3,L4681*Input!$J$15,0)+IF(Input!$K$16=3,M4681*Input!$J$16,0)</f>
        <v>0</v>
      </c>
      <c r="Q4681" s="71">
        <f>IF(Input!$K$13=4,J4681*Input!$J$13,0)+IF(Input!$K$14=4,K4681*Input!$J$14,0)+IF(Input!$K$15=4,L4681*Input!$J$15,0)+IF(Input!$K$16=4,M4681*Input!$J$16,0)</f>
        <v>0</v>
      </c>
    </row>
    <row r="4682" spans="8:17" x14ac:dyDescent="0.25">
      <c r="H4682" s="43">
        <v>4675</v>
      </c>
      <c r="I4682" s="55">
        <f>Bühler!I4708</f>
        <v>0</v>
      </c>
      <c r="J4682" s="58">
        <f>Bühler!J4708</f>
        <v>6.1784381147716108</v>
      </c>
      <c r="K4682" s="58">
        <f>Bühler!K4708</f>
        <v>0.5391345118021087</v>
      </c>
      <c r="L4682" s="58">
        <f>Bühler!L4708</f>
        <v>0.26956725590105435</v>
      </c>
      <c r="M4682" s="57">
        <f>Bühler!M4708</f>
        <v>0</v>
      </c>
      <c r="N4682" s="55">
        <f>IF(Input!$K$13=1,J4682*Input!$J$13,0)+IF(Input!$K$14=1,K4682*Input!$J$14,0)+IF(Input!$K$15=1,L4682*Input!$J$15,0)+IF(Input!$K$16=1,M4682*Input!$J$16,0)</f>
        <v>0.74141257377259329</v>
      </c>
      <c r="O4682" s="58">
        <f>IF(Input!$K$13=2,J4682*Input!$J$13,0)+IF(Input!$K$14=2,K4682*Input!$J$14,0)+IF(Input!$K$15=2,L4682*Input!$J$15,0)+IF(Input!$K$16=2,M4682*Input!$J$16,0)</f>
        <v>7.2783159093284672E-2</v>
      </c>
      <c r="P4682" s="58">
        <f>IF(Input!$K$13=3,J4682*Input!$J$13,0)+IF(Input!$K$14=3,K4682*Input!$J$14,0)+IF(Input!$K$15=3,L4682*Input!$J$15,0)+IF(Input!$K$16=3,M4682*Input!$J$16,0)</f>
        <v>0</v>
      </c>
      <c r="Q4682" s="71">
        <f>IF(Input!$K$13=4,J4682*Input!$J$13,0)+IF(Input!$K$14=4,K4682*Input!$J$14,0)+IF(Input!$K$15=4,L4682*Input!$J$15,0)+IF(Input!$K$16=4,M4682*Input!$J$16,0)</f>
        <v>0</v>
      </c>
    </row>
    <row r="4683" spans="8:17" x14ac:dyDescent="0.25">
      <c r="H4683" s="43">
        <v>4676</v>
      </c>
      <c r="I4683" s="55">
        <f>Bühler!I4709</f>
        <v>0</v>
      </c>
      <c r="J4683" s="58">
        <f>Bühler!J4709</f>
        <v>5.8842267759729632</v>
      </c>
      <c r="K4683" s="58">
        <f>Bühler!K4709</f>
        <v>0.51346143981153203</v>
      </c>
      <c r="L4683" s="58">
        <f>Bühler!L4709</f>
        <v>0.25673071990576601</v>
      </c>
      <c r="M4683" s="57">
        <f>Bühler!M4709</f>
        <v>0</v>
      </c>
      <c r="N4683" s="55">
        <f>IF(Input!$K$13=1,J4683*Input!$J$13,0)+IF(Input!$K$14=1,K4683*Input!$J$14,0)+IF(Input!$K$15=1,L4683*Input!$J$15,0)+IF(Input!$K$16=1,M4683*Input!$J$16,0)</f>
        <v>0.70610721311675551</v>
      </c>
      <c r="O4683" s="58">
        <f>IF(Input!$K$13=2,J4683*Input!$J$13,0)+IF(Input!$K$14=2,K4683*Input!$J$14,0)+IF(Input!$K$15=2,L4683*Input!$J$15,0)+IF(Input!$K$16=2,M4683*Input!$J$16,0)</f>
        <v>6.9317294374556818E-2</v>
      </c>
      <c r="P4683" s="58">
        <f>IF(Input!$K$13=3,J4683*Input!$J$13,0)+IF(Input!$K$14=3,K4683*Input!$J$14,0)+IF(Input!$K$15=3,L4683*Input!$J$15,0)+IF(Input!$K$16=3,M4683*Input!$J$16,0)</f>
        <v>0</v>
      </c>
      <c r="Q4683" s="71">
        <f>IF(Input!$K$13=4,J4683*Input!$J$13,0)+IF(Input!$K$14=4,K4683*Input!$J$14,0)+IF(Input!$K$15=4,L4683*Input!$J$15,0)+IF(Input!$K$16=4,M4683*Input!$J$16,0)</f>
        <v>0</v>
      </c>
    </row>
    <row r="4684" spans="8:17" x14ac:dyDescent="0.25">
      <c r="H4684" s="43">
        <v>4677</v>
      </c>
      <c r="I4684" s="55">
        <f>Bühler!I4710</f>
        <v>0</v>
      </c>
      <c r="J4684" s="58">
        <f>Bühler!J4710</f>
        <v>5.8842267759729632</v>
      </c>
      <c r="K4684" s="58">
        <f>Bühler!K4710</f>
        <v>0.51346143981153203</v>
      </c>
      <c r="L4684" s="58">
        <f>Bühler!L4710</f>
        <v>0.25673071990576601</v>
      </c>
      <c r="M4684" s="57">
        <f>Bühler!M4710</f>
        <v>0</v>
      </c>
      <c r="N4684" s="55">
        <f>IF(Input!$K$13=1,J4684*Input!$J$13,0)+IF(Input!$K$14=1,K4684*Input!$J$14,0)+IF(Input!$K$15=1,L4684*Input!$J$15,0)+IF(Input!$K$16=1,M4684*Input!$J$16,0)</f>
        <v>0.70610721311675551</v>
      </c>
      <c r="O4684" s="58">
        <f>IF(Input!$K$13=2,J4684*Input!$J$13,0)+IF(Input!$K$14=2,K4684*Input!$J$14,0)+IF(Input!$K$15=2,L4684*Input!$J$15,0)+IF(Input!$K$16=2,M4684*Input!$J$16,0)</f>
        <v>6.9317294374556818E-2</v>
      </c>
      <c r="P4684" s="58">
        <f>IF(Input!$K$13=3,J4684*Input!$J$13,0)+IF(Input!$K$14=3,K4684*Input!$J$14,0)+IF(Input!$K$15=3,L4684*Input!$J$15,0)+IF(Input!$K$16=3,M4684*Input!$J$16,0)</f>
        <v>0</v>
      </c>
      <c r="Q4684" s="71">
        <f>IF(Input!$K$13=4,J4684*Input!$J$13,0)+IF(Input!$K$14=4,K4684*Input!$J$14,0)+IF(Input!$K$15=4,L4684*Input!$J$15,0)+IF(Input!$K$16=4,M4684*Input!$J$16,0)</f>
        <v>0</v>
      </c>
    </row>
    <row r="4685" spans="8:17" x14ac:dyDescent="0.25">
      <c r="H4685" s="43">
        <v>4678</v>
      </c>
      <c r="I4685" s="55">
        <f>Bühler!I4711</f>
        <v>0</v>
      </c>
      <c r="J4685" s="58">
        <f>Bühler!J4711</f>
        <v>5.8842267759729632</v>
      </c>
      <c r="K4685" s="58">
        <f>Bühler!K4711</f>
        <v>0.51346143981153203</v>
      </c>
      <c r="L4685" s="58">
        <f>Bühler!L4711</f>
        <v>0.25673071990576601</v>
      </c>
      <c r="M4685" s="57">
        <f>Bühler!M4711</f>
        <v>0</v>
      </c>
      <c r="N4685" s="55">
        <f>IF(Input!$K$13=1,J4685*Input!$J$13,0)+IF(Input!$K$14=1,K4685*Input!$J$14,0)+IF(Input!$K$15=1,L4685*Input!$J$15,0)+IF(Input!$K$16=1,M4685*Input!$J$16,0)</f>
        <v>0.70610721311675551</v>
      </c>
      <c r="O4685" s="58">
        <f>IF(Input!$K$13=2,J4685*Input!$J$13,0)+IF(Input!$K$14=2,K4685*Input!$J$14,0)+IF(Input!$K$15=2,L4685*Input!$J$15,0)+IF(Input!$K$16=2,M4685*Input!$J$16,0)</f>
        <v>6.9317294374556818E-2</v>
      </c>
      <c r="P4685" s="58">
        <f>IF(Input!$K$13=3,J4685*Input!$J$13,0)+IF(Input!$K$14=3,K4685*Input!$J$14,0)+IF(Input!$K$15=3,L4685*Input!$J$15,0)+IF(Input!$K$16=3,M4685*Input!$J$16,0)</f>
        <v>0</v>
      </c>
      <c r="Q4685" s="71">
        <f>IF(Input!$K$13=4,J4685*Input!$J$13,0)+IF(Input!$K$14=4,K4685*Input!$J$14,0)+IF(Input!$K$15=4,L4685*Input!$J$15,0)+IF(Input!$K$16=4,M4685*Input!$J$16,0)</f>
        <v>0</v>
      </c>
    </row>
    <row r="4686" spans="8:17" x14ac:dyDescent="0.25">
      <c r="H4686" s="43">
        <v>4679</v>
      </c>
      <c r="I4686" s="55">
        <f>Bühler!I4712</f>
        <v>0</v>
      </c>
      <c r="J4686" s="58">
        <f>Bühler!J4712</f>
        <v>5.8842267759729632</v>
      </c>
      <c r="K4686" s="58">
        <f>Bühler!K4712</f>
        <v>0.51346143981153203</v>
      </c>
      <c r="L4686" s="58">
        <f>Bühler!L4712</f>
        <v>0.25673071990576601</v>
      </c>
      <c r="M4686" s="57">
        <f>Bühler!M4712</f>
        <v>0</v>
      </c>
      <c r="N4686" s="55">
        <f>IF(Input!$K$13=1,J4686*Input!$J$13,0)+IF(Input!$K$14=1,K4686*Input!$J$14,0)+IF(Input!$K$15=1,L4686*Input!$J$15,0)+IF(Input!$K$16=1,M4686*Input!$J$16,0)</f>
        <v>0.70610721311675551</v>
      </c>
      <c r="O4686" s="58">
        <f>IF(Input!$K$13=2,J4686*Input!$J$13,0)+IF(Input!$K$14=2,K4686*Input!$J$14,0)+IF(Input!$K$15=2,L4686*Input!$J$15,0)+IF(Input!$K$16=2,M4686*Input!$J$16,0)</f>
        <v>6.9317294374556818E-2</v>
      </c>
      <c r="P4686" s="58">
        <f>IF(Input!$K$13=3,J4686*Input!$J$13,0)+IF(Input!$K$14=3,K4686*Input!$J$14,0)+IF(Input!$K$15=3,L4686*Input!$J$15,0)+IF(Input!$K$16=3,M4686*Input!$J$16,0)</f>
        <v>0</v>
      </c>
      <c r="Q4686" s="71">
        <f>IF(Input!$K$13=4,J4686*Input!$J$13,0)+IF(Input!$K$14=4,K4686*Input!$J$14,0)+IF(Input!$K$15=4,L4686*Input!$J$15,0)+IF(Input!$K$16=4,M4686*Input!$J$16,0)</f>
        <v>0</v>
      </c>
    </row>
    <row r="4687" spans="8:17" x14ac:dyDescent="0.25">
      <c r="H4687" s="43">
        <v>4680</v>
      </c>
      <c r="I4687" s="55">
        <f>Bühler!I4713</f>
        <v>0</v>
      </c>
      <c r="J4687" s="58">
        <f>Bühler!J4713</f>
        <v>5.8842267759729632</v>
      </c>
      <c r="K4687" s="58">
        <f>Bühler!K4713</f>
        <v>0.51346143981153203</v>
      </c>
      <c r="L4687" s="58">
        <f>Bühler!L4713</f>
        <v>0.25673071990576601</v>
      </c>
      <c r="M4687" s="57">
        <f>Bühler!M4713</f>
        <v>0</v>
      </c>
      <c r="N4687" s="55">
        <f>IF(Input!$K$13=1,J4687*Input!$J$13,0)+IF(Input!$K$14=1,K4687*Input!$J$14,0)+IF(Input!$K$15=1,L4687*Input!$J$15,0)+IF(Input!$K$16=1,M4687*Input!$J$16,0)</f>
        <v>0.70610721311675551</v>
      </c>
      <c r="O4687" s="58">
        <f>IF(Input!$K$13=2,J4687*Input!$J$13,0)+IF(Input!$K$14=2,K4687*Input!$J$14,0)+IF(Input!$K$15=2,L4687*Input!$J$15,0)+IF(Input!$K$16=2,M4687*Input!$J$16,0)</f>
        <v>6.9317294374556818E-2</v>
      </c>
      <c r="P4687" s="58">
        <f>IF(Input!$K$13=3,J4687*Input!$J$13,0)+IF(Input!$K$14=3,K4687*Input!$J$14,0)+IF(Input!$K$15=3,L4687*Input!$J$15,0)+IF(Input!$K$16=3,M4687*Input!$J$16,0)</f>
        <v>0</v>
      </c>
      <c r="Q4687" s="71">
        <f>IF(Input!$K$13=4,J4687*Input!$J$13,0)+IF(Input!$K$14=4,K4687*Input!$J$14,0)+IF(Input!$K$15=4,L4687*Input!$J$15,0)+IF(Input!$K$16=4,M4687*Input!$J$16,0)</f>
        <v>0</v>
      </c>
    </row>
    <row r="4688" spans="8:17" x14ac:dyDescent="0.25">
      <c r="H4688" s="43">
        <v>4681</v>
      </c>
      <c r="I4688" s="55">
        <f>Bühler!I4714</f>
        <v>0</v>
      </c>
      <c r="J4688" s="58">
        <f>Bühler!J4714</f>
        <v>3.6605789748218771</v>
      </c>
      <c r="K4688" s="58">
        <f>Bühler!K4714</f>
        <v>0.23635953164643106</v>
      </c>
      <c r="L4688" s="58">
        <f>Bühler!L4714</f>
        <v>0.11817976582321553</v>
      </c>
      <c r="M4688" s="57">
        <f>Bühler!M4714</f>
        <v>0</v>
      </c>
      <c r="N4688" s="55">
        <f>IF(Input!$K$13=1,J4688*Input!$J$13,0)+IF(Input!$K$14=1,K4688*Input!$J$14,0)+IF(Input!$K$15=1,L4688*Input!$J$15,0)+IF(Input!$K$16=1,M4688*Input!$J$16,0)</f>
        <v>0.43926947697862523</v>
      </c>
      <c r="O4688" s="58">
        <f>IF(Input!$K$13=2,J4688*Input!$J$13,0)+IF(Input!$K$14=2,K4688*Input!$J$14,0)+IF(Input!$K$15=2,L4688*Input!$J$15,0)+IF(Input!$K$16=2,M4688*Input!$J$16,0)</f>
        <v>3.1908536772268195E-2</v>
      </c>
      <c r="P4688" s="58">
        <f>IF(Input!$K$13=3,J4688*Input!$J$13,0)+IF(Input!$K$14=3,K4688*Input!$J$14,0)+IF(Input!$K$15=3,L4688*Input!$J$15,0)+IF(Input!$K$16=3,M4688*Input!$J$16,0)</f>
        <v>0</v>
      </c>
      <c r="Q4688" s="71">
        <f>IF(Input!$K$13=4,J4688*Input!$J$13,0)+IF(Input!$K$14=4,K4688*Input!$J$14,0)+IF(Input!$K$15=4,L4688*Input!$J$15,0)+IF(Input!$K$16=4,M4688*Input!$J$16,0)</f>
        <v>0</v>
      </c>
    </row>
    <row r="4689" spans="8:17" x14ac:dyDescent="0.25">
      <c r="H4689" s="43">
        <v>4682</v>
      </c>
      <c r="I4689" s="55">
        <f>Bühler!I4715</f>
        <v>0</v>
      </c>
      <c r="J4689" s="58">
        <f>Bühler!J4715</f>
        <v>3.3137912930712434</v>
      </c>
      <c r="K4689" s="58">
        <f>Bühler!K4715</f>
        <v>0.21272357848178794</v>
      </c>
      <c r="L4689" s="58">
        <f>Bühler!L4715</f>
        <v>0.10636178924089397</v>
      </c>
      <c r="M4689" s="57">
        <f>Bühler!M4715</f>
        <v>0</v>
      </c>
      <c r="N4689" s="55">
        <f>IF(Input!$K$13=1,J4689*Input!$J$13,0)+IF(Input!$K$14=1,K4689*Input!$J$14,0)+IF(Input!$K$15=1,L4689*Input!$J$15,0)+IF(Input!$K$16=1,M4689*Input!$J$16,0)</f>
        <v>0.39765495516854921</v>
      </c>
      <c r="O4689" s="58">
        <f>IF(Input!$K$13=2,J4689*Input!$J$13,0)+IF(Input!$K$14=2,K4689*Input!$J$14,0)+IF(Input!$K$15=2,L4689*Input!$J$15,0)+IF(Input!$K$16=2,M4689*Input!$J$16,0)</f>
        <v>2.8717683095041371E-2</v>
      </c>
      <c r="P4689" s="58">
        <f>IF(Input!$K$13=3,J4689*Input!$J$13,0)+IF(Input!$K$14=3,K4689*Input!$J$14,0)+IF(Input!$K$15=3,L4689*Input!$J$15,0)+IF(Input!$K$16=3,M4689*Input!$J$16,0)</f>
        <v>0</v>
      </c>
      <c r="Q4689" s="71">
        <f>IF(Input!$K$13=4,J4689*Input!$J$13,0)+IF(Input!$K$14=4,K4689*Input!$J$14,0)+IF(Input!$K$15=4,L4689*Input!$J$15,0)+IF(Input!$K$16=4,M4689*Input!$J$16,0)</f>
        <v>0</v>
      </c>
    </row>
    <row r="4690" spans="8:17" x14ac:dyDescent="0.25">
      <c r="H4690" s="43">
        <v>4683</v>
      </c>
      <c r="I4690" s="55">
        <f>Bühler!I4716</f>
        <v>0</v>
      </c>
      <c r="J4690" s="58">
        <f>Bühler!J4716</f>
        <v>3.3137912930712434</v>
      </c>
      <c r="K4690" s="58">
        <f>Bühler!K4716</f>
        <v>0.21272357848178794</v>
      </c>
      <c r="L4690" s="58">
        <f>Bühler!L4716</f>
        <v>0.10636178924089397</v>
      </c>
      <c r="M4690" s="57">
        <f>Bühler!M4716</f>
        <v>0</v>
      </c>
      <c r="N4690" s="55">
        <f>IF(Input!$K$13=1,J4690*Input!$J$13,0)+IF(Input!$K$14=1,K4690*Input!$J$14,0)+IF(Input!$K$15=1,L4690*Input!$J$15,0)+IF(Input!$K$16=1,M4690*Input!$J$16,0)</f>
        <v>0.39765495516854921</v>
      </c>
      <c r="O4690" s="58">
        <f>IF(Input!$K$13=2,J4690*Input!$J$13,0)+IF(Input!$K$14=2,K4690*Input!$J$14,0)+IF(Input!$K$15=2,L4690*Input!$J$15,0)+IF(Input!$K$16=2,M4690*Input!$J$16,0)</f>
        <v>2.8717683095041371E-2</v>
      </c>
      <c r="P4690" s="58">
        <f>IF(Input!$K$13=3,J4690*Input!$J$13,0)+IF(Input!$K$14=3,K4690*Input!$J$14,0)+IF(Input!$K$15=3,L4690*Input!$J$15,0)+IF(Input!$K$16=3,M4690*Input!$J$16,0)</f>
        <v>0</v>
      </c>
      <c r="Q4690" s="71">
        <f>IF(Input!$K$13=4,J4690*Input!$J$13,0)+IF(Input!$K$14=4,K4690*Input!$J$14,0)+IF(Input!$K$15=4,L4690*Input!$J$15,0)+IF(Input!$K$16=4,M4690*Input!$J$16,0)</f>
        <v>0</v>
      </c>
    </row>
    <row r="4691" spans="8:17" x14ac:dyDescent="0.25">
      <c r="H4691" s="43">
        <v>4684</v>
      </c>
      <c r="I4691" s="55">
        <f>Bühler!I4717</f>
        <v>0</v>
      </c>
      <c r="J4691" s="58">
        <f>Bühler!J4717</f>
        <v>3.3137912930712434</v>
      </c>
      <c r="K4691" s="58">
        <f>Bühler!K4717</f>
        <v>0.21272357848178794</v>
      </c>
      <c r="L4691" s="58">
        <f>Bühler!L4717</f>
        <v>0.10636178924089397</v>
      </c>
      <c r="M4691" s="57">
        <f>Bühler!M4717</f>
        <v>0</v>
      </c>
      <c r="N4691" s="55">
        <f>IF(Input!$K$13=1,J4691*Input!$J$13,0)+IF(Input!$K$14=1,K4691*Input!$J$14,0)+IF(Input!$K$15=1,L4691*Input!$J$15,0)+IF(Input!$K$16=1,M4691*Input!$J$16,0)</f>
        <v>0.39765495516854921</v>
      </c>
      <c r="O4691" s="58">
        <f>IF(Input!$K$13=2,J4691*Input!$J$13,0)+IF(Input!$K$14=2,K4691*Input!$J$14,0)+IF(Input!$K$15=2,L4691*Input!$J$15,0)+IF(Input!$K$16=2,M4691*Input!$J$16,0)</f>
        <v>2.8717683095041371E-2</v>
      </c>
      <c r="P4691" s="58">
        <f>IF(Input!$K$13=3,J4691*Input!$J$13,0)+IF(Input!$K$14=3,K4691*Input!$J$14,0)+IF(Input!$K$15=3,L4691*Input!$J$15,0)+IF(Input!$K$16=3,M4691*Input!$J$16,0)</f>
        <v>0</v>
      </c>
      <c r="Q4691" s="71">
        <f>IF(Input!$K$13=4,J4691*Input!$J$13,0)+IF(Input!$K$14=4,K4691*Input!$J$14,0)+IF(Input!$K$15=4,L4691*Input!$J$15,0)+IF(Input!$K$16=4,M4691*Input!$J$16,0)</f>
        <v>0</v>
      </c>
    </row>
    <row r="4692" spans="8:17" x14ac:dyDescent="0.25">
      <c r="H4692" s="43">
        <v>4685</v>
      </c>
      <c r="I4692" s="55">
        <f>Bühler!I4718</f>
        <v>0</v>
      </c>
      <c r="J4692" s="58">
        <f>Bühler!J4718</f>
        <v>3.3137912930712434</v>
      </c>
      <c r="K4692" s="58">
        <f>Bühler!K4718</f>
        <v>0.21272357848178794</v>
      </c>
      <c r="L4692" s="58">
        <f>Bühler!L4718</f>
        <v>0.10636178924089397</v>
      </c>
      <c r="M4692" s="57">
        <f>Bühler!M4718</f>
        <v>0</v>
      </c>
      <c r="N4692" s="55">
        <f>IF(Input!$K$13=1,J4692*Input!$J$13,0)+IF(Input!$K$14=1,K4692*Input!$J$14,0)+IF(Input!$K$15=1,L4692*Input!$J$15,0)+IF(Input!$K$16=1,M4692*Input!$J$16,0)</f>
        <v>0.39765495516854921</v>
      </c>
      <c r="O4692" s="58">
        <f>IF(Input!$K$13=2,J4692*Input!$J$13,0)+IF(Input!$K$14=2,K4692*Input!$J$14,0)+IF(Input!$K$15=2,L4692*Input!$J$15,0)+IF(Input!$K$16=2,M4692*Input!$J$16,0)</f>
        <v>2.8717683095041371E-2</v>
      </c>
      <c r="P4692" s="58">
        <f>IF(Input!$K$13=3,J4692*Input!$J$13,0)+IF(Input!$K$14=3,K4692*Input!$J$14,0)+IF(Input!$K$15=3,L4692*Input!$J$15,0)+IF(Input!$K$16=3,M4692*Input!$J$16,0)</f>
        <v>0</v>
      </c>
      <c r="Q4692" s="71">
        <f>IF(Input!$K$13=4,J4692*Input!$J$13,0)+IF(Input!$K$14=4,K4692*Input!$J$14,0)+IF(Input!$K$15=4,L4692*Input!$J$15,0)+IF(Input!$K$16=4,M4692*Input!$J$16,0)</f>
        <v>0</v>
      </c>
    </row>
    <row r="4693" spans="8:17" x14ac:dyDescent="0.25">
      <c r="H4693" s="43">
        <v>4686</v>
      </c>
      <c r="I4693" s="55">
        <f>Bühler!I4719</f>
        <v>0</v>
      </c>
      <c r="J4693" s="58">
        <f>Bühler!J4719</f>
        <v>3.3137912930712434</v>
      </c>
      <c r="K4693" s="58">
        <f>Bühler!K4719</f>
        <v>0.21272357848178794</v>
      </c>
      <c r="L4693" s="58">
        <f>Bühler!L4719</f>
        <v>0.10636178924089397</v>
      </c>
      <c r="M4693" s="57">
        <f>Bühler!M4719</f>
        <v>0</v>
      </c>
      <c r="N4693" s="55">
        <f>IF(Input!$K$13=1,J4693*Input!$J$13,0)+IF(Input!$K$14=1,K4693*Input!$J$14,0)+IF(Input!$K$15=1,L4693*Input!$J$15,0)+IF(Input!$K$16=1,M4693*Input!$J$16,0)</f>
        <v>0.39765495516854921</v>
      </c>
      <c r="O4693" s="58">
        <f>IF(Input!$K$13=2,J4693*Input!$J$13,0)+IF(Input!$K$14=2,K4693*Input!$J$14,0)+IF(Input!$K$15=2,L4693*Input!$J$15,0)+IF(Input!$K$16=2,M4693*Input!$J$16,0)</f>
        <v>2.8717683095041371E-2</v>
      </c>
      <c r="P4693" s="58">
        <f>IF(Input!$K$13=3,J4693*Input!$J$13,0)+IF(Input!$K$14=3,K4693*Input!$J$14,0)+IF(Input!$K$15=3,L4693*Input!$J$15,0)+IF(Input!$K$16=3,M4693*Input!$J$16,0)</f>
        <v>0</v>
      </c>
      <c r="Q4693" s="71">
        <f>IF(Input!$K$13=4,J4693*Input!$J$13,0)+IF(Input!$K$14=4,K4693*Input!$J$14,0)+IF(Input!$K$15=4,L4693*Input!$J$15,0)+IF(Input!$K$16=4,M4693*Input!$J$16,0)</f>
        <v>0</v>
      </c>
    </row>
    <row r="4694" spans="8:17" x14ac:dyDescent="0.25">
      <c r="H4694" s="43">
        <v>4687</v>
      </c>
      <c r="I4694" s="55">
        <f>Bühler!I4720</f>
        <v>0</v>
      </c>
      <c r="J4694" s="58">
        <f>Bühler!J4720</f>
        <v>3.3137912930712434</v>
      </c>
      <c r="K4694" s="58">
        <f>Bühler!K4720</f>
        <v>0.21272357848178794</v>
      </c>
      <c r="L4694" s="58">
        <f>Bühler!L4720</f>
        <v>0.10636178924089397</v>
      </c>
      <c r="M4694" s="57">
        <f>Bühler!M4720</f>
        <v>0</v>
      </c>
      <c r="N4694" s="55">
        <f>IF(Input!$K$13=1,J4694*Input!$J$13,0)+IF(Input!$K$14=1,K4694*Input!$J$14,0)+IF(Input!$K$15=1,L4694*Input!$J$15,0)+IF(Input!$K$16=1,M4694*Input!$J$16,0)</f>
        <v>0.39765495516854921</v>
      </c>
      <c r="O4694" s="58">
        <f>IF(Input!$K$13=2,J4694*Input!$J$13,0)+IF(Input!$K$14=2,K4694*Input!$J$14,0)+IF(Input!$K$15=2,L4694*Input!$J$15,0)+IF(Input!$K$16=2,M4694*Input!$J$16,0)</f>
        <v>2.8717683095041371E-2</v>
      </c>
      <c r="P4694" s="58">
        <f>IF(Input!$K$13=3,J4694*Input!$J$13,0)+IF(Input!$K$14=3,K4694*Input!$J$14,0)+IF(Input!$K$15=3,L4694*Input!$J$15,0)+IF(Input!$K$16=3,M4694*Input!$J$16,0)</f>
        <v>0</v>
      </c>
      <c r="Q4694" s="71">
        <f>IF(Input!$K$13=4,J4694*Input!$J$13,0)+IF(Input!$K$14=4,K4694*Input!$J$14,0)+IF(Input!$K$15=4,L4694*Input!$J$15,0)+IF(Input!$K$16=4,M4694*Input!$J$16,0)</f>
        <v>0</v>
      </c>
    </row>
    <row r="4695" spans="8:17" x14ac:dyDescent="0.25">
      <c r="H4695" s="43">
        <v>4688</v>
      </c>
      <c r="I4695" s="55">
        <f>Bühler!I4721</f>
        <v>0</v>
      </c>
      <c r="J4695" s="58">
        <f>Bühler!J4721</f>
        <v>3.3137912930712434</v>
      </c>
      <c r="K4695" s="58">
        <f>Bühler!K4721</f>
        <v>0.21272357848178794</v>
      </c>
      <c r="L4695" s="58">
        <f>Bühler!L4721</f>
        <v>0.10636178924089397</v>
      </c>
      <c r="M4695" s="57">
        <f>Bühler!M4721</f>
        <v>0</v>
      </c>
      <c r="N4695" s="55">
        <f>IF(Input!$K$13=1,J4695*Input!$J$13,0)+IF(Input!$K$14=1,K4695*Input!$J$14,0)+IF(Input!$K$15=1,L4695*Input!$J$15,0)+IF(Input!$K$16=1,M4695*Input!$J$16,0)</f>
        <v>0.39765495516854921</v>
      </c>
      <c r="O4695" s="58">
        <f>IF(Input!$K$13=2,J4695*Input!$J$13,0)+IF(Input!$K$14=2,K4695*Input!$J$14,0)+IF(Input!$K$15=2,L4695*Input!$J$15,0)+IF(Input!$K$16=2,M4695*Input!$J$16,0)</f>
        <v>2.8717683095041371E-2</v>
      </c>
      <c r="P4695" s="58">
        <f>IF(Input!$K$13=3,J4695*Input!$J$13,0)+IF(Input!$K$14=3,K4695*Input!$J$14,0)+IF(Input!$K$15=3,L4695*Input!$J$15,0)+IF(Input!$K$16=3,M4695*Input!$J$16,0)</f>
        <v>0</v>
      </c>
      <c r="Q4695" s="71">
        <f>IF(Input!$K$13=4,J4695*Input!$J$13,0)+IF(Input!$K$14=4,K4695*Input!$J$14,0)+IF(Input!$K$15=4,L4695*Input!$J$15,0)+IF(Input!$K$16=4,M4695*Input!$J$16,0)</f>
        <v>0</v>
      </c>
    </row>
    <row r="4696" spans="8:17" x14ac:dyDescent="0.25">
      <c r="H4696" s="43">
        <v>4689</v>
      </c>
      <c r="I4696" s="55">
        <f>Bühler!I4722</f>
        <v>0</v>
      </c>
      <c r="J4696" s="58">
        <f>Bühler!J4722</f>
        <v>3.3137912930712434</v>
      </c>
      <c r="K4696" s="58">
        <f>Bühler!K4722</f>
        <v>0.21272357848178794</v>
      </c>
      <c r="L4696" s="58">
        <f>Bühler!L4722</f>
        <v>0.10636178924089397</v>
      </c>
      <c r="M4696" s="57">
        <f>Bühler!M4722</f>
        <v>0</v>
      </c>
      <c r="N4696" s="55">
        <f>IF(Input!$K$13=1,J4696*Input!$J$13,0)+IF(Input!$K$14=1,K4696*Input!$J$14,0)+IF(Input!$K$15=1,L4696*Input!$J$15,0)+IF(Input!$K$16=1,M4696*Input!$J$16,0)</f>
        <v>0.39765495516854921</v>
      </c>
      <c r="O4696" s="58">
        <f>IF(Input!$K$13=2,J4696*Input!$J$13,0)+IF(Input!$K$14=2,K4696*Input!$J$14,0)+IF(Input!$K$15=2,L4696*Input!$J$15,0)+IF(Input!$K$16=2,M4696*Input!$J$16,0)</f>
        <v>2.8717683095041371E-2</v>
      </c>
      <c r="P4696" s="58">
        <f>IF(Input!$K$13=3,J4696*Input!$J$13,0)+IF(Input!$K$14=3,K4696*Input!$J$14,0)+IF(Input!$K$15=3,L4696*Input!$J$15,0)+IF(Input!$K$16=3,M4696*Input!$J$16,0)</f>
        <v>0</v>
      </c>
      <c r="Q4696" s="71">
        <f>IF(Input!$K$13=4,J4696*Input!$J$13,0)+IF(Input!$K$14=4,K4696*Input!$J$14,0)+IF(Input!$K$15=4,L4696*Input!$J$15,0)+IF(Input!$K$16=4,M4696*Input!$J$16,0)</f>
        <v>0</v>
      </c>
    </row>
    <row r="4697" spans="8:17" x14ac:dyDescent="0.25">
      <c r="H4697" s="43">
        <v>4690</v>
      </c>
      <c r="I4697" s="55">
        <f>Bühler!I4723</f>
        <v>0</v>
      </c>
      <c r="J4697" s="58">
        <f>Bühler!J4723</f>
        <v>3.3137912930712434</v>
      </c>
      <c r="K4697" s="58">
        <f>Bühler!K4723</f>
        <v>0.21272357848178794</v>
      </c>
      <c r="L4697" s="58">
        <f>Bühler!L4723</f>
        <v>0.10636178924089397</v>
      </c>
      <c r="M4697" s="57">
        <f>Bühler!M4723</f>
        <v>0</v>
      </c>
      <c r="N4697" s="55">
        <f>IF(Input!$K$13=1,J4697*Input!$J$13,0)+IF(Input!$K$14=1,K4697*Input!$J$14,0)+IF(Input!$K$15=1,L4697*Input!$J$15,0)+IF(Input!$K$16=1,M4697*Input!$J$16,0)</f>
        <v>0.39765495516854921</v>
      </c>
      <c r="O4697" s="58">
        <f>IF(Input!$K$13=2,J4697*Input!$J$13,0)+IF(Input!$K$14=2,K4697*Input!$J$14,0)+IF(Input!$K$15=2,L4697*Input!$J$15,0)+IF(Input!$K$16=2,M4697*Input!$J$16,0)</f>
        <v>2.8717683095041371E-2</v>
      </c>
      <c r="P4697" s="58">
        <f>IF(Input!$K$13=3,J4697*Input!$J$13,0)+IF(Input!$K$14=3,K4697*Input!$J$14,0)+IF(Input!$K$15=3,L4697*Input!$J$15,0)+IF(Input!$K$16=3,M4697*Input!$J$16,0)</f>
        <v>0</v>
      </c>
      <c r="Q4697" s="71">
        <f>IF(Input!$K$13=4,J4697*Input!$J$13,0)+IF(Input!$K$14=4,K4697*Input!$J$14,0)+IF(Input!$K$15=4,L4697*Input!$J$15,0)+IF(Input!$K$16=4,M4697*Input!$J$16,0)</f>
        <v>0</v>
      </c>
    </row>
    <row r="4698" spans="8:17" x14ac:dyDescent="0.25">
      <c r="H4698" s="43">
        <v>4691</v>
      </c>
      <c r="I4698" s="55">
        <f>Bühler!I4724</f>
        <v>0</v>
      </c>
      <c r="J4698" s="58">
        <f>Bühler!J4724</f>
        <v>3.3137912930712434</v>
      </c>
      <c r="K4698" s="58">
        <f>Bühler!K4724</f>
        <v>0.21272357848178794</v>
      </c>
      <c r="L4698" s="58">
        <f>Bühler!L4724</f>
        <v>0.10636178924089397</v>
      </c>
      <c r="M4698" s="57">
        <f>Bühler!M4724</f>
        <v>0</v>
      </c>
      <c r="N4698" s="55">
        <f>IF(Input!$K$13=1,J4698*Input!$J$13,0)+IF(Input!$K$14=1,K4698*Input!$J$14,0)+IF(Input!$K$15=1,L4698*Input!$J$15,0)+IF(Input!$K$16=1,M4698*Input!$J$16,0)</f>
        <v>0.39765495516854921</v>
      </c>
      <c r="O4698" s="58">
        <f>IF(Input!$K$13=2,J4698*Input!$J$13,0)+IF(Input!$K$14=2,K4698*Input!$J$14,0)+IF(Input!$K$15=2,L4698*Input!$J$15,0)+IF(Input!$K$16=2,M4698*Input!$J$16,0)</f>
        <v>2.8717683095041371E-2</v>
      </c>
      <c r="P4698" s="58">
        <f>IF(Input!$K$13=3,J4698*Input!$J$13,0)+IF(Input!$K$14=3,K4698*Input!$J$14,0)+IF(Input!$K$15=3,L4698*Input!$J$15,0)+IF(Input!$K$16=3,M4698*Input!$J$16,0)</f>
        <v>0</v>
      </c>
      <c r="Q4698" s="71">
        <f>IF(Input!$K$13=4,J4698*Input!$J$13,0)+IF(Input!$K$14=4,K4698*Input!$J$14,0)+IF(Input!$K$15=4,L4698*Input!$J$15,0)+IF(Input!$K$16=4,M4698*Input!$J$16,0)</f>
        <v>0</v>
      </c>
    </row>
    <row r="4699" spans="8:17" x14ac:dyDescent="0.25">
      <c r="H4699" s="43">
        <v>4692</v>
      </c>
      <c r="I4699" s="55">
        <f>Bühler!I4725</f>
        <v>0</v>
      </c>
      <c r="J4699" s="58">
        <f>Bühler!J4725</f>
        <v>3.3137912930712434</v>
      </c>
      <c r="K4699" s="58">
        <f>Bühler!K4725</f>
        <v>0.21272357848178794</v>
      </c>
      <c r="L4699" s="58">
        <f>Bühler!L4725</f>
        <v>0.10636178924089397</v>
      </c>
      <c r="M4699" s="57">
        <f>Bühler!M4725</f>
        <v>0</v>
      </c>
      <c r="N4699" s="55">
        <f>IF(Input!$K$13=1,J4699*Input!$J$13,0)+IF(Input!$K$14=1,K4699*Input!$J$14,0)+IF(Input!$K$15=1,L4699*Input!$J$15,0)+IF(Input!$K$16=1,M4699*Input!$J$16,0)</f>
        <v>0.39765495516854921</v>
      </c>
      <c r="O4699" s="58">
        <f>IF(Input!$K$13=2,J4699*Input!$J$13,0)+IF(Input!$K$14=2,K4699*Input!$J$14,0)+IF(Input!$K$15=2,L4699*Input!$J$15,0)+IF(Input!$K$16=2,M4699*Input!$J$16,0)</f>
        <v>2.8717683095041371E-2</v>
      </c>
      <c r="P4699" s="58">
        <f>IF(Input!$K$13=3,J4699*Input!$J$13,0)+IF(Input!$K$14=3,K4699*Input!$J$14,0)+IF(Input!$K$15=3,L4699*Input!$J$15,0)+IF(Input!$K$16=3,M4699*Input!$J$16,0)</f>
        <v>0</v>
      </c>
      <c r="Q4699" s="71">
        <f>IF(Input!$K$13=4,J4699*Input!$J$13,0)+IF(Input!$K$14=4,K4699*Input!$J$14,0)+IF(Input!$K$15=4,L4699*Input!$J$15,0)+IF(Input!$K$16=4,M4699*Input!$J$16,0)</f>
        <v>0</v>
      </c>
    </row>
    <row r="4700" spans="8:17" x14ac:dyDescent="0.25">
      <c r="H4700" s="43">
        <v>4693</v>
      </c>
      <c r="I4700" s="55">
        <f>Bühler!I4726</f>
        <v>0</v>
      </c>
      <c r="J4700" s="58">
        <f>Bühler!J4726</f>
        <v>3.3137912930712434</v>
      </c>
      <c r="K4700" s="58">
        <f>Bühler!K4726</f>
        <v>0.21272357848178794</v>
      </c>
      <c r="L4700" s="58">
        <f>Bühler!L4726</f>
        <v>0.10636178924089397</v>
      </c>
      <c r="M4700" s="57">
        <f>Bühler!M4726</f>
        <v>0</v>
      </c>
      <c r="N4700" s="55">
        <f>IF(Input!$K$13=1,J4700*Input!$J$13,0)+IF(Input!$K$14=1,K4700*Input!$J$14,0)+IF(Input!$K$15=1,L4700*Input!$J$15,0)+IF(Input!$K$16=1,M4700*Input!$J$16,0)</f>
        <v>0.39765495516854921</v>
      </c>
      <c r="O4700" s="58">
        <f>IF(Input!$K$13=2,J4700*Input!$J$13,0)+IF(Input!$K$14=2,K4700*Input!$J$14,0)+IF(Input!$K$15=2,L4700*Input!$J$15,0)+IF(Input!$K$16=2,M4700*Input!$J$16,0)</f>
        <v>2.8717683095041371E-2</v>
      </c>
      <c r="P4700" s="58">
        <f>IF(Input!$K$13=3,J4700*Input!$J$13,0)+IF(Input!$K$14=3,K4700*Input!$J$14,0)+IF(Input!$K$15=3,L4700*Input!$J$15,0)+IF(Input!$K$16=3,M4700*Input!$J$16,0)</f>
        <v>0</v>
      </c>
      <c r="Q4700" s="71">
        <f>IF(Input!$K$13=4,J4700*Input!$J$13,0)+IF(Input!$K$14=4,K4700*Input!$J$14,0)+IF(Input!$K$15=4,L4700*Input!$J$15,0)+IF(Input!$K$16=4,M4700*Input!$J$16,0)</f>
        <v>0</v>
      </c>
    </row>
    <row r="4701" spans="8:17" x14ac:dyDescent="0.25">
      <c r="H4701" s="43">
        <v>4694</v>
      </c>
      <c r="I4701" s="55">
        <f>Bühler!I4727</f>
        <v>0</v>
      </c>
      <c r="J4701" s="58">
        <f>Bühler!J4727</f>
        <v>3.3137912930712434</v>
      </c>
      <c r="K4701" s="58">
        <f>Bühler!K4727</f>
        <v>0.21272357848178794</v>
      </c>
      <c r="L4701" s="58">
        <f>Bühler!L4727</f>
        <v>0.10636178924089397</v>
      </c>
      <c r="M4701" s="57">
        <f>Bühler!M4727</f>
        <v>0</v>
      </c>
      <c r="N4701" s="55">
        <f>IF(Input!$K$13=1,J4701*Input!$J$13,0)+IF(Input!$K$14=1,K4701*Input!$J$14,0)+IF(Input!$K$15=1,L4701*Input!$J$15,0)+IF(Input!$K$16=1,M4701*Input!$J$16,0)</f>
        <v>0.39765495516854921</v>
      </c>
      <c r="O4701" s="58">
        <f>IF(Input!$K$13=2,J4701*Input!$J$13,0)+IF(Input!$K$14=2,K4701*Input!$J$14,0)+IF(Input!$K$15=2,L4701*Input!$J$15,0)+IF(Input!$K$16=2,M4701*Input!$J$16,0)</f>
        <v>2.8717683095041371E-2</v>
      </c>
      <c r="P4701" s="58">
        <f>IF(Input!$K$13=3,J4701*Input!$J$13,0)+IF(Input!$K$14=3,K4701*Input!$J$14,0)+IF(Input!$K$15=3,L4701*Input!$J$15,0)+IF(Input!$K$16=3,M4701*Input!$J$16,0)</f>
        <v>0</v>
      </c>
      <c r="Q4701" s="71">
        <f>IF(Input!$K$13=4,J4701*Input!$J$13,0)+IF(Input!$K$14=4,K4701*Input!$J$14,0)+IF(Input!$K$15=4,L4701*Input!$J$15,0)+IF(Input!$K$16=4,M4701*Input!$J$16,0)</f>
        <v>0</v>
      </c>
    </row>
    <row r="4702" spans="8:17" x14ac:dyDescent="0.25">
      <c r="H4702" s="43">
        <v>4695</v>
      </c>
      <c r="I4702" s="55">
        <f>Bühler!I4728</f>
        <v>0</v>
      </c>
      <c r="J4702" s="58">
        <f>Bühler!J4728</f>
        <v>3.3137912930712434</v>
      </c>
      <c r="K4702" s="58">
        <f>Bühler!K4728</f>
        <v>0.21272357848178794</v>
      </c>
      <c r="L4702" s="58">
        <f>Bühler!L4728</f>
        <v>0.10636178924089397</v>
      </c>
      <c r="M4702" s="57">
        <f>Bühler!M4728</f>
        <v>0</v>
      </c>
      <c r="N4702" s="55">
        <f>IF(Input!$K$13=1,J4702*Input!$J$13,0)+IF(Input!$K$14=1,K4702*Input!$J$14,0)+IF(Input!$K$15=1,L4702*Input!$J$15,0)+IF(Input!$K$16=1,M4702*Input!$J$16,0)</f>
        <v>0.39765495516854921</v>
      </c>
      <c r="O4702" s="58">
        <f>IF(Input!$K$13=2,J4702*Input!$J$13,0)+IF(Input!$K$14=2,K4702*Input!$J$14,0)+IF(Input!$K$15=2,L4702*Input!$J$15,0)+IF(Input!$K$16=2,M4702*Input!$J$16,0)</f>
        <v>2.8717683095041371E-2</v>
      </c>
      <c r="P4702" s="58">
        <f>IF(Input!$K$13=3,J4702*Input!$J$13,0)+IF(Input!$K$14=3,K4702*Input!$J$14,0)+IF(Input!$K$15=3,L4702*Input!$J$15,0)+IF(Input!$K$16=3,M4702*Input!$J$16,0)</f>
        <v>0</v>
      </c>
      <c r="Q4702" s="71">
        <f>IF(Input!$K$13=4,J4702*Input!$J$13,0)+IF(Input!$K$14=4,K4702*Input!$J$14,0)+IF(Input!$K$15=4,L4702*Input!$J$15,0)+IF(Input!$K$16=4,M4702*Input!$J$16,0)</f>
        <v>0</v>
      </c>
    </row>
    <row r="4703" spans="8:17" x14ac:dyDescent="0.25">
      <c r="H4703" s="43">
        <v>4696</v>
      </c>
      <c r="I4703" s="55">
        <f>Bühler!I4729</f>
        <v>0</v>
      </c>
      <c r="J4703" s="58">
        <f>Bühler!J4729</f>
        <v>3.3137912930712434</v>
      </c>
      <c r="K4703" s="58">
        <f>Bühler!K4729</f>
        <v>0.21272357848178794</v>
      </c>
      <c r="L4703" s="58">
        <f>Bühler!L4729</f>
        <v>0.10636178924089397</v>
      </c>
      <c r="M4703" s="57">
        <f>Bühler!M4729</f>
        <v>0</v>
      </c>
      <c r="N4703" s="55">
        <f>IF(Input!$K$13=1,J4703*Input!$J$13,0)+IF(Input!$K$14=1,K4703*Input!$J$14,0)+IF(Input!$K$15=1,L4703*Input!$J$15,0)+IF(Input!$K$16=1,M4703*Input!$J$16,0)</f>
        <v>0.39765495516854921</v>
      </c>
      <c r="O4703" s="58">
        <f>IF(Input!$K$13=2,J4703*Input!$J$13,0)+IF(Input!$K$14=2,K4703*Input!$J$14,0)+IF(Input!$K$15=2,L4703*Input!$J$15,0)+IF(Input!$K$16=2,M4703*Input!$J$16,0)</f>
        <v>2.8717683095041371E-2</v>
      </c>
      <c r="P4703" s="58">
        <f>IF(Input!$K$13=3,J4703*Input!$J$13,0)+IF(Input!$K$14=3,K4703*Input!$J$14,0)+IF(Input!$K$15=3,L4703*Input!$J$15,0)+IF(Input!$K$16=3,M4703*Input!$J$16,0)</f>
        <v>0</v>
      </c>
      <c r="Q4703" s="71">
        <f>IF(Input!$K$13=4,J4703*Input!$J$13,0)+IF(Input!$K$14=4,K4703*Input!$J$14,0)+IF(Input!$K$15=4,L4703*Input!$J$15,0)+IF(Input!$K$16=4,M4703*Input!$J$16,0)</f>
        <v>0</v>
      </c>
    </row>
    <row r="4704" spans="8:17" x14ac:dyDescent="0.25">
      <c r="H4704" s="43">
        <v>4697</v>
      </c>
      <c r="I4704" s="55">
        <f>Bühler!I4730</f>
        <v>0</v>
      </c>
      <c r="J4704" s="58">
        <f>Bühler!J4730</f>
        <v>3.3137912930712434</v>
      </c>
      <c r="K4704" s="58">
        <f>Bühler!K4730</f>
        <v>0.21272357848178794</v>
      </c>
      <c r="L4704" s="58">
        <f>Bühler!L4730</f>
        <v>0.10636178924089397</v>
      </c>
      <c r="M4704" s="57">
        <f>Bühler!M4730</f>
        <v>0</v>
      </c>
      <c r="N4704" s="55">
        <f>IF(Input!$K$13=1,J4704*Input!$J$13,0)+IF(Input!$K$14=1,K4704*Input!$J$14,0)+IF(Input!$K$15=1,L4704*Input!$J$15,0)+IF(Input!$K$16=1,M4704*Input!$J$16,0)</f>
        <v>0.39765495516854921</v>
      </c>
      <c r="O4704" s="58">
        <f>IF(Input!$K$13=2,J4704*Input!$J$13,0)+IF(Input!$K$14=2,K4704*Input!$J$14,0)+IF(Input!$K$15=2,L4704*Input!$J$15,0)+IF(Input!$K$16=2,M4704*Input!$J$16,0)</f>
        <v>2.8717683095041371E-2</v>
      </c>
      <c r="P4704" s="58">
        <f>IF(Input!$K$13=3,J4704*Input!$J$13,0)+IF(Input!$K$14=3,K4704*Input!$J$14,0)+IF(Input!$K$15=3,L4704*Input!$J$15,0)+IF(Input!$K$16=3,M4704*Input!$J$16,0)</f>
        <v>0</v>
      </c>
      <c r="Q4704" s="71">
        <f>IF(Input!$K$13=4,J4704*Input!$J$13,0)+IF(Input!$K$14=4,K4704*Input!$J$14,0)+IF(Input!$K$15=4,L4704*Input!$J$15,0)+IF(Input!$K$16=4,M4704*Input!$J$16,0)</f>
        <v>0</v>
      </c>
    </row>
    <row r="4705" spans="8:17" x14ac:dyDescent="0.25">
      <c r="H4705" s="43">
        <v>4698</v>
      </c>
      <c r="I4705" s="55">
        <f>Bühler!I4731</f>
        <v>0</v>
      </c>
      <c r="J4705" s="58">
        <f>Bühler!J4731</f>
        <v>3.3137912930712434</v>
      </c>
      <c r="K4705" s="58">
        <f>Bühler!K4731</f>
        <v>0.21272357848178794</v>
      </c>
      <c r="L4705" s="58">
        <f>Bühler!L4731</f>
        <v>0.10636178924089397</v>
      </c>
      <c r="M4705" s="57">
        <f>Bühler!M4731</f>
        <v>0</v>
      </c>
      <c r="N4705" s="55">
        <f>IF(Input!$K$13=1,J4705*Input!$J$13,0)+IF(Input!$K$14=1,K4705*Input!$J$14,0)+IF(Input!$K$15=1,L4705*Input!$J$15,0)+IF(Input!$K$16=1,M4705*Input!$J$16,0)</f>
        <v>0.39765495516854921</v>
      </c>
      <c r="O4705" s="58">
        <f>IF(Input!$K$13=2,J4705*Input!$J$13,0)+IF(Input!$K$14=2,K4705*Input!$J$14,0)+IF(Input!$K$15=2,L4705*Input!$J$15,0)+IF(Input!$K$16=2,M4705*Input!$J$16,0)</f>
        <v>2.8717683095041371E-2</v>
      </c>
      <c r="P4705" s="58">
        <f>IF(Input!$K$13=3,J4705*Input!$J$13,0)+IF(Input!$K$14=3,K4705*Input!$J$14,0)+IF(Input!$K$15=3,L4705*Input!$J$15,0)+IF(Input!$K$16=3,M4705*Input!$J$16,0)</f>
        <v>0</v>
      </c>
      <c r="Q4705" s="71">
        <f>IF(Input!$K$13=4,J4705*Input!$J$13,0)+IF(Input!$K$14=4,K4705*Input!$J$14,0)+IF(Input!$K$15=4,L4705*Input!$J$15,0)+IF(Input!$K$16=4,M4705*Input!$J$16,0)</f>
        <v>0</v>
      </c>
    </row>
    <row r="4706" spans="8:17" x14ac:dyDescent="0.25">
      <c r="H4706" s="43">
        <v>4699</v>
      </c>
      <c r="I4706" s="55">
        <f>Bühler!I4732</f>
        <v>0</v>
      </c>
      <c r="J4706" s="58">
        <f>Bühler!J4732</f>
        <v>3.3137912930712434</v>
      </c>
      <c r="K4706" s="58">
        <f>Bühler!K4732</f>
        <v>0.21272357848178794</v>
      </c>
      <c r="L4706" s="58">
        <f>Bühler!L4732</f>
        <v>0.10636178924089397</v>
      </c>
      <c r="M4706" s="57">
        <f>Bühler!M4732</f>
        <v>0</v>
      </c>
      <c r="N4706" s="55">
        <f>IF(Input!$K$13=1,J4706*Input!$J$13,0)+IF(Input!$K$14=1,K4706*Input!$J$14,0)+IF(Input!$K$15=1,L4706*Input!$J$15,0)+IF(Input!$K$16=1,M4706*Input!$J$16,0)</f>
        <v>0.39765495516854921</v>
      </c>
      <c r="O4706" s="58">
        <f>IF(Input!$K$13=2,J4706*Input!$J$13,0)+IF(Input!$K$14=2,K4706*Input!$J$14,0)+IF(Input!$K$15=2,L4706*Input!$J$15,0)+IF(Input!$K$16=2,M4706*Input!$J$16,0)</f>
        <v>2.8717683095041371E-2</v>
      </c>
      <c r="P4706" s="58">
        <f>IF(Input!$K$13=3,J4706*Input!$J$13,0)+IF(Input!$K$14=3,K4706*Input!$J$14,0)+IF(Input!$K$15=3,L4706*Input!$J$15,0)+IF(Input!$K$16=3,M4706*Input!$J$16,0)</f>
        <v>0</v>
      </c>
      <c r="Q4706" s="71">
        <f>IF(Input!$K$13=4,J4706*Input!$J$13,0)+IF(Input!$K$14=4,K4706*Input!$J$14,0)+IF(Input!$K$15=4,L4706*Input!$J$15,0)+IF(Input!$K$16=4,M4706*Input!$J$16,0)</f>
        <v>0</v>
      </c>
    </row>
    <row r="4707" spans="8:17" x14ac:dyDescent="0.25">
      <c r="H4707" s="43">
        <v>4700</v>
      </c>
      <c r="I4707" s="55">
        <f>Bühler!I4733</f>
        <v>0</v>
      </c>
      <c r="J4707" s="58">
        <f>Bühler!J4733</f>
        <v>3.3137912930712434</v>
      </c>
      <c r="K4707" s="58">
        <f>Bühler!K4733</f>
        <v>0.21272357848178794</v>
      </c>
      <c r="L4707" s="58">
        <f>Bühler!L4733</f>
        <v>0.10636178924089397</v>
      </c>
      <c r="M4707" s="57">
        <f>Bühler!M4733</f>
        <v>0</v>
      </c>
      <c r="N4707" s="55">
        <f>IF(Input!$K$13=1,J4707*Input!$J$13,0)+IF(Input!$K$14=1,K4707*Input!$J$14,0)+IF(Input!$K$15=1,L4707*Input!$J$15,0)+IF(Input!$K$16=1,M4707*Input!$J$16,0)</f>
        <v>0.39765495516854921</v>
      </c>
      <c r="O4707" s="58">
        <f>IF(Input!$K$13=2,J4707*Input!$J$13,0)+IF(Input!$K$14=2,K4707*Input!$J$14,0)+IF(Input!$K$15=2,L4707*Input!$J$15,0)+IF(Input!$K$16=2,M4707*Input!$J$16,0)</f>
        <v>2.8717683095041371E-2</v>
      </c>
      <c r="P4707" s="58">
        <f>IF(Input!$K$13=3,J4707*Input!$J$13,0)+IF(Input!$K$14=3,K4707*Input!$J$14,0)+IF(Input!$K$15=3,L4707*Input!$J$15,0)+IF(Input!$K$16=3,M4707*Input!$J$16,0)</f>
        <v>0</v>
      </c>
      <c r="Q4707" s="71">
        <f>IF(Input!$K$13=4,J4707*Input!$J$13,0)+IF(Input!$K$14=4,K4707*Input!$J$14,0)+IF(Input!$K$15=4,L4707*Input!$J$15,0)+IF(Input!$K$16=4,M4707*Input!$J$16,0)</f>
        <v>0</v>
      </c>
    </row>
    <row r="4708" spans="8:17" x14ac:dyDescent="0.25">
      <c r="H4708" s="43">
        <v>4701</v>
      </c>
      <c r="I4708" s="55">
        <f>Bühler!I4734</f>
        <v>0</v>
      </c>
      <c r="J4708" s="58">
        <f>Bühler!J4734</f>
        <v>3.3137912930712434</v>
      </c>
      <c r="K4708" s="58">
        <f>Bühler!K4734</f>
        <v>0.21272357848178794</v>
      </c>
      <c r="L4708" s="58">
        <f>Bühler!L4734</f>
        <v>0.10636178924089397</v>
      </c>
      <c r="M4708" s="57">
        <f>Bühler!M4734</f>
        <v>0</v>
      </c>
      <c r="N4708" s="55">
        <f>IF(Input!$K$13=1,J4708*Input!$J$13,0)+IF(Input!$K$14=1,K4708*Input!$J$14,0)+IF(Input!$K$15=1,L4708*Input!$J$15,0)+IF(Input!$K$16=1,M4708*Input!$J$16,0)</f>
        <v>0.39765495516854921</v>
      </c>
      <c r="O4708" s="58">
        <f>IF(Input!$K$13=2,J4708*Input!$J$13,0)+IF(Input!$K$14=2,K4708*Input!$J$14,0)+IF(Input!$K$15=2,L4708*Input!$J$15,0)+IF(Input!$K$16=2,M4708*Input!$J$16,0)</f>
        <v>2.8717683095041371E-2</v>
      </c>
      <c r="P4708" s="58">
        <f>IF(Input!$K$13=3,J4708*Input!$J$13,0)+IF(Input!$K$14=3,K4708*Input!$J$14,0)+IF(Input!$K$15=3,L4708*Input!$J$15,0)+IF(Input!$K$16=3,M4708*Input!$J$16,0)</f>
        <v>0</v>
      </c>
      <c r="Q4708" s="71">
        <f>IF(Input!$K$13=4,J4708*Input!$J$13,0)+IF(Input!$K$14=4,K4708*Input!$J$14,0)+IF(Input!$K$15=4,L4708*Input!$J$15,0)+IF(Input!$K$16=4,M4708*Input!$J$16,0)</f>
        <v>0</v>
      </c>
    </row>
    <row r="4709" spans="8:17" x14ac:dyDescent="0.25">
      <c r="H4709" s="43">
        <v>4702</v>
      </c>
      <c r="I4709" s="55">
        <f>Bühler!I4735</f>
        <v>0</v>
      </c>
      <c r="J4709" s="58">
        <f>Bühler!J4735</f>
        <v>3.3137912930712434</v>
      </c>
      <c r="K4709" s="58">
        <f>Bühler!K4735</f>
        <v>0.21272357848178794</v>
      </c>
      <c r="L4709" s="58">
        <f>Bühler!L4735</f>
        <v>0.10636178924089397</v>
      </c>
      <c r="M4709" s="57">
        <f>Bühler!M4735</f>
        <v>0</v>
      </c>
      <c r="N4709" s="55">
        <f>IF(Input!$K$13=1,J4709*Input!$J$13,0)+IF(Input!$K$14=1,K4709*Input!$J$14,0)+IF(Input!$K$15=1,L4709*Input!$J$15,0)+IF(Input!$K$16=1,M4709*Input!$J$16,0)</f>
        <v>0.39765495516854921</v>
      </c>
      <c r="O4709" s="58">
        <f>IF(Input!$K$13=2,J4709*Input!$J$13,0)+IF(Input!$K$14=2,K4709*Input!$J$14,0)+IF(Input!$K$15=2,L4709*Input!$J$15,0)+IF(Input!$K$16=2,M4709*Input!$J$16,0)</f>
        <v>2.8717683095041371E-2</v>
      </c>
      <c r="P4709" s="58">
        <f>IF(Input!$K$13=3,J4709*Input!$J$13,0)+IF(Input!$K$14=3,K4709*Input!$J$14,0)+IF(Input!$K$15=3,L4709*Input!$J$15,0)+IF(Input!$K$16=3,M4709*Input!$J$16,0)</f>
        <v>0</v>
      </c>
      <c r="Q4709" s="71">
        <f>IF(Input!$K$13=4,J4709*Input!$J$13,0)+IF(Input!$K$14=4,K4709*Input!$J$14,0)+IF(Input!$K$15=4,L4709*Input!$J$15,0)+IF(Input!$K$16=4,M4709*Input!$J$16,0)</f>
        <v>0</v>
      </c>
    </row>
    <row r="4710" spans="8:17" x14ac:dyDescent="0.25">
      <c r="H4710" s="43">
        <v>4703</v>
      </c>
      <c r="I4710" s="55">
        <f>Bühler!I4736</f>
        <v>0</v>
      </c>
      <c r="J4710" s="58">
        <f>Bühler!J4736</f>
        <v>3.3137912930712434</v>
      </c>
      <c r="K4710" s="58">
        <f>Bühler!K4736</f>
        <v>0.21272357848178794</v>
      </c>
      <c r="L4710" s="58">
        <f>Bühler!L4736</f>
        <v>0.10636178924089397</v>
      </c>
      <c r="M4710" s="57">
        <f>Bühler!M4736</f>
        <v>0</v>
      </c>
      <c r="N4710" s="55">
        <f>IF(Input!$K$13=1,J4710*Input!$J$13,0)+IF(Input!$K$14=1,K4710*Input!$J$14,0)+IF(Input!$K$15=1,L4710*Input!$J$15,0)+IF(Input!$K$16=1,M4710*Input!$J$16,0)</f>
        <v>0.39765495516854921</v>
      </c>
      <c r="O4710" s="58">
        <f>IF(Input!$K$13=2,J4710*Input!$J$13,0)+IF(Input!$K$14=2,K4710*Input!$J$14,0)+IF(Input!$K$15=2,L4710*Input!$J$15,0)+IF(Input!$K$16=2,M4710*Input!$J$16,0)</f>
        <v>2.8717683095041371E-2</v>
      </c>
      <c r="P4710" s="58">
        <f>IF(Input!$K$13=3,J4710*Input!$J$13,0)+IF(Input!$K$14=3,K4710*Input!$J$14,0)+IF(Input!$K$15=3,L4710*Input!$J$15,0)+IF(Input!$K$16=3,M4710*Input!$J$16,0)</f>
        <v>0</v>
      </c>
      <c r="Q4710" s="71">
        <f>IF(Input!$K$13=4,J4710*Input!$J$13,0)+IF(Input!$K$14=4,K4710*Input!$J$14,0)+IF(Input!$K$15=4,L4710*Input!$J$15,0)+IF(Input!$K$16=4,M4710*Input!$J$16,0)</f>
        <v>0</v>
      </c>
    </row>
    <row r="4711" spans="8:17" x14ac:dyDescent="0.25">
      <c r="H4711" s="43">
        <v>4704</v>
      </c>
      <c r="I4711" s="55">
        <f>Bühler!I4737</f>
        <v>0</v>
      </c>
      <c r="J4711" s="58">
        <f>Bühler!J4737</f>
        <v>3.3137912930712434</v>
      </c>
      <c r="K4711" s="58">
        <f>Bühler!K4737</f>
        <v>0.21272357848178794</v>
      </c>
      <c r="L4711" s="58">
        <f>Bühler!L4737</f>
        <v>0.10636178924089397</v>
      </c>
      <c r="M4711" s="57">
        <f>Bühler!M4737</f>
        <v>0</v>
      </c>
      <c r="N4711" s="55">
        <f>IF(Input!$K$13=1,J4711*Input!$J$13,0)+IF(Input!$K$14=1,K4711*Input!$J$14,0)+IF(Input!$K$15=1,L4711*Input!$J$15,0)+IF(Input!$K$16=1,M4711*Input!$J$16,0)</f>
        <v>0.39765495516854921</v>
      </c>
      <c r="O4711" s="58">
        <f>IF(Input!$K$13=2,J4711*Input!$J$13,0)+IF(Input!$K$14=2,K4711*Input!$J$14,0)+IF(Input!$K$15=2,L4711*Input!$J$15,0)+IF(Input!$K$16=2,M4711*Input!$J$16,0)</f>
        <v>2.8717683095041371E-2</v>
      </c>
      <c r="P4711" s="58">
        <f>IF(Input!$K$13=3,J4711*Input!$J$13,0)+IF(Input!$K$14=3,K4711*Input!$J$14,0)+IF(Input!$K$15=3,L4711*Input!$J$15,0)+IF(Input!$K$16=3,M4711*Input!$J$16,0)</f>
        <v>0</v>
      </c>
      <c r="Q4711" s="71">
        <f>IF(Input!$K$13=4,J4711*Input!$J$13,0)+IF(Input!$K$14=4,K4711*Input!$J$14,0)+IF(Input!$K$15=4,L4711*Input!$J$15,0)+IF(Input!$K$16=4,M4711*Input!$J$16,0)</f>
        <v>0</v>
      </c>
    </row>
    <row r="4712" spans="8:17" x14ac:dyDescent="0.25">
      <c r="H4712" s="43">
        <v>4705</v>
      </c>
      <c r="I4712" s="55">
        <f>Bühler!I4738</f>
        <v>0</v>
      </c>
      <c r="J4712" s="58">
        <f>Bühler!J4738</f>
        <v>3.1168332039005442</v>
      </c>
      <c r="K4712" s="58">
        <f>Bühler!K4738</f>
        <v>0.21259234931442525</v>
      </c>
      <c r="L4712" s="58">
        <f>Bühler!L4738</f>
        <v>0.10629617465721262</v>
      </c>
      <c r="M4712" s="57">
        <f>Bühler!M4738</f>
        <v>0</v>
      </c>
      <c r="N4712" s="55">
        <f>IF(Input!$K$13=1,J4712*Input!$J$13,0)+IF(Input!$K$14=1,K4712*Input!$J$14,0)+IF(Input!$K$15=1,L4712*Input!$J$15,0)+IF(Input!$K$16=1,M4712*Input!$J$16,0)</f>
        <v>0.37401998446806528</v>
      </c>
      <c r="O4712" s="58">
        <f>IF(Input!$K$13=2,J4712*Input!$J$13,0)+IF(Input!$K$14=2,K4712*Input!$J$14,0)+IF(Input!$K$15=2,L4712*Input!$J$15,0)+IF(Input!$K$16=2,M4712*Input!$J$16,0)</f>
        <v>2.8699967157447406E-2</v>
      </c>
      <c r="P4712" s="58">
        <f>IF(Input!$K$13=3,J4712*Input!$J$13,0)+IF(Input!$K$14=3,K4712*Input!$J$14,0)+IF(Input!$K$15=3,L4712*Input!$J$15,0)+IF(Input!$K$16=3,M4712*Input!$J$16,0)</f>
        <v>0</v>
      </c>
      <c r="Q4712" s="71">
        <f>IF(Input!$K$13=4,J4712*Input!$J$13,0)+IF(Input!$K$14=4,K4712*Input!$J$14,0)+IF(Input!$K$15=4,L4712*Input!$J$15,0)+IF(Input!$K$16=4,M4712*Input!$J$16,0)</f>
        <v>0</v>
      </c>
    </row>
    <row r="4713" spans="8:17" x14ac:dyDescent="0.25">
      <c r="H4713" s="43">
        <v>4706</v>
      </c>
      <c r="I4713" s="55">
        <f>Bühler!I4739</f>
        <v>0</v>
      </c>
      <c r="J4713" s="58">
        <f>Bühler!J4739</f>
        <v>3.1168332039005442</v>
      </c>
      <c r="K4713" s="58">
        <f>Bühler!K4739</f>
        <v>0.21259234931442525</v>
      </c>
      <c r="L4713" s="58">
        <f>Bühler!L4739</f>
        <v>0.10629617465721262</v>
      </c>
      <c r="M4713" s="57">
        <f>Bühler!M4739</f>
        <v>0</v>
      </c>
      <c r="N4713" s="55">
        <f>IF(Input!$K$13=1,J4713*Input!$J$13,0)+IF(Input!$K$14=1,K4713*Input!$J$14,0)+IF(Input!$K$15=1,L4713*Input!$J$15,0)+IF(Input!$K$16=1,M4713*Input!$J$16,0)</f>
        <v>0.37401998446806528</v>
      </c>
      <c r="O4713" s="58">
        <f>IF(Input!$K$13=2,J4713*Input!$J$13,0)+IF(Input!$K$14=2,K4713*Input!$J$14,0)+IF(Input!$K$15=2,L4713*Input!$J$15,0)+IF(Input!$K$16=2,M4713*Input!$J$16,0)</f>
        <v>2.8699967157447406E-2</v>
      </c>
      <c r="P4713" s="58">
        <f>IF(Input!$K$13=3,J4713*Input!$J$13,0)+IF(Input!$K$14=3,K4713*Input!$J$14,0)+IF(Input!$K$15=3,L4713*Input!$J$15,0)+IF(Input!$K$16=3,M4713*Input!$J$16,0)</f>
        <v>0</v>
      </c>
      <c r="Q4713" s="71">
        <f>IF(Input!$K$13=4,J4713*Input!$J$13,0)+IF(Input!$K$14=4,K4713*Input!$J$14,0)+IF(Input!$K$15=4,L4713*Input!$J$15,0)+IF(Input!$K$16=4,M4713*Input!$J$16,0)</f>
        <v>0</v>
      </c>
    </row>
    <row r="4714" spans="8:17" x14ac:dyDescent="0.25">
      <c r="H4714" s="43">
        <v>4707</v>
      </c>
      <c r="I4714" s="55">
        <f>Bühler!I4740</f>
        <v>0</v>
      </c>
      <c r="J4714" s="58">
        <f>Bühler!J4740</f>
        <v>3.1168332039005442</v>
      </c>
      <c r="K4714" s="58">
        <f>Bühler!K4740</f>
        <v>0.21259234931442525</v>
      </c>
      <c r="L4714" s="58">
        <f>Bühler!L4740</f>
        <v>0.10629617465721262</v>
      </c>
      <c r="M4714" s="57">
        <f>Bühler!M4740</f>
        <v>0</v>
      </c>
      <c r="N4714" s="55">
        <f>IF(Input!$K$13=1,J4714*Input!$J$13,0)+IF(Input!$K$14=1,K4714*Input!$J$14,0)+IF(Input!$K$15=1,L4714*Input!$J$15,0)+IF(Input!$K$16=1,M4714*Input!$J$16,0)</f>
        <v>0.37401998446806528</v>
      </c>
      <c r="O4714" s="58">
        <f>IF(Input!$K$13=2,J4714*Input!$J$13,0)+IF(Input!$K$14=2,K4714*Input!$J$14,0)+IF(Input!$K$15=2,L4714*Input!$J$15,0)+IF(Input!$K$16=2,M4714*Input!$J$16,0)</f>
        <v>2.8699967157447406E-2</v>
      </c>
      <c r="P4714" s="58">
        <f>IF(Input!$K$13=3,J4714*Input!$J$13,0)+IF(Input!$K$14=3,K4714*Input!$J$14,0)+IF(Input!$K$15=3,L4714*Input!$J$15,0)+IF(Input!$K$16=3,M4714*Input!$J$16,0)</f>
        <v>0</v>
      </c>
      <c r="Q4714" s="71">
        <f>IF(Input!$K$13=4,J4714*Input!$J$13,0)+IF(Input!$K$14=4,K4714*Input!$J$14,0)+IF(Input!$K$15=4,L4714*Input!$J$15,0)+IF(Input!$K$16=4,M4714*Input!$J$16,0)</f>
        <v>0</v>
      </c>
    </row>
    <row r="4715" spans="8:17" x14ac:dyDescent="0.25">
      <c r="H4715" s="43">
        <v>4708</v>
      </c>
      <c r="I4715" s="55">
        <f>Bühler!I4741</f>
        <v>0</v>
      </c>
      <c r="J4715" s="58">
        <f>Bühler!J4741</f>
        <v>3.1168332039005442</v>
      </c>
      <c r="K4715" s="58">
        <f>Bühler!K4741</f>
        <v>0.21259234931442525</v>
      </c>
      <c r="L4715" s="58">
        <f>Bühler!L4741</f>
        <v>0.10629617465721262</v>
      </c>
      <c r="M4715" s="57">
        <f>Bühler!M4741</f>
        <v>0</v>
      </c>
      <c r="N4715" s="55">
        <f>IF(Input!$K$13=1,J4715*Input!$J$13,0)+IF(Input!$K$14=1,K4715*Input!$J$14,0)+IF(Input!$K$15=1,L4715*Input!$J$15,0)+IF(Input!$K$16=1,M4715*Input!$J$16,0)</f>
        <v>0.37401998446806528</v>
      </c>
      <c r="O4715" s="58">
        <f>IF(Input!$K$13=2,J4715*Input!$J$13,0)+IF(Input!$K$14=2,K4715*Input!$J$14,0)+IF(Input!$K$15=2,L4715*Input!$J$15,0)+IF(Input!$K$16=2,M4715*Input!$J$16,0)</f>
        <v>2.8699967157447406E-2</v>
      </c>
      <c r="P4715" s="58">
        <f>IF(Input!$K$13=3,J4715*Input!$J$13,0)+IF(Input!$K$14=3,K4715*Input!$J$14,0)+IF(Input!$K$15=3,L4715*Input!$J$15,0)+IF(Input!$K$16=3,M4715*Input!$J$16,0)</f>
        <v>0</v>
      </c>
      <c r="Q4715" s="71">
        <f>IF(Input!$K$13=4,J4715*Input!$J$13,0)+IF(Input!$K$14=4,K4715*Input!$J$14,0)+IF(Input!$K$15=4,L4715*Input!$J$15,0)+IF(Input!$K$16=4,M4715*Input!$J$16,0)</f>
        <v>0</v>
      </c>
    </row>
    <row r="4716" spans="8:17" x14ac:dyDescent="0.25">
      <c r="H4716" s="43">
        <v>4709</v>
      </c>
      <c r="I4716" s="55">
        <f>Bühler!I4742</f>
        <v>0</v>
      </c>
      <c r="J4716" s="58">
        <f>Bühler!J4742</f>
        <v>3.1168332039005442</v>
      </c>
      <c r="K4716" s="58">
        <f>Bühler!K4742</f>
        <v>0.21259234931442525</v>
      </c>
      <c r="L4716" s="58">
        <f>Bühler!L4742</f>
        <v>0.10629617465721262</v>
      </c>
      <c r="M4716" s="57">
        <f>Bühler!M4742</f>
        <v>0</v>
      </c>
      <c r="N4716" s="55">
        <f>IF(Input!$K$13=1,J4716*Input!$J$13,0)+IF(Input!$K$14=1,K4716*Input!$J$14,0)+IF(Input!$K$15=1,L4716*Input!$J$15,0)+IF(Input!$K$16=1,M4716*Input!$J$16,0)</f>
        <v>0.37401998446806528</v>
      </c>
      <c r="O4716" s="58">
        <f>IF(Input!$K$13=2,J4716*Input!$J$13,0)+IF(Input!$K$14=2,K4716*Input!$J$14,0)+IF(Input!$K$15=2,L4716*Input!$J$15,0)+IF(Input!$K$16=2,M4716*Input!$J$16,0)</f>
        <v>2.8699967157447406E-2</v>
      </c>
      <c r="P4716" s="58">
        <f>IF(Input!$K$13=3,J4716*Input!$J$13,0)+IF(Input!$K$14=3,K4716*Input!$J$14,0)+IF(Input!$K$15=3,L4716*Input!$J$15,0)+IF(Input!$K$16=3,M4716*Input!$J$16,0)</f>
        <v>0</v>
      </c>
      <c r="Q4716" s="71">
        <f>IF(Input!$K$13=4,J4716*Input!$J$13,0)+IF(Input!$K$14=4,K4716*Input!$J$14,0)+IF(Input!$K$15=4,L4716*Input!$J$15,0)+IF(Input!$K$16=4,M4716*Input!$J$16,0)</f>
        <v>0</v>
      </c>
    </row>
    <row r="4717" spans="8:17" x14ac:dyDescent="0.25">
      <c r="H4717" s="43">
        <v>4710</v>
      </c>
      <c r="I4717" s="55">
        <f>Bühler!I4743</f>
        <v>0</v>
      </c>
      <c r="J4717" s="58">
        <f>Bühler!J4743</f>
        <v>3.1168332039005442</v>
      </c>
      <c r="K4717" s="58">
        <f>Bühler!K4743</f>
        <v>0.21259234931442525</v>
      </c>
      <c r="L4717" s="58">
        <f>Bühler!L4743</f>
        <v>0.10629617465721262</v>
      </c>
      <c r="M4717" s="57">
        <f>Bühler!M4743</f>
        <v>0</v>
      </c>
      <c r="N4717" s="55">
        <f>IF(Input!$K$13=1,J4717*Input!$J$13,0)+IF(Input!$K$14=1,K4717*Input!$J$14,0)+IF(Input!$K$15=1,L4717*Input!$J$15,0)+IF(Input!$K$16=1,M4717*Input!$J$16,0)</f>
        <v>0.37401998446806528</v>
      </c>
      <c r="O4717" s="58">
        <f>IF(Input!$K$13=2,J4717*Input!$J$13,0)+IF(Input!$K$14=2,K4717*Input!$J$14,0)+IF(Input!$K$15=2,L4717*Input!$J$15,0)+IF(Input!$K$16=2,M4717*Input!$J$16,0)</f>
        <v>2.8699967157447406E-2</v>
      </c>
      <c r="P4717" s="58">
        <f>IF(Input!$K$13=3,J4717*Input!$J$13,0)+IF(Input!$K$14=3,K4717*Input!$J$14,0)+IF(Input!$K$15=3,L4717*Input!$J$15,0)+IF(Input!$K$16=3,M4717*Input!$J$16,0)</f>
        <v>0</v>
      </c>
      <c r="Q4717" s="71">
        <f>IF(Input!$K$13=4,J4717*Input!$J$13,0)+IF(Input!$K$14=4,K4717*Input!$J$14,0)+IF(Input!$K$15=4,L4717*Input!$J$15,0)+IF(Input!$K$16=4,M4717*Input!$J$16,0)</f>
        <v>0</v>
      </c>
    </row>
    <row r="4718" spans="8:17" x14ac:dyDescent="0.25">
      <c r="H4718" s="43">
        <v>4711</v>
      </c>
      <c r="I4718" s="55">
        <f>Bühler!I4744</f>
        <v>0</v>
      </c>
      <c r="J4718" s="58">
        <f>Bühler!J4744</f>
        <v>3.1168332039005442</v>
      </c>
      <c r="K4718" s="58">
        <f>Bühler!K4744</f>
        <v>0.21259234931442525</v>
      </c>
      <c r="L4718" s="58">
        <f>Bühler!L4744</f>
        <v>0.10629617465721262</v>
      </c>
      <c r="M4718" s="57">
        <f>Bühler!M4744</f>
        <v>0</v>
      </c>
      <c r="N4718" s="55">
        <f>IF(Input!$K$13=1,J4718*Input!$J$13,0)+IF(Input!$K$14=1,K4718*Input!$J$14,0)+IF(Input!$K$15=1,L4718*Input!$J$15,0)+IF(Input!$K$16=1,M4718*Input!$J$16,0)</f>
        <v>0.37401998446806528</v>
      </c>
      <c r="O4718" s="58">
        <f>IF(Input!$K$13=2,J4718*Input!$J$13,0)+IF(Input!$K$14=2,K4718*Input!$J$14,0)+IF(Input!$K$15=2,L4718*Input!$J$15,0)+IF(Input!$K$16=2,M4718*Input!$J$16,0)</f>
        <v>2.8699967157447406E-2</v>
      </c>
      <c r="P4718" s="58">
        <f>IF(Input!$K$13=3,J4718*Input!$J$13,0)+IF(Input!$K$14=3,K4718*Input!$J$14,0)+IF(Input!$K$15=3,L4718*Input!$J$15,0)+IF(Input!$K$16=3,M4718*Input!$J$16,0)</f>
        <v>0</v>
      </c>
      <c r="Q4718" s="71">
        <f>IF(Input!$K$13=4,J4718*Input!$J$13,0)+IF(Input!$K$14=4,K4718*Input!$J$14,0)+IF(Input!$K$15=4,L4718*Input!$J$15,0)+IF(Input!$K$16=4,M4718*Input!$J$16,0)</f>
        <v>0</v>
      </c>
    </row>
    <row r="4719" spans="8:17" x14ac:dyDescent="0.25">
      <c r="H4719" s="43">
        <v>4712</v>
      </c>
      <c r="I4719" s="55">
        <f>Bühler!I4745</f>
        <v>0</v>
      </c>
      <c r="J4719" s="58">
        <f>Bühler!J4745</f>
        <v>3.1168332039005442</v>
      </c>
      <c r="K4719" s="58">
        <f>Bühler!K4745</f>
        <v>0.21259234931442525</v>
      </c>
      <c r="L4719" s="58">
        <f>Bühler!L4745</f>
        <v>0.10629617465721262</v>
      </c>
      <c r="M4719" s="57">
        <f>Bühler!M4745</f>
        <v>0</v>
      </c>
      <c r="N4719" s="55">
        <f>IF(Input!$K$13=1,J4719*Input!$J$13,0)+IF(Input!$K$14=1,K4719*Input!$J$14,0)+IF(Input!$K$15=1,L4719*Input!$J$15,0)+IF(Input!$K$16=1,M4719*Input!$J$16,0)</f>
        <v>0.37401998446806528</v>
      </c>
      <c r="O4719" s="58">
        <f>IF(Input!$K$13=2,J4719*Input!$J$13,0)+IF(Input!$K$14=2,K4719*Input!$J$14,0)+IF(Input!$K$15=2,L4719*Input!$J$15,0)+IF(Input!$K$16=2,M4719*Input!$J$16,0)</f>
        <v>2.8699967157447406E-2</v>
      </c>
      <c r="P4719" s="58">
        <f>IF(Input!$K$13=3,J4719*Input!$J$13,0)+IF(Input!$K$14=3,K4719*Input!$J$14,0)+IF(Input!$K$15=3,L4719*Input!$J$15,0)+IF(Input!$K$16=3,M4719*Input!$J$16,0)</f>
        <v>0</v>
      </c>
      <c r="Q4719" s="71">
        <f>IF(Input!$K$13=4,J4719*Input!$J$13,0)+IF(Input!$K$14=4,K4719*Input!$J$14,0)+IF(Input!$K$15=4,L4719*Input!$J$15,0)+IF(Input!$K$16=4,M4719*Input!$J$16,0)</f>
        <v>0</v>
      </c>
    </row>
    <row r="4720" spans="8:17" x14ac:dyDescent="0.25">
      <c r="H4720" s="43">
        <v>4713</v>
      </c>
      <c r="I4720" s="55">
        <f>Bühler!I4746</f>
        <v>0</v>
      </c>
      <c r="J4720" s="58">
        <f>Bühler!J4746</f>
        <v>3.1168332039005442</v>
      </c>
      <c r="K4720" s="58">
        <f>Bühler!K4746</f>
        <v>0.21259234931442525</v>
      </c>
      <c r="L4720" s="58">
        <f>Bühler!L4746</f>
        <v>0.10629617465721262</v>
      </c>
      <c r="M4720" s="57">
        <f>Bühler!M4746</f>
        <v>0</v>
      </c>
      <c r="N4720" s="55">
        <f>IF(Input!$K$13=1,J4720*Input!$J$13,0)+IF(Input!$K$14=1,K4720*Input!$J$14,0)+IF(Input!$K$15=1,L4720*Input!$J$15,0)+IF(Input!$K$16=1,M4720*Input!$J$16,0)</f>
        <v>0.37401998446806528</v>
      </c>
      <c r="O4720" s="58">
        <f>IF(Input!$K$13=2,J4720*Input!$J$13,0)+IF(Input!$K$14=2,K4720*Input!$J$14,0)+IF(Input!$K$15=2,L4720*Input!$J$15,0)+IF(Input!$K$16=2,M4720*Input!$J$16,0)</f>
        <v>2.8699967157447406E-2</v>
      </c>
      <c r="P4720" s="58">
        <f>IF(Input!$K$13=3,J4720*Input!$J$13,0)+IF(Input!$K$14=3,K4720*Input!$J$14,0)+IF(Input!$K$15=3,L4720*Input!$J$15,0)+IF(Input!$K$16=3,M4720*Input!$J$16,0)</f>
        <v>0</v>
      </c>
      <c r="Q4720" s="71">
        <f>IF(Input!$K$13=4,J4720*Input!$J$13,0)+IF(Input!$K$14=4,K4720*Input!$J$14,0)+IF(Input!$K$15=4,L4720*Input!$J$15,0)+IF(Input!$K$16=4,M4720*Input!$J$16,0)</f>
        <v>0</v>
      </c>
    </row>
    <row r="4721" spans="8:17" x14ac:dyDescent="0.25">
      <c r="H4721" s="43">
        <v>4714</v>
      </c>
      <c r="I4721" s="55">
        <f>Bühler!I4747</f>
        <v>0</v>
      </c>
      <c r="J4721" s="58">
        <f>Bühler!J4747</f>
        <v>3.1168332039005442</v>
      </c>
      <c r="K4721" s="58">
        <f>Bühler!K4747</f>
        <v>0.21259234931442525</v>
      </c>
      <c r="L4721" s="58">
        <f>Bühler!L4747</f>
        <v>0.10629617465721262</v>
      </c>
      <c r="M4721" s="57">
        <f>Bühler!M4747</f>
        <v>0</v>
      </c>
      <c r="N4721" s="55">
        <f>IF(Input!$K$13=1,J4721*Input!$J$13,0)+IF(Input!$K$14=1,K4721*Input!$J$14,0)+IF(Input!$K$15=1,L4721*Input!$J$15,0)+IF(Input!$K$16=1,M4721*Input!$J$16,0)</f>
        <v>0.37401998446806528</v>
      </c>
      <c r="O4721" s="58">
        <f>IF(Input!$K$13=2,J4721*Input!$J$13,0)+IF(Input!$K$14=2,K4721*Input!$J$14,0)+IF(Input!$K$15=2,L4721*Input!$J$15,0)+IF(Input!$K$16=2,M4721*Input!$J$16,0)</f>
        <v>2.8699967157447406E-2</v>
      </c>
      <c r="P4721" s="58">
        <f>IF(Input!$K$13=3,J4721*Input!$J$13,0)+IF(Input!$K$14=3,K4721*Input!$J$14,0)+IF(Input!$K$15=3,L4721*Input!$J$15,0)+IF(Input!$K$16=3,M4721*Input!$J$16,0)</f>
        <v>0</v>
      </c>
      <c r="Q4721" s="71">
        <f>IF(Input!$K$13=4,J4721*Input!$J$13,0)+IF(Input!$K$14=4,K4721*Input!$J$14,0)+IF(Input!$K$15=4,L4721*Input!$J$15,0)+IF(Input!$K$16=4,M4721*Input!$J$16,0)</f>
        <v>0</v>
      </c>
    </row>
    <row r="4722" spans="8:17" x14ac:dyDescent="0.25">
      <c r="H4722" s="43">
        <v>4715</v>
      </c>
      <c r="I4722" s="55">
        <f>Bühler!I4748</f>
        <v>0</v>
      </c>
      <c r="J4722" s="58">
        <f>Bühler!J4748</f>
        <v>3.1168332039005442</v>
      </c>
      <c r="K4722" s="58">
        <f>Bühler!K4748</f>
        <v>0.21259234931442525</v>
      </c>
      <c r="L4722" s="58">
        <f>Bühler!L4748</f>
        <v>0.10629617465721262</v>
      </c>
      <c r="M4722" s="57">
        <f>Bühler!M4748</f>
        <v>0</v>
      </c>
      <c r="N4722" s="55">
        <f>IF(Input!$K$13=1,J4722*Input!$J$13,0)+IF(Input!$K$14=1,K4722*Input!$J$14,0)+IF(Input!$K$15=1,L4722*Input!$J$15,0)+IF(Input!$K$16=1,M4722*Input!$J$16,0)</f>
        <v>0.37401998446806528</v>
      </c>
      <c r="O4722" s="58">
        <f>IF(Input!$K$13=2,J4722*Input!$J$13,0)+IF(Input!$K$14=2,K4722*Input!$J$14,0)+IF(Input!$K$15=2,L4722*Input!$J$15,0)+IF(Input!$K$16=2,M4722*Input!$J$16,0)</f>
        <v>2.8699967157447406E-2</v>
      </c>
      <c r="P4722" s="58">
        <f>IF(Input!$K$13=3,J4722*Input!$J$13,0)+IF(Input!$K$14=3,K4722*Input!$J$14,0)+IF(Input!$K$15=3,L4722*Input!$J$15,0)+IF(Input!$K$16=3,M4722*Input!$J$16,0)</f>
        <v>0</v>
      </c>
      <c r="Q4722" s="71">
        <f>IF(Input!$K$13=4,J4722*Input!$J$13,0)+IF(Input!$K$14=4,K4722*Input!$J$14,0)+IF(Input!$K$15=4,L4722*Input!$J$15,0)+IF(Input!$K$16=4,M4722*Input!$J$16,0)</f>
        <v>0</v>
      </c>
    </row>
    <row r="4723" spans="8:17" x14ac:dyDescent="0.25">
      <c r="H4723" s="43">
        <v>4716</v>
      </c>
      <c r="I4723" s="55">
        <f>Bühler!I4749</f>
        <v>0</v>
      </c>
      <c r="J4723" s="58">
        <f>Bühler!J4749</f>
        <v>3.1168332039005442</v>
      </c>
      <c r="K4723" s="58">
        <f>Bühler!K4749</f>
        <v>0.21259234931442525</v>
      </c>
      <c r="L4723" s="58">
        <f>Bühler!L4749</f>
        <v>0.10629617465721262</v>
      </c>
      <c r="M4723" s="57">
        <f>Bühler!M4749</f>
        <v>0</v>
      </c>
      <c r="N4723" s="55">
        <f>IF(Input!$K$13=1,J4723*Input!$J$13,0)+IF(Input!$K$14=1,K4723*Input!$J$14,0)+IF(Input!$K$15=1,L4723*Input!$J$15,0)+IF(Input!$K$16=1,M4723*Input!$J$16,0)</f>
        <v>0.37401998446806528</v>
      </c>
      <c r="O4723" s="58">
        <f>IF(Input!$K$13=2,J4723*Input!$J$13,0)+IF(Input!$K$14=2,K4723*Input!$J$14,0)+IF(Input!$K$15=2,L4723*Input!$J$15,0)+IF(Input!$K$16=2,M4723*Input!$J$16,0)</f>
        <v>2.8699967157447406E-2</v>
      </c>
      <c r="P4723" s="58">
        <f>IF(Input!$K$13=3,J4723*Input!$J$13,0)+IF(Input!$K$14=3,K4723*Input!$J$14,0)+IF(Input!$K$15=3,L4723*Input!$J$15,0)+IF(Input!$K$16=3,M4723*Input!$J$16,0)</f>
        <v>0</v>
      </c>
      <c r="Q4723" s="71">
        <f>IF(Input!$K$13=4,J4723*Input!$J$13,0)+IF(Input!$K$14=4,K4723*Input!$J$14,0)+IF(Input!$K$15=4,L4723*Input!$J$15,0)+IF(Input!$K$16=4,M4723*Input!$J$16,0)</f>
        <v>0</v>
      </c>
    </row>
    <row r="4724" spans="8:17" x14ac:dyDescent="0.25">
      <c r="H4724" s="43">
        <v>4717</v>
      </c>
      <c r="I4724" s="55">
        <f>Bühler!I4750</f>
        <v>0</v>
      </c>
      <c r="J4724" s="58">
        <f>Bühler!J4750</f>
        <v>3.1168332039005442</v>
      </c>
      <c r="K4724" s="58">
        <f>Bühler!K4750</f>
        <v>0.21259234931442525</v>
      </c>
      <c r="L4724" s="58">
        <f>Bühler!L4750</f>
        <v>0.10629617465721262</v>
      </c>
      <c r="M4724" s="57">
        <f>Bühler!M4750</f>
        <v>0</v>
      </c>
      <c r="N4724" s="55">
        <f>IF(Input!$K$13=1,J4724*Input!$J$13,0)+IF(Input!$K$14=1,K4724*Input!$J$14,0)+IF(Input!$K$15=1,L4724*Input!$J$15,0)+IF(Input!$K$16=1,M4724*Input!$J$16,0)</f>
        <v>0.37401998446806528</v>
      </c>
      <c r="O4724" s="58">
        <f>IF(Input!$K$13=2,J4724*Input!$J$13,0)+IF(Input!$K$14=2,K4724*Input!$J$14,0)+IF(Input!$K$15=2,L4724*Input!$J$15,0)+IF(Input!$K$16=2,M4724*Input!$J$16,0)</f>
        <v>2.8699967157447406E-2</v>
      </c>
      <c r="P4724" s="58">
        <f>IF(Input!$K$13=3,J4724*Input!$J$13,0)+IF(Input!$K$14=3,K4724*Input!$J$14,0)+IF(Input!$K$15=3,L4724*Input!$J$15,0)+IF(Input!$K$16=3,M4724*Input!$J$16,0)</f>
        <v>0</v>
      </c>
      <c r="Q4724" s="71">
        <f>IF(Input!$K$13=4,J4724*Input!$J$13,0)+IF(Input!$K$14=4,K4724*Input!$J$14,0)+IF(Input!$K$15=4,L4724*Input!$J$15,0)+IF(Input!$K$16=4,M4724*Input!$J$16,0)</f>
        <v>0</v>
      </c>
    </row>
    <row r="4725" spans="8:17" x14ac:dyDescent="0.25">
      <c r="H4725" s="43">
        <v>4718</v>
      </c>
      <c r="I4725" s="55">
        <f>Bühler!I4751</f>
        <v>0</v>
      </c>
      <c r="J4725" s="58">
        <f>Bühler!J4751</f>
        <v>3.1168332039005442</v>
      </c>
      <c r="K4725" s="58">
        <f>Bühler!K4751</f>
        <v>0.21259234931442525</v>
      </c>
      <c r="L4725" s="58">
        <f>Bühler!L4751</f>
        <v>0.10629617465721262</v>
      </c>
      <c r="M4725" s="57">
        <f>Bühler!M4751</f>
        <v>0</v>
      </c>
      <c r="N4725" s="55">
        <f>IF(Input!$K$13=1,J4725*Input!$J$13,0)+IF(Input!$K$14=1,K4725*Input!$J$14,0)+IF(Input!$K$15=1,L4725*Input!$J$15,0)+IF(Input!$K$16=1,M4725*Input!$J$16,0)</f>
        <v>0.37401998446806528</v>
      </c>
      <c r="O4725" s="58">
        <f>IF(Input!$K$13=2,J4725*Input!$J$13,0)+IF(Input!$K$14=2,K4725*Input!$J$14,0)+IF(Input!$K$15=2,L4725*Input!$J$15,0)+IF(Input!$K$16=2,M4725*Input!$J$16,0)</f>
        <v>2.8699967157447406E-2</v>
      </c>
      <c r="P4725" s="58">
        <f>IF(Input!$K$13=3,J4725*Input!$J$13,0)+IF(Input!$K$14=3,K4725*Input!$J$14,0)+IF(Input!$K$15=3,L4725*Input!$J$15,0)+IF(Input!$K$16=3,M4725*Input!$J$16,0)</f>
        <v>0</v>
      </c>
      <c r="Q4725" s="71">
        <f>IF(Input!$K$13=4,J4725*Input!$J$13,0)+IF(Input!$K$14=4,K4725*Input!$J$14,0)+IF(Input!$K$15=4,L4725*Input!$J$15,0)+IF(Input!$K$16=4,M4725*Input!$J$16,0)</f>
        <v>0</v>
      </c>
    </row>
    <row r="4726" spans="8:17" x14ac:dyDescent="0.25">
      <c r="H4726" s="43">
        <v>4719</v>
      </c>
      <c r="I4726" s="55">
        <f>Bühler!I4752</f>
        <v>0</v>
      </c>
      <c r="J4726" s="58">
        <f>Bühler!J4752</f>
        <v>3.1168332039005442</v>
      </c>
      <c r="K4726" s="58">
        <f>Bühler!K4752</f>
        <v>0.21259234931442525</v>
      </c>
      <c r="L4726" s="58">
        <f>Bühler!L4752</f>
        <v>0.10629617465721262</v>
      </c>
      <c r="M4726" s="57">
        <f>Bühler!M4752</f>
        <v>0</v>
      </c>
      <c r="N4726" s="55">
        <f>IF(Input!$K$13=1,J4726*Input!$J$13,0)+IF(Input!$K$14=1,K4726*Input!$J$14,0)+IF(Input!$K$15=1,L4726*Input!$J$15,0)+IF(Input!$K$16=1,M4726*Input!$J$16,0)</f>
        <v>0.37401998446806528</v>
      </c>
      <c r="O4726" s="58">
        <f>IF(Input!$K$13=2,J4726*Input!$J$13,0)+IF(Input!$K$14=2,K4726*Input!$J$14,0)+IF(Input!$K$15=2,L4726*Input!$J$15,0)+IF(Input!$K$16=2,M4726*Input!$J$16,0)</f>
        <v>2.8699967157447406E-2</v>
      </c>
      <c r="P4726" s="58">
        <f>IF(Input!$K$13=3,J4726*Input!$J$13,0)+IF(Input!$K$14=3,K4726*Input!$J$14,0)+IF(Input!$K$15=3,L4726*Input!$J$15,0)+IF(Input!$K$16=3,M4726*Input!$J$16,0)</f>
        <v>0</v>
      </c>
      <c r="Q4726" s="71">
        <f>IF(Input!$K$13=4,J4726*Input!$J$13,0)+IF(Input!$K$14=4,K4726*Input!$J$14,0)+IF(Input!$K$15=4,L4726*Input!$J$15,0)+IF(Input!$K$16=4,M4726*Input!$J$16,0)</f>
        <v>0</v>
      </c>
    </row>
    <row r="4727" spans="8:17" x14ac:dyDescent="0.25">
      <c r="H4727" s="43">
        <v>4720</v>
      </c>
      <c r="I4727" s="55">
        <f>Bühler!I4753</f>
        <v>0</v>
      </c>
      <c r="J4727" s="58">
        <f>Bühler!J4753</f>
        <v>3.1168332039005442</v>
      </c>
      <c r="K4727" s="58">
        <f>Bühler!K4753</f>
        <v>0.21259234931442525</v>
      </c>
      <c r="L4727" s="58">
        <f>Bühler!L4753</f>
        <v>0.10629617465721262</v>
      </c>
      <c r="M4727" s="57">
        <f>Bühler!M4753</f>
        <v>0</v>
      </c>
      <c r="N4727" s="55">
        <f>IF(Input!$K$13=1,J4727*Input!$J$13,0)+IF(Input!$K$14=1,K4727*Input!$J$14,0)+IF(Input!$K$15=1,L4727*Input!$J$15,0)+IF(Input!$K$16=1,M4727*Input!$J$16,0)</f>
        <v>0.37401998446806528</v>
      </c>
      <c r="O4727" s="58">
        <f>IF(Input!$K$13=2,J4727*Input!$J$13,0)+IF(Input!$K$14=2,K4727*Input!$J$14,0)+IF(Input!$K$15=2,L4727*Input!$J$15,0)+IF(Input!$K$16=2,M4727*Input!$J$16,0)</f>
        <v>2.8699967157447406E-2</v>
      </c>
      <c r="P4727" s="58">
        <f>IF(Input!$K$13=3,J4727*Input!$J$13,0)+IF(Input!$K$14=3,K4727*Input!$J$14,0)+IF(Input!$K$15=3,L4727*Input!$J$15,0)+IF(Input!$K$16=3,M4727*Input!$J$16,0)</f>
        <v>0</v>
      </c>
      <c r="Q4727" s="71">
        <f>IF(Input!$K$13=4,J4727*Input!$J$13,0)+IF(Input!$K$14=4,K4727*Input!$J$14,0)+IF(Input!$K$15=4,L4727*Input!$J$15,0)+IF(Input!$K$16=4,M4727*Input!$J$16,0)</f>
        <v>0</v>
      </c>
    </row>
    <row r="4728" spans="8:17" x14ac:dyDescent="0.25">
      <c r="H4728" s="43">
        <v>4721</v>
      </c>
      <c r="I4728" s="55">
        <f>Bühler!I4754</f>
        <v>0</v>
      </c>
      <c r="J4728" s="58">
        <f>Bühler!J4754</f>
        <v>3.1168332039005442</v>
      </c>
      <c r="K4728" s="58">
        <f>Bühler!K4754</f>
        <v>0.21259234931442525</v>
      </c>
      <c r="L4728" s="58">
        <f>Bühler!L4754</f>
        <v>0.10629617465721262</v>
      </c>
      <c r="M4728" s="57">
        <f>Bühler!M4754</f>
        <v>0</v>
      </c>
      <c r="N4728" s="55">
        <f>IF(Input!$K$13=1,J4728*Input!$J$13,0)+IF(Input!$K$14=1,K4728*Input!$J$14,0)+IF(Input!$K$15=1,L4728*Input!$J$15,0)+IF(Input!$K$16=1,M4728*Input!$J$16,0)</f>
        <v>0.37401998446806528</v>
      </c>
      <c r="O4728" s="58">
        <f>IF(Input!$K$13=2,J4728*Input!$J$13,0)+IF(Input!$K$14=2,K4728*Input!$J$14,0)+IF(Input!$K$15=2,L4728*Input!$J$15,0)+IF(Input!$K$16=2,M4728*Input!$J$16,0)</f>
        <v>2.8699967157447406E-2</v>
      </c>
      <c r="P4728" s="58">
        <f>IF(Input!$K$13=3,J4728*Input!$J$13,0)+IF(Input!$K$14=3,K4728*Input!$J$14,0)+IF(Input!$K$15=3,L4728*Input!$J$15,0)+IF(Input!$K$16=3,M4728*Input!$J$16,0)</f>
        <v>0</v>
      </c>
      <c r="Q4728" s="71">
        <f>IF(Input!$K$13=4,J4728*Input!$J$13,0)+IF(Input!$K$14=4,K4728*Input!$J$14,0)+IF(Input!$K$15=4,L4728*Input!$J$15,0)+IF(Input!$K$16=4,M4728*Input!$J$16,0)</f>
        <v>0</v>
      </c>
    </row>
    <row r="4729" spans="8:17" x14ac:dyDescent="0.25">
      <c r="H4729" s="43">
        <v>4722</v>
      </c>
      <c r="I4729" s="55">
        <f>Bühler!I4755</f>
        <v>0</v>
      </c>
      <c r="J4729" s="58">
        <f>Bühler!J4755</f>
        <v>3.1168332039005442</v>
      </c>
      <c r="K4729" s="58">
        <f>Bühler!K4755</f>
        <v>0.21259234931442525</v>
      </c>
      <c r="L4729" s="58">
        <f>Bühler!L4755</f>
        <v>0.10629617465721262</v>
      </c>
      <c r="M4729" s="57">
        <f>Bühler!M4755</f>
        <v>0</v>
      </c>
      <c r="N4729" s="55">
        <f>IF(Input!$K$13=1,J4729*Input!$J$13,0)+IF(Input!$K$14=1,K4729*Input!$J$14,0)+IF(Input!$K$15=1,L4729*Input!$J$15,0)+IF(Input!$K$16=1,M4729*Input!$J$16,0)</f>
        <v>0.37401998446806528</v>
      </c>
      <c r="O4729" s="58">
        <f>IF(Input!$K$13=2,J4729*Input!$J$13,0)+IF(Input!$K$14=2,K4729*Input!$J$14,0)+IF(Input!$K$15=2,L4729*Input!$J$15,0)+IF(Input!$K$16=2,M4729*Input!$J$16,0)</f>
        <v>2.8699967157447406E-2</v>
      </c>
      <c r="P4729" s="58">
        <f>IF(Input!$K$13=3,J4729*Input!$J$13,0)+IF(Input!$K$14=3,K4729*Input!$J$14,0)+IF(Input!$K$15=3,L4729*Input!$J$15,0)+IF(Input!$K$16=3,M4729*Input!$J$16,0)</f>
        <v>0</v>
      </c>
      <c r="Q4729" s="71">
        <f>IF(Input!$K$13=4,J4729*Input!$J$13,0)+IF(Input!$K$14=4,K4729*Input!$J$14,0)+IF(Input!$K$15=4,L4729*Input!$J$15,0)+IF(Input!$K$16=4,M4729*Input!$J$16,0)</f>
        <v>0</v>
      </c>
    </row>
    <row r="4730" spans="8:17" x14ac:dyDescent="0.25">
      <c r="H4730" s="43">
        <v>4723</v>
      </c>
      <c r="I4730" s="55">
        <f>Bühler!I4756</f>
        <v>0</v>
      </c>
      <c r="J4730" s="58">
        <f>Bühler!J4756</f>
        <v>3.1168332039005442</v>
      </c>
      <c r="K4730" s="58">
        <f>Bühler!K4756</f>
        <v>0.21259234931442525</v>
      </c>
      <c r="L4730" s="58">
        <f>Bühler!L4756</f>
        <v>0.10629617465721262</v>
      </c>
      <c r="M4730" s="57">
        <f>Bühler!M4756</f>
        <v>0</v>
      </c>
      <c r="N4730" s="55">
        <f>IF(Input!$K$13=1,J4730*Input!$J$13,0)+IF(Input!$K$14=1,K4730*Input!$J$14,0)+IF(Input!$K$15=1,L4730*Input!$J$15,0)+IF(Input!$K$16=1,M4730*Input!$J$16,0)</f>
        <v>0.37401998446806528</v>
      </c>
      <c r="O4730" s="58">
        <f>IF(Input!$K$13=2,J4730*Input!$J$13,0)+IF(Input!$K$14=2,K4730*Input!$J$14,0)+IF(Input!$K$15=2,L4730*Input!$J$15,0)+IF(Input!$K$16=2,M4730*Input!$J$16,0)</f>
        <v>2.8699967157447406E-2</v>
      </c>
      <c r="P4730" s="58">
        <f>IF(Input!$K$13=3,J4730*Input!$J$13,0)+IF(Input!$K$14=3,K4730*Input!$J$14,0)+IF(Input!$K$15=3,L4730*Input!$J$15,0)+IF(Input!$K$16=3,M4730*Input!$J$16,0)</f>
        <v>0</v>
      </c>
      <c r="Q4730" s="71">
        <f>IF(Input!$K$13=4,J4730*Input!$J$13,0)+IF(Input!$K$14=4,K4730*Input!$J$14,0)+IF(Input!$K$15=4,L4730*Input!$J$15,0)+IF(Input!$K$16=4,M4730*Input!$J$16,0)</f>
        <v>0</v>
      </c>
    </row>
    <row r="4731" spans="8:17" x14ac:dyDescent="0.25">
      <c r="H4731" s="43">
        <v>4724</v>
      </c>
      <c r="I4731" s="55">
        <f>Bühler!I4757</f>
        <v>0</v>
      </c>
      <c r="J4731" s="58">
        <f>Bühler!J4757</f>
        <v>3.1168332039005442</v>
      </c>
      <c r="K4731" s="58">
        <f>Bühler!K4757</f>
        <v>0.21259234931442525</v>
      </c>
      <c r="L4731" s="58">
        <f>Bühler!L4757</f>
        <v>0.10629617465721262</v>
      </c>
      <c r="M4731" s="57">
        <f>Bühler!M4757</f>
        <v>0</v>
      </c>
      <c r="N4731" s="55">
        <f>IF(Input!$K$13=1,J4731*Input!$J$13,0)+IF(Input!$K$14=1,K4731*Input!$J$14,0)+IF(Input!$K$15=1,L4731*Input!$J$15,0)+IF(Input!$K$16=1,M4731*Input!$J$16,0)</f>
        <v>0.37401998446806528</v>
      </c>
      <c r="O4731" s="58">
        <f>IF(Input!$K$13=2,J4731*Input!$J$13,0)+IF(Input!$K$14=2,K4731*Input!$J$14,0)+IF(Input!$K$15=2,L4731*Input!$J$15,0)+IF(Input!$K$16=2,M4731*Input!$J$16,0)</f>
        <v>2.8699967157447406E-2</v>
      </c>
      <c r="P4731" s="58">
        <f>IF(Input!$K$13=3,J4731*Input!$J$13,0)+IF(Input!$K$14=3,K4731*Input!$J$14,0)+IF(Input!$K$15=3,L4731*Input!$J$15,0)+IF(Input!$K$16=3,M4731*Input!$J$16,0)</f>
        <v>0</v>
      </c>
      <c r="Q4731" s="71">
        <f>IF(Input!$K$13=4,J4731*Input!$J$13,0)+IF(Input!$K$14=4,K4731*Input!$J$14,0)+IF(Input!$K$15=4,L4731*Input!$J$15,0)+IF(Input!$K$16=4,M4731*Input!$J$16,0)</f>
        <v>0</v>
      </c>
    </row>
    <row r="4732" spans="8:17" x14ac:dyDescent="0.25">
      <c r="H4732" s="43">
        <v>4725</v>
      </c>
      <c r="I4732" s="55">
        <f>Bühler!I4758</f>
        <v>0</v>
      </c>
      <c r="J4732" s="58">
        <f>Bühler!J4758</f>
        <v>3.1168332039005442</v>
      </c>
      <c r="K4732" s="58">
        <f>Bühler!K4758</f>
        <v>0.21259234931442525</v>
      </c>
      <c r="L4732" s="58">
        <f>Bühler!L4758</f>
        <v>0.10629617465721262</v>
      </c>
      <c r="M4732" s="57">
        <f>Bühler!M4758</f>
        <v>0</v>
      </c>
      <c r="N4732" s="55">
        <f>IF(Input!$K$13=1,J4732*Input!$J$13,0)+IF(Input!$K$14=1,K4732*Input!$J$14,0)+IF(Input!$K$15=1,L4732*Input!$J$15,0)+IF(Input!$K$16=1,M4732*Input!$J$16,0)</f>
        <v>0.37401998446806528</v>
      </c>
      <c r="O4732" s="58">
        <f>IF(Input!$K$13=2,J4732*Input!$J$13,0)+IF(Input!$K$14=2,K4732*Input!$J$14,0)+IF(Input!$K$15=2,L4732*Input!$J$15,0)+IF(Input!$K$16=2,M4732*Input!$J$16,0)</f>
        <v>2.8699967157447406E-2</v>
      </c>
      <c r="P4732" s="58">
        <f>IF(Input!$K$13=3,J4732*Input!$J$13,0)+IF(Input!$K$14=3,K4732*Input!$J$14,0)+IF(Input!$K$15=3,L4732*Input!$J$15,0)+IF(Input!$K$16=3,M4732*Input!$J$16,0)</f>
        <v>0</v>
      </c>
      <c r="Q4732" s="71">
        <f>IF(Input!$K$13=4,J4732*Input!$J$13,0)+IF(Input!$K$14=4,K4732*Input!$J$14,0)+IF(Input!$K$15=4,L4732*Input!$J$15,0)+IF(Input!$K$16=4,M4732*Input!$J$16,0)</f>
        <v>0</v>
      </c>
    </row>
    <row r="4733" spans="8:17" x14ac:dyDescent="0.25">
      <c r="H4733" s="43">
        <v>4726</v>
      </c>
      <c r="I4733" s="55">
        <f>Bühler!I4759</f>
        <v>0</v>
      </c>
      <c r="J4733" s="58">
        <f>Bühler!J4759</f>
        <v>3.1168332039005442</v>
      </c>
      <c r="K4733" s="58">
        <f>Bühler!K4759</f>
        <v>0.21259234931442525</v>
      </c>
      <c r="L4733" s="58">
        <f>Bühler!L4759</f>
        <v>0.10629617465721262</v>
      </c>
      <c r="M4733" s="57">
        <f>Bühler!M4759</f>
        <v>0</v>
      </c>
      <c r="N4733" s="55">
        <f>IF(Input!$K$13=1,J4733*Input!$J$13,0)+IF(Input!$K$14=1,K4733*Input!$J$14,0)+IF(Input!$K$15=1,L4733*Input!$J$15,0)+IF(Input!$K$16=1,M4733*Input!$J$16,0)</f>
        <v>0.37401998446806528</v>
      </c>
      <c r="O4733" s="58">
        <f>IF(Input!$K$13=2,J4733*Input!$J$13,0)+IF(Input!$K$14=2,K4733*Input!$J$14,0)+IF(Input!$K$15=2,L4733*Input!$J$15,0)+IF(Input!$K$16=2,M4733*Input!$J$16,0)</f>
        <v>2.8699967157447406E-2</v>
      </c>
      <c r="P4733" s="58">
        <f>IF(Input!$K$13=3,J4733*Input!$J$13,0)+IF(Input!$K$14=3,K4733*Input!$J$14,0)+IF(Input!$K$15=3,L4733*Input!$J$15,0)+IF(Input!$K$16=3,M4733*Input!$J$16,0)</f>
        <v>0</v>
      </c>
      <c r="Q4733" s="71">
        <f>IF(Input!$K$13=4,J4733*Input!$J$13,0)+IF(Input!$K$14=4,K4733*Input!$J$14,0)+IF(Input!$K$15=4,L4733*Input!$J$15,0)+IF(Input!$K$16=4,M4733*Input!$J$16,0)</f>
        <v>0</v>
      </c>
    </row>
    <row r="4734" spans="8:17" x14ac:dyDescent="0.25">
      <c r="H4734" s="43">
        <v>4727</v>
      </c>
      <c r="I4734" s="55">
        <f>Bühler!I4760</f>
        <v>0</v>
      </c>
      <c r="J4734" s="58">
        <f>Bühler!J4760</f>
        <v>3.1168332039005442</v>
      </c>
      <c r="K4734" s="58">
        <f>Bühler!K4760</f>
        <v>0.21259234931442525</v>
      </c>
      <c r="L4734" s="58">
        <f>Bühler!L4760</f>
        <v>0.10629617465721262</v>
      </c>
      <c r="M4734" s="57">
        <f>Bühler!M4760</f>
        <v>0</v>
      </c>
      <c r="N4734" s="55">
        <f>IF(Input!$K$13=1,J4734*Input!$J$13,0)+IF(Input!$K$14=1,K4734*Input!$J$14,0)+IF(Input!$K$15=1,L4734*Input!$J$15,0)+IF(Input!$K$16=1,M4734*Input!$J$16,0)</f>
        <v>0.37401998446806528</v>
      </c>
      <c r="O4734" s="58">
        <f>IF(Input!$K$13=2,J4734*Input!$J$13,0)+IF(Input!$K$14=2,K4734*Input!$J$14,0)+IF(Input!$K$15=2,L4734*Input!$J$15,0)+IF(Input!$K$16=2,M4734*Input!$J$16,0)</f>
        <v>2.8699967157447406E-2</v>
      </c>
      <c r="P4734" s="58">
        <f>IF(Input!$K$13=3,J4734*Input!$J$13,0)+IF(Input!$K$14=3,K4734*Input!$J$14,0)+IF(Input!$K$15=3,L4734*Input!$J$15,0)+IF(Input!$K$16=3,M4734*Input!$J$16,0)</f>
        <v>0</v>
      </c>
      <c r="Q4734" s="71">
        <f>IF(Input!$K$13=4,J4734*Input!$J$13,0)+IF(Input!$K$14=4,K4734*Input!$J$14,0)+IF(Input!$K$15=4,L4734*Input!$J$15,0)+IF(Input!$K$16=4,M4734*Input!$J$16,0)</f>
        <v>0</v>
      </c>
    </row>
    <row r="4735" spans="8:17" x14ac:dyDescent="0.25">
      <c r="H4735" s="43">
        <v>4728</v>
      </c>
      <c r="I4735" s="55">
        <f>Bühler!I4761</f>
        <v>0</v>
      </c>
      <c r="J4735" s="58">
        <f>Bühler!J4761</f>
        <v>3.1168332039005442</v>
      </c>
      <c r="K4735" s="58">
        <f>Bühler!K4761</f>
        <v>0.21259234931442525</v>
      </c>
      <c r="L4735" s="58">
        <f>Bühler!L4761</f>
        <v>0.10629617465721262</v>
      </c>
      <c r="M4735" s="57">
        <f>Bühler!M4761</f>
        <v>0</v>
      </c>
      <c r="N4735" s="55">
        <f>IF(Input!$K$13=1,J4735*Input!$J$13,0)+IF(Input!$K$14=1,K4735*Input!$J$14,0)+IF(Input!$K$15=1,L4735*Input!$J$15,0)+IF(Input!$K$16=1,M4735*Input!$J$16,0)</f>
        <v>0.37401998446806528</v>
      </c>
      <c r="O4735" s="58">
        <f>IF(Input!$K$13=2,J4735*Input!$J$13,0)+IF(Input!$K$14=2,K4735*Input!$J$14,0)+IF(Input!$K$15=2,L4735*Input!$J$15,0)+IF(Input!$K$16=2,M4735*Input!$J$16,0)</f>
        <v>2.8699967157447406E-2</v>
      </c>
      <c r="P4735" s="58">
        <f>IF(Input!$K$13=3,J4735*Input!$J$13,0)+IF(Input!$K$14=3,K4735*Input!$J$14,0)+IF(Input!$K$15=3,L4735*Input!$J$15,0)+IF(Input!$K$16=3,M4735*Input!$J$16,0)</f>
        <v>0</v>
      </c>
      <c r="Q4735" s="71">
        <f>IF(Input!$K$13=4,J4735*Input!$J$13,0)+IF(Input!$K$14=4,K4735*Input!$J$14,0)+IF(Input!$K$15=4,L4735*Input!$J$15,0)+IF(Input!$K$16=4,M4735*Input!$J$16,0)</f>
        <v>0</v>
      </c>
    </row>
    <row r="4736" spans="8:17" x14ac:dyDescent="0.25">
      <c r="H4736" s="43">
        <v>4729</v>
      </c>
      <c r="I4736" s="55">
        <f>Bühler!I4762</f>
        <v>0</v>
      </c>
      <c r="J4736" s="58">
        <f>Bühler!J4762</f>
        <v>5.8000544126373299</v>
      </c>
      <c r="K4736" s="58">
        <f>Bühler!K4762</f>
        <v>0.52023332752748197</v>
      </c>
      <c r="L4736" s="58">
        <f>Bühler!L4762</f>
        <v>0.26011666376374099</v>
      </c>
      <c r="M4736" s="57">
        <f>Bühler!M4762</f>
        <v>0</v>
      </c>
      <c r="N4736" s="55">
        <f>IF(Input!$K$13=1,J4736*Input!$J$13,0)+IF(Input!$K$14=1,K4736*Input!$J$14,0)+IF(Input!$K$15=1,L4736*Input!$J$15,0)+IF(Input!$K$16=1,M4736*Input!$J$16,0)</f>
        <v>0.69600652951647957</v>
      </c>
      <c r="O4736" s="58">
        <f>IF(Input!$K$13=2,J4736*Input!$J$13,0)+IF(Input!$K$14=2,K4736*Input!$J$14,0)+IF(Input!$K$15=2,L4736*Input!$J$15,0)+IF(Input!$K$16=2,M4736*Input!$J$16,0)</f>
        <v>7.0231499216210067E-2</v>
      </c>
      <c r="P4736" s="58">
        <f>IF(Input!$K$13=3,J4736*Input!$J$13,0)+IF(Input!$K$14=3,K4736*Input!$J$14,0)+IF(Input!$K$15=3,L4736*Input!$J$15,0)+IF(Input!$K$16=3,M4736*Input!$J$16,0)</f>
        <v>0</v>
      </c>
      <c r="Q4736" s="71">
        <f>IF(Input!$K$13=4,J4736*Input!$J$13,0)+IF(Input!$K$14=4,K4736*Input!$J$14,0)+IF(Input!$K$15=4,L4736*Input!$J$15,0)+IF(Input!$K$16=4,M4736*Input!$J$16,0)</f>
        <v>0</v>
      </c>
    </row>
    <row r="4737" spans="8:17" x14ac:dyDescent="0.25">
      <c r="H4737" s="43">
        <v>4730</v>
      </c>
      <c r="I4737" s="55">
        <f>Bühler!I4763</f>
        <v>0</v>
      </c>
      <c r="J4737" s="58">
        <f>Bühler!J4763</f>
        <v>5.8000544126373299</v>
      </c>
      <c r="K4737" s="58">
        <f>Bühler!K4763</f>
        <v>0.52023332752748197</v>
      </c>
      <c r="L4737" s="58">
        <f>Bühler!L4763</f>
        <v>0.26011666376374099</v>
      </c>
      <c r="M4737" s="57">
        <f>Bühler!M4763</f>
        <v>0</v>
      </c>
      <c r="N4737" s="55">
        <f>IF(Input!$K$13=1,J4737*Input!$J$13,0)+IF(Input!$K$14=1,K4737*Input!$J$14,0)+IF(Input!$K$15=1,L4737*Input!$J$15,0)+IF(Input!$K$16=1,M4737*Input!$J$16,0)</f>
        <v>0.69600652951647957</v>
      </c>
      <c r="O4737" s="58">
        <f>IF(Input!$K$13=2,J4737*Input!$J$13,0)+IF(Input!$K$14=2,K4737*Input!$J$14,0)+IF(Input!$K$15=2,L4737*Input!$J$15,0)+IF(Input!$K$16=2,M4737*Input!$J$16,0)</f>
        <v>7.0231499216210067E-2</v>
      </c>
      <c r="P4737" s="58">
        <f>IF(Input!$K$13=3,J4737*Input!$J$13,0)+IF(Input!$K$14=3,K4737*Input!$J$14,0)+IF(Input!$K$15=3,L4737*Input!$J$15,0)+IF(Input!$K$16=3,M4737*Input!$J$16,0)</f>
        <v>0</v>
      </c>
      <c r="Q4737" s="71">
        <f>IF(Input!$K$13=4,J4737*Input!$J$13,0)+IF(Input!$K$14=4,K4737*Input!$J$14,0)+IF(Input!$K$15=4,L4737*Input!$J$15,0)+IF(Input!$K$16=4,M4737*Input!$J$16,0)</f>
        <v>0</v>
      </c>
    </row>
    <row r="4738" spans="8:17" x14ac:dyDescent="0.25">
      <c r="H4738" s="43">
        <v>4731</v>
      </c>
      <c r="I4738" s="55">
        <f>Bühler!I4764</f>
        <v>0</v>
      </c>
      <c r="J4738" s="58">
        <f>Bühler!J4764</f>
        <v>5.8000544126373299</v>
      </c>
      <c r="K4738" s="58">
        <f>Bühler!K4764</f>
        <v>0.52023332752748197</v>
      </c>
      <c r="L4738" s="58">
        <f>Bühler!L4764</f>
        <v>0.26011666376374099</v>
      </c>
      <c r="M4738" s="57">
        <f>Bühler!M4764</f>
        <v>0</v>
      </c>
      <c r="N4738" s="55">
        <f>IF(Input!$K$13=1,J4738*Input!$J$13,0)+IF(Input!$K$14=1,K4738*Input!$J$14,0)+IF(Input!$K$15=1,L4738*Input!$J$15,0)+IF(Input!$K$16=1,M4738*Input!$J$16,0)</f>
        <v>0.69600652951647957</v>
      </c>
      <c r="O4738" s="58">
        <f>IF(Input!$K$13=2,J4738*Input!$J$13,0)+IF(Input!$K$14=2,K4738*Input!$J$14,0)+IF(Input!$K$15=2,L4738*Input!$J$15,0)+IF(Input!$K$16=2,M4738*Input!$J$16,0)</f>
        <v>7.0231499216210067E-2</v>
      </c>
      <c r="P4738" s="58">
        <f>IF(Input!$K$13=3,J4738*Input!$J$13,0)+IF(Input!$K$14=3,K4738*Input!$J$14,0)+IF(Input!$K$15=3,L4738*Input!$J$15,0)+IF(Input!$K$16=3,M4738*Input!$J$16,0)</f>
        <v>0</v>
      </c>
      <c r="Q4738" s="71">
        <f>IF(Input!$K$13=4,J4738*Input!$J$13,0)+IF(Input!$K$14=4,K4738*Input!$J$14,0)+IF(Input!$K$15=4,L4738*Input!$J$15,0)+IF(Input!$K$16=4,M4738*Input!$J$16,0)</f>
        <v>0</v>
      </c>
    </row>
    <row r="4739" spans="8:17" x14ac:dyDescent="0.25">
      <c r="H4739" s="43">
        <v>4732</v>
      </c>
      <c r="I4739" s="55">
        <f>Bühler!I4765</f>
        <v>0</v>
      </c>
      <c r="J4739" s="58">
        <f>Bühler!J4765</f>
        <v>5.8000544126373299</v>
      </c>
      <c r="K4739" s="58">
        <f>Bühler!K4765</f>
        <v>0.52023332752748197</v>
      </c>
      <c r="L4739" s="58">
        <f>Bühler!L4765</f>
        <v>0.26011666376374099</v>
      </c>
      <c r="M4739" s="57">
        <f>Bühler!M4765</f>
        <v>0</v>
      </c>
      <c r="N4739" s="55">
        <f>IF(Input!$K$13=1,J4739*Input!$J$13,0)+IF(Input!$K$14=1,K4739*Input!$J$14,0)+IF(Input!$K$15=1,L4739*Input!$J$15,0)+IF(Input!$K$16=1,M4739*Input!$J$16,0)</f>
        <v>0.69600652951647957</v>
      </c>
      <c r="O4739" s="58">
        <f>IF(Input!$K$13=2,J4739*Input!$J$13,0)+IF(Input!$K$14=2,K4739*Input!$J$14,0)+IF(Input!$K$15=2,L4739*Input!$J$15,0)+IF(Input!$K$16=2,M4739*Input!$J$16,0)</f>
        <v>7.0231499216210067E-2</v>
      </c>
      <c r="P4739" s="58">
        <f>IF(Input!$K$13=3,J4739*Input!$J$13,0)+IF(Input!$K$14=3,K4739*Input!$J$14,0)+IF(Input!$K$15=3,L4739*Input!$J$15,0)+IF(Input!$K$16=3,M4739*Input!$J$16,0)</f>
        <v>0</v>
      </c>
      <c r="Q4739" s="71">
        <f>IF(Input!$K$13=4,J4739*Input!$J$13,0)+IF(Input!$K$14=4,K4739*Input!$J$14,0)+IF(Input!$K$15=4,L4739*Input!$J$15,0)+IF(Input!$K$16=4,M4739*Input!$J$16,0)</f>
        <v>0</v>
      </c>
    </row>
    <row r="4740" spans="8:17" x14ac:dyDescent="0.25">
      <c r="H4740" s="43">
        <v>4733</v>
      </c>
      <c r="I4740" s="55">
        <f>Bühler!I4766</f>
        <v>0</v>
      </c>
      <c r="J4740" s="58">
        <f>Bühler!J4766</f>
        <v>5.8000544126373299</v>
      </c>
      <c r="K4740" s="58">
        <f>Bühler!K4766</f>
        <v>0.52023332752748197</v>
      </c>
      <c r="L4740" s="58">
        <f>Bühler!L4766</f>
        <v>0.26011666376374099</v>
      </c>
      <c r="M4740" s="57">
        <f>Bühler!M4766</f>
        <v>0</v>
      </c>
      <c r="N4740" s="55">
        <f>IF(Input!$K$13=1,J4740*Input!$J$13,0)+IF(Input!$K$14=1,K4740*Input!$J$14,0)+IF(Input!$K$15=1,L4740*Input!$J$15,0)+IF(Input!$K$16=1,M4740*Input!$J$16,0)</f>
        <v>0.69600652951647957</v>
      </c>
      <c r="O4740" s="58">
        <f>IF(Input!$K$13=2,J4740*Input!$J$13,0)+IF(Input!$K$14=2,K4740*Input!$J$14,0)+IF(Input!$K$15=2,L4740*Input!$J$15,0)+IF(Input!$K$16=2,M4740*Input!$J$16,0)</f>
        <v>7.0231499216210067E-2</v>
      </c>
      <c r="P4740" s="58">
        <f>IF(Input!$K$13=3,J4740*Input!$J$13,0)+IF(Input!$K$14=3,K4740*Input!$J$14,0)+IF(Input!$K$15=3,L4740*Input!$J$15,0)+IF(Input!$K$16=3,M4740*Input!$J$16,0)</f>
        <v>0</v>
      </c>
      <c r="Q4740" s="71">
        <f>IF(Input!$K$13=4,J4740*Input!$J$13,0)+IF(Input!$K$14=4,K4740*Input!$J$14,0)+IF(Input!$K$15=4,L4740*Input!$J$15,0)+IF(Input!$K$16=4,M4740*Input!$J$16,0)</f>
        <v>0</v>
      </c>
    </row>
    <row r="4741" spans="8:17" x14ac:dyDescent="0.25">
      <c r="H4741" s="43">
        <v>4734</v>
      </c>
      <c r="I4741" s="55">
        <f>Bühler!I4767</f>
        <v>0</v>
      </c>
      <c r="J4741" s="58">
        <f>Bühler!J4767</f>
        <v>5.8000544126373299</v>
      </c>
      <c r="K4741" s="58">
        <f>Bühler!K4767</f>
        <v>0.52023332752748197</v>
      </c>
      <c r="L4741" s="58">
        <f>Bühler!L4767</f>
        <v>0.26011666376374099</v>
      </c>
      <c r="M4741" s="57">
        <f>Bühler!M4767</f>
        <v>0</v>
      </c>
      <c r="N4741" s="55">
        <f>IF(Input!$K$13=1,J4741*Input!$J$13,0)+IF(Input!$K$14=1,K4741*Input!$J$14,0)+IF(Input!$K$15=1,L4741*Input!$J$15,0)+IF(Input!$K$16=1,M4741*Input!$J$16,0)</f>
        <v>0.69600652951647957</v>
      </c>
      <c r="O4741" s="58">
        <f>IF(Input!$K$13=2,J4741*Input!$J$13,0)+IF(Input!$K$14=2,K4741*Input!$J$14,0)+IF(Input!$K$15=2,L4741*Input!$J$15,0)+IF(Input!$K$16=2,M4741*Input!$J$16,0)</f>
        <v>7.0231499216210067E-2</v>
      </c>
      <c r="P4741" s="58">
        <f>IF(Input!$K$13=3,J4741*Input!$J$13,0)+IF(Input!$K$14=3,K4741*Input!$J$14,0)+IF(Input!$K$15=3,L4741*Input!$J$15,0)+IF(Input!$K$16=3,M4741*Input!$J$16,0)</f>
        <v>0</v>
      </c>
      <c r="Q4741" s="71">
        <f>IF(Input!$K$13=4,J4741*Input!$J$13,0)+IF(Input!$K$14=4,K4741*Input!$J$14,0)+IF(Input!$K$15=4,L4741*Input!$J$15,0)+IF(Input!$K$16=4,M4741*Input!$J$16,0)</f>
        <v>0</v>
      </c>
    </row>
    <row r="4742" spans="8:17" x14ac:dyDescent="0.25">
      <c r="H4742" s="43">
        <v>4735</v>
      </c>
      <c r="I4742" s="55">
        <f>Bühler!I4768</f>
        <v>0</v>
      </c>
      <c r="J4742" s="58">
        <f>Bühler!J4768</f>
        <v>5.8000544126373299</v>
      </c>
      <c r="K4742" s="58">
        <f>Bühler!K4768</f>
        <v>0.52023332752748197</v>
      </c>
      <c r="L4742" s="58">
        <f>Bühler!L4768</f>
        <v>0.26011666376374099</v>
      </c>
      <c r="M4742" s="57">
        <f>Bühler!M4768</f>
        <v>0</v>
      </c>
      <c r="N4742" s="55">
        <f>IF(Input!$K$13=1,J4742*Input!$J$13,0)+IF(Input!$K$14=1,K4742*Input!$J$14,0)+IF(Input!$K$15=1,L4742*Input!$J$15,0)+IF(Input!$K$16=1,M4742*Input!$J$16,0)</f>
        <v>0.69600652951647957</v>
      </c>
      <c r="O4742" s="58">
        <f>IF(Input!$K$13=2,J4742*Input!$J$13,0)+IF(Input!$K$14=2,K4742*Input!$J$14,0)+IF(Input!$K$15=2,L4742*Input!$J$15,0)+IF(Input!$K$16=2,M4742*Input!$J$16,0)</f>
        <v>7.0231499216210067E-2</v>
      </c>
      <c r="P4742" s="58">
        <f>IF(Input!$K$13=3,J4742*Input!$J$13,0)+IF(Input!$K$14=3,K4742*Input!$J$14,0)+IF(Input!$K$15=3,L4742*Input!$J$15,0)+IF(Input!$K$16=3,M4742*Input!$J$16,0)</f>
        <v>0</v>
      </c>
      <c r="Q4742" s="71">
        <f>IF(Input!$K$13=4,J4742*Input!$J$13,0)+IF(Input!$K$14=4,K4742*Input!$J$14,0)+IF(Input!$K$15=4,L4742*Input!$J$15,0)+IF(Input!$K$16=4,M4742*Input!$J$16,0)</f>
        <v>0</v>
      </c>
    </row>
    <row r="4743" spans="8:17" x14ac:dyDescent="0.25">
      <c r="H4743" s="43">
        <v>4736</v>
      </c>
      <c r="I4743" s="55">
        <f>Bühler!I4769</f>
        <v>0</v>
      </c>
      <c r="J4743" s="58">
        <f>Bühler!J4769</f>
        <v>24.708231797835023</v>
      </c>
      <c r="K4743" s="58">
        <f>Bühler!K4769</f>
        <v>2.216193975267073</v>
      </c>
      <c r="L4743" s="58">
        <f>Bühler!L4769</f>
        <v>1.1080969876335365</v>
      </c>
      <c r="M4743" s="57">
        <f>Bühler!M4769</f>
        <v>0</v>
      </c>
      <c r="N4743" s="55">
        <f>IF(Input!$K$13=1,J4743*Input!$J$13,0)+IF(Input!$K$14=1,K4743*Input!$J$14,0)+IF(Input!$K$15=1,L4743*Input!$J$15,0)+IF(Input!$K$16=1,M4743*Input!$J$16,0)</f>
        <v>2.9649878157402028</v>
      </c>
      <c r="O4743" s="58">
        <f>IF(Input!$K$13=2,J4743*Input!$J$13,0)+IF(Input!$K$14=2,K4743*Input!$J$14,0)+IF(Input!$K$15=2,L4743*Input!$J$15,0)+IF(Input!$K$16=2,M4743*Input!$J$16,0)</f>
        <v>0.29918618666105484</v>
      </c>
      <c r="P4743" s="58">
        <f>IF(Input!$K$13=3,J4743*Input!$J$13,0)+IF(Input!$K$14=3,K4743*Input!$J$14,0)+IF(Input!$K$15=3,L4743*Input!$J$15,0)+IF(Input!$K$16=3,M4743*Input!$J$16,0)</f>
        <v>0</v>
      </c>
      <c r="Q4743" s="71">
        <f>IF(Input!$K$13=4,J4743*Input!$J$13,0)+IF(Input!$K$14=4,K4743*Input!$J$14,0)+IF(Input!$K$15=4,L4743*Input!$J$15,0)+IF(Input!$K$16=4,M4743*Input!$J$16,0)</f>
        <v>0</v>
      </c>
    </row>
    <row r="4744" spans="8:17" x14ac:dyDescent="0.25">
      <c r="H4744" s="43">
        <v>4737</v>
      </c>
      <c r="I4744" s="55">
        <f>Bühler!I4770</f>
        <v>0</v>
      </c>
      <c r="J4744" s="58">
        <f>Bühler!J4770</f>
        <v>27.796760772564401</v>
      </c>
      <c r="K4744" s="58">
        <f>Bühler!K4770</f>
        <v>2.4932182221754573</v>
      </c>
      <c r="L4744" s="58">
        <f>Bühler!L4770</f>
        <v>1.2466091110877286</v>
      </c>
      <c r="M4744" s="57">
        <f>Bühler!M4770</f>
        <v>0</v>
      </c>
      <c r="N4744" s="55">
        <f>IF(Input!$K$13=1,J4744*Input!$J$13,0)+IF(Input!$K$14=1,K4744*Input!$J$14,0)+IF(Input!$K$15=1,L4744*Input!$J$15,0)+IF(Input!$K$16=1,M4744*Input!$J$16,0)</f>
        <v>3.3356112927077279</v>
      </c>
      <c r="O4744" s="58">
        <f>IF(Input!$K$13=2,J4744*Input!$J$13,0)+IF(Input!$K$14=2,K4744*Input!$J$14,0)+IF(Input!$K$15=2,L4744*Input!$J$15,0)+IF(Input!$K$16=2,M4744*Input!$J$16,0)</f>
        <v>0.33658445999368669</v>
      </c>
      <c r="P4744" s="58">
        <f>IF(Input!$K$13=3,J4744*Input!$J$13,0)+IF(Input!$K$14=3,K4744*Input!$J$14,0)+IF(Input!$K$15=3,L4744*Input!$J$15,0)+IF(Input!$K$16=3,M4744*Input!$J$16,0)</f>
        <v>0</v>
      </c>
      <c r="Q4744" s="71">
        <f>IF(Input!$K$13=4,J4744*Input!$J$13,0)+IF(Input!$K$14=4,K4744*Input!$J$14,0)+IF(Input!$K$15=4,L4744*Input!$J$15,0)+IF(Input!$K$16=4,M4744*Input!$J$16,0)</f>
        <v>0</v>
      </c>
    </row>
    <row r="4745" spans="8:17" x14ac:dyDescent="0.25">
      <c r="H4745" s="43">
        <v>4738</v>
      </c>
      <c r="I4745" s="55">
        <f>Bühler!I4771</f>
        <v>0</v>
      </c>
      <c r="J4745" s="58">
        <f>Bühler!J4771</f>
        <v>30.885289747293779</v>
      </c>
      <c r="K4745" s="58">
        <f>Bühler!K4771</f>
        <v>2.7702424690838412</v>
      </c>
      <c r="L4745" s="58">
        <f>Bühler!L4771</f>
        <v>1.3851212345419206</v>
      </c>
      <c r="M4745" s="57">
        <f>Bühler!M4771</f>
        <v>0</v>
      </c>
      <c r="N4745" s="55">
        <f>IF(Input!$K$13=1,J4745*Input!$J$13,0)+IF(Input!$K$14=1,K4745*Input!$J$14,0)+IF(Input!$K$15=1,L4745*Input!$J$15,0)+IF(Input!$K$16=1,M4745*Input!$J$16,0)</f>
        <v>3.7062347696752536</v>
      </c>
      <c r="O4745" s="58">
        <f>IF(Input!$K$13=2,J4745*Input!$J$13,0)+IF(Input!$K$14=2,K4745*Input!$J$14,0)+IF(Input!$K$15=2,L4745*Input!$J$15,0)+IF(Input!$K$16=2,M4745*Input!$J$16,0)</f>
        <v>0.37398273332631859</v>
      </c>
      <c r="P4745" s="58">
        <f>IF(Input!$K$13=3,J4745*Input!$J$13,0)+IF(Input!$K$14=3,K4745*Input!$J$14,0)+IF(Input!$K$15=3,L4745*Input!$J$15,0)+IF(Input!$K$16=3,M4745*Input!$J$16,0)</f>
        <v>0</v>
      </c>
      <c r="Q4745" s="71">
        <f>IF(Input!$K$13=4,J4745*Input!$J$13,0)+IF(Input!$K$14=4,K4745*Input!$J$14,0)+IF(Input!$K$15=4,L4745*Input!$J$15,0)+IF(Input!$K$16=4,M4745*Input!$J$16,0)</f>
        <v>0</v>
      </c>
    </row>
    <row r="4746" spans="8:17" x14ac:dyDescent="0.25">
      <c r="H4746" s="43">
        <v>4739</v>
      </c>
      <c r="I4746" s="55">
        <f>Bühler!I4772</f>
        <v>0</v>
      </c>
      <c r="J4746" s="58">
        <f>Bühler!J4772</f>
        <v>30.885289747293779</v>
      </c>
      <c r="K4746" s="58">
        <f>Bühler!K4772</f>
        <v>2.7702424690838412</v>
      </c>
      <c r="L4746" s="58">
        <f>Bühler!L4772</f>
        <v>1.3851212345419206</v>
      </c>
      <c r="M4746" s="57">
        <f>Bühler!M4772</f>
        <v>0</v>
      </c>
      <c r="N4746" s="55">
        <f>IF(Input!$K$13=1,J4746*Input!$J$13,0)+IF(Input!$K$14=1,K4746*Input!$J$14,0)+IF(Input!$K$15=1,L4746*Input!$J$15,0)+IF(Input!$K$16=1,M4746*Input!$J$16,0)</f>
        <v>3.7062347696752536</v>
      </c>
      <c r="O4746" s="58">
        <f>IF(Input!$K$13=2,J4746*Input!$J$13,0)+IF(Input!$K$14=2,K4746*Input!$J$14,0)+IF(Input!$K$15=2,L4746*Input!$J$15,0)+IF(Input!$K$16=2,M4746*Input!$J$16,0)</f>
        <v>0.37398273332631859</v>
      </c>
      <c r="P4746" s="58">
        <f>IF(Input!$K$13=3,J4746*Input!$J$13,0)+IF(Input!$K$14=3,K4746*Input!$J$14,0)+IF(Input!$K$15=3,L4746*Input!$J$15,0)+IF(Input!$K$16=3,M4746*Input!$J$16,0)</f>
        <v>0</v>
      </c>
      <c r="Q4746" s="71">
        <f>IF(Input!$K$13=4,J4746*Input!$J$13,0)+IF(Input!$K$14=4,K4746*Input!$J$14,0)+IF(Input!$K$15=4,L4746*Input!$J$15,0)+IF(Input!$K$16=4,M4746*Input!$J$16,0)</f>
        <v>0</v>
      </c>
    </row>
    <row r="4747" spans="8:17" x14ac:dyDescent="0.25">
      <c r="H4747" s="43">
        <v>4740</v>
      </c>
      <c r="I4747" s="55">
        <f>Bühler!I4773</f>
        <v>0</v>
      </c>
      <c r="J4747" s="58">
        <f>Bühler!J4773</f>
        <v>37.062347696752532</v>
      </c>
      <c r="K4747" s="58">
        <f>Bühler!K4773</f>
        <v>3.324290962900609</v>
      </c>
      <c r="L4747" s="58">
        <f>Bühler!L4773</f>
        <v>1.6621454814503045</v>
      </c>
      <c r="M4747" s="57">
        <f>Bühler!M4773</f>
        <v>0</v>
      </c>
      <c r="N4747" s="55">
        <f>IF(Input!$K$13=1,J4747*Input!$J$13,0)+IF(Input!$K$14=1,K4747*Input!$J$14,0)+IF(Input!$K$15=1,L4747*Input!$J$15,0)+IF(Input!$K$16=1,M4747*Input!$J$16,0)</f>
        <v>4.4474817236103039</v>
      </c>
      <c r="O4747" s="58">
        <f>IF(Input!$K$13=2,J4747*Input!$J$13,0)+IF(Input!$K$14=2,K4747*Input!$J$14,0)+IF(Input!$K$15=2,L4747*Input!$J$15,0)+IF(Input!$K$16=2,M4747*Input!$J$16,0)</f>
        <v>0.44877927999158218</v>
      </c>
      <c r="P4747" s="58">
        <f>IF(Input!$K$13=3,J4747*Input!$J$13,0)+IF(Input!$K$14=3,K4747*Input!$J$14,0)+IF(Input!$K$15=3,L4747*Input!$J$15,0)+IF(Input!$K$16=3,M4747*Input!$J$16,0)</f>
        <v>0</v>
      </c>
      <c r="Q4747" s="71">
        <f>IF(Input!$K$13=4,J4747*Input!$J$13,0)+IF(Input!$K$14=4,K4747*Input!$J$14,0)+IF(Input!$K$15=4,L4747*Input!$J$15,0)+IF(Input!$K$16=4,M4747*Input!$J$16,0)</f>
        <v>0</v>
      </c>
    </row>
    <row r="4748" spans="8:17" x14ac:dyDescent="0.25">
      <c r="H4748" s="43">
        <v>4741</v>
      </c>
      <c r="I4748" s="55">
        <f>Bühler!I4774</f>
        <v>0</v>
      </c>
      <c r="J4748" s="58">
        <f>Bühler!J4774</f>
        <v>37.062347696752532</v>
      </c>
      <c r="K4748" s="58">
        <f>Bühler!K4774</f>
        <v>3.324290962900609</v>
      </c>
      <c r="L4748" s="58">
        <f>Bühler!L4774</f>
        <v>1.6621454814503045</v>
      </c>
      <c r="M4748" s="57">
        <f>Bühler!M4774</f>
        <v>0</v>
      </c>
      <c r="N4748" s="55">
        <f>IF(Input!$K$13=1,J4748*Input!$J$13,0)+IF(Input!$K$14=1,K4748*Input!$J$14,0)+IF(Input!$K$15=1,L4748*Input!$J$15,0)+IF(Input!$K$16=1,M4748*Input!$J$16,0)</f>
        <v>4.4474817236103039</v>
      </c>
      <c r="O4748" s="58">
        <f>IF(Input!$K$13=2,J4748*Input!$J$13,0)+IF(Input!$K$14=2,K4748*Input!$J$14,0)+IF(Input!$K$15=2,L4748*Input!$J$15,0)+IF(Input!$K$16=2,M4748*Input!$J$16,0)</f>
        <v>0.44877927999158218</v>
      </c>
      <c r="P4748" s="58">
        <f>IF(Input!$K$13=3,J4748*Input!$J$13,0)+IF(Input!$K$14=3,K4748*Input!$J$14,0)+IF(Input!$K$15=3,L4748*Input!$J$15,0)+IF(Input!$K$16=3,M4748*Input!$J$16,0)</f>
        <v>0</v>
      </c>
      <c r="Q4748" s="71">
        <f>IF(Input!$K$13=4,J4748*Input!$J$13,0)+IF(Input!$K$14=4,K4748*Input!$J$14,0)+IF(Input!$K$15=4,L4748*Input!$J$15,0)+IF(Input!$K$16=4,M4748*Input!$J$16,0)</f>
        <v>0</v>
      </c>
    </row>
    <row r="4749" spans="8:17" x14ac:dyDescent="0.25">
      <c r="H4749" s="43">
        <v>4742</v>
      </c>
      <c r="I4749" s="55">
        <f>Bühler!I4775</f>
        <v>0</v>
      </c>
      <c r="J4749" s="58">
        <f>Bühler!J4775</f>
        <v>24.708231797835023</v>
      </c>
      <c r="K4749" s="58">
        <f>Bühler!K4775</f>
        <v>2.216193975267073</v>
      </c>
      <c r="L4749" s="58">
        <f>Bühler!L4775</f>
        <v>1.1080969876335365</v>
      </c>
      <c r="M4749" s="57">
        <f>Bühler!M4775</f>
        <v>0</v>
      </c>
      <c r="N4749" s="55">
        <f>IF(Input!$K$13=1,J4749*Input!$J$13,0)+IF(Input!$K$14=1,K4749*Input!$J$14,0)+IF(Input!$K$15=1,L4749*Input!$J$15,0)+IF(Input!$K$16=1,M4749*Input!$J$16,0)</f>
        <v>2.9649878157402028</v>
      </c>
      <c r="O4749" s="58">
        <f>IF(Input!$K$13=2,J4749*Input!$J$13,0)+IF(Input!$K$14=2,K4749*Input!$J$14,0)+IF(Input!$K$15=2,L4749*Input!$J$15,0)+IF(Input!$K$16=2,M4749*Input!$J$16,0)</f>
        <v>0.29918618666105484</v>
      </c>
      <c r="P4749" s="58">
        <f>IF(Input!$K$13=3,J4749*Input!$J$13,0)+IF(Input!$K$14=3,K4749*Input!$J$14,0)+IF(Input!$K$15=3,L4749*Input!$J$15,0)+IF(Input!$K$16=3,M4749*Input!$J$16,0)</f>
        <v>0</v>
      </c>
      <c r="Q4749" s="71">
        <f>IF(Input!$K$13=4,J4749*Input!$J$13,0)+IF(Input!$K$14=4,K4749*Input!$J$14,0)+IF(Input!$K$15=4,L4749*Input!$J$15,0)+IF(Input!$K$16=4,M4749*Input!$J$16,0)</f>
        <v>0</v>
      </c>
    </row>
    <row r="4750" spans="8:17" x14ac:dyDescent="0.25">
      <c r="H4750" s="43">
        <v>4743</v>
      </c>
      <c r="I4750" s="55">
        <f>Bühler!I4776</f>
        <v>0</v>
      </c>
      <c r="J4750" s="58">
        <f>Bühler!J4776</f>
        <v>37.062347696752532</v>
      </c>
      <c r="K4750" s="58">
        <f>Bühler!K4776</f>
        <v>3.324290962900609</v>
      </c>
      <c r="L4750" s="58">
        <f>Bühler!L4776</f>
        <v>1.6621454814503045</v>
      </c>
      <c r="M4750" s="57">
        <f>Bühler!M4776</f>
        <v>0</v>
      </c>
      <c r="N4750" s="55">
        <f>IF(Input!$K$13=1,J4750*Input!$J$13,0)+IF(Input!$K$14=1,K4750*Input!$J$14,0)+IF(Input!$K$15=1,L4750*Input!$J$15,0)+IF(Input!$K$16=1,M4750*Input!$J$16,0)</f>
        <v>4.4474817236103039</v>
      </c>
      <c r="O4750" s="58">
        <f>IF(Input!$K$13=2,J4750*Input!$J$13,0)+IF(Input!$K$14=2,K4750*Input!$J$14,0)+IF(Input!$K$15=2,L4750*Input!$J$15,0)+IF(Input!$K$16=2,M4750*Input!$J$16,0)</f>
        <v>0.44877927999158218</v>
      </c>
      <c r="P4750" s="58">
        <f>IF(Input!$K$13=3,J4750*Input!$J$13,0)+IF(Input!$K$14=3,K4750*Input!$J$14,0)+IF(Input!$K$15=3,L4750*Input!$J$15,0)+IF(Input!$K$16=3,M4750*Input!$J$16,0)</f>
        <v>0</v>
      </c>
      <c r="Q4750" s="71">
        <f>IF(Input!$K$13=4,J4750*Input!$J$13,0)+IF(Input!$K$14=4,K4750*Input!$J$14,0)+IF(Input!$K$15=4,L4750*Input!$J$15,0)+IF(Input!$K$16=4,M4750*Input!$J$16,0)</f>
        <v>0</v>
      </c>
    </row>
    <row r="4751" spans="8:17" x14ac:dyDescent="0.25">
      <c r="H4751" s="43">
        <v>4744</v>
      </c>
      <c r="I4751" s="55">
        <f>Bühler!I4777</f>
        <v>0</v>
      </c>
      <c r="J4751" s="58">
        <f>Bühler!J4777</f>
        <v>37.062347696752532</v>
      </c>
      <c r="K4751" s="58">
        <f>Bühler!K4777</f>
        <v>3.324290962900609</v>
      </c>
      <c r="L4751" s="58">
        <f>Bühler!L4777</f>
        <v>1.6621454814503045</v>
      </c>
      <c r="M4751" s="57">
        <f>Bühler!M4777</f>
        <v>0</v>
      </c>
      <c r="N4751" s="55">
        <f>IF(Input!$K$13=1,J4751*Input!$J$13,0)+IF(Input!$K$14=1,K4751*Input!$J$14,0)+IF(Input!$K$15=1,L4751*Input!$J$15,0)+IF(Input!$K$16=1,M4751*Input!$J$16,0)</f>
        <v>4.4474817236103039</v>
      </c>
      <c r="O4751" s="58">
        <f>IF(Input!$K$13=2,J4751*Input!$J$13,0)+IF(Input!$K$14=2,K4751*Input!$J$14,0)+IF(Input!$K$15=2,L4751*Input!$J$15,0)+IF(Input!$K$16=2,M4751*Input!$J$16,0)</f>
        <v>0.44877927999158218</v>
      </c>
      <c r="P4751" s="58">
        <f>IF(Input!$K$13=3,J4751*Input!$J$13,0)+IF(Input!$K$14=3,K4751*Input!$J$14,0)+IF(Input!$K$15=3,L4751*Input!$J$15,0)+IF(Input!$K$16=3,M4751*Input!$J$16,0)</f>
        <v>0</v>
      </c>
      <c r="Q4751" s="71">
        <f>IF(Input!$K$13=4,J4751*Input!$J$13,0)+IF(Input!$K$14=4,K4751*Input!$J$14,0)+IF(Input!$K$15=4,L4751*Input!$J$15,0)+IF(Input!$K$16=4,M4751*Input!$J$16,0)</f>
        <v>0</v>
      </c>
    </row>
    <row r="4752" spans="8:17" x14ac:dyDescent="0.25">
      <c r="H4752" s="43">
        <v>4745</v>
      </c>
      <c r="I4752" s="55">
        <f>Bühler!I4778</f>
        <v>0</v>
      </c>
      <c r="J4752" s="58">
        <f>Bühler!J4778</f>
        <v>21.619702823105641</v>
      </c>
      <c r="K4752" s="58">
        <f>Bühler!K4778</f>
        <v>1.9391697283586886</v>
      </c>
      <c r="L4752" s="58">
        <f>Bühler!L4778</f>
        <v>0.96958486417934431</v>
      </c>
      <c r="M4752" s="57">
        <f>Bühler!M4778</f>
        <v>0</v>
      </c>
      <c r="N4752" s="55">
        <f>IF(Input!$K$13=1,J4752*Input!$J$13,0)+IF(Input!$K$14=1,K4752*Input!$J$14,0)+IF(Input!$K$15=1,L4752*Input!$J$15,0)+IF(Input!$K$16=1,M4752*Input!$J$16,0)</f>
        <v>2.5943643387726767</v>
      </c>
      <c r="O4752" s="58">
        <f>IF(Input!$K$13=2,J4752*Input!$J$13,0)+IF(Input!$K$14=2,K4752*Input!$J$14,0)+IF(Input!$K$15=2,L4752*Input!$J$15,0)+IF(Input!$K$16=2,M4752*Input!$J$16,0)</f>
        <v>0.26178791332842294</v>
      </c>
      <c r="P4752" s="58">
        <f>IF(Input!$K$13=3,J4752*Input!$J$13,0)+IF(Input!$K$14=3,K4752*Input!$J$14,0)+IF(Input!$K$15=3,L4752*Input!$J$15,0)+IF(Input!$K$16=3,M4752*Input!$J$16,0)</f>
        <v>0</v>
      </c>
      <c r="Q4752" s="71">
        <f>IF(Input!$K$13=4,J4752*Input!$J$13,0)+IF(Input!$K$14=4,K4752*Input!$J$14,0)+IF(Input!$K$15=4,L4752*Input!$J$15,0)+IF(Input!$K$16=4,M4752*Input!$J$16,0)</f>
        <v>0</v>
      </c>
    </row>
    <row r="4753" spans="8:17" x14ac:dyDescent="0.25">
      <c r="H4753" s="43">
        <v>4746</v>
      </c>
      <c r="I4753" s="55">
        <f>Bühler!I4779</f>
        <v>0</v>
      </c>
      <c r="J4753" s="58">
        <f>Bühler!J4779</f>
        <v>6.1770579494587556</v>
      </c>
      <c r="K4753" s="58">
        <f>Bühler!K4779</f>
        <v>0.55404849381676824</v>
      </c>
      <c r="L4753" s="58">
        <f>Bühler!L4779</f>
        <v>0.27702424690838412</v>
      </c>
      <c r="M4753" s="57">
        <f>Bühler!M4779</f>
        <v>0</v>
      </c>
      <c r="N4753" s="55">
        <f>IF(Input!$K$13=1,J4753*Input!$J$13,0)+IF(Input!$K$14=1,K4753*Input!$J$14,0)+IF(Input!$K$15=1,L4753*Input!$J$15,0)+IF(Input!$K$16=1,M4753*Input!$J$16,0)</f>
        <v>0.74124695393505069</v>
      </c>
      <c r="O4753" s="58">
        <f>IF(Input!$K$13=2,J4753*Input!$J$13,0)+IF(Input!$K$14=2,K4753*Input!$J$14,0)+IF(Input!$K$15=2,L4753*Input!$J$15,0)+IF(Input!$K$16=2,M4753*Input!$J$16,0)</f>
        <v>7.4796546665263711E-2</v>
      </c>
      <c r="P4753" s="58">
        <f>IF(Input!$K$13=3,J4753*Input!$J$13,0)+IF(Input!$K$14=3,K4753*Input!$J$14,0)+IF(Input!$K$15=3,L4753*Input!$J$15,0)+IF(Input!$K$16=3,M4753*Input!$J$16,0)</f>
        <v>0</v>
      </c>
      <c r="Q4753" s="71">
        <f>IF(Input!$K$13=4,J4753*Input!$J$13,0)+IF(Input!$K$14=4,K4753*Input!$J$14,0)+IF(Input!$K$15=4,L4753*Input!$J$15,0)+IF(Input!$K$16=4,M4753*Input!$J$16,0)</f>
        <v>0</v>
      </c>
    </row>
    <row r="4754" spans="8:17" x14ac:dyDescent="0.25">
      <c r="H4754" s="43">
        <v>4747</v>
      </c>
      <c r="I4754" s="55">
        <f>Bühler!I4780</f>
        <v>0</v>
      </c>
      <c r="J4754" s="58">
        <f>Bühler!J4780</f>
        <v>6.0900571332691955</v>
      </c>
      <c r="K4754" s="58">
        <f>Bühler!K4780</f>
        <v>0.54624499390385606</v>
      </c>
      <c r="L4754" s="58">
        <f>Bühler!L4780</f>
        <v>0.27312249695192803</v>
      </c>
      <c r="M4754" s="57">
        <f>Bühler!M4780</f>
        <v>0</v>
      </c>
      <c r="N4754" s="55">
        <f>IF(Input!$K$13=1,J4754*Input!$J$13,0)+IF(Input!$K$14=1,K4754*Input!$J$14,0)+IF(Input!$K$15=1,L4754*Input!$J$15,0)+IF(Input!$K$16=1,M4754*Input!$J$16,0)</f>
        <v>0.73080685599230344</v>
      </c>
      <c r="O4754" s="58">
        <f>IF(Input!$K$13=2,J4754*Input!$J$13,0)+IF(Input!$K$14=2,K4754*Input!$J$14,0)+IF(Input!$K$15=2,L4754*Input!$J$15,0)+IF(Input!$K$16=2,M4754*Input!$J$16,0)</f>
        <v>7.3743074177020557E-2</v>
      </c>
      <c r="P4754" s="58">
        <f>IF(Input!$K$13=3,J4754*Input!$J$13,0)+IF(Input!$K$14=3,K4754*Input!$J$14,0)+IF(Input!$K$15=3,L4754*Input!$J$15,0)+IF(Input!$K$16=3,M4754*Input!$J$16,0)</f>
        <v>0</v>
      </c>
      <c r="Q4754" s="71">
        <f>IF(Input!$K$13=4,J4754*Input!$J$13,0)+IF(Input!$K$14=4,K4754*Input!$J$14,0)+IF(Input!$K$15=4,L4754*Input!$J$15,0)+IF(Input!$K$16=4,M4754*Input!$J$16,0)</f>
        <v>0</v>
      </c>
    </row>
    <row r="4755" spans="8:17" x14ac:dyDescent="0.25">
      <c r="H4755" s="43">
        <v>4748</v>
      </c>
      <c r="I4755" s="55">
        <f>Bühler!I4781</f>
        <v>0</v>
      </c>
      <c r="J4755" s="58">
        <f>Bühler!J4781</f>
        <v>6.0900571332691955</v>
      </c>
      <c r="K4755" s="58">
        <f>Bühler!K4781</f>
        <v>0.54624499390385606</v>
      </c>
      <c r="L4755" s="58">
        <f>Bühler!L4781</f>
        <v>0.27312249695192803</v>
      </c>
      <c r="M4755" s="57">
        <f>Bühler!M4781</f>
        <v>0</v>
      </c>
      <c r="N4755" s="55">
        <f>IF(Input!$K$13=1,J4755*Input!$J$13,0)+IF(Input!$K$14=1,K4755*Input!$J$14,0)+IF(Input!$K$15=1,L4755*Input!$J$15,0)+IF(Input!$K$16=1,M4755*Input!$J$16,0)</f>
        <v>0.73080685599230344</v>
      </c>
      <c r="O4755" s="58">
        <f>IF(Input!$K$13=2,J4755*Input!$J$13,0)+IF(Input!$K$14=2,K4755*Input!$J$14,0)+IF(Input!$K$15=2,L4755*Input!$J$15,0)+IF(Input!$K$16=2,M4755*Input!$J$16,0)</f>
        <v>7.3743074177020557E-2</v>
      </c>
      <c r="P4755" s="58">
        <f>IF(Input!$K$13=3,J4755*Input!$J$13,0)+IF(Input!$K$14=3,K4755*Input!$J$14,0)+IF(Input!$K$15=3,L4755*Input!$J$15,0)+IF(Input!$K$16=3,M4755*Input!$J$16,0)</f>
        <v>0</v>
      </c>
      <c r="Q4755" s="71">
        <f>IF(Input!$K$13=4,J4755*Input!$J$13,0)+IF(Input!$K$14=4,K4755*Input!$J$14,0)+IF(Input!$K$15=4,L4755*Input!$J$15,0)+IF(Input!$K$16=4,M4755*Input!$J$16,0)</f>
        <v>0</v>
      </c>
    </row>
    <row r="4756" spans="8:17" x14ac:dyDescent="0.25">
      <c r="H4756" s="43">
        <v>4749</v>
      </c>
      <c r="I4756" s="55">
        <f>Bühler!I4782</f>
        <v>0</v>
      </c>
      <c r="J4756" s="58">
        <f>Bühler!J4782</f>
        <v>6.0900571332691955</v>
      </c>
      <c r="K4756" s="58">
        <f>Bühler!K4782</f>
        <v>0.54624499390385606</v>
      </c>
      <c r="L4756" s="58">
        <f>Bühler!L4782</f>
        <v>0.27312249695192803</v>
      </c>
      <c r="M4756" s="57">
        <f>Bühler!M4782</f>
        <v>0</v>
      </c>
      <c r="N4756" s="55">
        <f>IF(Input!$K$13=1,J4756*Input!$J$13,0)+IF(Input!$K$14=1,K4756*Input!$J$14,0)+IF(Input!$K$15=1,L4756*Input!$J$15,0)+IF(Input!$K$16=1,M4756*Input!$J$16,0)</f>
        <v>0.73080685599230344</v>
      </c>
      <c r="O4756" s="58">
        <f>IF(Input!$K$13=2,J4756*Input!$J$13,0)+IF(Input!$K$14=2,K4756*Input!$J$14,0)+IF(Input!$K$15=2,L4756*Input!$J$15,0)+IF(Input!$K$16=2,M4756*Input!$J$16,0)</f>
        <v>7.3743074177020557E-2</v>
      </c>
      <c r="P4756" s="58">
        <f>IF(Input!$K$13=3,J4756*Input!$J$13,0)+IF(Input!$K$14=3,K4756*Input!$J$14,0)+IF(Input!$K$15=3,L4756*Input!$J$15,0)+IF(Input!$K$16=3,M4756*Input!$J$16,0)</f>
        <v>0</v>
      </c>
      <c r="Q4756" s="71">
        <f>IF(Input!$K$13=4,J4756*Input!$J$13,0)+IF(Input!$K$14=4,K4756*Input!$J$14,0)+IF(Input!$K$15=4,L4756*Input!$J$15,0)+IF(Input!$K$16=4,M4756*Input!$J$16,0)</f>
        <v>0</v>
      </c>
    </row>
    <row r="4757" spans="8:17" x14ac:dyDescent="0.25">
      <c r="H4757" s="43">
        <v>4750</v>
      </c>
      <c r="I4757" s="55">
        <f>Bühler!I4783</f>
        <v>0</v>
      </c>
      <c r="J4757" s="58">
        <f>Bühler!J4783</f>
        <v>6.0900571332691955</v>
      </c>
      <c r="K4757" s="58">
        <f>Bühler!K4783</f>
        <v>0.54624499390385606</v>
      </c>
      <c r="L4757" s="58">
        <f>Bühler!L4783</f>
        <v>0.27312249695192803</v>
      </c>
      <c r="M4757" s="57">
        <f>Bühler!M4783</f>
        <v>0</v>
      </c>
      <c r="N4757" s="55">
        <f>IF(Input!$K$13=1,J4757*Input!$J$13,0)+IF(Input!$K$14=1,K4757*Input!$J$14,0)+IF(Input!$K$15=1,L4757*Input!$J$15,0)+IF(Input!$K$16=1,M4757*Input!$J$16,0)</f>
        <v>0.73080685599230344</v>
      </c>
      <c r="O4757" s="58">
        <f>IF(Input!$K$13=2,J4757*Input!$J$13,0)+IF(Input!$K$14=2,K4757*Input!$J$14,0)+IF(Input!$K$15=2,L4757*Input!$J$15,0)+IF(Input!$K$16=2,M4757*Input!$J$16,0)</f>
        <v>7.3743074177020557E-2</v>
      </c>
      <c r="P4757" s="58">
        <f>IF(Input!$K$13=3,J4757*Input!$J$13,0)+IF(Input!$K$14=3,K4757*Input!$J$14,0)+IF(Input!$K$15=3,L4757*Input!$J$15,0)+IF(Input!$K$16=3,M4757*Input!$J$16,0)</f>
        <v>0</v>
      </c>
      <c r="Q4757" s="71">
        <f>IF(Input!$K$13=4,J4757*Input!$J$13,0)+IF(Input!$K$14=4,K4757*Input!$J$14,0)+IF(Input!$K$15=4,L4757*Input!$J$15,0)+IF(Input!$K$16=4,M4757*Input!$J$16,0)</f>
        <v>0</v>
      </c>
    </row>
    <row r="4758" spans="8:17" x14ac:dyDescent="0.25">
      <c r="H4758" s="43">
        <v>4751</v>
      </c>
      <c r="I4758" s="55">
        <f>Bühler!I4784</f>
        <v>0</v>
      </c>
      <c r="J4758" s="58">
        <f>Bühler!J4784</f>
        <v>6.0900571332691955</v>
      </c>
      <c r="K4758" s="58">
        <f>Bühler!K4784</f>
        <v>0.54624499390385606</v>
      </c>
      <c r="L4758" s="58">
        <f>Bühler!L4784</f>
        <v>0.27312249695192803</v>
      </c>
      <c r="M4758" s="57">
        <f>Bühler!M4784</f>
        <v>0</v>
      </c>
      <c r="N4758" s="55">
        <f>IF(Input!$K$13=1,J4758*Input!$J$13,0)+IF(Input!$K$14=1,K4758*Input!$J$14,0)+IF(Input!$K$15=1,L4758*Input!$J$15,0)+IF(Input!$K$16=1,M4758*Input!$J$16,0)</f>
        <v>0.73080685599230344</v>
      </c>
      <c r="O4758" s="58">
        <f>IF(Input!$K$13=2,J4758*Input!$J$13,0)+IF(Input!$K$14=2,K4758*Input!$J$14,0)+IF(Input!$K$15=2,L4758*Input!$J$15,0)+IF(Input!$K$16=2,M4758*Input!$J$16,0)</f>
        <v>7.3743074177020557E-2</v>
      </c>
      <c r="P4758" s="58">
        <f>IF(Input!$K$13=3,J4758*Input!$J$13,0)+IF(Input!$K$14=3,K4758*Input!$J$14,0)+IF(Input!$K$15=3,L4758*Input!$J$15,0)+IF(Input!$K$16=3,M4758*Input!$J$16,0)</f>
        <v>0</v>
      </c>
      <c r="Q4758" s="71">
        <f>IF(Input!$K$13=4,J4758*Input!$J$13,0)+IF(Input!$K$14=4,K4758*Input!$J$14,0)+IF(Input!$K$15=4,L4758*Input!$J$15,0)+IF(Input!$K$16=4,M4758*Input!$J$16,0)</f>
        <v>0</v>
      </c>
    </row>
    <row r="4759" spans="8:17" x14ac:dyDescent="0.25">
      <c r="H4759" s="43">
        <v>4752</v>
      </c>
      <c r="I4759" s="55">
        <f>Bühler!I4785</f>
        <v>0</v>
      </c>
      <c r="J4759" s="58">
        <f>Bühler!J4785</f>
        <v>6.0900571332691955</v>
      </c>
      <c r="K4759" s="58">
        <f>Bühler!K4785</f>
        <v>0.54624499390385606</v>
      </c>
      <c r="L4759" s="58">
        <f>Bühler!L4785</f>
        <v>0.27312249695192803</v>
      </c>
      <c r="M4759" s="57">
        <f>Bühler!M4785</f>
        <v>0</v>
      </c>
      <c r="N4759" s="55">
        <f>IF(Input!$K$13=1,J4759*Input!$J$13,0)+IF(Input!$K$14=1,K4759*Input!$J$14,0)+IF(Input!$K$15=1,L4759*Input!$J$15,0)+IF(Input!$K$16=1,M4759*Input!$J$16,0)</f>
        <v>0.73080685599230344</v>
      </c>
      <c r="O4759" s="58">
        <f>IF(Input!$K$13=2,J4759*Input!$J$13,0)+IF(Input!$K$14=2,K4759*Input!$J$14,0)+IF(Input!$K$15=2,L4759*Input!$J$15,0)+IF(Input!$K$16=2,M4759*Input!$J$16,0)</f>
        <v>7.3743074177020557E-2</v>
      </c>
      <c r="P4759" s="58">
        <f>IF(Input!$K$13=3,J4759*Input!$J$13,0)+IF(Input!$K$14=3,K4759*Input!$J$14,0)+IF(Input!$K$15=3,L4759*Input!$J$15,0)+IF(Input!$K$16=3,M4759*Input!$J$16,0)</f>
        <v>0</v>
      </c>
      <c r="Q4759" s="71">
        <f>IF(Input!$K$13=4,J4759*Input!$J$13,0)+IF(Input!$K$14=4,K4759*Input!$J$14,0)+IF(Input!$K$15=4,L4759*Input!$J$15,0)+IF(Input!$K$16=4,M4759*Input!$J$16,0)</f>
        <v>0</v>
      </c>
    </row>
    <row r="4760" spans="8:17" x14ac:dyDescent="0.25">
      <c r="H4760" s="43">
        <v>4753</v>
      </c>
      <c r="I4760" s="55">
        <f>Bühler!I4786</f>
        <v>0</v>
      </c>
      <c r="J4760" s="58">
        <f>Bühler!J4786</f>
        <v>3.9009237684298581</v>
      </c>
      <c r="K4760" s="58">
        <f>Bühler!K4786</f>
        <v>0.34878930503578287</v>
      </c>
      <c r="L4760" s="58">
        <f>Bühler!L4786</f>
        <v>0.17439465251789144</v>
      </c>
      <c r="M4760" s="57">
        <f>Bühler!M4786</f>
        <v>0</v>
      </c>
      <c r="N4760" s="55">
        <f>IF(Input!$K$13=1,J4760*Input!$J$13,0)+IF(Input!$K$14=1,K4760*Input!$J$14,0)+IF(Input!$K$15=1,L4760*Input!$J$15,0)+IF(Input!$K$16=1,M4760*Input!$J$16,0)</f>
        <v>0.46811085221158294</v>
      </c>
      <c r="O4760" s="58">
        <f>IF(Input!$K$13=2,J4760*Input!$J$13,0)+IF(Input!$K$14=2,K4760*Input!$J$14,0)+IF(Input!$K$15=2,L4760*Input!$J$15,0)+IF(Input!$K$16=2,M4760*Input!$J$16,0)</f>
        <v>4.7086556179830687E-2</v>
      </c>
      <c r="P4760" s="58">
        <f>IF(Input!$K$13=3,J4760*Input!$J$13,0)+IF(Input!$K$14=3,K4760*Input!$J$14,0)+IF(Input!$K$15=3,L4760*Input!$J$15,0)+IF(Input!$K$16=3,M4760*Input!$J$16,0)</f>
        <v>0</v>
      </c>
      <c r="Q4760" s="71">
        <f>IF(Input!$K$13=4,J4760*Input!$J$13,0)+IF(Input!$K$14=4,K4760*Input!$J$14,0)+IF(Input!$K$15=4,L4760*Input!$J$15,0)+IF(Input!$K$16=4,M4760*Input!$J$16,0)</f>
        <v>0</v>
      </c>
    </row>
    <row r="4761" spans="8:17" x14ac:dyDescent="0.25">
      <c r="H4761" s="43">
        <v>4754</v>
      </c>
      <c r="I4761" s="55">
        <f>Bühler!I4787</f>
        <v>0</v>
      </c>
      <c r="J4761" s="58">
        <f>Bühler!J4787</f>
        <v>5.9442647899883561</v>
      </c>
      <c r="K4761" s="58">
        <f>Bühler!K4787</f>
        <v>0.53148846481643108</v>
      </c>
      <c r="L4761" s="58">
        <f>Bühler!L4787</f>
        <v>0.26574423240821554</v>
      </c>
      <c r="M4761" s="57">
        <f>Bühler!M4787</f>
        <v>0</v>
      </c>
      <c r="N4761" s="55">
        <f>IF(Input!$K$13=1,J4761*Input!$J$13,0)+IF(Input!$K$14=1,K4761*Input!$J$14,0)+IF(Input!$K$15=1,L4761*Input!$J$15,0)+IF(Input!$K$16=1,M4761*Input!$J$16,0)</f>
        <v>0.71331177479860275</v>
      </c>
      <c r="O4761" s="58">
        <f>IF(Input!$K$13=2,J4761*Input!$J$13,0)+IF(Input!$K$14=2,K4761*Input!$J$14,0)+IF(Input!$K$15=2,L4761*Input!$J$15,0)+IF(Input!$K$16=2,M4761*Input!$J$16,0)</f>
        <v>7.1750942750218191E-2</v>
      </c>
      <c r="P4761" s="58">
        <f>IF(Input!$K$13=3,J4761*Input!$J$13,0)+IF(Input!$K$14=3,K4761*Input!$J$14,0)+IF(Input!$K$15=3,L4761*Input!$J$15,0)+IF(Input!$K$16=3,M4761*Input!$J$16,0)</f>
        <v>0</v>
      </c>
      <c r="Q4761" s="71">
        <f>IF(Input!$K$13=4,J4761*Input!$J$13,0)+IF(Input!$K$14=4,K4761*Input!$J$14,0)+IF(Input!$K$15=4,L4761*Input!$J$15,0)+IF(Input!$K$16=4,M4761*Input!$J$16,0)</f>
        <v>0</v>
      </c>
    </row>
    <row r="4762" spans="8:17" x14ac:dyDescent="0.25">
      <c r="H4762" s="43">
        <v>4755</v>
      </c>
      <c r="I4762" s="55">
        <f>Bühler!I4788</f>
        <v>0</v>
      </c>
      <c r="J4762" s="58">
        <f>Bühler!J4788</f>
        <v>5.9442647899883561</v>
      </c>
      <c r="K4762" s="58">
        <f>Bühler!K4788</f>
        <v>0.53148846481643108</v>
      </c>
      <c r="L4762" s="58">
        <f>Bühler!L4788</f>
        <v>0.26574423240821554</v>
      </c>
      <c r="M4762" s="57">
        <f>Bühler!M4788</f>
        <v>0</v>
      </c>
      <c r="N4762" s="55">
        <f>IF(Input!$K$13=1,J4762*Input!$J$13,0)+IF(Input!$K$14=1,K4762*Input!$J$14,0)+IF(Input!$K$15=1,L4762*Input!$J$15,0)+IF(Input!$K$16=1,M4762*Input!$J$16,0)</f>
        <v>0.71331177479860275</v>
      </c>
      <c r="O4762" s="58">
        <f>IF(Input!$K$13=2,J4762*Input!$J$13,0)+IF(Input!$K$14=2,K4762*Input!$J$14,0)+IF(Input!$K$15=2,L4762*Input!$J$15,0)+IF(Input!$K$16=2,M4762*Input!$J$16,0)</f>
        <v>7.1750942750218191E-2</v>
      </c>
      <c r="P4762" s="58">
        <f>IF(Input!$K$13=3,J4762*Input!$J$13,0)+IF(Input!$K$14=3,K4762*Input!$J$14,0)+IF(Input!$K$15=3,L4762*Input!$J$15,0)+IF(Input!$K$16=3,M4762*Input!$J$16,0)</f>
        <v>0</v>
      </c>
      <c r="Q4762" s="71">
        <f>IF(Input!$K$13=4,J4762*Input!$J$13,0)+IF(Input!$K$14=4,K4762*Input!$J$14,0)+IF(Input!$K$15=4,L4762*Input!$J$15,0)+IF(Input!$K$16=4,M4762*Input!$J$16,0)</f>
        <v>0</v>
      </c>
    </row>
    <row r="4763" spans="8:17" x14ac:dyDescent="0.25">
      <c r="H4763" s="43">
        <v>4756</v>
      </c>
      <c r="I4763" s="55">
        <f>Bühler!I4789</f>
        <v>0</v>
      </c>
      <c r="J4763" s="58">
        <f>Bühler!J4789</f>
        <v>5.9442647899883561</v>
      </c>
      <c r="K4763" s="58">
        <f>Bühler!K4789</f>
        <v>0.53148846481643108</v>
      </c>
      <c r="L4763" s="58">
        <f>Bühler!L4789</f>
        <v>0.26574423240821554</v>
      </c>
      <c r="M4763" s="57">
        <f>Bühler!M4789</f>
        <v>0</v>
      </c>
      <c r="N4763" s="55">
        <f>IF(Input!$K$13=1,J4763*Input!$J$13,0)+IF(Input!$K$14=1,K4763*Input!$J$14,0)+IF(Input!$K$15=1,L4763*Input!$J$15,0)+IF(Input!$K$16=1,M4763*Input!$J$16,0)</f>
        <v>0.71331177479860275</v>
      </c>
      <c r="O4763" s="58">
        <f>IF(Input!$K$13=2,J4763*Input!$J$13,0)+IF(Input!$K$14=2,K4763*Input!$J$14,0)+IF(Input!$K$15=2,L4763*Input!$J$15,0)+IF(Input!$K$16=2,M4763*Input!$J$16,0)</f>
        <v>7.1750942750218191E-2</v>
      </c>
      <c r="P4763" s="58">
        <f>IF(Input!$K$13=3,J4763*Input!$J$13,0)+IF(Input!$K$14=3,K4763*Input!$J$14,0)+IF(Input!$K$15=3,L4763*Input!$J$15,0)+IF(Input!$K$16=3,M4763*Input!$J$16,0)</f>
        <v>0</v>
      </c>
      <c r="Q4763" s="71">
        <f>IF(Input!$K$13=4,J4763*Input!$J$13,0)+IF(Input!$K$14=4,K4763*Input!$J$14,0)+IF(Input!$K$15=4,L4763*Input!$J$15,0)+IF(Input!$K$16=4,M4763*Input!$J$16,0)</f>
        <v>0</v>
      </c>
    </row>
    <row r="4764" spans="8:17" x14ac:dyDescent="0.25">
      <c r="H4764" s="43">
        <v>4757</v>
      </c>
      <c r="I4764" s="55">
        <f>Bühler!I4790</f>
        <v>0</v>
      </c>
      <c r="J4764" s="58">
        <f>Bühler!J4790</f>
        <v>5.9442647899883561</v>
      </c>
      <c r="K4764" s="58">
        <f>Bühler!K4790</f>
        <v>0.53148846481643108</v>
      </c>
      <c r="L4764" s="58">
        <f>Bühler!L4790</f>
        <v>0.26574423240821554</v>
      </c>
      <c r="M4764" s="57">
        <f>Bühler!M4790</f>
        <v>0</v>
      </c>
      <c r="N4764" s="55">
        <f>IF(Input!$K$13=1,J4764*Input!$J$13,0)+IF(Input!$K$14=1,K4764*Input!$J$14,0)+IF(Input!$K$15=1,L4764*Input!$J$15,0)+IF(Input!$K$16=1,M4764*Input!$J$16,0)</f>
        <v>0.71331177479860275</v>
      </c>
      <c r="O4764" s="58">
        <f>IF(Input!$K$13=2,J4764*Input!$J$13,0)+IF(Input!$K$14=2,K4764*Input!$J$14,0)+IF(Input!$K$15=2,L4764*Input!$J$15,0)+IF(Input!$K$16=2,M4764*Input!$J$16,0)</f>
        <v>7.1750942750218191E-2</v>
      </c>
      <c r="P4764" s="58">
        <f>IF(Input!$K$13=3,J4764*Input!$J$13,0)+IF(Input!$K$14=3,K4764*Input!$J$14,0)+IF(Input!$K$15=3,L4764*Input!$J$15,0)+IF(Input!$K$16=3,M4764*Input!$J$16,0)</f>
        <v>0</v>
      </c>
      <c r="Q4764" s="71">
        <f>IF(Input!$K$13=4,J4764*Input!$J$13,0)+IF(Input!$K$14=4,K4764*Input!$J$14,0)+IF(Input!$K$15=4,L4764*Input!$J$15,0)+IF(Input!$K$16=4,M4764*Input!$J$16,0)</f>
        <v>0</v>
      </c>
    </row>
    <row r="4765" spans="8:17" x14ac:dyDescent="0.25">
      <c r="H4765" s="43">
        <v>4758</v>
      </c>
      <c r="I4765" s="55">
        <f>Bühler!I4791</f>
        <v>0</v>
      </c>
      <c r="J4765" s="58">
        <f>Bühler!J4791</f>
        <v>5.9442647899883561</v>
      </c>
      <c r="K4765" s="58">
        <f>Bühler!K4791</f>
        <v>0.53148846481643108</v>
      </c>
      <c r="L4765" s="58">
        <f>Bühler!L4791</f>
        <v>0.26574423240821554</v>
      </c>
      <c r="M4765" s="57">
        <f>Bühler!M4791</f>
        <v>0</v>
      </c>
      <c r="N4765" s="55">
        <f>IF(Input!$K$13=1,J4765*Input!$J$13,0)+IF(Input!$K$14=1,K4765*Input!$J$14,0)+IF(Input!$K$15=1,L4765*Input!$J$15,0)+IF(Input!$K$16=1,M4765*Input!$J$16,0)</f>
        <v>0.71331177479860275</v>
      </c>
      <c r="O4765" s="58">
        <f>IF(Input!$K$13=2,J4765*Input!$J$13,0)+IF(Input!$K$14=2,K4765*Input!$J$14,0)+IF(Input!$K$15=2,L4765*Input!$J$15,0)+IF(Input!$K$16=2,M4765*Input!$J$16,0)</f>
        <v>7.1750942750218191E-2</v>
      </c>
      <c r="P4765" s="58">
        <f>IF(Input!$K$13=3,J4765*Input!$J$13,0)+IF(Input!$K$14=3,K4765*Input!$J$14,0)+IF(Input!$K$15=3,L4765*Input!$J$15,0)+IF(Input!$K$16=3,M4765*Input!$J$16,0)</f>
        <v>0</v>
      </c>
      <c r="Q4765" s="71">
        <f>IF(Input!$K$13=4,J4765*Input!$J$13,0)+IF(Input!$K$14=4,K4765*Input!$J$14,0)+IF(Input!$K$15=4,L4765*Input!$J$15,0)+IF(Input!$K$16=4,M4765*Input!$J$16,0)</f>
        <v>0</v>
      </c>
    </row>
    <row r="4766" spans="8:17" x14ac:dyDescent="0.25">
      <c r="H4766" s="43">
        <v>4759</v>
      </c>
      <c r="I4766" s="55">
        <f>Bühler!I4792</f>
        <v>0</v>
      </c>
      <c r="J4766" s="58">
        <f>Bühler!J4792</f>
        <v>5.9442647899883561</v>
      </c>
      <c r="K4766" s="58">
        <f>Bühler!K4792</f>
        <v>0.53148846481643108</v>
      </c>
      <c r="L4766" s="58">
        <f>Bühler!L4792</f>
        <v>0.26574423240821554</v>
      </c>
      <c r="M4766" s="57">
        <f>Bühler!M4792</f>
        <v>0</v>
      </c>
      <c r="N4766" s="55">
        <f>IF(Input!$K$13=1,J4766*Input!$J$13,0)+IF(Input!$K$14=1,K4766*Input!$J$14,0)+IF(Input!$K$15=1,L4766*Input!$J$15,0)+IF(Input!$K$16=1,M4766*Input!$J$16,0)</f>
        <v>0.71331177479860275</v>
      </c>
      <c r="O4766" s="58">
        <f>IF(Input!$K$13=2,J4766*Input!$J$13,0)+IF(Input!$K$14=2,K4766*Input!$J$14,0)+IF(Input!$K$15=2,L4766*Input!$J$15,0)+IF(Input!$K$16=2,M4766*Input!$J$16,0)</f>
        <v>7.1750942750218191E-2</v>
      </c>
      <c r="P4766" s="58">
        <f>IF(Input!$K$13=3,J4766*Input!$J$13,0)+IF(Input!$K$14=3,K4766*Input!$J$14,0)+IF(Input!$K$15=3,L4766*Input!$J$15,0)+IF(Input!$K$16=3,M4766*Input!$J$16,0)</f>
        <v>0</v>
      </c>
      <c r="Q4766" s="71">
        <f>IF(Input!$K$13=4,J4766*Input!$J$13,0)+IF(Input!$K$14=4,K4766*Input!$J$14,0)+IF(Input!$K$15=4,L4766*Input!$J$15,0)+IF(Input!$K$16=4,M4766*Input!$J$16,0)</f>
        <v>0</v>
      </c>
    </row>
    <row r="4767" spans="8:17" x14ac:dyDescent="0.25">
      <c r="H4767" s="43">
        <v>4760</v>
      </c>
      <c r="I4767" s="55">
        <f>Bühler!I4793</f>
        <v>0</v>
      </c>
      <c r="J4767" s="58">
        <f>Bühler!J4793</f>
        <v>25.058791255294658</v>
      </c>
      <c r="K4767" s="58">
        <f>Bühler!K4793</f>
        <v>2.2405560594917668</v>
      </c>
      <c r="L4767" s="58">
        <f>Bühler!L4793</f>
        <v>1.1202780297458834</v>
      </c>
      <c r="M4767" s="57">
        <f>Bühler!M4793</f>
        <v>0</v>
      </c>
      <c r="N4767" s="55">
        <f>IF(Input!$K$13=1,J4767*Input!$J$13,0)+IF(Input!$K$14=1,K4767*Input!$J$14,0)+IF(Input!$K$15=1,L4767*Input!$J$15,0)+IF(Input!$K$16=1,M4767*Input!$J$16,0)</f>
        <v>3.007054950635359</v>
      </c>
      <c r="O4767" s="58">
        <f>IF(Input!$K$13=2,J4767*Input!$J$13,0)+IF(Input!$K$14=2,K4767*Input!$J$14,0)+IF(Input!$K$15=2,L4767*Input!$J$15,0)+IF(Input!$K$16=2,M4767*Input!$J$16,0)</f>
        <v>0.30247506803138852</v>
      </c>
      <c r="P4767" s="58">
        <f>IF(Input!$K$13=3,J4767*Input!$J$13,0)+IF(Input!$K$14=3,K4767*Input!$J$14,0)+IF(Input!$K$15=3,L4767*Input!$J$15,0)+IF(Input!$K$16=3,M4767*Input!$J$16,0)</f>
        <v>0</v>
      </c>
      <c r="Q4767" s="71">
        <f>IF(Input!$K$13=4,J4767*Input!$J$13,0)+IF(Input!$K$14=4,K4767*Input!$J$14,0)+IF(Input!$K$15=4,L4767*Input!$J$15,0)+IF(Input!$K$16=4,M4767*Input!$J$16,0)</f>
        <v>0</v>
      </c>
    </row>
    <row r="4768" spans="8:17" x14ac:dyDescent="0.25">
      <c r="H4768" s="43">
        <v>4761</v>
      </c>
      <c r="I4768" s="55">
        <f>Bühler!I4794</f>
        <v>0</v>
      </c>
      <c r="J4768" s="58">
        <f>Bühler!J4794</f>
        <v>27.960335505907729</v>
      </c>
      <c r="K4768" s="58">
        <f>Bühler!K4794</f>
        <v>2.4999888663802876</v>
      </c>
      <c r="L4768" s="58">
        <f>Bühler!L4794</f>
        <v>1.2499944331901438</v>
      </c>
      <c r="M4768" s="57">
        <f>Bühler!M4794</f>
        <v>0</v>
      </c>
      <c r="N4768" s="55">
        <f>IF(Input!$K$13=1,J4768*Input!$J$13,0)+IF(Input!$K$14=1,K4768*Input!$J$14,0)+IF(Input!$K$15=1,L4768*Input!$J$15,0)+IF(Input!$K$16=1,M4768*Input!$J$16,0)</f>
        <v>3.3552402607089271</v>
      </c>
      <c r="O4768" s="58">
        <f>IF(Input!$K$13=2,J4768*Input!$J$13,0)+IF(Input!$K$14=2,K4768*Input!$J$14,0)+IF(Input!$K$15=2,L4768*Input!$J$15,0)+IF(Input!$K$16=2,M4768*Input!$J$16,0)</f>
        <v>0.33749849696133882</v>
      </c>
      <c r="P4768" s="58">
        <f>IF(Input!$K$13=3,J4768*Input!$J$13,0)+IF(Input!$K$14=3,K4768*Input!$J$14,0)+IF(Input!$K$15=3,L4768*Input!$J$15,0)+IF(Input!$K$16=3,M4768*Input!$J$16,0)</f>
        <v>0</v>
      </c>
      <c r="Q4768" s="71">
        <f>IF(Input!$K$13=4,J4768*Input!$J$13,0)+IF(Input!$K$14=4,K4768*Input!$J$14,0)+IF(Input!$K$15=4,L4768*Input!$J$15,0)+IF(Input!$K$16=4,M4768*Input!$J$16,0)</f>
        <v>0</v>
      </c>
    </row>
    <row r="4769" spans="8:17" x14ac:dyDescent="0.25">
      <c r="H4769" s="43">
        <v>4762</v>
      </c>
      <c r="I4769" s="55">
        <f>Bühler!I4795</f>
        <v>0</v>
      </c>
      <c r="J4769" s="58">
        <f>Bühler!J4795</f>
        <v>30.861879756520793</v>
      </c>
      <c r="K4769" s="58">
        <f>Bühler!K4795</f>
        <v>2.7594216732688079</v>
      </c>
      <c r="L4769" s="58">
        <f>Bühler!L4795</f>
        <v>1.379710836634404</v>
      </c>
      <c r="M4769" s="57">
        <f>Bühler!M4795</f>
        <v>0</v>
      </c>
      <c r="N4769" s="55">
        <f>IF(Input!$K$13=1,J4769*Input!$J$13,0)+IF(Input!$K$14=1,K4769*Input!$J$14,0)+IF(Input!$K$15=1,L4769*Input!$J$15,0)+IF(Input!$K$16=1,M4769*Input!$J$16,0)</f>
        <v>3.7034255707824948</v>
      </c>
      <c r="O4769" s="58">
        <f>IF(Input!$K$13=2,J4769*Input!$J$13,0)+IF(Input!$K$14=2,K4769*Input!$J$14,0)+IF(Input!$K$15=2,L4769*Input!$J$15,0)+IF(Input!$K$16=2,M4769*Input!$J$16,0)</f>
        <v>0.37252192589128907</v>
      </c>
      <c r="P4769" s="58">
        <f>IF(Input!$K$13=3,J4769*Input!$J$13,0)+IF(Input!$K$14=3,K4769*Input!$J$14,0)+IF(Input!$K$15=3,L4769*Input!$J$15,0)+IF(Input!$K$16=3,M4769*Input!$J$16,0)</f>
        <v>0</v>
      </c>
      <c r="Q4769" s="71">
        <f>IF(Input!$K$13=4,J4769*Input!$J$13,0)+IF(Input!$K$14=4,K4769*Input!$J$14,0)+IF(Input!$K$15=4,L4769*Input!$J$15,0)+IF(Input!$K$16=4,M4769*Input!$J$16,0)</f>
        <v>0</v>
      </c>
    </row>
    <row r="4770" spans="8:17" x14ac:dyDescent="0.25">
      <c r="H4770" s="43">
        <v>4763</v>
      </c>
      <c r="I4770" s="55">
        <f>Bühler!I4796</f>
        <v>0</v>
      </c>
      <c r="J4770" s="58">
        <f>Bühler!J4796</f>
        <v>30.861879756520793</v>
      </c>
      <c r="K4770" s="58">
        <f>Bühler!K4796</f>
        <v>2.7594216732688079</v>
      </c>
      <c r="L4770" s="58">
        <f>Bühler!L4796</f>
        <v>1.379710836634404</v>
      </c>
      <c r="M4770" s="57">
        <f>Bühler!M4796</f>
        <v>0</v>
      </c>
      <c r="N4770" s="55">
        <f>IF(Input!$K$13=1,J4770*Input!$J$13,0)+IF(Input!$K$14=1,K4770*Input!$J$14,0)+IF(Input!$K$15=1,L4770*Input!$J$15,0)+IF(Input!$K$16=1,M4770*Input!$J$16,0)</f>
        <v>3.7034255707824948</v>
      </c>
      <c r="O4770" s="58">
        <f>IF(Input!$K$13=2,J4770*Input!$J$13,0)+IF(Input!$K$14=2,K4770*Input!$J$14,0)+IF(Input!$K$15=2,L4770*Input!$J$15,0)+IF(Input!$K$16=2,M4770*Input!$J$16,0)</f>
        <v>0.37252192589128907</v>
      </c>
      <c r="P4770" s="58">
        <f>IF(Input!$K$13=3,J4770*Input!$J$13,0)+IF(Input!$K$14=3,K4770*Input!$J$14,0)+IF(Input!$K$15=3,L4770*Input!$J$15,0)+IF(Input!$K$16=3,M4770*Input!$J$16,0)</f>
        <v>0</v>
      </c>
      <c r="Q4770" s="71">
        <f>IF(Input!$K$13=4,J4770*Input!$J$13,0)+IF(Input!$K$14=4,K4770*Input!$J$14,0)+IF(Input!$K$15=4,L4770*Input!$J$15,0)+IF(Input!$K$16=4,M4770*Input!$J$16,0)</f>
        <v>0</v>
      </c>
    </row>
    <row r="4771" spans="8:17" x14ac:dyDescent="0.25">
      <c r="H4771" s="43">
        <v>4764</v>
      </c>
      <c r="I4771" s="55">
        <f>Bühler!I4797</f>
        <v>0</v>
      </c>
      <c r="J4771" s="58">
        <f>Bühler!J4797</f>
        <v>36.928745007802654</v>
      </c>
      <c r="K4771" s="58">
        <f>Bühler!K4797</f>
        <v>3.3018720876720771</v>
      </c>
      <c r="L4771" s="58">
        <f>Bühler!L4797</f>
        <v>1.6509360438360385</v>
      </c>
      <c r="M4771" s="57">
        <f>Bühler!M4797</f>
        <v>0</v>
      </c>
      <c r="N4771" s="55">
        <f>IF(Input!$K$13=1,J4771*Input!$J$13,0)+IF(Input!$K$14=1,K4771*Input!$J$14,0)+IF(Input!$K$15=1,L4771*Input!$J$15,0)+IF(Input!$K$16=1,M4771*Input!$J$16,0)</f>
        <v>4.4314494009363186</v>
      </c>
      <c r="O4771" s="58">
        <f>IF(Input!$K$13=2,J4771*Input!$J$13,0)+IF(Input!$K$14=2,K4771*Input!$J$14,0)+IF(Input!$K$15=2,L4771*Input!$J$15,0)+IF(Input!$K$16=2,M4771*Input!$J$16,0)</f>
        <v>0.44575273183573039</v>
      </c>
      <c r="P4771" s="58">
        <f>IF(Input!$K$13=3,J4771*Input!$J$13,0)+IF(Input!$K$14=3,K4771*Input!$J$14,0)+IF(Input!$K$15=3,L4771*Input!$J$15,0)+IF(Input!$K$16=3,M4771*Input!$J$16,0)</f>
        <v>0</v>
      </c>
      <c r="Q4771" s="71">
        <f>IF(Input!$K$13=4,J4771*Input!$J$13,0)+IF(Input!$K$14=4,K4771*Input!$J$14,0)+IF(Input!$K$15=4,L4771*Input!$J$15,0)+IF(Input!$K$16=4,M4771*Input!$J$16,0)</f>
        <v>0</v>
      </c>
    </row>
    <row r="4772" spans="8:17" x14ac:dyDescent="0.25">
      <c r="H4772" s="43">
        <v>4765</v>
      </c>
      <c r="I4772" s="55">
        <f>Bühler!I4798</f>
        <v>0</v>
      </c>
      <c r="J4772" s="58">
        <f>Bühler!J4798</f>
        <v>36.928745007802654</v>
      </c>
      <c r="K4772" s="58">
        <f>Bühler!K4798</f>
        <v>3.3018720876720771</v>
      </c>
      <c r="L4772" s="58">
        <f>Bühler!L4798</f>
        <v>1.6509360438360385</v>
      </c>
      <c r="M4772" s="57">
        <f>Bühler!M4798</f>
        <v>0</v>
      </c>
      <c r="N4772" s="55">
        <f>IF(Input!$K$13=1,J4772*Input!$J$13,0)+IF(Input!$K$14=1,K4772*Input!$J$14,0)+IF(Input!$K$15=1,L4772*Input!$J$15,0)+IF(Input!$K$16=1,M4772*Input!$J$16,0)</f>
        <v>4.4314494009363186</v>
      </c>
      <c r="O4772" s="58">
        <f>IF(Input!$K$13=2,J4772*Input!$J$13,0)+IF(Input!$K$14=2,K4772*Input!$J$14,0)+IF(Input!$K$15=2,L4772*Input!$J$15,0)+IF(Input!$K$16=2,M4772*Input!$J$16,0)</f>
        <v>0.44575273183573039</v>
      </c>
      <c r="P4772" s="58">
        <f>IF(Input!$K$13=3,J4772*Input!$J$13,0)+IF(Input!$K$14=3,K4772*Input!$J$14,0)+IF(Input!$K$15=3,L4772*Input!$J$15,0)+IF(Input!$K$16=3,M4772*Input!$J$16,0)</f>
        <v>0</v>
      </c>
      <c r="Q4772" s="71">
        <f>IF(Input!$K$13=4,J4772*Input!$J$13,0)+IF(Input!$K$14=4,K4772*Input!$J$14,0)+IF(Input!$K$15=4,L4772*Input!$J$15,0)+IF(Input!$K$16=4,M4772*Input!$J$16,0)</f>
        <v>0</v>
      </c>
    </row>
    <row r="4773" spans="8:17" x14ac:dyDescent="0.25">
      <c r="H4773" s="43">
        <v>4766</v>
      </c>
      <c r="I4773" s="55">
        <f>Bühler!I4799</f>
        <v>0</v>
      </c>
      <c r="J4773" s="58">
        <f>Bühler!J4799</f>
        <v>24.531237755183191</v>
      </c>
      <c r="K4773" s="58">
        <f>Bühler!K4799</f>
        <v>2.1933864582393086</v>
      </c>
      <c r="L4773" s="58">
        <f>Bühler!L4799</f>
        <v>1.0966932291196543</v>
      </c>
      <c r="M4773" s="57">
        <f>Bühler!M4799</f>
        <v>0</v>
      </c>
      <c r="N4773" s="55">
        <f>IF(Input!$K$13=1,J4773*Input!$J$13,0)+IF(Input!$K$14=1,K4773*Input!$J$14,0)+IF(Input!$K$15=1,L4773*Input!$J$15,0)+IF(Input!$K$16=1,M4773*Input!$J$16,0)</f>
        <v>2.9437485306219831</v>
      </c>
      <c r="O4773" s="58">
        <f>IF(Input!$K$13=2,J4773*Input!$J$13,0)+IF(Input!$K$14=2,K4773*Input!$J$14,0)+IF(Input!$K$15=2,L4773*Input!$J$15,0)+IF(Input!$K$16=2,M4773*Input!$J$16,0)</f>
        <v>0.29610717186230662</v>
      </c>
      <c r="P4773" s="58">
        <f>IF(Input!$K$13=3,J4773*Input!$J$13,0)+IF(Input!$K$14=3,K4773*Input!$J$14,0)+IF(Input!$K$15=3,L4773*Input!$J$15,0)+IF(Input!$K$16=3,M4773*Input!$J$16,0)</f>
        <v>0</v>
      </c>
      <c r="Q4773" s="71">
        <f>IF(Input!$K$13=4,J4773*Input!$J$13,0)+IF(Input!$K$14=4,K4773*Input!$J$14,0)+IF(Input!$K$15=4,L4773*Input!$J$15,0)+IF(Input!$K$16=4,M4773*Input!$J$16,0)</f>
        <v>0</v>
      </c>
    </row>
    <row r="4774" spans="8:17" x14ac:dyDescent="0.25">
      <c r="H4774" s="43">
        <v>4767</v>
      </c>
      <c r="I4774" s="55">
        <f>Bühler!I4800</f>
        <v>0</v>
      </c>
      <c r="J4774" s="58">
        <f>Bühler!J4800</f>
        <v>36.928745007802654</v>
      </c>
      <c r="K4774" s="58">
        <f>Bühler!K4800</f>
        <v>3.3018720876720771</v>
      </c>
      <c r="L4774" s="58">
        <f>Bühler!L4800</f>
        <v>1.6509360438360385</v>
      </c>
      <c r="M4774" s="57">
        <f>Bühler!M4800</f>
        <v>0</v>
      </c>
      <c r="N4774" s="55">
        <f>IF(Input!$K$13=1,J4774*Input!$J$13,0)+IF(Input!$K$14=1,K4774*Input!$J$14,0)+IF(Input!$K$15=1,L4774*Input!$J$15,0)+IF(Input!$K$16=1,M4774*Input!$J$16,0)</f>
        <v>4.4314494009363186</v>
      </c>
      <c r="O4774" s="58">
        <f>IF(Input!$K$13=2,J4774*Input!$J$13,0)+IF(Input!$K$14=2,K4774*Input!$J$14,0)+IF(Input!$K$15=2,L4774*Input!$J$15,0)+IF(Input!$K$16=2,M4774*Input!$J$16,0)</f>
        <v>0.44575273183573039</v>
      </c>
      <c r="P4774" s="58">
        <f>IF(Input!$K$13=3,J4774*Input!$J$13,0)+IF(Input!$K$14=3,K4774*Input!$J$14,0)+IF(Input!$K$15=3,L4774*Input!$J$15,0)+IF(Input!$K$16=3,M4774*Input!$J$16,0)</f>
        <v>0</v>
      </c>
      <c r="Q4774" s="71">
        <f>IF(Input!$K$13=4,J4774*Input!$J$13,0)+IF(Input!$K$14=4,K4774*Input!$J$14,0)+IF(Input!$K$15=4,L4774*Input!$J$15,0)+IF(Input!$K$16=4,M4774*Input!$J$16,0)</f>
        <v>0</v>
      </c>
    </row>
    <row r="4775" spans="8:17" x14ac:dyDescent="0.25">
      <c r="H4775" s="43">
        <v>4768</v>
      </c>
      <c r="I4775" s="55">
        <f>Bühler!I4801</f>
        <v>0</v>
      </c>
      <c r="J4775" s="58">
        <f>Bühler!J4801</f>
        <v>36.928745007802654</v>
      </c>
      <c r="K4775" s="58">
        <f>Bühler!K4801</f>
        <v>3.3018720876720771</v>
      </c>
      <c r="L4775" s="58">
        <f>Bühler!L4801</f>
        <v>1.6509360438360385</v>
      </c>
      <c r="M4775" s="57">
        <f>Bühler!M4801</f>
        <v>0</v>
      </c>
      <c r="N4775" s="55">
        <f>IF(Input!$K$13=1,J4775*Input!$J$13,0)+IF(Input!$K$14=1,K4775*Input!$J$14,0)+IF(Input!$K$15=1,L4775*Input!$J$15,0)+IF(Input!$K$16=1,M4775*Input!$J$16,0)</f>
        <v>4.4314494009363186</v>
      </c>
      <c r="O4775" s="58">
        <f>IF(Input!$K$13=2,J4775*Input!$J$13,0)+IF(Input!$K$14=2,K4775*Input!$J$14,0)+IF(Input!$K$15=2,L4775*Input!$J$15,0)+IF(Input!$K$16=2,M4775*Input!$J$16,0)</f>
        <v>0.44575273183573039</v>
      </c>
      <c r="P4775" s="58">
        <f>IF(Input!$K$13=3,J4775*Input!$J$13,0)+IF(Input!$K$14=3,K4775*Input!$J$14,0)+IF(Input!$K$15=3,L4775*Input!$J$15,0)+IF(Input!$K$16=3,M4775*Input!$J$16,0)</f>
        <v>0</v>
      </c>
      <c r="Q4775" s="71">
        <f>IF(Input!$K$13=4,J4775*Input!$J$13,0)+IF(Input!$K$14=4,K4775*Input!$J$14,0)+IF(Input!$K$15=4,L4775*Input!$J$15,0)+IF(Input!$K$16=4,M4775*Input!$J$16,0)</f>
        <v>0</v>
      </c>
    </row>
    <row r="4776" spans="8:17" x14ac:dyDescent="0.25">
      <c r="H4776" s="43">
        <v>4769</v>
      </c>
      <c r="I4776" s="55">
        <f>Bühler!I4802</f>
        <v>0</v>
      </c>
      <c r="J4776" s="58">
        <f>Bühler!J4802</f>
        <v>21.761581879597998</v>
      </c>
      <c r="K4776" s="58">
        <f>Bühler!K4802</f>
        <v>1.9457460516639031</v>
      </c>
      <c r="L4776" s="58">
        <f>Bühler!L4802</f>
        <v>0.97287302583195157</v>
      </c>
      <c r="M4776" s="57">
        <f>Bühler!M4802</f>
        <v>0</v>
      </c>
      <c r="N4776" s="55">
        <f>IF(Input!$K$13=1,J4776*Input!$J$13,0)+IF(Input!$K$14=1,K4776*Input!$J$14,0)+IF(Input!$K$15=1,L4776*Input!$J$15,0)+IF(Input!$K$16=1,M4776*Input!$J$16,0)</f>
        <v>2.6113898255517598</v>
      </c>
      <c r="O4776" s="58">
        <f>IF(Input!$K$13=2,J4776*Input!$J$13,0)+IF(Input!$K$14=2,K4776*Input!$J$14,0)+IF(Input!$K$15=2,L4776*Input!$J$15,0)+IF(Input!$K$16=2,M4776*Input!$J$16,0)</f>
        <v>0.26267571697462694</v>
      </c>
      <c r="P4776" s="58">
        <f>IF(Input!$K$13=3,J4776*Input!$J$13,0)+IF(Input!$K$14=3,K4776*Input!$J$14,0)+IF(Input!$K$15=3,L4776*Input!$J$15,0)+IF(Input!$K$16=3,M4776*Input!$J$16,0)</f>
        <v>0</v>
      </c>
      <c r="Q4776" s="71">
        <f>IF(Input!$K$13=4,J4776*Input!$J$13,0)+IF(Input!$K$14=4,K4776*Input!$J$14,0)+IF(Input!$K$15=4,L4776*Input!$J$15,0)+IF(Input!$K$16=4,M4776*Input!$J$16,0)</f>
        <v>0</v>
      </c>
    </row>
    <row r="4777" spans="8:17" x14ac:dyDescent="0.25">
      <c r="H4777" s="43">
        <v>4770</v>
      </c>
      <c r="I4777" s="55">
        <f>Bühler!I4803</f>
        <v>0</v>
      </c>
      <c r="J4777" s="58">
        <f>Bühler!J4803</f>
        <v>9.2879137343568061</v>
      </c>
      <c r="K4777" s="58">
        <f>Bühler!K4803</f>
        <v>0.83045072627567351</v>
      </c>
      <c r="L4777" s="58">
        <f>Bühler!L4803</f>
        <v>0.41522536313783676</v>
      </c>
      <c r="M4777" s="57">
        <f>Bühler!M4803</f>
        <v>0</v>
      </c>
      <c r="N4777" s="55">
        <f>IF(Input!$K$13=1,J4777*Input!$J$13,0)+IF(Input!$K$14=1,K4777*Input!$J$14,0)+IF(Input!$K$15=1,L4777*Input!$J$15,0)+IF(Input!$K$16=1,M4777*Input!$J$16,0)</f>
        <v>1.1145496481228168</v>
      </c>
      <c r="O4777" s="58">
        <f>IF(Input!$K$13=2,J4777*Input!$J$13,0)+IF(Input!$K$14=2,K4777*Input!$J$14,0)+IF(Input!$K$15=2,L4777*Input!$J$15,0)+IF(Input!$K$16=2,M4777*Input!$J$16,0)</f>
        <v>0.11211084804721591</v>
      </c>
      <c r="P4777" s="58">
        <f>IF(Input!$K$13=3,J4777*Input!$J$13,0)+IF(Input!$K$14=3,K4777*Input!$J$14,0)+IF(Input!$K$15=3,L4777*Input!$J$15,0)+IF(Input!$K$16=3,M4777*Input!$J$16,0)</f>
        <v>0</v>
      </c>
      <c r="Q4777" s="71">
        <f>IF(Input!$K$13=4,J4777*Input!$J$13,0)+IF(Input!$K$14=4,K4777*Input!$J$14,0)+IF(Input!$K$15=4,L4777*Input!$J$15,0)+IF(Input!$K$16=4,M4777*Input!$J$16,0)</f>
        <v>0</v>
      </c>
    </row>
    <row r="4778" spans="8:17" x14ac:dyDescent="0.25">
      <c r="H4778" s="43">
        <v>4771</v>
      </c>
      <c r="I4778" s="55">
        <f>Bühler!I4804</f>
        <v>0</v>
      </c>
      <c r="J4778" s="58">
        <f>Bühler!J4804</f>
        <v>6.1300230646754912</v>
      </c>
      <c r="K4778" s="58">
        <f>Bühler!K4804</f>
        <v>0.54809747934194442</v>
      </c>
      <c r="L4778" s="58">
        <f>Bühler!L4804</f>
        <v>0.27404873967097221</v>
      </c>
      <c r="M4778" s="57">
        <f>Bühler!M4804</f>
        <v>0</v>
      </c>
      <c r="N4778" s="55">
        <f>IF(Input!$K$13=1,J4778*Input!$J$13,0)+IF(Input!$K$14=1,K4778*Input!$J$14,0)+IF(Input!$K$15=1,L4778*Input!$J$15,0)+IF(Input!$K$16=1,M4778*Input!$J$16,0)</f>
        <v>0.73560276776105893</v>
      </c>
      <c r="O4778" s="58">
        <f>IF(Input!$K$13=2,J4778*Input!$J$13,0)+IF(Input!$K$14=2,K4778*Input!$J$14,0)+IF(Input!$K$15=2,L4778*Input!$J$15,0)+IF(Input!$K$16=2,M4778*Input!$J$16,0)</f>
        <v>7.3993159711162493E-2</v>
      </c>
      <c r="P4778" s="58">
        <f>IF(Input!$K$13=3,J4778*Input!$J$13,0)+IF(Input!$K$14=3,K4778*Input!$J$14,0)+IF(Input!$K$15=3,L4778*Input!$J$15,0)+IF(Input!$K$16=3,M4778*Input!$J$16,0)</f>
        <v>0</v>
      </c>
      <c r="Q4778" s="71">
        <f>IF(Input!$K$13=4,J4778*Input!$J$13,0)+IF(Input!$K$14=4,K4778*Input!$J$14,0)+IF(Input!$K$15=4,L4778*Input!$J$15,0)+IF(Input!$K$16=4,M4778*Input!$J$16,0)</f>
        <v>0</v>
      </c>
    </row>
    <row r="4779" spans="8:17" x14ac:dyDescent="0.25">
      <c r="H4779" s="43">
        <v>4772</v>
      </c>
      <c r="I4779" s="55">
        <f>Bühler!I4805</f>
        <v>0</v>
      </c>
      <c r="J4779" s="58">
        <f>Bühler!J4805</f>
        <v>6.1300230646754912</v>
      </c>
      <c r="K4779" s="58">
        <f>Bühler!K4805</f>
        <v>0.54809747934194442</v>
      </c>
      <c r="L4779" s="58">
        <f>Bühler!L4805</f>
        <v>0.27404873967097221</v>
      </c>
      <c r="M4779" s="57">
        <f>Bühler!M4805</f>
        <v>0</v>
      </c>
      <c r="N4779" s="55">
        <f>IF(Input!$K$13=1,J4779*Input!$J$13,0)+IF(Input!$K$14=1,K4779*Input!$J$14,0)+IF(Input!$K$15=1,L4779*Input!$J$15,0)+IF(Input!$K$16=1,M4779*Input!$J$16,0)</f>
        <v>0.73560276776105893</v>
      </c>
      <c r="O4779" s="58">
        <f>IF(Input!$K$13=2,J4779*Input!$J$13,0)+IF(Input!$K$14=2,K4779*Input!$J$14,0)+IF(Input!$K$15=2,L4779*Input!$J$15,0)+IF(Input!$K$16=2,M4779*Input!$J$16,0)</f>
        <v>7.3993159711162493E-2</v>
      </c>
      <c r="P4779" s="58">
        <f>IF(Input!$K$13=3,J4779*Input!$J$13,0)+IF(Input!$K$14=3,K4779*Input!$J$14,0)+IF(Input!$K$15=3,L4779*Input!$J$15,0)+IF(Input!$K$16=3,M4779*Input!$J$16,0)</f>
        <v>0</v>
      </c>
      <c r="Q4779" s="71">
        <f>IF(Input!$K$13=4,J4779*Input!$J$13,0)+IF(Input!$K$14=4,K4779*Input!$J$14,0)+IF(Input!$K$15=4,L4779*Input!$J$15,0)+IF(Input!$K$16=4,M4779*Input!$J$16,0)</f>
        <v>0</v>
      </c>
    </row>
    <row r="4780" spans="8:17" x14ac:dyDescent="0.25">
      <c r="H4780" s="43">
        <v>4773</v>
      </c>
      <c r="I4780" s="55">
        <f>Bühler!I4806</f>
        <v>0</v>
      </c>
      <c r="J4780" s="58">
        <f>Bühler!J4806</f>
        <v>6.1300230646754912</v>
      </c>
      <c r="K4780" s="58">
        <f>Bühler!K4806</f>
        <v>0.54809747934194442</v>
      </c>
      <c r="L4780" s="58">
        <f>Bühler!L4806</f>
        <v>0.27404873967097221</v>
      </c>
      <c r="M4780" s="57">
        <f>Bühler!M4806</f>
        <v>0</v>
      </c>
      <c r="N4780" s="55">
        <f>IF(Input!$K$13=1,J4780*Input!$J$13,0)+IF(Input!$K$14=1,K4780*Input!$J$14,0)+IF(Input!$K$15=1,L4780*Input!$J$15,0)+IF(Input!$K$16=1,M4780*Input!$J$16,0)</f>
        <v>0.73560276776105893</v>
      </c>
      <c r="O4780" s="58">
        <f>IF(Input!$K$13=2,J4780*Input!$J$13,0)+IF(Input!$K$14=2,K4780*Input!$J$14,0)+IF(Input!$K$15=2,L4780*Input!$J$15,0)+IF(Input!$K$16=2,M4780*Input!$J$16,0)</f>
        <v>7.3993159711162493E-2</v>
      </c>
      <c r="P4780" s="58">
        <f>IF(Input!$K$13=3,J4780*Input!$J$13,0)+IF(Input!$K$14=3,K4780*Input!$J$14,0)+IF(Input!$K$15=3,L4780*Input!$J$15,0)+IF(Input!$K$16=3,M4780*Input!$J$16,0)</f>
        <v>0</v>
      </c>
      <c r="Q4780" s="71">
        <f>IF(Input!$K$13=4,J4780*Input!$J$13,0)+IF(Input!$K$14=4,K4780*Input!$J$14,0)+IF(Input!$K$15=4,L4780*Input!$J$15,0)+IF(Input!$K$16=4,M4780*Input!$J$16,0)</f>
        <v>0</v>
      </c>
    </row>
    <row r="4781" spans="8:17" x14ac:dyDescent="0.25">
      <c r="H4781" s="43">
        <v>4774</v>
      </c>
      <c r="I4781" s="55">
        <f>Bühler!I4807</f>
        <v>0</v>
      </c>
      <c r="J4781" s="58">
        <f>Bühler!J4807</f>
        <v>6.1300230646754912</v>
      </c>
      <c r="K4781" s="58">
        <f>Bühler!K4807</f>
        <v>0.54809747934194442</v>
      </c>
      <c r="L4781" s="58">
        <f>Bühler!L4807</f>
        <v>0.27404873967097221</v>
      </c>
      <c r="M4781" s="57">
        <f>Bühler!M4807</f>
        <v>0</v>
      </c>
      <c r="N4781" s="55">
        <f>IF(Input!$K$13=1,J4781*Input!$J$13,0)+IF(Input!$K$14=1,K4781*Input!$J$14,0)+IF(Input!$K$15=1,L4781*Input!$J$15,0)+IF(Input!$K$16=1,M4781*Input!$J$16,0)</f>
        <v>0.73560276776105893</v>
      </c>
      <c r="O4781" s="58">
        <f>IF(Input!$K$13=2,J4781*Input!$J$13,0)+IF(Input!$K$14=2,K4781*Input!$J$14,0)+IF(Input!$K$15=2,L4781*Input!$J$15,0)+IF(Input!$K$16=2,M4781*Input!$J$16,0)</f>
        <v>7.3993159711162493E-2</v>
      </c>
      <c r="P4781" s="58">
        <f>IF(Input!$K$13=3,J4781*Input!$J$13,0)+IF(Input!$K$14=3,K4781*Input!$J$14,0)+IF(Input!$K$15=3,L4781*Input!$J$15,0)+IF(Input!$K$16=3,M4781*Input!$J$16,0)</f>
        <v>0</v>
      </c>
      <c r="Q4781" s="71">
        <f>IF(Input!$K$13=4,J4781*Input!$J$13,0)+IF(Input!$K$14=4,K4781*Input!$J$14,0)+IF(Input!$K$15=4,L4781*Input!$J$15,0)+IF(Input!$K$16=4,M4781*Input!$J$16,0)</f>
        <v>0</v>
      </c>
    </row>
    <row r="4782" spans="8:17" x14ac:dyDescent="0.25">
      <c r="H4782" s="43">
        <v>4775</v>
      </c>
      <c r="I4782" s="55">
        <f>Bühler!I4808</f>
        <v>0</v>
      </c>
      <c r="J4782" s="58">
        <f>Bühler!J4808</f>
        <v>6.1300230646754912</v>
      </c>
      <c r="K4782" s="58">
        <f>Bühler!K4808</f>
        <v>0.54809747934194442</v>
      </c>
      <c r="L4782" s="58">
        <f>Bühler!L4808</f>
        <v>0.27404873967097221</v>
      </c>
      <c r="M4782" s="57">
        <f>Bühler!M4808</f>
        <v>0</v>
      </c>
      <c r="N4782" s="55">
        <f>IF(Input!$K$13=1,J4782*Input!$J$13,0)+IF(Input!$K$14=1,K4782*Input!$J$14,0)+IF(Input!$K$15=1,L4782*Input!$J$15,0)+IF(Input!$K$16=1,M4782*Input!$J$16,0)</f>
        <v>0.73560276776105893</v>
      </c>
      <c r="O4782" s="58">
        <f>IF(Input!$K$13=2,J4782*Input!$J$13,0)+IF(Input!$K$14=2,K4782*Input!$J$14,0)+IF(Input!$K$15=2,L4782*Input!$J$15,0)+IF(Input!$K$16=2,M4782*Input!$J$16,0)</f>
        <v>7.3993159711162493E-2</v>
      </c>
      <c r="P4782" s="58">
        <f>IF(Input!$K$13=3,J4782*Input!$J$13,0)+IF(Input!$K$14=3,K4782*Input!$J$14,0)+IF(Input!$K$15=3,L4782*Input!$J$15,0)+IF(Input!$K$16=3,M4782*Input!$J$16,0)</f>
        <v>0</v>
      </c>
      <c r="Q4782" s="71">
        <f>IF(Input!$K$13=4,J4782*Input!$J$13,0)+IF(Input!$K$14=4,K4782*Input!$J$14,0)+IF(Input!$K$15=4,L4782*Input!$J$15,0)+IF(Input!$K$16=4,M4782*Input!$J$16,0)</f>
        <v>0</v>
      </c>
    </row>
    <row r="4783" spans="8:17" x14ac:dyDescent="0.25">
      <c r="H4783" s="43">
        <v>4776</v>
      </c>
      <c r="I4783" s="55">
        <f>Bühler!I4809</f>
        <v>0</v>
      </c>
      <c r="J4783" s="58">
        <f>Bühler!J4809</f>
        <v>6.1300230646754912</v>
      </c>
      <c r="K4783" s="58">
        <f>Bühler!K4809</f>
        <v>0.54809747934194442</v>
      </c>
      <c r="L4783" s="58">
        <f>Bühler!L4809</f>
        <v>0.27404873967097221</v>
      </c>
      <c r="M4783" s="57">
        <f>Bühler!M4809</f>
        <v>0</v>
      </c>
      <c r="N4783" s="55">
        <f>IF(Input!$K$13=1,J4783*Input!$J$13,0)+IF(Input!$K$14=1,K4783*Input!$J$14,0)+IF(Input!$K$15=1,L4783*Input!$J$15,0)+IF(Input!$K$16=1,M4783*Input!$J$16,0)</f>
        <v>0.73560276776105893</v>
      </c>
      <c r="O4783" s="58">
        <f>IF(Input!$K$13=2,J4783*Input!$J$13,0)+IF(Input!$K$14=2,K4783*Input!$J$14,0)+IF(Input!$K$15=2,L4783*Input!$J$15,0)+IF(Input!$K$16=2,M4783*Input!$J$16,0)</f>
        <v>7.3993159711162493E-2</v>
      </c>
      <c r="P4783" s="58">
        <f>IF(Input!$K$13=3,J4783*Input!$J$13,0)+IF(Input!$K$14=3,K4783*Input!$J$14,0)+IF(Input!$K$15=3,L4783*Input!$J$15,0)+IF(Input!$K$16=3,M4783*Input!$J$16,0)</f>
        <v>0</v>
      </c>
      <c r="Q4783" s="71">
        <f>IF(Input!$K$13=4,J4783*Input!$J$13,0)+IF(Input!$K$14=4,K4783*Input!$J$14,0)+IF(Input!$K$15=4,L4783*Input!$J$15,0)+IF(Input!$K$16=4,M4783*Input!$J$16,0)</f>
        <v>0</v>
      </c>
    </row>
    <row r="4784" spans="8:17" x14ac:dyDescent="0.25">
      <c r="H4784" s="43">
        <v>4777</v>
      </c>
      <c r="I4784" s="55">
        <f>Bühler!I4810</f>
        <v>0</v>
      </c>
      <c r="J4784" s="58">
        <f>Bühler!J4810</f>
        <v>6.0557340336140904</v>
      </c>
      <c r="K4784" s="58">
        <f>Bühler!K4810</f>
        <v>0.54259383909226833</v>
      </c>
      <c r="L4784" s="58">
        <f>Bühler!L4810</f>
        <v>0.27129691954613416</v>
      </c>
      <c r="M4784" s="57">
        <f>Bühler!M4810</f>
        <v>0</v>
      </c>
      <c r="N4784" s="55">
        <f>IF(Input!$K$13=1,J4784*Input!$J$13,0)+IF(Input!$K$14=1,K4784*Input!$J$14,0)+IF(Input!$K$15=1,L4784*Input!$J$15,0)+IF(Input!$K$16=1,M4784*Input!$J$16,0)</f>
        <v>0.72668808403369078</v>
      </c>
      <c r="O4784" s="58">
        <f>IF(Input!$K$13=2,J4784*Input!$J$13,0)+IF(Input!$K$14=2,K4784*Input!$J$14,0)+IF(Input!$K$15=2,L4784*Input!$J$15,0)+IF(Input!$K$16=2,M4784*Input!$J$16,0)</f>
        <v>7.3250168277456229E-2</v>
      </c>
      <c r="P4784" s="58">
        <f>IF(Input!$K$13=3,J4784*Input!$J$13,0)+IF(Input!$K$14=3,K4784*Input!$J$14,0)+IF(Input!$K$15=3,L4784*Input!$J$15,0)+IF(Input!$K$16=3,M4784*Input!$J$16,0)</f>
        <v>0</v>
      </c>
      <c r="Q4784" s="71">
        <f>IF(Input!$K$13=4,J4784*Input!$J$13,0)+IF(Input!$K$14=4,K4784*Input!$J$14,0)+IF(Input!$K$15=4,L4784*Input!$J$15,0)+IF(Input!$K$16=4,M4784*Input!$J$16,0)</f>
        <v>0</v>
      </c>
    </row>
    <row r="4785" spans="8:17" x14ac:dyDescent="0.25">
      <c r="H4785" s="43">
        <v>4778</v>
      </c>
      <c r="I4785" s="55">
        <f>Bühler!I4811</f>
        <v>0</v>
      </c>
      <c r="J4785" s="58">
        <f>Bühler!J4811</f>
        <v>6.0557340336140904</v>
      </c>
      <c r="K4785" s="58">
        <f>Bühler!K4811</f>
        <v>0.54259383909226833</v>
      </c>
      <c r="L4785" s="58">
        <f>Bühler!L4811</f>
        <v>0.27129691954613416</v>
      </c>
      <c r="M4785" s="57">
        <f>Bühler!M4811</f>
        <v>0</v>
      </c>
      <c r="N4785" s="55">
        <f>IF(Input!$K$13=1,J4785*Input!$J$13,0)+IF(Input!$K$14=1,K4785*Input!$J$14,0)+IF(Input!$K$15=1,L4785*Input!$J$15,0)+IF(Input!$K$16=1,M4785*Input!$J$16,0)</f>
        <v>0.72668808403369078</v>
      </c>
      <c r="O4785" s="58">
        <f>IF(Input!$K$13=2,J4785*Input!$J$13,0)+IF(Input!$K$14=2,K4785*Input!$J$14,0)+IF(Input!$K$15=2,L4785*Input!$J$15,0)+IF(Input!$K$16=2,M4785*Input!$J$16,0)</f>
        <v>7.3250168277456229E-2</v>
      </c>
      <c r="P4785" s="58">
        <f>IF(Input!$K$13=3,J4785*Input!$J$13,0)+IF(Input!$K$14=3,K4785*Input!$J$14,0)+IF(Input!$K$15=3,L4785*Input!$J$15,0)+IF(Input!$K$16=3,M4785*Input!$J$16,0)</f>
        <v>0</v>
      </c>
      <c r="Q4785" s="71">
        <f>IF(Input!$K$13=4,J4785*Input!$J$13,0)+IF(Input!$K$14=4,K4785*Input!$J$14,0)+IF(Input!$K$15=4,L4785*Input!$J$15,0)+IF(Input!$K$16=4,M4785*Input!$J$16,0)</f>
        <v>0</v>
      </c>
    </row>
    <row r="4786" spans="8:17" x14ac:dyDescent="0.25">
      <c r="H4786" s="43">
        <v>4779</v>
      </c>
      <c r="I4786" s="55">
        <f>Bühler!I4812</f>
        <v>0</v>
      </c>
      <c r="J4786" s="58">
        <f>Bühler!J4812</f>
        <v>6.0557340336140904</v>
      </c>
      <c r="K4786" s="58">
        <f>Bühler!K4812</f>
        <v>0.54259383909226833</v>
      </c>
      <c r="L4786" s="58">
        <f>Bühler!L4812</f>
        <v>0.27129691954613416</v>
      </c>
      <c r="M4786" s="57">
        <f>Bühler!M4812</f>
        <v>0</v>
      </c>
      <c r="N4786" s="55">
        <f>IF(Input!$K$13=1,J4786*Input!$J$13,0)+IF(Input!$K$14=1,K4786*Input!$J$14,0)+IF(Input!$K$15=1,L4786*Input!$J$15,0)+IF(Input!$K$16=1,M4786*Input!$J$16,0)</f>
        <v>0.72668808403369078</v>
      </c>
      <c r="O4786" s="58">
        <f>IF(Input!$K$13=2,J4786*Input!$J$13,0)+IF(Input!$K$14=2,K4786*Input!$J$14,0)+IF(Input!$K$15=2,L4786*Input!$J$15,0)+IF(Input!$K$16=2,M4786*Input!$J$16,0)</f>
        <v>7.3250168277456229E-2</v>
      </c>
      <c r="P4786" s="58">
        <f>IF(Input!$K$13=3,J4786*Input!$J$13,0)+IF(Input!$K$14=3,K4786*Input!$J$14,0)+IF(Input!$K$15=3,L4786*Input!$J$15,0)+IF(Input!$K$16=3,M4786*Input!$J$16,0)</f>
        <v>0</v>
      </c>
      <c r="Q4786" s="71">
        <f>IF(Input!$K$13=4,J4786*Input!$J$13,0)+IF(Input!$K$14=4,K4786*Input!$J$14,0)+IF(Input!$K$15=4,L4786*Input!$J$15,0)+IF(Input!$K$16=4,M4786*Input!$J$16,0)</f>
        <v>0</v>
      </c>
    </row>
    <row r="4787" spans="8:17" x14ac:dyDescent="0.25">
      <c r="H4787" s="43">
        <v>4780</v>
      </c>
      <c r="I4787" s="55">
        <f>Bühler!I4813</f>
        <v>0</v>
      </c>
      <c r="J4787" s="58">
        <f>Bühler!J4813</f>
        <v>6.0557340336140904</v>
      </c>
      <c r="K4787" s="58">
        <f>Bühler!K4813</f>
        <v>0.54259383909226833</v>
      </c>
      <c r="L4787" s="58">
        <f>Bühler!L4813</f>
        <v>0.27129691954613416</v>
      </c>
      <c r="M4787" s="57">
        <f>Bühler!M4813</f>
        <v>0</v>
      </c>
      <c r="N4787" s="55">
        <f>IF(Input!$K$13=1,J4787*Input!$J$13,0)+IF(Input!$K$14=1,K4787*Input!$J$14,0)+IF(Input!$K$15=1,L4787*Input!$J$15,0)+IF(Input!$K$16=1,M4787*Input!$J$16,0)</f>
        <v>0.72668808403369078</v>
      </c>
      <c r="O4787" s="58">
        <f>IF(Input!$K$13=2,J4787*Input!$J$13,0)+IF(Input!$K$14=2,K4787*Input!$J$14,0)+IF(Input!$K$15=2,L4787*Input!$J$15,0)+IF(Input!$K$16=2,M4787*Input!$J$16,0)</f>
        <v>7.3250168277456229E-2</v>
      </c>
      <c r="P4787" s="58">
        <f>IF(Input!$K$13=3,J4787*Input!$J$13,0)+IF(Input!$K$14=3,K4787*Input!$J$14,0)+IF(Input!$K$15=3,L4787*Input!$J$15,0)+IF(Input!$K$16=3,M4787*Input!$J$16,0)</f>
        <v>0</v>
      </c>
      <c r="Q4787" s="71">
        <f>IF(Input!$K$13=4,J4787*Input!$J$13,0)+IF(Input!$K$14=4,K4787*Input!$J$14,0)+IF(Input!$K$15=4,L4787*Input!$J$15,0)+IF(Input!$K$16=4,M4787*Input!$J$16,0)</f>
        <v>0</v>
      </c>
    </row>
    <row r="4788" spans="8:17" x14ac:dyDescent="0.25">
      <c r="H4788" s="43">
        <v>4781</v>
      </c>
      <c r="I4788" s="55">
        <f>Bühler!I4814</f>
        <v>0</v>
      </c>
      <c r="J4788" s="58">
        <f>Bühler!J4814</f>
        <v>6.0557340336140904</v>
      </c>
      <c r="K4788" s="58">
        <f>Bühler!K4814</f>
        <v>0.54259383909226833</v>
      </c>
      <c r="L4788" s="58">
        <f>Bühler!L4814</f>
        <v>0.27129691954613416</v>
      </c>
      <c r="M4788" s="57">
        <f>Bühler!M4814</f>
        <v>0</v>
      </c>
      <c r="N4788" s="55">
        <f>IF(Input!$K$13=1,J4788*Input!$J$13,0)+IF(Input!$K$14=1,K4788*Input!$J$14,0)+IF(Input!$K$15=1,L4788*Input!$J$15,0)+IF(Input!$K$16=1,M4788*Input!$J$16,0)</f>
        <v>0.72668808403369078</v>
      </c>
      <c r="O4788" s="58">
        <f>IF(Input!$K$13=2,J4788*Input!$J$13,0)+IF(Input!$K$14=2,K4788*Input!$J$14,0)+IF(Input!$K$15=2,L4788*Input!$J$15,0)+IF(Input!$K$16=2,M4788*Input!$J$16,0)</f>
        <v>7.3250168277456229E-2</v>
      </c>
      <c r="P4788" s="58">
        <f>IF(Input!$K$13=3,J4788*Input!$J$13,0)+IF(Input!$K$14=3,K4788*Input!$J$14,0)+IF(Input!$K$15=3,L4788*Input!$J$15,0)+IF(Input!$K$16=3,M4788*Input!$J$16,0)</f>
        <v>0</v>
      </c>
      <c r="Q4788" s="71">
        <f>IF(Input!$K$13=4,J4788*Input!$J$13,0)+IF(Input!$K$14=4,K4788*Input!$J$14,0)+IF(Input!$K$15=4,L4788*Input!$J$15,0)+IF(Input!$K$16=4,M4788*Input!$J$16,0)</f>
        <v>0</v>
      </c>
    </row>
    <row r="4789" spans="8:17" x14ac:dyDescent="0.25">
      <c r="H4789" s="43">
        <v>4782</v>
      </c>
      <c r="I4789" s="55">
        <f>Bühler!I4815</f>
        <v>0</v>
      </c>
      <c r="J4789" s="58">
        <f>Bühler!J4815</f>
        <v>6.0557340336140904</v>
      </c>
      <c r="K4789" s="58">
        <f>Bühler!K4815</f>
        <v>0.54259383909226833</v>
      </c>
      <c r="L4789" s="58">
        <f>Bühler!L4815</f>
        <v>0.27129691954613416</v>
      </c>
      <c r="M4789" s="57">
        <f>Bühler!M4815</f>
        <v>0</v>
      </c>
      <c r="N4789" s="55">
        <f>IF(Input!$K$13=1,J4789*Input!$J$13,0)+IF(Input!$K$14=1,K4789*Input!$J$14,0)+IF(Input!$K$15=1,L4789*Input!$J$15,0)+IF(Input!$K$16=1,M4789*Input!$J$16,0)</f>
        <v>0.72668808403369078</v>
      </c>
      <c r="O4789" s="58">
        <f>IF(Input!$K$13=2,J4789*Input!$J$13,0)+IF(Input!$K$14=2,K4789*Input!$J$14,0)+IF(Input!$K$15=2,L4789*Input!$J$15,0)+IF(Input!$K$16=2,M4789*Input!$J$16,0)</f>
        <v>7.3250168277456229E-2</v>
      </c>
      <c r="P4789" s="58">
        <f>IF(Input!$K$13=3,J4789*Input!$J$13,0)+IF(Input!$K$14=3,K4789*Input!$J$14,0)+IF(Input!$K$15=3,L4789*Input!$J$15,0)+IF(Input!$K$16=3,M4789*Input!$J$16,0)</f>
        <v>0</v>
      </c>
      <c r="Q4789" s="71">
        <f>IF(Input!$K$13=4,J4789*Input!$J$13,0)+IF(Input!$K$14=4,K4789*Input!$J$14,0)+IF(Input!$K$15=4,L4789*Input!$J$15,0)+IF(Input!$K$16=4,M4789*Input!$J$16,0)</f>
        <v>0</v>
      </c>
    </row>
    <row r="4790" spans="8:17" x14ac:dyDescent="0.25">
      <c r="H4790" s="43">
        <v>4783</v>
      </c>
      <c r="I4790" s="55">
        <f>Bühler!I4816</f>
        <v>0</v>
      </c>
      <c r="J4790" s="58">
        <f>Bühler!J4816</f>
        <v>6.0557340336140904</v>
      </c>
      <c r="K4790" s="58">
        <f>Bühler!K4816</f>
        <v>0.54259383909226833</v>
      </c>
      <c r="L4790" s="58">
        <f>Bühler!L4816</f>
        <v>0.27129691954613416</v>
      </c>
      <c r="M4790" s="57">
        <f>Bühler!M4816</f>
        <v>0</v>
      </c>
      <c r="N4790" s="55">
        <f>IF(Input!$K$13=1,J4790*Input!$J$13,0)+IF(Input!$K$14=1,K4790*Input!$J$14,0)+IF(Input!$K$15=1,L4790*Input!$J$15,0)+IF(Input!$K$16=1,M4790*Input!$J$16,0)</f>
        <v>0.72668808403369078</v>
      </c>
      <c r="O4790" s="58">
        <f>IF(Input!$K$13=2,J4790*Input!$J$13,0)+IF(Input!$K$14=2,K4790*Input!$J$14,0)+IF(Input!$K$15=2,L4790*Input!$J$15,0)+IF(Input!$K$16=2,M4790*Input!$J$16,0)</f>
        <v>7.3250168277456229E-2</v>
      </c>
      <c r="P4790" s="58">
        <f>IF(Input!$K$13=3,J4790*Input!$J$13,0)+IF(Input!$K$14=3,K4790*Input!$J$14,0)+IF(Input!$K$15=3,L4790*Input!$J$15,0)+IF(Input!$K$16=3,M4790*Input!$J$16,0)</f>
        <v>0</v>
      </c>
      <c r="Q4790" s="71">
        <f>IF(Input!$K$13=4,J4790*Input!$J$13,0)+IF(Input!$K$14=4,K4790*Input!$J$14,0)+IF(Input!$K$15=4,L4790*Input!$J$15,0)+IF(Input!$K$16=4,M4790*Input!$J$16,0)</f>
        <v>0</v>
      </c>
    </row>
    <row r="4791" spans="8:17" x14ac:dyDescent="0.25">
      <c r="H4791" s="43">
        <v>4784</v>
      </c>
      <c r="I4791" s="55">
        <f>Bühler!I4817</f>
        <v>0</v>
      </c>
      <c r="J4791" s="58">
        <f>Bühler!J4817</f>
        <v>24.755106701046689</v>
      </c>
      <c r="K4791" s="58">
        <f>Bühler!K4817</f>
        <v>2.2180578452590001</v>
      </c>
      <c r="L4791" s="58">
        <f>Bühler!L4817</f>
        <v>1.1090289226295</v>
      </c>
      <c r="M4791" s="57">
        <f>Bühler!M4817</f>
        <v>0</v>
      </c>
      <c r="N4791" s="55">
        <f>IF(Input!$K$13=1,J4791*Input!$J$13,0)+IF(Input!$K$14=1,K4791*Input!$J$14,0)+IF(Input!$K$15=1,L4791*Input!$J$15,0)+IF(Input!$K$16=1,M4791*Input!$J$16,0)</f>
        <v>2.9706128041256026</v>
      </c>
      <c r="O4791" s="58">
        <f>IF(Input!$K$13=2,J4791*Input!$J$13,0)+IF(Input!$K$14=2,K4791*Input!$J$14,0)+IF(Input!$K$15=2,L4791*Input!$J$15,0)+IF(Input!$K$16=2,M4791*Input!$J$16,0)</f>
        <v>0.29943780910996498</v>
      </c>
      <c r="P4791" s="58">
        <f>IF(Input!$K$13=3,J4791*Input!$J$13,0)+IF(Input!$K$14=3,K4791*Input!$J$14,0)+IF(Input!$K$15=3,L4791*Input!$J$15,0)+IF(Input!$K$16=3,M4791*Input!$J$16,0)</f>
        <v>0</v>
      </c>
      <c r="Q4791" s="71">
        <f>IF(Input!$K$13=4,J4791*Input!$J$13,0)+IF(Input!$K$14=4,K4791*Input!$J$14,0)+IF(Input!$K$15=4,L4791*Input!$J$15,0)+IF(Input!$K$16=4,M4791*Input!$J$16,0)</f>
        <v>0</v>
      </c>
    </row>
    <row r="4792" spans="8:17" x14ac:dyDescent="0.25">
      <c r="H4792" s="43">
        <v>4785</v>
      </c>
      <c r="I4792" s="55">
        <f>Bühler!I4818</f>
        <v>0</v>
      </c>
      <c r="J4792" s="58">
        <f>Bühler!J4818</f>
        <v>27.621487476957363</v>
      </c>
      <c r="K4792" s="58">
        <f>Bühler!K4818</f>
        <v>2.4748855957626739</v>
      </c>
      <c r="L4792" s="58">
        <f>Bühler!L4818</f>
        <v>1.2374427978813369</v>
      </c>
      <c r="M4792" s="57">
        <f>Bühler!M4818</f>
        <v>0</v>
      </c>
      <c r="N4792" s="55">
        <f>IF(Input!$K$13=1,J4792*Input!$J$13,0)+IF(Input!$K$14=1,K4792*Input!$J$14,0)+IF(Input!$K$15=1,L4792*Input!$J$15,0)+IF(Input!$K$16=1,M4792*Input!$J$16,0)</f>
        <v>3.3145784972348835</v>
      </c>
      <c r="O4792" s="58">
        <f>IF(Input!$K$13=2,J4792*Input!$J$13,0)+IF(Input!$K$14=2,K4792*Input!$J$14,0)+IF(Input!$K$15=2,L4792*Input!$J$15,0)+IF(Input!$K$16=2,M4792*Input!$J$16,0)</f>
        <v>0.33410955542796095</v>
      </c>
      <c r="P4792" s="58">
        <f>IF(Input!$K$13=3,J4792*Input!$J$13,0)+IF(Input!$K$14=3,K4792*Input!$J$14,0)+IF(Input!$K$15=3,L4792*Input!$J$15,0)+IF(Input!$K$16=3,M4792*Input!$J$16,0)</f>
        <v>0</v>
      </c>
      <c r="Q4792" s="71">
        <f>IF(Input!$K$13=4,J4792*Input!$J$13,0)+IF(Input!$K$14=4,K4792*Input!$J$14,0)+IF(Input!$K$15=4,L4792*Input!$J$15,0)+IF(Input!$K$16=4,M4792*Input!$J$16,0)</f>
        <v>0</v>
      </c>
    </row>
    <row r="4793" spans="8:17" x14ac:dyDescent="0.25">
      <c r="H4793" s="43">
        <v>4786</v>
      </c>
      <c r="I4793" s="55">
        <f>Bühler!I4819</f>
        <v>0</v>
      </c>
      <c r="J4793" s="58">
        <f>Bühler!J4819</f>
        <v>30.487868252868033</v>
      </c>
      <c r="K4793" s="58">
        <f>Bühler!K4819</f>
        <v>2.7317133462663477</v>
      </c>
      <c r="L4793" s="58">
        <f>Bühler!L4819</f>
        <v>1.3658566731331738</v>
      </c>
      <c r="M4793" s="57">
        <f>Bühler!M4819</f>
        <v>0</v>
      </c>
      <c r="N4793" s="55">
        <f>IF(Input!$K$13=1,J4793*Input!$J$13,0)+IF(Input!$K$14=1,K4793*Input!$J$14,0)+IF(Input!$K$15=1,L4793*Input!$J$15,0)+IF(Input!$K$16=1,M4793*Input!$J$16,0)</f>
        <v>3.658544190344164</v>
      </c>
      <c r="O4793" s="58">
        <f>IF(Input!$K$13=2,J4793*Input!$J$13,0)+IF(Input!$K$14=2,K4793*Input!$J$14,0)+IF(Input!$K$15=2,L4793*Input!$J$15,0)+IF(Input!$K$16=2,M4793*Input!$J$16,0)</f>
        <v>0.36878130174595691</v>
      </c>
      <c r="P4793" s="58">
        <f>IF(Input!$K$13=3,J4793*Input!$J$13,0)+IF(Input!$K$14=3,K4793*Input!$J$14,0)+IF(Input!$K$15=3,L4793*Input!$J$15,0)+IF(Input!$K$16=3,M4793*Input!$J$16,0)</f>
        <v>0</v>
      </c>
      <c r="Q4793" s="71">
        <f>IF(Input!$K$13=4,J4793*Input!$J$13,0)+IF(Input!$K$14=4,K4793*Input!$J$14,0)+IF(Input!$K$15=4,L4793*Input!$J$15,0)+IF(Input!$K$16=4,M4793*Input!$J$16,0)</f>
        <v>0</v>
      </c>
    </row>
    <row r="4794" spans="8:17" x14ac:dyDescent="0.25">
      <c r="H4794" s="43">
        <v>4787</v>
      </c>
      <c r="I4794" s="55">
        <f>Bühler!I4820</f>
        <v>0</v>
      </c>
      <c r="J4794" s="58">
        <f>Bühler!J4820</f>
        <v>30.487868252868033</v>
      </c>
      <c r="K4794" s="58">
        <f>Bühler!K4820</f>
        <v>2.7317133462663477</v>
      </c>
      <c r="L4794" s="58">
        <f>Bühler!L4820</f>
        <v>1.3658566731331738</v>
      </c>
      <c r="M4794" s="57">
        <f>Bühler!M4820</f>
        <v>0</v>
      </c>
      <c r="N4794" s="55">
        <f>IF(Input!$K$13=1,J4794*Input!$J$13,0)+IF(Input!$K$14=1,K4794*Input!$J$14,0)+IF(Input!$K$15=1,L4794*Input!$J$15,0)+IF(Input!$K$16=1,M4794*Input!$J$16,0)</f>
        <v>3.658544190344164</v>
      </c>
      <c r="O4794" s="58">
        <f>IF(Input!$K$13=2,J4794*Input!$J$13,0)+IF(Input!$K$14=2,K4794*Input!$J$14,0)+IF(Input!$K$15=2,L4794*Input!$J$15,0)+IF(Input!$K$16=2,M4794*Input!$J$16,0)</f>
        <v>0.36878130174595691</v>
      </c>
      <c r="P4794" s="58">
        <f>IF(Input!$K$13=3,J4794*Input!$J$13,0)+IF(Input!$K$14=3,K4794*Input!$J$14,0)+IF(Input!$K$15=3,L4794*Input!$J$15,0)+IF(Input!$K$16=3,M4794*Input!$J$16,0)</f>
        <v>0</v>
      </c>
      <c r="Q4794" s="71">
        <f>IF(Input!$K$13=4,J4794*Input!$J$13,0)+IF(Input!$K$14=4,K4794*Input!$J$14,0)+IF(Input!$K$15=4,L4794*Input!$J$15,0)+IF(Input!$K$16=4,M4794*Input!$J$16,0)</f>
        <v>0</v>
      </c>
    </row>
    <row r="4795" spans="8:17" x14ac:dyDescent="0.25">
      <c r="H4795" s="43">
        <v>4788</v>
      </c>
      <c r="I4795" s="55">
        <f>Bühler!I4821</f>
        <v>0</v>
      </c>
      <c r="J4795" s="58">
        <f>Bühler!J4821</f>
        <v>36.481209875226696</v>
      </c>
      <c r="K4795" s="58">
        <f>Bühler!K4821</f>
        <v>3.2687168245922105</v>
      </c>
      <c r="L4795" s="58">
        <f>Bühler!L4821</f>
        <v>1.6343584122961052</v>
      </c>
      <c r="M4795" s="57">
        <f>Bühler!M4821</f>
        <v>0</v>
      </c>
      <c r="N4795" s="55">
        <f>IF(Input!$K$13=1,J4795*Input!$J$13,0)+IF(Input!$K$14=1,K4795*Input!$J$14,0)+IF(Input!$K$15=1,L4795*Input!$J$15,0)+IF(Input!$K$16=1,M4795*Input!$J$16,0)</f>
        <v>4.3777451850272033</v>
      </c>
      <c r="O4795" s="58">
        <f>IF(Input!$K$13=2,J4795*Input!$J$13,0)+IF(Input!$K$14=2,K4795*Input!$J$14,0)+IF(Input!$K$15=2,L4795*Input!$J$15,0)+IF(Input!$K$16=2,M4795*Input!$J$16,0)</f>
        <v>0.44127677131994841</v>
      </c>
      <c r="P4795" s="58">
        <f>IF(Input!$K$13=3,J4795*Input!$J$13,0)+IF(Input!$K$14=3,K4795*Input!$J$14,0)+IF(Input!$K$15=3,L4795*Input!$J$15,0)+IF(Input!$K$16=3,M4795*Input!$J$16,0)</f>
        <v>0</v>
      </c>
      <c r="Q4795" s="71">
        <f>IF(Input!$K$13=4,J4795*Input!$J$13,0)+IF(Input!$K$14=4,K4795*Input!$J$14,0)+IF(Input!$K$15=4,L4795*Input!$J$15,0)+IF(Input!$K$16=4,M4795*Input!$J$16,0)</f>
        <v>0</v>
      </c>
    </row>
    <row r="4796" spans="8:17" x14ac:dyDescent="0.25">
      <c r="H4796" s="43">
        <v>4789</v>
      </c>
      <c r="I4796" s="55">
        <f>Bühler!I4822</f>
        <v>0</v>
      </c>
      <c r="J4796" s="58">
        <f>Bühler!J4822</f>
        <v>36.481209875226696</v>
      </c>
      <c r="K4796" s="58">
        <f>Bühler!K4822</f>
        <v>3.2687168245922105</v>
      </c>
      <c r="L4796" s="58">
        <f>Bühler!L4822</f>
        <v>1.6343584122961052</v>
      </c>
      <c r="M4796" s="57">
        <f>Bühler!M4822</f>
        <v>0</v>
      </c>
      <c r="N4796" s="55">
        <f>IF(Input!$K$13=1,J4796*Input!$J$13,0)+IF(Input!$K$14=1,K4796*Input!$J$14,0)+IF(Input!$K$15=1,L4796*Input!$J$15,0)+IF(Input!$K$16=1,M4796*Input!$J$16,0)</f>
        <v>4.3777451850272033</v>
      </c>
      <c r="O4796" s="58">
        <f>IF(Input!$K$13=2,J4796*Input!$J$13,0)+IF(Input!$K$14=2,K4796*Input!$J$14,0)+IF(Input!$K$15=2,L4796*Input!$J$15,0)+IF(Input!$K$16=2,M4796*Input!$J$16,0)</f>
        <v>0.44127677131994841</v>
      </c>
      <c r="P4796" s="58">
        <f>IF(Input!$K$13=3,J4796*Input!$J$13,0)+IF(Input!$K$14=3,K4796*Input!$J$14,0)+IF(Input!$K$15=3,L4796*Input!$J$15,0)+IF(Input!$K$16=3,M4796*Input!$J$16,0)</f>
        <v>0</v>
      </c>
      <c r="Q4796" s="71">
        <f>IF(Input!$K$13=4,J4796*Input!$J$13,0)+IF(Input!$K$14=4,K4796*Input!$J$14,0)+IF(Input!$K$15=4,L4796*Input!$J$15,0)+IF(Input!$K$16=4,M4796*Input!$J$16,0)</f>
        <v>0</v>
      </c>
    </row>
    <row r="4797" spans="8:17" x14ac:dyDescent="0.25">
      <c r="H4797" s="43">
        <v>4790</v>
      </c>
      <c r="I4797" s="55">
        <f>Bühler!I4823</f>
        <v>0</v>
      </c>
      <c r="J4797" s="58">
        <f>Bühler!J4823</f>
        <v>24.233946559972022</v>
      </c>
      <c r="K4797" s="58">
        <f>Bühler!K4823</f>
        <v>2.1713618906219687</v>
      </c>
      <c r="L4797" s="58">
        <f>Bühler!L4823</f>
        <v>1.0856809453109844</v>
      </c>
      <c r="M4797" s="57">
        <f>Bühler!M4823</f>
        <v>0</v>
      </c>
      <c r="N4797" s="55">
        <f>IF(Input!$K$13=1,J4797*Input!$J$13,0)+IF(Input!$K$14=1,K4797*Input!$J$14,0)+IF(Input!$K$15=1,L4797*Input!$J$15,0)+IF(Input!$K$16=1,M4797*Input!$J$16,0)</f>
        <v>2.9080735871966423</v>
      </c>
      <c r="O4797" s="58">
        <f>IF(Input!$K$13=2,J4797*Input!$J$13,0)+IF(Input!$K$14=2,K4797*Input!$J$14,0)+IF(Input!$K$15=2,L4797*Input!$J$15,0)+IF(Input!$K$16=2,M4797*Input!$J$16,0)</f>
        <v>0.29313385523396573</v>
      </c>
      <c r="P4797" s="58">
        <f>IF(Input!$K$13=3,J4797*Input!$J$13,0)+IF(Input!$K$14=3,K4797*Input!$J$14,0)+IF(Input!$K$15=3,L4797*Input!$J$15,0)+IF(Input!$K$16=3,M4797*Input!$J$16,0)</f>
        <v>0</v>
      </c>
      <c r="Q4797" s="71">
        <f>IF(Input!$K$13=4,J4797*Input!$J$13,0)+IF(Input!$K$14=4,K4797*Input!$J$14,0)+IF(Input!$K$15=4,L4797*Input!$J$15,0)+IF(Input!$K$16=4,M4797*Input!$J$16,0)</f>
        <v>0</v>
      </c>
    </row>
    <row r="4798" spans="8:17" x14ac:dyDescent="0.25">
      <c r="H4798" s="43">
        <v>4791</v>
      </c>
      <c r="I4798" s="55">
        <f>Bühler!I4824</f>
        <v>0</v>
      </c>
      <c r="J4798" s="58">
        <f>Bühler!J4824</f>
        <v>36.481209875226696</v>
      </c>
      <c r="K4798" s="58">
        <f>Bühler!K4824</f>
        <v>3.2687168245922105</v>
      </c>
      <c r="L4798" s="58">
        <f>Bühler!L4824</f>
        <v>1.6343584122961052</v>
      </c>
      <c r="M4798" s="57">
        <f>Bühler!M4824</f>
        <v>0</v>
      </c>
      <c r="N4798" s="55">
        <f>IF(Input!$K$13=1,J4798*Input!$J$13,0)+IF(Input!$K$14=1,K4798*Input!$J$14,0)+IF(Input!$K$15=1,L4798*Input!$J$15,0)+IF(Input!$K$16=1,M4798*Input!$J$16,0)</f>
        <v>4.3777451850272033</v>
      </c>
      <c r="O4798" s="58">
        <f>IF(Input!$K$13=2,J4798*Input!$J$13,0)+IF(Input!$K$14=2,K4798*Input!$J$14,0)+IF(Input!$K$15=2,L4798*Input!$J$15,0)+IF(Input!$K$16=2,M4798*Input!$J$16,0)</f>
        <v>0.44127677131994841</v>
      </c>
      <c r="P4798" s="58">
        <f>IF(Input!$K$13=3,J4798*Input!$J$13,0)+IF(Input!$K$14=3,K4798*Input!$J$14,0)+IF(Input!$K$15=3,L4798*Input!$J$15,0)+IF(Input!$K$16=3,M4798*Input!$J$16,0)</f>
        <v>0</v>
      </c>
      <c r="Q4798" s="71">
        <f>IF(Input!$K$13=4,J4798*Input!$J$13,0)+IF(Input!$K$14=4,K4798*Input!$J$14,0)+IF(Input!$K$15=4,L4798*Input!$J$15,0)+IF(Input!$K$16=4,M4798*Input!$J$16,0)</f>
        <v>0</v>
      </c>
    </row>
    <row r="4799" spans="8:17" x14ac:dyDescent="0.25">
      <c r="H4799" s="43">
        <v>4792</v>
      </c>
      <c r="I4799" s="55">
        <f>Bühler!I4825</f>
        <v>0</v>
      </c>
      <c r="J4799" s="58">
        <f>Bühler!J4825</f>
        <v>36.481209875226696</v>
      </c>
      <c r="K4799" s="58">
        <f>Bühler!K4825</f>
        <v>3.2687168245922105</v>
      </c>
      <c r="L4799" s="58">
        <f>Bühler!L4825</f>
        <v>1.6343584122961052</v>
      </c>
      <c r="M4799" s="57">
        <f>Bühler!M4825</f>
        <v>0</v>
      </c>
      <c r="N4799" s="55">
        <f>IF(Input!$K$13=1,J4799*Input!$J$13,0)+IF(Input!$K$14=1,K4799*Input!$J$14,0)+IF(Input!$K$15=1,L4799*Input!$J$15,0)+IF(Input!$K$16=1,M4799*Input!$J$16,0)</f>
        <v>4.3777451850272033</v>
      </c>
      <c r="O4799" s="58">
        <f>IF(Input!$K$13=2,J4799*Input!$J$13,0)+IF(Input!$K$14=2,K4799*Input!$J$14,0)+IF(Input!$K$15=2,L4799*Input!$J$15,0)+IF(Input!$K$16=2,M4799*Input!$J$16,0)</f>
        <v>0.44127677131994841</v>
      </c>
      <c r="P4799" s="58">
        <f>IF(Input!$K$13=3,J4799*Input!$J$13,0)+IF(Input!$K$14=3,K4799*Input!$J$14,0)+IF(Input!$K$15=3,L4799*Input!$J$15,0)+IF(Input!$K$16=3,M4799*Input!$J$16,0)</f>
        <v>0</v>
      </c>
      <c r="Q4799" s="71">
        <f>IF(Input!$K$13=4,J4799*Input!$J$13,0)+IF(Input!$K$14=4,K4799*Input!$J$14,0)+IF(Input!$K$15=4,L4799*Input!$J$15,0)+IF(Input!$K$16=4,M4799*Input!$J$16,0)</f>
        <v>0</v>
      </c>
    </row>
    <row r="4800" spans="8:17" x14ac:dyDescent="0.25">
      <c r="H4800" s="43">
        <v>4793</v>
      </c>
      <c r="I4800" s="55">
        <f>Bühler!I4826</f>
        <v>0</v>
      </c>
      <c r="J4800" s="58">
        <f>Bühler!J4826</f>
        <v>21.49785581933002</v>
      </c>
      <c r="K4800" s="58">
        <f>Bühler!K4826</f>
        <v>1.9262081287775528</v>
      </c>
      <c r="L4800" s="58">
        <f>Bühler!L4826</f>
        <v>0.96310406438877638</v>
      </c>
      <c r="M4800" s="57">
        <f>Bühler!M4826</f>
        <v>0</v>
      </c>
      <c r="N4800" s="55">
        <f>IF(Input!$K$13=1,J4800*Input!$J$13,0)+IF(Input!$K$14=1,K4800*Input!$J$14,0)+IF(Input!$K$15=1,L4800*Input!$J$15,0)+IF(Input!$K$16=1,M4800*Input!$J$16,0)</f>
        <v>2.5797426983196021</v>
      </c>
      <c r="O4800" s="58">
        <f>IF(Input!$K$13=2,J4800*Input!$J$13,0)+IF(Input!$K$14=2,K4800*Input!$J$14,0)+IF(Input!$K$15=2,L4800*Input!$J$15,0)+IF(Input!$K$16=2,M4800*Input!$J$16,0)</f>
        <v>0.26003809738496964</v>
      </c>
      <c r="P4800" s="58">
        <f>IF(Input!$K$13=3,J4800*Input!$J$13,0)+IF(Input!$K$14=3,K4800*Input!$J$14,0)+IF(Input!$K$15=3,L4800*Input!$J$15,0)+IF(Input!$K$16=3,M4800*Input!$J$16,0)</f>
        <v>0</v>
      </c>
      <c r="Q4800" s="71">
        <f>IF(Input!$K$13=4,J4800*Input!$J$13,0)+IF(Input!$K$14=4,K4800*Input!$J$14,0)+IF(Input!$K$15=4,L4800*Input!$J$15,0)+IF(Input!$K$16=4,M4800*Input!$J$16,0)</f>
        <v>0</v>
      </c>
    </row>
    <row r="4801" spans="8:17" x14ac:dyDescent="0.25">
      <c r="H4801" s="43">
        <v>4794</v>
      </c>
      <c r="I4801" s="55">
        <f>Bühler!I4827</f>
        <v>0</v>
      </c>
      <c r="J4801" s="58">
        <f>Bühler!J4827</f>
        <v>9.1753545963849881</v>
      </c>
      <c r="K4801" s="58">
        <f>Bühler!K4827</f>
        <v>0.822111877412528</v>
      </c>
      <c r="L4801" s="58">
        <f>Bühler!L4827</f>
        <v>0.411055938706264</v>
      </c>
      <c r="M4801" s="57">
        <f>Bühler!M4827</f>
        <v>0</v>
      </c>
      <c r="N4801" s="55">
        <f>IF(Input!$K$13=1,J4801*Input!$J$13,0)+IF(Input!$K$14=1,K4801*Input!$J$14,0)+IF(Input!$K$15=1,L4801*Input!$J$15,0)+IF(Input!$K$16=1,M4801*Input!$J$16,0)</f>
        <v>1.1010425515661986</v>
      </c>
      <c r="O4801" s="58">
        <f>IF(Input!$K$13=2,J4801*Input!$J$13,0)+IF(Input!$K$14=2,K4801*Input!$J$14,0)+IF(Input!$K$15=2,L4801*Input!$J$15,0)+IF(Input!$K$16=2,M4801*Input!$J$16,0)</f>
        <v>0.11098510345069128</v>
      </c>
      <c r="P4801" s="58">
        <f>IF(Input!$K$13=3,J4801*Input!$J$13,0)+IF(Input!$K$14=3,K4801*Input!$J$14,0)+IF(Input!$K$15=3,L4801*Input!$J$15,0)+IF(Input!$K$16=3,M4801*Input!$J$16,0)</f>
        <v>0</v>
      </c>
      <c r="Q4801" s="71">
        <f>IF(Input!$K$13=4,J4801*Input!$J$13,0)+IF(Input!$K$14=4,K4801*Input!$J$14,0)+IF(Input!$K$15=4,L4801*Input!$J$15,0)+IF(Input!$K$16=4,M4801*Input!$J$16,0)</f>
        <v>0</v>
      </c>
    </row>
    <row r="4802" spans="8:17" x14ac:dyDescent="0.25">
      <c r="H4802" s="43">
        <v>4795</v>
      </c>
      <c r="I4802" s="55">
        <f>Bühler!I4828</f>
        <v>0</v>
      </c>
      <c r="J4802" s="58">
        <f>Bühler!J4828</f>
        <v>6.0557340336140904</v>
      </c>
      <c r="K4802" s="58">
        <f>Bühler!K4828</f>
        <v>0.54259383909226833</v>
      </c>
      <c r="L4802" s="58">
        <f>Bühler!L4828</f>
        <v>0.27129691954613416</v>
      </c>
      <c r="M4802" s="57">
        <f>Bühler!M4828</f>
        <v>0</v>
      </c>
      <c r="N4802" s="55">
        <f>IF(Input!$K$13=1,J4802*Input!$J$13,0)+IF(Input!$K$14=1,K4802*Input!$J$14,0)+IF(Input!$K$15=1,L4802*Input!$J$15,0)+IF(Input!$K$16=1,M4802*Input!$J$16,0)</f>
        <v>0.72668808403369078</v>
      </c>
      <c r="O4802" s="58">
        <f>IF(Input!$K$13=2,J4802*Input!$J$13,0)+IF(Input!$K$14=2,K4802*Input!$J$14,0)+IF(Input!$K$15=2,L4802*Input!$J$15,0)+IF(Input!$K$16=2,M4802*Input!$J$16,0)</f>
        <v>7.3250168277456229E-2</v>
      </c>
      <c r="P4802" s="58">
        <f>IF(Input!$K$13=3,J4802*Input!$J$13,0)+IF(Input!$K$14=3,K4802*Input!$J$14,0)+IF(Input!$K$15=3,L4802*Input!$J$15,0)+IF(Input!$K$16=3,M4802*Input!$J$16,0)</f>
        <v>0</v>
      </c>
      <c r="Q4802" s="71">
        <f>IF(Input!$K$13=4,J4802*Input!$J$13,0)+IF(Input!$K$14=4,K4802*Input!$J$14,0)+IF(Input!$K$15=4,L4802*Input!$J$15,0)+IF(Input!$K$16=4,M4802*Input!$J$16,0)</f>
        <v>0</v>
      </c>
    </row>
    <row r="4803" spans="8:17" x14ac:dyDescent="0.25">
      <c r="H4803" s="43">
        <v>4796</v>
      </c>
      <c r="I4803" s="55">
        <f>Bühler!I4829</f>
        <v>0</v>
      </c>
      <c r="J4803" s="58">
        <f>Bühler!J4829</f>
        <v>6.0557340336140904</v>
      </c>
      <c r="K4803" s="58">
        <f>Bühler!K4829</f>
        <v>0.54259383909226833</v>
      </c>
      <c r="L4803" s="58">
        <f>Bühler!L4829</f>
        <v>0.27129691954613416</v>
      </c>
      <c r="M4803" s="57">
        <f>Bühler!M4829</f>
        <v>0</v>
      </c>
      <c r="N4803" s="55">
        <f>IF(Input!$K$13=1,J4803*Input!$J$13,0)+IF(Input!$K$14=1,K4803*Input!$J$14,0)+IF(Input!$K$15=1,L4803*Input!$J$15,0)+IF(Input!$K$16=1,M4803*Input!$J$16,0)</f>
        <v>0.72668808403369078</v>
      </c>
      <c r="O4803" s="58">
        <f>IF(Input!$K$13=2,J4803*Input!$J$13,0)+IF(Input!$K$14=2,K4803*Input!$J$14,0)+IF(Input!$K$15=2,L4803*Input!$J$15,0)+IF(Input!$K$16=2,M4803*Input!$J$16,0)</f>
        <v>7.3250168277456229E-2</v>
      </c>
      <c r="P4803" s="58">
        <f>IF(Input!$K$13=3,J4803*Input!$J$13,0)+IF(Input!$K$14=3,K4803*Input!$J$14,0)+IF(Input!$K$15=3,L4803*Input!$J$15,0)+IF(Input!$K$16=3,M4803*Input!$J$16,0)</f>
        <v>0</v>
      </c>
      <c r="Q4803" s="71">
        <f>IF(Input!$K$13=4,J4803*Input!$J$13,0)+IF(Input!$K$14=4,K4803*Input!$J$14,0)+IF(Input!$K$15=4,L4803*Input!$J$15,0)+IF(Input!$K$16=4,M4803*Input!$J$16,0)</f>
        <v>0</v>
      </c>
    </row>
    <row r="4804" spans="8:17" x14ac:dyDescent="0.25">
      <c r="H4804" s="43">
        <v>4797</v>
      </c>
      <c r="I4804" s="55">
        <f>Bühler!I4830</f>
        <v>0</v>
      </c>
      <c r="J4804" s="58">
        <f>Bühler!J4830</f>
        <v>6.0557340336140904</v>
      </c>
      <c r="K4804" s="58">
        <f>Bühler!K4830</f>
        <v>0.54259383909226833</v>
      </c>
      <c r="L4804" s="58">
        <f>Bühler!L4830</f>
        <v>0.27129691954613416</v>
      </c>
      <c r="M4804" s="57">
        <f>Bühler!M4830</f>
        <v>0</v>
      </c>
      <c r="N4804" s="55">
        <f>IF(Input!$K$13=1,J4804*Input!$J$13,0)+IF(Input!$K$14=1,K4804*Input!$J$14,0)+IF(Input!$K$15=1,L4804*Input!$J$15,0)+IF(Input!$K$16=1,M4804*Input!$J$16,0)</f>
        <v>0.72668808403369078</v>
      </c>
      <c r="O4804" s="58">
        <f>IF(Input!$K$13=2,J4804*Input!$J$13,0)+IF(Input!$K$14=2,K4804*Input!$J$14,0)+IF(Input!$K$15=2,L4804*Input!$J$15,0)+IF(Input!$K$16=2,M4804*Input!$J$16,0)</f>
        <v>7.3250168277456229E-2</v>
      </c>
      <c r="P4804" s="58">
        <f>IF(Input!$K$13=3,J4804*Input!$J$13,0)+IF(Input!$K$14=3,K4804*Input!$J$14,0)+IF(Input!$K$15=3,L4804*Input!$J$15,0)+IF(Input!$K$16=3,M4804*Input!$J$16,0)</f>
        <v>0</v>
      </c>
      <c r="Q4804" s="71">
        <f>IF(Input!$K$13=4,J4804*Input!$J$13,0)+IF(Input!$K$14=4,K4804*Input!$J$14,0)+IF(Input!$K$15=4,L4804*Input!$J$15,0)+IF(Input!$K$16=4,M4804*Input!$J$16,0)</f>
        <v>0</v>
      </c>
    </row>
    <row r="4805" spans="8:17" x14ac:dyDescent="0.25">
      <c r="H4805" s="43">
        <v>4798</v>
      </c>
      <c r="I4805" s="55">
        <f>Bühler!I4831</f>
        <v>0</v>
      </c>
      <c r="J4805" s="58">
        <f>Bühler!J4831</f>
        <v>6.0557340336140904</v>
      </c>
      <c r="K4805" s="58">
        <f>Bühler!K4831</f>
        <v>0.54259383909226833</v>
      </c>
      <c r="L4805" s="58">
        <f>Bühler!L4831</f>
        <v>0.27129691954613416</v>
      </c>
      <c r="M4805" s="57">
        <f>Bühler!M4831</f>
        <v>0</v>
      </c>
      <c r="N4805" s="55">
        <f>IF(Input!$K$13=1,J4805*Input!$J$13,0)+IF(Input!$K$14=1,K4805*Input!$J$14,0)+IF(Input!$K$15=1,L4805*Input!$J$15,0)+IF(Input!$K$16=1,M4805*Input!$J$16,0)</f>
        <v>0.72668808403369078</v>
      </c>
      <c r="O4805" s="58">
        <f>IF(Input!$K$13=2,J4805*Input!$J$13,0)+IF(Input!$K$14=2,K4805*Input!$J$14,0)+IF(Input!$K$15=2,L4805*Input!$J$15,0)+IF(Input!$K$16=2,M4805*Input!$J$16,0)</f>
        <v>7.3250168277456229E-2</v>
      </c>
      <c r="P4805" s="58">
        <f>IF(Input!$K$13=3,J4805*Input!$J$13,0)+IF(Input!$K$14=3,K4805*Input!$J$14,0)+IF(Input!$K$15=3,L4805*Input!$J$15,0)+IF(Input!$K$16=3,M4805*Input!$J$16,0)</f>
        <v>0</v>
      </c>
      <c r="Q4805" s="71">
        <f>IF(Input!$K$13=4,J4805*Input!$J$13,0)+IF(Input!$K$14=4,K4805*Input!$J$14,0)+IF(Input!$K$15=4,L4805*Input!$J$15,0)+IF(Input!$K$16=4,M4805*Input!$J$16,0)</f>
        <v>0</v>
      </c>
    </row>
    <row r="4806" spans="8:17" x14ac:dyDescent="0.25">
      <c r="H4806" s="43">
        <v>4799</v>
      </c>
      <c r="I4806" s="55">
        <f>Bühler!I4832</f>
        <v>0</v>
      </c>
      <c r="J4806" s="58">
        <f>Bühler!J4832</f>
        <v>6.0557340336140904</v>
      </c>
      <c r="K4806" s="58">
        <f>Bühler!K4832</f>
        <v>0.54259383909226833</v>
      </c>
      <c r="L4806" s="58">
        <f>Bühler!L4832</f>
        <v>0.27129691954613416</v>
      </c>
      <c r="M4806" s="57">
        <f>Bühler!M4832</f>
        <v>0</v>
      </c>
      <c r="N4806" s="55">
        <f>IF(Input!$K$13=1,J4806*Input!$J$13,0)+IF(Input!$K$14=1,K4806*Input!$J$14,0)+IF(Input!$K$15=1,L4806*Input!$J$15,0)+IF(Input!$K$16=1,M4806*Input!$J$16,0)</f>
        <v>0.72668808403369078</v>
      </c>
      <c r="O4806" s="58">
        <f>IF(Input!$K$13=2,J4806*Input!$J$13,0)+IF(Input!$K$14=2,K4806*Input!$J$14,0)+IF(Input!$K$15=2,L4806*Input!$J$15,0)+IF(Input!$K$16=2,M4806*Input!$J$16,0)</f>
        <v>7.3250168277456229E-2</v>
      </c>
      <c r="P4806" s="58">
        <f>IF(Input!$K$13=3,J4806*Input!$J$13,0)+IF(Input!$K$14=3,K4806*Input!$J$14,0)+IF(Input!$K$15=3,L4806*Input!$J$15,0)+IF(Input!$K$16=3,M4806*Input!$J$16,0)</f>
        <v>0</v>
      </c>
      <c r="Q4806" s="71">
        <f>IF(Input!$K$13=4,J4806*Input!$J$13,0)+IF(Input!$K$14=4,K4806*Input!$J$14,0)+IF(Input!$K$15=4,L4806*Input!$J$15,0)+IF(Input!$K$16=4,M4806*Input!$J$16,0)</f>
        <v>0</v>
      </c>
    </row>
    <row r="4807" spans="8:17" x14ac:dyDescent="0.25">
      <c r="H4807" s="43">
        <v>4800</v>
      </c>
      <c r="I4807" s="55">
        <f>Bühler!I4833</f>
        <v>0</v>
      </c>
      <c r="J4807" s="58">
        <f>Bühler!J4833</f>
        <v>6.0557340336140904</v>
      </c>
      <c r="K4807" s="58">
        <f>Bühler!K4833</f>
        <v>0.54259383909226833</v>
      </c>
      <c r="L4807" s="58">
        <f>Bühler!L4833</f>
        <v>0.27129691954613416</v>
      </c>
      <c r="M4807" s="57">
        <f>Bühler!M4833</f>
        <v>0</v>
      </c>
      <c r="N4807" s="55">
        <f>IF(Input!$K$13=1,J4807*Input!$J$13,0)+IF(Input!$K$14=1,K4807*Input!$J$14,0)+IF(Input!$K$15=1,L4807*Input!$J$15,0)+IF(Input!$K$16=1,M4807*Input!$J$16,0)</f>
        <v>0.72668808403369078</v>
      </c>
      <c r="O4807" s="58">
        <f>IF(Input!$K$13=2,J4807*Input!$J$13,0)+IF(Input!$K$14=2,K4807*Input!$J$14,0)+IF(Input!$K$15=2,L4807*Input!$J$15,0)+IF(Input!$K$16=2,M4807*Input!$J$16,0)</f>
        <v>7.3250168277456229E-2</v>
      </c>
      <c r="P4807" s="58">
        <f>IF(Input!$K$13=3,J4807*Input!$J$13,0)+IF(Input!$K$14=3,K4807*Input!$J$14,0)+IF(Input!$K$15=3,L4807*Input!$J$15,0)+IF(Input!$K$16=3,M4807*Input!$J$16,0)</f>
        <v>0</v>
      </c>
      <c r="Q4807" s="71">
        <f>IF(Input!$K$13=4,J4807*Input!$J$13,0)+IF(Input!$K$14=4,K4807*Input!$J$14,0)+IF(Input!$K$15=4,L4807*Input!$J$15,0)+IF(Input!$K$16=4,M4807*Input!$J$16,0)</f>
        <v>0</v>
      </c>
    </row>
    <row r="4808" spans="8:17" x14ac:dyDescent="0.25">
      <c r="H4808" s="43">
        <v>4801</v>
      </c>
      <c r="I4808" s="55">
        <f>Bühler!I4834</f>
        <v>0</v>
      </c>
      <c r="J4808" s="58">
        <f>Bühler!J4834</f>
        <v>6.3401692805871406</v>
      </c>
      <c r="K4808" s="58">
        <f>Bühler!K4834</f>
        <v>0.5537921459683095</v>
      </c>
      <c r="L4808" s="58">
        <f>Bühler!L4834</f>
        <v>0.27689607298415475</v>
      </c>
      <c r="M4808" s="57">
        <f>Bühler!M4834</f>
        <v>0</v>
      </c>
      <c r="N4808" s="55">
        <f>IF(Input!$K$13=1,J4808*Input!$J$13,0)+IF(Input!$K$14=1,K4808*Input!$J$14,0)+IF(Input!$K$15=1,L4808*Input!$J$15,0)+IF(Input!$K$16=1,M4808*Input!$J$16,0)</f>
        <v>0.76082031367045688</v>
      </c>
      <c r="O4808" s="58">
        <f>IF(Input!$K$13=2,J4808*Input!$J$13,0)+IF(Input!$K$14=2,K4808*Input!$J$14,0)+IF(Input!$K$15=2,L4808*Input!$J$15,0)+IF(Input!$K$16=2,M4808*Input!$J$16,0)</f>
        <v>7.4761939705721786E-2</v>
      </c>
      <c r="P4808" s="58">
        <f>IF(Input!$K$13=3,J4808*Input!$J$13,0)+IF(Input!$K$14=3,K4808*Input!$J$14,0)+IF(Input!$K$15=3,L4808*Input!$J$15,0)+IF(Input!$K$16=3,M4808*Input!$J$16,0)</f>
        <v>0</v>
      </c>
      <c r="Q4808" s="71">
        <f>IF(Input!$K$13=4,J4808*Input!$J$13,0)+IF(Input!$K$14=4,K4808*Input!$J$14,0)+IF(Input!$K$15=4,L4808*Input!$J$15,0)+IF(Input!$K$16=4,M4808*Input!$J$16,0)</f>
        <v>0</v>
      </c>
    </row>
    <row r="4809" spans="8:17" x14ac:dyDescent="0.25">
      <c r="H4809" s="43">
        <v>4802</v>
      </c>
      <c r="I4809" s="55">
        <f>Bühler!I4835</f>
        <v>0</v>
      </c>
      <c r="J4809" s="58">
        <f>Bühler!J4835</f>
        <v>6.3401692805871406</v>
      </c>
      <c r="K4809" s="58">
        <f>Bühler!K4835</f>
        <v>0.5537921459683095</v>
      </c>
      <c r="L4809" s="58">
        <f>Bühler!L4835</f>
        <v>0.27689607298415475</v>
      </c>
      <c r="M4809" s="57">
        <f>Bühler!M4835</f>
        <v>0</v>
      </c>
      <c r="N4809" s="55">
        <f>IF(Input!$K$13=1,J4809*Input!$J$13,0)+IF(Input!$K$14=1,K4809*Input!$J$14,0)+IF(Input!$K$15=1,L4809*Input!$J$15,0)+IF(Input!$K$16=1,M4809*Input!$J$16,0)</f>
        <v>0.76082031367045688</v>
      </c>
      <c r="O4809" s="58">
        <f>IF(Input!$K$13=2,J4809*Input!$J$13,0)+IF(Input!$K$14=2,K4809*Input!$J$14,0)+IF(Input!$K$15=2,L4809*Input!$J$15,0)+IF(Input!$K$16=2,M4809*Input!$J$16,0)</f>
        <v>7.4761939705721786E-2</v>
      </c>
      <c r="P4809" s="58">
        <f>IF(Input!$K$13=3,J4809*Input!$J$13,0)+IF(Input!$K$14=3,K4809*Input!$J$14,0)+IF(Input!$K$15=3,L4809*Input!$J$15,0)+IF(Input!$K$16=3,M4809*Input!$J$16,0)</f>
        <v>0</v>
      </c>
      <c r="Q4809" s="71">
        <f>IF(Input!$K$13=4,J4809*Input!$J$13,0)+IF(Input!$K$14=4,K4809*Input!$J$14,0)+IF(Input!$K$15=4,L4809*Input!$J$15,0)+IF(Input!$K$16=4,M4809*Input!$J$16,0)</f>
        <v>0</v>
      </c>
    </row>
    <row r="4810" spans="8:17" x14ac:dyDescent="0.25">
      <c r="H4810" s="43">
        <v>4803</v>
      </c>
      <c r="I4810" s="55">
        <f>Bühler!I4836</f>
        <v>0</v>
      </c>
      <c r="J4810" s="58">
        <f>Bühler!J4836</f>
        <v>6.3401692805871406</v>
      </c>
      <c r="K4810" s="58">
        <f>Bühler!K4836</f>
        <v>0.5537921459683095</v>
      </c>
      <c r="L4810" s="58">
        <f>Bühler!L4836</f>
        <v>0.27689607298415475</v>
      </c>
      <c r="M4810" s="57">
        <f>Bühler!M4836</f>
        <v>0</v>
      </c>
      <c r="N4810" s="55">
        <f>IF(Input!$K$13=1,J4810*Input!$J$13,0)+IF(Input!$K$14=1,K4810*Input!$J$14,0)+IF(Input!$K$15=1,L4810*Input!$J$15,0)+IF(Input!$K$16=1,M4810*Input!$J$16,0)</f>
        <v>0.76082031367045688</v>
      </c>
      <c r="O4810" s="58">
        <f>IF(Input!$K$13=2,J4810*Input!$J$13,0)+IF(Input!$K$14=2,K4810*Input!$J$14,0)+IF(Input!$K$15=2,L4810*Input!$J$15,0)+IF(Input!$K$16=2,M4810*Input!$J$16,0)</f>
        <v>7.4761939705721786E-2</v>
      </c>
      <c r="P4810" s="58">
        <f>IF(Input!$K$13=3,J4810*Input!$J$13,0)+IF(Input!$K$14=3,K4810*Input!$J$14,0)+IF(Input!$K$15=3,L4810*Input!$J$15,0)+IF(Input!$K$16=3,M4810*Input!$J$16,0)</f>
        <v>0</v>
      </c>
      <c r="Q4810" s="71">
        <f>IF(Input!$K$13=4,J4810*Input!$J$13,0)+IF(Input!$K$14=4,K4810*Input!$J$14,0)+IF(Input!$K$15=4,L4810*Input!$J$15,0)+IF(Input!$K$16=4,M4810*Input!$J$16,0)</f>
        <v>0</v>
      </c>
    </row>
    <row r="4811" spans="8:17" x14ac:dyDescent="0.25">
      <c r="H4811" s="43">
        <v>4804</v>
      </c>
      <c r="I4811" s="55">
        <f>Bühler!I4837</f>
        <v>0</v>
      </c>
      <c r="J4811" s="58">
        <f>Bühler!J4837</f>
        <v>6.3401692805871406</v>
      </c>
      <c r="K4811" s="58">
        <f>Bühler!K4837</f>
        <v>0.5537921459683095</v>
      </c>
      <c r="L4811" s="58">
        <f>Bühler!L4837</f>
        <v>0.27689607298415475</v>
      </c>
      <c r="M4811" s="57">
        <f>Bühler!M4837</f>
        <v>0</v>
      </c>
      <c r="N4811" s="55">
        <f>IF(Input!$K$13=1,J4811*Input!$J$13,0)+IF(Input!$K$14=1,K4811*Input!$J$14,0)+IF(Input!$K$15=1,L4811*Input!$J$15,0)+IF(Input!$K$16=1,M4811*Input!$J$16,0)</f>
        <v>0.76082031367045688</v>
      </c>
      <c r="O4811" s="58">
        <f>IF(Input!$K$13=2,J4811*Input!$J$13,0)+IF(Input!$K$14=2,K4811*Input!$J$14,0)+IF(Input!$K$15=2,L4811*Input!$J$15,0)+IF(Input!$K$16=2,M4811*Input!$J$16,0)</f>
        <v>7.4761939705721786E-2</v>
      </c>
      <c r="P4811" s="58">
        <f>IF(Input!$K$13=3,J4811*Input!$J$13,0)+IF(Input!$K$14=3,K4811*Input!$J$14,0)+IF(Input!$K$15=3,L4811*Input!$J$15,0)+IF(Input!$K$16=3,M4811*Input!$J$16,0)</f>
        <v>0</v>
      </c>
      <c r="Q4811" s="71">
        <f>IF(Input!$K$13=4,J4811*Input!$J$13,0)+IF(Input!$K$14=4,K4811*Input!$J$14,0)+IF(Input!$K$15=4,L4811*Input!$J$15,0)+IF(Input!$K$16=4,M4811*Input!$J$16,0)</f>
        <v>0</v>
      </c>
    </row>
    <row r="4812" spans="8:17" x14ac:dyDescent="0.25">
      <c r="H4812" s="43">
        <v>4805</v>
      </c>
      <c r="I4812" s="55">
        <f>Bühler!I4838</f>
        <v>0</v>
      </c>
      <c r="J4812" s="58">
        <f>Bühler!J4838</f>
        <v>6.3401692805871406</v>
      </c>
      <c r="K4812" s="58">
        <f>Bühler!K4838</f>
        <v>0.5537921459683095</v>
      </c>
      <c r="L4812" s="58">
        <f>Bühler!L4838</f>
        <v>0.27689607298415475</v>
      </c>
      <c r="M4812" s="57">
        <f>Bühler!M4838</f>
        <v>0</v>
      </c>
      <c r="N4812" s="55">
        <f>IF(Input!$K$13=1,J4812*Input!$J$13,0)+IF(Input!$K$14=1,K4812*Input!$J$14,0)+IF(Input!$K$15=1,L4812*Input!$J$15,0)+IF(Input!$K$16=1,M4812*Input!$J$16,0)</f>
        <v>0.76082031367045688</v>
      </c>
      <c r="O4812" s="58">
        <f>IF(Input!$K$13=2,J4812*Input!$J$13,0)+IF(Input!$K$14=2,K4812*Input!$J$14,0)+IF(Input!$K$15=2,L4812*Input!$J$15,0)+IF(Input!$K$16=2,M4812*Input!$J$16,0)</f>
        <v>7.4761939705721786E-2</v>
      </c>
      <c r="P4812" s="58">
        <f>IF(Input!$K$13=3,J4812*Input!$J$13,0)+IF(Input!$K$14=3,K4812*Input!$J$14,0)+IF(Input!$K$15=3,L4812*Input!$J$15,0)+IF(Input!$K$16=3,M4812*Input!$J$16,0)</f>
        <v>0</v>
      </c>
      <c r="Q4812" s="71">
        <f>IF(Input!$K$13=4,J4812*Input!$J$13,0)+IF(Input!$K$14=4,K4812*Input!$J$14,0)+IF(Input!$K$15=4,L4812*Input!$J$15,0)+IF(Input!$K$16=4,M4812*Input!$J$16,0)</f>
        <v>0</v>
      </c>
    </row>
    <row r="4813" spans="8:17" x14ac:dyDescent="0.25">
      <c r="H4813" s="43">
        <v>4806</v>
      </c>
      <c r="I4813" s="55">
        <f>Bühler!I4839</f>
        <v>0</v>
      </c>
      <c r="J4813" s="58">
        <f>Bühler!J4839</f>
        <v>6.3401692805871406</v>
      </c>
      <c r="K4813" s="58">
        <f>Bühler!K4839</f>
        <v>0.5537921459683095</v>
      </c>
      <c r="L4813" s="58">
        <f>Bühler!L4839</f>
        <v>0.27689607298415475</v>
      </c>
      <c r="M4813" s="57">
        <f>Bühler!M4839</f>
        <v>0</v>
      </c>
      <c r="N4813" s="55">
        <f>IF(Input!$K$13=1,J4813*Input!$J$13,0)+IF(Input!$K$14=1,K4813*Input!$J$14,0)+IF(Input!$K$15=1,L4813*Input!$J$15,0)+IF(Input!$K$16=1,M4813*Input!$J$16,0)</f>
        <v>0.76082031367045688</v>
      </c>
      <c r="O4813" s="58">
        <f>IF(Input!$K$13=2,J4813*Input!$J$13,0)+IF(Input!$K$14=2,K4813*Input!$J$14,0)+IF(Input!$K$15=2,L4813*Input!$J$15,0)+IF(Input!$K$16=2,M4813*Input!$J$16,0)</f>
        <v>7.4761939705721786E-2</v>
      </c>
      <c r="P4813" s="58">
        <f>IF(Input!$K$13=3,J4813*Input!$J$13,0)+IF(Input!$K$14=3,K4813*Input!$J$14,0)+IF(Input!$K$15=3,L4813*Input!$J$15,0)+IF(Input!$K$16=3,M4813*Input!$J$16,0)</f>
        <v>0</v>
      </c>
      <c r="Q4813" s="71">
        <f>IF(Input!$K$13=4,J4813*Input!$J$13,0)+IF(Input!$K$14=4,K4813*Input!$J$14,0)+IF(Input!$K$15=4,L4813*Input!$J$15,0)+IF(Input!$K$16=4,M4813*Input!$J$16,0)</f>
        <v>0</v>
      </c>
    </row>
    <row r="4814" spans="8:17" x14ac:dyDescent="0.25">
      <c r="H4814" s="43">
        <v>4807</v>
      </c>
      <c r="I4814" s="55">
        <f>Bühler!I4840</f>
        <v>0</v>
      </c>
      <c r="J4814" s="58">
        <f>Bühler!J4840</f>
        <v>6.3401692805871406</v>
      </c>
      <c r="K4814" s="58">
        <f>Bühler!K4840</f>
        <v>0.5537921459683095</v>
      </c>
      <c r="L4814" s="58">
        <f>Bühler!L4840</f>
        <v>0.27689607298415475</v>
      </c>
      <c r="M4814" s="57">
        <f>Bühler!M4840</f>
        <v>0</v>
      </c>
      <c r="N4814" s="55">
        <f>IF(Input!$K$13=1,J4814*Input!$J$13,0)+IF(Input!$K$14=1,K4814*Input!$J$14,0)+IF(Input!$K$15=1,L4814*Input!$J$15,0)+IF(Input!$K$16=1,M4814*Input!$J$16,0)</f>
        <v>0.76082031367045688</v>
      </c>
      <c r="O4814" s="58">
        <f>IF(Input!$K$13=2,J4814*Input!$J$13,0)+IF(Input!$K$14=2,K4814*Input!$J$14,0)+IF(Input!$K$15=2,L4814*Input!$J$15,0)+IF(Input!$K$16=2,M4814*Input!$J$16,0)</f>
        <v>7.4761939705721786E-2</v>
      </c>
      <c r="P4814" s="58">
        <f>IF(Input!$K$13=3,J4814*Input!$J$13,0)+IF(Input!$K$14=3,K4814*Input!$J$14,0)+IF(Input!$K$15=3,L4814*Input!$J$15,0)+IF(Input!$K$16=3,M4814*Input!$J$16,0)</f>
        <v>0</v>
      </c>
      <c r="Q4814" s="71">
        <f>IF(Input!$K$13=4,J4814*Input!$J$13,0)+IF(Input!$K$14=4,K4814*Input!$J$14,0)+IF(Input!$K$15=4,L4814*Input!$J$15,0)+IF(Input!$K$16=4,M4814*Input!$J$16,0)</f>
        <v>0</v>
      </c>
    </row>
    <row r="4815" spans="8:17" x14ac:dyDescent="0.25">
      <c r="H4815" s="43">
        <v>4808</v>
      </c>
      <c r="I4815" s="55">
        <f>Bühler!I4841</f>
        <v>0</v>
      </c>
      <c r="J4815" s="58">
        <f>Bühler!J4841</f>
        <v>25.917843513672885</v>
      </c>
      <c r="K4815" s="58">
        <f>Bühler!K4841</f>
        <v>2.2638351663977252</v>
      </c>
      <c r="L4815" s="58">
        <f>Bühler!L4841</f>
        <v>1.1319175831988626</v>
      </c>
      <c r="M4815" s="57">
        <f>Bühler!M4841</f>
        <v>0</v>
      </c>
      <c r="N4815" s="55">
        <f>IF(Input!$K$13=1,J4815*Input!$J$13,0)+IF(Input!$K$14=1,K4815*Input!$J$14,0)+IF(Input!$K$15=1,L4815*Input!$J$15,0)+IF(Input!$K$16=1,M4815*Input!$J$16,0)</f>
        <v>3.1101412216407462</v>
      </c>
      <c r="O4815" s="58">
        <f>IF(Input!$K$13=2,J4815*Input!$J$13,0)+IF(Input!$K$14=2,K4815*Input!$J$14,0)+IF(Input!$K$15=2,L4815*Input!$J$15,0)+IF(Input!$K$16=2,M4815*Input!$J$16,0)</f>
        <v>0.30561774746369286</v>
      </c>
      <c r="P4815" s="58">
        <f>IF(Input!$K$13=3,J4815*Input!$J$13,0)+IF(Input!$K$14=3,K4815*Input!$J$14,0)+IF(Input!$K$15=3,L4815*Input!$J$15,0)+IF(Input!$K$16=3,M4815*Input!$J$16,0)</f>
        <v>0</v>
      </c>
      <c r="Q4815" s="71">
        <f>IF(Input!$K$13=4,J4815*Input!$J$13,0)+IF(Input!$K$14=4,K4815*Input!$J$14,0)+IF(Input!$K$15=4,L4815*Input!$J$15,0)+IF(Input!$K$16=4,M4815*Input!$J$16,0)</f>
        <v>0</v>
      </c>
    </row>
    <row r="4816" spans="8:17" x14ac:dyDescent="0.25">
      <c r="H4816" s="43">
        <v>4809</v>
      </c>
      <c r="I4816" s="55">
        <f>Bühler!I4842</f>
        <v>0</v>
      </c>
      <c r="J4816" s="58">
        <f>Bühler!J4842</f>
        <v>28.918856973150803</v>
      </c>
      <c r="K4816" s="58">
        <f>Bühler!K4842</f>
        <v>2.5259634488227252</v>
      </c>
      <c r="L4816" s="58">
        <f>Bühler!L4842</f>
        <v>1.2629817244113626</v>
      </c>
      <c r="M4816" s="57">
        <f>Bühler!M4842</f>
        <v>0</v>
      </c>
      <c r="N4816" s="55">
        <f>IF(Input!$K$13=1,J4816*Input!$J$13,0)+IF(Input!$K$14=1,K4816*Input!$J$14,0)+IF(Input!$K$15=1,L4816*Input!$J$15,0)+IF(Input!$K$16=1,M4816*Input!$J$16,0)</f>
        <v>3.4702628367780961</v>
      </c>
      <c r="O4816" s="58">
        <f>IF(Input!$K$13=2,J4816*Input!$J$13,0)+IF(Input!$K$14=2,K4816*Input!$J$14,0)+IF(Input!$K$15=2,L4816*Input!$J$15,0)+IF(Input!$K$16=2,M4816*Input!$J$16,0)</f>
        <v>0.34100506559106791</v>
      </c>
      <c r="P4816" s="58">
        <f>IF(Input!$K$13=3,J4816*Input!$J$13,0)+IF(Input!$K$14=3,K4816*Input!$J$14,0)+IF(Input!$K$15=3,L4816*Input!$J$15,0)+IF(Input!$K$16=3,M4816*Input!$J$16,0)</f>
        <v>0</v>
      </c>
      <c r="Q4816" s="71">
        <f>IF(Input!$K$13=4,J4816*Input!$J$13,0)+IF(Input!$K$14=4,K4816*Input!$J$14,0)+IF(Input!$K$15=4,L4816*Input!$J$15,0)+IF(Input!$K$16=4,M4816*Input!$J$16,0)</f>
        <v>0</v>
      </c>
    </row>
    <row r="4817" spans="8:17" x14ac:dyDescent="0.25">
      <c r="H4817" s="43">
        <v>4810</v>
      </c>
      <c r="I4817" s="55">
        <f>Bühler!I4843</f>
        <v>0</v>
      </c>
      <c r="J4817" s="58">
        <f>Bühler!J4843</f>
        <v>31.919870432628713</v>
      </c>
      <c r="K4817" s="58">
        <f>Bühler!K4843</f>
        <v>2.7880917312477251</v>
      </c>
      <c r="L4817" s="58">
        <f>Bühler!L4843</f>
        <v>1.3940458656238626</v>
      </c>
      <c r="M4817" s="57">
        <f>Bühler!M4843</f>
        <v>0</v>
      </c>
      <c r="N4817" s="55">
        <f>IF(Input!$K$13=1,J4817*Input!$J$13,0)+IF(Input!$K$14=1,K4817*Input!$J$14,0)+IF(Input!$K$15=1,L4817*Input!$J$15,0)+IF(Input!$K$16=1,M4817*Input!$J$16,0)</f>
        <v>3.8303844519154455</v>
      </c>
      <c r="O4817" s="58">
        <f>IF(Input!$K$13=2,J4817*Input!$J$13,0)+IF(Input!$K$14=2,K4817*Input!$J$14,0)+IF(Input!$K$15=2,L4817*Input!$J$15,0)+IF(Input!$K$16=2,M4817*Input!$J$16,0)</f>
        <v>0.37639238371844286</v>
      </c>
      <c r="P4817" s="58">
        <f>IF(Input!$K$13=3,J4817*Input!$J$13,0)+IF(Input!$K$14=3,K4817*Input!$J$14,0)+IF(Input!$K$15=3,L4817*Input!$J$15,0)+IF(Input!$K$16=3,M4817*Input!$J$16,0)</f>
        <v>0</v>
      </c>
      <c r="Q4817" s="71">
        <f>IF(Input!$K$13=4,J4817*Input!$J$13,0)+IF(Input!$K$14=4,K4817*Input!$J$14,0)+IF(Input!$K$15=4,L4817*Input!$J$15,0)+IF(Input!$K$16=4,M4817*Input!$J$16,0)</f>
        <v>0</v>
      </c>
    </row>
    <row r="4818" spans="8:17" x14ac:dyDescent="0.25">
      <c r="H4818" s="43">
        <v>4811</v>
      </c>
      <c r="I4818" s="55">
        <f>Bühler!I4844</f>
        <v>0</v>
      </c>
      <c r="J4818" s="58">
        <f>Bühler!J4844</f>
        <v>31.919870432628713</v>
      </c>
      <c r="K4818" s="58">
        <f>Bühler!K4844</f>
        <v>2.7880917312477251</v>
      </c>
      <c r="L4818" s="58">
        <f>Bühler!L4844</f>
        <v>1.3940458656238626</v>
      </c>
      <c r="M4818" s="57">
        <f>Bühler!M4844</f>
        <v>0</v>
      </c>
      <c r="N4818" s="55">
        <f>IF(Input!$K$13=1,J4818*Input!$J$13,0)+IF(Input!$K$14=1,K4818*Input!$J$14,0)+IF(Input!$K$15=1,L4818*Input!$J$15,0)+IF(Input!$K$16=1,M4818*Input!$J$16,0)</f>
        <v>3.8303844519154455</v>
      </c>
      <c r="O4818" s="58">
        <f>IF(Input!$K$13=2,J4818*Input!$J$13,0)+IF(Input!$K$14=2,K4818*Input!$J$14,0)+IF(Input!$K$15=2,L4818*Input!$J$15,0)+IF(Input!$K$16=2,M4818*Input!$J$16,0)</f>
        <v>0.37639238371844286</v>
      </c>
      <c r="P4818" s="58">
        <f>IF(Input!$K$13=3,J4818*Input!$J$13,0)+IF(Input!$K$14=3,K4818*Input!$J$14,0)+IF(Input!$K$15=3,L4818*Input!$J$15,0)+IF(Input!$K$16=3,M4818*Input!$J$16,0)</f>
        <v>0</v>
      </c>
      <c r="Q4818" s="71">
        <f>IF(Input!$K$13=4,J4818*Input!$J$13,0)+IF(Input!$K$14=4,K4818*Input!$J$14,0)+IF(Input!$K$15=4,L4818*Input!$J$15,0)+IF(Input!$K$16=4,M4818*Input!$J$16,0)</f>
        <v>0</v>
      </c>
    </row>
    <row r="4819" spans="8:17" x14ac:dyDescent="0.25">
      <c r="H4819" s="43">
        <v>4812</v>
      </c>
      <c r="I4819" s="55">
        <f>Bühler!I4845</f>
        <v>0</v>
      </c>
      <c r="J4819" s="58">
        <f>Bühler!J4845</f>
        <v>38.194716756991625</v>
      </c>
      <c r="K4819" s="58">
        <f>Bühler!K4845</f>
        <v>3.3361781399545429</v>
      </c>
      <c r="L4819" s="58">
        <f>Bühler!L4845</f>
        <v>1.6680890699772715</v>
      </c>
      <c r="M4819" s="57">
        <f>Bühler!M4845</f>
        <v>0</v>
      </c>
      <c r="N4819" s="55">
        <f>IF(Input!$K$13=1,J4819*Input!$J$13,0)+IF(Input!$K$14=1,K4819*Input!$J$14,0)+IF(Input!$K$15=1,L4819*Input!$J$15,0)+IF(Input!$K$16=1,M4819*Input!$J$16,0)</f>
        <v>4.5833660108389944</v>
      </c>
      <c r="O4819" s="58">
        <f>IF(Input!$K$13=2,J4819*Input!$J$13,0)+IF(Input!$K$14=2,K4819*Input!$J$14,0)+IF(Input!$K$15=2,L4819*Input!$J$15,0)+IF(Input!$K$16=2,M4819*Input!$J$16,0)</f>
        <v>0.4503840488938633</v>
      </c>
      <c r="P4819" s="58">
        <f>IF(Input!$K$13=3,J4819*Input!$J$13,0)+IF(Input!$K$14=3,K4819*Input!$J$14,0)+IF(Input!$K$15=3,L4819*Input!$J$15,0)+IF(Input!$K$16=3,M4819*Input!$J$16,0)</f>
        <v>0</v>
      </c>
      <c r="Q4819" s="71">
        <f>IF(Input!$K$13=4,J4819*Input!$J$13,0)+IF(Input!$K$14=4,K4819*Input!$J$14,0)+IF(Input!$K$15=4,L4819*Input!$J$15,0)+IF(Input!$K$16=4,M4819*Input!$J$16,0)</f>
        <v>0</v>
      </c>
    </row>
    <row r="4820" spans="8:17" x14ac:dyDescent="0.25">
      <c r="H4820" s="43">
        <v>4813</v>
      </c>
      <c r="I4820" s="55">
        <f>Bühler!I4846</f>
        <v>0</v>
      </c>
      <c r="J4820" s="58">
        <f>Bühler!J4846</f>
        <v>38.194716756991625</v>
      </c>
      <c r="K4820" s="58">
        <f>Bühler!K4846</f>
        <v>3.3361781399545429</v>
      </c>
      <c r="L4820" s="58">
        <f>Bühler!L4846</f>
        <v>1.6680890699772715</v>
      </c>
      <c r="M4820" s="57">
        <f>Bühler!M4846</f>
        <v>0</v>
      </c>
      <c r="N4820" s="55">
        <f>IF(Input!$K$13=1,J4820*Input!$J$13,0)+IF(Input!$K$14=1,K4820*Input!$J$14,0)+IF(Input!$K$15=1,L4820*Input!$J$15,0)+IF(Input!$K$16=1,M4820*Input!$J$16,0)</f>
        <v>4.5833660108389944</v>
      </c>
      <c r="O4820" s="58">
        <f>IF(Input!$K$13=2,J4820*Input!$J$13,0)+IF(Input!$K$14=2,K4820*Input!$J$14,0)+IF(Input!$K$15=2,L4820*Input!$J$15,0)+IF(Input!$K$16=2,M4820*Input!$J$16,0)</f>
        <v>0.4503840488938633</v>
      </c>
      <c r="P4820" s="58">
        <f>IF(Input!$K$13=3,J4820*Input!$J$13,0)+IF(Input!$K$14=3,K4820*Input!$J$14,0)+IF(Input!$K$15=3,L4820*Input!$J$15,0)+IF(Input!$K$16=3,M4820*Input!$J$16,0)</f>
        <v>0</v>
      </c>
      <c r="Q4820" s="71">
        <f>IF(Input!$K$13=4,J4820*Input!$J$13,0)+IF(Input!$K$14=4,K4820*Input!$J$14,0)+IF(Input!$K$15=4,L4820*Input!$J$15,0)+IF(Input!$K$16=4,M4820*Input!$J$16,0)</f>
        <v>0</v>
      </c>
    </row>
    <row r="4821" spans="8:17" x14ac:dyDescent="0.25">
      <c r="H4821" s="43">
        <v>4814</v>
      </c>
      <c r="I4821" s="55">
        <f>Bühler!I4847</f>
        <v>0</v>
      </c>
      <c r="J4821" s="58">
        <f>Bühler!J4847</f>
        <v>25.372204702858721</v>
      </c>
      <c r="K4821" s="58">
        <f>Bühler!K4847</f>
        <v>2.216175478684089</v>
      </c>
      <c r="L4821" s="58">
        <f>Bühler!L4847</f>
        <v>1.1080877393420445</v>
      </c>
      <c r="M4821" s="57">
        <f>Bühler!M4847</f>
        <v>0</v>
      </c>
      <c r="N4821" s="55">
        <f>IF(Input!$K$13=1,J4821*Input!$J$13,0)+IF(Input!$K$14=1,K4821*Input!$J$14,0)+IF(Input!$K$15=1,L4821*Input!$J$15,0)+IF(Input!$K$16=1,M4821*Input!$J$16,0)</f>
        <v>3.0446645643430466</v>
      </c>
      <c r="O4821" s="58">
        <f>IF(Input!$K$13=2,J4821*Input!$J$13,0)+IF(Input!$K$14=2,K4821*Input!$J$14,0)+IF(Input!$K$15=2,L4821*Input!$J$15,0)+IF(Input!$K$16=2,M4821*Input!$J$16,0)</f>
        <v>0.29918368962235198</v>
      </c>
      <c r="P4821" s="58">
        <f>IF(Input!$K$13=3,J4821*Input!$J$13,0)+IF(Input!$K$14=3,K4821*Input!$J$14,0)+IF(Input!$K$15=3,L4821*Input!$J$15,0)+IF(Input!$K$16=3,M4821*Input!$J$16,0)</f>
        <v>0</v>
      </c>
      <c r="Q4821" s="71">
        <f>IF(Input!$K$13=4,J4821*Input!$J$13,0)+IF(Input!$K$14=4,K4821*Input!$J$14,0)+IF(Input!$K$15=4,L4821*Input!$J$15,0)+IF(Input!$K$16=4,M4821*Input!$J$16,0)</f>
        <v>0</v>
      </c>
    </row>
    <row r="4822" spans="8:17" x14ac:dyDescent="0.25">
      <c r="H4822" s="43">
        <v>4815</v>
      </c>
      <c r="I4822" s="55">
        <f>Bühler!I4848</f>
        <v>0</v>
      </c>
      <c r="J4822" s="58">
        <f>Bühler!J4848</f>
        <v>38.194716756991625</v>
      </c>
      <c r="K4822" s="58">
        <f>Bühler!K4848</f>
        <v>3.3361781399545429</v>
      </c>
      <c r="L4822" s="58">
        <f>Bühler!L4848</f>
        <v>1.6680890699772715</v>
      </c>
      <c r="M4822" s="57">
        <f>Bühler!M4848</f>
        <v>0</v>
      </c>
      <c r="N4822" s="55">
        <f>IF(Input!$K$13=1,J4822*Input!$J$13,0)+IF(Input!$K$14=1,K4822*Input!$J$14,0)+IF(Input!$K$15=1,L4822*Input!$J$15,0)+IF(Input!$K$16=1,M4822*Input!$J$16,0)</f>
        <v>4.5833660108389944</v>
      </c>
      <c r="O4822" s="58">
        <f>IF(Input!$K$13=2,J4822*Input!$J$13,0)+IF(Input!$K$14=2,K4822*Input!$J$14,0)+IF(Input!$K$15=2,L4822*Input!$J$15,0)+IF(Input!$K$16=2,M4822*Input!$J$16,0)</f>
        <v>0.4503840488938633</v>
      </c>
      <c r="P4822" s="58">
        <f>IF(Input!$K$13=3,J4822*Input!$J$13,0)+IF(Input!$K$14=3,K4822*Input!$J$14,0)+IF(Input!$K$15=3,L4822*Input!$J$15,0)+IF(Input!$K$16=3,M4822*Input!$J$16,0)</f>
        <v>0</v>
      </c>
      <c r="Q4822" s="71">
        <f>IF(Input!$K$13=4,J4822*Input!$J$13,0)+IF(Input!$K$14=4,K4822*Input!$J$14,0)+IF(Input!$K$15=4,L4822*Input!$J$15,0)+IF(Input!$K$16=4,M4822*Input!$J$16,0)</f>
        <v>0</v>
      </c>
    </row>
    <row r="4823" spans="8:17" x14ac:dyDescent="0.25">
      <c r="H4823" s="43">
        <v>4816</v>
      </c>
      <c r="I4823" s="55">
        <f>Bühler!I4849</f>
        <v>0</v>
      </c>
      <c r="J4823" s="58">
        <f>Bühler!J4849</f>
        <v>38.194716756991625</v>
      </c>
      <c r="K4823" s="58">
        <f>Bühler!K4849</f>
        <v>3.3361781399545429</v>
      </c>
      <c r="L4823" s="58">
        <f>Bühler!L4849</f>
        <v>1.6680890699772715</v>
      </c>
      <c r="M4823" s="57">
        <f>Bühler!M4849</f>
        <v>0</v>
      </c>
      <c r="N4823" s="55">
        <f>IF(Input!$K$13=1,J4823*Input!$J$13,0)+IF(Input!$K$14=1,K4823*Input!$J$14,0)+IF(Input!$K$15=1,L4823*Input!$J$15,0)+IF(Input!$K$16=1,M4823*Input!$J$16,0)</f>
        <v>4.5833660108389944</v>
      </c>
      <c r="O4823" s="58">
        <f>IF(Input!$K$13=2,J4823*Input!$J$13,0)+IF(Input!$K$14=2,K4823*Input!$J$14,0)+IF(Input!$K$15=2,L4823*Input!$J$15,0)+IF(Input!$K$16=2,M4823*Input!$J$16,0)</f>
        <v>0.4503840488938633</v>
      </c>
      <c r="P4823" s="58">
        <f>IF(Input!$K$13=3,J4823*Input!$J$13,0)+IF(Input!$K$14=3,K4823*Input!$J$14,0)+IF(Input!$K$15=3,L4823*Input!$J$15,0)+IF(Input!$K$16=3,M4823*Input!$J$16,0)</f>
        <v>0</v>
      </c>
      <c r="Q4823" s="71">
        <f>IF(Input!$K$13=4,J4823*Input!$J$13,0)+IF(Input!$K$14=4,K4823*Input!$J$14,0)+IF(Input!$K$15=4,L4823*Input!$J$15,0)+IF(Input!$K$16=4,M4823*Input!$J$16,0)</f>
        <v>0</v>
      </c>
    </row>
    <row r="4824" spans="8:17" x14ac:dyDescent="0.25">
      <c r="H4824" s="43">
        <v>4817</v>
      </c>
      <c r="I4824" s="55">
        <f>Bühler!I4850</f>
        <v>0</v>
      </c>
      <c r="J4824" s="58">
        <f>Bühler!J4850</f>
        <v>22.507600946084349</v>
      </c>
      <c r="K4824" s="58">
        <f>Bühler!K4850</f>
        <v>1.9659621181874984</v>
      </c>
      <c r="L4824" s="58">
        <f>Bühler!L4850</f>
        <v>0.98298105909374922</v>
      </c>
      <c r="M4824" s="57">
        <f>Bühler!M4850</f>
        <v>0</v>
      </c>
      <c r="N4824" s="55">
        <f>IF(Input!$K$13=1,J4824*Input!$J$13,0)+IF(Input!$K$14=1,K4824*Input!$J$14,0)+IF(Input!$K$15=1,L4824*Input!$J$15,0)+IF(Input!$K$16=1,M4824*Input!$J$16,0)</f>
        <v>2.7009121135301219</v>
      </c>
      <c r="O4824" s="58">
        <f>IF(Input!$K$13=2,J4824*Input!$J$13,0)+IF(Input!$K$14=2,K4824*Input!$J$14,0)+IF(Input!$K$15=2,L4824*Input!$J$15,0)+IF(Input!$K$16=2,M4824*Input!$J$16,0)</f>
        <v>0.26540488595531231</v>
      </c>
      <c r="P4824" s="58">
        <f>IF(Input!$K$13=3,J4824*Input!$J$13,0)+IF(Input!$K$14=3,K4824*Input!$J$14,0)+IF(Input!$K$15=3,L4824*Input!$J$15,0)+IF(Input!$K$16=3,M4824*Input!$J$16,0)</f>
        <v>0</v>
      </c>
      <c r="Q4824" s="71">
        <f>IF(Input!$K$13=4,J4824*Input!$J$13,0)+IF(Input!$K$14=4,K4824*Input!$J$14,0)+IF(Input!$K$15=4,L4824*Input!$J$15,0)+IF(Input!$K$16=4,M4824*Input!$J$16,0)</f>
        <v>0</v>
      </c>
    </row>
    <row r="4825" spans="8:17" x14ac:dyDescent="0.25">
      <c r="H4825" s="43">
        <v>4818</v>
      </c>
      <c r="I4825" s="55">
        <f>Bühler!I4851</f>
        <v>0</v>
      </c>
      <c r="J4825" s="58">
        <f>Bühler!J4851</f>
        <v>9.6063170917986991</v>
      </c>
      <c r="K4825" s="58">
        <f>Bühler!K4851</f>
        <v>0.83907900904289312</v>
      </c>
      <c r="L4825" s="58">
        <f>Bühler!L4851</f>
        <v>0.41953950452144656</v>
      </c>
      <c r="M4825" s="57">
        <f>Bühler!M4851</f>
        <v>0</v>
      </c>
      <c r="N4825" s="55">
        <f>IF(Input!$K$13=1,J4825*Input!$J$13,0)+IF(Input!$K$14=1,K4825*Input!$J$14,0)+IF(Input!$K$15=1,L4825*Input!$J$15,0)+IF(Input!$K$16=1,M4825*Input!$J$16,0)</f>
        <v>1.1527580510158439</v>
      </c>
      <c r="O4825" s="58">
        <f>IF(Input!$K$13=2,J4825*Input!$J$13,0)+IF(Input!$K$14=2,K4825*Input!$J$14,0)+IF(Input!$K$15=2,L4825*Input!$J$15,0)+IF(Input!$K$16=2,M4825*Input!$J$16,0)</f>
        <v>0.11327566622079056</v>
      </c>
      <c r="P4825" s="58">
        <f>IF(Input!$K$13=3,J4825*Input!$J$13,0)+IF(Input!$K$14=3,K4825*Input!$J$14,0)+IF(Input!$K$15=3,L4825*Input!$J$15,0)+IF(Input!$K$16=3,M4825*Input!$J$16,0)</f>
        <v>0</v>
      </c>
      <c r="Q4825" s="71">
        <f>IF(Input!$K$13=4,J4825*Input!$J$13,0)+IF(Input!$K$14=4,K4825*Input!$J$14,0)+IF(Input!$K$15=4,L4825*Input!$J$15,0)+IF(Input!$K$16=4,M4825*Input!$J$16,0)</f>
        <v>0</v>
      </c>
    </row>
    <row r="4826" spans="8:17" x14ac:dyDescent="0.25">
      <c r="H4826" s="43">
        <v>4819</v>
      </c>
      <c r="I4826" s="55">
        <f>Bühler!I4852</f>
        <v>0</v>
      </c>
      <c r="J4826" s="58">
        <f>Bühler!J4852</f>
        <v>6.3401692805871406</v>
      </c>
      <c r="K4826" s="58">
        <f>Bühler!K4852</f>
        <v>0.5537921459683095</v>
      </c>
      <c r="L4826" s="58">
        <f>Bühler!L4852</f>
        <v>0.27689607298415475</v>
      </c>
      <c r="M4826" s="57">
        <f>Bühler!M4852</f>
        <v>0</v>
      </c>
      <c r="N4826" s="55">
        <f>IF(Input!$K$13=1,J4826*Input!$J$13,0)+IF(Input!$K$14=1,K4826*Input!$J$14,0)+IF(Input!$K$15=1,L4826*Input!$J$15,0)+IF(Input!$K$16=1,M4826*Input!$J$16,0)</f>
        <v>0.76082031367045688</v>
      </c>
      <c r="O4826" s="58">
        <f>IF(Input!$K$13=2,J4826*Input!$J$13,0)+IF(Input!$K$14=2,K4826*Input!$J$14,0)+IF(Input!$K$15=2,L4826*Input!$J$15,0)+IF(Input!$K$16=2,M4826*Input!$J$16,0)</f>
        <v>7.4761939705721786E-2</v>
      </c>
      <c r="P4826" s="58">
        <f>IF(Input!$K$13=3,J4826*Input!$J$13,0)+IF(Input!$K$14=3,K4826*Input!$J$14,0)+IF(Input!$K$15=3,L4826*Input!$J$15,0)+IF(Input!$K$16=3,M4826*Input!$J$16,0)</f>
        <v>0</v>
      </c>
      <c r="Q4826" s="71">
        <f>IF(Input!$K$13=4,J4826*Input!$J$13,0)+IF(Input!$K$14=4,K4826*Input!$J$14,0)+IF(Input!$K$15=4,L4826*Input!$J$15,0)+IF(Input!$K$16=4,M4826*Input!$J$16,0)</f>
        <v>0</v>
      </c>
    </row>
    <row r="4827" spans="8:17" x14ac:dyDescent="0.25">
      <c r="H4827" s="43">
        <v>4820</v>
      </c>
      <c r="I4827" s="55">
        <f>Bühler!I4853</f>
        <v>0</v>
      </c>
      <c r="J4827" s="58">
        <f>Bühler!J4853</f>
        <v>6.3401692805871406</v>
      </c>
      <c r="K4827" s="58">
        <f>Bühler!K4853</f>
        <v>0.5537921459683095</v>
      </c>
      <c r="L4827" s="58">
        <f>Bühler!L4853</f>
        <v>0.27689607298415475</v>
      </c>
      <c r="M4827" s="57">
        <f>Bühler!M4853</f>
        <v>0</v>
      </c>
      <c r="N4827" s="55">
        <f>IF(Input!$K$13=1,J4827*Input!$J$13,0)+IF(Input!$K$14=1,K4827*Input!$J$14,0)+IF(Input!$K$15=1,L4827*Input!$J$15,0)+IF(Input!$K$16=1,M4827*Input!$J$16,0)</f>
        <v>0.76082031367045688</v>
      </c>
      <c r="O4827" s="58">
        <f>IF(Input!$K$13=2,J4827*Input!$J$13,0)+IF(Input!$K$14=2,K4827*Input!$J$14,0)+IF(Input!$K$15=2,L4827*Input!$J$15,0)+IF(Input!$K$16=2,M4827*Input!$J$16,0)</f>
        <v>7.4761939705721786E-2</v>
      </c>
      <c r="P4827" s="58">
        <f>IF(Input!$K$13=3,J4827*Input!$J$13,0)+IF(Input!$K$14=3,K4827*Input!$J$14,0)+IF(Input!$K$15=3,L4827*Input!$J$15,0)+IF(Input!$K$16=3,M4827*Input!$J$16,0)</f>
        <v>0</v>
      </c>
      <c r="Q4827" s="71">
        <f>IF(Input!$K$13=4,J4827*Input!$J$13,0)+IF(Input!$K$14=4,K4827*Input!$J$14,0)+IF(Input!$K$15=4,L4827*Input!$J$15,0)+IF(Input!$K$16=4,M4827*Input!$J$16,0)</f>
        <v>0</v>
      </c>
    </row>
    <row r="4828" spans="8:17" x14ac:dyDescent="0.25">
      <c r="H4828" s="43">
        <v>4821</v>
      </c>
      <c r="I4828" s="55">
        <f>Bühler!I4854</f>
        <v>0</v>
      </c>
      <c r="J4828" s="58">
        <f>Bühler!J4854</f>
        <v>6.3401692805871406</v>
      </c>
      <c r="K4828" s="58">
        <f>Bühler!K4854</f>
        <v>0.5537921459683095</v>
      </c>
      <c r="L4828" s="58">
        <f>Bühler!L4854</f>
        <v>0.27689607298415475</v>
      </c>
      <c r="M4828" s="57">
        <f>Bühler!M4854</f>
        <v>0</v>
      </c>
      <c r="N4828" s="55">
        <f>IF(Input!$K$13=1,J4828*Input!$J$13,0)+IF(Input!$K$14=1,K4828*Input!$J$14,0)+IF(Input!$K$15=1,L4828*Input!$J$15,0)+IF(Input!$K$16=1,M4828*Input!$J$16,0)</f>
        <v>0.76082031367045688</v>
      </c>
      <c r="O4828" s="58">
        <f>IF(Input!$K$13=2,J4828*Input!$J$13,0)+IF(Input!$K$14=2,K4828*Input!$J$14,0)+IF(Input!$K$15=2,L4828*Input!$J$15,0)+IF(Input!$K$16=2,M4828*Input!$J$16,0)</f>
        <v>7.4761939705721786E-2</v>
      </c>
      <c r="P4828" s="58">
        <f>IF(Input!$K$13=3,J4828*Input!$J$13,0)+IF(Input!$K$14=3,K4828*Input!$J$14,0)+IF(Input!$K$15=3,L4828*Input!$J$15,0)+IF(Input!$K$16=3,M4828*Input!$J$16,0)</f>
        <v>0</v>
      </c>
      <c r="Q4828" s="71">
        <f>IF(Input!$K$13=4,J4828*Input!$J$13,0)+IF(Input!$K$14=4,K4828*Input!$J$14,0)+IF(Input!$K$15=4,L4828*Input!$J$15,0)+IF(Input!$K$16=4,M4828*Input!$J$16,0)</f>
        <v>0</v>
      </c>
    </row>
    <row r="4829" spans="8:17" x14ac:dyDescent="0.25">
      <c r="H4829" s="43">
        <v>4822</v>
      </c>
      <c r="I4829" s="55">
        <f>Bühler!I4855</f>
        <v>0</v>
      </c>
      <c r="J4829" s="58">
        <f>Bühler!J4855</f>
        <v>6.3401692805871406</v>
      </c>
      <c r="K4829" s="58">
        <f>Bühler!K4855</f>
        <v>0.5537921459683095</v>
      </c>
      <c r="L4829" s="58">
        <f>Bühler!L4855</f>
        <v>0.27689607298415475</v>
      </c>
      <c r="M4829" s="57">
        <f>Bühler!M4855</f>
        <v>0</v>
      </c>
      <c r="N4829" s="55">
        <f>IF(Input!$K$13=1,J4829*Input!$J$13,0)+IF(Input!$K$14=1,K4829*Input!$J$14,0)+IF(Input!$K$15=1,L4829*Input!$J$15,0)+IF(Input!$K$16=1,M4829*Input!$J$16,0)</f>
        <v>0.76082031367045688</v>
      </c>
      <c r="O4829" s="58">
        <f>IF(Input!$K$13=2,J4829*Input!$J$13,0)+IF(Input!$K$14=2,K4829*Input!$J$14,0)+IF(Input!$K$15=2,L4829*Input!$J$15,0)+IF(Input!$K$16=2,M4829*Input!$J$16,0)</f>
        <v>7.4761939705721786E-2</v>
      </c>
      <c r="P4829" s="58">
        <f>IF(Input!$K$13=3,J4829*Input!$J$13,0)+IF(Input!$K$14=3,K4829*Input!$J$14,0)+IF(Input!$K$15=3,L4829*Input!$J$15,0)+IF(Input!$K$16=3,M4829*Input!$J$16,0)</f>
        <v>0</v>
      </c>
      <c r="Q4829" s="71">
        <f>IF(Input!$K$13=4,J4829*Input!$J$13,0)+IF(Input!$K$14=4,K4829*Input!$J$14,0)+IF(Input!$K$15=4,L4829*Input!$J$15,0)+IF(Input!$K$16=4,M4829*Input!$J$16,0)</f>
        <v>0</v>
      </c>
    </row>
    <row r="4830" spans="8:17" x14ac:dyDescent="0.25">
      <c r="H4830" s="43">
        <v>4823</v>
      </c>
      <c r="I4830" s="55">
        <f>Bühler!I4856</f>
        <v>0</v>
      </c>
      <c r="J4830" s="58">
        <f>Bühler!J4856</f>
        <v>6.3401692805871406</v>
      </c>
      <c r="K4830" s="58">
        <f>Bühler!K4856</f>
        <v>0.5537921459683095</v>
      </c>
      <c r="L4830" s="58">
        <f>Bühler!L4856</f>
        <v>0.27689607298415475</v>
      </c>
      <c r="M4830" s="57">
        <f>Bühler!M4856</f>
        <v>0</v>
      </c>
      <c r="N4830" s="55">
        <f>IF(Input!$K$13=1,J4830*Input!$J$13,0)+IF(Input!$K$14=1,K4830*Input!$J$14,0)+IF(Input!$K$15=1,L4830*Input!$J$15,0)+IF(Input!$K$16=1,M4830*Input!$J$16,0)</f>
        <v>0.76082031367045688</v>
      </c>
      <c r="O4830" s="58">
        <f>IF(Input!$K$13=2,J4830*Input!$J$13,0)+IF(Input!$K$14=2,K4830*Input!$J$14,0)+IF(Input!$K$15=2,L4830*Input!$J$15,0)+IF(Input!$K$16=2,M4830*Input!$J$16,0)</f>
        <v>7.4761939705721786E-2</v>
      </c>
      <c r="P4830" s="58">
        <f>IF(Input!$K$13=3,J4830*Input!$J$13,0)+IF(Input!$K$14=3,K4830*Input!$J$14,0)+IF(Input!$K$15=3,L4830*Input!$J$15,0)+IF(Input!$K$16=3,M4830*Input!$J$16,0)</f>
        <v>0</v>
      </c>
      <c r="Q4830" s="71">
        <f>IF(Input!$K$13=4,J4830*Input!$J$13,0)+IF(Input!$K$14=4,K4830*Input!$J$14,0)+IF(Input!$K$15=4,L4830*Input!$J$15,0)+IF(Input!$K$16=4,M4830*Input!$J$16,0)</f>
        <v>0</v>
      </c>
    </row>
    <row r="4831" spans="8:17" x14ac:dyDescent="0.25">
      <c r="H4831" s="43">
        <v>4824</v>
      </c>
      <c r="I4831" s="55">
        <f>Bühler!I4857</f>
        <v>0</v>
      </c>
      <c r="J4831" s="58">
        <f>Bühler!J4857</f>
        <v>6.3401692805871406</v>
      </c>
      <c r="K4831" s="58">
        <f>Bühler!K4857</f>
        <v>0.5537921459683095</v>
      </c>
      <c r="L4831" s="58">
        <f>Bühler!L4857</f>
        <v>0.27689607298415475</v>
      </c>
      <c r="M4831" s="57">
        <f>Bühler!M4857</f>
        <v>0</v>
      </c>
      <c r="N4831" s="55">
        <f>IF(Input!$K$13=1,J4831*Input!$J$13,0)+IF(Input!$K$14=1,K4831*Input!$J$14,0)+IF(Input!$K$15=1,L4831*Input!$J$15,0)+IF(Input!$K$16=1,M4831*Input!$J$16,0)</f>
        <v>0.76082031367045688</v>
      </c>
      <c r="O4831" s="58">
        <f>IF(Input!$K$13=2,J4831*Input!$J$13,0)+IF(Input!$K$14=2,K4831*Input!$J$14,0)+IF(Input!$K$15=2,L4831*Input!$J$15,0)+IF(Input!$K$16=2,M4831*Input!$J$16,0)</f>
        <v>7.4761939705721786E-2</v>
      </c>
      <c r="P4831" s="58">
        <f>IF(Input!$K$13=3,J4831*Input!$J$13,0)+IF(Input!$K$14=3,K4831*Input!$J$14,0)+IF(Input!$K$15=3,L4831*Input!$J$15,0)+IF(Input!$K$16=3,M4831*Input!$J$16,0)</f>
        <v>0</v>
      </c>
      <c r="Q4831" s="71">
        <f>IF(Input!$K$13=4,J4831*Input!$J$13,0)+IF(Input!$K$14=4,K4831*Input!$J$14,0)+IF(Input!$K$15=4,L4831*Input!$J$15,0)+IF(Input!$K$16=4,M4831*Input!$J$16,0)</f>
        <v>0</v>
      </c>
    </row>
    <row r="4832" spans="8:17" x14ac:dyDescent="0.25">
      <c r="H4832" s="43">
        <v>4825</v>
      </c>
      <c r="I4832" s="55">
        <f>Bühler!I4858</f>
        <v>1.8151454633117993E-2</v>
      </c>
      <c r="J4832" s="58">
        <f>Bühler!J4858</f>
        <v>10.059076919198805</v>
      </c>
      <c r="K4832" s="58">
        <f>Bühler!K4858</f>
        <v>0.8602208518044514</v>
      </c>
      <c r="L4832" s="58">
        <f>Bühler!L4858</f>
        <v>0.4301104259022257</v>
      </c>
      <c r="M4832" s="57">
        <f>Bühler!M4858</f>
        <v>0</v>
      </c>
      <c r="N4832" s="55">
        <f>IF(Input!$K$13=1,J4832*Input!$J$13,0)+IF(Input!$K$14=1,K4832*Input!$J$14,0)+IF(Input!$K$15=1,L4832*Input!$J$15,0)+IF(Input!$K$16=1,M4832*Input!$J$16,0)</f>
        <v>1.2070892303038565</v>
      </c>
      <c r="O4832" s="58">
        <f>IF(Input!$K$13=2,J4832*Input!$J$13,0)+IF(Input!$K$14=2,K4832*Input!$J$14,0)+IF(Input!$K$15=2,L4832*Input!$J$15,0)+IF(Input!$K$16=2,M4832*Input!$J$16,0)</f>
        <v>0.11612981499360092</v>
      </c>
      <c r="P4832" s="58">
        <f>IF(Input!$K$13=3,J4832*Input!$J$13,0)+IF(Input!$K$14=3,K4832*Input!$J$14,0)+IF(Input!$K$15=3,L4832*Input!$J$15,0)+IF(Input!$K$16=3,M4832*Input!$J$16,0)</f>
        <v>0</v>
      </c>
      <c r="Q4832" s="71">
        <f>IF(Input!$K$13=4,J4832*Input!$J$13,0)+IF(Input!$K$14=4,K4832*Input!$J$14,0)+IF(Input!$K$15=4,L4832*Input!$J$15,0)+IF(Input!$K$16=4,M4832*Input!$J$16,0)</f>
        <v>0</v>
      </c>
    </row>
    <row r="4833" spans="8:17" x14ac:dyDescent="0.25">
      <c r="H4833" s="43">
        <v>4826</v>
      </c>
      <c r="I4833" s="55">
        <f>Bühler!I4859</f>
        <v>1.8151454633117993E-2</v>
      </c>
      <c r="J4833" s="58">
        <f>Bühler!J4859</f>
        <v>6.1041567081836128</v>
      </c>
      <c r="K4833" s="58">
        <f>Bühler!K4859</f>
        <v>0.52134597079057676</v>
      </c>
      <c r="L4833" s="58">
        <f>Bühler!L4859</f>
        <v>0.26067298539528838</v>
      </c>
      <c r="M4833" s="57">
        <f>Bühler!M4859</f>
        <v>0</v>
      </c>
      <c r="N4833" s="55">
        <f>IF(Input!$K$13=1,J4833*Input!$J$13,0)+IF(Input!$K$14=1,K4833*Input!$J$14,0)+IF(Input!$K$15=1,L4833*Input!$J$15,0)+IF(Input!$K$16=1,M4833*Input!$J$16,0)</f>
        <v>0.73249880498203346</v>
      </c>
      <c r="O4833" s="58">
        <f>IF(Input!$K$13=2,J4833*Input!$J$13,0)+IF(Input!$K$14=2,K4833*Input!$J$14,0)+IF(Input!$K$15=2,L4833*Input!$J$15,0)+IF(Input!$K$16=2,M4833*Input!$J$16,0)</f>
        <v>7.0381706056727861E-2</v>
      </c>
      <c r="P4833" s="58">
        <f>IF(Input!$K$13=3,J4833*Input!$J$13,0)+IF(Input!$K$14=3,K4833*Input!$J$14,0)+IF(Input!$K$15=3,L4833*Input!$J$15,0)+IF(Input!$K$16=3,M4833*Input!$J$16,0)</f>
        <v>0</v>
      </c>
      <c r="Q4833" s="71">
        <f>IF(Input!$K$13=4,J4833*Input!$J$13,0)+IF(Input!$K$14=4,K4833*Input!$J$14,0)+IF(Input!$K$15=4,L4833*Input!$J$15,0)+IF(Input!$K$16=4,M4833*Input!$J$16,0)</f>
        <v>0</v>
      </c>
    </row>
    <row r="4834" spans="8:17" x14ac:dyDescent="0.25">
      <c r="H4834" s="43">
        <v>4827</v>
      </c>
      <c r="I4834" s="55">
        <f>Bühler!I4860</f>
        <v>1.8151454633117993E-2</v>
      </c>
      <c r="J4834" s="58">
        <f>Bühler!J4860</f>
        <v>6.1041567081836128</v>
      </c>
      <c r="K4834" s="58">
        <f>Bühler!K4860</f>
        <v>0.52134597079057676</v>
      </c>
      <c r="L4834" s="58">
        <f>Bühler!L4860</f>
        <v>0.26067298539528838</v>
      </c>
      <c r="M4834" s="57">
        <f>Bühler!M4860</f>
        <v>0</v>
      </c>
      <c r="N4834" s="55">
        <f>IF(Input!$K$13=1,J4834*Input!$J$13,0)+IF(Input!$K$14=1,K4834*Input!$J$14,0)+IF(Input!$K$15=1,L4834*Input!$J$15,0)+IF(Input!$K$16=1,M4834*Input!$J$16,0)</f>
        <v>0.73249880498203346</v>
      </c>
      <c r="O4834" s="58">
        <f>IF(Input!$K$13=2,J4834*Input!$J$13,0)+IF(Input!$K$14=2,K4834*Input!$J$14,0)+IF(Input!$K$15=2,L4834*Input!$J$15,0)+IF(Input!$K$16=2,M4834*Input!$J$16,0)</f>
        <v>7.0381706056727861E-2</v>
      </c>
      <c r="P4834" s="58">
        <f>IF(Input!$K$13=3,J4834*Input!$J$13,0)+IF(Input!$K$14=3,K4834*Input!$J$14,0)+IF(Input!$K$15=3,L4834*Input!$J$15,0)+IF(Input!$K$16=3,M4834*Input!$J$16,0)</f>
        <v>0</v>
      </c>
      <c r="Q4834" s="71">
        <f>IF(Input!$K$13=4,J4834*Input!$J$13,0)+IF(Input!$K$14=4,K4834*Input!$J$14,0)+IF(Input!$K$15=4,L4834*Input!$J$15,0)+IF(Input!$K$16=4,M4834*Input!$J$16,0)</f>
        <v>0</v>
      </c>
    </row>
    <row r="4835" spans="8:17" x14ac:dyDescent="0.25">
      <c r="H4835" s="43">
        <v>4828</v>
      </c>
      <c r="I4835" s="55">
        <f>Bühler!I4861</f>
        <v>1.8151454633117993E-2</v>
      </c>
      <c r="J4835" s="58">
        <f>Bühler!J4861</f>
        <v>6.1041567081836128</v>
      </c>
      <c r="K4835" s="58">
        <f>Bühler!K4861</f>
        <v>0.52134597079057676</v>
      </c>
      <c r="L4835" s="58">
        <f>Bühler!L4861</f>
        <v>0.26067298539528838</v>
      </c>
      <c r="M4835" s="57">
        <f>Bühler!M4861</f>
        <v>0</v>
      </c>
      <c r="N4835" s="55">
        <f>IF(Input!$K$13=1,J4835*Input!$J$13,0)+IF(Input!$K$14=1,K4835*Input!$J$14,0)+IF(Input!$K$15=1,L4835*Input!$J$15,0)+IF(Input!$K$16=1,M4835*Input!$J$16,0)</f>
        <v>0.73249880498203346</v>
      </c>
      <c r="O4835" s="58">
        <f>IF(Input!$K$13=2,J4835*Input!$J$13,0)+IF(Input!$K$14=2,K4835*Input!$J$14,0)+IF(Input!$K$15=2,L4835*Input!$J$15,0)+IF(Input!$K$16=2,M4835*Input!$J$16,0)</f>
        <v>7.0381706056727861E-2</v>
      </c>
      <c r="P4835" s="58">
        <f>IF(Input!$K$13=3,J4835*Input!$J$13,0)+IF(Input!$K$14=3,K4835*Input!$J$14,0)+IF(Input!$K$15=3,L4835*Input!$J$15,0)+IF(Input!$K$16=3,M4835*Input!$J$16,0)</f>
        <v>0</v>
      </c>
      <c r="Q4835" s="71">
        <f>IF(Input!$K$13=4,J4835*Input!$J$13,0)+IF(Input!$K$14=4,K4835*Input!$J$14,0)+IF(Input!$K$15=4,L4835*Input!$J$15,0)+IF(Input!$K$16=4,M4835*Input!$J$16,0)</f>
        <v>0</v>
      </c>
    </row>
    <row r="4836" spans="8:17" x14ac:dyDescent="0.25">
      <c r="H4836" s="43">
        <v>4829</v>
      </c>
      <c r="I4836" s="55">
        <f>Bühler!I4862</f>
        <v>1.8151454633117993E-2</v>
      </c>
      <c r="J4836" s="58">
        <f>Bühler!J4862</f>
        <v>6.1041567081836128</v>
      </c>
      <c r="K4836" s="58">
        <f>Bühler!K4862</f>
        <v>0.52134597079057676</v>
      </c>
      <c r="L4836" s="58">
        <f>Bühler!L4862</f>
        <v>0.26067298539528838</v>
      </c>
      <c r="M4836" s="57">
        <f>Bühler!M4862</f>
        <v>0</v>
      </c>
      <c r="N4836" s="55">
        <f>IF(Input!$K$13=1,J4836*Input!$J$13,0)+IF(Input!$K$14=1,K4836*Input!$J$14,0)+IF(Input!$K$15=1,L4836*Input!$J$15,0)+IF(Input!$K$16=1,M4836*Input!$J$16,0)</f>
        <v>0.73249880498203346</v>
      </c>
      <c r="O4836" s="58">
        <f>IF(Input!$K$13=2,J4836*Input!$J$13,0)+IF(Input!$K$14=2,K4836*Input!$J$14,0)+IF(Input!$K$15=2,L4836*Input!$J$15,0)+IF(Input!$K$16=2,M4836*Input!$J$16,0)</f>
        <v>7.0381706056727861E-2</v>
      </c>
      <c r="P4836" s="58">
        <f>IF(Input!$K$13=3,J4836*Input!$J$13,0)+IF(Input!$K$14=3,K4836*Input!$J$14,0)+IF(Input!$K$15=3,L4836*Input!$J$15,0)+IF(Input!$K$16=3,M4836*Input!$J$16,0)</f>
        <v>0</v>
      </c>
      <c r="Q4836" s="71">
        <f>IF(Input!$K$13=4,J4836*Input!$J$13,0)+IF(Input!$K$14=4,K4836*Input!$J$14,0)+IF(Input!$K$15=4,L4836*Input!$J$15,0)+IF(Input!$K$16=4,M4836*Input!$J$16,0)</f>
        <v>0</v>
      </c>
    </row>
    <row r="4837" spans="8:17" x14ac:dyDescent="0.25">
      <c r="H4837" s="43">
        <v>4830</v>
      </c>
      <c r="I4837" s="55">
        <f>Bühler!I4863</f>
        <v>1.8151454633117993E-2</v>
      </c>
      <c r="J4837" s="58">
        <f>Bühler!J4863</f>
        <v>6.1041567081836128</v>
      </c>
      <c r="K4837" s="58">
        <f>Bühler!K4863</f>
        <v>0.52134597079057676</v>
      </c>
      <c r="L4837" s="58">
        <f>Bühler!L4863</f>
        <v>0.26067298539528838</v>
      </c>
      <c r="M4837" s="57">
        <f>Bühler!M4863</f>
        <v>0</v>
      </c>
      <c r="N4837" s="55">
        <f>IF(Input!$K$13=1,J4837*Input!$J$13,0)+IF(Input!$K$14=1,K4837*Input!$J$14,0)+IF(Input!$K$15=1,L4837*Input!$J$15,0)+IF(Input!$K$16=1,M4837*Input!$J$16,0)</f>
        <v>0.73249880498203346</v>
      </c>
      <c r="O4837" s="58">
        <f>IF(Input!$K$13=2,J4837*Input!$J$13,0)+IF(Input!$K$14=2,K4837*Input!$J$14,0)+IF(Input!$K$15=2,L4837*Input!$J$15,0)+IF(Input!$K$16=2,M4837*Input!$J$16,0)</f>
        <v>7.0381706056727861E-2</v>
      </c>
      <c r="P4837" s="58">
        <f>IF(Input!$K$13=3,J4837*Input!$J$13,0)+IF(Input!$K$14=3,K4837*Input!$J$14,0)+IF(Input!$K$15=3,L4837*Input!$J$15,0)+IF(Input!$K$16=3,M4837*Input!$J$16,0)</f>
        <v>0</v>
      </c>
      <c r="Q4837" s="71">
        <f>IF(Input!$K$13=4,J4837*Input!$J$13,0)+IF(Input!$K$14=4,K4837*Input!$J$14,0)+IF(Input!$K$15=4,L4837*Input!$J$15,0)+IF(Input!$K$16=4,M4837*Input!$J$16,0)</f>
        <v>0</v>
      </c>
    </row>
    <row r="4838" spans="8:17" x14ac:dyDescent="0.25">
      <c r="H4838" s="43">
        <v>4831</v>
      </c>
      <c r="I4838" s="55">
        <f>Bühler!I4864</f>
        <v>1.8151454633117993E-2</v>
      </c>
      <c r="J4838" s="58">
        <f>Bühler!J4864</f>
        <v>6.1041567081836128</v>
      </c>
      <c r="K4838" s="58">
        <f>Bühler!K4864</f>
        <v>0.52134597079057676</v>
      </c>
      <c r="L4838" s="58">
        <f>Bühler!L4864</f>
        <v>0.26067298539528838</v>
      </c>
      <c r="M4838" s="57">
        <f>Bühler!M4864</f>
        <v>0</v>
      </c>
      <c r="N4838" s="55">
        <f>IF(Input!$K$13=1,J4838*Input!$J$13,0)+IF(Input!$K$14=1,K4838*Input!$J$14,0)+IF(Input!$K$15=1,L4838*Input!$J$15,0)+IF(Input!$K$16=1,M4838*Input!$J$16,0)</f>
        <v>0.73249880498203346</v>
      </c>
      <c r="O4838" s="58">
        <f>IF(Input!$K$13=2,J4838*Input!$J$13,0)+IF(Input!$K$14=2,K4838*Input!$J$14,0)+IF(Input!$K$15=2,L4838*Input!$J$15,0)+IF(Input!$K$16=2,M4838*Input!$J$16,0)</f>
        <v>7.0381706056727861E-2</v>
      </c>
      <c r="P4838" s="58">
        <f>IF(Input!$K$13=3,J4838*Input!$J$13,0)+IF(Input!$K$14=3,K4838*Input!$J$14,0)+IF(Input!$K$15=3,L4838*Input!$J$15,0)+IF(Input!$K$16=3,M4838*Input!$J$16,0)</f>
        <v>0</v>
      </c>
      <c r="Q4838" s="71">
        <f>IF(Input!$K$13=4,J4838*Input!$J$13,0)+IF(Input!$K$14=4,K4838*Input!$J$14,0)+IF(Input!$K$15=4,L4838*Input!$J$15,0)+IF(Input!$K$16=4,M4838*Input!$J$16,0)</f>
        <v>0</v>
      </c>
    </row>
    <row r="4839" spans="8:17" x14ac:dyDescent="0.25">
      <c r="H4839" s="43">
        <v>4832</v>
      </c>
      <c r="I4839" s="55">
        <f>Bühler!I4865</f>
        <v>4.9184586747803599E-2</v>
      </c>
      <c r="J4839" s="58">
        <f>Bühler!J4865</f>
        <v>25.973221916040465</v>
      </c>
      <c r="K4839" s="58">
        <f>Bühler!K4865</f>
        <v>2.2209338355678563</v>
      </c>
      <c r="L4839" s="58">
        <f>Bühler!L4865</f>
        <v>1.1104669177839281</v>
      </c>
      <c r="M4839" s="57">
        <f>Bühler!M4865</f>
        <v>0</v>
      </c>
      <c r="N4839" s="55">
        <f>IF(Input!$K$13=1,J4839*Input!$J$13,0)+IF(Input!$K$14=1,K4839*Input!$J$14,0)+IF(Input!$K$15=1,L4839*Input!$J$15,0)+IF(Input!$K$16=1,M4839*Input!$J$16,0)</f>
        <v>3.1167866299248557</v>
      </c>
      <c r="O4839" s="58">
        <f>IF(Input!$K$13=2,J4839*Input!$J$13,0)+IF(Input!$K$14=2,K4839*Input!$J$14,0)+IF(Input!$K$15=2,L4839*Input!$J$15,0)+IF(Input!$K$16=2,M4839*Input!$J$16,0)</f>
        <v>0.29982606780166055</v>
      </c>
      <c r="P4839" s="58">
        <f>IF(Input!$K$13=3,J4839*Input!$J$13,0)+IF(Input!$K$14=3,K4839*Input!$J$14,0)+IF(Input!$K$15=3,L4839*Input!$J$15,0)+IF(Input!$K$16=3,M4839*Input!$J$16,0)</f>
        <v>0</v>
      </c>
      <c r="Q4839" s="71">
        <f>IF(Input!$K$13=4,J4839*Input!$J$13,0)+IF(Input!$K$14=4,K4839*Input!$J$14,0)+IF(Input!$K$15=4,L4839*Input!$J$15,0)+IF(Input!$K$16=4,M4839*Input!$J$16,0)</f>
        <v>0</v>
      </c>
    </row>
    <row r="4840" spans="8:17" x14ac:dyDescent="0.25">
      <c r="H4840" s="43">
        <v>4833</v>
      </c>
      <c r="I4840" s="55">
        <f>Bühler!I4866</f>
        <v>6.1480733434754499E-2</v>
      </c>
      <c r="J4840" s="58">
        <f>Bühler!J4866</f>
        <v>32.466527395050583</v>
      </c>
      <c r="K4840" s="58">
        <f>Bühler!K4866</f>
        <v>2.7761672944598206</v>
      </c>
      <c r="L4840" s="58">
        <f>Bühler!L4866</f>
        <v>1.3880836472299103</v>
      </c>
      <c r="M4840" s="57">
        <f>Bühler!M4866</f>
        <v>0</v>
      </c>
      <c r="N4840" s="55">
        <f>IF(Input!$K$13=1,J4840*Input!$J$13,0)+IF(Input!$K$14=1,K4840*Input!$J$14,0)+IF(Input!$K$15=1,L4840*Input!$J$15,0)+IF(Input!$K$16=1,M4840*Input!$J$16,0)</f>
        <v>3.8959832874060698</v>
      </c>
      <c r="O4840" s="58">
        <f>IF(Input!$K$13=2,J4840*Input!$J$13,0)+IF(Input!$K$14=2,K4840*Input!$J$14,0)+IF(Input!$K$15=2,L4840*Input!$J$15,0)+IF(Input!$K$16=2,M4840*Input!$J$16,0)</f>
        <v>0.37478258475207576</v>
      </c>
      <c r="P4840" s="58">
        <f>IF(Input!$K$13=3,J4840*Input!$J$13,0)+IF(Input!$K$14=3,K4840*Input!$J$14,0)+IF(Input!$K$15=3,L4840*Input!$J$15,0)+IF(Input!$K$16=3,M4840*Input!$J$16,0)</f>
        <v>0</v>
      </c>
      <c r="Q4840" s="71">
        <f>IF(Input!$K$13=4,J4840*Input!$J$13,0)+IF(Input!$K$14=4,K4840*Input!$J$14,0)+IF(Input!$K$15=4,L4840*Input!$J$15,0)+IF(Input!$K$16=4,M4840*Input!$J$16,0)</f>
        <v>0</v>
      </c>
    </row>
    <row r="4841" spans="8:17" x14ac:dyDescent="0.25">
      <c r="H4841" s="43">
        <v>4834</v>
      </c>
      <c r="I4841" s="55">
        <f>Bühler!I4867</f>
        <v>6.7628806778229952E-2</v>
      </c>
      <c r="J4841" s="58">
        <f>Bühler!J4867</f>
        <v>35.71318013455565</v>
      </c>
      <c r="K4841" s="58">
        <f>Bühler!K4867</f>
        <v>3.0537840239058025</v>
      </c>
      <c r="L4841" s="58">
        <f>Bühler!L4867</f>
        <v>1.5268920119529013</v>
      </c>
      <c r="M4841" s="57">
        <f>Bühler!M4867</f>
        <v>0</v>
      </c>
      <c r="N4841" s="55">
        <f>IF(Input!$K$13=1,J4841*Input!$J$13,0)+IF(Input!$K$14=1,K4841*Input!$J$14,0)+IF(Input!$K$15=1,L4841*Input!$J$15,0)+IF(Input!$K$16=1,M4841*Input!$J$16,0)</f>
        <v>4.2855816161466782</v>
      </c>
      <c r="O4841" s="58">
        <f>IF(Input!$K$13=2,J4841*Input!$J$13,0)+IF(Input!$K$14=2,K4841*Input!$J$14,0)+IF(Input!$K$15=2,L4841*Input!$J$15,0)+IF(Input!$K$16=2,M4841*Input!$J$16,0)</f>
        <v>0.41226084322728329</v>
      </c>
      <c r="P4841" s="58">
        <f>IF(Input!$K$13=3,J4841*Input!$J$13,0)+IF(Input!$K$14=3,K4841*Input!$J$14,0)+IF(Input!$K$15=3,L4841*Input!$J$15,0)+IF(Input!$K$16=3,M4841*Input!$J$16,0)</f>
        <v>0</v>
      </c>
      <c r="Q4841" s="71">
        <f>IF(Input!$K$13=4,J4841*Input!$J$13,0)+IF(Input!$K$14=4,K4841*Input!$J$14,0)+IF(Input!$K$15=4,L4841*Input!$J$15,0)+IF(Input!$K$16=4,M4841*Input!$J$16,0)</f>
        <v>0</v>
      </c>
    </row>
    <row r="4842" spans="8:17" x14ac:dyDescent="0.25">
      <c r="H4842" s="43">
        <v>4835</v>
      </c>
      <c r="I4842" s="55">
        <f>Bühler!I4868</f>
        <v>6.7628806778229952E-2</v>
      </c>
      <c r="J4842" s="58">
        <f>Bühler!J4868</f>
        <v>35.71318013455565</v>
      </c>
      <c r="K4842" s="58">
        <f>Bühler!K4868</f>
        <v>3.0537840239058025</v>
      </c>
      <c r="L4842" s="58">
        <f>Bühler!L4868</f>
        <v>1.5268920119529013</v>
      </c>
      <c r="M4842" s="57">
        <f>Bühler!M4868</f>
        <v>0</v>
      </c>
      <c r="N4842" s="55">
        <f>IF(Input!$K$13=1,J4842*Input!$J$13,0)+IF(Input!$K$14=1,K4842*Input!$J$14,0)+IF(Input!$K$15=1,L4842*Input!$J$15,0)+IF(Input!$K$16=1,M4842*Input!$J$16,0)</f>
        <v>4.2855816161466782</v>
      </c>
      <c r="O4842" s="58">
        <f>IF(Input!$K$13=2,J4842*Input!$J$13,0)+IF(Input!$K$14=2,K4842*Input!$J$14,0)+IF(Input!$K$15=2,L4842*Input!$J$15,0)+IF(Input!$K$16=2,M4842*Input!$J$16,0)</f>
        <v>0.41226084322728329</v>
      </c>
      <c r="P4842" s="58">
        <f>IF(Input!$K$13=3,J4842*Input!$J$13,0)+IF(Input!$K$14=3,K4842*Input!$J$14,0)+IF(Input!$K$15=3,L4842*Input!$J$15,0)+IF(Input!$K$16=3,M4842*Input!$J$16,0)</f>
        <v>0</v>
      </c>
      <c r="Q4842" s="71">
        <f>IF(Input!$K$13=4,J4842*Input!$J$13,0)+IF(Input!$K$14=4,K4842*Input!$J$14,0)+IF(Input!$K$15=4,L4842*Input!$J$15,0)+IF(Input!$K$16=4,M4842*Input!$J$16,0)</f>
        <v>0</v>
      </c>
    </row>
    <row r="4843" spans="8:17" x14ac:dyDescent="0.25">
      <c r="H4843" s="43">
        <v>4836</v>
      </c>
      <c r="I4843" s="55">
        <f>Bühler!I4869</f>
        <v>7.9924953465180831E-2</v>
      </c>
      <c r="J4843" s="58">
        <f>Bühler!J4869</f>
        <v>42.206485613565768</v>
      </c>
      <c r="K4843" s="58">
        <f>Bühler!K4869</f>
        <v>3.6090174827977668</v>
      </c>
      <c r="L4843" s="58">
        <f>Bühler!L4869</f>
        <v>1.8045087413988834</v>
      </c>
      <c r="M4843" s="57">
        <f>Bühler!M4869</f>
        <v>0</v>
      </c>
      <c r="N4843" s="55">
        <f>IF(Input!$K$13=1,J4843*Input!$J$13,0)+IF(Input!$K$14=1,K4843*Input!$J$14,0)+IF(Input!$K$15=1,L4843*Input!$J$15,0)+IF(Input!$K$16=1,M4843*Input!$J$16,0)</f>
        <v>5.0647782736278923</v>
      </c>
      <c r="O4843" s="58">
        <f>IF(Input!$K$13=2,J4843*Input!$J$13,0)+IF(Input!$K$14=2,K4843*Input!$J$14,0)+IF(Input!$K$15=2,L4843*Input!$J$15,0)+IF(Input!$K$16=2,M4843*Input!$J$16,0)</f>
        <v>0.48721736017769846</v>
      </c>
      <c r="P4843" s="58">
        <f>IF(Input!$K$13=3,J4843*Input!$J$13,0)+IF(Input!$K$14=3,K4843*Input!$J$14,0)+IF(Input!$K$15=3,L4843*Input!$J$15,0)+IF(Input!$K$16=3,M4843*Input!$J$16,0)</f>
        <v>0</v>
      </c>
      <c r="Q4843" s="71">
        <f>IF(Input!$K$13=4,J4843*Input!$J$13,0)+IF(Input!$K$14=4,K4843*Input!$J$14,0)+IF(Input!$K$15=4,L4843*Input!$J$15,0)+IF(Input!$K$16=4,M4843*Input!$J$16,0)</f>
        <v>0</v>
      </c>
    </row>
    <row r="4844" spans="8:17" x14ac:dyDescent="0.25">
      <c r="H4844" s="43">
        <v>4837</v>
      </c>
      <c r="I4844" s="55">
        <f>Bühler!I4870</f>
        <v>7.9924953465180831E-2</v>
      </c>
      <c r="J4844" s="58">
        <f>Bühler!J4870</f>
        <v>42.206485613565768</v>
      </c>
      <c r="K4844" s="58">
        <f>Bühler!K4870</f>
        <v>3.6090174827977668</v>
      </c>
      <c r="L4844" s="58">
        <f>Bühler!L4870</f>
        <v>1.8045087413988834</v>
      </c>
      <c r="M4844" s="57">
        <f>Bühler!M4870</f>
        <v>0</v>
      </c>
      <c r="N4844" s="55">
        <f>IF(Input!$K$13=1,J4844*Input!$J$13,0)+IF(Input!$K$14=1,K4844*Input!$J$14,0)+IF(Input!$K$15=1,L4844*Input!$J$15,0)+IF(Input!$K$16=1,M4844*Input!$J$16,0)</f>
        <v>5.0647782736278923</v>
      </c>
      <c r="O4844" s="58">
        <f>IF(Input!$K$13=2,J4844*Input!$J$13,0)+IF(Input!$K$14=2,K4844*Input!$J$14,0)+IF(Input!$K$15=2,L4844*Input!$J$15,0)+IF(Input!$K$16=2,M4844*Input!$J$16,0)</f>
        <v>0.48721736017769846</v>
      </c>
      <c r="P4844" s="58">
        <f>IF(Input!$K$13=3,J4844*Input!$J$13,0)+IF(Input!$K$14=3,K4844*Input!$J$14,0)+IF(Input!$K$15=3,L4844*Input!$J$15,0)+IF(Input!$K$16=3,M4844*Input!$J$16,0)</f>
        <v>0</v>
      </c>
      <c r="Q4844" s="71">
        <f>IF(Input!$K$13=4,J4844*Input!$J$13,0)+IF(Input!$K$14=4,K4844*Input!$J$14,0)+IF(Input!$K$15=4,L4844*Input!$J$15,0)+IF(Input!$K$16=4,M4844*Input!$J$16,0)</f>
        <v>0</v>
      </c>
    </row>
    <row r="4845" spans="8:17" x14ac:dyDescent="0.25">
      <c r="H4845" s="43">
        <v>4838</v>
      </c>
      <c r="I4845" s="55">
        <f>Bühler!I4871</f>
        <v>5.5332660091279053E-2</v>
      </c>
      <c r="J4845" s="58">
        <f>Bühler!J4871</f>
        <v>29.219874655545528</v>
      </c>
      <c r="K4845" s="58">
        <f>Bühler!K4871</f>
        <v>2.4985505650138382</v>
      </c>
      <c r="L4845" s="58">
        <f>Bühler!L4871</f>
        <v>1.2492752825069191</v>
      </c>
      <c r="M4845" s="57">
        <f>Bühler!M4871</f>
        <v>0</v>
      </c>
      <c r="N4845" s="55">
        <f>IF(Input!$K$13=1,J4845*Input!$J$13,0)+IF(Input!$K$14=1,K4845*Input!$J$14,0)+IF(Input!$K$15=1,L4845*Input!$J$15,0)+IF(Input!$K$16=1,M4845*Input!$J$16,0)</f>
        <v>3.5063849586654632</v>
      </c>
      <c r="O4845" s="58">
        <f>IF(Input!$K$13=2,J4845*Input!$J$13,0)+IF(Input!$K$14=2,K4845*Input!$J$14,0)+IF(Input!$K$15=2,L4845*Input!$J$15,0)+IF(Input!$K$16=2,M4845*Input!$J$16,0)</f>
        <v>0.33730432627686813</v>
      </c>
      <c r="P4845" s="58">
        <f>IF(Input!$K$13=3,J4845*Input!$J$13,0)+IF(Input!$K$14=3,K4845*Input!$J$14,0)+IF(Input!$K$15=3,L4845*Input!$J$15,0)+IF(Input!$K$16=3,M4845*Input!$J$16,0)</f>
        <v>0</v>
      </c>
      <c r="Q4845" s="71">
        <f>IF(Input!$K$13=4,J4845*Input!$J$13,0)+IF(Input!$K$14=4,K4845*Input!$J$14,0)+IF(Input!$K$15=4,L4845*Input!$J$15,0)+IF(Input!$K$16=4,M4845*Input!$J$16,0)</f>
        <v>0</v>
      </c>
    </row>
    <row r="4846" spans="8:17" x14ac:dyDescent="0.25">
      <c r="H4846" s="43">
        <v>4839</v>
      </c>
      <c r="I4846" s="55">
        <f>Bühler!I4872</f>
        <v>7.9924953465180831E-2</v>
      </c>
      <c r="J4846" s="58">
        <f>Bühler!J4872</f>
        <v>42.206485613565768</v>
      </c>
      <c r="K4846" s="58">
        <f>Bühler!K4872</f>
        <v>3.6090174827977668</v>
      </c>
      <c r="L4846" s="58">
        <f>Bühler!L4872</f>
        <v>1.8045087413988834</v>
      </c>
      <c r="M4846" s="57">
        <f>Bühler!M4872</f>
        <v>0</v>
      </c>
      <c r="N4846" s="55">
        <f>IF(Input!$K$13=1,J4846*Input!$J$13,0)+IF(Input!$K$14=1,K4846*Input!$J$14,0)+IF(Input!$K$15=1,L4846*Input!$J$15,0)+IF(Input!$K$16=1,M4846*Input!$J$16,0)</f>
        <v>5.0647782736278923</v>
      </c>
      <c r="O4846" s="58">
        <f>IF(Input!$K$13=2,J4846*Input!$J$13,0)+IF(Input!$K$14=2,K4846*Input!$J$14,0)+IF(Input!$K$15=2,L4846*Input!$J$15,0)+IF(Input!$K$16=2,M4846*Input!$J$16,0)</f>
        <v>0.48721736017769846</v>
      </c>
      <c r="P4846" s="58">
        <f>IF(Input!$K$13=3,J4846*Input!$J$13,0)+IF(Input!$K$14=3,K4846*Input!$J$14,0)+IF(Input!$K$15=3,L4846*Input!$J$15,0)+IF(Input!$K$16=3,M4846*Input!$J$16,0)</f>
        <v>0</v>
      </c>
      <c r="Q4846" s="71">
        <f>IF(Input!$K$13=4,J4846*Input!$J$13,0)+IF(Input!$K$14=4,K4846*Input!$J$14,0)+IF(Input!$K$15=4,L4846*Input!$J$15,0)+IF(Input!$K$16=4,M4846*Input!$J$16,0)</f>
        <v>0</v>
      </c>
    </row>
    <row r="4847" spans="8:17" x14ac:dyDescent="0.25">
      <c r="H4847" s="43">
        <v>4840</v>
      </c>
      <c r="I4847" s="55">
        <f>Bühler!I4873</f>
        <v>6.7628806778229952E-2</v>
      </c>
      <c r="J4847" s="58">
        <f>Bühler!J4873</f>
        <v>32.473187807839352</v>
      </c>
      <c r="K4847" s="58">
        <f>Bühler!K4873</f>
        <v>2.7761672944598206</v>
      </c>
      <c r="L4847" s="58">
        <f>Bühler!L4873</f>
        <v>1.3880836472299103</v>
      </c>
      <c r="M4847" s="57">
        <f>Bühler!M4873</f>
        <v>0</v>
      </c>
      <c r="N4847" s="55">
        <f>IF(Input!$K$13=1,J4847*Input!$J$13,0)+IF(Input!$K$14=1,K4847*Input!$J$14,0)+IF(Input!$K$15=1,L4847*Input!$J$15,0)+IF(Input!$K$16=1,M4847*Input!$J$16,0)</f>
        <v>3.8967825369407221</v>
      </c>
      <c r="O4847" s="58">
        <f>IF(Input!$K$13=2,J4847*Input!$J$13,0)+IF(Input!$K$14=2,K4847*Input!$J$14,0)+IF(Input!$K$15=2,L4847*Input!$J$15,0)+IF(Input!$K$16=2,M4847*Input!$J$16,0)</f>
        <v>0.37478258475207576</v>
      </c>
      <c r="P4847" s="58">
        <f>IF(Input!$K$13=3,J4847*Input!$J$13,0)+IF(Input!$K$14=3,K4847*Input!$J$14,0)+IF(Input!$K$15=3,L4847*Input!$J$15,0)+IF(Input!$K$16=3,M4847*Input!$J$16,0)</f>
        <v>0</v>
      </c>
      <c r="Q4847" s="71">
        <f>IF(Input!$K$13=4,J4847*Input!$J$13,0)+IF(Input!$K$14=4,K4847*Input!$J$14,0)+IF(Input!$K$15=4,L4847*Input!$J$15,0)+IF(Input!$K$16=4,M4847*Input!$J$16,0)</f>
        <v>0</v>
      </c>
    </row>
    <row r="4848" spans="8:17" x14ac:dyDescent="0.25">
      <c r="H4848" s="43">
        <v>4841</v>
      </c>
      <c r="I4848" s="55">
        <f>Bühler!I4874</f>
        <v>5.8553079461670945E-2</v>
      </c>
      <c r="J4848" s="58">
        <f>Bühler!J4874</f>
        <v>15.274664083577816</v>
      </c>
      <c r="K4848" s="58">
        <f>Bühler!K4874</f>
        <v>1.3033649269764418</v>
      </c>
      <c r="L4848" s="58">
        <f>Bühler!L4874</f>
        <v>0.6516824634882209</v>
      </c>
      <c r="M4848" s="57">
        <f>Bühler!M4874</f>
        <v>0</v>
      </c>
      <c r="N4848" s="55">
        <f>IF(Input!$K$13=1,J4848*Input!$J$13,0)+IF(Input!$K$14=1,K4848*Input!$J$14,0)+IF(Input!$K$15=1,L4848*Input!$J$15,0)+IF(Input!$K$16=1,M4848*Input!$J$16,0)</f>
        <v>1.8329596900293379</v>
      </c>
      <c r="O4848" s="58">
        <f>IF(Input!$K$13=2,J4848*Input!$J$13,0)+IF(Input!$K$14=2,K4848*Input!$J$14,0)+IF(Input!$K$15=2,L4848*Input!$J$15,0)+IF(Input!$K$16=2,M4848*Input!$J$16,0)</f>
        <v>0.17595426514181964</v>
      </c>
      <c r="P4848" s="58">
        <f>IF(Input!$K$13=3,J4848*Input!$J$13,0)+IF(Input!$K$14=3,K4848*Input!$J$14,0)+IF(Input!$K$15=3,L4848*Input!$J$15,0)+IF(Input!$K$16=3,M4848*Input!$J$16,0)</f>
        <v>0</v>
      </c>
      <c r="Q4848" s="71">
        <f>IF(Input!$K$13=4,J4848*Input!$J$13,0)+IF(Input!$K$14=4,K4848*Input!$J$14,0)+IF(Input!$K$15=4,L4848*Input!$J$15,0)+IF(Input!$K$16=4,M4848*Input!$J$16,0)</f>
        <v>0</v>
      </c>
    </row>
    <row r="4849" spans="8:17" x14ac:dyDescent="0.25">
      <c r="H4849" s="43">
        <v>4842</v>
      </c>
      <c r="I4849" s="55">
        <f>Bühler!I4875</f>
        <v>4.9184586747803599E-2</v>
      </c>
      <c r="J4849" s="58">
        <f>Bühler!J4875</f>
        <v>10.092696145656381</v>
      </c>
      <c r="K4849" s="58">
        <f>Bühler!K4875</f>
        <v>0.8602208518044514</v>
      </c>
      <c r="L4849" s="58">
        <f>Bühler!L4875</f>
        <v>0.4301104259022257</v>
      </c>
      <c r="M4849" s="57">
        <f>Bühler!M4875</f>
        <v>0</v>
      </c>
      <c r="N4849" s="55">
        <f>IF(Input!$K$13=1,J4849*Input!$J$13,0)+IF(Input!$K$14=1,K4849*Input!$J$14,0)+IF(Input!$K$15=1,L4849*Input!$J$15,0)+IF(Input!$K$16=1,M4849*Input!$J$16,0)</f>
        <v>1.2111235374787657</v>
      </c>
      <c r="O4849" s="58">
        <f>IF(Input!$K$13=2,J4849*Input!$J$13,0)+IF(Input!$K$14=2,K4849*Input!$J$14,0)+IF(Input!$K$15=2,L4849*Input!$J$15,0)+IF(Input!$K$16=2,M4849*Input!$J$16,0)</f>
        <v>0.11612981499360092</v>
      </c>
      <c r="P4849" s="58">
        <f>IF(Input!$K$13=3,J4849*Input!$J$13,0)+IF(Input!$K$14=3,K4849*Input!$J$14,0)+IF(Input!$K$15=3,L4849*Input!$J$15,0)+IF(Input!$K$16=3,M4849*Input!$J$16,0)</f>
        <v>0</v>
      </c>
      <c r="Q4849" s="71">
        <f>IF(Input!$K$13=4,J4849*Input!$J$13,0)+IF(Input!$K$14=4,K4849*Input!$J$14,0)+IF(Input!$K$15=4,L4849*Input!$J$15,0)+IF(Input!$K$16=4,M4849*Input!$J$16,0)</f>
        <v>0</v>
      </c>
    </row>
    <row r="4850" spans="8:17" x14ac:dyDescent="0.25">
      <c r="H4850" s="43">
        <v>4843</v>
      </c>
      <c r="I4850" s="55">
        <f>Bühler!I4876</f>
        <v>1.8151454633117993E-2</v>
      </c>
      <c r="J4850" s="58">
        <f>Bühler!J4876</f>
        <v>6.4083813398001652</v>
      </c>
      <c r="K4850" s="58">
        <f>Bühler!K4876</f>
        <v>0.54741326933010548</v>
      </c>
      <c r="L4850" s="58">
        <f>Bühler!L4876</f>
        <v>0.27370663466505274</v>
      </c>
      <c r="M4850" s="57">
        <f>Bühler!M4876</f>
        <v>0</v>
      </c>
      <c r="N4850" s="55">
        <f>IF(Input!$K$13=1,J4850*Input!$J$13,0)+IF(Input!$K$14=1,K4850*Input!$J$14,0)+IF(Input!$K$15=1,L4850*Input!$J$15,0)+IF(Input!$K$16=1,M4850*Input!$J$16,0)</f>
        <v>0.76900576077601979</v>
      </c>
      <c r="O4850" s="58">
        <f>IF(Input!$K$13=2,J4850*Input!$J$13,0)+IF(Input!$K$14=2,K4850*Input!$J$14,0)+IF(Input!$K$15=2,L4850*Input!$J$15,0)+IF(Input!$K$16=2,M4850*Input!$J$16,0)</f>
        <v>7.3900791359564233E-2</v>
      </c>
      <c r="P4850" s="58">
        <f>IF(Input!$K$13=3,J4850*Input!$J$13,0)+IF(Input!$K$14=3,K4850*Input!$J$14,0)+IF(Input!$K$15=3,L4850*Input!$J$15,0)+IF(Input!$K$16=3,M4850*Input!$J$16,0)</f>
        <v>0</v>
      </c>
      <c r="Q4850" s="71">
        <f>IF(Input!$K$13=4,J4850*Input!$J$13,0)+IF(Input!$K$14=4,K4850*Input!$J$14,0)+IF(Input!$K$15=4,L4850*Input!$J$15,0)+IF(Input!$K$16=4,M4850*Input!$J$16,0)</f>
        <v>0</v>
      </c>
    </row>
    <row r="4851" spans="8:17" x14ac:dyDescent="0.25">
      <c r="H4851" s="43">
        <v>4844</v>
      </c>
      <c r="I4851" s="55">
        <f>Bühler!I4877</f>
        <v>1.8151454633117993E-2</v>
      </c>
      <c r="J4851" s="58">
        <f>Bühler!J4877</f>
        <v>6.1041567081836128</v>
      </c>
      <c r="K4851" s="58">
        <f>Bühler!K4877</f>
        <v>0.52134597079057676</v>
      </c>
      <c r="L4851" s="58">
        <f>Bühler!L4877</f>
        <v>0.26067298539528838</v>
      </c>
      <c r="M4851" s="57">
        <f>Bühler!M4877</f>
        <v>0</v>
      </c>
      <c r="N4851" s="55">
        <f>IF(Input!$K$13=1,J4851*Input!$J$13,0)+IF(Input!$K$14=1,K4851*Input!$J$14,0)+IF(Input!$K$15=1,L4851*Input!$J$15,0)+IF(Input!$K$16=1,M4851*Input!$J$16,0)</f>
        <v>0.73249880498203346</v>
      </c>
      <c r="O4851" s="58">
        <f>IF(Input!$K$13=2,J4851*Input!$J$13,0)+IF(Input!$K$14=2,K4851*Input!$J$14,0)+IF(Input!$K$15=2,L4851*Input!$J$15,0)+IF(Input!$K$16=2,M4851*Input!$J$16,0)</f>
        <v>7.0381706056727861E-2</v>
      </c>
      <c r="P4851" s="58">
        <f>IF(Input!$K$13=3,J4851*Input!$J$13,0)+IF(Input!$K$14=3,K4851*Input!$J$14,0)+IF(Input!$K$15=3,L4851*Input!$J$15,0)+IF(Input!$K$16=3,M4851*Input!$J$16,0)</f>
        <v>0</v>
      </c>
      <c r="Q4851" s="71">
        <f>IF(Input!$K$13=4,J4851*Input!$J$13,0)+IF(Input!$K$14=4,K4851*Input!$J$14,0)+IF(Input!$K$15=4,L4851*Input!$J$15,0)+IF(Input!$K$16=4,M4851*Input!$J$16,0)</f>
        <v>0</v>
      </c>
    </row>
    <row r="4852" spans="8:17" x14ac:dyDescent="0.25">
      <c r="H4852" s="43">
        <v>4845</v>
      </c>
      <c r="I4852" s="55">
        <f>Bühler!I4878</f>
        <v>1.8151454633117993E-2</v>
      </c>
      <c r="J4852" s="58">
        <f>Bühler!J4878</f>
        <v>6.1041567081836128</v>
      </c>
      <c r="K4852" s="58">
        <f>Bühler!K4878</f>
        <v>0.52134597079057676</v>
      </c>
      <c r="L4852" s="58">
        <f>Bühler!L4878</f>
        <v>0.26067298539528838</v>
      </c>
      <c r="M4852" s="57">
        <f>Bühler!M4878</f>
        <v>0</v>
      </c>
      <c r="N4852" s="55">
        <f>IF(Input!$K$13=1,J4852*Input!$J$13,0)+IF(Input!$K$14=1,K4852*Input!$J$14,0)+IF(Input!$K$15=1,L4852*Input!$J$15,0)+IF(Input!$K$16=1,M4852*Input!$J$16,0)</f>
        <v>0.73249880498203346</v>
      </c>
      <c r="O4852" s="58">
        <f>IF(Input!$K$13=2,J4852*Input!$J$13,0)+IF(Input!$K$14=2,K4852*Input!$J$14,0)+IF(Input!$K$15=2,L4852*Input!$J$15,0)+IF(Input!$K$16=2,M4852*Input!$J$16,0)</f>
        <v>7.0381706056727861E-2</v>
      </c>
      <c r="P4852" s="58">
        <f>IF(Input!$K$13=3,J4852*Input!$J$13,0)+IF(Input!$K$14=3,K4852*Input!$J$14,0)+IF(Input!$K$15=3,L4852*Input!$J$15,0)+IF(Input!$K$16=3,M4852*Input!$J$16,0)</f>
        <v>0</v>
      </c>
      <c r="Q4852" s="71">
        <f>IF(Input!$K$13=4,J4852*Input!$J$13,0)+IF(Input!$K$14=4,K4852*Input!$J$14,0)+IF(Input!$K$15=4,L4852*Input!$J$15,0)+IF(Input!$K$16=4,M4852*Input!$J$16,0)</f>
        <v>0</v>
      </c>
    </row>
    <row r="4853" spans="8:17" x14ac:dyDescent="0.25">
      <c r="H4853" s="43">
        <v>4846</v>
      </c>
      <c r="I4853" s="55">
        <f>Bühler!I4879</f>
        <v>1.8151454633117993E-2</v>
      </c>
      <c r="J4853" s="58">
        <f>Bühler!J4879</f>
        <v>6.1041567081836128</v>
      </c>
      <c r="K4853" s="58">
        <f>Bühler!K4879</f>
        <v>0.52134597079057676</v>
      </c>
      <c r="L4853" s="58">
        <f>Bühler!L4879</f>
        <v>0.26067298539528838</v>
      </c>
      <c r="M4853" s="57">
        <f>Bühler!M4879</f>
        <v>0</v>
      </c>
      <c r="N4853" s="55">
        <f>IF(Input!$K$13=1,J4853*Input!$J$13,0)+IF(Input!$K$14=1,K4853*Input!$J$14,0)+IF(Input!$K$15=1,L4853*Input!$J$15,0)+IF(Input!$K$16=1,M4853*Input!$J$16,0)</f>
        <v>0.73249880498203346</v>
      </c>
      <c r="O4853" s="58">
        <f>IF(Input!$K$13=2,J4853*Input!$J$13,0)+IF(Input!$K$14=2,K4853*Input!$J$14,0)+IF(Input!$K$15=2,L4853*Input!$J$15,0)+IF(Input!$K$16=2,M4853*Input!$J$16,0)</f>
        <v>7.0381706056727861E-2</v>
      </c>
      <c r="P4853" s="58">
        <f>IF(Input!$K$13=3,J4853*Input!$J$13,0)+IF(Input!$K$14=3,K4853*Input!$J$14,0)+IF(Input!$K$15=3,L4853*Input!$J$15,0)+IF(Input!$K$16=3,M4853*Input!$J$16,0)</f>
        <v>0</v>
      </c>
      <c r="Q4853" s="71">
        <f>IF(Input!$K$13=4,J4853*Input!$J$13,0)+IF(Input!$K$14=4,K4853*Input!$J$14,0)+IF(Input!$K$15=4,L4853*Input!$J$15,0)+IF(Input!$K$16=4,M4853*Input!$J$16,0)</f>
        <v>0</v>
      </c>
    </row>
    <row r="4854" spans="8:17" x14ac:dyDescent="0.25">
      <c r="H4854" s="43">
        <v>4847</v>
      </c>
      <c r="I4854" s="55">
        <f>Bühler!I4880</f>
        <v>1.8151454633117993E-2</v>
      </c>
      <c r="J4854" s="58">
        <f>Bühler!J4880</f>
        <v>6.1041567081836128</v>
      </c>
      <c r="K4854" s="58">
        <f>Bühler!K4880</f>
        <v>0.52134597079057676</v>
      </c>
      <c r="L4854" s="58">
        <f>Bühler!L4880</f>
        <v>0.26067298539528838</v>
      </c>
      <c r="M4854" s="57">
        <f>Bühler!M4880</f>
        <v>0</v>
      </c>
      <c r="N4854" s="55">
        <f>IF(Input!$K$13=1,J4854*Input!$J$13,0)+IF(Input!$K$14=1,K4854*Input!$J$14,0)+IF(Input!$K$15=1,L4854*Input!$J$15,0)+IF(Input!$K$16=1,M4854*Input!$J$16,0)</f>
        <v>0.73249880498203346</v>
      </c>
      <c r="O4854" s="58">
        <f>IF(Input!$K$13=2,J4854*Input!$J$13,0)+IF(Input!$K$14=2,K4854*Input!$J$14,0)+IF(Input!$K$15=2,L4854*Input!$J$15,0)+IF(Input!$K$16=2,M4854*Input!$J$16,0)</f>
        <v>7.0381706056727861E-2</v>
      </c>
      <c r="P4854" s="58">
        <f>IF(Input!$K$13=3,J4854*Input!$J$13,0)+IF(Input!$K$14=3,K4854*Input!$J$14,0)+IF(Input!$K$15=3,L4854*Input!$J$15,0)+IF(Input!$K$16=3,M4854*Input!$J$16,0)</f>
        <v>0</v>
      </c>
      <c r="Q4854" s="71">
        <f>IF(Input!$K$13=4,J4854*Input!$J$13,0)+IF(Input!$K$14=4,K4854*Input!$J$14,0)+IF(Input!$K$15=4,L4854*Input!$J$15,0)+IF(Input!$K$16=4,M4854*Input!$J$16,0)</f>
        <v>0</v>
      </c>
    </row>
    <row r="4855" spans="8:17" x14ac:dyDescent="0.25">
      <c r="H4855" s="43">
        <v>4848</v>
      </c>
      <c r="I4855" s="55">
        <f>Bühler!I4881</f>
        <v>1.8151454633117993E-2</v>
      </c>
      <c r="J4855" s="58">
        <f>Bühler!J4881</f>
        <v>6.1041567081836128</v>
      </c>
      <c r="K4855" s="58">
        <f>Bühler!K4881</f>
        <v>0.52134597079057676</v>
      </c>
      <c r="L4855" s="58">
        <f>Bühler!L4881</f>
        <v>0.26067298539528838</v>
      </c>
      <c r="M4855" s="57">
        <f>Bühler!M4881</f>
        <v>0</v>
      </c>
      <c r="N4855" s="55">
        <f>IF(Input!$K$13=1,J4855*Input!$J$13,0)+IF(Input!$K$14=1,K4855*Input!$J$14,0)+IF(Input!$K$15=1,L4855*Input!$J$15,0)+IF(Input!$K$16=1,M4855*Input!$J$16,0)</f>
        <v>0.73249880498203346</v>
      </c>
      <c r="O4855" s="58">
        <f>IF(Input!$K$13=2,J4855*Input!$J$13,0)+IF(Input!$K$14=2,K4855*Input!$J$14,0)+IF(Input!$K$15=2,L4855*Input!$J$15,0)+IF(Input!$K$16=2,M4855*Input!$J$16,0)</f>
        <v>7.0381706056727861E-2</v>
      </c>
      <c r="P4855" s="58">
        <f>IF(Input!$K$13=3,J4855*Input!$J$13,0)+IF(Input!$K$14=3,K4855*Input!$J$14,0)+IF(Input!$K$15=3,L4855*Input!$J$15,0)+IF(Input!$K$16=3,M4855*Input!$J$16,0)</f>
        <v>0</v>
      </c>
      <c r="Q4855" s="71">
        <f>IF(Input!$K$13=4,J4855*Input!$J$13,0)+IF(Input!$K$14=4,K4855*Input!$J$14,0)+IF(Input!$K$15=4,L4855*Input!$J$15,0)+IF(Input!$K$16=4,M4855*Input!$J$16,0)</f>
        <v>0</v>
      </c>
    </row>
    <row r="4856" spans="8:17" x14ac:dyDescent="0.25">
      <c r="H4856" s="43">
        <v>4849</v>
      </c>
      <c r="I4856" s="55">
        <f>Bühler!I4882</f>
        <v>3.8091084954277203E-2</v>
      </c>
      <c r="J4856" s="58">
        <f>Bühler!J4882</f>
        <v>4.2103236381808724</v>
      </c>
      <c r="K4856" s="58">
        <f>Bühler!K4882</f>
        <v>0.23940426825997921</v>
      </c>
      <c r="L4856" s="58">
        <f>Bühler!L4882</f>
        <v>0.1197021341299896</v>
      </c>
      <c r="M4856" s="57">
        <f>Bühler!M4882</f>
        <v>0</v>
      </c>
      <c r="N4856" s="55">
        <f>IF(Input!$K$13=1,J4856*Input!$J$13,0)+IF(Input!$K$14=1,K4856*Input!$J$14,0)+IF(Input!$K$15=1,L4856*Input!$J$15,0)+IF(Input!$K$16=1,M4856*Input!$J$16,0)</f>
        <v>0.50523883658170465</v>
      </c>
      <c r="O4856" s="58">
        <f>IF(Input!$K$13=2,J4856*Input!$J$13,0)+IF(Input!$K$14=2,K4856*Input!$J$14,0)+IF(Input!$K$15=2,L4856*Input!$J$15,0)+IF(Input!$K$16=2,M4856*Input!$J$16,0)</f>
        <v>3.2319576215097193E-2</v>
      </c>
      <c r="P4856" s="58">
        <f>IF(Input!$K$13=3,J4856*Input!$J$13,0)+IF(Input!$K$14=3,K4856*Input!$J$14,0)+IF(Input!$K$15=3,L4856*Input!$J$15,0)+IF(Input!$K$16=3,M4856*Input!$J$16,0)</f>
        <v>0</v>
      </c>
      <c r="Q4856" s="71">
        <f>IF(Input!$K$13=4,J4856*Input!$J$13,0)+IF(Input!$K$14=4,K4856*Input!$J$14,0)+IF(Input!$K$15=4,L4856*Input!$J$15,0)+IF(Input!$K$16=4,M4856*Input!$J$16,0)</f>
        <v>0</v>
      </c>
    </row>
    <row r="4857" spans="8:17" x14ac:dyDescent="0.25">
      <c r="H4857" s="43">
        <v>4850</v>
      </c>
      <c r="I4857" s="55">
        <f>Bühler!I4883</f>
        <v>7.4368308720255516E-2</v>
      </c>
      <c r="J4857" s="58">
        <f>Bühler!J4883</f>
        <v>3.8372017534304335</v>
      </c>
      <c r="K4857" s="58">
        <f>Bühler!K4883</f>
        <v>0.21546384143398128</v>
      </c>
      <c r="L4857" s="58">
        <f>Bühler!L4883</f>
        <v>0.10773192071699064</v>
      </c>
      <c r="M4857" s="57">
        <f>Bühler!M4883</f>
        <v>0</v>
      </c>
      <c r="N4857" s="55">
        <f>IF(Input!$K$13=1,J4857*Input!$J$13,0)+IF(Input!$K$14=1,K4857*Input!$J$14,0)+IF(Input!$K$15=1,L4857*Input!$J$15,0)+IF(Input!$K$16=1,M4857*Input!$J$16,0)</f>
        <v>0.46046421041165198</v>
      </c>
      <c r="O4857" s="58">
        <f>IF(Input!$K$13=2,J4857*Input!$J$13,0)+IF(Input!$K$14=2,K4857*Input!$J$14,0)+IF(Input!$K$15=2,L4857*Input!$J$15,0)+IF(Input!$K$16=2,M4857*Input!$J$16,0)</f>
        <v>2.9087618593587473E-2</v>
      </c>
      <c r="P4857" s="58">
        <f>IF(Input!$K$13=3,J4857*Input!$J$13,0)+IF(Input!$K$14=3,K4857*Input!$J$14,0)+IF(Input!$K$15=3,L4857*Input!$J$15,0)+IF(Input!$K$16=3,M4857*Input!$J$16,0)</f>
        <v>0</v>
      </c>
      <c r="Q4857" s="71">
        <f>IF(Input!$K$13=4,J4857*Input!$J$13,0)+IF(Input!$K$14=4,K4857*Input!$J$14,0)+IF(Input!$K$15=4,L4857*Input!$J$15,0)+IF(Input!$K$16=4,M4857*Input!$J$16,0)</f>
        <v>0</v>
      </c>
    </row>
    <row r="4858" spans="8:17" x14ac:dyDescent="0.25">
      <c r="H4858" s="43">
        <v>4851</v>
      </c>
      <c r="I4858" s="55">
        <f>Bühler!I4884</f>
        <v>7.4368308720255516E-2</v>
      </c>
      <c r="J4858" s="58">
        <f>Bühler!J4884</f>
        <v>3.8372017534304335</v>
      </c>
      <c r="K4858" s="58">
        <f>Bühler!K4884</f>
        <v>0.21546384143398128</v>
      </c>
      <c r="L4858" s="58">
        <f>Bühler!L4884</f>
        <v>0.10773192071699064</v>
      </c>
      <c r="M4858" s="57">
        <f>Bühler!M4884</f>
        <v>0</v>
      </c>
      <c r="N4858" s="55">
        <f>IF(Input!$K$13=1,J4858*Input!$J$13,0)+IF(Input!$K$14=1,K4858*Input!$J$14,0)+IF(Input!$K$15=1,L4858*Input!$J$15,0)+IF(Input!$K$16=1,M4858*Input!$J$16,0)</f>
        <v>0.46046421041165198</v>
      </c>
      <c r="O4858" s="58">
        <f>IF(Input!$K$13=2,J4858*Input!$J$13,0)+IF(Input!$K$14=2,K4858*Input!$J$14,0)+IF(Input!$K$15=2,L4858*Input!$J$15,0)+IF(Input!$K$16=2,M4858*Input!$J$16,0)</f>
        <v>2.9087618593587473E-2</v>
      </c>
      <c r="P4858" s="58">
        <f>IF(Input!$K$13=3,J4858*Input!$J$13,0)+IF(Input!$K$14=3,K4858*Input!$J$14,0)+IF(Input!$K$15=3,L4858*Input!$J$15,0)+IF(Input!$K$16=3,M4858*Input!$J$16,0)</f>
        <v>0</v>
      </c>
      <c r="Q4858" s="71">
        <f>IF(Input!$K$13=4,J4858*Input!$J$13,0)+IF(Input!$K$14=4,K4858*Input!$J$14,0)+IF(Input!$K$15=4,L4858*Input!$J$15,0)+IF(Input!$K$16=4,M4858*Input!$J$16,0)</f>
        <v>0</v>
      </c>
    </row>
    <row r="4859" spans="8:17" x14ac:dyDescent="0.25">
      <c r="H4859" s="43">
        <v>4852</v>
      </c>
      <c r="I4859" s="55">
        <f>Bühler!I4885</f>
        <v>7.4368308720255516E-2</v>
      </c>
      <c r="J4859" s="58">
        <f>Bühler!J4885</f>
        <v>3.8372017534304335</v>
      </c>
      <c r="K4859" s="58">
        <f>Bühler!K4885</f>
        <v>0.21546384143398128</v>
      </c>
      <c r="L4859" s="58">
        <f>Bühler!L4885</f>
        <v>0.10773192071699064</v>
      </c>
      <c r="M4859" s="57">
        <f>Bühler!M4885</f>
        <v>0</v>
      </c>
      <c r="N4859" s="55">
        <f>IF(Input!$K$13=1,J4859*Input!$J$13,0)+IF(Input!$K$14=1,K4859*Input!$J$14,0)+IF(Input!$K$15=1,L4859*Input!$J$15,0)+IF(Input!$K$16=1,M4859*Input!$J$16,0)</f>
        <v>0.46046421041165198</v>
      </c>
      <c r="O4859" s="58">
        <f>IF(Input!$K$13=2,J4859*Input!$J$13,0)+IF(Input!$K$14=2,K4859*Input!$J$14,0)+IF(Input!$K$15=2,L4859*Input!$J$15,0)+IF(Input!$K$16=2,M4859*Input!$J$16,0)</f>
        <v>2.9087618593587473E-2</v>
      </c>
      <c r="P4859" s="58">
        <f>IF(Input!$K$13=3,J4859*Input!$J$13,0)+IF(Input!$K$14=3,K4859*Input!$J$14,0)+IF(Input!$K$15=3,L4859*Input!$J$15,0)+IF(Input!$K$16=3,M4859*Input!$J$16,0)</f>
        <v>0</v>
      </c>
      <c r="Q4859" s="71">
        <f>IF(Input!$K$13=4,J4859*Input!$J$13,0)+IF(Input!$K$14=4,K4859*Input!$J$14,0)+IF(Input!$K$15=4,L4859*Input!$J$15,0)+IF(Input!$K$16=4,M4859*Input!$J$16,0)</f>
        <v>0</v>
      </c>
    </row>
    <row r="4860" spans="8:17" x14ac:dyDescent="0.25">
      <c r="H4860" s="43">
        <v>4853</v>
      </c>
      <c r="I4860" s="55">
        <f>Bühler!I4886</f>
        <v>7.4368308720255516E-2</v>
      </c>
      <c r="J4860" s="58">
        <f>Bühler!J4886</f>
        <v>3.8372017534304335</v>
      </c>
      <c r="K4860" s="58">
        <f>Bühler!K4886</f>
        <v>0.21546384143398128</v>
      </c>
      <c r="L4860" s="58">
        <f>Bühler!L4886</f>
        <v>0.10773192071699064</v>
      </c>
      <c r="M4860" s="57">
        <f>Bühler!M4886</f>
        <v>0</v>
      </c>
      <c r="N4860" s="55">
        <f>IF(Input!$K$13=1,J4860*Input!$J$13,0)+IF(Input!$K$14=1,K4860*Input!$J$14,0)+IF(Input!$K$15=1,L4860*Input!$J$15,0)+IF(Input!$K$16=1,M4860*Input!$J$16,0)</f>
        <v>0.46046421041165198</v>
      </c>
      <c r="O4860" s="58">
        <f>IF(Input!$K$13=2,J4860*Input!$J$13,0)+IF(Input!$K$14=2,K4860*Input!$J$14,0)+IF(Input!$K$15=2,L4860*Input!$J$15,0)+IF(Input!$K$16=2,M4860*Input!$J$16,0)</f>
        <v>2.9087618593587473E-2</v>
      </c>
      <c r="P4860" s="58">
        <f>IF(Input!$K$13=3,J4860*Input!$J$13,0)+IF(Input!$K$14=3,K4860*Input!$J$14,0)+IF(Input!$K$15=3,L4860*Input!$J$15,0)+IF(Input!$K$16=3,M4860*Input!$J$16,0)</f>
        <v>0</v>
      </c>
      <c r="Q4860" s="71">
        <f>IF(Input!$K$13=4,J4860*Input!$J$13,0)+IF(Input!$K$14=4,K4860*Input!$J$14,0)+IF(Input!$K$15=4,L4860*Input!$J$15,0)+IF(Input!$K$16=4,M4860*Input!$J$16,0)</f>
        <v>0</v>
      </c>
    </row>
    <row r="4861" spans="8:17" x14ac:dyDescent="0.25">
      <c r="H4861" s="43">
        <v>4854</v>
      </c>
      <c r="I4861" s="55">
        <f>Bühler!I4887</f>
        <v>9.2506920603244669E-2</v>
      </c>
      <c r="J4861" s="58">
        <f>Bühler!J4887</f>
        <v>3.8379575289255579</v>
      </c>
      <c r="K4861" s="58">
        <f>Bühler!K4887</f>
        <v>0.21546384143398128</v>
      </c>
      <c r="L4861" s="58">
        <f>Bühler!L4887</f>
        <v>0.10773192071699064</v>
      </c>
      <c r="M4861" s="57">
        <f>Bühler!M4887</f>
        <v>0</v>
      </c>
      <c r="N4861" s="55">
        <f>IF(Input!$K$13=1,J4861*Input!$J$13,0)+IF(Input!$K$14=1,K4861*Input!$J$14,0)+IF(Input!$K$15=1,L4861*Input!$J$15,0)+IF(Input!$K$16=1,M4861*Input!$J$16,0)</f>
        <v>0.46055490347106692</v>
      </c>
      <c r="O4861" s="58">
        <f>IF(Input!$K$13=2,J4861*Input!$J$13,0)+IF(Input!$K$14=2,K4861*Input!$J$14,0)+IF(Input!$K$15=2,L4861*Input!$J$15,0)+IF(Input!$K$16=2,M4861*Input!$J$16,0)</f>
        <v>2.9087618593587473E-2</v>
      </c>
      <c r="P4861" s="58">
        <f>IF(Input!$K$13=3,J4861*Input!$J$13,0)+IF(Input!$K$14=3,K4861*Input!$J$14,0)+IF(Input!$K$15=3,L4861*Input!$J$15,0)+IF(Input!$K$16=3,M4861*Input!$J$16,0)</f>
        <v>0</v>
      </c>
      <c r="Q4861" s="71">
        <f>IF(Input!$K$13=4,J4861*Input!$J$13,0)+IF(Input!$K$14=4,K4861*Input!$J$14,0)+IF(Input!$K$15=4,L4861*Input!$J$15,0)+IF(Input!$K$16=4,M4861*Input!$J$16,0)</f>
        <v>0</v>
      </c>
    </row>
    <row r="4862" spans="8:17" x14ac:dyDescent="0.25">
      <c r="H4862" s="43">
        <v>4855</v>
      </c>
      <c r="I4862" s="55">
        <f>Bühler!I4888</f>
        <v>0.11608711605113055</v>
      </c>
      <c r="J4862" s="58">
        <f>Bühler!J4888</f>
        <v>3.8389400370692202</v>
      </c>
      <c r="K4862" s="58">
        <f>Bühler!K4888</f>
        <v>0.21546384143398128</v>
      </c>
      <c r="L4862" s="58">
        <f>Bühler!L4888</f>
        <v>0.10773192071699064</v>
      </c>
      <c r="M4862" s="57">
        <f>Bühler!M4888</f>
        <v>0</v>
      </c>
      <c r="N4862" s="55">
        <f>IF(Input!$K$13=1,J4862*Input!$J$13,0)+IF(Input!$K$14=1,K4862*Input!$J$14,0)+IF(Input!$K$15=1,L4862*Input!$J$15,0)+IF(Input!$K$16=1,M4862*Input!$J$16,0)</f>
        <v>0.46067280444830638</v>
      </c>
      <c r="O4862" s="58">
        <f>IF(Input!$K$13=2,J4862*Input!$J$13,0)+IF(Input!$K$14=2,K4862*Input!$J$14,0)+IF(Input!$K$15=2,L4862*Input!$J$15,0)+IF(Input!$K$16=2,M4862*Input!$J$16,0)</f>
        <v>2.9087618593587473E-2</v>
      </c>
      <c r="P4862" s="58">
        <f>IF(Input!$K$13=3,J4862*Input!$J$13,0)+IF(Input!$K$14=3,K4862*Input!$J$14,0)+IF(Input!$K$15=3,L4862*Input!$J$15,0)+IF(Input!$K$16=3,M4862*Input!$J$16,0)</f>
        <v>0</v>
      </c>
      <c r="Q4862" s="71">
        <f>IF(Input!$K$13=4,J4862*Input!$J$13,0)+IF(Input!$K$14=4,K4862*Input!$J$14,0)+IF(Input!$K$15=4,L4862*Input!$J$15,0)+IF(Input!$K$16=4,M4862*Input!$J$16,0)</f>
        <v>0</v>
      </c>
    </row>
    <row r="4863" spans="8:17" x14ac:dyDescent="0.25">
      <c r="H4863" s="43">
        <v>4856</v>
      </c>
      <c r="I4863" s="55">
        <f>Bühler!I4889</f>
        <v>0.13241186674582078</v>
      </c>
      <c r="J4863" s="58">
        <f>Bühler!J4889</f>
        <v>3.8396202350148321</v>
      </c>
      <c r="K4863" s="58">
        <f>Bühler!K4889</f>
        <v>0.21546384143398128</v>
      </c>
      <c r="L4863" s="58">
        <f>Bühler!L4889</f>
        <v>0.10773192071699064</v>
      </c>
      <c r="M4863" s="57">
        <f>Bühler!M4889</f>
        <v>0</v>
      </c>
      <c r="N4863" s="55">
        <f>IF(Input!$K$13=1,J4863*Input!$J$13,0)+IF(Input!$K$14=1,K4863*Input!$J$14,0)+IF(Input!$K$15=1,L4863*Input!$J$15,0)+IF(Input!$K$16=1,M4863*Input!$J$16,0)</f>
        <v>0.46075442820177981</v>
      </c>
      <c r="O4863" s="58">
        <f>IF(Input!$K$13=2,J4863*Input!$J$13,0)+IF(Input!$K$14=2,K4863*Input!$J$14,0)+IF(Input!$K$15=2,L4863*Input!$J$15,0)+IF(Input!$K$16=2,M4863*Input!$J$16,0)</f>
        <v>2.9087618593587473E-2</v>
      </c>
      <c r="P4863" s="58">
        <f>IF(Input!$K$13=3,J4863*Input!$J$13,0)+IF(Input!$K$14=3,K4863*Input!$J$14,0)+IF(Input!$K$15=3,L4863*Input!$J$15,0)+IF(Input!$K$16=3,M4863*Input!$J$16,0)</f>
        <v>0</v>
      </c>
      <c r="Q4863" s="71">
        <f>IF(Input!$K$13=4,J4863*Input!$J$13,0)+IF(Input!$K$14=4,K4863*Input!$J$14,0)+IF(Input!$K$15=4,L4863*Input!$J$15,0)+IF(Input!$K$16=4,M4863*Input!$J$16,0)</f>
        <v>0</v>
      </c>
    </row>
    <row r="4864" spans="8:17" x14ac:dyDescent="0.25">
      <c r="H4864" s="43">
        <v>4857</v>
      </c>
      <c r="I4864" s="55">
        <f>Bühler!I4890</f>
        <v>0.13241186674582078</v>
      </c>
      <c r="J4864" s="58">
        <f>Bühler!J4890</f>
        <v>3.8396202350148321</v>
      </c>
      <c r="K4864" s="58">
        <f>Bühler!K4890</f>
        <v>0.21546384143398128</v>
      </c>
      <c r="L4864" s="58">
        <f>Bühler!L4890</f>
        <v>0.10773192071699064</v>
      </c>
      <c r="M4864" s="57">
        <f>Bühler!M4890</f>
        <v>0</v>
      </c>
      <c r="N4864" s="55">
        <f>IF(Input!$K$13=1,J4864*Input!$J$13,0)+IF(Input!$K$14=1,K4864*Input!$J$14,0)+IF(Input!$K$15=1,L4864*Input!$J$15,0)+IF(Input!$K$16=1,M4864*Input!$J$16,0)</f>
        <v>0.46075442820177981</v>
      </c>
      <c r="O4864" s="58">
        <f>IF(Input!$K$13=2,J4864*Input!$J$13,0)+IF(Input!$K$14=2,K4864*Input!$J$14,0)+IF(Input!$K$15=2,L4864*Input!$J$15,0)+IF(Input!$K$16=2,M4864*Input!$J$16,0)</f>
        <v>2.9087618593587473E-2</v>
      </c>
      <c r="P4864" s="58">
        <f>IF(Input!$K$13=3,J4864*Input!$J$13,0)+IF(Input!$K$14=3,K4864*Input!$J$14,0)+IF(Input!$K$15=3,L4864*Input!$J$15,0)+IF(Input!$K$16=3,M4864*Input!$J$16,0)</f>
        <v>0</v>
      </c>
      <c r="Q4864" s="71">
        <f>IF(Input!$K$13=4,J4864*Input!$J$13,0)+IF(Input!$K$14=4,K4864*Input!$J$14,0)+IF(Input!$K$15=4,L4864*Input!$J$15,0)+IF(Input!$K$16=4,M4864*Input!$J$16,0)</f>
        <v>0</v>
      </c>
    </row>
    <row r="4865" spans="8:17" x14ac:dyDescent="0.25">
      <c r="H4865" s="43">
        <v>4858</v>
      </c>
      <c r="I4865" s="55">
        <f>Bühler!I4891</f>
        <v>0.13241186674582078</v>
      </c>
      <c r="J4865" s="58">
        <f>Bühler!J4891</f>
        <v>3.8396202350148321</v>
      </c>
      <c r="K4865" s="58">
        <f>Bühler!K4891</f>
        <v>0.21546384143398128</v>
      </c>
      <c r="L4865" s="58">
        <f>Bühler!L4891</f>
        <v>0.10773192071699064</v>
      </c>
      <c r="M4865" s="57">
        <f>Bühler!M4891</f>
        <v>0</v>
      </c>
      <c r="N4865" s="55">
        <f>IF(Input!$K$13=1,J4865*Input!$J$13,0)+IF(Input!$K$14=1,K4865*Input!$J$14,0)+IF(Input!$K$15=1,L4865*Input!$J$15,0)+IF(Input!$K$16=1,M4865*Input!$J$16,0)</f>
        <v>0.46075442820177981</v>
      </c>
      <c r="O4865" s="58">
        <f>IF(Input!$K$13=2,J4865*Input!$J$13,0)+IF(Input!$K$14=2,K4865*Input!$J$14,0)+IF(Input!$K$15=2,L4865*Input!$J$15,0)+IF(Input!$K$16=2,M4865*Input!$J$16,0)</f>
        <v>2.9087618593587473E-2</v>
      </c>
      <c r="P4865" s="58">
        <f>IF(Input!$K$13=3,J4865*Input!$J$13,0)+IF(Input!$K$14=3,K4865*Input!$J$14,0)+IF(Input!$K$15=3,L4865*Input!$J$15,0)+IF(Input!$K$16=3,M4865*Input!$J$16,0)</f>
        <v>0</v>
      </c>
      <c r="Q4865" s="71">
        <f>IF(Input!$K$13=4,J4865*Input!$J$13,0)+IF(Input!$K$14=4,K4865*Input!$J$14,0)+IF(Input!$K$15=4,L4865*Input!$J$15,0)+IF(Input!$K$16=4,M4865*Input!$J$16,0)</f>
        <v>0</v>
      </c>
    </row>
    <row r="4866" spans="8:17" x14ac:dyDescent="0.25">
      <c r="H4866" s="43">
        <v>4859</v>
      </c>
      <c r="I4866" s="55">
        <f>Bühler!I4892</f>
        <v>0.13241186674582078</v>
      </c>
      <c r="J4866" s="58">
        <f>Bühler!J4892</f>
        <v>3.8396202350148321</v>
      </c>
      <c r="K4866" s="58">
        <f>Bühler!K4892</f>
        <v>0.21546384143398128</v>
      </c>
      <c r="L4866" s="58">
        <f>Bühler!L4892</f>
        <v>0.10773192071699064</v>
      </c>
      <c r="M4866" s="57">
        <f>Bühler!M4892</f>
        <v>0</v>
      </c>
      <c r="N4866" s="55">
        <f>IF(Input!$K$13=1,J4866*Input!$J$13,0)+IF(Input!$K$14=1,K4866*Input!$J$14,0)+IF(Input!$K$15=1,L4866*Input!$J$15,0)+IF(Input!$K$16=1,M4866*Input!$J$16,0)</f>
        <v>0.46075442820177981</v>
      </c>
      <c r="O4866" s="58">
        <f>IF(Input!$K$13=2,J4866*Input!$J$13,0)+IF(Input!$K$14=2,K4866*Input!$J$14,0)+IF(Input!$K$15=2,L4866*Input!$J$15,0)+IF(Input!$K$16=2,M4866*Input!$J$16,0)</f>
        <v>2.9087618593587473E-2</v>
      </c>
      <c r="P4866" s="58">
        <f>IF(Input!$K$13=3,J4866*Input!$J$13,0)+IF(Input!$K$14=3,K4866*Input!$J$14,0)+IF(Input!$K$15=3,L4866*Input!$J$15,0)+IF(Input!$K$16=3,M4866*Input!$J$16,0)</f>
        <v>0</v>
      </c>
      <c r="Q4866" s="71">
        <f>IF(Input!$K$13=4,J4866*Input!$J$13,0)+IF(Input!$K$14=4,K4866*Input!$J$14,0)+IF(Input!$K$15=4,L4866*Input!$J$15,0)+IF(Input!$K$16=4,M4866*Input!$J$16,0)</f>
        <v>0</v>
      </c>
    </row>
    <row r="4867" spans="8:17" x14ac:dyDescent="0.25">
      <c r="H4867" s="43">
        <v>4860</v>
      </c>
      <c r="I4867" s="55">
        <f>Bühler!I4893</f>
        <v>0.13241186674582078</v>
      </c>
      <c r="J4867" s="58">
        <f>Bühler!J4893</f>
        <v>3.8396202350148321</v>
      </c>
      <c r="K4867" s="58">
        <f>Bühler!K4893</f>
        <v>0.21546384143398128</v>
      </c>
      <c r="L4867" s="58">
        <f>Bühler!L4893</f>
        <v>0.10773192071699064</v>
      </c>
      <c r="M4867" s="57">
        <f>Bühler!M4893</f>
        <v>0</v>
      </c>
      <c r="N4867" s="55">
        <f>IF(Input!$K$13=1,J4867*Input!$J$13,0)+IF(Input!$K$14=1,K4867*Input!$J$14,0)+IF(Input!$K$15=1,L4867*Input!$J$15,0)+IF(Input!$K$16=1,M4867*Input!$J$16,0)</f>
        <v>0.46075442820177981</v>
      </c>
      <c r="O4867" s="58">
        <f>IF(Input!$K$13=2,J4867*Input!$J$13,0)+IF(Input!$K$14=2,K4867*Input!$J$14,0)+IF(Input!$K$15=2,L4867*Input!$J$15,0)+IF(Input!$K$16=2,M4867*Input!$J$16,0)</f>
        <v>2.9087618593587473E-2</v>
      </c>
      <c r="P4867" s="58">
        <f>IF(Input!$K$13=3,J4867*Input!$J$13,0)+IF(Input!$K$14=3,K4867*Input!$J$14,0)+IF(Input!$K$15=3,L4867*Input!$J$15,0)+IF(Input!$K$16=3,M4867*Input!$J$16,0)</f>
        <v>0</v>
      </c>
      <c r="Q4867" s="71">
        <f>IF(Input!$K$13=4,J4867*Input!$J$13,0)+IF(Input!$K$14=4,K4867*Input!$J$14,0)+IF(Input!$K$15=4,L4867*Input!$J$15,0)+IF(Input!$K$16=4,M4867*Input!$J$16,0)</f>
        <v>0</v>
      </c>
    </row>
    <row r="4868" spans="8:17" x14ac:dyDescent="0.25">
      <c r="H4868" s="43">
        <v>4861</v>
      </c>
      <c r="I4868" s="55">
        <f>Bühler!I4894</f>
        <v>0.13241186674582078</v>
      </c>
      <c r="J4868" s="58">
        <f>Bühler!J4894</f>
        <v>3.8396202350148321</v>
      </c>
      <c r="K4868" s="58">
        <f>Bühler!K4894</f>
        <v>0.21546384143398128</v>
      </c>
      <c r="L4868" s="58">
        <f>Bühler!L4894</f>
        <v>0.10773192071699064</v>
      </c>
      <c r="M4868" s="57">
        <f>Bühler!M4894</f>
        <v>0</v>
      </c>
      <c r="N4868" s="55">
        <f>IF(Input!$K$13=1,J4868*Input!$J$13,0)+IF(Input!$K$14=1,K4868*Input!$J$14,0)+IF(Input!$K$15=1,L4868*Input!$J$15,0)+IF(Input!$K$16=1,M4868*Input!$J$16,0)</f>
        <v>0.46075442820177981</v>
      </c>
      <c r="O4868" s="58">
        <f>IF(Input!$K$13=2,J4868*Input!$J$13,0)+IF(Input!$K$14=2,K4868*Input!$J$14,0)+IF(Input!$K$15=2,L4868*Input!$J$15,0)+IF(Input!$K$16=2,M4868*Input!$J$16,0)</f>
        <v>2.9087618593587473E-2</v>
      </c>
      <c r="P4868" s="58">
        <f>IF(Input!$K$13=3,J4868*Input!$J$13,0)+IF(Input!$K$14=3,K4868*Input!$J$14,0)+IF(Input!$K$15=3,L4868*Input!$J$15,0)+IF(Input!$K$16=3,M4868*Input!$J$16,0)</f>
        <v>0</v>
      </c>
      <c r="Q4868" s="71">
        <f>IF(Input!$K$13=4,J4868*Input!$J$13,0)+IF(Input!$K$14=4,K4868*Input!$J$14,0)+IF(Input!$K$15=4,L4868*Input!$J$15,0)+IF(Input!$K$16=4,M4868*Input!$J$16,0)</f>
        <v>0</v>
      </c>
    </row>
    <row r="4869" spans="8:17" x14ac:dyDescent="0.25">
      <c r="H4869" s="43">
        <v>4862</v>
      </c>
      <c r="I4869" s="55">
        <f>Bühler!I4895</f>
        <v>0.13241186674582078</v>
      </c>
      <c r="J4869" s="58">
        <f>Bühler!J4895</f>
        <v>3.8396202350148321</v>
      </c>
      <c r="K4869" s="58">
        <f>Bühler!K4895</f>
        <v>0.21546384143398128</v>
      </c>
      <c r="L4869" s="58">
        <f>Bühler!L4895</f>
        <v>0.10773192071699064</v>
      </c>
      <c r="M4869" s="57">
        <f>Bühler!M4895</f>
        <v>0</v>
      </c>
      <c r="N4869" s="55">
        <f>IF(Input!$K$13=1,J4869*Input!$J$13,0)+IF(Input!$K$14=1,K4869*Input!$J$14,0)+IF(Input!$K$15=1,L4869*Input!$J$15,0)+IF(Input!$K$16=1,M4869*Input!$J$16,0)</f>
        <v>0.46075442820177981</v>
      </c>
      <c r="O4869" s="58">
        <f>IF(Input!$K$13=2,J4869*Input!$J$13,0)+IF(Input!$K$14=2,K4869*Input!$J$14,0)+IF(Input!$K$15=2,L4869*Input!$J$15,0)+IF(Input!$K$16=2,M4869*Input!$J$16,0)</f>
        <v>2.9087618593587473E-2</v>
      </c>
      <c r="P4869" s="58">
        <f>IF(Input!$K$13=3,J4869*Input!$J$13,0)+IF(Input!$K$14=3,K4869*Input!$J$14,0)+IF(Input!$K$15=3,L4869*Input!$J$15,0)+IF(Input!$K$16=3,M4869*Input!$J$16,0)</f>
        <v>0</v>
      </c>
      <c r="Q4869" s="71">
        <f>IF(Input!$K$13=4,J4869*Input!$J$13,0)+IF(Input!$K$14=4,K4869*Input!$J$14,0)+IF(Input!$K$15=4,L4869*Input!$J$15,0)+IF(Input!$K$16=4,M4869*Input!$J$16,0)</f>
        <v>0</v>
      </c>
    </row>
    <row r="4870" spans="8:17" x14ac:dyDescent="0.25">
      <c r="H4870" s="43">
        <v>4863</v>
      </c>
      <c r="I4870" s="55">
        <f>Bühler!I4896</f>
        <v>0.13241186674582078</v>
      </c>
      <c r="J4870" s="58">
        <f>Bühler!J4896</f>
        <v>3.8396202350148321</v>
      </c>
      <c r="K4870" s="58">
        <f>Bühler!K4896</f>
        <v>0.21546384143398128</v>
      </c>
      <c r="L4870" s="58">
        <f>Bühler!L4896</f>
        <v>0.10773192071699064</v>
      </c>
      <c r="M4870" s="57">
        <f>Bühler!M4896</f>
        <v>0</v>
      </c>
      <c r="N4870" s="55">
        <f>IF(Input!$K$13=1,J4870*Input!$J$13,0)+IF(Input!$K$14=1,K4870*Input!$J$14,0)+IF(Input!$K$15=1,L4870*Input!$J$15,0)+IF(Input!$K$16=1,M4870*Input!$J$16,0)</f>
        <v>0.46075442820177981</v>
      </c>
      <c r="O4870" s="58">
        <f>IF(Input!$K$13=2,J4870*Input!$J$13,0)+IF(Input!$K$14=2,K4870*Input!$J$14,0)+IF(Input!$K$15=2,L4870*Input!$J$15,0)+IF(Input!$K$16=2,M4870*Input!$J$16,0)</f>
        <v>2.9087618593587473E-2</v>
      </c>
      <c r="P4870" s="58">
        <f>IF(Input!$K$13=3,J4870*Input!$J$13,0)+IF(Input!$K$14=3,K4870*Input!$J$14,0)+IF(Input!$K$15=3,L4870*Input!$J$15,0)+IF(Input!$K$16=3,M4870*Input!$J$16,0)</f>
        <v>0</v>
      </c>
      <c r="Q4870" s="71">
        <f>IF(Input!$K$13=4,J4870*Input!$J$13,0)+IF(Input!$K$14=4,K4870*Input!$J$14,0)+IF(Input!$K$15=4,L4870*Input!$J$15,0)+IF(Input!$K$16=4,M4870*Input!$J$16,0)</f>
        <v>0</v>
      </c>
    </row>
    <row r="4871" spans="8:17" x14ac:dyDescent="0.25">
      <c r="H4871" s="43">
        <v>4864</v>
      </c>
      <c r="I4871" s="55">
        <f>Bühler!I4897</f>
        <v>0.11971483842772836</v>
      </c>
      <c r="J4871" s="58">
        <f>Bühler!J4897</f>
        <v>3.8390911921682447</v>
      </c>
      <c r="K4871" s="58">
        <f>Bühler!K4897</f>
        <v>0.21546384143398128</v>
      </c>
      <c r="L4871" s="58">
        <f>Bühler!L4897</f>
        <v>0.10773192071699064</v>
      </c>
      <c r="M4871" s="57">
        <f>Bühler!M4897</f>
        <v>0</v>
      </c>
      <c r="N4871" s="55">
        <f>IF(Input!$K$13=1,J4871*Input!$J$13,0)+IF(Input!$K$14=1,K4871*Input!$J$14,0)+IF(Input!$K$15=1,L4871*Input!$J$15,0)+IF(Input!$K$16=1,M4871*Input!$J$16,0)</f>
        <v>0.46069094306018932</v>
      </c>
      <c r="O4871" s="58">
        <f>IF(Input!$K$13=2,J4871*Input!$J$13,0)+IF(Input!$K$14=2,K4871*Input!$J$14,0)+IF(Input!$K$15=2,L4871*Input!$J$15,0)+IF(Input!$K$16=2,M4871*Input!$J$16,0)</f>
        <v>2.9087618593587473E-2</v>
      </c>
      <c r="P4871" s="58">
        <f>IF(Input!$K$13=3,J4871*Input!$J$13,0)+IF(Input!$K$14=3,K4871*Input!$J$14,0)+IF(Input!$K$15=3,L4871*Input!$J$15,0)+IF(Input!$K$16=3,M4871*Input!$J$16,0)</f>
        <v>0</v>
      </c>
      <c r="Q4871" s="71">
        <f>IF(Input!$K$13=4,J4871*Input!$J$13,0)+IF(Input!$K$14=4,K4871*Input!$J$14,0)+IF(Input!$K$15=4,L4871*Input!$J$15,0)+IF(Input!$K$16=4,M4871*Input!$J$16,0)</f>
        <v>0</v>
      </c>
    </row>
    <row r="4872" spans="8:17" x14ac:dyDescent="0.25">
      <c r="H4872" s="43">
        <v>4865</v>
      </c>
      <c r="I4872" s="55">
        <f>Bühler!I4898</f>
        <v>0.10883167129793489</v>
      </c>
      <c r="J4872" s="58">
        <f>Bühler!J4898</f>
        <v>3.8386377268711702</v>
      </c>
      <c r="K4872" s="58">
        <f>Bühler!K4898</f>
        <v>0.21546384143398128</v>
      </c>
      <c r="L4872" s="58">
        <f>Bühler!L4898</f>
        <v>0.10773192071699064</v>
      </c>
      <c r="M4872" s="57">
        <f>Bühler!M4898</f>
        <v>0</v>
      </c>
      <c r="N4872" s="55">
        <f>IF(Input!$K$13=1,J4872*Input!$J$13,0)+IF(Input!$K$14=1,K4872*Input!$J$14,0)+IF(Input!$K$15=1,L4872*Input!$J$15,0)+IF(Input!$K$16=1,M4872*Input!$J$16,0)</f>
        <v>0.4606365272245404</v>
      </c>
      <c r="O4872" s="58">
        <f>IF(Input!$K$13=2,J4872*Input!$J$13,0)+IF(Input!$K$14=2,K4872*Input!$J$14,0)+IF(Input!$K$15=2,L4872*Input!$J$15,0)+IF(Input!$K$16=2,M4872*Input!$J$16,0)</f>
        <v>2.9087618593587473E-2</v>
      </c>
      <c r="P4872" s="58">
        <f>IF(Input!$K$13=3,J4872*Input!$J$13,0)+IF(Input!$K$14=3,K4872*Input!$J$14,0)+IF(Input!$K$15=3,L4872*Input!$J$15,0)+IF(Input!$K$16=3,M4872*Input!$J$16,0)</f>
        <v>0</v>
      </c>
      <c r="Q4872" s="71">
        <f>IF(Input!$K$13=4,J4872*Input!$J$13,0)+IF(Input!$K$14=4,K4872*Input!$J$14,0)+IF(Input!$K$15=4,L4872*Input!$J$15,0)+IF(Input!$K$16=4,M4872*Input!$J$16,0)</f>
        <v>0</v>
      </c>
    </row>
    <row r="4873" spans="8:17" x14ac:dyDescent="0.25">
      <c r="H4873" s="43">
        <v>4866</v>
      </c>
      <c r="I4873" s="55">
        <f>Bühler!I4899</f>
        <v>9.7948504168141395E-2</v>
      </c>
      <c r="J4873" s="58">
        <f>Bühler!J4899</f>
        <v>3.8381842615740953</v>
      </c>
      <c r="K4873" s="58">
        <f>Bühler!K4899</f>
        <v>0.21546384143398128</v>
      </c>
      <c r="L4873" s="58">
        <f>Bühler!L4899</f>
        <v>0.10773192071699064</v>
      </c>
      <c r="M4873" s="57">
        <f>Bühler!M4899</f>
        <v>0</v>
      </c>
      <c r="N4873" s="55">
        <f>IF(Input!$K$13=1,J4873*Input!$J$13,0)+IF(Input!$K$14=1,K4873*Input!$J$14,0)+IF(Input!$K$15=1,L4873*Input!$J$15,0)+IF(Input!$K$16=1,M4873*Input!$J$16,0)</f>
        <v>0.46058211138889144</v>
      </c>
      <c r="O4873" s="58">
        <f>IF(Input!$K$13=2,J4873*Input!$J$13,0)+IF(Input!$K$14=2,K4873*Input!$J$14,0)+IF(Input!$K$15=2,L4873*Input!$J$15,0)+IF(Input!$K$16=2,M4873*Input!$J$16,0)</f>
        <v>2.9087618593587473E-2</v>
      </c>
      <c r="P4873" s="58">
        <f>IF(Input!$K$13=3,J4873*Input!$J$13,0)+IF(Input!$K$14=3,K4873*Input!$J$14,0)+IF(Input!$K$15=3,L4873*Input!$J$15,0)+IF(Input!$K$16=3,M4873*Input!$J$16,0)</f>
        <v>0</v>
      </c>
      <c r="Q4873" s="71">
        <f>IF(Input!$K$13=4,J4873*Input!$J$13,0)+IF(Input!$K$14=4,K4873*Input!$J$14,0)+IF(Input!$K$15=4,L4873*Input!$J$15,0)+IF(Input!$K$16=4,M4873*Input!$J$16,0)</f>
        <v>0</v>
      </c>
    </row>
    <row r="4874" spans="8:17" x14ac:dyDescent="0.25">
      <c r="H4874" s="43">
        <v>4867</v>
      </c>
      <c r="I4874" s="55">
        <f>Bühler!I4900</f>
        <v>9.4320781791543559E-2</v>
      </c>
      <c r="J4874" s="58">
        <f>Bühler!J4900</f>
        <v>3.8380331064750703</v>
      </c>
      <c r="K4874" s="58">
        <f>Bühler!K4900</f>
        <v>0.21546384143398128</v>
      </c>
      <c r="L4874" s="58">
        <f>Bühler!L4900</f>
        <v>0.10773192071699064</v>
      </c>
      <c r="M4874" s="57">
        <f>Bühler!M4900</f>
        <v>0</v>
      </c>
      <c r="N4874" s="55">
        <f>IF(Input!$K$13=1,J4874*Input!$J$13,0)+IF(Input!$K$14=1,K4874*Input!$J$14,0)+IF(Input!$K$15=1,L4874*Input!$J$15,0)+IF(Input!$K$16=1,M4874*Input!$J$16,0)</f>
        <v>0.46056397277700845</v>
      </c>
      <c r="O4874" s="58">
        <f>IF(Input!$K$13=2,J4874*Input!$J$13,0)+IF(Input!$K$14=2,K4874*Input!$J$14,0)+IF(Input!$K$15=2,L4874*Input!$J$15,0)+IF(Input!$K$16=2,M4874*Input!$J$16,0)</f>
        <v>2.9087618593587473E-2</v>
      </c>
      <c r="P4874" s="58">
        <f>IF(Input!$K$13=3,J4874*Input!$J$13,0)+IF(Input!$K$14=3,K4874*Input!$J$14,0)+IF(Input!$K$15=3,L4874*Input!$J$15,0)+IF(Input!$K$16=3,M4874*Input!$J$16,0)</f>
        <v>0</v>
      </c>
      <c r="Q4874" s="71">
        <f>IF(Input!$K$13=4,J4874*Input!$J$13,0)+IF(Input!$K$14=4,K4874*Input!$J$14,0)+IF(Input!$K$15=4,L4874*Input!$J$15,0)+IF(Input!$K$16=4,M4874*Input!$J$16,0)</f>
        <v>0</v>
      </c>
    </row>
    <row r="4875" spans="8:17" x14ac:dyDescent="0.25">
      <c r="H4875" s="43">
        <v>4868</v>
      </c>
      <c r="I4875" s="55">
        <f>Bühler!I4901</f>
        <v>7.6182169908554406E-2</v>
      </c>
      <c r="J4875" s="58">
        <f>Bühler!J4901</f>
        <v>3.8372773309799459</v>
      </c>
      <c r="K4875" s="58">
        <f>Bühler!K4901</f>
        <v>0.21546384143398128</v>
      </c>
      <c r="L4875" s="58">
        <f>Bühler!L4901</f>
        <v>0.10773192071699064</v>
      </c>
      <c r="M4875" s="57">
        <f>Bühler!M4901</f>
        <v>0</v>
      </c>
      <c r="N4875" s="55">
        <f>IF(Input!$K$13=1,J4875*Input!$J$13,0)+IF(Input!$K$14=1,K4875*Input!$J$14,0)+IF(Input!$K$15=1,L4875*Input!$J$15,0)+IF(Input!$K$16=1,M4875*Input!$J$16,0)</f>
        <v>0.4604732797175935</v>
      </c>
      <c r="O4875" s="58">
        <f>IF(Input!$K$13=2,J4875*Input!$J$13,0)+IF(Input!$K$14=2,K4875*Input!$J$14,0)+IF(Input!$K$15=2,L4875*Input!$J$15,0)+IF(Input!$K$16=2,M4875*Input!$J$16,0)</f>
        <v>2.9087618593587473E-2</v>
      </c>
      <c r="P4875" s="58">
        <f>IF(Input!$K$13=3,J4875*Input!$J$13,0)+IF(Input!$K$14=3,K4875*Input!$J$14,0)+IF(Input!$K$15=3,L4875*Input!$J$15,0)+IF(Input!$K$16=3,M4875*Input!$J$16,0)</f>
        <v>0</v>
      </c>
      <c r="Q4875" s="71">
        <f>IF(Input!$K$13=4,J4875*Input!$J$13,0)+IF(Input!$K$14=4,K4875*Input!$J$14,0)+IF(Input!$K$15=4,L4875*Input!$J$15,0)+IF(Input!$K$16=4,M4875*Input!$J$16,0)</f>
        <v>0</v>
      </c>
    </row>
    <row r="4876" spans="8:17" x14ac:dyDescent="0.25">
      <c r="H4876" s="43">
        <v>4869</v>
      </c>
      <c r="I4876" s="55">
        <f>Bühler!I4902</f>
        <v>5.6229696837266356E-2</v>
      </c>
      <c r="J4876" s="58">
        <f>Bühler!J4902</f>
        <v>3.8364459779353091</v>
      </c>
      <c r="K4876" s="58">
        <f>Bühler!K4902</f>
        <v>0.21546384143398128</v>
      </c>
      <c r="L4876" s="58">
        <f>Bühler!L4902</f>
        <v>0.10773192071699064</v>
      </c>
      <c r="M4876" s="57">
        <f>Bühler!M4902</f>
        <v>0</v>
      </c>
      <c r="N4876" s="55">
        <f>IF(Input!$K$13=1,J4876*Input!$J$13,0)+IF(Input!$K$14=1,K4876*Input!$J$14,0)+IF(Input!$K$15=1,L4876*Input!$J$15,0)+IF(Input!$K$16=1,M4876*Input!$J$16,0)</f>
        <v>0.46037351735223708</v>
      </c>
      <c r="O4876" s="58">
        <f>IF(Input!$K$13=2,J4876*Input!$J$13,0)+IF(Input!$K$14=2,K4876*Input!$J$14,0)+IF(Input!$K$15=2,L4876*Input!$J$15,0)+IF(Input!$K$16=2,M4876*Input!$J$16,0)</f>
        <v>2.9087618593587473E-2</v>
      </c>
      <c r="P4876" s="58">
        <f>IF(Input!$K$13=3,J4876*Input!$J$13,0)+IF(Input!$K$14=3,K4876*Input!$J$14,0)+IF(Input!$K$15=3,L4876*Input!$J$15,0)+IF(Input!$K$16=3,M4876*Input!$J$16,0)</f>
        <v>0</v>
      </c>
      <c r="Q4876" s="71">
        <f>IF(Input!$K$13=4,J4876*Input!$J$13,0)+IF(Input!$K$14=4,K4876*Input!$J$14,0)+IF(Input!$K$15=4,L4876*Input!$J$15,0)+IF(Input!$K$16=4,M4876*Input!$J$16,0)</f>
        <v>0</v>
      </c>
    </row>
    <row r="4877" spans="8:17" x14ac:dyDescent="0.25">
      <c r="H4877" s="43">
        <v>4870</v>
      </c>
      <c r="I4877" s="55">
        <f>Bühler!I4903</f>
        <v>5.6229696837266356E-2</v>
      </c>
      <c r="J4877" s="58">
        <f>Bühler!J4903</f>
        <v>3.8364459779353091</v>
      </c>
      <c r="K4877" s="58">
        <f>Bühler!K4903</f>
        <v>0.21546384143398128</v>
      </c>
      <c r="L4877" s="58">
        <f>Bühler!L4903</f>
        <v>0.10773192071699064</v>
      </c>
      <c r="M4877" s="57">
        <f>Bühler!M4903</f>
        <v>0</v>
      </c>
      <c r="N4877" s="55">
        <f>IF(Input!$K$13=1,J4877*Input!$J$13,0)+IF(Input!$K$14=1,K4877*Input!$J$14,0)+IF(Input!$K$15=1,L4877*Input!$J$15,0)+IF(Input!$K$16=1,M4877*Input!$J$16,0)</f>
        <v>0.46037351735223708</v>
      </c>
      <c r="O4877" s="58">
        <f>IF(Input!$K$13=2,J4877*Input!$J$13,0)+IF(Input!$K$14=2,K4877*Input!$J$14,0)+IF(Input!$K$15=2,L4877*Input!$J$15,0)+IF(Input!$K$16=2,M4877*Input!$J$16,0)</f>
        <v>2.9087618593587473E-2</v>
      </c>
      <c r="P4877" s="58">
        <f>IF(Input!$K$13=3,J4877*Input!$J$13,0)+IF(Input!$K$14=3,K4877*Input!$J$14,0)+IF(Input!$K$15=3,L4877*Input!$J$15,0)+IF(Input!$K$16=3,M4877*Input!$J$16,0)</f>
        <v>0</v>
      </c>
      <c r="Q4877" s="71">
        <f>IF(Input!$K$13=4,J4877*Input!$J$13,0)+IF(Input!$K$14=4,K4877*Input!$J$14,0)+IF(Input!$K$15=4,L4877*Input!$J$15,0)+IF(Input!$K$16=4,M4877*Input!$J$16,0)</f>
        <v>0</v>
      </c>
    </row>
    <row r="4878" spans="8:17" x14ac:dyDescent="0.25">
      <c r="H4878" s="43">
        <v>4871</v>
      </c>
      <c r="I4878" s="55">
        <f>Bühler!I4904</f>
        <v>5.6229696837266356E-2</v>
      </c>
      <c r="J4878" s="58">
        <f>Bühler!J4904</f>
        <v>3.8364459779353091</v>
      </c>
      <c r="K4878" s="58">
        <f>Bühler!K4904</f>
        <v>0.21546384143398128</v>
      </c>
      <c r="L4878" s="58">
        <f>Bühler!L4904</f>
        <v>0.10773192071699064</v>
      </c>
      <c r="M4878" s="57">
        <f>Bühler!M4904</f>
        <v>0</v>
      </c>
      <c r="N4878" s="55">
        <f>IF(Input!$K$13=1,J4878*Input!$J$13,0)+IF(Input!$K$14=1,K4878*Input!$J$14,0)+IF(Input!$K$15=1,L4878*Input!$J$15,0)+IF(Input!$K$16=1,M4878*Input!$J$16,0)</f>
        <v>0.46037351735223708</v>
      </c>
      <c r="O4878" s="58">
        <f>IF(Input!$K$13=2,J4878*Input!$J$13,0)+IF(Input!$K$14=2,K4878*Input!$J$14,0)+IF(Input!$K$15=2,L4878*Input!$J$15,0)+IF(Input!$K$16=2,M4878*Input!$J$16,0)</f>
        <v>2.9087618593587473E-2</v>
      </c>
      <c r="P4878" s="58">
        <f>IF(Input!$K$13=3,J4878*Input!$J$13,0)+IF(Input!$K$14=3,K4878*Input!$J$14,0)+IF(Input!$K$15=3,L4878*Input!$J$15,0)+IF(Input!$K$16=3,M4878*Input!$J$16,0)</f>
        <v>0</v>
      </c>
      <c r="Q4878" s="71">
        <f>IF(Input!$K$13=4,J4878*Input!$J$13,0)+IF(Input!$K$14=4,K4878*Input!$J$14,0)+IF(Input!$K$15=4,L4878*Input!$J$15,0)+IF(Input!$K$16=4,M4878*Input!$J$16,0)</f>
        <v>0</v>
      </c>
    </row>
    <row r="4879" spans="8:17" x14ac:dyDescent="0.25">
      <c r="H4879" s="43">
        <v>4872</v>
      </c>
      <c r="I4879" s="55">
        <f>Bühler!I4905</f>
        <v>5.6229696837266356E-2</v>
      </c>
      <c r="J4879" s="58">
        <f>Bühler!J4905</f>
        <v>3.8364459779353091</v>
      </c>
      <c r="K4879" s="58">
        <f>Bühler!K4905</f>
        <v>0.21546384143398128</v>
      </c>
      <c r="L4879" s="58">
        <f>Bühler!L4905</f>
        <v>0.10773192071699064</v>
      </c>
      <c r="M4879" s="57">
        <f>Bühler!M4905</f>
        <v>0</v>
      </c>
      <c r="N4879" s="55">
        <f>IF(Input!$K$13=1,J4879*Input!$J$13,0)+IF(Input!$K$14=1,K4879*Input!$J$14,0)+IF(Input!$K$15=1,L4879*Input!$J$15,0)+IF(Input!$K$16=1,M4879*Input!$J$16,0)</f>
        <v>0.46037351735223708</v>
      </c>
      <c r="O4879" s="58">
        <f>IF(Input!$K$13=2,J4879*Input!$J$13,0)+IF(Input!$K$14=2,K4879*Input!$J$14,0)+IF(Input!$K$15=2,L4879*Input!$J$15,0)+IF(Input!$K$16=2,M4879*Input!$J$16,0)</f>
        <v>2.9087618593587473E-2</v>
      </c>
      <c r="P4879" s="58">
        <f>IF(Input!$K$13=3,J4879*Input!$J$13,0)+IF(Input!$K$14=3,K4879*Input!$J$14,0)+IF(Input!$K$15=3,L4879*Input!$J$15,0)+IF(Input!$K$16=3,M4879*Input!$J$16,0)</f>
        <v>0</v>
      </c>
      <c r="Q4879" s="71">
        <f>IF(Input!$K$13=4,J4879*Input!$J$13,0)+IF(Input!$K$14=4,K4879*Input!$J$14,0)+IF(Input!$K$15=4,L4879*Input!$J$15,0)+IF(Input!$K$16=4,M4879*Input!$J$16,0)</f>
        <v>0</v>
      </c>
    </row>
    <row r="4880" spans="8:17" x14ac:dyDescent="0.25">
      <c r="H4880" s="43">
        <v>4873</v>
      </c>
      <c r="I4880" s="55">
        <f>Bühler!I4906</f>
        <v>0</v>
      </c>
      <c r="J4880" s="58">
        <f>Bühler!J4906</f>
        <v>3.6101175476912664</v>
      </c>
      <c r="K4880" s="58">
        <f>Bühler!K4906</f>
        <v>0.21519649059594526</v>
      </c>
      <c r="L4880" s="58">
        <f>Bühler!L4906</f>
        <v>0.10759824529797263</v>
      </c>
      <c r="M4880" s="57">
        <f>Bühler!M4906</f>
        <v>0</v>
      </c>
      <c r="N4880" s="55">
        <f>IF(Input!$K$13=1,J4880*Input!$J$13,0)+IF(Input!$K$14=1,K4880*Input!$J$14,0)+IF(Input!$K$15=1,L4880*Input!$J$15,0)+IF(Input!$K$16=1,M4880*Input!$J$16,0)</f>
        <v>0.43321410572295194</v>
      </c>
      <c r="O4880" s="58">
        <f>IF(Input!$K$13=2,J4880*Input!$J$13,0)+IF(Input!$K$14=2,K4880*Input!$J$14,0)+IF(Input!$K$15=2,L4880*Input!$J$15,0)+IF(Input!$K$16=2,M4880*Input!$J$16,0)</f>
        <v>2.905152623045261E-2</v>
      </c>
      <c r="P4880" s="58">
        <f>IF(Input!$K$13=3,J4880*Input!$J$13,0)+IF(Input!$K$14=3,K4880*Input!$J$14,0)+IF(Input!$K$15=3,L4880*Input!$J$15,0)+IF(Input!$K$16=3,M4880*Input!$J$16,0)</f>
        <v>0</v>
      </c>
      <c r="Q4880" s="71">
        <f>IF(Input!$K$13=4,J4880*Input!$J$13,0)+IF(Input!$K$14=4,K4880*Input!$J$14,0)+IF(Input!$K$15=4,L4880*Input!$J$15,0)+IF(Input!$K$16=4,M4880*Input!$J$16,0)</f>
        <v>0</v>
      </c>
    </row>
    <row r="4881" spans="8:17" x14ac:dyDescent="0.25">
      <c r="H4881" s="43">
        <v>4874</v>
      </c>
      <c r="I4881" s="55">
        <f>Bühler!I4907</f>
        <v>0</v>
      </c>
      <c r="J4881" s="58">
        <f>Bühler!J4907</f>
        <v>3.6101175476912664</v>
      </c>
      <c r="K4881" s="58">
        <f>Bühler!K4907</f>
        <v>0.21519649059594526</v>
      </c>
      <c r="L4881" s="58">
        <f>Bühler!L4907</f>
        <v>0.10759824529797263</v>
      </c>
      <c r="M4881" s="57">
        <f>Bühler!M4907</f>
        <v>0</v>
      </c>
      <c r="N4881" s="55">
        <f>IF(Input!$K$13=1,J4881*Input!$J$13,0)+IF(Input!$K$14=1,K4881*Input!$J$14,0)+IF(Input!$K$15=1,L4881*Input!$J$15,0)+IF(Input!$K$16=1,M4881*Input!$J$16,0)</f>
        <v>0.43321410572295194</v>
      </c>
      <c r="O4881" s="58">
        <f>IF(Input!$K$13=2,J4881*Input!$J$13,0)+IF(Input!$K$14=2,K4881*Input!$J$14,0)+IF(Input!$K$15=2,L4881*Input!$J$15,0)+IF(Input!$K$16=2,M4881*Input!$J$16,0)</f>
        <v>2.905152623045261E-2</v>
      </c>
      <c r="P4881" s="58">
        <f>IF(Input!$K$13=3,J4881*Input!$J$13,0)+IF(Input!$K$14=3,K4881*Input!$J$14,0)+IF(Input!$K$15=3,L4881*Input!$J$15,0)+IF(Input!$K$16=3,M4881*Input!$J$16,0)</f>
        <v>0</v>
      </c>
      <c r="Q4881" s="71">
        <f>IF(Input!$K$13=4,J4881*Input!$J$13,0)+IF(Input!$K$14=4,K4881*Input!$J$14,0)+IF(Input!$K$15=4,L4881*Input!$J$15,0)+IF(Input!$K$16=4,M4881*Input!$J$16,0)</f>
        <v>0</v>
      </c>
    </row>
    <row r="4882" spans="8:17" x14ac:dyDescent="0.25">
      <c r="H4882" s="43">
        <v>4875</v>
      </c>
      <c r="I4882" s="55">
        <f>Bühler!I4908</f>
        <v>0</v>
      </c>
      <c r="J4882" s="58">
        <f>Bühler!J4908</f>
        <v>3.6101175476912664</v>
      </c>
      <c r="K4882" s="58">
        <f>Bühler!K4908</f>
        <v>0.21519649059594526</v>
      </c>
      <c r="L4882" s="58">
        <f>Bühler!L4908</f>
        <v>0.10759824529797263</v>
      </c>
      <c r="M4882" s="57">
        <f>Bühler!M4908</f>
        <v>0</v>
      </c>
      <c r="N4882" s="55">
        <f>IF(Input!$K$13=1,J4882*Input!$J$13,0)+IF(Input!$K$14=1,K4882*Input!$J$14,0)+IF(Input!$K$15=1,L4882*Input!$J$15,0)+IF(Input!$K$16=1,M4882*Input!$J$16,0)</f>
        <v>0.43321410572295194</v>
      </c>
      <c r="O4882" s="58">
        <f>IF(Input!$K$13=2,J4882*Input!$J$13,0)+IF(Input!$K$14=2,K4882*Input!$J$14,0)+IF(Input!$K$15=2,L4882*Input!$J$15,0)+IF(Input!$K$16=2,M4882*Input!$J$16,0)</f>
        <v>2.905152623045261E-2</v>
      </c>
      <c r="P4882" s="58">
        <f>IF(Input!$K$13=3,J4882*Input!$J$13,0)+IF(Input!$K$14=3,K4882*Input!$J$14,0)+IF(Input!$K$15=3,L4882*Input!$J$15,0)+IF(Input!$K$16=3,M4882*Input!$J$16,0)</f>
        <v>0</v>
      </c>
      <c r="Q4882" s="71">
        <f>IF(Input!$K$13=4,J4882*Input!$J$13,0)+IF(Input!$K$14=4,K4882*Input!$J$14,0)+IF(Input!$K$15=4,L4882*Input!$J$15,0)+IF(Input!$K$16=4,M4882*Input!$J$16,0)</f>
        <v>0</v>
      </c>
    </row>
    <row r="4883" spans="8:17" x14ac:dyDescent="0.25">
      <c r="H4883" s="43">
        <v>4876</v>
      </c>
      <c r="I4883" s="55">
        <f>Bühler!I4909</f>
        <v>0</v>
      </c>
      <c r="J4883" s="58">
        <f>Bühler!J4909</f>
        <v>3.6101175476912664</v>
      </c>
      <c r="K4883" s="58">
        <f>Bühler!K4909</f>
        <v>0.21519649059594526</v>
      </c>
      <c r="L4883" s="58">
        <f>Bühler!L4909</f>
        <v>0.10759824529797263</v>
      </c>
      <c r="M4883" s="57">
        <f>Bühler!M4909</f>
        <v>0</v>
      </c>
      <c r="N4883" s="55">
        <f>IF(Input!$K$13=1,J4883*Input!$J$13,0)+IF(Input!$K$14=1,K4883*Input!$J$14,0)+IF(Input!$K$15=1,L4883*Input!$J$15,0)+IF(Input!$K$16=1,M4883*Input!$J$16,0)</f>
        <v>0.43321410572295194</v>
      </c>
      <c r="O4883" s="58">
        <f>IF(Input!$K$13=2,J4883*Input!$J$13,0)+IF(Input!$K$14=2,K4883*Input!$J$14,0)+IF(Input!$K$15=2,L4883*Input!$J$15,0)+IF(Input!$K$16=2,M4883*Input!$J$16,0)</f>
        <v>2.905152623045261E-2</v>
      </c>
      <c r="P4883" s="58">
        <f>IF(Input!$K$13=3,J4883*Input!$J$13,0)+IF(Input!$K$14=3,K4883*Input!$J$14,0)+IF(Input!$K$15=3,L4883*Input!$J$15,0)+IF(Input!$K$16=3,M4883*Input!$J$16,0)</f>
        <v>0</v>
      </c>
      <c r="Q4883" s="71">
        <f>IF(Input!$K$13=4,J4883*Input!$J$13,0)+IF(Input!$K$14=4,K4883*Input!$J$14,0)+IF(Input!$K$15=4,L4883*Input!$J$15,0)+IF(Input!$K$16=4,M4883*Input!$J$16,0)</f>
        <v>0</v>
      </c>
    </row>
    <row r="4884" spans="8:17" x14ac:dyDescent="0.25">
      <c r="H4884" s="43">
        <v>4877</v>
      </c>
      <c r="I4884" s="55">
        <f>Bühler!I4910</f>
        <v>0</v>
      </c>
      <c r="J4884" s="58">
        <f>Bühler!J4910</f>
        <v>3.6101175476912664</v>
      </c>
      <c r="K4884" s="58">
        <f>Bühler!K4910</f>
        <v>0.21519649059594526</v>
      </c>
      <c r="L4884" s="58">
        <f>Bühler!L4910</f>
        <v>0.10759824529797263</v>
      </c>
      <c r="M4884" s="57">
        <f>Bühler!M4910</f>
        <v>0</v>
      </c>
      <c r="N4884" s="55">
        <f>IF(Input!$K$13=1,J4884*Input!$J$13,0)+IF(Input!$K$14=1,K4884*Input!$J$14,0)+IF(Input!$K$15=1,L4884*Input!$J$15,0)+IF(Input!$K$16=1,M4884*Input!$J$16,0)</f>
        <v>0.43321410572295194</v>
      </c>
      <c r="O4884" s="58">
        <f>IF(Input!$K$13=2,J4884*Input!$J$13,0)+IF(Input!$K$14=2,K4884*Input!$J$14,0)+IF(Input!$K$15=2,L4884*Input!$J$15,0)+IF(Input!$K$16=2,M4884*Input!$J$16,0)</f>
        <v>2.905152623045261E-2</v>
      </c>
      <c r="P4884" s="58">
        <f>IF(Input!$K$13=3,J4884*Input!$J$13,0)+IF(Input!$K$14=3,K4884*Input!$J$14,0)+IF(Input!$K$15=3,L4884*Input!$J$15,0)+IF(Input!$K$16=3,M4884*Input!$J$16,0)</f>
        <v>0</v>
      </c>
      <c r="Q4884" s="71">
        <f>IF(Input!$K$13=4,J4884*Input!$J$13,0)+IF(Input!$K$14=4,K4884*Input!$J$14,0)+IF(Input!$K$15=4,L4884*Input!$J$15,0)+IF(Input!$K$16=4,M4884*Input!$J$16,0)</f>
        <v>0</v>
      </c>
    </row>
    <row r="4885" spans="8:17" x14ac:dyDescent="0.25">
      <c r="H4885" s="43">
        <v>4878</v>
      </c>
      <c r="I4885" s="55">
        <f>Bühler!I4911</f>
        <v>0</v>
      </c>
      <c r="J4885" s="58">
        <f>Bühler!J4911</f>
        <v>3.6101175476912664</v>
      </c>
      <c r="K4885" s="58">
        <f>Bühler!K4911</f>
        <v>0.21519649059594526</v>
      </c>
      <c r="L4885" s="58">
        <f>Bühler!L4911</f>
        <v>0.10759824529797263</v>
      </c>
      <c r="M4885" s="57">
        <f>Bühler!M4911</f>
        <v>0</v>
      </c>
      <c r="N4885" s="55">
        <f>IF(Input!$K$13=1,J4885*Input!$J$13,0)+IF(Input!$K$14=1,K4885*Input!$J$14,0)+IF(Input!$K$15=1,L4885*Input!$J$15,0)+IF(Input!$K$16=1,M4885*Input!$J$16,0)</f>
        <v>0.43321410572295194</v>
      </c>
      <c r="O4885" s="58">
        <f>IF(Input!$K$13=2,J4885*Input!$J$13,0)+IF(Input!$K$14=2,K4885*Input!$J$14,0)+IF(Input!$K$15=2,L4885*Input!$J$15,0)+IF(Input!$K$16=2,M4885*Input!$J$16,0)</f>
        <v>2.905152623045261E-2</v>
      </c>
      <c r="P4885" s="58">
        <f>IF(Input!$K$13=3,J4885*Input!$J$13,0)+IF(Input!$K$14=3,K4885*Input!$J$14,0)+IF(Input!$K$15=3,L4885*Input!$J$15,0)+IF(Input!$K$16=3,M4885*Input!$J$16,0)</f>
        <v>0</v>
      </c>
      <c r="Q4885" s="71">
        <f>IF(Input!$K$13=4,J4885*Input!$J$13,0)+IF(Input!$K$14=4,K4885*Input!$J$14,0)+IF(Input!$K$15=4,L4885*Input!$J$15,0)+IF(Input!$K$16=4,M4885*Input!$J$16,0)</f>
        <v>0</v>
      </c>
    </row>
    <row r="4886" spans="8:17" x14ac:dyDescent="0.25">
      <c r="H4886" s="43">
        <v>4879</v>
      </c>
      <c r="I4886" s="55">
        <f>Bühler!I4912</f>
        <v>0</v>
      </c>
      <c r="J4886" s="58">
        <f>Bühler!J4912</f>
        <v>3.6101175476912664</v>
      </c>
      <c r="K4886" s="58">
        <f>Bühler!K4912</f>
        <v>0.21519649059594526</v>
      </c>
      <c r="L4886" s="58">
        <f>Bühler!L4912</f>
        <v>0.10759824529797263</v>
      </c>
      <c r="M4886" s="57">
        <f>Bühler!M4912</f>
        <v>0</v>
      </c>
      <c r="N4886" s="55">
        <f>IF(Input!$K$13=1,J4886*Input!$J$13,0)+IF(Input!$K$14=1,K4886*Input!$J$14,0)+IF(Input!$K$15=1,L4886*Input!$J$15,0)+IF(Input!$K$16=1,M4886*Input!$J$16,0)</f>
        <v>0.43321410572295194</v>
      </c>
      <c r="O4886" s="58">
        <f>IF(Input!$K$13=2,J4886*Input!$J$13,0)+IF(Input!$K$14=2,K4886*Input!$J$14,0)+IF(Input!$K$15=2,L4886*Input!$J$15,0)+IF(Input!$K$16=2,M4886*Input!$J$16,0)</f>
        <v>2.905152623045261E-2</v>
      </c>
      <c r="P4886" s="58">
        <f>IF(Input!$K$13=3,J4886*Input!$J$13,0)+IF(Input!$K$14=3,K4886*Input!$J$14,0)+IF(Input!$K$15=3,L4886*Input!$J$15,0)+IF(Input!$K$16=3,M4886*Input!$J$16,0)</f>
        <v>0</v>
      </c>
      <c r="Q4886" s="71">
        <f>IF(Input!$K$13=4,J4886*Input!$J$13,0)+IF(Input!$K$14=4,K4886*Input!$J$14,0)+IF(Input!$K$15=4,L4886*Input!$J$15,0)+IF(Input!$K$16=4,M4886*Input!$J$16,0)</f>
        <v>0</v>
      </c>
    </row>
    <row r="4887" spans="8:17" x14ac:dyDescent="0.25">
      <c r="H4887" s="43">
        <v>4880</v>
      </c>
      <c r="I4887" s="55">
        <f>Bühler!I4913</f>
        <v>0</v>
      </c>
      <c r="J4887" s="58">
        <f>Bühler!J4913</f>
        <v>3.6101175476912664</v>
      </c>
      <c r="K4887" s="58">
        <f>Bühler!K4913</f>
        <v>0.21519649059594526</v>
      </c>
      <c r="L4887" s="58">
        <f>Bühler!L4913</f>
        <v>0.10759824529797263</v>
      </c>
      <c r="M4887" s="57">
        <f>Bühler!M4913</f>
        <v>0</v>
      </c>
      <c r="N4887" s="55">
        <f>IF(Input!$K$13=1,J4887*Input!$J$13,0)+IF(Input!$K$14=1,K4887*Input!$J$14,0)+IF(Input!$K$15=1,L4887*Input!$J$15,0)+IF(Input!$K$16=1,M4887*Input!$J$16,0)</f>
        <v>0.43321410572295194</v>
      </c>
      <c r="O4887" s="58">
        <f>IF(Input!$K$13=2,J4887*Input!$J$13,0)+IF(Input!$K$14=2,K4887*Input!$J$14,0)+IF(Input!$K$15=2,L4887*Input!$J$15,0)+IF(Input!$K$16=2,M4887*Input!$J$16,0)</f>
        <v>2.905152623045261E-2</v>
      </c>
      <c r="P4887" s="58">
        <f>IF(Input!$K$13=3,J4887*Input!$J$13,0)+IF(Input!$K$14=3,K4887*Input!$J$14,0)+IF(Input!$K$15=3,L4887*Input!$J$15,0)+IF(Input!$K$16=3,M4887*Input!$J$16,0)</f>
        <v>0</v>
      </c>
      <c r="Q4887" s="71">
        <f>IF(Input!$K$13=4,J4887*Input!$J$13,0)+IF(Input!$K$14=4,K4887*Input!$J$14,0)+IF(Input!$K$15=4,L4887*Input!$J$15,0)+IF(Input!$K$16=4,M4887*Input!$J$16,0)</f>
        <v>0</v>
      </c>
    </row>
    <row r="4888" spans="8:17" x14ac:dyDescent="0.25">
      <c r="H4888" s="43">
        <v>4881</v>
      </c>
      <c r="I4888" s="55">
        <f>Bühler!I4914</f>
        <v>0</v>
      </c>
      <c r="J4888" s="58">
        <f>Bühler!J4914</f>
        <v>3.6101175476912664</v>
      </c>
      <c r="K4888" s="58">
        <f>Bühler!K4914</f>
        <v>0.21519649059594526</v>
      </c>
      <c r="L4888" s="58">
        <f>Bühler!L4914</f>
        <v>0.10759824529797263</v>
      </c>
      <c r="M4888" s="57">
        <f>Bühler!M4914</f>
        <v>0</v>
      </c>
      <c r="N4888" s="55">
        <f>IF(Input!$K$13=1,J4888*Input!$J$13,0)+IF(Input!$K$14=1,K4888*Input!$J$14,0)+IF(Input!$K$15=1,L4888*Input!$J$15,0)+IF(Input!$K$16=1,M4888*Input!$J$16,0)</f>
        <v>0.43321410572295194</v>
      </c>
      <c r="O4888" s="58">
        <f>IF(Input!$K$13=2,J4888*Input!$J$13,0)+IF(Input!$K$14=2,K4888*Input!$J$14,0)+IF(Input!$K$15=2,L4888*Input!$J$15,0)+IF(Input!$K$16=2,M4888*Input!$J$16,0)</f>
        <v>2.905152623045261E-2</v>
      </c>
      <c r="P4888" s="58">
        <f>IF(Input!$K$13=3,J4888*Input!$J$13,0)+IF(Input!$K$14=3,K4888*Input!$J$14,0)+IF(Input!$K$15=3,L4888*Input!$J$15,0)+IF(Input!$K$16=3,M4888*Input!$J$16,0)</f>
        <v>0</v>
      </c>
      <c r="Q4888" s="71">
        <f>IF(Input!$K$13=4,J4888*Input!$J$13,0)+IF(Input!$K$14=4,K4888*Input!$J$14,0)+IF(Input!$K$15=4,L4888*Input!$J$15,0)+IF(Input!$K$16=4,M4888*Input!$J$16,0)</f>
        <v>0</v>
      </c>
    </row>
    <row r="4889" spans="8:17" x14ac:dyDescent="0.25">
      <c r="H4889" s="43">
        <v>4882</v>
      </c>
      <c r="I4889" s="55">
        <f>Bühler!I4915</f>
        <v>0</v>
      </c>
      <c r="J4889" s="58">
        <f>Bühler!J4915</f>
        <v>3.6101175476912664</v>
      </c>
      <c r="K4889" s="58">
        <f>Bühler!K4915</f>
        <v>0.21519649059594526</v>
      </c>
      <c r="L4889" s="58">
        <f>Bühler!L4915</f>
        <v>0.10759824529797263</v>
      </c>
      <c r="M4889" s="57">
        <f>Bühler!M4915</f>
        <v>0</v>
      </c>
      <c r="N4889" s="55">
        <f>IF(Input!$K$13=1,J4889*Input!$J$13,0)+IF(Input!$K$14=1,K4889*Input!$J$14,0)+IF(Input!$K$15=1,L4889*Input!$J$15,0)+IF(Input!$K$16=1,M4889*Input!$J$16,0)</f>
        <v>0.43321410572295194</v>
      </c>
      <c r="O4889" s="58">
        <f>IF(Input!$K$13=2,J4889*Input!$J$13,0)+IF(Input!$K$14=2,K4889*Input!$J$14,0)+IF(Input!$K$15=2,L4889*Input!$J$15,0)+IF(Input!$K$16=2,M4889*Input!$J$16,0)</f>
        <v>2.905152623045261E-2</v>
      </c>
      <c r="P4889" s="58">
        <f>IF(Input!$K$13=3,J4889*Input!$J$13,0)+IF(Input!$K$14=3,K4889*Input!$J$14,0)+IF(Input!$K$15=3,L4889*Input!$J$15,0)+IF(Input!$K$16=3,M4889*Input!$J$16,0)</f>
        <v>0</v>
      </c>
      <c r="Q4889" s="71">
        <f>IF(Input!$K$13=4,J4889*Input!$J$13,0)+IF(Input!$K$14=4,K4889*Input!$J$14,0)+IF(Input!$K$15=4,L4889*Input!$J$15,0)+IF(Input!$K$16=4,M4889*Input!$J$16,0)</f>
        <v>0</v>
      </c>
    </row>
    <row r="4890" spans="8:17" x14ac:dyDescent="0.25">
      <c r="H4890" s="43">
        <v>4883</v>
      </c>
      <c r="I4890" s="55">
        <f>Bühler!I4916</f>
        <v>0</v>
      </c>
      <c r="J4890" s="58">
        <f>Bühler!J4916</f>
        <v>3.6101175476912664</v>
      </c>
      <c r="K4890" s="58">
        <f>Bühler!K4916</f>
        <v>0.21519649059594526</v>
      </c>
      <c r="L4890" s="58">
        <f>Bühler!L4916</f>
        <v>0.10759824529797263</v>
      </c>
      <c r="M4890" s="57">
        <f>Bühler!M4916</f>
        <v>0</v>
      </c>
      <c r="N4890" s="55">
        <f>IF(Input!$K$13=1,J4890*Input!$J$13,0)+IF(Input!$K$14=1,K4890*Input!$J$14,0)+IF(Input!$K$15=1,L4890*Input!$J$15,0)+IF(Input!$K$16=1,M4890*Input!$J$16,0)</f>
        <v>0.43321410572295194</v>
      </c>
      <c r="O4890" s="58">
        <f>IF(Input!$K$13=2,J4890*Input!$J$13,0)+IF(Input!$K$14=2,K4890*Input!$J$14,0)+IF(Input!$K$15=2,L4890*Input!$J$15,0)+IF(Input!$K$16=2,M4890*Input!$J$16,0)</f>
        <v>2.905152623045261E-2</v>
      </c>
      <c r="P4890" s="58">
        <f>IF(Input!$K$13=3,J4890*Input!$J$13,0)+IF(Input!$K$14=3,K4890*Input!$J$14,0)+IF(Input!$K$15=3,L4890*Input!$J$15,0)+IF(Input!$K$16=3,M4890*Input!$J$16,0)</f>
        <v>0</v>
      </c>
      <c r="Q4890" s="71">
        <f>IF(Input!$K$13=4,J4890*Input!$J$13,0)+IF(Input!$K$14=4,K4890*Input!$J$14,0)+IF(Input!$K$15=4,L4890*Input!$J$15,0)+IF(Input!$K$16=4,M4890*Input!$J$16,0)</f>
        <v>0</v>
      </c>
    </row>
    <row r="4891" spans="8:17" x14ac:dyDescent="0.25">
      <c r="H4891" s="43">
        <v>4884</v>
      </c>
      <c r="I4891" s="55">
        <f>Bühler!I4917</f>
        <v>0</v>
      </c>
      <c r="J4891" s="58">
        <f>Bühler!J4917</f>
        <v>3.6101175476912664</v>
      </c>
      <c r="K4891" s="58">
        <f>Bühler!K4917</f>
        <v>0.21519649059594526</v>
      </c>
      <c r="L4891" s="58">
        <f>Bühler!L4917</f>
        <v>0.10759824529797263</v>
      </c>
      <c r="M4891" s="57">
        <f>Bühler!M4917</f>
        <v>0</v>
      </c>
      <c r="N4891" s="55">
        <f>IF(Input!$K$13=1,J4891*Input!$J$13,0)+IF(Input!$K$14=1,K4891*Input!$J$14,0)+IF(Input!$K$15=1,L4891*Input!$J$15,0)+IF(Input!$K$16=1,M4891*Input!$J$16,0)</f>
        <v>0.43321410572295194</v>
      </c>
      <c r="O4891" s="58">
        <f>IF(Input!$K$13=2,J4891*Input!$J$13,0)+IF(Input!$K$14=2,K4891*Input!$J$14,0)+IF(Input!$K$15=2,L4891*Input!$J$15,0)+IF(Input!$K$16=2,M4891*Input!$J$16,0)</f>
        <v>2.905152623045261E-2</v>
      </c>
      <c r="P4891" s="58">
        <f>IF(Input!$K$13=3,J4891*Input!$J$13,0)+IF(Input!$K$14=3,K4891*Input!$J$14,0)+IF(Input!$K$15=3,L4891*Input!$J$15,0)+IF(Input!$K$16=3,M4891*Input!$J$16,0)</f>
        <v>0</v>
      </c>
      <c r="Q4891" s="71">
        <f>IF(Input!$K$13=4,J4891*Input!$J$13,0)+IF(Input!$K$14=4,K4891*Input!$J$14,0)+IF(Input!$K$15=4,L4891*Input!$J$15,0)+IF(Input!$K$16=4,M4891*Input!$J$16,0)</f>
        <v>0</v>
      </c>
    </row>
    <row r="4892" spans="8:17" x14ac:dyDescent="0.25">
      <c r="H4892" s="43">
        <v>4885</v>
      </c>
      <c r="I4892" s="55">
        <f>Bühler!I4918</f>
        <v>0</v>
      </c>
      <c r="J4892" s="58">
        <f>Bühler!J4918</f>
        <v>3.6101175476912664</v>
      </c>
      <c r="K4892" s="58">
        <f>Bühler!K4918</f>
        <v>0.21519649059594526</v>
      </c>
      <c r="L4892" s="58">
        <f>Bühler!L4918</f>
        <v>0.10759824529797263</v>
      </c>
      <c r="M4892" s="57">
        <f>Bühler!M4918</f>
        <v>0</v>
      </c>
      <c r="N4892" s="55">
        <f>IF(Input!$K$13=1,J4892*Input!$J$13,0)+IF(Input!$K$14=1,K4892*Input!$J$14,0)+IF(Input!$K$15=1,L4892*Input!$J$15,0)+IF(Input!$K$16=1,M4892*Input!$J$16,0)</f>
        <v>0.43321410572295194</v>
      </c>
      <c r="O4892" s="58">
        <f>IF(Input!$K$13=2,J4892*Input!$J$13,0)+IF(Input!$K$14=2,K4892*Input!$J$14,0)+IF(Input!$K$15=2,L4892*Input!$J$15,0)+IF(Input!$K$16=2,M4892*Input!$J$16,0)</f>
        <v>2.905152623045261E-2</v>
      </c>
      <c r="P4892" s="58">
        <f>IF(Input!$K$13=3,J4892*Input!$J$13,0)+IF(Input!$K$14=3,K4892*Input!$J$14,0)+IF(Input!$K$15=3,L4892*Input!$J$15,0)+IF(Input!$K$16=3,M4892*Input!$J$16,0)</f>
        <v>0</v>
      </c>
      <c r="Q4892" s="71">
        <f>IF(Input!$K$13=4,J4892*Input!$J$13,0)+IF(Input!$K$14=4,K4892*Input!$J$14,0)+IF(Input!$K$15=4,L4892*Input!$J$15,0)+IF(Input!$K$16=4,M4892*Input!$J$16,0)</f>
        <v>0</v>
      </c>
    </row>
    <row r="4893" spans="8:17" x14ac:dyDescent="0.25">
      <c r="H4893" s="43">
        <v>4886</v>
      </c>
      <c r="I4893" s="55">
        <f>Bühler!I4919</f>
        <v>0</v>
      </c>
      <c r="J4893" s="58">
        <f>Bühler!J4919</f>
        <v>3.6101175476912664</v>
      </c>
      <c r="K4893" s="58">
        <f>Bühler!K4919</f>
        <v>0.21519649059594526</v>
      </c>
      <c r="L4893" s="58">
        <f>Bühler!L4919</f>
        <v>0.10759824529797263</v>
      </c>
      <c r="M4893" s="57">
        <f>Bühler!M4919</f>
        <v>0</v>
      </c>
      <c r="N4893" s="55">
        <f>IF(Input!$K$13=1,J4893*Input!$J$13,0)+IF(Input!$K$14=1,K4893*Input!$J$14,0)+IF(Input!$K$15=1,L4893*Input!$J$15,0)+IF(Input!$K$16=1,M4893*Input!$J$16,0)</f>
        <v>0.43321410572295194</v>
      </c>
      <c r="O4893" s="58">
        <f>IF(Input!$K$13=2,J4893*Input!$J$13,0)+IF(Input!$K$14=2,K4893*Input!$J$14,0)+IF(Input!$K$15=2,L4893*Input!$J$15,0)+IF(Input!$K$16=2,M4893*Input!$J$16,0)</f>
        <v>2.905152623045261E-2</v>
      </c>
      <c r="P4893" s="58">
        <f>IF(Input!$K$13=3,J4893*Input!$J$13,0)+IF(Input!$K$14=3,K4893*Input!$J$14,0)+IF(Input!$K$15=3,L4893*Input!$J$15,0)+IF(Input!$K$16=3,M4893*Input!$J$16,0)</f>
        <v>0</v>
      </c>
      <c r="Q4893" s="71">
        <f>IF(Input!$K$13=4,J4893*Input!$J$13,0)+IF(Input!$K$14=4,K4893*Input!$J$14,0)+IF(Input!$K$15=4,L4893*Input!$J$15,0)+IF(Input!$K$16=4,M4893*Input!$J$16,0)</f>
        <v>0</v>
      </c>
    </row>
    <row r="4894" spans="8:17" x14ac:dyDescent="0.25">
      <c r="H4894" s="43">
        <v>4887</v>
      </c>
      <c r="I4894" s="55">
        <f>Bühler!I4920</f>
        <v>0</v>
      </c>
      <c r="J4894" s="58">
        <f>Bühler!J4920</f>
        <v>3.6101175476912664</v>
      </c>
      <c r="K4894" s="58">
        <f>Bühler!K4920</f>
        <v>0.21519649059594526</v>
      </c>
      <c r="L4894" s="58">
        <f>Bühler!L4920</f>
        <v>0.10759824529797263</v>
      </c>
      <c r="M4894" s="57">
        <f>Bühler!M4920</f>
        <v>0</v>
      </c>
      <c r="N4894" s="55">
        <f>IF(Input!$K$13=1,J4894*Input!$J$13,0)+IF(Input!$K$14=1,K4894*Input!$J$14,0)+IF(Input!$K$15=1,L4894*Input!$J$15,0)+IF(Input!$K$16=1,M4894*Input!$J$16,0)</f>
        <v>0.43321410572295194</v>
      </c>
      <c r="O4894" s="58">
        <f>IF(Input!$K$13=2,J4894*Input!$J$13,0)+IF(Input!$K$14=2,K4894*Input!$J$14,0)+IF(Input!$K$15=2,L4894*Input!$J$15,0)+IF(Input!$K$16=2,M4894*Input!$J$16,0)</f>
        <v>2.905152623045261E-2</v>
      </c>
      <c r="P4894" s="58">
        <f>IF(Input!$K$13=3,J4894*Input!$J$13,0)+IF(Input!$K$14=3,K4894*Input!$J$14,0)+IF(Input!$K$15=3,L4894*Input!$J$15,0)+IF(Input!$K$16=3,M4894*Input!$J$16,0)</f>
        <v>0</v>
      </c>
      <c r="Q4894" s="71">
        <f>IF(Input!$K$13=4,J4894*Input!$J$13,0)+IF(Input!$K$14=4,K4894*Input!$J$14,0)+IF(Input!$K$15=4,L4894*Input!$J$15,0)+IF(Input!$K$16=4,M4894*Input!$J$16,0)</f>
        <v>0</v>
      </c>
    </row>
    <row r="4895" spans="8:17" x14ac:dyDescent="0.25">
      <c r="H4895" s="43">
        <v>4888</v>
      </c>
      <c r="I4895" s="55">
        <f>Bühler!I4921</f>
        <v>0</v>
      </c>
      <c r="J4895" s="58">
        <f>Bühler!J4921</f>
        <v>3.6101175476912664</v>
      </c>
      <c r="K4895" s="58">
        <f>Bühler!K4921</f>
        <v>0.21519649059594526</v>
      </c>
      <c r="L4895" s="58">
        <f>Bühler!L4921</f>
        <v>0.10759824529797263</v>
      </c>
      <c r="M4895" s="57">
        <f>Bühler!M4921</f>
        <v>0</v>
      </c>
      <c r="N4895" s="55">
        <f>IF(Input!$K$13=1,J4895*Input!$J$13,0)+IF(Input!$K$14=1,K4895*Input!$J$14,0)+IF(Input!$K$15=1,L4895*Input!$J$15,0)+IF(Input!$K$16=1,M4895*Input!$J$16,0)</f>
        <v>0.43321410572295194</v>
      </c>
      <c r="O4895" s="58">
        <f>IF(Input!$K$13=2,J4895*Input!$J$13,0)+IF(Input!$K$14=2,K4895*Input!$J$14,0)+IF(Input!$K$15=2,L4895*Input!$J$15,0)+IF(Input!$K$16=2,M4895*Input!$J$16,0)</f>
        <v>2.905152623045261E-2</v>
      </c>
      <c r="P4895" s="58">
        <f>IF(Input!$K$13=3,J4895*Input!$J$13,0)+IF(Input!$K$14=3,K4895*Input!$J$14,0)+IF(Input!$K$15=3,L4895*Input!$J$15,0)+IF(Input!$K$16=3,M4895*Input!$J$16,0)</f>
        <v>0</v>
      </c>
      <c r="Q4895" s="71">
        <f>IF(Input!$K$13=4,J4895*Input!$J$13,0)+IF(Input!$K$14=4,K4895*Input!$J$14,0)+IF(Input!$K$15=4,L4895*Input!$J$15,0)+IF(Input!$K$16=4,M4895*Input!$J$16,0)</f>
        <v>0</v>
      </c>
    </row>
    <row r="4896" spans="8:17" x14ac:dyDescent="0.25">
      <c r="H4896" s="43">
        <v>4889</v>
      </c>
      <c r="I4896" s="55">
        <f>Bühler!I4922</f>
        <v>0</v>
      </c>
      <c r="J4896" s="58">
        <f>Bühler!J4922</f>
        <v>3.6101175476912664</v>
      </c>
      <c r="K4896" s="58">
        <f>Bühler!K4922</f>
        <v>0.21519649059594526</v>
      </c>
      <c r="L4896" s="58">
        <f>Bühler!L4922</f>
        <v>0.10759824529797263</v>
      </c>
      <c r="M4896" s="57">
        <f>Bühler!M4922</f>
        <v>0</v>
      </c>
      <c r="N4896" s="55">
        <f>IF(Input!$K$13=1,J4896*Input!$J$13,0)+IF(Input!$K$14=1,K4896*Input!$J$14,0)+IF(Input!$K$15=1,L4896*Input!$J$15,0)+IF(Input!$K$16=1,M4896*Input!$J$16,0)</f>
        <v>0.43321410572295194</v>
      </c>
      <c r="O4896" s="58">
        <f>IF(Input!$K$13=2,J4896*Input!$J$13,0)+IF(Input!$K$14=2,K4896*Input!$J$14,0)+IF(Input!$K$15=2,L4896*Input!$J$15,0)+IF(Input!$K$16=2,M4896*Input!$J$16,0)</f>
        <v>2.905152623045261E-2</v>
      </c>
      <c r="P4896" s="58">
        <f>IF(Input!$K$13=3,J4896*Input!$J$13,0)+IF(Input!$K$14=3,K4896*Input!$J$14,0)+IF(Input!$K$15=3,L4896*Input!$J$15,0)+IF(Input!$K$16=3,M4896*Input!$J$16,0)</f>
        <v>0</v>
      </c>
      <c r="Q4896" s="71">
        <f>IF(Input!$K$13=4,J4896*Input!$J$13,0)+IF(Input!$K$14=4,K4896*Input!$J$14,0)+IF(Input!$K$15=4,L4896*Input!$J$15,0)+IF(Input!$K$16=4,M4896*Input!$J$16,0)</f>
        <v>0</v>
      </c>
    </row>
    <row r="4897" spans="8:17" x14ac:dyDescent="0.25">
      <c r="H4897" s="43">
        <v>4890</v>
      </c>
      <c r="I4897" s="55">
        <f>Bühler!I4923</f>
        <v>0</v>
      </c>
      <c r="J4897" s="58">
        <f>Bühler!J4923</f>
        <v>3.6101175476912664</v>
      </c>
      <c r="K4897" s="58">
        <f>Bühler!K4923</f>
        <v>0.21519649059594526</v>
      </c>
      <c r="L4897" s="58">
        <f>Bühler!L4923</f>
        <v>0.10759824529797263</v>
      </c>
      <c r="M4897" s="57">
        <f>Bühler!M4923</f>
        <v>0</v>
      </c>
      <c r="N4897" s="55">
        <f>IF(Input!$K$13=1,J4897*Input!$J$13,0)+IF(Input!$K$14=1,K4897*Input!$J$14,0)+IF(Input!$K$15=1,L4897*Input!$J$15,0)+IF(Input!$K$16=1,M4897*Input!$J$16,0)</f>
        <v>0.43321410572295194</v>
      </c>
      <c r="O4897" s="58">
        <f>IF(Input!$K$13=2,J4897*Input!$J$13,0)+IF(Input!$K$14=2,K4897*Input!$J$14,0)+IF(Input!$K$15=2,L4897*Input!$J$15,0)+IF(Input!$K$16=2,M4897*Input!$J$16,0)</f>
        <v>2.905152623045261E-2</v>
      </c>
      <c r="P4897" s="58">
        <f>IF(Input!$K$13=3,J4897*Input!$J$13,0)+IF(Input!$K$14=3,K4897*Input!$J$14,0)+IF(Input!$K$15=3,L4897*Input!$J$15,0)+IF(Input!$K$16=3,M4897*Input!$J$16,0)</f>
        <v>0</v>
      </c>
      <c r="Q4897" s="71">
        <f>IF(Input!$K$13=4,J4897*Input!$J$13,0)+IF(Input!$K$14=4,K4897*Input!$J$14,0)+IF(Input!$K$15=4,L4897*Input!$J$15,0)+IF(Input!$K$16=4,M4897*Input!$J$16,0)</f>
        <v>0</v>
      </c>
    </row>
    <row r="4898" spans="8:17" x14ac:dyDescent="0.25">
      <c r="H4898" s="43">
        <v>4891</v>
      </c>
      <c r="I4898" s="55">
        <f>Bühler!I4924</f>
        <v>0</v>
      </c>
      <c r="J4898" s="58">
        <f>Bühler!J4924</f>
        <v>3.6101175476912664</v>
      </c>
      <c r="K4898" s="58">
        <f>Bühler!K4924</f>
        <v>0.21519649059594526</v>
      </c>
      <c r="L4898" s="58">
        <f>Bühler!L4924</f>
        <v>0.10759824529797263</v>
      </c>
      <c r="M4898" s="57">
        <f>Bühler!M4924</f>
        <v>0</v>
      </c>
      <c r="N4898" s="55">
        <f>IF(Input!$K$13=1,J4898*Input!$J$13,0)+IF(Input!$K$14=1,K4898*Input!$J$14,0)+IF(Input!$K$15=1,L4898*Input!$J$15,0)+IF(Input!$K$16=1,M4898*Input!$J$16,0)</f>
        <v>0.43321410572295194</v>
      </c>
      <c r="O4898" s="58">
        <f>IF(Input!$K$13=2,J4898*Input!$J$13,0)+IF(Input!$K$14=2,K4898*Input!$J$14,0)+IF(Input!$K$15=2,L4898*Input!$J$15,0)+IF(Input!$K$16=2,M4898*Input!$J$16,0)</f>
        <v>2.905152623045261E-2</v>
      </c>
      <c r="P4898" s="58">
        <f>IF(Input!$K$13=3,J4898*Input!$J$13,0)+IF(Input!$K$14=3,K4898*Input!$J$14,0)+IF(Input!$K$15=3,L4898*Input!$J$15,0)+IF(Input!$K$16=3,M4898*Input!$J$16,0)</f>
        <v>0</v>
      </c>
      <c r="Q4898" s="71">
        <f>IF(Input!$K$13=4,J4898*Input!$J$13,0)+IF(Input!$K$14=4,K4898*Input!$J$14,0)+IF(Input!$K$15=4,L4898*Input!$J$15,0)+IF(Input!$K$16=4,M4898*Input!$J$16,0)</f>
        <v>0</v>
      </c>
    </row>
    <row r="4899" spans="8:17" x14ac:dyDescent="0.25">
      <c r="H4899" s="43">
        <v>4892</v>
      </c>
      <c r="I4899" s="55">
        <f>Bühler!I4925</f>
        <v>0</v>
      </c>
      <c r="J4899" s="58">
        <f>Bühler!J4925</f>
        <v>3.6101175476912664</v>
      </c>
      <c r="K4899" s="58">
        <f>Bühler!K4925</f>
        <v>0.21519649059594526</v>
      </c>
      <c r="L4899" s="58">
        <f>Bühler!L4925</f>
        <v>0.10759824529797263</v>
      </c>
      <c r="M4899" s="57">
        <f>Bühler!M4925</f>
        <v>0</v>
      </c>
      <c r="N4899" s="55">
        <f>IF(Input!$K$13=1,J4899*Input!$J$13,0)+IF(Input!$K$14=1,K4899*Input!$J$14,0)+IF(Input!$K$15=1,L4899*Input!$J$15,0)+IF(Input!$K$16=1,M4899*Input!$J$16,0)</f>
        <v>0.43321410572295194</v>
      </c>
      <c r="O4899" s="58">
        <f>IF(Input!$K$13=2,J4899*Input!$J$13,0)+IF(Input!$K$14=2,K4899*Input!$J$14,0)+IF(Input!$K$15=2,L4899*Input!$J$15,0)+IF(Input!$K$16=2,M4899*Input!$J$16,0)</f>
        <v>2.905152623045261E-2</v>
      </c>
      <c r="P4899" s="58">
        <f>IF(Input!$K$13=3,J4899*Input!$J$13,0)+IF(Input!$K$14=3,K4899*Input!$J$14,0)+IF(Input!$K$15=3,L4899*Input!$J$15,0)+IF(Input!$K$16=3,M4899*Input!$J$16,0)</f>
        <v>0</v>
      </c>
      <c r="Q4899" s="71">
        <f>IF(Input!$K$13=4,J4899*Input!$J$13,0)+IF(Input!$K$14=4,K4899*Input!$J$14,0)+IF(Input!$K$15=4,L4899*Input!$J$15,0)+IF(Input!$K$16=4,M4899*Input!$J$16,0)</f>
        <v>0</v>
      </c>
    </row>
    <row r="4900" spans="8:17" x14ac:dyDescent="0.25">
      <c r="H4900" s="43">
        <v>4893</v>
      </c>
      <c r="I4900" s="55">
        <f>Bühler!I4926</f>
        <v>0</v>
      </c>
      <c r="J4900" s="58">
        <f>Bühler!J4926</f>
        <v>3.6101175476912664</v>
      </c>
      <c r="K4900" s="58">
        <f>Bühler!K4926</f>
        <v>0.21519649059594526</v>
      </c>
      <c r="L4900" s="58">
        <f>Bühler!L4926</f>
        <v>0.10759824529797263</v>
      </c>
      <c r="M4900" s="57">
        <f>Bühler!M4926</f>
        <v>0</v>
      </c>
      <c r="N4900" s="55">
        <f>IF(Input!$K$13=1,J4900*Input!$J$13,0)+IF(Input!$K$14=1,K4900*Input!$J$14,0)+IF(Input!$K$15=1,L4900*Input!$J$15,0)+IF(Input!$K$16=1,M4900*Input!$J$16,0)</f>
        <v>0.43321410572295194</v>
      </c>
      <c r="O4900" s="58">
        <f>IF(Input!$K$13=2,J4900*Input!$J$13,0)+IF(Input!$K$14=2,K4900*Input!$J$14,0)+IF(Input!$K$15=2,L4900*Input!$J$15,0)+IF(Input!$K$16=2,M4900*Input!$J$16,0)</f>
        <v>2.905152623045261E-2</v>
      </c>
      <c r="P4900" s="58">
        <f>IF(Input!$K$13=3,J4900*Input!$J$13,0)+IF(Input!$K$14=3,K4900*Input!$J$14,0)+IF(Input!$K$15=3,L4900*Input!$J$15,0)+IF(Input!$K$16=3,M4900*Input!$J$16,0)</f>
        <v>0</v>
      </c>
      <c r="Q4900" s="71">
        <f>IF(Input!$K$13=4,J4900*Input!$J$13,0)+IF(Input!$K$14=4,K4900*Input!$J$14,0)+IF(Input!$K$15=4,L4900*Input!$J$15,0)+IF(Input!$K$16=4,M4900*Input!$J$16,0)</f>
        <v>0</v>
      </c>
    </row>
    <row r="4901" spans="8:17" x14ac:dyDescent="0.25">
      <c r="H4901" s="43">
        <v>4894</v>
      </c>
      <c r="I4901" s="55">
        <f>Bühler!I4927</f>
        <v>0</v>
      </c>
      <c r="J4901" s="58">
        <f>Bühler!J4927</f>
        <v>3.6101175476912664</v>
      </c>
      <c r="K4901" s="58">
        <f>Bühler!K4927</f>
        <v>0.21519649059594526</v>
      </c>
      <c r="L4901" s="58">
        <f>Bühler!L4927</f>
        <v>0.10759824529797263</v>
      </c>
      <c r="M4901" s="57">
        <f>Bühler!M4927</f>
        <v>0</v>
      </c>
      <c r="N4901" s="55">
        <f>IF(Input!$K$13=1,J4901*Input!$J$13,0)+IF(Input!$K$14=1,K4901*Input!$J$14,0)+IF(Input!$K$15=1,L4901*Input!$J$15,0)+IF(Input!$K$16=1,M4901*Input!$J$16,0)</f>
        <v>0.43321410572295194</v>
      </c>
      <c r="O4901" s="58">
        <f>IF(Input!$K$13=2,J4901*Input!$J$13,0)+IF(Input!$K$14=2,K4901*Input!$J$14,0)+IF(Input!$K$15=2,L4901*Input!$J$15,0)+IF(Input!$K$16=2,M4901*Input!$J$16,0)</f>
        <v>2.905152623045261E-2</v>
      </c>
      <c r="P4901" s="58">
        <f>IF(Input!$K$13=3,J4901*Input!$J$13,0)+IF(Input!$K$14=3,K4901*Input!$J$14,0)+IF(Input!$K$15=3,L4901*Input!$J$15,0)+IF(Input!$K$16=3,M4901*Input!$J$16,0)</f>
        <v>0</v>
      </c>
      <c r="Q4901" s="71">
        <f>IF(Input!$K$13=4,J4901*Input!$J$13,0)+IF(Input!$K$14=4,K4901*Input!$J$14,0)+IF(Input!$K$15=4,L4901*Input!$J$15,0)+IF(Input!$K$16=4,M4901*Input!$J$16,0)</f>
        <v>0</v>
      </c>
    </row>
    <row r="4902" spans="8:17" x14ac:dyDescent="0.25">
      <c r="H4902" s="43">
        <v>4895</v>
      </c>
      <c r="I4902" s="55">
        <f>Bühler!I4928</f>
        <v>0</v>
      </c>
      <c r="J4902" s="58">
        <f>Bühler!J4928</f>
        <v>3.6101175476912664</v>
      </c>
      <c r="K4902" s="58">
        <f>Bühler!K4928</f>
        <v>0.21519649059594526</v>
      </c>
      <c r="L4902" s="58">
        <f>Bühler!L4928</f>
        <v>0.10759824529797263</v>
      </c>
      <c r="M4902" s="57">
        <f>Bühler!M4928</f>
        <v>0</v>
      </c>
      <c r="N4902" s="55">
        <f>IF(Input!$K$13=1,J4902*Input!$J$13,0)+IF(Input!$K$14=1,K4902*Input!$J$14,0)+IF(Input!$K$15=1,L4902*Input!$J$15,0)+IF(Input!$K$16=1,M4902*Input!$J$16,0)</f>
        <v>0.43321410572295194</v>
      </c>
      <c r="O4902" s="58">
        <f>IF(Input!$K$13=2,J4902*Input!$J$13,0)+IF(Input!$K$14=2,K4902*Input!$J$14,0)+IF(Input!$K$15=2,L4902*Input!$J$15,0)+IF(Input!$K$16=2,M4902*Input!$J$16,0)</f>
        <v>2.905152623045261E-2</v>
      </c>
      <c r="P4902" s="58">
        <f>IF(Input!$K$13=3,J4902*Input!$J$13,0)+IF(Input!$K$14=3,K4902*Input!$J$14,0)+IF(Input!$K$15=3,L4902*Input!$J$15,0)+IF(Input!$K$16=3,M4902*Input!$J$16,0)</f>
        <v>0</v>
      </c>
      <c r="Q4902" s="71">
        <f>IF(Input!$K$13=4,J4902*Input!$J$13,0)+IF(Input!$K$14=4,K4902*Input!$J$14,0)+IF(Input!$K$15=4,L4902*Input!$J$15,0)+IF(Input!$K$16=4,M4902*Input!$J$16,0)</f>
        <v>0</v>
      </c>
    </row>
    <row r="4903" spans="8:17" x14ac:dyDescent="0.25">
      <c r="H4903" s="43">
        <v>4896</v>
      </c>
      <c r="I4903" s="55">
        <f>Bühler!I4929</f>
        <v>0</v>
      </c>
      <c r="J4903" s="58">
        <f>Bühler!J4929</f>
        <v>3.6101175476912664</v>
      </c>
      <c r="K4903" s="58">
        <f>Bühler!K4929</f>
        <v>0.21519649059594526</v>
      </c>
      <c r="L4903" s="58">
        <f>Bühler!L4929</f>
        <v>0.10759824529797263</v>
      </c>
      <c r="M4903" s="57">
        <f>Bühler!M4929</f>
        <v>0</v>
      </c>
      <c r="N4903" s="55">
        <f>IF(Input!$K$13=1,J4903*Input!$J$13,0)+IF(Input!$K$14=1,K4903*Input!$J$14,0)+IF(Input!$K$15=1,L4903*Input!$J$15,0)+IF(Input!$K$16=1,M4903*Input!$J$16,0)</f>
        <v>0.43321410572295194</v>
      </c>
      <c r="O4903" s="58">
        <f>IF(Input!$K$13=2,J4903*Input!$J$13,0)+IF(Input!$K$14=2,K4903*Input!$J$14,0)+IF(Input!$K$15=2,L4903*Input!$J$15,0)+IF(Input!$K$16=2,M4903*Input!$J$16,0)</f>
        <v>2.905152623045261E-2</v>
      </c>
      <c r="P4903" s="58">
        <f>IF(Input!$K$13=3,J4903*Input!$J$13,0)+IF(Input!$K$14=3,K4903*Input!$J$14,0)+IF(Input!$K$15=3,L4903*Input!$J$15,0)+IF(Input!$K$16=3,M4903*Input!$J$16,0)</f>
        <v>0</v>
      </c>
      <c r="Q4903" s="71">
        <f>IF(Input!$K$13=4,J4903*Input!$J$13,0)+IF(Input!$K$14=4,K4903*Input!$J$14,0)+IF(Input!$K$15=4,L4903*Input!$J$15,0)+IF(Input!$K$16=4,M4903*Input!$J$16,0)</f>
        <v>0</v>
      </c>
    </row>
    <row r="4904" spans="8:17" x14ac:dyDescent="0.25">
      <c r="H4904" s="43">
        <v>4897</v>
      </c>
      <c r="I4904" s="55">
        <f>Bühler!I4930</f>
        <v>0</v>
      </c>
      <c r="J4904" s="58">
        <f>Bühler!J4930</f>
        <v>5.7891368575557038</v>
      </c>
      <c r="K4904" s="58">
        <f>Bühler!K4930</f>
        <v>0.51980349988325991</v>
      </c>
      <c r="L4904" s="58">
        <f>Bühler!L4930</f>
        <v>0.25990174994162996</v>
      </c>
      <c r="M4904" s="57">
        <f>Bühler!M4930</f>
        <v>0</v>
      </c>
      <c r="N4904" s="55">
        <f>IF(Input!$K$13=1,J4904*Input!$J$13,0)+IF(Input!$K$14=1,K4904*Input!$J$14,0)+IF(Input!$K$15=1,L4904*Input!$J$15,0)+IF(Input!$K$16=1,M4904*Input!$J$16,0)</f>
        <v>0.69469642290668443</v>
      </c>
      <c r="O4904" s="58">
        <f>IF(Input!$K$13=2,J4904*Input!$J$13,0)+IF(Input!$K$14=2,K4904*Input!$J$14,0)+IF(Input!$K$15=2,L4904*Input!$J$15,0)+IF(Input!$K$16=2,M4904*Input!$J$16,0)</f>
        <v>7.0173472484240079E-2</v>
      </c>
      <c r="P4904" s="58">
        <f>IF(Input!$K$13=3,J4904*Input!$J$13,0)+IF(Input!$K$14=3,K4904*Input!$J$14,0)+IF(Input!$K$15=3,L4904*Input!$J$15,0)+IF(Input!$K$16=3,M4904*Input!$J$16,0)</f>
        <v>0</v>
      </c>
      <c r="Q4904" s="71">
        <f>IF(Input!$K$13=4,J4904*Input!$J$13,0)+IF(Input!$K$14=4,K4904*Input!$J$14,0)+IF(Input!$K$15=4,L4904*Input!$J$15,0)+IF(Input!$K$16=4,M4904*Input!$J$16,0)</f>
        <v>0</v>
      </c>
    </row>
    <row r="4905" spans="8:17" x14ac:dyDescent="0.25">
      <c r="H4905" s="43">
        <v>4898</v>
      </c>
      <c r="I4905" s="55">
        <f>Bühler!I4931</f>
        <v>0</v>
      </c>
      <c r="J4905" s="58">
        <f>Bühler!J4931</f>
        <v>5.7891368575557038</v>
      </c>
      <c r="K4905" s="58">
        <f>Bühler!K4931</f>
        <v>0.51980349988325991</v>
      </c>
      <c r="L4905" s="58">
        <f>Bühler!L4931</f>
        <v>0.25990174994162996</v>
      </c>
      <c r="M4905" s="57">
        <f>Bühler!M4931</f>
        <v>0</v>
      </c>
      <c r="N4905" s="55">
        <f>IF(Input!$K$13=1,J4905*Input!$J$13,0)+IF(Input!$K$14=1,K4905*Input!$J$14,0)+IF(Input!$K$15=1,L4905*Input!$J$15,0)+IF(Input!$K$16=1,M4905*Input!$J$16,0)</f>
        <v>0.69469642290668443</v>
      </c>
      <c r="O4905" s="58">
        <f>IF(Input!$K$13=2,J4905*Input!$J$13,0)+IF(Input!$K$14=2,K4905*Input!$J$14,0)+IF(Input!$K$15=2,L4905*Input!$J$15,0)+IF(Input!$K$16=2,M4905*Input!$J$16,0)</f>
        <v>7.0173472484240079E-2</v>
      </c>
      <c r="P4905" s="58">
        <f>IF(Input!$K$13=3,J4905*Input!$J$13,0)+IF(Input!$K$14=3,K4905*Input!$J$14,0)+IF(Input!$K$15=3,L4905*Input!$J$15,0)+IF(Input!$K$16=3,M4905*Input!$J$16,0)</f>
        <v>0</v>
      </c>
      <c r="Q4905" s="71">
        <f>IF(Input!$K$13=4,J4905*Input!$J$13,0)+IF(Input!$K$14=4,K4905*Input!$J$14,0)+IF(Input!$K$15=4,L4905*Input!$J$15,0)+IF(Input!$K$16=4,M4905*Input!$J$16,0)</f>
        <v>0</v>
      </c>
    </row>
    <row r="4906" spans="8:17" x14ac:dyDescent="0.25">
      <c r="H4906" s="43">
        <v>4899</v>
      </c>
      <c r="I4906" s="55">
        <f>Bühler!I4932</f>
        <v>0</v>
      </c>
      <c r="J4906" s="58">
        <f>Bühler!J4932</f>
        <v>5.7891368575557038</v>
      </c>
      <c r="K4906" s="58">
        <f>Bühler!K4932</f>
        <v>0.51980349988325991</v>
      </c>
      <c r="L4906" s="58">
        <f>Bühler!L4932</f>
        <v>0.25990174994162996</v>
      </c>
      <c r="M4906" s="57">
        <f>Bühler!M4932</f>
        <v>0</v>
      </c>
      <c r="N4906" s="55">
        <f>IF(Input!$K$13=1,J4906*Input!$J$13,0)+IF(Input!$K$14=1,K4906*Input!$J$14,0)+IF(Input!$K$15=1,L4906*Input!$J$15,0)+IF(Input!$K$16=1,M4906*Input!$J$16,0)</f>
        <v>0.69469642290668443</v>
      </c>
      <c r="O4906" s="58">
        <f>IF(Input!$K$13=2,J4906*Input!$J$13,0)+IF(Input!$K$14=2,K4906*Input!$J$14,0)+IF(Input!$K$15=2,L4906*Input!$J$15,0)+IF(Input!$K$16=2,M4906*Input!$J$16,0)</f>
        <v>7.0173472484240079E-2</v>
      </c>
      <c r="P4906" s="58">
        <f>IF(Input!$K$13=3,J4906*Input!$J$13,0)+IF(Input!$K$14=3,K4906*Input!$J$14,0)+IF(Input!$K$15=3,L4906*Input!$J$15,0)+IF(Input!$K$16=3,M4906*Input!$J$16,0)</f>
        <v>0</v>
      </c>
      <c r="Q4906" s="71">
        <f>IF(Input!$K$13=4,J4906*Input!$J$13,0)+IF(Input!$K$14=4,K4906*Input!$J$14,0)+IF(Input!$K$15=4,L4906*Input!$J$15,0)+IF(Input!$K$16=4,M4906*Input!$J$16,0)</f>
        <v>0</v>
      </c>
    </row>
    <row r="4907" spans="8:17" x14ac:dyDescent="0.25">
      <c r="H4907" s="43">
        <v>4900</v>
      </c>
      <c r="I4907" s="55">
        <f>Bühler!I4933</f>
        <v>0</v>
      </c>
      <c r="J4907" s="58">
        <f>Bühler!J4933</f>
        <v>5.7891368575557038</v>
      </c>
      <c r="K4907" s="58">
        <f>Bühler!K4933</f>
        <v>0.51980349988325991</v>
      </c>
      <c r="L4907" s="58">
        <f>Bühler!L4933</f>
        <v>0.25990174994162996</v>
      </c>
      <c r="M4907" s="57">
        <f>Bühler!M4933</f>
        <v>0</v>
      </c>
      <c r="N4907" s="55">
        <f>IF(Input!$K$13=1,J4907*Input!$J$13,0)+IF(Input!$K$14=1,K4907*Input!$J$14,0)+IF(Input!$K$15=1,L4907*Input!$J$15,0)+IF(Input!$K$16=1,M4907*Input!$J$16,0)</f>
        <v>0.69469642290668443</v>
      </c>
      <c r="O4907" s="58">
        <f>IF(Input!$K$13=2,J4907*Input!$J$13,0)+IF(Input!$K$14=2,K4907*Input!$J$14,0)+IF(Input!$K$15=2,L4907*Input!$J$15,0)+IF(Input!$K$16=2,M4907*Input!$J$16,0)</f>
        <v>7.0173472484240079E-2</v>
      </c>
      <c r="P4907" s="58">
        <f>IF(Input!$K$13=3,J4907*Input!$J$13,0)+IF(Input!$K$14=3,K4907*Input!$J$14,0)+IF(Input!$K$15=3,L4907*Input!$J$15,0)+IF(Input!$K$16=3,M4907*Input!$J$16,0)</f>
        <v>0</v>
      </c>
      <c r="Q4907" s="71">
        <f>IF(Input!$K$13=4,J4907*Input!$J$13,0)+IF(Input!$K$14=4,K4907*Input!$J$14,0)+IF(Input!$K$15=4,L4907*Input!$J$15,0)+IF(Input!$K$16=4,M4907*Input!$J$16,0)</f>
        <v>0</v>
      </c>
    </row>
    <row r="4908" spans="8:17" x14ac:dyDescent="0.25">
      <c r="H4908" s="43">
        <v>4901</v>
      </c>
      <c r="I4908" s="55">
        <f>Bühler!I4934</f>
        <v>0</v>
      </c>
      <c r="J4908" s="58">
        <f>Bühler!J4934</f>
        <v>5.7891368575557038</v>
      </c>
      <c r="K4908" s="58">
        <f>Bühler!K4934</f>
        <v>0.51980349988325991</v>
      </c>
      <c r="L4908" s="58">
        <f>Bühler!L4934</f>
        <v>0.25990174994162996</v>
      </c>
      <c r="M4908" s="57">
        <f>Bühler!M4934</f>
        <v>0</v>
      </c>
      <c r="N4908" s="55">
        <f>IF(Input!$K$13=1,J4908*Input!$J$13,0)+IF(Input!$K$14=1,K4908*Input!$J$14,0)+IF(Input!$K$15=1,L4908*Input!$J$15,0)+IF(Input!$K$16=1,M4908*Input!$J$16,0)</f>
        <v>0.69469642290668443</v>
      </c>
      <c r="O4908" s="58">
        <f>IF(Input!$K$13=2,J4908*Input!$J$13,0)+IF(Input!$K$14=2,K4908*Input!$J$14,0)+IF(Input!$K$15=2,L4908*Input!$J$15,0)+IF(Input!$K$16=2,M4908*Input!$J$16,0)</f>
        <v>7.0173472484240079E-2</v>
      </c>
      <c r="P4908" s="58">
        <f>IF(Input!$K$13=3,J4908*Input!$J$13,0)+IF(Input!$K$14=3,K4908*Input!$J$14,0)+IF(Input!$K$15=3,L4908*Input!$J$15,0)+IF(Input!$K$16=3,M4908*Input!$J$16,0)</f>
        <v>0</v>
      </c>
      <c r="Q4908" s="71">
        <f>IF(Input!$K$13=4,J4908*Input!$J$13,0)+IF(Input!$K$14=4,K4908*Input!$J$14,0)+IF(Input!$K$15=4,L4908*Input!$J$15,0)+IF(Input!$K$16=4,M4908*Input!$J$16,0)</f>
        <v>0</v>
      </c>
    </row>
    <row r="4909" spans="8:17" x14ac:dyDescent="0.25">
      <c r="H4909" s="43">
        <v>4902</v>
      </c>
      <c r="I4909" s="55">
        <f>Bühler!I4935</f>
        <v>0</v>
      </c>
      <c r="J4909" s="58">
        <f>Bühler!J4935</f>
        <v>5.7891368575557038</v>
      </c>
      <c r="K4909" s="58">
        <f>Bühler!K4935</f>
        <v>0.51980349988325991</v>
      </c>
      <c r="L4909" s="58">
        <f>Bühler!L4935</f>
        <v>0.25990174994162996</v>
      </c>
      <c r="M4909" s="57">
        <f>Bühler!M4935</f>
        <v>0</v>
      </c>
      <c r="N4909" s="55">
        <f>IF(Input!$K$13=1,J4909*Input!$J$13,0)+IF(Input!$K$14=1,K4909*Input!$J$14,0)+IF(Input!$K$15=1,L4909*Input!$J$15,0)+IF(Input!$K$16=1,M4909*Input!$J$16,0)</f>
        <v>0.69469642290668443</v>
      </c>
      <c r="O4909" s="58">
        <f>IF(Input!$K$13=2,J4909*Input!$J$13,0)+IF(Input!$K$14=2,K4909*Input!$J$14,0)+IF(Input!$K$15=2,L4909*Input!$J$15,0)+IF(Input!$K$16=2,M4909*Input!$J$16,0)</f>
        <v>7.0173472484240079E-2</v>
      </c>
      <c r="P4909" s="58">
        <f>IF(Input!$K$13=3,J4909*Input!$J$13,0)+IF(Input!$K$14=3,K4909*Input!$J$14,0)+IF(Input!$K$15=3,L4909*Input!$J$15,0)+IF(Input!$K$16=3,M4909*Input!$J$16,0)</f>
        <v>0</v>
      </c>
      <c r="Q4909" s="71">
        <f>IF(Input!$K$13=4,J4909*Input!$J$13,0)+IF(Input!$K$14=4,K4909*Input!$J$14,0)+IF(Input!$K$15=4,L4909*Input!$J$15,0)+IF(Input!$K$16=4,M4909*Input!$J$16,0)</f>
        <v>0</v>
      </c>
    </row>
    <row r="4910" spans="8:17" x14ac:dyDescent="0.25">
      <c r="H4910" s="43">
        <v>4903</v>
      </c>
      <c r="I4910" s="55">
        <f>Bühler!I4936</f>
        <v>0</v>
      </c>
      <c r="J4910" s="58">
        <f>Bühler!J4936</f>
        <v>5.7891368575557038</v>
      </c>
      <c r="K4910" s="58">
        <f>Bühler!K4936</f>
        <v>0.51980349988325991</v>
      </c>
      <c r="L4910" s="58">
        <f>Bühler!L4936</f>
        <v>0.25990174994162996</v>
      </c>
      <c r="M4910" s="57">
        <f>Bühler!M4936</f>
        <v>0</v>
      </c>
      <c r="N4910" s="55">
        <f>IF(Input!$K$13=1,J4910*Input!$J$13,0)+IF(Input!$K$14=1,K4910*Input!$J$14,0)+IF(Input!$K$15=1,L4910*Input!$J$15,0)+IF(Input!$K$16=1,M4910*Input!$J$16,0)</f>
        <v>0.69469642290668443</v>
      </c>
      <c r="O4910" s="58">
        <f>IF(Input!$K$13=2,J4910*Input!$J$13,0)+IF(Input!$K$14=2,K4910*Input!$J$14,0)+IF(Input!$K$15=2,L4910*Input!$J$15,0)+IF(Input!$K$16=2,M4910*Input!$J$16,0)</f>
        <v>7.0173472484240079E-2</v>
      </c>
      <c r="P4910" s="58">
        <f>IF(Input!$K$13=3,J4910*Input!$J$13,0)+IF(Input!$K$14=3,K4910*Input!$J$14,0)+IF(Input!$K$15=3,L4910*Input!$J$15,0)+IF(Input!$K$16=3,M4910*Input!$J$16,0)</f>
        <v>0</v>
      </c>
      <c r="Q4910" s="71">
        <f>IF(Input!$K$13=4,J4910*Input!$J$13,0)+IF(Input!$K$14=4,K4910*Input!$J$14,0)+IF(Input!$K$15=4,L4910*Input!$J$15,0)+IF(Input!$K$16=4,M4910*Input!$J$16,0)</f>
        <v>0</v>
      </c>
    </row>
    <row r="4911" spans="8:17" x14ac:dyDescent="0.25">
      <c r="H4911" s="43">
        <v>4904</v>
      </c>
      <c r="I4911" s="55">
        <f>Bühler!I4937</f>
        <v>0</v>
      </c>
      <c r="J4911" s="58">
        <f>Bühler!J4937</f>
        <v>24.661723013187292</v>
      </c>
      <c r="K4911" s="58">
        <f>Bühler!K4937</f>
        <v>2.2143629095026873</v>
      </c>
      <c r="L4911" s="58">
        <f>Bühler!L4937</f>
        <v>1.1071814547513437</v>
      </c>
      <c r="M4911" s="57">
        <f>Bühler!M4937</f>
        <v>0</v>
      </c>
      <c r="N4911" s="55">
        <f>IF(Input!$K$13=1,J4911*Input!$J$13,0)+IF(Input!$K$14=1,K4911*Input!$J$14,0)+IF(Input!$K$15=1,L4911*Input!$J$15,0)+IF(Input!$K$16=1,M4911*Input!$J$16,0)</f>
        <v>2.9594067615824748</v>
      </c>
      <c r="O4911" s="58">
        <f>IF(Input!$K$13=2,J4911*Input!$J$13,0)+IF(Input!$K$14=2,K4911*Input!$J$14,0)+IF(Input!$K$15=2,L4911*Input!$J$15,0)+IF(Input!$K$16=2,M4911*Input!$J$16,0)</f>
        <v>0.29893899278286279</v>
      </c>
      <c r="P4911" s="58">
        <f>IF(Input!$K$13=3,J4911*Input!$J$13,0)+IF(Input!$K$14=3,K4911*Input!$J$14,0)+IF(Input!$K$15=3,L4911*Input!$J$15,0)+IF(Input!$K$16=3,M4911*Input!$J$16,0)</f>
        <v>0</v>
      </c>
      <c r="Q4911" s="71">
        <f>IF(Input!$K$13=4,J4911*Input!$J$13,0)+IF(Input!$K$14=4,K4911*Input!$J$14,0)+IF(Input!$K$15=4,L4911*Input!$J$15,0)+IF(Input!$K$16=4,M4911*Input!$J$16,0)</f>
        <v>0</v>
      </c>
    </row>
    <row r="4912" spans="8:17" x14ac:dyDescent="0.25">
      <c r="H4912" s="43">
        <v>4905</v>
      </c>
      <c r="I4912" s="55">
        <f>Bühler!I4938</f>
        <v>0</v>
      </c>
      <c r="J4912" s="58">
        <f>Bühler!J4938</f>
        <v>27.744438389835707</v>
      </c>
      <c r="K4912" s="58">
        <f>Bühler!K4938</f>
        <v>2.4911582731905231</v>
      </c>
      <c r="L4912" s="58">
        <f>Bühler!L4938</f>
        <v>1.2455791365952615</v>
      </c>
      <c r="M4912" s="57">
        <f>Bühler!M4938</f>
        <v>0</v>
      </c>
      <c r="N4912" s="55">
        <f>IF(Input!$K$13=1,J4912*Input!$J$13,0)+IF(Input!$K$14=1,K4912*Input!$J$14,0)+IF(Input!$K$15=1,L4912*Input!$J$15,0)+IF(Input!$K$16=1,M4912*Input!$J$16,0)</f>
        <v>3.3293326067802846</v>
      </c>
      <c r="O4912" s="58">
        <f>IF(Input!$K$13=2,J4912*Input!$J$13,0)+IF(Input!$K$14=2,K4912*Input!$J$14,0)+IF(Input!$K$15=2,L4912*Input!$J$15,0)+IF(Input!$K$16=2,M4912*Input!$J$16,0)</f>
        <v>0.33630636688072058</v>
      </c>
      <c r="P4912" s="58">
        <f>IF(Input!$K$13=3,J4912*Input!$J$13,0)+IF(Input!$K$14=3,K4912*Input!$J$14,0)+IF(Input!$K$15=3,L4912*Input!$J$15,0)+IF(Input!$K$16=3,M4912*Input!$J$16,0)</f>
        <v>0</v>
      </c>
      <c r="Q4912" s="71">
        <f>IF(Input!$K$13=4,J4912*Input!$J$13,0)+IF(Input!$K$14=4,K4912*Input!$J$14,0)+IF(Input!$K$15=4,L4912*Input!$J$15,0)+IF(Input!$K$16=4,M4912*Input!$J$16,0)</f>
        <v>0</v>
      </c>
    </row>
    <row r="4913" spans="8:17" x14ac:dyDescent="0.25">
      <c r="H4913" s="43">
        <v>4906</v>
      </c>
      <c r="I4913" s="55">
        <f>Bühler!I4939</f>
        <v>0</v>
      </c>
      <c r="J4913" s="58">
        <f>Bühler!J4939</f>
        <v>30.827153766484116</v>
      </c>
      <c r="K4913" s="58">
        <f>Bühler!K4939</f>
        <v>2.7679536368783593</v>
      </c>
      <c r="L4913" s="58">
        <f>Bühler!L4939</f>
        <v>1.3839768184391796</v>
      </c>
      <c r="M4913" s="57">
        <f>Bühler!M4939</f>
        <v>0</v>
      </c>
      <c r="N4913" s="55">
        <f>IF(Input!$K$13=1,J4913*Input!$J$13,0)+IF(Input!$K$14=1,K4913*Input!$J$14,0)+IF(Input!$K$15=1,L4913*Input!$J$15,0)+IF(Input!$K$16=1,M4913*Input!$J$16,0)</f>
        <v>3.699258451978094</v>
      </c>
      <c r="O4913" s="58">
        <f>IF(Input!$K$13=2,J4913*Input!$J$13,0)+IF(Input!$K$14=2,K4913*Input!$J$14,0)+IF(Input!$K$15=2,L4913*Input!$J$15,0)+IF(Input!$K$16=2,M4913*Input!$J$16,0)</f>
        <v>0.37367374097857853</v>
      </c>
      <c r="P4913" s="58">
        <f>IF(Input!$K$13=3,J4913*Input!$J$13,0)+IF(Input!$K$14=3,K4913*Input!$J$14,0)+IF(Input!$K$15=3,L4913*Input!$J$15,0)+IF(Input!$K$16=3,M4913*Input!$J$16,0)</f>
        <v>0</v>
      </c>
      <c r="Q4913" s="71">
        <f>IF(Input!$K$13=4,J4913*Input!$J$13,0)+IF(Input!$K$14=4,K4913*Input!$J$14,0)+IF(Input!$K$15=4,L4913*Input!$J$15,0)+IF(Input!$K$16=4,M4913*Input!$J$16,0)</f>
        <v>0</v>
      </c>
    </row>
    <row r="4914" spans="8:17" x14ac:dyDescent="0.25">
      <c r="H4914" s="43">
        <v>4907</v>
      </c>
      <c r="I4914" s="55">
        <f>Bühler!I4940</f>
        <v>0</v>
      </c>
      <c r="J4914" s="58">
        <f>Bühler!J4940</f>
        <v>30.827153766484116</v>
      </c>
      <c r="K4914" s="58">
        <f>Bühler!K4940</f>
        <v>2.7679536368783593</v>
      </c>
      <c r="L4914" s="58">
        <f>Bühler!L4940</f>
        <v>1.3839768184391796</v>
      </c>
      <c r="M4914" s="57">
        <f>Bühler!M4940</f>
        <v>0</v>
      </c>
      <c r="N4914" s="55">
        <f>IF(Input!$K$13=1,J4914*Input!$J$13,0)+IF(Input!$K$14=1,K4914*Input!$J$14,0)+IF(Input!$K$15=1,L4914*Input!$J$15,0)+IF(Input!$K$16=1,M4914*Input!$J$16,0)</f>
        <v>3.699258451978094</v>
      </c>
      <c r="O4914" s="58">
        <f>IF(Input!$K$13=2,J4914*Input!$J$13,0)+IF(Input!$K$14=2,K4914*Input!$J$14,0)+IF(Input!$K$15=2,L4914*Input!$J$15,0)+IF(Input!$K$16=2,M4914*Input!$J$16,0)</f>
        <v>0.37367374097857853</v>
      </c>
      <c r="P4914" s="58">
        <f>IF(Input!$K$13=3,J4914*Input!$J$13,0)+IF(Input!$K$14=3,K4914*Input!$J$14,0)+IF(Input!$K$15=3,L4914*Input!$J$15,0)+IF(Input!$K$16=3,M4914*Input!$J$16,0)</f>
        <v>0</v>
      </c>
      <c r="Q4914" s="71">
        <f>IF(Input!$K$13=4,J4914*Input!$J$13,0)+IF(Input!$K$14=4,K4914*Input!$J$14,0)+IF(Input!$K$15=4,L4914*Input!$J$15,0)+IF(Input!$K$16=4,M4914*Input!$J$16,0)</f>
        <v>0</v>
      </c>
    </row>
    <row r="4915" spans="8:17" x14ac:dyDescent="0.25">
      <c r="H4915" s="43">
        <v>4908</v>
      </c>
      <c r="I4915" s="55">
        <f>Bühler!I4941</f>
        <v>0</v>
      </c>
      <c r="J4915" s="58">
        <f>Bühler!J4941</f>
        <v>36.992584519780934</v>
      </c>
      <c r="K4915" s="58">
        <f>Bühler!K4941</f>
        <v>3.3215443642540303</v>
      </c>
      <c r="L4915" s="58">
        <f>Bühler!L4941</f>
        <v>1.6607721821270152</v>
      </c>
      <c r="M4915" s="57">
        <f>Bühler!M4941</f>
        <v>0</v>
      </c>
      <c r="N4915" s="55">
        <f>IF(Input!$K$13=1,J4915*Input!$J$13,0)+IF(Input!$K$14=1,K4915*Input!$J$14,0)+IF(Input!$K$15=1,L4915*Input!$J$15,0)+IF(Input!$K$16=1,M4915*Input!$J$16,0)</f>
        <v>4.4391101423737123</v>
      </c>
      <c r="O4915" s="58">
        <f>IF(Input!$K$13=2,J4915*Input!$J$13,0)+IF(Input!$K$14=2,K4915*Input!$J$14,0)+IF(Input!$K$15=2,L4915*Input!$J$15,0)+IF(Input!$K$16=2,M4915*Input!$J$16,0)</f>
        <v>0.4484084891742941</v>
      </c>
      <c r="P4915" s="58">
        <f>IF(Input!$K$13=3,J4915*Input!$J$13,0)+IF(Input!$K$14=3,K4915*Input!$J$14,0)+IF(Input!$K$15=3,L4915*Input!$J$15,0)+IF(Input!$K$16=3,M4915*Input!$J$16,0)</f>
        <v>0</v>
      </c>
      <c r="Q4915" s="71">
        <f>IF(Input!$K$13=4,J4915*Input!$J$13,0)+IF(Input!$K$14=4,K4915*Input!$J$14,0)+IF(Input!$K$15=4,L4915*Input!$J$15,0)+IF(Input!$K$16=4,M4915*Input!$J$16,0)</f>
        <v>0</v>
      </c>
    </row>
    <row r="4916" spans="8:17" x14ac:dyDescent="0.25">
      <c r="H4916" s="43">
        <v>4909</v>
      </c>
      <c r="I4916" s="55">
        <f>Bühler!I4942</f>
        <v>0</v>
      </c>
      <c r="J4916" s="58">
        <f>Bühler!J4942</f>
        <v>36.992584519780934</v>
      </c>
      <c r="K4916" s="58">
        <f>Bühler!K4942</f>
        <v>3.3215443642540303</v>
      </c>
      <c r="L4916" s="58">
        <f>Bühler!L4942</f>
        <v>1.6607721821270152</v>
      </c>
      <c r="M4916" s="57">
        <f>Bühler!M4942</f>
        <v>0</v>
      </c>
      <c r="N4916" s="55">
        <f>IF(Input!$K$13=1,J4916*Input!$J$13,0)+IF(Input!$K$14=1,K4916*Input!$J$14,0)+IF(Input!$K$15=1,L4916*Input!$J$15,0)+IF(Input!$K$16=1,M4916*Input!$J$16,0)</f>
        <v>4.4391101423737123</v>
      </c>
      <c r="O4916" s="58">
        <f>IF(Input!$K$13=2,J4916*Input!$J$13,0)+IF(Input!$K$14=2,K4916*Input!$J$14,0)+IF(Input!$K$15=2,L4916*Input!$J$15,0)+IF(Input!$K$16=2,M4916*Input!$J$16,0)</f>
        <v>0.4484084891742941</v>
      </c>
      <c r="P4916" s="58">
        <f>IF(Input!$K$13=3,J4916*Input!$J$13,0)+IF(Input!$K$14=3,K4916*Input!$J$14,0)+IF(Input!$K$15=3,L4916*Input!$J$15,0)+IF(Input!$K$16=3,M4916*Input!$J$16,0)</f>
        <v>0</v>
      </c>
      <c r="Q4916" s="71">
        <f>IF(Input!$K$13=4,J4916*Input!$J$13,0)+IF(Input!$K$14=4,K4916*Input!$J$14,0)+IF(Input!$K$15=4,L4916*Input!$J$15,0)+IF(Input!$K$16=4,M4916*Input!$J$16,0)</f>
        <v>0</v>
      </c>
    </row>
    <row r="4917" spans="8:17" x14ac:dyDescent="0.25">
      <c r="H4917" s="43">
        <v>4910</v>
      </c>
      <c r="I4917" s="55">
        <f>Bühler!I4943</f>
        <v>0</v>
      </c>
      <c r="J4917" s="58">
        <f>Bühler!J4943</f>
        <v>24.661723013187292</v>
      </c>
      <c r="K4917" s="58">
        <f>Bühler!K4943</f>
        <v>2.2143629095026873</v>
      </c>
      <c r="L4917" s="58">
        <f>Bühler!L4943</f>
        <v>1.1071814547513437</v>
      </c>
      <c r="M4917" s="57">
        <f>Bühler!M4943</f>
        <v>0</v>
      </c>
      <c r="N4917" s="55">
        <f>IF(Input!$K$13=1,J4917*Input!$J$13,0)+IF(Input!$K$14=1,K4917*Input!$J$14,0)+IF(Input!$K$15=1,L4917*Input!$J$15,0)+IF(Input!$K$16=1,M4917*Input!$J$16,0)</f>
        <v>2.9594067615824748</v>
      </c>
      <c r="O4917" s="58">
        <f>IF(Input!$K$13=2,J4917*Input!$J$13,0)+IF(Input!$K$14=2,K4917*Input!$J$14,0)+IF(Input!$K$15=2,L4917*Input!$J$15,0)+IF(Input!$K$16=2,M4917*Input!$J$16,0)</f>
        <v>0.29893899278286279</v>
      </c>
      <c r="P4917" s="58">
        <f>IF(Input!$K$13=3,J4917*Input!$J$13,0)+IF(Input!$K$14=3,K4917*Input!$J$14,0)+IF(Input!$K$15=3,L4917*Input!$J$15,0)+IF(Input!$K$16=3,M4917*Input!$J$16,0)</f>
        <v>0</v>
      </c>
      <c r="Q4917" s="71">
        <f>IF(Input!$K$13=4,J4917*Input!$J$13,0)+IF(Input!$K$14=4,K4917*Input!$J$14,0)+IF(Input!$K$15=4,L4917*Input!$J$15,0)+IF(Input!$K$16=4,M4917*Input!$J$16,0)</f>
        <v>0</v>
      </c>
    </row>
    <row r="4918" spans="8:17" x14ac:dyDescent="0.25">
      <c r="H4918" s="43">
        <v>4911</v>
      </c>
      <c r="I4918" s="55">
        <f>Bühler!I4944</f>
        <v>0</v>
      </c>
      <c r="J4918" s="58">
        <f>Bühler!J4944</f>
        <v>36.992584519780934</v>
      </c>
      <c r="K4918" s="58">
        <f>Bühler!K4944</f>
        <v>3.3215443642540303</v>
      </c>
      <c r="L4918" s="58">
        <f>Bühler!L4944</f>
        <v>1.6607721821270152</v>
      </c>
      <c r="M4918" s="57">
        <f>Bühler!M4944</f>
        <v>0</v>
      </c>
      <c r="N4918" s="55">
        <f>IF(Input!$K$13=1,J4918*Input!$J$13,0)+IF(Input!$K$14=1,K4918*Input!$J$14,0)+IF(Input!$K$15=1,L4918*Input!$J$15,0)+IF(Input!$K$16=1,M4918*Input!$J$16,0)</f>
        <v>4.4391101423737123</v>
      </c>
      <c r="O4918" s="58">
        <f>IF(Input!$K$13=2,J4918*Input!$J$13,0)+IF(Input!$K$14=2,K4918*Input!$J$14,0)+IF(Input!$K$15=2,L4918*Input!$J$15,0)+IF(Input!$K$16=2,M4918*Input!$J$16,0)</f>
        <v>0.4484084891742941</v>
      </c>
      <c r="P4918" s="58">
        <f>IF(Input!$K$13=3,J4918*Input!$J$13,0)+IF(Input!$K$14=3,K4918*Input!$J$14,0)+IF(Input!$K$15=3,L4918*Input!$J$15,0)+IF(Input!$K$16=3,M4918*Input!$J$16,0)</f>
        <v>0</v>
      </c>
      <c r="Q4918" s="71">
        <f>IF(Input!$K$13=4,J4918*Input!$J$13,0)+IF(Input!$K$14=4,K4918*Input!$J$14,0)+IF(Input!$K$15=4,L4918*Input!$J$15,0)+IF(Input!$K$16=4,M4918*Input!$J$16,0)</f>
        <v>0</v>
      </c>
    </row>
    <row r="4919" spans="8:17" x14ac:dyDescent="0.25">
      <c r="H4919" s="43">
        <v>4912</v>
      </c>
      <c r="I4919" s="55">
        <f>Bühler!I4945</f>
        <v>0</v>
      </c>
      <c r="J4919" s="58">
        <f>Bühler!J4945</f>
        <v>36.992584519780934</v>
      </c>
      <c r="K4919" s="58">
        <f>Bühler!K4945</f>
        <v>3.3215443642540303</v>
      </c>
      <c r="L4919" s="58">
        <f>Bühler!L4945</f>
        <v>1.6607721821270152</v>
      </c>
      <c r="M4919" s="57">
        <f>Bühler!M4945</f>
        <v>0</v>
      </c>
      <c r="N4919" s="55">
        <f>IF(Input!$K$13=1,J4919*Input!$J$13,0)+IF(Input!$K$14=1,K4919*Input!$J$14,0)+IF(Input!$K$15=1,L4919*Input!$J$15,0)+IF(Input!$K$16=1,M4919*Input!$J$16,0)</f>
        <v>4.4391101423737123</v>
      </c>
      <c r="O4919" s="58">
        <f>IF(Input!$K$13=2,J4919*Input!$J$13,0)+IF(Input!$K$14=2,K4919*Input!$J$14,0)+IF(Input!$K$15=2,L4919*Input!$J$15,0)+IF(Input!$K$16=2,M4919*Input!$J$16,0)</f>
        <v>0.4484084891742941</v>
      </c>
      <c r="P4919" s="58">
        <f>IF(Input!$K$13=3,J4919*Input!$J$13,0)+IF(Input!$K$14=3,K4919*Input!$J$14,0)+IF(Input!$K$15=3,L4919*Input!$J$15,0)+IF(Input!$K$16=3,M4919*Input!$J$16,0)</f>
        <v>0</v>
      </c>
      <c r="Q4919" s="71">
        <f>IF(Input!$K$13=4,J4919*Input!$J$13,0)+IF(Input!$K$14=4,K4919*Input!$J$14,0)+IF(Input!$K$15=4,L4919*Input!$J$15,0)+IF(Input!$K$16=4,M4919*Input!$J$16,0)</f>
        <v>0</v>
      </c>
    </row>
    <row r="4920" spans="8:17" x14ac:dyDescent="0.25">
      <c r="H4920" s="43">
        <v>4913</v>
      </c>
      <c r="I4920" s="55">
        <f>Bühler!I4946</f>
        <v>0</v>
      </c>
      <c r="J4920" s="58">
        <f>Bühler!J4946</f>
        <v>21.579007636538879</v>
      </c>
      <c r="K4920" s="58">
        <f>Bühler!K4946</f>
        <v>1.9375675458148511</v>
      </c>
      <c r="L4920" s="58">
        <f>Bühler!L4946</f>
        <v>0.96878377290742557</v>
      </c>
      <c r="M4920" s="57">
        <f>Bühler!M4946</f>
        <v>0</v>
      </c>
      <c r="N4920" s="55">
        <f>IF(Input!$K$13=1,J4920*Input!$J$13,0)+IF(Input!$K$14=1,K4920*Input!$J$14,0)+IF(Input!$K$15=1,L4920*Input!$J$15,0)+IF(Input!$K$16=1,M4920*Input!$J$16,0)</f>
        <v>2.5894809163846655</v>
      </c>
      <c r="O4920" s="58">
        <f>IF(Input!$K$13=2,J4920*Input!$J$13,0)+IF(Input!$K$14=2,K4920*Input!$J$14,0)+IF(Input!$K$15=2,L4920*Input!$J$15,0)+IF(Input!$K$16=2,M4920*Input!$J$16,0)</f>
        <v>0.26157161868500489</v>
      </c>
      <c r="P4920" s="58">
        <f>IF(Input!$K$13=3,J4920*Input!$J$13,0)+IF(Input!$K$14=3,K4920*Input!$J$14,0)+IF(Input!$K$15=3,L4920*Input!$J$15,0)+IF(Input!$K$16=3,M4920*Input!$J$16,0)</f>
        <v>0</v>
      </c>
      <c r="Q4920" s="71">
        <f>IF(Input!$K$13=4,J4920*Input!$J$13,0)+IF(Input!$K$14=4,K4920*Input!$J$14,0)+IF(Input!$K$15=4,L4920*Input!$J$15,0)+IF(Input!$K$16=4,M4920*Input!$J$16,0)</f>
        <v>0</v>
      </c>
    </row>
    <row r="4921" spans="8:17" x14ac:dyDescent="0.25">
      <c r="H4921" s="43">
        <v>4914</v>
      </c>
      <c r="I4921" s="55">
        <f>Bühler!I4947</f>
        <v>0</v>
      </c>
      <c r="J4921" s="58">
        <f>Bühler!J4947</f>
        <v>6.1654307532968229</v>
      </c>
      <c r="K4921" s="58">
        <f>Bühler!K4947</f>
        <v>0.55359072737567183</v>
      </c>
      <c r="L4921" s="58">
        <f>Bühler!L4947</f>
        <v>0.27679536368783592</v>
      </c>
      <c r="M4921" s="57">
        <f>Bühler!M4947</f>
        <v>0</v>
      </c>
      <c r="N4921" s="55">
        <f>IF(Input!$K$13=1,J4921*Input!$J$13,0)+IF(Input!$K$14=1,K4921*Input!$J$14,0)+IF(Input!$K$15=1,L4921*Input!$J$15,0)+IF(Input!$K$16=1,M4921*Input!$J$16,0)</f>
        <v>0.73985169039561871</v>
      </c>
      <c r="O4921" s="58">
        <f>IF(Input!$K$13=2,J4921*Input!$J$13,0)+IF(Input!$K$14=2,K4921*Input!$J$14,0)+IF(Input!$K$15=2,L4921*Input!$J$15,0)+IF(Input!$K$16=2,M4921*Input!$J$16,0)</f>
        <v>7.4734748195715697E-2</v>
      </c>
      <c r="P4921" s="58">
        <f>IF(Input!$K$13=3,J4921*Input!$J$13,0)+IF(Input!$K$14=3,K4921*Input!$J$14,0)+IF(Input!$K$15=3,L4921*Input!$J$15,0)+IF(Input!$K$16=3,M4921*Input!$J$16,0)</f>
        <v>0</v>
      </c>
      <c r="Q4921" s="71">
        <f>IF(Input!$K$13=4,J4921*Input!$J$13,0)+IF(Input!$K$14=4,K4921*Input!$J$14,0)+IF(Input!$K$15=4,L4921*Input!$J$15,0)+IF(Input!$K$16=4,M4921*Input!$J$16,0)</f>
        <v>0</v>
      </c>
    </row>
    <row r="4922" spans="8:17" x14ac:dyDescent="0.25">
      <c r="H4922" s="43">
        <v>4915</v>
      </c>
      <c r="I4922" s="55">
        <f>Bühler!I4948</f>
        <v>0</v>
      </c>
      <c r="J4922" s="58">
        <f>Bühler!J4948</f>
        <v>6.0785937004334887</v>
      </c>
      <c r="K4922" s="58">
        <f>Bühler!K4948</f>
        <v>0.54579367487742292</v>
      </c>
      <c r="L4922" s="58">
        <f>Bühler!L4948</f>
        <v>0.27289683743871146</v>
      </c>
      <c r="M4922" s="57">
        <f>Bühler!M4948</f>
        <v>0</v>
      </c>
      <c r="N4922" s="55">
        <f>IF(Input!$K$13=1,J4922*Input!$J$13,0)+IF(Input!$K$14=1,K4922*Input!$J$14,0)+IF(Input!$K$15=1,L4922*Input!$J$15,0)+IF(Input!$K$16=1,M4922*Input!$J$16,0)</f>
        <v>0.72943124405201865</v>
      </c>
      <c r="O4922" s="58">
        <f>IF(Input!$K$13=2,J4922*Input!$J$13,0)+IF(Input!$K$14=2,K4922*Input!$J$14,0)+IF(Input!$K$15=2,L4922*Input!$J$15,0)+IF(Input!$K$16=2,M4922*Input!$J$16,0)</f>
        <v>7.3682146108452085E-2</v>
      </c>
      <c r="P4922" s="58">
        <f>IF(Input!$K$13=3,J4922*Input!$J$13,0)+IF(Input!$K$14=3,K4922*Input!$J$14,0)+IF(Input!$K$15=3,L4922*Input!$J$15,0)+IF(Input!$K$16=3,M4922*Input!$J$16,0)</f>
        <v>0</v>
      </c>
      <c r="Q4922" s="71">
        <f>IF(Input!$K$13=4,J4922*Input!$J$13,0)+IF(Input!$K$14=4,K4922*Input!$J$14,0)+IF(Input!$K$15=4,L4922*Input!$J$15,0)+IF(Input!$K$16=4,M4922*Input!$J$16,0)</f>
        <v>0</v>
      </c>
    </row>
    <row r="4923" spans="8:17" x14ac:dyDescent="0.25">
      <c r="H4923" s="43">
        <v>4916</v>
      </c>
      <c r="I4923" s="55">
        <f>Bühler!I4949</f>
        <v>0</v>
      </c>
      <c r="J4923" s="58">
        <f>Bühler!J4949</f>
        <v>6.0785937004334887</v>
      </c>
      <c r="K4923" s="58">
        <f>Bühler!K4949</f>
        <v>0.54579367487742292</v>
      </c>
      <c r="L4923" s="58">
        <f>Bühler!L4949</f>
        <v>0.27289683743871146</v>
      </c>
      <c r="M4923" s="57">
        <f>Bühler!M4949</f>
        <v>0</v>
      </c>
      <c r="N4923" s="55">
        <f>IF(Input!$K$13=1,J4923*Input!$J$13,0)+IF(Input!$K$14=1,K4923*Input!$J$14,0)+IF(Input!$K$15=1,L4923*Input!$J$15,0)+IF(Input!$K$16=1,M4923*Input!$J$16,0)</f>
        <v>0.72943124405201865</v>
      </c>
      <c r="O4923" s="58">
        <f>IF(Input!$K$13=2,J4923*Input!$J$13,0)+IF(Input!$K$14=2,K4923*Input!$J$14,0)+IF(Input!$K$15=2,L4923*Input!$J$15,0)+IF(Input!$K$16=2,M4923*Input!$J$16,0)</f>
        <v>7.3682146108452085E-2</v>
      </c>
      <c r="P4923" s="58">
        <f>IF(Input!$K$13=3,J4923*Input!$J$13,0)+IF(Input!$K$14=3,K4923*Input!$J$14,0)+IF(Input!$K$15=3,L4923*Input!$J$15,0)+IF(Input!$K$16=3,M4923*Input!$J$16,0)</f>
        <v>0</v>
      </c>
      <c r="Q4923" s="71">
        <f>IF(Input!$K$13=4,J4923*Input!$J$13,0)+IF(Input!$K$14=4,K4923*Input!$J$14,0)+IF(Input!$K$15=4,L4923*Input!$J$15,0)+IF(Input!$K$16=4,M4923*Input!$J$16,0)</f>
        <v>0</v>
      </c>
    </row>
    <row r="4924" spans="8:17" x14ac:dyDescent="0.25">
      <c r="H4924" s="43">
        <v>4917</v>
      </c>
      <c r="I4924" s="55">
        <f>Bühler!I4950</f>
        <v>0</v>
      </c>
      <c r="J4924" s="58">
        <f>Bühler!J4950</f>
        <v>6.0785937004334887</v>
      </c>
      <c r="K4924" s="58">
        <f>Bühler!K4950</f>
        <v>0.54579367487742292</v>
      </c>
      <c r="L4924" s="58">
        <f>Bühler!L4950</f>
        <v>0.27289683743871146</v>
      </c>
      <c r="M4924" s="57">
        <f>Bühler!M4950</f>
        <v>0</v>
      </c>
      <c r="N4924" s="55">
        <f>IF(Input!$K$13=1,J4924*Input!$J$13,0)+IF(Input!$K$14=1,K4924*Input!$J$14,0)+IF(Input!$K$15=1,L4924*Input!$J$15,0)+IF(Input!$K$16=1,M4924*Input!$J$16,0)</f>
        <v>0.72943124405201865</v>
      </c>
      <c r="O4924" s="58">
        <f>IF(Input!$K$13=2,J4924*Input!$J$13,0)+IF(Input!$K$14=2,K4924*Input!$J$14,0)+IF(Input!$K$15=2,L4924*Input!$J$15,0)+IF(Input!$K$16=2,M4924*Input!$J$16,0)</f>
        <v>7.3682146108452085E-2</v>
      </c>
      <c r="P4924" s="58">
        <f>IF(Input!$K$13=3,J4924*Input!$J$13,0)+IF(Input!$K$14=3,K4924*Input!$J$14,0)+IF(Input!$K$15=3,L4924*Input!$J$15,0)+IF(Input!$K$16=3,M4924*Input!$J$16,0)</f>
        <v>0</v>
      </c>
      <c r="Q4924" s="71">
        <f>IF(Input!$K$13=4,J4924*Input!$J$13,0)+IF(Input!$K$14=4,K4924*Input!$J$14,0)+IF(Input!$K$15=4,L4924*Input!$J$15,0)+IF(Input!$K$16=4,M4924*Input!$J$16,0)</f>
        <v>0</v>
      </c>
    </row>
    <row r="4925" spans="8:17" x14ac:dyDescent="0.25">
      <c r="H4925" s="43">
        <v>4918</v>
      </c>
      <c r="I4925" s="55">
        <f>Bühler!I4951</f>
        <v>0</v>
      </c>
      <c r="J4925" s="58">
        <f>Bühler!J4951</f>
        <v>6.0785937004334887</v>
      </c>
      <c r="K4925" s="58">
        <f>Bühler!K4951</f>
        <v>0.54579367487742292</v>
      </c>
      <c r="L4925" s="58">
        <f>Bühler!L4951</f>
        <v>0.27289683743871146</v>
      </c>
      <c r="M4925" s="57">
        <f>Bühler!M4951</f>
        <v>0</v>
      </c>
      <c r="N4925" s="55">
        <f>IF(Input!$K$13=1,J4925*Input!$J$13,0)+IF(Input!$K$14=1,K4925*Input!$J$14,0)+IF(Input!$K$15=1,L4925*Input!$J$15,0)+IF(Input!$K$16=1,M4925*Input!$J$16,0)</f>
        <v>0.72943124405201865</v>
      </c>
      <c r="O4925" s="58">
        <f>IF(Input!$K$13=2,J4925*Input!$J$13,0)+IF(Input!$K$14=2,K4925*Input!$J$14,0)+IF(Input!$K$15=2,L4925*Input!$J$15,0)+IF(Input!$K$16=2,M4925*Input!$J$16,0)</f>
        <v>7.3682146108452085E-2</v>
      </c>
      <c r="P4925" s="58">
        <f>IF(Input!$K$13=3,J4925*Input!$J$13,0)+IF(Input!$K$14=3,K4925*Input!$J$14,0)+IF(Input!$K$15=3,L4925*Input!$J$15,0)+IF(Input!$K$16=3,M4925*Input!$J$16,0)</f>
        <v>0</v>
      </c>
      <c r="Q4925" s="71">
        <f>IF(Input!$K$13=4,J4925*Input!$J$13,0)+IF(Input!$K$14=4,K4925*Input!$J$14,0)+IF(Input!$K$15=4,L4925*Input!$J$15,0)+IF(Input!$K$16=4,M4925*Input!$J$16,0)</f>
        <v>0</v>
      </c>
    </row>
    <row r="4926" spans="8:17" x14ac:dyDescent="0.25">
      <c r="H4926" s="43">
        <v>4919</v>
      </c>
      <c r="I4926" s="55">
        <f>Bühler!I4952</f>
        <v>0</v>
      </c>
      <c r="J4926" s="58">
        <f>Bühler!J4952</f>
        <v>6.0785937004334887</v>
      </c>
      <c r="K4926" s="58">
        <f>Bühler!K4952</f>
        <v>0.54579367487742292</v>
      </c>
      <c r="L4926" s="58">
        <f>Bühler!L4952</f>
        <v>0.27289683743871146</v>
      </c>
      <c r="M4926" s="57">
        <f>Bühler!M4952</f>
        <v>0</v>
      </c>
      <c r="N4926" s="55">
        <f>IF(Input!$K$13=1,J4926*Input!$J$13,0)+IF(Input!$K$14=1,K4926*Input!$J$14,0)+IF(Input!$K$15=1,L4926*Input!$J$15,0)+IF(Input!$K$16=1,M4926*Input!$J$16,0)</f>
        <v>0.72943124405201865</v>
      </c>
      <c r="O4926" s="58">
        <f>IF(Input!$K$13=2,J4926*Input!$J$13,0)+IF(Input!$K$14=2,K4926*Input!$J$14,0)+IF(Input!$K$15=2,L4926*Input!$J$15,0)+IF(Input!$K$16=2,M4926*Input!$J$16,0)</f>
        <v>7.3682146108452085E-2</v>
      </c>
      <c r="P4926" s="58">
        <f>IF(Input!$K$13=3,J4926*Input!$J$13,0)+IF(Input!$K$14=3,K4926*Input!$J$14,0)+IF(Input!$K$15=3,L4926*Input!$J$15,0)+IF(Input!$K$16=3,M4926*Input!$J$16,0)</f>
        <v>0</v>
      </c>
      <c r="Q4926" s="71">
        <f>IF(Input!$K$13=4,J4926*Input!$J$13,0)+IF(Input!$K$14=4,K4926*Input!$J$14,0)+IF(Input!$K$15=4,L4926*Input!$J$15,0)+IF(Input!$K$16=4,M4926*Input!$J$16,0)</f>
        <v>0</v>
      </c>
    </row>
    <row r="4927" spans="8:17" x14ac:dyDescent="0.25">
      <c r="H4927" s="43">
        <v>4920</v>
      </c>
      <c r="I4927" s="55">
        <f>Bühler!I4953</f>
        <v>0</v>
      </c>
      <c r="J4927" s="58">
        <f>Bühler!J4953</f>
        <v>6.0785937004334887</v>
      </c>
      <c r="K4927" s="58">
        <f>Bühler!K4953</f>
        <v>0.54579367487742292</v>
      </c>
      <c r="L4927" s="58">
        <f>Bühler!L4953</f>
        <v>0.27289683743871146</v>
      </c>
      <c r="M4927" s="57">
        <f>Bühler!M4953</f>
        <v>0</v>
      </c>
      <c r="N4927" s="55">
        <f>IF(Input!$K$13=1,J4927*Input!$J$13,0)+IF(Input!$K$14=1,K4927*Input!$J$14,0)+IF(Input!$K$15=1,L4927*Input!$J$15,0)+IF(Input!$K$16=1,M4927*Input!$J$16,0)</f>
        <v>0.72943124405201865</v>
      </c>
      <c r="O4927" s="58">
        <f>IF(Input!$K$13=2,J4927*Input!$J$13,0)+IF(Input!$K$14=2,K4927*Input!$J$14,0)+IF(Input!$K$15=2,L4927*Input!$J$15,0)+IF(Input!$K$16=2,M4927*Input!$J$16,0)</f>
        <v>7.3682146108452085E-2</v>
      </c>
      <c r="P4927" s="58">
        <f>IF(Input!$K$13=3,J4927*Input!$J$13,0)+IF(Input!$K$14=3,K4927*Input!$J$14,0)+IF(Input!$K$15=3,L4927*Input!$J$15,0)+IF(Input!$K$16=3,M4927*Input!$J$16,0)</f>
        <v>0</v>
      </c>
      <c r="Q4927" s="71">
        <f>IF(Input!$K$13=4,J4927*Input!$J$13,0)+IF(Input!$K$14=4,K4927*Input!$J$14,0)+IF(Input!$K$15=4,L4927*Input!$J$15,0)+IF(Input!$K$16=4,M4927*Input!$J$16,0)</f>
        <v>0</v>
      </c>
    </row>
    <row r="4928" spans="8:17" x14ac:dyDescent="0.25">
      <c r="H4928" s="43">
        <v>4921</v>
      </c>
      <c r="I4928" s="55">
        <f>Bühler!I4954</f>
        <v>9.8835204432647414E-2</v>
      </c>
      <c r="J4928" s="58">
        <f>Bühler!J4954</f>
        <v>4.4387868678405731</v>
      </c>
      <c r="K4928" s="58">
        <f>Bühler!K4954</f>
        <v>0.36574970955899933</v>
      </c>
      <c r="L4928" s="58">
        <f>Bühler!L4954</f>
        <v>0.18287485477949966</v>
      </c>
      <c r="M4928" s="57">
        <f>Bühler!M4954</f>
        <v>0</v>
      </c>
      <c r="N4928" s="55">
        <f>IF(Input!$K$13=1,J4928*Input!$J$13,0)+IF(Input!$K$14=1,K4928*Input!$J$14,0)+IF(Input!$K$15=1,L4928*Input!$J$15,0)+IF(Input!$K$16=1,M4928*Input!$J$16,0)</f>
        <v>0.53265442414086872</v>
      </c>
      <c r="O4928" s="58">
        <f>IF(Input!$K$13=2,J4928*Input!$J$13,0)+IF(Input!$K$14=2,K4928*Input!$J$14,0)+IF(Input!$K$15=2,L4928*Input!$J$15,0)+IF(Input!$K$16=2,M4928*Input!$J$16,0)</f>
        <v>4.9376210790464906E-2</v>
      </c>
      <c r="P4928" s="58">
        <f>IF(Input!$K$13=3,J4928*Input!$J$13,0)+IF(Input!$K$14=3,K4928*Input!$J$14,0)+IF(Input!$K$15=3,L4928*Input!$J$15,0)+IF(Input!$K$16=3,M4928*Input!$J$16,0)</f>
        <v>0</v>
      </c>
      <c r="Q4928" s="71">
        <f>IF(Input!$K$13=4,J4928*Input!$J$13,0)+IF(Input!$K$14=4,K4928*Input!$J$14,0)+IF(Input!$K$15=4,L4928*Input!$J$15,0)+IF(Input!$K$16=4,M4928*Input!$J$16,0)</f>
        <v>0</v>
      </c>
    </row>
    <row r="4929" spans="8:17" x14ac:dyDescent="0.25">
      <c r="H4929" s="43">
        <v>4922</v>
      </c>
      <c r="I4929" s="55">
        <f>Bühler!I4955</f>
        <v>9.8835204432647414E-2</v>
      </c>
      <c r="J4929" s="58">
        <f>Bühler!J4955</f>
        <v>6.7077806468925054</v>
      </c>
      <c r="K4929" s="58">
        <f>Bühler!K4955</f>
        <v>0.55733289075657044</v>
      </c>
      <c r="L4929" s="58">
        <f>Bühler!L4955</f>
        <v>0.27866644537828522</v>
      </c>
      <c r="M4929" s="57">
        <f>Bühler!M4955</f>
        <v>0</v>
      </c>
      <c r="N4929" s="55">
        <f>IF(Input!$K$13=1,J4929*Input!$J$13,0)+IF(Input!$K$14=1,K4929*Input!$J$14,0)+IF(Input!$K$15=1,L4929*Input!$J$15,0)+IF(Input!$K$16=1,M4929*Input!$J$16,0)</f>
        <v>0.80493367762710066</v>
      </c>
      <c r="O4929" s="58">
        <f>IF(Input!$K$13=2,J4929*Input!$J$13,0)+IF(Input!$K$14=2,K4929*Input!$J$14,0)+IF(Input!$K$15=2,L4929*Input!$J$15,0)+IF(Input!$K$16=2,M4929*Input!$J$16,0)</f>
        <v>7.5239940252137011E-2</v>
      </c>
      <c r="P4929" s="58">
        <f>IF(Input!$K$13=3,J4929*Input!$J$13,0)+IF(Input!$K$14=3,K4929*Input!$J$14,0)+IF(Input!$K$15=3,L4929*Input!$J$15,0)+IF(Input!$K$16=3,M4929*Input!$J$16,0)</f>
        <v>0</v>
      </c>
      <c r="Q4929" s="71">
        <f>IF(Input!$K$13=4,J4929*Input!$J$13,0)+IF(Input!$K$14=4,K4929*Input!$J$14,0)+IF(Input!$K$15=4,L4929*Input!$J$15,0)+IF(Input!$K$16=4,M4929*Input!$J$16,0)</f>
        <v>0</v>
      </c>
    </row>
    <row r="4930" spans="8:17" x14ac:dyDescent="0.25">
      <c r="H4930" s="43">
        <v>4923</v>
      </c>
      <c r="I4930" s="55">
        <f>Bühler!I4956</f>
        <v>9.8835204432647414E-2</v>
      </c>
      <c r="J4930" s="58">
        <f>Bühler!J4956</f>
        <v>6.7077806468925054</v>
      </c>
      <c r="K4930" s="58">
        <f>Bühler!K4956</f>
        <v>0.55733289075657044</v>
      </c>
      <c r="L4930" s="58">
        <f>Bühler!L4956</f>
        <v>0.27866644537828522</v>
      </c>
      <c r="M4930" s="57">
        <f>Bühler!M4956</f>
        <v>0</v>
      </c>
      <c r="N4930" s="55">
        <f>IF(Input!$K$13=1,J4930*Input!$J$13,0)+IF(Input!$K$14=1,K4930*Input!$J$14,0)+IF(Input!$K$15=1,L4930*Input!$J$15,0)+IF(Input!$K$16=1,M4930*Input!$J$16,0)</f>
        <v>0.80493367762710066</v>
      </c>
      <c r="O4930" s="58">
        <f>IF(Input!$K$13=2,J4930*Input!$J$13,0)+IF(Input!$K$14=2,K4930*Input!$J$14,0)+IF(Input!$K$15=2,L4930*Input!$J$15,0)+IF(Input!$K$16=2,M4930*Input!$J$16,0)</f>
        <v>7.5239940252137011E-2</v>
      </c>
      <c r="P4930" s="58">
        <f>IF(Input!$K$13=3,J4930*Input!$J$13,0)+IF(Input!$K$14=3,K4930*Input!$J$14,0)+IF(Input!$K$15=3,L4930*Input!$J$15,0)+IF(Input!$K$16=3,M4930*Input!$J$16,0)</f>
        <v>0</v>
      </c>
      <c r="Q4930" s="71">
        <f>IF(Input!$K$13=4,J4930*Input!$J$13,0)+IF(Input!$K$14=4,K4930*Input!$J$14,0)+IF(Input!$K$15=4,L4930*Input!$J$15,0)+IF(Input!$K$16=4,M4930*Input!$J$16,0)</f>
        <v>0</v>
      </c>
    </row>
    <row r="4931" spans="8:17" x14ac:dyDescent="0.25">
      <c r="H4931" s="43">
        <v>4924</v>
      </c>
      <c r="I4931" s="55">
        <f>Bühler!I4957</f>
        <v>9.8835204432647414E-2</v>
      </c>
      <c r="J4931" s="58">
        <f>Bühler!J4957</f>
        <v>6.7077806468925054</v>
      </c>
      <c r="K4931" s="58">
        <f>Bühler!K4957</f>
        <v>0.55733289075657044</v>
      </c>
      <c r="L4931" s="58">
        <f>Bühler!L4957</f>
        <v>0.27866644537828522</v>
      </c>
      <c r="M4931" s="57">
        <f>Bühler!M4957</f>
        <v>0</v>
      </c>
      <c r="N4931" s="55">
        <f>IF(Input!$K$13=1,J4931*Input!$J$13,0)+IF(Input!$K$14=1,K4931*Input!$J$14,0)+IF(Input!$K$15=1,L4931*Input!$J$15,0)+IF(Input!$K$16=1,M4931*Input!$J$16,0)</f>
        <v>0.80493367762710066</v>
      </c>
      <c r="O4931" s="58">
        <f>IF(Input!$K$13=2,J4931*Input!$J$13,0)+IF(Input!$K$14=2,K4931*Input!$J$14,0)+IF(Input!$K$15=2,L4931*Input!$J$15,0)+IF(Input!$K$16=2,M4931*Input!$J$16,0)</f>
        <v>7.5239940252137011E-2</v>
      </c>
      <c r="P4931" s="58">
        <f>IF(Input!$K$13=3,J4931*Input!$J$13,0)+IF(Input!$K$14=3,K4931*Input!$J$14,0)+IF(Input!$K$15=3,L4931*Input!$J$15,0)+IF(Input!$K$16=3,M4931*Input!$J$16,0)</f>
        <v>0</v>
      </c>
      <c r="Q4931" s="71">
        <f>IF(Input!$K$13=4,J4931*Input!$J$13,0)+IF(Input!$K$14=4,K4931*Input!$J$14,0)+IF(Input!$K$15=4,L4931*Input!$J$15,0)+IF(Input!$K$16=4,M4931*Input!$J$16,0)</f>
        <v>0</v>
      </c>
    </row>
    <row r="4932" spans="8:17" x14ac:dyDescent="0.25">
      <c r="H4932" s="43">
        <v>4925</v>
      </c>
      <c r="I4932" s="55">
        <f>Bühler!I4958</f>
        <v>9.8835204432647414E-2</v>
      </c>
      <c r="J4932" s="58">
        <f>Bühler!J4958</f>
        <v>6.7077806468925054</v>
      </c>
      <c r="K4932" s="58">
        <f>Bühler!K4958</f>
        <v>0.55733289075657044</v>
      </c>
      <c r="L4932" s="58">
        <f>Bühler!L4958</f>
        <v>0.27866644537828522</v>
      </c>
      <c r="M4932" s="57">
        <f>Bühler!M4958</f>
        <v>0</v>
      </c>
      <c r="N4932" s="55">
        <f>IF(Input!$K$13=1,J4932*Input!$J$13,0)+IF(Input!$K$14=1,K4932*Input!$J$14,0)+IF(Input!$K$15=1,L4932*Input!$J$15,0)+IF(Input!$K$16=1,M4932*Input!$J$16,0)</f>
        <v>0.80493367762710066</v>
      </c>
      <c r="O4932" s="58">
        <f>IF(Input!$K$13=2,J4932*Input!$J$13,0)+IF(Input!$K$14=2,K4932*Input!$J$14,0)+IF(Input!$K$15=2,L4932*Input!$J$15,0)+IF(Input!$K$16=2,M4932*Input!$J$16,0)</f>
        <v>7.5239940252137011E-2</v>
      </c>
      <c r="P4932" s="58">
        <f>IF(Input!$K$13=3,J4932*Input!$J$13,0)+IF(Input!$K$14=3,K4932*Input!$J$14,0)+IF(Input!$K$15=3,L4932*Input!$J$15,0)+IF(Input!$K$16=3,M4932*Input!$J$16,0)</f>
        <v>0</v>
      </c>
      <c r="Q4932" s="71">
        <f>IF(Input!$K$13=4,J4932*Input!$J$13,0)+IF(Input!$K$14=4,K4932*Input!$J$14,0)+IF(Input!$K$15=4,L4932*Input!$J$15,0)+IF(Input!$K$16=4,M4932*Input!$J$16,0)</f>
        <v>0</v>
      </c>
    </row>
    <row r="4933" spans="8:17" x14ac:dyDescent="0.25">
      <c r="H4933" s="43">
        <v>4926</v>
      </c>
      <c r="I4933" s="55">
        <f>Bühler!I4959</f>
        <v>9.8835204432647414E-2</v>
      </c>
      <c r="J4933" s="58">
        <f>Bühler!J4959</f>
        <v>6.7077806468925054</v>
      </c>
      <c r="K4933" s="58">
        <f>Bühler!K4959</f>
        <v>0.55733289075657044</v>
      </c>
      <c r="L4933" s="58">
        <f>Bühler!L4959</f>
        <v>0.27866644537828522</v>
      </c>
      <c r="M4933" s="57">
        <f>Bühler!M4959</f>
        <v>0</v>
      </c>
      <c r="N4933" s="55">
        <f>IF(Input!$K$13=1,J4933*Input!$J$13,0)+IF(Input!$K$14=1,K4933*Input!$J$14,0)+IF(Input!$K$15=1,L4933*Input!$J$15,0)+IF(Input!$K$16=1,M4933*Input!$J$16,0)</f>
        <v>0.80493367762710066</v>
      </c>
      <c r="O4933" s="58">
        <f>IF(Input!$K$13=2,J4933*Input!$J$13,0)+IF(Input!$K$14=2,K4933*Input!$J$14,0)+IF(Input!$K$15=2,L4933*Input!$J$15,0)+IF(Input!$K$16=2,M4933*Input!$J$16,0)</f>
        <v>7.5239940252137011E-2</v>
      </c>
      <c r="P4933" s="58">
        <f>IF(Input!$K$13=3,J4933*Input!$J$13,0)+IF(Input!$K$14=3,K4933*Input!$J$14,0)+IF(Input!$K$15=3,L4933*Input!$J$15,0)+IF(Input!$K$16=3,M4933*Input!$J$16,0)</f>
        <v>0</v>
      </c>
      <c r="Q4933" s="71">
        <f>IF(Input!$K$13=4,J4933*Input!$J$13,0)+IF(Input!$K$14=4,K4933*Input!$J$14,0)+IF(Input!$K$15=4,L4933*Input!$J$15,0)+IF(Input!$K$16=4,M4933*Input!$J$16,0)</f>
        <v>0</v>
      </c>
    </row>
    <row r="4934" spans="8:17" x14ac:dyDescent="0.25">
      <c r="H4934" s="43">
        <v>4927</v>
      </c>
      <c r="I4934" s="55">
        <f>Bühler!I4960</f>
        <v>9.8835204432647414E-2</v>
      </c>
      <c r="J4934" s="58">
        <f>Bühler!J4960</f>
        <v>6.7077806468925054</v>
      </c>
      <c r="K4934" s="58">
        <f>Bühler!K4960</f>
        <v>0.55733289075657044</v>
      </c>
      <c r="L4934" s="58">
        <f>Bühler!L4960</f>
        <v>0.27866644537828522</v>
      </c>
      <c r="M4934" s="57">
        <f>Bühler!M4960</f>
        <v>0</v>
      </c>
      <c r="N4934" s="55">
        <f>IF(Input!$K$13=1,J4934*Input!$J$13,0)+IF(Input!$K$14=1,K4934*Input!$J$14,0)+IF(Input!$K$15=1,L4934*Input!$J$15,0)+IF(Input!$K$16=1,M4934*Input!$J$16,0)</f>
        <v>0.80493367762710066</v>
      </c>
      <c r="O4934" s="58">
        <f>IF(Input!$K$13=2,J4934*Input!$J$13,0)+IF(Input!$K$14=2,K4934*Input!$J$14,0)+IF(Input!$K$15=2,L4934*Input!$J$15,0)+IF(Input!$K$16=2,M4934*Input!$J$16,0)</f>
        <v>7.5239940252137011E-2</v>
      </c>
      <c r="P4934" s="58">
        <f>IF(Input!$K$13=3,J4934*Input!$J$13,0)+IF(Input!$K$14=3,K4934*Input!$J$14,0)+IF(Input!$K$15=3,L4934*Input!$J$15,0)+IF(Input!$K$16=3,M4934*Input!$J$16,0)</f>
        <v>0</v>
      </c>
      <c r="Q4934" s="71">
        <f>IF(Input!$K$13=4,J4934*Input!$J$13,0)+IF(Input!$K$14=4,K4934*Input!$J$14,0)+IF(Input!$K$15=4,L4934*Input!$J$15,0)+IF(Input!$K$16=4,M4934*Input!$J$16,0)</f>
        <v>0</v>
      </c>
    </row>
    <row r="4935" spans="8:17" x14ac:dyDescent="0.25">
      <c r="H4935" s="43">
        <v>4928</v>
      </c>
      <c r="I4935" s="55">
        <f>Bühler!I4961</f>
        <v>0.28470915341404551</v>
      </c>
      <c r="J4935" s="58">
        <f>Bühler!J4961</f>
        <v>28.13454953384452</v>
      </c>
      <c r="K4935" s="58">
        <f>Bühler!K4961</f>
        <v>2.3495064675956669</v>
      </c>
      <c r="L4935" s="58">
        <f>Bühler!L4961</f>
        <v>1.1747532337978335</v>
      </c>
      <c r="M4935" s="57">
        <f>Bühler!M4961</f>
        <v>0</v>
      </c>
      <c r="N4935" s="55">
        <f>IF(Input!$K$13=1,J4935*Input!$J$13,0)+IF(Input!$K$14=1,K4935*Input!$J$14,0)+IF(Input!$K$15=1,L4935*Input!$J$15,0)+IF(Input!$K$16=1,M4935*Input!$J$16,0)</f>
        <v>3.3761459440613422</v>
      </c>
      <c r="O4935" s="58">
        <f>IF(Input!$K$13=2,J4935*Input!$J$13,0)+IF(Input!$K$14=2,K4935*Input!$J$14,0)+IF(Input!$K$15=2,L4935*Input!$J$15,0)+IF(Input!$K$16=2,M4935*Input!$J$16,0)</f>
        <v>0.317183373125415</v>
      </c>
      <c r="P4935" s="58">
        <f>IF(Input!$K$13=3,J4935*Input!$J$13,0)+IF(Input!$K$14=3,K4935*Input!$J$14,0)+IF(Input!$K$15=3,L4935*Input!$J$15,0)+IF(Input!$K$16=3,M4935*Input!$J$16,0)</f>
        <v>0</v>
      </c>
      <c r="Q4935" s="71">
        <f>IF(Input!$K$13=4,J4935*Input!$J$13,0)+IF(Input!$K$14=4,K4935*Input!$J$14,0)+IF(Input!$K$15=4,L4935*Input!$J$15,0)+IF(Input!$K$16=4,M4935*Input!$J$16,0)</f>
        <v>0</v>
      </c>
    </row>
    <row r="4936" spans="8:17" x14ac:dyDescent="0.25">
      <c r="H4936" s="43">
        <v>4929</v>
      </c>
      <c r="I4936" s="55">
        <f>Bühler!I4962</f>
        <v>0.31767547644093502</v>
      </c>
      <c r="J4936" s="58">
        <f>Bühler!J4962</f>
        <v>31.39223421671073</v>
      </c>
      <c r="K4936" s="58">
        <f>Bühler!K4962</f>
        <v>2.6215545848962178</v>
      </c>
      <c r="L4936" s="58">
        <f>Bühler!L4962</f>
        <v>1.3107772924481089</v>
      </c>
      <c r="M4936" s="57">
        <f>Bühler!M4962</f>
        <v>0</v>
      </c>
      <c r="N4936" s="55">
        <f>IF(Input!$K$13=1,J4936*Input!$J$13,0)+IF(Input!$K$14=1,K4936*Input!$J$14,0)+IF(Input!$K$15=1,L4936*Input!$J$15,0)+IF(Input!$K$16=1,M4936*Input!$J$16,0)</f>
        <v>3.7670681060052873</v>
      </c>
      <c r="O4936" s="58">
        <f>IF(Input!$K$13=2,J4936*Input!$J$13,0)+IF(Input!$K$14=2,K4936*Input!$J$14,0)+IF(Input!$K$15=2,L4936*Input!$J$15,0)+IF(Input!$K$16=2,M4936*Input!$J$16,0)</f>
        <v>0.35390986896098942</v>
      </c>
      <c r="P4936" s="58">
        <f>IF(Input!$K$13=3,J4936*Input!$J$13,0)+IF(Input!$K$14=3,K4936*Input!$J$14,0)+IF(Input!$K$15=3,L4936*Input!$J$15,0)+IF(Input!$K$16=3,M4936*Input!$J$16,0)</f>
        <v>0</v>
      </c>
      <c r="Q4936" s="71">
        <f>IF(Input!$K$13=4,J4936*Input!$J$13,0)+IF(Input!$K$14=4,K4936*Input!$J$14,0)+IF(Input!$K$15=4,L4936*Input!$J$15,0)+IF(Input!$K$16=4,M4936*Input!$J$16,0)</f>
        <v>0</v>
      </c>
    </row>
    <row r="4937" spans="8:17" x14ac:dyDescent="0.25">
      <c r="H4937" s="43">
        <v>4930</v>
      </c>
      <c r="I4937" s="55">
        <f>Bühler!I4963</f>
        <v>0.35064179946782453</v>
      </c>
      <c r="J4937" s="58">
        <f>Bühler!J4963</f>
        <v>34.649918899576946</v>
      </c>
      <c r="K4937" s="58">
        <f>Bühler!K4963</f>
        <v>2.8936027021967692</v>
      </c>
      <c r="L4937" s="58">
        <f>Bühler!L4963</f>
        <v>1.4468013510983846</v>
      </c>
      <c r="M4937" s="57">
        <f>Bühler!M4963</f>
        <v>0</v>
      </c>
      <c r="N4937" s="55">
        <f>IF(Input!$K$13=1,J4937*Input!$J$13,0)+IF(Input!$K$14=1,K4937*Input!$J$14,0)+IF(Input!$K$15=1,L4937*Input!$J$15,0)+IF(Input!$K$16=1,M4937*Input!$J$16,0)</f>
        <v>4.1579902679492333</v>
      </c>
      <c r="O4937" s="58">
        <f>IF(Input!$K$13=2,J4937*Input!$J$13,0)+IF(Input!$K$14=2,K4937*Input!$J$14,0)+IF(Input!$K$15=2,L4937*Input!$J$15,0)+IF(Input!$K$16=2,M4937*Input!$J$16,0)</f>
        <v>0.39063636479656383</v>
      </c>
      <c r="P4937" s="58">
        <f>IF(Input!$K$13=3,J4937*Input!$J$13,0)+IF(Input!$K$14=3,K4937*Input!$J$14,0)+IF(Input!$K$15=3,L4937*Input!$J$15,0)+IF(Input!$K$16=3,M4937*Input!$J$16,0)</f>
        <v>0</v>
      </c>
      <c r="Q4937" s="71">
        <f>IF(Input!$K$13=4,J4937*Input!$J$13,0)+IF(Input!$K$14=4,K4937*Input!$J$14,0)+IF(Input!$K$15=4,L4937*Input!$J$15,0)+IF(Input!$K$16=4,M4937*Input!$J$16,0)</f>
        <v>0</v>
      </c>
    </row>
    <row r="4938" spans="8:17" x14ac:dyDescent="0.25">
      <c r="H4938" s="43">
        <v>4931</v>
      </c>
      <c r="I4938" s="55">
        <f>Bühler!I4964</f>
        <v>0.35064179946782453</v>
      </c>
      <c r="J4938" s="58">
        <f>Bühler!J4964</f>
        <v>34.649918899576946</v>
      </c>
      <c r="K4938" s="58">
        <f>Bühler!K4964</f>
        <v>2.8936027021967692</v>
      </c>
      <c r="L4938" s="58">
        <f>Bühler!L4964</f>
        <v>1.4468013510983846</v>
      </c>
      <c r="M4938" s="57">
        <f>Bühler!M4964</f>
        <v>0</v>
      </c>
      <c r="N4938" s="55">
        <f>IF(Input!$K$13=1,J4938*Input!$J$13,0)+IF(Input!$K$14=1,K4938*Input!$J$14,0)+IF(Input!$K$15=1,L4938*Input!$J$15,0)+IF(Input!$K$16=1,M4938*Input!$J$16,0)</f>
        <v>4.1579902679492333</v>
      </c>
      <c r="O4938" s="58">
        <f>IF(Input!$K$13=2,J4938*Input!$J$13,0)+IF(Input!$K$14=2,K4938*Input!$J$14,0)+IF(Input!$K$15=2,L4938*Input!$J$15,0)+IF(Input!$K$16=2,M4938*Input!$J$16,0)</f>
        <v>0.39063636479656383</v>
      </c>
      <c r="P4938" s="58">
        <f>IF(Input!$K$13=3,J4938*Input!$J$13,0)+IF(Input!$K$14=3,K4938*Input!$J$14,0)+IF(Input!$K$15=3,L4938*Input!$J$15,0)+IF(Input!$K$16=3,M4938*Input!$J$16,0)</f>
        <v>0</v>
      </c>
      <c r="Q4938" s="71">
        <f>IF(Input!$K$13=4,J4938*Input!$J$13,0)+IF(Input!$K$14=4,K4938*Input!$J$14,0)+IF(Input!$K$15=4,L4938*Input!$J$15,0)+IF(Input!$K$16=4,M4938*Input!$J$16,0)</f>
        <v>0</v>
      </c>
    </row>
    <row r="4939" spans="8:17" x14ac:dyDescent="0.25">
      <c r="H4939" s="43">
        <v>4932</v>
      </c>
      <c r="I4939" s="55">
        <f>Bühler!I4965</f>
        <v>0.4195713839785935</v>
      </c>
      <c r="J4939" s="58">
        <f>Bühler!J4965</f>
        <v>41.461441418297191</v>
      </c>
      <c r="K4939" s="58">
        <f>Bühler!K4965</f>
        <v>3.4624305838251934</v>
      </c>
      <c r="L4939" s="58">
        <f>Bühler!L4965</f>
        <v>1.7312152919125967</v>
      </c>
      <c r="M4939" s="57">
        <f>Bühler!M4965</f>
        <v>0</v>
      </c>
      <c r="N4939" s="55">
        <f>IF(Input!$K$13=1,J4939*Input!$J$13,0)+IF(Input!$K$14=1,K4939*Input!$J$14,0)+IF(Input!$K$15=1,L4939*Input!$J$15,0)+IF(Input!$K$16=1,M4939*Input!$J$16,0)</f>
        <v>4.9753729701956626</v>
      </c>
      <c r="O4939" s="58">
        <f>IF(Input!$K$13=2,J4939*Input!$J$13,0)+IF(Input!$K$14=2,K4939*Input!$J$14,0)+IF(Input!$K$15=2,L4939*Input!$J$15,0)+IF(Input!$K$16=2,M4939*Input!$J$16,0)</f>
        <v>0.46742812881640111</v>
      </c>
      <c r="P4939" s="58">
        <f>IF(Input!$K$13=3,J4939*Input!$J$13,0)+IF(Input!$K$14=3,K4939*Input!$J$14,0)+IF(Input!$K$15=3,L4939*Input!$J$15,0)+IF(Input!$K$16=3,M4939*Input!$J$16,0)</f>
        <v>0</v>
      </c>
      <c r="Q4939" s="71">
        <f>IF(Input!$K$13=4,J4939*Input!$J$13,0)+IF(Input!$K$14=4,K4939*Input!$J$14,0)+IF(Input!$K$15=4,L4939*Input!$J$15,0)+IF(Input!$K$16=4,M4939*Input!$J$16,0)</f>
        <v>0</v>
      </c>
    </row>
    <row r="4940" spans="8:17" x14ac:dyDescent="0.25">
      <c r="H4940" s="43">
        <v>4933</v>
      </c>
      <c r="I4940" s="55">
        <f>Bühler!I4966</f>
        <v>0.4195713839785935</v>
      </c>
      <c r="J4940" s="58">
        <f>Bühler!J4966</f>
        <v>41.461441418297191</v>
      </c>
      <c r="K4940" s="58">
        <f>Bühler!K4966</f>
        <v>3.4624305838251934</v>
      </c>
      <c r="L4940" s="58">
        <f>Bühler!L4966</f>
        <v>1.7312152919125967</v>
      </c>
      <c r="M4940" s="57">
        <f>Bühler!M4966</f>
        <v>0</v>
      </c>
      <c r="N4940" s="55">
        <f>IF(Input!$K$13=1,J4940*Input!$J$13,0)+IF(Input!$K$14=1,K4940*Input!$J$14,0)+IF(Input!$K$15=1,L4940*Input!$J$15,0)+IF(Input!$K$16=1,M4940*Input!$J$16,0)</f>
        <v>4.9753729701956626</v>
      </c>
      <c r="O4940" s="58">
        <f>IF(Input!$K$13=2,J4940*Input!$J$13,0)+IF(Input!$K$14=2,K4940*Input!$J$14,0)+IF(Input!$K$15=2,L4940*Input!$J$15,0)+IF(Input!$K$16=2,M4940*Input!$J$16,0)</f>
        <v>0.46742812881640111</v>
      </c>
      <c r="P4940" s="58">
        <f>IF(Input!$K$13=3,J4940*Input!$J$13,0)+IF(Input!$K$14=3,K4940*Input!$J$14,0)+IF(Input!$K$15=3,L4940*Input!$J$15,0)+IF(Input!$K$16=3,M4940*Input!$J$16,0)</f>
        <v>0</v>
      </c>
      <c r="Q4940" s="71">
        <f>IF(Input!$K$13=4,J4940*Input!$J$13,0)+IF(Input!$K$14=4,K4940*Input!$J$14,0)+IF(Input!$K$15=4,L4940*Input!$J$15,0)+IF(Input!$K$16=4,M4940*Input!$J$16,0)</f>
        <v>0</v>
      </c>
    </row>
    <row r="4941" spans="8:17" x14ac:dyDescent="0.25">
      <c r="H4941" s="43">
        <v>4934</v>
      </c>
      <c r="I4941" s="55">
        <f>Bühler!I4967</f>
        <v>0.27871527650006561</v>
      </c>
      <c r="J4941" s="58">
        <f>Bühler!J4967</f>
        <v>27.542243227868845</v>
      </c>
      <c r="K4941" s="58">
        <f>Bühler!K4967</f>
        <v>2.3000431735410212</v>
      </c>
      <c r="L4941" s="58">
        <f>Bühler!L4967</f>
        <v>1.1500215867705106</v>
      </c>
      <c r="M4941" s="57">
        <f>Bühler!M4967</f>
        <v>0</v>
      </c>
      <c r="N4941" s="55">
        <f>IF(Input!$K$13=1,J4941*Input!$J$13,0)+IF(Input!$K$14=1,K4941*Input!$J$14,0)+IF(Input!$K$15=1,L4941*Input!$J$15,0)+IF(Input!$K$16=1,M4941*Input!$J$16,0)</f>
        <v>3.305069187344261</v>
      </c>
      <c r="O4941" s="58">
        <f>IF(Input!$K$13=2,J4941*Input!$J$13,0)+IF(Input!$K$14=2,K4941*Input!$J$14,0)+IF(Input!$K$15=2,L4941*Input!$J$15,0)+IF(Input!$K$16=2,M4941*Input!$J$16,0)</f>
        <v>0.31050582842803787</v>
      </c>
      <c r="P4941" s="58">
        <f>IF(Input!$K$13=3,J4941*Input!$J$13,0)+IF(Input!$K$14=3,K4941*Input!$J$14,0)+IF(Input!$K$15=3,L4941*Input!$J$15,0)+IF(Input!$K$16=3,M4941*Input!$J$16,0)</f>
        <v>0</v>
      </c>
      <c r="Q4941" s="71">
        <f>IF(Input!$K$13=4,J4941*Input!$J$13,0)+IF(Input!$K$14=4,K4941*Input!$J$14,0)+IF(Input!$K$15=4,L4941*Input!$J$15,0)+IF(Input!$K$16=4,M4941*Input!$J$16,0)</f>
        <v>0</v>
      </c>
    </row>
    <row r="4942" spans="8:17" x14ac:dyDescent="0.25">
      <c r="H4942" s="43">
        <v>4935</v>
      </c>
      <c r="I4942" s="55">
        <f>Bühler!I4968</f>
        <v>0.4195713839785935</v>
      </c>
      <c r="J4942" s="58">
        <f>Bühler!J4968</f>
        <v>41.461441418297191</v>
      </c>
      <c r="K4942" s="58">
        <f>Bühler!K4968</f>
        <v>3.4624305838251934</v>
      </c>
      <c r="L4942" s="58">
        <f>Bühler!L4968</f>
        <v>1.7312152919125967</v>
      </c>
      <c r="M4942" s="57">
        <f>Bühler!M4968</f>
        <v>0</v>
      </c>
      <c r="N4942" s="55">
        <f>IF(Input!$K$13=1,J4942*Input!$J$13,0)+IF(Input!$K$14=1,K4942*Input!$J$14,0)+IF(Input!$K$15=1,L4942*Input!$J$15,0)+IF(Input!$K$16=1,M4942*Input!$J$16,0)</f>
        <v>4.9753729701956626</v>
      </c>
      <c r="O4942" s="58">
        <f>IF(Input!$K$13=2,J4942*Input!$J$13,0)+IF(Input!$K$14=2,K4942*Input!$J$14,0)+IF(Input!$K$15=2,L4942*Input!$J$15,0)+IF(Input!$K$16=2,M4942*Input!$J$16,0)</f>
        <v>0.46742812881640111</v>
      </c>
      <c r="P4942" s="58">
        <f>IF(Input!$K$13=3,J4942*Input!$J$13,0)+IF(Input!$K$14=3,K4942*Input!$J$14,0)+IF(Input!$K$15=3,L4942*Input!$J$15,0)+IF(Input!$K$16=3,M4942*Input!$J$16,0)</f>
        <v>0</v>
      </c>
      <c r="Q4942" s="71">
        <f>IF(Input!$K$13=4,J4942*Input!$J$13,0)+IF(Input!$K$14=4,K4942*Input!$J$14,0)+IF(Input!$K$15=4,L4942*Input!$J$15,0)+IF(Input!$K$16=4,M4942*Input!$J$16,0)</f>
        <v>0</v>
      </c>
    </row>
    <row r="4943" spans="8:17" x14ac:dyDescent="0.25">
      <c r="H4943" s="43">
        <v>4936</v>
      </c>
      <c r="I4943" s="55">
        <f>Bühler!I4969</f>
        <v>0.4195713839785935</v>
      </c>
      <c r="J4943" s="58">
        <f>Bühler!J4969</f>
        <v>41.461441418297191</v>
      </c>
      <c r="K4943" s="58">
        <f>Bühler!K4969</f>
        <v>3.4624305838251934</v>
      </c>
      <c r="L4943" s="58">
        <f>Bühler!L4969</f>
        <v>1.7312152919125967</v>
      </c>
      <c r="M4943" s="57">
        <f>Bühler!M4969</f>
        <v>0</v>
      </c>
      <c r="N4943" s="55">
        <f>IF(Input!$K$13=1,J4943*Input!$J$13,0)+IF(Input!$K$14=1,K4943*Input!$J$14,0)+IF(Input!$K$15=1,L4943*Input!$J$15,0)+IF(Input!$K$16=1,M4943*Input!$J$16,0)</f>
        <v>4.9753729701956626</v>
      </c>
      <c r="O4943" s="58">
        <f>IF(Input!$K$13=2,J4943*Input!$J$13,0)+IF(Input!$K$14=2,K4943*Input!$J$14,0)+IF(Input!$K$15=2,L4943*Input!$J$15,0)+IF(Input!$K$16=2,M4943*Input!$J$16,0)</f>
        <v>0.46742812881640111</v>
      </c>
      <c r="P4943" s="58">
        <f>IF(Input!$K$13=3,J4943*Input!$J$13,0)+IF(Input!$K$14=3,K4943*Input!$J$14,0)+IF(Input!$K$15=3,L4943*Input!$J$15,0)+IF(Input!$K$16=3,M4943*Input!$J$16,0)</f>
        <v>0</v>
      </c>
      <c r="Q4943" s="71">
        <f>IF(Input!$K$13=4,J4943*Input!$J$13,0)+IF(Input!$K$14=4,K4943*Input!$J$14,0)+IF(Input!$K$15=4,L4943*Input!$J$15,0)+IF(Input!$K$16=4,M4943*Input!$J$16,0)</f>
        <v>0</v>
      </c>
    </row>
    <row r="4944" spans="8:17" x14ac:dyDescent="0.25">
      <c r="H4944" s="43">
        <v>4937</v>
      </c>
      <c r="I4944" s="55">
        <f>Bühler!I4970</f>
        <v>0.35070556411584558</v>
      </c>
      <c r="J4944" s="58">
        <f>Bühler!J4970</f>
        <v>24.544714774695247</v>
      </c>
      <c r="K4944" s="58">
        <f>Bühler!K4970</f>
        <v>2.0403608797541319</v>
      </c>
      <c r="L4944" s="58">
        <f>Bühler!L4970</f>
        <v>1.020180439877066</v>
      </c>
      <c r="M4944" s="57">
        <f>Bühler!M4970</f>
        <v>0</v>
      </c>
      <c r="N4944" s="55">
        <f>IF(Input!$K$13=1,J4944*Input!$J$13,0)+IF(Input!$K$14=1,K4944*Input!$J$14,0)+IF(Input!$K$15=1,L4944*Input!$J$15,0)+IF(Input!$K$16=1,M4944*Input!$J$16,0)</f>
        <v>2.9453657729634295</v>
      </c>
      <c r="O4944" s="58">
        <f>IF(Input!$K$13=2,J4944*Input!$J$13,0)+IF(Input!$K$14=2,K4944*Input!$J$14,0)+IF(Input!$K$15=2,L4944*Input!$J$15,0)+IF(Input!$K$16=2,M4944*Input!$J$16,0)</f>
        <v>0.27544871876680777</v>
      </c>
      <c r="P4944" s="58">
        <f>IF(Input!$K$13=3,J4944*Input!$J$13,0)+IF(Input!$K$14=3,K4944*Input!$J$14,0)+IF(Input!$K$15=3,L4944*Input!$J$15,0)+IF(Input!$K$16=3,M4944*Input!$J$16,0)</f>
        <v>0</v>
      </c>
      <c r="Q4944" s="71">
        <f>IF(Input!$K$13=4,J4944*Input!$J$13,0)+IF(Input!$K$14=4,K4944*Input!$J$14,0)+IF(Input!$K$15=4,L4944*Input!$J$15,0)+IF(Input!$K$16=4,M4944*Input!$J$16,0)</f>
        <v>0</v>
      </c>
    </row>
    <row r="4945" spans="8:17" x14ac:dyDescent="0.25">
      <c r="H4945" s="43">
        <v>4938</v>
      </c>
      <c r="I4945" s="55">
        <f>Bühler!I4971</f>
        <v>0.27865151185204462</v>
      </c>
      <c r="J4945" s="58">
        <f>Bühler!J4971</f>
        <v>10.615480557772742</v>
      </c>
      <c r="K4945" s="58">
        <f>Bühler!K4971</f>
        <v>0.87083264180714126</v>
      </c>
      <c r="L4945" s="58">
        <f>Bühler!L4971</f>
        <v>0.43541632090357063</v>
      </c>
      <c r="M4945" s="57">
        <f>Bühler!M4971</f>
        <v>0</v>
      </c>
      <c r="N4945" s="55">
        <f>IF(Input!$K$13=1,J4945*Input!$J$13,0)+IF(Input!$K$14=1,K4945*Input!$J$14,0)+IF(Input!$K$15=1,L4945*Input!$J$15,0)+IF(Input!$K$16=1,M4945*Input!$J$16,0)</f>
        <v>1.2738576669327288</v>
      </c>
      <c r="O4945" s="58">
        <f>IF(Input!$K$13=2,J4945*Input!$J$13,0)+IF(Input!$K$14=2,K4945*Input!$J$14,0)+IF(Input!$K$15=2,L4945*Input!$J$15,0)+IF(Input!$K$16=2,M4945*Input!$J$16,0)</f>
        <v>0.11756240664396406</v>
      </c>
      <c r="P4945" s="58">
        <f>IF(Input!$K$13=3,J4945*Input!$J$13,0)+IF(Input!$K$14=3,K4945*Input!$J$14,0)+IF(Input!$K$15=3,L4945*Input!$J$15,0)+IF(Input!$K$16=3,M4945*Input!$J$16,0)</f>
        <v>0</v>
      </c>
      <c r="Q4945" s="71">
        <f>IF(Input!$K$13=4,J4945*Input!$J$13,0)+IF(Input!$K$14=4,K4945*Input!$J$14,0)+IF(Input!$K$15=4,L4945*Input!$J$15,0)+IF(Input!$K$16=4,M4945*Input!$J$16,0)</f>
        <v>0</v>
      </c>
    </row>
    <row r="4946" spans="8:17" x14ac:dyDescent="0.25">
      <c r="H4946" s="43">
        <v>4939</v>
      </c>
      <c r="I4946" s="55">
        <f>Bühler!I4972</f>
        <v>9.8835204432647414E-2</v>
      </c>
      <c r="J4946" s="58">
        <f>Bühler!J4972</f>
        <v>6.9140528086244997</v>
      </c>
      <c r="K4946" s="58">
        <f>Bühler!K4972</f>
        <v>0.57474954359271324</v>
      </c>
      <c r="L4946" s="58">
        <f>Bühler!L4972</f>
        <v>0.28737477179635662</v>
      </c>
      <c r="M4946" s="57">
        <f>Bühler!M4972</f>
        <v>0</v>
      </c>
      <c r="N4946" s="55">
        <f>IF(Input!$K$13=1,J4946*Input!$J$13,0)+IF(Input!$K$14=1,K4946*Input!$J$14,0)+IF(Input!$K$15=1,L4946*Input!$J$15,0)+IF(Input!$K$16=1,M4946*Input!$J$16,0)</f>
        <v>0.82968633703493988</v>
      </c>
      <c r="O4946" s="58">
        <f>IF(Input!$K$13=2,J4946*Input!$J$13,0)+IF(Input!$K$14=2,K4946*Input!$J$14,0)+IF(Input!$K$15=2,L4946*Input!$J$15,0)+IF(Input!$K$16=2,M4946*Input!$J$16,0)</f>
        <v>7.7591188385016274E-2</v>
      </c>
      <c r="P4946" s="58">
        <f>IF(Input!$K$13=3,J4946*Input!$J$13,0)+IF(Input!$K$14=3,K4946*Input!$J$14,0)+IF(Input!$K$15=3,L4946*Input!$J$15,0)+IF(Input!$K$16=3,M4946*Input!$J$16,0)</f>
        <v>0</v>
      </c>
      <c r="Q4946" s="71">
        <f>IF(Input!$K$13=4,J4946*Input!$J$13,0)+IF(Input!$K$14=4,K4946*Input!$J$14,0)+IF(Input!$K$15=4,L4946*Input!$J$15,0)+IF(Input!$K$16=4,M4946*Input!$J$16,0)</f>
        <v>0</v>
      </c>
    </row>
    <row r="4947" spans="8:17" x14ac:dyDescent="0.25">
      <c r="H4947" s="43">
        <v>4940</v>
      </c>
      <c r="I4947" s="55">
        <f>Bühler!I4973</f>
        <v>9.8835204432647414E-2</v>
      </c>
      <c r="J4947" s="58">
        <f>Bühler!J4973</f>
        <v>6.9140528086244997</v>
      </c>
      <c r="K4947" s="58">
        <f>Bühler!K4973</f>
        <v>0.57474954359271324</v>
      </c>
      <c r="L4947" s="58">
        <f>Bühler!L4973</f>
        <v>0.28737477179635662</v>
      </c>
      <c r="M4947" s="57">
        <f>Bühler!M4973</f>
        <v>0</v>
      </c>
      <c r="N4947" s="55">
        <f>IF(Input!$K$13=1,J4947*Input!$J$13,0)+IF(Input!$K$14=1,K4947*Input!$J$14,0)+IF(Input!$K$15=1,L4947*Input!$J$15,0)+IF(Input!$K$16=1,M4947*Input!$J$16,0)</f>
        <v>0.82968633703493988</v>
      </c>
      <c r="O4947" s="58">
        <f>IF(Input!$K$13=2,J4947*Input!$J$13,0)+IF(Input!$K$14=2,K4947*Input!$J$14,0)+IF(Input!$K$15=2,L4947*Input!$J$15,0)+IF(Input!$K$16=2,M4947*Input!$J$16,0)</f>
        <v>7.7591188385016274E-2</v>
      </c>
      <c r="P4947" s="58">
        <f>IF(Input!$K$13=3,J4947*Input!$J$13,0)+IF(Input!$K$14=3,K4947*Input!$J$14,0)+IF(Input!$K$15=3,L4947*Input!$J$15,0)+IF(Input!$K$16=3,M4947*Input!$J$16,0)</f>
        <v>0</v>
      </c>
      <c r="Q4947" s="71">
        <f>IF(Input!$K$13=4,J4947*Input!$J$13,0)+IF(Input!$K$14=4,K4947*Input!$J$14,0)+IF(Input!$K$15=4,L4947*Input!$J$15,0)+IF(Input!$K$16=4,M4947*Input!$J$16,0)</f>
        <v>0</v>
      </c>
    </row>
    <row r="4948" spans="8:17" x14ac:dyDescent="0.25">
      <c r="H4948" s="43">
        <v>4941</v>
      </c>
      <c r="I4948" s="55">
        <f>Bühler!I4974</f>
        <v>9.8835204432647414E-2</v>
      </c>
      <c r="J4948" s="58">
        <f>Bühler!J4974</f>
        <v>6.9140528086244997</v>
      </c>
      <c r="K4948" s="58">
        <f>Bühler!K4974</f>
        <v>0.57474954359271324</v>
      </c>
      <c r="L4948" s="58">
        <f>Bühler!L4974</f>
        <v>0.28737477179635662</v>
      </c>
      <c r="M4948" s="57">
        <f>Bühler!M4974</f>
        <v>0</v>
      </c>
      <c r="N4948" s="55">
        <f>IF(Input!$K$13=1,J4948*Input!$J$13,0)+IF(Input!$K$14=1,K4948*Input!$J$14,0)+IF(Input!$K$15=1,L4948*Input!$J$15,0)+IF(Input!$K$16=1,M4948*Input!$J$16,0)</f>
        <v>0.82968633703493988</v>
      </c>
      <c r="O4948" s="58">
        <f>IF(Input!$K$13=2,J4948*Input!$J$13,0)+IF(Input!$K$14=2,K4948*Input!$J$14,0)+IF(Input!$K$15=2,L4948*Input!$J$15,0)+IF(Input!$K$16=2,M4948*Input!$J$16,0)</f>
        <v>7.7591188385016274E-2</v>
      </c>
      <c r="P4948" s="58">
        <f>IF(Input!$K$13=3,J4948*Input!$J$13,0)+IF(Input!$K$14=3,K4948*Input!$J$14,0)+IF(Input!$K$15=3,L4948*Input!$J$15,0)+IF(Input!$K$16=3,M4948*Input!$J$16,0)</f>
        <v>0</v>
      </c>
      <c r="Q4948" s="71">
        <f>IF(Input!$K$13=4,J4948*Input!$J$13,0)+IF(Input!$K$14=4,K4948*Input!$J$14,0)+IF(Input!$K$15=4,L4948*Input!$J$15,0)+IF(Input!$K$16=4,M4948*Input!$J$16,0)</f>
        <v>0</v>
      </c>
    </row>
    <row r="4949" spans="8:17" x14ac:dyDescent="0.25">
      <c r="H4949" s="43">
        <v>4942</v>
      </c>
      <c r="I4949" s="55">
        <f>Bühler!I4975</f>
        <v>9.8835204432647414E-2</v>
      </c>
      <c r="J4949" s="58">
        <f>Bühler!J4975</f>
        <v>6.9140528086244997</v>
      </c>
      <c r="K4949" s="58">
        <f>Bühler!K4975</f>
        <v>0.57474954359271324</v>
      </c>
      <c r="L4949" s="58">
        <f>Bühler!L4975</f>
        <v>0.28737477179635662</v>
      </c>
      <c r="M4949" s="57">
        <f>Bühler!M4975</f>
        <v>0</v>
      </c>
      <c r="N4949" s="55">
        <f>IF(Input!$K$13=1,J4949*Input!$J$13,0)+IF(Input!$K$14=1,K4949*Input!$J$14,0)+IF(Input!$K$15=1,L4949*Input!$J$15,0)+IF(Input!$K$16=1,M4949*Input!$J$16,0)</f>
        <v>0.82968633703493988</v>
      </c>
      <c r="O4949" s="58">
        <f>IF(Input!$K$13=2,J4949*Input!$J$13,0)+IF(Input!$K$14=2,K4949*Input!$J$14,0)+IF(Input!$K$15=2,L4949*Input!$J$15,0)+IF(Input!$K$16=2,M4949*Input!$J$16,0)</f>
        <v>7.7591188385016274E-2</v>
      </c>
      <c r="P4949" s="58">
        <f>IF(Input!$K$13=3,J4949*Input!$J$13,0)+IF(Input!$K$14=3,K4949*Input!$J$14,0)+IF(Input!$K$15=3,L4949*Input!$J$15,0)+IF(Input!$K$16=3,M4949*Input!$J$16,0)</f>
        <v>0</v>
      </c>
      <c r="Q4949" s="71">
        <f>IF(Input!$K$13=4,J4949*Input!$J$13,0)+IF(Input!$K$14=4,K4949*Input!$J$14,0)+IF(Input!$K$15=4,L4949*Input!$J$15,0)+IF(Input!$K$16=4,M4949*Input!$J$16,0)</f>
        <v>0</v>
      </c>
    </row>
    <row r="4950" spans="8:17" x14ac:dyDescent="0.25">
      <c r="H4950" s="43">
        <v>4943</v>
      </c>
      <c r="I4950" s="55">
        <f>Bühler!I4976</f>
        <v>9.8835204432647414E-2</v>
      </c>
      <c r="J4950" s="58">
        <f>Bühler!J4976</f>
        <v>6.9140528086244997</v>
      </c>
      <c r="K4950" s="58">
        <f>Bühler!K4976</f>
        <v>0.57474954359271324</v>
      </c>
      <c r="L4950" s="58">
        <f>Bühler!L4976</f>
        <v>0.28737477179635662</v>
      </c>
      <c r="M4950" s="57">
        <f>Bühler!M4976</f>
        <v>0</v>
      </c>
      <c r="N4950" s="55">
        <f>IF(Input!$K$13=1,J4950*Input!$J$13,0)+IF(Input!$K$14=1,K4950*Input!$J$14,0)+IF(Input!$K$15=1,L4950*Input!$J$15,0)+IF(Input!$K$16=1,M4950*Input!$J$16,0)</f>
        <v>0.82968633703493988</v>
      </c>
      <c r="O4950" s="58">
        <f>IF(Input!$K$13=2,J4950*Input!$J$13,0)+IF(Input!$K$14=2,K4950*Input!$J$14,0)+IF(Input!$K$15=2,L4950*Input!$J$15,0)+IF(Input!$K$16=2,M4950*Input!$J$16,0)</f>
        <v>7.7591188385016274E-2</v>
      </c>
      <c r="P4950" s="58">
        <f>IF(Input!$K$13=3,J4950*Input!$J$13,0)+IF(Input!$K$14=3,K4950*Input!$J$14,0)+IF(Input!$K$15=3,L4950*Input!$J$15,0)+IF(Input!$K$16=3,M4950*Input!$J$16,0)</f>
        <v>0</v>
      </c>
      <c r="Q4950" s="71">
        <f>IF(Input!$K$13=4,J4950*Input!$J$13,0)+IF(Input!$K$14=4,K4950*Input!$J$14,0)+IF(Input!$K$15=4,L4950*Input!$J$15,0)+IF(Input!$K$16=4,M4950*Input!$J$16,0)</f>
        <v>0</v>
      </c>
    </row>
    <row r="4951" spans="8:17" x14ac:dyDescent="0.25">
      <c r="H4951" s="43">
        <v>4944</v>
      </c>
      <c r="I4951" s="55">
        <f>Bühler!I4977</f>
        <v>9.8835204432647414E-2</v>
      </c>
      <c r="J4951" s="58">
        <f>Bühler!J4977</f>
        <v>6.9140528086244997</v>
      </c>
      <c r="K4951" s="58">
        <f>Bühler!K4977</f>
        <v>0.57474954359271324</v>
      </c>
      <c r="L4951" s="58">
        <f>Bühler!L4977</f>
        <v>0.28737477179635662</v>
      </c>
      <c r="M4951" s="57">
        <f>Bühler!M4977</f>
        <v>0</v>
      </c>
      <c r="N4951" s="55">
        <f>IF(Input!$K$13=1,J4951*Input!$J$13,0)+IF(Input!$K$14=1,K4951*Input!$J$14,0)+IF(Input!$K$15=1,L4951*Input!$J$15,0)+IF(Input!$K$16=1,M4951*Input!$J$16,0)</f>
        <v>0.82968633703493988</v>
      </c>
      <c r="O4951" s="58">
        <f>IF(Input!$K$13=2,J4951*Input!$J$13,0)+IF(Input!$K$14=2,K4951*Input!$J$14,0)+IF(Input!$K$15=2,L4951*Input!$J$15,0)+IF(Input!$K$16=2,M4951*Input!$J$16,0)</f>
        <v>7.7591188385016274E-2</v>
      </c>
      <c r="P4951" s="58">
        <f>IF(Input!$K$13=3,J4951*Input!$J$13,0)+IF(Input!$K$14=3,K4951*Input!$J$14,0)+IF(Input!$K$15=3,L4951*Input!$J$15,0)+IF(Input!$K$16=3,M4951*Input!$J$16,0)</f>
        <v>0</v>
      </c>
      <c r="Q4951" s="71">
        <f>IF(Input!$K$13=4,J4951*Input!$J$13,0)+IF(Input!$K$14=4,K4951*Input!$J$14,0)+IF(Input!$K$15=4,L4951*Input!$J$15,0)+IF(Input!$K$16=4,M4951*Input!$J$16,0)</f>
        <v>0</v>
      </c>
    </row>
    <row r="4952" spans="8:17" x14ac:dyDescent="0.25">
      <c r="H4952" s="43">
        <v>4945</v>
      </c>
      <c r="I4952" s="55">
        <f>Bühler!I4978</f>
        <v>0.24288896161449139</v>
      </c>
      <c r="J4952" s="58">
        <f>Bühler!J4978</f>
        <v>7.3200758113749265</v>
      </c>
      <c r="K4952" s="58">
        <f>Bühler!K4978</f>
        <v>0.58201187929593268</v>
      </c>
      <c r="L4952" s="58">
        <f>Bühler!L4978</f>
        <v>0.29100593964796634</v>
      </c>
      <c r="M4952" s="57">
        <f>Bühler!M4978</f>
        <v>0</v>
      </c>
      <c r="N4952" s="55">
        <f>IF(Input!$K$13=1,J4952*Input!$J$13,0)+IF(Input!$K$14=1,K4952*Input!$J$14,0)+IF(Input!$K$15=1,L4952*Input!$J$15,0)+IF(Input!$K$16=1,M4952*Input!$J$16,0)</f>
        <v>0.87840909736499118</v>
      </c>
      <c r="O4952" s="58">
        <f>IF(Input!$K$13=2,J4952*Input!$J$13,0)+IF(Input!$K$14=2,K4952*Input!$J$14,0)+IF(Input!$K$15=2,L4952*Input!$J$15,0)+IF(Input!$K$16=2,M4952*Input!$J$16,0)</f>
        <v>7.8571603704950921E-2</v>
      </c>
      <c r="P4952" s="58">
        <f>IF(Input!$K$13=3,J4952*Input!$J$13,0)+IF(Input!$K$14=3,K4952*Input!$J$14,0)+IF(Input!$K$15=3,L4952*Input!$J$15,0)+IF(Input!$K$16=3,M4952*Input!$J$16,0)</f>
        <v>0</v>
      </c>
      <c r="Q4952" s="71">
        <f>IF(Input!$K$13=4,J4952*Input!$J$13,0)+IF(Input!$K$14=4,K4952*Input!$J$14,0)+IF(Input!$K$15=4,L4952*Input!$J$15,0)+IF(Input!$K$16=4,M4952*Input!$J$16,0)</f>
        <v>0</v>
      </c>
    </row>
    <row r="4953" spans="8:17" x14ac:dyDescent="0.25">
      <c r="H4953" s="43">
        <v>4946</v>
      </c>
      <c r="I4953" s="55">
        <f>Bühler!I4979</f>
        <v>0.24288896161449139</v>
      </c>
      <c r="J4953" s="58">
        <f>Bühler!J4979</f>
        <v>7.3200758113749265</v>
      </c>
      <c r="K4953" s="58">
        <f>Bühler!K4979</f>
        <v>0.58201187929593268</v>
      </c>
      <c r="L4953" s="58">
        <f>Bühler!L4979</f>
        <v>0.29100593964796634</v>
      </c>
      <c r="M4953" s="57">
        <f>Bühler!M4979</f>
        <v>0</v>
      </c>
      <c r="N4953" s="55">
        <f>IF(Input!$K$13=1,J4953*Input!$J$13,0)+IF(Input!$K$14=1,K4953*Input!$J$14,0)+IF(Input!$K$15=1,L4953*Input!$J$15,0)+IF(Input!$K$16=1,M4953*Input!$J$16,0)</f>
        <v>0.87840909736499118</v>
      </c>
      <c r="O4953" s="58">
        <f>IF(Input!$K$13=2,J4953*Input!$J$13,0)+IF(Input!$K$14=2,K4953*Input!$J$14,0)+IF(Input!$K$15=2,L4953*Input!$J$15,0)+IF(Input!$K$16=2,M4953*Input!$J$16,0)</f>
        <v>7.8571603704950921E-2</v>
      </c>
      <c r="P4953" s="58">
        <f>IF(Input!$K$13=3,J4953*Input!$J$13,0)+IF(Input!$K$14=3,K4953*Input!$J$14,0)+IF(Input!$K$15=3,L4953*Input!$J$15,0)+IF(Input!$K$16=3,M4953*Input!$J$16,0)</f>
        <v>0</v>
      </c>
      <c r="Q4953" s="71">
        <f>IF(Input!$K$13=4,J4953*Input!$J$13,0)+IF(Input!$K$14=4,K4953*Input!$J$14,0)+IF(Input!$K$15=4,L4953*Input!$J$15,0)+IF(Input!$K$16=4,M4953*Input!$J$16,0)</f>
        <v>0</v>
      </c>
    </row>
    <row r="4954" spans="8:17" x14ac:dyDescent="0.25">
      <c r="H4954" s="43">
        <v>4947</v>
      </c>
      <c r="I4954" s="55">
        <f>Bühler!I4980</f>
        <v>0.24288896161449139</v>
      </c>
      <c r="J4954" s="58">
        <f>Bühler!J4980</f>
        <v>7.3200758113749265</v>
      </c>
      <c r="K4954" s="58">
        <f>Bühler!K4980</f>
        <v>0.58201187929593268</v>
      </c>
      <c r="L4954" s="58">
        <f>Bühler!L4980</f>
        <v>0.29100593964796634</v>
      </c>
      <c r="M4954" s="57">
        <f>Bühler!M4980</f>
        <v>0</v>
      </c>
      <c r="N4954" s="55">
        <f>IF(Input!$K$13=1,J4954*Input!$J$13,0)+IF(Input!$K$14=1,K4954*Input!$J$14,0)+IF(Input!$K$15=1,L4954*Input!$J$15,0)+IF(Input!$K$16=1,M4954*Input!$J$16,0)</f>
        <v>0.87840909736499118</v>
      </c>
      <c r="O4954" s="58">
        <f>IF(Input!$K$13=2,J4954*Input!$J$13,0)+IF(Input!$K$14=2,K4954*Input!$J$14,0)+IF(Input!$K$15=2,L4954*Input!$J$15,0)+IF(Input!$K$16=2,M4954*Input!$J$16,0)</f>
        <v>7.8571603704950921E-2</v>
      </c>
      <c r="P4954" s="58">
        <f>IF(Input!$K$13=3,J4954*Input!$J$13,0)+IF(Input!$K$14=3,K4954*Input!$J$14,0)+IF(Input!$K$15=3,L4954*Input!$J$15,0)+IF(Input!$K$16=3,M4954*Input!$J$16,0)</f>
        <v>0</v>
      </c>
      <c r="Q4954" s="71">
        <f>IF(Input!$K$13=4,J4954*Input!$J$13,0)+IF(Input!$K$14=4,K4954*Input!$J$14,0)+IF(Input!$K$15=4,L4954*Input!$J$15,0)+IF(Input!$K$16=4,M4954*Input!$J$16,0)</f>
        <v>0</v>
      </c>
    </row>
    <row r="4955" spans="8:17" x14ac:dyDescent="0.25">
      <c r="H4955" s="43">
        <v>4948</v>
      </c>
      <c r="I4955" s="55">
        <f>Bühler!I4981</f>
        <v>0.24288896161449139</v>
      </c>
      <c r="J4955" s="58">
        <f>Bühler!J4981</f>
        <v>7.3200758113749265</v>
      </c>
      <c r="K4955" s="58">
        <f>Bühler!K4981</f>
        <v>0.58201187929593268</v>
      </c>
      <c r="L4955" s="58">
        <f>Bühler!L4981</f>
        <v>0.29100593964796634</v>
      </c>
      <c r="M4955" s="57">
        <f>Bühler!M4981</f>
        <v>0</v>
      </c>
      <c r="N4955" s="55">
        <f>IF(Input!$K$13=1,J4955*Input!$J$13,0)+IF(Input!$K$14=1,K4955*Input!$J$14,0)+IF(Input!$K$15=1,L4955*Input!$J$15,0)+IF(Input!$K$16=1,M4955*Input!$J$16,0)</f>
        <v>0.87840909736499118</v>
      </c>
      <c r="O4955" s="58">
        <f>IF(Input!$K$13=2,J4955*Input!$J$13,0)+IF(Input!$K$14=2,K4955*Input!$J$14,0)+IF(Input!$K$15=2,L4955*Input!$J$15,0)+IF(Input!$K$16=2,M4955*Input!$J$16,0)</f>
        <v>7.8571603704950921E-2</v>
      </c>
      <c r="P4955" s="58">
        <f>IF(Input!$K$13=3,J4955*Input!$J$13,0)+IF(Input!$K$14=3,K4955*Input!$J$14,0)+IF(Input!$K$15=3,L4955*Input!$J$15,0)+IF(Input!$K$16=3,M4955*Input!$J$16,0)</f>
        <v>0</v>
      </c>
      <c r="Q4955" s="71">
        <f>IF(Input!$K$13=4,J4955*Input!$J$13,0)+IF(Input!$K$14=4,K4955*Input!$J$14,0)+IF(Input!$K$15=4,L4955*Input!$J$15,0)+IF(Input!$K$16=4,M4955*Input!$J$16,0)</f>
        <v>0</v>
      </c>
    </row>
    <row r="4956" spans="8:17" x14ac:dyDescent="0.25">
      <c r="H4956" s="43">
        <v>4949</v>
      </c>
      <c r="I4956" s="55">
        <f>Bühler!I4982</f>
        <v>0.24288896161449139</v>
      </c>
      <c r="J4956" s="58">
        <f>Bühler!J4982</f>
        <v>7.3200758113749265</v>
      </c>
      <c r="K4956" s="58">
        <f>Bühler!K4982</f>
        <v>0.58201187929593268</v>
      </c>
      <c r="L4956" s="58">
        <f>Bühler!L4982</f>
        <v>0.29100593964796634</v>
      </c>
      <c r="M4956" s="57">
        <f>Bühler!M4982</f>
        <v>0</v>
      </c>
      <c r="N4956" s="55">
        <f>IF(Input!$K$13=1,J4956*Input!$J$13,0)+IF(Input!$K$14=1,K4956*Input!$J$14,0)+IF(Input!$K$15=1,L4956*Input!$J$15,0)+IF(Input!$K$16=1,M4956*Input!$J$16,0)</f>
        <v>0.87840909736499118</v>
      </c>
      <c r="O4956" s="58">
        <f>IF(Input!$K$13=2,J4956*Input!$J$13,0)+IF(Input!$K$14=2,K4956*Input!$J$14,0)+IF(Input!$K$15=2,L4956*Input!$J$15,0)+IF(Input!$K$16=2,M4956*Input!$J$16,0)</f>
        <v>7.8571603704950921E-2</v>
      </c>
      <c r="P4956" s="58">
        <f>IF(Input!$K$13=3,J4956*Input!$J$13,0)+IF(Input!$K$14=3,K4956*Input!$J$14,0)+IF(Input!$K$15=3,L4956*Input!$J$15,0)+IF(Input!$K$16=3,M4956*Input!$J$16,0)</f>
        <v>0</v>
      </c>
      <c r="Q4956" s="71">
        <f>IF(Input!$K$13=4,J4956*Input!$J$13,0)+IF(Input!$K$14=4,K4956*Input!$J$14,0)+IF(Input!$K$15=4,L4956*Input!$J$15,0)+IF(Input!$K$16=4,M4956*Input!$J$16,0)</f>
        <v>0</v>
      </c>
    </row>
    <row r="4957" spans="8:17" x14ac:dyDescent="0.25">
      <c r="H4957" s="43">
        <v>4950</v>
      </c>
      <c r="I4957" s="55">
        <f>Bühler!I4983</f>
        <v>0.24288896161449139</v>
      </c>
      <c r="J4957" s="58">
        <f>Bühler!J4983</f>
        <v>7.3200758113749265</v>
      </c>
      <c r="K4957" s="58">
        <f>Bühler!K4983</f>
        <v>0.58201187929593268</v>
      </c>
      <c r="L4957" s="58">
        <f>Bühler!L4983</f>
        <v>0.29100593964796634</v>
      </c>
      <c r="M4957" s="57">
        <f>Bühler!M4983</f>
        <v>0</v>
      </c>
      <c r="N4957" s="55">
        <f>IF(Input!$K$13=1,J4957*Input!$J$13,0)+IF(Input!$K$14=1,K4957*Input!$J$14,0)+IF(Input!$K$15=1,L4957*Input!$J$15,0)+IF(Input!$K$16=1,M4957*Input!$J$16,0)</f>
        <v>0.87840909736499118</v>
      </c>
      <c r="O4957" s="58">
        <f>IF(Input!$K$13=2,J4957*Input!$J$13,0)+IF(Input!$K$14=2,K4957*Input!$J$14,0)+IF(Input!$K$15=2,L4957*Input!$J$15,0)+IF(Input!$K$16=2,M4957*Input!$J$16,0)</f>
        <v>7.8571603704950921E-2</v>
      </c>
      <c r="P4957" s="58">
        <f>IF(Input!$K$13=3,J4957*Input!$J$13,0)+IF(Input!$K$14=3,K4957*Input!$J$14,0)+IF(Input!$K$15=3,L4957*Input!$J$15,0)+IF(Input!$K$16=3,M4957*Input!$J$16,0)</f>
        <v>0</v>
      </c>
      <c r="Q4957" s="71">
        <f>IF(Input!$K$13=4,J4957*Input!$J$13,0)+IF(Input!$K$14=4,K4957*Input!$J$14,0)+IF(Input!$K$15=4,L4957*Input!$J$15,0)+IF(Input!$K$16=4,M4957*Input!$J$16,0)</f>
        <v>0</v>
      </c>
    </row>
    <row r="4958" spans="8:17" x14ac:dyDescent="0.25">
      <c r="H4958" s="43">
        <v>4951</v>
      </c>
      <c r="I4958" s="55">
        <f>Bühler!I4984</f>
        <v>0.24288896161449139</v>
      </c>
      <c r="J4958" s="58">
        <f>Bühler!J4984</f>
        <v>7.3200758113749265</v>
      </c>
      <c r="K4958" s="58">
        <f>Bühler!K4984</f>
        <v>0.58201187929593268</v>
      </c>
      <c r="L4958" s="58">
        <f>Bühler!L4984</f>
        <v>0.29100593964796634</v>
      </c>
      <c r="M4958" s="57">
        <f>Bühler!M4984</f>
        <v>0</v>
      </c>
      <c r="N4958" s="55">
        <f>IF(Input!$K$13=1,J4958*Input!$J$13,0)+IF(Input!$K$14=1,K4958*Input!$J$14,0)+IF(Input!$K$15=1,L4958*Input!$J$15,0)+IF(Input!$K$16=1,M4958*Input!$J$16,0)</f>
        <v>0.87840909736499118</v>
      </c>
      <c r="O4958" s="58">
        <f>IF(Input!$K$13=2,J4958*Input!$J$13,0)+IF(Input!$K$14=2,K4958*Input!$J$14,0)+IF(Input!$K$15=2,L4958*Input!$J$15,0)+IF(Input!$K$16=2,M4958*Input!$J$16,0)</f>
        <v>7.8571603704950921E-2</v>
      </c>
      <c r="P4958" s="58">
        <f>IF(Input!$K$13=3,J4958*Input!$J$13,0)+IF(Input!$K$14=3,K4958*Input!$J$14,0)+IF(Input!$K$15=3,L4958*Input!$J$15,0)+IF(Input!$K$16=3,M4958*Input!$J$16,0)</f>
        <v>0</v>
      </c>
      <c r="Q4958" s="71">
        <f>IF(Input!$K$13=4,J4958*Input!$J$13,0)+IF(Input!$K$14=4,K4958*Input!$J$14,0)+IF(Input!$K$15=4,L4958*Input!$J$15,0)+IF(Input!$K$16=4,M4958*Input!$J$16,0)</f>
        <v>0</v>
      </c>
    </row>
    <row r="4959" spans="8:17" x14ac:dyDescent="0.25">
      <c r="H4959" s="43">
        <v>4952</v>
      </c>
      <c r="I4959" s="55">
        <f>Bühler!I4985</f>
        <v>0.66915908924792356</v>
      </c>
      <c r="J4959" s="58">
        <f>Bühler!J4985</f>
        <v>29.57286262817615</v>
      </c>
      <c r="K4959" s="58">
        <f>Bühler!K4985</f>
        <v>2.3791940156673124</v>
      </c>
      <c r="L4959" s="58">
        <f>Bühler!L4985</f>
        <v>1.1895970078336562</v>
      </c>
      <c r="M4959" s="57">
        <f>Bühler!M4985</f>
        <v>0</v>
      </c>
      <c r="N4959" s="55">
        <f>IF(Input!$K$13=1,J4959*Input!$J$13,0)+IF(Input!$K$14=1,K4959*Input!$J$14,0)+IF(Input!$K$15=1,L4959*Input!$J$15,0)+IF(Input!$K$16=1,M4959*Input!$J$16,0)</f>
        <v>3.5487435153811377</v>
      </c>
      <c r="O4959" s="58">
        <f>IF(Input!$K$13=2,J4959*Input!$J$13,0)+IF(Input!$K$14=2,K4959*Input!$J$14,0)+IF(Input!$K$15=2,L4959*Input!$J$15,0)+IF(Input!$K$16=2,M4959*Input!$J$16,0)</f>
        <v>0.32119119211508718</v>
      </c>
      <c r="P4959" s="58">
        <f>IF(Input!$K$13=3,J4959*Input!$J$13,0)+IF(Input!$K$14=3,K4959*Input!$J$14,0)+IF(Input!$K$15=3,L4959*Input!$J$15,0)+IF(Input!$K$16=3,M4959*Input!$J$16,0)</f>
        <v>0</v>
      </c>
      <c r="Q4959" s="71">
        <f>IF(Input!$K$13=4,J4959*Input!$J$13,0)+IF(Input!$K$14=4,K4959*Input!$J$14,0)+IF(Input!$K$15=4,L4959*Input!$J$15,0)+IF(Input!$K$16=4,M4959*Input!$J$16,0)</f>
        <v>0</v>
      </c>
    </row>
    <row r="4960" spans="8:17" x14ac:dyDescent="0.25">
      <c r="H4960" s="43">
        <v>4953</v>
      </c>
      <c r="I4960" s="55">
        <f>Bühler!I4986</f>
        <v>0.74664066800294637</v>
      </c>
      <c r="J4960" s="58">
        <f>Bühler!J4986</f>
        <v>32.997088827228133</v>
      </c>
      <c r="K4960" s="58">
        <f>Bühler!K4986</f>
        <v>2.6546796385340543</v>
      </c>
      <c r="L4960" s="58">
        <f>Bühler!L4986</f>
        <v>1.3273398192670272</v>
      </c>
      <c r="M4960" s="57">
        <f>Bühler!M4986</f>
        <v>0</v>
      </c>
      <c r="N4960" s="55">
        <f>IF(Input!$K$13=1,J4960*Input!$J$13,0)+IF(Input!$K$14=1,K4960*Input!$J$14,0)+IF(Input!$K$15=1,L4960*Input!$J$15,0)+IF(Input!$K$16=1,M4960*Input!$J$16,0)</f>
        <v>3.9596506592673757</v>
      </c>
      <c r="O4960" s="58">
        <f>IF(Input!$K$13=2,J4960*Input!$J$13,0)+IF(Input!$K$14=2,K4960*Input!$J$14,0)+IF(Input!$K$15=2,L4960*Input!$J$15,0)+IF(Input!$K$16=2,M4960*Input!$J$16,0)</f>
        <v>0.35838175120209737</v>
      </c>
      <c r="P4960" s="58">
        <f>IF(Input!$K$13=3,J4960*Input!$J$13,0)+IF(Input!$K$14=3,K4960*Input!$J$14,0)+IF(Input!$K$15=3,L4960*Input!$J$15,0)+IF(Input!$K$16=3,M4960*Input!$J$16,0)</f>
        <v>0</v>
      </c>
      <c r="Q4960" s="71">
        <f>IF(Input!$K$13=4,J4960*Input!$J$13,0)+IF(Input!$K$14=4,K4960*Input!$J$14,0)+IF(Input!$K$15=4,L4960*Input!$J$15,0)+IF(Input!$K$16=4,M4960*Input!$J$16,0)</f>
        <v>0</v>
      </c>
    </row>
    <row r="4961" spans="8:17" x14ac:dyDescent="0.25">
      <c r="H4961" s="43">
        <v>4954</v>
      </c>
      <c r="I4961" s="55">
        <f>Bühler!I4987</f>
        <v>0.82412224675796908</v>
      </c>
      <c r="J4961" s="58">
        <f>Bühler!J4987</f>
        <v>36.421315026280105</v>
      </c>
      <c r="K4961" s="58">
        <f>Bühler!K4987</f>
        <v>2.9301652614007954</v>
      </c>
      <c r="L4961" s="58">
        <f>Bühler!L4987</f>
        <v>1.4650826307003977</v>
      </c>
      <c r="M4961" s="57">
        <f>Bühler!M4987</f>
        <v>0</v>
      </c>
      <c r="N4961" s="55">
        <f>IF(Input!$K$13=1,J4961*Input!$J$13,0)+IF(Input!$K$14=1,K4961*Input!$J$14,0)+IF(Input!$K$15=1,L4961*Input!$J$15,0)+IF(Input!$K$16=1,M4961*Input!$J$16,0)</f>
        <v>4.3705578031536128</v>
      </c>
      <c r="O4961" s="58">
        <f>IF(Input!$K$13=2,J4961*Input!$J$13,0)+IF(Input!$K$14=2,K4961*Input!$J$14,0)+IF(Input!$K$15=2,L4961*Input!$J$15,0)+IF(Input!$K$16=2,M4961*Input!$J$16,0)</f>
        <v>0.39557231028910733</v>
      </c>
      <c r="P4961" s="58">
        <f>IF(Input!$K$13=3,J4961*Input!$J$13,0)+IF(Input!$K$14=3,K4961*Input!$J$14,0)+IF(Input!$K$15=3,L4961*Input!$J$15,0)+IF(Input!$K$16=3,M4961*Input!$J$16,0)</f>
        <v>0</v>
      </c>
      <c r="Q4961" s="71">
        <f>IF(Input!$K$13=4,J4961*Input!$J$13,0)+IF(Input!$K$14=4,K4961*Input!$J$14,0)+IF(Input!$K$15=4,L4961*Input!$J$15,0)+IF(Input!$K$16=4,M4961*Input!$J$16,0)</f>
        <v>0</v>
      </c>
    </row>
    <row r="4962" spans="8:17" x14ac:dyDescent="0.25">
      <c r="H4962" s="43">
        <v>4955</v>
      </c>
      <c r="I4962" s="55">
        <f>Bühler!I4988</f>
        <v>0.82412224675796908</v>
      </c>
      <c r="J4962" s="58">
        <f>Bühler!J4988</f>
        <v>36.421315026280105</v>
      </c>
      <c r="K4962" s="58">
        <f>Bühler!K4988</f>
        <v>2.9301652614007954</v>
      </c>
      <c r="L4962" s="58">
        <f>Bühler!L4988</f>
        <v>1.4650826307003977</v>
      </c>
      <c r="M4962" s="57">
        <f>Bühler!M4988</f>
        <v>0</v>
      </c>
      <c r="N4962" s="55">
        <f>IF(Input!$K$13=1,J4962*Input!$J$13,0)+IF(Input!$K$14=1,K4962*Input!$J$14,0)+IF(Input!$K$15=1,L4962*Input!$J$15,0)+IF(Input!$K$16=1,M4962*Input!$J$16,0)</f>
        <v>4.3705578031536128</v>
      </c>
      <c r="O4962" s="58">
        <f>IF(Input!$K$13=2,J4962*Input!$J$13,0)+IF(Input!$K$14=2,K4962*Input!$J$14,0)+IF(Input!$K$15=2,L4962*Input!$J$15,0)+IF(Input!$K$16=2,M4962*Input!$J$16,0)</f>
        <v>0.39557231028910733</v>
      </c>
      <c r="P4962" s="58">
        <f>IF(Input!$K$13=3,J4962*Input!$J$13,0)+IF(Input!$K$14=3,K4962*Input!$J$14,0)+IF(Input!$K$15=3,L4962*Input!$J$15,0)+IF(Input!$K$16=3,M4962*Input!$J$16,0)</f>
        <v>0</v>
      </c>
      <c r="Q4962" s="71">
        <f>IF(Input!$K$13=4,J4962*Input!$J$13,0)+IF(Input!$K$14=4,K4962*Input!$J$14,0)+IF(Input!$K$15=4,L4962*Input!$J$15,0)+IF(Input!$K$16=4,M4962*Input!$J$16,0)</f>
        <v>0</v>
      </c>
    </row>
    <row r="4963" spans="8:17" x14ac:dyDescent="0.25">
      <c r="H4963" s="43">
        <v>4956</v>
      </c>
      <c r="I4963" s="55">
        <f>Bühler!I4989</f>
        <v>0.98612918415483475</v>
      </c>
      <c r="J4963" s="58">
        <f>Bühler!J4989</f>
        <v>43.581060715206959</v>
      </c>
      <c r="K4963" s="58">
        <f>Bühler!K4989</f>
        <v>3.5061806546676184</v>
      </c>
      <c r="L4963" s="58">
        <f>Bühler!L4989</f>
        <v>1.7530903273338092</v>
      </c>
      <c r="M4963" s="57">
        <f>Bühler!M4989</f>
        <v>0</v>
      </c>
      <c r="N4963" s="55">
        <f>IF(Input!$K$13=1,J4963*Input!$J$13,0)+IF(Input!$K$14=1,K4963*Input!$J$14,0)+IF(Input!$K$15=1,L4963*Input!$J$15,0)+IF(Input!$K$16=1,M4963*Input!$J$16,0)</f>
        <v>5.2297272858248354</v>
      </c>
      <c r="O4963" s="58">
        <f>IF(Input!$K$13=2,J4963*Input!$J$13,0)+IF(Input!$K$14=2,K4963*Input!$J$14,0)+IF(Input!$K$15=2,L4963*Input!$J$15,0)+IF(Input!$K$16=2,M4963*Input!$J$16,0)</f>
        <v>0.47333438838012842</v>
      </c>
      <c r="P4963" s="58">
        <f>IF(Input!$K$13=3,J4963*Input!$J$13,0)+IF(Input!$K$14=3,K4963*Input!$J$14,0)+IF(Input!$K$15=3,L4963*Input!$J$15,0)+IF(Input!$K$16=3,M4963*Input!$J$16,0)</f>
        <v>0</v>
      </c>
      <c r="Q4963" s="71">
        <f>IF(Input!$K$13=4,J4963*Input!$J$13,0)+IF(Input!$K$14=4,K4963*Input!$J$14,0)+IF(Input!$K$15=4,L4963*Input!$J$15,0)+IF(Input!$K$16=4,M4963*Input!$J$16,0)</f>
        <v>0</v>
      </c>
    </row>
    <row r="4964" spans="8:17" x14ac:dyDescent="0.25">
      <c r="H4964" s="43">
        <v>4957</v>
      </c>
      <c r="I4964" s="55">
        <f>Bühler!I4990</f>
        <v>0.98612918415483475</v>
      </c>
      <c r="J4964" s="58">
        <f>Bühler!J4990</f>
        <v>43.581060715206959</v>
      </c>
      <c r="K4964" s="58">
        <f>Bühler!K4990</f>
        <v>3.5061806546676184</v>
      </c>
      <c r="L4964" s="58">
        <f>Bühler!L4990</f>
        <v>1.7530903273338092</v>
      </c>
      <c r="M4964" s="57">
        <f>Bühler!M4990</f>
        <v>0</v>
      </c>
      <c r="N4964" s="55">
        <f>IF(Input!$K$13=1,J4964*Input!$J$13,0)+IF(Input!$K$14=1,K4964*Input!$J$14,0)+IF(Input!$K$15=1,L4964*Input!$J$15,0)+IF(Input!$K$16=1,M4964*Input!$J$16,0)</f>
        <v>5.2297272858248354</v>
      </c>
      <c r="O4964" s="58">
        <f>IF(Input!$K$13=2,J4964*Input!$J$13,0)+IF(Input!$K$14=2,K4964*Input!$J$14,0)+IF(Input!$K$15=2,L4964*Input!$J$15,0)+IF(Input!$K$16=2,M4964*Input!$J$16,0)</f>
        <v>0.47333438838012842</v>
      </c>
      <c r="P4964" s="58">
        <f>IF(Input!$K$13=3,J4964*Input!$J$13,0)+IF(Input!$K$14=3,K4964*Input!$J$14,0)+IF(Input!$K$15=3,L4964*Input!$J$15,0)+IF(Input!$K$16=3,M4964*Input!$J$16,0)</f>
        <v>0</v>
      </c>
      <c r="Q4964" s="71">
        <f>IF(Input!$K$13=4,J4964*Input!$J$13,0)+IF(Input!$K$14=4,K4964*Input!$J$14,0)+IF(Input!$K$15=4,L4964*Input!$J$15,0)+IF(Input!$K$16=4,M4964*Input!$J$16,0)</f>
        <v>0</v>
      </c>
    </row>
    <row r="4965" spans="8:17" x14ac:dyDescent="0.25">
      <c r="H4965" s="43">
        <v>4958</v>
      </c>
      <c r="I4965" s="55">
        <f>Bühler!I4991</f>
        <v>0.65507152947428315</v>
      </c>
      <c r="J4965" s="58">
        <f>Bühler!J4991</f>
        <v>28.950276046530341</v>
      </c>
      <c r="K4965" s="58">
        <f>Bühler!K4991</f>
        <v>2.3291057206006323</v>
      </c>
      <c r="L4965" s="58">
        <f>Bühler!L4991</f>
        <v>1.1645528603003161</v>
      </c>
      <c r="M4965" s="57">
        <f>Bühler!M4991</f>
        <v>0</v>
      </c>
      <c r="N4965" s="55">
        <f>IF(Input!$K$13=1,J4965*Input!$J$13,0)+IF(Input!$K$14=1,K4965*Input!$J$14,0)+IF(Input!$K$15=1,L4965*Input!$J$15,0)+IF(Input!$K$16=1,M4965*Input!$J$16,0)</f>
        <v>3.4740331255836407</v>
      </c>
      <c r="O4965" s="58">
        <f>IF(Input!$K$13=2,J4965*Input!$J$13,0)+IF(Input!$K$14=2,K4965*Input!$J$14,0)+IF(Input!$K$15=2,L4965*Input!$J$15,0)+IF(Input!$K$16=2,M4965*Input!$J$16,0)</f>
        <v>0.31442927228108536</v>
      </c>
      <c r="P4965" s="58">
        <f>IF(Input!$K$13=3,J4965*Input!$J$13,0)+IF(Input!$K$14=3,K4965*Input!$J$14,0)+IF(Input!$K$15=3,L4965*Input!$J$15,0)+IF(Input!$K$16=3,M4965*Input!$J$16,0)</f>
        <v>0</v>
      </c>
      <c r="Q4965" s="71">
        <f>IF(Input!$K$13=4,J4965*Input!$J$13,0)+IF(Input!$K$14=4,K4965*Input!$J$14,0)+IF(Input!$K$15=4,L4965*Input!$J$15,0)+IF(Input!$K$16=4,M4965*Input!$J$16,0)</f>
        <v>0</v>
      </c>
    </row>
    <row r="4966" spans="8:17" x14ac:dyDescent="0.25">
      <c r="H4966" s="43">
        <v>4959</v>
      </c>
      <c r="I4966" s="55">
        <f>Bühler!I4992</f>
        <v>0.98612918415483475</v>
      </c>
      <c r="J4966" s="58">
        <f>Bühler!J4992</f>
        <v>43.581060715206959</v>
      </c>
      <c r="K4966" s="58">
        <f>Bühler!K4992</f>
        <v>3.5061806546676184</v>
      </c>
      <c r="L4966" s="58">
        <f>Bühler!L4992</f>
        <v>1.7530903273338092</v>
      </c>
      <c r="M4966" s="57">
        <f>Bühler!M4992</f>
        <v>0</v>
      </c>
      <c r="N4966" s="55">
        <f>IF(Input!$K$13=1,J4966*Input!$J$13,0)+IF(Input!$K$14=1,K4966*Input!$J$14,0)+IF(Input!$K$15=1,L4966*Input!$J$15,0)+IF(Input!$K$16=1,M4966*Input!$J$16,0)</f>
        <v>5.2297272858248354</v>
      </c>
      <c r="O4966" s="58">
        <f>IF(Input!$K$13=2,J4966*Input!$J$13,0)+IF(Input!$K$14=2,K4966*Input!$J$14,0)+IF(Input!$K$15=2,L4966*Input!$J$15,0)+IF(Input!$K$16=2,M4966*Input!$J$16,0)</f>
        <v>0.47333438838012842</v>
      </c>
      <c r="P4966" s="58">
        <f>IF(Input!$K$13=3,J4966*Input!$J$13,0)+IF(Input!$K$14=3,K4966*Input!$J$14,0)+IF(Input!$K$15=3,L4966*Input!$J$15,0)+IF(Input!$K$16=3,M4966*Input!$J$16,0)</f>
        <v>0</v>
      </c>
      <c r="Q4966" s="71">
        <f>IF(Input!$K$13=4,J4966*Input!$J$13,0)+IF(Input!$K$14=4,K4966*Input!$J$14,0)+IF(Input!$K$15=4,L4966*Input!$J$15,0)+IF(Input!$K$16=4,M4966*Input!$J$16,0)</f>
        <v>0</v>
      </c>
    </row>
    <row r="4967" spans="8:17" x14ac:dyDescent="0.25">
      <c r="H4967" s="43">
        <v>4960</v>
      </c>
      <c r="I4967" s="55">
        <f>Bühler!I4993</f>
        <v>0.98612918415483475</v>
      </c>
      <c r="J4967" s="58">
        <f>Bühler!J4993</f>
        <v>43.581060715206959</v>
      </c>
      <c r="K4967" s="58">
        <f>Bühler!K4993</f>
        <v>3.5061806546676184</v>
      </c>
      <c r="L4967" s="58">
        <f>Bühler!L4993</f>
        <v>1.7530903273338092</v>
      </c>
      <c r="M4967" s="57">
        <f>Bühler!M4993</f>
        <v>0</v>
      </c>
      <c r="N4967" s="55">
        <f>IF(Input!$K$13=1,J4967*Input!$J$13,0)+IF(Input!$K$14=1,K4967*Input!$J$14,0)+IF(Input!$K$15=1,L4967*Input!$J$15,0)+IF(Input!$K$16=1,M4967*Input!$J$16,0)</f>
        <v>5.2297272858248354</v>
      </c>
      <c r="O4967" s="58">
        <f>IF(Input!$K$13=2,J4967*Input!$J$13,0)+IF(Input!$K$14=2,K4967*Input!$J$14,0)+IF(Input!$K$15=2,L4967*Input!$J$15,0)+IF(Input!$K$16=2,M4967*Input!$J$16,0)</f>
        <v>0.47333438838012842</v>
      </c>
      <c r="P4967" s="58">
        <f>IF(Input!$K$13=3,J4967*Input!$J$13,0)+IF(Input!$K$14=3,K4967*Input!$J$14,0)+IF(Input!$K$15=3,L4967*Input!$J$15,0)+IF(Input!$K$16=3,M4967*Input!$J$16,0)</f>
        <v>0</v>
      </c>
      <c r="Q4967" s="71">
        <f>IF(Input!$K$13=4,J4967*Input!$J$13,0)+IF(Input!$K$14=4,K4967*Input!$J$14,0)+IF(Input!$K$15=4,L4967*Input!$J$15,0)+IF(Input!$K$16=4,M4967*Input!$J$16,0)</f>
        <v>0</v>
      </c>
    </row>
    <row r="4968" spans="8:17" x14ac:dyDescent="0.25">
      <c r="H4968" s="43">
        <v>4961</v>
      </c>
      <c r="I4968" s="55">
        <f>Bühler!I4994</f>
        <v>0.82400080227716199</v>
      </c>
      <c r="J4968" s="58">
        <f>Bühler!J4994</f>
        <v>25.944826201305521</v>
      </c>
      <c r="K4968" s="58">
        <f>Bühler!K4994</f>
        <v>2.066142171500561</v>
      </c>
      <c r="L4968" s="58">
        <f>Bühler!L4994</f>
        <v>1.0330710857502805</v>
      </c>
      <c r="M4968" s="57">
        <f>Bühler!M4994</f>
        <v>0</v>
      </c>
      <c r="N4968" s="55">
        <f>IF(Input!$K$13=1,J4968*Input!$J$13,0)+IF(Input!$K$14=1,K4968*Input!$J$14,0)+IF(Input!$K$15=1,L4968*Input!$J$15,0)+IF(Input!$K$16=1,M4968*Input!$J$16,0)</f>
        <v>3.1133791441566623</v>
      </c>
      <c r="O4968" s="58">
        <f>IF(Input!$K$13=2,J4968*Input!$J$13,0)+IF(Input!$K$14=2,K4968*Input!$J$14,0)+IF(Input!$K$15=2,L4968*Input!$J$15,0)+IF(Input!$K$16=2,M4968*Input!$J$16,0)</f>
        <v>0.27892919315257569</v>
      </c>
      <c r="P4968" s="58">
        <f>IF(Input!$K$13=3,J4968*Input!$J$13,0)+IF(Input!$K$14=3,K4968*Input!$J$14,0)+IF(Input!$K$15=3,L4968*Input!$J$15,0)+IF(Input!$K$16=3,M4968*Input!$J$16,0)</f>
        <v>0</v>
      </c>
      <c r="Q4968" s="71">
        <f>IF(Input!$K$13=4,J4968*Input!$J$13,0)+IF(Input!$K$14=4,K4968*Input!$J$14,0)+IF(Input!$K$15=4,L4968*Input!$J$15,0)+IF(Input!$K$16=4,M4968*Input!$J$16,0)</f>
        <v>0</v>
      </c>
    </row>
    <row r="4969" spans="8:17" x14ac:dyDescent="0.25">
      <c r="H4969" s="43">
        <v>4962</v>
      </c>
      <c r="I4969" s="55">
        <f>Bühler!I4995</f>
        <v>0.65519297395509035</v>
      </c>
      <c r="J4969" s="58">
        <f>Bühler!J4995</f>
        <v>11.4021349686926</v>
      </c>
      <c r="K4969" s="58">
        <f>Bühler!K4995</f>
        <v>0.88183618075141312</v>
      </c>
      <c r="L4969" s="58">
        <f>Bühler!L4995</f>
        <v>0.44091809037570656</v>
      </c>
      <c r="M4969" s="57">
        <f>Bühler!M4995</f>
        <v>0</v>
      </c>
      <c r="N4969" s="55">
        <f>IF(Input!$K$13=1,J4969*Input!$J$13,0)+IF(Input!$K$14=1,K4969*Input!$J$14,0)+IF(Input!$K$15=1,L4969*Input!$J$15,0)+IF(Input!$K$16=1,M4969*Input!$J$16,0)</f>
        <v>1.3682561962431119</v>
      </c>
      <c r="O4969" s="58">
        <f>IF(Input!$K$13=2,J4969*Input!$J$13,0)+IF(Input!$K$14=2,K4969*Input!$J$14,0)+IF(Input!$K$15=2,L4969*Input!$J$15,0)+IF(Input!$K$16=2,M4969*Input!$J$16,0)</f>
        <v>0.11904788440144076</v>
      </c>
      <c r="P4969" s="58">
        <f>IF(Input!$K$13=3,J4969*Input!$J$13,0)+IF(Input!$K$14=3,K4969*Input!$J$14,0)+IF(Input!$K$15=3,L4969*Input!$J$15,0)+IF(Input!$K$16=3,M4969*Input!$J$16,0)</f>
        <v>0</v>
      </c>
      <c r="Q4969" s="71">
        <f>IF(Input!$K$13=4,J4969*Input!$J$13,0)+IF(Input!$K$14=4,K4969*Input!$J$14,0)+IF(Input!$K$15=4,L4969*Input!$J$15,0)+IF(Input!$K$16=4,M4969*Input!$J$16,0)</f>
        <v>0</v>
      </c>
    </row>
    <row r="4970" spans="8:17" x14ac:dyDescent="0.25">
      <c r="H4970" s="43">
        <v>4963</v>
      </c>
      <c r="I4970" s="55">
        <f>Bühler!I4996</f>
        <v>0.24288896161449139</v>
      </c>
      <c r="J4970" s="58">
        <f>Bühler!J4996</f>
        <v>7.3200758113749265</v>
      </c>
      <c r="K4970" s="58">
        <f>Bühler!K4996</f>
        <v>0.58201187929593268</v>
      </c>
      <c r="L4970" s="58">
        <f>Bühler!L4996</f>
        <v>0.29100593964796634</v>
      </c>
      <c r="M4970" s="57">
        <f>Bühler!M4996</f>
        <v>0</v>
      </c>
      <c r="N4970" s="55">
        <f>IF(Input!$K$13=1,J4970*Input!$J$13,0)+IF(Input!$K$14=1,K4970*Input!$J$14,0)+IF(Input!$K$15=1,L4970*Input!$J$15,0)+IF(Input!$K$16=1,M4970*Input!$J$16,0)</f>
        <v>0.87840909736499118</v>
      </c>
      <c r="O4970" s="58">
        <f>IF(Input!$K$13=2,J4970*Input!$J$13,0)+IF(Input!$K$14=2,K4970*Input!$J$14,0)+IF(Input!$K$15=2,L4970*Input!$J$15,0)+IF(Input!$K$16=2,M4970*Input!$J$16,0)</f>
        <v>7.8571603704950921E-2</v>
      </c>
      <c r="P4970" s="58">
        <f>IF(Input!$K$13=3,J4970*Input!$J$13,0)+IF(Input!$K$14=3,K4970*Input!$J$14,0)+IF(Input!$K$15=3,L4970*Input!$J$15,0)+IF(Input!$K$16=3,M4970*Input!$J$16,0)</f>
        <v>0</v>
      </c>
      <c r="Q4970" s="71">
        <f>IF(Input!$K$13=4,J4970*Input!$J$13,0)+IF(Input!$K$14=4,K4970*Input!$J$14,0)+IF(Input!$K$15=4,L4970*Input!$J$15,0)+IF(Input!$K$16=4,M4970*Input!$J$16,0)</f>
        <v>0</v>
      </c>
    </row>
    <row r="4971" spans="8:17" x14ac:dyDescent="0.25">
      <c r="H4971" s="43">
        <v>4964</v>
      </c>
      <c r="I4971" s="55">
        <f>Bühler!I4997</f>
        <v>0.24288896161449139</v>
      </c>
      <c r="J4971" s="58">
        <f>Bühler!J4997</f>
        <v>7.3200758113749265</v>
      </c>
      <c r="K4971" s="58">
        <f>Bühler!K4997</f>
        <v>0.58201187929593268</v>
      </c>
      <c r="L4971" s="58">
        <f>Bühler!L4997</f>
        <v>0.29100593964796634</v>
      </c>
      <c r="M4971" s="57">
        <f>Bühler!M4997</f>
        <v>0</v>
      </c>
      <c r="N4971" s="55">
        <f>IF(Input!$K$13=1,J4971*Input!$J$13,0)+IF(Input!$K$14=1,K4971*Input!$J$14,0)+IF(Input!$K$15=1,L4971*Input!$J$15,0)+IF(Input!$K$16=1,M4971*Input!$J$16,0)</f>
        <v>0.87840909736499118</v>
      </c>
      <c r="O4971" s="58">
        <f>IF(Input!$K$13=2,J4971*Input!$J$13,0)+IF(Input!$K$14=2,K4971*Input!$J$14,0)+IF(Input!$K$15=2,L4971*Input!$J$15,0)+IF(Input!$K$16=2,M4971*Input!$J$16,0)</f>
        <v>7.8571603704950921E-2</v>
      </c>
      <c r="P4971" s="58">
        <f>IF(Input!$K$13=3,J4971*Input!$J$13,0)+IF(Input!$K$14=3,K4971*Input!$J$14,0)+IF(Input!$K$15=3,L4971*Input!$J$15,0)+IF(Input!$K$16=3,M4971*Input!$J$16,0)</f>
        <v>0</v>
      </c>
      <c r="Q4971" s="71">
        <f>IF(Input!$K$13=4,J4971*Input!$J$13,0)+IF(Input!$K$14=4,K4971*Input!$J$14,0)+IF(Input!$K$15=4,L4971*Input!$J$15,0)+IF(Input!$K$16=4,M4971*Input!$J$16,0)</f>
        <v>0</v>
      </c>
    </row>
    <row r="4972" spans="8:17" x14ac:dyDescent="0.25">
      <c r="H4972" s="43">
        <v>4965</v>
      </c>
      <c r="I4972" s="55">
        <f>Bühler!I4998</f>
        <v>0.24288896161449139</v>
      </c>
      <c r="J4972" s="58">
        <f>Bühler!J4998</f>
        <v>7.3200758113749265</v>
      </c>
      <c r="K4972" s="58">
        <f>Bühler!K4998</f>
        <v>0.58201187929593268</v>
      </c>
      <c r="L4972" s="58">
        <f>Bühler!L4998</f>
        <v>0.29100593964796634</v>
      </c>
      <c r="M4972" s="57">
        <f>Bühler!M4998</f>
        <v>0</v>
      </c>
      <c r="N4972" s="55">
        <f>IF(Input!$K$13=1,J4972*Input!$J$13,0)+IF(Input!$K$14=1,K4972*Input!$J$14,0)+IF(Input!$K$15=1,L4972*Input!$J$15,0)+IF(Input!$K$16=1,M4972*Input!$J$16,0)</f>
        <v>0.87840909736499118</v>
      </c>
      <c r="O4972" s="58">
        <f>IF(Input!$K$13=2,J4972*Input!$J$13,0)+IF(Input!$K$14=2,K4972*Input!$J$14,0)+IF(Input!$K$15=2,L4972*Input!$J$15,0)+IF(Input!$K$16=2,M4972*Input!$J$16,0)</f>
        <v>7.8571603704950921E-2</v>
      </c>
      <c r="P4972" s="58">
        <f>IF(Input!$K$13=3,J4972*Input!$J$13,0)+IF(Input!$K$14=3,K4972*Input!$J$14,0)+IF(Input!$K$15=3,L4972*Input!$J$15,0)+IF(Input!$K$16=3,M4972*Input!$J$16,0)</f>
        <v>0</v>
      </c>
      <c r="Q4972" s="71">
        <f>IF(Input!$K$13=4,J4972*Input!$J$13,0)+IF(Input!$K$14=4,K4972*Input!$J$14,0)+IF(Input!$K$15=4,L4972*Input!$J$15,0)+IF(Input!$K$16=4,M4972*Input!$J$16,0)</f>
        <v>0</v>
      </c>
    </row>
    <row r="4973" spans="8:17" x14ac:dyDescent="0.25">
      <c r="H4973" s="43">
        <v>4966</v>
      </c>
      <c r="I4973" s="55">
        <f>Bühler!I4999</f>
        <v>0.24288896161449139</v>
      </c>
      <c r="J4973" s="58">
        <f>Bühler!J4999</f>
        <v>7.3200758113749265</v>
      </c>
      <c r="K4973" s="58">
        <f>Bühler!K4999</f>
        <v>0.58201187929593268</v>
      </c>
      <c r="L4973" s="58">
        <f>Bühler!L4999</f>
        <v>0.29100593964796634</v>
      </c>
      <c r="M4973" s="57">
        <f>Bühler!M4999</f>
        <v>0</v>
      </c>
      <c r="N4973" s="55">
        <f>IF(Input!$K$13=1,J4973*Input!$J$13,0)+IF(Input!$K$14=1,K4973*Input!$J$14,0)+IF(Input!$K$15=1,L4973*Input!$J$15,0)+IF(Input!$K$16=1,M4973*Input!$J$16,0)</f>
        <v>0.87840909736499118</v>
      </c>
      <c r="O4973" s="58">
        <f>IF(Input!$K$13=2,J4973*Input!$J$13,0)+IF(Input!$K$14=2,K4973*Input!$J$14,0)+IF(Input!$K$15=2,L4973*Input!$J$15,0)+IF(Input!$K$16=2,M4973*Input!$J$16,0)</f>
        <v>7.8571603704950921E-2</v>
      </c>
      <c r="P4973" s="58">
        <f>IF(Input!$K$13=3,J4973*Input!$J$13,0)+IF(Input!$K$14=3,K4973*Input!$J$14,0)+IF(Input!$K$15=3,L4973*Input!$J$15,0)+IF(Input!$K$16=3,M4973*Input!$J$16,0)</f>
        <v>0</v>
      </c>
      <c r="Q4973" s="71">
        <f>IF(Input!$K$13=4,J4973*Input!$J$13,0)+IF(Input!$K$14=4,K4973*Input!$J$14,0)+IF(Input!$K$15=4,L4973*Input!$J$15,0)+IF(Input!$K$16=4,M4973*Input!$J$16,0)</f>
        <v>0</v>
      </c>
    </row>
    <row r="4974" spans="8:17" x14ac:dyDescent="0.25">
      <c r="H4974" s="43">
        <v>4967</v>
      </c>
      <c r="I4974" s="55">
        <f>Bühler!I5000</f>
        <v>0.24288896161449139</v>
      </c>
      <c r="J4974" s="58">
        <f>Bühler!J5000</f>
        <v>7.3200758113749265</v>
      </c>
      <c r="K4974" s="58">
        <f>Bühler!K5000</f>
        <v>0.58201187929593268</v>
      </c>
      <c r="L4974" s="58">
        <f>Bühler!L5000</f>
        <v>0.29100593964796634</v>
      </c>
      <c r="M4974" s="57">
        <f>Bühler!M5000</f>
        <v>0</v>
      </c>
      <c r="N4974" s="55">
        <f>IF(Input!$K$13=1,J4974*Input!$J$13,0)+IF(Input!$K$14=1,K4974*Input!$J$14,0)+IF(Input!$K$15=1,L4974*Input!$J$15,0)+IF(Input!$K$16=1,M4974*Input!$J$16,0)</f>
        <v>0.87840909736499118</v>
      </c>
      <c r="O4974" s="58">
        <f>IF(Input!$K$13=2,J4974*Input!$J$13,0)+IF(Input!$K$14=2,K4974*Input!$J$14,0)+IF(Input!$K$15=2,L4974*Input!$J$15,0)+IF(Input!$K$16=2,M4974*Input!$J$16,0)</f>
        <v>7.8571603704950921E-2</v>
      </c>
      <c r="P4974" s="58">
        <f>IF(Input!$K$13=3,J4974*Input!$J$13,0)+IF(Input!$K$14=3,K4974*Input!$J$14,0)+IF(Input!$K$15=3,L4974*Input!$J$15,0)+IF(Input!$K$16=3,M4974*Input!$J$16,0)</f>
        <v>0</v>
      </c>
      <c r="Q4974" s="71">
        <f>IF(Input!$K$13=4,J4974*Input!$J$13,0)+IF(Input!$K$14=4,K4974*Input!$J$14,0)+IF(Input!$K$15=4,L4974*Input!$J$15,0)+IF(Input!$K$16=4,M4974*Input!$J$16,0)</f>
        <v>0</v>
      </c>
    </row>
    <row r="4975" spans="8:17" x14ac:dyDescent="0.25">
      <c r="H4975" s="43">
        <v>4968</v>
      </c>
      <c r="I4975" s="55">
        <f>Bühler!I5001</f>
        <v>0.24288896161449139</v>
      </c>
      <c r="J4975" s="58">
        <f>Bühler!J5001</f>
        <v>7.3200758113749265</v>
      </c>
      <c r="K4975" s="58">
        <f>Bühler!K5001</f>
        <v>0.58201187929593268</v>
      </c>
      <c r="L4975" s="58">
        <f>Bühler!L5001</f>
        <v>0.29100593964796634</v>
      </c>
      <c r="M4975" s="57">
        <f>Bühler!M5001</f>
        <v>0</v>
      </c>
      <c r="N4975" s="55">
        <f>IF(Input!$K$13=1,J4975*Input!$J$13,0)+IF(Input!$K$14=1,K4975*Input!$J$14,0)+IF(Input!$K$15=1,L4975*Input!$J$15,0)+IF(Input!$K$16=1,M4975*Input!$J$16,0)</f>
        <v>0.87840909736499118</v>
      </c>
      <c r="O4975" s="58">
        <f>IF(Input!$K$13=2,J4975*Input!$J$13,0)+IF(Input!$K$14=2,K4975*Input!$J$14,0)+IF(Input!$K$15=2,L4975*Input!$J$15,0)+IF(Input!$K$16=2,M4975*Input!$J$16,0)</f>
        <v>7.8571603704950921E-2</v>
      </c>
      <c r="P4975" s="58">
        <f>IF(Input!$K$13=3,J4975*Input!$J$13,0)+IF(Input!$K$14=3,K4975*Input!$J$14,0)+IF(Input!$K$15=3,L4975*Input!$J$15,0)+IF(Input!$K$16=3,M4975*Input!$J$16,0)</f>
        <v>0</v>
      </c>
      <c r="Q4975" s="71">
        <f>IF(Input!$K$13=4,J4975*Input!$J$13,0)+IF(Input!$K$14=4,K4975*Input!$J$14,0)+IF(Input!$K$15=4,L4975*Input!$J$15,0)+IF(Input!$K$16=4,M4975*Input!$J$16,0)</f>
        <v>0</v>
      </c>
    </row>
    <row r="4976" spans="8:17" x14ac:dyDescent="0.25">
      <c r="H4976" s="43">
        <v>4969</v>
      </c>
      <c r="I4976" s="55">
        <f>Bühler!I5002</f>
        <v>0.20119908031682054</v>
      </c>
      <c r="J4976" s="58">
        <f>Bühler!J5002</f>
        <v>7.183892494271074</v>
      </c>
      <c r="K4976" s="58">
        <f>Bühler!K5002</f>
        <v>0.57842842109559967</v>
      </c>
      <c r="L4976" s="58">
        <f>Bühler!L5002</f>
        <v>0.28921421054779983</v>
      </c>
      <c r="M4976" s="57">
        <f>Bühler!M5002</f>
        <v>0</v>
      </c>
      <c r="N4976" s="55">
        <f>IF(Input!$K$13=1,J4976*Input!$J$13,0)+IF(Input!$K$14=1,K4976*Input!$J$14,0)+IF(Input!$K$15=1,L4976*Input!$J$15,0)+IF(Input!$K$16=1,M4976*Input!$J$16,0)</f>
        <v>0.8620670993125289</v>
      </c>
      <c r="O4976" s="58">
        <f>IF(Input!$K$13=2,J4976*Input!$J$13,0)+IF(Input!$K$14=2,K4976*Input!$J$14,0)+IF(Input!$K$15=2,L4976*Input!$J$15,0)+IF(Input!$K$16=2,M4976*Input!$J$16,0)</f>
        <v>7.8087836847905961E-2</v>
      </c>
      <c r="P4976" s="58">
        <f>IF(Input!$K$13=3,J4976*Input!$J$13,0)+IF(Input!$K$14=3,K4976*Input!$J$14,0)+IF(Input!$K$15=3,L4976*Input!$J$15,0)+IF(Input!$K$16=3,M4976*Input!$J$16,0)</f>
        <v>0</v>
      </c>
      <c r="Q4976" s="71">
        <f>IF(Input!$K$13=4,J4976*Input!$J$13,0)+IF(Input!$K$14=4,K4976*Input!$J$14,0)+IF(Input!$K$15=4,L4976*Input!$J$15,0)+IF(Input!$K$16=4,M4976*Input!$J$16,0)</f>
        <v>0</v>
      </c>
    </row>
    <row r="4977" spans="8:17" x14ac:dyDescent="0.25">
      <c r="H4977" s="43">
        <v>4970</v>
      </c>
      <c r="I4977" s="55">
        <f>Bühler!I5003</f>
        <v>0.20119908031682054</v>
      </c>
      <c r="J4977" s="58">
        <f>Bühler!J5003</f>
        <v>7.183892494271074</v>
      </c>
      <c r="K4977" s="58">
        <f>Bühler!K5003</f>
        <v>0.57842842109559967</v>
      </c>
      <c r="L4977" s="58">
        <f>Bühler!L5003</f>
        <v>0.28921421054779983</v>
      </c>
      <c r="M4977" s="57">
        <f>Bühler!M5003</f>
        <v>0</v>
      </c>
      <c r="N4977" s="55">
        <f>IF(Input!$K$13=1,J4977*Input!$J$13,0)+IF(Input!$K$14=1,K4977*Input!$J$14,0)+IF(Input!$K$15=1,L4977*Input!$J$15,0)+IF(Input!$K$16=1,M4977*Input!$J$16,0)</f>
        <v>0.8620670993125289</v>
      </c>
      <c r="O4977" s="58">
        <f>IF(Input!$K$13=2,J4977*Input!$J$13,0)+IF(Input!$K$14=2,K4977*Input!$J$14,0)+IF(Input!$K$15=2,L4977*Input!$J$15,0)+IF(Input!$K$16=2,M4977*Input!$J$16,0)</f>
        <v>7.8087836847905961E-2</v>
      </c>
      <c r="P4977" s="58">
        <f>IF(Input!$K$13=3,J4977*Input!$J$13,0)+IF(Input!$K$14=3,K4977*Input!$J$14,0)+IF(Input!$K$15=3,L4977*Input!$J$15,0)+IF(Input!$K$16=3,M4977*Input!$J$16,0)</f>
        <v>0</v>
      </c>
      <c r="Q4977" s="71">
        <f>IF(Input!$K$13=4,J4977*Input!$J$13,0)+IF(Input!$K$14=4,K4977*Input!$J$14,0)+IF(Input!$K$15=4,L4977*Input!$J$15,0)+IF(Input!$K$16=4,M4977*Input!$J$16,0)</f>
        <v>0</v>
      </c>
    </row>
    <row r="4978" spans="8:17" x14ac:dyDescent="0.25">
      <c r="H4978" s="43">
        <v>4971</v>
      </c>
      <c r="I4978" s="55">
        <f>Bühler!I5004</f>
        <v>0.20119908031682054</v>
      </c>
      <c r="J4978" s="58">
        <f>Bühler!J5004</f>
        <v>7.183892494271074</v>
      </c>
      <c r="K4978" s="58">
        <f>Bühler!K5004</f>
        <v>0.57842842109559967</v>
      </c>
      <c r="L4978" s="58">
        <f>Bühler!L5004</f>
        <v>0.28921421054779983</v>
      </c>
      <c r="M4978" s="57">
        <f>Bühler!M5004</f>
        <v>0</v>
      </c>
      <c r="N4978" s="55">
        <f>IF(Input!$K$13=1,J4978*Input!$J$13,0)+IF(Input!$K$14=1,K4978*Input!$J$14,0)+IF(Input!$K$15=1,L4978*Input!$J$15,0)+IF(Input!$K$16=1,M4978*Input!$J$16,0)</f>
        <v>0.8620670993125289</v>
      </c>
      <c r="O4978" s="58">
        <f>IF(Input!$K$13=2,J4978*Input!$J$13,0)+IF(Input!$K$14=2,K4978*Input!$J$14,0)+IF(Input!$K$15=2,L4978*Input!$J$15,0)+IF(Input!$K$16=2,M4978*Input!$J$16,0)</f>
        <v>7.8087836847905961E-2</v>
      </c>
      <c r="P4978" s="58">
        <f>IF(Input!$K$13=3,J4978*Input!$J$13,0)+IF(Input!$K$14=3,K4978*Input!$J$14,0)+IF(Input!$K$15=3,L4978*Input!$J$15,0)+IF(Input!$K$16=3,M4978*Input!$J$16,0)</f>
        <v>0</v>
      </c>
      <c r="Q4978" s="71">
        <f>IF(Input!$K$13=4,J4978*Input!$J$13,0)+IF(Input!$K$14=4,K4978*Input!$J$14,0)+IF(Input!$K$15=4,L4978*Input!$J$15,0)+IF(Input!$K$16=4,M4978*Input!$J$16,0)</f>
        <v>0</v>
      </c>
    </row>
    <row r="4979" spans="8:17" x14ac:dyDescent="0.25">
      <c r="H4979" s="43">
        <v>4972</v>
      </c>
      <c r="I4979" s="55">
        <f>Bühler!I5005</f>
        <v>0.20119908031682054</v>
      </c>
      <c r="J4979" s="58">
        <f>Bühler!J5005</f>
        <v>7.183892494271074</v>
      </c>
      <c r="K4979" s="58">
        <f>Bühler!K5005</f>
        <v>0.57842842109559967</v>
      </c>
      <c r="L4979" s="58">
        <f>Bühler!L5005</f>
        <v>0.28921421054779983</v>
      </c>
      <c r="M4979" s="57">
        <f>Bühler!M5005</f>
        <v>0</v>
      </c>
      <c r="N4979" s="55">
        <f>IF(Input!$K$13=1,J4979*Input!$J$13,0)+IF(Input!$K$14=1,K4979*Input!$J$14,0)+IF(Input!$K$15=1,L4979*Input!$J$15,0)+IF(Input!$K$16=1,M4979*Input!$J$16,0)</f>
        <v>0.8620670993125289</v>
      </c>
      <c r="O4979" s="58">
        <f>IF(Input!$K$13=2,J4979*Input!$J$13,0)+IF(Input!$K$14=2,K4979*Input!$J$14,0)+IF(Input!$K$15=2,L4979*Input!$J$15,0)+IF(Input!$K$16=2,M4979*Input!$J$16,0)</f>
        <v>7.8087836847905961E-2</v>
      </c>
      <c r="P4979" s="58">
        <f>IF(Input!$K$13=3,J4979*Input!$J$13,0)+IF(Input!$K$14=3,K4979*Input!$J$14,0)+IF(Input!$K$15=3,L4979*Input!$J$15,0)+IF(Input!$K$16=3,M4979*Input!$J$16,0)</f>
        <v>0</v>
      </c>
      <c r="Q4979" s="71">
        <f>IF(Input!$K$13=4,J4979*Input!$J$13,0)+IF(Input!$K$14=4,K4979*Input!$J$14,0)+IF(Input!$K$15=4,L4979*Input!$J$15,0)+IF(Input!$K$16=4,M4979*Input!$J$16,0)</f>
        <v>0</v>
      </c>
    </row>
    <row r="4980" spans="8:17" x14ac:dyDescent="0.25">
      <c r="H4980" s="43">
        <v>4973</v>
      </c>
      <c r="I4980" s="55">
        <f>Bühler!I5006</f>
        <v>0.20119908031682054</v>
      </c>
      <c r="J4980" s="58">
        <f>Bühler!J5006</f>
        <v>7.183892494271074</v>
      </c>
      <c r="K4980" s="58">
        <f>Bühler!K5006</f>
        <v>0.57842842109559967</v>
      </c>
      <c r="L4980" s="58">
        <f>Bühler!L5006</f>
        <v>0.28921421054779983</v>
      </c>
      <c r="M4980" s="57">
        <f>Bühler!M5006</f>
        <v>0</v>
      </c>
      <c r="N4980" s="55">
        <f>IF(Input!$K$13=1,J4980*Input!$J$13,0)+IF(Input!$K$14=1,K4980*Input!$J$14,0)+IF(Input!$K$15=1,L4980*Input!$J$15,0)+IF(Input!$K$16=1,M4980*Input!$J$16,0)</f>
        <v>0.8620670993125289</v>
      </c>
      <c r="O4980" s="58">
        <f>IF(Input!$K$13=2,J4980*Input!$J$13,0)+IF(Input!$K$14=2,K4980*Input!$J$14,0)+IF(Input!$K$15=2,L4980*Input!$J$15,0)+IF(Input!$K$16=2,M4980*Input!$J$16,0)</f>
        <v>7.8087836847905961E-2</v>
      </c>
      <c r="P4980" s="58">
        <f>IF(Input!$K$13=3,J4980*Input!$J$13,0)+IF(Input!$K$14=3,K4980*Input!$J$14,0)+IF(Input!$K$15=3,L4980*Input!$J$15,0)+IF(Input!$K$16=3,M4980*Input!$J$16,0)</f>
        <v>0</v>
      </c>
      <c r="Q4980" s="71">
        <f>IF(Input!$K$13=4,J4980*Input!$J$13,0)+IF(Input!$K$14=4,K4980*Input!$J$14,0)+IF(Input!$K$15=4,L4980*Input!$J$15,0)+IF(Input!$K$16=4,M4980*Input!$J$16,0)</f>
        <v>0</v>
      </c>
    </row>
    <row r="4981" spans="8:17" x14ac:dyDescent="0.25">
      <c r="H4981" s="43">
        <v>4974</v>
      </c>
      <c r="I4981" s="55">
        <f>Bühler!I5007</f>
        <v>0.20119908031682054</v>
      </c>
      <c r="J4981" s="58">
        <f>Bühler!J5007</f>
        <v>7.183892494271074</v>
      </c>
      <c r="K4981" s="58">
        <f>Bühler!K5007</f>
        <v>0.57842842109559967</v>
      </c>
      <c r="L4981" s="58">
        <f>Bühler!L5007</f>
        <v>0.28921421054779983</v>
      </c>
      <c r="M4981" s="57">
        <f>Bühler!M5007</f>
        <v>0</v>
      </c>
      <c r="N4981" s="55">
        <f>IF(Input!$K$13=1,J4981*Input!$J$13,0)+IF(Input!$K$14=1,K4981*Input!$J$14,0)+IF(Input!$K$15=1,L4981*Input!$J$15,0)+IF(Input!$K$16=1,M4981*Input!$J$16,0)</f>
        <v>0.8620670993125289</v>
      </c>
      <c r="O4981" s="58">
        <f>IF(Input!$K$13=2,J4981*Input!$J$13,0)+IF(Input!$K$14=2,K4981*Input!$J$14,0)+IF(Input!$K$15=2,L4981*Input!$J$15,0)+IF(Input!$K$16=2,M4981*Input!$J$16,0)</f>
        <v>7.8087836847905961E-2</v>
      </c>
      <c r="P4981" s="58">
        <f>IF(Input!$K$13=3,J4981*Input!$J$13,0)+IF(Input!$K$14=3,K4981*Input!$J$14,0)+IF(Input!$K$15=3,L4981*Input!$J$15,0)+IF(Input!$K$16=3,M4981*Input!$J$16,0)</f>
        <v>0</v>
      </c>
      <c r="Q4981" s="71">
        <f>IF(Input!$K$13=4,J4981*Input!$J$13,0)+IF(Input!$K$14=4,K4981*Input!$J$14,0)+IF(Input!$K$15=4,L4981*Input!$J$15,0)+IF(Input!$K$16=4,M4981*Input!$J$16,0)</f>
        <v>0</v>
      </c>
    </row>
    <row r="4982" spans="8:17" x14ac:dyDescent="0.25">
      <c r="H4982" s="43">
        <v>4975</v>
      </c>
      <c r="I4982" s="55">
        <f>Bühler!I5008</f>
        <v>0.20119908031682054</v>
      </c>
      <c r="J4982" s="58">
        <f>Bühler!J5008</f>
        <v>7.183892494271074</v>
      </c>
      <c r="K4982" s="58">
        <f>Bühler!K5008</f>
        <v>0.57842842109559967</v>
      </c>
      <c r="L4982" s="58">
        <f>Bühler!L5008</f>
        <v>0.28921421054779983</v>
      </c>
      <c r="M4982" s="57">
        <f>Bühler!M5008</f>
        <v>0</v>
      </c>
      <c r="N4982" s="55">
        <f>IF(Input!$K$13=1,J4982*Input!$J$13,0)+IF(Input!$K$14=1,K4982*Input!$J$14,0)+IF(Input!$K$15=1,L4982*Input!$J$15,0)+IF(Input!$K$16=1,M4982*Input!$J$16,0)</f>
        <v>0.8620670993125289</v>
      </c>
      <c r="O4982" s="58">
        <f>IF(Input!$K$13=2,J4982*Input!$J$13,0)+IF(Input!$K$14=2,K4982*Input!$J$14,0)+IF(Input!$K$15=2,L4982*Input!$J$15,0)+IF(Input!$K$16=2,M4982*Input!$J$16,0)</f>
        <v>7.8087836847905961E-2</v>
      </c>
      <c r="P4982" s="58">
        <f>IF(Input!$K$13=3,J4982*Input!$J$13,0)+IF(Input!$K$14=3,K4982*Input!$J$14,0)+IF(Input!$K$15=3,L4982*Input!$J$15,0)+IF(Input!$K$16=3,M4982*Input!$J$16,0)</f>
        <v>0</v>
      </c>
      <c r="Q4982" s="71">
        <f>IF(Input!$K$13=4,J4982*Input!$J$13,0)+IF(Input!$K$14=4,K4982*Input!$J$14,0)+IF(Input!$K$15=4,L4982*Input!$J$15,0)+IF(Input!$K$16=4,M4982*Input!$J$16,0)</f>
        <v>0</v>
      </c>
    </row>
    <row r="4983" spans="8:17" x14ac:dyDescent="0.25">
      <c r="H4983" s="43">
        <v>4976</v>
      </c>
      <c r="I4983" s="55">
        <f>Bühler!I5009</f>
        <v>0.55430346627284055</v>
      </c>
      <c r="J4983" s="58">
        <f>Bühler!J5009</f>
        <v>29.076359923246095</v>
      </c>
      <c r="K4983" s="58">
        <f>Bühler!K5009</f>
        <v>2.3645452729029208</v>
      </c>
      <c r="L4983" s="58">
        <f>Bühler!L5009</f>
        <v>1.1822726364514604</v>
      </c>
      <c r="M4983" s="57">
        <f>Bühler!M5009</f>
        <v>0</v>
      </c>
      <c r="N4983" s="55">
        <f>IF(Input!$K$13=1,J4983*Input!$J$13,0)+IF(Input!$K$14=1,K4983*Input!$J$14,0)+IF(Input!$K$15=1,L4983*Input!$J$15,0)+IF(Input!$K$16=1,M4983*Input!$J$16,0)</f>
        <v>3.4891631907895313</v>
      </c>
      <c r="O4983" s="58">
        <f>IF(Input!$K$13=2,J4983*Input!$J$13,0)+IF(Input!$K$14=2,K4983*Input!$J$14,0)+IF(Input!$K$15=2,L4983*Input!$J$15,0)+IF(Input!$K$16=2,M4983*Input!$J$16,0)</f>
        <v>0.31921361184189434</v>
      </c>
      <c r="P4983" s="58">
        <f>IF(Input!$K$13=3,J4983*Input!$J$13,0)+IF(Input!$K$14=3,K4983*Input!$J$14,0)+IF(Input!$K$15=3,L4983*Input!$J$15,0)+IF(Input!$K$16=3,M4983*Input!$J$16,0)</f>
        <v>0</v>
      </c>
      <c r="Q4983" s="71">
        <f>IF(Input!$K$13=4,J4983*Input!$J$13,0)+IF(Input!$K$14=4,K4983*Input!$J$14,0)+IF(Input!$K$15=4,L4983*Input!$J$15,0)+IF(Input!$K$16=4,M4983*Input!$J$16,0)</f>
        <v>0</v>
      </c>
    </row>
    <row r="4984" spans="8:17" x14ac:dyDescent="0.25">
      <c r="H4984" s="43">
        <v>4977</v>
      </c>
      <c r="I4984" s="55">
        <f>Bühler!I5010</f>
        <v>0.61848597289390639</v>
      </c>
      <c r="J4984" s="58">
        <f>Bühler!J5010</f>
        <v>32.443096335411433</v>
      </c>
      <c r="K4984" s="58">
        <f>Bühler!K5010</f>
        <v>2.6383347255548379</v>
      </c>
      <c r="L4984" s="58">
        <f>Bühler!L5010</f>
        <v>1.319167362777419</v>
      </c>
      <c r="M4984" s="57">
        <f>Bühler!M5010</f>
        <v>0</v>
      </c>
      <c r="N4984" s="55">
        <f>IF(Input!$K$13=1,J4984*Input!$J$13,0)+IF(Input!$K$14=1,K4984*Input!$J$14,0)+IF(Input!$K$15=1,L4984*Input!$J$15,0)+IF(Input!$K$16=1,M4984*Input!$J$16,0)</f>
        <v>3.8931715602493719</v>
      </c>
      <c r="O4984" s="58">
        <f>IF(Input!$K$13=2,J4984*Input!$J$13,0)+IF(Input!$K$14=2,K4984*Input!$J$14,0)+IF(Input!$K$15=2,L4984*Input!$J$15,0)+IF(Input!$K$16=2,M4984*Input!$J$16,0)</f>
        <v>0.3561751879499031</v>
      </c>
      <c r="P4984" s="58">
        <f>IF(Input!$K$13=3,J4984*Input!$J$13,0)+IF(Input!$K$14=3,K4984*Input!$J$14,0)+IF(Input!$K$15=3,L4984*Input!$J$15,0)+IF(Input!$K$16=3,M4984*Input!$J$16,0)</f>
        <v>0</v>
      </c>
      <c r="Q4984" s="71">
        <f>IF(Input!$K$13=4,J4984*Input!$J$13,0)+IF(Input!$K$14=4,K4984*Input!$J$14,0)+IF(Input!$K$15=4,L4984*Input!$J$15,0)+IF(Input!$K$16=4,M4984*Input!$J$16,0)</f>
        <v>0</v>
      </c>
    </row>
    <row r="4985" spans="8:17" x14ac:dyDescent="0.25">
      <c r="H4985" s="43">
        <v>4978</v>
      </c>
      <c r="I4985" s="55">
        <f>Bühler!I5011</f>
        <v>0.682668479514972</v>
      </c>
      <c r="J4985" s="58">
        <f>Bühler!J5011</f>
        <v>35.80983274757677</v>
      </c>
      <c r="K4985" s="58">
        <f>Bühler!K5011</f>
        <v>2.9121241782067551</v>
      </c>
      <c r="L4985" s="58">
        <f>Bühler!L5011</f>
        <v>1.4560620891033775</v>
      </c>
      <c r="M4985" s="57">
        <f>Bühler!M5011</f>
        <v>0</v>
      </c>
      <c r="N4985" s="55">
        <f>IF(Input!$K$13=1,J4985*Input!$J$13,0)+IF(Input!$K$14=1,K4985*Input!$J$14,0)+IF(Input!$K$15=1,L4985*Input!$J$15,0)+IF(Input!$K$16=1,M4985*Input!$J$16,0)</f>
        <v>4.2971799297092126</v>
      </c>
      <c r="O4985" s="58">
        <f>IF(Input!$K$13=2,J4985*Input!$J$13,0)+IF(Input!$K$14=2,K4985*Input!$J$14,0)+IF(Input!$K$15=2,L4985*Input!$J$15,0)+IF(Input!$K$16=2,M4985*Input!$J$16,0)</f>
        <v>0.39313676405791192</v>
      </c>
      <c r="P4985" s="58">
        <f>IF(Input!$K$13=3,J4985*Input!$J$13,0)+IF(Input!$K$14=3,K4985*Input!$J$14,0)+IF(Input!$K$15=3,L4985*Input!$J$15,0)+IF(Input!$K$16=3,M4985*Input!$J$16,0)</f>
        <v>0</v>
      </c>
      <c r="Q4985" s="71">
        <f>IF(Input!$K$13=4,J4985*Input!$J$13,0)+IF(Input!$K$14=4,K4985*Input!$J$14,0)+IF(Input!$K$15=4,L4985*Input!$J$15,0)+IF(Input!$K$16=4,M4985*Input!$J$16,0)</f>
        <v>0</v>
      </c>
    </row>
    <row r="4986" spans="8:17" x14ac:dyDescent="0.25">
      <c r="H4986" s="43">
        <v>4979</v>
      </c>
      <c r="I4986" s="55">
        <f>Bühler!I5012</f>
        <v>0.682668479514972</v>
      </c>
      <c r="J4986" s="58">
        <f>Bühler!J5012</f>
        <v>35.80983274757677</v>
      </c>
      <c r="K4986" s="58">
        <f>Bühler!K5012</f>
        <v>2.9121241782067551</v>
      </c>
      <c r="L4986" s="58">
        <f>Bühler!L5012</f>
        <v>1.4560620891033775</v>
      </c>
      <c r="M4986" s="57">
        <f>Bühler!M5012</f>
        <v>0</v>
      </c>
      <c r="N4986" s="55">
        <f>IF(Input!$K$13=1,J4986*Input!$J$13,0)+IF(Input!$K$14=1,K4986*Input!$J$14,0)+IF(Input!$K$15=1,L4986*Input!$J$15,0)+IF(Input!$K$16=1,M4986*Input!$J$16,0)</f>
        <v>4.2971799297092126</v>
      </c>
      <c r="O4986" s="58">
        <f>IF(Input!$K$13=2,J4986*Input!$J$13,0)+IF(Input!$K$14=2,K4986*Input!$J$14,0)+IF(Input!$K$15=2,L4986*Input!$J$15,0)+IF(Input!$K$16=2,M4986*Input!$J$16,0)</f>
        <v>0.39313676405791192</v>
      </c>
      <c r="P4986" s="58">
        <f>IF(Input!$K$13=3,J4986*Input!$J$13,0)+IF(Input!$K$14=3,K4986*Input!$J$14,0)+IF(Input!$K$15=3,L4986*Input!$J$15,0)+IF(Input!$K$16=3,M4986*Input!$J$16,0)</f>
        <v>0</v>
      </c>
      <c r="Q4986" s="71">
        <f>IF(Input!$K$13=4,J4986*Input!$J$13,0)+IF(Input!$K$14=4,K4986*Input!$J$14,0)+IF(Input!$K$15=4,L4986*Input!$J$15,0)+IF(Input!$K$16=4,M4986*Input!$J$16,0)</f>
        <v>0</v>
      </c>
    </row>
    <row r="4987" spans="8:17" x14ac:dyDescent="0.25">
      <c r="H4987" s="43">
        <v>4980</v>
      </c>
      <c r="I4987" s="55">
        <f>Bühler!I5013</f>
        <v>0.81686826608629126</v>
      </c>
      <c r="J4987" s="58">
        <f>Bühler!J5013</f>
        <v>42.849372518467931</v>
      </c>
      <c r="K4987" s="58">
        <f>Bühler!K5013</f>
        <v>3.484593033751672</v>
      </c>
      <c r="L4987" s="58">
        <f>Bühler!L5013</f>
        <v>1.742296516875836</v>
      </c>
      <c r="M4987" s="57">
        <f>Bühler!M5013</f>
        <v>0</v>
      </c>
      <c r="N4987" s="55">
        <f>IF(Input!$K$13=1,J4987*Input!$J$13,0)+IF(Input!$K$14=1,K4987*Input!$J$14,0)+IF(Input!$K$15=1,L4987*Input!$J$15,0)+IF(Input!$K$16=1,M4987*Input!$J$16,0)</f>
        <v>5.1419247022161514</v>
      </c>
      <c r="O4987" s="58">
        <f>IF(Input!$K$13=2,J4987*Input!$J$13,0)+IF(Input!$K$14=2,K4987*Input!$J$14,0)+IF(Input!$K$15=2,L4987*Input!$J$15,0)+IF(Input!$K$16=2,M4987*Input!$J$16,0)</f>
        <v>0.4704200595564757</v>
      </c>
      <c r="P4987" s="58">
        <f>IF(Input!$K$13=3,J4987*Input!$J$13,0)+IF(Input!$K$14=3,K4987*Input!$J$14,0)+IF(Input!$K$15=3,L4987*Input!$J$15,0)+IF(Input!$K$16=3,M4987*Input!$J$16,0)</f>
        <v>0</v>
      </c>
      <c r="Q4987" s="71">
        <f>IF(Input!$K$13=4,J4987*Input!$J$13,0)+IF(Input!$K$14=4,K4987*Input!$J$14,0)+IF(Input!$K$15=4,L4987*Input!$J$15,0)+IF(Input!$K$16=4,M4987*Input!$J$16,0)</f>
        <v>0</v>
      </c>
    </row>
    <row r="4988" spans="8:17" x14ac:dyDescent="0.25">
      <c r="H4988" s="43">
        <v>4981</v>
      </c>
      <c r="I4988" s="55">
        <f>Bühler!I5014</f>
        <v>0.81686826608629126</v>
      </c>
      <c r="J4988" s="58">
        <f>Bühler!J5014</f>
        <v>42.849372518467931</v>
      </c>
      <c r="K4988" s="58">
        <f>Bühler!K5014</f>
        <v>3.484593033751672</v>
      </c>
      <c r="L4988" s="58">
        <f>Bühler!L5014</f>
        <v>1.742296516875836</v>
      </c>
      <c r="M4988" s="57">
        <f>Bühler!M5014</f>
        <v>0</v>
      </c>
      <c r="N4988" s="55">
        <f>IF(Input!$K$13=1,J4988*Input!$J$13,0)+IF(Input!$K$14=1,K4988*Input!$J$14,0)+IF(Input!$K$15=1,L4988*Input!$J$15,0)+IF(Input!$K$16=1,M4988*Input!$J$16,0)</f>
        <v>5.1419247022161514</v>
      </c>
      <c r="O4988" s="58">
        <f>IF(Input!$K$13=2,J4988*Input!$J$13,0)+IF(Input!$K$14=2,K4988*Input!$J$14,0)+IF(Input!$K$15=2,L4988*Input!$J$15,0)+IF(Input!$K$16=2,M4988*Input!$J$16,0)</f>
        <v>0.4704200595564757</v>
      </c>
      <c r="P4988" s="58">
        <f>IF(Input!$K$13=3,J4988*Input!$J$13,0)+IF(Input!$K$14=3,K4988*Input!$J$14,0)+IF(Input!$K$15=3,L4988*Input!$J$15,0)+IF(Input!$K$16=3,M4988*Input!$J$16,0)</f>
        <v>0</v>
      </c>
      <c r="Q4988" s="71">
        <f>IF(Input!$K$13=4,J4988*Input!$J$13,0)+IF(Input!$K$14=4,K4988*Input!$J$14,0)+IF(Input!$K$15=4,L4988*Input!$J$15,0)+IF(Input!$K$16=4,M4988*Input!$J$16,0)</f>
        <v>0</v>
      </c>
    </row>
    <row r="4989" spans="8:17" x14ac:dyDescent="0.25">
      <c r="H4989" s="43">
        <v>4982</v>
      </c>
      <c r="I4989" s="55">
        <f>Bühler!I5015</f>
        <v>0.54263391961446494</v>
      </c>
      <c r="J4989" s="58">
        <f>Bühler!J5015</f>
        <v>28.464226030125126</v>
      </c>
      <c r="K4989" s="58">
        <f>Bühler!K5015</f>
        <v>2.3147653724207538</v>
      </c>
      <c r="L4989" s="58">
        <f>Bühler!L5015</f>
        <v>1.1573826862103769</v>
      </c>
      <c r="M4989" s="57">
        <f>Bühler!M5015</f>
        <v>0</v>
      </c>
      <c r="N4989" s="55">
        <f>IF(Input!$K$13=1,J4989*Input!$J$13,0)+IF(Input!$K$14=1,K4989*Input!$J$14,0)+IF(Input!$K$15=1,L4989*Input!$J$15,0)+IF(Input!$K$16=1,M4989*Input!$J$16,0)</f>
        <v>3.4157071236150149</v>
      </c>
      <c r="O4989" s="58">
        <f>IF(Input!$K$13=2,J4989*Input!$J$13,0)+IF(Input!$K$14=2,K4989*Input!$J$14,0)+IF(Input!$K$15=2,L4989*Input!$J$15,0)+IF(Input!$K$16=2,M4989*Input!$J$16,0)</f>
        <v>0.31249332527680174</v>
      </c>
      <c r="P4989" s="58">
        <f>IF(Input!$K$13=3,J4989*Input!$J$13,0)+IF(Input!$K$14=3,K4989*Input!$J$14,0)+IF(Input!$K$15=3,L4989*Input!$J$15,0)+IF(Input!$K$16=3,M4989*Input!$J$16,0)</f>
        <v>0</v>
      </c>
      <c r="Q4989" s="71">
        <f>IF(Input!$K$13=4,J4989*Input!$J$13,0)+IF(Input!$K$14=4,K4989*Input!$J$14,0)+IF(Input!$K$15=4,L4989*Input!$J$15,0)+IF(Input!$K$16=4,M4989*Input!$J$16,0)</f>
        <v>0</v>
      </c>
    </row>
    <row r="4990" spans="8:17" x14ac:dyDescent="0.25">
      <c r="H4990" s="43">
        <v>4983</v>
      </c>
      <c r="I4990" s="55">
        <f>Bühler!I5016</f>
        <v>0.81686826608629126</v>
      </c>
      <c r="J4990" s="58">
        <f>Bühler!J5016</f>
        <v>42.849372518467931</v>
      </c>
      <c r="K4990" s="58">
        <f>Bühler!K5016</f>
        <v>3.484593033751672</v>
      </c>
      <c r="L4990" s="58">
        <f>Bühler!L5016</f>
        <v>1.742296516875836</v>
      </c>
      <c r="M4990" s="57">
        <f>Bühler!M5016</f>
        <v>0</v>
      </c>
      <c r="N4990" s="55">
        <f>IF(Input!$K$13=1,J4990*Input!$J$13,0)+IF(Input!$K$14=1,K4990*Input!$J$14,0)+IF(Input!$K$15=1,L4990*Input!$J$15,0)+IF(Input!$K$16=1,M4990*Input!$J$16,0)</f>
        <v>5.1419247022161514</v>
      </c>
      <c r="O4990" s="58">
        <f>IF(Input!$K$13=2,J4990*Input!$J$13,0)+IF(Input!$K$14=2,K4990*Input!$J$14,0)+IF(Input!$K$15=2,L4990*Input!$J$15,0)+IF(Input!$K$16=2,M4990*Input!$J$16,0)</f>
        <v>0.4704200595564757</v>
      </c>
      <c r="P4990" s="58">
        <f>IF(Input!$K$13=3,J4990*Input!$J$13,0)+IF(Input!$K$14=3,K4990*Input!$J$14,0)+IF(Input!$K$15=3,L4990*Input!$J$15,0)+IF(Input!$K$16=3,M4990*Input!$J$16,0)</f>
        <v>0</v>
      </c>
      <c r="Q4990" s="71">
        <f>IF(Input!$K$13=4,J4990*Input!$J$13,0)+IF(Input!$K$14=4,K4990*Input!$J$14,0)+IF(Input!$K$15=4,L4990*Input!$J$15,0)+IF(Input!$K$16=4,M4990*Input!$J$16,0)</f>
        <v>0</v>
      </c>
    </row>
    <row r="4991" spans="8:17" x14ac:dyDescent="0.25">
      <c r="H4991" s="43">
        <v>4984</v>
      </c>
      <c r="I4991" s="55">
        <f>Bühler!I5017</f>
        <v>0.81686826608629126</v>
      </c>
      <c r="J4991" s="58">
        <f>Bühler!J5017</f>
        <v>42.849372518467931</v>
      </c>
      <c r="K4991" s="58">
        <f>Bühler!K5017</f>
        <v>3.484593033751672</v>
      </c>
      <c r="L4991" s="58">
        <f>Bühler!L5017</f>
        <v>1.742296516875836</v>
      </c>
      <c r="M4991" s="57">
        <f>Bühler!M5017</f>
        <v>0</v>
      </c>
      <c r="N4991" s="55">
        <f>IF(Input!$K$13=1,J4991*Input!$J$13,0)+IF(Input!$K$14=1,K4991*Input!$J$14,0)+IF(Input!$K$15=1,L4991*Input!$J$15,0)+IF(Input!$K$16=1,M4991*Input!$J$16,0)</f>
        <v>5.1419247022161514</v>
      </c>
      <c r="O4991" s="58">
        <f>IF(Input!$K$13=2,J4991*Input!$J$13,0)+IF(Input!$K$14=2,K4991*Input!$J$14,0)+IF(Input!$K$15=2,L4991*Input!$J$15,0)+IF(Input!$K$16=2,M4991*Input!$J$16,0)</f>
        <v>0.4704200595564757</v>
      </c>
      <c r="P4991" s="58">
        <f>IF(Input!$K$13=3,J4991*Input!$J$13,0)+IF(Input!$K$14=3,K4991*Input!$J$14,0)+IF(Input!$K$15=3,L4991*Input!$J$15,0)+IF(Input!$K$16=3,M4991*Input!$J$16,0)</f>
        <v>0</v>
      </c>
      <c r="Q4991" s="71">
        <f>IF(Input!$K$13=4,J4991*Input!$J$13,0)+IF(Input!$K$14=4,K4991*Input!$J$14,0)+IF(Input!$K$15=4,L4991*Input!$J$15,0)+IF(Input!$K$16=4,M4991*Input!$J$16,0)</f>
        <v>0</v>
      </c>
    </row>
    <row r="4992" spans="8:17" x14ac:dyDescent="0.25">
      <c r="H4992" s="43">
        <v>4985</v>
      </c>
      <c r="I4992" s="55">
        <f>Bühler!I5018</f>
        <v>0.68256787997481372</v>
      </c>
      <c r="J4992" s="58">
        <f>Bühler!J5018</f>
        <v>25.468488761583256</v>
      </c>
      <c r="K4992" s="58">
        <f>Bühler!K5018</f>
        <v>2.0534208948893782</v>
      </c>
      <c r="L4992" s="58">
        <f>Bühler!L5018</f>
        <v>1.0267104474446891</v>
      </c>
      <c r="M4992" s="57">
        <f>Bühler!M5018</f>
        <v>0</v>
      </c>
      <c r="N4992" s="55">
        <f>IF(Input!$K$13=1,J4992*Input!$J$13,0)+IF(Input!$K$14=1,K4992*Input!$J$14,0)+IF(Input!$K$15=1,L4992*Input!$J$15,0)+IF(Input!$K$16=1,M4992*Input!$J$16,0)</f>
        <v>3.0562186513899907</v>
      </c>
      <c r="O4992" s="58">
        <f>IF(Input!$K$13=2,J4992*Input!$J$13,0)+IF(Input!$K$14=2,K4992*Input!$J$14,0)+IF(Input!$K$15=2,L4992*Input!$J$15,0)+IF(Input!$K$16=2,M4992*Input!$J$16,0)</f>
        <v>0.27721182081006601</v>
      </c>
      <c r="P4992" s="58">
        <f>IF(Input!$K$13=3,J4992*Input!$J$13,0)+IF(Input!$K$14=3,K4992*Input!$J$14,0)+IF(Input!$K$15=3,L4992*Input!$J$15,0)+IF(Input!$K$16=3,M4992*Input!$J$16,0)</f>
        <v>0</v>
      </c>
      <c r="Q4992" s="71">
        <f>IF(Input!$K$13=4,J4992*Input!$J$13,0)+IF(Input!$K$14=4,K4992*Input!$J$14,0)+IF(Input!$K$15=4,L4992*Input!$J$15,0)+IF(Input!$K$16=4,M4992*Input!$J$16,0)</f>
        <v>0</v>
      </c>
    </row>
    <row r="4993" spans="8:17" x14ac:dyDescent="0.25">
      <c r="H4993" s="43">
        <v>4986</v>
      </c>
      <c r="I4993" s="55">
        <f>Bühler!I5019</f>
        <v>0.54273451915462334</v>
      </c>
      <c r="J4993" s="58">
        <f>Bühler!J5019</f>
        <v>11.142396977459709</v>
      </c>
      <c r="K4993" s="58">
        <f>Bühler!K5019</f>
        <v>0.87640669862969645</v>
      </c>
      <c r="L4993" s="58">
        <f>Bühler!L5019</f>
        <v>0.43820334931484822</v>
      </c>
      <c r="M4993" s="57">
        <f>Bühler!M5019</f>
        <v>0</v>
      </c>
      <c r="N4993" s="55">
        <f>IF(Input!$K$13=1,J4993*Input!$J$13,0)+IF(Input!$K$14=1,K4993*Input!$J$14,0)+IF(Input!$K$15=1,L4993*Input!$J$15,0)+IF(Input!$K$16=1,M4993*Input!$J$16,0)</f>
        <v>1.337087637295165</v>
      </c>
      <c r="O4993" s="58">
        <f>IF(Input!$K$13=2,J4993*Input!$J$13,0)+IF(Input!$K$14=2,K4993*Input!$J$14,0)+IF(Input!$K$15=2,L4993*Input!$J$15,0)+IF(Input!$K$16=2,M4993*Input!$J$16,0)</f>
        <v>0.11831490431500902</v>
      </c>
      <c r="P4993" s="58">
        <f>IF(Input!$K$13=3,J4993*Input!$J$13,0)+IF(Input!$K$14=3,K4993*Input!$J$14,0)+IF(Input!$K$15=3,L4993*Input!$J$15,0)+IF(Input!$K$16=3,M4993*Input!$J$16,0)</f>
        <v>0</v>
      </c>
      <c r="Q4993" s="71">
        <f>IF(Input!$K$13=4,J4993*Input!$J$13,0)+IF(Input!$K$14=4,K4993*Input!$J$14,0)+IF(Input!$K$15=4,L4993*Input!$J$15,0)+IF(Input!$K$16=4,M4993*Input!$J$16,0)</f>
        <v>0</v>
      </c>
    </row>
    <row r="4994" spans="8:17" x14ac:dyDescent="0.25">
      <c r="H4994" s="43">
        <v>4987</v>
      </c>
      <c r="I4994" s="55">
        <f>Bühler!I5020</f>
        <v>0.20119908031682054</v>
      </c>
      <c r="J4994" s="58">
        <f>Bühler!J5020</f>
        <v>7.183892494271074</v>
      </c>
      <c r="K4994" s="58">
        <f>Bühler!K5020</f>
        <v>0.57842842109559967</v>
      </c>
      <c r="L4994" s="58">
        <f>Bühler!L5020</f>
        <v>0.28921421054779983</v>
      </c>
      <c r="M4994" s="57">
        <f>Bühler!M5020</f>
        <v>0</v>
      </c>
      <c r="N4994" s="55">
        <f>IF(Input!$K$13=1,J4994*Input!$J$13,0)+IF(Input!$K$14=1,K4994*Input!$J$14,0)+IF(Input!$K$15=1,L4994*Input!$J$15,0)+IF(Input!$K$16=1,M4994*Input!$J$16,0)</f>
        <v>0.8620670993125289</v>
      </c>
      <c r="O4994" s="58">
        <f>IF(Input!$K$13=2,J4994*Input!$J$13,0)+IF(Input!$K$14=2,K4994*Input!$J$14,0)+IF(Input!$K$15=2,L4994*Input!$J$15,0)+IF(Input!$K$16=2,M4994*Input!$J$16,0)</f>
        <v>7.8087836847905961E-2</v>
      </c>
      <c r="P4994" s="58">
        <f>IF(Input!$K$13=3,J4994*Input!$J$13,0)+IF(Input!$K$14=3,K4994*Input!$J$14,0)+IF(Input!$K$15=3,L4994*Input!$J$15,0)+IF(Input!$K$16=3,M4994*Input!$J$16,0)</f>
        <v>0</v>
      </c>
      <c r="Q4994" s="71">
        <f>IF(Input!$K$13=4,J4994*Input!$J$13,0)+IF(Input!$K$14=4,K4994*Input!$J$14,0)+IF(Input!$K$15=4,L4994*Input!$J$15,0)+IF(Input!$K$16=4,M4994*Input!$J$16,0)</f>
        <v>0</v>
      </c>
    </row>
    <row r="4995" spans="8:17" x14ac:dyDescent="0.25">
      <c r="H4995" s="43">
        <v>4988</v>
      </c>
      <c r="I4995" s="55">
        <f>Bühler!I5021</f>
        <v>0.20119908031682054</v>
      </c>
      <c r="J4995" s="58">
        <f>Bühler!J5021</f>
        <v>7.183892494271074</v>
      </c>
      <c r="K4995" s="58">
        <f>Bühler!K5021</f>
        <v>0.57842842109559967</v>
      </c>
      <c r="L4995" s="58">
        <f>Bühler!L5021</f>
        <v>0.28921421054779983</v>
      </c>
      <c r="M4995" s="57">
        <f>Bühler!M5021</f>
        <v>0</v>
      </c>
      <c r="N4995" s="55">
        <f>IF(Input!$K$13=1,J4995*Input!$J$13,0)+IF(Input!$K$14=1,K4995*Input!$J$14,0)+IF(Input!$K$15=1,L4995*Input!$J$15,0)+IF(Input!$K$16=1,M4995*Input!$J$16,0)</f>
        <v>0.8620670993125289</v>
      </c>
      <c r="O4995" s="58">
        <f>IF(Input!$K$13=2,J4995*Input!$J$13,0)+IF(Input!$K$14=2,K4995*Input!$J$14,0)+IF(Input!$K$15=2,L4995*Input!$J$15,0)+IF(Input!$K$16=2,M4995*Input!$J$16,0)</f>
        <v>7.8087836847905961E-2</v>
      </c>
      <c r="P4995" s="58">
        <f>IF(Input!$K$13=3,J4995*Input!$J$13,0)+IF(Input!$K$14=3,K4995*Input!$J$14,0)+IF(Input!$K$15=3,L4995*Input!$J$15,0)+IF(Input!$K$16=3,M4995*Input!$J$16,0)</f>
        <v>0</v>
      </c>
      <c r="Q4995" s="71">
        <f>IF(Input!$K$13=4,J4995*Input!$J$13,0)+IF(Input!$K$14=4,K4995*Input!$J$14,0)+IF(Input!$K$15=4,L4995*Input!$J$15,0)+IF(Input!$K$16=4,M4995*Input!$J$16,0)</f>
        <v>0</v>
      </c>
    </row>
    <row r="4996" spans="8:17" x14ac:dyDescent="0.25">
      <c r="H4996" s="43">
        <v>4989</v>
      </c>
      <c r="I4996" s="55">
        <f>Bühler!I5022</f>
        <v>0.20119908031682054</v>
      </c>
      <c r="J4996" s="58">
        <f>Bühler!J5022</f>
        <v>7.183892494271074</v>
      </c>
      <c r="K4996" s="58">
        <f>Bühler!K5022</f>
        <v>0.57842842109559967</v>
      </c>
      <c r="L4996" s="58">
        <f>Bühler!L5022</f>
        <v>0.28921421054779983</v>
      </c>
      <c r="M4996" s="57">
        <f>Bühler!M5022</f>
        <v>0</v>
      </c>
      <c r="N4996" s="55">
        <f>IF(Input!$K$13=1,J4996*Input!$J$13,0)+IF(Input!$K$14=1,K4996*Input!$J$14,0)+IF(Input!$K$15=1,L4996*Input!$J$15,0)+IF(Input!$K$16=1,M4996*Input!$J$16,0)</f>
        <v>0.8620670993125289</v>
      </c>
      <c r="O4996" s="58">
        <f>IF(Input!$K$13=2,J4996*Input!$J$13,0)+IF(Input!$K$14=2,K4996*Input!$J$14,0)+IF(Input!$K$15=2,L4996*Input!$J$15,0)+IF(Input!$K$16=2,M4996*Input!$J$16,0)</f>
        <v>7.8087836847905961E-2</v>
      </c>
      <c r="P4996" s="58">
        <f>IF(Input!$K$13=3,J4996*Input!$J$13,0)+IF(Input!$K$14=3,K4996*Input!$J$14,0)+IF(Input!$K$15=3,L4996*Input!$J$15,0)+IF(Input!$K$16=3,M4996*Input!$J$16,0)</f>
        <v>0</v>
      </c>
      <c r="Q4996" s="71">
        <f>IF(Input!$K$13=4,J4996*Input!$J$13,0)+IF(Input!$K$14=4,K4996*Input!$J$14,0)+IF(Input!$K$15=4,L4996*Input!$J$15,0)+IF(Input!$K$16=4,M4996*Input!$J$16,0)</f>
        <v>0</v>
      </c>
    </row>
    <row r="4997" spans="8:17" x14ac:dyDescent="0.25">
      <c r="H4997" s="43">
        <v>4990</v>
      </c>
      <c r="I4997" s="55">
        <f>Bühler!I5023</f>
        <v>0.20119908031682054</v>
      </c>
      <c r="J4997" s="58">
        <f>Bühler!J5023</f>
        <v>7.183892494271074</v>
      </c>
      <c r="K4997" s="58">
        <f>Bühler!K5023</f>
        <v>0.57842842109559967</v>
      </c>
      <c r="L4997" s="58">
        <f>Bühler!L5023</f>
        <v>0.28921421054779983</v>
      </c>
      <c r="M4997" s="57">
        <f>Bühler!M5023</f>
        <v>0</v>
      </c>
      <c r="N4997" s="55">
        <f>IF(Input!$K$13=1,J4997*Input!$J$13,0)+IF(Input!$K$14=1,K4997*Input!$J$14,0)+IF(Input!$K$15=1,L4997*Input!$J$15,0)+IF(Input!$K$16=1,M4997*Input!$J$16,0)</f>
        <v>0.8620670993125289</v>
      </c>
      <c r="O4997" s="58">
        <f>IF(Input!$K$13=2,J4997*Input!$J$13,0)+IF(Input!$K$14=2,K4997*Input!$J$14,0)+IF(Input!$K$15=2,L4997*Input!$J$15,0)+IF(Input!$K$16=2,M4997*Input!$J$16,0)</f>
        <v>7.8087836847905961E-2</v>
      </c>
      <c r="P4997" s="58">
        <f>IF(Input!$K$13=3,J4997*Input!$J$13,0)+IF(Input!$K$14=3,K4997*Input!$J$14,0)+IF(Input!$K$15=3,L4997*Input!$J$15,0)+IF(Input!$K$16=3,M4997*Input!$J$16,0)</f>
        <v>0</v>
      </c>
      <c r="Q4997" s="71">
        <f>IF(Input!$K$13=4,J4997*Input!$J$13,0)+IF(Input!$K$14=4,K4997*Input!$J$14,0)+IF(Input!$K$15=4,L4997*Input!$J$15,0)+IF(Input!$K$16=4,M4997*Input!$J$16,0)</f>
        <v>0</v>
      </c>
    </row>
    <row r="4998" spans="8:17" x14ac:dyDescent="0.25">
      <c r="H4998" s="43">
        <v>4991</v>
      </c>
      <c r="I4998" s="55">
        <f>Bühler!I5024</f>
        <v>0.20119908031682054</v>
      </c>
      <c r="J4998" s="58">
        <f>Bühler!J5024</f>
        <v>7.183892494271074</v>
      </c>
      <c r="K4998" s="58">
        <f>Bühler!K5024</f>
        <v>0.57842842109559967</v>
      </c>
      <c r="L4998" s="58">
        <f>Bühler!L5024</f>
        <v>0.28921421054779983</v>
      </c>
      <c r="M4998" s="57">
        <f>Bühler!M5024</f>
        <v>0</v>
      </c>
      <c r="N4998" s="55">
        <f>IF(Input!$K$13=1,J4998*Input!$J$13,0)+IF(Input!$K$14=1,K4998*Input!$J$14,0)+IF(Input!$K$15=1,L4998*Input!$J$15,0)+IF(Input!$K$16=1,M4998*Input!$J$16,0)</f>
        <v>0.8620670993125289</v>
      </c>
      <c r="O4998" s="58">
        <f>IF(Input!$K$13=2,J4998*Input!$J$13,0)+IF(Input!$K$14=2,K4998*Input!$J$14,0)+IF(Input!$K$15=2,L4998*Input!$J$15,0)+IF(Input!$K$16=2,M4998*Input!$J$16,0)</f>
        <v>7.8087836847905961E-2</v>
      </c>
      <c r="P4998" s="58">
        <f>IF(Input!$K$13=3,J4998*Input!$J$13,0)+IF(Input!$K$14=3,K4998*Input!$J$14,0)+IF(Input!$K$15=3,L4998*Input!$J$15,0)+IF(Input!$K$16=3,M4998*Input!$J$16,0)</f>
        <v>0</v>
      </c>
      <c r="Q4998" s="71">
        <f>IF(Input!$K$13=4,J4998*Input!$J$13,0)+IF(Input!$K$14=4,K4998*Input!$J$14,0)+IF(Input!$K$15=4,L4998*Input!$J$15,0)+IF(Input!$K$16=4,M4998*Input!$J$16,0)</f>
        <v>0</v>
      </c>
    </row>
    <row r="4999" spans="8:17" x14ac:dyDescent="0.25">
      <c r="H4999" s="43">
        <v>4992</v>
      </c>
      <c r="I4999" s="55">
        <f>Bühler!I5025</f>
        <v>0.20119908031682054</v>
      </c>
      <c r="J4999" s="58">
        <f>Bühler!J5025</f>
        <v>7.183892494271074</v>
      </c>
      <c r="K4999" s="58">
        <f>Bühler!K5025</f>
        <v>0.57842842109559967</v>
      </c>
      <c r="L4999" s="58">
        <f>Bühler!L5025</f>
        <v>0.28921421054779983</v>
      </c>
      <c r="M4999" s="57">
        <f>Bühler!M5025</f>
        <v>0</v>
      </c>
      <c r="N4999" s="55">
        <f>IF(Input!$K$13=1,J4999*Input!$J$13,0)+IF(Input!$K$14=1,K4999*Input!$J$14,0)+IF(Input!$K$15=1,L4999*Input!$J$15,0)+IF(Input!$K$16=1,M4999*Input!$J$16,0)</f>
        <v>0.8620670993125289</v>
      </c>
      <c r="O4999" s="58">
        <f>IF(Input!$K$13=2,J4999*Input!$J$13,0)+IF(Input!$K$14=2,K4999*Input!$J$14,0)+IF(Input!$K$15=2,L4999*Input!$J$15,0)+IF(Input!$K$16=2,M4999*Input!$J$16,0)</f>
        <v>7.8087836847905961E-2</v>
      </c>
      <c r="P4999" s="58">
        <f>IF(Input!$K$13=3,J4999*Input!$J$13,0)+IF(Input!$K$14=3,K4999*Input!$J$14,0)+IF(Input!$K$15=3,L4999*Input!$J$15,0)+IF(Input!$K$16=3,M4999*Input!$J$16,0)</f>
        <v>0</v>
      </c>
      <c r="Q4999" s="71">
        <f>IF(Input!$K$13=4,J4999*Input!$J$13,0)+IF(Input!$K$14=4,K4999*Input!$J$14,0)+IF(Input!$K$15=4,L4999*Input!$J$15,0)+IF(Input!$K$16=4,M4999*Input!$J$16,0)</f>
        <v>0</v>
      </c>
    </row>
    <row r="5000" spans="8:17" x14ac:dyDescent="0.25">
      <c r="H5000" s="43">
        <v>4993</v>
      </c>
      <c r="I5000" s="55">
        <f>Bühler!I5026</f>
        <v>0</v>
      </c>
      <c r="J5000" s="58">
        <f>Bühler!J5026</f>
        <v>9.882889266140058</v>
      </c>
      <c r="K5000" s="58">
        <f>Bühler!K5026</f>
        <v>0.85405846838135602</v>
      </c>
      <c r="L5000" s="58">
        <f>Bühler!L5026</f>
        <v>0.42702923419067801</v>
      </c>
      <c r="M5000" s="57">
        <f>Bühler!M5026</f>
        <v>0</v>
      </c>
      <c r="N5000" s="55">
        <f>IF(Input!$K$13=1,J5000*Input!$J$13,0)+IF(Input!$K$14=1,K5000*Input!$J$14,0)+IF(Input!$K$15=1,L5000*Input!$J$15,0)+IF(Input!$K$16=1,M5000*Input!$J$16,0)</f>
        <v>1.185946711936807</v>
      </c>
      <c r="O5000" s="58">
        <f>IF(Input!$K$13=2,J5000*Input!$J$13,0)+IF(Input!$K$14=2,K5000*Input!$J$14,0)+IF(Input!$K$15=2,L5000*Input!$J$15,0)+IF(Input!$K$16=2,M5000*Input!$J$16,0)</f>
        <v>0.11529789323148307</v>
      </c>
      <c r="P5000" s="58">
        <f>IF(Input!$K$13=3,J5000*Input!$J$13,0)+IF(Input!$K$14=3,K5000*Input!$J$14,0)+IF(Input!$K$15=3,L5000*Input!$J$15,0)+IF(Input!$K$16=3,M5000*Input!$J$16,0)</f>
        <v>0</v>
      </c>
      <c r="Q5000" s="71">
        <f>IF(Input!$K$13=4,J5000*Input!$J$13,0)+IF(Input!$K$14=4,K5000*Input!$J$14,0)+IF(Input!$K$15=4,L5000*Input!$J$15,0)+IF(Input!$K$16=4,M5000*Input!$J$16,0)</f>
        <v>0</v>
      </c>
    </row>
    <row r="5001" spans="8:17" x14ac:dyDescent="0.25">
      <c r="H5001" s="43">
        <v>4994</v>
      </c>
      <c r="I5001" s="55">
        <f>Bühler!I5027</f>
        <v>0</v>
      </c>
      <c r="J5001" s="58">
        <f>Bühler!J5027</f>
        <v>5.9896298582667011</v>
      </c>
      <c r="K5001" s="58">
        <f>Bühler!K5027</f>
        <v>0.51761119295839753</v>
      </c>
      <c r="L5001" s="58">
        <f>Bühler!L5027</f>
        <v>0.25880559647919876</v>
      </c>
      <c r="M5001" s="57">
        <f>Bühler!M5027</f>
        <v>0</v>
      </c>
      <c r="N5001" s="55">
        <f>IF(Input!$K$13=1,J5001*Input!$J$13,0)+IF(Input!$K$14=1,K5001*Input!$J$14,0)+IF(Input!$K$15=1,L5001*Input!$J$15,0)+IF(Input!$K$16=1,M5001*Input!$J$16,0)</f>
        <v>0.71875558299200415</v>
      </c>
      <c r="O5001" s="58">
        <f>IF(Input!$K$13=2,J5001*Input!$J$13,0)+IF(Input!$K$14=2,K5001*Input!$J$14,0)+IF(Input!$K$15=2,L5001*Input!$J$15,0)+IF(Input!$K$16=2,M5001*Input!$J$16,0)</f>
        <v>6.9877511049383667E-2</v>
      </c>
      <c r="P5001" s="58">
        <f>IF(Input!$K$13=3,J5001*Input!$J$13,0)+IF(Input!$K$14=3,K5001*Input!$J$14,0)+IF(Input!$K$15=3,L5001*Input!$J$15,0)+IF(Input!$K$16=3,M5001*Input!$J$16,0)</f>
        <v>0</v>
      </c>
      <c r="Q5001" s="71">
        <f>IF(Input!$K$13=4,J5001*Input!$J$13,0)+IF(Input!$K$14=4,K5001*Input!$J$14,0)+IF(Input!$K$15=4,L5001*Input!$J$15,0)+IF(Input!$K$16=4,M5001*Input!$J$16,0)</f>
        <v>0</v>
      </c>
    </row>
    <row r="5002" spans="8:17" x14ac:dyDescent="0.25">
      <c r="H5002" s="43">
        <v>4995</v>
      </c>
      <c r="I5002" s="55">
        <f>Bühler!I5028</f>
        <v>0</v>
      </c>
      <c r="J5002" s="58">
        <f>Bühler!J5028</f>
        <v>5.9896298582667011</v>
      </c>
      <c r="K5002" s="58">
        <f>Bühler!K5028</f>
        <v>0.51761119295839753</v>
      </c>
      <c r="L5002" s="58">
        <f>Bühler!L5028</f>
        <v>0.25880559647919876</v>
      </c>
      <c r="M5002" s="57">
        <f>Bühler!M5028</f>
        <v>0</v>
      </c>
      <c r="N5002" s="55">
        <f>IF(Input!$K$13=1,J5002*Input!$J$13,0)+IF(Input!$K$14=1,K5002*Input!$J$14,0)+IF(Input!$K$15=1,L5002*Input!$J$15,0)+IF(Input!$K$16=1,M5002*Input!$J$16,0)</f>
        <v>0.71875558299200415</v>
      </c>
      <c r="O5002" s="58">
        <f>IF(Input!$K$13=2,J5002*Input!$J$13,0)+IF(Input!$K$14=2,K5002*Input!$J$14,0)+IF(Input!$K$15=2,L5002*Input!$J$15,0)+IF(Input!$K$16=2,M5002*Input!$J$16,0)</f>
        <v>6.9877511049383667E-2</v>
      </c>
      <c r="P5002" s="58">
        <f>IF(Input!$K$13=3,J5002*Input!$J$13,0)+IF(Input!$K$14=3,K5002*Input!$J$14,0)+IF(Input!$K$15=3,L5002*Input!$J$15,0)+IF(Input!$K$16=3,M5002*Input!$J$16,0)</f>
        <v>0</v>
      </c>
      <c r="Q5002" s="71">
        <f>IF(Input!$K$13=4,J5002*Input!$J$13,0)+IF(Input!$K$14=4,K5002*Input!$J$14,0)+IF(Input!$K$15=4,L5002*Input!$J$15,0)+IF(Input!$K$16=4,M5002*Input!$J$16,0)</f>
        <v>0</v>
      </c>
    </row>
    <row r="5003" spans="8:17" x14ac:dyDescent="0.25">
      <c r="H5003" s="43">
        <v>4996</v>
      </c>
      <c r="I5003" s="55">
        <f>Bühler!I5029</f>
        <v>0</v>
      </c>
      <c r="J5003" s="58">
        <f>Bühler!J5029</f>
        <v>5.9896298582667011</v>
      </c>
      <c r="K5003" s="58">
        <f>Bühler!K5029</f>
        <v>0.51761119295839753</v>
      </c>
      <c r="L5003" s="58">
        <f>Bühler!L5029</f>
        <v>0.25880559647919876</v>
      </c>
      <c r="M5003" s="57">
        <f>Bühler!M5029</f>
        <v>0</v>
      </c>
      <c r="N5003" s="55">
        <f>IF(Input!$K$13=1,J5003*Input!$J$13,0)+IF(Input!$K$14=1,K5003*Input!$J$14,0)+IF(Input!$K$15=1,L5003*Input!$J$15,0)+IF(Input!$K$16=1,M5003*Input!$J$16,0)</f>
        <v>0.71875558299200415</v>
      </c>
      <c r="O5003" s="58">
        <f>IF(Input!$K$13=2,J5003*Input!$J$13,0)+IF(Input!$K$14=2,K5003*Input!$J$14,0)+IF(Input!$K$15=2,L5003*Input!$J$15,0)+IF(Input!$K$16=2,M5003*Input!$J$16,0)</f>
        <v>6.9877511049383667E-2</v>
      </c>
      <c r="P5003" s="58">
        <f>IF(Input!$K$13=3,J5003*Input!$J$13,0)+IF(Input!$K$14=3,K5003*Input!$J$14,0)+IF(Input!$K$15=3,L5003*Input!$J$15,0)+IF(Input!$K$16=3,M5003*Input!$J$16,0)</f>
        <v>0</v>
      </c>
      <c r="Q5003" s="71">
        <f>IF(Input!$K$13=4,J5003*Input!$J$13,0)+IF(Input!$K$14=4,K5003*Input!$J$14,0)+IF(Input!$K$15=4,L5003*Input!$J$15,0)+IF(Input!$K$16=4,M5003*Input!$J$16,0)</f>
        <v>0</v>
      </c>
    </row>
    <row r="5004" spans="8:17" x14ac:dyDescent="0.25">
      <c r="H5004" s="43">
        <v>4997</v>
      </c>
      <c r="I5004" s="55">
        <f>Bühler!I5030</f>
        <v>0</v>
      </c>
      <c r="J5004" s="58">
        <f>Bühler!J5030</f>
        <v>5.9896298582667011</v>
      </c>
      <c r="K5004" s="58">
        <f>Bühler!K5030</f>
        <v>0.51761119295839753</v>
      </c>
      <c r="L5004" s="58">
        <f>Bühler!L5030</f>
        <v>0.25880559647919876</v>
      </c>
      <c r="M5004" s="57">
        <f>Bühler!M5030</f>
        <v>0</v>
      </c>
      <c r="N5004" s="55">
        <f>IF(Input!$K$13=1,J5004*Input!$J$13,0)+IF(Input!$K$14=1,K5004*Input!$J$14,0)+IF(Input!$K$15=1,L5004*Input!$J$15,0)+IF(Input!$K$16=1,M5004*Input!$J$16,0)</f>
        <v>0.71875558299200415</v>
      </c>
      <c r="O5004" s="58">
        <f>IF(Input!$K$13=2,J5004*Input!$J$13,0)+IF(Input!$K$14=2,K5004*Input!$J$14,0)+IF(Input!$K$15=2,L5004*Input!$J$15,0)+IF(Input!$K$16=2,M5004*Input!$J$16,0)</f>
        <v>6.9877511049383667E-2</v>
      </c>
      <c r="P5004" s="58">
        <f>IF(Input!$K$13=3,J5004*Input!$J$13,0)+IF(Input!$K$14=3,K5004*Input!$J$14,0)+IF(Input!$K$15=3,L5004*Input!$J$15,0)+IF(Input!$K$16=3,M5004*Input!$J$16,0)</f>
        <v>0</v>
      </c>
      <c r="Q5004" s="71">
        <f>IF(Input!$K$13=4,J5004*Input!$J$13,0)+IF(Input!$K$14=4,K5004*Input!$J$14,0)+IF(Input!$K$15=4,L5004*Input!$J$15,0)+IF(Input!$K$16=4,M5004*Input!$J$16,0)</f>
        <v>0</v>
      </c>
    </row>
    <row r="5005" spans="8:17" x14ac:dyDescent="0.25">
      <c r="H5005" s="43">
        <v>4998</v>
      </c>
      <c r="I5005" s="55">
        <f>Bühler!I5031</f>
        <v>0</v>
      </c>
      <c r="J5005" s="58">
        <f>Bühler!J5031</f>
        <v>5.9896298582667011</v>
      </c>
      <c r="K5005" s="58">
        <f>Bühler!K5031</f>
        <v>0.51761119295839753</v>
      </c>
      <c r="L5005" s="58">
        <f>Bühler!L5031</f>
        <v>0.25880559647919876</v>
      </c>
      <c r="M5005" s="57">
        <f>Bühler!M5031</f>
        <v>0</v>
      </c>
      <c r="N5005" s="55">
        <f>IF(Input!$K$13=1,J5005*Input!$J$13,0)+IF(Input!$K$14=1,K5005*Input!$J$14,0)+IF(Input!$K$15=1,L5005*Input!$J$15,0)+IF(Input!$K$16=1,M5005*Input!$J$16,0)</f>
        <v>0.71875558299200415</v>
      </c>
      <c r="O5005" s="58">
        <f>IF(Input!$K$13=2,J5005*Input!$J$13,0)+IF(Input!$K$14=2,K5005*Input!$J$14,0)+IF(Input!$K$15=2,L5005*Input!$J$15,0)+IF(Input!$K$16=2,M5005*Input!$J$16,0)</f>
        <v>6.9877511049383667E-2</v>
      </c>
      <c r="P5005" s="58">
        <f>IF(Input!$K$13=3,J5005*Input!$J$13,0)+IF(Input!$K$14=3,K5005*Input!$J$14,0)+IF(Input!$K$15=3,L5005*Input!$J$15,0)+IF(Input!$K$16=3,M5005*Input!$J$16,0)</f>
        <v>0</v>
      </c>
      <c r="Q5005" s="71">
        <f>IF(Input!$K$13=4,J5005*Input!$J$13,0)+IF(Input!$K$14=4,K5005*Input!$J$14,0)+IF(Input!$K$15=4,L5005*Input!$J$15,0)+IF(Input!$K$16=4,M5005*Input!$J$16,0)</f>
        <v>0</v>
      </c>
    </row>
    <row r="5006" spans="8:17" x14ac:dyDescent="0.25">
      <c r="H5006" s="43">
        <v>4999</v>
      </c>
      <c r="I5006" s="55">
        <f>Bühler!I5032</f>
        <v>0</v>
      </c>
      <c r="J5006" s="58">
        <f>Bühler!J5032</f>
        <v>5.9896298582667011</v>
      </c>
      <c r="K5006" s="58">
        <f>Bühler!K5032</f>
        <v>0.51761119295839753</v>
      </c>
      <c r="L5006" s="58">
        <f>Bühler!L5032</f>
        <v>0.25880559647919876</v>
      </c>
      <c r="M5006" s="57">
        <f>Bühler!M5032</f>
        <v>0</v>
      </c>
      <c r="N5006" s="55">
        <f>IF(Input!$K$13=1,J5006*Input!$J$13,0)+IF(Input!$K$14=1,K5006*Input!$J$14,0)+IF(Input!$K$15=1,L5006*Input!$J$15,0)+IF(Input!$K$16=1,M5006*Input!$J$16,0)</f>
        <v>0.71875558299200415</v>
      </c>
      <c r="O5006" s="58">
        <f>IF(Input!$K$13=2,J5006*Input!$J$13,0)+IF(Input!$K$14=2,K5006*Input!$J$14,0)+IF(Input!$K$15=2,L5006*Input!$J$15,0)+IF(Input!$K$16=2,M5006*Input!$J$16,0)</f>
        <v>6.9877511049383667E-2</v>
      </c>
      <c r="P5006" s="58">
        <f>IF(Input!$K$13=3,J5006*Input!$J$13,0)+IF(Input!$K$14=3,K5006*Input!$J$14,0)+IF(Input!$K$15=3,L5006*Input!$J$15,0)+IF(Input!$K$16=3,M5006*Input!$J$16,0)</f>
        <v>0</v>
      </c>
      <c r="Q5006" s="71">
        <f>IF(Input!$K$13=4,J5006*Input!$J$13,0)+IF(Input!$K$14=4,K5006*Input!$J$14,0)+IF(Input!$K$15=4,L5006*Input!$J$15,0)+IF(Input!$K$16=4,M5006*Input!$J$16,0)</f>
        <v>0</v>
      </c>
    </row>
    <row r="5007" spans="8:17" x14ac:dyDescent="0.25">
      <c r="H5007" s="43">
        <v>5000</v>
      </c>
      <c r="I5007" s="55">
        <f>Bühler!I5033</f>
        <v>0</v>
      </c>
      <c r="J5007" s="58">
        <f>Bühler!J5033</f>
        <v>25.515823196216147</v>
      </c>
      <c r="K5007" s="58">
        <f>Bühler!K5033</f>
        <v>2.2050236820027735</v>
      </c>
      <c r="L5007" s="58">
        <f>Bühler!L5033</f>
        <v>1.1025118410013868</v>
      </c>
      <c r="M5007" s="57">
        <f>Bühler!M5033</f>
        <v>0</v>
      </c>
      <c r="N5007" s="55">
        <f>IF(Input!$K$13=1,J5007*Input!$J$13,0)+IF(Input!$K$14=1,K5007*Input!$J$14,0)+IF(Input!$K$15=1,L5007*Input!$J$15,0)+IF(Input!$K$16=1,M5007*Input!$J$16,0)</f>
        <v>3.0618987835459377</v>
      </c>
      <c r="O5007" s="58">
        <f>IF(Input!$K$13=2,J5007*Input!$J$13,0)+IF(Input!$K$14=2,K5007*Input!$J$14,0)+IF(Input!$K$15=2,L5007*Input!$J$15,0)+IF(Input!$K$16=2,M5007*Input!$J$16,0)</f>
        <v>0.29767819707037446</v>
      </c>
      <c r="P5007" s="58">
        <f>IF(Input!$K$13=3,J5007*Input!$J$13,0)+IF(Input!$K$14=3,K5007*Input!$J$14,0)+IF(Input!$K$15=3,L5007*Input!$J$15,0)+IF(Input!$K$16=3,M5007*Input!$J$16,0)</f>
        <v>0</v>
      </c>
      <c r="Q5007" s="71">
        <f>IF(Input!$K$13=4,J5007*Input!$J$13,0)+IF(Input!$K$14=4,K5007*Input!$J$14,0)+IF(Input!$K$15=4,L5007*Input!$J$15,0)+IF(Input!$K$16=4,M5007*Input!$J$16,0)</f>
        <v>0</v>
      </c>
    </row>
    <row r="5008" spans="8:17" x14ac:dyDescent="0.25">
      <c r="H5008" s="43">
        <v>5001</v>
      </c>
      <c r="I5008" s="55">
        <f>Bühler!I5034</f>
        <v>0</v>
      </c>
      <c r="J5008" s="58">
        <f>Bühler!J5034</f>
        <v>31.89477899527018</v>
      </c>
      <c r="K5008" s="58">
        <f>Bühler!K5034</f>
        <v>2.7562796025034664</v>
      </c>
      <c r="L5008" s="58">
        <f>Bühler!L5034</f>
        <v>1.3781398012517332</v>
      </c>
      <c r="M5008" s="57">
        <f>Bühler!M5034</f>
        <v>0</v>
      </c>
      <c r="N5008" s="55">
        <f>IF(Input!$K$13=1,J5008*Input!$J$13,0)+IF(Input!$K$14=1,K5008*Input!$J$14,0)+IF(Input!$K$15=1,L5008*Input!$J$15,0)+IF(Input!$K$16=1,M5008*Input!$J$16,0)</f>
        <v>3.8273734794324215</v>
      </c>
      <c r="O5008" s="58">
        <f>IF(Input!$K$13=2,J5008*Input!$J$13,0)+IF(Input!$K$14=2,K5008*Input!$J$14,0)+IF(Input!$K$15=2,L5008*Input!$J$15,0)+IF(Input!$K$16=2,M5008*Input!$J$16,0)</f>
        <v>0.37209774633796799</v>
      </c>
      <c r="P5008" s="58">
        <f>IF(Input!$K$13=3,J5008*Input!$J$13,0)+IF(Input!$K$14=3,K5008*Input!$J$14,0)+IF(Input!$K$15=3,L5008*Input!$J$15,0)+IF(Input!$K$16=3,M5008*Input!$J$16,0)</f>
        <v>0</v>
      </c>
      <c r="Q5008" s="71">
        <f>IF(Input!$K$13=4,J5008*Input!$J$13,0)+IF(Input!$K$14=4,K5008*Input!$J$14,0)+IF(Input!$K$15=4,L5008*Input!$J$15,0)+IF(Input!$K$16=4,M5008*Input!$J$16,0)</f>
        <v>0</v>
      </c>
    </row>
    <row r="5009" spans="8:17" x14ac:dyDescent="0.25">
      <c r="H5009" s="43">
        <v>5002</v>
      </c>
      <c r="I5009" s="55">
        <f>Bühler!I5035</f>
        <v>0</v>
      </c>
      <c r="J5009" s="58">
        <f>Bühler!J5035</f>
        <v>35.0842568947972</v>
      </c>
      <c r="K5009" s="58">
        <f>Bühler!K5035</f>
        <v>3.0319075627538132</v>
      </c>
      <c r="L5009" s="58">
        <f>Bühler!L5035</f>
        <v>1.5159537813769066</v>
      </c>
      <c r="M5009" s="57">
        <f>Bühler!M5035</f>
        <v>0</v>
      </c>
      <c r="N5009" s="55">
        <f>IF(Input!$K$13=1,J5009*Input!$J$13,0)+IF(Input!$K$14=1,K5009*Input!$J$14,0)+IF(Input!$K$15=1,L5009*Input!$J$15,0)+IF(Input!$K$16=1,M5009*Input!$J$16,0)</f>
        <v>4.2101108273756642</v>
      </c>
      <c r="O5009" s="58">
        <f>IF(Input!$K$13=2,J5009*Input!$J$13,0)+IF(Input!$K$14=2,K5009*Input!$J$14,0)+IF(Input!$K$15=2,L5009*Input!$J$15,0)+IF(Input!$K$16=2,M5009*Input!$J$16,0)</f>
        <v>0.40930752097176482</v>
      </c>
      <c r="P5009" s="58">
        <f>IF(Input!$K$13=3,J5009*Input!$J$13,0)+IF(Input!$K$14=3,K5009*Input!$J$14,0)+IF(Input!$K$15=3,L5009*Input!$J$15,0)+IF(Input!$K$16=3,M5009*Input!$J$16,0)</f>
        <v>0</v>
      </c>
      <c r="Q5009" s="71">
        <f>IF(Input!$K$13=4,J5009*Input!$J$13,0)+IF(Input!$K$14=4,K5009*Input!$J$14,0)+IF(Input!$K$15=4,L5009*Input!$J$15,0)+IF(Input!$K$16=4,M5009*Input!$J$16,0)</f>
        <v>0</v>
      </c>
    </row>
    <row r="5010" spans="8:17" x14ac:dyDescent="0.25">
      <c r="H5010" s="43">
        <v>5003</v>
      </c>
      <c r="I5010" s="55">
        <f>Bühler!I5036</f>
        <v>0</v>
      </c>
      <c r="J5010" s="58">
        <f>Bühler!J5036</f>
        <v>35.0842568947972</v>
      </c>
      <c r="K5010" s="58">
        <f>Bühler!K5036</f>
        <v>3.0319075627538132</v>
      </c>
      <c r="L5010" s="58">
        <f>Bühler!L5036</f>
        <v>1.5159537813769066</v>
      </c>
      <c r="M5010" s="57">
        <f>Bühler!M5036</f>
        <v>0</v>
      </c>
      <c r="N5010" s="55">
        <f>IF(Input!$K$13=1,J5010*Input!$J$13,0)+IF(Input!$K$14=1,K5010*Input!$J$14,0)+IF(Input!$K$15=1,L5010*Input!$J$15,0)+IF(Input!$K$16=1,M5010*Input!$J$16,0)</f>
        <v>4.2101108273756642</v>
      </c>
      <c r="O5010" s="58">
        <f>IF(Input!$K$13=2,J5010*Input!$J$13,0)+IF(Input!$K$14=2,K5010*Input!$J$14,0)+IF(Input!$K$15=2,L5010*Input!$J$15,0)+IF(Input!$K$16=2,M5010*Input!$J$16,0)</f>
        <v>0.40930752097176482</v>
      </c>
      <c r="P5010" s="58">
        <f>IF(Input!$K$13=3,J5010*Input!$J$13,0)+IF(Input!$K$14=3,K5010*Input!$J$14,0)+IF(Input!$K$15=3,L5010*Input!$J$15,0)+IF(Input!$K$16=3,M5010*Input!$J$16,0)</f>
        <v>0</v>
      </c>
      <c r="Q5010" s="71">
        <f>IF(Input!$K$13=4,J5010*Input!$J$13,0)+IF(Input!$K$14=4,K5010*Input!$J$14,0)+IF(Input!$K$15=4,L5010*Input!$J$15,0)+IF(Input!$K$16=4,M5010*Input!$J$16,0)</f>
        <v>0</v>
      </c>
    </row>
    <row r="5011" spans="8:17" x14ac:dyDescent="0.25">
      <c r="H5011" s="43">
        <v>5004</v>
      </c>
      <c r="I5011" s="55">
        <f>Bühler!I5037</f>
        <v>0</v>
      </c>
      <c r="J5011" s="58">
        <f>Bühler!J5037</f>
        <v>41.46321269385124</v>
      </c>
      <c r="K5011" s="58">
        <f>Bühler!K5037</f>
        <v>3.583163483254507</v>
      </c>
      <c r="L5011" s="58">
        <f>Bühler!L5037</f>
        <v>1.7915817416272535</v>
      </c>
      <c r="M5011" s="57">
        <f>Bühler!M5037</f>
        <v>0</v>
      </c>
      <c r="N5011" s="55">
        <f>IF(Input!$K$13=1,J5011*Input!$J$13,0)+IF(Input!$K$14=1,K5011*Input!$J$14,0)+IF(Input!$K$15=1,L5011*Input!$J$15,0)+IF(Input!$K$16=1,M5011*Input!$J$16,0)</f>
        <v>4.9755855232621489</v>
      </c>
      <c r="O5011" s="58">
        <f>IF(Input!$K$13=2,J5011*Input!$J$13,0)+IF(Input!$K$14=2,K5011*Input!$J$14,0)+IF(Input!$K$15=2,L5011*Input!$J$15,0)+IF(Input!$K$16=2,M5011*Input!$J$16,0)</f>
        <v>0.48372707023935846</v>
      </c>
      <c r="P5011" s="58">
        <f>IF(Input!$K$13=3,J5011*Input!$J$13,0)+IF(Input!$K$14=3,K5011*Input!$J$14,0)+IF(Input!$K$15=3,L5011*Input!$J$15,0)+IF(Input!$K$16=3,M5011*Input!$J$16,0)</f>
        <v>0</v>
      </c>
      <c r="Q5011" s="71">
        <f>IF(Input!$K$13=4,J5011*Input!$J$13,0)+IF(Input!$K$14=4,K5011*Input!$J$14,0)+IF(Input!$K$15=4,L5011*Input!$J$15,0)+IF(Input!$K$16=4,M5011*Input!$J$16,0)</f>
        <v>0</v>
      </c>
    </row>
    <row r="5012" spans="8:17" x14ac:dyDescent="0.25">
      <c r="H5012" s="43">
        <v>5005</v>
      </c>
      <c r="I5012" s="55">
        <f>Bühler!I5038</f>
        <v>0</v>
      </c>
      <c r="J5012" s="58">
        <f>Bühler!J5038</f>
        <v>41.46321269385124</v>
      </c>
      <c r="K5012" s="58">
        <f>Bühler!K5038</f>
        <v>3.583163483254507</v>
      </c>
      <c r="L5012" s="58">
        <f>Bühler!L5038</f>
        <v>1.7915817416272535</v>
      </c>
      <c r="M5012" s="57">
        <f>Bühler!M5038</f>
        <v>0</v>
      </c>
      <c r="N5012" s="55">
        <f>IF(Input!$K$13=1,J5012*Input!$J$13,0)+IF(Input!$K$14=1,K5012*Input!$J$14,0)+IF(Input!$K$15=1,L5012*Input!$J$15,0)+IF(Input!$K$16=1,M5012*Input!$J$16,0)</f>
        <v>4.9755855232621489</v>
      </c>
      <c r="O5012" s="58">
        <f>IF(Input!$K$13=2,J5012*Input!$J$13,0)+IF(Input!$K$14=2,K5012*Input!$J$14,0)+IF(Input!$K$15=2,L5012*Input!$J$15,0)+IF(Input!$K$16=2,M5012*Input!$J$16,0)</f>
        <v>0.48372707023935846</v>
      </c>
      <c r="P5012" s="58">
        <f>IF(Input!$K$13=3,J5012*Input!$J$13,0)+IF(Input!$K$14=3,K5012*Input!$J$14,0)+IF(Input!$K$15=3,L5012*Input!$J$15,0)+IF(Input!$K$16=3,M5012*Input!$J$16,0)</f>
        <v>0</v>
      </c>
      <c r="Q5012" s="71">
        <f>IF(Input!$K$13=4,J5012*Input!$J$13,0)+IF(Input!$K$14=4,K5012*Input!$J$14,0)+IF(Input!$K$15=4,L5012*Input!$J$15,0)+IF(Input!$K$16=4,M5012*Input!$J$16,0)</f>
        <v>0</v>
      </c>
    </row>
    <row r="5013" spans="8:17" x14ac:dyDescent="0.25">
      <c r="H5013" s="43">
        <v>5006</v>
      </c>
      <c r="I5013" s="55">
        <f>Bühler!I5039</f>
        <v>0</v>
      </c>
      <c r="J5013" s="58">
        <f>Bühler!J5039</f>
        <v>28.705301095743167</v>
      </c>
      <c r="K5013" s="58">
        <f>Bühler!K5039</f>
        <v>2.48065164225312</v>
      </c>
      <c r="L5013" s="58">
        <f>Bühler!L5039</f>
        <v>1.24032582112656</v>
      </c>
      <c r="M5013" s="57">
        <f>Bühler!M5039</f>
        <v>0</v>
      </c>
      <c r="N5013" s="55">
        <f>IF(Input!$K$13=1,J5013*Input!$J$13,0)+IF(Input!$K$14=1,K5013*Input!$J$14,0)+IF(Input!$K$15=1,L5013*Input!$J$15,0)+IF(Input!$K$16=1,M5013*Input!$J$16,0)</f>
        <v>3.44463613148918</v>
      </c>
      <c r="O5013" s="58">
        <f>IF(Input!$K$13=2,J5013*Input!$J$13,0)+IF(Input!$K$14=2,K5013*Input!$J$14,0)+IF(Input!$K$15=2,L5013*Input!$J$15,0)+IF(Input!$K$16=2,M5013*Input!$J$16,0)</f>
        <v>0.33488797170417117</v>
      </c>
      <c r="P5013" s="58">
        <f>IF(Input!$K$13=3,J5013*Input!$J$13,0)+IF(Input!$K$14=3,K5013*Input!$J$14,0)+IF(Input!$K$15=3,L5013*Input!$J$15,0)+IF(Input!$K$16=3,M5013*Input!$J$16,0)</f>
        <v>0</v>
      </c>
      <c r="Q5013" s="71">
        <f>IF(Input!$K$13=4,J5013*Input!$J$13,0)+IF(Input!$K$14=4,K5013*Input!$J$14,0)+IF(Input!$K$15=4,L5013*Input!$J$15,0)+IF(Input!$K$16=4,M5013*Input!$J$16,0)</f>
        <v>0</v>
      </c>
    </row>
    <row r="5014" spans="8:17" x14ac:dyDescent="0.25">
      <c r="H5014" s="43">
        <v>5007</v>
      </c>
      <c r="I5014" s="55">
        <f>Bühler!I5040</f>
        <v>0</v>
      </c>
      <c r="J5014" s="58">
        <f>Bühler!J5040</f>
        <v>41.46321269385124</v>
      </c>
      <c r="K5014" s="58">
        <f>Bühler!K5040</f>
        <v>3.583163483254507</v>
      </c>
      <c r="L5014" s="58">
        <f>Bühler!L5040</f>
        <v>1.7915817416272535</v>
      </c>
      <c r="M5014" s="57">
        <f>Bühler!M5040</f>
        <v>0</v>
      </c>
      <c r="N5014" s="55">
        <f>IF(Input!$K$13=1,J5014*Input!$J$13,0)+IF(Input!$K$14=1,K5014*Input!$J$14,0)+IF(Input!$K$15=1,L5014*Input!$J$15,0)+IF(Input!$K$16=1,M5014*Input!$J$16,0)</f>
        <v>4.9755855232621489</v>
      </c>
      <c r="O5014" s="58">
        <f>IF(Input!$K$13=2,J5014*Input!$J$13,0)+IF(Input!$K$14=2,K5014*Input!$J$14,0)+IF(Input!$K$15=2,L5014*Input!$J$15,0)+IF(Input!$K$16=2,M5014*Input!$J$16,0)</f>
        <v>0.48372707023935846</v>
      </c>
      <c r="P5014" s="58">
        <f>IF(Input!$K$13=3,J5014*Input!$J$13,0)+IF(Input!$K$14=3,K5014*Input!$J$14,0)+IF(Input!$K$15=3,L5014*Input!$J$15,0)+IF(Input!$K$16=3,M5014*Input!$J$16,0)</f>
        <v>0</v>
      </c>
      <c r="Q5014" s="71">
        <f>IF(Input!$K$13=4,J5014*Input!$J$13,0)+IF(Input!$K$14=4,K5014*Input!$J$14,0)+IF(Input!$K$15=4,L5014*Input!$J$15,0)+IF(Input!$K$16=4,M5014*Input!$J$16,0)</f>
        <v>0</v>
      </c>
    </row>
    <row r="5015" spans="8:17" x14ac:dyDescent="0.25">
      <c r="H5015" s="43">
        <v>5008</v>
      </c>
      <c r="I5015" s="55">
        <f>Bühler!I5041</f>
        <v>0</v>
      </c>
      <c r="J5015" s="58">
        <f>Bühler!J5041</f>
        <v>31.89477899527018</v>
      </c>
      <c r="K5015" s="58">
        <f>Bühler!K5041</f>
        <v>2.7562796025034664</v>
      </c>
      <c r="L5015" s="58">
        <f>Bühler!L5041</f>
        <v>1.3781398012517332</v>
      </c>
      <c r="M5015" s="57">
        <f>Bühler!M5041</f>
        <v>0</v>
      </c>
      <c r="N5015" s="55">
        <f>IF(Input!$K$13=1,J5015*Input!$J$13,0)+IF(Input!$K$14=1,K5015*Input!$J$14,0)+IF(Input!$K$15=1,L5015*Input!$J$15,0)+IF(Input!$K$16=1,M5015*Input!$J$16,0)</f>
        <v>3.8273734794324215</v>
      </c>
      <c r="O5015" s="58">
        <f>IF(Input!$K$13=2,J5015*Input!$J$13,0)+IF(Input!$K$14=2,K5015*Input!$J$14,0)+IF(Input!$K$15=2,L5015*Input!$J$15,0)+IF(Input!$K$16=2,M5015*Input!$J$16,0)</f>
        <v>0.37209774633796799</v>
      </c>
      <c r="P5015" s="58">
        <f>IF(Input!$K$13=3,J5015*Input!$J$13,0)+IF(Input!$K$14=3,K5015*Input!$J$14,0)+IF(Input!$K$15=3,L5015*Input!$J$15,0)+IF(Input!$K$16=3,M5015*Input!$J$16,0)</f>
        <v>0</v>
      </c>
      <c r="Q5015" s="71">
        <f>IF(Input!$K$13=4,J5015*Input!$J$13,0)+IF(Input!$K$14=4,K5015*Input!$J$14,0)+IF(Input!$K$15=4,L5015*Input!$J$15,0)+IF(Input!$K$16=4,M5015*Input!$J$16,0)</f>
        <v>0</v>
      </c>
    </row>
    <row r="5016" spans="8:17" x14ac:dyDescent="0.25">
      <c r="H5016" s="43">
        <v>5009</v>
      </c>
      <c r="I5016" s="55">
        <f>Bühler!I5042</f>
        <v>0</v>
      </c>
      <c r="J5016" s="58">
        <f>Bühler!J5042</f>
        <v>14.974074645666752</v>
      </c>
      <c r="K5016" s="58">
        <f>Bühler!K5042</f>
        <v>1.2940279823959937</v>
      </c>
      <c r="L5016" s="58">
        <f>Bühler!L5042</f>
        <v>0.64701399119799685</v>
      </c>
      <c r="M5016" s="57">
        <f>Bühler!M5042</f>
        <v>0</v>
      </c>
      <c r="N5016" s="55">
        <f>IF(Input!$K$13=1,J5016*Input!$J$13,0)+IF(Input!$K$14=1,K5016*Input!$J$14,0)+IF(Input!$K$15=1,L5016*Input!$J$15,0)+IF(Input!$K$16=1,M5016*Input!$J$16,0)</f>
        <v>1.7968889574800102</v>
      </c>
      <c r="O5016" s="58">
        <f>IF(Input!$K$13=2,J5016*Input!$J$13,0)+IF(Input!$K$14=2,K5016*Input!$J$14,0)+IF(Input!$K$15=2,L5016*Input!$J$15,0)+IF(Input!$K$16=2,M5016*Input!$J$16,0)</f>
        <v>0.17469377762345914</v>
      </c>
      <c r="P5016" s="58">
        <f>IF(Input!$K$13=3,J5016*Input!$J$13,0)+IF(Input!$K$14=3,K5016*Input!$J$14,0)+IF(Input!$K$15=3,L5016*Input!$J$15,0)+IF(Input!$K$16=3,M5016*Input!$J$16,0)</f>
        <v>0</v>
      </c>
      <c r="Q5016" s="71">
        <f>IF(Input!$K$13=4,J5016*Input!$J$13,0)+IF(Input!$K$14=4,K5016*Input!$J$14,0)+IF(Input!$K$15=4,L5016*Input!$J$15,0)+IF(Input!$K$16=4,M5016*Input!$J$16,0)</f>
        <v>0</v>
      </c>
    </row>
    <row r="5017" spans="8:17" x14ac:dyDescent="0.25">
      <c r="H5017" s="43">
        <v>5010</v>
      </c>
      <c r="I5017" s="55">
        <f>Bühler!I5043</f>
        <v>0</v>
      </c>
      <c r="J5017" s="58">
        <f>Bühler!J5043</f>
        <v>9.882889266140058</v>
      </c>
      <c r="K5017" s="58">
        <f>Bühler!K5043</f>
        <v>0.85405846838135602</v>
      </c>
      <c r="L5017" s="58">
        <f>Bühler!L5043</f>
        <v>0.42702923419067801</v>
      </c>
      <c r="M5017" s="57">
        <f>Bühler!M5043</f>
        <v>0</v>
      </c>
      <c r="N5017" s="55">
        <f>IF(Input!$K$13=1,J5017*Input!$J$13,0)+IF(Input!$K$14=1,K5017*Input!$J$14,0)+IF(Input!$K$15=1,L5017*Input!$J$15,0)+IF(Input!$K$16=1,M5017*Input!$J$16,0)</f>
        <v>1.185946711936807</v>
      </c>
      <c r="O5017" s="58">
        <f>IF(Input!$K$13=2,J5017*Input!$J$13,0)+IF(Input!$K$14=2,K5017*Input!$J$14,0)+IF(Input!$K$15=2,L5017*Input!$J$15,0)+IF(Input!$K$16=2,M5017*Input!$J$16,0)</f>
        <v>0.11529789323148307</v>
      </c>
      <c r="P5017" s="58">
        <f>IF(Input!$K$13=3,J5017*Input!$J$13,0)+IF(Input!$K$14=3,K5017*Input!$J$14,0)+IF(Input!$K$15=3,L5017*Input!$J$15,0)+IF(Input!$K$16=3,M5017*Input!$J$16,0)</f>
        <v>0</v>
      </c>
      <c r="Q5017" s="71">
        <f>IF(Input!$K$13=4,J5017*Input!$J$13,0)+IF(Input!$K$14=4,K5017*Input!$J$14,0)+IF(Input!$K$15=4,L5017*Input!$J$15,0)+IF(Input!$K$16=4,M5017*Input!$J$16,0)</f>
        <v>0</v>
      </c>
    </row>
    <row r="5018" spans="8:17" x14ac:dyDescent="0.25">
      <c r="H5018" s="43">
        <v>5011</v>
      </c>
      <c r="I5018" s="55">
        <f>Bühler!I5044</f>
        <v>0</v>
      </c>
      <c r="J5018" s="58">
        <f>Bühler!J5044</f>
        <v>6.2891113511800354</v>
      </c>
      <c r="K5018" s="58">
        <f>Bühler!K5044</f>
        <v>0.54349175260631732</v>
      </c>
      <c r="L5018" s="58">
        <f>Bühler!L5044</f>
        <v>0.27174587630315866</v>
      </c>
      <c r="M5018" s="57">
        <f>Bühler!M5044</f>
        <v>0</v>
      </c>
      <c r="N5018" s="55">
        <f>IF(Input!$K$13=1,J5018*Input!$J$13,0)+IF(Input!$K$14=1,K5018*Input!$J$14,0)+IF(Input!$K$15=1,L5018*Input!$J$15,0)+IF(Input!$K$16=1,M5018*Input!$J$16,0)</f>
        <v>0.75469336214160421</v>
      </c>
      <c r="O5018" s="58">
        <f>IF(Input!$K$13=2,J5018*Input!$J$13,0)+IF(Input!$K$14=2,K5018*Input!$J$14,0)+IF(Input!$K$15=2,L5018*Input!$J$15,0)+IF(Input!$K$16=2,M5018*Input!$J$16,0)</f>
        <v>7.3371386601852828E-2</v>
      </c>
      <c r="P5018" s="58">
        <f>IF(Input!$K$13=3,J5018*Input!$J$13,0)+IF(Input!$K$14=3,K5018*Input!$J$14,0)+IF(Input!$K$15=3,L5018*Input!$J$15,0)+IF(Input!$K$16=3,M5018*Input!$J$16,0)</f>
        <v>0</v>
      </c>
      <c r="Q5018" s="71">
        <f>IF(Input!$K$13=4,J5018*Input!$J$13,0)+IF(Input!$K$14=4,K5018*Input!$J$14,0)+IF(Input!$K$15=4,L5018*Input!$J$15,0)+IF(Input!$K$16=4,M5018*Input!$J$16,0)</f>
        <v>0</v>
      </c>
    </row>
    <row r="5019" spans="8:17" x14ac:dyDescent="0.25">
      <c r="H5019" s="43">
        <v>5012</v>
      </c>
      <c r="I5019" s="55">
        <f>Bühler!I5045</f>
        <v>0</v>
      </c>
      <c r="J5019" s="58">
        <f>Bühler!J5045</f>
        <v>5.9896298582667011</v>
      </c>
      <c r="K5019" s="58">
        <f>Bühler!K5045</f>
        <v>0.51761119295839753</v>
      </c>
      <c r="L5019" s="58">
        <f>Bühler!L5045</f>
        <v>0.25880559647919876</v>
      </c>
      <c r="M5019" s="57">
        <f>Bühler!M5045</f>
        <v>0</v>
      </c>
      <c r="N5019" s="55">
        <f>IF(Input!$K$13=1,J5019*Input!$J$13,0)+IF(Input!$K$14=1,K5019*Input!$J$14,0)+IF(Input!$K$15=1,L5019*Input!$J$15,0)+IF(Input!$K$16=1,M5019*Input!$J$16,0)</f>
        <v>0.71875558299200415</v>
      </c>
      <c r="O5019" s="58">
        <f>IF(Input!$K$13=2,J5019*Input!$J$13,0)+IF(Input!$K$14=2,K5019*Input!$J$14,0)+IF(Input!$K$15=2,L5019*Input!$J$15,0)+IF(Input!$K$16=2,M5019*Input!$J$16,0)</f>
        <v>6.9877511049383667E-2</v>
      </c>
      <c r="P5019" s="58">
        <f>IF(Input!$K$13=3,J5019*Input!$J$13,0)+IF(Input!$K$14=3,K5019*Input!$J$14,0)+IF(Input!$K$15=3,L5019*Input!$J$15,0)+IF(Input!$K$16=3,M5019*Input!$J$16,0)</f>
        <v>0</v>
      </c>
      <c r="Q5019" s="71">
        <f>IF(Input!$K$13=4,J5019*Input!$J$13,0)+IF(Input!$K$14=4,K5019*Input!$J$14,0)+IF(Input!$K$15=4,L5019*Input!$J$15,0)+IF(Input!$K$16=4,M5019*Input!$J$16,0)</f>
        <v>0</v>
      </c>
    </row>
    <row r="5020" spans="8:17" x14ac:dyDescent="0.25">
      <c r="H5020" s="43">
        <v>5013</v>
      </c>
      <c r="I5020" s="55">
        <f>Bühler!I5046</f>
        <v>0</v>
      </c>
      <c r="J5020" s="58">
        <f>Bühler!J5046</f>
        <v>5.9896298582667011</v>
      </c>
      <c r="K5020" s="58">
        <f>Bühler!K5046</f>
        <v>0.51761119295839753</v>
      </c>
      <c r="L5020" s="58">
        <f>Bühler!L5046</f>
        <v>0.25880559647919876</v>
      </c>
      <c r="M5020" s="57">
        <f>Bühler!M5046</f>
        <v>0</v>
      </c>
      <c r="N5020" s="55">
        <f>IF(Input!$K$13=1,J5020*Input!$J$13,0)+IF(Input!$K$14=1,K5020*Input!$J$14,0)+IF(Input!$K$15=1,L5020*Input!$J$15,0)+IF(Input!$K$16=1,M5020*Input!$J$16,0)</f>
        <v>0.71875558299200415</v>
      </c>
      <c r="O5020" s="58">
        <f>IF(Input!$K$13=2,J5020*Input!$J$13,0)+IF(Input!$K$14=2,K5020*Input!$J$14,0)+IF(Input!$K$15=2,L5020*Input!$J$15,0)+IF(Input!$K$16=2,M5020*Input!$J$16,0)</f>
        <v>6.9877511049383667E-2</v>
      </c>
      <c r="P5020" s="58">
        <f>IF(Input!$K$13=3,J5020*Input!$J$13,0)+IF(Input!$K$14=3,K5020*Input!$J$14,0)+IF(Input!$K$15=3,L5020*Input!$J$15,0)+IF(Input!$K$16=3,M5020*Input!$J$16,0)</f>
        <v>0</v>
      </c>
      <c r="Q5020" s="71">
        <f>IF(Input!$K$13=4,J5020*Input!$J$13,0)+IF(Input!$K$14=4,K5020*Input!$J$14,0)+IF(Input!$K$15=4,L5020*Input!$J$15,0)+IF(Input!$K$16=4,M5020*Input!$J$16,0)</f>
        <v>0</v>
      </c>
    </row>
    <row r="5021" spans="8:17" x14ac:dyDescent="0.25">
      <c r="H5021" s="43">
        <v>5014</v>
      </c>
      <c r="I5021" s="55">
        <f>Bühler!I5047</f>
        <v>0</v>
      </c>
      <c r="J5021" s="58">
        <f>Bühler!J5047</f>
        <v>5.9896298582667011</v>
      </c>
      <c r="K5021" s="58">
        <f>Bühler!K5047</f>
        <v>0.51761119295839753</v>
      </c>
      <c r="L5021" s="58">
        <f>Bühler!L5047</f>
        <v>0.25880559647919876</v>
      </c>
      <c r="M5021" s="57">
        <f>Bühler!M5047</f>
        <v>0</v>
      </c>
      <c r="N5021" s="55">
        <f>IF(Input!$K$13=1,J5021*Input!$J$13,0)+IF(Input!$K$14=1,K5021*Input!$J$14,0)+IF(Input!$K$15=1,L5021*Input!$J$15,0)+IF(Input!$K$16=1,M5021*Input!$J$16,0)</f>
        <v>0.71875558299200415</v>
      </c>
      <c r="O5021" s="58">
        <f>IF(Input!$K$13=2,J5021*Input!$J$13,0)+IF(Input!$K$14=2,K5021*Input!$J$14,0)+IF(Input!$K$15=2,L5021*Input!$J$15,0)+IF(Input!$K$16=2,M5021*Input!$J$16,0)</f>
        <v>6.9877511049383667E-2</v>
      </c>
      <c r="P5021" s="58">
        <f>IF(Input!$K$13=3,J5021*Input!$J$13,0)+IF(Input!$K$14=3,K5021*Input!$J$14,0)+IF(Input!$K$15=3,L5021*Input!$J$15,0)+IF(Input!$K$16=3,M5021*Input!$J$16,0)</f>
        <v>0</v>
      </c>
      <c r="Q5021" s="71">
        <f>IF(Input!$K$13=4,J5021*Input!$J$13,0)+IF(Input!$K$14=4,K5021*Input!$J$14,0)+IF(Input!$K$15=4,L5021*Input!$J$15,0)+IF(Input!$K$16=4,M5021*Input!$J$16,0)</f>
        <v>0</v>
      </c>
    </row>
    <row r="5022" spans="8:17" x14ac:dyDescent="0.25">
      <c r="H5022" s="43">
        <v>5015</v>
      </c>
      <c r="I5022" s="55">
        <f>Bühler!I5048</f>
        <v>0</v>
      </c>
      <c r="J5022" s="58">
        <f>Bühler!J5048</f>
        <v>5.9896298582667011</v>
      </c>
      <c r="K5022" s="58">
        <f>Bühler!K5048</f>
        <v>0.51761119295839753</v>
      </c>
      <c r="L5022" s="58">
        <f>Bühler!L5048</f>
        <v>0.25880559647919876</v>
      </c>
      <c r="M5022" s="57">
        <f>Bühler!M5048</f>
        <v>0</v>
      </c>
      <c r="N5022" s="55">
        <f>IF(Input!$K$13=1,J5022*Input!$J$13,0)+IF(Input!$K$14=1,K5022*Input!$J$14,0)+IF(Input!$K$15=1,L5022*Input!$J$15,0)+IF(Input!$K$16=1,M5022*Input!$J$16,0)</f>
        <v>0.71875558299200415</v>
      </c>
      <c r="O5022" s="58">
        <f>IF(Input!$K$13=2,J5022*Input!$J$13,0)+IF(Input!$K$14=2,K5022*Input!$J$14,0)+IF(Input!$K$15=2,L5022*Input!$J$15,0)+IF(Input!$K$16=2,M5022*Input!$J$16,0)</f>
        <v>6.9877511049383667E-2</v>
      </c>
      <c r="P5022" s="58">
        <f>IF(Input!$K$13=3,J5022*Input!$J$13,0)+IF(Input!$K$14=3,K5022*Input!$J$14,0)+IF(Input!$K$15=3,L5022*Input!$J$15,0)+IF(Input!$K$16=3,M5022*Input!$J$16,0)</f>
        <v>0</v>
      </c>
      <c r="Q5022" s="71">
        <f>IF(Input!$K$13=4,J5022*Input!$J$13,0)+IF(Input!$K$14=4,K5022*Input!$J$14,0)+IF(Input!$K$15=4,L5022*Input!$J$15,0)+IF(Input!$K$16=4,M5022*Input!$J$16,0)</f>
        <v>0</v>
      </c>
    </row>
    <row r="5023" spans="8:17" x14ac:dyDescent="0.25">
      <c r="H5023" s="43">
        <v>5016</v>
      </c>
      <c r="I5023" s="55">
        <f>Bühler!I5049</f>
        <v>0</v>
      </c>
      <c r="J5023" s="58">
        <f>Bühler!J5049</f>
        <v>5.9896298582667011</v>
      </c>
      <c r="K5023" s="58">
        <f>Bühler!K5049</f>
        <v>0.51761119295839753</v>
      </c>
      <c r="L5023" s="58">
        <f>Bühler!L5049</f>
        <v>0.25880559647919876</v>
      </c>
      <c r="M5023" s="57">
        <f>Bühler!M5049</f>
        <v>0</v>
      </c>
      <c r="N5023" s="55">
        <f>IF(Input!$K$13=1,J5023*Input!$J$13,0)+IF(Input!$K$14=1,K5023*Input!$J$14,0)+IF(Input!$K$15=1,L5023*Input!$J$15,0)+IF(Input!$K$16=1,M5023*Input!$J$16,0)</f>
        <v>0.71875558299200415</v>
      </c>
      <c r="O5023" s="58">
        <f>IF(Input!$K$13=2,J5023*Input!$J$13,0)+IF(Input!$K$14=2,K5023*Input!$J$14,0)+IF(Input!$K$15=2,L5023*Input!$J$15,0)+IF(Input!$K$16=2,M5023*Input!$J$16,0)</f>
        <v>6.9877511049383667E-2</v>
      </c>
      <c r="P5023" s="58">
        <f>IF(Input!$K$13=3,J5023*Input!$J$13,0)+IF(Input!$K$14=3,K5023*Input!$J$14,0)+IF(Input!$K$15=3,L5023*Input!$J$15,0)+IF(Input!$K$16=3,M5023*Input!$J$16,0)</f>
        <v>0</v>
      </c>
      <c r="Q5023" s="71">
        <f>IF(Input!$K$13=4,J5023*Input!$J$13,0)+IF(Input!$K$14=4,K5023*Input!$J$14,0)+IF(Input!$K$15=4,L5023*Input!$J$15,0)+IF(Input!$K$16=4,M5023*Input!$J$16,0)</f>
        <v>0</v>
      </c>
    </row>
    <row r="5024" spans="8:17" x14ac:dyDescent="0.25">
      <c r="H5024" s="43">
        <v>5017</v>
      </c>
      <c r="I5024" s="55">
        <f>Bühler!I5050</f>
        <v>0</v>
      </c>
      <c r="J5024" s="58">
        <f>Bühler!J5050</f>
        <v>3.8828050024512959</v>
      </c>
      <c r="K5024" s="58">
        <f>Bühler!K5050</f>
        <v>0.2375938843275992</v>
      </c>
      <c r="L5024" s="58">
        <f>Bühler!L5050</f>
        <v>0.1187969421637996</v>
      </c>
      <c r="M5024" s="57">
        <f>Bühler!M5050</f>
        <v>0</v>
      </c>
      <c r="N5024" s="55">
        <f>IF(Input!$K$13=1,J5024*Input!$J$13,0)+IF(Input!$K$14=1,K5024*Input!$J$14,0)+IF(Input!$K$15=1,L5024*Input!$J$15,0)+IF(Input!$K$16=1,M5024*Input!$J$16,0)</f>
        <v>0.46593660029415551</v>
      </c>
      <c r="O5024" s="58">
        <f>IF(Input!$K$13=2,J5024*Input!$J$13,0)+IF(Input!$K$14=2,K5024*Input!$J$14,0)+IF(Input!$K$15=2,L5024*Input!$J$15,0)+IF(Input!$K$16=2,M5024*Input!$J$16,0)</f>
        <v>3.2075174384225892E-2</v>
      </c>
      <c r="P5024" s="58">
        <f>IF(Input!$K$13=3,J5024*Input!$J$13,0)+IF(Input!$K$14=3,K5024*Input!$J$14,0)+IF(Input!$K$15=3,L5024*Input!$J$15,0)+IF(Input!$K$16=3,M5024*Input!$J$16,0)</f>
        <v>0</v>
      </c>
      <c r="Q5024" s="71">
        <f>IF(Input!$K$13=4,J5024*Input!$J$13,0)+IF(Input!$K$14=4,K5024*Input!$J$14,0)+IF(Input!$K$15=4,L5024*Input!$J$15,0)+IF(Input!$K$16=4,M5024*Input!$J$16,0)</f>
        <v>0</v>
      </c>
    </row>
    <row r="5025" spans="8:17" x14ac:dyDescent="0.25">
      <c r="H5025" s="43">
        <v>5018</v>
      </c>
      <c r="I5025" s="55">
        <f>Bühler!I5051</f>
        <v>0</v>
      </c>
      <c r="J5025" s="58">
        <f>Bühler!J5051</f>
        <v>3.5247285015155048</v>
      </c>
      <c r="K5025" s="58">
        <f>Bühler!K5051</f>
        <v>0.21383449589483927</v>
      </c>
      <c r="L5025" s="58">
        <f>Bühler!L5051</f>
        <v>0.10691724794741964</v>
      </c>
      <c r="M5025" s="57">
        <f>Bühler!M5051</f>
        <v>0</v>
      </c>
      <c r="N5025" s="55">
        <f>IF(Input!$K$13=1,J5025*Input!$J$13,0)+IF(Input!$K$14=1,K5025*Input!$J$14,0)+IF(Input!$K$15=1,L5025*Input!$J$15,0)+IF(Input!$K$16=1,M5025*Input!$J$16,0)</f>
        <v>0.42296742018186056</v>
      </c>
      <c r="O5025" s="58">
        <f>IF(Input!$K$13=2,J5025*Input!$J$13,0)+IF(Input!$K$14=2,K5025*Input!$J$14,0)+IF(Input!$K$15=2,L5025*Input!$J$15,0)+IF(Input!$K$16=2,M5025*Input!$J$16,0)</f>
        <v>2.8867656945803302E-2</v>
      </c>
      <c r="P5025" s="58">
        <f>IF(Input!$K$13=3,J5025*Input!$J$13,0)+IF(Input!$K$14=3,K5025*Input!$J$14,0)+IF(Input!$K$15=3,L5025*Input!$J$15,0)+IF(Input!$K$16=3,M5025*Input!$J$16,0)</f>
        <v>0</v>
      </c>
      <c r="Q5025" s="71">
        <f>IF(Input!$K$13=4,J5025*Input!$J$13,0)+IF(Input!$K$14=4,K5025*Input!$J$14,0)+IF(Input!$K$15=4,L5025*Input!$J$15,0)+IF(Input!$K$16=4,M5025*Input!$J$16,0)</f>
        <v>0</v>
      </c>
    </row>
    <row r="5026" spans="8:17" x14ac:dyDescent="0.25">
      <c r="H5026" s="43">
        <v>5019</v>
      </c>
      <c r="I5026" s="55">
        <f>Bühler!I5052</f>
        <v>0</v>
      </c>
      <c r="J5026" s="58">
        <f>Bühler!J5052</f>
        <v>3.5247285015155048</v>
      </c>
      <c r="K5026" s="58">
        <f>Bühler!K5052</f>
        <v>0.21383449589483927</v>
      </c>
      <c r="L5026" s="58">
        <f>Bühler!L5052</f>
        <v>0.10691724794741964</v>
      </c>
      <c r="M5026" s="57">
        <f>Bühler!M5052</f>
        <v>0</v>
      </c>
      <c r="N5026" s="55">
        <f>IF(Input!$K$13=1,J5026*Input!$J$13,0)+IF(Input!$K$14=1,K5026*Input!$J$14,0)+IF(Input!$K$15=1,L5026*Input!$J$15,0)+IF(Input!$K$16=1,M5026*Input!$J$16,0)</f>
        <v>0.42296742018186056</v>
      </c>
      <c r="O5026" s="58">
        <f>IF(Input!$K$13=2,J5026*Input!$J$13,0)+IF(Input!$K$14=2,K5026*Input!$J$14,0)+IF(Input!$K$15=2,L5026*Input!$J$15,0)+IF(Input!$K$16=2,M5026*Input!$J$16,0)</f>
        <v>2.8867656945803302E-2</v>
      </c>
      <c r="P5026" s="58">
        <f>IF(Input!$K$13=3,J5026*Input!$J$13,0)+IF(Input!$K$14=3,K5026*Input!$J$14,0)+IF(Input!$K$15=3,L5026*Input!$J$15,0)+IF(Input!$K$16=3,M5026*Input!$J$16,0)</f>
        <v>0</v>
      </c>
      <c r="Q5026" s="71">
        <f>IF(Input!$K$13=4,J5026*Input!$J$13,0)+IF(Input!$K$14=4,K5026*Input!$J$14,0)+IF(Input!$K$15=4,L5026*Input!$J$15,0)+IF(Input!$K$16=4,M5026*Input!$J$16,0)</f>
        <v>0</v>
      </c>
    </row>
    <row r="5027" spans="8:17" x14ac:dyDescent="0.25">
      <c r="H5027" s="43">
        <v>5020</v>
      </c>
      <c r="I5027" s="55">
        <f>Bühler!I5053</f>
        <v>0</v>
      </c>
      <c r="J5027" s="58">
        <f>Bühler!J5053</f>
        <v>3.5247285015155048</v>
      </c>
      <c r="K5027" s="58">
        <f>Bühler!K5053</f>
        <v>0.21383449589483927</v>
      </c>
      <c r="L5027" s="58">
        <f>Bühler!L5053</f>
        <v>0.10691724794741964</v>
      </c>
      <c r="M5027" s="57">
        <f>Bühler!M5053</f>
        <v>0</v>
      </c>
      <c r="N5027" s="55">
        <f>IF(Input!$K$13=1,J5027*Input!$J$13,0)+IF(Input!$K$14=1,K5027*Input!$J$14,0)+IF(Input!$K$15=1,L5027*Input!$J$15,0)+IF(Input!$K$16=1,M5027*Input!$J$16,0)</f>
        <v>0.42296742018186056</v>
      </c>
      <c r="O5027" s="58">
        <f>IF(Input!$K$13=2,J5027*Input!$J$13,0)+IF(Input!$K$14=2,K5027*Input!$J$14,0)+IF(Input!$K$15=2,L5027*Input!$J$15,0)+IF(Input!$K$16=2,M5027*Input!$J$16,0)</f>
        <v>2.8867656945803302E-2</v>
      </c>
      <c r="P5027" s="58">
        <f>IF(Input!$K$13=3,J5027*Input!$J$13,0)+IF(Input!$K$14=3,K5027*Input!$J$14,0)+IF(Input!$K$15=3,L5027*Input!$J$15,0)+IF(Input!$K$16=3,M5027*Input!$J$16,0)</f>
        <v>0</v>
      </c>
      <c r="Q5027" s="71">
        <f>IF(Input!$K$13=4,J5027*Input!$J$13,0)+IF(Input!$K$14=4,K5027*Input!$J$14,0)+IF(Input!$K$15=4,L5027*Input!$J$15,0)+IF(Input!$K$16=4,M5027*Input!$J$16,0)</f>
        <v>0</v>
      </c>
    </row>
    <row r="5028" spans="8:17" x14ac:dyDescent="0.25">
      <c r="H5028" s="43">
        <v>5021</v>
      </c>
      <c r="I5028" s="55">
        <f>Bühler!I5054</f>
        <v>0</v>
      </c>
      <c r="J5028" s="58">
        <f>Bühler!J5054</f>
        <v>3.5247285015155048</v>
      </c>
      <c r="K5028" s="58">
        <f>Bühler!K5054</f>
        <v>0.21383449589483927</v>
      </c>
      <c r="L5028" s="58">
        <f>Bühler!L5054</f>
        <v>0.10691724794741964</v>
      </c>
      <c r="M5028" s="57">
        <f>Bühler!M5054</f>
        <v>0</v>
      </c>
      <c r="N5028" s="55">
        <f>IF(Input!$K$13=1,J5028*Input!$J$13,0)+IF(Input!$K$14=1,K5028*Input!$J$14,0)+IF(Input!$K$15=1,L5028*Input!$J$15,0)+IF(Input!$K$16=1,M5028*Input!$J$16,0)</f>
        <v>0.42296742018186056</v>
      </c>
      <c r="O5028" s="58">
        <f>IF(Input!$K$13=2,J5028*Input!$J$13,0)+IF(Input!$K$14=2,K5028*Input!$J$14,0)+IF(Input!$K$15=2,L5028*Input!$J$15,0)+IF(Input!$K$16=2,M5028*Input!$J$16,0)</f>
        <v>2.8867656945803302E-2</v>
      </c>
      <c r="P5028" s="58">
        <f>IF(Input!$K$13=3,J5028*Input!$J$13,0)+IF(Input!$K$14=3,K5028*Input!$J$14,0)+IF(Input!$K$15=3,L5028*Input!$J$15,0)+IF(Input!$K$16=3,M5028*Input!$J$16,0)</f>
        <v>0</v>
      </c>
      <c r="Q5028" s="71">
        <f>IF(Input!$K$13=4,J5028*Input!$J$13,0)+IF(Input!$K$14=4,K5028*Input!$J$14,0)+IF(Input!$K$15=4,L5028*Input!$J$15,0)+IF(Input!$K$16=4,M5028*Input!$J$16,0)</f>
        <v>0</v>
      </c>
    </row>
    <row r="5029" spans="8:17" x14ac:dyDescent="0.25">
      <c r="H5029" s="43">
        <v>5022</v>
      </c>
      <c r="I5029" s="55">
        <f>Bühler!I5055</f>
        <v>0</v>
      </c>
      <c r="J5029" s="58">
        <f>Bühler!J5055</f>
        <v>3.5247285015155048</v>
      </c>
      <c r="K5029" s="58">
        <f>Bühler!K5055</f>
        <v>0.21383449589483927</v>
      </c>
      <c r="L5029" s="58">
        <f>Bühler!L5055</f>
        <v>0.10691724794741964</v>
      </c>
      <c r="M5029" s="57">
        <f>Bühler!M5055</f>
        <v>0</v>
      </c>
      <c r="N5029" s="55">
        <f>IF(Input!$K$13=1,J5029*Input!$J$13,0)+IF(Input!$K$14=1,K5029*Input!$J$14,0)+IF(Input!$K$15=1,L5029*Input!$J$15,0)+IF(Input!$K$16=1,M5029*Input!$J$16,0)</f>
        <v>0.42296742018186056</v>
      </c>
      <c r="O5029" s="58">
        <f>IF(Input!$K$13=2,J5029*Input!$J$13,0)+IF(Input!$K$14=2,K5029*Input!$J$14,0)+IF(Input!$K$15=2,L5029*Input!$J$15,0)+IF(Input!$K$16=2,M5029*Input!$J$16,0)</f>
        <v>2.8867656945803302E-2</v>
      </c>
      <c r="P5029" s="58">
        <f>IF(Input!$K$13=3,J5029*Input!$J$13,0)+IF(Input!$K$14=3,K5029*Input!$J$14,0)+IF(Input!$K$15=3,L5029*Input!$J$15,0)+IF(Input!$K$16=3,M5029*Input!$J$16,0)</f>
        <v>0</v>
      </c>
      <c r="Q5029" s="71">
        <f>IF(Input!$K$13=4,J5029*Input!$J$13,0)+IF(Input!$K$14=4,K5029*Input!$J$14,0)+IF(Input!$K$15=4,L5029*Input!$J$15,0)+IF(Input!$K$16=4,M5029*Input!$J$16,0)</f>
        <v>0</v>
      </c>
    </row>
    <row r="5030" spans="8:17" x14ac:dyDescent="0.25">
      <c r="H5030" s="43">
        <v>5023</v>
      </c>
      <c r="I5030" s="55">
        <f>Bühler!I5056</f>
        <v>0</v>
      </c>
      <c r="J5030" s="58">
        <f>Bühler!J5056</f>
        <v>3.5247285015155048</v>
      </c>
      <c r="K5030" s="58">
        <f>Bühler!K5056</f>
        <v>0.21383449589483927</v>
      </c>
      <c r="L5030" s="58">
        <f>Bühler!L5056</f>
        <v>0.10691724794741964</v>
      </c>
      <c r="M5030" s="57">
        <f>Bühler!M5056</f>
        <v>0</v>
      </c>
      <c r="N5030" s="55">
        <f>IF(Input!$K$13=1,J5030*Input!$J$13,0)+IF(Input!$K$14=1,K5030*Input!$J$14,0)+IF(Input!$K$15=1,L5030*Input!$J$15,0)+IF(Input!$K$16=1,M5030*Input!$J$16,0)</f>
        <v>0.42296742018186056</v>
      </c>
      <c r="O5030" s="58">
        <f>IF(Input!$K$13=2,J5030*Input!$J$13,0)+IF(Input!$K$14=2,K5030*Input!$J$14,0)+IF(Input!$K$15=2,L5030*Input!$J$15,0)+IF(Input!$K$16=2,M5030*Input!$J$16,0)</f>
        <v>2.8867656945803302E-2</v>
      </c>
      <c r="P5030" s="58">
        <f>IF(Input!$K$13=3,J5030*Input!$J$13,0)+IF(Input!$K$14=3,K5030*Input!$J$14,0)+IF(Input!$K$15=3,L5030*Input!$J$15,0)+IF(Input!$K$16=3,M5030*Input!$J$16,0)</f>
        <v>0</v>
      </c>
      <c r="Q5030" s="71">
        <f>IF(Input!$K$13=4,J5030*Input!$J$13,0)+IF(Input!$K$14=4,K5030*Input!$J$14,0)+IF(Input!$K$15=4,L5030*Input!$J$15,0)+IF(Input!$K$16=4,M5030*Input!$J$16,0)</f>
        <v>0</v>
      </c>
    </row>
    <row r="5031" spans="8:17" x14ac:dyDescent="0.25">
      <c r="H5031" s="43">
        <v>5024</v>
      </c>
      <c r="I5031" s="55">
        <f>Bühler!I5057</f>
        <v>0</v>
      </c>
      <c r="J5031" s="58">
        <f>Bühler!J5057</f>
        <v>3.5247285015155048</v>
      </c>
      <c r="K5031" s="58">
        <f>Bühler!K5057</f>
        <v>0.21383449589483927</v>
      </c>
      <c r="L5031" s="58">
        <f>Bühler!L5057</f>
        <v>0.10691724794741964</v>
      </c>
      <c r="M5031" s="57">
        <f>Bühler!M5057</f>
        <v>0</v>
      </c>
      <c r="N5031" s="55">
        <f>IF(Input!$K$13=1,J5031*Input!$J$13,0)+IF(Input!$K$14=1,K5031*Input!$J$14,0)+IF(Input!$K$15=1,L5031*Input!$J$15,0)+IF(Input!$K$16=1,M5031*Input!$J$16,0)</f>
        <v>0.42296742018186056</v>
      </c>
      <c r="O5031" s="58">
        <f>IF(Input!$K$13=2,J5031*Input!$J$13,0)+IF(Input!$K$14=2,K5031*Input!$J$14,0)+IF(Input!$K$15=2,L5031*Input!$J$15,0)+IF(Input!$K$16=2,M5031*Input!$J$16,0)</f>
        <v>2.8867656945803302E-2</v>
      </c>
      <c r="P5031" s="58">
        <f>IF(Input!$K$13=3,J5031*Input!$J$13,0)+IF(Input!$K$14=3,K5031*Input!$J$14,0)+IF(Input!$K$15=3,L5031*Input!$J$15,0)+IF(Input!$K$16=3,M5031*Input!$J$16,0)</f>
        <v>0</v>
      </c>
      <c r="Q5031" s="71">
        <f>IF(Input!$K$13=4,J5031*Input!$J$13,0)+IF(Input!$K$14=4,K5031*Input!$J$14,0)+IF(Input!$K$15=4,L5031*Input!$J$15,0)+IF(Input!$K$16=4,M5031*Input!$J$16,0)</f>
        <v>0</v>
      </c>
    </row>
    <row r="5032" spans="8:17" x14ac:dyDescent="0.25">
      <c r="H5032" s="43">
        <v>5025</v>
      </c>
      <c r="I5032" s="55">
        <f>Bühler!I5058</f>
        <v>0</v>
      </c>
      <c r="J5032" s="58">
        <f>Bühler!J5058</f>
        <v>3.5247285015155048</v>
      </c>
      <c r="K5032" s="58">
        <f>Bühler!K5058</f>
        <v>0.21383449589483927</v>
      </c>
      <c r="L5032" s="58">
        <f>Bühler!L5058</f>
        <v>0.10691724794741964</v>
      </c>
      <c r="M5032" s="57">
        <f>Bühler!M5058</f>
        <v>0</v>
      </c>
      <c r="N5032" s="55">
        <f>IF(Input!$K$13=1,J5032*Input!$J$13,0)+IF(Input!$K$14=1,K5032*Input!$J$14,0)+IF(Input!$K$15=1,L5032*Input!$J$15,0)+IF(Input!$K$16=1,M5032*Input!$J$16,0)</f>
        <v>0.42296742018186056</v>
      </c>
      <c r="O5032" s="58">
        <f>IF(Input!$K$13=2,J5032*Input!$J$13,0)+IF(Input!$K$14=2,K5032*Input!$J$14,0)+IF(Input!$K$15=2,L5032*Input!$J$15,0)+IF(Input!$K$16=2,M5032*Input!$J$16,0)</f>
        <v>2.8867656945803302E-2</v>
      </c>
      <c r="P5032" s="58">
        <f>IF(Input!$K$13=3,J5032*Input!$J$13,0)+IF(Input!$K$14=3,K5032*Input!$J$14,0)+IF(Input!$K$15=3,L5032*Input!$J$15,0)+IF(Input!$K$16=3,M5032*Input!$J$16,0)</f>
        <v>0</v>
      </c>
      <c r="Q5032" s="71">
        <f>IF(Input!$K$13=4,J5032*Input!$J$13,0)+IF(Input!$K$14=4,K5032*Input!$J$14,0)+IF(Input!$K$15=4,L5032*Input!$J$15,0)+IF(Input!$K$16=4,M5032*Input!$J$16,0)</f>
        <v>0</v>
      </c>
    </row>
    <row r="5033" spans="8:17" x14ac:dyDescent="0.25">
      <c r="H5033" s="43">
        <v>5026</v>
      </c>
      <c r="I5033" s="55">
        <f>Bühler!I5059</f>
        <v>0</v>
      </c>
      <c r="J5033" s="58">
        <f>Bühler!J5059</f>
        <v>3.5247285015155048</v>
      </c>
      <c r="K5033" s="58">
        <f>Bühler!K5059</f>
        <v>0.21383449589483927</v>
      </c>
      <c r="L5033" s="58">
        <f>Bühler!L5059</f>
        <v>0.10691724794741964</v>
      </c>
      <c r="M5033" s="57">
        <f>Bühler!M5059</f>
        <v>0</v>
      </c>
      <c r="N5033" s="55">
        <f>IF(Input!$K$13=1,J5033*Input!$J$13,0)+IF(Input!$K$14=1,K5033*Input!$J$14,0)+IF(Input!$K$15=1,L5033*Input!$J$15,0)+IF(Input!$K$16=1,M5033*Input!$J$16,0)</f>
        <v>0.42296742018186056</v>
      </c>
      <c r="O5033" s="58">
        <f>IF(Input!$K$13=2,J5033*Input!$J$13,0)+IF(Input!$K$14=2,K5033*Input!$J$14,0)+IF(Input!$K$15=2,L5033*Input!$J$15,0)+IF(Input!$K$16=2,M5033*Input!$J$16,0)</f>
        <v>2.8867656945803302E-2</v>
      </c>
      <c r="P5033" s="58">
        <f>IF(Input!$K$13=3,J5033*Input!$J$13,0)+IF(Input!$K$14=3,K5033*Input!$J$14,0)+IF(Input!$K$15=3,L5033*Input!$J$15,0)+IF(Input!$K$16=3,M5033*Input!$J$16,0)</f>
        <v>0</v>
      </c>
      <c r="Q5033" s="71">
        <f>IF(Input!$K$13=4,J5033*Input!$J$13,0)+IF(Input!$K$14=4,K5033*Input!$J$14,0)+IF(Input!$K$15=4,L5033*Input!$J$15,0)+IF(Input!$K$16=4,M5033*Input!$J$16,0)</f>
        <v>0</v>
      </c>
    </row>
    <row r="5034" spans="8:17" x14ac:dyDescent="0.25">
      <c r="H5034" s="43">
        <v>5027</v>
      </c>
      <c r="I5034" s="55">
        <f>Bühler!I5060</f>
        <v>0</v>
      </c>
      <c r="J5034" s="58">
        <f>Bühler!J5060</f>
        <v>3.5247285015155048</v>
      </c>
      <c r="K5034" s="58">
        <f>Bühler!K5060</f>
        <v>0.21383449589483927</v>
      </c>
      <c r="L5034" s="58">
        <f>Bühler!L5060</f>
        <v>0.10691724794741964</v>
      </c>
      <c r="M5034" s="57">
        <f>Bühler!M5060</f>
        <v>0</v>
      </c>
      <c r="N5034" s="55">
        <f>IF(Input!$K$13=1,J5034*Input!$J$13,0)+IF(Input!$K$14=1,K5034*Input!$J$14,0)+IF(Input!$K$15=1,L5034*Input!$J$15,0)+IF(Input!$K$16=1,M5034*Input!$J$16,0)</f>
        <v>0.42296742018186056</v>
      </c>
      <c r="O5034" s="58">
        <f>IF(Input!$K$13=2,J5034*Input!$J$13,0)+IF(Input!$K$14=2,K5034*Input!$J$14,0)+IF(Input!$K$15=2,L5034*Input!$J$15,0)+IF(Input!$K$16=2,M5034*Input!$J$16,0)</f>
        <v>2.8867656945803302E-2</v>
      </c>
      <c r="P5034" s="58">
        <f>IF(Input!$K$13=3,J5034*Input!$J$13,0)+IF(Input!$K$14=3,K5034*Input!$J$14,0)+IF(Input!$K$15=3,L5034*Input!$J$15,0)+IF(Input!$K$16=3,M5034*Input!$J$16,0)</f>
        <v>0</v>
      </c>
      <c r="Q5034" s="71">
        <f>IF(Input!$K$13=4,J5034*Input!$J$13,0)+IF(Input!$K$14=4,K5034*Input!$J$14,0)+IF(Input!$K$15=4,L5034*Input!$J$15,0)+IF(Input!$K$16=4,M5034*Input!$J$16,0)</f>
        <v>0</v>
      </c>
    </row>
    <row r="5035" spans="8:17" x14ac:dyDescent="0.25">
      <c r="H5035" s="43">
        <v>5028</v>
      </c>
      <c r="I5035" s="55">
        <f>Bühler!I5061</f>
        <v>0</v>
      </c>
      <c r="J5035" s="58">
        <f>Bühler!J5061</f>
        <v>3.5247285015155048</v>
      </c>
      <c r="K5035" s="58">
        <f>Bühler!K5061</f>
        <v>0.21383449589483927</v>
      </c>
      <c r="L5035" s="58">
        <f>Bühler!L5061</f>
        <v>0.10691724794741964</v>
      </c>
      <c r="M5035" s="57">
        <f>Bühler!M5061</f>
        <v>0</v>
      </c>
      <c r="N5035" s="55">
        <f>IF(Input!$K$13=1,J5035*Input!$J$13,0)+IF(Input!$K$14=1,K5035*Input!$J$14,0)+IF(Input!$K$15=1,L5035*Input!$J$15,0)+IF(Input!$K$16=1,M5035*Input!$J$16,0)</f>
        <v>0.42296742018186056</v>
      </c>
      <c r="O5035" s="58">
        <f>IF(Input!$K$13=2,J5035*Input!$J$13,0)+IF(Input!$K$14=2,K5035*Input!$J$14,0)+IF(Input!$K$15=2,L5035*Input!$J$15,0)+IF(Input!$K$16=2,M5035*Input!$J$16,0)</f>
        <v>2.8867656945803302E-2</v>
      </c>
      <c r="P5035" s="58">
        <f>IF(Input!$K$13=3,J5035*Input!$J$13,0)+IF(Input!$K$14=3,K5035*Input!$J$14,0)+IF(Input!$K$15=3,L5035*Input!$J$15,0)+IF(Input!$K$16=3,M5035*Input!$J$16,0)</f>
        <v>0</v>
      </c>
      <c r="Q5035" s="71">
        <f>IF(Input!$K$13=4,J5035*Input!$J$13,0)+IF(Input!$K$14=4,K5035*Input!$J$14,0)+IF(Input!$K$15=4,L5035*Input!$J$15,0)+IF(Input!$K$16=4,M5035*Input!$J$16,0)</f>
        <v>0</v>
      </c>
    </row>
    <row r="5036" spans="8:17" x14ac:dyDescent="0.25">
      <c r="H5036" s="43">
        <v>5029</v>
      </c>
      <c r="I5036" s="55">
        <f>Bühler!I5062</f>
        <v>0</v>
      </c>
      <c r="J5036" s="58">
        <f>Bühler!J5062</f>
        <v>3.5247285015155048</v>
      </c>
      <c r="K5036" s="58">
        <f>Bühler!K5062</f>
        <v>0.21383449589483927</v>
      </c>
      <c r="L5036" s="58">
        <f>Bühler!L5062</f>
        <v>0.10691724794741964</v>
      </c>
      <c r="M5036" s="57">
        <f>Bühler!M5062</f>
        <v>0</v>
      </c>
      <c r="N5036" s="55">
        <f>IF(Input!$K$13=1,J5036*Input!$J$13,0)+IF(Input!$K$14=1,K5036*Input!$J$14,0)+IF(Input!$K$15=1,L5036*Input!$J$15,0)+IF(Input!$K$16=1,M5036*Input!$J$16,0)</f>
        <v>0.42296742018186056</v>
      </c>
      <c r="O5036" s="58">
        <f>IF(Input!$K$13=2,J5036*Input!$J$13,0)+IF(Input!$K$14=2,K5036*Input!$J$14,0)+IF(Input!$K$15=2,L5036*Input!$J$15,0)+IF(Input!$K$16=2,M5036*Input!$J$16,0)</f>
        <v>2.8867656945803302E-2</v>
      </c>
      <c r="P5036" s="58">
        <f>IF(Input!$K$13=3,J5036*Input!$J$13,0)+IF(Input!$K$14=3,K5036*Input!$J$14,0)+IF(Input!$K$15=3,L5036*Input!$J$15,0)+IF(Input!$K$16=3,M5036*Input!$J$16,0)</f>
        <v>0</v>
      </c>
      <c r="Q5036" s="71">
        <f>IF(Input!$K$13=4,J5036*Input!$J$13,0)+IF(Input!$K$14=4,K5036*Input!$J$14,0)+IF(Input!$K$15=4,L5036*Input!$J$15,0)+IF(Input!$K$16=4,M5036*Input!$J$16,0)</f>
        <v>0</v>
      </c>
    </row>
    <row r="5037" spans="8:17" x14ac:dyDescent="0.25">
      <c r="H5037" s="43">
        <v>5030</v>
      </c>
      <c r="I5037" s="55">
        <f>Bühler!I5063</f>
        <v>0</v>
      </c>
      <c r="J5037" s="58">
        <f>Bühler!J5063</f>
        <v>3.5247285015155048</v>
      </c>
      <c r="K5037" s="58">
        <f>Bühler!K5063</f>
        <v>0.21383449589483927</v>
      </c>
      <c r="L5037" s="58">
        <f>Bühler!L5063</f>
        <v>0.10691724794741964</v>
      </c>
      <c r="M5037" s="57">
        <f>Bühler!M5063</f>
        <v>0</v>
      </c>
      <c r="N5037" s="55">
        <f>IF(Input!$K$13=1,J5037*Input!$J$13,0)+IF(Input!$K$14=1,K5037*Input!$J$14,0)+IF(Input!$K$15=1,L5037*Input!$J$15,0)+IF(Input!$K$16=1,M5037*Input!$J$16,0)</f>
        <v>0.42296742018186056</v>
      </c>
      <c r="O5037" s="58">
        <f>IF(Input!$K$13=2,J5037*Input!$J$13,0)+IF(Input!$K$14=2,K5037*Input!$J$14,0)+IF(Input!$K$15=2,L5037*Input!$J$15,0)+IF(Input!$K$16=2,M5037*Input!$J$16,0)</f>
        <v>2.8867656945803302E-2</v>
      </c>
      <c r="P5037" s="58">
        <f>IF(Input!$K$13=3,J5037*Input!$J$13,0)+IF(Input!$K$14=3,K5037*Input!$J$14,0)+IF(Input!$K$15=3,L5037*Input!$J$15,0)+IF(Input!$K$16=3,M5037*Input!$J$16,0)</f>
        <v>0</v>
      </c>
      <c r="Q5037" s="71">
        <f>IF(Input!$K$13=4,J5037*Input!$J$13,0)+IF(Input!$K$14=4,K5037*Input!$J$14,0)+IF(Input!$K$15=4,L5037*Input!$J$15,0)+IF(Input!$K$16=4,M5037*Input!$J$16,0)</f>
        <v>0</v>
      </c>
    </row>
    <row r="5038" spans="8:17" x14ac:dyDescent="0.25">
      <c r="H5038" s="43">
        <v>5031</v>
      </c>
      <c r="I5038" s="55">
        <f>Bühler!I5064</f>
        <v>0</v>
      </c>
      <c r="J5038" s="58">
        <f>Bühler!J5064</f>
        <v>3.5247285015155048</v>
      </c>
      <c r="K5038" s="58">
        <f>Bühler!K5064</f>
        <v>0.21383449589483927</v>
      </c>
      <c r="L5038" s="58">
        <f>Bühler!L5064</f>
        <v>0.10691724794741964</v>
      </c>
      <c r="M5038" s="57">
        <f>Bühler!M5064</f>
        <v>0</v>
      </c>
      <c r="N5038" s="55">
        <f>IF(Input!$K$13=1,J5038*Input!$J$13,0)+IF(Input!$K$14=1,K5038*Input!$J$14,0)+IF(Input!$K$15=1,L5038*Input!$J$15,0)+IF(Input!$K$16=1,M5038*Input!$J$16,0)</f>
        <v>0.42296742018186056</v>
      </c>
      <c r="O5038" s="58">
        <f>IF(Input!$K$13=2,J5038*Input!$J$13,0)+IF(Input!$K$14=2,K5038*Input!$J$14,0)+IF(Input!$K$15=2,L5038*Input!$J$15,0)+IF(Input!$K$16=2,M5038*Input!$J$16,0)</f>
        <v>2.8867656945803302E-2</v>
      </c>
      <c r="P5038" s="58">
        <f>IF(Input!$K$13=3,J5038*Input!$J$13,0)+IF(Input!$K$14=3,K5038*Input!$J$14,0)+IF(Input!$K$15=3,L5038*Input!$J$15,0)+IF(Input!$K$16=3,M5038*Input!$J$16,0)</f>
        <v>0</v>
      </c>
      <c r="Q5038" s="71">
        <f>IF(Input!$K$13=4,J5038*Input!$J$13,0)+IF(Input!$K$14=4,K5038*Input!$J$14,0)+IF(Input!$K$15=4,L5038*Input!$J$15,0)+IF(Input!$K$16=4,M5038*Input!$J$16,0)</f>
        <v>0</v>
      </c>
    </row>
    <row r="5039" spans="8:17" x14ac:dyDescent="0.25">
      <c r="H5039" s="43">
        <v>5032</v>
      </c>
      <c r="I5039" s="55">
        <f>Bühler!I5065</f>
        <v>0</v>
      </c>
      <c r="J5039" s="58">
        <f>Bühler!J5065</f>
        <v>3.5247285015155048</v>
      </c>
      <c r="K5039" s="58">
        <f>Bühler!K5065</f>
        <v>0.21383449589483927</v>
      </c>
      <c r="L5039" s="58">
        <f>Bühler!L5065</f>
        <v>0.10691724794741964</v>
      </c>
      <c r="M5039" s="57">
        <f>Bühler!M5065</f>
        <v>0</v>
      </c>
      <c r="N5039" s="55">
        <f>IF(Input!$K$13=1,J5039*Input!$J$13,0)+IF(Input!$K$14=1,K5039*Input!$J$14,0)+IF(Input!$K$15=1,L5039*Input!$J$15,0)+IF(Input!$K$16=1,M5039*Input!$J$16,0)</f>
        <v>0.42296742018186056</v>
      </c>
      <c r="O5039" s="58">
        <f>IF(Input!$K$13=2,J5039*Input!$J$13,0)+IF(Input!$K$14=2,K5039*Input!$J$14,0)+IF(Input!$K$15=2,L5039*Input!$J$15,0)+IF(Input!$K$16=2,M5039*Input!$J$16,0)</f>
        <v>2.8867656945803302E-2</v>
      </c>
      <c r="P5039" s="58">
        <f>IF(Input!$K$13=3,J5039*Input!$J$13,0)+IF(Input!$K$14=3,K5039*Input!$J$14,0)+IF(Input!$K$15=3,L5039*Input!$J$15,0)+IF(Input!$K$16=3,M5039*Input!$J$16,0)</f>
        <v>0</v>
      </c>
      <c r="Q5039" s="71">
        <f>IF(Input!$K$13=4,J5039*Input!$J$13,0)+IF(Input!$K$14=4,K5039*Input!$J$14,0)+IF(Input!$K$15=4,L5039*Input!$J$15,0)+IF(Input!$K$16=4,M5039*Input!$J$16,0)</f>
        <v>0</v>
      </c>
    </row>
    <row r="5040" spans="8:17" x14ac:dyDescent="0.25">
      <c r="H5040" s="43">
        <v>5033</v>
      </c>
      <c r="I5040" s="55">
        <f>Bühler!I5066</f>
        <v>0</v>
      </c>
      <c r="J5040" s="58">
        <f>Bühler!J5066</f>
        <v>3.5247285015155048</v>
      </c>
      <c r="K5040" s="58">
        <f>Bühler!K5066</f>
        <v>0.21383449589483927</v>
      </c>
      <c r="L5040" s="58">
        <f>Bühler!L5066</f>
        <v>0.10691724794741964</v>
      </c>
      <c r="M5040" s="57">
        <f>Bühler!M5066</f>
        <v>0</v>
      </c>
      <c r="N5040" s="55">
        <f>IF(Input!$K$13=1,J5040*Input!$J$13,0)+IF(Input!$K$14=1,K5040*Input!$J$14,0)+IF(Input!$K$15=1,L5040*Input!$J$15,0)+IF(Input!$K$16=1,M5040*Input!$J$16,0)</f>
        <v>0.42296742018186056</v>
      </c>
      <c r="O5040" s="58">
        <f>IF(Input!$K$13=2,J5040*Input!$J$13,0)+IF(Input!$K$14=2,K5040*Input!$J$14,0)+IF(Input!$K$15=2,L5040*Input!$J$15,0)+IF(Input!$K$16=2,M5040*Input!$J$16,0)</f>
        <v>2.8867656945803302E-2</v>
      </c>
      <c r="P5040" s="58">
        <f>IF(Input!$K$13=3,J5040*Input!$J$13,0)+IF(Input!$K$14=3,K5040*Input!$J$14,0)+IF(Input!$K$15=3,L5040*Input!$J$15,0)+IF(Input!$K$16=3,M5040*Input!$J$16,0)</f>
        <v>0</v>
      </c>
      <c r="Q5040" s="71">
        <f>IF(Input!$K$13=4,J5040*Input!$J$13,0)+IF(Input!$K$14=4,K5040*Input!$J$14,0)+IF(Input!$K$15=4,L5040*Input!$J$15,0)+IF(Input!$K$16=4,M5040*Input!$J$16,0)</f>
        <v>0</v>
      </c>
    </row>
    <row r="5041" spans="8:17" x14ac:dyDescent="0.25">
      <c r="H5041" s="43">
        <v>5034</v>
      </c>
      <c r="I5041" s="55">
        <f>Bühler!I5067</f>
        <v>0</v>
      </c>
      <c r="J5041" s="58">
        <f>Bühler!J5067</f>
        <v>3.5247285015155048</v>
      </c>
      <c r="K5041" s="58">
        <f>Bühler!K5067</f>
        <v>0.21383449589483927</v>
      </c>
      <c r="L5041" s="58">
        <f>Bühler!L5067</f>
        <v>0.10691724794741964</v>
      </c>
      <c r="M5041" s="57">
        <f>Bühler!M5067</f>
        <v>0</v>
      </c>
      <c r="N5041" s="55">
        <f>IF(Input!$K$13=1,J5041*Input!$J$13,0)+IF(Input!$K$14=1,K5041*Input!$J$14,0)+IF(Input!$K$15=1,L5041*Input!$J$15,0)+IF(Input!$K$16=1,M5041*Input!$J$16,0)</f>
        <v>0.42296742018186056</v>
      </c>
      <c r="O5041" s="58">
        <f>IF(Input!$K$13=2,J5041*Input!$J$13,0)+IF(Input!$K$14=2,K5041*Input!$J$14,0)+IF(Input!$K$15=2,L5041*Input!$J$15,0)+IF(Input!$K$16=2,M5041*Input!$J$16,0)</f>
        <v>2.8867656945803302E-2</v>
      </c>
      <c r="P5041" s="58">
        <f>IF(Input!$K$13=3,J5041*Input!$J$13,0)+IF(Input!$K$14=3,K5041*Input!$J$14,0)+IF(Input!$K$15=3,L5041*Input!$J$15,0)+IF(Input!$K$16=3,M5041*Input!$J$16,0)</f>
        <v>0</v>
      </c>
      <c r="Q5041" s="71">
        <f>IF(Input!$K$13=4,J5041*Input!$J$13,0)+IF(Input!$K$14=4,K5041*Input!$J$14,0)+IF(Input!$K$15=4,L5041*Input!$J$15,0)+IF(Input!$K$16=4,M5041*Input!$J$16,0)</f>
        <v>0</v>
      </c>
    </row>
    <row r="5042" spans="8:17" x14ac:dyDescent="0.25">
      <c r="H5042" s="43">
        <v>5035</v>
      </c>
      <c r="I5042" s="55">
        <f>Bühler!I5068</f>
        <v>0</v>
      </c>
      <c r="J5042" s="58">
        <f>Bühler!J5068</f>
        <v>3.5247285015155048</v>
      </c>
      <c r="K5042" s="58">
        <f>Bühler!K5068</f>
        <v>0.21383449589483927</v>
      </c>
      <c r="L5042" s="58">
        <f>Bühler!L5068</f>
        <v>0.10691724794741964</v>
      </c>
      <c r="M5042" s="57">
        <f>Bühler!M5068</f>
        <v>0</v>
      </c>
      <c r="N5042" s="55">
        <f>IF(Input!$K$13=1,J5042*Input!$J$13,0)+IF(Input!$K$14=1,K5042*Input!$J$14,0)+IF(Input!$K$15=1,L5042*Input!$J$15,0)+IF(Input!$K$16=1,M5042*Input!$J$16,0)</f>
        <v>0.42296742018186056</v>
      </c>
      <c r="O5042" s="58">
        <f>IF(Input!$K$13=2,J5042*Input!$J$13,0)+IF(Input!$K$14=2,K5042*Input!$J$14,0)+IF(Input!$K$15=2,L5042*Input!$J$15,0)+IF(Input!$K$16=2,M5042*Input!$J$16,0)</f>
        <v>2.8867656945803302E-2</v>
      </c>
      <c r="P5042" s="58">
        <f>IF(Input!$K$13=3,J5042*Input!$J$13,0)+IF(Input!$K$14=3,K5042*Input!$J$14,0)+IF(Input!$K$15=3,L5042*Input!$J$15,0)+IF(Input!$K$16=3,M5042*Input!$J$16,0)</f>
        <v>0</v>
      </c>
      <c r="Q5042" s="71">
        <f>IF(Input!$K$13=4,J5042*Input!$J$13,0)+IF(Input!$K$14=4,K5042*Input!$J$14,0)+IF(Input!$K$15=4,L5042*Input!$J$15,0)+IF(Input!$K$16=4,M5042*Input!$J$16,0)</f>
        <v>0</v>
      </c>
    </row>
    <row r="5043" spans="8:17" x14ac:dyDescent="0.25">
      <c r="H5043" s="43">
        <v>5036</v>
      </c>
      <c r="I5043" s="55">
        <f>Bühler!I5069</f>
        <v>0</v>
      </c>
      <c r="J5043" s="58">
        <f>Bühler!J5069</f>
        <v>3.5247285015155048</v>
      </c>
      <c r="K5043" s="58">
        <f>Bühler!K5069</f>
        <v>0.21383449589483927</v>
      </c>
      <c r="L5043" s="58">
        <f>Bühler!L5069</f>
        <v>0.10691724794741964</v>
      </c>
      <c r="M5043" s="57">
        <f>Bühler!M5069</f>
        <v>0</v>
      </c>
      <c r="N5043" s="55">
        <f>IF(Input!$K$13=1,J5043*Input!$J$13,0)+IF(Input!$K$14=1,K5043*Input!$J$14,0)+IF(Input!$K$15=1,L5043*Input!$J$15,0)+IF(Input!$K$16=1,M5043*Input!$J$16,0)</f>
        <v>0.42296742018186056</v>
      </c>
      <c r="O5043" s="58">
        <f>IF(Input!$K$13=2,J5043*Input!$J$13,0)+IF(Input!$K$14=2,K5043*Input!$J$14,0)+IF(Input!$K$15=2,L5043*Input!$J$15,0)+IF(Input!$K$16=2,M5043*Input!$J$16,0)</f>
        <v>2.8867656945803302E-2</v>
      </c>
      <c r="P5043" s="58">
        <f>IF(Input!$K$13=3,J5043*Input!$J$13,0)+IF(Input!$K$14=3,K5043*Input!$J$14,0)+IF(Input!$K$15=3,L5043*Input!$J$15,0)+IF(Input!$K$16=3,M5043*Input!$J$16,0)</f>
        <v>0</v>
      </c>
      <c r="Q5043" s="71">
        <f>IF(Input!$K$13=4,J5043*Input!$J$13,0)+IF(Input!$K$14=4,K5043*Input!$J$14,0)+IF(Input!$K$15=4,L5043*Input!$J$15,0)+IF(Input!$K$16=4,M5043*Input!$J$16,0)</f>
        <v>0</v>
      </c>
    </row>
    <row r="5044" spans="8:17" x14ac:dyDescent="0.25">
      <c r="H5044" s="43">
        <v>5037</v>
      </c>
      <c r="I5044" s="55">
        <f>Bühler!I5070</f>
        <v>0</v>
      </c>
      <c r="J5044" s="58">
        <f>Bühler!J5070</f>
        <v>3.5247285015155048</v>
      </c>
      <c r="K5044" s="58">
        <f>Bühler!K5070</f>
        <v>0.21383449589483927</v>
      </c>
      <c r="L5044" s="58">
        <f>Bühler!L5070</f>
        <v>0.10691724794741964</v>
      </c>
      <c r="M5044" s="57">
        <f>Bühler!M5070</f>
        <v>0</v>
      </c>
      <c r="N5044" s="55">
        <f>IF(Input!$K$13=1,J5044*Input!$J$13,0)+IF(Input!$K$14=1,K5044*Input!$J$14,0)+IF(Input!$K$15=1,L5044*Input!$J$15,0)+IF(Input!$K$16=1,M5044*Input!$J$16,0)</f>
        <v>0.42296742018186056</v>
      </c>
      <c r="O5044" s="58">
        <f>IF(Input!$K$13=2,J5044*Input!$J$13,0)+IF(Input!$K$14=2,K5044*Input!$J$14,0)+IF(Input!$K$15=2,L5044*Input!$J$15,0)+IF(Input!$K$16=2,M5044*Input!$J$16,0)</f>
        <v>2.8867656945803302E-2</v>
      </c>
      <c r="P5044" s="58">
        <f>IF(Input!$K$13=3,J5044*Input!$J$13,0)+IF(Input!$K$14=3,K5044*Input!$J$14,0)+IF(Input!$K$15=3,L5044*Input!$J$15,0)+IF(Input!$K$16=3,M5044*Input!$J$16,0)</f>
        <v>0</v>
      </c>
      <c r="Q5044" s="71">
        <f>IF(Input!$K$13=4,J5044*Input!$J$13,0)+IF(Input!$K$14=4,K5044*Input!$J$14,0)+IF(Input!$K$15=4,L5044*Input!$J$15,0)+IF(Input!$K$16=4,M5044*Input!$J$16,0)</f>
        <v>0</v>
      </c>
    </row>
    <row r="5045" spans="8:17" x14ac:dyDescent="0.25">
      <c r="H5045" s="43">
        <v>5038</v>
      </c>
      <c r="I5045" s="55">
        <f>Bühler!I5071</f>
        <v>0</v>
      </c>
      <c r="J5045" s="58">
        <f>Bühler!J5071</f>
        <v>3.5247285015155048</v>
      </c>
      <c r="K5045" s="58">
        <f>Bühler!K5071</f>
        <v>0.21383449589483927</v>
      </c>
      <c r="L5045" s="58">
        <f>Bühler!L5071</f>
        <v>0.10691724794741964</v>
      </c>
      <c r="M5045" s="57">
        <f>Bühler!M5071</f>
        <v>0</v>
      </c>
      <c r="N5045" s="55">
        <f>IF(Input!$K$13=1,J5045*Input!$J$13,0)+IF(Input!$K$14=1,K5045*Input!$J$14,0)+IF(Input!$K$15=1,L5045*Input!$J$15,0)+IF(Input!$K$16=1,M5045*Input!$J$16,0)</f>
        <v>0.42296742018186056</v>
      </c>
      <c r="O5045" s="58">
        <f>IF(Input!$K$13=2,J5045*Input!$J$13,0)+IF(Input!$K$14=2,K5045*Input!$J$14,0)+IF(Input!$K$15=2,L5045*Input!$J$15,0)+IF(Input!$K$16=2,M5045*Input!$J$16,0)</f>
        <v>2.8867656945803302E-2</v>
      </c>
      <c r="P5045" s="58">
        <f>IF(Input!$K$13=3,J5045*Input!$J$13,0)+IF(Input!$K$14=3,K5045*Input!$J$14,0)+IF(Input!$K$15=3,L5045*Input!$J$15,0)+IF(Input!$K$16=3,M5045*Input!$J$16,0)</f>
        <v>0</v>
      </c>
      <c r="Q5045" s="71">
        <f>IF(Input!$K$13=4,J5045*Input!$J$13,0)+IF(Input!$K$14=4,K5045*Input!$J$14,0)+IF(Input!$K$15=4,L5045*Input!$J$15,0)+IF(Input!$K$16=4,M5045*Input!$J$16,0)</f>
        <v>0</v>
      </c>
    </row>
    <row r="5046" spans="8:17" x14ac:dyDescent="0.25">
      <c r="H5046" s="43">
        <v>5039</v>
      </c>
      <c r="I5046" s="55">
        <f>Bühler!I5072</f>
        <v>0</v>
      </c>
      <c r="J5046" s="58">
        <f>Bühler!J5072</f>
        <v>3.5247285015155048</v>
      </c>
      <c r="K5046" s="58">
        <f>Bühler!K5072</f>
        <v>0.21383449589483927</v>
      </c>
      <c r="L5046" s="58">
        <f>Bühler!L5072</f>
        <v>0.10691724794741964</v>
      </c>
      <c r="M5046" s="57">
        <f>Bühler!M5072</f>
        <v>0</v>
      </c>
      <c r="N5046" s="55">
        <f>IF(Input!$K$13=1,J5046*Input!$J$13,0)+IF(Input!$K$14=1,K5046*Input!$J$14,0)+IF(Input!$K$15=1,L5046*Input!$J$15,0)+IF(Input!$K$16=1,M5046*Input!$J$16,0)</f>
        <v>0.42296742018186056</v>
      </c>
      <c r="O5046" s="58">
        <f>IF(Input!$K$13=2,J5046*Input!$J$13,0)+IF(Input!$K$14=2,K5046*Input!$J$14,0)+IF(Input!$K$15=2,L5046*Input!$J$15,0)+IF(Input!$K$16=2,M5046*Input!$J$16,0)</f>
        <v>2.8867656945803302E-2</v>
      </c>
      <c r="P5046" s="58">
        <f>IF(Input!$K$13=3,J5046*Input!$J$13,0)+IF(Input!$K$14=3,K5046*Input!$J$14,0)+IF(Input!$K$15=3,L5046*Input!$J$15,0)+IF(Input!$K$16=3,M5046*Input!$J$16,0)</f>
        <v>0</v>
      </c>
      <c r="Q5046" s="71">
        <f>IF(Input!$K$13=4,J5046*Input!$J$13,0)+IF(Input!$K$14=4,K5046*Input!$J$14,0)+IF(Input!$K$15=4,L5046*Input!$J$15,0)+IF(Input!$K$16=4,M5046*Input!$J$16,0)</f>
        <v>0</v>
      </c>
    </row>
    <row r="5047" spans="8:17" x14ac:dyDescent="0.25">
      <c r="H5047" s="43">
        <v>5040</v>
      </c>
      <c r="I5047" s="55">
        <f>Bühler!I5073</f>
        <v>0</v>
      </c>
      <c r="J5047" s="58">
        <f>Bühler!J5073</f>
        <v>3.5247285015155048</v>
      </c>
      <c r="K5047" s="58">
        <f>Bühler!K5073</f>
        <v>0.21383449589483927</v>
      </c>
      <c r="L5047" s="58">
        <f>Bühler!L5073</f>
        <v>0.10691724794741964</v>
      </c>
      <c r="M5047" s="57">
        <f>Bühler!M5073</f>
        <v>0</v>
      </c>
      <c r="N5047" s="55">
        <f>IF(Input!$K$13=1,J5047*Input!$J$13,0)+IF(Input!$K$14=1,K5047*Input!$J$14,0)+IF(Input!$K$15=1,L5047*Input!$J$15,0)+IF(Input!$K$16=1,M5047*Input!$J$16,0)</f>
        <v>0.42296742018186056</v>
      </c>
      <c r="O5047" s="58">
        <f>IF(Input!$K$13=2,J5047*Input!$J$13,0)+IF(Input!$K$14=2,K5047*Input!$J$14,0)+IF(Input!$K$15=2,L5047*Input!$J$15,0)+IF(Input!$K$16=2,M5047*Input!$J$16,0)</f>
        <v>2.8867656945803302E-2</v>
      </c>
      <c r="P5047" s="58">
        <f>IF(Input!$K$13=3,J5047*Input!$J$13,0)+IF(Input!$K$14=3,K5047*Input!$J$14,0)+IF(Input!$K$15=3,L5047*Input!$J$15,0)+IF(Input!$K$16=3,M5047*Input!$J$16,0)</f>
        <v>0</v>
      </c>
      <c r="Q5047" s="71">
        <f>IF(Input!$K$13=4,J5047*Input!$J$13,0)+IF(Input!$K$14=4,K5047*Input!$J$14,0)+IF(Input!$K$15=4,L5047*Input!$J$15,0)+IF(Input!$K$16=4,M5047*Input!$J$16,0)</f>
        <v>0</v>
      </c>
    </row>
    <row r="5048" spans="8:17" x14ac:dyDescent="0.25">
      <c r="H5048" s="43">
        <v>5041</v>
      </c>
      <c r="I5048" s="55">
        <f>Bühler!I5074</f>
        <v>7.2172186493001847E-2</v>
      </c>
      <c r="J5048" s="58">
        <f>Bühler!J5074</f>
        <v>3.8809076516148684</v>
      </c>
      <c r="K5048" s="58">
        <f>Bühler!K5074</f>
        <v>0.21661016729162763</v>
      </c>
      <c r="L5048" s="58">
        <f>Bühler!L5074</f>
        <v>0.10830508364581382</v>
      </c>
      <c r="M5048" s="57">
        <f>Bühler!M5074</f>
        <v>0</v>
      </c>
      <c r="N5048" s="55">
        <f>IF(Input!$K$13=1,J5048*Input!$J$13,0)+IF(Input!$K$14=1,K5048*Input!$J$14,0)+IF(Input!$K$15=1,L5048*Input!$J$15,0)+IF(Input!$K$16=1,M5048*Input!$J$16,0)</f>
        <v>0.46570891819378418</v>
      </c>
      <c r="O5048" s="58">
        <f>IF(Input!$K$13=2,J5048*Input!$J$13,0)+IF(Input!$K$14=2,K5048*Input!$J$14,0)+IF(Input!$K$15=2,L5048*Input!$J$15,0)+IF(Input!$K$16=2,M5048*Input!$J$16,0)</f>
        <v>2.9242372584369729E-2</v>
      </c>
      <c r="P5048" s="58">
        <f>IF(Input!$K$13=3,J5048*Input!$J$13,0)+IF(Input!$K$14=3,K5048*Input!$J$14,0)+IF(Input!$K$15=3,L5048*Input!$J$15,0)+IF(Input!$K$16=3,M5048*Input!$J$16,0)</f>
        <v>0</v>
      </c>
      <c r="Q5048" s="71">
        <f>IF(Input!$K$13=4,J5048*Input!$J$13,0)+IF(Input!$K$14=4,K5048*Input!$J$14,0)+IF(Input!$K$15=4,L5048*Input!$J$15,0)+IF(Input!$K$16=4,M5048*Input!$J$16,0)</f>
        <v>0</v>
      </c>
    </row>
    <row r="5049" spans="8:17" x14ac:dyDescent="0.25">
      <c r="H5049" s="43">
        <v>5042</v>
      </c>
      <c r="I5049" s="55">
        <f>Bühler!I5075</f>
        <v>8.38128617338086E-2</v>
      </c>
      <c r="J5049" s="58">
        <f>Bühler!J5075</f>
        <v>3.8813926797499021</v>
      </c>
      <c r="K5049" s="58">
        <f>Bühler!K5075</f>
        <v>0.21661016729162763</v>
      </c>
      <c r="L5049" s="58">
        <f>Bühler!L5075</f>
        <v>0.10830508364581382</v>
      </c>
      <c r="M5049" s="57">
        <f>Bühler!M5075</f>
        <v>0</v>
      </c>
      <c r="N5049" s="55">
        <f>IF(Input!$K$13=1,J5049*Input!$J$13,0)+IF(Input!$K$14=1,K5049*Input!$J$14,0)+IF(Input!$K$15=1,L5049*Input!$J$15,0)+IF(Input!$K$16=1,M5049*Input!$J$16,0)</f>
        <v>0.46576712156998823</v>
      </c>
      <c r="O5049" s="58">
        <f>IF(Input!$K$13=2,J5049*Input!$J$13,0)+IF(Input!$K$14=2,K5049*Input!$J$14,0)+IF(Input!$K$15=2,L5049*Input!$J$15,0)+IF(Input!$K$16=2,M5049*Input!$J$16,0)</f>
        <v>2.9242372584369729E-2</v>
      </c>
      <c r="P5049" s="58">
        <f>IF(Input!$K$13=3,J5049*Input!$J$13,0)+IF(Input!$K$14=3,K5049*Input!$J$14,0)+IF(Input!$K$15=3,L5049*Input!$J$15,0)+IF(Input!$K$16=3,M5049*Input!$J$16,0)</f>
        <v>0</v>
      </c>
      <c r="Q5049" s="71">
        <f>IF(Input!$K$13=4,J5049*Input!$J$13,0)+IF(Input!$K$14=4,K5049*Input!$J$14,0)+IF(Input!$K$15=4,L5049*Input!$J$15,0)+IF(Input!$K$16=4,M5049*Input!$J$16,0)</f>
        <v>0</v>
      </c>
    </row>
    <row r="5050" spans="8:17" x14ac:dyDescent="0.25">
      <c r="H5050" s="43">
        <v>5043</v>
      </c>
      <c r="I5050" s="55">
        <f>Bühler!I5076</f>
        <v>8.38128617338086E-2</v>
      </c>
      <c r="J5050" s="58">
        <f>Bühler!J5076</f>
        <v>3.8813926797499021</v>
      </c>
      <c r="K5050" s="58">
        <f>Bühler!K5076</f>
        <v>0.21661016729162763</v>
      </c>
      <c r="L5050" s="58">
        <f>Bühler!L5076</f>
        <v>0.10830508364581382</v>
      </c>
      <c r="M5050" s="57">
        <f>Bühler!M5076</f>
        <v>0</v>
      </c>
      <c r="N5050" s="55">
        <f>IF(Input!$K$13=1,J5050*Input!$J$13,0)+IF(Input!$K$14=1,K5050*Input!$J$14,0)+IF(Input!$K$15=1,L5050*Input!$J$15,0)+IF(Input!$K$16=1,M5050*Input!$J$16,0)</f>
        <v>0.46576712156998823</v>
      </c>
      <c r="O5050" s="58">
        <f>IF(Input!$K$13=2,J5050*Input!$J$13,0)+IF(Input!$K$14=2,K5050*Input!$J$14,0)+IF(Input!$K$15=2,L5050*Input!$J$15,0)+IF(Input!$K$16=2,M5050*Input!$J$16,0)</f>
        <v>2.9242372584369729E-2</v>
      </c>
      <c r="P5050" s="58">
        <f>IF(Input!$K$13=3,J5050*Input!$J$13,0)+IF(Input!$K$14=3,K5050*Input!$J$14,0)+IF(Input!$K$15=3,L5050*Input!$J$15,0)+IF(Input!$K$16=3,M5050*Input!$J$16,0)</f>
        <v>0</v>
      </c>
      <c r="Q5050" s="71">
        <f>IF(Input!$K$13=4,J5050*Input!$J$13,0)+IF(Input!$K$14=4,K5050*Input!$J$14,0)+IF(Input!$K$15=4,L5050*Input!$J$15,0)+IF(Input!$K$16=4,M5050*Input!$J$16,0)</f>
        <v>0</v>
      </c>
    </row>
    <row r="5051" spans="8:17" x14ac:dyDescent="0.25">
      <c r="H5051" s="43">
        <v>5044</v>
      </c>
      <c r="I5051" s="55">
        <f>Bühler!I5077</f>
        <v>8.38128617338086E-2</v>
      </c>
      <c r="J5051" s="58">
        <f>Bühler!J5077</f>
        <v>3.8813926797499021</v>
      </c>
      <c r="K5051" s="58">
        <f>Bühler!K5077</f>
        <v>0.21661016729162763</v>
      </c>
      <c r="L5051" s="58">
        <f>Bühler!L5077</f>
        <v>0.10830508364581382</v>
      </c>
      <c r="M5051" s="57">
        <f>Bühler!M5077</f>
        <v>0</v>
      </c>
      <c r="N5051" s="55">
        <f>IF(Input!$K$13=1,J5051*Input!$J$13,0)+IF(Input!$K$14=1,K5051*Input!$J$14,0)+IF(Input!$K$15=1,L5051*Input!$J$15,0)+IF(Input!$K$16=1,M5051*Input!$J$16,0)</f>
        <v>0.46576712156998823</v>
      </c>
      <c r="O5051" s="58">
        <f>IF(Input!$K$13=2,J5051*Input!$J$13,0)+IF(Input!$K$14=2,K5051*Input!$J$14,0)+IF(Input!$K$15=2,L5051*Input!$J$15,0)+IF(Input!$K$16=2,M5051*Input!$J$16,0)</f>
        <v>2.9242372584369729E-2</v>
      </c>
      <c r="P5051" s="58">
        <f>IF(Input!$K$13=3,J5051*Input!$J$13,0)+IF(Input!$K$14=3,K5051*Input!$J$14,0)+IF(Input!$K$15=3,L5051*Input!$J$15,0)+IF(Input!$K$16=3,M5051*Input!$J$16,0)</f>
        <v>0</v>
      </c>
      <c r="Q5051" s="71">
        <f>IF(Input!$K$13=4,J5051*Input!$J$13,0)+IF(Input!$K$14=4,K5051*Input!$J$14,0)+IF(Input!$K$15=4,L5051*Input!$J$15,0)+IF(Input!$K$16=4,M5051*Input!$J$16,0)</f>
        <v>0</v>
      </c>
    </row>
    <row r="5052" spans="8:17" x14ac:dyDescent="0.25">
      <c r="H5052" s="43">
        <v>5045</v>
      </c>
      <c r="I5052" s="55">
        <f>Bühler!I5078</f>
        <v>8.38128617338086E-2</v>
      </c>
      <c r="J5052" s="58">
        <f>Bühler!J5078</f>
        <v>3.8813926797499021</v>
      </c>
      <c r="K5052" s="58">
        <f>Bühler!K5078</f>
        <v>0.21661016729162763</v>
      </c>
      <c r="L5052" s="58">
        <f>Bühler!L5078</f>
        <v>0.10830508364581382</v>
      </c>
      <c r="M5052" s="57">
        <f>Bühler!M5078</f>
        <v>0</v>
      </c>
      <c r="N5052" s="55">
        <f>IF(Input!$K$13=1,J5052*Input!$J$13,0)+IF(Input!$K$14=1,K5052*Input!$J$14,0)+IF(Input!$K$15=1,L5052*Input!$J$15,0)+IF(Input!$K$16=1,M5052*Input!$J$16,0)</f>
        <v>0.46576712156998823</v>
      </c>
      <c r="O5052" s="58">
        <f>IF(Input!$K$13=2,J5052*Input!$J$13,0)+IF(Input!$K$14=2,K5052*Input!$J$14,0)+IF(Input!$K$15=2,L5052*Input!$J$15,0)+IF(Input!$K$16=2,M5052*Input!$J$16,0)</f>
        <v>2.9242372584369729E-2</v>
      </c>
      <c r="P5052" s="58">
        <f>IF(Input!$K$13=3,J5052*Input!$J$13,0)+IF(Input!$K$14=3,K5052*Input!$J$14,0)+IF(Input!$K$15=3,L5052*Input!$J$15,0)+IF(Input!$K$16=3,M5052*Input!$J$16,0)</f>
        <v>0</v>
      </c>
      <c r="Q5052" s="71">
        <f>IF(Input!$K$13=4,J5052*Input!$J$13,0)+IF(Input!$K$14=4,K5052*Input!$J$14,0)+IF(Input!$K$15=4,L5052*Input!$J$15,0)+IF(Input!$K$16=4,M5052*Input!$J$16,0)</f>
        <v>0</v>
      </c>
    </row>
    <row r="5053" spans="8:17" x14ac:dyDescent="0.25">
      <c r="H5053" s="43">
        <v>5046</v>
      </c>
      <c r="I5053" s="55">
        <f>Bühler!I5079</f>
        <v>0.10476607716726075</v>
      </c>
      <c r="J5053" s="58">
        <f>Bühler!J5079</f>
        <v>3.8822657303929624</v>
      </c>
      <c r="K5053" s="58">
        <f>Bühler!K5079</f>
        <v>0.21661016729162763</v>
      </c>
      <c r="L5053" s="58">
        <f>Bühler!L5079</f>
        <v>0.10830508364581382</v>
      </c>
      <c r="M5053" s="57">
        <f>Bühler!M5079</f>
        <v>0</v>
      </c>
      <c r="N5053" s="55">
        <f>IF(Input!$K$13=1,J5053*Input!$J$13,0)+IF(Input!$K$14=1,K5053*Input!$J$14,0)+IF(Input!$K$15=1,L5053*Input!$J$15,0)+IF(Input!$K$16=1,M5053*Input!$J$16,0)</f>
        <v>0.46587188764715548</v>
      </c>
      <c r="O5053" s="58">
        <f>IF(Input!$K$13=2,J5053*Input!$J$13,0)+IF(Input!$K$14=2,K5053*Input!$J$14,0)+IF(Input!$K$15=2,L5053*Input!$J$15,0)+IF(Input!$K$16=2,M5053*Input!$J$16,0)</f>
        <v>2.9242372584369729E-2</v>
      </c>
      <c r="P5053" s="58">
        <f>IF(Input!$K$13=3,J5053*Input!$J$13,0)+IF(Input!$K$14=3,K5053*Input!$J$14,0)+IF(Input!$K$15=3,L5053*Input!$J$15,0)+IF(Input!$K$16=3,M5053*Input!$J$16,0)</f>
        <v>0</v>
      </c>
      <c r="Q5053" s="71">
        <f>IF(Input!$K$13=4,J5053*Input!$J$13,0)+IF(Input!$K$14=4,K5053*Input!$J$14,0)+IF(Input!$K$15=4,L5053*Input!$J$15,0)+IF(Input!$K$16=4,M5053*Input!$J$16,0)</f>
        <v>0</v>
      </c>
    </row>
    <row r="5054" spans="8:17" x14ac:dyDescent="0.25">
      <c r="H5054" s="43">
        <v>5047</v>
      </c>
      <c r="I5054" s="55">
        <f>Bühler!I5080</f>
        <v>0.12339115755255155</v>
      </c>
      <c r="J5054" s="58">
        <f>Bühler!J5080</f>
        <v>3.8830417754090161</v>
      </c>
      <c r="K5054" s="58">
        <f>Bühler!K5080</f>
        <v>0.21661016729162763</v>
      </c>
      <c r="L5054" s="58">
        <f>Bühler!L5080</f>
        <v>0.10830508364581382</v>
      </c>
      <c r="M5054" s="57">
        <f>Bühler!M5080</f>
        <v>0</v>
      </c>
      <c r="N5054" s="55">
        <f>IF(Input!$K$13=1,J5054*Input!$J$13,0)+IF(Input!$K$14=1,K5054*Input!$J$14,0)+IF(Input!$K$15=1,L5054*Input!$J$15,0)+IF(Input!$K$16=1,M5054*Input!$J$16,0)</f>
        <v>0.46596501304908189</v>
      </c>
      <c r="O5054" s="58">
        <f>IF(Input!$K$13=2,J5054*Input!$J$13,0)+IF(Input!$K$14=2,K5054*Input!$J$14,0)+IF(Input!$K$15=2,L5054*Input!$J$15,0)+IF(Input!$K$16=2,M5054*Input!$J$16,0)</f>
        <v>2.9242372584369729E-2</v>
      </c>
      <c r="P5054" s="58">
        <f>IF(Input!$K$13=3,J5054*Input!$J$13,0)+IF(Input!$K$14=3,K5054*Input!$J$14,0)+IF(Input!$K$15=3,L5054*Input!$J$15,0)+IF(Input!$K$16=3,M5054*Input!$J$16,0)</f>
        <v>0</v>
      </c>
      <c r="Q5054" s="71">
        <f>IF(Input!$K$13=4,J5054*Input!$J$13,0)+IF(Input!$K$14=4,K5054*Input!$J$14,0)+IF(Input!$K$15=4,L5054*Input!$J$15,0)+IF(Input!$K$16=4,M5054*Input!$J$16,0)</f>
        <v>0</v>
      </c>
    </row>
    <row r="5055" spans="8:17" x14ac:dyDescent="0.25">
      <c r="H5055" s="43">
        <v>5048</v>
      </c>
      <c r="I5055" s="55">
        <f>Bühler!I5081</f>
        <v>0.14667250803416504</v>
      </c>
      <c r="J5055" s="58">
        <f>Bühler!J5081</f>
        <v>3.8840118316790835</v>
      </c>
      <c r="K5055" s="58">
        <f>Bühler!K5081</f>
        <v>0.21661016729162763</v>
      </c>
      <c r="L5055" s="58">
        <f>Bühler!L5081</f>
        <v>0.10830508364581382</v>
      </c>
      <c r="M5055" s="57">
        <f>Bühler!M5081</f>
        <v>0</v>
      </c>
      <c r="N5055" s="55">
        <f>IF(Input!$K$13=1,J5055*Input!$J$13,0)+IF(Input!$K$14=1,K5055*Input!$J$14,0)+IF(Input!$K$15=1,L5055*Input!$J$15,0)+IF(Input!$K$16=1,M5055*Input!$J$16,0)</f>
        <v>0.46608141980148998</v>
      </c>
      <c r="O5055" s="58">
        <f>IF(Input!$K$13=2,J5055*Input!$J$13,0)+IF(Input!$K$14=2,K5055*Input!$J$14,0)+IF(Input!$K$15=2,L5055*Input!$J$15,0)+IF(Input!$K$16=2,M5055*Input!$J$16,0)</f>
        <v>2.9242372584369729E-2</v>
      </c>
      <c r="P5055" s="58">
        <f>IF(Input!$K$13=3,J5055*Input!$J$13,0)+IF(Input!$K$14=3,K5055*Input!$J$14,0)+IF(Input!$K$15=3,L5055*Input!$J$15,0)+IF(Input!$K$16=3,M5055*Input!$J$16,0)</f>
        <v>0</v>
      </c>
      <c r="Q5055" s="71">
        <f>IF(Input!$K$13=4,J5055*Input!$J$13,0)+IF(Input!$K$14=4,K5055*Input!$J$14,0)+IF(Input!$K$15=4,L5055*Input!$J$15,0)+IF(Input!$K$16=4,M5055*Input!$J$16,0)</f>
        <v>0</v>
      </c>
    </row>
    <row r="5056" spans="8:17" x14ac:dyDescent="0.25">
      <c r="H5056" s="43">
        <v>5049</v>
      </c>
      <c r="I5056" s="55">
        <f>Bühler!I5082</f>
        <v>0.14667250803416504</v>
      </c>
      <c r="J5056" s="58">
        <f>Bühler!J5082</f>
        <v>3.8840118316790835</v>
      </c>
      <c r="K5056" s="58">
        <f>Bühler!K5082</f>
        <v>0.21661016729162763</v>
      </c>
      <c r="L5056" s="58">
        <f>Bühler!L5082</f>
        <v>0.10830508364581382</v>
      </c>
      <c r="M5056" s="57">
        <f>Bühler!M5082</f>
        <v>0</v>
      </c>
      <c r="N5056" s="55">
        <f>IF(Input!$K$13=1,J5056*Input!$J$13,0)+IF(Input!$K$14=1,K5056*Input!$J$14,0)+IF(Input!$K$15=1,L5056*Input!$J$15,0)+IF(Input!$K$16=1,M5056*Input!$J$16,0)</f>
        <v>0.46608141980148998</v>
      </c>
      <c r="O5056" s="58">
        <f>IF(Input!$K$13=2,J5056*Input!$J$13,0)+IF(Input!$K$14=2,K5056*Input!$J$14,0)+IF(Input!$K$15=2,L5056*Input!$J$15,0)+IF(Input!$K$16=2,M5056*Input!$J$16,0)</f>
        <v>2.9242372584369729E-2</v>
      </c>
      <c r="P5056" s="58">
        <f>IF(Input!$K$13=3,J5056*Input!$J$13,0)+IF(Input!$K$14=3,K5056*Input!$J$14,0)+IF(Input!$K$15=3,L5056*Input!$J$15,0)+IF(Input!$K$16=3,M5056*Input!$J$16,0)</f>
        <v>0</v>
      </c>
      <c r="Q5056" s="71">
        <f>IF(Input!$K$13=4,J5056*Input!$J$13,0)+IF(Input!$K$14=4,K5056*Input!$J$14,0)+IF(Input!$K$15=4,L5056*Input!$J$15,0)+IF(Input!$K$16=4,M5056*Input!$J$16,0)</f>
        <v>0</v>
      </c>
    </row>
    <row r="5057" spans="8:17" x14ac:dyDescent="0.25">
      <c r="H5057" s="43">
        <v>5050</v>
      </c>
      <c r="I5057" s="55">
        <f>Bühler!I5083</f>
        <v>0.14667250803416504</v>
      </c>
      <c r="J5057" s="58">
        <f>Bühler!J5083</f>
        <v>3.8840118316790835</v>
      </c>
      <c r="K5057" s="58">
        <f>Bühler!K5083</f>
        <v>0.21661016729162763</v>
      </c>
      <c r="L5057" s="58">
        <f>Bühler!L5083</f>
        <v>0.10830508364581382</v>
      </c>
      <c r="M5057" s="57">
        <f>Bühler!M5083</f>
        <v>0</v>
      </c>
      <c r="N5057" s="55">
        <f>IF(Input!$K$13=1,J5057*Input!$J$13,0)+IF(Input!$K$14=1,K5057*Input!$J$14,0)+IF(Input!$K$15=1,L5057*Input!$J$15,0)+IF(Input!$K$16=1,M5057*Input!$J$16,0)</f>
        <v>0.46608141980148998</v>
      </c>
      <c r="O5057" s="58">
        <f>IF(Input!$K$13=2,J5057*Input!$J$13,0)+IF(Input!$K$14=2,K5057*Input!$J$14,0)+IF(Input!$K$15=2,L5057*Input!$J$15,0)+IF(Input!$K$16=2,M5057*Input!$J$16,0)</f>
        <v>2.9242372584369729E-2</v>
      </c>
      <c r="P5057" s="58">
        <f>IF(Input!$K$13=3,J5057*Input!$J$13,0)+IF(Input!$K$14=3,K5057*Input!$J$14,0)+IF(Input!$K$15=3,L5057*Input!$J$15,0)+IF(Input!$K$16=3,M5057*Input!$J$16,0)</f>
        <v>0</v>
      </c>
      <c r="Q5057" s="71">
        <f>IF(Input!$K$13=4,J5057*Input!$J$13,0)+IF(Input!$K$14=4,K5057*Input!$J$14,0)+IF(Input!$K$15=4,L5057*Input!$J$15,0)+IF(Input!$K$16=4,M5057*Input!$J$16,0)</f>
        <v>0</v>
      </c>
    </row>
    <row r="5058" spans="8:17" x14ac:dyDescent="0.25">
      <c r="H5058" s="43">
        <v>5051</v>
      </c>
      <c r="I5058" s="55">
        <f>Bühler!I5084</f>
        <v>0.14667250803416504</v>
      </c>
      <c r="J5058" s="58">
        <f>Bühler!J5084</f>
        <v>3.8840118316790835</v>
      </c>
      <c r="K5058" s="58">
        <f>Bühler!K5084</f>
        <v>0.21661016729162763</v>
      </c>
      <c r="L5058" s="58">
        <f>Bühler!L5084</f>
        <v>0.10830508364581382</v>
      </c>
      <c r="M5058" s="57">
        <f>Bühler!M5084</f>
        <v>0</v>
      </c>
      <c r="N5058" s="55">
        <f>IF(Input!$K$13=1,J5058*Input!$J$13,0)+IF(Input!$K$14=1,K5058*Input!$J$14,0)+IF(Input!$K$15=1,L5058*Input!$J$15,0)+IF(Input!$K$16=1,M5058*Input!$J$16,0)</f>
        <v>0.46608141980148998</v>
      </c>
      <c r="O5058" s="58">
        <f>IF(Input!$K$13=2,J5058*Input!$J$13,0)+IF(Input!$K$14=2,K5058*Input!$J$14,0)+IF(Input!$K$15=2,L5058*Input!$J$15,0)+IF(Input!$K$16=2,M5058*Input!$J$16,0)</f>
        <v>2.9242372584369729E-2</v>
      </c>
      <c r="P5058" s="58">
        <f>IF(Input!$K$13=3,J5058*Input!$J$13,0)+IF(Input!$K$14=3,K5058*Input!$J$14,0)+IF(Input!$K$15=3,L5058*Input!$J$15,0)+IF(Input!$K$16=3,M5058*Input!$J$16,0)</f>
        <v>0</v>
      </c>
      <c r="Q5058" s="71">
        <f>IF(Input!$K$13=4,J5058*Input!$J$13,0)+IF(Input!$K$14=4,K5058*Input!$J$14,0)+IF(Input!$K$15=4,L5058*Input!$J$15,0)+IF(Input!$K$16=4,M5058*Input!$J$16,0)</f>
        <v>0</v>
      </c>
    </row>
    <row r="5059" spans="8:17" x14ac:dyDescent="0.25">
      <c r="H5059" s="43">
        <v>5052</v>
      </c>
      <c r="I5059" s="55">
        <f>Bühler!I5085</f>
        <v>0.14667250803416504</v>
      </c>
      <c r="J5059" s="58">
        <f>Bühler!J5085</f>
        <v>3.8840118316790835</v>
      </c>
      <c r="K5059" s="58">
        <f>Bühler!K5085</f>
        <v>0.21661016729162763</v>
      </c>
      <c r="L5059" s="58">
        <f>Bühler!L5085</f>
        <v>0.10830508364581382</v>
      </c>
      <c r="M5059" s="57">
        <f>Bühler!M5085</f>
        <v>0</v>
      </c>
      <c r="N5059" s="55">
        <f>IF(Input!$K$13=1,J5059*Input!$J$13,0)+IF(Input!$K$14=1,K5059*Input!$J$14,0)+IF(Input!$K$15=1,L5059*Input!$J$15,0)+IF(Input!$K$16=1,M5059*Input!$J$16,0)</f>
        <v>0.46608141980148998</v>
      </c>
      <c r="O5059" s="58">
        <f>IF(Input!$K$13=2,J5059*Input!$J$13,0)+IF(Input!$K$14=2,K5059*Input!$J$14,0)+IF(Input!$K$15=2,L5059*Input!$J$15,0)+IF(Input!$K$16=2,M5059*Input!$J$16,0)</f>
        <v>2.9242372584369729E-2</v>
      </c>
      <c r="P5059" s="58">
        <f>IF(Input!$K$13=3,J5059*Input!$J$13,0)+IF(Input!$K$14=3,K5059*Input!$J$14,0)+IF(Input!$K$15=3,L5059*Input!$J$15,0)+IF(Input!$K$16=3,M5059*Input!$J$16,0)</f>
        <v>0</v>
      </c>
      <c r="Q5059" s="71">
        <f>IF(Input!$K$13=4,J5059*Input!$J$13,0)+IF(Input!$K$14=4,K5059*Input!$J$14,0)+IF(Input!$K$15=4,L5059*Input!$J$15,0)+IF(Input!$K$16=4,M5059*Input!$J$16,0)</f>
        <v>0</v>
      </c>
    </row>
    <row r="5060" spans="8:17" x14ac:dyDescent="0.25">
      <c r="H5060" s="43">
        <v>5053</v>
      </c>
      <c r="I5060" s="55">
        <f>Bühler!I5086</f>
        <v>0.14667250803416504</v>
      </c>
      <c r="J5060" s="58">
        <f>Bühler!J5086</f>
        <v>3.8840118316790835</v>
      </c>
      <c r="K5060" s="58">
        <f>Bühler!K5086</f>
        <v>0.21661016729162763</v>
      </c>
      <c r="L5060" s="58">
        <f>Bühler!L5086</f>
        <v>0.10830508364581382</v>
      </c>
      <c r="M5060" s="57">
        <f>Bühler!M5086</f>
        <v>0</v>
      </c>
      <c r="N5060" s="55">
        <f>IF(Input!$K$13=1,J5060*Input!$J$13,0)+IF(Input!$K$14=1,K5060*Input!$J$14,0)+IF(Input!$K$15=1,L5060*Input!$J$15,0)+IF(Input!$K$16=1,M5060*Input!$J$16,0)</f>
        <v>0.46608141980148998</v>
      </c>
      <c r="O5060" s="58">
        <f>IF(Input!$K$13=2,J5060*Input!$J$13,0)+IF(Input!$K$14=2,K5060*Input!$J$14,0)+IF(Input!$K$15=2,L5060*Input!$J$15,0)+IF(Input!$K$16=2,M5060*Input!$J$16,0)</f>
        <v>2.9242372584369729E-2</v>
      </c>
      <c r="P5060" s="58">
        <f>IF(Input!$K$13=3,J5060*Input!$J$13,0)+IF(Input!$K$14=3,K5060*Input!$J$14,0)+IF(Input!$K$15=3,L5060*Input!$J$15,0)+IF(Input!$K$16=3,M5060*Input!$J$16,0)</f>
        <v>0</v>
      </c>
      <c r="Q5060" s="71">
        <f>IF(Input!$K$13=4,J5060*Input!$J$13,0)+IF(Input!$K$14=4,K5060*Input!$J$14,0)+IF(Input!$K$15=4,L5060*Input!$J$15,0)+IF(Input!$K$16=4,M5060*Input!$J$16,0)</f>
        <v>0</v>
      </c>
    </row>
    <row r="5061" spans="8:17" x14ac:dyDescent="0.25">
      <c r="H5061" s="43">
        <v>5054</v>
      </c>
      <c r="I5061" s="55">
        <f>Bühler!I5087</f>
        <v>0.14667250803416504</v>
      </c>
      <c r="J5061" s="58">
        <f>Bühler!J5087</f>
        <v>3.8840118316790835</v>
      </c>
      <c r="K5061" s="58">
        <f>Bühler!K5087</f>
        <v>0.21661016729162763</v>
      </c>
      <c r="L5061" s="58">
        <f>Bühler!L5087</f>
        <v>0.10830508364581382</v>
      </c>
      <c r="M5061" s="57">
        <f>Bühler!M5087</f>
        <v>0</v>
      </c>
      <c r="N5061" s="55">
        <f>IF(Input!$K$13=1,J5061*Input!$J$13,0)+IF(Input!$K$14=1,K5061*Input!$J$14,0)+IF(Input!$K$15=1,L5061*Input!$J$15,0)+IF(Input!$K$16=1,M5061*Input!$J$16,0)</f>
        <v>0.46608141980148998</v>
      </c>
      <c r="O5061" s="58">
        <f>IF(Input!$K$13=2,J5061*Input!$J$13,0)+IF(Input!$K$14=2,K5061*Input!$J$14,0)+IF(Input!$K$15=2,L5061*Input!$J$15,0)+IF(Input!$K$16=2,M5061*Input!$J$16,0)</f>
        <v>2.9242372584369729E-2</v>
      </c>
      <c r="P5061" s="58">
        <f>IF(Input!$K$13=3,J5061*Input!$J$13,0)+IF(Input!$K$14=3,K5061*Input!$J$14,0)+IF(Input!$K$15=3,L5061*Input!$J$15,0)+IF(Input!$K$16=3,M5061*Input!$J$16,0)</f>
        <v>0</v>
      </c>
      <c r="Q5061" s="71">
        <f>IF(Input!$K$13=4,J5061*Input!$J$13,0)+IF(Input!$K$14=4,K5061*Input!$J$14,0)+IF(Input!$K$15=4,L5061*Input!$J$15,0)+IF(Input!$K$16=4,M5061*Input!$J$16,0)</f>
        <v>0</v>
      </c>
    </row>
    <row r="5062" spans="8:17" x14ac:dyDescent="0.25">
      <c r="H5062" s="43">
        <v>5055</v>
      </c>
      <c r="I5062" s="55">
        <f>Bühler!I5088</f>
        <v>0.14667250803416504</v>
      </c>
      <c r="J5062" s="58">
        <f>Bühler!J5088</f>
        <v>3.8840118316790835</v>
      </c>
      <c r="K5062" s="58">
        <f>Bühler!K5088</f>
        <v>0.21661016729162763</v>
      </c>
      <c r="L5062" s="58">
        <f>Bühler!L5088</f>
        <v>0.10830508364581382</v>
      </c>
      <c r="M5062" s="57">
        <f>Bühler!M5088</f>
        <v>0</v>
      </c>
      <c r="N5062" s="55">
        <f>IF(Input!$K$13=1,J5062*Input!$J$13,0)+IF(Input!$K$14=1,K5062*Input!$J$14,0)+IF(Input!$K$15=1,L5062*Input!$J$15,0)+IF(Input!$K$16=1,M5062*Input!$J$16,0)</f>
        <v>0.46608141980148998</v>
      </c>
      <c r="O5062" s="58">
        <f>IF(Input!$K$13=2,J5062*Input!$J$13,0)+IF(Input!$K$14=2,K5062*Input!$J$14,0)+IF(Input!$K$15=2,L5062*Input!$J$15,0)+IF(Input!$K$16=2,M5062*Input!$J$16,0)</f>
        <v>2.9242372584369729E-2</v>
      </c>
      <c r="P5062" s="58">
        <f>IF(Input!$K$13=3,J5062*Input!$J$13,0)+IF(Input!$K$14=3,K5062*Input!$J$14,0)+IF(Input!$K$15=3,L5062*Input!$J$15,0)+IF(Input!$K$16=3,M5062*Input!$J$16,0)</f>
        <v>0</v>
      </c>
      <c r="Q5062" s="71">
        <f>IF(Input!$K$13=4,J5062*Input!$J$13,0)+IF(Input!$K$14=4,K5062*Input!$J$14,0)+IF(Input!$K$15=4,L5062*Input!$J$15,0)+IF(Input!$K$16=4,M5062*Input!$J$16,0)</f>
        <v>0</v>
      </c>
    </row>
    <row r="5063" spans="8:17" x14ac:dyDescent="0.25">
      <c r="H5063" s="43">
        <v>5056</v>
      </c>
      <c r="I5063" s="55">
        <f>Bühler!I5089</f>
        <v>0.1303755626970356</v>
      </c>
      <c r="J5063" s="58">
        <f>Bühler!J5089</f>
        <v>3.8833327922900365</v>
      </c>
      <c r="K5063" s="58">
        <f>Bühler!K5089</f>
        <v>0.21661016729162763</v>
      </c>
      <c r="L5063" s="58">
        <f>Bühler!L5089</f>
        <v>0.10830508364581382</v>
      </c>
      <c r="M5063" s="57">
        <f>Bühler!M5089</f>
        <v>0</v>
      </c>
      <c r="N5063" s="55">
        <f>IF(Input!$K$13=1,J5063*Input!$J$13,0)+IF(Input!$K$14=1,K5063*Input!$J$14,0)+IF(Input!$K$15=1,L5063*Input!$J$15,0)+IF(Input!$K$16=1,M5063*Input!$J$16,0)</f>
        <v>0.46599993507480436</v>
      </c>
      <c r="O5063" s="58">
        <f>IF(Input!$K$13=2,J5063*Input!$J$13,0)+IF(Input!$K$14=2,K5063*Input!$J$14,0)+IF(Input!$K$15=2,L5063*Input!$J$15,0)+IF(Input!$K$16=2,M5063*Input!$J$16,0)</f>
        <v>2.9242372584369729E-2</v>
      </c>
      <c r="P5063" s="58">
        <f>IF(Input!$K$13=3,J5063*Input!$J$13,0)+IF(Input!$K$14=3,K5063*Input!$J$14,0)+IF(Input!$K$15=3,L5063*Input!$J$15,0)+IF(Input!$K$16=3,M5063*Input!$J$16,0)</f>
        <v>0</v>
      </c>
      <c r="Q5063" s="71">
        <f>IF(Input!$K$13=4,J5063*Input!$J$13,0)+IF(Input!$K$14=4,K5063*Input!$J$14,0)+IF(Input!$K$15=4,L5063*Input!$J$15,0)+IF(Input!$K$16=4,M5063*Input!$J$16,0)</f>
        <v>0</v>
      </c>
    </row>
    <row r="5064" spans="8:17" x14ac:dyDescent="0.25">
      <c r="H5064" s="43">
        <v>5057</v>
      </c>
      <c r="I5064" s="55">
        <f>Bühler!I5090</f>
        <v>0.12804742764887425</v>
      </c>
      <c r="J5064" s="58">
        <f>Bühler!J5090</f>
        <v>3.8832357866630298</v>
      </c>
      <c r="K5064" s="58">
        <f>Bühler!K5090</f>
        <v>0.21661016729162763</v>
      </c>
      <c r="L5064" s="58">
        <f>Bühler!L5090</f>
        <v>0.10830508364581382</v>
      </c>
      <c r="M5064" s="57">
        <f>Bühler!M5090</f>
        <v>0</v>
      </c>
      <c r="N5064" s="55">
        <f>IF(Input!$K$13=1,J5064*Input!$J$13,0)+IF(Input!$K$14=1,K5064*Input!$J$14,0)+IF(Input!$K$15=1,L5064*Input!$J$15,0)+IF(Input!$K$16=1,M5064*Input!$J$16,0)</f>
        <v>0.46598829439956357</v>
      </c>
      <c r="O5064" s="58">
        <f>IF(Input!$K$13=2,J5064*Input!$J$13,0)+IF(Input!$K$14=2,K5064*Input!$J$14,0)+IF(Input!$K$15=2,L5064*Input!$J$15,0)+IF(Input!$K$16=2,M5064*Input!$J$16,0)</f>
        <v>2.9242372584369729E-2</v>
      </c>
      <c r="P5064" s="58">
        <f>IF(Input!$K$13=3,J5064*Input!$J$13,0)+IF(Input!$K$14=3,K5064*Input!$J$14,0)+IF(Input!$K$15=3,L5064*Input!$J$15,0)+IF(Input!$K$16=3,M5064*Input!$J$16,0)</f>
        <v>0</v>
      </c>
      <c r="Q5064" s="71">
        <f>IF(Input!$K$13=4,J5064*Input!$J$13,0)+IF(Input!$K$14=4,K5064*Input!$J$14,0)+IF(Input!$K$15=4,L5064*Input!$J$15,0)+IF(Input!$K$16=4,M5064*Input!$J$16,0)</f>
        <v>0</v>
      </c>
    </row>
    <row r="5065" spans="8:17" x14ac:dyDescent="0.25">
      <c r="H5065" s="43">
        <v>5058</v>
      </c>
      <c r="I5065" s="55">
        <f>Bühler!I5091</f>
        <v>0.10942234726358345</v>
      </c>
      <c r="J5065" s="58">
        <f>Bühler!J5091</f>
        <v>3.8824597416469757</v>
      </c>
      <c r="K5065" s="58">
        <f>Bühler!K5091</f>
        <v>0.21661016729162763</v>
      </c>
      <c r="L5065" s="58">
        <f>Bühler!L5091</f>
        <v>0.10830508364581382</v>
      </c>
      <c r="M5065" s="57">
        <f>Bühler!M5091</f>
        <v>0</v>
      </c>
      <c r="N5065" s="55">
        <f>IF(Input!$K$13=1,J5065*Input!$J$13,0)+IF(Input!$K$14=1,K5065*Input!$J$14,0)+IF(Input!$K$15=1,L5065*Input!$J$15,0)+IF(Input!$K$16=1,M5065*Input!$J$16,0)</f>
        <v>0.46589516899763705</v>
      </c>
      <c r="O5065" s="58">
        <f>IF(Input!$K$13=2,J5065*Input!$J$13,0)+IF(Input!$K$14=2,K5065*Input!$J$14,0)+IF(Input!$K$15=2,L5065*Input!$J$15,0)+IF(Input!$K$16=2,M5065*Input!$J$16,0)</f>
        <v>2.9242372584369729E-2</v>
      </c>
      <c r="P5065" s="58">
        <f>IF(Input!$K$13=3,J5065*Input!$J$13,0)+IF(Input!$K$14=3,K5065*Input!$J$14,0)+IF(Input!$K$15=3,L5065*Input!$J$15,0)+IF(Input!$K$16=3,M5065*Input!$J$16,0)</f>
        <v>0</v>
      </c>
      <c r="Q5065" s="71">
        <f>IF(Input!$K$13=4,J5065*Input!$J$13,0)+IF(Input!$K$14=4,K5065*Input!$J$14,0)+IF(Input!$K$15=4,L5065*Input!$J$15,0)+IF(Input!$K$16=4,M5065*Input!$J$16,0)</f>
        <v>0</v>
      </c>
    </row>
    <row r="5066" spans="8:17" x14ac:dyDescent="0.25">
      <c r="H5066" s="43">
        <v>5059</v>
      </c>
      <c r="I5066" s="55">
        <f>Bühler!I5092</f>
        <v>0.1024379421190994</v>
      </c>
      <c r="J5066" s="58">
        <f>Bühler!J5092</f>
        <v>3.8821687247659558</v>
      </c>
      <c r="K5066" s="58">
        <f>Bühler!K5092</f>
        <v>0.21661016729162763</v>
      </c>
      <c r="L5066" s="58">
        <f>Bühler!L5092</f>
        <v>0.10830508364581382</v>
      </c>
      <c r="M5066" s="57">
        <f>Bühler!M5092</f>
        <v>0</v>
      </c>
      <c r="N5066" s="55">
        <f>IF(Input!$K$13=1,J5066*Input!$J$13,0)+IF(Input!$K$14=1,K5066*Input!$J$14,0)+IF(Input!$K$15=1,L5066*Input!$J$15,0)+IF(Input!$K$16=1,M5066*Input!$J$16,0)</f>
        <v>0.46586024697191469</v>
      </c>
      <c r="O5066" s="58">
        <f>IF(Input!$K$13=2,J5066*Input!$J$13,0)+IF(Input!$K$14=2,K5066*Input!$J$14,0)+IF(Input!$K$15=2,L5066*Input!$J$15,0)+IF(Input!$K$16=2,M5066*Input!$J$16,0)</f>
        <v>2.9242372584369729E-2</v>
      </c>
      <c r="P5066" s="58">
        <f>IF(Input!$K$13=3,J5066*Input!$J$13,0)+IF(Input!$K$14=3,K5066*Input!$J$14,0)+IF(Input!$K$15=3,L5066*Input!$J$15,0)+IF(Input!$K$16=3,M5066*Input!$J$16,0)</f>
        <v>0</v>
      </c>
      <c r="Q5066" s="71">
        <f>IF(Input!$K$13=4,J5066*Input!$J$13,0)+IF(Input!$K$14=4,K5066*Input!$J$14,0)+IF(Input!$K$15=4,L5066*Input!$J$15,0)+IF(Input!$K$16=4,M5066*Input!$J$16,0)</f>
        <v>0</v>
      </c>
    </row>
    <row r="5067" spans="8:17" x14ac:dyDescent="0.25">
      <c r="H5067" s="43">
        <v>5060</v>
      </c>
      <c r="I5067" s="55">
        <f>Bühler!I5093</f>
        <v>8.6140996781969958E-2</v>
      </c>
      <c r="J5067" s="58">
        <f>Bühler!J5093</f>
        <v>3.8814896853769087</v>
      </c>
      <c r="K5067" s="58">
        <f>Bühler!K5093</f>
        <v>0.21661016729162763</v>
      </c>
      <c r="L5067" s="58">
        <f>Bühler!L5093</f>
        <v>0.10830508364581382</v>
      </c>
      <c r="M5067" s="57">
        <f>Bühler!M5093</f>
        <v>0</v>
      </c>
      <c r="N5067" s="55">
        <f>IF(Input!$K$13=1,J5067*Input!$J$13,0)+IF(Input!$K$14=1,K5067*Input!$J$14,0)+IF(Input!$K$15=1,L5067*Input!$J$15,0)+IF(Input!$K$16=1,M5067*Input!$J$16,0)</f>
        <v>0.46577876224522902</v>
      </c>
      <c r="O5067" s="58">
        <f>IF(Input!$K$13=2,J5067*Input!$J$13,0)+IF(Input!$K$14=2,K5067*Input!$J$14,0)+IF(Input!$K$15=2,L5067*Input!$J$15,0)+IF(Input!$K$16=2,M5067*Input!$J$16,0)</f>
        <v>2.9242372584369729E-2</v>
      </c>
      <c r="P5067" s="58">
        <f>IF(Input!$K$13=3,J5067*Input!$J$13,0)+IF(Input!$K$14=3,K5067*Input!$J$14,0)+IF(Input!$K$15=3,L5067*Input!$J$15,0)+IF(Input!$K$16=3,M5067*Input!$J$16,0)</f>
        <v>0</v>
      </c>
      <c r="Q5067" s="71">
        <f>IF(Input!$K$13=4,J5067*Input!$J$13,0)+IF(Input!$K$14=4,K5067*Input!$J$14,0)+IF(Input!$K$15=4,L5067*Input!$J$15,0)+IF(Input!$K$16=4,M5067*Input!$J$16,0)</f>
        <v>0</v>
      </c>
    </row>
    <row r="5068" spans="8:17" x14ac:dyDescent="0.25">
      <c r="H5068" s="43">
        <v>5061</v>
      </c>
      <c r="I5068" s="55">
        <f>Bühler!I5094</f>
        <v>7.2172186493001847E-2</v>
      </c>
      <c r="J5068" s="58">
        <f>Bühler!J5094</f>
        <v>3.8809076516148684</v>
      </c>
      <c r="K5068" s="58">
        <f>Bühler!K5094</f>
        <v>0.21661016729162763</v>
      </c>
      <c r="L5068" s="58">
        <f>Bühler!L5094</f>
        <v>0.10830508364581382</v>
      </c>
      <c r="M5068" s="57">
        <f>Bühler!M5094</f>
        <v>0</v>
      </c>
      <c r="N5068" s="55">
        <f>IF(Input!$K$13=1,J5068*Input!$J$13,0)+IF(Input!$K$14=1,K5068*Input!$J$14,0)+IF(Input!$K$15=1,L5068*Input!$J$15,0)+IF(Input!$K$16=1,M5068*Input!$J$16,0)</f>
        <v>0.46570891819378418</v>
      </c>
      <c r="O5068" s="58">
        <f>IF(Input!$K$13=2,J5068*Input!$J$13,0)+IF(Input!$K$14=2,K5068*Input!$J$14,0)+IF(Input!$K$15=2,L5068*Input!$J$15,0)+IF(Input!$K$16=2,M5068*Input!$J$16,0)</f>
        <v>2.9242372584369729E-2</v>
      </c>
      <c r="P5068" s="58">
        <f>IF(Input!$K$13=3,J5068*Input!$J$13,0)+IF(Input!$K$14=3,K5068*Input!$J$14,0)+IF(Input!$K$15=3,L5068*Input!$J$15,0)+IF(Input!$K$16=3,M5068*Input!$J$16,0)</f>
        <v>0</v>
      </c>
      <c r="Q5068" s="71">
        <f>IF(Input!$K$13=4,J5068*Input!$J$13,0)+IF(Input!$K$14=4,K5068*Input!$J$14,0)+IF(Input!$K$15=4,L5068*Input!$J$15,0)+IF(Input!$K$16=4,M5068*Input!$J$16,0)</f>
        <v>0</v>
      </c>
    </row>
    <row r="5069" spans="8:17" x14ac:dyDescent="0.25">
      <c r="H5069" s="43">
        <v>5062</v>
      </c>
      <c r="I5069" s="55">
        <f>Bühler!I5095</f>
        <v>6.2859646300356453E-2</v>
      </c>
      <c r="J5069" s="58">
        <f>Bühler!J5095</f>
        <v>3.8805196291068413</v>
      </c>
      <c r="K5069" s="58">
        <f>Bühler!K5095</f>
        <v>0.21661016729162763</v>
      </c>
      <c r="L5069" s="58">
        <f>Bühler!L5095</f>
        <v>0.10830508364581382</v>
      </c>
      <c r="M5069" s="57">
        <f>Bühler!M5095</f>
        <v>0</v>
      </c>
      <c r="N5069" s="55">
        <f>IF(Input!$K$13=1,J5069*Input!$J$13,0)+IF(Input!$K$14=1,K5069*Input!$J$14,0)+IF(Input!$K$15=1,L5069*Input!$J$15,0)+IF(Input!$K$16=1,M5069*Input!$J$16,0)</f>
        <v>0.46566235549282092</v>
      </c>
      <c r="O5069" s="58">
        <f>IF(Input!$K$13=2,J5069*Input!$J$13,0)+IF(Input!$K$14=2,K5069*Input!$J$14,0)+IF(Input!$K$15=2,L5069*Input!$J$15,0)+IF(Input!$K$16=2,M5069*Input!$J$16,0)</f>
        <v>2.9242372584369729E-2</v>
      </c>
      <c r="P5069" s="58">
        <f>IF(Input!$K$13=3,J5069*Input!$J$13,0)+IF(Input!$K$14=3,K5069*Input!$J$14,0)+IF(Input!$K$15=3,L5069*Input!$J$15,0)+IF(Input!$K$16=3,M5069*Input!$J$16,0)</f>
        <v>0</v>
      </c>
      <c r="Q5069" s="71">
        <f>IF(Input!$K$13=4,J5069*Input!$J$13,0)+IF(Input!$K$14=4,K5069*Input!$J$14,0)+IF(Input!$K$15=4,L5069*Input!$J$15,0)+IF(Input!$K$16=4,M5069*Input!$J$16,0)</f>
        <v>0</v>
      </c>
    </row>
    <row r="5070" spans="8:17" x14ac:dyDescent="0.25">
      <c r="H5070" s="43">
        <v>5063</v>
      </c>
      <c r="I5070" s="55">
        <f>Bühler!I5096</f>
        <v>6.2859646300356453E-2</v>
      </c>
      <c r="J5070" s="58">
        <f>Bühler!J5096</f>
        <v>3.8805196291068413</v>
      </c>
      <c r="K5070" s="58">
        <f>Bühler!K5096</f>
        <v>0.21661016729162763</v>
      </c>
      <c r="L5070" s="58">
        <f>Bühler!L5096</f>
        <v>0.10830508364581382</v>
      </c>
      <c r="M5070" s="57">
        <f>Bühler!M5096</f>
        <v>0</v>
      </c>
      <c r="N5070" s="55">
        <f>IF(Input!$K$13=1,J5070*Input!$J$13,0)+IF(Input!$K$14=1,K5070*Input!$J$14,0)+IF(Input!$K$15=1,L5070*Input!$J$15,0)+IF(Input!$K$16=1,M5070*Input!$J$16,0)</f>
        <v>0.46566235549282092</v>
      </c>
      <c r="O5070" s="58">
        <f>IF(Input!$K$13=2,J5070*Input!$J$13,0)+IF(Input!$K$14=2,K5070*Input!$J$14,0)+IF(Input!$K$15=2,L5070*Input!$J$15,0)+IF(Input!$K$16=2,M5070*Input!$J$16,0)</f>
        <v>2.9242372584369729E-2</v>
      </c>
      <c r="P5070" s="58">
        <f>IF(Input!$K$13=3,J5070*Input!$J$13,0)+IF(Input!$K$14=3,K5070*Input!$J$14,0)+IF(Input!$K$15=3,L5070*Input!$J$15,0)+IF(Input!$K$16=3,M5070*Input!$J$16,0)</f>
        <v>0</v>
      </c>
      <c r="Q5070" s="71">
        <f>IF(Input!$K$13=4,J5070*Input!$J$13,0)+IF(Input!$K$14=4,K5070*Input!$J$14,0)+IF(Input!$K$15=4,L5070*Input!$J$15,0)+IF(Input!$K$16=4,M5070*Input!$J$16,0)</f>
        <v>0</v>
      </c>
    </row>
    <row r="5071" spans="8:17" x14ac:dyDescent="0.25">
      <c r="H5071" s="43">
        <v>5064</v>
      </c>
      <c r="I5071" s="55">
        <f>Bühler!I5097</f>
        <v>6.2859646300356453E-2</v>
      </c>
      <c r="J5071" s="58">
        <f>Bühler!J5097</f>
        <v>3.8805196291068413</v>
      </c>
      <c r="K5071" s="58">
        <f>Bühler!K5097</f>
        <v>0.21661016729162763</v>
      </c>
      <c r="L5071" s="58">
        <f>Bühler!L5097</f>
        <v>0.10830508364581382</v>
      </c>
      <c r="M5071" s="57">
        <f>Bühler!M5097</f>
        <v>0</v>
      </c>
      <c r="N5071" s="55">
        <f>IF(Input!$K$13=1,J5071*Input!$J$13,0)+IF(Input!$K$14=1,K5071*Input!$J$14,0)+IF(Input!$K$15=1,L5071*Input!$J$15,0)+IF(Input!$K$16=1,M5071*Input!$J$16,0)</f>
        <v>0.46566235549282092</v>
      </c>
      <c r="O5071" s="58">
        <f>IF(Input!$K$13=2,J5071*Input!$J$13,0)+IF(Input!$K$14=2,K5071*Input!$J$14,0)+IF(Input!$K$15=2,L5071*Input!$J$15,0)+IF(Input!$K$16=2,M5071*Input!$J$16,0)</f>
        <v>2.9242372584369729E-2</v>
      </c>
      <c r="P5071" s="58">
        <f>IF(Input!$K$13=3,J5071*Input!$J$13,0)+IF(Input!$K$14=3,K5071*Input!$J$14,0)+IF(Input!$K$15=3,L5071*Input!$J$15,0)+IF(Input!$K$16=3,M5071*Input!$J$16,0)</f>
        <v>0</v>
      </c>
      <c r="Q5071" s="71">
        <f>IF(Input!$K$13=4,J5071*Input!$J$13,0)+IF(Input!$K$14=4,K5071*Input!$J$14,0)+IF(Input!$K$15=4,L5071*Input!$J$15,0)+IF(Input!$K$16=4,M5071*Input!$J$16,0)</f>
        <v>0</v>
      </c>
    </row>
    <row r="5072" spans="8:17" x14ac:dyDescent="0.25">
      <c r="H5072" s="43">
        <v>5065</v>
      </c>
      <c r="I5072" s="55">
        <f>Bühler!I5098</f>
        <v>2.9598927681680376E-2</v>
      </c>
      <c r="J5072" s="58">
        <f>Bühler!J5098</f>
        <v>6.3889152267887894</v>
      </c>
      <c r="K5072" s="58">
        <f>Bühler!K5098</f>
        <v>0.54215453738280572</v>
      </c>
      <c r="L5072" s="58">
        <f>Bühler!L5098</f>
        <v>0.27107726869140286</v>
      </c>
      <c r="M5072" s="57">
        <f>Bühler!M5098</f>
        <v>0</v>
      </c>
      <c r="N5072" s="55">
        <f>IF(Input!$K$13=1,J5072*Input!$J$13,0)+IF(Input!$K$14=1,K5072*Input!$J$14,0)+IF(Input!$K$15=1,L5072*Input!$J$15,0)+IF(Input!$K$16=1,M5072*Input!$J$16,0)</f>
        <v>0.76666982721465471</v>
      </c>
      <c r="O5072" s="58">
        <f>IF(Input!$K$13=2,J5072*Input!$J$13,0)+IF(Input!$K$14=2,K5072*Input!$J$14,0)+IF(Input!$K$15=2,L5072*Input!$J$15,0)+IF(Input!$K$16=2,M5072*Input!$J$16,0)</f>
        <v>7.3190862546678781E-2</v>
      </c>
      <c r="P5072" s="58">
        <f>IF(Input!$K$13=3,J5072*Input!$J$13,0)+IF(Input!$K$14=3,K5072*Input!$J$14,0)+IF(Input!$K$15=3,L5072*Input!$J$15,0)+IF(Input!$K$16=3,M5072*Input!$J$16,0)</f>
        <v>0</v>
      </c>
      <c r="Q5072" s="71">
        <f>IF(Input!$K$13=4,J5072*Input!$J$13,0)+IF(Input!$K$14=4,K5072*Input!$J$14,0)+IF(Input!$K$15=4,L5072*Input!$J$15,0)+IF(Input!$K$16=4,M5072*Input!$J$16,0)</f>
        <v>0</v>
      </c>
    </row>
    <row r="5073" spans="8:17" x14ac:dyDescent="0.25">
      <c r="H5073" s="43">
        <v>5066</v>
      </c>
      <c r="I5073" s="55">
        <f>Bühler!I5099</f>
        <v>2.9598927681680376E-2</v>
      </c>
      <c r="J5073" s="58">
        <f>Bühler!J5099</f>
        <v>6.3889152267887894</v>
      </c>
      <c r="K5073" s="58">
        <f>Bühler!K5099</f>
        <v>0.54215453738280572</v>
      </c>
      <c r="L5073" s="58">
        <f>Bühler!L5099</f>
        <v>0.27107726869140286</v>
      </c>
      <c r="M5073" s="57">
        <f>Bühler!M5099</f>
        <v>0</v>
      </c>
      <c r="N5073" s="55">
        <f>IF(Input!$K$13=1,J5073*Input!$J$13,0)+IF(Input!$K$14=1,K5073*Input!$J$14,0)+IF(Input!$K$15=1,L5073*Input!$J$15,0)+IF(Input!$K$16=1,M5073*Input!$J$16,0)</f>
        <v>0.76666982721465471</v>
      </c>
      <c r="O5073" s="58">
        <f>IF(Input!$K$13=2,J5073*Input!$J$13,0)+IF(Input!$K$14=2,K5073*Input!$J$14,0)+IF(Input!$K$15=2,L5073*Input!$J$15,0)+IF(Input!$K$16=2,M5073*Input!$J$16,0)</f>
        <v>7.3190862546678781E-2</v>
      </c>
      <c r="P5073" s="58">
        <f>IF(Input!$K$13=3,J5073*Input!$J$13,0)+IF(Input!$K$14=3,K5073*Input!$J$14,0)+IF(Input!$K$15=3,L5073*Input!$J$15,0)+IF(Input!$K$16=3,M5073*Input!$J$16,0)</f>
        <v>0</v>
      </c>
      <c r="Q5073" s="71">
        <f>IF(Input!$K$13=4,J5073*Input!$J$13,0)+IF(Input!$K$14=4,K5073*Input!$J$14,0)+IF(Input!$K$15=4,L5073*Input!$J$15,0)+IF(Input!$K$16=4,M5073*Input!$J$16,0)</f>
        <v>0</v>
      </c>
    </row>
    <row r="5074" spans="8:17" x14ac:dyDescent="0.25">
      <c r="H5074" s="43">
        <v>5067</v>
      </c>
      <c r="I5074" s="55">
        <f>Bühler!I5100</f>
        <v>2.9598927681680376E-2</v>
      </c>
      <c r="J5074" s="58">
        <f>Bühler!J5100</f>
        <v>6.3889152267887894</v>
      </c>
      <c r="K5074" s="58">
        <f>Bühler!K5100</f>
        <v>0.54215453738280572</v>
      </c>
      <c r="L5074" s="58">
        <f>Bühler!L5100</f>
        <v>0.27107726869140286</v>
      </c>
      <c r="M5074" s="57">
        <f>Bühler!M5100</f>
        <v>0</v>
      </c>
      <c r="N5074" s="55">
        <f>IF(Input!$K$13=1,J5074*Input!$J$13,0)+IF(Input!$K$14=1,K5074*Input!$J$14,0)+IF(Input!$K$15=1,L5074*Input!$J$15,0)+IF(Input!$K$16=1,M5074*Input!$J$16,0)</f>
        <v>0.76666982721465471</v>
      </c>
      <c r="O5074" s="58">
        <f>IF(Input!$K$13=2,J5074*Input!$J$13,0)+IF(Input!$K$14=2,K5074*Input!$J$14,0)+IF(Input!$K$15=2,L5074*Input!$J$15,0)+IF(Input!$K$16=2,M5074*Input!$J$16,0)</f>
        <v>7.3190862546678781E-2</v>
      </c>
      <c r="P5074" s="58">
        <f>IF(Input!$K$13=3,J5074*Input!$J$13,0)+IF(Input!$K$14=3,K5074*Input!$J$14,0)+IF(Input!$K$15=3,L5074*Input!$J$15,0)+IF(Input!$K$16=3,M5074*Input!$J$16,0)</f>
        <v>0</v>
      </c>
      <c r="Q5074" s="71">
        <f>IF(Input!$K$13=4,J5074*Input!$J$13,0)+IF(Input!$K$14=4,K5074*Input!$J$14,0)+IF(Input!$K$15=4,L5074*Input!$J$15,0)+IF(Input!$K$16=4,M5074*Input!$J$16,0)</f>
        <v>0</v>
      </c>
    </row>
    <row r="5075" spans="8:17" x14ac:dyDescent="0.25">
      <c r="H5075" s="43">
        <v>5068</v>
      </c>
      <c r="I5075" s="55">
        <f>Bühler!I5101</f>
        <v>2.9598927681680376E-2</v>
      </c>
      <c r="J5075" s="58">
        <f>Bühler!J5101</f>
        <v>6.3889152267887894</v>
      </c>
      <c r="K5075" s="58">
        <f>Bühler!K5101</f>
        <v>0.54215453738280572</v>
      </c>
      <c r="L5075" s="58">
        <f>Bühler!L5101</f>
        <v>0.27107726869140286</v>
      </c>
      <c r="M5075" s="57">
        <f>Bühler!M5101</f>
        <v>0</v>
      </c>
      <c r="N5075" s="55">
        <f>IF(Input!$K$13=1,J5075*Input!$J$13,0)+IF(Input!$K$14=1,K5075*Input!$J$14,0)+IF(Input!$K$15=1,L5075*Input!$J$15,0)+IF(Input!$K$16=1,M5075*Input!$J$16,0)</f>
        <v>0.76666982721465471</v>
      </c>
      <c r="O5075" s="58">
        <f>IF(Input!$K$13=2,J5075*Input!$J$13,0)+IF(Input!$K$14=2,K5075*Input!$J$14,0)+IF(Input!$K$15=2,L5075*Input!$J$15,0)+IF(Input!$K$16=2,M5075*Input!$J$16,0)</f>
        <v>7.3190862546678781E-2</v>
      </c>
      <c r="P5075" s="58">
        <f>IF(Input!$K$13=3,J5075*Input!$J$13,0)+IF(Input!$K$14=3,K5075*Input!$J$14,0)+IF(Input!$K$15=3,L5075*Input!$J$15,0)+IF(Input!$K$16=3,M5075*Input!$J$16,0)</f>
        <v>0</v>
      </c>
      <c r="Q5075" s="71">
        <f>IF(Input!$K$13=4,J5075*Input!$J$13,0)+IF(Input!$K$14=4,K5075*Input!$J$14,0)+IF(Input!$K$15=4,L5075*Input!$J$15,0)+IF(Input!$K$16=4,M5075*Input!$J$16,0)</f>
        <v>0</v>
      </c>
    </row>
    <row r="5076" spans="8:17" x14ac:dyDescent="0.25">
      <c r="H5076" s="43">
        <v>5069</v>
      </c>
      <c r="I5076" s="55">
        <f>Bühler!I5102</f>
        <v>2.9598927681680376E-2</v>
      </c>
      <c r="J5076" s="58">
        <f>Bühler!J5102</f>
        <v>6.3889152267887894</v>
      </c>
      <c r="K5076" s="58">
        <f>Bühler!K5102</f>
        <v>0.54215453738280572</v>
      </c>
      <c r="L5076" s="58">
        <f>Bühler!L5102</f>
        <v>0.27107726869140286</v>
      </c>
      <c r="M5076" s="57">
        <f>Bühler!M5102</f>
        <v>0</v>
      </c>
      <c r="N5076" s="55">
        <f>IF(Input!$K$13=1,J5076*Input!$J$13,0)+IF(Input!$K$14=1,K5076*Input!$J$14,0)+IF(Input!$K$15=1,L5076*Input!$J$15,0)+IF(Input!$K$16=1,M5076*Input!$J$16,0)</f>
        <v>0.76666982721465471</v>
      </c>
      <c r="O5076" s="58">
        <f>IF(Input!$K$13=2,J5076*Input!$J$13,0)+IF(Input!$K$14=2,K5076*Input!$J$14,0)+IF(Input!$K$15=2,L5076*Input!$J$15,0)+IF(Input!$K$16=2,M5076*Input!$J$16,0)</f>
        <v>7.3190862546678781E-2</v>
      </c>
      <c r="P5076" s="58">
        <f>IF(Input!$K$13=3,J5076*Input!$J$13,0)+IF(Input!$K$14=3,K5076*Input!$J$14,0)+IF(Input!$K$15=3,L5076*Input!$J$15,0)+IF(Input!$K$16=3,M5076*Input!$J$16,0)</f>
        <v>0</v>
      </c>
      <c r="Q5076" s="71">
        <f>IF(Input!$K$13=4,J5076*Input!$J$13,0)+IF(Input!$K$14=4,K5076*Input!$J$14,0)+IF(Input!$K$15=4,L5076*Input!$J$15,0)+IF(Input!$K$16=4,M5076*Input!$J$16,0)</f>
        <v>0</v>
      </c>
    </row>
    <row r="5077" spans="8:17" x14ac:dyDescent="0.25">
      <c r="H5077" s="43">
        <v>5070</v>
      </c>
      <c r="I5077" s="55">
        <f>Bühler!I5103</f>
        <v>2.9598927681680376E-2</v>
      </c>
      <c r="J5077" s="58">
        <f>Bühler!J5103</f>
        <v>6.3889152267887894</v>
      </c>
      <c r="K5077" s="58">
        <f>Bühler!K5103</f>
        <v>0.54215453738280572</v>
      </c>
      <c r="L5077" s="58">
        <f>Bühler!L5103</f>
        <v>0.27107726869140286</v>
      </c>
      <c r="M5077" s="57">
        <f>Bühler!M5103</f>
        <v>0</v>
      </c>
      <c r="N5077" s="55">
        <f>IF(Input!$K$13=1,J5077*Input!$J$13,0)+IF(Input!$K$14=1,K5077*Input!$J$14,0)+IF(Input!$K$15=1,L5077*Input!$J$15,0)+IF(Input!$K$16=1,M5077*Input!$J$16,0)</f>
        <v>0.76666982721465471</v>
      </c>
      <c r="O5077" s="58">
        <f>IF(Input!$K$13=2,J5077*Input!$J$13,0)+IF(Input!$K$14=2,K5077*Input!$J$14,0)+IF(Input!$K$15=2,L5077*Input!$J$15,0)+IF(Input!$K$16=2,M5077*Input!$J$16,0)</f>
        <v>7.3190862546678781E-2</v>
      </c>
      <c r="P5077" s="58">
        <f>IF(Input!$K$13=3,J5077*Input!$J$13,0)+IF(Input!$K$14=3,K5077*Input!$J$14,0)+IF(Input!$K$15=3,L5077*Input!$J$15,0)+IF(Input!$K$16=3,M5077*Input!$J$16,0)</f>
        <v>0</v>
      </c>
      <c r="Q5077" s="71">
        <f>IF(Input!$K$13=4,J5077*Input!$J$13,0)+IF(Input!$K$14=4,K5077*Input!$J$14,0)+IF(Input!$K$15=4,L5077*Input!$J$15,0)+IF(Input!$K$16=4,M5077*Input!$J$16,0)</f>
        <v>0</v>
      </c>
    </row>
    <row r="5078" spans="8:17" x14ac:dyDescent="0.25">
      <c r="H5078" s="43">
        <v>5071</v>
      </c>
      <c r="I5078" s="55">
        <f>Bühler!I5104</f>
        <v>2.9598927681680376E-2</v>
      </c>
      <c r="J5078" s="58">
        <f>Bühler!J5104</f>
        <v>6.3889152267887894</v>
      </c>
      <c r="K5078" s="58">
        <f>Bühler!K5104</f>
        <v>0.54215453738280572</v>
      </c>
      <c r="L5078" s="58">
        <f>Bühler!L5104</f>
        <v>0.27107726869140286</v>
      </c>
      <c r="M5078" s="57">
        <f>Bühler!M5104</f>
        <v>0</v>
      </c>
      <c r="N5078" s="55">
        <f>IF(Input!$K$13=1,J5078*Input!$J$13,0)+IF(Input!$K$14=1,K5078*Input!$J$14,0)+IF(Input!$K$15=1,L5078*Input!$J$15,0)+IF(Input!$K$16=1,M5078*Input!$J$16,0)</f>
        <v>0.76666982721465471</v>
      </c>
      <c r="O5078" s="58">
        <f>IF(Input!$K$13=2,J5078*Input!$J$13,0)+IF(Input!$K$14=2,K5078*Input!$J$14,0)+IF(Input!$K$15=2,L5078*Input!$J$15,0)+IF(Input!$K$16=2,M5078*Input!$J$16,0)</f>
        <v>7.3190862546678781E-2</v>
      </c>
      <c r="P5078" s="58">
        <f>IF(Input!$K$13=3,J5078*Input!$J$13,0)+IF(Input!$K$14=3,K5078*Input!$J$14,0)+IF(Input!$K$15=3,L5078*Input!$J$15,0)+IF(Input!$K$16=3,M5078*Input!$J$16,0)</f>
        <v>0</v>
      </c>
      <c r="Q5078" s="71">
        <f>IF(Input!$K$13=4,J5078*Input!$J$13,0)+IF(Input!$K$14=4,K5078*Input!$J$14,0)+IF(Input!$K$15=4,L5078*Input!$J$15,0)+IF(Input!$K$16=4,M5078*Input!$J$16,0)</f>
        <v>0</v>
      </c>
    </row>
    <row r="5079" spans="8:17" x14ac:dyDescent="0.25">
      <c r="H5079" s="43">
        <v>5072</v>
      </c>
      <c r="I5079" s="55">
        <f>Bühler!I5105</f>
        <v>0.12875533541530965</v>
      </c>
      <c r="J5079" s="58">
        <f>Bühler!J5105</f>
        <v>27.219664761569202</v>
      </c>
      <c r="K5079" s="58">
        <f>Bühler!K5105</f>
        <v>2.3095783292507521</v>
      </c>
      <c r="L5079" s="58">
        <f>Bühler!L5105</f>
        <v>1.1547891646253761</v>
      </c>
      <c r="M5079" s="57">
        <f>Bühler!M5105</f>
        <v>0</v>
      </c>
      <c r="N5079" s="55">
        <f>IF(Input!$K$13=1,J5079*Input!$J$13,0)+IF(Input!$K$14=1,K5079*Input!$J$14,0)+IF(Input!$K$15=1,L5079*Input!$J$15,0)+IF(Input!$K$16=1,M5079*Input!$J$16,0)</f>
        <v>3.2663597713883044</v>
      </c>
      <c r="O5079" s="58">
        <f>IF(Input!$K$13=2,J5079*Input!$J$13,0)+IF(Input!$K$14=2,K5079*Input!$J$14,0)+IF(Input!$K$15=2,L5079*Input!$J$15,0)+IF(Input!$K$16=2,M5079*Input!$J$16,0)</f>
        <v>0.31179307444885151</v>
      </c>
      <c r="P5079" s="58">
        <f>IF(Input!$K$13=3,J5079*Input!$J$13,0)+IF(Input!$K$14=3,K5079*Input!$J$14,0)+IF(Input!$K$15=3,L5079*Input!$J$15,0)+IF(Input!$K$16=3,M5079*Input!$J$16,0)</f>
        <v>0</v>
      </c>
      <c r="Q5079" s="71">
        <f>IF(Input!$K$13=4,J5079*Input!$J$13,0)+IF(Input!$K$14=4,K5079*Input!$J$14,0)+IF(Input!$K$15=4,L5079*Input!$J$15,0)+IF(Input!$K$16=4,M5079*Input!$J$16,0)</f>
        <v>0</v>
      </c>
    </row>
    <row r="5080" spans="8:17" x14ac:dyDescent="0.25">
      <c r="H5080" s="43">
        <v>5073</v>
      </c>
      <c r="I5080" s="55">
        <f>Bühler!I5106</f>
        <v>0.14484975234222333</v>
      </c>
      <c r="J5080" s="58">
        <f>Bühler!J5106</f>
        <v>30.622122856765358</v>
      </c>
      <c r="K5080" s="58">
        <f>Bühler!K5106</f>
        <v>2.598275620407096</v>
      </c>
      <c r="L5080" s="58">
        <f>Bühler!L5106</f>
        <v>1.299137810203548</v>
      </c>
      <c r="M5080" s="57">
        <f>Bühler!M5106</f>
        <v>0</v>
      </c>
      <c r="N5080" s="55">
        <f>IF(Input!$K$13=1,J5080*Input!$J$13,0)+IF(Input!$K$14=1,K5080*Input!$J$14,0)+IF(Input!$K$15=1,L5080*Input!$J$15,0)+IF(Input!$K$16=1,M5080*Input!$J$16,0)</f>
        <v>3.674654742811843</v>
      </c>
      <c r="O5080" s="58">
        <f>IF(Input!$K$13=2,J5080*Input!$J$13,0)+IF(Input!$K$14=2,K5080*Input!$J$14,0)+IF(Input!$K$15=2,L5080*Input!$J$15,0)+IF(Input!$K$16=2,M5080*Input!$J$16,0)</f>
        <v>0.35076720875495793</v>
      </c>
      <c r="P5080" s="58">
        <f>IF(Input!$K$13=3,J5080*Input!$J$13,0)+IF(Input!$K$14=3,K5080*Input!$J$14,0)+IF(Input!$K$15=3,L5080*Input!$J$15,0)+IF(Input!$K$16=3,M5080*Input!$J$16,0)</f>
        <v>0</v>
      </c>
      <c r="Q5080" s="71">
        <f>IF(Input!$K$13=4,J5080*Input!$J$13,0)+IF(Input!$K$14=4,K5080*Input!$J$14,0)+IF(Input!$K$15=4,L5080*Input!$J$15,0)+IF(Input!$K$16=4,M5080*Input!$J$16,0)</f>
        <v>0</v>
      </c>
    </row>
    <row r="5081" spans="8:17" x14ac:dyDescent="0.25">
      <c r="H5081" s="43">
        <v>5074</v>
      </c>
      <c r="I5081" s="55">
        <f>Bühler!I5107</f>
        <v>0.16094416926913702</v>
      </c>
      <c r="J5081" s="58">
        <f>Bühler!J5107</f>
        <v>34.024580951961504</v>
      </c>
      <c r="K5081" s="58">
        <f>Bühler!K5107</f>
        <v>2.8869729115634404</v>
      </c>
      <c r="L5081" s="58">
        <f>Bühler!L5107</f>
        <v>1.4434864557817202</v>
      </c>
      <c r="M5081" s="57">
        <f>Bühler!M5107</f>
        <v>0</v>
      </c>
      <c r="N5081" s="55">
        <f>IF(Input!$K$13=1,J5081*Input!$J$13,0)+IF(Input!$K$14=1,K5081*Input!$J$14,0)+IF(Input!$K$15=1,L5081*Input!$J$15,0)+IF(Input!$K$16=1,M5081*Input!$J$16,0)</f>
        <v>4.0829497142353803</v>
      </c>
      <c r="O5081" s="58">
        <f>IF(Input!$K$13=2,J5081*Input!$J$13,0)+IF(Input!$K$14=2,K5081*Input!$J$14,0)+IF(Input!$K$15=2,L5081*Input!$J$15,0)+IF(Input!$K$16=2,M5081*Input!$J$16,0)</f>
        <v>0.38974134306106445</v>
      </c>
      <c r="P5081" s="58">
        <f>IF(Input!$K$13=3,J5081*Input!$J$13,0)+IF(Input!$K$14=3,K5081*Input!$J$14,0)+IF(Input!$K$15=3,L5081*Input!$J$15,0)+IF(Input!$K$16=3,M5081*Input!$J$16,0)</f>
        <v>0</v>
      </c>
      <c r="Q5081" s="71">
        <f>IF(Input!$K$13=4,J5081*Input!$J$13,0)+IF(Input!$K$14=4,K5081*Input!$J$14,0)+IF(Input!$K$15=4,L5081*Input!$J$15,0)+IF(Input!$K$16=4,M5081*Input!$J$16,0)</f>
        <v>0</v>
      </c>
    </row>
    <row r="5082" spans="8:17" x14ac:dyDescent="0.25">
      <c r="H5082" s="43">
        <v>5075</v>
      </c>
      <c r="I5082" s="55">
        <f>Bühler!I5108</f>
        <v>0.16094416926913702</v>
      </c>
      <c r="J5082" s="58">
        <f>Bühler!J5108</f>
        <v>34.024580951961504</v>
      </c>
      <c r="K5082" s="58">
        <f>Bühler!K5108</f>
        <v>2.8869729115634404</v>
      </c>
      <c r="L5082" s="58">
        <f>Bühler!L5108</f>
        <v>1.4434864557817202</v>
      </c>
      <c r="M5082" s="57">
        <f>Bühler!M5108</f>
        <v>0</v>
      </c>
      <c r="N5082" s="55">
        <f>IF(Input!$K$13=1,J5082*Input!$J$13,0)+IF(Input!$K$14=1,K5082*Input!$J$14,0)+IF(Input!$K$15=1,L5082*Input!$J$15,0)+IF(Input!$K$16=1,M5082*Input!$J$16,0)</f>
        <v>4.0829497142353803</v>
      </c>
      <c r="O5082" s="58">
        <f>IF(Input!$K$13=2,J5082*Input!$J$13,0)+IF(Input!$K$14=2,K5082*Input!$J$14,0)+IF(Input!$K$15=2,L5082*Input!$J$15,0)+IF(Input!$K$16=2,M5082*Input!$J$16,0)</f>
        <v>0.38974134306106445</v>
      </c>
      <c r="P5082" s="58">
        <f>IF(Input!$K$13=3,J5082*Input!$J$13,0)+IF(Input!$K$14=3,K5082*Input!$J$14,0)+IF(Input!$K$15=3,L5082*Input!$J$15,0)+IF(Input!$K$16=3,M5082*Input!$J$16,0)</f>
        <v>0</v>
      </c>
      <c r="Q5082" s="71">
        <f>IF(Input!$K$13=4,J5082*Input!$J$13,0)+IF(Input!$K$14=4,K5082*Input!$J$14,0)+IF(Input!$K$15=4,L5082*Input!$J$15,0)+IF(Input!$K$16=4,M5082*Input!$J$16,0)</f>
        <v>0</v>
      </c>
    </row>
    <row r="5083" spans="8:17" x14ac:dyDescent="0.25">
      <c r="H5083" s="43">
        <v>5076</v>
      </c>
      <c r="I5083" s="55">
        <f>Bühler!I5109</f>
        <v>0.19313300312296441</v>
      </c>
      <c r="J5083" s="58">
        <f>Bühler!J5109</f>
        <v>40.829497142353802</v>
      </c>
      <c r="K5083" s="58">
        <f>Bühler!K5109</f>
        <v>3.4643674938761282</v>
      </c>
      <c r="L5083" s="58">
        <f>Bühler!L5109</f>
        <v>1.7321837469380641</v>
      </c>
      <c r="M5083" s="57">
        <f>Bühler!M5109</f>
        <v>0</v>
      </c>
      <c r="N5083" s="55">
        <f>IF(Input!$K$13=1,J5083*Input!$J$13,0)+IF(Input!$K$14=1,K5083*Input!$J$14,0)+IF(Input!$K$15=1,L5083*Input!$J$15,0)+IF(Input!$K$16=1,M5083*Input!$J$16,0)</f>
        <v>4.8995396570824559</v>
      </c>
      <c r="O5083" s="58">
        <f>IF(Input!$K$13=2,J5083*Input!$J$13,0)+IF(Input!$K$14=2,K5083*Input!$J$14,0)+IF(Input!$K$15=2,L5083*Input!$J$15,0)+IF(Input!$K$16=2,M5083*Input!$J$16,0)</f>
        <v>0.46768961167327727</v>
      </c>
      <c r="P5083" s="58">
        <f>IF(Input!$K$13=3,J5083*Input!$J$13,0)+IF(Input!$K$14=3,K5083*Input!$J$14,0)+IF(Input!$K$15=3,L5083*Input!$J$15,0)+IF(Input!$K$16=3,M5083*Input!$J$16,0)</f>
        <v>0</v>
      </c>
      <c r="Q5083" s="71">
        <f>IF(Input!$K$13=4,J5083*Input!$J$13,0)+IF(Input!$K$14=4,K5083*Input!$J$14,0)+IF(Input!$K$15=4,L5083*Input!$J$15,0)+IF(Input!$K$16=4,M5083*Input!$J$16,0)</f>
        <v>0</v>
      </c>
    </row>
    <row r="5084" spans="8:17" x14ac:dyDescent="0.25">
      <c r="H5084" s="43">
        <v>5077</v>
      </c>
      <c r="I5084" s="55">
        <f>Bühler!I5110</f>
        <v>0.19313300312296441</v>
      </c>
      <c r="J5084" s="58">
        <f>Bühler!J5110</f>
        <v>40.829497142353802</v>
      </c>
      <c r="K5084" s="58">
        <f>Bühler!K5110</f>
        <v>3.4643674938761282</v>
      </c>
      <c r="L5084" s="58">
        <f>Bühler!L5110</f>
        <v>1.7321837469380641</v>
      </c>
      <c r="M5084" s="57">
        <f>Bühler!M5110</f>
        <v>0</v>
      </c>
      <c r="N5084" s="55">
        <f>IF(Input!$K$13=1,J5084*Input!$J$13,0)+IF(Input!$K$14=1,K5084*Input!$J$14,0)+IF(Input!$K$15=1,L5084*Input!$J$15,0)+IF(Input!$K$16=1,M5084*Input!$J$16,0)</f>
        <v>4.8995396570824559</v>
      </c>
      <c r="O5084" s="58">
        <f>IF(Input!$K$13=2,J5084*Input!$J$13,0)+IF(Input!$K$14=2,K5084*Input!$J$14,0)+IF(Input!$K$15=2,L5084*Input!$J$15,0)+IF(Input!$K$16=2,M5084*Input!$J$16,0)</f>
        <v>0.46768961167327727</v>
      </c>
      <c r="P5084" s="58">
        <f>IF(Input!$K$13=3,J5084*Input!$J$13,0)+IF(Input!$K$14=3,K5084*Input!$J$14,0)+IF(Input!$K$15=3,L5084*Input!$J$15,0)+IF(Input!$K$16=3,M5084*Input!$J$16,0)</f>
        <v>0</v>
      </c>
      <c r="Q5084" s="71">
        <f>IF(Input!$K$13=4,J5084*Input!$J$13,0)+IF(Input!$K$14=4,K5084*Input!$J$14,0)+IF(Input!$K$15=4,L5084*Input!$J$15,0)+IF(Input!$K$16=4,M5084*Input!$J$16,0)</f>
        <v>0</v>
      </c>
    </row>
    <row r="5085" spans="8:17" x14ac:dyDescent="0.25">
      <c r="H5085" s="43">
        <v>5078</v>
      </c>
      <c r="I5085" s="55">
        <f>Bühler!I5111</f>
        <v>0.12875533541530965</v>
      </c>
      <c r="J5085" s="58">
        <f>Bühler!J5111</f>
        <v>27.219664761569202</v>
      </c>
      <c r="K5085" s="58">
        <f>Bühler!K5111</f>
        <v>2.3095783292507521</v>
      </c>
      <c r="L5085" s="58">
        <f>Bühler!L5111</f>
        <v>1.1547891646253761</v>
      </c>
      <c r="M5085" s="57">
        <f>Bühler!M5111</f>
        <v>0</v>
      </c>
      <c r="N5085" s="55">
        <f>IF(Input!$K$13=1,J5085*Input!$J$13,0)+IF(Input!$K$14=1,K5085*Input!$J$14,0)+IF(Input!$K$15=1,L5085*Input!$J$15,0)+IF(Input!$K$16=1,M5085*Input!$J$16,0)</f>
        <v>3.2663597713883044</v>
      </c>
      <c r="O5085" s="58">
        <f>IF(Input!$K$13=2,J5085*Input!$J$13,0)+IF(Input!$K$14=2,K5085*Input!$J$14,0)+IF(Input!$K$15=2,L5085*Input!$J$15,0)+IF(Input!$K$16=2,M5085*Input!$J$16,0)</f>
        <v>0.31179307444885151</v>
      </c>
      <c r="P5085" s="58">
        <f>IF(Input!$K$13=3,J5085*Input!$J$13,0)+IF(Input!$K$14=3,K5085*Input!$J$14,0)+IF(Input!$K$15=3,L5085*Input!$J$15,0)+IF(Input!$K$16=3,M5085*Input!$J$16,0)</f>
        <v>0</v>
      </c>
      <c r="Q5085" s="71">
        <f>IF(Input!$K$13=4,J5085*Input!$J$13,0)+IF(Input!$K$14=4,K5085*Input!$J$14,0)+IF(Input!$K$15=4,L5085*Input!$J$15,0)+IF(Input!$K$16=4,M5085*Input!$J$16,0)</f>
        <v>0</v>
      </c>
    </row>
    <row r="5086" spans="8:17" x14ac:dyDescent="0.25">
      <c r="H5086" s="43">
        <v>5079</v>
      </c>
      <c r="I5086" s="55">
        <f>Bühler!I5112</f>
        <v>0.19313300312296441</v>
      </c>
      <c r="J5086" s="58">
        <f>Bühler!J5112</f>
        <v>40.829497142353802</v>
      </c>
      <c r="K5086" s="58">
        <f>Bühler!K5112</f>
        <v>3.4643674938761282</v>
      </c>
      <c r="L5086" s="58">
        <f>Bühler!L5112</f>
        <v>1.7321837469380641</v>
      </c>
      <c r="M5086" s="57">
        <f>Bühler!M5112</f>
        <v>0</v>
      </c>
      <c r="N5086" s="55">
        <f>IF(Input!$K$13=1,J5086*Input!$J$13,0)+IF(Input!$K$14=1,K5086*Input!$J$14,0)+IF(Input!$K$15=1,L5086*Input!$J$15,0)+IF(Input!$K$16=1,M5086*Input!$J$16,0)</f>
        <v>4.8995396570824559</v>
      </c>
      <c r="O5086" s="58">
        <f>IF(Input!$K$13=2,J5086*Input!$J$13,0)+IF(Input!$K$14=2,K5086*Input!$J$14,0)+IF(Input!$K$15=2,L5086*Input!$J$15,0)+IF(Input!$K$16=2,M5086*Input!$J$16,0)</f>
        <v>0.46768961167327727</v>
      </c>
      <c r="P5086" s="58">
        <f>IF(Input!$K$13=3,J5086*Input!$J$13,0)+IF(Input!$K$14=3,K5086*Input!$J$14,0)+IF(Input!$K$15=3,L5086*Input!$J$15,0)+IF(Input!$K$16=3,M5086*Input!$J$16,0)</f>
        <v>0</v>
      </c>
      <c r="Q5086" s="71">
        <f>IF(Input!$K$13=4,J5086*Input!$J$13,0)+IF(Input!$K$14=4,K5086*Input!$J$14,0)+IF(Input!$K$15=4,L5086*Input!$J$15,0)+IF(Input!$K$16=4,M5086*Input!$J$16,0)</f>
        <v>0</v>
      </c>
    </row>
    <row r="5087" spans="8:17" x14ac:dyDescent="0.25">
      <c r="H5087" s="43">
        <v>5080</v>
      </c>
      <c r="I5087" s="55">
        <f>Bühler!I5113</f>
        <v>0.19313300312296441</v>
      </c>
      <c r="J5087" s="58">
        <f>Bühler!J5113</f>
        <v>40.829497142353802</v>
      </c>
      <c r="K5087" s="58">
        <f>Bühler!K5113</f>
        <v>3.4643674938761282</v>
      </c>
      <c r="L5087" s="58">
        <f>Bühler!L5113</f>
        <v>1.7321837469380641</v>
      </c>
      <c r="M5087" s="57">
        <f>Bühler!M5113</f>
        <v>0</v>
      </c>
      <c r="N5087" s="55">
        <f>IF(Input!$K$13=1,J5087*Input!$J$13,0)+IF(Input!$K$14=1,K5087*Input!$J$14,0)+IF(Input!$K$15=1,L5087*Input!$J$15,0)+IF(Input!$K$16=1,M5087*Input!$J$16,0)</f>
        <v>4.8995396570824559</v>
      </c>
      <c r="O5087" s="58">
        <f>IF(Input!$K$13=2,J5087*Input!$J$13,0)+IF(Input!$K$14=2,K5087*Input!$J$14,0)+IF(Input!$K$15=2,L5087*Input!$J$15,0)+IF(Input!$K$16=2,M5087*Input!$J$16,0)</f>
        <v>0.46768961167327727</v>
      </c>
      <c r="P5087" s="58">
        <f>IF(Input!$K$13=3,J5087*Input!$J$13,0)+IF(Input!$K$14=3,K5087*Input!$J$14,0)+IF(Input!$K$15=3,L5087*Input!$J$15,0)+IF(Input!$K$16=3,M5087*Input!$J$16,0)</f>
        <v>0</v>
      </c>
      <c r="Q5087" s="71">
        <f>IF(Input!$K$13=4,J5087*Input!$J$13,0)+IF(Input!$K$14=4,K5087*Input!$J$14,0)+IF(Input!$K$15=4,L5087*Input!$J$15,0)+IF(Input!$K$16=4,M5087*Input!$J$16,0)</f>
        <v>0</v>
      </c>
    </row>
    <row r="5088" spans="8:17" x14ac:dyDescent="0.25">
      <c r="H5088" s="43">
        <v>5081</v>
      </c>
      <c r="I5088" s="55">
        <f>Bühler!I5114</f>
        <v>0.16094416926913702</v>
      </c>
      <c r="J5088" s="58">
        <f>Bühler!J5114</f>
        <v>23.869513521385521</v>
      </c>
      <c r="K5088" s="58">
        <f>Bühler!K5114</f>
        <v>2.0208810380944078</v>
      </c>
      <c r="L5088" s="58">
        <f>Bühler!L5114</f>
        <v>1.0104405190472039</v>
      </c>
      <c r="M5088" s="57">
        <f>Bühler!M5114</f>
        <v>0</v>
      </c>
      <c r="N5088" s="55">
        <f>IF(Input!$K$13=1,J5088*Input!$J$13,0)+IF(Input!$K$14=1,K5088*Input!$J$14,0)+IF(Input!$K$15=1,L5088*Input!$J$15,0)+IF(Input!$K$16=1,M5088*Input!$J$16,0)</f>
        <v>2.8643416225662626</v>
      </c>
      <c r="O5088" s="58">
        <f>IF(Input!$K$13=2,J5088*Input!$J$13,0)+IF(Input!$K$14=2,K5088*Input!$J$14,0)+IF(Input!$K$15=2,L5088*Input!$J$15,0)+IF(Input!$K$16=2,M5088*Input!$J$16,0)</f>
        <v>0.27281894014274505</v>
      </c>
      <c r="P5088" s="58">
        <f>IF(Input!$K$13=3,J5088*Input!$J$13,0)+IF(Input!$K$14=3,K5088*Input!$J$14,0)+IF(Input!$K$15=3,L5088*Input!$J$15,0)+IF(Input!$K$16=3,M5088*Input!$J$16,0)</f>
        <v>0</v>
      </c>
      <c r="Q5088" s="71">
        <f>IF(Input!$K$13=4,J5088*Input!$J$13,0)+IF(Input!$K$14=4,K5088*Input!$J$14,0)+IF(Input!$K$15=4,L5088*Input!$J$15,0)+IF(Input!$K$16=4,M5088*Input!$J$16,0)</f>
        <v>0</v>
      </c>
    </row>
    <row r="5089" spans="8:17" x14ac:dyDescent="0.25">
      <c r="H5089" s="43">
        <v>5082</v>
      </c>
      <c r="I5089" s="55">
        <f>Bühler!I5115</f>
        <v>0.12949530860735164</v>
      </c>
      <c r="J5089" s="58">
        <f>Bühler!J5115</f>
        <v>6.9103315380419517</v>
      </c>
      <c r="K5089" s="58">
        <f>Bühler!K5115</f>
        <v>0.57739458231268803</v>
      </c>
      <c r="L5089" s="58">
        <f>Bühler!L5115</f>
        <v>0.28869729115634402</v>
      </c>
      <c r="M5089" s="57">
        <f>Bühler!M5115</f>
        <v>0</v>
      </c>
      <c r="N5089" s="55">
        <f>IF(Input!$K$13=1,J5089*Input!$J$13,0)+IF(Input!$K$14=1,K5089*Input!$J$14,0)+IF(Input!$K$15=1,L5089*Input!$J$15,0)+IF(Input!$K$16=1,M5089*Input!$J$16,0)</f>
        <v>0.82923978456503422</v>
      </c>
      <c r="O5089" s="58">
        <f>IF(Input!$K$13=2,J5089*Input!$J$13,0)+IF(Input!$K$14=2,K5089*Input!$J$14,0)+IF(Input!$K$15=2,L5089*Input!$J$15,0)+IF(Input!$K$16=2,M5089*Input!$J$16,0)</f>
        <v>7.7948268612212879E-2</v>
      </c>
      <c r="P5089" s="58">
        <f>IF(Input!$K$13=3,J5089*Input!$J$13,0)+IF(Input!$K$14=3,K5089*Input!$J$14,0)+IF(Input!$K$15=3,L5089*Input!$J$15,0)+IF(Input!$K$16=3,M5089*Input!$J$16,0)</f>
        <v>0</v>
      </c>
      <c r="Q5089" s="71">
        <f>IF(Input!$K$13=4,J5089*Input!$J$13,0)+IF(Input!$K$14=4,K5089*Input!$J$14,0)+IF(Input!$K$15=4,L5089*Input!$J$15,0)+IF(Input!$K$16=4,M5089*Input!$J$16,0)</f>
        <v>0</v>
      </c>
    </row>
    <row r="5090" spans="8:17" x14ac:dyDescent="0.25">
      <c r="H5090" s="43">
        <v>5083</v>
      </c>
      <c r="I5090" s="55">
        <f>Bühler!I5116</f>
        <v>4.6248324502625587E-2</v>
      </c>
      <c r="J5090" s="58">
        <f>Bühler!J5116</f>
        <v>6.7247945594348275</v>
      </c>
      <c r="K5090" s="58">
        <f>Bühler!K5116</f>
        <v>0.56926226425194604</v>
      </c>
      <c r="L5090" s="58">
        <f>Bühler!L5116</f>
        <v>0.28463113212597302</v>
      </c>
      <c r="M5090" s="57">
        <f>Bühler!M5116</f>
        <v>0</v>
      </c>
      <c r="N5090" s="55">
        <f>IF(Input!$K$13=1,J5090*Input!$J$13,0)+IF(Input!$K$14=1,K5090*Input!$J$14,0)+IF(Input!$K$15=1,L5090*Input!$J$15,0)+IF(Input!$K$16=1,M5090*Input!$J$16,0)</f>
        <v>0.80697534713217922</v>
      </c>
      <c r="O5090" s="58">
        <f>IF(Input!$K$13=2,J5090*Input!$J$13,0)+IF(Input!$K$14=2,K5090*Input!$J$14,0)+IF(Input!$K$15=2,L5090*Input!$J$15,0)+IF(Input!$K$16=2,M5090*Input!$J$16,0)</f>
        <v>7.6850405674012717E-2</v>
      </c>
      <c r="P5090" s="58">
        <f>IF(Input!$K$13=3,J5090*Input!$J$13,0)+IF(Input!$K$14=3,K5090*Input!$J$14,0)+IF(Input!$K$15=3,L5090*Input!$J$15,0)+IF(Input!$K$16=3,M5090*Input!$J$16,0)</f>
        <v>0</v>
      </c>
      <c r="Q5090" s="71">
        <f>IF(Input!$K$13=4,J5090*Input!$J$13,0)+IF(Input!$K$14=4,K5090*Input!$J$14,0)+IF(Input!$K$15=4,L5090*Input!$J$15,0)+IF(Input!$K$16=4,M5090*Input!$J$16,0)</f>
        <v>0</v>
      </c>
    </row>
    <row r="5091" spans="8:17" x14ac:dyDescent="0.25">
      <c r="H5091" s="43">
        <v>5084</v>
      </c>
      <c r="I5091" s="55">
        <f>Bühler!I5117</f>
        <v>4.6248324502625587E-2</v>
      </c>
      <c r="J5091" s="58">
        <f>Bühler!J5117</f>
        <v>6.7247945594348275</v>
      </c>
      <c r="K5091" s="58">
        <f>Bühler!K5117</f>
        <v>0.56926226425194604</v>
      </c>
      <c r="L5091" s="58">
        <f>Bühler!L5117</f>
        <v>0.28463113212597302</v>
      </c>
      <c r="M5091" s="57">
        <f>Bühler!M5117</f>
        <v>0</v>
      </c>
      <c r="N5091" s="55">
        <f>IF(Input!$K$13=1,J5091*Input!$J$13,0)+IF(Input!$K$14=1,K5091*Input!$J$14,0)+IF(Input!$K$15=1,L5091*Input!$J$15,0)+IF(Input!$K$16=1,M5091*Input!$J$16,0)</f>
        <v>0.80697534713217922</v>
      </c>
      <c r="O5091" s="58">
        <f>IF(Input!$K$13=2,J5091*Input!$J$13,0)+IF(Input!$K$14=2,K5091*Input!$J$14,0)+IF(Input!$K$15=2,L5091*Input!$J$15,0)+IF(Input!$K$16=2,M5091*Input!$J$16,0)</f>
        <v>7.6850405674012717E-2</v>
      </c>
      <c r="P5091" s="58">
        <f>IF(Input!$K$13=3,J5091*Input!$J$13,0)+IF(Input!$K$14=3,K5091*Input!$J$14,0)+IF(Input!$K$15=3,L5091*Input!$J$15,0)+IF(Input!$K$16=3,M5091*Input!$J$16,0)</f>
        <v>0</v>
      </c>
      <c r="Q5091" s="71">
        <f>IF(Input!$K$13=4,J5091*Input!$J$13,0)+IF(Input!$K$14=4,K5091*Input!$J$14,0)+IF(Input!$K$15=4,L5091*Input!$J$15,0)+IF(Input!$K$16=4,M5091*Input!$J$16,0)</f>
        <v>0</v>
      </c>
    </row>
    <row r="5092" spans="8:17" x14ac:dyDescent="0.25">
      <c r="H5092" s="43">
        <v>5085</v>
      </c>
      <c r="I5092" s="55">
        <f>Bühler!I5118</f>
        <v>4.6248324502625587E-2</v>
      </c>
      <c r="J5092" s="58">
        <f>Bühler!J5118</f>
        <v>6.7247945594348275</v>
      </c>
      <c r="K5092" s="58">
        <f>Bühler!K5118</f>
        <v>0.56926226425194604</v>
      </c>
      <c r="L5092" s="58">
        <f>Bühler!L5118</f>
        <v>0.28463113212597302</v>
      </c>
      <c r="M5092" s="57">
        <f>Bühler!M5118</f>
        <v>0</v>
      </c>
      <c r="N5092" s="55">
        <f>IF(Input!$K$13=1,J5092*Input!$J$13,0)+IF(Input!$K$14=1,K5092*Input!$J$14,0)+IF(Input!$K$15=1,L5092*Input!$J$15,0)+IF(Input!$K$16=1,M5092*Input!$J$16,0)</f>
        <v>0.80697534713217922</v>
      </c>
      <c r="O5092" s="58">
        <f>IF(Input!$K$13=2,J5092*Input!$J$13,0)+IF(Input!$K$14=2,K5092*Input!$J$14,0)+IF(Input!$K$15=2,L5092*Input!$J$15,0)+IF(Input!$K$16=2,M5092*Input!$J$16,0)</f>
        <v>7.6850405674012717E-2</v>
      </c>
      <c r="P5092" s="58">
        <f>IF(Input!$K$13=3,J5092*Input!$J$13,0)+IF(Input!$K$14=3,K5092*Input!$J$14,0)+IF(Input!$K$15=3,L5092*Input!$J$15,0)+IF(Input!$K$16=3,M5092*Input!$J$16,0)</f>
        <v>0</v>
      </c>
      <c r="Q5092" s="71">
        <f>IF(Input!$K$13=4,J5092*Input!$J$13,0)+IF(Input!$K$14=4,K5092*Input!$J$14,0)+IF(Input!$K$15=4,L5092*Input!$J$15,0)+IF(Input!$K$16=4,M5092*Input!$J$16,0)</f>
        <v>0</v>
      </c>
    </row>
    <row r="5093" spans="8:17" x14ac:dyDescent="0.25">
      <c r="H5093" s="43">
        <v>5086</v>
      </c>
      <c r="I5093" s="55">
        <f>Bühler!I5119</f>
        <v>4.6248324502625587E-2</v>
      </c>
      <c r="J5093" s="58">
        <f>Bühler!J5119</f>
        <v>6.7247945594348275</v>
      </c>
      <c r="K5093" s="58">
        <f>Bühler!K5119</f>
        <v>0.56926226425194604</v>
      </c>
      <c r="L5093" s="58">
        <f>Bühler!L5119</f>
        <v>0.28463113212597302</v>
      </c>
      <c r="M5093" s="57">
        <f>Bühler!M5119</f>
        <v>0</v>
      </c>
      <c r="N5093" s="55">
        <f>IF(Input!$K$13=1,J5093*Input!$J$13,0)+IF(Input!$K$14=1,K5093*Input!$J$14,0)+IF(Input!$K$15=1,L5093*Input!$J$15,0)+IF(Input!$K$16=1,M5093*Input!$J$16,0)</f>
        <v>0.80697534713217922</v>
      </c>
      <c r="O5093" s="58">
        <f>IF(Input!$K$13=2,J5093*Input!$J$13,0)+IF(Input!$K$14=2,K5093*Input!$J$14,0)+IF(Input!$K$15=2,L5093*Input!$J$15,0)+IF(Input!$K$16=2,M5093*Input!$J$16,0)</f>
        <v>7.6850405674012717E-2</v>
      </c>
      <c r="P5093" s="58">
        <f>IF(Input!$K$13=3,J5093*Input!$J$13,0)+IF(Input!$K$14=3,K5093*Input!$J$14,0)+IF(Input!$K$15=3,L5093*Input!$J$15,0)+IF(Input!$K$16=3,M5093*Input!$J$16,0)</f>
        <v>0</v>
      </c>
      <c r="Q5093" s="71">
        <f>IF(Input!$K$13=4,J5093*Input!$J$13,0)+IF(Input!$K$14=4,K5093*Input!$J$14,0)+IF(Input!$K$15=4,L5093*Input!$J$15,0)+IF(Input!$K$16=4,M5093*Input!$J$16,0)</f>
        <v>0</v>
      </c>
    </row>
    <row r="5094" spans="8:17" x14ac:dyDescent="0.25">
      <c r="H5094" s="43">
        <v>5087</v>
      </c>
      <c r="I5094" s="55">
        <f>Bühler!I5120</f>
        <v>4.6248324502625587E-2</v>
      </c>
      <c r="J5094" s="58">
        <f>Bühler!J5120</f>
        <v>6.7247945594348275</v>
      </c>
      <c r="K5094" s="58">
        <f>Bühler!K5120</f>
        <v>0.56926226425194604</v>
      </c>
      <c r="L5094" s="58">
        <f>Bühler!L5120</f>
        <v>0.28463113212597302</v>
      </c>
      <c r="M5094" s="57">
        <f>Bühler!M5120</f>
        <v>0</v>
      </c>
      <c r="N5094" s="55">
        <f>IF(Input!$K$13=1,J5094*Input!$J$13,0)+IF(Input!$K$14=1,K5094*Input!$J$14,0)+IF(Input!$K$15=1,L5094*Input!$J$15,0)+IF(Input!$K$16=1,M5094*Input!$J$16,0)</f>
        <v>0.80697534713217922</v>
      </c>
      <c r="O5094" s="58">
        <f>IF(Input!$K$13=2,J5094*Input!$J$13,0)+IF(Input!$K$14=2,K5094*Input!$J$14,0)+IF(Input!$K$15=2,L5094*Input!$J$15,0)+IF(Input!$K$16=2,M5094*Input!$J$16,0)</f>
        <v>7.6850405674012717E-2</v>
      </c>
      <c r="P5094" s="58">
        <f>IF(Input!$K$13=3,J5094*Input!$J$13,0)+IF(Input!$K$14=3,K5094*Input!$J$14,0)+IF(Input!$K$15=3,L5094*Input!$J$15,0)+IF(Input!$K$16=3,M5094*Input!$J$16,0)</f>
        <v>0</v>
      </c>
      <c r="Q5094" s="71">
        <f>IF(Input!$K$13=4,J5094*Input!$J$13,0)+IF(Input!$K$14=4,K5094*Input!$J$14,0)+IF(Input!$K$15=4,L5094*Input!$J$15,0)+IF(Input!$K$16=4,M5094*Input!$J$16,0)</f>
        <v>0</v>
      </c>
    </row>
    <row r="5095" spans="8:17" x14ac:dyDescent="0.25">
      <c r="H5095" s="43">
        <v>5088</v>
      </c>
      <c r="I5095" s="55">
        <f>Bühler!I5121</f>
        <v>4.6248324502625587E-2</v>
      </c>
      <c r="J5095" s="58">
        <f>Bühler!J5121</f>
        <v>6.7247945594348275</v>
      </c>
      <c r="K5095" s="58">
        <f>Bühler!K5121</f>
        <v>0.56926226425194604</v>
      </c>
      <c r="L5095" s="58">
        <f>Bühler!L5121</f>
        <v>0.28463113212597302</v>
      </c>
      <c r="M5095" s="57">
        <f>Bühler!M5121</f>
        <v>0</v>
      </c>
      <c r="N5095" s="55">
        <f>IF(Input!$K$13=1,J5095*Input!$J$13,0)+IF(Input!$K$14=1,K5095*Input!$J$14,0)+IF(Input!$K$15=1,L5095*Input!$J$15,0)+IF(Input!$K$16=1,M5095*Input!$J$16,0)</f>
        <v>0.80697534713217922</v>
      </c>
      <c r="O5095" s="58">
        <f>IF(Input!$K$13=2,J5095*Input!$J$13,0)+IF(Input!$K$14=2,K5095*Input!$J$14,0)+IF(Input!$K$15=2,L5095*Input!$J$15,0)+IF(Input!$K$16=2,M5095*Input!$J$16,0)</f>
        <v>7.6850405674012717E-2</v>
      </c>
      <c r="P5095" s="58">
        <f>IF(Input!$K$13=3,J5095*Input!$J$13,0)+IF(Input!$K$14=3,K5095*Input!$J$14,0)+IF(Input!$K$15=3,L5095*Input!$J$15,0)+IF(Input!$K$16=3,M5095*Input!$J$16,0)</f>
        <v>0</v>
      </c>
      <c r="Q5095" s="71">
        <f>IF(Input!$K$13=4,J5095*Input!$J$13,0)+IF(Input!$K$14=4,K5095*Input!$J$14,0)+IF(Input!$K$15=4,L5095*Input!$J$15,0)+IF(Input!$K$16=4,M5095*Input!$J$16,0)</f>
        <v>0</v>
      </c>
    </row>
    <row r="5096" spans="8:17" x14ac:dyDescent="0.25">
      <c r="H5096" s="43">
        <v>5089</v>
      </c>
      <c r="I5096" s="55">
        <f>Bühler!I5122</f>
        <v>0.1139563202533298</v>
      </c>
      <c r="J5096" s="58">
        <f>Bühler!J5122</f>
        <v>4.477072735694211</v>
      </c>
      <c r="K5096" s="58">
        <f>Bühler!K5122</f>
        <v>0.36661210300933239</v>
      </c>
      <c r="L5096" s="58">
        <f>Bühler!L5122</f>
        <v>0.1833060515046662</v>
      </c>
      <c r="M5096" s="57">
        <f>Bühler!M5122</f>
        <v>0</v>
      </c>
      <c r="N5096" s="55">
        <f>IF(Input!$K$13=1,J5096*Input!$J$13,0)+IF(Input!$K$14=1,K5096*Input!$J$14,0)+IF(Input!$K$15=1,L5096*Input!$J$15,0)+IF(Input!$K$16=1,M5096*Input!$J$16,0)</f>
        <v>0.53724872828330528</v>
      </c>
      <c r="O5096" s="58">
        <f>IF(Input!$K$13=2,J5096*Input!$J$13,0)+IF(Input!$K$14=2,K5096*Input!$J$14,0)+IF(Input!$K$15=2,L5096*Input!$J$15,0)+IF(Input!$K$16=2,M5096*Input!$J$16,0)</f>
        <v>4.9492633906259867E-2</v>
      </c>
      <c r="P5096" s="58">
        <f>IF(Input!$K$13=3,J5096*Input!$J$13,0)+IF(Input!$K$14=3,K5096*Input!$J$14,0)+IF(Input!$K$15=3,L5096*Input!$J$15,0)+IF(Input!$K$16=3,M5096*Input!$J$16,0)</f>
        <v>0</v>
      </c>
      <c r="Q5096" s="71">
        <f>IF(Input!$K$13=4,J5096*Input!$J$13,0)+IF(Input!$K$14=4,K5096*Input!$J$14,0)+IF(Input!$K$15=4,L5096*Input!$J$15,0)+IF(Input!$K$16=4,M5096*Input!$J$16,0)</f>
        <v>0</v>
      </c>
    </row>
    <row r="5097" spans="8:17" x14ac:dyDescent="0.25">
      <c r="H5097" s="43">
        <v>5090</v>
      </c>
      <c r="I5097" s="55">
        <f>Bühler!I5123</f>
        <v>0.1139563202533298</v>
      </c>
      <c r="J5097" s="58">
        <f>Bühler!J5123</f>
        <v>6.7575403837712358</v>
      </c>
      <c r="K5097" s="58">
        <f>Bühler!K5123</f>
        <v>0.55864701410945905</v>
      </c>
      <c r="L5097" s="58">
        <f>Bühler!L5123</f>
        <v>0.27932350705472953</v>
      </c>
      <c r="M5097" s="57">
        <f>Bühler!M5123</f>
        <v>0</v>
      </c>
      <c r="N5097" s="55">
        <f>IF(Input!$K$13=1,J5097*Input!$J$13,0)+IF(Input!$K$14=1,K5097*Input!$J$14,0)+IF(Input!$K$15=1,L5097*Input!$J$15,0)+IF(Input!$K$16=1,M5097*Input!$J$16,0)</f>
        <v>0.81090484605254831</v>
      </c>
      <c r="O5097" s="58">
        <f>IF(Input!$K$13=2,J5097*Input!$J$13,0)+IF(Input!$K$14=2,K5097*Input!$J$14,0)+IF(Input!$K$15=2,L5097*Input!$J$15,0)+IF(Input!$K$16=2,M5097*Input!$J$16,0)</f>
        <v>7.5417346904776972E-2</v>
      </c>
      <c r="P5097" s="58">
        <f>IF(Input!$K$13=3,J5097*Input!$J$13,0)+IF(Input!$K$14=3,K5097*Input!$J$14,0)+IF(Input!$K$15=3,L5097*Input!$J$15,0)+IF(Input!$K$16=3,M5097*Input!$J$16,0)</f>
        <v>0</v>
      </c>
      <c r="Q5097" s="71">
        <f>IF(Input!$K$13=4,J5097*Input!$J$13,0)+IF(Input!$K$14=4,K5097*Input!$J$14,0)+IF(Input!$K$15=4,L5097*Input!$J$15,0)+IF(Input!$K$16=4,M5097*Input!$J$16,0)</f>
        <v>0</v>
      </c>
    </row>
    <row r="5098" spans="8:17" x14ac:dyDescent="0.25">
      <c r="H5098" s="43">
        <v>5091</v>
      </c>
      <c r="I5098" s="55">
        <f>Bühler!I5124</f>
        <v>0.1139563202533298</v>
      </c>
      <c r="J5098" s="58">
        <f>Bühler!J5124</f>
        <v>6.7575403837712358</v>
      </c>
      <c r="K5098" s="58">
        <f>Bühler!K5124</f>
        <v>0.55864701410945905</v>
      </c>
      <c r="L5098" s="58">
        <f>Bühler!L5124</f>
        <v>0.27932350705472953</v>
      </c>
      <c r="M5098" s="57">
        <f>Bühler!M5124</f>
        <v>0</v>
      </c>
      <c r="N5098" s="55">
        <f>IF(Input!$K$13=1,J5098*Input!$J$13,0)+IF(Input!$K$14=1,K5098*Input!$J$14,0)+IF(Input!$K$15=1,L5098*Input!$J$15,0)+IF(Input!$K$16=1,M5098*Input!$J$16,0)</f>
        <v>0.81090484605254831</v>
      </c>
      <c r="O5098" s="58">
        <f>IF(Input!$K$13=2,J5098*Input!$J$13,0)+IF(Input!$K$14=2,K5098*Input!$J$14,0)+IF(Input!$K$15=2,L5098*Input!$J$15,0)+IF(Input!$K$16=2,M5098*Input!$J$16,0)</f>
        <v>7.5417346904776972E-2</v>
      </c>
      <c r="P5098" s="58">
        <f>IF(Input!$K$13=3,J5098*Input!$J$13,0)+IF(Input!$K$14=3,K5098*Input!$J$14,0)+IF(Input!$K$15=3,L5098*Input!$J$15,0)+IF(Input!$K$16=3,M5098*Input!$J$16,0)</f>
        <v>0</v>
      </c>
      <c r="Q5098" s="71">
        <f>IF(Input!$K$13=4,J5098*Input!$J$13,0)+IF(Input!$K$14=4,K5098*Input!$J$14,0)+IF(Input!$K$15=4,L5098*Input!$J$15,0)+IF(Input!$K$16=4,M5098*Input!$J$16,0)</f>
        <v>0</v>
      </c>
    </row>
    <row r="5099" spans="8:17" x14ac:dyDescent="0.25">
      <c r="H5099" s="43">
        <v>5092</v>
      </c>
      <c r="I5099" s="55">
        <f>Bühler!I5125</f>
        <v>0.1139563202533298</v>
      </c>
      <c r="J5099" s="58">
        <f>Bühler!J5125</f>
        <v>6.7575403837712358</v>
      </c>
      <c r="K5099" s="58">
        <f>Bühler!K5125</f>
        <v>0.55864701410945905</v>
      </c>
      <c r="L5099" s="58">
        <f>Bühler!L5125</f>
        <v>0.27932350705472953</v>
      </c>
      <c r="M5099" s="57">
        <f>Bühler!M5125</f>
        <v>0</v>
      </c>
      <c r="N5099" s="55">
        <f>IF(Input!$K$13=1,J5099*Input!$J$13,0)+IF(Input!$K$14=1,K5099*Input!$J$14,0)+IF(Input!$K$15=1,L5099*Input!$J$15,0)+IF(Input!$K$16=1,M5099*Input!$J$16,0)</f>
        <v>0.81090484605254831</v>
      </c>
      <c r="O5099" s="58">
        <f>IF(Input!$K$13=2,J5099*Input!$J$13,0)+IF(Input!$K$14=2,K5099*Input!$J$14,0)+IF(Input!$K$15=2,L5099*Input!$J$15,0)+IF(Input!$K$16=2,M5099*Input!$J$16,0)</f>
        <v>7.5417346904776972E-2</v>
      </c>
      <c r="P5099" s="58">
        <f>IF(Input!$K$13=3,J5099*Input!$J$13,0)+IF(Input!$K$14=3,K5099*Input!$J$14,0)+IF(Input!$K$15=3,L5099*Input!$J$15,0)+IF(Input!$K$16=3,M5099*Input!$J$16,0)</f>
        <v>0</v>
      </c>
      <c r="Q5099" s="71">
        <f>IF(Input!$K$13=4,J5099*Input!$J$13,0)+IF(Input!$K$14=4,K5099*Input!$J$14,0)+IF(Input!$K$15=4,L5099*Input!$J$15,0)+IF(Input!$K$16=4,M5099*Input!$J$16,0)</f>
        <v>0</v>
      </c>
    </row>
    <row r="5100" spans="8:17" x14ac:dyDescent="0.25">
      <c r="H5100" s="43">
        <v>5093</v>
      </c>
      <c r="I5100" s="55">
        <f>Bühler!I5126</f>
        <v>0.1139563202533298</v>
      </c>
      <c r="J5100" s="58">
        <f>Bühler!J5126</f>
        <v>6.7575403837712358</v>
      </c>
      <c r="K5100" s="58">
        <f>Bühler!K5126</f>
        <v>0.55864701410945905</v>
      </c>
      <c r="L5100" s="58">
        <f>Bühler!L5126</f>
        <v>0.27932350705472953</v>
      </c>
      <c r="M5100" s="57">
        <f>Bühler!M5126</f>
        <v>0</v>
      </c>
      <c r="N5100" s="55">
        <f>IF(Input!$K$13=1,J5100*Input!$J$13,0)+IF(Input!$K$14=1,K5100*Input!$J$14,0)+IF(Input!$K$15=1,L5100*Input!$J$15,0)+IF(Input!$K$16=1,M5100*Input!$J$16,0)</f>
        <v>0.81090484605254831</v>
      </c>
      <c r="O5100" s="58">
        <f>IF(Input!$K$13=2,J5100*Input!$J$13,0)+IF(Input!$K$14=2,K5100*Input!$J$14,0)+IF(Input!$K$15=2,L5100*Input!$J$15,0)+IF(Input!$K$16=2,M5100*Input!$J$16,0)</f>
        <v>7.5417346904776972E-2</v>
      </c>
      <c r="P5100" s="58">
        <f>IF(Input!$K$13=3,J5100*Input!$J$13,0)+IF(Input!$K$14=3,K5100*Input!$J$14,0)+IF(Input!$K$15=3,L5100*Input!$J$15,0)+IF(Input!$K$16=3,M5100*Input!$J$16,0)</f>
        <v>0</v>
      </c>
      <c r="Q5100" s="71">
        <f>IF(Input!$K$13=4,J5100*Input!$J$13,0)+IF(Input!$K$14=4,K5100*Input!$J$14,0)+IF(Input!$K$15=4,L5100*Input!$J$15,0)+IF(Input!$K$16=4,M5100*Input!$J$16,0)</f>
        <v>0</v>
      </c>
    </row>
    <row r="5101" spans="8:17" x14ac:dyDescent="0.25">
      <c r="H5101" s="43">
        <v>5094</v>
      </c>
      <c r="I5101" s="55">
        <f>Bühler!I5127</f>
        <v>0.1139563202533298</v>
      </c>
      <c r="J5101" s="58">
        <f>Bühler!J5127</f>
        <v>6.7575403837712358</v>
      </c>
      <c r="K5101" s="58">
        <f>Bühler!K5127</f>
        <v>0.55864701410945905</v>
      </c>
      <c r="L5101" s="58">
        <f>Bühler!L5127</f>
        <v>0.27932350705472953</v>
      </c>
      <c r="M5101" s="57">
        <f>Bühler!M5127</f>
        <v>0</v>
      </c>
      <c r="N5101" s="55">
        <f>IF(Input!$K$13=1,J5101*Input!$J$13,0)+IF(Input!$K$14=1,K5101*Input!$J$14,0)+IF(Input!$K$15=1,L5101*Input!$J$15,0)+IF(Input!$K$16=1,M5101*Input!$J$16,0)</f>
        <v>0.81090484605254831</v>
      </c>
      <c r="O5101" s="58">
        <f>IF(Input!$K$13=2,J5101*Input!$J$13,0)+IF(Input!$K$14=2,K5101*Input!$J$14,0)+IF(Input!$K$15=2,L5101*Input!$J$15,0)+IF(Input!$K$16=2,M5101*Input!$J$16,0)</f>
        <v>7.5417346904776972E-2</v>
      </c>
      <c r="P5101" s="58">
        <f>IF(Input!$K$13=3,J5101*Input!$J$13,0)+IF(Input!$K$14=3,K5101*Input!$J$14,0)+IF(Input!$K$15=3,L5101*Input!$J$15,0)+IF(Input!$K$16=3,M5101*Input!$J$16,0)</f>
        <v>0</v>
      </c>
      <c r="Q5101" s="71">
        <f>IF(Input!$K$13=4,J5101*Input!$J$13,0)+IF(Input!$K$14=4,K5101*Input!$J$14,0)+IF(Input!$K$15=4,L5101*Input!$J$15,0)+IF(Input!$K$16=4,M5101*Input!$J$16,0)</f>
        <v>0</v>
      </c>
    </row>
    <row r="5102" spans="8:17" x14ac:dyDescent="0.25">
      <c r="H5102" s="43">
        <v>5095</v>
      </c>
      <c r="I5102" s="55">
        <f>Bühler!I5128</f>
        <v>0.1139563202533298</v>
      </c>
      <c r="J5102" s="58">
        <f>Bühler!J5128</f>
        <v>6.7575403837712358</v>
      </c>
      <c r="K5102" s="58">
        <f>Bühler!K5128</f>
        <v>0.55864701410945905</v>
      </c>
      <c r="L5102" s="58">
        <f>Bühler!L5128</f>
        <v>0.27932350705472953</v>
      </c>
      <c r="M5102" s="57">
        <f>Bühler!M5128</f>
        <v>0</v>
      </c>
      <c r="N5102" s="55">
        <f>IF(Input!$K$13=1,J5102*Input!$J$13,0)+IF(Input!$K$14=1,K5102*Input!$J$14,0)+IF(Input!$K$15=1,L5102*Input!$J$15,0)+IF(Input!$K$16=1,M5102*Input!$J$16,0)</f>
        <v>0.81090484605254831</v>
      </c>
      <c r="O5102" s="58">
        <f>IF(Input!$K$13=2,J5102*Input!$J$13,0)+IF(Input!$K$14=2,K5102*Input!$J$14,0)+IF(Input!$K$15=2,L5102*Input!$J$15,0)+IF(Input!$K$16=2,M5102*Input!$J$16,0)</f>
        <v>7.5417346904776972E-2</v>
      </c>
      <c r="P5102" s="58">
        <f>IF(Input!$K$13=3,J5102*Input!$J$13,0)+IF(Input!$K$14=3,K5102*Input!$J$14,0)+IF(Input!$K$15=3,L5102*Input!$J$15,0)+IF(Input!$K$16=3,M5102*Input!$J$16,0)</f>
        <v>0</v>
      </c>
      <c r="Q5102" s="71">
        <f>IF(Input!$K$13=4,J5102*Input!$J$13,0)+IF(Input!$K$14=4,K5102*Input!$J$14,0)+IF(Input!$K$15=4,L5102*Input!$J$15,0)+IF(Input!$K$16=4,M5102*Input!$J$16,0)</f>
        <v>0</v>
      </c>
    </row>
    <row r="5103" spans="8:17" x14ac:dyDescent="0.25">
      <c r="H5103" s="43">
        <v>5096</v>
      </c>
      <c r="I5103" s="55">
        <f>Bühler!I5129</f>
        <v>0.32826772253620484</v>
      </c>
      <c r="J5103" s="58">
        <f>Bühler!J5129</f>
        <v>28.322449341134554</v>
      </c>
      <c r="K5103" s="58">
        <f>Bühler!K5129</f>
        <v>2.3550463188551873</v>
      </c>
      <c r="L5103" s="58">
        <f>Bühler!L5129</f>
        <v>1.1775231594275937</v>
      </c>
      <c r="M5103" s="57">
        <f>Bühler!M5129</f>
        <v>0</v>
      </c>
      <c r="N5103" s="55">
        <f>IF(Input!$K$13=1,J5103*Input!$J$13,0)+IF(Input!$K$14=1,K5103*Input!$J$14,0)+IF(Input!$K$15=1,L5103*Input!$J$15,0)+IF(Input!$K$16=1,M5103*Input!$J$16,0)</f>
        <v>3.3986939209361462</v>
      </c>
      <c r="O5103" s="58">
        <f>IF(Input!$K$13=2,J5103*Input!$J$13,0)+IF(Input!$K$14=2,K5103*Input!$J$14,0)+IF(Input!$K$15=2,L5103*Input!$J$15,0)+IF(Input!$K$16=2,M5103*Input!$J$16,0)</f>
        <v>0.31793125304545028</v>
      </c>
      <c r="P5103" s="58">
        <f>IF(Input!$K$13=3,J5103*Input!$J$13,0)+IF(Input!$K$14=3,K5103*Input!$J$14,0)+IF(Input!$K$15=3,L5103*Input!$J$15,0)+IF(Input!$K$16=3,M5103*Input!$J$16,0)</f>
        <v>0</v>
      </c>
      <c r="Q5103" s="71">
        <f>IF(Input!$K$13=4,J5103*Input!$J$13,0)+IF(Input!$K$14=4,K5103*Input!$J$14,0)+IF(Input!$K$15=4,L5103*Input!$J$15,0)+IF(Input!$K$16=4,M5103*Input!$J$16,0)</f>
        <v>0</v>
      </c>
    </row>
    <row r="5104" spans="8:17" x14ac:dyDescent="0.25">
      <c r="H5104" s="43">
        <v>5097</v>
      </c>
      <c r="I5104" s="55">
        <f>Bühler!I5130</f>
        <v>0.36627766935618644</v>
      </c>
      <c r="J5104" s="58">
        <f>Bühler!J5130</f>
        <v>31.601890843792248</v>
      </c>
      <c r="K5104" s="58">
        <f>Bühler!K5130</f>
        <v>2.6277358926173675</v>
      </c>
      <c r="L5104" s="58">
        <f>Bühler!L5130</f>
        <v>1.3138679463086838</v>
      </c>
      <c r="M5104" s="57">
        <f>Bühler!M5130</f>
        <v>0</v>
      </c>
      <c r="N5104" s="55">
        <f>IF(Input!$K$13=1,J5104*Input!$J$13,0)+IF(Input!$K$14=1,K5104*Input!$J$14,0)+IF(Input!$K$15=1,L5104*Input!$J$15,0)+IF(Input!$K$16=1,M5104*Input!$J$16,0)</f>
        <v>3.7922269012550696</v>
      </c>
      <c r="O5104" s="58">
        <f>IF(Input!$K$13=2,J5104*Input!$J$13,0)+IF(Input!$K$14=2,K5104*Input!$J$14,0)+IF(Input!$K$15=2,L5104*Input!$J$15,0)+IF(Input!$K$16=2,M5104*Input!$J$16,0)</f>
        <v>0.3547443455033446</v>
      </c>
      <c r="P5104" s="58">
        <f>IF(Input!$K$13=3,J5104*Input!$J$13,0)+IF(Input!$K$14=3,K5104*Input!$J$14,0)+IF(Input!$K$15=3,L5104*Input!$J$15,0)+IF(Input!$K$16=3,M5104*Input!$J$16,0)</f>
        <v>0</v>
      </c>
      <c r="Q5104" s="71">
        <f>IF(Input!$K$13=4,J5104*Input!$J$13,0)+IF(Input!$K$14=4,K5104*Input!$J$14,0)+IF(Input!$K$15=4,L5104*Input!$J$15,0)+IF(Input!$K$16=4,M5104*Input!$J$16,0)</f>
        <v>0</v>
      </c>
    </row>
    <row r="5105" spans="8:17" x14ac:dyDescent="0.25">
      <c r="H5105" s="43">
        <v>5098</v>
      </c>
      <c r="I5105" s="55">
        <f>Bühler!I5131</f>
        <v>0.40428761617616804</v>
      </c>
      <c r="J5105" s="58">
        <f>Bühler!J5131</f>
        <v>34.881332346449931</v>
      </c>
      <c r="K5105" s="58">
        <f>Bühler!K5131</f>
        <v>2.9004254663795472</v>
      </c>
      <c r="L5105" s="58">
        <f>Bühler!L5131</f>
        <v>1.4502127331897736</v>
      </c>
      <c r="M5105" s="57">
        <f>Bühler!M5131</f>
        <v>0</v>
      </c>
      <c r="N5105" s="55">
        <f>IF(Input!$K$13=1,J5105*Input!$J$13,0)+IF(Input!$K$14=1,K5105*Input!$J$14,0)+IF(Input!$K$15=1,L5105*Input!$J$15,0)+IF(Input!$K$16=1,M5105*Input!$J$16,0)</f>
        <v>4.1857598815739916</v>
      </c>
      <c r="O5105" s="58">
        <f>IF(Input!$K$13=2,J5105*Input!$J$13,0)+IF(Input!$K$14=2,K5105*Input!$J$14,0)+IF(Input!$K$15=2,L5105*Input!$J$15,0)+IF(Input!$K$16=2,M5105*Input!$J$16,0)</f>
        <v>0.39155743796123887</v>
      </c>
      <c r="P5105" s="58">
        <f>IF(Input!$K$13=3,J5105*Input!$J$13,0)+IF(Input!$K$14=3,K5105*Input!$J$14,0)+IF(Input!$K$15=3,L5105*Input!$J$15,0)+IF(Input!$K$16=3,M5105*Input!$J$16,0)</f>
        <v>0</v>
      </c>
      <c r="Q5105" s="71">
        <f>IF(Input!$K$13=4,J5105*Input!$J$13,0)+IF(Input!$K$14=4,K5105*Input!$J$14,0)+IF(Input!$K$15=4,L5105*Input!$J$15,0)+IF(Input!$K$16=4,M5105*Input!$J$16,0)</f>
        <v>0</v>
      </c>
    </row>
    <row r="5106" spans="8:17" x14ac:dyDescent="0.25">
      <c r="H5106" s="43">
        <v>5099</v>
      </c>
      <c r="I5106" s="55">
        <f>Bühler!I5132</f>
        <v>0.40428761617616804</v>
      </c>
      <c r="J5106" s="58">
        <f>Bühler!J5132</f>
        <v>34.881332346449931</v>
      </c>
      <c r="K5106" s="58">
        <f>Bühler!K5132</f>
        <v>2.9004254663795472</v>
      </c>
      <c r="L5106" s="58">
        <f>Bühler!L5132</f>
        <v>1.4502127331897736</v>
      </c>
      <c r="M5106" s="57">
        <f>Bühler!M5132</f>
        <v>0</v>
      </c>
      <c r="N5106" s="55">
        <f>IF(Input!$K$13=1,J5106*Input!$J$13,0)+IF(Input!$K$14=1,K5106*Input!$J$14,0)+IF(Input!$K$15=1,L5106*Input!$J$15,0)+IF(Input!$K$16=1,M5106*Input!$J$16,0)</f>
        <v>4.1857598815739916</v>
      </c>
      <c r="O5106" s="58">
        <f>IF(Input!$K$13=2,J5106*Input!$J$13,0)+IF(Input!$K$14=2,K5106*Input!$J$14,0)+IF(Input!$K$15=2,L5106*Input!$J$15,0)+IF(Input!$K$16=2,M5106*Input!$J$16,0)</f>
        <v>0.39155743796123887</v>
      </c>
      <c r="P5106" s="58">
        <f>IF(Input!$K$13=3,J5106*Input!$J$13,0)+IF(Input!$K$14=3,K5106*Input!$J$14,0)+IF(Input!$K$15=3,L5106*Input!$J$15,0)+IF(Input!$K$16=3,M5106*Input!$J$16,0)</f>
        <v>0</v>
      </c>
      <c r="Q5106" s="71">
        <f>IF(Input!$K$13=4,J5106*Input!$J$13,0)+IF(Input!$K$14=4,K5106*Input!$J$14,0)+IF(Input!$K$15=4,L5106*Input!$J$15,0)+IF(Input!$K$16=4,M5106*Input!$J$16,0)</f>
        <v>0</v>
      </c>
    </row>
    <row r="5107" spans="8:17" x14ac:dyDescent="0.25">
      <c r="H5107" s="43">
        <v>5100</v>
      </c>
      <c r="I5107" s="55">
        <f>Bühler!I5133</f>
        <v>0.48376295952703879</v>
      </c>
      <c r="J5107" s="58">
        <f>Bühler!J5133</f>
        <v>41.738346397461456</v>
      </c>
      <c r="K5107" s="58">
        <f>Bühler!K5133</f>
        <v>3.470594575155014</v>
      </c>
      <c r="L5107" s="58">
        <f>Bühler!L5133</f>
        <v>1.735297287577507</v>
      </c>
      <c r="M5107" s="57">
        <f>Bühler!M5133</f>
        <v>0</v>
      </c>
      <c r="N5107" s="55">
        <f>IF(Input!$K$13=1,J5107*Input!$J$13,0)+IF(Input!$K$14=1,K5107*Input!$J$14,0)+IF(Input!$K$15=1,L5107*Input!$J$15,0)+IF(Input!$K$16=1,M5107*Input!$J$16,0)</f>
        <v>5.0086015676953748</v>
      </c>
      <c r="O5107" s="58">
        <f>IF(Input!$K$13=2,J5107*Input!$J$13,0)+IF(Input!$K$14=2,K5107*Input!$J$14,0)+IF(Input!$K$15=2,L5107*Input!$J$15,0)+IF(Input!$K$16=2,M5107*Input!$J$16,0)</f>
        <v>0.46853026764592687</v>
      </c>
      <c r="P5107" s="58">
        <f>IF(Input!$K$13=3,J5107*Input!$J$13,0)+IF(Input!$K$14=3,K5107*Input!$J$14,0)+IF(Input!$K$15=3,L5107*Input!$J$15,0)+IF(Input!$K$16=3,M5107*Input!$J$16,0)</f>
        <v>0</v>
      </c>
      <c r="Q5107" s="71">
        <f>IF(Input!$K$13=4,J5107*Input!$J$13,0)+IF(Input!$K$14=4,K5107*Input!$J$14,0)+IF(Input!$K$15=4,L5107*Input!$J$15,0)+IF(Input!$K$16=4,M5107*Input!$J$16,0)</f>
        <v>0</v>
      </c>
    </row>
    <row r="5108" spans="8:17" x14ac:dyDescent="0.25">
      <c r="H5108" s="43">
        <v>5101</v>
      </c>
      <c r="I5108" s="55">
        <f>Bühler!I5134</f>
        <v>0.48376295952703879</v>
      </c>
      <c r="J5108" s="58">
        <f>Bühler!J5134</f>
        <v>41.738346397461456</v>
      </c>
      <c r="K5108" s="58">
        <f>Bühler!K5134</f>
        <v>3.470594575155014</v>
      </c>
      <c r="L5108" s="58">
        <f>Bühler!L5134</f>
        <v>1.735297287577507</v>
      </c>
      <c r="M5108" s="57">
        <f>Bühler!M5134</f>
        <v>0</v>
      </c>
      <c r="N5108" s="55">
        <f>IF(Input!$K$13=1,J5108*Input!$J$13,0)+IF(Input!$K$14=1,K5108*Input!$J$14,0)+IF(Input!$K$15=1,L5108*Input!$J$15,0)+IF(Input!$K$16=1,M5108*Input!$J$16,0)</f>
        <v>5.0086015676953748</v>
      </c>
      <c r="O5108" s="58">
        <f>IF(Input!$K$13=2,J5108*Input!$J$13,0)+IF(Input!$K$14=2,K5108*Input!$J$14,0)+IF(Input!$K$15=2,L5108*Input!$J$15,0)+IF(Input!$K$16=2,M5108*Input!$J$16,0)</f>
        <v>0.46853026764592687</v>
      </c>
      <c r="P5108" s="58">
        <f>IF(Input!$K$13=3,J5108*Input!$J$13,0)+IF(Input!$K$14=3,K5108*Input!$J$14,0)+IF(Input!$K$15=3,L5108*Input!$J$15,0)+IF(Input!$K$16=3,M5108*Input!$J$16,0)</f>
        <v>0</v>
      </c>
      <c r="Q5108" s="71">
        <f>IF(Input!$K$13=4,J5108*Input!$J$13,0)+IF(Input!$K$14=4,K5108*Input!$J$14,0)+IF(Input!$K$15=4,L5108*Input!$J$15,0)+IF(Input!$K$16=4,M5108*Input!$J$16,0)</f>
        <v>0</v>
      </c>
    </row>
    <row r="5109" spans="8:17" x14ac:dyDescent="0.25">
      <c r="H5109" s="43">
        <v>5102</v>
      </c>
      <c r="I5109" s="55">
        <f>Bühler!I5135</f>
        <v>0.32135682311438996</v>
      </c>
      <c r="J5109" s="58">
        <f>Bühler!J5135</f>
        <v>27.726187249742253</v>
      </c>
      <c r="K5109" s="58">
        <f>Bühler!K5135</f>
        <v>2.3054663963529731</v>
      </c>
      <c r="L5109" s="58">
        <f>Bühler!L5135</f>
        <v>1.1527331981764866</v>
      </c>
      <c r="M5109" s="57">
        <f>Bühler!M5135</f>
        <v>0</v>
      </c>
      <c r="N5109" s="55">
        <f>IF(Input!$K$13=1,J5109*Input!$J$13,0)+IF(Input!$K$14=1,K5109*Input!$J$14,0)+IF(Input!$K$15=1,L5109*Input!$J$15,0)+IF(Input!$K$16=1,M5109*Input!$J$16,0)</f>
        <v>3.3271424699690701</v>
      </c>
      <c r="O5109" s="58">
        <f>IF(Input!$K$13=2,J5109*Input!$J$13,0)+IF(Input!$K$14=2,K5109*Input!$J$14,0)+IF(Input!$K$15=2,L5109*Input!$J$15,0)+IF(Input!$K$16=2,M5109*Input!$J$16,0)</f>
        <v>0.31123796350765137</v>
      </c>
      <c r="P5109" s="58">
        <f>IF(Input!$K$13=3,J5109*Input!$J$13,0)+IF(Input!$K$14=3,K5109*Input!$J$14,0)+IF(Input!$K$15=3,L5109*Input!$J$15,0)+IF(Input!$K$16=3,M5109*Input!$J$16,0)</f>
        <v>0</v>
      </c>
      <c r="Q5109" s="71">
        <f>IF(Input!$K$13=4,J5109*Input!$J$13,0)+IF(Input!$K$14=4,K5109*Input!$J$14,0)+IF(Input!$K$15=4,L5109*Input!$J$15,0)+IF(Input!$K$16=4,M5109*Input!$J$16,0)</f>
        <v>0</v>
      </c>
    </row>
    <row r="5110" spans="8:17" x14ac:dyDescent="0.25">
      <c r="H5110" s="43">
        <v>5103</v>
      </c>
      <c r="I5110" s="55">
        <f>Bühler!I5136</f>
        <v>0.48376295952703879</v>
      </c>
      <c r="J5110" s="58">
        <f>Bühler!J5136</f>
        <v>41.738346397461456</v>
      </c>
      <c r="K5110" s="58">
        <f>Bühler!K5136</f>
        <v>3.470594575155014</v>
      </c>
      <c r="L5110" s="58">
        <f>Bühler!L5136</f>
        <v>1.735297287577507</v>
      </c>
      <c r="M5110" s="57">
        <f>Bühler!M5136</f>
        <v>0</v>
      </c>
      <c r="N5110" s="55">
        <f>IF(Input!$K$13=1,J5110*Input!$J$13,0)+IF(Input!$K$14=1,K5110*Input!$J$14,0)+IF(Input!$K$15=1,L5110*Input!$J$15,0)+IF(Input!$K$16=1,M5110*Input!$J$16,0)</f>
        <v>5.0086015676953748</v>
      </c>
      <c r="O5110" s="58">
        <f>IF(Input!$K$13=2,J5110*Input!$J$13,0)+IF(Input!$K$14=2,K5110*Input!$J$14,0)+IF(Input!$K$15=2,L5110*Input!$J$15,0)+IF(Input!$K$16=2,M5110*Input!$J$16,0)</f>
        <v>0.46853026764592687</v>
      </c>
      <c r="P5110" s="58">
        <f>IF(Input!$K$13=3,J5110*Input!$J$13,0)+IF(Input!$K$14=3,K5110*Input!$J$14,0)+IF(Input!$K$15=3,L5110*Input!$J$15,0)+IF(Input!$K$16=3,M5110*Input!$J$16,0)</f>
        <v>0</v>
      </c>
      <c r="Q5110" s="71">
        <f>IF(Input!$K$13=4,J5110*Input!$J$13,0)+IF(Input!$K$14=4,K5110*Input!$J$14,0)+IF(Input!$K$15=4,L5110*Input!$J$15,0)+IF(Input!$K$16=4,M5110*Input!$J$16,0)</f>
        <v>0</v>
      </c>
    </row>
    <row r="5111" spans="8:17" x14ac:dyDescent="0.25">
      <c r="H5111" s="43">
        <v>5104</v>
      </c>
      <c r="I5111" s="55">
        <f>Bühler!I5137</f>
        <v>0.48376295952703879</v>
      </c>
      <c r="J5111" s="58">
        <f>Bühler!J5137</f>
        <v>41.738346397461456</v>
      </c>
      <c r="K5111" s="58">
        <f>Bühler!K5137</f>
        <v>3.470594575155014</v>
      </c>
      <c r="L5111" s="58">
        <f>Bühler!L5137</f>
        <v>1.735297287577507</v>
      </c>
      <c r="M5111" s="57">
        <f>Bühler!M5137</f>
        <v>0</v>
      </c>
      <c r="N5111" s="55">
        <f>IF(Input!$K$13=1,J5111*Input!$J$13,0)+IF(Input!$K$14=1,K5111*Input!$J$14,0)+IF(Input!$K$15=1,L5111*Input!$J$15,0)+IF(Input!$K$16=1,M5111*Input!$J$16,0)</f>
        <v>5.0086015676953748</v>
      </c>
      <c r="O5111" s="58">
        <f>IF(Input!$K$13=2,J5111*Input!$J$13,0)+IF(Input!$K$14=2,K5111*Input!$J$14,0)+IF(Input!$K$15=2,L5111*Input!$J$15,0)+IF(Input!$K$16=2,M5111*Input!$J$16,0)</f>
        <v>0.46853026764592687</v>
      </c>
      <c r="P5111" s="58">
        <f>IF(Input!$K$13=3,J5111*Input!$J$13,0)+IF(Input!$K$14=3,K5111*Input!$J$14,0)+IF(Input!$K$15=3,L5111*Input!$J$15,0)+IF(Input!$K$16=3,M5111*Input!$J$16,0)</f>
        <v>0</v>
      </c>
      <c r="Q5111" s="71">
        <f>IF(Input!$K$13=4,J5111*Input!$J$13,0)+IF(Input!$K$14=4,K5111*Input!$J$14,0)+IF(Input!$K$15=4,L5111*Input!$J$15,0)+IF(Input!$K$16=4,M5111*Input!$J$16,0)</f>
        <v>0</v>
      </c>
    </row>
    <row r="5112" spans="8:17" x14ac:dyDescent="0.25">
      <c r="H5112" s="43">
        <v>5105</v>
      </c>
      <c r="I5112" s="55">
        <f>Bühler!I5138</f>
        <v>0.40436113638278309</v>
      </c>
      <c r="J5112" s="58">
        <f>Bühler!J5138</f>
        <v>24.725038349768305</v>
      </c>
      <c r="K5112" s="58">
        <f>Bühler!K5138</f>
        <v>2.0451718032163471</v>
      </c>
      <c r="L5112" s="58">
        <f>Bühler!L5138</f>
        <v>1.0225859016081735</v>
      </c>
      <c r="M5112" s="57">
        <f>Bühler!M5138</f>
        <v>0</v>
      </c>
      <c r="N5112" s="55">
        <f>IF(Input!$K$13=1,J5112*Input!$J$13,0)+IF(Input!$K$14=1,K5112*Input!$J$14,0)+IF(Input!$K$15=1,L5112*Input!$J$15,0)+IF(Input!$K$16=1,M5112*Input!$J$16,0)</f>
        <v>2.9670046019721963</v>
      </c>
      <c r="O5112" s="58">
        <f>IF(Input!$K$13=2,J5112*Input!$J$13,0)+IF(Input!$K$14=2,K5112*Input!$J$14,0)+IF(Input!$K$15=2,L5112*Input!$J$15,0)+IF(Input!$K$16=2,M5112*Input!$J$16,0)</f>
        <v>0.27609819343420683</v>
      </c>
      <c r="P5112" s="58">
        <f>IF(Input!$K$13=3,J5112*Input!$J$13,0)+IF(Input!$K$14=3,K5112*Input!$J$14,0)+IF(Input!$K$15=3,L5112*Input!$J$15,0)+IF(Input!$K$16=3,M5112*Input!$J$16,0)</f>
        <v>0</v>
      </c>
      <c r="Q5112" s="71">
        <f>IF(Input!$K$13=4,J5112*Input!$J$13,0)+IF(Input!$K$14=4,K5112*Input!$J$14,0)+IF(Input!$K$15=4,L5112*Input!$J$15,0)+IF(Input!$K$16=4,M5112*Input!$J$16,0)</f>
        <v>0</v>
      </c>
    </row>
    <row r="5113" spans="8:17" x14ac:dyDescent="0.25">
      <c r="H5113" s="43">
        <v>5106</v>
      </c>
      <c r="I5113" s="55">
        <f>Bühler!I5139</f>
        <v>0.32128330290777496</v>
      </c>
      <c r="J5113" s="58">
        <f>Bühler!J5139</f>
        <v>10.713818948197163</v>
      </c>
      <c r="K5113" s="58">
        <f>Bühler!K5139</f>
        <v>0.87288595954602954</v>
      </c>
      <c r="L5113" s="58">
        <f>Bühler!L5139</f>
        <v>0.43644297977301477</v>
      </c>
      <c r="M5113" s="57">
        <f>Bühler!M5139</f>
        <v>0</v>
      </c>
      <c r="N5113" s="55">
        <f>IF(Input!$K$13=1,J5113*Input!$J$13,0)+IF(Input!$K$14=1,K5113*Input!$J$14,0)+IF(Input!$K$15=1,L5113*Input!$J$15,0)+IF(Input!$K$16=1,M5113*Input!$J$16,0)</f>
        <v>1.2856582737836595</v>
      </c>
      <c r="O5113" s="58">
        <f>IF(Input!$K$13=2,J5113*Input!$J$13,0)+IF(Input!$K$14=2,K5113*Input!$J$14,0)+IF(Input!$K$15=2,L5113*Input!$J$15,0)+IF(Input!$K$16=2,M5113*Input!$J$16,0)</f>
        <v>0.11783960453871399</v>
      </c>
      <c r="P5113" s="58">
        <f>IF(Input!$K$13=3,J5113*Input!$J$13,0)+IF(Input!$K$14=3,K5113*Input!$J$14,0)+IF(Input!$K$15=3,L5113*Input!$J$15,0)+IF(Input!$K$16=3,M5113*Input!$J$16,0)</f>
        <v>0</v>
      </c>
      <c r="Q5113" s="71">
        <f>IF(Input!$K$13=4,J5113*Input!$J$13,0)+IF(Input!$K$14=4,K5113*Input!$J$14,0)+IF(Input!$K$15=4,L5113*Input!$J$15,0)+IF(Input!$K$16=4,M5113*Input!$J$16,0)</f>
        <v>0</v>
      </c>
    </row>
    <row r="5114" spans="8:17" x14ac:dyDescent="0.25">
      <c r="H5114" s="43">
        <v>5107</v>
      </c>
      <c r="I5114" s="55">
        <f>Bühler!I5140</f>
        <v>0.1139563202533298</v>
      </c>
      <c r="J5114" s="58">
        <f>Bühler!J5140</f>
        <v>6.9648556245055095</v>
      </c>
      <c r="K5114" s="58">
        <f>Bühler!K5140</f>
        <v>0.57610473330037959</v>
      </c>
      <c r="L5114" s="58">
        <f>Bühler!L5140</f>
        <v>0.2880523666501898</v>
      </c>
      <c r="M5114" s="57">
        <f>Bühler!M5140</f>
        <v>0</v>
      </c>
      <c r="N5114" s="55">
        <f>IF(Input!$K$13=1,J5114*Input!$J$13,0)+IF(Input!$K$14=1,K5114*Input!$J$14,0)+IF(Input!$K$15=1,L5114*Input!$J$15,0)+IF(Input!$K$16=1,M5114*Input!$J$16,0)</f>
        <v>0.83578267494066116</v>
      </c>
      <c r="O5114" s="58">
        <f>IF(Input!$K$13=2,J5114*Input!$J$13,0)+IF(Input!$K$14=2,K5114*Input!$J$14,0)+IF(Input!$K$15=2,L5114*Input!$J$15,0)+IF(Input!$K$16=2,M5114*Input!$J$16,0)</f>
        <v>7.7774138995551245E-2</v>
      </c>
      <c r="P5114" s="58">
        <f>IF(Input!$K$13=3,J5114*Input!$J$13,0)+IF(Input!$K$14=3,K5114*Input!$J$14,0)+IF(Input!$K$15=3,L5114*Input!$J$15,0)+IF(Input!$K$16=3,M5114*Input!$J$16,0)</f>
        <v>0</v>
      </c>
      <c r="Q5114" s="71">
        <f>IF(Input!$K$13=4,J5114*Input!$J$13,0)+IF(Input!$K$14=4,K5114*Input!$J$14,0)+IF(Input!$K$15=4,L5114*Input!$J$15,0)+IF(Input!$K$16=4,M5114*Input!$J$16,0)</f>
        <v>0</v>
      </c>
    </row>
    <row r="5115" spans="8:17" x14ac:dyDescent="0.25">
      <c r="H5115" s="43">
        <v>5108</v>
      </c>
      <c r="I5115" s="55">
        <f>Bühler!I5141</f>
        <v>0.1139563202533298</v>
      </c>
      <c r="J5115" s="58">
        <f>Bühler!J5141</f>
        <v>6.9648556245055095</v>
      </c>
      <c r="K5115" s="58">
        <f>Bühler!K5141</f>
        <v>0.57610473330037959</v>
      </c>
      <c r="L5115" s="58">
        <f>Bühler!L5141</f>
        <v>0.2880523666501898</v>
      </c>
      <c r="M5115" s="57">
        <f>Bühler!M5141</f>
        <v>0</v>
      </c>
      <c r="N5115" s="55">
        <f>IF(Input!$K$13=1,J5115*Input!$J$13,0)+IF(Input!$K$14=1,K5115*Input!$J$14,0)+IF(Input!$K$15=1,L5115*Input!$J$15,0)+IF(Input!$K$16=1,M5115*Input!$J$16,0)</f>
        <v>0.83578267494066116</v>
      </c>
      <c r="O5115" s="58">
        <f>IF(Input!$K$13=2,J5115*Input!$J$13,0)+IF(Input!$K$14=2,K5115*Input!$J$14,0)+IF(Input!$K$15=2,L5115*Input!$J$15,0)+IF(Input!$K$16=2,M5115*Input!$J$16,0)</f>
        <v>7.7774138995551245E-2</v>
      </c>
      <c r="P5115" s="58">
        <f>IF(Input!$K$13=3,J5115*Input!$J$13,0)+IF(Input!$K$14=3,K5115*Input!$J$14,0)+IF(Input!$K$15=3,L5115*Input!$J$15,0)+IF(Input!$K$16=3,M5115*Input!$J$16,0)</f>
        <v>0</v>
      </c>
      <c r="Q5115" s="71">
        <f>IF(Input!$K$13=4,J5115*Input!$J$13,0)+IF(Input!$K$14=4,K5115*Input!$J$14,0)+IF(Input!$K$15=4,L5115*Input!$J$15,0)+IF(Input!$K$16=4,M5115*Input!$J$16,0)</f>
        <v>0</v>
      </c>
    </row>
    <row r="5116" spans="8:17" x14ac:dyDescent="0.25">
      <c r="H5116" s="43">
        <v>5109</v>
      </c>
      <c r="I5116" s="55">
        <f>Bühler!I5142</f>
        <v>0.1139563202533298</v>
      </c>
      <c r="J5116" s="58">
        <f>Bühler!J5142</f>
        <v>6.9648556245055095</v>
      </c>
      <c r="K5116" s="58">
        <f>Bühler!K5142</f>
        <v>0.57610473330037959</v>
      </c>
      <c r="L5116" s="58">
        <f>Bühler!L5142</f>
        <v>0.2880523666501898</v>
      </c>
      <c r="M5116" s="57">
        <f>Bühler!M5142</f>
        <v>0</v>
      </c>
      <c r="N5116" s="55">
        <f>IF(Input!$K$13=1,J5116*Input!$J$13,0)+IF(Input!$K$14=1,K5116*Input!$J$14,0)+IF(Input!$K$15=1,L5116*Input!$J$15,0)+IF(Input!$K$16=1,M5116*Input!$J$16,0)</f>
        <v>0.83578267494066116</v>
      </c>
      <c r="O5116" s="58">
        <f>IF(Input!$K$13=2,J5116*Input!$J$13,0)+IF(Input!$K$14=2,K5116*Input!$J$14,0)+IF(Input!$K$15=2,L5116*Input!$J$15,0)+IF(Input!$K$16=2,M5116*Input!$J$16,0)</f>
        <v>7.7774138995551245E-2</v>
      </c>
      <c r="P5116" s="58">
        <f>IF(Input!$K$13=3,J5116*Input!$J$13,0)+IF(Input!$K$14=3,K5116*Input!$J$14,0)+IF(Input!$K$15=3,L5116*Input!$J$15,0)+IF(Input!$K$16=3,M5116*Input!$J$16,0)</f>
        <v>0</v>
      </c>
      <c r="Q5116" s="71">
        <f>IF(Input!$K$13=4,J5116*Input!$J$13,0)+IF(Input!$K$14=4,K5116*Input!$J$14,0)+IF(Input!$K$15=4,L5116*Input!$J$15,0)+IF(Input!$K$16=4,M5116*Input!$J$16,0)</f>
        <v>0</v>
      </c>
    </row>
    <row r="5117" spans="8:17" x14ac:dyDescent="0.25">
      <c r="H5117" s="43">
        <v>5110</v>
      </c>
      <c r="I5117" s="55">
        <f>Bühler!I5143</f>
        <v>0.1139563202533298</v>
      </c>
      <c r="J5117" s="58">
        <f>Bühler!J5143</f>
        <v>6.9648556245055095</v>
      </c>
      <c r="K5117" s="58">
        <f>Bühler!K5143</f>
        <v>0.57610473330037959</v>
      </c>
      <c r="L5117" s="58">
        <f>Bühler!L5143</f>
        <v>0.2880523666501898</v>
      </c>
      <c r="M5117" s="57">
        <f>Bühler!M5143</f>
        <v>0</v>
      </c>
      <c r="N5117" s="55">
        <f>IF(Input!$K$13=1,J5117*Input!$J$13,0)+IF(Input!$K$14=1,K5117*Input!$J$14,0)+IF(Input!$K$15=1,L5117*Input!$J$15,0)+IF(Input!$K$16=1,M5117*Input!$J$16,0)</f>
        <v>0.83578267494066116</v>
      </c>
      <c r="O5117" s="58">
        <f>IF(Input!$K$13=2,J5117*Input!$J$13,0)+IF(Input!$K$14=2,K5117*Input!$J$14,0)+IF(Input!$K$15=2,L5117*Input!$J$15,0)+IF(Input!$K$16=2,M5117*Input!$J$16,0)</f>
        <v>7.7774138995551245E-2</v>
      </c>
      <c r="P5117" s="58">
        <f>IF(Input!$K$13=3,J5117*Input!$J$13,0)+IF(Input!$K$14=3,K5117*Input!$J$14,0)+IF(Input!$K$15=3,L5117*Input!$J$15,0)+IF(Input!$K$16=3,M5117*Input!$J$16,0)</f>
        <v>0</v>
      </c>
      <c r="Q5117" s="71">
        <f>IF(Input!$K$13=4,J5117*Input!$J$13,0)+IF(Input!$K$14=4,K5117*Input!$J$14,0)+IF(Input!$K$15=4,L5117*Input!$J$15,0)+IF(Input!$K$16=4,M5117*Input!$J$16,0)</f>
        <v>0</v>
      </c>
    </row>
    <row r="5118" spans="8:17" x14ac:dyDescent="0.25">
      <c r="H5118" s="43">
        <v>5111</v>
      </c>
      <c r="I5118" s="55">
        <f>Bühler!I5144</f>
        <v>0.1139563202533298</v>
      </c>
      <c r="J5118" s="58">
        <f>Bühler!J5144</f>
        <v>6.9648556245055095</v>
      </c>
      <c r="K5118" s="58">
        <f>Bühler!K5144</f>
        <v>0.57610473330037959</v>
      </c>
      <c r="L5118" s="58">
        <f>Bühler!L5144</f>
        <v>0.2880523666501898</v>
      </c>
      <c r="M5118" s="57">
        <f>Bühler!M5144</f>
        <v>0</v>
      </c>
      <c r="N5118" s="55">
        <f>IF(Input!$K$13=1,J5118*Input!$J$13,0)+IF(Input!$K$14=1,K5118*Input!$J$14,0)+IF(Input!$K$15=1,L5118*Input!$J$15,0)+IF(Input!$K$16=1,M5118*Input!$J$16,0)</f>
        <v>0.83578267494066116</v>
      </c>
      <c r="O5118" s="58">
        <f>IF(Input!$K$13=2,J5118*Input!$J$13,0)+IF(Input!$K$14=2,K5118*Input!$J$14,0)+IF(Input!$K$15=2,L5118*Input!$J$15,0)+IF(Input!$K$16=2,M5118*Input!$J$16,0)</f>
        <v>7.7774138995551245E-2</v>
      </c>
      <c r="P5118" s="58">
        <f>IF(Input!$K$13=3,J5118*Input!$J$13,0)+IF(Input!$K$14=3,K5118*Input!$J$14,0)+IF(Input!$K$15=3,L5118*Input!$J$15,0)+IF(Input!$K$16=3,M5118*Input!$J$16,0)</f>
        <v>0</v>
      </c>
      <c r="Q5118" s="71">
        <f>IF(Input!$K$13=4,J5118*Input!$J$13,0)+IF(Input!$K$14=4,K5118*Input!$J$14,0)+IF(Input!$K$15=4,L5118*Input!$J$15,0)+IF(Input!$K$16=4,M5118*Input!$J$16,0)</f>
        <v>0</v>
      </c>
    </row>
    <row r="5119" spans="8:17" x14ac:dyDescent="0.25">
      <c r="H5119" s="43">
        <v>5112</v>
      </c>
      <c r="I5119" s="55">
        <f>Bühler!I5145</f>
        <v>0.1139563202533298</v>
      </c>
      <c r="J5119" s="58">
        <f>Bühler!J5145</f>
        <v>6.9648556245055095</v>
      </c>
      <c r="K5119" s="58">
        <f>Bühler!K5145</f>
        <v>0.57610473330037959</v>
      </c>
      <c r="L5119" s="58">
        <f>Bühler!L5145</f>
        <v>0.2880523666501898</v>
      </c>
      <c r="M5119" s="57">
        <f>Bühler!M5145</f>
        <v>0</v>
      </c>
      <c r="N5119" s="55">
        <f>IF(Input!$K$13=1,J5119*Input!$J$13,0)+IF(Input!$K$14=1,K5119*Input!$J$14,0)+IF(Input!$K$15=1,L5119*Input!$J$15,0)+IF(Input!$K$16=1,M5119*Input!$J$16,0)</f>
        <v>0.83578267494066116</v>
      </c>
      <c r="O5119" s="58">
        <f>IF(Input!$K$13=2,J5119*Input!$J$13,0)+IF(Input!$K$14=2,K5119*Input!$J$14,0)+IF(Input!$K$15=2,L5119*Input!$J$15,0)+IF(Input!$K$16=2,M5119*Input!$J$16,0)</f>
        <v>7.7774138995551245E-2</v>
      </c>
      <c r="P5119" s="58">
        <f>IF(Input!$K$13=3,J5119*Input!$J$13,0)+IF(Input!$K$14=3,K5119*Input!$J$14,0)+IF(Input!$K$15=3,L5119*Input!$J$15,0)+IF(Input!$K$16=3,M5119*Input!$J$16,0)</f>
        <v>0</v>
      </c>
      <c r="Q5119" s="71">
        <f>IF(Input!$K$13=4,J5119*Input!$J$13,0)+IF(Input!$K$14=4,K5119*Input!$J$14,0)+IF(Input!$K$15=4,L5119*Input!$J$15,0)+IF(Input!$K$16=4,M5119*Input!$J$16,0)</f>
        <v>0</v>
      </c>
    </row>
    <row r="5120" spans="8:17" x14ac:dyDescent="0.25">
      <c r="H5120" s="43">
        <v>5113</v>
      </c>
      <c r="I5120" s="55">
        <f>Bühler!I5146</f>
        <v>6.0495730937180914E-2</v>
      </c>
      <c r="J5120" s="58">
        <f>Bühler!J5146</f>
        <v>6.7242737990455694</v>
      </c>
      <c r="K5120" s="58">
        <f>Bühler!K5146</f>
        <v>0.56633424966947532</v>
      </c>
      <c r="L5120" s="58">
        <f>Bühler!L5146</f>
        <v>0.28316712483473766</v>
      </c>
      <c r="M5120" s="57">
        <f>Bühler!M5146</f>
        <v>0</v>
      </c>
      <c r="N5120" s="55">
        <f>IF(Input!$K$13=1,J5120*Input!$J$13,0)+IF(Input!$K$14=1,K5120*Input!$J$14,0)+IF(Input!$K$15=1,L5120*Input!$J$15,0)+IF(Input!$K$16=1,M5120*Input!$J$16,0)</f>
        <v>0.80691285588546835</v>
      </c>
      <c r="O5120" s="58">
        <f>IF(Input!$K$13=2,J5120*Input!$J$13,0)+IF(Input!$K$14=2,K5120*Input!$J$14,0)+IF(Input!$K$15=2,L5120*Input!$J$15,0)+IF(Input!$K$16=2,M5120*Input!$J$16,0)</f>
        <v>7.6455123705379158E-2</v>
      </c>
      <c r="P5120" s="58">
        <f>IF(Input!$K$13=3,J5120*Input!$J$13,0)+IF(Input!$K$14=3,K5120*Input!$J$14,0)+IF(Input!$K$15=3,L5120*Input!$J$15,0)+IF(Input!$K$16=3,M5120*Input!$J$16,0)</f>
        <v>0</v>
      </c>
      <c r="Q5120" s="71">
        <f>IF(Input!$K$13=4,J5120*Input!$J$13,0)+IF(Input!$K$14=4,K5120*Input!$J$14,0)+IF(Input!$K$15=4,L5120*Input!$J$15,0)+IF(Input!$K$16=4,M5120*Input!$J$16,0)</f>
        <v>0</v>
      </c>
    </row>
    <row r="5121" spans="8:17" x14ac:dyDescent="0.25">
      <c r="H5121" s="43">
        <v>5114</v>
      </c>
      <c r="I5121" s="55">
        <f>Bühler!I5147</f>
        <v>6.0495730937180914E-2</v>
      </c>
      <c r="J5121" s="58">
        <f>Bühler!J5147</f>
        <v>6.7242737990455694</v>
      </c>
      <c r="K5121" s="58">
        <f>Bühler!K5147</f>
        <v>0.56633424966947532</v>
      </c>
      <c r="L5121" s="58">
        <f>Bühler!L5147</f>
        <v>0.28316712483473766</v>
      </c>
      <c r="M5121" s="57">
        <f>Bühler!M5147</f>
        <v>0</v>
      </c>
      <c r="N5121" s="55">
        <f>IF(Input!$K$13=1,J5121*Input!$J$13,0)+IF(Input!$K$14=1,K5121*Input!$J$14,0)+IF(Input!$K$15=1,L5121*Input!$J$15,0)+IF(Input!$K$16=1,M5121*Input!$J$16,0)</f>
        <v>0.80691285588546835</v>
      </c>
      <c r="O5121" s="58">
        <f>IF(Input!$K$13=2,J5121*Input!$J$13,0)+IF(Input!$K$14=2,K5121*Input!$J$14,0)+IF(Input!$K$15=2,L5121*Input!$J$15,0)+IF(Input!$K$16=2,M5121*Input!$J$16,0)</f>
        <v>7.6455123705379158E-2</v>
      </c>
      <c r="P5121" s="58">
        <f>IF(Input!$K$13=3,J5121*Input!$J$13,0)+IF(Input!$K$14=3,K5121*Input!$J$14,0)+IF(Input!$K$15=3,L5121*Input!$J$15,0)+IF(Input!$K$16=3,M5121*Input!$J$16,0)</f>
        <v>0</v>
      </c>
      <c r="Q5121" s="71">
        <f>IF(Input!$K$13=4,J5121*Input!$J$13,0)+IF(Input!$K$14=4,K5121*Input!$J$14,0)+IF(Input!$K$15=4,L5121*Input!$J$15,0)+IF(Input!$K$16=4,M5121*Input!$J$16,0)</f>
        <v>0</v>
      </c>
    </row>
    <row r="5122" spans="8:17" x14ac:dyDescent="0.25">
      <c r="H5122" s="43">
        <v>5115</v>
      </c>
      <c r="I5122" s="55">
        <f>Bühler!I5148</f>
        <v>6.0495730937180914E-2</v>
      </c>
      <c r="J5122" s="58">
        <f>Bühler!J5148</f>
        <v>6.7242737990455694</v>
      </c>
      <c r="K5122" s="58">
        <f>Bühler!K5148</f>
        <v>0.56633424966947532</v>
      </c>
      <c r="L5122" s="58">
        <f>Bühler!L5148</f>
        <v>0.28316712483473766</v>
      </c>
      <c r="M5122" s="57">
        <f>Bühler!M5148</f>
        <v>0</v>
      </c>
      <c r="N5122" s="55">
        <f>IF(Input!$K$13=1,J5122*Input!$J$13,0)+IF(Input!$K$14=1,K5122*Input!$J$14,0)+IF(Input!$K$15=1,L5122*Input!$J$15,0)+IF(Input!$K$16=1,M5122*Input!$J$16,0)</f>
        <v>0.80691285588546835</v>
      </c>
      <c r="O5122" s="58">
        <f>IF(Input!$K$13=2,J5122*Input!$J$13,0)+IF(Input!$K$14=2,K5122*Input!$J$14,0)+IF(Input!$K$15=2,L5122*Input!$J$15,0)+IF(Input!$K$16=2,M5122*Input!$J$16,0)</f>
        <v>7.6455123705379158E-2</v>
      </c>
      <c r="P5122" s="58">
        <f>IF(Input!$K$13=3,J5122*Input!$J$13,0)+IF(Input!$K$14=3,K5122*Input!$J$14,0)+IF(Input!$K$15=3,L5122*Input!$J$15,0)+IF(Input!$K$16=3,M5122*Input!$J$16,0)</f>
        <v>0</v>
      </c>
      <c r="Q5122" s="71">
        <f>IF(Input!$K$13=4,J5122*Input!$J$13,0)+IF(Input!$K$14=4,K5122*Input!$J$14,0)+IF(Input!$K$15=4,L5122*Input!$J$15,0)+IF(Input!$K$16=4,M5122*Input!$J$16,0)</f>
        <v>0</v>
      </c>
    </row>
    <row r="5123" spans="8:17" x14ac:dyDescent="0.25">
      <c r="H5123" s="43">
        <v>5116</v>
      </c>
      <c r="I5123" s="55">
        <f>Bühler!I5149</f>
        <v>6.0495730937180914E-2</v>
      </c>
      <c r="J5123" s="58">
        <f>Bühler!J5149</f>
        <v>6.7242737990455694</v>
      </c>
      <c r="K5123" s="58">
        <f>Bühler!K5149</f>
        <v>0.56633424966947532</v>
      </c>
      <c r="L5123" s="58">
        <f>Bühler!L5149</f>
        <v>0.28316712483473766</v>
      </c>
      <c r="M5123" s="57">
        <f>Bühler!M5149</f>
        <v>0</v>
      </c>
      <c r="N5123" s="55">
        <f>IF(Input!$K$13=1,J5123*Input!$J$13,0)+IF(Input!$K$14=1,K5123*Input!$J$14,0)+IF(Input!$K$15=1,L5123*Input!$J$15,0)+IF(Input!$K$16=1,M5123*Input!$J$16,0)</f>
        <v>0.80691285588546835</v>
      </c>
      <c r="O5123" s="58">
        <f>IF(Input!$K$13=2,J5123*Input!$J$13,0)+IF(Input!$K$14=2,K5123*Input!$J$14,0)+IF(Input!$K$15=2,L5123*Input!$J$15,0)+IF(Input!$K$16=2,M5123*Input!$J$16,0)</f>
        <v>7.6455123705379158E-2</v>
      </c>
      <c r="P5123" s="58">
        <f>IF(Input!$K$13=3,J5123*Input!$J$13,0)+IF(Input!$K$14=3,K5123*Input!$J$14,0)+IF(Input!$K$15=3,L5123*Input!$J$15,0)+IF(Input!$K$16=3,M5123*Input!$J$16,0)</f>
        <v>0</v>
      </c>
      <c r="Q5123" s="71">
        <f>IF(Input!$K$13=4,J5123*Input!$J$13,0)+IF(Input!$K$14=4,K5123*Input!$J$14,0)+IF(Input!$K$15=4,L5123*Input!$J$15,0)+IF(Input!$K$16=4,M5123*Input!$J$16,0)</f>
        <v>0</v>
      </c>
    </row>
    <row r="5124" spans="8:17" x14ac:dyDescent="0.25">
      <c r="H5124" s="43">
        <v>5117</v>
      </c>
      <c r="I5124" s="55">
        <f>Bühler!I5150</f>
        <v>6.0495730937180914E-2</v>
      </c>
      <c r="J5124" s="58">
        <f>Bühler!J5150</f>
        <v>6.7242737990455694</v>
      </c>
      <c r="K5124" s="58">
        <f>Bühler!K5150</f>
        <v>0.56633424966947532</v>
      </c>
      <c r="L5124" s="58">
        <f>Bühler!L5150</f>
        <v>0.28316712483473766</v>
      </c>
      <c r="M5124" s="57">
        <f>Bühler!M5150</f>
        <v>0</v>
      </c>
      <c r="N5124" s="55">
        <f>IF(Input!$K$13=1,J5124*Input!$J$13,0)+IF(Input!$K$14=1,K5124*Input!$J$14,0)+IF(Input!$K$15=1,L5124*Input!$J$15,0)+IF(Input!$K$16=1,M5124*Input!$J$16,0)</f>
        <v>0.80691285588546835</v>
      </c>
      <c r="O5124" s="58">
        <f>IF(Input!$K$13=2,J5124*Input!$J$13,0)+IF(Input!$K$14=2,K5124*Input!$J$14,0)+IF(Input!$K$15=2,L5124*Input!$J$15,0)+IF(Input!$K$16=2,M5124*Input!$J$16,0)</f>
        <v>7.6455123705379158E-2</v>
      </c>
      <c r="P5124" s="58">
        <f>IF(Input!$K$13=3,J5124*Input!$J$13,0)+IF(Input!$K$14=3,K5124*Input!$J$14,0)+IF(Input!$K$15=3,L5124*Input!$J$15,0)+IF(Input!$K$16=3,M5124*Input!$J$16,0)</f>
        <v>0</v>
      </c>
      <c r="Q5124" s="71">
        <f>IF(Input!$K$13=4,J5124*Input!$J$13,0)+IF(Input!$K$14=4,K5124*Input!$J$14,0)+IF(Input!$K$15=4,L5124*Input!$J$15,0)+IF(Input!$K$16=4,M5124*Input!$J$16,0)</f>
        <v>0</v>
      </c>
    </row>
    <row r="5125" spans="8:17" x14ac:dyDescent="0.25">
      <c r="H5125" s="43">
        <v>5118</v>
      </c>
      <c r="I5125" s="55">
        <f>Bühler!I5151</f>
        <v>6.0495730937180914E-2</v>
      </c>
      <c r="J5125" s="58">
        <f>Bühler!J5151</f>
        <v>6.7242737990455694</v>
      </c>
      <c r="K5125" s="58">
        <f>Bühler!K5151</f>
        <v>0.56633424966947532</v>
      </c>
      <c r="L5125" s="58">
        <f>Bühler!L5151</f>
        <v>0.28316712483473766</v>
      </c>
      <c r="M5125" s="57">
        <f>Bühler!M5151</f>
        <v>0</v>
      </c>
      <c r="N5125" s="55">
        <f>IF(Input!$K$13=1,J5125*Input!$J$13,0)+IF(Input!$K$14=1,K5125*Input!$J$14,0)+IF(Input!$K$15=1,L5125*Input!$J$15,0)+IF(Input!$K$16=1,M5125*Input!$J$16,0)</f>
        <v>0.80691285588546835</v>
      </c>
      <c r="O5125" s="58">
        <f>IF(Input!$K$13=2,J5125*Input!$J$13,0)+IF(Input!$K$14=2,K5125*Input!$J$14,0)+IF(Input!$K$15=2,L5125*Input!$J$15,0)+IF(Input!$K$16=2,M5125*Input!$J$16,0)</f>
        <v>7.6455123705379158E-2</v>
      </c>
      <c r="P5125" s="58">
        <f>IF(Input!$K$13=3,J5125*Input!$J$13,0)+IF(Input!$K$14=3,K5125*Input!$J$14,0)+IF(Input!$K$15=3,L5125*Input!$J$15,0)+IF(Input!$K$16=3,M5125*Input!$J$16,0)</f>
        <v>0</v>
      </c>
      <c r="Q5125" s="71">
        <f>IF(Input!$K$13=4,J5125*Input!$J$13,0)+IF(Input!$K$14=4,K5125*Input!$J$14,0)+IF(Input!$K$15=4,L5125*Input!$J$15,0)+IF(Input!$K$16=4,M5125*Input!$J$16,0)</f>
        <v>0</v>
      </c>
    </row>
    <row r="5126" spans="8:17" x14ac:dyDescent="0.25">
      <c r="H5126" s="43">
        <v>5119</v>
      </c>
      <c r="I5126" s="55">
        <f>Bühler!I5152</f>
        <v>6.0495730937180914E-2</v>
      </c>
      <c r="J5126" s="58">
        <f>Bühler!J5152</f>
        <v>6.7242737990455694</v>
      </c>
      <c r="K5126" s="58">
        <f>Bühler!K5152</f>
        <v>0.56633424966947532</v>
      </c>
      <c r="L5126" s="58">
        <f>Bühler!L5152</f>
        <v>0.28316712483473766</v>
      </c>
      <c r="M5126" s="57">
        <f>Bühler!M5152</f>
        <v>0</v>
      </c>
      <c r="N5126" s="55">
        <f>IF(Input!$K$13=1,J5126*Input!$J$13,0)+IF(Input!$K$14=1,K5126*Input!$J$14,0)+IF(Input!$K$15=1,L5126*Input!$J$15,0)+IF(Input!$K$16=1,M5126*Input!$J$16,0)</f>
        <v>0.80691285588546835</v>
      </c>
      <c r="O5126" s="58">
        <f>IF(Input!$K$13=2,J5126*Input!$J$13,0)+IF(Input!$K$14=2,K5126*Input!$J$14,0)+IF(Input!$K$15=2,L5126*Input!$J$15,0)+IF(Input!$K$16=2,M5126*Input!$J$16,0)</f>
        <v>7.6455123705379158E-2</v>
      </c>
      <c r="P5126" s="58">
        <f>IF(Input!$K$13=3,J5126*Input!$J$13,0)+IF(Input!$K$14=3,K5126*Input!$J$14,0)+IF(Input!$K$15=3,L5126*Input!$J$15,0)+IF(Input!$K$16=3,M5126*Input!$J$16,0)</f>
        <v>0</v>
      </c>
      <c r="Q5126" s="71">
        <f>IF(Input!$K$13=4,J5126*Input!$J$13,0)+IF(Input!$K$14=4,K5126*Input!$J$14,0)+IF(Input!$K$15=4,L5126*Input!$J$15,0)+IF(Input!$K$16=4,M5126*Input!$J$16,0)</f>
        <v>0</v>
      </c>
    </row>
    <row r="5127" spans="8:17" x14ac:dyDescent="0.25">
      <c r="H5127" s="43">
        <v>5120</v>
      </c>
      <c r="I5127" s="55">
        <f>Bühler!I5153</f>
        <v>0.16666573873193338</v>
      </c>
      <c r="J5127" s="58">
        <f>Bühler!J5153</f>
        <v>27.400663294107154</v>
      </c>
      <c r="K5127" s="58">
        <f>Bühler!K5153</f>
        <v>2.3151057660730978</v>
      </c>
      <c r="L5127" s="58">
        <f>Bühler!L5153</f>
        <v>1.1575528830365489</v>
      </c>
      <c r="M5127" s="57">
        <f>Bühler!M5153</f>
        <v>0</v>
      </c>
      <c r="N5127" s="55">
        <f>IF(Input!$K$13=1,J5127*Input!$J$13,0)+IF(Input!$K$14=1,K5127*Input!$J$14,0)+IF(Input!$K$15=1,L5127*Input!$J$15,0)+IF(Input!$K$16=1,M5127*Input!$J$16,0)</f>
        <v>3.2880795952928583</v>
      </c>
      <c r="O5127" s="58">
        <f>IF(Input!$K$13=2,J5127*Input!$J$13,0)+IF(Input!$K$14=2,K5127*Input!$J$14,0)+IF(Input!$K$15=2,L5127*Input!$J$15,0)+IF(Input!$K$16=2,M5127*Input!$J$16,0)</f>
        <v>0.31253927841986817</v>
      </c>
      <c r="P5127" s="58">
        <f>IF(Input!$K$13=3,J5127*Input!$J$13,0)+IF(Input!$K$14=3,K5127*Input!$J$14,0)+IF(Input!$K$15=3,L5127*Input!$J$15,0)+IF(Input!$K$16=3,M5127*Input!$J$16,0)</f>
        <v>0</v>
      </c>
      <c r="Q5127" s="71">
        <f>IF(Input!$K$13=4,J5127*Input!$J$13,0)+IF(Input!$K$14=4,K5127*Input!$J$14,0)+IF(Input!$K$15=4,L5127*Input!$J$15,0)+IF(Input!$K$16=4,M5127*Input!$J$16,0)</f>
        <v>0</v>
      </c>
    </row>
    <row r="5128" spans="8:17" x14ac:dyDescent="0.25">
      <c r="H5128" s="43">
        <v>5121</v>
      </c>
      <c r="I5128" s="55">
        <f>Bühler!I5154</f>
        <v>0.18596387690089408</v>
      </c>
      <c r="J5128" s="58">
        <f>Bühler!J5154</f>
        <v>30.573371675530087</v>
      </c>
      <c r="K5128" s="58">
        <f>Bühler!K5154</f>
        <v>2.5831706442499827</v>
      </c>
      <c r="L5128" s="58">
        <f>Bühler!L5154</f>
        <v>1.2915853221249913</v>
      </c>
      <c r="M5128" s="57">
        <f>Bühler!M5154</f>
        <v>0</v>
      </c>
      <c r="N5128" s="55">
        <f>IF(Input!$K$13=1,J5128*Input!$J$13,0)+IF(Input!$K$14=1,K5128*Input!$J$14,0)+IF(Input!$K$15=1,L5128*Input!$J$15,0)+IF(Input!$K$16=1,M5128*Input!$J$16,0)</f>
        <v>3.6688046010636102</v>
      </c>
      <c r="O5128" s="58">
        <f>IF(Input!$K$13=2,J5128*Input!$J$13,0)+IF(Input!$K$14=2,K5128*Input!$J$14,0)+IF(Input!$K$15=2,L5128*Input!$J$15,0)+IF(Input!$K$16=2,M5128*Input!$J$16,0)</f>
        <v>0.34872803697374766</v>
      </c>
      <c r="P5128" s="58">
        <f>IF(Input!$K$13=3,J5128*Input!$J$13,0)+IF(Input!$K$14=3,K5128*Input!$J$14,0)+IF(Input!$K$15=3,L5128*Input!$J$15,0)+IF(Input!$K$16=3,M5128*Input!$J$16,0)</f>
        <v>0</v>
      </c>
      <c r="Q5128" s="71">
        <f>IF(Input!$K$13=4,J5128*Input!$J$13,0)+IF(Input!$K$14=4,K5128*Input!$J$14,0)+IF(Input!$K$15=4,L5128*Input!$J$15,0)+IF(Input!$K$16=4,M5128*Input!$J$16,0)</f>
        <v>0</v>
      </c>
    </row>
    <row r="5129" spans="8:17" x14ac:dyDescent="0.25">
      <c r="H5129" s="43">
        <v>5122</v>
      </c>
      <c r="I5129" s="55">
        <f>Bühler!I5155</f>
        <v>0.20526201506985478</v>
      </c>
      <c r="J5129" s="58">
        <f>Bühler!J5155</f>
        <v>33.746080056953026</v>
      </c>
      <c r="K5129" s="58">
        <f>Bühler!K5155</f>
        <v>2.851235522426868</v>
      </c>
      <c r="L5129" s="58">
        <f>Bühler!L5155</f>
        <v>1.425617761213434</v>
      </c>
      <c r="M5129" s="57">
        <f>Bühler!M5155</f>
        <v>0</v>
      </c>
      <c r="N5129" s="55">
        <f>IF(Input!$K$13=1,J5129*Input!$J$13,0)+IF(Input!$K$14=1,K5129*Input!$J$14,0)+IF(Input!$K$15=1,L5129*Input!$J$15,0)+IF(Input!$K$16=1,M5129*Input!$J$16,0)</f>
        <v>4.0495296068343629</v>
      </c>
      <c r="O5129" s="58">
        <f>IF(Input!$K$13=2,J5129*Input!$J$13,0)+IF(Input!$K$14=2,K5129*Input!$J$14,0)+IF(Input!$K$15=2,L5129*Input!$J$15,0)+IF(Input!$K$16=2,M5129*Input!$J$16,0)</f>
        <v>0.38491679552762714</v>
      </c>
      <c r="P5129" s="58">
        <f>IF(Input!$K$13=3,J5129*Input!$J$13,0)+IF(Input!$K$14=3,K5129*Input!$J$14,0)+IF(Input!$K$15=3,L5129*Input!$J$15,0)+IF(Input!$K$16=3,M5129*Input!$J$16,0)</f>
        <v>0</v>
      </c>
      <c r="Q5129" s="71">
        <f>IF(Input!$K$13=4,J5129*Input!$J$13,0)+IF(Input!$K$14=4,K5129*Input!$J$14,0)+IF(Input!$K$15=4,L5129*Input!$J$15,0)+IF(Input!$K$16=4,M5129*Input!$J$16,0)</f>
        <v>0</v>
      </c>
    </row>
    <row r="5130" spans="8:17" x14ac:dyDescent="0.25">
      <c r="H5130" s="43">
        <v>5123</v>
      </c>
      <c r="I5130" s="55">
        <f>Bühler!I5156</f>
        <v>0.20526201506985478</v>
      </c>
      <c r="J5130" s="58">
        <f>Bühler!J5156</f>
        <v>33.746080056953026</v>
      </c>
      <c r="K5130" s="58">
        <f>Bühler!K5156</f>
        <v>2.851235522426868</v>
      </c>
      <c r="L5130" s="58">
        <f>Bühler!L5156</f>
        <v>1.425617761213434</v>
      </c>
      <c r="M5130" s="57">
        <f>Bühler!M5156</f>
        <v>0</v>
      </c>
      <c r="N5130" s="55">
        <f>IF(Input!$K$13=1,J5130*Input!$J$13,0)+IF(Input!$K$14=1,K5130*Input!$J$14,0)+IF(Input!$K$15=1,L5130*Input!$J$15,0)+IF(Input!$K$16=1,M5130*Input!$J$16,0)</f>
        <v>4.0495296068343629</v>
      </c>
      <c r="O5130" s="58">
        <f>IF(Input!$K$13=2,J5130*Input!$J$13,0)+IF(Input!$K$14=2,K5130*Input!$J$14,0)+IF(Input!$K$15=2,L5130*Input!$J$15,0)+IF(Input!$K$16=2,M5130*Input!$J$16,0)</f>
        <v>0.38491679552762714</v>
      </c>
      <c r="P5130" s="58">
        <f>IF(Input!$K$13=3,J5130*Input!$J$13,0)+IF(Input!$K$14=3,K5130*Input!$J$14,0)+IF(Input!$K$15=3,L5130*Input!$J$15,0)+IF(Input!$K$16=3,M5130*Input!$J$16,0)</f>
        <v>0</v>
      </c>
      <c r="Q5130" s="71">
        <f>IF(Input!$K$13=4,J5130*Input!$J$13,0)+IF(Input!$K$14=4,K5130*Input!$J$14,0)+IF(Input!$K$15=4,L5130*Input!$J$15,0)+IF(Input!$K$16=4,M5130*Input!$J$16,0)</f>
        <v>0</v>
      </c>
    </row>
    <row r="5131" spans="8:17" x14ac:dyDescent="0.25">
      <c r="H5131" s="43">
        <v>5124</v>
      </c>
      <c r="I5131" s="55">
        <f>Bühler!I5157</f>
        <v>0.24561266760495445</v>
      </c>
      <c r="J5131" s="58">
        <f>Bühler!J5157</f>
        <v>40.3799248544737</v>
      </c>
      <c r="K5131" s="58">
        <f>Bühler!K5157</f>
        <v>3.4117348131603547</v>
      </c>
      <c r="L5131" s="58">
        <f>Bühler!L5157</f>
        <v>1.7058674065801773</v>
      </c>
      <c r="M5131" s="57">
        <f>Bühler!M5157</f>
        <v>0</v>
      </c>
      <c r="N5131" s="55">
        <f>IF(Input!$K$13=1,J5131*Input!$J$13,0)+IF(Input!$K$14=1,K5131*Input!$J$14,0)+IF(Input!$K$15=1,L5131*Input!$J$15,0)+IF(Input!$K$16=1,M5131*Input!$J$16,0)</f>
        <v>4.8455909825368435</v>
      </c>
      <c r="O5131" s="58">
        <f>IF(Input!$K$13=2,J5131*Input!$J$13,0)+IF(Input!$K$14=2,K5131*Input!$J$14,0)+IF(Input!$K$15=2,L5131*Input!$J$15,0)+IF(Input!$K$16=2,M5131*Input!$J$16,0)</f>
        <v>0.46058419977664783</v>
      </c>
      <c r="P5131" s="58">
        <f>IF(Input!$K$13=3,J5131*Input!$J$13,0)+IF(Input!$K$14=3,K5131*Input!$J$14,0)+IF(Input!$K$15=3,L5131*Input!$J$15,0)+IF(Input!$K$16=3,M5131*Input!$J$16,0)</f>
        <v>0</v>
      </c>
      <c r="Q5131" s="71">
        <f>IF(Input!$K$13=4,J5131*Input!$J$13,0)+IF(Input!$K$14=4,K5131*Input!$J$14,0)+IF(Input!$K$15=4,L5131*Input!$J$15,0)+IF(Input!$K$16=4,M5131*Input!$J$16,0)</f>
        <v>0</v>
      </c>
    </row>
    <row r="5132" spans="8:17" x14ac:dyDescent="0.25">
      <c r="H5132" s="43">
        <v>5125</v>
      </c>
      <c r="I5132" s="55">
        <f>Bühler!I5158</f>
        <v>0.24561266760495445</v>
      </c>
      <c r="J5132" s="58">
        <f>Bühler!J5158</f>
        <v>40.3799248544737</v>
      </c>
      <c r="K5132" s="58">
        <f>Bühler!K5158</f>
        <v>3.4117348131603547</v>
      </c>
      <c r="L5132" s="58">
        <f>Bühler!L5158</f>
        <v>1.7058674065801773</v>
      </c>
      <c r="M5132" s="57">
        <f>Bühler!M5158</f>
        <v>0</v>
      </c>
      <c r="N5132" s="55">
        <f>IF(Input!$K$13=1,J5132*Input!$J$13,0)+IF(Input!$K$14=1,K5132*Input!$J$14,0)+IF(Input!$K$15=1,L5132*Input!$J$15,0)+IF(Input!$K$16=1,M5132*Input!$J$16,0)</f>
        <v>4.8455909825368435</v>
      </c>
      <c r="O5132" s="58">
        <f>IF(Input!$K$13=2,J5132*Input!$J$13,0)+IF(Input!$K$14=2,K5132*Input!$J$14,0)+IF(Input!$K$15=2,L5132*Input!$J$15,0)+IF(Input!$K$16=2,M5132*Input!$J$16,0)</f>
        <v>0.46058419977664783</v>
      </c>
      <c r="P5132" s="58">
        <f>IF(Input!$K$13=3,J5132*Input!$J$13,0)+IF(Input!$K$14=3,K5132*Input!$J$14,0)+IF(Input!$K$15=3,L5132*Input!$J$15,0)+IF(Input!$K$16=3,M5132*Input!$J$16,0)</f>
        <v>0</v>
      </c>
      <c r="Q5132" s="71">
        <f>IF(Input!$K$13=4,J5132*Input!$J$13,0)+IF(Input!$K$14=4,K5132*Input!$J$14,0)+IF(Input!$K$15=4,L5132*Input!$J$15,0)+IF(Input!$K$16=4,M5132*Input!$J$16,0)</f>
        <v>0</v>
      </c>
    </row>
    <row r="5133" spans="8:17" x14ac:dyDescent="0.25">
      <c r="H5133" s="43">
        <v>5126</v>
      </c>
      <c r="I5133" s="55">
        <f>Bühler!I5159</f>
        <v>0.16315698633757691</v>
      </c>
      <c r="J5133" s="58">
        <f>Bühler!J5159</f>
        <v>26.82380722475753</v>
      </c>
      <c r="K5133" s="58">
        <f>Bühler!K5159</f>
        <v>2.2663666973136638</v>
      </c>
      <c r="L5133" s="58">
        <f>Bühler!L5159</f>
        <v>1.1331833486568319</v>
      </c>
      <c r="M5133" s="57">
        <f>Bühler!M5159</f>
        <v>0</v>
      </c>
      <c r="N5133" s="55">
        <f>IF(Input!$K$13=1,J5133*Input!$J$13,0)+IF(Input!$K$14=1,K5133*Input!$J$14,0)+IF(Input!$K$15=1,L5133*Input!$J$15,0)+IF(Input!$K$16=1,M5133*Input!$J$16,0)</f>
        <v>3.2188568669709037</v>
      </c>
      <c r="O5133" s="58">
        <f>IF(Input!$K$13=2,J5133*Input!$J$13,0)+IF(Input!$K$14=2,K5133*Input!$J$14,0)+IF(Input!$K$15=2,L5133*Input!$J$15,0)+IF(Input!$K$16=2,M5133*Input!$J$16,0)</f>
        <v>0.30595950413734463</v>
      </c>
      <c r="P5133" s="58">
        <f>IF(Input!$K$13=3,J5133*Input!$J$13,0)+IF(Input!$K$14=3,K5133*Input!$J$14,0)+IF(Input!$K$15=3,L5133*Input!$J$15,0)+IF(Input!$K$16=3,M5133*Input!$J$16,0)</f>
        <v>0</v>
      </c>
      <c r="Q5133" s="71">
        <f>IF(Input!$K$13=4,J5133*Input!$J$13,0)+IF(Input!$K$14=4,K5133*Input!$J$14,0)+IF(Input!$K$15=4,L5133*Input!$J$15,0)+IF(Input!$K$16=4,M5133*Input!$J$16,0)</f>
        <v>0</v>
      </c>
    </row>
    <row r="5134" spans="8:17" x14ac:dyDescent="0.25">
      <c r="H5134" s="43">
        <v>5127</v>
      </c>
      <c r="I5134" s="55">
        <f>Bühler!I5160</f>
        <v>0.24561266760495445</v>
      </c>
      <c r="J5134" s="58">
        <f>Bühler!J5160</f>
        <v>40.3799248544737</v>
      </c>
      <c r="K5134" s="58">
        <f>Bühler!K5160</f>
        <v>3.4117348131603547</v>
      </c>
      <c r="L5134" s="58">
        <f>Bühler!L5160</f>
        <v>1.7058674065801773</v>
      </c>
      <c r="M5134" s="57">
        <f>Bühler!M5160</f>
        <v>0</v>
      </c>
      <c r="N5134" s="55">
        <f>IF(Input!$K$13=1,J5134*Input!$J$13,0)+IF(Input!$K$14=1,K5134*Input!$J$14,0)+IF(Input!$K$15=1,L5134*Input!$J$15,0)+IF(Input!$K$16=1,M5134*Input!$J$16,0)</f>
        <v>4.8455909825368435</v>
      </c>
      <c r="O5134" s="58">
        <f>IF(Input!$K$13=2,J5134*Input!$J$13,0)+IF(Input!$K$14=2,K5134*Input!$J$14,0)+IF(Input!$K$15=2,L5134*Input!$J$15,0)+IF(Input!$K$16=2,M5134*Input!$J$16,0)</f>
        <v>0.46058419977664783</v>
      </c>
      <c r="P5134" s="58">
        <f>IF(Input!$K$13=3,J5134*Input!$J$13,0)+IF(Input!$K$14=3,K5134*Input!$J$14,0)+IF(Input!$K$15=3,L5134*Input!$J$15,0)+IF(Input!$K$16=3,M5134*Input!$J$16,0)</f>
        <v>0</v>
      </c>
      <c r="Q5134" s="71">
        <f>IF(Input!$K$13=4,J5134*Input!$J$13,0)+IF(Input!$K$14=4,K5134*Input!$J$14,0)+IF(Input!$K$15=4,L5134*Input!$J$15,0)+IF(Input!$K$16=4,M5134*Input!$J$16,0)</f>
        <v>0</v>
      </c>
    </row>
    <row r="5135" spans="8:17" x14ac:dyDescent="0.25">
      <c r="H5135" s="43">
        <v>5128</v>
      </c>
      <c r="I5135" s="55">
        <f>Bühler!I5161</f>
        <v>0.24561266760495445</v>
      </c>
      <c r="J5135" s="58">
        <f>Bühler!J5161</f>
        <v>40.3799248544737</v>
      </c>
      <c r="K5135" s="58">
        <f>Bühler!K5161</f>
        <v>3.4117348131603547</v>
      </c>
      <c r="L5135" s="58">
        <f>Bühler!L5161</f>
        <v>1.7058674065801773</v>
      </c>
      <c r="M5135" s="57">
        <f>Bühler!M5161</f>
        <v>0</v>
      </c>
      <c r="N5135" s="55">
        <f>IF(Input!$K$13=1,J5135*Input!$J$13,0)+IF(Input!$K$14=1,K5135*Input!$J$14,0)+IF(Input!$K$15=1,L5135*Input!$J$15,0)+IF(Input!$K$16=1,M5135*Input!$J$16,0)</f>
        <v>4.8455909825368435</v>
      </c>
      <c r="O5135" s="58">
        <f>IF(Input!$K$13=2,J5135*Input!$J$13,0)+IF(Input!$K$14=2,K5135*Input!$J$14,0)+IF(Input!$K$15=2,L5135*Input!$J$15,0)+IF(Input!$K$16=2,M5135*Input!$J$16,0)</f>
        <v>0.46058419977664783</v>
      </c>
      <c r="P5135" s="58">
        <f>IF(Input!$K$13=3,J5135*Input!$J$13,0)+IF(Input!$K$14=3,K5135*Input!$J$14,0)+IF(Input!$K$15=3,L5135*Input!$J$15,0)+IF(Input!$K$16=3,M5135*Input!$J$16,0)</f>
        <v>0</v>
      </c>
      <c r="Q5135" s="71">
        <f>IF(Input!$K$13=4,J5135*Input!$J$13,0)+IF(Input!$K$14=4,K5135*Input!$J$14,0)+IF(Input!$K$15=4,L5135*Input!$J$15,0)+IF(Input!$K$16=4,M5135*Input!$J$16,0)</f>
        <v>0</v>
      </c>
    </row>
    <row r="5136" spans="8:17" x14ac:dyDescent="0.25">
      <c r="H5136" s="43">
        <v>5129</v>
      </c>
      <c r="I5136" s="55">
        <f>Bühler!I5162</f>
        <v>0.20523176720438624</v>
      </c>
      <c r="J5136" s="58">
        <f>Bühler!J5162</f>
        <v>23.860849902520616</v>
      </c>
      <c r="K5136" s="58">
        <f>Bühler!K5162</f>
        <v>2.0104865863266377</v>
      </c>
      <c r="L5136" s="58">
        <f>Bühler!L5162</f>
        <v>1.0052432931633188</v>
      </c>
      <c r="M5136" s="57">
        <f>Bühler!M5162</f>
        <v>0</v>
      </c>
      <c r="N5136" s="55">
        <f>IF(Input!$K$13=1,J5136*Input!$J$13,0)+IF(Input!$K$14=1,K5136*Input!$J$14,0)+IF(Input!$K$15=1,L5136*Input!$J$15,0)+IF(Input!$K$16=1,M5136*Input!$J$16,0)</f>
        <v>2.863301988302474</v>
      </c>
      <c r="O5136" s="58">
        <f>IF(Input!$K$13=2,J5136*Input!$J$13,0)+IF(Input!$K$14=2,K5136*Input!$J$14,0)+IF(Input!$K$15=2,L5136*Input!$J$15,0)+IF(Input!$K$16=2,M5136*Input!$J$16,0)</f>
        <v>0.27141568915409608</v>
      </c>
      <c r="P5136" s="58">
        <f>IF(Input!$K$13=3,J5136*Input!$J$13,0)+IF(Input!$K$14=3,K5136*Input!$J$14,0)+IF(Input!$K$15=3,L5136*Input!$J$15,0)+IF(Input!$K$16=3,M5136*Input!$J$16,0)</f>
        <v>0</v>
      </c>
      <c r="Q5136" s="71">
        <f>IF(Input!$K$13=4,J5136*Input!$J$13,0)+IF(Input!$K$14=4,K5136*Input!$J$14,0)+IF(Input!$K$15=4,L5136*Input!$J$15,0)+IF(Input!$K$16=4,M5136*Input!$J$16,0)</f>
        <v>0</v>
      </c>
    </row>
    <row r="5137" spans="8:17" x14ac:dyDescent="0.25">
      <c r="H5137" s="43">
        <v>5130</v>
      </c>
      <c r="I5137" s="55">
        <f>Bühler!I5163</f>
        <v>0.16318723420304546</v>
      </c>
      <c r="J5137" s="58">
        <f>Bühler!J5163</f>
        <v>10.265781257048689</v>
      </c>
      <c r="K5137" s="58">
        <f>Bühler!K5163</f>
        <v>0.85808219646890205</v>
      </c>
      <c r="L5137" s="58">
        <f>Bühler!L5163</f>
        <v>0.42904109823445102</v>
      </c>
      <c r="M5137" s="57">
        <f>Bühler!M5163</f>
        <v>0</v>
      </c>
      <c r="N5137" s="55">
        <f>IF(Input!$K$13=1,J5137*Input!$J$13,0)+IF(Input!$K$14=1,K5137*Input!$J$14,0)+IF(Input!$K$15=1,L5137*Input!$J$15,0)+IF(Input!$K$16=1,M5137*Input!$J$16,0)</f>
        <v>1.2318937508458425</v>
      </c>
      <c r="O5137" s="58">
        <f>IF(Input!$K$13=2,J5137*Input!$J$13,0)+IF(Input!$K$14=2,K5137*Input!$J$14,0)+IF(Input!$K$15=2,L5137*Input!$J$15,0)+IF(Input!$K$16=2,M5137*Input!$J$16,0)</f>
        <v>0.11584109652330177</v>
      </c>
      <c r="P5137" s="58">
        <f>IF(Input!$K$13=3,J5137*Input!$J$13,0)+IF(Input!$K$14=3,K5137*Input!$J$14,0)+IF(Input!$K$15=3,L5137*Input!$J$15,0)+IF(Input!$K$16=3,M5137*Input!$J$16,0)</f>
        <v>0</v>
      </c>
      <c r="Q5137" s="71">
        <f>IF(Input!$K$13=4,J5137*Input!$J$13,0)+IF(Input!$K$14=4,K5137*Input!$J$14,0)+IF(Input!$K$15=4,L5137*Input!$J$15,0)+IF(Input!$K$16=4,M5137*Input!$J$16,0)</f>
        <v>0</v>
      </c>
    </row>
    <row r="5138" spans="8:17" x14ac:dyDescent="0.25">
      <c r="H5138" s="43">
        <v>5131</v>
      </c>
      <c r="I5138" s="55">
        <f>Bühler!I5164</f>
        <v>6.0495730937180914E-2</v>
      </c>
      <c r="J5138" s="58">
        <f>Bühler!J5164</f>
        <v>6.7242737990455694</v>
      </c>
      <c r="K5138" s="58">
        <f>Bühler!K5164</f>
        <v>0.56633424966947532</v>
      </c>
      <c r="L5138" s="58">
        <f>Bühler!L5164</f>
        <v>0.28316712483473766</v>
      </c>
      <c r="M5138" s="57">
        <f>Bühler!M5164</f>
        <v>0</v>
      </c>
      <c r="N5138" s="55">
        <f>IF(Input!$K$13=1,J5138*Input!$J$13,0)+IF(Input!$K$14=1,K5138*Input!$J$14,0)+IF(Input!$K$15=1,L5138*Input!$J$15,0)+IF(Input!$K$16=1,M5138*Input!$J$16,0)</f>
        <v>0.80691285588546835</v>
      </c>
      <c r="O5138" s="58">
        <f>IF(Input!$K$13=2,J5138*Input!$J$13,0)+IF(Input!$K$14=2,K5138*Input!$J$14,0)+IF(Input!$K$15=2,L5138*Input!$J$15,0)+IF(Input!$K$16=2,M5138*Input!$J$16,0)</f>
        <v>7.6455123705379158E-2</v>
      </c>
      <c r="P5138" s="58">
        <f>IF(Input!$K$13=3,J5138*Input!$J$13,0)+IF(Input!$K$14=3,K5138*Input!$J$14,0)+IF(Input!$K$15=3,L5138*Input!$J$15,0)+IF(Input!$K$16=3,M5138*Input!$J$16,0)</f>
        <v>0</v>
      </c>
      <c r="Q5138" s="71">
        <f>IF(Input!$K$13=4,J5138*Input!$J$13,0)+IF(Input!$K$14=4,K5138*Input!$J$14,0)+IF(Input!$K$15=4,L5138*Input!$J$15,0)+IF(Input!$K$16=4,M5138*Input!$J$16,0)</f>
        <v>0</v>
      </c>
    </row>
    <row r="5139" spans="8:17" x14ac:dyDescent="0.25">
      <c r="H5139" s="43">
        <v>5132</v>
      </c>
      <c r="I5139" s="55">
        <f>Bühler!I5165</f>
        <v>6.0495730937180914E-2</v>
      </c>
      <c r="J5139" s="58">
        <f>Bühler!J5165</f>
        <v>6.7242737990455694</v>
      </c>
      <c r="K5139" s="58">
        <f>Bühler!K5165</f>
        <v>0.56633424966947532</v>
      </c>
      <c r="L5139" s="58">
        <f>Bühler!L5165</f>
        <v>0.28316712483473766</v>
      </c>
      <c r="M5139" s="57">
        <f>Bühler!M5165</f>
        <v>0</v>
      </c>
      <c r="N5139" s="55">
        <f>IF(Input!$K$13=1,J5139*Input!$J$13,0)+IF(Input!$K$14=1,K5139*Input!$J$14,0)+IF(Input!$K$15=1,L5139*Input!$J$15,0)+IF(Input!$K$16=1,M5139*Input!$J$16,0)</f>
        <v>0.80691285588546835</v>
      </c>
      <c r="O5139" s="58">
        <f>IF(Input!$K$13=2,J5139*Input!$J$13,0)+IF(Input!$K$14=2,K5139*Input!$J$14,0)+IF(Input!$K$15=2,L5139*Input!$J$15,0)+IF(Input!$K$16=2,M5139*Input!$J$16,0)</f>
        <v>7.6455123705379158E-2</v>
      </c>
      <c r="P5139" s="58">
        <f>IF(Input!$K$13=3,J5139*Input!$J$13,0)+IF(Input!$K$14=3,K5139*Input!$J$14,0)+IF(Input!$K$15=3,L5139*Input!$J$15,0)+IF(Input!$K$16=3,M5139*Input!$J$16,0)</f>
        <v>0</v>
      </c>
      <c r="Q5139" s="71">
        <f>IF(Input!$K$13=4,J5139*Input!$J$13,0)+IF(Input!$K$14=4,K5139*Input!$J$14,0)+IF(Input!$K$15=4,L5139*Input!$J$15,0)+IF(Input!$K$16=4,M5139*Input!$J$16,0)</f>
        <v>0</v>
      </c>
    </row>
    <row r="5140" spans="8:17" x14ac:dyDescent="0.25">
      <c r="H5140" s="43">
        <v>5133</v>
      </c>
      <c r="I5140" s="55">
        <f>Bühler!I5166</f>
        <v>6.0495730937180914E-2</v>
      </c>
      <c r="J5140" s="58">
        <f>Bühler!J5166</f>
        <v>6.7242737990455694</v>
      </c>
      <c r="K5140" s="58">
        <f>Bühler!K5166</f>
        <v>0.56633424966947532</v>
      </c>
      <c r="L5140" s="58">
        <f>Bühler!L5166</f>
        <v>0.28316712483473766</v>
      </c>
      <c r="M5140" s="57">
        <f>Bühler!M5166</f>
        <v>0</v>
      </c>
      <c r="N5140" s="55">
        <f>IF(Input!$K$13=1,J5140*Input!$J$13,0)+IF(Input!$K$14=1,K5140*Input!$J$14,0)+IF(Input!$K$15=1,L5140*Input!$J$15,0)+IF(Input!$K$16=1,M5140*Input!$J$16,0)</f>
        <v>0.80691285588546835</v>
      </c>
      <c r="O5140" s="58">
        <f>IF(Input!$K$13=2,J5140*Input!$J$13,0)+IF(Input!$K$14=2,K5140*Input!$J$14,0)+IF(Input!$K$15=2,L5140*Input!$J$15,0)+IF(Input!$K$16=2,M5140*Input!$J$16,0)</f>
        <v>7.6455123705379158E-2</v>
      </c>
      <c r="P5140" s="58">
        <f>IF(Input!$K$13=3,J5140*Input!$J$13,0)+IF(Input!$K$14=3,K5140*Input!$J$14,0)+IF(Input!$K$15=3,L5140*Input!$J$15,0)+IF(Input!$K$16=3,M5140*Input!$J$16,0)</f>
        <v>0</v>
      </c>
      <c r="Q5140" s="71">
        <f>IF(Input!$K$13=4,J5140*Input!$J$13,0)+IF(Input!$K$14=4,K5140*Input!$J$14,0)+IF(Input!$K$15=4,L5140*Input!$J$15,0)+IF(Input!$K$16=4,M5140*Input!$J$16,0)</f>
        <v>0</v>
      </c>
    </row>
    <row r="5141" spans="8:17" x14ac:dyDescent="0.25">
      <c r="H5141" s="43">
        <v>5134</v>
      </c>
      <c r="I5141" s="55">
        <f>Bühler!I5167</f>
        <v>6.0495730937180914E-2</v>
      </c>
      <c r="J5141" s="58">
        <f>Bühler!J5167</f>
        <v>6.7242737990455694</v>
      </c>
      <c r="K5141" s="58">
        <f>Bühler!K5167</f>
        <v>0.56633424966947532</v>
      </c>
      <c r="L5141" s="58">
        <f>Bühler!L5167</f>
        <v>0.28316712483473766</v>
      </c>
      <c r="M5141" s="57">
        <f>Bühler!M5167</f>
        <v>0</v>
      </c>
      <c r="N5141" s="55">
        <f>IF(Input!$K$13=1,J5141*Input!$J$13,0)+IF(Input!$K$14=1,K5141*Input!$J$14,0)+IF(Input!$K$15=1,L5141*Input!$J$15,0)+IF(Input!$K$16=1,M5141*Input!$J$16,0)</f>
        <v>0.80691285588546835</v>
      </c>
      <c r="O5141" s="58">
        <f>IF(Input!$K$13=2,J5141*Input!$J$13,0)+IF(Input!$K$14=2,K5141*Input!$J$14,0)+IF(Input!$K$15=2,L5141*Input!$J$15,0)+IF(Input!$K$16=2,M5141*Input!$J$16,0)</f>
        <v>7.6455123705379158E-2</v>
      </c>
      <c r="P5141" s="58">
        <f>IF(Input!$K$13=3,J5141*Input!$J$13,0)+IF(Input!$K$14=3,K5141*Input!$J$14,0)+IF(Input!$K$15=3,L5141*Input!$J$15,0)+IF(Input!$K$16=3,M5141*Input!$J$16,0)</f>
        <v>0</v>
      </c>
      <c r="Q5141" s="71">
        <f>IF(Input!$K$13=4,J5141*Input!$J$13,0)+IF(Input!$K$14=4,K5141*Input!$J$14,0)+IF(Input!$K$15=4,L5141*Input!$J$15,0)+IF(Input!$K$16=4,M5141*Input!$J$16,0)</f>
        <v>0</v>
      </c>
    </row>
    <row r="5142" spans="8:17" x14ac:dyDescent="0.25">
      <c r="H5142" s="43">
        <v>5135</v>
      </c>
      <c r="I5142" s="55">
        <f>Bühler!I5168</f>
        <v>6.0495730937180914E-2</v>
      </c>
      <c r="J5142" s="58">
        <f>Bühler!J5168</f>
        <v>6.7242737990455694</v>
      </c>
      <c r="K5142" s="58">
        <f>Bühler!K5168</f>
        <v>0.56633424966947532</v>
      </c>
      <c r="L5142" s="58">
        <f>Bühler!L5168</f>
        <v>0.28316712483473766</v>
      </c>
      <c r="M5142" s="57">
        <f>Bühler!M5168</f>
        <v>0</v>
      </c>
      <c r="N5142" s="55">
        <f>IF(Input!$K$13=1,J5142*Input!$J$13,0)+IF(Input!$K$14=1,K5142*Input!$J$14,0)+IF(Input!$K$15=1,L5142*Input!$J$15,0)+IF(Input!$K$16=1,M5142*Input!$J$16,0)</f>
        <v>0.80691285588546835</v>
      </c>
      <c r="O5142" s="58">
        <f>IF(Input!$K$13=2,J5142*Input!$J$13,0)+IF(Input!$K$14=2,K5142*Input!$J$14,0)+IF(Input!$K$15=2,L5142*Input!$J$15,0)+IF(Input!$K$16=2,M5142*Input!$J$16,0)</f>
        <v>7.6455123705379158E-2</v>
      </c>
      <c r="P5142" s="58">
        <f>IF(Input!$K$13=3,J5142*Input!$J$13,0)+IF(Input!$K$14=3,K5142*Input!$J$14,0)+IF(Input!$K$15=3,L5142*Input!$J$15,0)+IF(Input!$K$16=3,M5142*Input!$J$16,0)</f>
        <v>0</v>
      </c>
      <c r="Q5142" s="71">
        <f>IF(Input!$K$13=4,J5142*Input!$J$13,0)+IF(Input!$K$14=4,K5142*Input!$J$14,0)+IF(Input!$K$15=4,L5142*Input!$J$15,0)+IF(Input!$K$16=4,M5142*Input!$J$16,0)</f>
        <v>0</v>
      </c>
    </row>
    <row r="5143" spans="8:17" x14ac:dyDescent="0.25">
      <c r="H5143" s="43">
        <v>5136</v>
      </c>
      <c r="I5143" s="55">
        <f>Bühler!I5169</f>
        <v>6.0495730937180914E-2</v>
      </c>
      <c r="J5143" s="58">
        <f>Bühler!J5169</f>
        <v>6.7242737990455694</v>
      </c>
      <c r="K5143" s="58">
        <f>Bühler!K5169</f>
        <v>0.56633424966947532</v>
      </c>
      <c r="L5143" s="58">
        <f>Bühler!L5169</f>
        <v>0.28316712483473766</v>
      </c>
      <c r="M5143" s="57">
        <f>Bühler!M5169</f>
        <v>0</v>
      </c>
      <c r="N5143" s="55">
        <f>IF(Input!$K$13=1,J5143*Input!$J$13,0)+IF(Input!$K$14=1,K5143*Input!$J$14,0)+IF(Input!$K$15=1,L5143*Input!$J$15,0)+IF(Input!$K$16=1,M5143*Input!$J$16,0)</f>
        <v>0.80691285588546835</v>
      </c>
      <c r="O5143" s="58">
        <f>IF(Input!$K$13=2,J5143*Input!$J$13,0)+IF(Input!$K$14=2,K5143*Input!$J$14,0)+IF(Input!$K$15=2,L5143*Input!$J$15,0)+IF(Input!$K$16=2,M5143*Input!$J$16,0)</f>
        <v>7.6455123705379158E-2</v>
      </c>
      <c r="P5143" s="58">
        <f>IF(Input!$K$13=3,J5143*Input!$J$13,0)+IF(Input!$K$14=3,K5143*Input!$J$14,0)+IF(Input!$K$15=3,L5143*Input!$J$15,0)+IF(Input!$K$16=3,M5143*Input!$J$16,0)</f>
        <v>0</v>
      </c>
      <c r="Q5143" s="71">
        <f>IF(Input!$K$13=4,J5143*Input!$J$13,0)+IF(Input!$K$14=4,K5143*Input!$J$14,0)+IF(Input!$K$15=4,L5143*Input!$J$15,0)+IF(Input!$K$16=4,M5143*Input!$J$16,0)</f>
        <v>0</v>
      </c>
    </row>
    <row r="5144" spans="8:17" x14ac:dyDescent="0.25">
      <c r="H5144" s="43">
        <v>5137</v>
      </c>
      <c r="I5144" s="55">
        <f>Bühler!I5170</f>
        <v>6.5706966099389946E-2</v>
      </c>
      <c r="J5144" s="58">
        <f>Bühler!J5170</f>
        <v>6.7412967136835515</v>
      </c>
      <c r="K5144" s="58">
        <f>Bühler!K5170</f>
        <v>0.56678218194451691</v>
      </c>
      <c r="L5144" s="58">
        <f>Bühler!L5170</f>
        <v>0.28339109097225845</v>
      </c>
      <c r="M5144" s="57">
        <f>Bühler!M5170</f>
        <v>0</v>
      </c>
      <c r="N5144" s="55">
        <f>IF(Input!$K$13=1,J5144*Input!$J$13,0)+IF(Input!$K$14=1,K5144*Input!$J$14,0)+IF(Input!$K$15=1,L5144*Input!$J$15,0)+IF(Input!$K$16=1,M5144*Input!$J$16,0)</f>
        <v>0.80895560564202618</v>
      </c>
      <c r="O5144" s="58">
        <f>IF(Input!$K$13=2,J5144*Input!$J$13,0)+IF(Input!$K$14=2,K5144*Input!$J$14,0)+IF(Input!$K$15=2,L5144*Input!$J$15,0)+IF(Input!$K$16=2,M5144*Input!$J$16,0)</f>
        <v>7.6515594562509781E-2</v>
      </c>
      <c r="P5144" s="58">
        <f>IF(Input!$K$13=3,J5144*Input!$J$13,0)+IF(Input!$K$14=3,K5144*Input!$J$14,0)+IF(Input!$K$15=3,L5144*Input!$J$15,0)+IF(Input!$K$16=3,M5144*Input!$J$16,0)</f>
        <v>0</v>
      </c>
      <c r="Q5144" s="71">
        <f>IF(Input!$K$13=4,J5144*Input!$J$13,0)+IF(Input!$K$14=4,K5144*Input!$J$14,0)+IF(Input!$K$15=4,L5144*Input!$J$15,0)+IF(Input!$K$16=4,M5144*Input!$J$16,0)</f>
        <v>0</v>
      </c>
    </row>
    <row r="5145" spans="8:17" x14ac:dyDescent="0.25">
      <c r="H5145" s="43">
        <v>5138</v>
      </c>
      <c r="I5145" s="55">
        <f>Bühler!I5171</f>
        <v>6.5706966099389946E-2</v>
      </c>
      <c r="J5145" s="58">
        <f>Bühler!J5171</f>
        <v>6.7412967136835515</v>
      </c>
      <c r="K5145" s="58">
        <f>Bühler!K5171</f>
        <v>0.56678218194451691</v>
      </c>
      <c r="L5145" s="58">
        <f>Bühler!L5171</f>
        <v>0.28339109097225845</v>
      </c>
      <c r="M5145" s="57">
        <f>Bühler!M5171</f>
        <v>0</v>
      </c>
      <c r="N5145" s="55">
        <f>IF(Input!$K$13=1,J5145*Input!$J$13,0)+IF(Input!$K$14=1,K5145*Input!$J$14,0)+IF(Input!$K$15=1,L5145*Input!$J$15,0)+IF(Input!$K$16=1,M5145*Input!$J$16,0)</f>
        <v>0.80895560564202618</v>
      </c>
      <c r="O5145" s="58">
        <f>IF(Input!$K$13=2,J5145*Input!$J$13,0)+IF(Input!$K$14=2,K5145*Input!$J$14,0)+IF(Input!$K$15=2,L5145*Input!$J$15,0)+IF(Input!$K$16=2,M5145*Input!$J$16,0)</f>
        <v>7.6515594562509781E-2</v>
      </c>
      <c r="P5145" s="58">
        <f>IF(Input!$K$13=3,J5145*Input!$J$13,0)+IF(Input!$K$14=3,K5145*Input!$J$14,0)+IF(Input!$K$15=3,L5145*Input!$J$15,0)+IF(Input!$K$16=3,M5145*Input!$J$16,0)</f>
        <v>0</v>
      </c>
      <c r="Q5145" s="71">
        <f>IF(Input!$K$13=4,J5145*Input!$J$13,0)+IF(Input!$K$14=4,K5145*Input!$J$14,0)+IF(Input!$K$15=4,L5145*Input!$J$15,0)+IF(Input!$K$16=4,M5145*Input!$J$16,0)</f>
        <v>0</v>
      </c>
    </row>
    <row r="5146" spans="8:17" x14ac:dyDescent="0.25">
      <c r="H5146" s="43">
        <v>5139</v>
      </c>
      <c r="I5146" s="55">
        <f>Bühler!I5172</f>
        <v>6.5706966099389946E-2</v>
      </c>
      <c r="J5146" s="58">
        <f>Bühler!J5172</f>
        <v>6.7412967136835515</v>
      </c>
      <c r="K5146" s="58">
        <f>Bühler!K5172</f>
        <v>0.56678218194451691</v>
      </c>
      <c r="L5146" s="58">
        <f>Bühler!L5172</f>
        <v>0.28339109097225845</v>
      </c>
      <c r="M5146" s="57">
        <f>Bühler!M5172</f>
        <v>0</v>
      </c>
      <c r="N5146" s="55">
        <f>IF(Input!$K$13=1,J5146*Input!$J$13,0)+IF(Input!$K$14=1,K5146*Input!$J$14,0)+IF(Input!$K$15=1,L5146*Input!$J$15,0)+IF(Input!$K$16=1,M5146*Input!$J$16,0)</f>
        <v>0.80895560564202618</v>
      </c>
      <c r="O5146" s="58">
        <f>IF(Input!$K$13=2,J5146*Input!$J$13,0)+IF(Input!$K$14=2,K5146*Input!$J$14,0)+IF(Input!$K$15=2,L5146*Input!$J$15,0)+IF(Input!$K$16=2,M5146*Input!$J$16,0)</f>
        <v>7.6515594562509781E-2</v>
      </c>
      <c r="P5146" s="58">
        <f>IF(Input!$K$13=3,J5146*Input!$J$13,0)+IF(Input!$K$14=3,K5146*Input!$J$14,0)+IF(Input!$K$15=3,L5146*Input!$J$15,0)+IF(Input!$K$16=3,M5146*Input!$J$16,0)</f>
        <v>0</v>
      </c>
      <c r="Q5146" s="71">
        <f>IF(Input!$K$13=4,J5146*Input!$J$13,0)+IF(Input!$K$14=4,K5146*Input!$J$14,0)+IF(Input!$K$15=4,L5146*Input!$J$15,0)+IF(Input!$K$16=4,M5146*Input!$J$16,0)</f>
        <v>0</v>
      </c>
    </row>
    <row r="5147" spans="8:17" x14ac:dyDescent="0.25">
      <c r="H5147" s="43">
        <v>5140</v>
      </c>
      <c r="I5147" s="55">
        <f>Bühler!I5173</f>
        <v>6.5706966099389946E-2</v>
      </c>
      <c r="J5147" s="58">
        <f>Bühler!J5173</f>
        <v>6.7412967136835515</v>
      </c>
      <c r="K5147" s="58">
        <f>Bühler!K5173</f>
        <v>0.56678218194451691</v>
      </c>
      <c r="L5147" s="58">
        <f>Bühler!L5173</f>
        <v>0.28339109097225845</v>
      </c>
      <c r="M5147" s="57">
        <f>Bühler!M5173</f>
        <v>0</v>
      </c>
      <c r="N5147" s="55">
        <f>IF(Input!$K$13=1,J5147*Input!$J$13,0)+IF(Input!$K$14=1,K5147*Input!$J$14,0)+IF(Input!$K$15=1,L5147*Input!$J$15,0)+IF(Input!$K$16=1,M5147*Input!$J$16,0)</f>
        <v>0.80895560564202618</v>
      </c>
      <c r="O5147" s="58">
        <f>IF(Input!$K$13=2,J5147*Input!$J$13,0)+IF(Input!$K$14=2,K5147*Input!$J$14,0)+IF(Input!$K$15=2,L5147*Input!$J$15,0)+IF(Input!$K$16=2,M5147*Input!$J$16,0)</f>
        <v>7.6515594562509781E-2</v>
      </c>
      <c r="P5147" s="58">
        <f>IF(Input!$K$13=3,J5147*Input!$J$13,0)+IF(Input!$K$14=3,K5147*Input!$J$14,0)+IF(Input!$K$15=3,L5147*Input!$J$15,0)+IF(Input!$K$16=3,M5147*Input!$J$16,0)</f>
        <v>0</v>
      </c>
      <c r="Q5147" s="71">
        <f>IF(Input!$K$13=4,J5147*Input!$J$13,0)+IF(Input!$K$14=4,K5147*Input!$J$14,0)+IF(Input!$K$15=4,L5147*Input!$J$15,0)+IF(Input!$K$16=4,M5147*Input!$J$16,0)</f>
        <v>0</v>
      </c>
    </row>
    <row r="5148" spans="8:17" x14ac:dyDescent="0.25">
      <c r="H5148" s="43">
        <v>5141</v>
      </c>
      <c r="I5148" s="55">
        <f>Bühler!I5174</f>
        <v>6.5706966099389946E-2</v>
      </c>
      <c r="J5148" s="58">
        <f>Bühler!J5174</f>
        <v>6.7412967136835515</v>
      </c>
      <c r="K5148" s="58">
        <f>Bühler!K5174</f>
        <v>0.56678218194451691</v>
      </c>
      <c r="L5148" s="58">
        <f>Bühler!L5174</f>
        <v>0.28339109097225845</v>
      </c>
      <c r="M5148" s="57">
        <f>Bühler!M5174</f>
        <v>0</v>
      </c>
      <c r="N5148" s="55">
        <f>IF(Input!$K$13=1,J5148*Input!$J$13,0)+IF(Input!$K$14=1,K5148*Input!$J$14,0)+IF(Input!$K$15=1,L5148*Input!$J$15,0)+IF(Input!$K$16=1,M5148*Input!$J$16,0)</f>
        <v>0.80895560564202618</v>
      </c>
      <c r="O5148" s="58">
        <f>IF(Input!$K$13=2,J5148*Input!$J$13,0)+IF(Input!$K$14=2,K5148*Input!$J$14,0)+IF(Input!$K$15=2,L5148*Input!$J$15,0)+IF(Input!$K$16=2,M5148*Input!$J$16,0)</f>
        <v>7.6515594562509781E-2</v>
      </c>
      <c r="P5148" s="58">
        <f>IF(Input!$K$13=3,J5148*Input!$J$13,0)+IF(Input!$K$14=3,K5148*Input!$J$14,0)+IF(Input!$K$15=3,L5148*Input!$J$15,0)+IF(Input!$K$16=3,M5148*Input!$J$16,0)</f>
        <v>0</v>
      </c>
      <c r="Q5148" s="71">
        <f>IF(Input!$K$13=4,J5148*Input!$J$13,0)+IF(Input!$K$14=4,K5148*Input!$J$14,0)+IF(Input!$K$15=4,L5148*Input!$J$15,0)+IF(Input!$K$16=4,M5148*Input!$J$16,0)</f>
        <v>0</v>
      </c>
    </row>
    <row r="5149" spans="8:17" x14ac:dyDescent="0.25">
      <c r="H5149" s="43">
        <v>5142</v>
      </c>
      <c r="I5149" s="55">
        <f>Bühler!I5175</f>
        <v>6.5706966099389946E-2</v>
      </c>
      <c r="J5149" s="58">
        <f>Bühler!J5175</f>
        <v>6.7412967136835515</v>
      </c>
      <c r="K5149" s="58">
        <f>Bühler!K5175</f>
        <v>0.56678218194451691</v>
      </c>
      <c r="L5149" s="58">
        <f>Bühler!L5175</f>
        <v>0.28339109097225845</v>
      </c>
      <c r="M5149" s="57">
        <f>Bühler!M5175</f>
        <v>0</v>
      </c>
      <c r="N5149" s="55">
        <f>IF(Input!$K$13=1,J5149*Input!$J$13,0)+IF(Input!$K$14=1,K5149*Input!$J$14,0)+IF(Input!$K$15=1,L5149*Input!$J$15,0)+IF(Input!$K$16=1,M5149*Input!$J$16,0)</f>
        <v>0.80895560564202618</v>
      </c>
      <c r="O5149" s="58">
        <f>IF(Input!$K$13=2,J5149*Input!$J$13,0)+IF(Input!$K$14=2,K5149*Input!$J$14,0)+IF(Input!$K$15=2,L5149*Input!$J$15,0)+IF(Input!$K$16=2,M5149*Input!$J$16,0)</f>
        <v>7.6515594562509781E-2</v>
      </c>
      <c r="P5149" s="58">
        <f>IF(Input!$K$13=3,J5149*Input!$J$13,0)+IF(Input!$K$14=3,K5149*Input!$J$14,0)+IF(Input!$K$15=3,L5149*Input!$J$15,0)+IF(Input!$K$16=3,M5149*Input!$J$16,0)</f>
        <v>0</v>
      </c>
      <c r="Q5149" s="71">
        <f>IF(Input!$K$13=4,J5149*Input!$J$13,0)+IF(Input!$K$14=4,K5149*Input!$J$14,0)+IF(Input!$K$15=4,L5149*Input!$J$15,0)+IF(Input!$K$16=4,M5149*Input!$J$16,0)</f>
        <v>0</v>
      </c>
    </row>
    <row r="5150" spans="8:17" x14ac:dyDescent="0.25">
      <c r="H5150" s="43">
        <v>5143</v>
      </c>
      <c r="I5150" s="55">
        <f>Bühler!I5176</f>
        <v>6.5706966099389946E-2</v>
      </c>
      <c r="J5150" s="58">
        <f>Bühler!J5176</f>
        <v>6.7412967136835515</v>
      </c>
      <c r="K5150" s="58">
        <f>Bühler!K5176</f>
        <v>0.56678218194451691</v>
      </c>
      <c r="L5150" s="58">
        <f>Bühler!L5176</f>
        <v>0.28339109097225845</v>
      </c>
      <c r="M5150" s="57">
        <f>Bühler!M5176</f>
        <v>0</v>
      </c>
      <c r="N5150" s="55">
        <f>IF(Input!$K$13=1,J5150*Input!$J$13,0)+IF(Input!$K$14=1,K5150*Input!$J$14,0)+IF(Input!$K$15=1,L5150*Input!$J$15,0)+IF(Input!$K$16=1,M5150*Input!$J$16,0)</f>
        <v>0.80895560564202618</v>
      </c>
      <c r="O5150" s="58">
        <f>IF(Input!$K$13=2,J5150*Input!$J$13,0)+IF(Input!$K$14=2,K5150*Input!$J$14,0)+IF(Input!$K$15=2,L5150*Input!$J$15,0)+IF(Input!$K$16=2,M5150*Input!$J$16,0)</f>
        <v>7.6515594562509781E-2</v>
      </c>
      <c r="P5150" s="58">
        <f>IF(Input!$K$13=3,J5150*Input!$J$13,0)+IF(Input!$K$14=3,K5150*Input!$J$14,0)+IF(Input!$K$15=3,L5150*Input!$J$15,0)+IF(Input!$K$16=3,M5150*Input!$J$16,0)</f>
        <v>0</v>
      </c>
      <c r="Q5150" s="71">
        <f>IF(Input!$K$13=4,J5150*Input!$J$13,0)+IF(Input!$K$14=4,K5150*Input!$J$14,0)+IF(Input!$K$15=4,L5150*Input!$J$15,0)+IF(Input!$K$16=4,M5150*Input!$J$16,0)</f>
        <v>0</v>
      </c>
    </row>
    <row r="5151" spans="8:17" x14ac:dyDescent="0.25">
      <c r="H5151" s="43">
        <v>5144</v>
      </c>
      <c r="I5151" s="55">
        <f>Bühler!I5177</f>
        <v>0.18102269160381929</v>
      </c>
      <c r="J5151" s="58">
        <f>Bühler!J5177</f>
        <v>27.462726132223409</v>
      </c>
      <c r="K5151" s="58">
        <f>Bühler!K5177</f>
        <v>2.3169368589186461</v>
      </c>
      <c r="L5151" s="58">
        <f>Bühler!L5177</f>
        <v>1.158468429459323</v>
      </c>
      <c r="M5151" s="57">
        <f>Bühler!M5177</f>
        <v>0</v>
      </c>
      <c r="N5151" s="55">
        <f>IF(Input!$K$13=1,J5151*Input!$J$13,0)+IF(Input!$K$14=1,K5151*Input!$J$14,0)+IF(Input!$K$15=1,L5151*Input!$J$15,0)+IF(Input!$K$16=1,M5151*Input!$J$16,0)</f>
        <v>3.2955271358668088</v>
      </c>
      <c r="O5151" s="58">
        <f>IF(Input!$K$13=2,J5151*Input!$J$13,0)+IF(Input!$K$14=2,K5151*Input!$J$14,0)+IF(Input!$K$15=2,L5151*Input!$J$15,0)+IF(Input!$K$16=2,M5151*Input!$J$16,0)</f>
        <v>0.31278647595401721</v>
      </c>
      <c r="P5151" s="58">
        <f>IF(Input!$K$13=3,J5151*Input!$J$13,0)+IF(Input!$K$14=3,K5151*Input!$J$14,0)+IF(Input!$K$15=3,L5151*Input!$J$15,0)+IF(Input!$K$16=3,M5151*Input!$J$16,0)</f>
        <v>0</v>
      </c>
      <c r="Q5151" s="71">
        <f>IF(Input!$K$13=4,J5151*Input!$J$13,0)+IF(Input!$K$14=4,K5151*Input!$J$14,0)+IF(Input!$K$15=4,L5151*Input!$J$15,0)+IF(Input!$K$16=4,M5151*Input!$J$16,0)</f>
        <v>0</v>
      </c>
    </row>
    <row r="5152" spans="8:17" x14ac:dyDescent="0.25">
      <c r="H5152" s="43">
        <v>5145</v>
      </c>
      <c r="I5152" s="55">
        <f>Bühler!I5178</f>
        <v>0.20198321378952466</v>
      </c>
      <c r="J5152" s="58">
        <f>Bühler!J5178</f>
        <v>30.642620737007178</v>
      </c>
      <c r="K5152" s="58">
        <f>Bühler!K5178</f>
        <v>2.5852137583723849</v>
      </c>
      <c r="L5152" s="58">
        <f>Bühler!L5178</f>
        <v>1.2926068791861924</v>
      </c>
      <c r="M5152" s="57">
        <f>Bühler!M5178</f>
        <v>0</v>
      </c>
      <c r="N5152" s="55">
        <f>IF(Input!$K$13=1,J5152*Input!$J$13,0)+IF(Input!$K$14=1,K5152*Input!$J$14,0)+IF(Input!$K$15=1,L5152*Input!$J$15,0)+IF(Input!$K$16=1,M5152*Input!$J$16,0)</f>
        <v>3.6771144884408611</v>
      </c>
      <c r="O5152" s="58">
        <f>IF(Input!$K$13=2,J5152*Input!$J$13,0)+IF(Input!$K$14=2,K5152*Input!$J$14,0)+IF(Input!$K$15=2,L5152*Input!$J$15,0)+IF(Input!$K$16=2,M5152*Input!$J$16,0)</f>
        <v>0.34900385738027195</v>
      </c>
      <c r="P5152" s="58">
        <f>IF(Input!$K$13=3,J5152*Input!$J$13,0)+IF(Input!$K$14=3,K5152*Input!$J$14,0)+IF(Input!$K$15=3,L5152*Input!$J$15,0)+IF(Input!$K$16=3,M5152*Input!$J$16,0)</f>
        <v>0</v>
      </c>
      <c r="Q5152" s="71">
        <f>IF(Input!$K$13=4,J5152*Input!$J$13,0)+IF(Input!$K$14=4,K5152*Input!$J$14,0)+IF(Input!$K$15=4,L5152*Input!$J$15,0)+IF(Input!$K$16=4,M5152*Input!$J$16,0)</f>
        <v>0</v>
      </c>
    </row>
    <row r="5153" spans="8:17" x14ac:dyDescent="0.25">
      <c r="H5153" s="43">
        <v>5146</v>
      </c>
      <c r="I5153" s="55">
        <f>Bühler!I5179</f>
        <v>0.22294373597523004</v>
      </c>
      <c r="J5153" s="58">
        <f>Bühler!J5179</f>
        <v>33.822515341790947</v>
      </c>
      <c r="K5153" s="58">
        <f>Bühler!K5179</f>
        <v>2.8534906578261223</v>
      </c>
      <c r="L5153" s="58">
        <f>Bühler!L5179</f>
        <v>1.4267453289130612</v>
      </c>
      <c r="M5153" s="57">
        <f>Bühler!M5179</f>
        <v>0</v>
      </c>
      <c r="N5153" s="55">
        <f>IF(Input!$K$13=1,J5153*Input!$J$13,0)+IF(Input!$K$14=1,K5153*Input!$J$14,0)+IF(Input!$K$15=1,L5153*Input!$J$15,0)+IF(Input!$K$16=1,M5153*Input!$J$16,0)</f>
        <v>4.0587018410149138</v>
      </c>
      <c r="O5153" s="58">
        <f>IF(Input!$K$13=2,J5153*Input!$J$13,0)+IF(Input!$K$14=2,K5153*Input!$J$14,0)+IF(Input!$K$15=2,L5153*Input!$J$15,0)+IF(Input!$K$16=2,M5153*Input!$J$16,0)</f>
        <v>0.38522123880652648</v>
      </c>
      <c r="P5153" s="58">
        <f>IF(Input!$K$13=3,J5153*Input!$J$13,0)+IF(Input!$K$14=3,K5153*Input!$J$14,0)+IF(Input!$K$15=3,L5153*Input!$J$15,0)+IF(Input!$K$16=3,M5153*Input!$J$16,0)</f>
        <v>0</v>
      </c>
      <c r="Q5153" s="71">
        <f>IF(Input!$K$13=4,J5153*Input!$J$13,0)+IF(Input!$K$14=4,K5153*Input!$J$14,0)+IF(Input!$K$15=4,L5153*Input!$J$15,0)+IF(Input!$K$16=4,M5153*Input!$J$16,0)</f>
        <v>0</v>
      </c>
    </row>
    <row r="5154" spans="8:17" x14ac:dyDescent="0.25">
      <c r="H5154" s="43">
        <v>5147</v>
      </c>
      <c r="I5154" s="55">
        <f>Bühler!I5180</f>
        <v>0.22294373597523004</v>
      </c>
      <c r="J5154" s="58">
        <f>Bühler!J5180</f>
        <v>33.822515341790947</v>
      </c>
      <c r="K5154" s="58">
        <f>Bühler!K5180</f>
        <v>2.8534906578261223</v>
      </c>
      <c r="L5154" s="58">
        <f>Bühler!L5180</f>
        <v>1.4267453289130612</v>
      </c>
      <c r="M5154" s="57">
        <f>Bühler!M5180</f>
        <v>0</v>
      </c>
      <c r="N5154" s="55">
        <f>IF(Input!$K$13=1,J5154*Input!$J$13,0)+IF(Input!$K$14=1,K5154*Input!$J$14,0)+IF(Input!$K$15=1,L5154*Input!$J$15,0)+IF(Input!$K$16=1,M5154*Input!$J$16,0)</f>
        <v>4.0587018410149138</v>
      </c>
      <c r="O5154" s="58">
        <f>IF(Input!$K$13=2,J5154*Input!$J$13,0)+IF(Input!$K$14=2,K5154*Input!$J$14,0)+IF(Input!$K$15=2,L5154*Input!$J$15,0)+IF(Input!$K$16=2,M5154*Input!$J$16,0)</f>
        <v>0.38522123880652648</v>
      </c>
      <c r="P5154" s="58">
        <f>IF(Input!$K$13=3,J5154*Input!$J$13,0)+IF(Input!$K$14=3,K5154*Input!$J$14,0)+IF(Input!$K$15=3,L5154*Input!$J$15,0)+IF(Input!$K$16=3,M5154*Input!$J$16,0)</f>
        <v>0</v>
      </c>
      <c r="Q5154" s="71">
        <f>IF(Input!$K$13=4,J5154*Input!$J$13,0)+IF(Input!$K$14=4,K5154*Input!$J$14,0)+IF(Input!$K$15=4,L5154*Input!$J$15,0)+IF(Input!$K$16=4,M5154*Input!$J$16,0)</f>
        <v>0</v>
      </c>
    </row>
    <row r="5155" spans="8:17" x14ac:dyDescent="0.25">
      <c r="H5155" s="43">
        <v>5148</v>
      </c>
      <c r="I5155" s="55">
        <f>Bühler!I5181</f>
        <v>0.26677028236352307</v>
      </c>
      <c r="J5155" s="58">
        <f>Bühler!J5181</f>
        <v>40.471385879066084</v>
      </c>
      <c r="K5155" s="58">
        <f>Bühler!K5181</f>
        <v>3.4144332657748473</v>
      </c>
      <c r="L5155" s="58">
        <f>Bühler!L5181</f>
        <v>1.7072166328874236</v>
      </c>
      <c r="M5155" s="57">
        <f>Bühler!M5181</f>
        <v>0</v>
      </c>
      <c r="N5155" s="55">
        <f>IF(Input!$K$13=1,J5155*Input!$J$13,0)+IF(Input!$K$14=1,K5155*Input!$J$14,0)+IF(Input!$K$15=1,L5155*Input!$J$15,0)+IF(Input!$K$16=1,M5155*Input!$J$16,0)</f>
        <v>4.85656630548793</v>
      </c>
      <c r="O5155" s="58">
        <f>IF(Input!$K$13=2,J5155*Input!$J$13,0)+IF(Input!$K$14=2,K5155*Input!$J$14,0)+IF(Input!$K$15=2,L5155*Input!$J$15,0)+IF(Input!$K$16=2,M5155*Input!$J$16,0)</f>
        <v>0.46094849087960432</v>
      </c>
      <c r="P5155" s="58">
        <f>IF(Input!$K$13=3,J5155*Input!$J$13,0)+IF(Input!$K$14=3,K5155*Input!$J$14,0)+IF(Input!$K$15=3,L5155*Input!$J$15,0)+IF(Input!$K$16=3,M5155*Input!$J$16,0)</f>
        <v>0</v>
      </c>
      <c r="Q5155" s="71">
        <f>IF(Input!$K$13=4,J5155*Input!$J$13,0)+IF(Input!$K$14=4,K5155*Input!$J$14,0)+IF(Input!$K$15=4,L5155*Input!$J$15,0)+IF(Input!$K$16=4,M5155*Input!$J$16,0)</f>
        <v>0</v>
      </c>
    </row>
    <row r="5156" spans="8:17" x14ac:dyDescent="0.25">
      <c r="H5156" s="43">
        <v>5149</v>
      </c>
      <c r="I5156" s="55">
        <f>Bühler!I5182</f>
        <v>0.26677028236352307</v>
      </c>
      <c r="J5156" s="58">
        <f>Bühler!J5182</f>
        <v>40.471385879066084</v>
      </c>
      <c r="K5156" s="58">
        <f>Bühler!K5182</f>
        <v>3.4144332657748473</v>
      </c>
      <c r="L5156" s="58">
        <f>Bühler!L5182</f>
        <v>1.7072166328874236</v>
      </c>
      <c r="M5156" s="57">
        <f>Bühler!M5182</f>
        <v>0</v>
      </c>
      <c r="N5156" s="55">
        <f>IF(Input!$K$13=1,J5156*Input!$J$13,0)+IF(Input!$K$14=1,K5156*Input!$J$14,0)+IF(Input!$K$15=1,L5156*Input!$J$15,0)+IF(Input!$K$16=1,M5156*Input!$J$16,0)</f>
        <v>4.85656630548793</v>
      </c>
      <c r="O5156" s="58">
        <f>IF(Input!$K$13=2,J5156*Input!$J$13,0)+IF(Input!$K$14=2,K5156*Input!$J$14,0)+IF(Input!$K$15=2,L5156*Input!$J$15,0)+IF(Input!$K$16=2,M5156*Input!$J$16,0)</f>
        <v>0.46094849087960432</v>
      </c>
      <c r="P5156" s="58">
        <f>IF(Input!$K$13=3,J5156*Input!$J$13,0)+IF(Input!$K$14=3,K5156*Input!$J$14,0)+IF(Input!$K$15=3,L5156*Input!$J$15,0)+IF(Input!$K$16=3,M5156*Input!$J$16,0)</f>
        <v>0</v>
      </c>
      <c r="Q5156" s="71">
        <f>IF(Input!$K$13=4,J5156*Input!$J$13,0)+IF(Input!$K$14=4,K5156*Input!$J$14,0)+IF(Input!$K$15=4,L5156*Input!$J$15,0)+IF(Input!$K$16=4,M5156*Input!$J$16,0)</f>
        <v>0</v>
      </c>
    </row>
    <row r="5157" spans="8:17" x14ac:dyDescent="0.25">
      <c r="H5157" s="43">
        <v>5150</v>
      </c>
      <c r="I5157" s="55">
        <f>Bühler!I5183</f>
        <v>0.17721168757005465</v>
      </c>
      <c r="J5157" s="58">
        <f>Bühler!J5183</f>
        <v>26.884563476808186</v>
      </c>
      <c r="K5157" s="58">
        <f>Bühler!K5183</f>
        <v>2.2681592408361486</v>
      </c>
      <c r="L5157" s="58">
        <f>Bühler!L5183</f>
        <v>1.1340796204180743</v>
      </c>
      <c r="M5157" s="57">
        <f>Bühler!M5183</f>
        <v>0</v>
      </c>
      <c r="N5157" s="55">
        <f>IF(Input!$K$13=1,J5157*Input!$J$13,0)+IF(Input!$K$14=1,K5157*Input!$J$14,0)+IF(Input!$K$15=1,L5157*Input!$J$15,0)+IF(Input!$K$16=1,M5157*Input!$J$16,0)</f>
        <v>3.2261476172169821</v>
      </c>
      <c r="O5157" s="58">
        <f>IF(Input!$K$13=2,J5157*Input!$J$13,0)+IF(Input!$K$14=2,K5157*Input!$J$14,0)+IF(Input!$K$15=2,L5157*Input!$J$15,0)+IF(Input!$K$16=2,M5157*Input!$J$16,0)</f>
        <v>0.30620149751288006</v>
      </c>
      <c r="P5157" s="58">
        <f>IF(Input!$K$13=3,J5157*Input!$J$13,0)+IF(Input!$K$14=3,K5157*Input!$J$14,0)+IF(Input!$K$15=3,L5157*Input!$J$15,0)+IF(Input!$K$16=3,M5157*Input!$J$16,0)</f>
        <v>0</v>
      </c>
      <c r="Q5157" s="71">
        <f>IF(Input!$K$13=4,J5157*Input!$J$13,0)+IF(Input!$K$14=4,K5157*Input!$J$14,0)+IF(Input!$K$15=4,L5157*Input!$J$15,0)+IF(Input!$K$16=4,M5157*Input!$J$16,0)</f>
        <v>0</v>
      </c>
    </row>
    <row r="5158" spans="8:17" x14ac:dyDescent="0.25">
      <c r="H5158" s="43">
        <v>5151</v>
      </c>
      <c r="I5158" s="55">
        <f>Bühler!I5184</f>
        <v>0.26677028236352307</v>
      </c>
      <c r="J5158" s="58">
        <f>Bühler!J5184</f>
        <v>40.471385879066084</v>
      </c>
      <c r="K5158" s="58">
        <f>Bühler!K5184</f>
        <v>3.4144332657748473</v>
      </c>
      <c r="L5158" s="58">
        <f>Bühler!L5184</f>
        <v>1.7072166328874236</v>
      </c>
      <c r="M5158" s="57">
        <f>Bühler!M5184</f>
        <v>0</v>
      </c>
      <c r="N5158" s="55">
        <f>IF(Input!$K$13=1,J5158*Input!$J$13,0)+IF(Input!$K$14=1,K5158*Input!$J$14,0)+IF(Input!$K$15=1,L5158*Input!$J$15,0)+IF(Input!$K$16=1,M5158*Input!$J$16,0)</f>
        <v>4.85656630548793</v>
      </c>
      <c r="O5158" s="58">
        <f>IF(Input!$K$13=2,J5158*Input!$J$13,0)+IF(Input!$K$14=2,K5158*Input!$J$14,0)+IF(Input!$K$15=2,L5158*Input!$J$15,0)+IF(Input!$K$16=2,M5158*Input!$J$16,0)</f>
        <v>0.46094849087960432</v>
      </c>
      <c r="P5158" s="58">
        <f>IF(Input!$K$13=3,J5158*Input!$J$13,0)+IF(Input!$K$14=3,K5158*Input!$J$14,0)+IF(Input!$K$15=3,L5158*Input!$J$15,0)+IF(Input!$K$16=3,M5158*Input!$J$16,0)</f>
        <v>0</v>
      </c>
      <c r="Q5158" s="71">
        <f>IF(Input!$K$13=4,J5158*Input!$J$13,0)+IF(Input!$K$14=4,K5158*Input!$J$14,0)+IF(Input!$K$15=4,L5158*Input!$J$15,0)+IF(Input!$K$16=4,M5158*Input!$J$16,0)</f>
        <v>0</v>
      </c>
    </row>
    <row r="5159" spans="8:17" x14ac:dyDescent="0.25">
      <c r="H5159" s="43">
        <v>5152</v>
      </c>
      <c r="I5159" s="55">
        <f>Bühler!I5185</f>
        <v>0.26677028236352307</v>
      </c>
      <c r="J5159" s="58">
        <f>Bühler!J5185</f>
        <v>40.471385879066084</v>
      </c>
      <c r="K5159" s="58">
        <f>Bühler!K5185</f>
        <v>3.4144332657748473</v>
      </c>
      <c r="L5159" s="58">
        <f>Bühler!L5185</f>
        <v>1.7072166328874236</v>
      </c>
      <c r="M5159" s="57">
        <f>Bühler!M5185</f>
        <v>0</v>
      </c>
      <c r="N5159" s="55">
        <f>IF(Input!$K$13=1,J5159*Input!$J$13,0)+IF(Input!$K$14=1,K5159*Input!$J$14,0)+IF(Input!$K$15=1,L5159*Input!$J$15,0)+IF(Input!$K$16=1,M5159*Input!$J$16,0)</f>
        <v>4.85656630548793</v>
      </c>
      <c r="O5159" s="58">
        <f>IF(Input!$K$13=2,J5159*Input!$J$13,0)+IF(Input!$K$14=2,K5159*Input!$J$14,0)+IF(Input!$K$15=2,L5159*Input!$J$15,0)+IF(Input!$K$16=2,M5159*Input!$J$16,0)</f>
        <v>0.46094849087960432</v>
      </c>
      <c r="P5159" s="58">
        <f>IF(Input!$K$13=3,J5159*Input!$J$13,0)+IF(Input!$K$14=3,K5159*Input!$J$14,0)+IF(Input!$K$15=3,L5159*Input!$J$15,0)+IF(Input!$K$16=3,M5159*Input!$J$16,0)</f>
        <v>0</v>
      </c>
      <c r="Q5159" s="71">
        <f>IF(Input!$K$13=4,J5159*Input!$J$13,0)+IF(Input!$K$14=4,K5159*Input!$J$14,0)+IF(Input!$K$15=4,L5159*Input!$J$15,0)+IF(Input!$K$16=4,M5159*Input!$J$16,0)</f>
        <v>0</v>
      </c>
    </row>
    <row r="5160" spans="8:17" x14ac:dyDescent="0.25">
      <c r="H5160" s="43">
        <v>5153</v>
      </c>
      <c r="I5160" s="55">
        <f>Bühler!I5186</f>
        <v>0.22291088249218038</v>
      </c>
      <c r="J5160" s="58">
        <f>Bühler!J5186</f>
        <v>23.9203920824859</v>
      </c>
      <c r="K5160" s="58">
        <f>Bühler!K5186</f>
        <v>2.0120767459030349</v>
      </c>
      <c r="L5160" s="58">
        <f>Bühler!L5186</f>
        <v>1.0060383729515174</v>
      </c>
      <c r="M5160" s="57">
        <f>Bühler!M5186</f>
        <v>0</v>
      </c>
      <c r="N5160" s="55">
        <f>IF(Input!$K$13=1,J5160*Input!$J$13,0)+IF(Input!$K$14=1,K5160*Input!$J$14,0)+IF(Input!$K$15=1,L5160*Input!$J$15,0)+IF(Input!$K$16=1,M5160*Input!$J$16,0)</f>
        <v>2.8704470498983081</v>
      </c>
      <c r="O5160" s="58">
        <f>IF(Input!$K$13=2,J5160*Input!$J$13,0)+IF(Input!$K$14=2,K5160*Input!$J$14,0)+IF(Input!$K$15=2,L5160*Input!$J$15,0)+IF(Input!$K$16=2,M5160*Input!$J$16,0)</f>
        <v>0.27163036069690971</v>
      </c>
      <c r="P5160" s="58">
        <f>IF(Input!$K$13=3,J5160*Input!$J$13,0)+IF(Input!$K$14=3,K5160*Input!$J$14,0)+IF(Input!$K$15=3,L5160*Input!$J$15,0)+IF(Input!$K$16=3,M5160*Input!$J$16,0)</f>
        <v>0</v>
      </c>
      <c r="Q5160" s="71">
        <f>IF(Input!$K$13=4,J5160*Input!$J$13,0)+IF(Input!$K$14=4,K5160*Input!$J$14,0)+IF(Input!$K$15=4,L5160*Input!$J$15,0)+IF(Input!$K$16=4,M5160*Input!$J$16,0)</f>
        <v>0</v>
      </c>
    </row>
    <row r="5161" spans="8:17" x14ac:dyDescent="0.25">
      <c r="H5161" s="43">
        <v>5154</v>
      </c>
      <c r="I5161" s="55">
        <f>Bühler!I5187</f>
        <v>0.17724454105310436</v>
      </c>
      <c r="J5161" s="58">
        <f>Bühler!J5187</f>
        <v>10.298248505952802</v>
      </c>
      <c r="K5161" s="58">
        <f>Bühler!K5187</f>
        <v>0.85876088173411658</v>
      </c>
      <c r="L5161" s="58">
        <f>Bühler!L5187</f>
        <v>0.42938044086705829</v>
      </c>
      <c r="M5161" s="57">
        <f>Bühler!M5187</f>
        <v>0</v>
      </c>
      <c r="N5161" s="55">
        <f>IF(Input!$K$13=1,J5161*Input!$J$13,0)+IF(Input!$K$14=1,K5161*Input!$J$14,0)+IF(Input!$K$15=1,L5161*Input!$J$15,0)+IF(Input!$K$16=1,M5161*Input!$J$16,0)</f>
        <v>1.2357898207143363</v>
      </c>
      <c r="O5161" s="58">
        <f>IF(Input!$K$13=2,J5161*Input!$J$13,0)+IF(Input!$K$14=2,K5161*Input!$J$14,0)+IF(Input!$K$15=2,L5161*Input!$J$15,0)+IF(Input!$K$16=2,M5161*Input!$J$16,0)</f>
        <v>0.11593271903410574</v>
      </c>
      <c r="P5161" s="58">
        <f>IF(Input!$K$13=3,J5161*Input!$J$13,0)+IF(Input!$K$14=3,K5161*Input!$J$14,0)+IF(Input!$K$15=3,L5161*Input!$J$15,0)+IF(Input!$K$16=3,M5161*Input!$J$16,0)</f>
        <v>0</v>
      </c>
      <c r="Q5161" s="71">
        <f>IF(Input!$K$13=4,J5161*Input!$J$13,0)+IF(Input!$K$14=4,K5161*Input!$J$14,0)+IF(Input!$K$15=4,L5161*Input!$J$15,0)+IF(Input!$K$16=4,M5161*Input!$J$16,0)</f>
        <v>0</v>
      </c>
    </row>
    <row r="5162" spans="8:17" x14ac:dyDescent="0.25">
      <c r="H5162" s="43">
        <v>5155</v>
      </c>
      <c r="I5162" s="55">
        <f>Bühler!I5188</f>
        <v>6.5706966099389946E-2</v>
      </c>
      <c r="J5162" s="58">
        <f>Bühler!J5188</f>
        <v>6.7412967136835515</v>
      </c>
      <c r="K5162" s="58">
        <f>Bühler!K5188</f>
        <v>0.56678218194451691</v>
      </c>
      <c r="L5162" s="58">
        <f>Bühler!L5188</f>
        <v>0.28339109097225845</v>
      </c>
      <c r="M5162" s="57">
        <f>Bühler!M5188</f>
        <v>0</v>
      </c>
      <c r="N5162" s="55">
        <f>IF(Input!$K$13=1,J5162*Input!$J$13,0)+IF(Input!$K$14=1,K5162*Input!$J$14,0)+IF(Input!$K$15=1,L5162*Input!$J$15,0)+IF(Input!$K$16=1,M5162*Input!$J$16,0)</f>
        <v>0.80895560564202618</v>
      </c>
      <c r="O5162" s="58">
        <f>IF(Input!$K$13=2,J5162*Input!$J$13,0)+IF(Input!$K$14=2,K5162*Input!$J$14,0)+IF(Input!$K$15=2,L5162*Input!$J$15,0)+IF(Input!$K$16=2,M5162*Input!$J$16,0)</f>
        <v>7.6515594562509781E-2</v>
      </c>
      <c r="P5162" s="58">
        <f>IF(Input!$K$13=3,J5162*Input!$J$13,0)+IF(Input!$K$14=3,K5162*Input!$J$14,0)+IF(Input!$K$15=3,L5162*Input!$J$15,0)+IF(Input!$K$16=3,M5162*Input!$J$16,0)</f>
        <v>0</v>
      </c>
      <c r="Q5162" s="71">
        <f>IF(Input!$K$13=4,J5162*Input!$J$13,0)+IF(Input!$K$14=4,K5162*Input!$J$14,0)+IF(Input!$K$15=4,L5162*Input!$J$15,0)+IF(Input!$K$16=4,M5162*Input!$J$16,0)</f>
        <v>0</v>
      </c>
    </row>
    <row r="5163" spans="8:17" x14ac:dyDescent="0.25">
      <c r="H5163" s="43">
        <v>5156</v>
      </c>
      <c r="I5163" s="55">
        <f>Bühler!I5189</f>
        <v>6.5706966099389946E-2</v>
      </c>
      <c r="J5163" s="58">
        <f>Bühler!J5189</f>
        <v>6.7412967136835515</v>
      </c>
      <c r="K5163" s="58">
        <f>Bühler!K5189</f>
        <v>0.56678218194451691</v>
      </c>
      <c r="L5163" s="58">
        <f>Bühler!L5189</f>
        <v>0.28339109097225845</v>
      </c>
      <c r="M5163" s="57">
        <f>Bühler!M5189</f>
        <v>0</v>
      </c>
      <c r="N5163" s="55">
        <f>IF(Input!$K$13=1,J5163*Input!$J$13,0)+IF(Input!$K$14=1,K5163*Input!$J$14,0)+IF(Input!$K$15=1,L5163*Input!$J$15,0)+IF(Input!$K$16=1,M5163*Input!$J$16,0)</f>
        <v>0.80895560564202618</v>
      </c>
      <c r="O5163" s="58">
        <f>IF(Input!$K$13=2,J5163*Input!$J$13,0)+IF(Input!$K$14=2,K5163*Input!$J$14,0)+IF(Input!$K$15=2,L5163*Input!$J$15,0)+IF(Input!$K$16=2,M5163*Input!$J$16,0)</f>
        <v>7.6515594562509781E-2</v>
      </c>
      <c r="P5163" s="58">
        <f>IF(Input!$K$13=3,J5163*Input!$J$13,0)+IF(Input!$K$14=3,K5163*Input!$J$14,0)+IF(Input!$K$15=3,L5163*Input!$J$15,0)+IF(Input!$K$16=3,M5163*Input!$J$16,0)</f>
        <v>0</v>
      </c>
      <c r="Q5163" s="71">
        <f>IF(Input!$K$13=4,J5163*Input!$J$13,0)+IF(Input!$K$14=4,K5163*Input!$J$14,0)+IF(Input!$K$15=4,L5163*Input!$J$15,0)+IF(Input!$K$16=4,M5163*Input!$J$16,0)</f>
        <v>0</v>
      </c>
    </row>
    <row r="5164" spans="8:17" x14ac:dyDescent="0.25">
      <c r="H5164" s="43">
        <v>5157</v>
      </c>
      <c r="I5164" s="55">
        <f>Bühler!I5190</f>
        <v>6.5706966099389946E-2</v>
      </c>
      <c r="J5164" s="58">
        <f>Bühler!J5190</f>
        <v>6.7412967136835515</v>
      </c>
      <c r="K5164" s="58">
        <f>Bühler!K5190</f>
        <v>0.56678218194451691</v>
      </c>
      <c r="L5164" s="58">
        <f>Bühler!L5190</f>
        <v>0.28339109097225845</v>
      </c>
      <c r="M5164" s="57">
        <f>Bühler!M5190</f>
        <v>0</v>
      </c>
      <c r="N5164" s="55">
        <f>IF(Input!$K$13=1,J5164*Input!$J$13,0)+IF(Input!$K$14=1,K5164*Input!$J$14,0)+IF(Input!$K$15=1,L5164*Input!$J$15,0)+IF(Input!$K$16=1,M5164*Input!$J$16,0)</f>
        <v>0.80895560564202618</v>
      </c>
      <c r="O5164" s="58">
        <f>IF(Input!$K$13=2,J5164*Input!$J$13,0)+IF(Input!$K$14=2,K5164*Input!$J$14,0)+IF(Input!$K$15=2,L5164*Input!$J$15,0)+IF(Input!$K$16=2,M5164*Input!$J$16,0)</f>
        <v>7.6515594562509781E-2</v>
      </c>
      <c r="P5164" s="58">
        <f>IF(Input!$K$13=3,J5164*Input!$J$13,0)+IF(Input!$K$14=3,K5164*Input!$J$14,0)+IF(Input!$K$15=3,L5164*Input!$J$15,0)+IF(Input!$K$16=3,M5164*Input!$J$16,0)</f>
        <v>0</v>
      </c>
      <c r="Q5164" s="71">
        <f>IF(Input!$K$13=4,J5164*Input!$J$13,0)+IF(Input!$K$14=4,K5164*Input!$J$14,0)+IF(Input!$K$15=4,L5164*Input!$J$15,0)+IF(Input!$K$16=4,M5164*Input!$J$16,0)</f>
        <v>0</v>
      </c>
    </row>
    <row r="5165" spans="8:17" x14ac:dyDescent="0.25">
      <c r="H5165" s="43">
        <v>5158</v>
      </c>
      <c r="I5165" s="55">
        <f>Bühler!I5191</f>
        <v>6.5706966099389946E-2</v>
      </c>
      <c r="J5165" s="58">
        <f>Bühler!J5191</f>
        <v>6.7412967136835515</v>
      </c>
      <c r="K5165" s="58">
        <f>Bühler!K5191</f>
        <v>0.56678218194451691</v>
      </c>
      <c r="L5165" s="58">
        <f>Bühler!L5191</f>
        <v>0.28339109097225845</v>
      </c>
      <c r="M5165" s="57">
        <f>Bühler!M5191</f>
        <v>0</v>
      </c>
      <c r="N5165" s="55">
        <f>IF(Input!$K$13=1,J5165*Input!$J$13,0)+IF(Input!$K$14=1,K5165*Input!$J$14,0)+IF(Input!$K$15=1,L5165*Input!$J$15,0)+IF(Input!$K$16=1,M5165*Input!$J$16,0)</f>
        <v>0.80895560564202618</v>
      </c>
      <c r="O5165" s="58">
        <f>IF(Input!$K$13=2,J5165*Input!$J$13,0)+IF(Input!$K$14=2,K5165*Input!$J$14,0)+IF(Input!$K$15=2,L5165*Input!$J$15,0)+IF(Input!$K$16=2,M5165*Input!$J$16,0)</f>
        <v>7.6515594562509781E-2</v>
      </c>
      <c r="P5165" s="58">
        <f>IF(Input!$K$13=3,J5165*Input!$J$13,0)+IF(Input!$K$14=3,K5165*Input!$J$14,0)+IF(Input!$K$15=3,L5165*Input!$J$15,0)+IF(Input!$K$16=3,M5165*Input!$J$16,0)</f>
        <v>0</v>
      </c>
      <c r="Q5165" s="71">
        <f>IF(Input!$K$13=4,J5165*Input!$J$13,0)+IF(Input!$K$14=4,K5165*Input!$J$14,0)+IF(Input!$K$15=4,L5165*Input!$J$15,0)+IF(Input!$K$16=4,M5165*Input!$J$16,0)</f>
        <v>0</v>
      </c>
    </row>
    <row r="5166" spans="8:17" x14ac:dyDescent="0.25">
      <c r="H5166" s="43">
        <v>5159</v>
      </c>
      <c r="I5166" s="55">
        <f>Bühler!I5192</f>
        <v>6.5706966099389946E-2</v>
      </c>
      <c r="J5166" s="58">
        <f>Bühler!J5192</f>
        <v>6.7412967136835515</v>
      </c>
      <c r="K5166" s="58">
        <f>Bühler!K5192</f>
        <v>0.56678218194451691</v>
      </c>
      <c r="L5166" s="58">
        <f>Bühler!L5192</f>
        <v>0.28339109097225845</v>
      </c>
      <c r="M5166" s="57">
        <f>Bühler!M5192</f>
        <v>0</v>
      </c>
      <c r="N5166" s="55">
        <f>IF(Input!$K$13=1,J5166*Input!$J$13,0)+IF(Input!$K$14=1,K5166*Input!$J$14,0)+IF(Input!$K$15=1,L5166*Input!$J$15,0)+IF(Input!$K$16=1,M5166*Input!$J$16,0)</f>
        <v>0.80895560564202618</v>
      </c>
      <c r="O5166" s="58">
        <f>IF(Input!$K$13=2,J5166*Input!$J$13,0)+IF(Input!$K$14=2,K5166*Input!$J$14,0)+IF(Input!$K$15=2,L5166*Input!$J$15,0)+IF(Input!$K$16=2,M5166*Input!$J$16,0)</f>
        <v>7.6515594562509781E-2</v>
      </c>
      <c r="P5166" s="58">
        <f>IF(Input!$K$13=3,J5166*Input!$J$13,0)+IF(Input!$K$14=3,K5166*Input!$J$14,0)+IF(Input!$K$15=3,L5166*Input!$J$15,0)+IF(Input!$K$16=3,M5166*Input!$J$16,0)</f>
        <v>0</v>
      </c>
      <c r="Q5166" s="71">
        <f>IF(Input!$K$13=4,J5166*Input!$J$13,0)+IF(Input!$K$14=4,K5166*Input!$J$14,0)+IF(Input!$K$15=4,L5166*Input!$J$15,0)+IF(Input!$K$16=4,M5166*Input!$J$16,0)</f>
        <v>0</v>
      </c>
    </row>
    <row r="5167" spans="8:17" x14ac:dyDescent="0.25">
      <c r="H5167" s="43">
        <v>5160</v>
      </c>
      <c r="I5167" s="55">
        <f>Bühler!I5193</f>
        <v>6.5706966099389946E-2</v>
      </c>
      <c r="J5167" s="58">
        <f>Bühler!J5193</f>
        <v>6.7412967136835515</v>
      </c>
      <c r="K5167" s="58">
        <f>Bühler!K5193</f>
        <v>0.56678218194451691</v>
      </c>
      <c r="L5167" s="58">
        <f>Bühler!L5193</f>
        <v>0.28339109097225845</v>
      </c>
      <c r="M5167" s="57">
        <f>Bühler!M5193</f>
        <v>0</v>
      </c>
      <c r="N5167" s="55">
        <f>IF(Input!$K$13=1,J5167*Input!$J$13,0)+IF(Input!$K$14=1,K5167*Input!$J$14,0)+IF(Input!$K$15=1,L5167*Input!$J$15,0)+IF(Input!$K$16=1,M5167*Input!$J$16,0)</f>
        <v>0.80895560564202618</v>
      </c>
      <c r="O5167" s="58">
        <f>IF(Input!$K$13=2,J5167*Input!$J$13,0)+IF(Input!$K$14=2,K5167*Input!$J$14,0)+IF(Input!$K$15=2,L5167*Input!$J$15,0)+IF(Input!$K$16=2,M5167*Input!$J$16,0)</f>
        <v>7.6515594562509781E-2</v>
      </c>
      <c r="P5167" s="58">
        <f>IF(Input!$K$13=3,J5167*Input!$J$13,0)+IF(Input!$K$14=3,K5167*Input!$J$14,0)+IF(Input!$K$15=3,L5167*Input!$J$15,0)+IF(Input!$K$16=3,M5167*Input!$J$16,0)</f>
        <v>0</v>
      </c>
      <c r="Q5167" s="71">
        <f>IF(Input!$K$13=4,J5167*Input!$J$13,0)+IF(Input!$K$14=4,K5167*Input!$J$14,0)+IF(Input!$K$15=4,L5167*Input!$J$15,0)+IF(Input!$K$16=4,M5167*Input!$J$16,0)</f>
        <v>0</v>
      </c>
    </row>
    <row r="5168" spans="8:17" x14ac:dyDescent="0.25">
      <c r="H5168" s="43">
        <v>5161</v>
      </c>
      <c r="I5168" s="55">
        <f>Bühler!I5194</f>
        <v>0.23443705294590436</v>
      </c>
      <c r="J5168" s="58">
        <f>Bühler!J5194</f>
        <v>11.041221186245071</v>
      </c>
      <c r="K5168" s="58">
        <f>Bühler!K5194</f>
        <v>0.88966335038146238</v>
      </c>
      <c r="L5168" s="58">
        <f>Bühler!L5194</f>
        <v>0.44483167519073119</v>
      </c>
      <c r="M5168" s="57">
        <f>Bühler!M5194</f>
        <v>0</v>
      </c>
      <c r="N5168" s="55">
        <f>IF(Input!$K$13=1,J5168*Input!$J$13,0)+IF(Input!$K$14=1,K5168*Input!$J$14,0)+IF(Input!$K$15=1,L5168*Input!$J$15,0)+IF(Input!$K$16=1,M5168*Input!$J$16,0)</f>
        <v>1.3249465423494085</v>
      </c>
      <c r="O5168" s="58">
        <f>IF(Input!$K$13=2,J5168*Input!$J$13,0)+IF(Input!$K$14=2,K5168*Input!$J$14,0)+IF(Input!$K$15=2,L5168*Input!$J$15,0)+IF(Input!$K$16=2,M5168*Input!$J$16,0)</f>
        <v>0.12010455230149741</v>
      </c>
      <c r="P5168" s="58">
        <f>IF(Input!$K$13=3,J5168*Input!$J$13,0)+IF(Input!$K$14=3,K5168*Input!$J$14,0)+IF(Input!$K$15=3,L5168*Input!$J$15,0)+IF(Input!$K$16=3,M5168*Input!$J$16,0)</f>
        <v>0</v>
      </c>
      <c r="Q5168" s="71">
        <f>IF(Input!$K$13=4,J5168*Input!$J$13,0)+IF(Input!$K$14=4,K5168*Input!$J$14,0)+IF(Input!$K$15=4,L5168*Input!$J$15,0)+IF(Input!$K$16=4,M5168*Input!$J$16,0)</f>
        <v>0</v>
      </c>
    </row>
    <row r="5169" spans="8:17" x14ac:dyDescent="0.25">
      <c r="H5169" s="43">
        <v>5162</v>
      </c>
      <c r="I5169" s="55">
        <f>Bühler!I5195</f>
        <v>0.23443705294590436</v>
      </c>
      <c r="J5169" s="58">
        <f>Bühler!J5195</f>
        <v>6.7916993602188764</v>
      </c>
      <c r="K5169" s="58">
        <f>Bühler!K5195</f>
        <v>0.53918990932209843</v>
      </c>
      <c r="L5169" s="58">
        <f>Bühler!L5195</f>
        <v>0.26959495466104921</v>
      </c>
      <c r="M5169" s="57">
        <f>Bühler!M5195</f>
        <v>0</v>
      </c>
      <c r="N5169" s="55">
        <f>IF(Input!$K$13=1,J5169*Input!$J$13,0)+IF(Input!$K$14=1,K5169*Input!$J$14,0)+IF(Input!$K$15=1,L5169*Input!$J$15,0)+IF(Input!$K$16=1,M5169*Input!$J$16,0)</f>
        <v>0.81500392322626514</v>
      </c>
      <c r="O5169" s="58">
        <f>IF(Input!$K$13=2,J5169*Input!$J$13,0)+IF(Input!$K$14=2,K5169*Input!$J$14,0)+IF(Input!$K$15=2,L5169*Input!$J$15,0)+IF(Input!$K$16=2,M5169*Input!$J$16,0)</f>
        <v>7.2790637758483281E-2</v>
      </c>
      <c r="P5169" s="58">
        <f>IF(Input!$K$13=3,J5169*Input!$J$13,0)+IF(Input!$K$14=3,K5169*Input!$J$14,0)+IF(Input!$K$15=3,L5169*Input!$J$15,0)+IF(Input!$K$16=3,M5169*Input!$J$16,0)</f>
        <v>0</v>
      </c>
      <c r="Q5169" s="71">
        <f>IF(Input!$K$13=4,J5169*Input!$J$13,0)+IF(Input!$K$14=4,K5169*Input!$J$14,0)+IF(Input!$K$15=4,L5169*Input!$J$15,0)+IF(Input!$K$16=4,M5169*Input!$J$16,0)</f>
        <v>0</v>
      </c>
    </row>
    <row r="5170" spans="8:17" x14ac:dyDescent="0.25">
      <c r="H5170" s="43">
        <v>5163</v>
      </c>
      <c r="I5170" s="55">
        <f>Bühler!I5196</f>
        <v>0.23443705294590436</v>
      </c>
      <c r="J5170" s="58">
        <f>Bühler!J5196</f>
        <v>6.7916993602188764</v>
      </c>
      <c r="K5170" s="58">
        <f>Bühler!K5196</f>
        <v>0.53918990932209843</v>
      </c>
      <c r="L5170" s="58">
        <f>Bühler!L5196</f>
        <v>0.26959495466104921</v>
      </c>
      <c r="M5170" s="57">
        <f>Bühler!M5196</f>
        <v>0</v>
      </c>
      <c r="N5170" s="55">
        <f>IF(Input!$K$13=1,J5170*Input!$J$13,0)+IF(Input!$K$14=1,K5170*Input!$J$14,0)+IF(Input!$K$15=1,L5170*Input!$J$15,0)+IF(Input!$K$16=1,M5170*Input!$J$16,0)</f>
        <v>0.81500392322626514</v>
      </c>
      <c r="O5170" s="58">
        <f>IF(Input!$K$13=2,J5170*Input!$J$13,0)+IF(Input!$K$14=2,K5170*Input!$J$14,0)+IF(Input!$K$15=2,L5170*Input!$J$15,0)+IF(Input!$K$16=2,M5170*Input!$J$16,0)</f>
        <v>7.2790637758483281E-2</v>
      </c>
      <c r="P5170" s="58">
        <f>IF(Input!$K$13=3,J5170*Input!$J$13,0)+IF(Input!$K$14=3,K5170*Input!$J$14,0)+IF(Input!$K$15=3,L5170*Input!$J$15,0)+IF(Input!$K$16=3,M5170*Input!$J$16,0)</f>
        <v>0</v>
      </c>
      <c r="Q5170" s="71">
        <f>IF(Input!$K$13=4,J5170*Input!$J$13,0)+IF(Input!$K$14=4,K5170*Input!$J$14,0)+IF(Input!$K$15=4,L5170*Input!$J$15,0)+IF(Input!$K$16=4,M5170*Input!$J$16,0)</f>
        <v>0</v>
      </c>
    </row>
    <row r="5171" spans="8:17" x14ac:dyDescent="0.25">
      <c r="H5171" s="43">
        <v>5164</v>
      </c>
      <c r="I5171" s="55">
        <f>Bühler!I5197</f>
        <v>0.23443705294590436</v>
      </c>
      <c r="J5171" s="58">
        <f>Bühler!J5197</f>
        <v>6.7916993602188764</v>
      </c>
      <c r="K5171" s="58">
        <f>Bühler!K5197</f>
        <v>0.53918990932209843</v>
      </c>
      <c r="L5171" s="58">
        <f>Bühler!L5197</f>
        <v>0.26959495466104921</v>
      </c>
      <c r="M5171" s="57">
        <f>Bühler!M5197</f>
        <v>0</v>
      </c>
      <c r="N5171" s="55">
        <f>IF(Input!$K$13=1,J5171*Input!$J$13,0)+IF(Input!$K$14=1,K5171*Input!$J$14,0)+IF(Input!$K$15=1,L5171*Input!$J$15,0)+IF(Input!$K$16=1,M5171*Input!$J$16,0)</f>
        <v>0.81500392322626514</v>
      </c>
      <c r="O5171" s="58">
        <f>IF(Input!$K$13=2,J5171*Input!$J$13,0)+IF(Input!$K$14=2,K5171*Input!$J$14,0)+IF(Input!$K$15=2,L5171*Input!$J$15,0)+IF(Input!$K$16=2,M5171*Input!$J$16,0)</f>
        <v>7.2790637758483281E-2</v>
      </c>
      <c r="P5171" s="58">
        <f>IF(Input!$K$13=3,J5171*Input!$J$13,0)+IF(Input!$K$14=3,K5171*Input!$J$14,0)+IF(Input!$K$15=3,L5171*Input!$J$15,0)+IF(Input!$K$16=3,M5171*Input!$J$16,0)</f>
        <v>0</v>
      </c>
      <c r="Q5171" s="71">
        <f>IF(Input!$K$13=4,J5171*Input!$J$13,0)+IF(Input!$K$14=4,K5171*Input!$J$14,0)+IF(Input!$K$15=4,L5171*Input!$J$15,0)+IF(Input!$K$16=4,M5171*Input!$J$16,0)</f>
        <v>0</v>
      </c>
    </row>
    <row r="5172" spans="8:17" x14ac:dyDescent="0.25">
      <c r="H5172" s="43">
        <v>5165</v>
      </c>
      <c r="I5172" s="55">
        <f>Bühler!I5198</f>
        <v>0.23443705294590436</v>
      </c>
      <c r="J5172" s="58">
        <f>Bühler!J5198</f>
        <v>6.7916993602188764</v>
      </c>
      <c r="K5172" s="58">
        <f>Bühler!K5198</f>
        <v>0.53918990932209843</v>
      </c>
      <c r="L5172" s="58">
        <f>Bühler!L5198</f>
        <v>0.26959495466104921</v>
      </c>
      <c r="M5172" s="57">
        <f>Bühler!M5198</f>
        <v>0</v>
      </c>
      <c r="N5172" s="55">
        <f>IF(Input!$K$13=1,J5172*Input!$J$13,0)+IF(Input!$K$14=1,K5172*Input!$J$14,0)+IF(Input!$K$15=1,L5172*Input!$J$15,0)+IF(Input!$K$16=1,M5172*Input!$J$16,0)</f>
        <v>0.81500392322626514</v>
      </c>
      <c r="O5172" s="58">
        <f>IF(Input!$K$13=2,J5172*Input!$J$13,0)+IF(Input!$K$14=2,K5172*Input!$J$14,0)+IF(Input!$K$15=2,L5172*Input!$J$15,0)+IF(Input!$K$16=2,M5172*Input!$J$16,0)</f>
        <v>7.2790637758483281E-2</v>
      </c>
      <c r="P5172" s="58">
        <f>IF(Input!$K$13=3,J5172*Input!$J$13,0)+IF(Input!$K$14=3,K5172*Input!$J$14,0)+IF(Input!$K$15=3,L5172*Input!$J$15,0)+IF(Input!$K$16=3,M5172*Input!$J$16,0)</f>
        <v>0</v>
      </c>
      <c r="Q5172" s="71">
        <f>IF(Input!$K$13=4,J5172*Input!$J$13,0)+IF(Input!$K$14=4,K5172*Input!$J$14,0)+IF(Input!$K$15=4,L5172*Input!$J$15,0)+IF(Input!$K$16=4,M5172*Input!$J$16,0)</f>
        <v>0</v>
      </c>
    </row>
    <row r="5173" spans="8:17" x14ac:dyDescent="0.25">
      <c r="H5173" s="43">
        <v>5166</v>
      </c>
      <c r="I5173" s="55">
        <f>Bühler!I5199</f>
        <v>0.23443705294590436</v>
      </c>
      <c r="J5173" s="58">
        <f>Bühler!J5199</f>
        <v>6.7916993602188764</v>
      </c>
      <c r="K5173" s="58">
        <f>Bühler!K5199</f>
        <v>0.53918990932209843</v>
      </c>
      <c r="L5173" s="58">
        <f>Bühler!L5199</f>
        <v>0.26959495466104921</v>
      </c>
      <c r="M5173" s="57">
        <f>Bühler!M5199</f>
        <v>0</v>
      </c>
      <c r="N5173" s="55">
        <f>IF(Input!$K$13=1,J5173*Input!$J$13,0)+IF(Input!$K$14=1,K5173*Input!$J$14,0)+IF(Input!$K$15=1,L5173*Input!$J$15,0)+IF(Input!$K$16=1,M5173*Input!$J$16,0)</f>
        <v>0.81500392322626514</v>
      </c>
      <c r="O5173" s="58">
        <f>IF(Input!$K$13=2,J5173*Input!$J$13,0)+IF(Input!$K$14=2,K5173*Input!$J$14,0)+IF(Input!$K$15=2,L5173*Input!$J$15,0)+IF(Input!$K$16=2,M5173*Input!$J$16,0)</f>
        <v>7.2790637758483281E-2</v>
      </c>
      <c r="P5173" s="58">
        <f>IF(Input!$K$13=3,J5173*Input!$J$13,0)+IF(Input!$K$14=3,K5173*Input!$J$14,0)+IF(Input!$K$15=3,L5173*Input!$J$15,0)+IF(Input!$K$16=3,M5173*Input!$J$16,0)</f>
        <v>0</v>
      </c>
      <c r="Q5173" s="71">
        <f>IF(Input!$K$13=4,J5173*Input!$J$13,0)+IF(Input!$K$14=4,K5173*Input!$J$14,0)+IF(Input!$K$15=4,L5173*Input!$J$15,0)+IF(Input!$K$16=4,M5173*Input!$J$16,0)</f>
        <v>0</v>
      </c>
    </row>
    <row r="5174" spans="8:17" x14ac:dyDescent="0.25">
      <c r="H5174" s="43">
        <v>5167</v>
      </c>
      <c r="I5174" s="55">
        <f>Bühler!I5200</f>
        <v>0.23443705294590436</v>
      </c>
      <c r="J5174" s="58">
        <f>Bühler!J5200</f>
        <v>6.7916993602188764</v>
      </c>
      <c r="K5174" s="58">
        <f>Bühler!K5200</f>
        <v>0.53918990932209843</v>
      </c>
      <c r="L5174" s="58">
        <f>Bühler!L5200</f>
        <v>0.26959495466104921</v>
      </c>
      <c r="M5174" s="57">
        <f>Bühler!M5200</f>
        <v>0</v>
      </c>
      <c r="N5174" s="55">
        <f>IF(Input!$K$13=1,J5174*Input!$J$13,0)+IF(Input!$K$14=1,K5174*Input!$J$14,0)+IF(Input!$K$15=1,L5174*Input!$J$15,0)+IF(Input!$K$16=1,M5174*Input!$J$16,0)</f>
        <v>0.81500392322626514</v>
      </c>
      <c r="O5174" s="58">
        <f>IF(Input!$K$13=2,J5174*Input!$J$13,0)+IF(Input!$K$14=2,K5174*Input!$J$14,0)+IF(Input!$K$15=2,L5174*Input!$J$15,0)+IF(Input!$K$16=2,M5174*Input!$J$16,0)</f>
        <v>7.2790637758483281E-2</v>
      </c>
      <c r="P5174" s="58">
        <f>IF(Input!$K$13=3,J5174*Input!$J$13,0)+IF(Input!$K$14=3,K5174*Input!$J$14,0)+IF(Input!$K$15=3,L5174*Input!$J$15,0)+IF(Input!$K$16=3,M5174*Input!$J$16,0)</f>
        <v>0</v>
      </c>
      <c r="Q5174" s="71">
        <f>IF(Input!$K$13=4,J5174*Input!$J$13,0)+IF(Input!$K$14=4,K5174*Input!$J$14,0)+IF(Input!$K$15=4,L5174*Input!$J$15,0)+IF(Input!$K$16=4,M5174*Input!$J$16,0)</f>
        <v>0</v>
      </c>
    </row>
    <row r="5175" spans="8:17" x14ac:dyDescent="0.25">
      <c r="H5175" s="43">
        <v>5168</v>
      </c>
      <c r="I5175" s="55">
        <f>Bühler!I5201</f>
        <v>0.6352487886276118</v>
      </c>
      <c r="J5175" s="58">
        <f>Bühler!J5201</f>
        <v>28.538898462866978</v>
      </c>
      <c r="K5175" s="58">
        <f>Bühler!K5201</f>
        <v>2.2969490137121396</v>
      </c>
      <c r="L5175" s="58">
        <f>Bühler!L5201</f>
        <v>1.1484745068560698</v>
      </c>
      <c r="M5175" s="57">
        <f>Bühler!M5201</f>
        <v>0</v>
      </c>
      <c r="N5175" s="55">
        <f>IF(Input!$K$13=1,J5175*Input!$J$13,0)+IF(Input!$K$14=1,K5175*Input!$J$14,0)+IF(Input!$K$15=1,L5175*Input!$J$15,0)+IF(Input!$K$16=1,M5175*Input!$J$16,0)</f>
        <v>3.4246678155440371</v>
      </c>
      <c r="O5175" s="58">
        <f>IF(Input!$K$13=2,J5175*Input!$J$13,0)+IF(Input!$K$14=2,K5175*Input!$J$14,0)+IF(Input!$K$15=2,L5175*Input!$J$15,0)+IF(Input!$K$16=2,M5175*Input!$J$16,0)</f>
        <v>0.3100881168511388</v>
      </c>
      <c r="P5175" s="58">
        <f>IF(Input!$K$13=3,J5175*Input!$J$13,0)+IF(Input!$K$14=3,K5175*Input!$J$14,0)+IF(Input!$K$15=3,L5175*Input!$J$15,0)+IF(Input!$K$16=3,M5175*Input!$J$16,0)</f>
        <v>0</v>
      </c>
      <c r="Q5175" s="71">
        <f>IF(Input!$K$13=4,J5175*Input!$J$13,0)+IF(Input!$K$14=4,K5175*Input!$J$14,0)+IF(Input!$K$15=4,L5175*Input!$J$15,0)+IF(Input!$K$16=4,M5175*Input!$J$16,0)</f>
        <v>0</v>
      </c>
    </row>
    <row r="5176" spans="8:17" x14ac:dyDescent="0.25">
      <c r="H5176" s="43">
        <v>5169</v>
      </c>
      <c r="I5176" s="55">
        <f>Bühler!I5202</f>
        <v>0.79406098578451456</v>
      </c>
      <c r="J5176" s="58">
        <f>Bühler!J5202</f>
        <v>35.673623078583717</v>
      </c>
      <c r="K5176" s="58">
        <f>Bühler!K5202</f>
        <v>2.8711862671401742</v>
      </c>
      <c r="L5176" s="58">
        <f>Bühler!L5202</f>
        <v>1.4355931335700871</v>
      </c>
      <c r="M5176" s="57">
        <f>Bühler!M5202</f>
        <v>0</v>
      </c>
      <c r="N5176" s="55">
        <f>IF(Input!$K$13=1,J5176*Input!$J$13,0)+IF(Input!$K$14=1,K5176*Input!$J$14,0)+IF(Input!$K$15=1,L5176*Input!$J$15,0)+IF(Input!$K$16=1,M5176*Input!$J$16,0)</f>
        <v>4.2808347694300455</v>
      </c>
      <c r="O5176" s="58">
        <f>IF(Input!$K$13=2,J5176*Input!$J$13,0)+IF(Input!$K$14=2,K5176*Input!$J$14,0)+IF(Input!$K$15=2,L5176*Input!$J$15,0)+IF(Input!$K$16=2,M5176*Input!$J$16,0)</f>
        <v>0.38761014606392352</v>
      </c>
      <c r="P5176" s="58">
        <f>IF(Input!$K$13=3,J5176*Input!$J$13,0)+IF(Input!$K$14=3,K5176*Input!$J$14,0)+IF(Input!$K$15=3,L5176*Input!$J$15,0)+IF(Input!$K$16=3,M5176*Input!$J$16,0)</f>
        <v>0</v>
      </c>
      <c r="Q5176" s="71">
        <f>IF(Input!$K$13=4,J5176*Input!$J$13,0)+IF(Input!$K$14=4,K5176*Input!$J$14,0)+IF(Input!$K$15=4,L5176*Input!$J$15,0)+IF(Input!$K$16=4,M5176*Input!$J$16,0)</f>
        <v>0</v>
      </c>
    </row>
    <row r="5177" spans="8:17" x14ac:dyDescent="0.25">
      <c r="H5177" s="43">
        <v>5170</v>
      </c>
      <c r="I5177" s="55">
        <f>Bühler!I5203</f>
        <v>0.87346708436296616</v>
      </c>
      <c r="J5177" s="58">
        <f>Bühler!J5203</f>
        <v>39.240985386442091</v>
      </c>
      <c r="K5177" s="58">
        <f>Bühler!K5203</f>
        <v>3.1583048938541913</v>
      </c>
      <c r="L5177" s="58">
        <f>Bühler!L5203</f>
        <v>1.5791524469270957</v>
      </c>
      <c r="M5177" s="57">
        <f>Bühler!M5203</f>
        <v>0</v>
      </c>
      <c r="N5177" s="55">
        <f>IF(Input!$K$13=1,J5177*Input!$J$13,0)+IF(Input!$K$14=1,K5177*Input!$J$14,0)+IF(Input!$K$15=1,L5177*Input!$J$15,0)+IF(Input!$K$16=1,M5177*Input!$J$16,0)</f>
        <v>4.7089182463730506</v>
      </c>
      <c r="O5177" s="58">
        <f>IF(Input!$K$13=2,J5177*Input!$J$13,0)+IF(Input!$K$14=2,K5177*Input!$J$14,0)+IF(Input!$K$15=2,L5177*Input!$J$15,0)+IF(Input!$K$16=2,M5177*Input!$J$16,0)</f>
        <v>0.42637116067031583</v>
      </c>
      <c r="P5177" s="58">
        <f>IF(Input!$K$13=3,J5177*Input!$J$13,0)+IF(Input!$K$14=3,K5177*Input!$J$14,0)+IF(Input!$K$15=3,L5177*Input!$J$15,0)+IF(Input!$K$16=3,M5177*Input!$J$16,0)</f>
        <v>0</v>
      </c>
      <c r="Q5177" s="71">
        <f>IF(Input!$K$13=4,J5177*Input!$J$13,0)+IF(Input!$K$14=4,K5177*Input!$J$14,0)+IF(Input!$K$15=4,L5177*Input!$J$15,0)+IF(Input!$K$16=4,M5177*Input!$J$16,0)</f>
        <v>0</v>
      </c>
    </row>
    <row r="5178" spans="8:17" x14ac:dyDescent="0.25">
      <c r="H5178" s="43">
        <v>5171</v>
      </c>
      <c r="I5178" s="55">
        <f>Bühler!I5204</f>
        <v>0.87346708436296616</v>
      </c>
      <c r="J5178" s="58">
        <f>Bühler!J5204</f>
        <v>39.240985386442091</v>
      </c>
      <c r="K5178" s="58">
        <f>Bühler!K5204</f>
        <v>3.1583048938541913</v>
      </c>
      <c r="L5178" s="58">
        <f>Bühler!L5204</f>
        <v>1.5791524469270957</v>
      </c>
      <c r="M5178" s="57">
        <f>Bühler!M5204</f>
        <v>0</v>
      </c>
      <c r="N5178" s="55">
        <f>IF(Input!$K$13=1,J5178*Input!$J$13,0)+IF(Input!$K$14=1,K5178*Input!$J$14,0)+IF(Input!$K$15=1,L5178*Input!$J$15,0)+IF(Input!$K$16=1,M5178*Input!$J$16,0)</f>
        <v>4.7089182463730506</v>
      </c>
      <c r="O5178" s="58">
        <f>IF(Input!$K$13=2,J5178*Input!$J$13,0)+IF(Input!$K$14=2,K5178*Input!$J$14,0)+IF(Input!$K$15=2,L5178*Input!$J$15,0)+IF(Input!$K$16=2,M5178*Input!$J$16,0)</f>
        <v>0.42637116067031583</v>
      </c>
      <c r="P5178" s="58">
        <f>IF(Input!$K$13=3,J5178*Input!$J$13,0)+IF(Input!$K$14=3,K5178*Input!$J$14,0)+IF(Input!$K$15=3,L5178*Input!$J$15,0)+IF(Input!$K$16=3,M5178*Input!$J$16,0)</f>
        <v>0</v>
      </c>
      <c r="Q5178" s="71">
        <f>IF(Input!$K$13=4,J5178*Input!$J$13,0)+IF(Input!$K$14=4,K5178*Input!$J$14,0)+IF(Input!$K$15=4,L5178*Input!$J$15,0)+IF(Input!$K$16=4,M5178*Input!$J$16,0)</f>
        <v>0</v>
      </c>
    </row>
    <row r="5179" spans="8:17" x14ac:dyDescent="0.25">
      <c r="H5179" s="43">
        <v>5172</v>
      </c>
      <c r="I5179" s="55">
        <f>Bühler!I5205</f>
        <v>1.0322792815198691</v>
      </c>
      <c r="J5179" s="58">
        <f>Bühler!J5205</f>
        <v>46.37571000215884</v>
      </c>
      <c r="K5179" s="58">
        <f>Bühler!K5205</f>
        <v>3.7325421472822264</v>
      </c>
      <c r="L5179" s="58">
        <f>Bühler!L5205</f>
        <v>1.8662710736411132</v>
      </c>
      <c r="M5179" s="57">
        <f>Bühler!M5205</f>
        <v>0</v>
      </c>
      <c r="N5179" s="55">
        <f>IF(Input!$K$13=1,J5179*Input!$J$13,0)+IF(Input!$K$14=1,K5179*Input!$J$14,0)+IF(Input!$K$15=1,L5179*Input!$J$15,0)+IF(Input!$K$16=1,M5179*Input!$J$16,0)</f>
        <v>5.5650852002590607</v>
      </c>
      <c r="O5179" s="58">
        <f>IF(Input!$K$13=2,J5179*Input!$J$13,0)+IF(Input!$K$14=2,K5179*Input!$J$14,0)+IF(Input!$K$15=2,L5179*Input!$J$15,0)+IF(Input!$K$16=2,M5179*Input!$J$16,0)</f>
        <v>0.50389318988310061</v>
      </c>
      <c r="P5179" s="58">
        <f>IF(Input!$K$13=3,J5179*Input!$J$13,0)+IF(Input!$K$14=3,K5179*Input!$J$14,0)+IF(Input!$K$15=3,L5179*Input!$J$15,0)+IF(Input!$K$16=3,M5179*Input!$J$16,0)</f>
        <v>0</v>
      </c>
      <c r="Q5179" s="71">
        <f>IF(Input!$K$13=4,J5179*Input!$J$13,0)+IF(Input!$K$14=4,K5179*Input!$J$14,0)+IF(Input!$K$15=4,L5179*Input!$J$15,0)+IF(Input!$K$16=4,M5179*Input!$J$16,0)</f>
        <v>0</v>
      </c>
    </row>
    <row r="5180" spans="8:17" x14ac:dyDescent="0.25">
      <c r="H5180" s="43">
        <v>5173</v>
      </c>
      <c r="I5180" s="55">
        <f>Bühler!I5206</f>
        <v>1.0322792815198691</v>
      </c>
      <c r="J5180" s="58">
        <f>Bühler!J5206</f>
        <v>46.37571000215884</v>
      </c>
      <c r="K5180" s="58">
        <f>Bühler!K5206</f>
        <v>3.7325421472822264</v>
      </c>
      <c r="L5180" s="58">
        <f>Bühler!L5206</f>
        <v>1.8662710736411132</v>
      </c>
      <c r="M5180" s="57">
        <f>Bühler!M5206</f>
        <v>0</v>
      </c>
      <c r="N5180" s="55">
        <f>IF(Input!$K$13=1,J5180*Input!$J$13,0)+IF(Input!$K$14=1,K5180*Input!$J$14,0)+IF(Input!$K$15=1,L5180*Input!$J$15,0)+IF(Input!$K$16=1,M5180*Input!$J$16,0)</f>
        <v>5.5650852002590607</v>
      </c>
      <c r="O5180" s="58">
        <f>IF(Input!$K$13=2,J5180*Input!$J$13,0)+IF(Input!$K$14=2,K5180*Input!$J$14,0)+IF(Input!$K$15=2,L5180*Input!$J$15,0)+IF(Input!$K$16=2,M5180*Input!$J$16,0)</f>
        <v>0.50389318988310061</v>
      </c>
      <c r="P5180" s="58">
        <f>IF(Input!$K$13=3,J5180*Input!$J$13,0)+IF(Input!$K$14=3,K5180*Input!$J$14,0)+IF(Input!$K$15=3,L5180*Input!$J$15,0)+IF(Input!$K$16=3,M5180*Input!$J$16,0)</f>
        <v>0</v>
      </c>
      <c r="Q5180" s="71">
        <f>IF(Input!$K$13=4,J5180*Input!$J$13,0)+IF(Input!$K$14=4,K5180*Input!$J$14,0)+IF(Input!$K$15=4,L5180*Input!$J$15,0)+IF(Input!$K$16=4,M5180*Input!$J$16,0)</f>
        <v>0</v>
      </c>
    </row>
    <row r="5181" spans="8:17" x14ac:dyDescent="0.25">
      <c r="H5181" s="43">
        <v>5174</v>
      </c>
      <c r="I5181" s="55">
        <f>Bühler!I5207</f>
        <v>0.71465488720606329</v>
      </c>
      <c r="J5181" s="58">
        <f>Bühler!J5207</f>
        <v>32.106260770725342</v>
      </c>
      <c r="K5181" s="58">
        <f>Bühler!K5207</f>
        <v>2.5840676404261567</v>
      </c>
      <c r="L5181" s="58">
        <f>Bühler!L5207</f>
        <v>1.2920338202130783</v>
      </c>
      <c r="M5181" s="57">
        <f>Bühler!M5207</f>
        <v>0</v>
      </c>
      <c r="N5181" s="55">
        <f>IF(Input!$K$13=1,J5181*Input!$J$13,0)+IF(Input!$K$14=1,K5181*Input!$J$14,0)+IF(Input!$K$15=1,L5181*Input!$J$15,0)+IF(Input!$K$16=1,M5181*Input!$J$16,0)</f>
        <v>3.8527512924870408</v>
      </c>
      <c r="O5181" s="58">
        <f>IF(Input!$K$13=2,J5181*Input!$J$13,0)+IF(Input!$K$14=2,K5181*Input!$J$14,0)+IF(Input!$K$15=2,L5181*Input!$J$15,0)+IF(Input!$K$16=2,M5181*Input!$J$16,0)</f>
        <v>0.34884913145753116</v>
      </c>
      <c r="P5181" s="58">
        <f>IF(Input!$K$13=3,J5181*Input!$J$13,0)+IF(Input!$K$14=3,K5181*Input!$J$14,0)+IF(Input!$K$15=3,L5181*Input!$J$15,0)+IF(Input!$K$16=3,M5181*Input!$J$16,0)</f>
        <v>0</v>
      </c>
      <c r="Q5181" s="71">
        <f>IF(Input!$K$13=4,J5181*Input!$J$13,0)+IF(Input!$K$14=4,K5181*Input!$J$14,0)+IF(Input!$K$15=4,L5181*Input!$J$15,0)+IF(Input!$K$16=4,M5181*Input!$J$16,0)</f>
        <v>0</v>
      </c>
    </row>
    <row r="5182" spans="8:17" x14ac:dyDescent="0.25">
      <c r="H5182" s="43">
        <v>5175</v>
      </c>
      <c r="I5182" s="55">
        <f>Bühler!I5208</f>
        <v>1.0322792815198691</v>
      </c>
      <c r="J5182" s="58">
        <f>Bühler!J5208</f>
        <v>46.37571000215884</v>
      </c>
      <c r="K5182" s="58">
        <f>Bühler!K5208</f>
        <v>3.7325421472822264</v>
      </c>
      <c r="L5182" s="58">
        <f>Bühler!L5208</f>
        <v>1.8662710736411132</v>
      </c>
      <c r="M5182" s="57">
        <f>Bühler!M5208</f>
        <v>0</v>
      </c>
      <c r="N5182" s="55">
        <f>IF(Input!$K$13=1,J5182*Input!$J$13,0)+IF(Input!$K$14=1,K5182*Input!$J$14,0)+IF(Input!$K$15=1,L5182*Input!$J$15,0)+IF(Input!$K$16=1,M5182*Input!$J$16,0)</f>
        <v>5.5650852002590607</v>
      </c>
      <c r="O5182" s="58">
        <f>IF(Input!$K$13=2,J5182*Input!$J$13,0)+IF(Input!$K$14=2,K5182*Input!$J$14,0)+IF(Input!$K$15=2,L5182*Input!$J$15,0)+IF(Input!$K$16=2,M5182*Input!$J$16,0)</f>
        <v>0.50389318988310061</v>
      </c>
      <c r="P5182" s="58">
        <f>IF(Input!$K$13=3,J5182*Input!$J$13,0)+IF(Input!$K$14=3,K5182*Input!$J$14,0)+IF(Input!$K$15=3,L5182*Input!$J$15,0)+IF(Input!$K$16=3,M5182*Input!$J$16,0)</f>
        <v>0</v>
      </c>
      <c r="Q5182" s="71">
        <f>IF(Input!$K$13=4,J5182*Input!$J$13,0)+IF(Input!$K$14=4,K5182*Input!$J$14,0)+IF(Input!$K$15=4,L5182*Input!$J$15,0)+IF(Input!$K$16=4,M5182*Input!$J$16,0)</f>
        <v>0</v>
      </c>
    </row>
    <row r="5183" spans="8:17" x14ac:dyDescent="0.25">
      <c r="H5183" s="43">
        <v>5176</v>
      </c>
      <c r="I5183" s="55">
        <f>Bühler!I5209</f>
        <v>0.87346708436296616</v>
      </c>
      <c r="J5183" s="58">
        <f>Bühler!J5209</f>
        <v>35.75964635204371</v>
      </c>
      <c r="K5183" s="58">
        <f>Bühler!K5209</f>
        <v>2.8711862671401742</v>
      </c>
      <c r="L5183" s="58">
        <f>Bühler!L5209</f>
        <v>1.4355931335700871</v>
      </c>
      <c r="M5183" s="57">
        <f>Bühler!M5209</f>
        <v>0</v>
      </c>
      <c r="N5183" s="55">
        <f>IF(Input!$K$13=1,J5183*Input!$J$13,0)+IF(Input!$K$14=1,K5183*Input!$J$14,0)+IF(Input!$K$15=1,L5183*Input!$J$15,0)+IF(Input!$K$16=1,M5183*Input!$J$16,0)</f>
        <v>4.2911575622452451</v>
      </c>
      <c r="O5183" s="58">
        <f>IF(Input!$K$13=2,J5183*Input!$J$13,0)+IF(Input!$K$14=2,K5183*Input!$J$14,0)+IF(Input!$K$15=2,L5183*Input!$J$15,0)+IF(Input!$K$16=2,M5183*Input!$J$16,0)</f>
        <v>0.38761014606392352</v>
      </c>
      <c r="P5183" s="58">
        <f>IF(Input!$K$13=3,J5183*Input!$J$13,0)+IF(Input!$K$14=3,K5183*Input!$J$14,0)+IF(Input!$K$15=3,L5183*Input!$J$15,0)+IF(Input!$K$16=3,M5183*Input!$J$16,0)</f>
        <v>0</v>
      </c>
      <c r="Q5183" s="71">
        <f>IF(Input!$K$13=4,J5183*Input!$J$13,0)+IF(Input!$K$14=4,K5183*Input!$J$14,0)+IF(Input!$K$15=4,L5183*Input!$J$15,0)+IF(Input!$K$16=4,M5183*Input!$J$16,0)</f>
        <v>0</v>
      </c>
    </row>
    <row r="5184" spans="8:17" x14ac:dyDescent="0.25">
      <c r="H5184" s="43">
        <v>5177</v>
      </c>
      <c r="I5184" s="55">
        <f>Bühler!I5210</f>
        <v>0.75624855789001399</v>
      </c>
      <c r="J5184" s="58">
        <f>Bühler!J5210</f>
        <v>17.163583986532881</v>
      </c>
      <c r="K5184" s="58">
        <f>Bühler!K5210</f>
        <v>1.3479747733052461</v>
      </c>
      <c r="L5184" s="58">
        <f>Bühler!L5210</f>
        <v>0.67398738665262303</v>
      </c>
      <c r="M5184" s="57">
        <f>Bühler!M5210</f>
        <v>0</v>
      </c>
      <c r="N5184" s="55">
        <f>IF(Input!$K$13=1,J5184*Input!$J$13,0)+IF(Input!$K$14=1,K5184*Input!$J$14,0)+IF(Input!$K$15=1,L5184*Input!$J$15,0)+IF(Input!$K$16=1,M5184*Input!$J$16,0)</f>
        <v>2.0596300783839459</v>
      </c>
      <c r="O5184" s="58">
        <f>IF(Input!$K$13=2,J5184*Input!$J$13,0)+IF(Input!$K$14=2,K5184*Input!$J$14,0)+IF(Input!$K$15=2,L5184*Input!$J$15,0)+IF(Input!$K$16=2,M5184*Input!$J$16,0)</f>
        <v>0.18197659439620822</v>
      </c>
      <c r="P5184" s="58">
        <f>IF(Input!$K$13=3,J5184*Input!$J$13,0)+IF(Input!$K$14=3,K5184*Input!$J$14,0)+IF(Input!$K$15=3,L5184*Input!$J$15,0)+IF(Input!$K$16=3,M5184*Input!$J$16,0)</f>
        <v>0</v>
      </c>
      <c r="Q5184" s="71">
        <f>IF(Input!$K$13=4,J5184*Input!$J$13,0)+IF(Input!$K$14=4,K5184*Input!$J$14,0)+IF(Input!$K$15=4,L5184*Input!$J$15,0)+IF(Input!$K$16=4,M5184*Input!$J$16,0)</f>
        <v>0</v>
      </c>
    </row>
    <row r="5185" spans="8:17" x14ac:dyDescent="0.25">
      <c r="H5185" s="43">
        <v>5178</v>
      </c>
      <c r="I5185" s="55">
        <f>Bühler!I5211</f>
        <v>0.6352487886276118</v>
      </c>
      <c r="J5185" s="58">
        <f>Bühler!J5211</f>
        <v>11.475433899900255</v>
      </c>
      <c r="K5185" s="58">
        <f>Bühler!K5211</f>
        <v>0.88966335038146238</v>
      </c>
      <c r="L5185" s="58">
        <f>Bühler!L5211</f>
        <v>0.44483167519073119</v>
      </c>
      <c r="M5185" s="57">
        <f>Bühler!M5211</f>
        <v>0</v>
      </c>
      <c r="N5185" s="55">
        <f>IF(Input!$K$13=1,J5185*Input!$J$13,0)+IF(Input!$K$14=1,K5185*Input!$J$14,0)+IF(Input!$K$15=1,L5185*Input!$J$15,0)+IF(Input!$K$16=1,M5185*Input!$J$16,0)</f>
        <v>1.3770520679880305</v>
      </c>
      <c r="O5185" s="58">
        <f>IF(Input!$K$13=2,J5185*Input!$J$13,0)+IF(Input!$K$14=2,K5185*Input!$J$14,0)+IF(Input!$K$15=2,L5185*Input!$J$15,0)+IF(Input!$K$16=2,M5185*Input!$J$16,0)</f>
        <v>0.12010455230149741</v>
      </c>
      <c r="P5185" s="58">
        <f>IF(Input!$K$13=3,J5185*Input!$J$13,0)+IF(Input!$K$14=3,K5185*Input!$J$14,0)+IF(Input!$K$15=3,L5185*Input!$J$15,0)+IF(Input!$K$16=3,M5185*Input!$J$16,0)</f>
        <v>0</v>
      </c>
      <c r="Q5185" s="71">
        <f>IF(Input!$K$13=4,J5185*Input!$J$13,0)+IF(Input!$K$14=4,K5185*Input!$J$14,0)+IF(Input!$K$15=4,L5185*Input!$J$15,0)+IF(Input!$K$16=4,M5185*Input!$J$16,0)</f>
        <v>0</v>
      </c>
    </row>
    <row r="5186" spans="8:17" x14ac:dyDescent="0.25">
      <c r="H5186" s="43">
        <v>5179</v>
      </c>
      <c r="I5186" s="55">
        <f>Bühler!I5212</f>
        <v>0.23443705294590436</v>
      </c>
      <c r="J5186" s="58">
        <f>Bühler!J5212</f>
        <v>7.1185856545285828</v>
      </c>
      <c r="K5186" s="58">
        <f>Bühler!K5212</f>
        <v>0.5661494047882033</v>
      </c>
      <c r="L5186" s="58">
        <f>Bühler!L5212</f>
        <v>0.28307470239410165</v>
      </c>
      <c r="M5186" s="57">
        <f>Bühler!M5212</f>
        <v>0</v>
      </c>
      <c r="N5186" s="55">
        <f>IF(Input!$K$13=1,J5186*Input!$J$13,0)+IF(Input!$K$14=1,K5186*Input!$J$14,0)+IF(Input!$K$15=1,L5186*Input!$J$15,0)+IF(Input!$K$16=1,M5186*Input!$J$16,0)</f>
        <v>0.85423027854342992</v>
      </c>
      <c r="O5186" s="58">
        <f>IF(Input!$K$13=2,J5186*Input!$J$13,0)+IF(Input!$K$14=2,K5186*Input!$J$14,0)+IF(Input!$K$15=2,L5186*Input!$J$15,0)+IF(Input!$K$16=2,M5186*Input!$J$16,0)</f>
        <v>7.6430169646407448E-2</v>
      </c>
      <c r="P5186" s="58">
        <f>IF(Input!$K$13=3,J5186*Input!$J$13,0)+IF(Input!$K$14=3,K5186*Input!$J$14,0)+IF(Input!$K$15=3,L5186*Input!$J$15,0)+IF(Input!$K$16=3,M5186*Input!$J$16,0)</f>
        <v>0</v>
      </c>
      <c r="Q5186" s="71">
        <f>IF(Input!$K$13=4,J5186*Input!$J$13,0)+IF(Input!$K$14=4,K5186*Input!$J$14,0)+IF(Input!$K$15=4,L5186*Input!$J$15,0)+IF(Input!$K$16=4,M5186*Input!$J$16,0)</f>
        <v>0</v>
      </c>
    </row>
    <row r="5187" spans="8:17" x14ac:dyDescent="0.25">
      <c r="H5187" s="43">
        <v>5180</v>
      </c>
      <c r="I5187" s="55">
        <f>Bühler!I5213</f>
        <v>0.23443705294590436</v>
      </c>
      <c r="J5187" s="58">
        <f>Bühler!J5213</f>
        <v>6.7916993602188764</v>
      </c>
      <c r="K5187" s="58">
        <f>Bühler!K5213</f>
        <v>0.53918990932209843</v>
      </c>
      <c r="L5187" s="58">
        <f>Bühler!L5213</f>
        <v>0.26959495466104921</v>
      </c>
      <c r="M5187" s="57">
        <f>Bühler!M5213</f>
        <v>0</v>
      </c>
      <c r="N5187" s="55">
        <f>IF(Input!$K$13=1,J5187*Input!$J$13,0)+IF(Input!$K$14=1,K5187*Input!$J$14,0)+IF(Input!$K$15=1,L5187*Input!$J$15,0)+IF(Input!$K$16=1,M5187*Input!$J$16,0)</f>
        <v>0.81500392322626514</v>
      </c>
      <c r="O5187" s="58">
        <f>IF(Input!$K$13=2,J5187*Input!$J$13,0)+IF(Input!$K$14=2,K5187*Input!$J$14,0)+IF(Input!$K$15=2,L5187*Input!$J$15,0)+IF(Input!$K$16=2,M5187*Input!$J$16,0)</f>
        <v>7.2790637758483281E-2</v>
      </c>
      <c r="P5187" s="58">
        <f>IF(Input!$K$13=3,J5187*Input!$J$13,0)+IF(Input!$K$14=3,K5187*Input!$J$14,0)+IF(Input!$K$15=3,L5187*Input!$J$15,0)+IF(Input!$K$16=3,M5187*Input!$J$16,0)</f>
        <v>0</v>
      </c>
      <c r="Q5187" s="71">
        <f>IF(Input!$K$13=4,J5187*Input!$J$13,0)+IF(Input!$K$14=4,K5187*Input!$J$14,0)+IF(Input!$K$15=4,L5187*Input!$J$15,0)+IF(Input!$K$16=4,M5187*Input!$J$16,0)</f>
        <v>0</v>
      </c>
    </row>
    <row r="5188" spans="8:17" x14ac:dyDescent="0.25">
      <c r="H5188" s="43">
        <v>5181</v>
      </c>
      <c r="I5188" s="55">
        <f>Bühler!I5214</f>
        <v>0.23443705294590436</v>
      </c>
      <c r="J5188" s="58">
        <f>Bühler!J5214</f>
        <v>6.7916993602188764</v>
      </c>
      <c r="K5188" s="58">
        <f>Bühler!K5214</f>
        <v>0.53918990932209843</v>
      </c>
      <c r="L5188" s="58">
        <f>Bühler!L5214</f>
        <v>0.26959495466104921</v>
      </c>
      <c r="M5188" s="57">
        <f>Bühler!M5214</f>
        <v>0</v>
      </c>
      <c r="N5188" s="55">
        <f>IF(Input!$K$13=1,J5188*Input!$J$13,0)+IF(Input!$K$14=1,K5188*Input!$J$14,0)+IF(Input!$K$15=1,L5188*Input!$J$15,0)+IF(Input!$K$16=1,M5188*Input!$J$16,0)</f>
        <v>0.81500392322626514</v>
      </c>
      <c r="O5188" s="58">
        <f>IF(Input!$K$13=2,J5188*Input!$J$13,0)+IF(Input!$K$14=2,K5188*Input!$J$14,0)+IF(Input!$K$15=2,L5188*Input!$J$15,0)+IF(Input!$K$16=2,M5188*Input!$J$16,0)</f>
        <v>7.2790637758483281E-2</v>
      </c>
      <c r="P5188" s="58">
        <f>IF(Input!$K$13=3,J5188*Input!$J$13,0)+IF(Input!$K$14=3,K5188*Input!$J$14,0)+IF(Input!$K$15=3,L5188*Input!$J$15,0)+IF(Input!$K$16=3,M5188*Input!$J$16,0)</f>
        <v>0</v>
      </c>
      <c r="Q5188" s="71">
        <f>IF(Input!$K$13=4,J5188*Input!$J$13,0)+IF(Input!$K$14=4,K5188*Input!$J$14,0)+IF(Input!$K$15=4,L5188*Input!$J$15,0)+IF(Input!$K$16=4,M5188*Input!$J$16,0)</f>
        <v>0</v>
      </c>
    </row>
    <row r="5189" spans="8:17" x14ac:dyDescent="0.25">
      <c r="H5189" s="43">
        <v>5182</v>
      </c>
      <c r="I5189" s="55">
        <f>Bühler!I5215</f>
        <v>0.23443705294590436</v>
      </c>
      <c r="J5189" s="58">
        <f>Bühler!J5215</f>
        <v>6.7916993602188764</v>
      </c>
      <c r="K5189" s="58">
        <f>Bühler!K5215</f>
        <v>0.53918990932209843</v>
      </c>
      <c r="L5189" s="58">
        <f>Bühler!L5215</f>
        <v>0.26959495466104921</v>
      </c>
      <c r="M5189" s="57">
        <f>Bühler!M5215</f>
        <v>0</v>
      </c>
      <c r="N5189" s="55">
        <f>IF(Input!$K$13=1,J5189*Input!$J$13,0)+IF(Input!$K$14=1,K5189*Input!$J$14,0)+IF(Input!$K$15=1,L5189*Input!$J$15,0)+IF(Input!$K$16=1,M5189*Input!$J$16,0)</f>
        <v>0.81500392322626514</v>
      </c>
      <c r="O5189" s="58">
        <f>IF(Input!$K$13=2,J5189*Input!$J$13,0)+IF(Input!$K$14=2,K5189*Input!$J$14,0)+IF(Input!$K$15=2,L5189*Input!$J$15,0)+IF(Input!$K$16=2,M5189*Input!$J$16,0)</f>
        <v>7.2790637758483281E-2</v>
      </c>
      <c r="P5189" s="58">
        <f>IF(Input!$K$13=3,J5189*Input!$J$13,0)+IF(Input!$K$14=3,K5189*Input!$J$14,0)+IF(Input!$K$15=3,L5189*Input!$J$15,0)+IF(Input!$K$16=3,M5189*Input!$J$16,0)</f>
        <v>0</v>
      </c>
      <c r="Q5189" s="71">
        <f>IF(Input!$K$13=4,J5189*Input!$J$13,0)+IF(Input!$K$14=4,K5189*Input!$J$14,0)+IF(Input!$K$15=4,L5189*Input!$J$15,0)+IF(Input!$K$16=4,M5189*Input!$J$16,0)</f>
        <v>0</v>
      </c>
    </row>
    <row r="5190" spans="8:17" x14ac:dyDescent="0.25">
      <c r="H5190" s="43">
        <v>5183</v>
      </c>
      <c r="I5190" s="55">
        <f>Bühler!I5216</f>
        <v>0.23443705294590436</v>
      </c>
      <c r="J5190" s="58">
        <f>Bühler!J5216</f>
        <v>6.7916993602188764</v>
      </c>
      <c r="K5190" s="58">
        <f>Bühler!K5216</f>
        <v>0.53918990932209843</v>
      </c>
      <c r="L5190" s="58">
        <f>Bühler!L5216</f>
        <v>0.26959495466104921</v>
      </c>
      <c r="M5190" s="57">
        <f>Bühler!M5216</f>
        <v>0</v>
      </c>
      <c r="N5190" s="55">
        <f>IF(Input!$K$13=1,J5190*Input!$J$13,0)+IF(Input!$K$14=1,K5190*Input!$J$14,0)+IF(Input!$K$15=1,L5190*Input!$J$15,0)+IF(Input!$K$16=1,M5190*Input!$J$16,0)</f>
        <v>0.81500392322626514</v>
      </c>
      <c r="O5190" s="58">
        <f>IF(Input!$K$13=2,J5190*Input!$J$13,0)+IF(Input!$K$14=2,K5190*Input!$J$14,0)+IF(Input!$K$15=2,L5190*Input!$J$15,0)+IF(Input!$K$16=2,M5190*Input!$J$16,0)</f>
        <v>7.2790637758483281E-2</v>
      </c>
      <c r="P5190" s="58">
        <f>IF(Input!$K$13=3,J5190*Input!$J$13,0)+IF(Input!$K$14=3,K5190*Input!$J$14,0)+IF(Input!$K$15=3,L5190*Input!$J$15,0)+IF(Input!$K$16=3,M5190*Input!$J$16,0)</f>
        <v>0</v>
      </c>
      <c r="Q5190" s="71">
        <f>IF(Input!$K$13=4,J5190*Input!$J$13,0)+IF(Input!$K$14=4,K5190*Input!$J$14,0)+IF(Input!$K$15=4,L5190*Input!$J$15,0)+IF(Input!$K$16=4,M5190*Input!$J$16,0)</f>
        <v>0</v>
      </c>
    </row>
    <row r="5191" spans="8:17" x14ac:dyDescent="0.25">
      <c r="H5191" s="43">
        <v>5184</v>
      </c>
      <c r="I5191" s="55">
        <f>Bühler!I5217</f>
        <v>0.23443705294590436</v>
      </c>
      <c r="J5191" s="58">
        <f>Bühler!J5217</f>
        <v>6.7916993602188764</v>
      </c>
      <c r="K5191" s="58">
        <f>Bühler!K5217</f>
        <v>0.53918990932209843</v>
      </c>
      <c r="L5191" s="58">
        <f>Bühler!L5217</f>
        <v>0.26959495466104921</v>
      </c>
      <c r="M5191" s="57">
        <f>Bühler!M5217</f>
        <v>0</v>
      </c>
      <c r="N5191" s="55">
        <f>IF(Input!$K$13=1,J5191*Input!$J$13,0)+IF(Input!$K$14=1,K5191*Input!$J$14,0)+IF(Input!$K$15=1,L5191*Input!$J$15,0)+IF(Input!$K$16=1,M5191*Input!$J$16,0)</f>
        <v>0.81500392322626514</v>
      </c>
      <c r="O5191" s="58">
        <f>IF(Input!$K$13=2,J5191*Input!$J$13,0)+IF(Input!$K$14=2,K5191*Input!$J$14,0)+IF(Input!$K$15=2,L5191*Input!$J$15,0)+IF(Input!$K$16=2,M5191*Input!$J$16,0)</f>
        <v>7.2790637758483281E-2</v>
      </c>
      <c r="P5191" s="58">
        <f>IF(Input!$K$13=3,J5191*Input!$J$13,0)+IF(Input!$K$14=3,K5191*Input!$J$14,0)+IF(Input!$K$15=3,L5191*Input!$J$15,0)+IF(Input!$K$16=3,M5191*Input!$J$16,0)</f>
        <v>0</v>
      </c>
      <c r="Q5191" s="71">
        <f>IF(Input!$K$13=4,J5191*Input!$J$13,0)+IF(Input!$K$14=4,K5191*Input!$J$14,0)+IF(Input!$K$15=4,L5191*Input!$J$15,0)+IF(Input!$K$16=4,M5191*Input!$J$16,0)</f>
        <v>0</v>
      </c>
    </row>
    <row r="5192" spans="8:17" x14ac:dyDescent="0.25">
      <c r="H5192" s="43">
        <v>5185</v>
      </c>
      <c r="I5192" s="55">
        <f>Bühler!I5218</f>
        <v>0.17111330566838967</v>
      </c>
      <c r="J5192" s="58">
        <f>Bühler!J5218</f>
        <v>5.0158799301765331</v>
      </c>
      <c r="K5192" s="58">
        <f>Bühler!K5218</f>
        <v>0.24384793791218456</v>
      </c>
      <c r="L5192" s="58">
        <f>Bühler!L5218</f>
        <v>0.12192396895609228</v>
      </c>
      <c r="M5192" s="57">
        <f>Bühler!M5218</f>
        <v>0</v>
      </c>
      <c r="N5192" s="55">
        <f>IF(Input!$K$13=1,J5192*Input!$J$13,0)+IF(Input!$K$14=1,K5192*Input!$J$14,0)+IF(Input!$K$15=1,L5192*Input!$J$15,0)+IF(Input!$K$16=1,M5192*Input!$J$16,0)</f>
        <v>0.60190559162118396</v>
      </c>
      <c r="O5192" s="58">
        <f>IF(Input!$K$13=2,J5192*Input!$J$13,0)+IF(Input!$K$14=2,K5192*Input!$J$14,0)+IF(Input!$K$15=2,L5192*Input!$J$15,0)+IF(Input!$K$16=2,M5192*Input!$J$16,0)</f>
        <v>3.2919471618144916E-2</v>
      </c>
      <c r="P5192" s="58">
        <f>IF(Input!$K$13=3,J5192*Input!$J$13,0)+IF(Input!$K$14=3,K5192*Input!$J$14,0)+IF(Input!$K$15=3,L5192*Input!$J$15,0)+IF(Input!$K$16=3,M5192*Input!$J$16,0)</f>
        <v>0</v>
      </c>
      <c r="Q5192" s="71">
        <f>IF(Input!$K$13=4,J5192*Input!$J$13,0)+IF(Input!$K$14=4,K5192*Input!$J$14,0)+IF(Input!$K$15=4,L5192*Input!$J$15,0)+IF(Input!$K$16=4,M5192*Input!$J$16,0)</f>
        <v>0</v>
      </c>
    </row>
    <row r="5193" spans="8:17" x14ac:dyDescent="0.25">
      <c r="H5193" s="43">
        <v>5186</v>
      </c>
      <c r="I5193" s="55">
        <f>Bühler!I5219</f>
        <v>0.33407835868590369</v>
      </c>
      <c r="J5193" s="58">
        <f>Bühler!J5219</f>
        <v>4.6073969559116756</v>
      </c>
      <c r="K5193" s="58">
        <f>Bühler!K5219</f>
        <v>0.2194631441209661</v>
      </c>
      <c r="L5193" s="58">
        <f>Bühler!L5219</f>
        <v>0.10973157206048305</v>
      </c>
      <c r="M5193" s="57">
        <f>Bühler!M5219</f>
        <v>0</v>
      </c>
      <c r="N5193" s="55">
        <f>IF(Input!$K$13=1,J5193*Input!$J$13,0)+IF(Input!$K$14=1,K5193*Input!$J$14,0)+IF(Input!$K$15=1,L5193*Input!$J$15,0)+IF(Input!$K$16=1,M5193*Input!$J$16,0)</f>
        <v>0.55288763470940105</v>
      </c>
      <c r="O5193" s="58">
        <f>IF(Input!$K$13=2,J5193*Input!$J$13,0)+IF(Input!$K$14=2,K5193*Input!$J$14,0)+IF(Input!$K$15=2,L5193*Input!$J$15,0)+IF(Input!$K$16=2,M5193*Input!$J$16,0)</f>
        <v>2.9627524456330424E-2</v>
      </c>
      <c r="P5193" s="58">
        <f>IF(Input!$K$13=3,J5193*Input!$J$13,0)+IF(Input!$K$14=3,K5193*Input!$J$14,0)+IF(Input!$K$15=3,L5193*Input!$J$15,0)+IF(Input!$K$16=3,M5193*Input!$J$16,0)</f>
        <v>0</v>
      </c>
      <c r="Q5193" s="71">
        <f>IF(Input!$K$13=4,J5193*Input!$J$13,0)+IF(Input!$K$14=4,K5193*Input!$J$14,0)+IF(Input!$K$15=4,L5193*Input!$J$15,0)+IF(Input!$K$16=4,M5193*Input!$J$16,0)</f>
        <v>0</v>
      </c>
    </row>
    <row r="5194" spans="8:17" x14ac:dyDescent="0.25">
      <c r="H5194" s="43">
        <v>5187</v>
      </c>
      <c r="I5194" s="55">
        <f>Bühler!I5220</f>
        <v>0.33407835868590369</v>
      </c>
      <c r="J5194" s="58">
        <f>Bühler!J5220</f>
        <v>4.6073969559116756</v>
      </c>
      <c r="K5194" s="58">
        <f>Bühler!K5220</f>
        <v>0.2194631441209661</v>
      </c>
      <c r="L5194" s="58">
        <f>Bühler!L5220</f>
        <v>0.10973157206048305</v>
      </c>
      <c r="M5194" s="57">
        <f>Bühler!M5220</f>
        <v>0</v>
      </c>
      <c r="N5194" s="55">
        <f>IF(Input!$K$13=1,J5194*Input!$J$13,0)+IF(Input!$K$14=1,K5194*Input!$J$14,0)+IF(Input!$K$15=1,L5194*Input!$J$15,0)+IF(Input!$K$16=1,M5194*Input!$J$16,0)</f>
        <v>0.55288763470940105</v>
      </c>
      <c r="O5194" s="58">
        <f>IF(Input!$K$13=2,J5194*Input!$J$13,0)+IF(Input!$K$14=2,K5194*Input!$J$14,0)+IF(Input!$K$15=2,L5194*Input!$J$15,0)+IF(Input!$K$16=2,M5194*Input!$J$16,0)</f>
        <v>2.9627524456330424E-2</v>
      </c>
      <c r="P5194" s="58">
        <f>IF(Input!$K$13=3,J5194*Input!$J$13,0)+IF(Input!$K$14=3,K5194*Input!$J$14,0)+IF(Input!$K$15=3,L5194*Input!$J$15,0)+IF(Input!$K$16=3,M5194*Input!$J$16,0)</f>
        <v>0</v>
      </c>
      <c r="Q5194" s="71">
        <f>IF(Input!$K$13=4,J5194*Input!$J$13,0)+IF(Input!$K$14=4,K5194*Input!$J$14,0)+IF(Input!$K$15=4,L5194*Input!$J$15,0)+IF(Input!$K$16=4,M5194*Input!$J$16,0)</f>
        <v>0</v>
      </c>
    </row>
    <row r="5195" spans="8:17" x14ac:dyDescent="0.25">
      <c r="H5195" s="43">
        <v>5188</v>
      </c>
      <c r="I5195" s="55">
        <f>Bühler!I5221</f>
        <v>0.33407835868590369</v>
      </c>
      <c r="J5195" s="58">
        <f>Bühler!J5221</f>
        <v>4.6073969559116756</v>
      </c>
      <c r="K5195" s="58">
        <f>Bühler!K5221</f>
        <v>0.2194631441209661</v>
      </c>
      <c r="L5195" s="58">
        <f>Bühler!L5221</f>
        <v>0.10973157206048305</v>
      </c>
      <c r="M5195" s="57">
        <f>Bühler!M5221</f>
        <v>0</v>
      </c>
      <c r="N5195" s="55">
        <f>IF(Input!$K$13=1,J5195*Input!$J$13,0)+IF(Input!$K$14=1,K5195*Input!$J$14,0)+IF(Input!$K$15=1,L5195*Input!$J$15,0)+IF(Input!$K$16=1,M5195*Input!$J$16,0)</f>
        <v>0.55288763470940105</v>
      </c>
      <c r="O5195" s="58">
        <f>IF(Input!$K$13=2,J5195*Input!$J$13,0)+IF(Input!$K$14=2,K5195*Input!$J$14,0)+IF(Input!$K$15=2,L5195*Input!$J$15,0)+IF(Input!$K$16=2,M5195*Input!$J$16,0)</f>
        <v>2.9627524456330424E-2</v>
      </c>
      <c r="P5195" s="58">
        <f>IF(Input!$K$13=3,J5195*Input!$J$13,0)+IF(Input!$K$14=3,K5195*Input!$J$14,0)+IF(Input!$K$15=3,L5195*Input!$J$15,0)+IF(Input!$K$16=3,M5195*Input!$J$16,0)</f>
        <v>0</v>
      </c>
      <c r="Q5195" s="71">
        <f>IF(Input!$K$13=4,J5195*Input!$J$13,0)+IF(Input!$K$14=4,K5195*Input!$J$14,0)+IF(Input!$K$15=4,L5195*Input!$J$15,0)+IF(Input!$K$16=4,M5195*Input!$J$16,0)</f>
        <v>0</v>
      </c>
    </row>
    <row r="5196" spans="8:17" x14ac:dyDescent="0.25">
      <c r="H5196" s="43">
        <v>5189</v>
      </c>
      <c r="I5196" s="55">
        <f>Bühler!I5222</f>
        <v>0.33407835868590369</v>
      </c>
      <c r="J5196" s="58">
        <f>Bühler!J5222</f>
        <v>4.6073969559116756</v>
      </c>
      <c r="K5196" s="58">
        <f>Bühler!K5222</f>
        <v>0.2194631441209661</v>
      </c>
      <c r="L5196" s="58">
        <f>Bühler!L5222</f>
        <v>0.10973157206048305</v>
      </c>
      <c r="M5196" s="57">
        <f>Bühler!M5222</f>
        <v>0</v>
      </c>
      <c r="N5196" s="55">
        <f>IF(Input!$K$13=1,J5196*Input!$J$13,0)+IF(Input!$K$14=1,K5196*Input!$J$14,0)+IF(Input!$K$15=1,L5196*Input!$J$15,0)+IF(Input!$K$16=1,M5196*Input!$J$16,0)</f>
        <v>0.55288763470940105</v>
      </c>
      <c r="O5196" s="58">
        <f>IF(Input!$K$13=2,J5196*Input!$J$13,0)+IF(Input!$K$14=2,K5196*Input!$J$14,0)+IF(Input!$K$15=2,L5196*Input!$J$15,0)+IF(Input!$K$16=2,M5196*Input!$J$16,0)</f>
        <v>2.9627524456330424E-2</v>
      </c>
      <c r="P5196" s="58">
        <f>IF(Input!$K$13=3,J5196*Input!$J$13,0)+IF(Input!$K$14=3,K5196*Input!$J$14,0)+IF(Input!$K$15=3,L5196*Input!$J$15,0)+IF(Input!$K$16=3,M5196*Input!$J$16,0)</f>
        <v>0</v>
      </c>
      <c r="Q5196" s="71">
        <f>IF(Input!$K$13=4,J5196*Input!$J$13,0)+IF(Input!$K$14=4,K5196*Input!$J$14,0)+IF(Input!$K$15=4,L5196*Input!$J$15,0)+IF(Input!$K$16=4,M5196*Input!$J$16,0)</f>
        <v>0</v>
      </c>
    </row>
    <row r="5197" spans="8:17" x14ac:dyDescent="0.25">
      <c r="H5197" s="43">
        <v>5190</v>
      </c>
      <c r="I5197" s="55">
        <f>Bühler!I5223</f>
        <v>0.41556088519466067</v>
      </c>
      <c r="J5197" s="58">
        <f>Bühler!J5223</f>
        <v>4.6107920611828739</v>
      </c>
      <c r="K5197" s="58">
        <f>Bühler!K5223</f>
        <v>0.2194631441209661</v>
      </c>
      <c r="L5197" s="58">
        <f>Bühler!L5223</f>
        <v>0.10973157206048305</v>
      </c>
      <c r="M5197" s="57">
        <f>Bühler!M5223</f>
        <v>0</v>
      </c>
      <c r="N5197" s="55">
        <f>IF(Input!$K$13=1,J5197*Input!$J$13,0)+IF(Input!$K$14=1,K5197*Input!$J$14,0)+IF(Input!$K$15=1,L5197*Input!$J$15,0)+IF(Input!$K$16=1,M5197*Input!$J$16,0)</f>
        <v>0.55329504734194479</v>
      </c>
      <c r="O5197" s="58">
        <f>IF(Input!$K$13=2,J5197*Input!$J$13,0)+IF(Input!$K$14=2,K5197*Input!$J$14,0)+IF(Input!$K$15=2,L5197*Input!$J$15,0)+IF(Input!$K$16=2,M5197*Input!$J$16,0)</f>
        <v>2.9627524456330424E-2</v>
      </c>
      <c r="P5197" s="58">
        <f>IF(Input!$K$13=3,J5197*Input!$J$13,0)+IF(Input!$K$14=3,K5197*Input!$J$14,0)+IF(Input!$K$15=3,L5197*Input!$J$15,0)+IF(Input!$K$16=3,M5197*Input!$J$16,0)</f>
        <v>0</v>
      </c>
      <c r="Q5197" s="71">
        <f>IF(Input!$K$13=4,J5197*Input!$J$13,0)+IF(Input!$K$14=4,K5197*Input!$J$14,0)+IF(Input!$K$15=4,L5197*Input!$J$15,0)+IF(Input!$K$16=4,M5197*Input!$J$16,0)</f>
        <v>0</v>
      </c>
    </row>
    <row r="5198" spans="8:17" x14ac:dyDescent="0.25">
      <c r="H5198" s="43">
        <v>5191</v>
      </c>
      <c r="I5198" s="55">
        <f>Bühler!I5224</f>
        <v>0.52148816965604483</v>
      </c>
      <c r="J5198" s="58">
        <f>Bühler!J5224</f>
        <v>4.6152056980354317</v>
      </c>
      <c r="K5198" s="58">
        <f>Bühler!K5224</f>
        <v>0.2194631441209661</v>
      </c>
      <c r="L5198" s="58">
        <f>Bühler!L5224</f>
        <v>0.10973157206048305</v>
      </c>
      <c r="M5198" s="57">
        <f>Bühler!M5224</f>
        <v>0</v>
      </c>
      <c r="N5198" s="55">
        <f>IF(Input!$K$13=1,J5198*Input!$J$13,0)+IF(Input!$K$14=1,K5198*Input!$J$14,0)+IF(Input!$K$15=1,L5198*Input!$J$15,0)+IF(Input!$K$16=1,M5198*Input!$J$16,0)</f>
        <v>0.55382468376425176</v>
      </c>
      <c r="O5198" s="58">
        <f>IF(Input!$K$13=2,J5198*Input!$J$13,0)+IF(Input!$K$14=2,K5198*Input!$J$14,0)+IF(Input!$K$15=2,L5198*Input!$J$15,0)+IF(Input!$K$16=2,M5198*Input!$J$16,0)</f>
        <v>2.9627524456330424E-2</v>
      </c>
      <c r="P5198" s="58">
        <f>IF(Input!$K$13=3,J5198*Input!$J$13,0)+IF(Input!$K$14=3,K5198*Input!$J$14,0)+IF(Input!$K$15=3,L5198*Input!$J$15,0)+IF(Input!$K$16=3,M5198*Input!$J$16,0)</f>
        <v>0</v>
      </c>
      <c r="Q5198" s="71">
        <f>IF(Input!$K$13=4,J5198*Input!$J$13,0)+IF(Input!$K$14=4,K5198*Input!$J$14,0)+IF(Input!$K$15=4,L5198*Input!$J$15,0)+IF(Input!$K$16=4,M5198*Input!$J$16,0)</f>
        <v>0</v>
      </c>
    </row>
    <row r="5199" spans="8:17" x14ac:dyDescent="0.25">
      <c r="H5199" s="43">
        <v>5192</v>
      </c>
      <c r="I5199" s="55">
        <f>Bühler!I5225</f>
        <v>0.59482244351392599</v>
      </c>
      <c r="J5199" s="58">
        <f>Bühler!J5225</f>
        <v>4.6182612927795095</v>
      </c>
      <c r="K5199" s="58">
        <f>Bühler!K5225</f>
        <v>0.2194631441209661</v>
      </c>
      <c r="L5199" s="58">
        <f>Bühler!L5225</f>
        <v>0.10973157206048305</v>
      </c>
      <c r="M5199" s="57">
        <f>Bühler!M5225</f>
        <v>0</v>
      </c>
      <c r="N5199" s="55">
        <f>IF(Input!$K$13=1,J5199*Input!$J$13,0)+IF(Input!$K$14=1,K5199*Input!$J$14,0)+IF(Input!$K$15=1,L5199*Input!$J$15,0)+IF(Input!$K$16=1,M5199*Input!$J$16,0)</f>
        <v>0.55419135513354112</v>
      </c>
      <c r="O5199" s="58">
        <f>IF(Input!$K$13=2,J5199*Input!$J$13,0)+IF(Input!$K$14=2,K5199*Input!$J$14,0)+IF(Input!$K$15=2,L5199*Input!$J$15,0)+IF(Input!$K$16=2,M5199*Input!$J$16,0)</f>
        <v>2.9627524456330424E-2</v>
      </c>
      <c r="P5199" s="58">
        <f>IF(Input!$K$13=3,J5199*Input!$J$13,0)+IF(Input!$K$14=3,K5199*Input!$J$14,0)+IF(Input!$K$15=3,L5199*Input!$J$15,0)+IF(Input!$K$16=3,M5199*Input!$J$16,0)</f>
        <v>0</v>
      </c>
      <c r="Q5199" s="71">
        <f>IF(Input!$K$13=4,J5199*Input!$J$13,0)+IF(Input!$K$14=4,K5199*Input!$J$14,0)+IF(Input!$K$15=4,L5199*Input!$J$15,0)+IF(Input!$K$16=4,M5199*Input!$J$16,0)</f>
        <v>0</v>
      </c>
    </row>
    <row r="5200" spans="8:17" x14ac:dyDescent="0.25">
      <c r="H5200" s="43">
        <v>5193</v>
      </c>
      <c r="I5200" s="55">
        <f>Bühler!I5226</f>
        <v>0.59482244351392599</v>
      </c>
      <c r="J5200" s="58">
        <f>Bühler!J5226</f>
        <v>4.6182612927795095</v>
      </c>
      <c r="K5200" s="58">
        <f>Bühler!K5226</f>
        <v>0.2194631441209661</v>
      </c>
      <c r="L5200" s="58">
        <f>Bühler!L5226</f>
        <v>0.10973157206048305</v>
      </c>
      <c r="M5200" s="57">
        <f>Bühler!M5226</f>
        <v>0</v>
      </c>
      <c r="N5200" s="55">
        <f>IF(Input!$K$13=1,J5200*Input!$J$13,0)+IF(Input!$K$14=1,K5200*Input!$J$14,0)+IF(Input!$K$15=1,L5200*Input!$J$15,0)+IF(Input!$K$16=1,M5200*Input!$J$16,0)</f>
        <v>0.55419135513354112</v>
      </c>
      <c r="O5200" s="58">
        <f>IF(Input!$K$13=2,J5200*Input!$J$13,0)+IF(Input!$K$14=2,K5200*Input!$J$14,0)+IF(Input!$K$15=2,L5200*Input!$J$15,0)+IF(Input!$K$16=2,M5200*Input!$J$16,0)</f>
        <v>2.9627524456330424E-2</v>
      </c>
      <c r="P5200" s="58">
        <f>IF(Input!$K$13=3,J5200*Input!$J$13,0)+IF(Input!$K$14=3,K5200*Input!$J$14,0)+IF(Input!$K$15=3,L5200*Input!$J$15,0)+IF(Input!$K$16=3,M5200*Input!$J$16,0)</f>
        <v>0</v>
      </c>
      <c r="Q5200" s="71">
        <f>IF(Input!$K$13=4,J5200*Input!$J$13,0)+IF(Input!$K$14=4,K5200*Input!$J$14,0)+IF(Input!$K$15=4,L5200*Input!$J$15,0)+IF(Input!$K$16=4,M5200*Input!$J$16,0)</f>
        <v>0</v>
      </c>
    </row>
    <row r="5201" spans="8:17" x14ac:dyDescent="0.25">
      <c r="H5201" s="43">
        <v>5194</v>
      </c>
      <c r="I5201" s="55">
        <f>Bühler!I5227</f>
        <v>0.59482244351392599</v>
      </c>
      <c r="J5201" s="58">
        <f>Bühler!J5227</f>
        <v>4.6182612927795095</v>
      </c>
      <c r="K5201" s="58">
        <f>Bühler!K5227</f>
        <v>0.2194631441209661</v>
      </c>
      <c r="L5201" s="58">
        <f>Bühler!L5227</f>
        <v>0.10973157206048305</v>
      </c>
      <c r="M5201" s="57">
        <f>Bühler!M5227</f>
        <v>0</v>
      </c>
      <c r="N5201" s="55">
        <f>IF(Input!$K$13=1,J5201*Input!$J$13,0)+IF(Input!$K$14=1,K5201*Input!$J$14,0)+IF(Input!$K$15=1,L5201*Input!$J$15,0)+IF(Input!$K$16=1,M5201*Input!$J$16,0)</f>
        <v>0.55419135513354112</v>
      </c>
      <c r="O5201" s="58">
        <f>IF(Input!$K$13=2,J5201*Input!$J$13,0)+IF(Input!$K$14=2,K5201*Input!$J$14,0)+IF(Input!$K$15=2,L5201*Input!$J$15,0)+IF(Input!$K$16=2,M5201*Input!$J$16,0)</f>
        <v>2.9627524456330424E-2</v>
      </c>
      <c r="P5201" s="58">
        <f>IF(Input!$K$13=3,J5201*Input!$J$13,0)+IF(Input!$K$14=3,K5201*Input!$J$14,0)+IF(Input!$K$15=3,L5201*Input!$J$15,0)+IF(Input!$K$16=3,M5201*Input!$J$16,0)</f>
        <v>0</v>
      </c>
      <c r="Q5201" s="71">
        <f>IF(Input!$K$13=4,J5201*Input!$J$13,0)+IF(Input!$K$14=4,K5201*Input!$J$14,0)+IF(Input!$K$15=4,L5201*Input!$J$15,0)+IF(Input!$K$16=4,M5201*Input!$J$16,0)</f>
        <v>0</v>
      </c>
    </row>
    <row r="5202" spans="8:17" x14ac:dyDescent="0.25">
      <c r="H5202" s="43">
        <v>5195</v>
      </c>
      <c r="I5202" s="55">
        <f>Bühler!I5228</f>
        <v>0.59482244351392599</v>
      </c>
      <c r="J5202" s="58">
        <f>Bühler!J5228</f>
        <v>4.6182612927795095</v>
      </c>
      <c r="K5202" s="58">
        <f>Bühler!K5228</f>
        <v>0.2194631441209661</v>
      </c>
      <c r="L5202" s="58">
        <f>Bühler!L5228</f>
        <v>0.10973157206048305</v>
      </c>
      <c r="M5202" s="57">
        <f>Bühler!M5228</f>
        <v>0</v>
      </c>
      <c r="N5202" s="55">
        <f>IF(Input!$K$13=1,J5202*Input!$J$13,0)+IF(Input!$K$14=1,K5202*Input!$J$14,0)+IF(Input!$K$15=1,L5202*Input!$J$15,0)+IF(Input!$K$16=1,M5202*Input!$J$16,0)</f>
        <v>0.55419135513354112</v>
      </c>
      <c r="O5202" s="58">
        <f>IF(Input!$K$13=2,J5202*Input!$J$13,0)+IF(Input!$K$14=2,K5202*Input!$J$14,0)+IF(Input!$K$15=2,L5202*Input!$J$15,0)+IF(Input!$K$16=2,M5202*Input!$J$16,0)</f>
        <v>2.9627524456330424E-2</v>
      </c>
      <c r="P5202" s="58">
        <f>IF(Input!$K$13=3,J5202*Input!$J$13,0)+IF(Input!$K$14=3,K5202*Input!$J$14,0)+IF(Input!$K$15=3,L5202*Input!$J$15,0)+IF(Input!$K$16=3,M5202*Input!$J$16,0)</f>
        <v>0</v>
      </c>
      <c r="Q5202" s="71">
        <f>IF(Input!$K$13=4,J5202*Input!$J$13,0)+IF(Input!$K$14=4,K5202*Input!$J$14,0)+IF(Input!$K$15=4,L5202*Input!$J$15,0)+IF(Input!$K$16=4,M5202*Input!$J$16,0)</f>
        <v>0</v>
      </c>
    </row>
    <row r="5203" spans="8:17" x14ac:dyDescent="0.25">
      <c r="H5203" s="43">
        <v>5196</v>
      </c>
      <c r="I5203" s="55">
        <f>Bühler!I5229</f>
        <v>0.59482244351392599</v>
      </c>
      <c r="J5203" s="58">
        <f>Bühler!J5229</f>
        <v>4.6182612927795095</v>
      </c>
      <c r="K5203" s="58">
        <f>Bühler!K5229</f>
        <v>0.2194631441209661</v>
      </c>
      <c r="L5203" s="58">
        <f>Bühler!L5229</f>
        <v>0.10973157206048305</v>
      </c>
      <c r="M5203" s="57">
        <f>Bühler!M5229</f>
        <v>0</v>
      </c>
      <c r="N5203" s="55">
        <f>IF(Input!$K$13=1,J5203*Input!$J$13,0)+IF(Input!$K$14=1,K5203*Input!$J$14,0)+IF(Input!$K$15=1,L5203*Input!$J$15,0)+IF(Input!$K$16=1,M5203*Input!$J$16,0)</f>
        <v>0.55419135513354112</v>
      </c>
      <c r="O5203" s="58">
        <f>IF(Input!$K$13=2,J5203*Input!$J$13,0)+IF(Input!$K$14=2,K5203*Input!$J$14,0)+IF(Input!$K$15=2,L5203*Input!$J$15,0)+IF(Input!$K$16=2,M5203*Input!$J$16,0)</f>
        <v>2.9627524456330424E-2</v>
      </c>
      <c r="P5203" s="58">
        <f>IF(Input!$K$13=3,J5203*Input!$J$13,0)+IF(Input!$K$14=3,K5203*Input!$J$14,0)+IF(Input!$K$15=3,L5203*Input!$J$15,0)+IF(Input!$K$16=3,M5203*Input!$J$16,0)</f>
        <v>0</v>
      </c>
      <c r="Q5203" s="71">
        <f>IF(Input!$K$13=4,J5203*Input!$J$13,0)+IF(Input!$K$14=4,K5203*Input!$J$14,0)+IF(Input!$K$15=4,L5203*Input!$J$15,0)+IF(Input!$K$16=4,M5203*Input!$J$16,0)</f>
        <v>0</v>
      </c>
    </row>
    <row r="5204" spans="8:17" x14ac:dyDescent="0.25">
      <c r="H5204" s="43">
        <v>5197</v>
      </c>
      <c r="I5204" s="55">
        <f>Bühler!I5230</f>
        <v>0.59482244351392599</v>
      </c>
      <c r="J5204" s="58">
        <f>Bühler!J5230</f>
        <v>4.6182612927795095</v>
      </c>
      <c r="K5204" s="58">
        <f>Bühler!K5230</f>
        <v>0.2194631441209661</v>
      </c>
      <c r="L5204" s="58">
        <f>Bühler!L5230</f>
        <v>0.10973157206048305</v>
      </c>
      <c r="M5204" s="57">
        <f>Bühler!M5230</f>
        <v>0</v>
      </c>
      <c r="N5204" s="55">
        <f>IF(Input!$K$13=1,J5204*Input!$J$13,0)+IF(Input!$K$14=1,K5204*Input!$J$14,0)+IF(Input!$K$15=1,L5204*Input!$J$15,0)+IF(Input!$K$16=1,M5204*Input!$J$16,0)</f>
        <v>0.55419135513354112</v>
      </c>
      <c r="O5204" s="58">
        <f>IF(Input!$K$13=2,J5204*Input!$J$13,0)+IF(Input!$K$14=2,K5204*Input!$J$14,0)+IF(Input!$K$15=2,L5204*Input!$J$15,0)+IF(Input!$K$16=2,M5204*Input!$J$16,0)</f>
        <v>2.9627524456330424E-2</v>
      </c>
      <c r="P5204" s="58">
        <f>IF(Input!$K$13=3,J5204*Input!$J$13,0)+IF(Input!$K$14=3,K5204*Input!$J$14,0)+IF(Input!$K$15=3,L5204*Input!$J$15,0)+IF(Input!$K$16=3,M5204*Input!$J$16,0)</f>
        <v>0</v>
      </c>
      <c r="Q5204" s="71">
        <f>IF(Input!$K$13=4,J5204*Input!$J$13,0)+IF(Input!$K$14=4,K5204*Input!$J$14,0)+IF(Input!$K$15=4,L5204*Input!$J$15,0)+IF(Input!$K$16=4,M5204*Input!$J$16,0)</f>
        <v>0</v>
      </c>
    </row>
    <row r="5205" spans="8:17" x14ac:dyDescent="0.25">
      <c r="H5205" s="43">
        <v>5198</v>
      </c>
      <c r="I5205" s="55">
        <f>Bühler!I5231</f>
        <v>0.59482244351392599</v>
      </c>
      <c r="J5205" s="58">
        <f>Bühler!J5231</f>
        <v>4.6182612927795095</v>
      </c>
      <c r="K5205" s="58">
        <f>Bühler!K5231</f>
        <v>0.2194631441209661</v>
      </c>
      <c r="L5205" s="58">
        <f>Bühler!L5231</f>
        <v>0.10973157206048305</v>
      </c>
      <c r="M5205" s="57">
        <f>Bühler!M5231</f>
        <v>0</v>
      </c>
      <c r="N5205" s="55">
        <f>IF(Input!$K$13=1,J5205*Input!$J$13,0)+IF(Input!$K$14=1,K5205*Input!$J$14,0)+IF(Input!$K$15=1,L5205*Input!$J$15,0)+IF(Input!$K$16=1,M5205*Input!$J$16,0)</f>
        <v>0.55419135513354112</v>
      </c>
      <c r="O5205" s="58">
        <f>IF(Input!$K$13=2,J5205*Input!$J$13,0)+IF(Input!$K$14=2,K5205*Input!$J$14,0)+IF(Input!$K$15=2,L5205*Input!$J$15,0)+IF(Input!$K$16=2,M5205*Input!$J$16,0)</f>
        <v>2.9627524456330424E-2</v>
      </c>
      <c r="P5205" s="58">
        <f>IF(Input!$K$13=3,J5205*Input!$J$13,0)+IF(Input!$K$14=3,K5205*Input!$J$14,0)+IF(Input!$K$15=3,L5205*Input!$J$15,0)+IF(Input!$K$16=3,M5205*Input!$J$16,0)</f>
        <v>0</v>
      </c>
      <c r="Q5205" s="71">
        <f>IF(Input!$K$13=4,J5205*Input!$J$13,0)+IF(Input!$K$14=4,K5205*Input!$J$14,0)+IF(Input!$K$15=4,L5205*Input!$J$15,0)+IF(Input!$K$16=4,M5205*Input!$J$16,0)</f>
        <v>0</v>
      </c>
    </row>
    <row r="5206" spans="8:17" x14ac:dyDescent="0.25">
      <c r="H5206" s="43">
        <v>5199</v>
      </c>
      <c r="I5206" s="55">
        <f>Bühler!I5232</f>
        <v>0.59482244351392599</v>
      </c>
      <c r="J5206" s="58">
        <f>Bühler!J5232</f>
        <v>4.6182612927795095</v>
      </c>
      <c r="K5206" s="58">
        <f>Bühler!K5232</f>
        <v>0.2194631441209661</v>
      </c>
      <c r="L5206" s="58">
        <f>Bühler!L5232</f>
        <v>0.10973157206048305</v>
      </c>
      <c r="M5206" s="57">
        <f>Bühler!M5232</f>
        <v>0</v>
      </c>
      <c r="N5206" s="55">
        <f>IF(Input!$K$13=1,J5206*Input!$J$13,0)+IF(Input!$K$14=1,K5206*Input!$J$14,0)+IF(Input!$K$15=1,L5206*Input!$J$15,0)+IF(Input!$K$16=1,M5206*Input!$J$16,0)</f>
        <v>0.55419135513354112</v>
      </c>
      <c r="O5206" s="58">
        <f>IF(Input!$K$13=2,J5206*Input!$J$13,0)+IF(Input!$K$14=2,K5206*Input!$J$14,0)+IF(Input!$K$15=2,L5206*Input!$J$15,0)+IF(Input!$K$16=2,M5206*Input!$J$16,0)</f>
        <v>2.9627524456330424E-2</v>
      </c>
      <c r="P5206" s="58">
        <f>IF(Input!$K$13=3,J5206*Input!$J$13,0)+IF(Input!$K$14=3,K5206*Input!$J$14,0)+IF(Input!$K$15=3,L5206*Input!$J$15,0)+IF(Input!$K$16=3,M5206*Input!$J$16,0)</f>
        <v>0</v>
      </c>
      <c r="Q5206" s="71">
        <f>IF(Input!$K$13=4,J5206*Input!$J$13,0)+IF(Input!$K$14=4,K5206*Input!$J$14,0)+IF(Input!$K$15=4,L5206*Input!$J$15,0)+IF(Input!$K$16=4,M5206*Input!$J$16,0)</f>
        <v>0</v>
      </c>
    </row>
    <row r="5207" spans="8:17" x14ac:dyDescent="0.25">
      <c r="H5207" s="43">
        <v>5200</v>
      </c>
      <c r="I5207" s="55">
        <f>Bühler!I5233</f>
        <v>0.53778467495779614</v>
      </c>
      <c r="J5207" s="58">
        <f>Bühler!J5233</f>
        <v>4.6158847190896708</v>
      </c>
      <c r="K5207" s="58">
        <f>Bühler!K5233</f>
        <v>0.2194631441209661</v>
      </c>
      <c r="L5207" s="58">
        <f>Bühler!L5233</f>
        <v>0.10973157206048305</v>
      </c>
      <c r="M5207" s="57">
        <f>Bühler!M5233</f>
        <v>0</v>
      </c>
      <c r="N5207" s="55">
        <f>IF(Input!$K$13=1,J5207*Input!$J$13,0)+IF(Input!$K$14=1,K5207*Input!$J$14,0)+IF(Input!$K$15=1,L5207*Input!$J$15,0)+IF(Input!$K$16=1,M5207*Input!$J$16,0)</f>
        <v>0.5539061662907605</v>
      </c>
      <c r="O5207" s="58">
        <f>IF(Input!$K$13=2,J5207*Input!$J$13,0)+IF(Input!$K$14=2,K5207*Input!$J$14,0)+IF(Input!$K$15=2,L5207*Input!$J$15,0)+IF(Input!$K$16=2,M5207*Input!$J$16,0)</f>
        <v>2.9627524456330424E-2</v>
      </c>
      <c r="P5207" s="58">
        <f>IF(Input!$K$13=3,J5207*Input!$J$13,0)+IF(Input!$K$14=3,K5207*Input!$J$14,0)+IF(Input!$K$15=3,L5207*Input!$J$15,0)+IF(Input!$K$16=3,M5207*Input!$J$16,0)</f>
        <v>0</v>
      </c>
      <c r="Q5207" s="71">
        <f>IF(Input!$K$13=4,J5207*Input!$J$13,0)+IF(Input!$K$14=4,K5207*Input!$J$14,0)+IF(Input!$K$15=4,L5207*Input!$J$15,0)+IF(Input!$K$16=4,M5207*Input!$J$16,0)</f>
        <v>0</v>
      </c>
    </row>
    <row r="5208" spans="8:17" x14ac:dyDescent="0.25">
      <c r="H5208" s="43">
        <v>5201</v>
      </c>
      <c r="I5208" s="55">
        <f>Bühler!I5234</f>
        <v>0.48889515905254188</v>
      </c>
      <c r="J5208" s="58">
        <f>Bühler!J5234</f>
        <v>4.6138476559269517</v>
      </c>
      <c r="K5208" s="58">
        <f>Bühler!K5234</f>
        <v>0.2194631441209661</v>
      </c>
      <c r="L5208" s="58">
        <f>Bühler!L5234</f>
        <v>0.10973157206048305</v>
      </c>
      <c r="M5208" s="57">
        <f>Bühler!M5234</f>
        <v>0</v>
      </c>
      <c r="N5208" s="55">
        <f>IF(Input!$K$13=1,J5208*Input!$J$13,0)+IF(Input!$K$14=1,K5208*Input!$J$14,0)+IF(Input!$K$15=1,L5208*Input!$J$15,0)+IF(Input!$K$16=1,M5208*Input!$J$16,0)</f>
        <v>0.55366171871123415</v>
      </c>
      <c r="O5208" s="58">
        <f>IF(Input!$K$13=2,J5208*Input!$J$13,0)+IF(Input!$K$14=2,K5208*Input!$J$14,0)+IF(Input!$K$15=2,L5208*Input!$J$15,0)+IF(Input!$K$16=2,M5208*Input!$J$16,0)</f>
        <v>2.9627524456330424E-2</v>
      </c>
      <c r="P5208" s="58">
        <f>IF(Input!$K$13=3,J5208*Input!$J$13,0)+IF(Input!$K$14=3,K5208*Input!$J$14,0)+IF(Input!$K$15=3,L5208*Input!$J$15,0)+IF(Input!$K$16=3,M5208*Input!$J$16,0)</f>
        <v>0</v>
      </c>
      <c r="Q5208" s="71">
        <f>IF(Input!$K$13=4,J5208*Input!$J$13,0)+IF(Input!$K$14=4,K5208*Input!$J$14,0)+IF(Input!$K$15=4,L5208*Input!$J$15,0)+IF(Input!$K$16=4,M5208*Input!$J$16,0)</f>
        <v>0</v>
      </c>
    </row>
    <row r="5209" spans="8:17" x14ac:dyDescent="0.25">
      <c r="H5209" s="43">
        <v>5202</v>
      </c>
      <c r="I5209" s="55">
        <f>Bühler!I5235</f>
        <v>0.44000564314728774</v>
      </c>
      <c r="J5209" s="58">
        <f>Bühler!J5235</f>
        <v>4.6118105927642334</v>
      </c>
      <c r="K5209" s="58">
        <f>Bühler!K5235</f>
        <v>0.2194631441209661</v>
      </c>
      <c r="L5209" s="58">
        <f>Bühler!L5235</f>
        <v>0.10973157206048305</v>
      </c>
      <c r="M5209" s="57">
        <f>Bühler!M5235</f>
        <v>0</v>
      </c>
      <c r="N5209" s="55">
        <f>IF(Input!$K$13=1,J5209*Input!$J$13,0)+IF(Input!$K$14=1,K5209*Input!$J$14,0)+IF(Input!$K$15=1,L5209*Input!$J$15,0)+IF(Input!$K$16=1,M5209*Input!$J$16,0)</f>
        <v>0.55341727113170802</v>
      </c>
      <c r="O5209" s="58">
        <f>IF(Input!$K$13=2,J5209*Input!$J$13,0)+IF(Input!$K$14=2,K5209*Input!$J$14,0)+IF(Input!$K$15=2,L5209*Input!$J$15,0)+IF(Input!$K$16=2,M5209*Input!$J$16,0)</f>
        <v>2.9627524456330424E-2</v>
      </c>
      <c r="P5209" s="58">
        <f>IF(Input!$K$13=3,J5209*Input!$J$13,0)+IF(Input!$K$14=3,K5209*Input!$J$14,0)+IF(Input!$K$15=3,L5209*Input!$J$15,0)+IF(Input!$K$16=3,M5209*Input!$J$16,0)</f>
        <v>0</v>
      </c>
      <c r="Q5209" s="71">
        <f>IF(Input!$K$13=4,J5209*Input!$J$13,0)+IF(Input!$K$14=4,K5209*Input!$J$14,0)+IF(Input!$K$15=4,L5209*Input!$J$15,0)+IF(Input!$K$16=4,M5209*Input!$J$16,0)</f>
        <v>0</v>
      </c>
    </row>
    <row r="5210" spans="8:17" x14ac:dyDescent="0.25">
      <c r="H5210" s="43">
        <v>5203</v>
      </c>
      <c r="I5210" s="55">
        <f>Bühler!I5236</f>
        <v>0.42370913784553638</v>
      </c>
      <c r="J5210" s="58">
        <f>Bühler!J5236</f>
        <v>4.6111315717099934</v>
      </c>
      <c r="K5210" s="58">
        <f>Bühler!K5236</f>
        <v>0.2194631441209661</v>
      </c>
      <c r="L5210" s="58">
        <f>Bühler!L5236</f>
        <v>0.10973157206048305</v>
      </c>
      <c r="M5210" s="57">
        <f>Bühler!M5236</f>
        <v>0</v>
      </c>
      <c r="N5210" s="55">
        <f>IF(Input!$K$13=1,J5210*Input!$J$13,0)+IF(Input!$K$14=1,K5210*Input!$J$14,0)+IF(Input!$K$15=1,L5210*Input!$J$15,0)+IF(Input!$K$16=1,M5210*Input!$J$16,0)</f>
        <v>0.55333578860519916</v>
      </c>
      <c r="O5210" s="58">
        <f>IF(Input!$K$13=2,J5210*Input!$J$13,0)+IF(Input!$K$14=2,K5210*Input!$J$14,0)+IF(Input!$K$15=2,L5210*Input!$J$15,0)+IF(Input!$K$16=2,M5210*Input!$J$16,0)</f>
        <v>2.9627524456330424E-2</v>
      </c>
      <c r="P5210" s="58">
        <f>IF(Input!$K$13=3,J5210*Input!$J$13,0)+IF(Input!$K$14=3,K5210*Input!$J$14,0)+IF(Input!$K$15=3,L5210*Input!$J$15,0)+IF(Input!$K$16=3,M5210*Input!$J$16,0)</f>
        <v>0</v>
      </c>
      <c r="Q5210" s="71">
        <f>IF(Input!$K$13=4,J5210*Input!$J$13,0)+IF(Input!$K$14=4,K5210*Input!$J$14,0)+IF(Input!$K$15=4,L5210*Input!$J$15,0)+IF(Input!$K$16=4,M5210*Input!$J$16,0)</f>
        <v>0</v>
      </c>
    </row>
    <row r="5211" spans="8:17" x14ac:dyDescent="0.25">
      <c r="H5211" s="43">
        <v>5204</v>
      </c>
      <c r="I5211" s="55">
        <f>Bühler!I5237</f>
        <v>0.34222661133677934</v>
      </c>
      <c r="J5211" s="58">
        <f>Bühler!J5237</f>
        <v>4.6077364664387952</v>
      </c>
      <c r="K5211" s="58">
        <f>Bühler!K5237</f>
        <v>0.2194631441209661</v>
      </c>
      <c r="L5211" s="58">
        <f>Bühler!L5237</f>
        <v>0.10973157206048305</v>
      </c>
      <c r="M5211" s="57">
        <f>Bühler!M5237</f>
        <v>0</v>
      </c>
      <c r="N5211" s="55">
        <f>IF(Input!$K$13=1,J5211*Input!$J$13,0)+IF(Input!$K$14=1,K5211*Input!$J$14,0)+IF(Input!$K$15=1,L5211*Input!$J$15,0)+IF(Input!$K$16=1,M5211*Input!$J$16,0)</f>
        <v>0.55292837597265543</v>
      </c>
      <c r="O5211" s="58">
        <f>IF(Input!$K$13=2,J5211*Input!$J$13,0)+IF(Input!$K$14=2,K5211*Input!$J$14,0)+IF(Input!$K$15=2,L5211*Input!$J$15,0)+IF(Input!$K$16=2,M5211*Input!$J$16,0)</f>
        <v>2.9627524456330424E-2</v>
      </c>
      <c r="P5211" s="58">
        <f>IF(Input!$K$13=3,J5211*Input!$J$13,0)+IF(Input!$K$14=3,K5211*Input!$J$14,0)+IF(Input!$K$15=3,L5211*Input!$J$15,0)+IF(Input!$K$16=3,M5211*Input!$J$16,0)</f>
        <v>0</v>
      </c>
      <c r="Q5211" s="71">
        <f>IF(Input!$K$13=4,J5211*Input!$J$13,0)+IF(Input!$K$14=4,K5211*Input!$J$14,0)+IF(Input!$K$15=4,L5211*Input!$J$15,0)+IF(Input!$K$16=4,M5211*Input!$J$16,0)</f>
        <v>0</v>
      </c>
    </row>
    <row r="5212" spans="8:17" x14ac:dyDescent="0.25">
      <c r="H5212" s="43">
        <v>5205</v>
      </c>
      <c r="I5212" s="55">
        <f>Bühler!I5238</f>
        <v>0.25259583217714671</v>
      </c>
      <c r="J5212" s="58">
        <f>Bühler!J5238</f>
        <v>4.6040018506404774</v>
      </c>
      <c r="K5212" s="58">
        <f>Bühler!K5238</f>
        <v>0.2194631441209661</v>
      </c>
      <c r="L5212" s="58">
        <f>Bühler!L5238</f>
        <v>0.10973157206048305</v>
      </c>
      <c r="M5212" s="57">
        <f>Bühler!M5238</f>
        <v>0</v>
      </c>
      <c r="N5212" s="55">
        <f>IF(Input!$K$13=1,J5212*Input!$J$13,0)+IF(Input!$K$14=1,K5212*Input!$J$14,0)+IF(Input!$K$15=1,L5212*Input!$J$15,0)+IF(Input!$K$16=1,M5212*Input!$J$16,0)</f>
        <v>0.55248022207685732</v>
      </c>
      <c r="O5212" s="58">
        <f>IF(Input!$K$13=2,J5212*Input!$J$13,0)+IF(Input!$K$14=2,K5212*Input!$J$14,0)+IF(Input!$K$15=2,L5212*Input!$J$15,0)+IF(Input!$K$16=2,M5212*Input!$J$16,0)</f>
        <v>2.9627524456330424E-2</v>
      </c>
      <c r="P5212" s="58">
        <f>IF(Input!$K$13=3,J5212*Input!$J$13,0)+IF(Input!$K$14=3,K5212*Input!$J$14,0)+IF(Input!$K$15=3,L5212*Input!$J$15,0)+IF(Input!$K$16=3,M5212*Input!$J$16,0)</f>
        <v>0</v>
      </c>
      <c r="Q5212" s="71">
        <f>IF(Input!$K$13=4,J5212*Input!$J$13,0)+IF(Input!$K$14=4,K5212*Input!$J$14,0)+IF(Input!$K$15=4,L5212*Input!$J$15,0)+IF(Input!$K$16=4,M5212*Input!$J$16,0)</f>
        <v>0</v>
      </c>
    </row>
    <row r="5213" spans="8:17" x14ac:dyDescent="0.25">
      <c r="H5213" s="43">
        <v>5206</v>
      </c>
      <c r="I5213" s="55">
        <f>Bühler!I5239</f>
        <v>0.25259583217714671</v>
      </c>
      <c r="J5213" s="58">
        <f>Bühler!J5239</f>
        <v>4.6040018506404774</v>
      </c>
      <c r="K5213" s="58">
        <f>Bühler!K5239</f>
        <v>0.2194631441209661</v>
      </c>
      <c r="L5213" s="58">
        <f>Bühler!L5239</f>
        <v>0.10973157206048305</v>
      </c>
      <c r="M5213" s="57">
        <f>Bühler!M5239</f>
        <v>0</v>
      </c>
      <c r="N5213" s="55">
        <f>IF(Input!$K$13=1,J5213*Input!$J$13,0)+IF(Input!$K$14=1,K5213*Input!$J$14,0)+IF(Input!$K$15=1,L5213*Input!$J$15,0)+IF(Input!$K$16=1,M5213*Input!$J$16,0)</f>
        <v>0.55248022207685732</v>
      </c>
      <c r="O5213" s="58">
        <f>IF(Input!$K$13=2,J5213*Input!$J$13,0)+IF(Input!$K$14=2,K5213*Input!$J$14,0)+IF(Input!$K$15=2,L5213*Input!$J$15,0)+IF(Input!$K$16=2,M5213*Input!$J$16,0)</f>
        <v>2.9627524456330424E-2</v>
      </c>
      <c r="P5213" s="58">
        <f>IF(Input!$K$13=3,J5213*Input!$J$13,0)+IF(Input!$K$14=3,K5213*Input!$J$14,0)+IF(Input!$K$15=3,L5213*Input!$J$15,0)+IF(Input!$K$16=3,M5213*Input!$J$16,0)</f>
        <v>0</v>
      </c>
      <c r="Q5213" s="71">
        <f>IF(Input!$K$13=4,J5213*Input!$J$13,0)+IF(Input!$K$14=4,K5213*Input!$J$14,0)+IF(Input!$K$15=4,L5213*Input!$J$15,0)+IF(Input!$K$16=4,M5213*Input!$J$16,0)</f>
        <v>0</v>
      </c>
    </row>
    <row r="5214" spans="8:17" x14ac:dyDescent="0.25">
      <c r="H5214" s="43">
        <v>5207</v>
      </c>
      <c r="I5214" s="55">
        <f>Bühler!I5240</f>
        <v>0.25259583217714671</v>
      </c>
      <c r="J5214" s="58">
        <f>Bühler!J5240</f>
        <v>4.6040018506404774</v>
      </c>
      <c r="K5214" s="58">
        <f>Bühler!K5240</f>
        <v>0.2194631441209661</v>
      </c>
      <c r="L5214" s="58">
        <f>Bühler!L5240</f>
        <v>0.10973157206048305</v>
      </c>
      <c r="M5214" s="57">
        <f>Bühler!M5240</f>
        <v>0</v>
      </c>
      <c r="N5214" s="55">
        <f>IF(Input!$K$13=1,J5214*Input!$J$13,0)+IF(Input!$K$14=1,K5214*Input!$J$14,0)+IF(Input!$K$15=1,L5214*Input!$J$15,0)+IF(Input!$K$16=1,M5214*Input!$J$16,0)</f>
        <v>0.55248022207685732</v>
      </c>
      <c r="O5214" s="58">
        <f>IF(Input!$K$13=2,J5214*Input!$J$13,0)+IF(Input!$K$14=2,K5214*Input!$J$14,0)+IF(Input!$K$15=2,L5214*Input!$J$15,0)+IF(Input!$K$16=2,M5214*Input!$J$16,0)</f>
        <v>2.9627524456330424E-2</v>
      </c>
      <c r="P5214" s="58">
        <f>IF(Input!$K$13=3,J5214*Input!$J$13,0)+IF(Input!$K$14=3,K5214*Input!$J$14,0)+IF(Input!$K$15=3,L5214*Input!$J$15,0)+IF(Input!$K$16=3,M5214*Input!$J$16,0)</f>
        <v>0</v>
      </c>
      <c r="Q5214" s="71">
        <f>IF(Input!$K$13=4,J5214*Input!$J$13,0)+IF(Input!$K$14=4,K5214*Input!$J$14,0)+IF(Input!$K$15=4,L5214*Input!$J$15,0)+IF(Input!$K$16=4,M5214*Input!$J$16,0)</f>
        <v>0</v>
      </c>
    </row>
    <row r="5215" spans="8:17" x14ac:dyDescent="0.25">
      <c r="H5215" s="43">
        <v>5208</v>
      </c>
      <c r="I5215" s="55">
        <f>Bühler!I5241</f>
        <v>0.25259583217714671</v>
      </c>
      <c r="J5215" s="58">
        <f>Bühler!J5241</f>
        <v>4.6040018506404774</v>
      </c>
      <c r="K5215" s="58">
        <f>Bühler!K5241</f>
        <v>0.2194631441209661</v>
      </c>
      <c r="L5215" s="58">
        <f>Bühler!L5241</f>
        <v>0.10973157206048305</v>
      </c>
      <c r="M5215" s="57">
        <f>Bühler!M5241</f>
        <v>0</v>
      </c>
      <c r="N5215" s="55">
        <f>IF(Input!$K$13=1,J5215*Input!$J$13,0)+IF(Input!$K$14=1,K5215*Input!$J$14,0)+IF(Input!$K$15=1,L5215*Input!$J$15,0)+IF(Input!$K$16=1,M5215*Input!$J$16,0)</f>
        <v>0.55248022207685732</v>
      </c>
      <c r="O5215" s="58">
        <f>IF(Input!$K$13=2,J5215*Input!$J$13,0)+IF(Input!$K$14=2,K5215*Input!$J$14,0)+IF(Input!$K$15=2,L5215*Input!$J$15,0)+IF(Input!$K$16=2,M5215*Input!$J$16,0)</f>
        <v>2.9627524456330424E-2</v>
      </c>
      <c r="P5215" s="58">
        <f>IF(Input!$K$13=3,J5215*Input!$J$13,0)+IF(Input!$K$14=3,K5215*Input!$J$14,0)+IF(Input!$K$15=3,L5215*Input!$J$15,0)+IF(Input!$K$16=3,M5215*Input!$J$16,0)</f>
        <v>0</v>
      </c>
      <c r="Q5215" s="71">
        <f>IF(Input!$K$13=4,J5215*Input!$J$13,0)+IF(Input!$K$14=4,K5215*Input!$J$14,0)+IF(Input!$K$15=4,L5215*Input!$J$15,0)+IF(Input!$K$16=4,M5215*Input!$J$16,0)</f>
        <v>0</v>
      </c>
    </row>
    <row r="5216" spans="8:17" x14ac:dyDescent="0.25">
      <c r="H5216" s="43">
        <v>5209</v>
      </c>
      <c r="I5216" s="55">
        <f>Bühler!I5242</f>
        <v>0.32014439443796516</v>
      </c>
      <c r="J5216" s="58">
        <f>Bühler!J5242</f>
        <v>4.7368701305871461</v>
      </c>
      <c r="K5216" s="58">
        <f>Bühler!K5242</f>
        <v>0.22107440948851909</v>
      </c>
      <c r="L5216" s="58">
        <f>Bühler!L5242</f>
        <v>0.11053720474425954</v>
      </c>
      <c r="M5216" s="57">
        <f>Bühler!M5242</f>
        <v>0</v>
      </c>
      <c r="N5216" s="55">
        <f>IF(Input!$K$13=1,J5216*Input!$J$13,0)+IF(Input!$K$14=1,K5216*Input!$J$14,0)+IF(Input!$K$15=1,L5216*Input!$J$15,0)+IF(Input!$K$16=1,M5216*Input!$J$16,0)</f>
        <v>0.56842441567045754</v>
      </c>
      <c r="O5216" s="58">
        <f>IF(Input!$K$13=2,J5216*Input!$J$13,0)+IF(Input!$K$14=2,K5216*Input!$J$14,0)+IF(Input!$K$15=2,L5216*Input!$J$15,0)+IF(Input!$K$16=2,M5216*Input!$J$16,0)</f>
        <v>2.9845045280950076E-2</v>
      </c>
      <c r="P5216" s="58">
        <f>IF(Input!$K$13=3,J5216*Input!$J$13,0)+IF(Input!$K$14=3,K5216*Input!$J$14,0)+IF(Input!$K$15=3,L5216*Input!$J$15,0)+IF(Input!$K$16=3,M5216*Input!$J$16,0)</f>
        <v>0</v>
      </c>
      <c r="Q5216" s="71">
        <f>IF(Input!$K$13=4,J5216*Input!$J$13,0)+IF(Input!$K$14=4,K5216*Input!$J$14,0)+IF(Input!$K$15=4,L5216*Input!$J$15,0)+IF(Input!$K$16=4,M5216*Input!$J$16,0)</f>
        <v>0</v>
      </c>
    </row>
    <row r="5217" spans="8:17" x14ac:dyDescent="0.25">
      <c r="H5217" s="43">
        <v>5210</v>
      </c>
      <c r="I5217" s="55">
        <f>Bühler!I5243</f>
        <v>0.37178058708924983</v>
      </c>
      <c r="J5217" s="58">
        <f>Bühler!J5243</f>
        <v>4.7390216386142834</v>
      </c>
      <c r="K5217" s="58">
        <f>Bühler!K5243</f>
        <v>0.22107440948851909</v>
      </c>
      <c r="L5217" s="58">
        <f>Bühler!L5243</f>
        <v>0.11053720474425954</v>
      </c>
      <c r="M5217" s="57">
        <f>Bühler!M5243</f>
        <v>0</v>
      </c>
      <c r="N5217" s="55">
        <f>IF(Input!$K$13=1,J5217*Input!$J$13,0)+IF(Input!$K$14=1,K5217*Input!$J$14,0)+IF(Input!$K$15=1,L5217*Input!$J$15,0)+IF(Input!$K$16=1,M5217*Input!$J$16,0)</f>
        <v>0.56868259663371401</v>
      </c>
      <c r="O5217" s="58">
        <f>IF(Input!$K$13=2,J5217*Input!$J$13,0)+IF(Input!$K$14=2,K5217*Input!$J$14,0)+IF(Input!$K$15=2,L5217*Input!$J$15,0)+IF(Input!$K$16=2,M5217*Input!$J$16,0)</f>
        <v>2.9845045280950076E-2</v>
      </c>
      <c r="P5217" s="58">
        <f>IF(Input!$K$13=3,J5217*Input!$J$13,0)+IF(Input!$K$14=3,K5217*Input!$J$14,0)+IF(Input!$K$15=3,L5217*Input!$J$15,0)+IF(Input!$K$16=3,M5217*Input!$J$16,0)</f>
        <v>0</v>
      </c>
      <c r="Q5217" s="71">
        <f>IF(Input!$K$13=4,J5217*Input!$J$13,0)+IF(Input!$K$14=4,K5217*Input!$J$14,0)+IF(Input!$K$15=4,L5217*Input!$J$15,0)+IF(Input!$K$16=4,M5217*Input!$J$16,0)</f>
        <v>0</v>
      </c>
    </row>
    <row r="5218" spans="8:17" x14ac:dyDescent="0.25">
      <c r="H5218" s="43">
        <v>5211</v>
      </c>
      <c r="I5218" s="55">
        <f>Bühler!I5244</f>
        <v>0.37178058708924983</v>
      </c>
      <c r="J5218" s="58">
        <f>Bühler!J5244</f>
        <v>4.7390216386142834</v>
      </c>
      <c r="K5218" s="58">
        <f>Bühler!K5244</f>
        <v>0.22107440948851909</v>
      </c>
      <c r="L5218" s="58">
        <f>Bühler!L5244</f>
        <v>0.11053720474425954</v>
      </c>
      <c r="M5218" s="57">
        <f>Bühler!M5244</f>
        <v>0</v>
      </c>
      <c r="N5218" s="55">
        <f>IF(Input!$K$13=1,J5218*Input!$J$13,0)+IF(Input!$K$14=1,K5218*Input!$J$14,0)+IF(Input!$K$15=1,L5218*Input!$J$15,0)+IF(Input!$K$16=1,M5218*Input!$J$16,0)</f>
        <v>0.56868259663371401</v>
      </c>
      <c r="O5218" s="58">
        <f>IF(Input!$K$13=2,J5218*Input!$J$13,0)+IF(Input!$K$14=2,K5218*Input!$J$14,0)+IF(Input!$K$15=2,L5218*Input!$J$15,0)+IF(Input!$K$16=2,M5218*Input!$J$16,0)</f>
        <v>2.9845045280950076E-2</v>
      </c>
      <c r="P5218" s="58">
        <f>IF(Input!$K$13=3,J5218*Input!$J$13,0)+IF(Input!$K$14=3,K5218*Input!$J$14,0)+IF(Input!$K$15=3,L5218*Input!$J$15,0)+IF(Input!$K$16=3,M5218*Input!$J$16,0)</f>
        <v>0</v>
      </c>
      <c r="Q5218" s="71">
        <f>IF(Input!$K$13=4,J5218*Input!$J$13,0)+IF(Input!$K$14=4,K5218*Input!$J$14,0)+IF(Input!$K$15=4,L5218*Input!$J$15,0)+IF(Input!$K$16=4,M5218*Input!$J$16,0)</f>
        <v>0</v>
      </c>
    </row>
    <row r="5219" spans="8:17" x14ac:dyDescent="0.25">
      <c r="H5219" s="43">
        <v>5212</v>
      </c>
      <c r="I5219" s="55">
        <f>Bühler!I5245</f>
        <v>0.37178058708924983</v>
      </c>
      <c r="J5219" s="58">
        <f>Bühler!J5245</f>
        <v>4.7390216386142834</v>
      </c>
      <c r="K5219" s="58">
        <f>Bühler!K5245</f>
        <v>0.22107440948851909</v>
      </c>
      <c r="L5219" s="58">
        <f>Bühler!L5245</f>
        <v>0.11053720474425954</v>
      </c>
      <c r="M5219" s="57">
        <f>Bühler!M5245</f>
        <v>0</v>
      </c>
      <c r="N5219" s="55">
        <f>IF(Input!$K$13=1,J5219*Input!$J$13,0)+IF(Input!$K$14=1,K5219*Input!$J$14,0)+IF(Input!$K$15=1,L5219*Input!$J$15,0)+IF(Input!$K$16=1,M5219*Input!$J$16,0)</f>
        <v>0.56868259663371401</v>
      </c>
      <c r="O5219" s="58">
        <f>IF(Input!$K$13=2,J5219*Input!$J$13,0)+IF(Input!$K$14=2,K5219*Input!$J$14,0)+IF(Input!$K$15=2,L5219*Input!$J$15,0)+IF(Input!$K$16=2,M5219*Input!$J$16,0)</f>
        <v>2.9845045280950076E-2</v>
      </c>
      <c r="P5219" s="58">
        <f>IF(Input!$K$13=3,J5219*Input!$J$13,0)+IF(Input!$K$14=3,K5219*Input!$J$14,0)+IF(Input!$K$15=3,L5219*Input!$J$15,0)+IF(Input!$K$16=3,M5219*Input!$J$16,0)</f>
        <v>0</v>
      </c>
      <c r="Q5219" s="71">
        <f>IF(Input!$K$13=4,J5219*Input!$J$13,0)+IF(Input!$K$14=4,K5219*Input!$J$14,0)+IF(Input!$K$15=4,L5219*Input!$J$15,0)+IF(Input!$K$16=4,M5219*Input!$J$16,0)</f>
        <v>0</v>
      </c>
    </row>
    <row r="5220" spans="8:17" x14ac:dyDescent="0.25">
      <c r="H5220" s="43">
        <v>5213</v>
      </c>
      <c r="I5220" s="55">
        <f>Bühler!I5246</f>
        <v>0.37178058708924983</v>
      </c>
      <c r="J5220" s="58">
        <f>Bühler!J5246</f>
        <v>4.7390216386142834</v>
      </c>
      <c r="K5220" s="58">
        <f>Bühler!K5246</f>
        <v>0.22107440948851909</v>
      </c>
      <c r="L5220" s="58">
        <f>Bühler!L5246</f>
        <v>0.11053720474425954</v>
      </c>
      <c r="M5220" s="57">
        <f>Bühler!M5246</f>
        <v>0</v>
      </c>
      <c r="N5220" s="55">
        <f>IF(Input!$K$13=1,J5220*Input!$J$13,0)+IF(Input!$K$14=1,K5220*Input!$J$14,0)+IF(Input!$K$15=1,L5220*Input!$J$15,0)+IF(Input!$K$16=1,M5220*Input!$J$16,0)</f>
        <v>0.56868259663371401</v>
      </c>
      <c r="O5220" s="58">
        <f>IF(Input!$K$13=2,J5220*Input!$J$13,0)+IF(Input!$K$14=2,K5220*Input!$J$14,0)+IF(Input!$K$15=2,L5220*Input!$J$15,0)+IF(Input!$K$16=2,M5220*Input!$J$16,0)</f>
        <v>2.9845045280950076E-2</v>
      </c>
      <c r="P5220" s="58">
        <f>IF(Input!$K$13=3,J5220*Input!$J$13,0)+IF(Input!$K$14=3,K5220*Input!$J$14,0)+IF(Input!$K$15=3,L5220*Input!$J$15,0)+IF(Input!$K$16=3,M5220*Input!$J$16,0)</f>
        <v>0</v>
      </c>
      <c r="Q5220" s="71">
        <f>IF(Input!$K$13=4,J5220*Input!$J$13,0)+IF(Input!$K$14=4,K5220*Input!$J$14,0)+IF(Input!$K$15=4,L5220*Input!$J$15,0)+IF(Input!$K$16=4,M5220*Input!$J$16,0)</f>
        <v>0</v>
      </c>
    </row>
    <row r="5221" spans="8:17" x14ac:dyDescent="0.25">
      <c r="H5221" s="43">
        <v>5214</v>
      </c>
      <c r="I5221" s="55">
        <f>Bühler!I5247</f>
        <v>0.46472573386156224</v>
      </c>
      <c r="J5221" s="58">
        <f>Bühler!J5247</f>
        <v>4.7428943530631296</v>
      </c>
      <c r="K5221" s="58">
        <f>Bühler!K5247</f>
        <v>0.22107440948851909</v>
      </c>
      <c r="L5221" s="58">
        <f>Bühler!L5247</f>
        <v>0.11053720474425954</v>
      </c>
      <c r="M5221" s="57">
        <f>Bühler!M5247</f>
        <v>0</v>
      </c>
      <c r="N5221" s="55">
        <f>IF(Input!$K$13=1,J5221*Input!$J$13,0)+IF(Input!$K$14=1,K5221*Input!$J$14,0)+IF(Input!$K$15=1,L5221*Input!$J$15,0)+IF(Input!$K$16=1,M5221*Input!$J$16,0)</f>
        <v>0.56914732236757548</v>
      </c>
      <c r="O5221" s="58">
        <f>IF(Input!$K$13=2,J5221*Input!$J$13,0)+IF(Input!$K$14=2,K5221*Input!$J$14,0)+IF(Input!$K$15=2,L5221*Input!$J$15,0)+IF(Input!$K$16=2,M5221*Input!$J$16,0)</f>
        <v>2.9845045280950076E-2</v>
      </c>
      <c r="P5221" s="58">
        <f>IF(Input!$K$13=3,J5221*Input!$J$13,0)+IF(Input!$K$14=3,K5221*Input!$J$14,0)+IF(Input!$K$15=3,L5221*Input!$J$15,0)+IF(Input!$K$16=3,M5221*Input!$J$16,0)</f>
        <v>0</v>
      </c>
      <c r="Q5221" s="71">
        <f>IF(Input!$K$13=4,J5221*Input!$J$13,0)+IF(Input!$K$14=4,K5221*Input!$J$14,0)+IF(Input!$K$15=4,L5221*Input!$J$15,0)+IF(Input!$K$16=4,M5221*Input!$J$16,0)</f>
        <v>0</v>
      </c>
    </row>
    <row r="5222" spans="8:17" x14ac:dyDescent="0.25">
      <c r="H5222" s="43">
        <v>5215</v>
      </c>
      <c r="I5222" s="55">
        <f>Bühler!I5248</f>
        <v>0.54734364210361774</v>
      </c>
      <c r="J5222" s="58">
        <f>Bühler!J5248</f>
        <v>4.7463367659065483</v>
      </c>
      <c r="K5222" s="58">
        <f>Bühler!K5248</f>
        <v>0.22107440948851909</v>
      </c>
      <c r="L5222" s="58">
        <f>Bühler!L5248</f>
        <v>0.11053720474425954</v>
      </c>
      <c r="M5222" s="57">
        <f>Bühler!M5248</f>
        <v>0</v>
      </c>
      <c r="N5222" s="55">
        <f>IF(Input!$K$13=1,J5222*Input!$J$13,0)+IF(Input!$K$14=1,K5222*Input!$J$14,0)+IF(Input!$K$15=1,L5222*Input!$J$15,0)+IF(Input!$K$16=1,M5222*Input!$J$16,0)</f>
        <v>0.56956041190878581</v>
      </c>
      <c r="O5222" s="58">
        <f>IF(Input!$K$13=2,J5222*Input!$J$13,0)+IF(Input!$K$14=2,K5222*Input!$J$14,0)+IF(Input!$K$15=2,L5222*Input!$J$15,0)+IF(Input!$K$16=2,M5222*Input!$J$16,0)</f>
        <v>2.9845045280950076E-2</v>
      </c>
      <c r="P5222" s="58">
        <f>IF(Input!$K$13=3,J5222*Input!$J$13,0)+IF(Input!$K$14=3,K5222*Input!$J$14,0)+IF(Input!$K$15=3,L5222*Input!$J$15,0)+IF(Input!$K$16=3,M5222*Input!$J$16,0)</f>
        <v>0</v>
      </c>
      <c r="Q5222" s="71">
        <f>IF(Input!$K$13=4,J5222*Input!$J$13,0)+IF(Input!$K$14=4,K5222*Input!$J$14,0)+IF(Input!$K$15=4,L5222*Input!$J$15,0)+IF(Input!$K$16=4,M5222*Input!$J$16,0)</f>
        <v>0</v>
      </c>
    </row>
    <row r="5223" spans="8:17" x14ac:dyDescent="0.25">
      <c r="H5223" s="43">
        <v>5216</v>
      </c>
      <c r="I5223" s="55">
        <f>Bühler!I5249</f>
        <v>0.65061602740618729</v>
      </c>
      <c r="J5223" s="58">
        <f>Bühler!J5249</f>
        <v>4.7506397819608219</v>
      </c>
      <c r="K5223" s="58">
        <f>Bühler!K5249</f>
        <v>0.22107440948851909</v>
      </c>
      <c r="L5223" s="58">
        <f>Bühler!L5249</f>
        <v>0.11053720474425954</v>
      </c>
      <c r="M5223" s="57">
        <f>Bühler!M5249</f>
        <v>0</v>
      </c>
      <c r="N5223" s="55">
        <f>IF(Input!$K$13=1,J5223*Input!$J$13,0)+IF(Input!$K$14=1,K5223*Input!$J$14,0)+IF(Input!$K$15=1,L5223*Input!$J$15,0)+IF(Input!$K$16=1,M5223*Input!$J$16,0)</f>
        <v>0.57007677383529864</v>
      </c>
      <c r="O5223" s="58">
        <f>IF(Input!$K$13=2,J5223*Input!$J$13,0)+IF(Input!$K$14=2,K5223*Input!$J$14,0)+IF(Input!$K$15=2,L5223*Input!$J$15,0)+IF(Input!$K$16=2,M5223*Input!$J$16,0)</f>
        <v>2.9845045280950076E-2</v>
      </c>
      <c r="P5223" s="58">
        <f>IF(Input!$K$13=3,J5223*Input!$J$13,0)+IF(Input!$K$14=3,K5223*Input!$J$14,0)+IF(Input!$K$15=3,L5223*Input!$J$15,0)+IF(Input!$K$16=3,M5223*Input!$J$16,0)</f>
        <v>0</v>
      </c>
      <c r="Q5223" s="71">
        <f>IF(Input!$K$13=4,J5223*Input!$J$13,0)+IF(Input!$K$14=4,K5223*Input!$J$14,0)+IF(Input!$K$15=4,L5223*Input!$J$15,0)+IF(Input!$K$16=4,M5223*Input!$J$16,0)</f>
        <v>0</v>
      </c>
    </row>
    <row r="5224" spans="8:17" x14ac:dyDescent="0.25">
      <c r="H5224" s="43">
        <v>5217</v>
      </c>
      <c r="I5224" s="55">
        <f>Bühler!I5250</f>
        <v>0.65061602740618729</v>
      </c>
      <c r="J5224" s="58">
        <f>Bühler!J5250</f>
        <v>4.7506397819608219</v>
      </c>
      <c r="K5224" s="58">
        <f>Bühler!K5250</f>
        <v>0.22107440948851909</v>
      </c>
      <c r="L5224" s="58">
        <f>Bühler!L5250</f>
        <v>0.11053720474425954</v>
      </c>
      <c r="M5224" s="57">
        <f>Bühler!M5250</f>
        <v>0</v>
      </c>
      <c r="N5224" s="55">
        <f>IF(Input!$K$13=1,J5224*Input!$J$13,0)+IF(Input!$K$14=1,K5224*Input!$J$14,0)+IF(Input!$K$15=1,L5224*Input!$J$15,0)+IF(Input!$K$16=1,M5224*Input!$J$16,0)</f>
        <v>0.57007677383529864</v>
      </c>
      <c r="O5224" s="58">
        <f>IF(Input!$K$13=2,J5224*Input!$J$13,0)+IF(Input!$K$14=2,K5224*Input!$J$14,0)+IF(Input!$K$15=2,L5224*Input!$J$15,0)+IF(Input!$K$16=2,M5224*Input!$J$16,0)</f>
        <v>2.9845045280950076E-2</v>
      </c>
      <c r="P5224" s="58">
        <f>IF(Input!$K$13=3,J5224*Input!$J$13,0)+IF(Input!$K$14=3,K5224*Input!$J$14,0)+IF(Input!$K$15=3,L5224*Input!$J$15,0)+IF(Input!$K$16=3,M5224*Input!$J$16,0)</f>
        <v>0</v>
      </c>
      <c r="Q5224" s="71">
        <f>IF(Input!$K$13=4,J5224*Input!$J$13,0)+IF(Input!$K$14=4,K5224*Input!$J$14,0)+IF(Input!$K$15=4,L5224*Input!$J$15,0)+IF(Input!$K$16=4,M5224*Input!$J$16,0)</f>
        <v>0</v>
      </c>
    </row>
    <row r="5225" spans="8:17" x14ac:dyDescent="0.25">
      <c r="H5225" s="43">
        <v>5218</v>
      </c>
      <c r="I5225" s="55">
        <f>Bühler!I5251</f>
        <v>0.65061602740618729</v>
      </c>
      <c r="J5225" s="58">
        <f>Bühler!J5251</f>
        <v>4.7506397819608219</v>
      </c>
      <c r="K5225" s="58">
        <f>Bühler!K5251</f>
        <v>0.22107440948851909</v>
      </c>
      <c r="L5225" s="58">
        <f>Bühler!L5251</f>
        <v>0.11053720474425954</v>
      </c>
      <c r="M5225" s="57">
        <f>Bühler!M5251</f>
        <v>0</v>
      </c>
      <c r="N5225" s="55">
        <f>IF(Input!$K$13=1,J5225*Input!$J$13,0)+IF(Input!$K$14=1,K5225*Input!$J$14,0)+IF(Input!$K$15=1,L5225*Input!$J$15,0)+IF(Input!$K$16=1,M5225*Input!$J$16,0)</f>
        <v>0.57007677383529864</v>
      </c>
      <c r="O5225" s="58">
        <f>IF(Input!$K$13=2,J5225*Input!$J$13,0)+IF(Input!$K$14=2,K5225*Input!$J$14,0)+IF(Input!$K$15=2,L5225*Input!$J$15,0)+IF(Input!$K$16=2,M5225*Input!$J$16,0)</f>
        <v>2.9845045280950076E-2</v>
      </c>
      <c r="P5225" s="58">
        <f>IF(Input!$K$13=3,J5225*Input!$J$13,0)+IF(Input!$K$14=3,K5225*Input!$J$14,0)+IF(Input!$K$15=3,L5225*Input!$J$15,0)+IF(Input!$K$16=3,M5225*Input!$J$16,0)</f>
        <v>0</v>
      </c>
      <c r="Q5225" s="71">
        <f>IF(Input!$K$13=4,J5225*Input!$J$13,0)+IF(Input!$K$14=4,K5225*Input!$J$14,0)+IF(Input!$K$15=4,L5225*Input!$J$15,0)+IF(Input!$K$16=4,M5225*Input!$J$16,0)</f>
        <v>0</v>
      </c>
    </row>
    <row r="5226" spans="8:17" x14ac:dyDescent="0.25">
      <c r="H5226" s="43">
        <v>5219</v>
      </c>
      <c r="I5226" s="55">
        <f>Bühler!I5252</f>
        <v>0.65061602740618729</v>
      </c>
      <c r="J5226" s="58">
        <f>Bühler!J5252</f>
        <v>4.7506397819608219</v>
      </c>
      <c r="K5226" s="58">
        <f>Bühler!K5252</f>
        <v>0.22107440948851909</v>
      </c>
      <c r="L5226" s="58">
        <f>Bühler!L5252</f>
        <v>0.11053720474425954</v>
      </c>
      <c r="M5226" s="57">
        <f>Bühler!M5252</f>
        <v>0</v>
      </c>
      <c r="N5226" s="55">
        <f>IF(Input!$K$13=1,J5226*Input!$J$13,0)+IF(Input!$K$14=1,K5226*Input!$J$14,0)+IF(Input!$K$15=1,L5226*Input!$J$15,0)+IF(Input!$K$16=1,M5226*Input!$J$16,0)</f>
        <v>0.57007677383529864</v>
      </c>
      <c r="O5226" s="58">
        <f>IF(Input!$K$13=2,J5226*Input!$J$13,0)+IF(Input!$K$14=2,K5226*Input!$J$14,0)+IF(Input!$K$15=2,L5226*Input!$J$15,0)+IF(Input!$K$16=2,M5226*Input!$J$16,0)</f>
        <v>2.9845045280950076E-2</v>
      </c>
      <c r="P5226" s="58">
        <f>IF(Input!$K$13=3,J5226*Input!$J$13,0)+IF(Input!$K$14=3,K5226*Input!$J$14,0)+IF(Input!$K$15=3,L5226*Input!$J$15,0)+IF(Input!$K$16=3,M5226*Input!$J$16,0)</f>
        <v>0</v>
      </c>
      <c r="Q5226" s="71">
        <f>IF(Input!$K$13=4,J5226*Input!$J$13,0)+IF(Input!$K$14=4,K5226*Input!$J$14,0)+IF(Input!$K$15=4,L5226*Input!$J$15,0)+IF(Input!$K$16=4,M5226*Input!$J$16,0)</f>
        <v>0</v>
      </c>
    </row>
    <row r="5227" spans="8:17" x14ac:dyDescent="0.25">
      <c r="H5227" s="43">
        <v>5220</v>
      </c>
      <c r="I5227" s="55">
        <f>Bühler!I5253</f>
        <v>0.65061602740618729</v>
      </c>
      <c r="J5227" s="58">
        <f>Bühler!J5253</f>
        <v>4.7506397819608219</v>
      </c>
      <c r="K5227" s="58">
        <f>Bühler!K5253</f>
        <v>0.22107440948851909</v>
      </c>
      <c r="L5227" s="58">
        <f>Bühler!L5253</f>
        <v>0.11053720474425954</v>
      </c>
      <c r="M5227" s="57">
        <f>Bühler!M5253</f>
        <v>0</v>
      </c>
      <c r="N5227" s="55">
        <f>IF(Input!$K$13=1,J5227*Input!$J$13,0)+IF(Input!$K$14=1,K5227*Input!$J$14,0)+IF(Input!$K$15=1,L5227*Input!$J$15,0)+IF(Input!$K$16=1,M5227*Input!$J$16,0)</f>
        <v>0.57007677383529864</v>
      </c>
      <c r="O5227" s="58">
        <f>IF(Input!$K$13=2,J5227*Input!$J$13,0)+IF(Input!$K$14=2,K5227*Input!$J$14,0)+IF(Input!$K$15=2,L5227*Input!$J$15,0)+IF(Input!$K$16=2,M5227*Input!$J$16,0)</f>
        <v>2.9845045280950076E-2</v>
      </c>
      <c r="P5227" s="58">
        <f>IF(Input!$K$13=3,J5227*Input!$J$13,0)+IF(Input!$K$14=3,K5227*Input!$J$14,0)+IF(Input!$K$15=3,L5227*Input!$J$15,0)+IF(Input!$K$16=3,M5227*Input!$J$16,0)</f>
        <v>0</v>
      </c>
      <c r="Q5227" s="71">
        <f>IF(Input!$K$13=4,J5227*Input!$J$13,0)+IF(Input!$K$14=4,K5227*Input!$J$14,0)+IF(Input!$K$15=4,L5227*Input!$J$15,0)+IF(Input!$K$16=4,M5227*Input!$J$16,0)</f>
        <v>0</v>
      </c>
    </row>
    <row r="5228" spans="8:17" x14ac:dyDescent="0.25">
      <c r="H5228" s="43">
        <v>5221</v>
      </c>
      <c r="I5228" s="55">
        <f>Bühler!I5254</f>
        <v>0.65061602740618729</v>
      </c>
      <c r="J5228" s="58">
        <f>Bühler!J5254</f>
        <v>4.7506397819608219</v>
      </c>
      <c r="K5228" s="58">
        <f>Bühler!K5254</f>
        <v>0.22107440948851909</v>
      </c>
      <c r="L5228" s="58">
        <f>Bühler!L5254</f>
        <v>0.11053720474425954</v>
      </c>
      <c r="M5228" s="57">
        <f>Bühler!M5254</f>
        <v>0</v>
      </c>
      <c r="N5228" s="55">
        <f>IF(Input!$K$13=1,J5228*Input!$J$13,0)+IF(Input!$K$14=1,K5228*Input!$J$14,0)+IF(Input!$K$15=1,L5228*Input!$J$15,0)+IF(Input!$K$16=1,M5228*Input!$J$16,0)</f>
        <v>0.57007677383529864</v>
      </c>
      <c r="O5228" s="58">
        <f>IF(Input!$K$13=2,J5228*Input!$J$13,0)+IF(Input!$K$14=2,K5228*Input!$J$14,0)+IF(Input!$K$15=2,L5228*Input!$J$15,0)+IF(Input!$K$16=2,M5228*Input!$J$16,0)</f>
        <v>2.9845045280950076E-2</v>
      </c>
      <c r="P5228" s="58">
        <f>IF(Input!$K$13=3,J5228*Input!$J$13,0)+IF(Input!$K$14=3,K5228*Input!$J$14,0)+IF(Input!$K$15=3,L5228*Input!$J$15,0)+IF(Input!$K$16=3,M5228*Input!$J$16,0)</f>
        <v>0</v>
      </c>
      <c r="Q5228" s="71">
        <f>IF(Input!$K$13=4,J5228*Input!$J$13,0)+IF(Input!$K$14=4,K5228*Input!$J$14,0)+IF(Input!$K$15=4,L5228*Input!$J$15,0)+IF(Input!$K$16=4,M5228*Input!$J$16,0)</f>
        <v>0</v>
      </c>
    </row>
    <row r="5229" spans="8:17" x14ac:dyDescent="0.25">
      <c r="H5229" s="43">
        <v>5222</v>
      </c>
      <c r="I5229" s="55">
        <f>Bühler!I5255</f>
        <v>0.65061602740618729</v>
      </c>
      <c r="J5229" s="58">
        <f>Bühler!J5255</f>
        <v>4.7506397819608219</v>
      </c>
      <c r="K5229" s="58">
        <f>Bühler!K5255</f>
        <v>0.22107440948851909</v>
      </c>
      <c r="L5229" s="58">
        <f>Bühler!L5255</f>
        <v>0.11053720474425954</v>
      </c>
      <c r="M5229" s="57">
        <f>Bühler!M5255</f>
        <v>0</v>
      </c>
      <c r="N5229" s="55">
        <f>IF(Input!$K$13=1,J5229*Input!$J$13,0)+IF(Input!$K$14=1,K5229*Input!$J$14,0)+IF(Input!$K$15=1,L5229*Input!$J$15,0)+IF(Input!$K$16=1,M5229*Input!$J$16,0)</f>
        <v>0.57007677383529864</v>
      </c>
      <c r="O5229" s="58">
        <f>IF(Input!$K$13=2,J5229*Input!$J$13,0)+IF(Input!$K$14=2,K5229*Input!$J$14,0)+IF(Input!$K$15=2,L5229*Input!$J$15,0)+IF(Input!$K$16=2,M5229*Input!$J$16,0)</f>
        <v>2.9845045280950076E-2</v>
      </c>
      <c r="P5229" s="58">
        <f>IF(Input!$K$13=3,J5229*Input!$J$13,0)+IF(Input!$K$14=3,K5229*Input!$J$14,0)+IF(Input!$K$15=3,L5229*Input!$J$15,0)+IF(Input!$K$16=3,M5229*Input!$J$16,0)</f>
        <v>0</v>
      </c>
      <c r="Q5229" s="71">
        <f>IF(Input!$K$13=4,J5229*Input!$J$13,0)+IF(Input!$K$14=4,K5229*Input!$J$14,0)+IF(Input!$K$15=4,L5229*Input!$J$15,0)+IF(Input!$K$16=4,M5229*Input!$J$16,0)</f>
        <v>0</v>
      </c>
    </row>
    <row r="5230" spans="8:17" x14ac:dyDescent="0.25">
      <c r="H5230" s="43">
        <v>5223</v>
      </c>
      <c r="I5230" s="55">
        <f>Bühler!I5256</f>
        <v>0.65061602740618729</v>
      </c>
      <c r="J5230" s="58">
        <f>Bühler!J5256</f>
        <v>4.7506397819608219</v>
      </c>
      <c r="K5230" s="58">
        <f>Bühler!K5256</f>
        <v>0.22107440948851909</v>
      </c>
      <c r="L5230" s="58">
        <f>Bühler!L5256</f>
        <v>0.11053720474425954</v>
      </c>
      <c r="M5230" s="57">
        <f>Bühler!M5256</f>
        <v>0</v>
      </c>
      <c r="N5230" s="55">
        <f>IF(Input!$K$13=1,J5230*Input!$J$13,0)+IF(Input!$K$14=1,K5230*Input!$J$14,0)+IF(Input!$K$15=1,L5230*Input!$J$15,0)+IF(Input!$K$16=1,M5230*Input!$J$16,0)</f>
        <v>0.57007677383529864</v>
      </c>
      <c r="O5230" s="58">
        <f>IF(Input!$K$13=2,J5230*Input!$J$13,0)+IF(Input!$K$14=2,K5230*Input!$J$14,0)+IF(Input!$K$15=2,L5230*Input!$J$15,0)+IF(Input!$K$16=2,M5230*Input!$J$16,0)</f>
        <v>2.9845045280950076E-2</v>
      </c>
      <c r="P5230" s="58">
        <f>IF(Input!$K$13=3,J5230*Input!$J$13,0)+IF(Input!$K$14=3,K5230*Input!$J$14,0)+IF(Input!$K$15=3,L5230*Input!$J$15,0)+IF(Input!$K$16=3,M5230*Input!$J$16,0)</f>
        <v>0</v>
      </c>
      <c r="Q5230" s="71">
        <f>IF(Input!$K$13=4,J5230*Input!$J$13,0)+IF(Input!$K$14=4,K5230*Input!$J$14,0)+IF(Input!$K$15=4,L5230*Input!$J$15,0)+IF(Input!$K$16=4,M5230*Input!$J$16,0)</f>
        <v>0</v>
      </c>
    </row>
    <row r="5231" spans="8:17" x14ac:dyDescent="0.25">
      <c r="H5231" s="43">
        <v>5224</v>
      </c>
      <c r="I5231" s="55">
        <f>Bühler!I5257</f>
        <v>0.57832535769438864</v>
      </c>
      <c r="J5231" s="58">
        <f>Bühler!J5257</f>
        <v>4.7476276707228307</v>
      </c>
      <c r="K5231" s="58">
        <f>Bühler!K5257</f>
        <v>0.22107440948851909</v>
      </c>
      <c r="L5231" s="58">
        <f>Bühler!L5257</f>
        <v>0.11053720474425954</v>
      </c>
      <c r="M5231" s="57">
        <f>Bühler!M5257</f>
        <v>0</v>
      </c>
      <c r="N5231" s="55">
        <f>IF(Input!$K$13=1,J5231*Input!$J$13,0)+IF(Input!$K$14=1,K5231*Input!$J$14,0)+IF(Input!$K$15=1,L5231*Input!$J$15,0)+IF(Input!$K$16=1,M5231*Input!$J$16,0)</f>
        <v>0.56971532048673967</v>
      </c>
      <c r="O5231" s="58">
        <f>IF(Input!$K$13=2,J5231*Input!$J$13,0)+IF(Input!$K$14=2,K5231*Input!$J$14,0)+IF(Input!$K$15=2,L5231*Input!$J$15,0)+IF(Input!$K$16=2,M5231*Input!$J$16,0)</f>
        <v>2.9845045280950076E-2</v>
      </c>
      <c r="P5231" s="58">
        <f>IF(Input!$K$13=3,J5231*Input!$J$13,0)+IF(Input!$K$14=3,K5231*Input!$J$14,0)+IF(Input!$K$15=3,L5231*Input!$J$15,0)+IF(Input!$K$16=3,M5231*Input!$J$16,0)</f>
        <v>0</v>
      </c>
      <c r="Q5231" s="71">
        <f>IF(Input!$K$13=4,J5231*Input!$J$13,0)+IF(Input!$K$14=4,K5231*Input!$J$14,0)+IF(Input!$K$15=4,L5231*Input!$J$15,0)+IF(Input!$K$16=4,M5231*Input!$J$16,0)</f>
        <v>0</v>
      </c>
    </row>
    <row r="5232" spans="8:17" x14ac:dyDescent="0.25">
      <c r="H5232" s="43">
        <v>5225</v>
      </c>
      <c r="I5232" s="55">
        <f>Bühler!I5258</f>
        <v>0.56799811916413168</v>
      </c>
      <c r="J5232" s="58">
        <f>Bühler!J5258</f>
        <v>4.7471973691174032</v>
      </c>
      <c r="K5232" s="58">
        <f>Bühler!K5258</f>
        <v>0.22107440948851909</v>
      </c>
      <c r="L5232" s="58">
        <f>Bühler!L5258</f>
        <v>0.11053720474425954</v>
      </c>
      <c r="M5232" s="57">
        <f>Bühler!M5258</f>
        <v>0</v>
      </c>
      <c r="N5232" s="55">
        <f>IF(Input!$K$13=1,J5232*Input!$J$13,0)+IF(Input!$K$14=1,K5232*Input!$J$14,0)+IF(Input!$K$15=1,L5232*Input!$J$15,0)+IF(Input!$K$16=1,M5232*Input!$J$16,0)</f>
        <v>0.56966368429408831</v>
      </c>
      <c r="O5232" s="58">
        <f>IF(Input!$K$13=2,J5232*Input!$J$13,0)+IF(Input!$K$14=2,K5232*Input!$J$14,0)+IF(Input!$K$15=2,L5232*Input!$J$15,0)+IF(Input!$K$16=2,M5232*Input!$J$16,0)</f>
        <v>2.9845045280950076E-2</v>
      </c>
      <c r="P5232" s="58">
        <f>IF(Input!$K$13=3,J5232*Input!$J$13,0)+IF(Input!$K$14=3,K5232*Input!$J$14,0)+IF(Input!$K$15=3,L5232*Input!$J$15,0)+IF(Input!$K$16=3,M5232*Input!$J$16,0)</f>
        <v>0</v>
      </c>
      <c r="Q5232" s="71">
        <f>IF(Input!$K$13=4,J5232*Input!$J$13,0)+IF(Input!$K$14=4,K5232*Input!$J$14,0)+IF(Input!$K$15=4,L5232*Input!$J$15,0)+IF(Input!$K$16=4,M5232*Input!$J$16,0)</f>
        <v>0</v>
      </c>
    </row>
    <row r="5233" spans="8:17" x14ac:dyDescent="0.25">
      <c r="H5233" s="43">
        <v>5226</v>
      </c>
      <c r="I5233" s="55">
        <f>Bühler!I5259</f>
        <v>0.48538021092207617</v>
      </c>
      <c r="J5233" s="58">
        <f>Bühler!J5259</f>
        <v>4.7437549562739836</v>
      </c>
      <c r="K5233" s="58">
        <f>Bühler!K5259</f>
        <v>0.22107440948851909</v>
      </c>
      <c r="L5233" s="58">
        <f>Bühler!L5259</f>
        <v>0.11053720474425954</v>
      </c>
      <c r="M5233" s="57">
        <f>Bühler!M5259</f>
        <v>0</v>
      </c>
      <c r="N5233" s="55">
        <f>IF(Input!$K$13=1,J5233*Input!$J$13,0)+IF(Input!$K$14=1,K5233*Input!$J$14,0)+IF(Input!$K$15=1,L5233*Input!$J$15,0)+IF(Input!$K$16=1,M5233*Input!$J$16,0)</f>
        <v>0.56925059475287798</v>
      </c>
      <c r="O5233" s="58">
        <f>IF(Input!$K$13=2,J5233*Input!$J$13,0)+IF(Input!$K$14=2,K5233*Input!$J$14,0)+IF(Input!$K$15=2,L5233*Input!$J$15,0)+IF(Input!$K$16=2,M5233*Input!$J$16,0)</f>
        <v>2.9845045280950076E-2</v>
      </c>
      <c r="P5233" s="58">
        <f>IF(Input!$K$13=3,J5233*Input!$J$13,0)+IF(Input!$K$14=3,K5233*Input!$J$14,0)+IF(Input!$K$15=3,L5233*Input!$J$15,0)+IF(Input!$K$16=3,M5233*Input!$J$16,0)</f>
        <v>0</v>
      </c>
      <c r="Q5233" s="71">
        <f>IF(Input!$K$13=4,J5233*Input!$J$13,0)+IF(Input!$K$14=4,K5233*Input!$J$14,0)+IF(Input!$K$15=4,L5233*Input!$J$15,0)+IF(Input!$K$16=4,M5233*Input!$J$16,0)</f>
        <v>0</v>
      </c>
    </row>
    <row r="5234" spans="8:17" x14ac:dyDescent="0.25">
      <c r="H5234" s="43">
        <v>5227</v>
      </c>
      <c r="I5234" s="55">
        <f>Bühler!I5260</f>
        <v>0.45439849533130539</v>
      </c>
      <c r="J5234" s="58">
        <f>Bühler!J5260</f>
        <v>4.7424640514577021</v>
      </c>
      <c r="K5234" s="58">
        <f>Bühler!K5260</f>
        <v>0.22107440948851909</v>
      </c>
      <c r="L5234" s="58">
        <f>Bühler!L5260</f>
        <v>0.11053720474425954</v>
      </c>
      <c r="M5234" s="57">
        <f>Bühler!M5260</f>
        <v>0</v>
      </c>
      <c r="N5234" s="55">
        <f>IF(Input!$K$13=1,J5234*Input!$J$13,0)+IF(Input!$K$14=1,K5234*Input!$J$14,0)+IF(Input!$K$15=1,L5234*Input!$J$15,0)+IF(Input!$K$16=1,M5234*Input!$J$16,0)</f>
        <v>0.56909568617492423</v>
      </c>
      <c r="O5234" s="58">
        <f>IF(Input!$K$13=2,J5234*Input!$J$13,0)+IF(Input!$K$14=2,K5234*Input!$J$14,0)+IF(Input!$K$15=2,L5234*Input!$J$15,0)+IF(Input!$K$16=2,M5234*Input!$J$16,0)</f>
        <v>2.9845045280950076E-2</v>
      </c>
      <c r="P5234" s="58">
        <f>IF(Input!$K$13=3,J5234*Input!$J$13,0)+IF(Input!$K$14=3,K5234*Input!$J$14,0)+IF(Input!$K$15=3,L5234*Input!$J$15,0)+IF(Input!$K$16=3,M5234*Input!$J$16,0)</f>
        <v>0</v>
      </c>
      <c r="Q5234" s="71">
        <f>IF(Input!$K$13=4,J5234*Input!$J$13,0)+IF(Input!$K$14=4,K5234*Input!$J$14,0)+IF(Input!$K$15=4,L5234*Input!$J$15,0)+IF(Input!$K$16=4,M5234*Input!$J$16,0)</f>
        <v>0</v>
      </c>
    </row>
    <row r="5235" spans="8:17" x14ac:dyDescent="0.25">
      <c r="H5235" s="43">
        <v>5228</v>
      </c>
      <c r="I5235" s="55">
        <f>Bühler!I5261</f>
        <v>0.38210782561950679</v>
      </c>
      <c r="J5235" s="58">
        <f>Bühler!J5261</f>
        <v>4.7394519402197099</v>
      </c>
      <c r="K5235" s="58">
        <f>Bühler!K5261</f>
        <v>0.22107440948851909</v>
      </c>
      <c r="L5235" s="58">
        <f>Bühler!L5261</f>
        <v>0.11053720474425954</v>
      </c>
      <c r="M5235" s="57">
        <f>Bühler!M5261</f>
        <v>0</v>
      </c>
      <c r="N5235" s="55">
        <f>IF(Input!$K$13=1,J5235*Input!$J$13,0)+IF(Input!$K$14=1,K5235*Input!$J$14,0)+IF(Input!$K$15=1,L5235*Input!$J$15,0)+IF(Input!$K$16=1,M5235*Input!$J$16,0)</f>
        <v>0.56873423282636515</v>
      </c>
      <c r="O5235" s="58">
        <f>IF(Input!$K$13=2,J5235*Input!$J$13,0)+IF(Input!$K$14=2,K5235*Input!$J$14,0)+IF(Input!$K$15=2,L5235*Input!$J$15,0)+IF(Input!$K$16=2,M5235*Input!$J$16,0)</f>
        <v>2.9845045280950076E-2</v>
      </c>
      <c r="P5235" s="58">
        <f>IF(Input!$K$13=3,J5235*Input!$J$13,0)+IF(Input!$K$14=3,K5235*Input!$J$14,0)+IF(Input!$K$15=3,L5235*Input!$J$15,0)+IF(Input!$K$16=3,M5235*Input!$J$16,0)</f>
        <v>0</v>
      </c>
      <c r="Q5235" s="71">
        <f>IF(Input!$K$13=4,J5235*Input!$J$13,0)+IF(Input!$K$14=4,K5235*Input!$J$14,0)+IF(Input!$K$15=4,L5235*Input!$J$15,0)+IF(Input!$K$16=4,M5235*Input!$J$16,0)</f>
        <v>0</v>
      </c>
    </row>
    <row r="5236" spans="8:17" x14ac:dyDescent="0.25">
      <c r="H5236" s="43">
        <v>5229</v>
      </c>
      <c r="I5236" s="55">
        <f>Bühler!I5262</f>
        <v>0.32014439443796516</v>
      </c>
      <c r="J5236" s="58">
        <f>Bühler!J5262</f>
        <v>4.7368701305871461</v>
      </c>
      <c r="K5236" s="58">
        <f>Bühler!K5262</f>
        <v>0.22107440948851909</v>
      </c>
      <c r="L5236" s="58">
        <f>Bühler!L5262</f>
        <v>0.11053720474425954</v>
      </c>
      <c r="M5236" s="57">
        <f>Bühler!M5262</f>
        <v>0</v>
      </c>
      <c r="N5236" s="55">
        <f>IF(Input!$K$13=1,J5236*Input!$J$13,0)+IF(Input!$K$14=1,K5236*Input!$J$14,0)+IF(Input!$K$15=1,L5236*Input!$J$15,0)+IF(Input!$K$16=1,M5236*Input!$J$16,0)</f>
        <v>0.56842441567045754</v>
      </c>
      <c r="O5236" s="58">
        <f>IF(Input!$K$13=2,J5236*Input!$J$13,0)+IF(Input!$K$14=2,K5236*Input!$J$14,0)+IF(Input!$K$15=2,L5236*Input!$J$15,0)+IF(Input!$K$16=2,M5236*Input!$J$16,0)</f>
        <v>2.9845045280950076E-2</v>
      </c>
      <c r="P5236" s="58">
        <f>IF(Input!$K$13=3,J5236*Input!$J$13,0)+IF(Input!$K$14=3,K5236*Input!$J$14,0)+IF(Input!$K$15=3,L5236*Input!$J$15,0)+IF(Input!$K$16=3,M5236*Input!$J$16,0)</f>
        <v>0</v>
      </c>
      <c r="Q5236" s="71">
        <f>IF(Input!$K$13=4,J5236*Input!$J$13,0)+IF(Input!$K$14=4,K5236*Input!$J$14,0)+IF(Input!$K$15=4,L5236*Input!$J$15,0)+IF(Input!$K$16=4,M5236*Input!$J$16,0)</f>
        <v>0</v>
      </c>
    </row>
    <row r="5237" spans="8:17" x14ac:dyDescent="0.25">
      <c r="H5237" s="43">
        <v>5230</v>
      </c>
      <c r="I5237" s="55">
        <f>Bühler!I5263</f>
        <v>0.27883544031693747</v>
      </c>
      <c r="J5237" s="58">
        <f>Bühler!J5263</f>
        <v>4.7351489241654363</v>
      </c>
      <c r="K5237" s="58">
        <f>Bühler!K5263</f>
        <v>0.22107440948851909</v>
      </c>
      <c r="L5237" s="58">
        <f>Bühler!L5263</f>
        <v>0.11053720474425954</v>
      </c>
      <c r="M5237" s="57">
        <f>Bühler!M5263</f>
        <v>0</v>
      </c>
      <c r="N5237" s="55">
        <f>IF(Input!$K$13=1,J5237*Input!$J$13,0)+IF(Input!$K$14=1,K5237*Input!$J$14,0)+IF(Input!$K$15=1,L5237*Input!$J$15,0)+IF(Input!$K$16=1,M5237*Input!$J$16,0)</f>
        <v>0.56821787089985232</v>
      </c>
      <c r="O5237" s="58">
        <f>IF(Input!$K$13=2,J5237*Input!$J$13,0)+IF(Input!$K$14=2,K5237*Input!$J$14,0)+IF(Input!$K$15=2,L5237*Input!$J$15,0)+IF(Input!$K$16=2,M5237*Input!$J$16,0)</f>
        <v>2.9845045280950076E-2</v>
      </c>
      <c r="P5237" s="58">
        <f>IF(Input!$K$13=3,J5237*Input!$J$13,0)+IF(Input!$K$14=3,K5237*Input!$J$14,0)+IF(Input!$K$15=3,L5237*Input!$J$15,0)+IF(Input!$K$16=3,M5237*Input!$J$16,0)</f>
        <v>0</v>
      </c>
      <c r="Q5237" s="71">
        <f>IF(Input!$K$13=4,J5237*Input!$J$13,0)+IF(Input!$K$14=4,K5237*Input!$J$14,0)+IF(Input!$K$15=4,L5237*Input!$J$15,0)+IF(Input!$K$16=4,M5237*Input!$J$16,0)</f>
        <v>0</v>
      </c>
    </row>
    <row r="5238" spans="8:17" x14ac:dyDescent="0.25">
      <c r="H5238" s="43">
        <v>5231</v>
      </c>
      <c r="I5238" s="55">
        <f>Bühler!I5264</f>
        <v>0.27883544031693747</v>
      </c>
      <c r="J5238" s="58">
        <f>Bühler!J5264</f>
        <v>4.7351489241654363</v>
      </c>
      <c r="K5238" s="58">
        <f>Bühler!K5264</f>
        <v>0.22107440948851909</v>
      </c>
      <c r="L5238" s="58">
        <f>Bühler!L5264</f>
        <v>0.11053720474425954</v>
      </c>
      <c r="M5238" s="57">
        <f>Bühler!M5264</f>
        <v>0</v>
      </c>
      <c r="N5238" s="55">
        <f>IF(Input!$K$13=1,J5238*Input!$J$13,0)+IF(Input!$K$14=1,K5238*Input!$J$14,0)+IF(Input!$K$15=1,L5238*Input!$J$15,0)+IF(Input!$K$16=1,M5238*Input!$J$16,0)</f>
        <v>0.56821787089985232</v>
      </c>
      <c r="O5238" s="58">
        <f>IF(Input!$K$13=2,J5238*Input!$J$13,0)+IF(Input!$K$14=2,K5238*Input!$J$14,0)+IF(Input!$K$15=2,L5238*Input!$J$15,0)+IF(Input!$K$16=2,M5238*Input!$J$16,0)</f>
        <v>2.9845045280950076E-2</v>
      </c>
      <c r="P5238" s="58">
        <f>IF(Input!$K$13=3,J5238*Input!$J$13,0)+IF(Input!$K$14=3,K5238*Input!$J$14,0)+IF(Input!$K$15=3,L5238*Input!$J$15,0)+IF(Input!$K$16=3,M5238*Input!$J$16,0)</f>
        <v>0</v>
      </c>
      <c r="Q5238" s="71">
        <f>IF(Input!$K$13=4,J5238*Input!$J$13,0)+IF(Input!$K$14=4,K5238*Input!$J$14,0)+IF(Input!$K$15=4,L5238*Input!$J$15,0)+IF(Input!$K$16=4,M5238*Input!$J$16,0)</f>
        <v>0</v>
      </c>
    </row>
    <row r="5239" spans="8:17" x14ac:dyDescent="0.25">
      <c r="H5239" s="43">
        <v>5232</v>
      </c>
      <c r="I5239" s="55">
        <f>Bühler!I5265</f>
        <v>0.27883544031693747</v>
      </c>
      <c r="J5239" s="58">
        <f>Bühler!J5265</f>
        <v>4.7351489241654363</v>
      </c>
      <c r="K5239" s="58">
        <f>Bühler!K5265</f>
        <v>0.22107440948851909</v>
      </c>
      <c r="L5239" s="58">
        <f>Bühler!L5265</f>
        <v>0.11053720474425954</v>
      </c>
      <c r="M5239" s="57">
        <f>Bühler!M5265</f>
        <v>0</v>
      </c>
      <c r="N5239" s="55">
        <f>IF(Input!$K$13=1,J5239*Input!$J$13,0)+IF(Input!$K$14=1,K5239*Input!$J$14,0)+IF(Input!$K$15=1,L5239*Input!$J$15,0)+IF(Input!$K$16=1,M5239*Input!$J$16,0)</f>
        <v>0.56821787089985232</v>
      </c>
      <c r="O5239" s="58">
        <f>IF(Input!$K$13=2,J5239*Input!$J$13,0)+IF(Input!$K$14=2,K5239*Input!$J$14,0)+IF(Input!$K$15=2,L5239*Input!$J$15,0)+IF(Input!$K$16=2,M5239*Input!$J$16,0)</f>
        <v>2.9845045280950076E-2</v>
      </c>
      <c r="P5239" s="58">
        <f>IF(Input!$K$13=3,J5239*Input!$J$13,0)+IF(Input!$K$14=3,K5239*Input!$J$14,0)+IF(Input!$K$15=3,L5239*Input!$J$15,0)+IF(Input!$K$16=3,M5239*Input!$J$16,0)</f>
        <v>0</v>
      </c>
      <c r="Q5239" s="71">
        <f>IF(Input!$K$13=4,J5239*Input!$J$13,0)+IF(Input!$K$14=4,K5239*Input!$J$14,0)+IF(Input!$K$15=4,L5239*Input!$J$15,0)+IF(Input!$K$16=4,M5239*Input!$J$16,0)</f>
        <v>0</v>
      </c>
    </row>
    <row r="5240" spans="8:17" x14ac:dyDescent="0.25">
      <c r="H5240" s="43">
        <v>5233</v>
      </c>
      <c r="I5240" s="55">
        <f>Bühler!I5266</f>
        <v>0.29778262535577671</v>
      </c>
      <c r="J5240" s="58">
        <f>Bühler!J5266</f>
        <v>7.9961068162864555</v>
      </c>
      <c r="K5240" s="58">
        <f>Bühler!K5266</f>
        <v>0.57568109363212439</v>
      </c>
      <c r="L5240" s="58">
        <f>Bühler!L5266</f>
        <v>0.28784054681606219</v>
      </c>
      <c r="M5240" s="57">
        <f>Bühler!M5266</f>
        <v>0</v>
      </c>
      <c r="N5240" s="55">
        <f>IF(Input!$K$13=1,J5240*Input!$J$13,0)+IF(Input!$K$14=1,K5240*Input!$J$14,0)+IF(Input!$K$15=1,L5240*Input!$J$15,0)+IF(Input!$K$16=1,M5240*Input!$J$16,0)</f>
        <v>0.95953281795437462</v>
      </c>
      <c r="O5240" s="58">
        <f>IF(Input!$K$13=2,J5240*Input!$J$13,0)+IF(Input!$K$14=2,K5240*Input!$J$14,0)+IF(Input!$K$15=2,L5240*Input!$J$15,0)+IF(Input!$K$16=2,M5240*Input!$J$16,0)</f>
        <v>7.7716947640336792E-2</v>
      </c>
      <c r="P5240" s="58">
        <f>IF(Input!$K$13=3,J5240*Input!$J$13,0)+IF(Input!$K$14=3,K5240*Input!$J$14,0)+IF(Input!$K$15=3,L5240*Input!$J$15,0)+IF(Input!$K$16=3,M5240*Input!$J$16,0)</f>
        <v>0</v>
      </c>
      <c r="Q5240" s="71">
        <f>IF(Input!$K$13=4,J5240*Input!$J$13,0)+IF(Input!$K$14=4,K5240*Input!$J$14,0)+IF(Input!$K$15=4,L5240*Input!$J$15,0)+IF(Input!$K$16=4,M5240*Input!$J$16,0)</f>
        <v>0</v>
      </c>
    </row>
    <row r="5241" spans="8:17" x14ac:dyDescent="0.25">
      <c r="H5241" s="43">
        <v>5234</v>
      </c>
      <c r="I5241" s="55">
        <f>Bühler!I5267</f>
        <v>0.29778262535577671</v>
      </c>
      <c r="J5241" s="58">
        <f>Bühler!J5267</f>
        <v>7.9961068162864555</v>
      </c>
      <c r="K5241" s="58">
        <f>Bühler!K5267</f>
        <v>0.57568109363212439</v>
      </c>
      <c r="L5241" s="58">
        <f>Bühler!L5267</f>
        <v>0.28784054681606219</v>
      </c>
      <c r="M5241" s="57">
        <f>Bühler!M5267</f>
        <v>0</v>
      </c>
      <c r="N5241" s="55">
        <f>IF(Input!$K$13=1,J5241*Input!$J$13,0)+IF(Input!$K$14=1,K5241*Input!$J$14,0)+IF(Input!$K$15=1,L5241*Input!$J$15,0)+IF(Input!$K$16=1,M5241*Input!$J$16,0)</f>
        <v>0.95953281795437462</v>
      </c>
      <c r="O5241" s="58">
        <f>IF(Input!$K$13=2,J5241*Input!$J$13,0)+IF(Input!$K$14=2,K5241*Input!$J$14,0)+IF(Input!$K$15=2,L5241*Input!$J$15,0)+IF(Input!$K$16=2,M5241*Input!$J$16,0)</f>
        <v>7.7716947640336792E-2</v>
      </c>
      <c r="P5241" s="58">
        <f>IF(Input!$K$13=3,J5241*Input!$J$13,0)+IF(Input!$K$14=3,K5241*Input!$J$14,0)+IF(Input!$K$15=3,L5241*Input!$J$15,0)+IF(Input!$K$16=3,M5241*Input!$J$16,0)</f>
        <v>0</v>
      </c>
      <c r="Q5241" s="71">
        <f>IF(Input!$K$13=4,J5241*Input!$J$13,0)+IF(Input!$K$14=4,K5241*Input!$J$14,0)+IF(Input!$K$15=4,L5241*Input!$J$15,0)+IF(Input!$K$16=4,M5241*Input!$J$16,0)</f>
        <v>0</v>
      </c>
    </row>
    <row r="5242" spans="8:17" x14ac:dyDescent="0.25">
      <c r="H5242" s="43">
        <v>5235</v>
      </c>
      <c r="I5242" s="55">
        <f>Bühler!I5268</f>
        <v>0.29778262535577671</v>
      </c>
      <c r="J5242" s="58">
        <f>Bühler!J5268</f>
        <v>7.9961068162864555</v>
      </c>
      <c r="K5242" s="58">
        <f>Bühler!K5268</f>
        <v>0.57568109363212439</v>
      </c>
      <c r="L5242" s="58">
        <f>Bühler!L5268</f>
        <v>0.28784054681606219</v>
      </c>
      <c r="M5242" s="57">
        <f>Bühler!M5268</f>
        <v>0</v>
      </c>
      <c r="N5242" s="55">
        <f>IF(Input!$K$13=1,J5242*Input!$J$13,0)+IF(Input!$K$14=1,K5242*Input!$J$14,0)+IF(Input!$K$15=1,L5242*Input!$J$15,0)+IF(Input!$K$16=1,M5242*Input!$J$16,0)</f>
        <v>0.95953281795437462</v>
      </c>
      <c r="O5242" s="58">
        <f>IF(Input!$K$13=2,J5242*Input!$J$13,0)+IF(Input!$K$14=2,K5242*Input!$J$14,0)+IF(Input!$K$15=2,L5242*Input!$J$15,0)+IF(Input!$K$16=2,M5242*Input!$J$16,0)</f>
        <v>7.7716947640336792E-2</v>
      </c>
      <c r="P5242" s="58">
        <f>IF(Input!$K$13=3,J5242*Input!$J$13,0)+IF(Input!$K$14=3,K5242*Input!$J$14,0)+IF(Input!$K$15=3,L5242*Input!$J$15,0)+IF(Input!$K$16=3,M5242*Input!$J$16,0)</f>
        <v>0</v>
      </c>
      <c r="Q5242" s="71">
        <f>IF(Input!$K$13=4,J5242*Input!$J$13,0)+IF(Input!$K$14=4,K5242*Input!$J$14,0)+IF(Input!$K$15=4,L5242*Input!$J$15,0)+IF(Input!$K$16=4,M5242*Input!$J$16,0)</f>
        <v>0</v>
      </c>
    </row>
    <row r="5243" spans="8:17" x14ac:dyDescent="0.25">
      <c r="H5243" s="43">
        <v>5236</v>
      </c>
      <c r="I5243" s="55">
        <f>Bühler!I5269</f>
        <v>0.29778262535577671</v>
      </c>
      <c r="J5243" s="58">
        <f>Bühler!J5269</f>
        <v>7.9961068162864555</v>
      </c>
      <c r="K5243" s="58">
        <f>Bühler!K5269</f>
        <v>0.57568109363212439</v>
      </c>
      <c r="L5243" s="58">
        <f>Bühler!L5269</f>
        <v>0.28784054681606219</v>
      </c>
      <c r="M5243" s="57">
        <f>Bühler!M5269</f>
        <v>0</v>
      </c>
      <c r="N5243" s="55">
        <f>IF(Input!$K$13=1,J5243*Input!$J$13,0)+IF(Input!$K$14=1,K5243*Input!$J$14,0)+IF(Input!$K$15=1,L5243*Input!$J$15,0)+IF(Input!$K$16=1,M5243*Input!$J$16,0)</f>
        <v>0.95953281795437462</v>
      </c>
      <c r="O5243" s="58">
        <f>IF(Input!$K$13=2,J5243*Input!$J$13,0)+IF(Input!$K$14=2,K5243*Input!$J$14,0)+IF(Input!$K$15=2,L5243*Input!$J$15,0)+IF(Input!$K$16=2,M5243*Input!$J$16,0)</f>
        <v>7.7716947640336792E-2</v>
      </c>
      <c r="P5243" s="58">
        <f>IF(Input!$K$13=3,J5243*Input!$J$13,0)+IF(Input!$K$14=3,K5243*Input!$J$14,0)+IF(Input!$K$15=3,L5243*Input!$J$15,0)+IF(Input!$K$16=3,M5243*Input!$J$16,0)</f>
        <v>0</v>
      </c>
      <c r="Q5243" s="71">
        <f>IF(Input!$K$13=4,J5243*Input!$J$13,0)+IF(Input!$K$14=4,K5243*Input!$J$14,0)+IF(Input!$K$15=4,L5243*Input!$J$15,0)+IF(Input!$K$16=4,M5243*Input!$J$16,0)</f>
        <v>0</v>
      </c>
    </row>
    <row r="5244" spans="8:17" x14ac:dyDescent="0.25">
      <c r="H5244" s="43">
        <v>5237</v>
      </c>
      <c r="I5244" s="55">
        <f>Bühler!I5270</f>
        <v>0.29778262535577671</v>
      </c>
      <c r="J5244" s="58">
        <f>Bühler!J5270</f>
        <v>7.9961068162864555</v>
      </c>
      <c r="K5244" s="58">
        <f>Bühler!K5270</f>
        <v>0.57568109363212439</v>
      </c>
      <c r="L5244" s="58">
        <f>Bühler!L5270</f>
        <v>0.28784054681606219</v>
      </c>
      <c r="M5244" s="57">
        <f>Bühler!M5270</f>
        <v>0</v>
      </c>
      <c r="N5244" s="55">
        <f>IF(Input!$K$13=1,J5244*Input!$J$13,0)+IF(Input!$K$14=1,K5244*Input!$J$14,0)+IF(Input!$K$15=1,L5244*Input!$J$15,0)+IF(Input!$K$16=1,M5244*Input!$J$16,0)</f>
        <v>0.95953281795437462</v>
      </c>
      <c r="O5244" s="58">
        <f>IF(Input!$K$13=2,J5244*Input!$J$13,0)+IF(Input!$K$14=2,K5244*Input!$J$14,0)+IF(Input!$K$15=2,L5244*Input!$J$15,0)+IF(Input!$K$16=2,M5244*Input!$J$16,0)</f>
        <v>7.7716947640336792E-2</v>
      </c>
      <c r="P5244" s="58">
        <f>IF(Input!$K$13=3,J5244*Input!$J$13,0)+IF(Input!$K$14=3,K5244*Input!$J$14,0)+IF(Input!$K$15=3,L5244*Input!$J$15,0)+IF(Input!$K$16=3,M5244*Input!$J$16,0)</f>
        <v>0</v>
      </c>
      <c r="Q5244" s="71">
        <f>IF(Input!$K$13=4,J5244*Input!$J$13,0)+IF(Input!$K$14=4,K5244*Input!$J$14,0)+IF(Input!$K$15=4,L5244*Input!$J$15,0)+IF(Input!$K$16=4,M5244*Input!$J$16,0)</f>
        <v>0</v>
      </c>
    </row>
    <row r="5245" spans="8:17" x14ac:dyDescent="0.25">
      <c r="H5245" s="43">
        <v>5238</v>
      </c>
      <c r="I5245" s="55">
        <f>Bühler!I5271</f>
        <v>0.29778262535577671</v>
      </c>
      <c r="J5245" s="58">
        <f>Bühler!J5271</f>
        <v>7.9961068162864555</v>
      </c>
      <c r="K5245" s="58">
        <f>Bühler!K5271</f>
        <v>0.57568109363212439</v>
      </c>
      <c r="L5245" s="58">
        <f>Bühler!L5271</f>
        <v>0.28784054681606219</v>
      </c>
      <c r="M5245" s="57">
        <f>Bühler!M5271</f>
        <v>0</v>
      </c>
      <c r="N5245" s="55">
        <f>IF(Input!$K$13=1,J5245*Input!$J$13,0)+IF(Input!$K$14=1,K5245*Input!$J$14,0)+IF(Input!$K$15=1,L5245*Input!$J$15,0)+IF(Input!$K$16=1,M5245*Input!$J$16,0)</f>
        <v>0.95953281795437462</v>
      </c>
      <c r="O5245" s="58">
        <f>IF(Input!$K$13=2,J5245*Input!$J$13,0)+IF(Input!$K$14=2,K5245*Input!$J$14,0)+IF(Input!$K$15=2,L5245*Input!$J$15,0)+IF(Input!$K$16=2,M5245*Input!$J$16,0)</f>
        <v>7.7716947640336792E-2</v>
      </c>
      <c r="P5245" s="58">
        <f>IF(Input!$K$13=3,J5245*Input!$J$13,0)+IF(Input!$K$14=3,K5245*Input!$J$14,0)+IF(Input!$K$15=3,L5245*Input!$J$15,0)+IF(Input!$K$16=3,M5245*Input!$J$16,0)</f>
        <v>0</v>
      </c>
      <c r="Q5245" s="71">
        <f>IF(Input!$K$13=4,J5245*Input!$J$13,0)+IF(Input!$K$14=4,K5245*Input!$J$14,0)+IF(Input!$K$15=4,L5245*Input!$J$15,0)+IF(Input!$K$16=4,M5245*Input!$J$16,0)</f>
        <v>0</v>
      </c>
    </row>
    <row r="5246" spans="8:17" x14ac:dyDescent="0.25">
      <c r="H5246" s="43">
        <v>5239</v>
      </c>
      <c r="I5246" s="55">
        <f>Bühler!I5272</f>
        <v>0.29778262535577671</v>
      </c>
      <c r="J5246" s="58">
        <f>Bühler!J5272</f>
        <v>7.9961068162864555</v>
      </c>
      <c r="K5246" s="58">
        <f>Bühler!K5272</f>
        <v>0.57568109363212439</v>
      </c>
      <c r="L5246" s="58">
        <f>Bühler!L5272</f>
        <v>0.28784054681606219</v>
      </c>
      <c r="M5246" s="57">
        <f>Bühler!M5272</f>
        <v>0</v>
      </c>
      <c r="N5246" s="55">
        <f>IF(Input!$K$13=1,J5246*Input!$J$13,0)+IF(Input!$K$14=1,K5246*Input!$J$14,0)+IF(Input!$K$15=1,L5246*Input!$J$15,0)+IF(Input!$K$16=1,M5246*Input!$J$16,0)</f>
        <v>0.95953281795437462</v>
      </c>
      <c r="O5246" s="58">
        <f>IF(Input!$K$13=2,J5246*Input!$J$13,0)+IF(Input!$K$14=2,K5246*Input!$J$14,0)+IF(Input!$K$15=2,L5246*Input!$J$15,0)+IF(Input!$K$16=2,M5246*Input!$J$16,0)</f>
        <v>7.7716947640336792E-2</v>
      </c>
      <c r="P5246" s="58">
        <f>IF(Input!$K$13=3,J5246*Input!$J$13,0)+IF(Input!$K$14=3,K5246*Input!$J$14,0)+IF(Input!$K$15=3,L5246*Input!$J$15,0)+IF(Input!$K$16=3,M5246*Input!$J$16,0)</f>
        <v>0</v>
      </c>
      <c r="Q5246" s="71">
        <f>IF(Input!$K$13=4,J5246*Input!$J$13,0)+IF(Input!$K$14=4,K5246*Input!$J$14,0)+IF(Input!$K$15=4,L5246*Input!$J$15,0)+IF(Input!$K$16=4,M5246*Input!$J$16,0)</f>
        <v>0</v>
      </c>
    </row>
    <row r="5247" spans="8:17" x14ac:dyDescent="0.25">
      <c r="H5247" s="43">
        <v>5240</v>
      </c>
      <c r="I5247" s="55">
        <f>Bühler!I5273</f>
        <v>1.2953544202976288</v>
      </c>
      <c r="J5247" s="58">
        <f>Bühler!J5273</f>
        <v>34.092448843352486</v>
      </c>
      <c r="K5247" s="58">
        <f>Bühler!K5273</f>
        <v>2.4524014588728495</v>
      </c>
      <c r="L5247" s="58">
        <f>Bühler!L5273</f>
        <v>1.2262007294364248</v>
      </c>
      <c r="M5247" s="57">
        <f>Bühler!M5273</f>
        <v>0</v>
      </c>
      <c r="N5247" s="55">
        <f>IF(Input!$K$13=1,J5247*Input!$J$13,0)+IF(Input!$K$14=1,K5247*Input!$J$14,0)+IF(Input!$K$15=1,L5247*Input!$J$15,0)+IF(Input!$K$16=1,M5247*Input!$J$16,0)</f>
        <v>4.0910938612022978</v>
      </c>
      <c r="O5247" s="58">
        <f>IF(Input!$K$13=2,J5247*Input!$J$13,0)+IF(Input!$K$14=2,K5247*Input!$J$14,0)+IF(Input!$K$15=2,L5247*Input!$J$15,0)+IF(Input!$K$16=2,M5247*Input!$J$16,0)</f>
        <v>0.33107419694783469</v>
      </c>
      <c r="P5247" s="58">
        <f>IF(Input!$K$13=3,J5247*Input!$J$13,0)+IF(Input!$K$14=3,K5247*Input!$J$14,0)+IF(Input!$K$15=3,L5247*Input!$J$15,0)+IF(Input!$K$16=3,M5247*Input!$J$16,0)</f>
        <v>0</v>
      </c>
      <c r="Q5247" s="71">
        <f>IF(Input!$K$13=4,J5247*Input!$J$13,0)+IF(Input!$K$14=4,K5247*Input!$J$14,0)+IF(Input!$K$15=4,L5247*Input!$J$15,0)+IF(Input!$K$16=4,M5247*Input!$J$16,0)</f>
        <v>0</v>
      </c>
    </row>
    <row r="5248" spans="8:17" x14ac:dyDescent="0.25">
      <c r="H5248" s="43">
        <v>5241</v>
      </c>
      <c r="I5248" s="55">
        <f>Bühler!I5274</f>
        <v>1.4572737228348323</v>
      </c>
      <c r="J5248" s="58">
        <f>Bühler!J5274</f>
        <v>38.354004948771546</v>
      </c>
      <c r="K5248" s="58">
        <f>Bühler!K5274</f>
        <v>2.7589516412319561</v>
      </c>
      <c r="L5248" s="58">
        <f>Bühler!L5274</f>
        <v>1.3794758206159781</v>
      </c>
      <c r="M5248" s="57">
        <f>Bühler!M5274</f>
        <v>0</v>
      </c>
      <c r="N5248" s="55">
        <f>IF(Input!$K$13=1,J5248*Input!$J$13,0)+IF(Input!$K$14=1,K5248*Input!$J$14,0)+IF(Input!$K$15=1,L5248*Input!$J$15,0)+IF(Input!$K$16=1,M5248*Input!$J$16,0)</f>
        <v>4.6024805938525857</v>
      </c>
      <c r="O5248" s="58">
        <f>IF(Input!$K$13=2,J5248*Input!$J$13,0)+IF(Input!$K$14=2,K5248*Input!$J$14,0)+IF(Input!$K$15=2,L5248*Input!$J$15,0)+IF(Input!$K$16=2,M5248*Input!$J$16,0)</f>
        <v>0.37245847156631406</v>
      </c>
      <c r="P5248" s="58">
        <f>IF(Input!$K$13=3,J5248*Input!$J$13,0)+IF(Input!$K$14=3,K5248*Input!$J$14,0)+IF(Input!$K$15=3,L5248*Input!$J$15,0)+IF(Input!$K$16=3,M5248*Input!$J$16,0)</f>
        <v>0</v>
      </c>
      <c r="Q5248" s="71">
        <f>IF(Input!$K$13=4,J5248*Input!$J$13,0)+IF(Input!$K$14=4,K5248*Input!$J$14,0)+IF(Input!$K$15=4,L5248*Input!$J$15,0)+IF(Input!$K$16=4,M5248*Input!$J$16,0)</f>
        <v>0</v>
      </c>
    </row>
    <row r="5249" spans="8:17" x14ac:dyDescent="0.25">
      <c r="H5249" s="43">
        <v>5242</v>
      </c>
      <c r="I5249" s="55">
        <f>Bühler!I5275</f>
        <v>1.6191930253720357</v>
      </c>
      <c r="J5249" s="58">
        <f>Bühler!J5275</f>
        <v>42.615561054190607</v>
      </c>
      <c r="K5249" s="58">
        <f>Bühler!K5275</f>
        <v>3.0655018235910623</v>
      </c>
      <c r="L5249" s="58">
        <f>Bühler!L5275</f>
        <v>1.5327509117955311</v>
      </c>
      <c r="M5249" s="57">
        <f>Bühler!M5275</f>
        <v>0</v>
      </c>
      <c r="N5249" s="55">
        <f>IF(Input!$K$13=1,J5249*Input!$J$13,0)+IF(Input!$K$14=1,K5249*Input!$J$14,0)+IF(Input!$K$15=1,L5249*Input!$J$15,0)+IF(Input!$K$16=1,M5249*Input!$J$16,0)</f>
        <v>5.1138673265028727</v>
      </c>
      <c r="O5249" s="58">
        <f>IF(Input!$K$13=2,J5249*Input!$J$13,0)+IF(Input!$K$14=2,K5249*Input!$J$14,0)+IF(Input!$K$15=2,L5249*Input!$J$15,0)+IF(Input!$K$16=2,M5249*Input!$J$16,0)</f>
        <v>0.41384274618479339</v>
      </c>
      <c r="P5249" s="58">
        <f>IF(Input!$K$13=3,J5249*Input!$J$13,0)+IF(Input!$K$14=3,K5249*Input!$J$14,0)+IF(Input!$K$15=3,L5249*Input!$J$15,0)+IF(Input!$K$16=3,M5249*Input!$J$16,0)</f>
        <v>0</v>
      </c>
      <c r="Q5249" s="71">
        <f>IF(Input!$K$13=4,J5249*Input!$J$13,0)+IF(Input!$K$14=4,K5249*Input!$J$14,0)+IF(Input!$K$15=4,L5249*Input!$J$15,0)+IF(Input!$K$16=4,M5249*Input!$J$16,0)</f>
        <v>0</v>
      </c>
    </row>
    <row r="5250" spans="8:17" x14ac:dyDescent="0.25">
      <c r="H5250" s="43">
        <v>5243</v>
      </c>
      <c r="I5250" s="55">
        <f>Bühler!I5276</f>
        <v>1.6191930253720357</v>
      </c>
      <c r="J5250" s="58">
        <f>Bühler!J5276</f>
        <v>42.615561054190607</v>
      </c>
      <c r="K5250" s="58">
        <f>Bühler!K5276</f>
        <v>3.0655018235910623</v>
      </c>
      <c r="L5250" s="58">
        <f>Bühler!L5276</f>
        <v>1.5327509117955311</v>
      </c>
      <c r="M5250" s="57">
        <f>Bühler!M5276</f>
        <v>0</v>
      </c>
      <c r="N5250" s="55">
        <f>IF(Input!$K$13=1,J5250*Input!$J$13,0)+IF(Input!$K$14=1,K5250*Input!$J$14,0)+IF(Input!$K$15=1,L5250*Input!$J$15,0)+IF(Input!$K$16=1,M5250*Input!$J$16,0)</f>
        <v>5.1138673265028727</v>
      </c>
      <c r="O5250" s="58">
        <f>IF(Input!$K$13=2,J5250*Input!$J$13,0)+IF(Input!$K$14=2,K5250*Input!$J$14,0)+IF(Input!$K$15=2,L5250*Input!$J$15,0)+IF(Input!$K$16=2,M5250*Input!$J$16,0)</f>
        <v>0.41384274618479339</v>
      </c>
      <c r="P5250" s="58">
        <f>IF(Input!$K$13=3,J5250*Input!$J$13,0)+IF(Input!$K$14=3,K5250*Input!$J$14,0)+IF(Input!$K$15=3,L5250*Input!$J$15,0)+IF(Input!$K$16=3,M5250*Input!$J$16,0)</f>
        <v>0</v>
      </c>
      <c r="Q5250" s="71">
        <f>IF(Input!$K$13=4,J5250*Input!$J$13,0)+IF(Input!$K$14=4,K5250*Input!$J$14,0)+IF(Input!$K$15=4,L5250*Input!$J$15,0)+IF(Input!$K$16=4,M5250*Input!$J$16,0)</f>
        <v>0</v>
      </c>
    </row>
    <row r="5251" spans="8:17" x14ac:dyDescent="0.25">
      <c r="H5251" s="43">
        <v>5244</v>
      </c>
      <c r="I5251" s="55">
        <f>Bühler!I5277</f>
        <v>1.9430316304464428</v>
      </c>
      <c r="J5251" s="58">
        <f>Bühler!J5277</f>
        <v>51.138673265028729</v>
      </c>
      <c r="K5251" s="58">
        <f>Bühler!K5277</f>
        <v>3.6786021883092745</v>
      </c>
      <c r="L5251" s="58">
        <f>Bühler!L5277</f>
        <v>1.8393010941546373</v>
      </c>
      <c r="M5251" s="57">
        <f>Bühler!M5277</f>
        <v>0</v>
      </c>
      <c r="N5251" s="55">
        <f>IF(Input!$K$13=1,J5251*Input!$J$13,0)+IF(Input!$K$14=1,K5251*Input!$J$14,0)+IF(Input!$K$15=1,L5251*Input!$J$15,0)+IF(Input!$K$16=1,M5251*Input!$J$16,0)</f>
        <v>6.1366407918034476</v>
      </c>
      <c r="O5251" s="58">
        <f>IF(Input!$K$13=2,J5251*Input!$J$13,0)+IF(Input!$K$14=2,K5251*Input!$J$14,0)+IF(Input!$K$15=2,L5251*Input!$J$15,0)+IF(Input!$K$16=2,M5251*Input!$J$16,0)</f>
        <v>0.49661129542175209</v>
      </c>
      <c r="P5251" s="58">
        <f>IF(Input!$K$13=3,J5251*Input!$J$13,0)+IF(Input!$K$14=3,K5251*Input!$J$14,0)+IF(Input!$K$15=3,L5251*Input!$J$15,0)+IF(Input!$K$16=3,M5251*Input!$J$16,0)</f>
        <v>0</v>
      </c>
      <c r="Q5251" s="71">
        <f>IF(Input!$K$13=4,J5251*Input!$J$13,0)+IF(Input!$K$14=4,K5251*Input!$J$14,0)+IF(Input!$K$15=4,L5251*Input!$J$15,0)+IF(Input!$K$16=4,M5251*Input!$J$16,0)</f>
        <v>0</v>
      </c>
    </row>
    <row r="5252" spans="8:17" x14ac:dyDescent="0.25">
      <c r="H5252" s="43">
        <v>5245</v>
      </c>
      <c r="I5252" s="55">
        <f>Bühler!I5278</f>
        <v>1.9430316304464428</v>
      </c>
      <c r="J5252" s="58">
        <f>Bühler!J5278</f>
        <v>51.138673265028729</v>
      </c>
      <c r="K5252" s="58">
        <f>Bühler!K5278</f>
        <v>3.6786021883092745</v>
      </c>
      <c r="L5252" s="58">
        <f>Bühler!L5278</f>
        <v>1.8393010941546373</v>
      </c>
      <c r="M5252" s="57">
        <f>Bühler!M5278</f>
        <v>0</v>
      </c>
      <c r="N5252" s="55">
        <f>IF(Input!$K$13=1,J5252*Input!$J$13,0)+IF(Input!$K$14=1,K5252*Input!$J$14,0)+IF(Input!$K$15=1,L5252*Input!$J$15,0)+IF(Input!$K$16=1,M5252*Input!$J$16,0)</f>
        <v>6.1366407918034476</v>
      </c>
      <c r="O5252" s="58">
        <f>IF(Input!$K$13=2,J5252*Input!$J$13,0)+IF(Input!$K$14=2,K5252*Input!$J$14,0)+IF(Input!$K$15=2,L5252*Input!$J$15,0)+IF(Input!$K$16=2,M5252*Input!$J$16,0)</f>
        <v>0.49661129542175209</v>
      </c>
      <c r="P5252" s="58">
        <f>IF(Input!$K$13=3,J5252*Input!$J$13,0)+IF(Input!$K$14=3,K5252*Input!$J$14,0)+IF(Input!$K$15=3,L5252*Input!$J$15,0)+IF(Input!$K$16=3,M5252*Input!$J$16,0)</f>
        <v>0</v>
      </c>
      <c r="Q5252" s="71">
        <f>IF(Input!$K$13=4,J5252*Input!$J$13,0)+IF(Input!$K$14=4,K5252*Input!$J$14,0)+IF(Input!$K$15=4,L5252*Input!$J$15,0)+IF(Input!$K$16=4,M5252*Input!$J$16,0)</f>
        <v>0</v>
      </c>
    </row>
    <row r="5253" spans="8:17" x14ac:dyDescent="0.25">
      <c r="H5253" s="43">
        <v>5246</v>
      </c>
      <c r="I5253" s="55">
        <f>Bühler!I5279</f>
        <v>1.2953544202976288</v>
      </c>
      <c r="J5253" s="58">
        <f>Bühler!J5279</f>
        <v>34.092448843352486</v>
      </c>
      <c r="K5253" s="58">
        <f>Bühler!K5279</f>
        <v>2.4524014588728495</v>
      </c>
      <c r="L5253" s="58">
        <f>Bühler!L5279</f>
        <v>1.2262007294364248</v>
      </c>
      <c r="M5253" s="57">
        <f>Bühler!M5279</f>
        <v>0</v>
      </c>
      <c r="N5253" s="55">
        <f>IF(Input!$K$13=1,J5253*Input!$J$13,0)+IF(Input!$K$14=1,K5253*Input!$J$14,0)+IF(Input!$K$15=1,L5253*Input!$J$15,0)+IF(Input!$K$16=1,M5253*Input!$J$16,0)</f>
        <v>4.0910938612022978</v>
      </c>
      <c r="O5253" s="58">
        <f>IF(Input!$K$13=2,J5253*Input!$J$13,0)+IF(Input!$K$14=2,K5253*Input!$J$14,0)+IF(Input!$K$15=2,L5253*Input!$J$15,0)+IF(Input!$K$16=2,M5253*Input!$J$16,0)</f>
        <v>0.33107419694783469</v>
      </c>
      <c r="P5253" s="58">
        <f>IF(Input!$K$13=3,J5253*Input!$J$13,0)+IF(Input!$K$14=3,K5253*Input!$J$14,0)+IF(Input!$K$15=3,L5253*Input!$J$15,0)+IF(Input!$K$16=3,M5253*Input!$J$16,0)</f>
        <v>0</v>
      </c>
      <c r="Q5253" s="71">
        <f>IF(Input!$K$13=4,J5253*Input!$J$13,0)+IF(Input!$K$14=4,K5253*Input!$J$14,0)+IF(Input!$K$15=4,L5253*Input!$J$15,0)+IF(Input!$K$16=4,M5253*Input!$J$16,0)</f>
        <v>0</v>
      </c>
    </row>
    <row r="5254" spans="8:17" x14ac:dyDescent="0.25">
      <c r="H5254" s="43">
        <v>5247</v>
      </c>
      <c r="I5254" s="55">
        <f>Bühler!I5280</f>
        <v>1.9430316304464428</v>
      </c>
      <c r="J5254" s="58">
        <f>Bühler!J5280</f>
        <v>51.138673265028729</v>
      </c>
      <c r="K5254" s="58">
        <f>Bühler!K5280</f>
        <v>3.6786021883092745</v>
      </c>
      <c r="L5254" s="58">
        <f>Bühler!L5280</f>
        <v>1.8393010941546373</v>
      </c>
      <c r="M5254" s="57">
        <f>Bühler!M5280</f>
        <v>0</v>
      </c>
      <c r="N5254" s="55">
        <f>IF(Input!$K$13=1,J5254*Input!$J$13,0)+IF(Input!$K$14=1,K5254*Input!$J$14,0)+IF(Input!$K$15=1,L5254*Input!$J$15,0)+IF(Input!$K$16=1,M5254*Input!$J$16,0)</f>
        <v>6.1366407918034476</v>
      </c>
      <c r="O5254" s="58">
        <f>IF(Input!$K$13=2,J5254*Input!$J$13,0)+IF(Input!$K$14=2,K5254*Input!$J$14,0)+IF(Input!$K$15=2,L5254*Input!$J$15,0)+IF(Input!$K$16=2,M5254*Input!$J$16,0)</f>
        <v>0.49661129542175209</v>
      </c>
      <c r="P5254" s="58">
        <f>IF(Input!$K$13=3,J5254*Input!$J$13,0)+IF(Input!$K$14=3,K5254*Input!$J$14,0)+IF(Input!$K$15=3,L5254*Input!$J$15,0)+IF(Input!$K$16=3,M5254*Input!$J$16,0)</f>
        <v>0</v>
      </c>
      <c r="Q5254" s="71">
        <f>IF(Input!$K$13=4,J5254*Input!$J$13,0)+IF(Input!$K$14=4,K5254*Input!$J$14,0)+IF(Input!$K$15=4,L5254*Input!$J$15,0)+IF(Input!$K$16=4,M5254*Input!$J$16,0)</f>
        <v>0</v>
      </c>
    </row>
    <row r="5255" spans="8:17" x14ac:dyDescent="0.25">
      <c r="H5255" s="43">
        <v>5248</v>
      </c>
      <c r="I5255" s="55">
        <f>Bühler!I5281</f>
        <v>1.9430316304464428</v>
      </c>
      <c r="J5255" s="58">
        <f>Bühler!J5281</f>
        <v>51.138673265028729</v>
      </c>
      <c r="K5255" s="58">
        <f>Bühler!K5281</f>
        <v>3.6786021883092745</v>
      </c>
      <c r="L5255" s="58">
        <f>Bühler!L5281</f>
        <v>1.8393010941546373</v>
      </c>
      <c r="M5255" s="57">
        <f>Bühler!M5281</f>
        <v>0</v>
      </c>
      <c r="N5255" s="55">
        <f>IF(Input!$K$13=1,J5255*Input!$J$13,0)+IF(Input!$K$14=1,K5255*Input!$J$14,0)+IF(Input!$K$15=1,L5255*Input!$J$15,0)+IF(Input!$K$16=1,M5255*Input!$J$16,0)</f>
        <v>6.1366407918034476</v>
      </c>
      <c r="O5255" s="58">
        <f>IF(Input!$K$13=2,J5255*Input!$J$13,0)+IF(Input!$K$14=2,K5255*Input!$J$14,0)+IF(Input!$K$15=2,L5255*Input!$J$15,0)+IF(Input!$K$16=2,M5255*Input!$J$16,0)</f>
        <v>0.49661129542175209</v>
      </c>
      <c r="P5255" s="58">
        <f>IF(Input!$K$13=3,J5255*Input!$J$13,0)+IF(Input!$K$14=3,K5255*Input!$J$14,0)+IF(Input!$K$15=3,L5255*Input!$J$15,0)+IF(Input!$K$16=3,M5255*Input!$J$16,0)</f>
        <v>0</v>
      </c>
      <c r="Q5255" s="71">
        <f>IF(Input!$K$13=4,J5255*Input!$J$13,0)+IF(Input!$K$14=4,K5255*Input!$J$14,0)+IF(Input!$K$15=4,L5255*Input!$J$15,0)+IF(Input!$K$16=4,M5255*Input!$J$16,0)</f>
        <v>0</v>
      </c>
    </row>
    <row r="5256" spans="8:17" x14ac:dyDescent="0.25">
      <c r="H5256" s="43">
        <v>5249</v>
      </c>
      <c r="I5256" s="55">
        <f>Bühler!I5282</f>
        <v>1.6191930253720357</v>
      </c>
      <c r="J5256" s="58">
        <f>Bühler!J5282</f>
        <v>30.357130471179332</v>
      </c>
      <c r="K5256" s="58">
        <f>Bühler!K5282</f>
        <v>2.145851276513743</v>
      </c>
      <c r="L5256" s="58">
        <f>Bühler!L5282</f>
        <v>1.0729256382568715</v>
      </c>
      <c r="M5256" s="57">
        <f>Bühler!M5282</f>
        <v>0</v>
      </c>
      <c r="N5256" s="55">
        <f>IF(Input!$K$13=1,J5256*Input!$J$13,0)+IF(Input!$K$14=1,K5256*Input!$J$14,0)+IF(Input!$K$15=1,L5256*Input!$J$15,0)+IF(Input!$K$16=1,M5256*Input!$J$16,0)</f>
        <v>3.6428556565415198</v>
      </c>
      <c r="O5256" s="58">
        <f>IF(Input!$K$13=2,J5256*Input!$J$13,0)+IF(Input!$K$14=2,K5256*Input!$J$14,0)+IF(Input!$K$15=2,L5256*Input!$J$15,0)+IF(Input!$K$16=2,M5256*Input!$J$16,0)</f>
        <v>0.28968992232935531</v>
      </c>
      <c r="P5256" s="58">
        <f>IF(Input!$K$13=3,J5256*Input!$J$13,0)+IF(Input!$K$14=3,K5256*Input!$J$14,0)+IF(Input!$K$15=3,L5256*Input!$J$15,0)+IF(Input!$K$16=3,M5256*Input!$J$16,0)</f>
        <v>0</v>
      </c>
      <c r="Q5256" s="71">
        <f>IF(Input!$K$13=4,J5256*Input!$J$13,0)+IF(Input!$K$14=4,K5256*Input!$J$14,0)+IF(Input!$K$15=4,L5256*Input!$J$15,0)+IF(Input!$K$16=4,M5256*Input!$J$16,0)</f>
        <v>0</v>
      </c>
    </row>
    <row r="5257" spans="8:17" x14ac:dyDescent="0.25">
      <c r="H5257" s="43">
        <v>5250</v>
      </c>
      <c r="I5257" s="55">
        <f>Bühler!I5283</f>
        <v>1.302798985931523</v>
      </c>
      <c r="J5257" s="58">
        <f>Bühler!J5283</f>
        <v>9.5836526234333324</v>
      </c>
      <c r="K5257" s="58">
        <f>Bühler!K5283</f>
        <v>0.61310036471821239</v>
      </c>
      <c r="L5257" s="58">
        <f>Bühler!L5283</f>
        <v>0.30655018235910619</v>
      </c>
      <c r="M5257" s="57">
        <f>Bühler!M5283</f>
        <v>0</v>
      </c>
      <c r="N5257" s="55">
        <f>IF(Input!$K$13=1,J5257*Input!$J$13,0)+IF(Input!$K$14=1,K5257*Input!$J$14,0)+IF(Input!$K$15=1,L5257*Input!$J$15,0)+IF(Input!$K$16=1,M5257*Input!$J$16,0)</f>
        <v>1.1500383148119999</v>
      </c>
      <c r="O5257" s="58">
        <f>IF(Input!$K$13=2,J5257*Input!$J$13,0)+IF(Input!$K$14=2,K5257*Input!$J$14,0)+IF(Input!$K$15=2,L5257*Input!$J$15,0)+IF(Input!$K$16=2,M5257*Input!$J$16,0)</f>
        <v>8.2768549236958672E-2</v>
      </c>
      <c r="P5257" s="58">
        <f>IF(Input!$K$13=3,J5257*Input!$J$13,0)+IF(Input!$K$14=3,K5257*Input!$J$14,0)+IF(Input!$K$15=3,L5257*Input!$J$15,0)+IF(Input!$K$16=3,M5257*Input!$J$16,0)</f>
        <v>0</v>
      </c>
      <c r="Q5257" s="71">
        <f>IF(Input!$K$13=4,J5257*Input!$J$13,0)+IF(Input!$K$14=4,K5257*Input!$J$14,0)+IF(Input!$K$15=4,L5257*Input!$J$15,0)+IF(Input!$K$16=4,M5257*Input!$J$16,0)</f>
        <v>0</v>
      </c>
    </row>
    <row r="5258" spans="8:17" x14ac:dyDescent="0.25">
      <c r="H5258" s="43">
        <v>5251</v>
      </c>
      <c r="I5258" s="55">
        <f>Bühler!I5284</f>
        <v>0.46528535211840111</v>
      </c>
      <c r="J5258" s="58">
        <f>Bühler!J5284</f>
        <v>8.5612435522201835</v>
      </c>
      <c r="K5258" s="58">
        <f>Bühler!K5284</f>
        <v>0.60446514831373055</v>
      </c>
      <c r="L5258" s="58">
        <f>Bühler!L5284</f>
        <v>0.30223257415686527</v>
      </c>
      <c r="M5258" s="57">
        <f>Bühler!M5284</f>
        <v>0</v>
      </c>
      <c r="N5258" s="55">
        <f>IF(Input!$K$13=1,J5258*Input!$J$13,0)+IF(Input!$K$14=1,K5258*Input!$J$14,0)+IF(Input!$K$15=1,L5258*Input!$J$15,0)+IF(Input!$K$16=1,M5258*Input!$J$16,0)</f>
        <v>1.0273492262664219</v>
      </c>
      <c r="O5258" s="58">
        <f>IF(Input!$K$13=2,J5258*Input!$J$13,0)+IF(Input!$K$14=2,K5258*Input!$J$14,0)+IF(Input!$K$15=2,L5258*Input!$J$15,0)+IF(Input!$K$16=2,M5258*Input!$J$16,0)</f>
        <v>8.1602795022353625E-2</v>
      </c>
      <c r="P5258" s="58">
        <f>IF(Input!$K$13=3,J5258*Input!$J$13,0)+IF(Input!$K$14=3,K5258*Input!$J$14,0)+IF(Input!$K$15=3,L5258*Input!$J$15,0)+IF(Input!$K$16=3,M5258*Input!$J$16,0)</f>
        <v>0</v>
      </c>
      <c r="Q5258" s="71">
        <f>IF(Input!$K$13=4,J5258*Input!$J$13,0)+IF(Input!$K$14=4,K5258*Input!$J$14,0)+IF(Input!$K$15=4,L5258*Input!$J$15,0)+IF(Input!$K$16=4,M5258*Input!$J$16,0)</f>
        <v>0</v>
      </c>
    </row>
    <row r="5259" spans="8:17" x14ac:dyDescent="0.25">
      <c r="H5259" s="43">
        <v>5252</v>
      </c>
      <c r="I5259" s="55">
        <f>Bühler!I5285</f>
        <v>0.46528535211840111</v>
      </c>
      <c r="J5259" s="58">
        <f>Bühler!J5285</f>
        <v>8.5612435522201835</v>
      </c>
      <c r="K5259" s="58">
        <f>Bühler!K5285</f>
        <v>0.60446514831373055</v>
      </c>
      <c r="L5259" s="58">
        <f>Bühler!L5285</f>
        <v>0.30223257415686527</v>
      </c>
      <c r="M5259" s="57">
        <f>Bühler!M5285</f>
        <v>0</v>
      </c>
      <c r="N5259" s="55">
        <f>IF(Input!$K$13=1,J5259*Input!$J$13,0)+IF(Input!$K$14=1,K5259*Input!$J$14,0)+IF(Input!$K$15=1,L5259*Input!$J$15,0)+IF(Input!$K$16=1,M5259*Input!$J$16,0)</f>
        <v>1.0273492262664219</v>
      </c>
      <c r="O5259" s="58">
        <f>IF(Input!$K$13=2,J5259*Input!$J$13,0)+IF(Input!$K$14=2,K5259*Input!$J$14,0)+IF(Input!$K$15=2,L5259*Input!$J$15,0)+IF(Input!$K$16=2,M5259*Input!$J$16,0)</f>
        <v>8.1602795022353625E-2</v>
      </c>
      <c r="P5259" s="58">
        <f>IF(Input!$K$13=3,J5259*Input!$J$13,0)+IF(Input!$K$14=3,K5259*Input!$J$14,0)+IF(Input!$K$15=3,L5259*Input!$J$15,0)+IF(Input!$K$16=3,M5259*Input!$J$16,0)</f>
        <v>0</v>
      </c>
      <c r="Q5259" s="71">
        <f>IF(Input!$K$13=4,J5259*Input!$J$13,0)+IF(Input!$K$14=4,K5259*Input!$J$14,0)+IF(Input!$K$15=4,L5259*Input!$J$15,0)+IF(Input!$K$16=4,M5259*Input!$J$16,0)</f>
        <v>0</v>
      </c>
    </row>
    <row r="5260" spans="8:17" x14ac:dyDescent="0.25">
      <c r="H5260" s="43">
        <v>5253</v>
      </c>
      <c r="I5260" s="55">
        <f>Bühler!I5286</f>
        <v>0.46528535211840111</v>
      </c>
      <c r="J5260" s="58">
        <f>Bühler!J5286</f>
        <v>8.5612435522201835</v>
      </c>
      <c r="K5260" s="58">
        <f>Bühler!K5286</f>
        <v>0.60446514831373055</v>
      </c>
      <c r="L5260" s="58">
        <f>Bühler!L5286</f>
        <v>0.30223257415686527</v>
      </c>
      <c r="M5260" s="57">
        <f>Bühler!M5286</f>
        <v>0</v>
      </c>
      <c r="N5260" s="55">
        <f>IF(Input!$K$13=1,J5260*Input!$J$13,0)+IF(Input!$K$14=1,K5260*Input!$J$14,0)+IF(Input!$K$15=1,L5260*Input!$J$15,0)+IF(Input!$K$16=1,M5260*Input!$J$16,0)</f>
        <v>1.0273492262664219</v>
      </c>
      <c r="O5260" s="58">
        <f>IF(Input!$K$13=2,J5260*Input!$J$13,0)+IF(Input!$K$14=2,K5260*Input!$J$14,0)+IF(Input!$K$15=2,L5260*Input!$J$15,0)+IF(Input!$K$16=2,M5260*Input!$J$16,0)</f>
        <v>8.1602795022353625E-2</v>
      </c>
      <c r="P5260" s="58">
        <f>IF(Input!$K$13=3,J5260*Input!$J$13,0)+IF(Input!$K$14=3,K5260*Input!$J$14,0)+IF(Input!$K$15=3,L5260*Input!$J$15,0)+IF(Input!$K$16=3,M5260*Input!$J$16,0)</f>
        <v>0</v>
      </c>
      <c r="Q5260" s="71">
        <f>IF(Input!$K$13=4,J5260*Input!$J$13,0)+IF(Input!$K$14=4,K5260*Input!$J$14,0)+IF(Input!$K$15=4,L5260*Input!$J$15,0)+IF(Input!$K$16=4,M5260*Input!$J$16,0)</f>
        <v>0</v>
      </c>
    </row>
    <row r="5261" spans="8:17" x14ac:dyDescent="0.25">
      <c r="H5261" s="43">
        <v>5254</v>
      </c>
      <c r="I5261" s="55">
        <f>Bühler!I5287</f>
        <v>0.46528535211840111</v>
      </c>
      <c r="J5261" s="58">
        <f>Bühler!J5287</f>
        <v>8.5612435522201835</v>
      </c>
      <c r="K5261" s="58">
        <f>Bühler!K5287</f>
        <v>0.60446514831373055</v>
      </c>
      <c r="L5261" s="58">
        <f>Bühler!L5287</f>
        <v>0.30223257415686527</v>
      </c>
      <c r="M5261" s="57">
        <f>Bühler!M5287</f>
        <v>0</v>
      </c>
      <c r="N5261" s="55">
        <f>IF(Input!$K$13=1,J5261*Input!$J$13,0)+IF(Input!$K$14=1,K5261*Input!$J$14,0)+IF(Input!$K$15=1,L5261*Input!$J$15,0)+IF(Input!$K$16=1,M5261*Input!$J$16,0)</f>
        <v>1.0273492262664219</v>
      </c>
      <c r="O5261" s="58">
        <f>IF(Input!$K$13=2,J5261*Input!$J$13,0)+IF(Input!$K$14=2,K5261*Input!$J$14,0)+IF(Input!$K$15=2,L5261*Input!$J$15,0)+IF(Input!$K$16=2,M5261*Input!$J$16,0)</f>
        <v>8.1602795022353625E-2</v>
      </c>
      <c r="P5261" s="58">
        <f>IF(Input!$K$13=3,J5261*Input!$J$13,0)+IF(Input!$K$14=3,K5261*Input!$J$14,0)+IF(Input!$K$15=3,L5261*Input!$J$15,0)+IF(Input!$K$16=3,M5261*Input!$J$16,0)</f>
        <v>0</v>
      </c>
      <c r="Q5261" s="71">
        <f>IF(Input!$K$13=4,J5261*Input!$J$13,0)+IF(Input!$K$14=4,K5261*Input!$J$14,0)+IF(Input!$K$15=4,L5261*Input!$J$15,0)+IF(Input!$K$16=4,M5261*Input!$J$16,0)</f>
        <v>0</v>
      </c>
    </row>
    <row r="5262" spans="8:17" x14ac:dyDescent="0.25">
      <c r="H5262" s="43">
        <v>5255</v>
      </c>
      <c r="I5262" s="55">
        <f>Bühler!I5288</f>
        <v>0.46528535211840111</v>
      </c>
      <c r="J5262" s="58">
        <f>Bühler!J5288</f>
        <v>8.5612435522201835</v>
      </c>
      <c r="K5262" s="58">
        <f>Bühler!K5288</f>
        <v>0.60446514831373055</v>
      </c>
      <c r="L5262" s="58">
        <f>Bühler!L5288</f>
        <v>0.30223257415686527</v>
      </c>
      <c r="M5262" s="57">
        <f>Bühler!M5288</f>
        <v>0</v>
      </c>
      <c r="N5262" s="55">
        <f>IF(Input!$K$13=1,J5262*Input!$J$13,0)+IF(Input!$K$14=1,K5262*Input!$J$14,0)+IF(Input!$K$15=1,L5262*Input!$J$15,0)+IF(Input!$K$16=1,M5262*Input!$J$16,0)</f>
        <v>1.0273492262664219</v>
      </c>
      <c r="O5262" s="58">
        <f>IF(Input!$K$13=2,J5262*Input!$J$13,0)+IF(Input!$K$14=2,K5262*Input!$J$14,0)+IF(Input!$K$15=2,L5262*Input!$J$15,0)+IF(Input!$K$16=2,M5262*Input!$J$16,0)</f>
        <v>8.1602795022353625E-2</v>
      </c>
      <c r="P5262" s="58">
        <f>IF(Input!$K$13=3,J5262*Input!$J$13,0)+IF(Input!$K$14=3,K5262*Input!$J$14,0)+IF(Input!$K$15=3,L5262*Input!$J$15,0)+IF(Input!$K$16=3,M5262*Input!$J$16,0)</f>
        <v>0</v>
      </c>
      <c r="Q5262" s="71">
        <f>IF(Input!$K$13=4,J5262*Input!$J$13,0)+IF(Input!$K$14=4,K5262*Input!$J$14,0)+IF(Input!$K$15=4,L5262*Input!$J$15,0)+IF(Input!$K$16=4,M5262*Input!$J$16,0)</f>
        <v>0</v>
      </c>
    </row>
    <row r="5263" spans="8:17" x14ac:dyDescent="0.25">
      <c r="H5263" s="43">
        <v>5256</v>
      </c>
      <c r="I5263" s="55">
        <f>Bühler!I5289</f>
        <v>0.46528535211840111</v>
      </c>
      <c r="J5263" s="58">
        <f>Bühler!J5289</f>
        <v>8.5612435522201835</v>
      </c>
      <c r="K5263" s="58">
        <f>Bühler!K5289</f>
        <v>0.60446514831373055</v>
      </c>
      <c r="L5263" s="58">
        <f>Bühler!L5289</f>
        <v>0.30223257415686527</v>
      </c>
      <c r="M5263" s="57">
        <f>Bühler!M5289</f>
        <v>0</v>
      </c>
      <c r="N5263" s="55">
        <f>IF(Input!$K$13=1,J5263*Input!$J$13,0)+IF(Input!$K$14=1,K5263*Input!$J$14,0)+IF(Input!$K$15=1,L5263*Input!$J$15,0)+IF(Input!$K$16=1,M5263*Input!$J$16,0)</f>
        <v>1.0273492262664219</v>
      </c>
      <c r="O5263" s="58">
        <f>IF(Input!$K$13=2,J5263*Input!$J$13,0)+IF(Input!$K$14=2,K5263*Input!$J$14,0)+IF(Input!$K$15=2,L5263*Input!$J$15,0)+IF(Input!$K$16=2,M5263*Input!$J$16,0)</f>
        <v>8.1602795022353625E-2</v>
      </c>
      <c r="P5263" s="58">
        <f>IF(Input!$K$13=3,J5263*Input!$J$13,0)+IF(Input!$K$14=3,K5263*Input!$J$14,0)+IF(Input!$K$15=3,L5263*Input!$J$15,0)+IF(Input!$K$16=3,M5263*Input!$J$16,0)</f>
        <v>0</v>
      </c>
      <c r="Q5263" s="71">
        <f>IF(Input!$K$13=4,J5263*Input!$J$13,0)+IF(Input!$K$14=4,K5263*Input!$J$14,0)+IF(Input!$K$15=4,L5263*Input!$J$15,0)+IF(Input!$K$16=4,M5263*Input!$J$16,0)</f>
        <v>0</v>
      </c>
    </row>
    <row r="5264" spans="8:17" x14ac:dyDescent="0.25">
      <c r="H5264" s="43">
        <v>5257</v>
      </c>
      <c r="I5264" s="55">
        <f>Bühler!I5290</f>
        <v>0.25004636263947183</v>
      </c>
      <c r="J5264" s="58">
        <f>Bühler!J5290</f>
        <v>4.8216455463769554</v>
      </c>
      <c r="K5264" s="58">
        <f>Bühler!K5290</f>
        <v>0.37437364406232981</v>
      </c>
      <c r="L5264" s="58">
        <f>Bühler!L5290</f>
        <v>0.18718682203116491</v>
      </c>
      <c r="M5264" s="57">
        <f>Bühler!M5290</f>
        <v>0</v>
      </c>
      <c r="N5264" s="55">
        <f>IF(Input!$K$13=1,J5264*Input!$J$13,0)+IF(Input!$K$14=1,K5264*Input!$J$14,0)+IF(Input!$K$15=1,L5264*Input!$J$15,0)+IF(Input!$K$16=1,M5264*Input!$J$16,0)</f>
        <v>0.57859746556523461</v>
      </c>
      <c r="O5264" s="58">
        <f>IF(Input!$K$13=2,J5264*Input!$J$13,0)+IF(Input!$K$14=2,K5264*Input!$J$14,0)+IF(Input!$K$15=2,L5264*Input!$J$15,0)+IF(Input!$K$16=2,M5264*Input!$J$16,0)</f>
        <v>5.0540441948414519E-2</v>
      </c>
      <c r="P5264" s="58">
        <f>IF(Input!$K$13=3,J5264*Input!$J$13,0)+IF(Input!$K$14=3,K5264*Input!$J$14,0)+IF(Input!$K$15=3,L5264*Input!$J$15,0)+IF(Input!$K$16=3,M5264*Input!$J$16,0)</f>
        <v>0</v>
      </c>
      <c r="Q5264" s="71">
        <f>IF(Input!$K$13=4,J5264*Input!$J$13,0)+IF(Input!$K$14=4,K5264*Input!$J$14,0)+IF(Input!$K$15=4,L5264*Input!$J$15,0)+IF(Input!$K$16=4,M5264*Input!$J$16,0)</f>
        <v>0</v>
      </c>
    </row>
    <row r="5265" spans="8:17" x14ac:dyDescent="0.25">
      <c r="H5265" s="43">
        <v>5258</v>
      </c>
      <c r="I5265" s="55">
        <f>Bühler!I5291</f>
        <v>0.25004636263947183</v>
      </c>
      <c r="J5265" s="58">
        <f>Bühler!J5291</f>
        <v>7.2053780156797878</v>
      </c>
      <c r="K5265" s="58">
        <f>Bühler!K5291</f>
        <v>0.57047412428545496</v>
      </c>
      <c r="L5265" s="58">
        <f>Bühler!L5291</f>
        <v>0.28523706214272748</v>
      </c>
      <c r="M5265" s="57">
        <f>Bühler!M5291</f>
        <v>0</v>
      </c>
      <c r="N5265" s="55">
        <f>IF(Input!$K$13=1,J5265*Input!$J$13,0)+IF(Input!$K$14=1,K5265*Input!$J$14,0)+IF(Input!$K$15=1,L5265*Input!$J$15,0)+IF(Input!$K$16=1,M5265*Input!$J$16,0)</f>
        <v>0.86464536188157448</v>
      </c>
      <c r="O5265" s="58">
        <f>IF(Input!$K$13=2,J5265*Input!$J$13,0)+IF(Input!$K$14=2,K5265*Input!$J$14,0)+IF(Input!$K$15=2,L5265*Input!$J$15,0)+IF(Input!$K$16=2,M5265*Input!$J$16,0)</f>
        <v>7.7014006778536426E-2</v>
      </c>
      <c r="P5265" s="58">
        <f>IF(Input!$K$13=3,J5265*Input!$J$13,0)+IF(Input!$K$14=3,K5265*Input!$J$14,0)+IF(Input!$K$15=3,L5265*Input!$J$15,0)+IF(Input!$K$16=3,M5265*Input!$J$16,0)</f>
        <v>0</v>
      </c>
      <c r="Q5265" s="71">
        <f>IF(Input!$K$13=4,J5265*Input!$J$13,0)+IF(Input!$K$14=4,K5265*Input!$J$14,0)+IF(Input!$K$15=4,L5265*Input!$J$15,0)+IF(Input!$K$16=4,M5265*Input!$J$16,0)</f>
        <v>0</v>
      </c>
    </row>
    <row r="5266" spans="8:17" x14ac:dyDescent="0.25">
      <c r="H5266" s="43">
        <v>5259</v>
      </c>
      <c r="I5266" s="55">
        <f>Bühler!I5292</f>
        <v>0.25004636263947183</v>
      </c>
      <c r="J5266" s="58">
        <f>Bühler!J5292</f>
        <v>7.2053780156797878</v>
      </c>
      <c r="K5266" s="58">
        <f>Bühler!K5292</f>
        <v>0.57047412428545496</v>
      </c>
      <c r="L5266" s="58">
        <f>Bühler!L5292</f>
        <v>0.28523706214272748</v>
      </c>
      <c r="M5266" s="57">
        <f>Bühler!M5292</f>
        <v>0</v>
      </c>
      <c r="N5266" s="55">
        <f>IF(Input!$K$13=1,J5266*Input!$J$13,0)+IF(Input!$K$14=1,K5266*Input!$J$14,0)+IF(Input!$K$15=1,L5266*Input!$J$15,0)+IF(Input!$K$16=1,M5266*Input!$J$16,0)</f>
        <v>0.86464536188157448</v>
      </c>
      <c r="O5266" s="58">
        <f>IF(Input!$K$13=2,J5266*Input!$J$13,0)+IF(Input!$K$14=2,K5266*Input!$J$14,0)+IF(Input!$K$15=2,L5266*Input!$J$15,0)+IF(Input!$K$16=2,M5266*Input!$J$16,0)</f>
        <v>7.7014006778536426E-2</v>
      </c>
      <c r="P5266" s="58">
        <f>IF(Input!$K$13=3,J5266*Input!$J$13,0)+IF(Input!$K$14=3,K5266*Input!$J$14,0)+IF(Input!$K$15=3,L5266*Input!$J$15,0)+IF(Input!$K$16=3,M5266*Input!$J$16,0)</f>
        <v>0</v>
      </c>
      <c r="Q5266" s="71">
        <f>IF(Input!$K$13=4,J5266*Input!$J$13,0)+IF(Input!$K$14=4,K5266*Input!$J$14,0)+IF(Input!$K$15=4,L5266*Input!$J$15,0)+IF(Input!$K$16=4,M5266*Input!$J$16,0)</f>
        <v>0</v>
      </c>
    </row>
    <row r="5267" spans="8:17" x14ac:dyDescent="0.25">
      <c r="H5267" s="43">
        <v>5260</v>
      </c>
      <c r="I5267" s="55">
        <f>Bühler!I5293</f>
        <v>0.25004636263947183</v>
      </c>
      <c r="J5267" s="58">
        <f>Bühler!J5293</f>
        <v>7.2053780156797878</v>
      </c>
      <c r="K5267" s="58">
        <f>Bühler!K5293</f>
        <v>0.57047412428545496</v>
      </c>
      <c r="L5267" s="58">
        <f>Bühler!L5293</f>
        <v>0.28523706214272748</v>
      </c>
      <c r="M5267" s="57">
        <f>Bühler!M5293</f>
        <v>0</v>
      </c>
      <c r="N5267" s="55">
        <f>IF(Input!$K$13=1,J5267*Input!$J$13,0)+IF(Input!$K$14=1,K5267*Input!$J$14,0)+IF(Input!$K$15=1,L5267*Input!$J$15,0)+IF(Input!$K$16=1,M5267*Input!$J$16,0)</f>
        <v>0.86464536188157448</v>
      </c>
      <c r="O5267" s="58">
        <f>IF(Input!$K$13=2,J5267*Input!$J$13,0)+IF(Input!$K$14=2,K5267*Input!$J$14,0)+IF(Input!$K$15=2,L5267*Input!$J$15,0)+IF(Input!$K$16=2,M5267*Input!$J$16,0)</f>
        <v>7.7014006778536426E-2</v>
      </c>
      <c r="P5267" s="58">
        <f>IF(Input!$K$13=3,J5267*Input!$J$13,0)+IF(Input!$K$14=3,K5267*Input!$J$14,0)+IF(Input!$K$15=3,L5267*Input!$J$15,0)+IF(Input!$K$16=3,M5267*Input!$J$16,0)</f>
        <v>0</v>
      </c>
      <c r="Q5267" s="71">
        <f>IF(Input!$K$13=4,J5267*Input!$J$13,0)+IF(Input!$K$14=4,K5267*Input!$J$14,0)+IF(Input!$K$15=4,L5267*Input!$J$15,0)+IF(Input!$K$16=4,M5267*Input!$J$16,0)</f>
        <v>0</v>
      </c>
    </row>
    <row r="5268" spans="8:17" x14ac:dyDescent="0.25">
      <c r="H5268" s="43">
        <v>5261</v>
      </c>
      <c r="I5268" s="55">
        <f>Bühler!I5294</f>
        <v>0.25004636263947183</v>
      </c>
      <c r="J5268" s="58">
        <f>Bühler!J5294</f>
        <v>7.2053780156797878</v>
      </c>
      <c r="K5268" s="58">
        <f>Bühler!K5294</f>
        <v>0.57047412428545496</v>
      </c>
      <c r="L5268" s="58">
        <f>Bühler!L5294</f>
        <v>0.28523706214272748</v>
      </c>
      <c r="M5268" s="57">
        <f>Bühler!M5294</f>
        <v>0</v>
      </c>
      <c r="N5268" s="55">
        <f>IF(Input!$K$13=1,J5268*Input!$J$13,0)+IF(Input!$K$14=1,K5268*Input!$J$14,0)+IF(Input!$K$15=1,L5268*Input!$J$15,0)+IF(Input!$K$16=1,M5268*Input!$J$16,0)</f>
        <v>0.86464536188157448</v>
      </c>
      <c r="O5268" s="58">
        <f>IF(Input!$K$13=2,J5268*Input!$J$13,0)+IF(Input!$K$14=2,K5268*Input!$J$14,0)+IF(Input!$K$15=2,L5268*Input!$J$15,0)+IF(Input!$K$16=2,M5268*Input!$J$16,0)</f>
        <v>7.7014006778536426E-2</v>
      </c>
      <c r="P5268" s="58">
        <f>IF(Input!$K$13=3,J5268*Input!$J$13,0)+IF(Input!$K$14=3,K5268*Input!$J$14,0)+IF(Input!$K$15=3,L5268*Input!$J$15,0)+IF(Input!$K$16=3,M5268*Input!$J$16,0)</f>
        <v>0</v>
      </c>
      <c r="Q5268" s="71">
        <f>IF(Input!$K$13=4,J5268*Input!$J$13,0)+IF(Input!$K$14=4,K5268*Input!$J$14,0)+IF(Input!$K$15=4,L5268*Input!$J$15,0)+IF(Input!$K$16=4,M5268*Input!$J$16,0)</f>
        <v>0</v>
      </c>
    </row>
    <row r="5269" spans="8:17" x14ac:dyDescent="0.25">
      <c r="H5269" s="43">
        <v>5262</v>
      </c>
      <c r="I5269" s="55">
        <f>Bühler!I5295</f>
        <v>0.25004636263947183</v>
      </c>
      <c r="J5269" s="58">
        <f>Bühler!J5295</f>
        <v>7.2053780156797878</v>
      </c>
      <c r="K5269" s="58">
        <f>Bühler!K5295</f>
        <v>0.57047412428545496</v>
      </c>
      <c r="L5269" s="58">
        <f>Bühler!L5295</f>
        <v>0.28523706214272748</v>
      </c>
      <c r="M5269" s="57">
        <f>Bühler!M5295</f>
        <v>0</v>
      </c>
      <c r="N5269" s="55">
        <f>IF(Input!$K$13=1,J5269*Input!$J$13,0)+IF(Input!$K$14=1,K5269*Input!$J$14,0)+IF(Input!$K$15=1,L5269*Input!$J$15,0)+IF(Input!$K$16=1,M5269*Input!$J$16,0)</f>
        <v>0.86464536188157448</v>
      </c>
      <c r="O5269" s="58">
        <f>IF(Input!$K$13=2,J5269*Input!$J$13,0)+IF(Input!$K$14=2,K5269*Input!$J$14,0)+IF(Input!$K$15=2,L5269*Input!$J$15,0)+IF(Input!$K$16=2,M5269*Input!$J$16,0)</f>
        <v>7.7014006778536426E-2</v>
      </c>
      <c r="P5269" s="58">
        <f>IF(Input!$K$13=3,J5269*Input!$J$13,0)+IF(Input!$K$14=3,K5269*Input!$J$14,0)+IF(Input!$K$15=3,L5269*Input!$J$15,0)+IF(Input!$K$16=3,M5269*Input!$J$16,0)</f>
        <v>0</v>
      </c>
      <c r="Q5269" s="71">
        <f>IF(Input!$K$13=4,J5269*Input!$J$13,0)+IF(Input!$K$14=4,K5269*Input!$J$14,0)+IF(Input!$K$15=4,L5269*Input!$J$15,0)+IF(Input!$K$16=4,M5269*Input!$J$16,0)</f>
        <v>0</v>
      </c>
    </row>
    <row r="5270" spans="8:17" x14ac:dyDescent="0.25">
      <c r="H5270" s="43">
        <v>5263</v>
      </c>
      <c r="I5270" s="55">
        <f>Bühler!I5296</f>
        <v>0.25004636263947183</v>
      </c>
      <c r="J5270" s="58">
        <f>Bühler!J5296</f>
        <v>7.2053780156797878</v>
      </c>
      <c r="K5270" s="58">
        <f>Bühler!K5296</f>
        <v>0.57047412428545496</v>
      </c>
      <c r="L5270" s="58">
        <f>Bühler!L5296</f>
        <v>0.28523706214272748</v>
      </c>
      <c r="M5270" s="57">
        <f>Bühler!M5296</f>
        <v>0</v>
      </c>
      <c r="N5270" s="55">
        <f>IF(Input!$K$13=1,J5270*Input!$J$13,0)+IF(Input!$K$14=1,K5270*Input!$J$14,0)+IF(Input!$K$15=1,L5270*Input!$J$15,0)+IF(Input!$K$16=1,M5270*Input!$J$16,0)</f>
        <v>0.86464536188157448</v>
      </c>
      <c r="O5270" s="58">
        <f>IF(Input!$K$13=2,J5270*Input!$J$13,0)+IF(Input!$K$14=2,K5270*Input!$J$14,0)+IF(Input!$K$15=2,L5270*Input!$J$15,0)+IF(Input!$K$16=2,M5270*Input!$J$16,0)</f>
        <v>7.7014006778536426E-2</v>
      </c>
      <c r="P5270" s="58">
        <f>IF(Input!$K$13=3,J5270*Input!$J$13,0)+IF(Input!$K$14=3,K5270*Input!$J$14,0)+IF(Input!$K$15=3,L5270*Input!$J$15,0)+IF(Input!$K$16=3,M5270*Input!$J$16,0)</f>
        <v>0</v>
      </c>
      <c r="Q5270" s="71">
        <f>IF(Input!$K$13=4,J5270*Input!$J$13,0)+IF(Input!$K$14=4,K5270*Input!$J$14,0)+IF(Input!$K$15=4,L5270*Input!$J$15,0)+IF(Input!$K$16=4,M5270*Input!$J$16,0)</f>
        <v>0</v>
      </c>
    </row>
    <row r="5271" spans="8:17" x14ac:dyDescent="0.25">
      <c r="H5271" s="43">
        <v>5264</v>
      </c>
      <c r="I5271" s="55">
        <f>Bühler!I5297</f>
        <v>0.72029484463563975</v>
      </c>
      <c r="J5271" s="58">
        <f>Bühler!J5297</f>
        <v>30.013547606744851</v>
      </c>
      <c r="K5271" s="58">
        <f>Bühler!K5297</f>
        <v>2.4049049801908704</v>
      </c>
      <c r="L5271" s="58">
        <f>Bühler!L5297</f>
        <v>1.2024524900954352</v>
      </c>
      <c r="M5271" s="57">
        <f>Bühler!M5297</f>
        <v>0</v>
      </c>
      <c r="N5271" s="55">
        <f>IF(Input!$K$13=1,J5271*Input!$J$13,0)+IF(Input!$K$14=1,K5271*Input!$J$14,0)+IF(Input!$K$15=1,L5271*Input!$J$15,0)+IF(Input!$K$16=1,M5271*Input!$J$16,0)</f>
        <v>3.601625712809382</v>
      </c>
      <c r="O5271" s="58">
        <f>IF(Input!$K$13=2,J5271*Input!$J$13,0)+IF(Input!$K$14=2,K5271*Input!$J$14,0)+IF(Input!$K$15=2,L5271*Input!$J$15,0)+IF(Input!$K$16=2,M5271*Input!$J$16,0)</f>
        <v>0.3246621723257675</v>
      </c>
      <c r="P5271" s="58">
        <f>IF(Input!$K$13=3,J5271*Input!$J$13,0)+IF(Input!$K$14=3,K5271*Input!$J$14,0)+IF(Input!$K$15=3,L5271*Input!$J$15,0)+IF(Input!$K$16=3,M5271*Input!$J$16,0)</f>
        <v>0</v>
      </c>
      <c r="Q5271" s="71">
        <f>IF(Input!$K$13=4,J5271*Input!$J$13,0)+IF(Input!$K$14=4,K5271*Input!$J$14,0)+IF(Input!$K$15=4,L5271*Input!$J$15,0)+IF(Input!$K$16=4,M5271*Input!$J$16,0)</f>
        <v>0</v>
      </c>
    </row>
    <row r="5272" spans="8:17" x14ac:dyDescent="0.25">
      <c r="H5272" s="43">
        <v>5265</v>
      </c>
      <c r="I5272" s="55">
        <f>Bühler!I5298</f>
        <v>0.80369740559345071</v>
      </c>
      <c r="J5272" s="58">
        <f>Bühler!J5298</f>
        <v>33.488800487525843</v>
      </c>
      <c r="K5272" s="58">
        <f>Bühler!K5298</f>
        <v>2.6833676621077087</v>
      </c>
      <c r="L5272" s="58">
        <f>Bühler!L5298</f>
        <v>1.3416838310538544</v>
      </c>
      <c r="M5272" s="57">
        <f>Bühler!M5298</f>
        <v>0</v>
      </c>
      <c r="N5272" s="55">
        <f>IF(Input!$K$13=1,J5272*Input!$J$13,0)+IF(Input!$K$14=1,K5272*Input!$J$14,0)+IF(Input!$K$15=1,L5272*Input!$J$15,0)+IF(Input!$K$16=1,M5272*Input!$J$16,0)</f>
        <v>4.018656058503101</v>
      </c>
      <c r="O5272" s="58">
        <f>IF(Input!$K$13=2,J5272*Input!$J$13,0)+IF(Input!$K$14=2,K5272*Input!$J$14,0)+IF(Input!$K$15=2,L5272*Input!$J$15,0)+IF(Input!$K$16=2,M5272*Input!$J$16,0)</f>
        <v>0.36225463438454064</v>
      </c>
      <c r="P5272" s="58">
        <f>IF(Input!$K$13=3,J5272*Input!$J$13,0)+IF(Input!$K$14=3,K5272*Input!$J$14,0)+IF(Input!$K$15=3,L5272*Input!$J$15,0)+IF(Input!$K$16=3,M5272*Input!$J$16,0)</f>
        <v>0</v>
      </c>
      <c r="Q5272" s="71">
        <f>IF(Input!$K$13=4,J5272*Input!$J$13,0)+IF(Input!$K$14=4,K5272*Input!$J$14,0)+IF(Input!$K$15=4,L5272*Input!$J$15,0)+IF(Input!$K$16=4,M5272*Input!$J$16,0)</f>
        <v>0</v>
      </c>
    </row>
    <row r="5273" spans="8:17" x14ac:dyDescent="0.25">
      <c r="H5273" s="43">
        <v>5266</v>
      </c>
      <c r="I5273" s="55">
        <f>Bühler!I5299</f>
        <v>0.88709996655126166</v>
      </c>
      <c r="J5273" s="58">
        <f>Bühler!J5299</f>
        <v>36.964053368306828</v>
      </c>
      <c r="K5273" s="58">
        <f>Bühler!K5299</f>
        <v>2.9618303440245466</v>
      </c>
      <c r="L5273" s="58">
        <f>Bühler!L5299</f>
        <v>1.4809151720122733</v>
      </c>
      <c r="M5273" s="57">
        <f>Bühler!M5299</f>
        <v>0</v>
      </c>
      <c r="N5273" s="55">
        <f>IF(Input!$K$13=1,J5273*Input!$J$13,0)+IF(Input!$K$14=1,K5273*Input!$J$14,0)+IF(Input!$K$15=1,L5273*Input!$J$15,0)+IF(Input!$K$16=1,M5273*Input!$J$16,0)</f>
        <v>4.4356864041968196</v>
      </c>
      <c r="O5273" s="58">
        <f>IF(Input!$K$13=2,J5273*Input!$J$13,0)+IF(Input!$K$14=2,K5273*Input!$J$14,0)+IF(Input!$K$15=2,L5273*Input!$J$15,0)+IF(Input!$K$16=2,M5273*Input!$J$16,0)</f>
        <v>0.39984709644331373</v>
      </c>
      <c r="P5273" s="58">
        <f>IF(Input!$K$13=3,J5273*Input!$J$13,0)+IF(Input!$K$14=3,K5273*Input!$J$14,0)+IF(Input!$K$15=3,L5273*Input!$J$15,0)+IF(Input!$K$16=3,M5273*Input!$J$16,0)</f>
        <v>0</v>
      </c>
      <c r="Q5273" s="71">
        <f>IF(Input!$K$13=4,J5273*Input!$J$13,0)+IF(Input!$K$14=4,K5273*Input!$J$14,0)+IF(Input!$K$15=4,L5273*Input!$J$15,0)+IF(Input!$K$16=4,M5273*Input!$J$16,0)</f>
        <v>0</v>
      </c>
    </row>
    <row r="5274" spans="8:17" x14ac:dyDescent="0.25">
      <c r="H5274" s="43">
        <v>5267</v>
      </c>
      <c r="I5274" s="55">
        <f>Bühler!I5300</f>
        <v>0.88709996655126166</v>
      </c>
      <c r="J5274" s="58">
        <f>Bühler!J5300</f>
        <v>36.964053368306828</v>
      </c>
      <c r="K5274" s="58">
        <f>Bühler!K5300</f>
        <v>2.9618303440245466</v>
      </c>
      <c r="L5274" s="58">
        <f>Bühler!L5300</f>
        <v>1.4809151720122733</v>
      </c>
      <c r="M5274" s="57">
        <f>Bühler!M5300</f>
        <v>0</v>
      </c>
      <c r="N5274" s="55">
        <f>IF(Input!$K$13=1,J5274*Input!$J$13,0)+IF(Input!$K$14=1,K5274*Input!$J$14,0)+IF(Input!$K$15=1,L5274*Input!$J$15,0)+IF(Input!$K$16=1,M5274*Input!$J$16,0)</f>
        <v>4.4356864041968196</v>
      </c>
      <c r="O5274" s="58">
        <f>IF(Input!$K$13=2,J5274*Input!$J$13,0)+IF(Input!$K$14=2,K5274*Input!$J$14,0)+IF(Input!$K$15=2,L5274*Input!$J$15,0)+IF(Input!$K$16=2,M5274*Input!$J$16,0)</f>
        <v>0.39984709644331373</v>
      </c>
      <c r="P5274" s="58">
        <f>IF(Input!$K$13=3,J5274*Input!$J$13,0)+IF(Input!$K$14=3,K5274*Input!$J$14,0)+IF(Input!$K$15=3,L5274*Input!$J$15,0)+IF(Input!$K$16=3,M5274*Input!$J$16,0)</f>
        <v>0</v>
      </c>
      <c r="Q5274" s="71">
        <f>IF(Input!$K$13=4,J5274*Input!$J$13,0)+IF(Input!$K$14=4,K5274*Input!$J$14,0)+IF(Input!$K$15=4,L5274*Input!$J$15,0)+IF(Input!$K$16=4,M5274*Input!$J$16,0)</f>
        <v>0</v>
      </c>
    </row>
    <row r="5275" spans="8:17" x14ac:dyDescent="0.25">
      <c r="H5275" s="43">
        <v>5268</v>
      </c>
      <c r="I5275" s="55">
        <f>Bühler!I5301</f>
        <v>1.0614871394630483</v>
      </c>
      <c r="J5275" s="58">
        <f>Bühler!J5301</f>
        <v>44.230491209939792</v>
      </c>
      <c r="K5275" s="58">
        <f>Bühler!K5301</f>
        <v>3.5440704971233883</v>
      </c>
      <c r="L5275" s="58">
        <f>Bühler!L5301</f>
        <v>1.7720352485616941</v>
      </c>
      <c r="M5275" s="57">
        <f>Bühler!M5301</f>
        <v>0</v>
      </c>
      <c r="N5275" s="55">
        <f>IF(Input!$K$13=1,J5275*Input!$J$13,0)+IF(Input!$K$14=1,K5275*Input!$J$14,0)+IF(Input!$K$15=1,L5275*Input!$J$15,0)+IF(Input!$K$16=1,M5275*Input!$J$16,0)</f>
        <v>5.3076589451927747</v>
      </c>
      <c r="O5275" s="58">
        <f>IF(Input!$K$13=2,J5275*Input!$J$13,0)+IF(Input!$K$14=2,K5275*Input!$J$14,0)+IF(Input!$K$15=2,L5275*Input!$J$15,0)+IF(Input!$K$16=2,M5275*Input!$J$16,0)</f>
        <v>0.4784495171116574</v>
      </c>
      <c r="P5275" s="58">
        <f>IF(Input!$K$13=3,J5275*Input!$J$13,0)+IF(Input!$K$14=3,K5275*Input!$J$14,0)+IF(Input!$K$15=3,L5275*Input!$J$15,0)+IF(Input!$K$16=3,M5275*Input!$J$16,0)</f>
        <v>0</v>
      </c>
      <c r="Q5275" s="71">
        <f>IF(Input!$K$13=4,J5275*Input!$J$13,0)+IF(Input!$K$14=4,K5275*Input!$J$14,0)+IF(Input!$K$15=4,L5275*Input!$J$15,0)+IF(Input!$K$16=4,M5275*Input!$J$16,0)</f>
        <v>0</v>
      </c>
    </row>
    <row r="5276" spans="8:17" x14ac:dyDescent="0.25">
      <c r="H5276" s="43">
        <v>5269</v>
      </c>
      <c r="I5276" s="55">
        <f>Bühler!I5302</f>
        <v>1.0614871394630483</v>
      </c>
      <c r="J5276" s="58">
        <f>Bühler!J5302</f>
        <v>44.230491209939792</v>
      </c>
      <c r="K5276" s="58">
        <f>Bühler!K5302</f>
        <v>3.5440704971233883</v>
      </c>
      <c r="L5276" s="58">
        <f>Bühler!L5302</f>
        <v>1.7720352485616941</v>
      </c>
      <c r="M5276" s="57">
        <f>Bühler!M5302</f>
        <v>0</v>
      </c>
      <c r="N5276" s="55">
        <f>IF(Input!$K$13=1,J5276*Input!$J$13,0)+IF(Input!$K$14=1,K5276*Input!$J$14,0)+IF(Input!$K$15=1,L5276*Input!$J$15,0)+IF(Input!$K$16=1,M5276*Input!$J$16,0)</f>
        <v>5.3076589451927747</v>
      </c>
      <c r="O5276" s="58">
        <f>IF(Input!$K$13=2,J5276*Input!$J$13,0)+IF(Input!$K$14=2,K5276*Input!$J$14,0)+IF(Input!$K$15=2,L5276*Input!$J$15,0)+IF(Input!$K$16=2,M5276*Input!$J$16,0)</f>
        <v>0.4784495171116574</v>
      </c>
      <c r="P5276" s="58">
        <f>IF(Input!$K$13=3,J5276*Input!$J$13,0)+IF(Input!$K$14=3,K5276*Input!$J$14,0)+IF(Input!$K$15=3,L5276*Input!$J$15,0)+IF(Input!$K$16=3,M5276*Input!$J$16,0)</f>
        <v>0</v>
      </c>
      <c r="Q5276" s="71">
        <f>IF(Input!$K$13=4,J5276*Input!$J$13,0)+IF(Input!$K$14=4,K5276*Input!$J$14,0)+IF(Input!$K$15=4,L5276*Input!$J$15,0)+IF(Input!$K$16=4,M5276*Input!$J$16,0)</f>
        <v>0</v>
      </c>
    </row>
    <row r="5277" spans="8:17" x14ac:dyDescent="0.25">
      <c r="H5277" s="43">
        <v>5270</v>
      </c>
      <c r="I5277" s="55">
        <f>Bühler!I5303</f>
        <v>0.70513074264331055</v>
      </c>
      <c r="J5277" s="58">
        <f>Bühler!J5303</f>
        <v>29.381683446602857</v>
      </c>
      <c r="K5277" s="58">
        <f>Bühler!K5303</f>
        <v>2.3542754016605363</v>
      </c>
      <c r="L5277" s="58">
        <f>Bühler!L5303</f>
        <v>1.1771377008302681</v>
      </c>
      <c r="M5277" s="57">
        <f>Bühler!M5303</f>
        <v>0</v>
      </c>
      <c r="N5277" s="55">
        <f>IF(Input!$K$13=1,J5277*Input!$J$13,0)+IF(Input!$K$14=1,K5277*Input!$J$14,0)+IF(Input!$K$15=1,L5277*Input!$J$15,0)+IF(Input!$K$16=1,M5277*Input!$J$16,0)</f>
        <v>3.5258020135923425</v>
      </c>
      <c r="O5277" s="58">
        <f>IF(Input!$K$13=2,J5277*Input!$J$13,0)+IF(Input!$K$14=2,K5277*Input!$J$14,0)+IF(Input!$K$15=2,L5277*Input!$J$15,0)+IF(Input!$K$16=2,M5277*Input!$J$16,0)</f>
        <v>0.31782717922417236</v>
      </c>
      <c r="P5277" s="58">
        <f>IF(Input!$K$13=3,J5277*Input!$J$13,0)+IF(Input!$K$14=3,K5277*Input!$J$14,0)+IF(Input!$K$15=3,L5277*Input!$J$15,0)+IF(Input!$K$16=3,M5277*Input!$J$16,0)</f>
        <v>0</v>
      </c>
      <c r="Q5277" s="71">
        <f>IF(Input!$K$13=4,J5277*Input!$J$13,0)+IF(Input!$K$14=4,K5277*Input!$J$14,0)+IF(Input!$K$15=4,L5277*Input!$J$15,0)+IF(Input!$K$16=4,M5277*Input!$J$16,0)</f>
        <v>0</v>
      </c>
    </row>
    <row r="5278" spans="8:17" x14ac:dyDescent="0.25">
      <c r="H5278" s="43">
        <v>5271</v>
      </c>
      <c r="I5278" s="55">
        <f>Bühler!I5304</f>
        <v>1.0614871394630483</v>
      </c>
      <c r="J5278" s="58">
        <f>Bühler!J5304</f>
        <v>44.230491209939792</v>
      </c>
      <c r="K5278" s="58">
        <f>Bühler!K5304</f>
        <v>3.5440704971233883</v>
      </c>
      <c r="L5278" s="58">
        <f>Bühler!L5304</f>
        <v>1.7720352485616941</v>
      </c>
      <c r="M5278" s="57">
        <f>Bühler!M5304</f>
        <v>0</v>
      </c>
      <c r="N5278" s="55">
        <f>IF(Input!$K$13=1,J5278*Input!$J$13,0)+IF(Input!$K$14=1,K5278*Input!$J$14,0)+IF(Input!$K$15=1,L5278*Input!$J$15,0)+IF(Input!$K$16=1,M5278*Input!$J$16,0)</f>
        <v>5.3076589451927747</v>
      </c>
      <c r="O5278" s="58">
        <f>IF(Input!$K$13=2,J5278*Input!$J$13,0)+IF(Input!$K$14=2,K5278*Input!$J$14,0)+IF(Input!$K$15=2,L5278*Input!$J$15,0)+IF(Input!$K$16=2,M5278*Input!$J$16,0)</f>
        <v>0.4784495171116574</v>
      </c>
      <c r="P5278" s="58">
        <f>IF(Input!$K$13=3,J5278*Input!$J$13,0)+IF(Input!$K$14=3,K5278*Input!$J$14,0)+IF(Input!$K$15=3,L5278*Input!$J$15,0)+IF(Input!$K$16=3,M5278*Input!$J$16,0)</f>
        <v>0</v>
      </c>
      <c r="Q5278" s="71">
        <f>IF(Input!$K$13=4,J5278*Input!$J$13,0)+IF(Input!$K$14=4,K5278*Input!$J$14,0)+IF(Input!$K$15=4,L5278*Input!$J$15,0)+IF(Input!$K$16=4,M5278*Input!$J$16,0)</f>
        <v>0</v>
      </c>
    </row>
    <row r="5279" spans="8:17" x14ac:dyDescent="0.25">
      <c r="H5279" s="43">
        <v>5272</v>
      </c>
      <c r="I5279" s="55">
        <f>Bühler!I5305</f>
        <v>1.0614871394630483</v>
      </c>
      <c r="J5279" s="58">
        <f>Bühler!J5305</f>
        <v>44.230491209939792</v>
      </c>
      <c r="K5279" s="58">
        <f>Bühler!K5305</f>
        <v>3.5440704971233883</v>
      </c>
      <c r="L5279" s="58">
        <f>Bühler!L5305</f>
        <v>1.7720352485616941</v>
      </c>
      <c r="M5279" s="57">
        <f>Bühler!M5305</f>
        <v>0</v>
      </c>
      <c r="N5279" s="55">
        <f>IF(Input!$K$13=1,J5279*Input!$J$13,0)+IF(Input!$K$14=1,K5279*Input!$J$14,0)+IF(Input!$K$15=1,L5279*Input!$J$15,0)+IF(Input!$K$16=1,M5279*Input!$J$16,0)</f>
        <v>5.3076589451927747</v>
      </c>
      <c r="O5279" s="58">
        <f>IF(Input!$K$13=2,J5279*Input!$J$13,0)+IF(Input!$K$14=2,K5279*Input!$J$14,0)+IF(Input!$K$15=2,L5279*Input!$J$15,0)+IF(Input!$K$16=2,M5279*Input!$J$16,0)</f>
        <v>0.4784495171116574</v>
      </c>
      <c r="P5279" s="58">
        <f>IF(Input!$K$13=3,J5279*Input!$J$13,0)+IF(Input!$K$14=3,K5279*Input!$J$14,0)+IF(Input!$K$15=3,L5279*Input!$J$15,0)+IF(Input!$K$16=3,M5279*Input!$J$16,0)</f>
        <v>0</v>
      </c>
      <c r="Q5279" s="71">
        <f>IF(Input!$K$13=4,J5279*Input!$J$13,0)+IF(Input!$K$14=4,K5279*Input!$J$14,0)+IF(Input!$K$15=4,L5279*Input!$J$15,0)+IF(Input!$K$16=4,M5279*Input!$J$16,0)</f>
        <v>0</v>
      </c>
    </row>
    <row r="5280" spans="8:17" x14ac:dyDescent="0.25">
      <c r="H5280" s="43">
        <v>5273</v>
      </c>
      <c r="I5280" s="55">
        <f>Bühler!I5306</f>
        <v>0.88726128678522254</v>
      </c>
      <c r="J5280" s="58">
        <f>Bühler!J5306</f>
        <v>26.347950525425816</v>
      </c>
      <c r="K5280" s="58">
        <f>Bühler!K5306</f>
        <v>2.0884701143762823</v>
      </c>
      <c r="L5280" s="58">
        <f>Bühler!L5306</f>
        <v>1.0442350571881411</v>
      </c>
      <c r="M5280" s="57">
        <f>Bühler!M5306</f>
        <v>0</v>
      </c>
      <c r="N5280" s="55">
        <f>IF(Input!$K$13=1,J5280*Input!$J$13,0)+IF(Input!$K$14=1,K5280*Input!$J$14,0)+IF(Input!$K$15=1,L5280*Input!$J$15,0)+IF(Input!$K$16=1,M5280*Input!$J$16,0)</f>
        <v>3.1617540630510979</v>
      </c>
      <c r="O5280" s="58">
        <f>IF(Input!$K$13=2,J5280*Input!$J$13,0)+IF(Input!$K$14=2,K5280*Input!$J$14,0)+IF(Input!$K$15=2,L5280*Input!$J$15,0)+IF(Input!$K$16=2,M5280*Input!$J$16,0)</f>
        <v>0.28194346544079807</v>
      </c>
      <c r="P5280" s="58">
        <f>IF(Input!$K$13=3,J5280*Input!$J$13,0)+IF(Input!$K$14=3,K5280*Input!$J$14,0)+IF(Input!$K$15=3,L5280*Input!$J$15,0)+IF(Input!$K$16=3,M5280*Input!$J$16,0)</f>
        <v>0</v>
      </c>
      <c r="Q5280" s="71">
        <f>IF(Input!$K$13=4,J5280*Input!$J$13,0)+IF(Input!$K$14=4,K5280*Input!$J$14,0)+IF(Input!$K$15=4,L5280*Input!$J$15,0)+IF(Input!$K$16=4,M5280*Input!$J$16,0)</f>
        <v>0</v>
      </c>
    </row>
    <row r="5281" spans="8:17" x14ac:dyDescent="0.25">
      <c r="H5281" s="43">
        <v>5274</v>
      </c>
      <c r="I5281" s="55">
        <f>Bühler!I5307</f>
        <v>0.70496942240934968</v>
      </c>
      <c r="J5281" s="58">
        <f>Bühler!J5307</f>
        <v>11.598864462016941</v>
      </c>
      <c r="K5281" s="58">
        <f>Bühler!K5307</f>
        <v>0.89136581919602331</v>
      </c>
      <c r="L5281" s="58">
        <f>Bühler!L5307</f>
        <v>0.44568290959801166</v>
      </c>
      <c r="M5281" s="57">
        <f>Bühler!M5307</f>
        <v>0</v>
      </c>
      <c r="N5281" s="55">
        <f>IF(Input!$K$13=1,J5281*Input!$J$13,0)+IF(Input!$K$14=1,K5281*Input!$J$14,0)+IF(Input!$K$15=1,L5281*Input!$J$15,0)+IF(Input!$K$16=1,M5281*Input!$J$16,0)</f>
        <v>1.3918637354420329</v>
      </c>
      <c r="O5281" s="58">
        <f>IF(Input!$K$13=2,J5281*Input!$J$13,0)+IF(Input!$K$14=2,K5281*Input!$J$14,0)+IF(Input!$K$15=2,L5281*Input!$J$15,0)+IF(Input!$K$16=2,M5281*Input!$J$16,0)</f>
        <v>0.12033438559146314</v>
      </c>
      <c r="P5281" s="58">
        <f>IF(Input!$K$13=3,J5281*Input!$J$13,0)+IF(Input!$K$14=3,K5281*Input!$J$14,0)+IF(Input!$K$15=3,L5281*Input!$J$15,0)+IF(Input!$K$16=3,M5281*Input!$J$16,0)</f>
        <v>0</v>
      </c>
      <c r="Q5281" s="71">
        <f>IF(Input!$K$13=4,J5281*Input!$J$13,0)+IF(Input!$K$14=4,K5281*Input!$J$14,0)+IF(Input!$K$15=4,L5281*Input!$J$15,0)+IF(Input!$K$16=4,M5281*Input!$J$16,0)</f>
        <v>0</v>
      </c>
    </row>
    <row r="5282" spans="8:17" x14ac:dyDescent="0.25">
      <c r="H5282" s="43">
        <v>5275</v>
      </c>
      <c r="I5282" s="55">
        <f>Bühler!I5308</f>
        <v>0.25004636263947183</v>
      </c>
      <c r="J5282" s="58">
        <f>Bühler!J5308</f>
        <v>7.4220809674345904</v>
      </c>
      <c r="K5282" s="58">
        <f>Bühler!K5308</f>
        <v>0.5883014406693754</v>
      </c>
      <c r="L5282" s="58">
        <f>Bühler!L5308</f>
        <v>0.2941507203346877</v>
      </c>
      <c r="M5282" s="57">
        <f>Bühler!M5308</f>
        <v>0</v>
      </c>
      <c r="N5282" s="55">
        <f>IF(Input!$K$13=1,J5282*Input!$J$13,0)+IF(Input!$K$14=1,K5282*Input!$J$14,0)+IF(Input!$K$15=1,L5282*Input!$J$15,0)+IF(Input!$K$16=1,M5282*Input!$J$16,0)</f>
        <v>0.89064971609215082</v>
      </c>
      <c r="O5282" s="58">
        <f>IF(Input!$K$13=2,J5282*Input!$J$13,0)+IF(Input!$K$14=2,K5282*Input!$J$14,0)+IF(Input!$K$15=2,L5282*Input!$J$15,0)+IF(Input!$K$16=2,M5282*Input!$J$16,0)</f>
        <v>7.9420694490365679E-2</v>
      </c>
      <c r="P5282" s="58">
        <f>IF(Input!$K$13=3,J5282*Input!$J$13,0)+IF(Input!$K$14=3,K5282*Input!$J$14,0)+IF(Input!$K$15=3,L5282*Input!$J$15,0)+IF(Input!$K$16=3,M5282*Input!$J$16,0)</f>
        <v>0</v>
      </c>
      <c r="Q5282" s="71">
        <f>IF(Input!$K$13=4,J5282*Input!$J$13,0)+IF(Input!$K$14=4,K5282*Input!$J$14,0)+IF(Input!$K$15=4,L5282*Input!$J$15,0)+IF(Input!$K$16=4,M5282*Input!$J$16,0)</f>
        <v>0</v>
      </c>
    </row>
    <row r="5283" spans="8:17" x14ac:dyDescent="0.25">
      <c r="H5283" s="43">
        <v>5276</v>
      </c>
      <c r="I5283" s="55">
        <f>Bühler!I5309</f>
        <v>0.25004636263947183</v>
      </c>
      <c r="J5283" s="58">
        <f>Bühler!J5309</f>
        <v>7.4220809674345904</v>
      </c>
      <c r="K5283" s="58">
        <f>Bühler!K5309</f>
        <v>0.5883014406693754</v>
      </c>
      <c r="L5283" s="58">
        <f>Bühler!L5309</f>
        <v>0.2941507203346877</v>
      </c>
      <c r="M5283" s="57">
        <f>Bühler!M5309</f>
        <v>0</v>
      </c>
      <c r="N5283" s="55">
        <f>IF(Input!$K$13=1,J5283*Input!$J$13,0)+IF(Input!$K$14=1,K5283*Input!$J$14,0)+IF(Input!$K$15=1,L5283*Input!$J$15,0)+IF(Input!$K$16=1,M5283*Input!$J$16,0)</f>
        <v>0.89064971609215082</v>
      </c>
      <c r="O5283" s="58">
        <f>IF(Input!$K$13=2,J5283*Input!$J$13,0)+IF(Input!$K$14=2,K5283*Input!$J$14,0)+IF(Input!$K$15=2,L5283*Input!$J$15,0)+IF(Input!$K$16=2,M5283*Input!$J$16,0)</f>
        <v>7.9420694490365679E-2</v>
      </c>
      <c r="P5283" s="58">
        <f>IF(Input!$K$13=3,J5283*Input!$J$13,0)+IF(Input!$K$14=3,K5283*Input!$J$14,0)+IF(Input!$K$15=3,L5283*Input!$J$15,0)+IF(Input!$K$16=3,M5283*Input!$J$16,0)</f>
        <v>0</v>
      </c>
      <c r="Q5283" s="71">
        <f>IF(Input!$K$13=4,J5283*Input!$J$13,0)+IF(Input!$K$14=4,K5283*Input!$J$14,0)+IF(Input!$K$15=4,L5283*Input!$J$15,0)+IF(Input!$K$16=4,M5283*Input!$J$16,0)</f>
        <v>0</v>
      </c>
    </row>
    <row r="5284" spans="8:17" x14ac:dyDescent="0.25">
      <c r="H5284" s="43">
        <v>5277</v>
      </c>
      <c r="I5284" s="55">
        <f>Bühler!I5310</f>
        <v>0.25004636263947183</v>
      </c>
      <c r="J5284" s="58">
        <f>Bühler!J5310</f>
        <v>7.4220809674345904</v>
      </c>
      <c r="K5284" s="58">
        <f>Bühler!K5310</f>
        <v>0.5883014406693754</v>
      </c>
      <c r="L5284" s="58">
        <f>Bühler!L5310</f>
        <v>0.2941507203346877</v>
      </c>
      <c r="M5284" s="57">
        <f>Bühler!M5310</f>
        <v>0</v>
      </c>
      <c r="N5284" s="55">
        <f>IF(Input!$K$13=1,J5284*Input!$J$13,0)+IF(Input!$K$14=1,K5284*Input!$J$14,0)+IF(Input!$K$15=1,L5284*Input!$J$15,0)+IF(Input!$K$16=1,M5284*Input!$J$16,0)</f>
        <v>0.89064971609215082</v>
      </c>
      <c r="O5284" s="58">
        <f>IF(Input!$K$13=2,J5284*Input!$J$13,0)+IF(Input!$K$14=2,K5284*Input!$J$14,0)+IF(Input!$K$15=2,L5284*Input!$J$15,0)+IF(Input!$K$16=2,M5284*Input!$J$16,0)</f>
        <v>7.9420694490365679E-2</v>
      </c>
      <c r="P5284" s="58">
        <f>IF(Input!$K$13=3,J5284*Input!$J$13,0)+IF(Input!$K$14=3,K5284*Input!$J$14,0)+IF(Input!$K$15=3,L5284*Input!$J$15,0)+IF(Input!$K$16=3,M5284*Input!$J$16,0)</f>
        <v>0</v>
      </c>
      <c r="Q5284" s="71">
        <f>IF(Input!$K$13=4,J5284*Input!$J$13,0)+IF(Input!$K$14=4,K5284*Input!$J$14,0)+IF(Input!$K$15=4,L5284*Input!$J$15,0)+IF(Input!$K$16=4,M5284*Input!$J$16,0)</f>
        <v>0</v>
      </c>
    </row>
    <row r="5285" spans="8:17" x14ac:dyDescent="0.25">
      <c r="H5285" s="43">
        <v>5278</v>
      </c>
      <c r="I5285" s="55">
        <f>Bühler!I5311</f>
        <v>0.25004636263947183</v>
      </c>
      <c r="J5285" s="58">
        <f>Bühler!J5311</f>
        <v>7.4220809674345904</v>
      </c>
      <c r="K5285" s="58">
        <f>Bühler!K5311</f>
        <v>0.5883014406693754</v>
      </c>
      <c r="L5285" s="58">
        <f>Bühler!L5311</f>
        <v>0.2941507203346877</v>
      </c>
      <c r="M5285" s="57">
        <f>Bühler!M5311</f>
        <v>0</v>
      </c>
      <c r="N5285" s="55">
        <f>IF(Input!$K$13=1,J5285*Input!$J$13,0)+IF(Input!$K$14=1,K5285*Input!$J$14,0)+IF(Input!$K$15=1,L5285*Input!$J$15,0)+IF(Input!$K$16=1,M5285*Input!$J$16,0)</f>
        <v>0.89064971609215082</v>
      </c>
      <c r="O5285" s="58">
        <f>IF(Input!$K$13=2,J5285*Input!$J$13,0)+IF(Input!$K$14=2,K5285*Input!$J$14,0)+IF(Input!$K$15=2,L5285*Input!$J$15,0)+IF(Input!$K$16=2,M5285*Input!$J$16,0)</f>
        <v>7.9420694490365679E-2</v>
      </c>
      <c r="P5285" s="58">
        <f>IF(Input!$K$13=3,J5285*Input!$J$13,0)+IF(Input!$K$14=3,K5285*Input!$J$14,0)+IF(Input!$K$15=3,L5285*Input!$J$15,0)+IF(Input!$K$16=3,M5285*Input!$J$16,0)</f>
        <v>0</v>
      </c>
      <c r="Q5285" s="71">
        <f>IF(Input!$K$13=4,J5285*Input!$J$13,0)+IF(Input!$K$14=4,K5285*Input!$J$14,0)+IF(Input!$K$15=4,L5285*Input!$J$15,0)+IF(Input!$K$16=4,M5285*Input!$J$16,0)</f>
        <v>0</v>
      </c>
    </row>
    <row r="5286" spans="8:17" x14ac:dyDescent="0.25">
      <c r="H5286" s="43">
        <v>5279</v>
      </c>
      <c r="I5286" s="55">
        <f>Bühler!I5312</f>
        <v>0.25004636263947183</v>
      </c>
      <c r="J5286" s="58">
        <f>Bühler!J5312</f>
        <v>7.4220809674345904</v>
      </c>
      <c r="K5286" s="58">
        <f>Bühler!K5312</f>
        <v>0.5883014406693754</v>
      </c>
      <c r="L5286" s="58">
        <f>Bühler!L5312</f>
        <v>0.2941507203346877</v>
      </c>
      <c r="M5286" s="57">
        <f>Bühler!M5312</f>
        <v>0</v>
      </c>
      <c r="N5286" s="55">
        <f>IF(Input!$K$13=1,J5286*Input!$J$13,0)+IF(Input!$K$14=1,K5286*Input!$J$14,0)+IF(Input!$K$15=1,L5286*Input!$J$15,0)+IF(Input!$K$16=1,M5286*Input!$J$16,0)</f>
        <v>0.89064971609215082</v>
      </c>
      <c r="O5286" s="58">
        <f>IF(Input!$K$13=2,J5286*Input!$J$13,0)+IF(Input!$K$14=2,K5286*Input!$J$14,0)+IF(Input!$K$15=2,L5286*Input!$J$15,0)+IF(Input!$K$16=2,M5286*Input!$J$16,0)</f>
        <v>7.9420694490365679E-2</v>
      </c>
      <c r="P5286" s="58">
        <f>IF(Input!$K$13=3,J5286*Input!$J$13,0)+IF(Input!$K$14=3,K5286*Input!$J$14,0)+IF(Input!$K$15=3,L5286*Input!$J$15,0)+IF(Input!$K$16=3,M5286*Input!$J$16,0)</f>
        <v>0</v>
      </c>
      <c r="Q5286" s="71">
        <f>IF(Input!$K$13=4,J5286*Input!$J$13,0)+IF(Input!$K$14=4,K5286*Input!$J$14,0)+IF(Input!$K$15=4,L5286*Input!$J$15,0)+IF(Input!$K$16=4,M5286*Input!$J$16,0)</f>
        <v>0</v>
      </c>
    </row>
    <row r="5287" spans="8:17" x14ac:dyDescent="0.25">
      <c r="H5287" s="43">
        <v>5280</v>
      </c>
      <c r="I5287" s="55">
        <f>Bühler!I5313</f>
        <v>0.25004636263947183</v>
      </c>
      <c r="J5287" s="58">
        <f>Bühler!J5313</f>
        <v>7.4220809674345904</v>
      </c>
      <c r="K5287" s="58">
        <f>Bühler!K5313</f>
        <v>0.5883014406693754</v>
      </c>
      <c r="L5287" s="58">
        <f>Bühler!L5313</f>
        <v>0.2941507203346877</v>
      </c>
      <c r="M5287" s="57">
        <f>Bühler!M5313</f>
        <v>0</v>
      </c>
      <c r="N5287" s="55">
        <f>IF(Input!$K$13=1,J5287*Input!$J$13,0)+IF(Input!$K$14=1,K5287*Input!$J$14,0)+IF(Input!$K$15=1,L5287*Input!$J$15,0)+IF(Input!$K$16=1,M5287*Input!$J$16,0)</f>
        <v>0.89064971609215082</v>
      </c>
      <c r="O5287" s="58">
        <f>IF(Input!$K$13=2,J5287*Input!$J$13,0)+IF(Input!$K$14=2,K5287*Input!$J$14,0)+IF(Input!$K$15=2,L5287*Input!$J$15,0)+IF(Input!$K$16=2,M5287*Input!$J$16,0)</f>
        <v>7.9420694490365679E-2</v>
      </c>
      <c r="P5287" s="58">
        <f>IF(Input!$K$13=3,J5287*Input!$J$13,0)+IF(Input!$K$14=3,K5287*Input!$J$14,0)+IF(Input!$K$15=3,L5287*Input!$J$15,0)+IF(Input!$K$16=3,M5287*Input!$J$16,0)</f>
        <v>0</v>
      </c>
      <c r="Q5287" s="71">
        <f>IF(Input!$K$13=4,J5287*Input!$J$13,0)+IF(Input!$K$14=4,K5287*Input!$J$14,0)+IF(Input!$K$15=4,L5287*Input!$J$15,0)+IF(Input!$K$16=4,M5287*Input!$J$16,0)</f>
        <v>0</v>
      </c>
    </row>
    <row r="5288" spans="8:17" x14ac:dyDescent="0.25">
      <c r="H5288" s="43">
        <v>5281</v>
      </c>
      <c r="I5288" s="55">
        <f>Bühler!I5314</f>
        <v>0.29500131323658008</v>
      </c>
      <c r="J5288" s="58">
        <f>Bühler!J5314</f>
        <v>7.4903049577547431</v>
      </c>
      <c r="K5288" s="58">
        <f>Bühler!K5314</f>
        <v>0.58649120204634908</v>
      </c>
      <c r="L5288" s="58">
        <f>Bühler!L5314</f>
        <v>0.29324560102317454</v>
      </c>
      <c r="M5288" s="57">
        <f>Bühler!M5314</f>
        <v>0</v>
      </c>
      <c r="N5288" s="55">
        <f>IF(Input!$K$13=1,J5288*Input!$J$13,0)+IF(Input!$K$14=1,K5288*Input!$J$14,0)+IF(Input!$K$15=1,L5288*Input!$J$15,0)+IF(Input!$K$16=1,M5288*Input!$J$16,0)</f>
        <v>0.89883659493056911</v>
      </c>
      <c r="O5288" s="58">
        <f>IF(Input!$K$13=2,J5288*Input!$J$13,0)+IF(Input!$K$14=2,K5288*Input!$J$14,0)+IF(Input!$K$15=2,L5288*Input!$J$15,0)+IF(Input!$K$16=2,M5288*Input!$J$16,0)</f>
        <v>7.9176312276257127E-2</v>
      </c>
      <c r="P5288" s="58">
        <f>IF(Input!$K$13=3,J5288*Input!$J$13,0)+IF(Input!$K$14=3,K5288*Input!$J$14,0)+IF(Input!$K$15=3,L5288*Input!$J$15,0)+IF(Input!$K$16=3,M5288*Input!$J$16,0)</f>
        <v>0</v>
      </c>
      <c r="Q5288" s="71">
        <f>IF(Input!$K$13=4,J5288*Input!$J$13,0)+IF(Input!$K$14=4,K5288*Input!$J$14,0)+IF(Input!$K$15=4,L5288*Input!$J$15,0)+IF(Input!$K$16=4,M5288*Input!$J$16,0)</f>
        <v>0</v>
      </c>
    </row>
    <row r="5289" spans="8:17" x14ac:dyDescent="0.25">
      <c r="H5289" s="43">
        <v>5282</v>
      </c>
      <c r="I5289" s="55">
        <f>Bühler!I5315</f>
        <v>0.29500131323658008</v>
      </c>
      <c r="J5289" s="58">
        <f>Bühler!J5315</f>
        <v>7.4903049577547431</v>
      </c>
      <c r="K5289" s="58">
        <f>Bühler!K5315</f>
        <v>0.58649120204634908</v>
      </c>
      <c r="L5289" s="58">
        <f>Bühler!L5315</f>
        <v>0.29324560102317454</v>
      </c>
      <c r="M5289" s="57">
        <f>Bühler!M5315</f>
        <v>0</v>
      </c>
      <c r="N5289" s="55">
        <f>IF(Input!$K$13=1,J5289*Input!$J$13,0)+IF(Input!$K$14=1,K5289*Input!$J$14,0)+IF(Input!$K$15=1,L5289*Input!$J$15,0)+IF(Input!$K$16=1,M5289*Input!$J$16,0)</f>
        <v>0.89883659493056911</v>
      </c>
      <c r="O5289" s="58">
        <f>IF(Input!$K$13=2,J5289*Input!$J$13,0)+IF(Input!$K$14=2,K5289*Input!$J$14,0)+IF(Input!$K$15=2,L5289*Input!$J$15,0)+IF(Input!$K$16=2,M5289*Input!$J$16,0)</f>
        <v>7.9176312276257127E-2</v>
      </c>
      <c r="P5289" s="58">
        <f>IF(Input!$K$13=3,J5289*Input!$J$13,0)+IF(Input!$K$14=3,K5289*Input!$J$14,0)+IF(Input!$K$15=3,L5289*Input!$J$15,0)+IF(Input!$K$16=3,M5289*Input!$J$16,0)</f>
        <v>0</v>
      </c>
      <c r="Q5289" s="71">
        <f>IF(Input!$K$13=4,J5289*Input!$J$13,0)+IF(Input!$K$14=4,K5289*Input!$J$14,0)+IF(Input!$K$15=4,L5289*Input!$J$15,0)+IF(Input!$K$16=4,M5289*Input!$J$16,0)</f>
        <v>0</v>
      </c>
    </row>
    <row r="5290" spans="8:17" x14ac:dyDescent="0.25">
      <c r="H5290" s="43">
        <v>5283</v>
      </c>
      <c r="I5290" s="55">
        <f>Bühler!I5316</f>
        <v>0.29500131323658008</v>
      </c>
      <c r="J5290" s="58">
        <f>Bühler!J5316</f>
        <v>7.4903049577547431</v>
      </c>
      <c r="K5290" s="58">
        <f>Bühler!K5316</f>
        <v>0.58649120204634908</v>
      </c>
      <c r="L5290" s="58">
        <f>Bühler!L5316</f>
        <v>0.29324560102317454</v>
      </c>
      <c r="M5290" s="57">
        <f>Bühler!M5316</f>
        <v>0</v>
      </c>
      <c r="N5290" s="55">
        <f>IF(Input!$K$13=1,J5290*Input!$J$13,0)+IF(Input!$K$14=1,K5290*Input!$J$14,0)+IF(Input!$K$15=1,L5290*Input!$J$15,0)+IF(Input!$K$16=1,M5290*Input!$J$16,0)</f>
        <v>0.89883659493056911</v>
      </c>
      <c r="O5290" s="58">
        <f>IF(Input!$K$13=2,J5290*Input!$J$13,0)+IF(Input!$K$14=2,K5290*Input!$J$14,0)+IF(Input!$K$15=2,L5290*Input!$J$15,0)+IF(Input!$K$16=2,M5290*Input!$J$16,0)</f>
        <v>7.9176312276257127E-2</v>
      </c>
      <c r="P5290" s="58">
        <f>IF(Input!$K$13=3,J5290*Input!$J$13,0)+IF(Input!$K$14=3,K5290*Input!$J$14,0)+IF(Input!$K$15=3,L5290*Input!$J$15,0)+IF(Input!$K$16=3,M5290*Input!$J$16,0)</f>
        <v>0</v>
      </c>
      <c r="Q5290" s="71">
        <f>IF(Input!$K$13=4,J5290*Input!$J$13,0)+IF(Input!$K$14=4,K5290*Input!$J$14,0)+IF(Input!$K$15=4,L5290*Input!$J$15,0)+IF(Input!$K$16=4,M5290*Input!$J$16,0)</f>
        <v>0</v>
      </c>
    </row>
    <row r="5291" spans="8:17" x14ac:dyDescent="0.25">
      <c r="H5291" s="43">
        <v>5284</v>
      </c>
      <c r="I5291" s="55">
        <f>Bühler!I5317</f>
        <v>0.29500131323658008</v>
      </c>
      <c r="J5291" s="58">
        <f>Bühler!J5317</f>
        <v>7.4903049577547431</v>
      </c>
      <c r="K5291" s="58">
        <f>Bühler!K5317</f>
        <v>0.58649120204634908</v>
      </c>
      <c r="L5291" s="58">
        <f>Bühler!L5317</f>
        <v>0.29324560102317454</v>
      </c>
      <c r="M5291" s="57">
        <f>Bühler!M5317</f>
        <v>0</v>
      </c>
      <c r="N5291" s="55">
        <f>IF(Input!$K$13=1,J5291*Input!$J$13,0)+IF(Input!$K$14=1,K5291*Input!$J$14,0)+IF(Input!$K$15=1,L5291*Input!$J$15,0)+IF(Input!$K$16=1,M5291*Input!$J$16,0)</f>
        <v>0.89883659493056911</v>
      </c>
      <c r="O5291" s="58">
        <f>IF(Input!$K$13=2,J5291*Input!$J$13,0)+IF(Input!$K$14=2,K5291*Input!$J$14,0)+IF(Input!$K$15=2,L5291*Input!$J$15,0)+IF(Input!$K$16=2,M5291*Input!$J$16,0)</f>
        <v>7.9176312276257127E-2</v>
      </c>
      <c r="P5291" s="58">
        <f>IF(Input!$K$13=3,J5291*Input!$J$13,0)+IF(Input!$K$14=3,K5291*Input!$J$14,0)+IF(Input!$K$15=3,L5291*Input!$J$15,0)+IF(Input!$K$16=3,M5291*Input!$J$16,0)</f>
        <v>0</v>
      </c>
      <c r="Q5291" s="71">
        <f>IF(Input!$K$13=4,J5291*Input!$J$13,0)+IF(Input!$K$14=4,K5291*Input!$J$14,0)+IF(Input!$K$15=4,L5291*Input!$J$15,0)+IF(Input!$K$16=4,M5291*Input!$J$16,0)</f>
        <v>0</v>
      </c>
    </row>
    <row r="5292" spans="8:17" x14ac:dyDescent="0.25">
      <c r="H5292" s="43">
        <v>5285</v>
      </c>
      <c r="I5292" s="55">
        <f>Bühler!I5318</f>
        <v>0.29500131323658008</v>
      </c>
      <c r="J5292" s="58">
        <f>Bühler!J5318</f>
        <v>7.4903049577547431</v>
      </c>
      <c r="K5292" s="58">
        <f>Bühler!K5318</f>
        <v>0.58649120204634908</v>
      </c>
      <c r="L5292" s="58">
        <f>Bühler!L5318</f>
        <v>0.29324560102317454</v>
      </c>
      <c r="M5292" s="57">
        <f>Bühler!M5318</f>
        <v>0</v>
      </c>
      <c r="N5292" s="55">
        <f>IF(Input!$K$13=1,J5292*Input!$J$13,0)+IF(Input!$K$14=1,K5292*Input!$J$14,0)+IF(Input!$K$15=1,L5292*Input!$J$15,0)+IF(Input!$K$16=1,M5292*Input!$J$16,0)</f>
        <v>0.89883659493056911</v>
      </c>
      <c r="O5292" s="58">
        <f>IF(Input!$K$13=2,J5292*Input!$J$13,0)+IF(Input!$K$14=2,K5292*Input!$J$14,0)+IF(Input!$K$15=2,L5292*Input!$J$15,0)+IF(Input!$K$16=2,M5292*Input!$J$16,0)</f>
        <v>7.9176312276257127E-2</v>
      </c>
      <c r="P5292" s="58">
        <f>IF(Input!$K$13=3,J5292*Input!$J$13,0)+IF(Input!$K$14=3,K5292*Input!$J$14,0)+IF(Input!$K$15=3,L5292*Input!$J$15,0)+IF(Input!$K$16=3,M5292*Input!$J$16,0)</f>
        <v>0</v>
      </c>
      <c r="Q5292" s="71">
        <f>IF(Input!$K$13=4,J5292*Input!$J$13,0)+IF(Input!$K$14=4,K5292*Input!$J$14,0)+IF(Input!$K$15=4,L5292*Input!$J$15,0)+IF(Input!$K$16=4,M5292*Input!$J$16,0)</f>
        <v>0</v>
      </c>
    </row>
    <row r="5293" spans="8:17" x14ac:dyDescent="0.25">
      <c r="H5293" s="43">
        <v>5286</v>
      </c>
      <c r="I5293" s="55">
        <f>Bühler!I5319</f>
        <v>0.29500131323658008</v>
      </c>
      <c r="J5293" s="58">
        <f>Bühler!J5319</f>
        <v>7.4903049577547431</v>
      </c>
      <c r="K5293" s="58">
        <f>Bühler!K5319</f>
        <v>0.58649120204634908</v>
      </c>
      <c r="L5293" s="58">
        <f>Bühler!L5319</f>
        <v>0.29324560102317454</v>
      </c>
      <c r="M5293" s="57">
        <f>Bühler!M5319</f>
        <v>0</v>
      </c>
      <c r="N5293" s="55">
        <f>IF(Input!$K$13=1,J5293*Input!$J$13,0)+IF(Input!$K$14=1,K5293*Input!$J$14,0)+IF(Input!$K$15=1,L5293*Input!$J$15,0)+IF(Input!$K$16=1,M5293*Input!$J$16,0)</f>
        <v>0.89883659493056911</v>
      </c>
      <c r="O5293" s="58">
        <f>IF(Input!$K$13=2,J5293*Input!$J$13,0)+IF(Input!$K$14=2,K5293*Input!$J$14,0)+IF(Input!$K$15=2,L5293*Input!$J$15,0)+IF(Input!$K$16=2,M5293*Input!$J$16,0)</f>
        <v>7.9176312276257127E-2</v>
      </c>
      <c r="P5293" s="58">
        <f>IF(Input!$K$13=3,J5293*Input!$J$13,0)+IF(Input!$K$14=3,K5293*Input!$J$14,0)+IF(Input!$K$15=3,L5293*Input!$J$15,0)+IF(Input!$K$16=3,M5293*Input!$J$16,0)</f>
        <v>0</v>
      </c>
      <c r="Q5293" s="71">
        <f>IF(Input!$K$13=4,J5293*Input!$J$13,0)+IF(Input!$K$14=4,K5293*Input!$J$14,0)+IF(Input!$K$15=4,L5293*Input!$J$15,0)+IF(Input!$K$16=4,M5293*Input!$J$16,0)</f>
        <v>0</v>
      </c>
    </row>
    <row r="5294" spans="8:17" x14ac:dyDescent="0.25">
      <c r="H5294" s="43">
        <v>5287</v>
      </c>
      <c r="I5294" s="55">
        <f>Bühler!I5320</f>
        <v>0.29500131323658008</v>
      </c>
      <c r="J5294" s="58">
        <f>Bühler!J5320</f>
        <v>7.4903049577547431</v>
      </c>
      <c r="K5294" s="58">
        <f>Bühler!K5320</f>
        <v>0.58649120204634908</v>
      </c>
      <c r="L5294" s="58">
        <f>Bühler!L5320</f>
        <v>0.29324560102317454</v>
      </c>
      <c r="M5294" s="57">
        <f>Bühler!M5320</f>
        <v>0</v>
      </c>
      <c r="N5294" s="55">
        <f>IF(Input!$K$13=1,J5294*Input!$J$13,0)+IF(Input!$K$14=1,K5294*Input!$J$14,0)+IF(Input!$K$15=1,L5294*Input!$J$15,0)+IF(Input!$K$16=1,M5294*Input!$J$16,0)</f>
        <v>0.89883659493056911</v>
      </c>
      <c r="O5294" s="58">
        <f>IF(Input!$K$13=2,J5294*Input!$J$13,0)+IF(Input!$K$14=2,K5294*Input!$J$14,0)+IF(Input!$K$15=2,L5294*Input!$J$15,0)+IF(Input!$K$16=2,M5294*Input!$J$16,0)</f>
        <v>7.9176312276257127E-2</v>
      </c>
      <c r="P5294" s="58">
        <f>IF(Input!$K$13=3,J5294*Input!$J$13,0)+IF(Input!$K$14=3,K5294*Input!$J$14,0)+IF(Input!$K$15=3,L5294*Input!$J$15,0)+IF(Input!$K$16=3,M5294*Input!$J$16,0)</f>
        <v>0</v>
      </c>
      <c r="Q5294" s="71">
        <f>IF(Input!$K$13=4,J5294*Input!$J$13,0)+IF(Input!$K$14=4,K5294*Input!$J$14,0)+IF(Input!$K$15=4,L5294*Input!$J$15,0)+IF(Input!$K$16=4,M5294*Input!$J$16,0)</f>
        <v>0</v>
      </c>
    </row>
    <row r="5295" spans="8:17" x14ac:dyDescent="0.25">
      <c r="H5295" s="43">
        <v>5288</v>
      </c>
      <c r="I5295" s="55">
        <f>Bühler!I5321</f>
        <v>0.81272861796677809</v>
      </c>
      <c r="J5295" s="58">
        <f>Bühler!J5321</f>
        <v>30.193491009338722</v>
      </c>
      <c r="K5295" s="58">
        <f>Bühler!K5321</f>
        <v>2.3975049441228027</v>
      </c>
      <c r="L5295" s="58">
        <f>Bühler!L5321</f>
        <v>1.1987524720614013</v>
      </c>
      <c r="M5295" s="57">
        <f>Bühler!M5321</f>
        <v>0</v>
      </c>
      <c r="N5295" s="55">
        <f>IF(Input!$K$13=1,J5295*Input!$J$13,0)+IF(Input!$K$14=1,K5295*Input!$J$14,0)+IF(Input!$K$15=1,L5295*Input!$J$15,0)+IF(Input!$K$16=1,M5295*Input!$J$16,0)</f>
        <v>3.6232189211206465</v>
      </c>
      <c r="O5295" s="58">
        <f>IF(Input!$K$13=2,J5295*Input!$J$13,0)+IF(Input!$K$14=2,K5295*Input!$J$14,0)+IF(Input!$K$15=2,L5295*Input!$J$15,0)+IF(Input!$K$16=2,M5295*Input!$J$16,0)</f>
        <v>0.3236631674565783</v>
      </c>
      <c r="P5295" s="58">
        <f>IF(Input!$K$13=3,J5295*Input!$J$13,0)+IF(Input!$K$14=3,K5295*Input!$J$14,0)+IF(Input!$K$15=3,L5295*Input!$J$15,0)+IF(Input!$K$16=3,M5295*Input!$J$16,0)</f>
        <v>0</v>
      </c>
      <c r="Q5295" s="71">
        <f>IF(Input!$K$13=4,J5295*Input!$J$13,0)+IF(Input!$K$14=4,K5295*Input!$J$14,0)+IF(Input!$K$15=4,L5295*Input!$J$15,0)+IF(Input!$K$16=4,M5295*Input!$J$16,0)</f>
        <v>0</v>
      </c>
    </row>
    <row r="5296" spans="8:17" x14ac:dyDescent="0.25">
      <c r="H5296" s="43">
        <v>5289</v>
      </c>
      <c r="I5296" s="55">
        <f>Bühler!I5322</f>
        <v>0.90683403688924713</v>
      </c>
      <c r="J5296" s="58">
        <f>Bühler!J5322</f>
        <v>33.689579441998994</v>
      </c>
      <c r="K5296" s="58">
        <f>Bühler!K5322</f>
        <v>2.6751107797580747</v>
      </c>
      <c r="L5296" s="58">
        <f>Bühler!L5322</f>
        <v>1.3375553898790373</v>
      </c>
      <c r="M5296" s="57">
        <f>Bühler!M5322</f>
        <v>0</v>
      </c>
      <c r="N5296" s="55">
        <f>IF(Input!$K$13=1,J5296*Input!$J$13,0)+IF(Input!$K$14=1,K5296*Input!$J$14,0)+IF(Input!$K$15=1,L5296*Input!$J$15,0)+IF(Input!$K$16=1,M5296*Input!$J$16,0)</f>
        <v>4.0427495330398795</v>
      </c>
      <c r="O5296" s="58">
        <f>IF(Input!$K$13=2,J5296*Input!$J$13,0)+IF(Input!$K$14=2,K5296*Input!$J$14,0)+IF(Input!$K$15=2,L5296*Input!$J$15,0)+IF(Input!$K$16=2,M5296*Input!$J$16,0)</f>
        <v>0.36113995526734011</v>
      </c>
      <c r="P5296" s="58">
        <f>IF(Input!$K$13=3,J5296*Input!$J$13,0)+IF(Input!$K$14=3,K5296*Input!$J$14,0)+IF(Input!$K$15=3,L5296*Input!$J$15,0)+IF(Input!$K$16=3,M5296*Input!$J$16,0)</f>
        <v>0</v>
      </c>
      <c r="Q5296" s="71">
        <f>IF(Input!$K$13=4,J5296*Input!$J$13,0)+IF(Input!$K$14=4,K5296*Input!$J$14,0)+IF(Input!$K$15=4,L5296*Input!$J$15,0)+IF(Input!$K$16=4,M5296*Input!$J$16,0)</f>
        <v>0</v>
      </c>
    </row>
    <row r="5297" spans="8:17" x14ac:dyDescent="0.25">
      <c r="H5297" s="43">
        <v>5290</v>
      </c>
      <c r="I5297" s="55">
        <f>Bühler!I5323</f>
        <v>1.0009394558117162</v>
      </c>
      <c r="J5297" s="58">
        <f>Bühler!J5323</f>
        <v>37.185667874659273</v>
      </c>
      <c r="K5297" s="58">
        <f>Bühler!K5323</f>
        <v>2.9527166153933466</v>
      </c>
      <c r="L5297" s="58">
        <f>Bühler!L5323</f>
        <v>1.4763583076966733</v>
      </c>
      <c r="M5297" s="57">
        <f>Bühler!M5323</f>
        <v>0</v>
      </c>
      <c r="N5297" s="55">
        <f>IF(Input!$K$13=1,J5297*Input!$J$13,0)+IF(Input!$K$14=1,K5297*Input!$J$14,0)+IF(Input!$K$15=1,L5297*Input!$J$15,0)+IF(Input!$K$16=1,M5297*Input!$J$16,0)</f>
        <v>4.462280144959113</v>
      </c>
      <c r="O5297" s="58">
        <f>IF(Input!$K$13=2,J5297*Input!$J$13,0)+IF(Input!$K$14=2,K5297*Input!$J$14,0)+IF(Input!$K$15=2,L5297*Input!$J$15,0)+IF(Input!$K$16=2,M5297*Input!$J$16,0)</f>
        <v>0.3986167430781018</v>
      </c>
      <c r="P5297" s="58">
        <f>IF(Input!$K$13=3,J5297*Input!$J$13,0)+IF(Input!$K$14=3,K5297*Input!$J$14,0)+IF(Input!$K$15=3,L5297*Input!$J$15,0)+IF(Input!$K$16=3,M5297*Input!$J$16,0)</f>
        <v>0</v>
      </c>
      <c r="Q5297" s="71">
        <f>IF(Input!$K$13=4,J5297*Input!$J$13,0)+IF(Input!$K$14=4,K5297*Input!$J$14,0)+IF(Input!$K$15=4,L5297*Input!$J$15,0)+IF(Input!$K$16=4,M5297*Input!$J$16,0)</f>
        <v>0</v>
      </c>
    </row>
    <row r="5298" spans="8:17" x14ac:dyDescent="0.25">
      <c r="H5298" s="43">
        <v>5291</v>
      </c>
      <c r="I5298" s="55">
        <f>Bühler!I5324</f>
        <v>1.0009394558117162</v>
      </c>
      <c r="J5298" s="58">
        <f>Bühler!J5324</f>
        <v>37.185667874659273</v>
      </c>
      <c r="K5298" s="58">
        <f>Bühler!K5324</f>
        <v>2.9527166153933466</v>
      </c>
      <c r="L5298" s="58">
        <f>Bühler!L5324</f>
        <v>1.4763583076966733</v>
      </c>
      <c r="M5298" s="57">
        <f>Bühler!M5324</f>
        <v>0</v>
      </c>
      <c r="N5298" s="55">
        <f>IF(Input!$K$13=1,J5298*Input!$J$13,0)+IF(Input!$K$14=1,K5298*Input!$J$14,0)+IF(Input!$K$15=1,L5298*Input!$J$15,0)+IF(Input!$K$16=1,M5298*Input!$J$16,0)</f>
        <v>4.462280144959113</v>
      </c>
      <c r="O5298" s="58">
        <f>IF(Input!$K$13=2,J5298*Input!$J$13,0)+IF(Input!$K$14=2,K5298*Input!$J$14,0)+IF(Input!$K$15=2,L5298*Input!$J$15,0)+IF(Input!$K$16=2,M5298*Input!$J$16,0)</f>
        <v>0.3986167430781018</v>
      </c>
      <c r="P5298" s="58">
        <f>IF(Input!$K$13=3,J5298*Input!$J$13,0)+IF(Input!$K$14=3,K5298*Input!$J$14,0)+IF(Input!$K$15=3,L5298*Input!$J$15,0)+IF(Input!$K$16=3,M5298*Input!$J$16,0)</f>
        <v>0</v>
      </c>
      <c r="Q5298" s="71">
        <f>IF(Input!$K$13=4,J5298*Input!$J$13,0)+IF(Input!$K$14=4,K5298*Input!$J$14,0)+IF(Input!$K$15=4,L5298*Input!$J$15,0)+IF(Input!$K$16=4,M5298*Input!$J$16,0)</f>
        <v>0</v>
      </c>
    </row>
    <row r="5299" spans="8:17" x14ac:dyDescent="0.25">
      <c r="H5299" s="43">
        <v>5292</v>
      </c>
      <c r="I5299" s="55">
        <f>Bühler!I5325</f>
        <v>1.1977053317405149</v>
      </c>
      <c r="J5299" s="58">
        <f>Bühler!J5325</f>
        <v>44.495670961130749</v>
      </c>
      <c r="K5299" s="58">
        <f>Bühler!K5325</f>
        <v>3.533165180812551</v>
      </c>
      <c r="L5299" s="58">
        <f>Bühler!L5325</f>
        <v>1.7665825904062755</v>
      </c>
      <c r="M5299" s="57">
        <f>Bühler!M5325</f>
        <v>0</v>
      </c>
      <c r="N5299" s="55">
        <f>IF(Input!$K$13=1,J5299*Input!$J$13,0)+IF(Input!$K$14=1,K5299*Input!$J$14,0)+IF(Input!$K$15=1,L5299*Input!$J$15,0)+IF(Input!$K$16=1,M5299*Input!$J$16,0)</f>
        <v>5.3394805153356897</v>
      </c>
      <c r="O5299" s="58">
        <f>IF(Input!$K$13=2,J5299*Input!$J$13,0)+IF(Input!$K$14=2,K5299*Input!$J$14,0)+IF(Input!$K$15=2,L5299*Input!$J$15,0)+IF(Input!$K$16=2,M5299*Input!$J$16,0)</f>
        <v>0.47697729940969436</v>
      </c>
      <c r="P5299" s="58">
        <f>IF(Input!$K$13=3,J5299*Input!$J$13,0)+IF(Input!$K$14=3,K5299*Input!$J$14,0)+IF(Input!$K$15=3,L5299*Input!$J$15,0)+IF(Input!$K$16=3,M5299*Input!$J$16,0)</f>
        <v>0</v>
      </c>
      <c r="Q5299" s="71">
        <f>IF(Input!$K$13=4,J5299*Input!$J$13,0)+IF(Input!$K$14=4,K5299*Input!$J$14,0)+IF(Input!$K$15=4,L5299*Input!$J$15,0)+IF(Input!$K$16=4,M5299*Input!$J$16,0)</f>
        <v>0</v>
      </c>
    </row>
    <row r="5300" spans="8:17" x14ac:dyDescent="0.25">
      <c r="H5300" s="43">
        <v>5293</v>
      </c>
      <c r="I5300" s="55">
        <f>Bühler!I5326</f>
        <v>1.1977053317405149</v>
      </c>
      <c r="J5300" s="58">
        <f>Bühler!J5326</f>
        <v>44.495670961130749</v>
      </c>
      <c r="K5300" s="58">
        <f>Bühler!K5326</f>
        <v>3.533165180812551</v>
      </c>
      <c r="L5300" s="58">
        <f>Bühler!L5326</f>
        <v>1.7665825904062755</v>
      </c>
      <c r="M5300" s="57">
        <f>Bühler!M5326</f>
        <v>0</v>
      </c>
      <c r="N5300" s="55">
        <f>IF(Input!$K$13=1,J5300*Input!$J$13,0)+IF(Input!$K$14=1,K5300*Input!$J$14,0)+IF(Input!$K$15=1,L5300*Input!$J$15,0)+IF(Input!$K$16=1,M5300*Input!$J$16,0)</f>
        <v>5.3394805153356897</v>
      </c>
      <c r="O5300" s="58">
        <f>IF(Input!$K$13=2,J5300*Input!$J$13,0)+IF(Input!$K$14=2,K5300*Input!$J$14,0)+IF(Input!$K$15=2,L5300*Input!$J$15,0)+IF(Input!$K$16=2,M5300*Input!$J$16,0)</f>
        <v>0.47697729940969436</v>
      </c>
      <c r="P5300" s="58">
        <f>IF(Input!$K$13=3,J5300*Input!$J$13,0)+IF(Input!$K$14=3,K5300*Input!$J$14,0)+IF(Input!$K$15=3,L5300*Input!$J$15,0)+IF(Input!$K$16=3,M5300*Input!$J$16,0)</f>
        <v>0</v>
      </c>
      <c r="Q5300" s="71">
        <f>IF(Input!$K$13=4,J5300*Input!$J$13,0)+IF(Input!$K$14=4,K5300*Input!$J$14,0)+IF(Input!$K$15=4,L5300*Input!$J$15,0)+IF(Input!$K$16=4,M5300*Input!$J$16,0)</f>
        <v>0</v>
      </c>
    </row>
    <row r="5301" spans="8:17" x14ac:dyDescent="0.25">
      <c r="H5301" s="43">
        <v>5294</v>
      </c>
      <c r="I5301" s="55">
        <f>Bühler!I5327</f>
        <v>0.79561854179905644</v>
      </c>
      <c r="J5301" s="58">
        <f>Bühler!J5327</f>
        <v>29.557838567036853</v>
      </c>
      <c r="K5301" s="58">
        <f>Bühler!K5327</f>
        <v>2.3470311558254804</v>
      </c>
      <c r="L5301" s="58">
        <f>Bühler!L5327</f>
        <v>1.1735155779127402</v>
      </c>
      <c r="M5301" s="57">
        <f>Bühler!M5327</f>
        <v>0</v>
      </c>
      <c r="N5301" s="55">
        <f>IF(Input!$K$13=1,J5301*Input!$J$13,0)+IF(Input!$K$14=1,K5301*Input!$J$14,0)+IF(Input!$K$15=1,L5301*Input!$J$15,0)+IF(Input!$K$16=1,M5301*Input!$J$16,0)</f>
        <v>3.5469406280444224</v>
      </c>
      <c r="O5301" s="58">
        <f>IF(Input!$K$13=2,J5301*Input!$J$13,0)+IF(Input!$K$14=2,K5301*Input!$J$14,0)+IF(Input!$K$15=2,L5301*Input!$J$15,0)+IF(Input!$K$16=2,M5301*Input!$J$16,0)</f>
        <v>0.31684920603643985</v>
      </c>
      <c r="P5301" s="58">
        <f>IF(Input!$K$13=3,J5301*Input!$J$13,0)+IF(Input!$K$14=3,K5301*Input!$J$14,0)+IF(Input!$K$15=3,L5301*Input!$J$15,0)+IF(Input!$K$16=3,M5301*Input!$J$16,0)</f>
        <v>0</v>
      </c>
      <c r="Q5301" s="71">
        <f>IF(Input!$K$13=4,J5301*Input!$J$13,0)+IF(Input!$K$14=4,K5301*Input!$J$14,0)+IF(Input!$K$15=4,L5301*Input!$J$15,0)+IF(Input!$K$16=4,M5301*Input!$J$16,0)</f>
        <v>0</v>
      </c>
    </row>
    <row r="5302" spans="8:17" x14ac:dyDescent="0.25">
      <c r="H5302" s="43">
        <v>5295</v>
      </c>
      <c r="I5302" s="55">
        <f>Bühler!I5328</f>
        <v>1.1977053317405149</v>
      </c>
      <c r="J5302" s="58">
        <f>Bühler!J5328</f>
        <v>44.495670961130749</v>
      </c>
      <c r="K5302" s="58">
        <f>Bühler!K5328</f>
        <v>3.533165180812551</v>
      </c>
      <c r="L5302" s="58">
        <f>Bühler!L5328</f>
        <v>1.7665825904062755</v>
      </c>
      <c r="M5302" s="57">
        <f>Bühler!M5328</f>
        <v>0</v>
      </c>
      <c r="N5302" s="55">
        <f>IF(Input!$K$13=1,J5302*Input!$J$13,0)+IF(Input!$K$14=1,K5302*Input!$J$14,0)+IF(Input!$K$15=1,L5302*Input!$J$15,0)+IF(Input!$K$16=1,M5302*Input!$J$16,0)</f>
        <v>5.3394805153356897</v>
      </c>
      <c r="O5302" s="58">
        <f>IF(Input!$K$13=2,J5302*Input!$J$13,0)+IF(Input!$K$14=2,K5302*Input!$J$14,0)+IF(Input!$K$15=2,L5302*Input!$J$15,0)+IF(Input!$K$16=2,M5302*Input!$J$16,0)</f>
        <v>0.47697729940969436</v>
      </c>
      <c r="P5302" s="58">
        <f>IF(Input!$K$13=3,J5302*Input!$J$13,0)+IF(Input!$K$14=3,K5302*Input!$J$14,0)+IF(Input!$K$15=3,L5302*Input!$J$15,0)+IF(Input!$K$16=3,M5302*Input!$J$16,0)</f>
        <v>0</v>
      </c>
      <c r="Q5302" s="71">
        <f>IF(Input!$K$13=4,J5302*Input!$J$13,0)+IF(Input!$K$14=4,K5302*Input!$J$14,0)+IF(Input!$K$15=4,L5302*Input!$J$15,0)+IF(Input!$K$16=4,M5302*Input!$J$16,0)</f>
        <v>0</v>
      </c>
    </row>
    <row r="5303" spans="8:17" x14ac:dyDescent="0.25">
      <c r="H5303" s="43">
        <v>5296</v>
      </c>
      <c r="I5303" s="55">
        <f>Bühler!I5329</f>
        <v>1.1977053317405149</v>
      </c>
      <c r="J5303" s="58">
        <f>Bühler!J5329</f>
        <v>44.495670961130749</v>
      </c>
      <c r="K5303" s="58">
        <f>Bühler!K5329</f>
        <v>3.533165180812551</v>
      </c>
      <c r="L5303" s="58">
        <f>Bühler!L5329</f>
        <v>1.7665825904062755</v>
      </c>
      <c r="M5303" s="57">
        <f>Bühler!M5329</f>
        <v>0</v>
      </c>
      <c r="N5303" s="55">
        <f>IF(Input!$K$13=1,J5303*Input!$J$13,0)+IF(Input!$K$14=1,K5303*Input!$J$14,0)+IF(Input!$K$15=1,L5303*Input!$J$15,0)+IF(Input!$K$16=1,M5303*Input!$J$16,0)</f>
        <v>5.3394805153356897</v>
      </c>
      <c r="O5303" s="58">
        <f>IF(Input!$K$13=2,J5303*Input!$J$13,0)+IF(Input!$K$14=2,K5303*Input!$J$14,0)+IF(Input!$K$15=2,L5303*Input!$J$15,0)+IF(Input!$K$16=2,M5303*Input!$J$16,0)</f>
        <v>0.47697729940969436</v>
      </c>
      <c r="P5303" s="58">
        <f>IF(Input!$K$13=3,J5303*Input!$J$13,0)+IF(Input!$K$14=3,K5303*Input!$J$14,0)+IF(Input!$K$15=3,L5303*Input!$J$15,0)+IF(Input!$K$16=3,M5303*Input!$J$16,0)</f>
        <v>0</v>
      </c>
      <c r="Q5303" s="71">
        <f>IF(Input!$K$13=4,J5303*Input!$J$13,0)+IF(Input!$K$14=4,K5303*Input!$J$14,0)+IF(Input!$K$15=4,L5303*Input!$J$15,0)+IF(Input!$K$16=4,M5303*Input!$J$16,0)</f>
        <v>0</v>
      </c>
    </row>
    <row r="5304" spans="8:17" x14ac:dyDescent="0.25">
      <c r="H5304" s="43">
        <v>5297</v>
      </c>
      <c r="I5304" s="55">
        <f>Bühler!I5330</f>
        <v>1.0007919551550979</v>
      </c>
      <c r="J5304" s="58">
        <f>Bühler!J5330</f>
        <v>26.540248000958343</v>
      </c>
      <c r="K5304" s="58">
        <f>Bühler!K5330</f>
        <v>2.0820437672645391</v>
      </c>
      <c r="L5304" s="58">
        <f>Bühler!L5330</f>
        <v>1.0410218836322696</v>
      </c>
      <c r="M5304" s="57">
        <f>Bühler!M5330</f>
        <v>0</v>
      </c>
      <c r="N5304" s="55">
        <f>IF(Input!$K$13=1,J5304*Input!$J$13,0)+IF(Input!$K$14=1,K5304*Input!$J$14,0)+IF(Input!$K$15=1,L5304*Input!$J$15,0)+IF(Input!$K$16=1,M5304*Input!$J$16,0)</f>
        <v>3.1848297601150009</v>
      </c>
      <c r="O5304" s="58">
        <f>IF(Input!$K$13=2,J5304*Input!$J$13,0)+IF(Input!$K$14=2,K5304*Input!$J$14,0)+IF(Input!$K$15=2,L5304*Input!$J$15,0)+IF(Input!$K$16=2,M5304*Input!$J$16,0)</f>
        <v>0.28107590858071274</v>
      </c>
      <c r="P5304" s="58">
        <f>IF(Input!$K$13=3,J5304*Input!$J$13,0)+IF(Input!$K$14=3,K5304*Input!$J$14,0)+IF(Input!$K$15=3,L5304*Input!$J$15,0)+IF(Input!$K$16=3,M5304*Input!$J$16,0)</f>
        <v>0</v>
      </c>
      <c r="Q5304" s="71">
        <f>IF(Input!$K$13=4,J5304*Input!$J$13,0)+IF(Input!$K$14=4,K5304*Input!$J$14,0)+IF(Input!$K$15=4,L5304*Input!$J$15,0)+IF(Input!$K$16=4,M5304*Input!$J$16,0)</f>
        <v>0</v>
      </c>
    </row>
    <row r="5305" spans="8:17" x14ac:dyDescent="0.25">
      <c r="H5305" s="43">
        <v>5298</v>
      </c>
      <c r="I5305" s="55">
        <f>Bühler!I5331</f>
        <v>0.79576604245567473</v>
      </c>
      <c r="J5305" s="58">
        <f>Bühler!J5331</f>
        <v>11.726807457733722</v>
      </c>
      <c r="K5305" s="58">
        <f>Bühler!K5331</f>
        <v>0.88862303340355919</v>
      </c>
      <c r="L5305" s="58">
        <f>Bühler!L5331</f>
        <v>0.4443115167017796</v>
      </c>
      <c r="M5305" s="57">
        <f>Bühler!M5331</f>
        <v>0</v>
      </c>
      <c r="N5305" s="55">
        <f>IF(Input!$K$13=1,J5305*Input!$J$13,0)+IF(Input!$K$14=1,K5305*Input!$J$14,0)+IF(Input!$K$15=1,L5305*Input!$J$15,0)+IF(Input!$K$16=1,M5305*Input!$J$16,0)</f>
        <v>1.4072168949280466</v>
      </c>
      <c r="O5305" s="58">
        <f>IF(Input!$K$13=2,J5305*Input!$J$13,0)+IF(Input!$K$14=2,K5305*Input!$J$14,0)+IF(Input!$K$15=2,L5305*Input!$J$15,0)+IF(Input!$K$16=2,M5305*Input!$J$16,0)</f>
        <v>0.1199641095094805</v>
      </c>
      <c r="P5305" s="58">
        <f>IF(Input!$K$13=3,J5305*Input!$J$13,0)+IF(Input!$K$14=3,K5305*Input!$J$14,0)+IF(Input!$K$15=3,L5305*Input!$J$15,0)+IF(Input!$K$16=3,M5305*Input!$J$16,0)</f>
        <v>0</v>
      </c>
      <c r="Q5305" s="71">
        <f>IF(Input!$K$13=4,J5305*Input!$J$13,0)+IF(Input!$K$14=4,K5305*Input!$J$14,0)+IF(Input!$K$15=4,L5305*Input!$J$15,0)+IF(Input!$K$16=4,M5305*Input!$J$16,0)</f>
        <v>0</v>
      </c>
    </row>
    <row r="5306" spans="8:17" x14ac:dyDescent="0.25">
      <c r="H5306" s="43">
        <v>5299</v>
      </c>
      <c r="I5306" s="55">
        <f>Bühler!I5332</f>
        <v>0.29500131323658008</v>
      </c>
      <c r="J5306" s="58">
        <f>Bühler!J5332</f>
        <v>7.4903049577547431</v>
      </c>
      <c r="K5306" s="58">
        <f>Bühler!K5332</f>
        <v>0.58649120204634908</v>
      </c>
      <c r="L5306" s="58">
        <f>Bühler!L5332</f>
        <v>0.29324560102317454</v>
      </c>
      <c r="M5306" s="57">
        <f>Bühler!M5332</f>
        <v>0</v>
      </c>
      <c r="N5306" s="55">
        <f>IF(Input!$K$13=1,J5306*Input!$J$13,0)+IF(Input!$K$14=1,K5306*Input!$J$14,0)+IF(Input!$K$15=1,L5306*Input!$J$15,0)+IF(Input!$K$16=1,M5306*Input!$J$16,0)</f>
        <v>0.89883659493056911</v>
      </c>
      <c r="O5306" s="58">
        <f>IF(Input!$K$13=2,J5306*Input!$J$13,0)+IF(Input!$K$14=2,K5306*Input!$J$14,0)+IF(Input!$K$15=2,L5306*Input!$J$15,0)+IF(Input!$K$16=2,M5306*Input!$J$16,0)</f>
        <v>7.9176312276257127E-2</v>
      </c>
      <c r="P5306" s="58">
        <f>IF(Input!$K$13=3,J5306*Input!$J$13,0)+IF(Input!$K$14=3,K5306*Input!$J$14,0)+IF(Input!$K$15=3,L5306*Input!$J$15,0)+IF(Input!$K$16=3,M5306*Input!$J$16,0)</f>
        <v>0</v>
      </c>
      <c r="Q5306" s="71">
        <f>IF(Input!$K$13=4,J5306*Input!$J$13,0)+IF(Input!$K$14=4,K5306*Input!$J$14,0)+IF(Input!$K$15=4,L5306*Input!$J$15,0)+IF(Input!$K$16=4,M5306*Input!$J$16,0)</f>
        <v>0</v>
      </c>
    </row>
    <row r="5307" spans="8:17" x14ac:dyDescent="0.25">
      <c r="H5307" s="43">
        <v>5300</v>
      </c>
      <c r="I5307" s="55">
        <f>Bühler!I5333</f>
        <v>0.29500131323658008</v>
      </c>
      <c r="J5307" s="58">
        <f>Bühler!J5333</f>
        <v>7.4903049577547431</v>
      </c>
      <c r="K5307" s="58">
        <f>Bühler!K5333</f>
        <v>0.58649120204634908</v>
      </c>
      <c r="L5307" s="58">
        <f>Bühler!L5333</f>
        <v>0.29324560102317454</v>
      </c>
      <c r="M5307" s="57">
        <f>Bühler!M5333</f>
        <v>0</v>
      </c>
      <c r="N5307" s="55">
        <f>IF(Input!$K$13=1,J5307*Input!$J$13,0)+IF(Input!$K$14=1,K5307*Input!$J$14,0)+IF(Input!$K$15=1,L5307*Input!$J$15,0)+IF(Input!$K$16=1,M5307*Input!$J$16,0)</f>
        <v>0.89883659493056911</v>
      </c>
      <c r="O5307" s="58">
        <f>IF(Input!$K$13=2,J5307*Input!$J$13,0)+IF(Input!$K$14=2,K5307*Input!$J$14,0)+IF(Input!$K$15=2,L5307*Input!$J$15,0)+IF(Input!$K$16=2,M5307*Input!$J$16,0)</f>
        <v>7.9176312276257127E-2</v>
      </c>
      <c r="P5307" s="58">
        <f>IF(Input!$K$13=3,J5307*Input!$J$13,0)+IF(Input!$K$14=3,K5307*Input!$J$14,0)+IF(Input!$K$15=3,L5307*Input!$J$15,0)+IF(Input!$K$16=3,M5307*Input!$J$16,0)</f>
        <v>0</v>
      </c>
      <c r="Q5307" s="71">
        <f>IF(Input!$K$13=4,J5307*Input!$J$13,0)+IF(Input!$K$14=4,K5307*Input!$J$14,0)+IF(Input!$K$15=4,L5307*Input!$J$15,0)+IF(Input!$K$16=4,M5307*Input!$J$16,0)</f>
        <v>0</v>
      </c>
    </row>
    <row r="5308" spans="8:17" x14ac:dyDescent="0.25">
      <c r="H5308" s="43">
        <v>5301</v>
      </c>
      <c r="I5308" s="55">
        <f>Bühler!I5334</f>
        <v>0.29500131323658008</v>
      </c>
      <c r="J5308" s="58">
        <f>Bühler!J5334</f>
        <v>7.4903049577547431</v>
      </c>
      <c r="K5308" s="58">
        <f>Bühler!K5334</f>
        <v>0.58649120204634908</v>
      </c>
      <c r="L5308" s="58">
        <f>Bühler!L5334</f>
        <v>0.29324560102317454</v>
      </c>
      <c r="M5308" s="57">
        <f>Bühler!M5334</f>
        <v>0</v>
      </c>
      <c r="N5308" s="55">
        <f>IF(Input!$K$13=1,J5308*Input!$J$13,0)+IF(Input!$K$14=1,K5308*Input!$J$14,0)+IF(Input!$K$15=1,L5308*Input!$J$15,0)+IF(Input!$K$16=1,M5308*Input!$J$16,0)</f>
        <v>0.89883659493056911</v>
      </c>
      <c r="O5308" s="58">
        <f>IF(Input!$K$13=2,J5308*Input!$J$13,0)+IF(Input!$K$14=2,K5308*Input!$J$14,0)+IF(Input!$K$15=2,L5308*Input!$J$15,0)+IF(Input!$K$16=2,M5308*Input!$J$16,0)</f>
        <v>7.9176312276257127E-2</v>
      </c>
      <c r="P5308" s="58">
        <f>IF(Input!$K$13=3,J5308*Input!$J$13,0)+IF(Input!$K$14=3,K5308*Input!$J$14,0)+IF(Input!$K$15=3,L5308*Input!$J$15,0)+IF(Input!$K$16=3,M5308*Input!$J$16,0)</f>
        <v>0</v>
      </c>
      <c r="Q5308" s="71">
        <f>IF(Input!$K$13=4,J5308*Input!$J$13,0)+IF(Input!$K$14=4,K5308*Input!$J$14,0)+IF(Input!$K$15=4,L5308*Input!$J$15,0)+IF(Input!$K$16=4,M5308*Input!$J$16,0)</f>
        <v>0</v>
      </c>
    </row>
    <row r="5309" spans="8:17" x14ac:dyDescent="0.25">
      <c r="H5309" s="43">
        <v>5302</v>
      </c>
      <c r="I5309" s="55">
        <f>Bühler!I5335</f>
        <v>0.29500131323658008</v>
      </c>
      <c r="J5309" s="58">
        <f>Bühler!J5335</f>
        <v>7.4903049577547431</v>
      </c>
      <c r="K5309" s="58">
        <f>Bühler!K5335</f>
        <v>0.58649120204634908</v>
      </c>
      <c r="L5309" s="58">
        <f>Bühler!L5335</f>
        <v>0.29324560102317454</v>
      </c>
      <c r="M5309" s="57">
        <f>Bühler!M5335</f>
        <v>0</v>
      </c>
      <c r="N5309" s="55">
        <f>IF(Input!$K$13=1,J5309*Input!$J$13,0)+IF(Input!$K$14=1,K5309*Input!$J$14,0)+IF(Input!$K$15=1,L5309*Input!$J$15,0)+IF(Input!$K$16=1,M5309*Input!$J$16,0)</f>
        <v>0.89883659493056911</v>
      </c>
      <c r="O5309" s="58">
        <f>IF(Input!$K$13=2,J5309*Input!$J$13,0)+IF(Input!$K$14=2,K5309*Input!$J$14,0)+IF(Input!$K$15=2,L5309*Input!$J$15,0)+IF(Input!$K$16=2,M5309*Input!$J$16,0)</f>
        <v>7.9176312276257127E-2</v>
      </c>
      <c r="P5309" s="58">
        <f>IF(Input!$K$13=3,J5309*Input!$J$13,0)+IF(Input!$K$14=3,K5309*Input!$J$14,0)+IF(Input!$K$15=3,L5309*Input!$J$15,0)+IF(Input!$K$16=3,M5309*Input!$J$16,0)</f>
        <v>0</v>
      </c>
      <c r="Q5309" s="71">
        <f>IF(Input!$K$13=4,J5309*Input!$J$13,0)+IF(Input!$K$14=4,K5309*Input!$J$14,0)+IF(Input!$K$15=4,L5309*Input!$J$15,0)+IF(Input!$K$16=4,M5309*Input!$J$16,0)</f>
        <v>0</v>
      </c>
    </row>
    <row r="5310" spans="8:17" x14ac:dyDescent="0.25">
      <c r="H5310" s="43">
        <v>5303</v>
      </c>
      <c r="I5310" s="55">
        <f>Bühler!I5336</f>
        <v>0.29500131323658008</v>
      </c>
      <c r="J5310" s="58">
        <f>Bühler!J5336</f>
        <v>7.4903049577547431</v>
      </c>
      <c r="K5310" s="58">
        <f>Bühler!K5336</f>
        <v>0.58649120204634908</v>
      </c>
      <c r="L5310" s="58">
        <f>Bühler!L5336</f>
        <v>0.29324560102317454</v>
      </c>
      <c r="M5310" s="57">
        <f>Bühler!M5336</f>
        <v>0</v>
      </c>
      <c r="N5310" s="55">
        <f>IF(Input!$K$13=1,J5310*Input!$J$13,0)+IF(Input!$K$14=1,K5310*Input!$J$14,0)+IF(Input!$K$15=1,L5310*Input!$J$15,0)+IF(Input!$K$16=1,M5310*Input!$J$16,0)</f>
        <v>0.89883659493056911</v>
      </c>
      <c r="O5310" s="58">
        <f>IF(Input!$K$13=2,J5310*Input!$J$13,0)+IF(Input!$K$14=2,K5310*Input!$J$14,0)+IF(Input!$K$15=2,L5310*Input!$J$15,0)+IF(Input!$K$16=2,M5310*Input!$J$16,0)</f>
        <v>7.9176312276257127E-2</v>
      </c>
      <c r="P5310" s="58">
        <f>IF(Input!$K$13=3,J5310*Input!$J$13,0)+IF(Input!$K$14=3,K5310*Input!$J$14,0)+IF(Input!$K$15=3,L5310*Input!$J$15,0)+IF(Input!$K$16=3,M5310*Input!$J$16,0)</f>
        <v>0</v>
      </c>
      <c r="Q5310" s="71">
        <f>IF(Input!$K$13=4,J5310*Input!$J$13,0)+IF(Input!$K$14=4,K5310*Input!$J$14,0)+IF(Input!$K$15=4,L5310*Input!$J$15,0)+IF(Input!$K$16=4,M5310*Input!$J$16,0)</f>
        <v>0</v>
      </c>
    </row>
    <row r="5311" spans="8:17" x14ac:dyDescent="0.25">
      <c r="H5311" s="43">
        <v>5304</v>
      </c>
      <c r="I5311" s="55">
        <f>Bühler!I5337</f>
        <v>0.29500131323658008</v>
      </c>
      <c r="J5311" s="58">
        <f>Bühler!J5337</f>
        <v>7.4903049577547431</v>
      </c>
      <c r="K5311" s="58">
        <f>Bühler!K5337</f>
        <v>0.58649120204634908</v>
      </c>
      <c r="L5311" s="58">
        <f>Bühler!L5337</f>
        <v>0.29324560102317454</v>
      </c>
      <c r="M5311" s="57">
        <f>Bühler!M5337</f>
        <v>0</v>
      </c>
      <c r="N5311" s="55">
        <f>IF(Input!$K$13=1,J5311*Input!$J$13,0)+IF(Input!$K$14=1,K5311*Input!$J$14,0)+IF(Input!$K$15=1,L5311*Input!$J$15,0)+IF(Input!$K$16=1,M5311*Input!$J$16,0)</f>
        <v>0.89883659493056911</v>
      </c>
      <c r="O5311" s="58">
        <f>IF(Input!$K$13=2,J5311*Input!$J$13,0)+IF(Input!$K$14=2,K5311*Input!$J$14,0)+IF(Input!$K$15=2,L5311*Input!$J$15,0)+IF(Input!$K$16=2,M5311*Input!$J$16,0)</f>
        <v>7.9176312276257127E-2</v>
      </c>
      <c r="P5311" s="58">
        <f>IF(Input!$K$13=3,J5311*Input!$J$13,0)+IF(Input!$K$14=3,K5311*Input!$J$14,0)+IF(Input!$K$15=3,L5311*Input!$J$15,0)+IF(Input!$K$16=3,M5311*Input!$J$16,0)</f>
        <v>0</v>
      </c>
      <c r="Q5311" s="71">
        <f>IF(Input!$K$13=4,J5311*Input!$J$13,0)+IF(Input!$K$14=4,K5311*Input!$J$14,0)+IF(Input!$K$15=4,L5311*Input!$J$15,0)+IF(Input!$K$16=4,M5311*Input!$J$16,0)</f>
        <v>0</v>
      </c>
    </row>
    <row r="5312" spans="8:17" x14ac:dyDescent="0.25">
      <c r="H5312" s="43">
        <v>5305</v>
      </c>
      <c r="I5312" s="55">
        <f>Bühler!I5338</f>
        <v>0.28979007807437129</v>
      </c>
      <c r="J5312" s="58">
        <f>Bühler!J5338</f>
        <v>7.473282043116761</v>
      </c>
      <c r="K5312" s="58">
        <f>Bühler!K5338</f>
        <v>0.5860432697713075</v>
      </c>
      <c r="L5312" s="58">
        <f>Bühler!L5338</f>
        <v>0.29302163488565375</v>
      </c>
      <c r="M5312" s="57">
        <f>Bühler!M5338</f>
        <v>0</v>
      </c>
      <c r="N5312" s="55">
        <f>IF(Input!$K$13=1,J5312*Input!$J$13,0)+IF(Input!$K$14=1,K5312*Input!$J$14,0)+IF(Input!$K$15=1,L5312*Input!$J$15,0)+IF(Input!$K$16=1,M5312*Input!$J$16,0)</f>
        <v>0.89679384517401128</v>
      </c>
      <c r="O5312" s="58">
        <f>IF(Input!$K$13=2,J5312*Input!$J$13,0)+IF(Input!$K$14=2,K5312*Input!$J$14,0)+IF(Input!$K$15=2,L5312*Input!$J$15,0)+IF(Input!$K$16=2,M5312*Input!$J$16,0)</f>
        <v>7.9115841419126504E-2</v>
      </c>
      <c r="P5312" s="58">
        <f>IF(Input!$K$13=3,J5312*Input!$J$13,0)+IF(Input!$K$14=3,K5312*Input!$J$14,0)+IF(Input!$K$15=3,L5312*Input!$J$15,0)+IF(Input!$K$16=3,M5312*Input!$J$16,0)</f>
        <v>0</v>
      </c>
      <c r="Q5312" s="71">
        <f>IF(Input!$K$13=4,J5312*Input!$J$13,0)+IF(Input!$K$14=4,K5312*Input!$J$14,0)+IF(Input!$K$15=4,L5312*Input!$J$15,0)+IF(Input!$K$16=4,M5312*Input!$J$16,0)</f>
        <v>0</v>
      </c>
    </row>
    <row r="5313" spans="8:17" x14ac:dyDescent="0.25">
      <c r="H5313" s="43">
        <v>5306</v>
      </c>
      <c r="I5313" s="55">
        <f>Bühler!I5339</f>
        <v>0.28979007807437129</v>
      </c>
      <c r="J5313" s="58">
        <f>Bühler!J5339</f>
        <v>7.473282043116761</v>
      </c>
      <c r="K5313" s="58">
        <f>Bühler!K5339</f>
        <v>0.5860432697713075</v>
      </c>
      <c r="L5313" s="58">
        <f>Bühler!L5339</f>
        <v>0.29302163488565375</v>
      </c>
      <c r="M5313" s="57">
        <f>Bühler!M5339</f>
        <v>0</v>
      </c>
      <c r="N5313" s="55">
        <f>IF(Input!$K$13=1,J5313*Input!$J$13,0)+IF(Input!$K$14=1,K5313*Input!$J$14,0)+IF(Input!$K$15=1,L5313*Input!$J$15,0)+IF(Input!$K$16=1,M5313*Input!$J$16,0)</f>
        <v>0.89679384517401128</v>
      </c>
      <c r="O5313" s="58">
        <f>IF(Input!$K$13=2,J5313*Input!$J$13,0)+IF(Input!$K$14=2,K5313*Input!$J$14,0)+IF(Input!$K$15=2,L5313*Input!$J$15,0)+IF(Input!$K$16=2,M5313*Input!$J$16,0)</f>
        <v>7.9115841419126504E-2</v>
      </c>
      <c r="P5313" s="58">
        <f>IF(Input!$K$13=3,J5313*Input!$J$13,0)+IF(Input!$K$14=3,K5313*Input!$J$14,0)+IF(Input!$K$15=3,L5313*Input!$J$15,0)+IF(Input!$K$16=3,M5313*Input!$J$16,0)</f>
        <v>0</v>
      </c>
      <c r="Q5313" s="71">
        <f>IF(Input!$K$13=4,J5313*Input!$J$13,0)+IF(Input!$K$14=4,K5313*Input!$J$14,0)+IF(Input!$K$15=4,L5313*Input!$J$15,0)+IF(Input!$K$16=4,M5313*Input!$J$16,0)</f>
        <v>0</v>
      </c>
    </row>
    <row r="5314" spans="8:17" x14ac:dyDescent="0.25">
      <c r="H5314" s="43">
        <v>5307</v>
      </c>
      <c r="I5314" s="55">
        <f>Bühler!I5340</f>
        <v>0.28979007807437129</v>
      </c>
      <c r="J5314" s="58">
        <f>Bühler!J5340</f>
        <v>7.473282043116761</v>
      </c>
      <c r="K5314" s="58">
        <f>Bühler!K5340</f>
        <v>0.5860432697713075</v>
      </c>
      <c r="L5314" s="58">
        <f>Bühler!L5340</f>
        <v>0.29302163488565375</v>
      </c>
      <c r="M5314" s="57">
        <f>Bühler!M5340</f>
        <v>0</v>
      </c>
      <c r="N5314" s="55">
        <f>IF(Input!$K$13=1,J5314*Input!$J$13,0)+IF(Input!$K$14=1,K5314*Input!$J$14,0)+IF(Input!$K$15=1,L5314*Input!$J$15,0)+IF(Input!$K$16=1,M5314*Input!$J$16,0)</f>
        <v>0.89679384517401128</v>
      </c>
      <c r="O5314" s="58">
        <f>IF(Input!$K$13=2,J5314*Input!$J$13,0)+IF(Input!$K$14=2,K5314*Input!$J$14,0)+IF(Input!$K$15=2,L5314*Input!$J$15,0)+IF(Input!$K$16=2,M5314*Input!$J$16,0)</f>
        <v>7.9115841419126504E-2</v>
      </c>
      <c r="P5314" s="58">
        <f>IF(Input!$K$13=3,J5314*Input!$J$13,0)+IF(Input!$K$14=3,K5314*Input!$J$14,0)+IF(Input!$K$15=3,L5314*Input!$J$15,0)+IF(Input!$K$16=3,M5314*Input!$J$16,0)</f>
        <v>0</v>
      </c>
      <c r="Q5314" s="71">
        <f>IF(Input!$K$13=4,J5314*Input!$J$13,0)+IF(Input!$K$14=4,K5314*Input!$J$14,0)+IF(Input!$K$15=4,L5314*Input!$J$15,0)+IF(Input!$K$16=4,M5314*Input!$J$16,0)</f>
        <v>0</v>
      </c>
    </row>
    <row r="5315" spans="8:17" x14ac:dyDescent="0.25">
      <c r="H5315" s="43">
        <v>5308</v>
      </c>
      <c r="I5315" s="55">
        <f>Bühler!I5341</f>
        <v>0.28979007807437129</v>
      </c>
      <c r="J5315" s="58">
        <f>Bühler!J5341</f>
        <v>7.473282043116761</v>
      </c>
      <c r="K5315" s="58">
        <f>Bühler!K5341</f>
        <v>0.5860432697713075</v>
      </c>
      <c r="L5315" s="58">
        <f>Bühler!L5341</f>
        <v>0.29302163488565375</v>
      </c>
      <c r="M5315" s="57">
        <f>Bühler!M5341</f>
        <v>0</v>
      </c>
      <c r="N5315" s="55">
        <f>IF(Input!$K$13=1,J5315*Input!$J$13,0)+IF(Input!$K$14=1,K5315*Input!$J$14,0)+IF(Input!$K$15=1,L5315*Input!$J$15,0)+IF(Input!$K$16=1,M5315*Input!$J$16,0)</f>
        <v>0.89679384517401128</v>
      </c>
      <c r="O5315" s="58">
        <f>IF(Input!$K$13=2,J5315*Input!$J$13,0)+IF(Input!$K$14=2,K5315*Input!$J$14,0)+IF(Input!$K$15=2,L5315*Input!$J$15,0)+IF(Input!$K$16=2,M5315*Input!$J$16,0)</f>
        <v>7.9115841419126504E-2</v>
      </c>
      <c r="P5315" s="58">
        <f>IF(Input!$K$13=3,J5315*Input!$J$13,0)+IF(Input!$K$14=3,K5315*Input!$J$14,0)+IF(Input!$K$15=3,L5315*Input!$J$15,0)+IF(Input!$K$16=3,M5315*Input!$J$16,0)</f>
        <v>0</v>
      </c>
      <c r="Q5315" s="71">
        <f>IF(Input!$K$13=4,J5315*Input!$J$13,0)+IF(Input!$K$14=4,K5315*Input!$J$14,0)+IF(Input!$K$15=4,L5315*Input!$J$15,0)+IF(Input!$K$16=4,M5315*Input!$J$16,0)</f>
        <v>0</v>
      </c>
    </row>
    <row r="5316" spans="8:17" x14ac:dyDescent="0.25">
      <c r="H5316" s="43">
        <v>5309</v>
      </c>
      <c r="I5316" s="55">
        <f>Bühler!I5342</f>
        <v>0.28979007807437129</v>
      </c>
      <c r="J5316" s="58">
        <f>Bühler!J5342</f>
        <v>7.473282043116761</v>
      </c>
      <c r="K5316" s="58">
        <f>Bühler!K5342</f>
        <v>0.5860432697713075</v>
      </c>
      <c r="L5316" s="58">
        <f>Bühler!L5342</f>
        <v>0.29302163488565375</v>
      </c>
      <c r="M5316" s="57">
        <f>Bühler!M5342</f>
        <v>0</v>
      </c>
      <c r="N5316" s="55">
        <f>IF(Input!$K$13=1,J5316*Input!$J$13,0)+IF(Input!$K$14=1,K5316*Input!$J$14,0)+IF(Input!$K$15=1,L5316*Input!$J$15,0)+IF(Input!$K$16=1,M5316*Input!$J$16,0)</f>
        <v>0.89679384517401128</v>
      </c>
      <c r="O5316" s="58">
        <f>IF(Input!$K$13=2,J5316*Input!$J$13,0)+IF(Input!$K$14=2,K5316*Input!$J$14,0)+IF(Input!$K$15=2,L5316*Input!$J$15,0)+IF(Input!$K$16=2,M5316*Input!$J$16,0)</f>
        <v>7.9115841419126504E-2</v>
      </c>
      <c r="P5316" s="58">
        <f>IF(Input!$K$13=3,J5316*Input!$J$13,0)+IF(Input!$K$14=3,K5316*Input!$J$14,0)+IF(Input!$K$15=3,L5316*Input!$J$15,0)+IF(Input!$K$16=3,M5316*Input!$J$16,0)</f>
        <v>0</v>
      </c>
      <c r="Q5316" s="71">
        <f>IF(Input!$K$13=4,J5316*Input!$J$13,0)+IF(Input!$K$14=4,K5316*Input!$J$14,0)+IF(Input!$K$15=4,L5316*Input!$J$15,0)+IF(Input!$K$16=4,M5316*Input!$J$16,0)</f>
        <v>0</v>
      </c>
    </row>
    <row r="5317" spans="8:17" x14ac:dyDescent="0.25">
      <c r="H5317" s="43">
        <v>5310</v>
      </c>
      <c r="I5317" s="55">
        <f>Bühler!I5343</f>
        <v>0.28979007807437129</v>
      </c>
      <c r="J5317" s="58">
        <f>Bühler!J5343</f>
        <v>7.473282043116761</v>
      </c>
      <c r="K5317" s="58">
        <f>Bühler!K5343</f>
        <v>0.5860432697713075</v>
      </c>
      <c r="L5317" s="58">
        <f>Bühler!L5343</f>
        <v>0.29302163488565375</v>
      </c>
      <c r="M5317" s="57">
        <f>Bühler!M5343</f>
        <v>0</v>
      </c>
      <c r="N5317" s="55">
        <f>IF(Input!$K$13=1,J5317*Input!$J$13,0)+IF(Input!$K$14=1,K5317*Input!$J$14,0)+IF(Input!$K$15=1,L5317*Input!$J$15,0)+IF(Input!$K$16=1,M5317*Input!$J$16,0)</f>
        <v>0.89679384517401128</v>
      </c>
      <c r="O5317" s="58">
        <f>IF(Input!$K$13=2,J5317*Input!$J$13,0)+IF(Input!$K$14=2,K5317*Input!$J$14,0)+IF(Input!$K$15=2,L5317*Input!$J$15,0)+IF(Input!$K$16=2,M5317*Input!$J$16,0)</f>
        <v>7.9115841419126504E-2</v>
      </c>
      <c r="P5317" s="58">
        <f>IF(Input!$K$13=3,J5317*Input!$J$13,0)+IF(Input!$K$14=3,K5317*Input!$J$14,0)+IF(Input!$K$15=3,L5317*Input!$J$15,0)+IF(Input!$K$16=3,M5317*Input!$J$16,0)</f>
        <v>0</v>
      </c>
      <c r="Q5317" s="71">
        <f>IF(Input!$K$13=4,J5317*Input!$J$13,0)+IF(Input!$K$14=4,K5317*Input!$J$14,0)+IF(Input!$K$15=4,L5317*Input!$J$15,0)+IF(Input!$K$16=4,M5317*Input!$J$16,0)</f>
        <v>0</v>
      </c>
    </row>
    <row r="5318" spans="8:17" x14ac:dyDescent="0.25">
      <c r="H5318" s="43">
        <v>5311</v>
      </c>
      <c r="I5318" s="55">
        <f>Bühler!I5344</f>
        <v>0.28979007807437129</v>
      </c>
      <c r="J5318" s="58">
        <f>Bühler!J5344</f>
        <v>7.473282043116761</v>
      </c>
      <c r="K5318" s="58">
        <f>Bühler!K5344</f>
        <v>0.5860432697713075</v>
      </c>
      <c r="L5318" s="58">
        <f>Bühler!L5344</f>
        <v>0.29302163488565375</v>
      </c>
      <c r="M5318" s="57">
        <f>Bühler!M5344</f>
        <v>0</v>
      </c>
      <c r="N5318" s="55">
        <f>IF(Input!$K$13=1,J5318*Input!$J$13,0)+IF(Input!$K$14=1,K5318*Input!$J$14,0)+IF(Input!$K$15=1,L5318*Input!$J$15,0)+IF(Input!$K$16=1,M5318*Input!$J$16,0)</f>
        <v>0.89679384517401128</v>
      </c>
      <c r="O5318" s="58">
        <f>IF(Input!$K$13=2,J5318*Input!$J$13,0)+IF(Input!$K$14=2,K5318*Input!$J$14,0)+IF(Input!$K$15=2,L5318*Input!$J$15,0)+IF(Input!$K$16=2,M5318*Input!$J$16,0)</f>
        <v>7.9115841419126504E-2</v>
      </c>
      <c r="P5318" s="58">
        <f>IF(Input!$K$13=3,J5318*Input!$J$13,0)+IF(Input!$K$14=3,K5318*Input!$J$14,0)+IF(Input!$K$15=3,L5318*Input!$J$15,0)+IF(Input!$K$16=3,M5318*Input!$J$16,0)</f>
        <v>0</v>
      </c>
      <c r="Q5318" s="71">
        <f>IF(Input!$K$13=4,J5318*Input!$J$13,0)+IF(Input!$K$14=4,K5318*Input!$J$14,0)+IF(Input!$K$15=4,L5318*Input!$J$15,0)+IF(Input!$K$16=4,M5318*Input!$J$16,0)</f>
        <v>0</v>
      </c>
    </row>
    <row r="5319" spans="8:17" x14ac:dyDescent="0.25">
      <c r="H5319" s="43">
        <v>5312</v>
      </c>
      <c r="I5319" s="55">
        <f>Bühler!I5345</f>
        <v>0.79837166509489277</v>
      </c>
      <c r="J5319" s="58">
        <f>Bühler!J5345</f>
        <v>30.131428171222467</v>
      </c>
      <c r="K5319" s="58">
        <f>Bühler!K5345</f>
        <v>2.395673851277254</v>
      </c>
      <c r="L5319" s="58">
        <f>Bühler!L5345</f>
        <v>1.197836925638627</v>
      </c>
      <c r="M5319" s="57">
        <f>Bühler!M5345</f>
        <v>0</v>
      </c>
      <c r="N5319" s="55">
        <f>IF(Input!$K$13=1,J5319*Input!$J$13,0)+IF(Input!$K$14=1,K5319*Input!$J$14,0)+IF(Input!$K$15=1,L5319*Input!$J$15,0)+IF(Input!$K$16=1,M5319*Input!$J$16,0)</f>
        <v>3.615771380546696</v>
      </c>
      <c r="O5319" s="58">
        <f>IF(Input!$K$13=2,J5319*Input!$J$13,0)+IF(Input!$K$14=2,K5319*Input!$J$14,0)+IF(Input!$K$15=2,L5319*Input!$J$15,0)+IF(Input!$K$16=2,M5319*Input!$J$16,0)</f>
        <v>0.32341596992242927</v>
      </c>
      <c r="P5319" s="58">
        <f>IF(Input!$K$13=3,J5319*Input!$J$13,0)+IF(Input!$K$14=3,K5319*Input!$J$14,0)+IF(Input!$K$15=3,L5319*Input!$J$15,0)+IF(Input!$K$16=3,M5319*Input!$J$16,0)</f>
        <v>0</v>
      </c>
      <c r="Q5319" s="71">
        <f>IF(Input!$K$13=4,J5319*Input!$J$13,0)+IF(Input!$K$14=4,K5319*Input!$J$14,0)+IF(Input!$K$15=4,L5319*Input!$J$15,0)+IF(Input!$K$16=4,M5319*Input!$J$16,0)</f>
        <v>0</v>
      </c>
    </row>
    <row r="5320" spans="8:17" x14ac:dyDescent="0.25">
      <c r="H5320" s="43">
        <v>5313</v>
      </c>
      <c r="I5320" s="55">
        <f>Bühler!I5346</f>
        <v>0.89081470000061735</v>
      </c>
      <c r="J5320" s="58">
        <f>Bühler!J5346</f>
        <v>33.620330380521914</v>
      </c>
      <c r="K5320" s="58">
        <f>Bühler!K5346</f>
        <v>2.6730676656356729</v>
      </c>
      <c r="L5320" s="58">
        <f>Bühler!L5346</f>
        <v>1.3365338328178364</v>
      </c>
      <c r="M5320" s="57">
        <f>Bühler!M5346</f>
        <v>0</v>
      </c>
      <c r="N5320" s="55">
        <f>IF(Input!$K$13=1,J5320*Input!$J$13,0)+IF(Input!$K$14=1,K5320*Input!$J$14,0)+IF(Input!$K$15=1,L5320*Input!$J$15,0)+IF(Input!$K$16=1,M5320*Input!$J$16,0)</f>
        <v>4.0344396456626299</v>
      </c>
      <c r="O5320" s="58">
        <f>IF(Input!$K$13=2,J5320*Input!$J$13,0)+IF(Input!$K$14=2,K5320*Input!$J$14,0)+IF(Input!$K$15=2,L5320*Input!$J$15,0)+IF(Input!$K$16=2,M5320*Input!$J$16,0)</f>
        <v>0.36086413486081581</v>
      </c>
      <c r="P5320" s="58">
        <f>IF(Input!$K$13=3,J5320*Input!$J$13,0)+IF(Input!$K$14=3,K5320*Input!$J$14,0)+IF(Input!$K$15=3,L5320*Input!$J$15,0)+IF(Input!$K$16=3,M5320*Input!$J$16,0)</f>
        <v>0</v>
      </c>
      <c r="Q5320" s="71">
        <f>IF(Input!$K$13=4,J5320*Input!$J$13,0)+IF(Input!$K$14=4,K5320*Input!$J$14,0)+IF(Input!$K$15=4,L5320*Input!$J$15,0)+IF(Input!$K$16=4,M5320*Input!$J$16,0)</f>
        <v>0</v>
      </c>
    </row>
    <row r="5321" spans="8:17" x14ac:dyDescent="0.25">
      <c r="H5321" s="43">
        <v>5314</v>
      </c>
      <c r="I5321" s="55">
        <f>Bühler!I5347</f>
        <v>0.98325773490634172</v>
      </c>
      <c r="J5321" s="58">
        <f>Bühler!J5347</f>
        <v>37.109232589821353</v>
      </c>
      <c r="K5321" s="58">
        <f>Bühler!K5347</f>
        <v>2.9504614799940923</v>
      </c>
      <c r="L5321" s="58">
        <f>Bühler!L5347</f>
        <v>1.4752307399970461</v>
      </c>
      <c r="M5321" s="57">
        <f>Bühler!M5347</f>
        <v>0</v>
      </c>
      <c r="N5321" s="55">
        <f>IF(Input!$K$13=1,J5321*Input!$J$13,0)+IF(Input!$K$14=1,K5321*Input!$J$14,0)+IF(Input!$K$15=1,L5321*Input!$J$15,0)+IF(Input!$K$16=1,M5321*Input!$J$16,0)</f>
        <v>4.4531079107785621</v>
      </c>
      <c r="O5321" s="58">
        <f>IF(Input!$K$13=2,J5321*Input!$J$13,0)+IF(Input!$K$14=2,K5321*Input!$J$14,0)+IF(Input!$K$15=2,L5321*Input!$J$15,0)+IF(Input!$K$16=2,M5321*Input!$J$16,0)</f>
        <v>0.39831229979920246</v>
      </c>
      <c r="P5321" s="58">
        <f>IF(Input!$K$13=3,J5321*Input!$J$13,0)+IF(Input!$K$14=3,K5321*Input!$J$14,0)+IF(Input!$K$15=3,L5321*Input!$J$15,0)+IF(Input!$K$16=3,M5321*Input!$J$16,0)</f>
        <v>0</v>
      </c>
      <c r="Q5321" s="71">
        <f>IF(Input!$K$13=4,J5321*Input!$J$13,0)+IF(Input!$K$14=4,K5321*Input!$J$14,0)+IF(Input!$K$15=4,L5321*Input!$J$15,0)+IF(Input!$K$16=4,M5321*Input!$J$16,0)</f>
        <v>0</v>
      </c>
    </row>
    <row r="5322" spans="8:17" x14ac:dyDescent="0.25">
      <c r="H5322" s="43">
        <v>5315</v>
      </c>
      <c r="I5322" s="55">
        <f>Bühler!I5348</f>
        <v>0.98325773490634172</v>
      </c>
      <c r="J5322" s="58">
        <f>Bühler!J5348</f>
        <v>37.109232589821353</v>
      </c>
      <c r="K5322" s="58">
        <f>Bühler!K5348</f>
        <v>2.9504614799940923</v>
      </c>
      <c r="L5322" s="58">
        <f>Bühler!L5348</f>
        <v>1.4752307399970461</v>
      </c>
      <c r="M5322" s="57">
        <f>Bühler!M5348</f>
        <v>0</v>
      </c>
      <c r="N5322" s="55">
        <f>IF(Input!$K$13=1,J5322*Input!$J$13,0)+IF(Input!$K$14=1,K5322*Input!$J$14,0)+IF(Input!$K$15=1,L5322*Input!$J$15,0)+IF(Input!$K$16=1,M5322*Input!$J$16,0)</f>
        <v>4.4531079107785621</v>
      </c>
      <c r="O5322" s="58">
        <f>IF(Input!$K$13=2,J5322*Input!$J$13,0)+IF(Input!$K$14=2,K5322*Input!$J$14,0)+IF(Input!$K$15=2,L5322*Input!$J$15,0)+IF(Input!$K$16=2,M5322*Input!$J$16,0)</f>
        <v>0.39831229979920246</v>
      </c>
      <c r="P5322" s="58">
        <f>IF(Input!$K$13=3,J5322*Input!$J$13,0)+IF(Input!$K$14=3,K5322*Input!$J$14,0)+IF(Input!$K$15=3,L5322*Input!$J$15,0)+IF(Input!$K$16=3,M5322*Input!$J$16,0)</f>
        <v>0</v>
      </c>
      <c r="Q5322" s="71">
        <f>IF(Input!$K$13=4,J5322*Input!$J$13,0)+IF(Input!$K$14=4,K5322*Input!$J$14,0)+IF(Input!$K$15=4,L5322*Input!$J$15,0)+IF(Input!$K$16=4,M5322*Input!$J$16,0)</f>
        <v>0</v>
      </c>
    </row>
    <row r="5323" spans="8:17" x14ac:dyDescent="0.25">
      <c r="H5323" s="43">
        <v>5316</v>
      </c>
      <c r="I5323" s="55">
        <f>Bühler!I5349</f>
        <v>1.1765477169819474</v>
      </c>
      <c r="J5323" s="58">
        <f>Bühler!J5349</f>
        <v>44.404209936538372</v>
      </c>
      <c r="K5323" s="58">
        <f>Bühler!K5349</f>
        <v>3.5304667281980584</v>
      </c>
      <c r="L5323" s="58">
        <f>Bühler!L5349</f>
        <v>1.7652333640990292</v>
      </c>
      <c r="M5323" s="57">
        <f>Bühler!M5349</f>
        <v>0</v>
      </c>
      <c r="N5323" s="55">
        <f>IF(Input!$K$13=1,J5323*Input!$J$13,0)+IF(Input!$K$14=1,K5323*Input!$J$14,0)+IF(Input!$K$15=1,L5323*Input!$J$15,0)+IF(Input!$K$16=1,M5323*Input!$J$16,0)</f>
        <v>5.3285051923846041</v>
      </c>
      <c r="O5323" s="58">
        <f>IF(Input!$K$13=2,J5323*Input!$J$13,0)+IF(Input!$K$14=2,K5323*Input!$J$14,0)+IF(Input!$K$15=2,L5323*Input!$J$15,0)+IF(Input!$K$16=2,M5323*Input!$J$16,0)</f>
        <v>0.47661300830673792</v>
      </c>
      <c r="P5323" s="58">
        <f>IF(Input!$K$13=3,J5323*Input!$J$13,0)+IF(Input!$K$14=3,K5323*Input!$J$14,0)+IF(Input!$K$15=3,L5323*Input!$J$15,0)+IF(Input!$K$16=3,M5323*Input!$J$16,0)</f>
        <v>0</v>
      </c>
      <c r="Q5323" s="71">
        <f>IF(Input!$K$13=4,J5323*Input!$J$13,0)+IF(Input!$K$14=4,K5323*Input!$J$14,0)+IF(Input!$K$15=4,L5323*Input!$J$15,0)+IF(Input!$K$16=4,M5323*Input!$J$16,0)</f>
        <v>0</v>
      </c>
    </row>
    <row r="5324" spans="8:17" x14ac:dyDescent="0.25">
      <c r="H5324" s="43">
        <v>5317</v>
      </c>
      <c r="I5324" s="55">
        <f>Bühler!I5350</f>
        <v>1.1765477169819474</v>
      </c>
      <c r="J5324" s="58">
        <f>Bühler!J5350</f>
        <v>44.404209936538372</v>
      </c>
      <c r="K5324" s="58">
        <f>Bühler!K5350</f>
        <v>3.5304667281980584</v>
      </c>
      <c r="L5324" s="58">
        <f>Bühler!L5350</f>
        <v>1.7652333640990292</v>
      </c>
      <c r="M5324" s="57">
        <f>Bühler!M5350</f>
        <v>0</v>
      </c>
      <c r="N5324" s="55">
        <f>IF(Input!$K$13=1,J5324*Input!$J$13,0)+IF(Input!$K$14=1,K5324*Input!$J$14,0)+IF(Input!$K$15=1,L5324*Input!$J$15,0)+IF(Input!$K$16=1,M5324*Input!$J$16,0)</f>
        <v>5.3285051923846041</v>
      </c>
      <c r="O5324" s="58">
        <f>IF(Input!$K$13=2,J5324*Input!$J$13,0)+IF(Input!$K$14=2,K5324*Input!$J$14,0)+IF(Input!$K$15=2,L5324*Input!$J$15,0)+IF(Input!$K$16=2,M5324*Input!$J$16,0)</f>
        <v>0.47661300830673792</v>
      </c>
      <c r="P5324" s="58">
        <f>IF(Input!$K$13=3,J5324*Input!$J$13,0)+IF(Input!$K$14=3,K5324*Input!$J$14,0)+IF(Input!$K$15=3,L5324*Input!$J$15,0)+IF(Input!$K$16=3,M5324*Input!$J$16,0)</f>
        <v>0</v>
      </c>
      <c r="Q5324" s="71">
        <f>IF(Input!$K$13=4,J5324*Input!$J$13,0)+IF(Input!$K$14=4,K5324*Input!$J$14,0)+IF(Input!$K$15=4,L5324*Input!$J$15,0)+IF(Input!$K$16=4,M5324*Input!$J$16,0)</f>
        <v>0</v>
      </c>
    </row>
    <row r="5325" spans="8:17" x14ac:dyDescent="0.25">
      <c r="H5325" s="43">
        <v>5318</v>
      </c>
      <c r="I5325" s="55">
        <f>Bühler!I5351</f>
        <v>0.78156384056657924</v>
      </c>
      <c r="J5325" s="58">
        <f>Bühler!J5351</f>
        <v>29.497082314986201</v>
      </c>
      <c r="K5325" s="58">
        <f>Bühler!K5351</f>
        <v>2.345238612302996</v>
      </c>
      <c r="L5325" s="58">
        <f>Bühler!L5351</f>
        <v>1.172619306151498</v>
      </c>
      <c r="M5325" s="57">
        <f>Bühler!M5351</f>
        <v>0</v>
      </c>
      <c r="N5325" s="55">
        <f>IF(Input!$K$13=1,J5325*Input!$J$13,0)+IF(Input!$K$14=1,K5325*Input!$J$14,0)+IF(Input!$K$15=1,L5325*Input!$J$15,0)+IF(Input!$K$16=1,M5325*Input!$J$16,0)</f>
        <v>3.5396498777983441</v>
      </c>
      <c r="O5325" s="58">
        <f>IF(Input!$K$13=2,J5325*Input!$J$13,0)+IF(Input!$K$14=2,K5325*Input!$J$14,0)+IF(Input!$K$15=2,L5325*Input!$J$15,0)+IF(Input!$K$16=2,M5325*Input!$J$16,0)</f>
        <v>0.31660721266090441</v>
      </c>
      <c r="P5325" s="58">
        <f>IF(Input!$K$13=3,J5325*Input!$J$13,0)+IF(Input!$K$14=3,K5325*Input!$J$14,0)+IF(Input!$K$15=3,L5325*Input!$J$15,0)+IF(Input!$K$16=3,M5325*Input!$J$16,0)</f>
        <v>0</v>
      </c>
      <c r="Q5325" s="71">
        <f>IF(Input!$K$13=4,J5325*Input!$J$13,0)+IF(Input!$K$14=4,K5325*Input!$J$14,0)+IF(Input!$K$15=4,L5325*Input!$J$15,0)+IF(Input!$K$16=4,M5325*Input!$J$16,0)</f>
        <v>0</v>
      </c>
    </row>
    <row r="5326" spans="8:17" x14ac:dyDescent="0.25">
      <c r="H5326" s="43">
        <v>5319</v>
      </c>
      <c r="I5326" s="55">
        <f>Bühler!I5352</f>
        <v>1.1765477169819474</v>
      </c>
      <c r="J5326" s="58">
        <f>Bühler!J5352</f>
        <v>44.404209936538372</v>
      </c>
      <c r="K5326" s="58">
        <f>Bühler!K5352</f>
        <v>3.5304667281980584</v>
      </c>
      <c r="L5326" s="58">
        <f>Bühler!L5352</f>
        <v>1.7652333640990292</v>
      </c>
      <c r="M5326" s="57">
        <f>Bühler!M5352</f>
        <v>0</v>
      </c>
      <c r="N5326" s="55">
        <f>IF(Input!$K$13=1,J5326*Input!$J$13,0)+IF(Input!$K$14=1,K5326*Input!$J$14,0)+IF(Input!$K$15=1,L5326*Input!$J$15,0)+IF(Input!$K$16=1,M5326*Input!$J$16,0)</f>
        <v>5.3285051923846041</v>
      </c>
      <c r="O5326" s="58">
        <f>IF(Input!$K$13=2,J5326*Input!$J$13,0)+IF(Input!$K$14=2,K5326*Input!$J$14,0)+IF(Input!$K$15=2,L5326*Input!$J$15,0)+IF(Input!$K$16=2,M5326*Input!$J$16,0)</f>
        <v>0.47661300830673792</v>
      </c>
      <c r="P5326" s="58">
        <f>IF(Input!$K$13=3,J5326*Input!$J$13,0)+IF(Input!$K$14=3,K5326*Input!$J$14,0)+IF(Input!$K$15=3,L5326*Input!$J$15,0)+IF(Input!$K$16=3,M5326*Input!$J$16,0)</f>
        <v>0</v>
      </c>
      <c r="Q5326" s="71">
        <f>IF(Input!$K$13=4,J5326*Input!$J$13,0)+IF(Input!$K$14=4,K5326*Input!$J$14,0)+IF(Input!$K$15=4,L5326*Input!$J$15,0)+IF(Input!$K$16=4,M5326*Input!$J$16,0)</f>
        <v>0</v>
      </c>
    </row>
    <row r="5327" spans="8:17" x14ac:dyDescent="0.25">
      <c r="H5327" s="43">
        <v>5320</v>
      </c>
      <c r="I5327" s="55">
        <f>Bühler!I5353</f>
        <v>1.1765477169819474</v>
      </c>
      <c r="J5327" s="58">
        <f>Bühler!J5353</f>
        <v>44.404209936538372</v>
      </c>
      <c r="K5327" s="58">
        <f>Bühler!K5353</f>
        <v>3.5304667281980584</v>
      </c>
      <c r="L5327" s="58">
        <f>Bühler!L5353</f>
        <v>1.7652333640990292</v>
      </c>
      <c r="M5327" s="57">
        <f>Bühler!M5353</f>
        <v>0</v>
      </c>
      <c r="N5327" s="55">
        <f>IF(Input!$K$13=1,J5327*Input!$J$13,0)+IF(Input!$K$14=1,K5327*Input!$J$14,0)+IF(Input!$K$15=1,L5327*Input!$J$15,0)+IF(Input!$K$16=1,M5327*Input!$J$16,0)</f>
        <v>5.3285051923846041</v>
      </c>
      <c r="O5327" s="58">
        <f>IF(Input!$K$13=2,J5327*Input!$J$13,0)+IF(Input!$K$14=2,K5327*Input!$J$14,0)+IF(Input!$K$15=2,L5327*Input!$J$15,0)+IF(Input!$K$16=2,M5327*Input!$J$16,0)</f>
        <v>0.47661300830673792</v>
      </c>
      <c r="P5327" s="58">
        <f>IF(Input!$K$13=3,J5327*Input!$J$13,0)+IF(Input!$K$14=3,K5327*Input!$J$14,0)+IF(Input!$K$15=3,L5327*Input!$J$15,0)+IF(Input!$K$16=3,M5327*Input!$J$16,0)</f>
        <v>0</v>
      </c>
      <c r="Q5327" s="71">
        <f>IF(Input!$K$13=4,J5327*Input!$J$13,0)+IF(Input!$K$14=4,K5327*Input!$J$14,0)+IF(Input!$K$15=4,L5327*Input!$J$15,0)+IF(Input!$K$16=4,M5327*Input!$J$16,0)</f>
        <v>0</v>
      </c>
    </row>
    <row r="5328" spans="8:17" x14ac:dyDescent="0.25">
      <c r="H5328" s="43">
        <v>5321</v>
      </c>
      <c r="I5328" s="55">
        <f>Bühler!I5354</f>
        <v>0.98311283986730469</v>
      </c>
      <c r="J5328" s="58">
        <f>Bühler!J5354</f>
        <v>26.480705820993066</v>
      </c>
      <c r="K5328" s="58">
        <f>Bühler!K5354</f>
        <v>2.0804536076881415</v>
      </c>
      <c r="L5328" s="58">
        <f>Bühler!L5354</f>
        <v>1.0402268038440707</v>
      </c>
      <c r="M5328" s="57">
        <f>Bühler!M5354</f>
        <v>0</v>
      </c>
      <c r="N5328" s="55">
        <f>IF(Input!$K$13=1,J5328*Input!$J$13,0)+IF(Input!$K$14=1,K5328*Input!$J$14,0)+IF(Input!$K$15=1,L5328*Input!$J$15,0)+IF(Input!$K$16=1,M5328*Input!$J$16,0)</f>
        <v>3.1776846985191676</v>
      </c>
      <c r="O5328" s="58">
        <f>IF(Input!$K$13=2,J5328*Input!$J$13,0)+IF(Input!$K$14=2,K5328*Input!$J$14,0)+IF(Input!$K$15=2,L5328*Input!$J$15,0)+IF(Input!$K$16=2,M5328*Input!$J$16,0)</f>
        <v>0.28086123703789911</v>
      </c>
      <c r="P5328" s="58">
        <f>IF(Input!$K$13=3,J5328*Input!$J$13,0)+IF(Input!$K$14=3,K5328*Input!$J$14,0)+IF(Input!$K$15=3,L5328*Input!$J$15,0)+IF(Input!$K$16=3,M5328*Input!$J$16,0)</f>
        <v>0</v>
      </c>
      <c r="Q5328" s="71">
        <f>IF(Input!$K$13=4,J5328*Input!$J$13,0)+IF(Input!$K$14=4,K5328*Input!$J$14,0)+IF(Input!$K$15=4,L5328*Input!$J$15,0)+IF(Input!$K$16=4,M5328*Input!$J$16,0)</f>
        <v>0</v>
      </c>
    </row>
    <row r="5329" spans="8:17" x14ac:dyDescent="0.25">
      <c r="H5329" s="43">
        <v>5322</v>
      </c>
      <c r="I5329" s="55">
        <f>Bühler!I5355</f>
        <v>0.78170873560561649</v>
      </c>
      <c r="J5329" s="58">
        <f>Bühler!J5355</f>
        <v>11.694340208829608</v>
      </c>
      <c r="K5329" s="58">
        <f>Bühler!K5355</f>
        <v>0.88794434813834455</v>
      </c>
      <c r="L5329" s="58">
        <f>Bühler!L5355</f>
        <v>0.44397217406917228</v>
      </c>
      <c r="M5329" s="57">
        <f>Bühler!M5355</f>
        <v>0</v>
      </c>
      <c r="N5329" s="55">
        <f>IF(Input!$K$13=1,J5329*Input!$J$13,0)+IF(Input!$K$14=1,K5329*Input!$J$14,0)+IF(Input!$K$15=1,L5329*Input!$J$15,0)+IF(Input!$K$16=1,M5329*Input!$J$16,0)</f>
        <v>1.403320825059553</v>
      </c>
      <c r="O5329" s="58">
        <f>IF(Input!$K$13=2,J5329*Input!$J$13,0)+IF(Input!$K$14=2,K5329*Input!$J$14,0)+IF(Input!$K$15=2,L5329*Input!$J$15,0)+IF(Input!$K$16=2,M5329*Input!$J$16,0)</f>
        <v>0.11987248699867652</v>
      </c>
      <c r="P5329" s="58">
        <f>IF(Input!$K$13=3,J5329*Input!$J$13,0)+IF(Input!$K$14=3,K5329*Input!$J$14,0)+IF(Input!$K$15=3,L5329*Input!$J$15,0)+IF(Input!$K$16=3,M5329*Input!$J$16,0)</f>
        <v>0</v>
      </c>
      <c r="Q5329" s="71">
        <f>IF(Input!$K$13=4,J5329*Input!$J$13,0)+IF(Input!$K$14=4,K5329*Input!$J$14,0)+IF(Input!$K$15=4,L5329*Input!$J$15,0)+IF(Input!$K$16=4,M5329*Input!$J$16,0)</f>
        <v>0</v>
      </c>
    </row>
    <row r="5330" spans="8:17" x14ac:dyDescent="0.25">
      <c r="H5330" s="43">
        <v>5323</v>
      </c>
      <c r="I5330" s="55">
        <f>Bühler!I5356</f>
        <v>0.28979007807437129</v>
      </c>
      <c r="J5330" s="58">
        <f>Bühler!J5356</f>
        <v>7.473282043116761</v>
      </c>
      <c r="K5330" s="58">
        <f>Bühler!K5356</f>
        <v>0.5860432697713075</v>
      </c>
      <c r="L5330" s="58">
        <f>Bühler!L5356</f>
        <v>0.29302163488565375</v>
      </c>
      <c r="M5330" s="57">
        <f>Bühler!M5356</f>
        <v>0</v>
      </c>
      <c r="N5330" s="55">
        <f>IF(Input!$K$13=1,J5330*Input!$J$13,0)+IF(Input!$K$14=1,K5330*Input!$J$14,0)+IF(Input!$K$15=1,L5330*Input!$J$15,0)+IF(Input!$K$16=1,M5330*Input!$J$16,0)</f>
        <v>0.89679384517401128</v>
      </c>
      <c r="O5330" s="58">
        <f>IF(Input!$K$13=2,J5330*Input!$J$13,0)+IF(Input!$K$14=2,K5330*Input!$J$14,0)+IF(Input!$K$15=2,L5330*Input!$J$15,0)+IF(Input!$K$16=2,M5330*Input!$J$16,0)</f>
        <v>7.9115841419126504E-2</v>
      </c>
      <c r="P5330" s="58">
        <f>IF(Input!$K$13=3,J5330*Input!$J$13,0)+IF(Input!$K$14=3,K5330*Input!$J$14,0)+IF(Input!$K$15=3,L5330*Input!$J$15,0)+IF(Input!$K$16=3,M5330*Input!$J$16,0)</f>
        <v>0</v>
      </c>
      <c r="Q5330" s="71">
        <f>IF(Input!$K$13=4,J5330*Input!$J$13,0)+IF(Input!$K$14=4,K5330*Input!$J$14,0)+IF(Input!$K$15=4,L5330*Input!$J$15,0)+IF(Input!$K$16=4,M5330*Input!$J$16,0)</f>
        <v>0</v>
      </c>
    </row>
    <row r="5331" spans="8:17" x14ac:dyDescent="0.25">
      <c r="H5331" s="43">
        <v>5324</v>
      </c>
      <c r="I5331" s="55">
        <f>Bühler!I5357</f>
        <v>0.28979007807437129</v>
      </c>
      <c r="J5331" s="58">
        <f>Bühler!J5357</f>
        <v>7.473282043116761</v>
      </c>
      <c r="K5331" s="58">
        <f>Bühler!K5357</f>
        <v>0.5860432697713075</v>
      </c>
      <c r="L5331" s="58">
        <f>Bühler!L5357</f>
        <v>0.29302163488565375</v>
      </c>
      <c r="M5331" s="57">
        <f>Bühler!M5357</f>
        <v>0</v>
      </c>
      <c r="N5331" s="55">
        <f>IF(Input!$K$13=1,J5331*Input!$J$13,0)+IF(Input!$K$14=1,K5331*Input!$J$14,0)+IF(Input!$K$15=1,L5331*Input!$J$15,0)+IF(Input!$K$16=1,M5331*Input!$J$16,0)</f>
        <v>0.89679384517401128</v>
      </c>
      <c r="O5331" s="58">
        <f>IF(Input!$K$13=2,J5331*Input!$J$13,0)+IF(Input!$K$14=2,K5331*Input!$J$14,0)+IF(Input!$K$15=2,L5331*Input!$J$15,0)+IF(Input!$K$16=2,M5331*Input!$J$16,0)</f>
        <v>7.9115841419126504E-2</v>
      </c>
      <c r="P5331" s="58">
        <f>IF(Input!$K$13=3,J5331*Input!$J$13,0)+IF(Input!$K$14=3,K5331*Input!$J$14,0)+IF(Input!$K$15=3,L5331*Input!$J$15,0)+IF(Input!$K$16=3,M5331*Input!$J$16,0)</f>
        <v>0</v>
      </c>
      <c r="Q5331" s="71">
        <f>IF(Input!$K$13=4,J5331*Input!$J$13,0)+IF(Input!$K$14=4,K5331*Input!$J$14,0)+IF(Input!$K$15=4,L5331*Input!$J$15,0)+IF(Input!$K$16=4,M5331*Input!$J$16,0)</f>
        <v>0</v>
      </c>
    </row>
    <row r="5332" spans="8:17" x14ac:dyDescent="0.25">
      <c r="H5332" s="43">
        <v>5325</v>
      </c>
      <c r="I5332" s="55">
        <f>Bühler!I5358</f>
        <v>0.28979007807437129</v>
      </c>
      <c r="J5332" s="58">
        <f>Bühler!J5358</f>
        <v>7.473282043116761</v>
      </c>
      <c r="K5332" s="58">
        <f>Bühler!K5358</f>
        <v>0.5860432697713075</v>
      </c>
      <c r="L5332" s="58">
        <f>Bühler!L5358</f>
        <v>0.29302163488565375</v>
      </c>
      <c r="M5332" s="57">
        <f>Bühler!M5358</f>
        <v>0</v>
      </c>
      <c r="N5332" s="55">
        <f>IF(Input!$K$13=1,J5332*Input!$J$13,0)+IF(Input!$K$14=1,K5332*Input!$J$14,0)+IF(Input!$K$15=1,L5332*Input!$J$15,0)+IF(Input!$K$16=1,M5332*Input!$J$16,0)</f>
        <v>0.89679384517401128</v>
      </c>
      <c r="O5332" s="58">
        <f>IF(Input!$K$13=2,J5332*Input!$J$13,0)+IF(Input!$K$14=2,K5332*Input!$J$14,0)+IF(Input!$K$15=2,L5332*Input!$J$15,0)+IF(Input!$K$16=2,M5332*Input!$J$16,0)</f>
        <v>7.9115841419126504E-2</v>
      </c>
      <c r="P5332" s="58">
        <f>IF(Input!$K$13=3,J5332*Input!$J$13,0)+IF(Input!$K$14=3,K5332*Input!$J$14,0)+IF(Input!$K$15=3,L5332*Input!$J$15,0)+IF(Input!$K$16=3,M5332*Input!$J$16,0)</f>
        <v>0</v>
      </c>
      <c r="Q5332" s="71">
        <f>IF(Input!$K$13=4,J5332*Input!$J$13,0)+IF(Input!$K$14=4,K5332*Input!$J$14,0)+IF(Input!$K$15=4,L5332*Input!$J$15,0)+IF(Input!$K$16=4,M5332*Input!$J$16,0)</f>
        <v>0</v>
      </c>
    </row>
    <row r="5333" spans="8:17" x14ac:dyDescent="0.25">
      <c r="H5333" s="43">
        <v>5326</v>
      </c>
      <c r="I5333" s="55">
        <f>Bühler!I5359</f>
        <v>0.28979007807437129</v>
      </c>
      <c r="J5333" s="58">
        <f>Bühler!J5359</f>
        <v>7.473282043116761</v>
      </c>
      <c r="K5333" s="58">
        <f>Bühler!K5359</f>
        <v>0.5860432697713075</v>
      </c>
      <c r="L5333" s="58">
        <f>Bühler!L5359</f>
        <v>0.29302163488565375</v>
      </c>
      <c r="M5333" s="57">
        <f>Bühler!M5359</f>
        <v>0</v>
      </c>
      <c r="N5333" s="55">
        <f>IF(Input!$K$13=1,J5333*Input!$J$13,0)+IF(Input!$K$14=1,K5333*Input!$J$14,0)+IF(Input!$K$15=1,L5333*Input!$J$15,0)+IF(Input!$K$16=1,M5333*Input!$J$16,0)</f>
        <v>0.89679384517401128</v>
      </c>
      <c r="O5333" s="58">
        <f>IF(Input!$K$13=2,J5333*Input!$J$13,0)+IF(Input!$K$14=2,K5333*Input!$J$14,0)+IF(Input!$K$15=2,L5333*Input!$J$15,0)+IF(Input!$K$16=2,M5333*Input!$J$16,0)</f>
        <v>7.9115841419126504E-2</v>
      </c>
      <c r="P5333" s="58">
        <f>IF(Input!$K$13=3,J5333*Input!$J$13,0)+IF(Input!$K$14=3,K5333*Input!$J$14,0)+IF(Input!$K$15=3,L5333*Input!$J$15,0)+IF(Input!$K$16=3,M5333*Input!$J$16,0)</f>
        <v>0</v>
      </c>
      <c r="Q5333" s="71">
        <f>IF(Input!$K$13=4,J5333*Input!$J$13,0)+IF(Input!$K$14=4,K5333*Input!$J$14,0)+IF(Input!$K$15=4,L5333*Input!$J$15,0)+IF(Input!$K$16=4,M5333*Input!$J$16,0)</f>
        <v>0</v>
      </c>
    </row>
    <row r="5334" spans="8:17" x14ac:dyDescent="0.25">
      <c r="H5334" s="43">
        <v>5327</v>
      </c>
      <c r="I5334" s="55">
        <f>Bühler!I5360</f>
        <v>0.28979007807437129</v>
      </c>
      <c r="J5334" s="58">
        <f>Bühler!J5360</f>
        <v>7.473282043116761</v>
      </c>
      <c r="K5334" s="58">
        <f>Bühler!K5360</f>
        <v>0.5860432697713075</v>
      </c>
      <c r="L5334" s="58">
        <f>Bühler!L5360</f>
        <v>0.29302163488565375</v>
      </c>
      <c r="M5334" s="57">
        <f>Bühler!M5360</f>
        <v>0</v>
      </c>
      <c r="N5334" s="55">
        <f>IF(Input!$K$13=1,J5334*Input!$J$13,0)+IF(Input!$K$14=1,K5334*Input!$J$14,0)+IF(Input!$K$15=1,L5334*Input!$J$15,0)+IF(Input!$K$16=1,M5334*Input!$J$16,0)</f>
        <v>0.89679384517401128</v>
      </c>
      <c r="O5334" s="58">
        <f>IF(Input!$K$13=2,J5334*Input!$J$13,0)+IF(Input!$K$14=2,K5334*Input!$J$14,0)+IF(Input!$K$15=2,L5334*Input!$J$15,0)+IF(Input!$K$16=2,M5334*Input!$J$16,0)</f>
        <v>7.9115841419126504E-2</v>
      </c>
      <c r="P5334" s="58">
        <f>IF(Input!$K$13=3,J5334*Input!$J$13,0)+IF(Input!$K$14=3,K5334*Input!$J$14,0)+IF(Input!$K$15=3,L5334*Input!$J$15,0)+IF(Input!$K$16=3,M5334*Input!$J$16,0)</f>
        <v>0</v>
      </c>
      <c r="Q5334" s="71">
        <f>IF(Input!$K$13=4,J5334*Input!$J$13,0)+IF(Input!$K$14=4,K5334*Input!$J$14,0)+IF(Input!$K$15=4,L5334*Input!$J$15,0)+IF(Input!$K$16=4,M5334*Input!$J$16,0)</f>
        <v>0</v>
      </c>
    </row>
    <row r="5335" spans="8:17" x14ac:dyDescent="0.25">
      <c r="H5335" s="43">
        <v>5328</v>
      </c>
      <c r="I5335" s="55">
        <f>Bühler!I5361</f>
        <v>0.28979007807437129</v>
      </c>
      <c r="J5335" s="58">
        <f>Bühler!J5361</f>
        <v>7.473282043116761</v>
      </c>
      <c r="K5335" s="58">
        <f>Bühler!K5361</f>
        <v>0.5860432697713075</v>
      </c>
      <c r="L5335" s="58">
        <f>Bühler!L5361</f>
        <v>0.29302163488565375</v>
      </c>
      <c r="M5335" s="57">
        <f>Bühler!M5361</f>
        <v>0</v>
      </c>
      <c r="N5335" s="55">
        <f>IF(Input!$K$13=1,J5335*Input!$J$13,0)+IF(Input!$K$14=1,K5335*Input!$J$14,0)+IF(Input!$K$15=1,L5335*Input!$J$15,0)+IF(Input!$K$16=1,M5335*Input!$J$16,0)</f>
        <v>0.89679384517401128</v>
      </c>
      <c r="O5335" s="58">
        <f>IF(Input!$K$13=2,J5335*Input!$J$13,0)+IF(Input!$K$14=2,K5335*Input!$J$14,0)+IF(Input!$K$15=2,L5335*Input!$J$15,0)+IF(Input!$K$16=2,M5335*Input!$J$16,0)</f>
        <v>7.9115841419126504E-2</v>
      </c>
      <c r="P5335" s="58">
        <f>IF(Input!$K$13=3,J5335*Input!$J$13,0)+IF(Input!$K$14=3,K5335*Input!$J$14,0)+IF(Input!$K$15=3,L5335*Input!$J$15,0)+IF(Input!$K$16=3,M5335*Input!$J$16,0)</f>
        <v>0</v>
      </c>
      <c r="Q5335" s="71">
        <f>IF(Input!$K$13=4,J5335*Input!$J$13,0)+IF(Input!$K$14=4,K5335*Input!$J$14,0)+IF(Input!$K$15=4,L5335*Input!$J$15,0)+IF(Input!$K$16=4,M5335*Input!$J$16,0)</f>
        <v>0</v>
      </c>
    </row>
    <row r="5336" spans="8:17" x14ac:dyDescent="0.25">
      <c r="H5336" s="43">
        <v>5329</v>
      </c>
      <c r="I5336" s="55">
        <f>Bühler!I5362</f>
        <v>0.15898858841818814</v>
      </c>
      <c r="J5336" s="58">
        <f>Bühler!J5362</f>
        <v>10.698612720996373</v>
      </c>
      <c r="K5336" s="58">
        <f>Bühler!K5362</f>
        <v>0.87939271134297015</v>
      </c>
      <c r="L5336" s="58">
        <f>Bühler!L5362</f>
        <v>0.43969635567148507</v>
      </c>
      <c r="M5336" s="57">
        <f>Bühler!M5362</f>
        <v>0</v>
      </c>
      <c r="N5336" s="55">
        <f>IF(Input!$K$13=1,J5336*Input!$J$13,0)+IF(Input!$K$14=1,K5336*Input!$J$14,0)+IF(Input!$K$15=1,L5336*Input!$J$15,0)+IF(Input!$K$16=1,M5336*Input!$J$16,0)</f>
        <v>1.2838335265195646</v>
      </c>
      <c r="O5336" s="58">
        <f>IF(Input!$K$13=2,J5336*Input!$J$13,0)+IF(Input!$K$14=2,K5336*Input!$J$14,0)+IF(Input!$K$15=2,L5336*Input!$J$15,0)+IF(Input!$K$16=2,M5336*Input!$J$16,0)</f>
        <v>0.11871801603130096</v>
      </c>
      <c r="P5336" s="58">
        <f>IF(Input!$K$13=3,J5336*Input!$J$13,0)+IF(Input!$K$14=3,K5336*Input!$J$14,0)+IF(Input!$K$15=3,L5336*Input!$J$15,0)+IF(Input!$K$16=3,M5336*Input!$J$16,0)</f>
        <v>0</v>
      </c>
      <c r="Q5336" s="71">
        <f>IF(Input!$K$13=4,J5336*Input!$J$13,0)+IF(Input!$K$14=4,K5336*Input!$J$14,0)+IF(Input!$K$15=4,L5336*Input!$J$15,0)+IF(Input!$K$16=4,M5336*Input!$J$16,0)</f>
        <v>0</v>
      </c>
    </row>
    <row r="5337" spans="8:17" x14ac:dyDescent="0.25">
      <c r="H5337" s="43">
        <v>5330</v>
      </c>
      <c r="I5337" s="55">
        <f>Bühler!I5363</f>
        <v>0.15898858841818814</v>
      </c>
      <c r="J5337" s="58">
        <f>Bühler!J5363</f>
        <v>6.5518589002065735</v>
      </c>
      <c r="K5337" s="58">
        <f>Bühler!K5363</f>
        <v>0.53296527960180007</v>
      </c>
      <c r="L5337" s="58">
        <f>Bühler!L5363</f>
        <v>0.26648263980090003</v>
      </c>
      <c r="M5337" s="57">
        <f>Bühler!M5363</f>
        <v>0</v>
      </c>
      <c r="N5337" s="55">
        <f>IF(Input!$K$13=1,J5337*Input!$J$13,0)+IF(Input!$K$14=1,K5337*Input!$J$14,0)+IF(Input!$K$15=1,L5337*Input!$J$15,0)+IF(Input!$K$16=1,M5337*Input!$J$16,0)</f>
        <v>0.78622306802478881</v>
      </c>
      <c r="O5337" s="58">
        <f>IF(Input!$K$13=2,J5337*Input!$J$13,0)+IF(Input!$K$14=2,K5337*Input!$J$14,0)+IF(Input!$K$15=2,L5337*Input!$J$15,0)+IF(Input!$K$16=2,M5337*Input!$J$16,0)</f>
        <v>7.1950312746243E-2</v>
      </c>
      <c r="P5337" s="58">
        <f>IF(Input!$K$13=3,J5337*Input!$J$13,0)+IF(Input!$K$14=3,K5337*Input!$J$14,0)+IF(Input!$K$15=3,L5337*Input!$J$15,0)+IF(Input!$K$16=3,M5337*Input!$J$16,0)</f>
        <v>0</v>
      </c>
      <c r="Q5337" s="71">
        <f>IF(Input!$K$13=4,J5337*Input!$J$13,0)+IF(Input!$K$14=4,K5337*Input!$J$14,0)+IF(Input!$K$15=4,L5337*Input!$J$15,0)+IF(Input!$K$16=4,M5337*Input!$J$16,0)</f>
        <v>0</v>
      </c>
    </row>
    <row r="5338" spans="8:17" x14ac:dyDescent="0.25">
      <c r="H5338" s="43">
        <v>5331</v>
      </c>
      <c r="I5338" s="55">
        <f>Bühler!I5364</f>
        <v>0.15898858841818814</v>
      </c>
      <c r="J5338" s="58">
        <f>Bühler!J5364</f>
        <v>6.5518589002065735</v>
      </c>
      <c r="K5338" s="58">
        <f>Bühler!K5364</f>
        <v>0.53296527960180007</v>
      </c>
      <c r="L5338" s="58">
        <f>Bühler!L5364</f>
        <v>0.26648263980090003</v>
      </c>
      <c r="M5338" s="57">
        <f>Bühler!M5364</f>
        <v>0</v>
      </c>
      <c r="N5338" s="55">
        <f>IF(Input!$K$13=1,J5338*Input!$J$13,0)+IF(Input!$K$14=1,K5338*Input!$J$14,0)+IF(Input!$K$15=1,L5338*Input!$J$15,0)+IF(Input!$K$16=1,M5338*Input!$J$16,0)</f>
        <v>0.78622306802478881</v>
      </c>
      <c r="O5338" s="58">
        <f>IF(Input!$K$13=2,J5338*Input!$J$13,0)+IF(Input!$K$14=2,K5338*Input!$J$14,0)+IF(Input!$K$15=2,L5338*Input!$J$15,0)+IF(Input!$K$16=2,M5338*Input!$J$16,0)</f>
        <v>7.1950312746243E-2</v>
      </c>
      <c r="P5338" s="58">
        <f>IF(Input!$K$13=3,J5338*Input!$J$13,0)+IF(Input!$K$14=3,K5338*Input!$J$14,0)+IF(Input!$K$15=3,L5338*Input!$J$15,0)+IF(Input!$K$16=3,M5338*Input!$J$16,0)</f>
        <v>0</v>
      </c>
      <c r="Q5338" s="71">
        <f>IF(Input!$K$13=4,J5338*Input!$J$13,0)+IF(Input!$K$14=4,K5338*Input!$J$14,0)+IF(Input!$K$15=4,L5338*Input!$J$15,0)+IF(Input!$K$16=4,M5338*Input!$J$16,0)</f>
        <v>0</v>
      </c>
    </row>
    <row r="5339" spans="8:17" x14ac:dyDescent="0.25">
      <c r="H5339" s="43">
        <v>5332</v>
      </c>
      <c r="I5339" s="55">
        <f>Bühler!I5365</f>
        <v>0.15898858841818814</v>
      </c>
      <c r="J5339" s="58">
        <f>Bühler!J5365</f>
        <v>6.5518589002065735</v>
      </c>
      <c r="K5339" s="58">
        <f>Bühler!K5365</f>
        <v>0.53296527960180007</v>
      </c>
      <c r="L5339" s="58">
        <f>Bühler!L5365</f>
        <v>0.26648263980090003</v>
      </c>
      <c r="M5339" s="57">
        <f>Bühler!M5365</f>
        <v>0</v>
      </c>
      <c r="N5339" s="55">
        <f>IF(Input!$K$13=1,J5339*Input!$J$13,0)+IF(Input!$K$14=1,K5339*Input!$J$14,0)+IF(Input!$K$15=1,L5339*Input!$J$15,0)+IF(Input!$K$16=1,M5339*Input!$J$16,0)</f>
        <v>0.78622306802478881</v>
      </c>
      <c r="O5339" s="58">
        <f>IF(Input!$K$13=2,J5339*Input!$J$13,0)+IF(Input!$K$14=2,K5339*Input!$J$14,0)+IF(Input!$K$15=2,L5339*Input!$J$15,0)+IF(Input!$K$16=2,M5339*Input!$J$16,0)</f>
        <v>7.1950312746243E-2</v>
      </c>
      <c r="P5339" s="58">
        <f>IF(Input!$K$13=3,J5339*Input!$J$13,0)+IF(Input!$K$14=3,K5339*Input!$J$14,0)+IF(Input!$K$15=3,L5339*Input!$J$15,0)+IF(Input!$K$16=3,M5339*Input!$J$16,0)</f>
        <v>0</v>
      </c>
      <c r="Q5339" s="71">
        <f>IF(Input!$K$13=4,J5339*Input!$J$13,0)+IF(Input!$K$14=4,K5339*Input!$J$14,0)+IF(Input!$K$15=4,L5339*Input!$J$15,0)+IF(Input!$K$16=4,M5339*Input!$J$16,0)</f>
        <v>0</v>
      </c>
    </row>
    <row r="5340" spans="8:17" x14ac:dyDescent="0.25">
      <c r="H5340" s="43">
        <v>5333</v>
      </c>
      <c r="I5340" s="55">
        <f>Bühler!I5366</f>
        <v>0.15898858841818814</v>
      </c>
      <c r="J5340" s="58">
        <f>Bühler!J5366</f>
        <v>6.5518589002065735</v>
      </c>
      <c r="K5340" s="58">
        <f>Bühler!K5366</f>
        <v>0.53296527960180007</v>
      </c>
      <c r="L5340" s="58">
        <f>Bühler!L5366</f>
        <v>0.26648263980090003</v>
      </c>
      <c r="M5340" s="57">
        <f>Bühler!M5366</f>
        <v>0</v>
      </c>
      <c r="N5340" s="55">
        <f>IF(Input!$K$13=1,J5340*Input!$J$13,0)+IF(Input!$K$14=1,K5340*Input!$J$14,0)+IF(Input!$K$15=1,L5340*Input!$J$15,0)+IF(Input!$K$16=1,M5340*Input!$J$16,0)</f>
        <v>0.78622306802478881</v>
      </c>
      <c r="O5340" s="58">
        <f>IF(Input!$K$13=2,J5340*Input!$J$13,0)+IF(Input!$K$14=2,K5340*Input!$J$14,0)+IF(Input!$K$15=2,L5340*Input!$J$15,0)+IF(Input!$K$16=2,M5340*Input!$J$16,0)</f>
        <v>7.1950312746243E-2</v>
      </c>
      <c r="P5340" s="58">
        <f>IF(Input!$K$13=3,J5340*Input!$J$13,0)+IF(Input!$K$14=3,K5340*Input!$J$14,0)+IF(Input!$K$15=3,L5340*Input!$J$15,0)+IF(Input!$K$16=3,M5340*Input!$J$16,0)</f>
        <v>0</v>
      </c>
      <c r="Q5340" s="71">
        <f>IF(Input!$K$13=4,J5340*Input!$J$13,0)+IF(Input!$K$14=4,K5340*Input!$J$14,0)+IF(Input!$K$15=4,L5340*Input!$J$15,0)+IF(Input!$K$16=4,M5340*Input!$J$16,0)</f>
        <v>0</v>
      </c>
    </row>
    <row r="5341" spans="8:17" x14ac:dyDescent="0.25">
      <c r="H5341" s="43">
        <v>5334</v>
      </c>
      <c r="I5341" s="55">
        <f>Bühler!I5367</f>
        <v>0.15898858841818814</v>
      </c>
      <c r="J5341" s="58">
        <f>Bühler!J5367</f>
        <v>6.5518589002065735</v>
      </c>
      <c r="K5341" s="58">
        <f>Bühler!K5367</f>
        <v>0.53296527960180007</v>
      </c>
      <c r="L5341" s="58">
        <f>Bühler!L5367</f>
        <v>0.26648263980090003</v>
      </c>
      <c r="M5341" s="57">
        <f>Bühler!M5367</f>
        <v>0</v>
      </c>
      <c r="N5341" s="55">
        <f>IF(Input!$K$13=1,J5341*Input!$J$13,0)+IF(Input!$K$14=1,K5341*Input!$J$14,0)+IF(Input!$K$15=1,L5341*Input!$J$15,0)+IF(Input!$K$16=1,M5341*Input!$J$16,0)</f>
        <v>0.78622306802478881</v>
      </c>
      <c r="O5341" s="58">
        <f>IF(Input!$K$13=2,J5341*Input!$J$13,0)+IF(Input!$K$14=2,K5341*Input!$J$14,0)+IF(Input!$K$15=2,L5341*Input!$J$15,0)+IF(Input!$K$16=2,M5341*Input!$J$16,0)</f>
        <v>7.1950312746243E-2</v>
      </c>
      <c r="P5341" s="58">
        <f>IF(Input!$K$13=3,J5341*Input!$J$13,0)+IF(Input!$K$14=3,K5341*Input!$J$14,0)+IF(Input!$K$15=3,L5341*Input!$J$15,0)+IF(Input!$K$16=3,M5341*Input!$J$16,0)</f>
        <v>0</v>
      </c>
      <c r="Q5341" s="71">
        <f>IF(Input!$K$13=4,J5341*Input!$J$13,0)+IF(Input!$K$14=4,K5341*Input!$J$14,0)+IF(Input!$K$15=4,L5341*Input!$J$15,0)+IF(Input!$K$16=4,M5341*Input!$J$16,0)</f>
        <v>0</v>
      </c>
    </row>
    <row r="5342" spans="8:17" x14ac:dyDescent="0.25">
      <c r="H5342" s="43">
        <v>5335</v>
      </c>
      <c r="I5342" s="55">
        <f>Bühler!I5368</f>
        <v>0.15898858841818814</v>
      </c>
      <c r="J5342" s="58">
        <f>Bühler!J5368</f>
        <v>6.5518589002065735</v>
      </c>
      <c r="K5342" s="58">
        <f>Bühler!K5368</f>
        <v>0.53296527960180007</v>
      </c>
      <c r="L5342" s="58">
        <f>Bühler!L5368</f>
        <v>0.26648263980090003</v>
      </c>
      <c r="M5342" s="57">
        <f>Bühler!M5368</f>
        <v>0</v>
      </c>
      <c r="N5342" s="55">
        <f>IF(Input!$K$13=1,J5342*Input!$J$13,0)+IF(Input!$K$14=1,K5342*Input!$J$14,0)+IF(Input!$K$15=1,L5342*Input!$J$15,0)+IF(Input!$K$16=1,M5342*Input!$J$16,0)</f>
        <v>0.78622306802478881</v>
      </c>
      <c r="O5342" s="58">
        <f>IF(Input!$K$13=2,J5342*Input!$J$13,0)+IF(Input!$K$14=2,K5342*Input!$J$14,0)+IF(Input!$K$15=2,L5342*Input!$J$15,0)+IF(Input!$K$16=2,M5342*Input!$J$16,0)</f>
        <v>7.1950312746243E-2</v>
      </c>
      <c r="P5342" s="58">
        <f>IF(Input!$K$13=3,J5342*Input!$J$13,0)+IF(Input!$K$14=3,K5342*Input!$J$14,0)+IF(Input!$K$15=3,L5342*Input!$J$15,0)+IF(Input!$K$16=3,M5342*Input!$J$16,0)</f>
        <v>0</v>
      </c>
      <c r="Q5342" s="71">
        <f>IF(Input!$K$13=4,J5342*Input!$J$13,0)+IF(Input!$K$14=4,K5342*Input!$J$14,0)+IF(Input!$K$15=4,L5342*Input!$J$15,0)+IF(Input!$K$16=4,M5342*Input!$J$16,0)</f>
        <v>0</v>
      </c>
    </row>
    <row r="5343" spans="8:17" x14ac:dyDescent="0.25">
      <c r="H5343" s="43">
        <v>5336</v>
      </c>
      <c r="I5343" s="55">
        <f>Bühler!I5369</f>
        <v>0.43080778797186464</v>
      </c>
      <c r="J5343" s="58">
        <f>Bühler!J5369</f>
        <v>27.643895016299584</v>
      </c>
      <c r="K5343" s="58">
        <f>Bühler!K5369</f>
        <v>2.2704320911036682</v>
      </c>
      <c r="L5343" s="58">
        <f>Bühler!L5369</f>
        <v>1.1352160455518341</v>
      </c>
      <c r="M5343" s="57">
        <f>Bühler!M5369</f>
        <v>0</v>
      </c>
      <c r="N5343" s="55">
        <f>IF(Input!$K$13=1,J5343*Input!$J$13,0)+IF(Input!$K$14=1,K5343*Input!$J$14,0)+IF(Input!$K$15=1,L5343*Input!$J$15,0)+IF(Input!$K$16=1,M5343*Input!$J$16,0)</f>
        <v>3.31726740195595</v>
      </c>
      <c r="O5343" s="58">
        <f>IF(Input!$K$13=2,J5343*Input!$J$13,0)+IF(Input!$K$14=2,K5343*Input!$J$14,0)+IF(Input!$K$15=2,L5343*Input!$J$15,0)+IF(Input!$K$16=2,M5343*Input!$J$16,0)</f>
        <v>0.30650833229899521</v>
      </c>
      <c r="P5343" s="58">
        <f>IF(Input!$K$13=3,J5343*Input!$J$13,0)+IF(Input!$K$14=3,K5343*Input!$J$14,0)+IF(Input!$K$15=3,L5343*Input!$J$15,0)+IF(Input!$K$16=3,M5343*Input!$J$16,0)</f>
        <v>0</v>
      </c>
      <c r="Q5343" s="71">
        <f>IF(Input!$K$13=4,J5343*Input!$J$13,0)+IF(Input!$K$14=4,K5343*Input!$J$14,0)+IF(Input!$K$15=4,L5343*Input!$J$15,0)+IF(Input!$K$16=4,M5343*Input!$J$16,0)</f>
        <v>0</v>
      </c>
    </row>
    <row r="5344" spans="8:17" x14ac:dyDescent="0.25">
      <c r="H5344" s="43">
        <v>5337</v>
      </c>
      <c r="I5344" s="55">
        <f>Bühler!I5370</f>
        <v>0.53850973496483079</v>
      </c>
      <c r="J5344" s="58">
        <f>Bühler!J5370</f>
        <v>34.554868770374483</v>
      </c>
      <c r="K5344" s="58">
        <f>Bühler!K5370</f>
        <v>2.8380401138795852</v>
      </c>
      <c r="L5344" s="58">
        <f>Bühler!L5370</f>
        <v>1.4190200569397926</v>
      </c>
      <c r="M5344" s="57">
        <f>Bühler!M5370</f>
        <v>0</v>
      </c>
      <c r="N5344" s="55">
        <f>IF(Input!$K$13=1,J5344*Input!$J$13,0)+IF(Input!$K$14=1,K5344*Input!$J$14,0)+IF(Input!$K$15=1,L5344*Input!$J$15,0)+IF(Input!$K$16=1,M5344*Input!$J$16,0)</f>
        <v>4.1465842524449377</v>
      </c>
      <c r="O5344" s="58">
        <f>IF(Input!$K$13=2,J5344*Input!$J$13,0)+IF(Input!$K$14=2,K5344*Input!$J$14,0)+IF(Input!$K$15=2,L5344*Input!$J$15,0)+IF(Input!$K$16=2,M5344*Input!$J$16,0)</f>
        <v>0.38313541537374396</v>
      </c>
      <c r="P5344" s="58">
        <f>IF(Input!$K$13=3,J5344*Input!$J$13,0)+IF(Input!$K$14=3,K5344*Input!$J$14,0)+IF(Input!$K$15=3,L5344*Input!$J$15,0)+IF(Input!$K$16=3,M5344*Input!$J$16,0)</f>
        <v>0</v>
      </c>
      <c r="Q5344" s="71">
        <f>IF(Input!$K$13=4,J5344*Input!$J$13,0)+IF(Input!$K$14=4,K5344*Input!$J$14,0)+IF(Input!$K$15=4,L5344*Input!$J$15,0)+IF(Input!$K$16=4,M5344*Input!$J$16,0)</f>
        <v>0</v>
      </c>
    </row>
    <row r="5345" spans="8:17" x14ac:dyDescent="0.25">
      <c r="H5345" s="43">
        <v>5338</v>
      </c>
      <c r="I5345" s="55">
        <f>Bühler!I5371</f>
        <v>0.59236070846131395</v>
      </c>
      <c r="J5345" s="58">
        <f>Bühler!J5371</f>
        <v>38.010355647411934</v>
      </c>
      <c r="K5345" s="58">
        <f>Bühler!K5371</f>
        <v>3.1218441252675446</v>
      </c>
      <c r="L5345" s="58">
        <f>Bühler!L5371</f>
        <v>1.5609220626337723</v>
      </c>
      <c r="M5345" s="57">
        <f>Bühler!M5371</f>
        <v>0</v>
      </c>
      <c r="N5345" s="55">
        <f>IF(Input!$K$13=1,J5345*Input!$J$13,0)+IF(Input!$K$14=1,K5345*Input!$J$14,0)+IF(Input!$K$15=1,L5345*Input!$J$15,0)+IF(Input!$K$16=1,M5345*Input!$J$16,0)</f>
        <v>4.5612426776894317</v>
      </c>
      <c r="O5345" s="58">
        <f>IF(Input!$K$13=2,J5345*Input!$J$13,0)+IF(Input!$K$14=2,K5345*Input!$J$14,0)+IF(Input!$K$15=2,L5345*Input!$J$15,0)+IF(Input!$K$16=2,M5345*Input!$J$16,0)</f>
        <v>0.4214489569111185</v>
      </c>
      <c r="P5345" s="58">
        <f>IF(Input!$K$13=3,J5345*Input!$J$13,0)+IF(Input!$K$14=3,K5345*Input!$J$14,0)+IF(Input!$K$15=3,L5345*Input!$J$15,0)+IF(Input!$K$16=3,M5345*Input!$J$16,0)</f>
        <v>0</v>
      </c>
      <c r="Q5345" s="71">
        <f>IF(Input!$K$13=4,J5345*Input!$J$13,0)+IF(Input!$K$14=4,K5345*Input!$J$14,0)+IF(Input!$K$15=4,L5345*Input!$J$15,0)+IF(Input!$K$16=4,M5345*Input!$J$16,0)</f>
        <v>0</v>
      </c>
    </row>
    <row r="5346" spans="8:17" x14ac:dyDescent="0.25">
      <c r="H5346" s="43">
        <v>5339</v>
      </c>
      <c r="I5346" s="55">
        <f>Bühler!I5372</f>
        <v>0.59236070846131395</v>
      </c>
      <c r="J5346" s="58">
        <f>Bühler!J5372</f>
        <v>38.010355647411934</v>
      </c>
      <c r="K5346" s="58">
        <f>Bühler!K5372</f>
        <v>3.1218441252675446</v>
      </c>
      <c r="L5346" s="58">
        <f>Bühler!L5372</f>
        <v>1.5609220626337723</v>
      </c>
      <c r="M5346" s="57">
        <f>Bühler!M5372</f>
        <v>0</v>
      </c>
      <c r="N5346" s="55">
        <f>IF(Input!$K$13=1,J5346*Input!$J$13,0)+IF(Input!$K$14=1,K5346*Input!$J$14,0)+IF(Input!$K$15=1,L5346*Input!$J$15,0)+IF(Input!$K$16=1,M5346*Input!$J$16,0)</f>
        <v>4.5612426776894317</v>
      </c>
      <c r="O5346" s="58">
        <f>IF(Input!$K$13=2,J5346*Input!$J$13,0)+IF(Input!$K$14=2,K5346*Input!$J$14,0)+IF(Input!$K$15=2,L5346*Input!$J$15,0)+IF(Input!$K$16=2,M5346*Input!$J$16,0)</f>
        <v>0.4214489569111185</v>
      </c>
      <c r="P5346" s="58">
        <f>IF(Input!$K$13=3,J5346*Input!$J$13,0)+IF(Input!$K$14=3,K5346*Input!$J$14,0)+IF(Input!$K$15=3,L5346*Input!$J$15,0)+IF(Input!$K$16=3,M5346*Input!$J$16,0)</f>
        <v>0</v>
      </c>
      <c r="Q5346" s="71">
        <f>IF(Input!$K$13=4,J5346*Input!$J$13,0)+IF(Input!$K$14=4,K5346*Input!$J$14,0)+IF(Input!$K$15=4,L5346*Input!$J$15,0)+IF(Input!$K$16=4,M5346*Input!$J$16,0)</f>
        <v>0</v>
      </c>
    </row>
    <row r="5347" spans="8:17" x14ac:dyDescent="0.25">
      <c r="H5347" s="43">
        <v>5340</v>
      </c>
      <c r="I5347" s="55">
        <f>Bühler!I5373</f>
        <v>0.70006265545428004</v>
      </c>
      <c r="J5347" s="58">
        <f>Bühler!J5373</f>
        <v>44.921329401486837</v>
      </c>
      <c r="K5347" s="58">
        <f>Bühler!K5373</f>
        <v>3.6894521480434617</v>
      </c>
      <c r="L5347" s="58">
        <f>Bühler!L5373</f>
        <v>1.8447260740217308</v>
      </c>
      <c r="M5347" s="57">
        <f>Bühler!M5373</f>
        <v>0</v>
      </c>
      <c r="N5347" s="55">
        <f>IF(Input!$K$13=1,J5347*Input!$J$13,0)+IF(Input!$K$14=1,K5347*Input!$J$14,0)+IF(Input!$K$15=1,L5347*Input!$J$15,0)+IF(Input!$K$16=1,M5347*Input!$J$16,0)</f>
        <v>5.3905595281784198</v>
      </c>
      <c r="O5347" s="58">
        <f>IF(Input!$K$13=2,J5347*Input!$J$13,0)+IF(Input!$K$14=2,K5347*Input!$J$14,0)+IF(Input!$K$15=2,L5347*Input!$J$15,0)+IF(Input!$K$16=2,M5347*Input!$J$16,0)</f>
        <v>0.49807603998586736</v>
      </c>
      <c r="P5347" s="58">
        <f>IF(Input!$K$13=3,J5347*Input!$J$13,0)+IF(Input!$K$14=3,K5347*Input!$J$14,0)+IF(Input!$K$15=3,L5347*Input!$J$15,0)+IF(Input!$K$16=3,M5347*Input!$J$16,0)</f>
        <v>0</v>
      </c>
      <c r="Q5347" s="71">
        <f>IF(Input!$K$13=4,J5347*Input!$J$13,0)+IF(Input!$K$14=4,K5347*Input!$J$14,0)+IF(Input!$K$15=4,L5347*Input!$J$15,0)+IF(Input!$K$16=4,M5347*Input!$J$16,0)</f>
        <v>0</v>
      </c>
    </row>
    <row r="5348" spans="8:17" x14ac:dyDescent="0.25">
      <c r="H5348" s="43">
        <v>5341</v>
      </c>
      <c r="I5348" s="55">
        <f>Bühler!I5374</f>
        <v>0.70006265545428004</v>
      </c>
      <c r="J5348" s="58">
        <f>Bühler!J5374</f>
        <v>44.921329401486837</v>
      </c>
      <c r="K5348" s="58">
        <f>Bühler!K5374</f>
        <v>3.6894521480434617</v>
      </c>
      <c r="L5348" s="58">
        <f>Bühler!L5374</f>
        <v>1.8447260740217308</v>
      </c>
      <c r="M5348" s="57">
        <f>Bühler!M5374</f>
        <v>0</v>
      </c>
      <c r="N5348" s="55">
        <f>IF(Input!$K$13=1,J5348*Input!$J$13,0)+IF(Input!$K$14=1,K5348*Input!$J$14,0)+IF(Input!$K$15=1,L5348*Input!$J$15,0)+IF(Input!$K$16=1,M5348*Input!$J$16,0)</f>
        <v>5.3905595281784198</v>
      </c>
      <c r="O5348" s="58">
        <f>IF(Input!$K$13=2,J5348*Input!$J$13,0)+IF(Input!$K$14=2,K5348*Input!$J$14,0)+IF(Input!$K$15=2,L5348*Input!$J$15,0)+IF(Input!$K$16=2,M5348*Input!$J$16,0)</f>
        <v>0.49807603998586736</v>
      </c>
      <c r="P5348" s="58">
        <f>IF(Input!$K$13=3,J5348*Input!$J$13,0)+IF(Input!$K$14=3,K5348*Input!$J$14,0)+IF(Input!$K$15=3,L5348*Input!$J$15,0)+IF(Input!$K$16=3,M5348*Input!$J$16,0)</f>
        <v>0</v>
      </c>
      <c r="Q5348" s="71">
        <f>IF(Input!$K$13=4,J5348*Input!$J$13,0)+IF(Input!$K$14=4,K5348*Input!$J$14,0)+IF(Input!$K$15=4,L5348*Input!$J$15,0)+IF(Input!$K$16=4,M5348*Input!$J$16,0)</f>
        <v>0</v>
      </c>
    </row>
    <row r="5349" spans="8:17" x14ac:dyDescent="0.25">
      <c r="H5349" s="43">
        <v>5342</v>
      </c>
      <c r="I5349" s="55">
        <f>Bühler!I5375</f>
        <v>0.48465876146834774</v>
      </c>
      <c r="J5349" s="58">
        <f>Bühler!J5375</f>
        <v>31.099381893337036</v>
      </c>
      <c r="K5349" s="58">
        <f>Bühler!K5375</f>
        <v>2.5542361024916271</v>
      </c>
      <c r="L5349" s="58">
        <f>Bühler!L5375</f>
        <v>1.2771180512458136</v>
      </c>
      <c r="M5349" s="57">
        <f>Bühler!M5375</f>
        <v>0</v>
      </c>
      <c r="N5349" s="55">
        <f>IF(Input!$K$13=1,J5349*Input!$J$13,0)+IF(Input!$K$14=1,K5349*Input!$J$14,0)+IF(Input!$K$15=1,L5349*Input!$J$15,0)+IF(Input!$K$16=1,M5349*Input!$J$16,0)</f>
        <v>3.7319258272004441</v>
      </c>
      <c r="O5349" s="58">
        <f>IF(Input!$K$13=2,J5349*Input!$J$13,0)+IF(Input!$K$14=2,K5349*Input!$J$14,0)+IF(Input!$K$15=2,L5349*Input!$J$15,0)+IF(Input!$K$16=2,M5349*Input!$J$16,0)</f>
        <v>0.34482187383636964</v>
      </c>
      <c r="P5349" s="58">
        <f>IF(Input!$K$13=3,J5349*Input!$J$13,0)+IF(Input!$K$14=3,K5349*Input!$J$14,0)+IF(Input!$K$15=3,L5349*Input!$J$15,0)+IF(Input!$K$16=3,M5349*Input!$J$16,0)</f>
        <v>0</v>
      </c>
      <c r="Q5349" s="71">
        <f>IF(Input!$K$13=4,J5349*Input!$J$13,0)+IF(Input!$K$14=4,K5349*Input!$J$14,0)+IF(Input!$K$15=4,L5349*Input!$J$15,0)+IF(Input!$K$16=4,M5349*Input!$J$16,0)</f>
        <v>0</v>
      </c>
    </row>
    <row r="5350" spans="8:17" x14ac:dyDescent="0.25">
      <c r="H5350" s="43">
        <v>5343</v>
      </c>
      <c r="I5350" s="55">
        <f>Bühler!I5376</f>
        <v>0.70006265545428004</v>
      </c>
      <c r="J5350" s="58">
        <f>Bühler!J5376</f>
        <v>44.921329401486837</v>
      </c>
      <c r="K5350" s="58">
        <f>Bühler!K5376</f>
        <v>3.6894521480434617</v>
      </c>
      <c r="L5350" s="58">
        <f>Bühler!L5376</f>
        <v>1.8447260740217308</v>
      </c>
      <c r="M5350" s="57">
        <f>Bühler!M5376</f>
        <v>0</v>
      </c>
      <c r="N5350" s="55">
        <f>IF(Input!$K$13=1,J5350*Input!$J$13,0)+IF(Input!$K$14=1,K5350*Input!$J$14,0)+IF(Input!$K$15=1,L5350*Input!$J$15,0)+IF(Input!$K$16=1,M5350*Input!$J$16,0)</f>
        <v>5.3905595281784198</v>
      </c>
      <c r="O5350" s="58">
        <f>IF(Input!$K$13=2,J5350*Input!$J$13,0)+IF(Input!$K$14=2,K5350*Input!$J$14,0)+IF(Input!$K$15=2,L5350*Input!$J$15,0)+IF(Input!$K$16=2,M5350*Input!$J$16,0)</f>
        <v>0.49807603998586736</v>
      </c>
      <c r="P5350" s="58">
        <f>IF(Input!$K$13=3,J5350*Input!$J$13,0)+IF(Input!$K$14=3,K5350*Input!$J$14,0)+IF(Input!$K$15=3,L5350*Input!$J$15,0)+IF(Input!$K$16=3,M5350*Input!$J$16,0)</f>
        <v>0</v>
      </c>
      <c r="Q5350" s="71">
        <f>IF(Input!$K$13=4,J5350*Input!$J$13,0)+IF(Input!$K$14=4,K5350*Input!$J$14,0)+IF(Input!$K$15=4,L5350*Input!$J$15,0)+IF(Input!$K$16=4,M5350*Input!$J$16,0)</f>
        <v>0</v>
      </c>
    </row>
    <row r="5351" spans="8:17" x14ac:dyDescent="0.25">
      <c r="H5351" s="43">
        <v>5344</v>
      </c>
      <c r="I5351" s="55">
        <f>Bühler!I5377</f>
        <v>0.59236070846131395</v>
      </c>
      <c r="J5351" s="58">
        <f>Bühler!J5377</f>
        <v>34.61320732499567</v>
      </c>
      <c r="K5351" s="58">
        <f>Bühler!K5377</f>
        <v>2.8380401138795852</v>
      </c>
      <c r="L5351" s="58">
        <f>Bühler!L5377</f>
        <v>1.4190200569397926</v>
      </c>
      <c r="M5351" s="57">
        <f>Bühler!M5377</f>
        <v>0</v>
      </c>
      <c r="N5351" s="55">
        <f>IF(Input!$K$13=1,J5351*Input!$J$13,0)+IF(Input!$K$14=1,K5351*Input!$J$14,0)+IF(Input!$K$15=1,L5351*Input!$J$15,0)+IF(Input!$K$16=1,M5351*Input!$J$16,0)</f>
        <v>4.1535848789994807</v>
      </c>
      <c r="O5351" s="58">
        <f>IF(Input!$K$13=2,J5351*Input!$J$13,0)+IF(Input!$K$14=2,K5351*Input!$J$14,0)+IF(Input!$K$15=2,L5351*Input!$J$15,0)+IF(Input!$K$16=2,M5351*Input!$J$16,0)</f>
        <v>0.38313541537374396</v>
      </c>
      <c r="P5351" s="58">
        <f>IF(Input!$K$13=3,J5351*Input!$J$13,0)+IF(Input!$K$14=3,K5351*Input!$J$14,0)+IF(Input!$K$15=3,L5351*Input!$J$15,0)+IF(Input!$K$16=3,M5351*Input!$J$16,0)</f>
        <v>0</v>
      </c>
      <c r="Q5351" s="71">
        <f>IF(Input!$K$13=4,J5351*Input!$J$13,0)+IF(Input!$K$14=4,K5351*Input!$J$14,0)+IF(Input!$K$15=4,L5351*Input!$J$15,0)+IF(Input!$K$16=4,M5351*Input!$J$16,0)</f>
        <v>0</v>
      </c>
    </row>
    <row r="5352" spans="8:17" x14ac:dyDescent="0.25">
      <c r="H5352" s="43">
        <v>5345</v>
      </c>
      <c r="I5352" s="55">
        <f>Bühler!I5378</f>
        <v>0.5128664142522199</v>
      </c>
      <c r="J5352" s="58">
        <f>Bühler!J5378</f>
        <v>16.504658438990418</v>
      </c>
      <c r="K5352" s="58">
        <f>Bühler!K5378</f>
        <v>1.3324131990045005</v>
      </c>
      <c r="L5352" s="58">
        <f>Bühler!L5378</f>
        <v>0.66620659950225025</v>
      </c>
      <c r="M5352" s="57">
        <f>Bühler!M5378</f>
        <v>0</v>
      </c>
      <c r="N5352" s="55">
        <f>IF(Input!$K$13=1,J5352*Input!$J$13,0)+IF(Input!$K$14=1,K5352*Input!$J$14,0)+IF(Input!$K$15=1,L5352*Input!$J$15,0)+IF(Input!$K$16=1,M5352*Input!$J$16,0)</f>
        <v>1.9805590126788502</v>
      </c>
      <c r="O5352" s="58">
        <f>IF(Input!$K$13=2,J5352*Input!$J$13,0)+IF(Input!$K$14=2,K5352*Input!$J$14,0)+IF(Input!$K$15=2,L5352*Input!$J$15,0)+IF(Input!$K$16=2,M5352*Input!$J$16,0)</f>
        <v>0.17987578186560757</v>
      </c>
      <c r="P5352" s="58">
        <f>IF(Input!$K$13=3,J5352*Input!$J$13,0)+IF(Input!$K$14=3,K5352*Input!$J$14,0)+IF(Input!$K$15=3,L5352*Input!$J$15,0)+IF(Input!$K$16=3,M5352*Input!$J$16,0)</f>
        <v>0</v>
      </c>
      <c r="Q5352" s="71">
        <f>IF(Input!$K$13=4,J5352*Input!$J$13,0)+IF(Input!$K$14=4,K5352*Input!$J$14,0)+IF(Input!$K$15=4,L5352*Input!$J$15,0)+IF(Input!$K$16=4,M5352*Input!$J$16,0)</f>
        <v>0</v>
      </c>
    </row>
    <row r="5353" spans="8:17" x14ac:dyDescent="0.25">
      <c r="H5353" s="43">
        <v>5346</v>
      </c>
      <c r="I5353" s="55">
        <f>Bühler!I5379</f>
        <v>0.43080778797186464</v>
      </c>
      <c r="J5353" s="58">
        <f>Bühler!J5379</f>
        <v>10.993083520512856</v>
      </c>
      <c r="K5353" s="58">
        <f>Bühler!K5379</f>
        <v>0.87939271134297015</v>
      </c>
      <c r="L5353" s="58">
        <f>Bühler!L5379</f>
        <v>0.43969635567148507</v>
      </c>
      <c r="M5353" s="57">
        <f>Bühler!M5379</f>
        <v>0</v>
      </c>
      <c r="N5353" s="55">
        <f>IF(Input!$K$13=1,J5353*Input!$J$13,0)+IF(Input!$K$14=1,K5353*Input!$J$14,0)+IF(Input!$K$15=1,L5353*Input!$J$15,0)+IF(Input!$K$16=1,M5353*Input!$J$16,0)</f>
        <v>1.3191700224615428</v>
      </c>
      <c r="O5353" s="58">
        <f>IF(Input!$K$13=2,J5353*Input!$J$13,0)+IF(Input!$K$14=2,K5353*Input!$J$14,0)+IF(Input!$K$15=2,L5353*Input!$J$15,0)+IF(Input!$K$16=2,M5353*Input!$J$16,0)</f>
        <v>0.11871801603130096</v>
      </c>
      <c r="P5353" s="58">
        <f>IF(Input!$K$13=3,J5353*Input!$J$13,0)+IF(Input!$K$14=3,K5353*Input!$J$14,0)+IF(Input!$K$15=3,L5353*Input!$J$15,0)+IF(Input!$K$16=3,M5353*Input!$J$16,0)</f>
        <v>0</v>
      </c>
      <c r="Q5353" s="71">
        <f>IF(Input!$K$13=4,J5353*Input!$J$13,0)+IF(Input!$K$14=4,K5353*Input!$J$14,0)+IF(Input!$K$15=4,L5353*Input!$J$15,0)+IF(Input!$K$16=4,M5353*Input!$J$16,0)</f>
        <v>0</v>
      </c>
    </row>
    <row r="5354" spans="8:17" x14ac:dyDescent="0.25">
      <c r="H5354" s="43">
        <v>5347</v>
      </c>
      <c r="I5354" s="55">
        <f>Bühler!I5380</f>
        <v>0.15898858841818814</v>
      </c>
      <c r="J5354" s="58">
        <f>Bühler!J5380</f>
        <v>6.8708399633442507</v>
      </c>
      <c r="K5354" s="58">
        <f>Bühler!K5380</f>
        <v>0.55961354358189008</v>
      </c>
      <c r="L5354" s="58">
        <f>Bühler!L5380</f>
        <v>0.27980677179094504</v>
      </c>
      <c r="M5354" s="57">
        <f>Bühler!M5380</f>
        <v>0</v>
      </c>
      <c r="N5354" s="55">
        <f>IF(Input!$K$13=1,J5354*Input!$J$13,0)+IF(Input!$K$14=1,K5354*Input!$J$14,0)+IF(Input!$K$15=1,L5354*Input!$J$15,0)+IF(Input!$K$16=1,M5354*Input!$J$16,0)</f>
        <v>0.82450079560131007</v>
      </c>
      <c r="O5354" s="58">
        <f>IF(Input!$K$13=2,J5354*Input!$J$13,0)+IF(Input!$K$14=2,K5354*Input!$J$14,0)+IF(Input!$K$15=2,L5354*Input!$J$15,0)+IF(Input!$K$16=2,M5354*Input!$J$16,0)</f>
        <v>7.5547828383555157E-2</v>
      </c>
      <c r="P5354" s="58">
        <f>IF(Input!$K$13=3,J5354*Input!$J$13,0)+IF(Input!$K$14=3,K5354*Input!$J$14,0)+IF(Input!$K$15=3,L5354*Input!$J$15,0)+IF(Input!$K$16=3,M5354*Input!$J$16,0)</f>
        <v>0</v>
      </c>
      <c r="Q5354" s="71">
        <f>IF(Input!$K$13=4,J5354*Input!$J$13,0)+IF(Input!$K$14=4,K5354*Input!$J$14,0)+IF(Input!$K$15=4,L5354*Input!$J$15,0)+IF(Input!$K$16=4,M5354*Input!$J$16,0)</f>
        <v>0</v>
      </c>
    </row>
    <row r="5355" spans="8:17" x14ac:dyDescent="0.25">
      <c r="H5355" s="43">
        <v>5348</v>
      </c>
      <c r="I5355" s="55">
        <f>Bühler!I5381</f>
        <v>0.15898858841818814</v>
      </c>
      <c r="J5355" s="58">
        <f>Bühler!J5381</f>
        <v>6.5518589002065735</v>
      </c>
      <c r="K5355" s="58">
        <f>Bühler!K5381</f>
        <v>0.53296527960180007</v>
      </c>
      <c r="L5355" s="58">
        <f>Bühler!L5381</f>
        <v>0.26648263980090003</v>
      </c>
      <c r="M5355" s="57">
        <f>Bühler!M5381</f>
        <v>0</v>
      </c>
      <c r="N5355" s="55">
        <f>IF(Input!$K$13=1,J5355*Input!$J$13,0)+IF(Input!$K$14=1,K5355*Input!$J$14,0)+IF(Input!$K$15=1,L5355*Input!$J$15,0)+IF(Input!$K$16=1,M5355*Input!$J$16,0)</f>
        <v>0.78622306802478881</v>
      </c>
      <c r="O5355" s="58">
        <f>IF(Input!$K$13=2,J5355*Input!$J$13,0)+IF(Input!$K$14=2,K5355*Input!$J$14,0)+IF(Input!$K$15=2,L5355*Input!$J$15,0)+IF(Input!$K$16=2,M5355*Input!$J$16,0)</f>
        <v>7.1950312746243E-2</v>
      </c>
      <c r="P5355" s="58">
        <f>IF(Input!$K$13=3,J5355*Input!$J$13,0)+IF(Input!$K$14=3,K5355*Input!$J$14,0)+IF(Input!$K$15=3,L5355*Input!$J$15,0)+IF(Input!$K$16=3,M5355*Input!$J$16,0)</f>
        <v>0</v>
      </c>
      <c r="Q5355" s="71">
        <f>IF(Input!$K$13=4,J5355*Input!$J$13,0)+IF(Input!$K$14=4,K5355*Input!$J$14,0)+IF(Input!$K$15=4,L5355*Input!$J$15,0)+IF(Input!$K$16=4,M5355*Input!$J$16,0)</f>
        <v>0</v>
      </c>
    </row>
    <row r="5356" spans="8:17" x14ac:dyDescent="0.25">
      <c r="H5356" s="43">
        <v>5349</v>
      </c>
      <c r="I5356" s="55">
        <f>Bühler!I5382</f>
        <v>0.15898858841818814</v>
      </c>
      <c r="J5356" s="58">
        <f>Bühler!J5382</f>
        <v>6.5518589002065735</v>
      </c>
      <c r="K5356" s="58">
        <f>Bühler!K5382</f>
        <v>0.53296527960180007</v>
      </c>
      <c r="L5356" s="58">
        <f>Bühler!L5382</f>
        <v>0.26648263980090003</v>
      </c>
      <c r="M5356" s="57">
        <f>Bühler!M5382</f>
        <v>0</v>
      </c>
      <c r="N5356" s="55">
        <f>IF(Input!$K$13=1,J5356*Input!$J$13,0)+IF(Input!$K$14=1,K5356*Input!$J$14,0)+IF(Input!$K$15=1,L5356*Input!$J$15,0)+IF(Input!$K$16=1,M5356*Input!$J$16,0)</f>
        <v>0.78622306802478881</v>
      </c>
      <c r="O5356" s="58">
        <f>IF(Input!$K$13=2,J5356*Input!$J$13,0)+IF(Input!$K$14=2,K5356*Input!$J$14,0)+IF(Input!$K$15=2,L5356*Input!$J$15,0)+IF(Input!$K$16=2,M5356*Input!$J$16,0)</f>
        <v>7.1950312746243E-2</v>
      </c>
      <c r="P5356" s="58">
        <f>IF(Input!$K$13=3,J5356*Input!$J$13,0)+IF(Input!$K$14=3,K5356*Input!$J$14,0)+IF(Input!$K$15=3,L5356*Input!$J$15,0)+IF(Input!$K$16=3,M5356*Input!$J$16,0)</f>
        <v>0</v>
      </c>
      <c r="Q5356" s="71">
        <f>IF(Input!$K$13=4,J5356*Input!$J$13,0)+IF(Input!$K$14=4,K5356*Input!$J$14,0)+IF(Input!$K$15=4,L5356*Input!$J$15,0)+IF(Input!$K$16=4,M5356*Input!$J$16,0)</f>
        <v>0</v>
      </c>
    </row>
    <row r="5357" spans="8:17" x14ac:dyDescent="0.25">
      <c r="H5357" s="43">
        <v>5350</v>
      </c>
      <c r="I5357" s="55">
        <f>Bühler!I5383</f>
        <v>0.15898858841818814</v>
      </c>
      <c r="J5357" s="58">
        <f>Bühler!J5383</f>
        <v>6.5518589002065735</v>
      </c>
      <c r="K5357" s="58">
        <f>Bühler!K5383</f>
        <v>0.53296527960180007</v>
      </c>
      <c r="L5357" s="58">
        <f>Bühler!L5383</f>
        <v>0.26648263980090003</v>
      </c>
      <c r="M5357" s="57">
        <f>Bühler!M5383</f>
        <v>0</v>
      </c>
      <c r="N5357" s="55">
        <f>IF(Input!$K$13=1,J5357*Input!$J$13,0)+IF(Input!$K$14=1,K5357*Input!$J$14,0)+IF(Input!$K$15=1,L5357*Input!$J$15,0)+IF(Input!$K$16=1,M5357*Input!$J$16,0)</f>
        <v>0.78622306802478881</v>
      </c>
      <c r="O5357" s="58">
        <f>IF(Input!$K$13=2,J5357*Input!$J$13,0)+IF(Input!$K$14=2,K5357*Input!$J$14,0)+IF(Input!$K$15=2,L5357*Input!$J$15,0)+IF(Input!$K$16=2,M5357*Input!$J$16,0)</f>
        <v>7.1950312746243E-2</v>
      </c>
      <c r="P5357" s="58">
        <f>IF(Input!$K$13=3,J5357*Input!$J$13,0)+IF(Input!$K$14=3,K5357*Input!$J$14,0)+IF(Input!$K$15=3,L5357*Input!$J$15,0)+IF(Input!$K$16=3,M5357*Input!$J$16,0)</f>
        <v>0</v>
      </c>
      <c r="Q5357" s="71">
        <f>IF(Input!$K$13=4,J5357*Input!$J$13,0)+IF(Input!$K$14=4,K5357*Input!$J$14,0)+IF(Input!$K$15=4,L5357*Input!$J$15,0)+IF(Input!$K$16=4,M5357*Input!$J$16,0)</f>
        <v>0</v>
      </c>
    </row>
    <row r="5358" spans="8:17" x14ac:dyDescent="0.25">
      <c r="H5358" s="43">
        <v>5351</v>
      </c>
      <c r="I5358" s="55">
        <f>Bühler!I5384</f>
        <v>0.15898858841818814</v>
      </c>
      <c r="J5358" s="58">
        <f>Bühler!J5384</f>
        <v>6.5518589002065735</v>
      </c>
      <c r="K5358" s="58">
        <f>Bühler!K5384</f>
        <v>0.53296527960180007</v>
      </c>
      <c r="L5358" s="58">
        <f>Bühler!L5384</f>
        <v>0.26648263980090003</v>
      </c>
      <c r="M5358" s="57">
        <f>Bühler!M5384</f>
        <v>0</v>
      </c>
      <c r="N5358" s="55">
        <f>IF(Input!$K$13=1,J5358*Input!$J$13,0)+IF(Input!$K$14=1,K5358*Input!$J$14,0)+IF(Input!$K$15=1,L5358*Input!$J$15,0)+IF(Input!$K$16=1,M5358*Input!$J$16,0)</f>
        <v>0.78622306802478881</v>
      </c>
      <c r="O5358" s="58">
        <f>IF(Input!$K$13=2,J5358*Input!$J$13,0)+IF(Input!$K$14=2,K5358*Input!$J$14,0)+IF(Input!$K$15=2,L5358*Input!$J$15,0)+IF(Input!$K$16=2,M5358*Input!$J$16,0)</f>
        <v>7.1950312746243E-2</v>
      </c>
      <c r="P5358" s="58">
        <f>IF(Input!$K$13=3,J5358*Input!$J$13,0)+IF(Input!$K$14=3,K5358*Input!$J$14,0)+IF(Input!$K$15=3,L5358*Input!$J$15,0)+IF(Input!$K$16=3,M5358*Input!$J$16,0)</f>
        <v>0</v>
      </c>
      <c r="Q5358" s="71">
        <f>IF(Input!$K$13=4,J5358*Input!$J$13,0)+IF(Input!$K$14=4,K5358*Input!$J$14,0)+IF(Input!$K$15=4,L5358*Input!$J$15,0)+IF(Input!$K$16=4,M5358*Input!$J$16,0)</f>
        <v>0</v>
      </c>
    </row>
    <row r="5359" spans="8:17" x14ac:dyDescent="0.25">
      <c r="H5359" s="43">
        <v>5352</v>
      </c>
      <c r="I5359" s="55">
        <f>Bühler!I5385</f>
        <v>0.15898858841818814</v>
      </c>
      <c r="J5359" s="58">
        <f>Bühler!J5385</f>
        <v>6.5518589002065735</v>
      </c>
      <c r="K5359" s="58">
        <f>Bühler!K5385</f>
        <v>0.53296527960180007</v>
      </c>
      <c r="L5359" s="58">
        <f>Bühler!L5385</f>
        <v>0.26648263980090003</v>
      </c>
      <c r="M5359" s="57">
        <f>Bühler!M5385</f>
        <v>0</v>
      </c>
      <c r="N5359" s="55">
        <f>IF(Input!$K$13=1,J5359*Input!$J$13,0)+IF(Input!$K$14=1,K5359*Input!$J$14,0)+IF(Input!$K$15=1,L5359*Input!$J$15,0)+IF(Input!$K$16=1,M5359*Input!$J$16,0)</f>
        <v>0.78622306802478881</v>
      </c>
      <c r="O5359" s="58">
        <f>IF(Input!$K$13=2,J5359*Input!$J$13,0)+IF(Input!$K$14=2,K5359*Input!$J$14,0)+IF(Input!$K$15=2,L5359*Input!$J$15,0)+IF(Input!$K$16=2,M5359*Input!$J$16,0)</f>
        <v>7.1950312746243E-2</v>
      </c>
      <c r="P5359" s="58">
        <f>IF(Input!$K$13=3,J5359*Input!$J$13,0)+IF(Input!$K$14=3,K5359*Input!$J$14,0)+IF(Input!$K$15=3,L5359*Input!$J$15,0)+IF(Input!$K$16=3,M5359*Input!$J$16,0)</f>
        <v>0</v>
      </c>
      <c r="Q5359" s="71">
        <f>IF(Input!$K$13=4,J5359*Input!$J$13,0)+IF(Input!$K$14=4,K5359*Input!$J$14,0)+IF(Input!$K$15=4,L5359*Input!$J$15,0)+IF(Input!$K$16=4,M5359*Input!$J$16,0)</f>
        <v>0</v>
      </c>
    </row>
    <row r="5360" spans="8:17" x14ac:dyDescent="0.25">
      <c r="H5360" s="43">
        <v>5353</v>
      </c>
      <c r="I5360" s="55">
        <f>Bühler!I5386</f>
        <v>5.040795724262092E-2</v>
      </c>
      <c r="J5360" s="58">
        <f>Bühler!J5386</f>
        <v>4.2849121837360258</v>
      </c>
      <c r="K5360" s="58">
        <f>Bühler!K5386</f>
        <v>0.2398157191537019</v>
      </c>
      <c r="L5360" s="58">
        <f>Bühler!L5386</f>
        <v>0.11990785957685095</v>
      </c>
      <c r="M5360" s="57">
        <f>Bühler!M5386</f>
        <v>0</v>
      </c>
      <c r="N5360" s="55">
        <f>IF(Input!$K$13=1,J5360*Input!$J$13,0)+IF(Input!$K$14=1,K5360*Input!$J$14,0)+IF(Input!$K$15=1,L5360*Input!$J$15,0)+IF(Input!$K$16=1,M5360*Input!$J$16,0)</f>
        <v>0.51418946204832305</v>
      </c>
      <c r="O5360" s="58">
        <f>IF(Input!$K$13=2,J5360*Input!$J$13,0)+IF(Input!$K$14=2,K5360*Input!$J$14,0)+IF(Input!$K$15=2,L5360*Input!$J$15,0)+IF(Input!$K$16=2,M5360*Input!$J$16,0)</f>
        <v>3.2375122085749754E-2</v>
      </c>
      <c r="P5360" s="58">
        <f>IF(Input!$K$13=3,J5360*Input!$J$13,0)+IF(Input!$K$14=3,K5360*Input!$J$14,0)+IF(Input!$K$15=3,L5360*Input!$J$15,0)+IF(Input!$K$16=3,M5360*Input!$J$16,0)</f>
        <v>0</v>
      </c>
      <c r="Q5360" s="71">
        <f>IF(Input!$K$13=4,J5360*Input!$J$13,0)+IF(Input!$K$14=4,K5360*Input!$J$14,0)+IF(Input!$K$15=4,L5360*Input!$J$15,0)+IF(Input!$K$16=4,M5360*Input!$J$16,0)</f>
        <v>0</v>
      </c>
    </row>
    <row r="5361" spans="8:17" x14ac:dyDescent="0.25">
      <c r="H5361" s="43">
        <v>5354</v>
      </c>
      <c r="I5361" s="55">
        <f>Bühler!I5387</f>
        <v>9.8415535568926585E-2</v>
      </c>
      <c r="J5361" s="58">
        <f>Bühler!J5387</f>
        <v>3.9085161240305482</v>
      </c>
      <c r="K5361" s="58">
        <f>Bühler!K5387</f>
        <v>0.21583414723833169</v>
      </c>
      <c r="L5361" s="58">
        <f>Bühler!L5387</f>
        <v>0.10791707361916585</v>
      </c>
      <c r="M5361" s="57">
        <f>Bühler!M5387</f>
        <v>0</v>
      </c>
      <c r="N5361" s="55">
        <f>IF(Input!$K$13=1,J5361*Input!$J$13,0)+IF(Input!$K$14=1,K5361*Input!$J$14,0)+IF(Input!$K$15=1,L5361*Input!$J$15,0)+IF(Input!$K$16=1,M5361*Input!$J$16,0)</f>
        <v>0.46902193488366578</v>
      </c>
      <c r="O5361" s="58">
        <f>IF(Input!$K$13=2,J5361*Input!$J$13,0)+IF(Input!$K$14=2,K5361*Input!$J$14,0)+IF(Input!$K$15=2,L5361*Input!$J$15,0)+IF(Input!$K$16=2,M5361*Input!$J$16,0)</f>
        <v>2.9137609877174779E-2</v>
      </c>
      <c r="P5361" s="58">
        <f>IF(Input!$K$13=3,J5361*Input!$J$13,0)+IF(Input!$K$14=3,K5361*Input!$J$14,0)+IF(Input!$K$15=3,L5361*Input!$J$15,0)+IF(Input!$K$16=3,M5361*Input!$J$16,0)</f>
        <v>0</v>
      </c>
      <c r="Q5361" s="71">
        <f>IF(Input!$K$13=4,J5361*Input!$J$13,0)+IF(Input!$K$14=4,K5361*Input!$J$14,0)+IF(Input!$K$15=4,L5361*Input!$J$15,0)+IF(Input!$K$16=4,M5361*Input!$J$16,0)</f>
        <v>0</v>
      </c>
    </row>
    <row r="5362" spans="8:17" x14ac:dyDescent="0.25">
      <c r="H5362" s="43">
        <v>5355</v>
      </c>
      <c r="I5362" s="55">
        <f>Bühler!I5388</f>
        <v>9.8415535568926585E-2</v>
      </c>
      <c r="J5362" s="58">
        <f>Bühler!J5388</f>
        <v>3.9085161240305482</v>
      </c>
      <c r="K5362" s="58">
        <f>Bühler!K5388</f>
        <v>0.21583414723833169</v>
      </c>
      <c r="L5362" s="58">
        <f>Bühler!L5388</f>
        <v>0.10791707361916585</v>
      </c>
      <c r="M5362" s="57">
        <f>Bühler!M5388</f>
        <v>0</v>
      </c>
      <c r="N5362" s="55">
        <f>IF(Input!$K$13=1,J5362*Input!$J$13,0)+IF(Input!$K$14=1,K5362*Input!$J$14,0)+IF(Input!$K$15=1,L5362*Input!$J$15,0)+IF(Input!$K$16=1,M5362*Input!$J$16,0)</f>
        <v>0.46902193488366578</v>
      </c>
      <c r="O5362" s="58">
        <f>IF(Input!$K$13=2,J5362*Input!$J$13,0)+IF(Input!$K$14=2,K5362*Input!$J$14,0)+IF(Input!$K$15=2,L5362*Input!$J$15,0)+IF(Input!$K$16=2,M5362*Input!$J$16,0)</f>
        <v>2.9137609877174779E-2</v>
      </c>
      <c r="P5362" s="58">
        <f>IF(Input!$K$13=3,J5362*Input!$J$13,0)+IF(Input!$K$14=3,K5362*Input!$J$14,0)+IF(Input!$K$15=3,L5362*Input!$J$15,0)+IF(Input!$K$16=3,M5362*Input!$J$16,0)</f>
        <v>0</v>
      </c>
      <c r="Q5362" s="71">
        <f>IF(Input!$K$13=4,J5362*Input!$J$13,0)+IF(Input!$K$14=4,K5362*Input!$J$14,0)+IF(Input!$K$15=4,L5362*Input!$J$15,0)+IF(Input!$K$16=4,M5362*Input!$J$16,0)</f>
        <v>0</v>
      </c>
    </row>
    <row r="5363" spans="8:17" x14ac:dyDescent="0.25">
      <c r="H5363" s="43">
        <v>5356</v>
      </c>
      <c r="I5363" s="55">
        <f>Bühler!I5389</f>
        <v>9.8415535568926585E-2</v>
      </c>
      <c r="J5363" s="58">
        <f>Bühler!J5389</f>
        <v>3.9085161240305482</v>
      </c>
      <c r="K5363" s="58">
        <f>Bühler!K5389</f>
        <v>0.21583414723833169</v>
      </c>
      <c r="L5363" s="58">
        <f>Bühler!L5389</f>
        <v>0.10791707361916585</v>
      </c>
      <c r="M5363" s="57">
        <f>Bühler!M5389</f>
        <v>0</v>
      </c>
      <c r="N5363" s="55">
        <f>IF(Input!$K$13=1,J5363*Input!$J$13,0)+IF(Input!$K$14=1,K5363*Input!$J$14,0)+IF(Input!$K$15=1,L5363*Input!$J$15,0)+IF(Input!$K$16=1,M5363*Input!$J$16,0)</f>
        <v>0.46902193488366578</v>
      </c>
      <c r="O5363" s="58">
        <f>IF(Input!$K$13=2,J5363*Input!$J$13,0)+IF(Input!$K$14=2,K5363*Input!$J$14,0)+IF(Input!$K$15=2,L5363*Input!$J$15,0)+IF(Input!$K$16=2,M5363*Input!$J$16,0)</f>
        <v>2.9137609877174779E-2</v>
      </c>
      <c r="P5363" s="58">
        <f>IF(Input!$K$13=3,J5363*Input!$J$13,0)+IF(Input!$K$14=3,K5363*Input!$J$14,0)+IF(Input!$K$15=3,L5363*Input!$J$15,0)+IF(Input!$K$16=3,M5363*Input!$J$16,0)</f>
        <v>0</v>
      </c>
      <c r="Q5363" s="71">
        <f>IF(Input!$K$13=4,J5363*Input!$J$13,0)+IF(Input!$K$14=4,K5363*Input!$J$14,0)+IF(Input!$K$15=4,L5363*Input!$J$15,0)+IF(Input!$K$16=4,M5363*Input!$J$16,0)</f>
        <v>0</v>
      </c>
    </row>
    <row r="5364" spans="8:17" x14ac:dyDescent="0.25">
      <c r="H5364" s="43">
        <v>5357</v>
      </c>
      <c r="I5364" s="55">
        <f>Bühler!I5390</f>
        <v>9.8415535568926585E-2</v>
      </c>
      <c r="J5364" s="58">
        <f>Bühler!J5390</f>
        <v>3.9085161240305482</v>
      </c>
      <c r="K5364" s="58">
        <f>Bühler!K5390</f>
        <v>0.21583414723833169</v>
      </c>
      <c r="L5364" s="58">
        <f>Bühler!L5390</f>
        <v>0.10791707361916585</v>
      </c>
      <c r="M5364" s="57">
        <f>Bühler!M5390</f>
        <v>0</v>
      </c>
      <c r="N5364" s="55">
        <f>IF(Input!$K$13=1,J5364*Input!$J$13,0)+IF(Input!$K$14=1,K5364*Input!$J$14,0)+IF(Input!$K$15=1,L5364*Input!$J$15,0)+IF(Input!$K$16=1,M5364*Input!$J$16,0)</f>
        <v>0.46902193488366578</v>
      </c>
      <c r="O5364" s="58">
        <f>IF(Input!$K$13=2,J5364*Input!$J$13,0)+IF(Input!$K$14=2,K5364*Input!$J$14,0)+IF(Input!$K$15=2,L5364*Input!$J$15,0)+IF(Input!$K$16=2,M5364*Input!$J$16,0)</f>
        <v>2.9137609877174779E-2</v>
      </c>
      <c r="P5364" s="58">
        <f>IF(Input!$K$13=3,J5364*Input!$J$13,0)+IF(Input!$K$14=3,K5364*Input!$J$14,0)+IF(Input!$K$15=3,L5364*Input!$J$15,0)+IF(Input!$K$16=3,M5364*Input!$J$16,0)</f>
        <v>0</v>
      </c>
      <c r="Q5364" s="71">
        <f>IF(Input!$K$13=4,J5364*Input!$J$13,0)+IF(Input!$K$14=4,K5364*Input!$J$14,0)+IF(Input!$K$15=4,L5364*Input!$J$15,0)+IF(Input!$K$16=4,M5364*Input!$J$16,0)</f>
        <v>0</v>
      </c>
    </row>
    <row r="5365" spans="8:17" x14ac:dyDescent="0.25">
      <c r="H5365" s="43">
        <v>5358</v>
      </c>
      <c r="I5365" s="55">
        <f>Bühler!I5391</f>
        <v>0.12241932473207939</v>
      </c>
      <c r="J5365" s="58">
        <f>Bühler!J5391</f>
        <v>3.9095162819123463</v>
      </c>
      <c r="K5365" s="58">
        <f>Bühler!K5391</f>
        <v>0.21583414723833169</v>
      </c>
      <c r="L5365" s="58">
        <f>Bühler!L5391</f>
        <v>0.10791707361916585</v>
      </c>
      <c r="M5365" s="57">
        <f>Bühler!M5391</f>
        <v>0</v>
      </c>
      <c r="N5365" s="55">
        <f>IF(Input!$K$13=1,J5365*Input!$J$13,0)+IF(Input!$K$14=1,K5365*Input!$J$14,0)+IF(Input!$K$15=1,L5365*Input!$J$15,0)+IF(Input!$K$16=1,M5365*Input!$J$16,0)</f>
        <v>0.46914195382948154</v>
      </c>
      <c r="O5365" s="58">
        <f>IF(Input!$K$13=2,J5365*Input!$J$13,0)+IF(Input!$K$14=2,K5365*Input!$J$14,0)+IF(Input!$K$15=2,L5365*Input!$J$15,0)+IF(Input!$K$16=2,M5365*Input!$J$16,0)</f>
        <v>2.9137609877174779E-2</v>
      </c>
      <c r="P5365" s="58">
        <f>IF(Input!$K$13=3,J5365*Input!$J$13,0)+IF(Input!$K$14=3,K5365*Input!$J$14,0)+IF(Input!$K$15=3,L5365*Input!$J$15,0)+IF(Input!$K$16=3,M5365*Input!$J$16,0)</f>
        <v>0</v>
      </c>
      <c r="Q5365" s="71">
        <f>IF(Input!$K$13=4,J5365*Input!$J$13,0)+IF(Input!$K$14=4,K5365*Input!$J$14,0)+IF(Input!$K$15=4,L5365*Input!$J$15,0)+IF(Input!$K$16=4,M5365*Input!$J$16,0)</f>
        <v>0</v>
      </c>
    </row>
    <row r="5366" spans="8:17" x14ac:dyDescent="0.25">
      <c r="H5366" s="43">
        <v>5359</v>
      </c>
      <c r="I5366" s="55">
        <f>Bühler!I5392</f>
        <v>0.15362425064417806</v>
      </c>
      <c r="J5366" s="58">
        <f>Bühler!J5392</f>
        <v>3.9108164871586837</v>
      </c>
      <c r="K5366" s="58">
        <f>Bühler!K5392</f>
        <v>0.21583414723833169</v>
      </c>
      <c r="L5366" s="58">
        <f>Bühler!L5392</f>
        <v>0.10791707361916585</v>
      </c>
      <c r="M5366" s="57">
        <f>Bühler!M5392</f>
        <v>0</v>
      </c>
      <c r="N5366" s="55">
        <f>IF(Input!$K$13=1,J5366*Input!$J$13,0)+IF(Input!$K$14=1,K5366*Input!$J$14,0)+IF(Input!$K$15=1,L5366*Input!$J$15,0)+IF(Input!$K$16=1,M5366*Input!$J$16,0)</f>
        <v>0.46929797845904203</v>
      </c>
      <c r="O5366" s="58">
        <f>IF(Input!$K$13=2,J5366*Input!$J$13,0)+IF(Input!$K$14=2,K5366*Input!$J$14,0)+IF(Input!$K$15=2,L5366*Input!$J$15,0)+IF(Input!$K$16=2,M5366*Input!$J$16,0)</f>
        <v>2.9137609877174779E-2</v>
      </c>
      <c r="P5366" s="58">
        <f>IF(Input!$K$13=3,J5366*Input!$J$13,0)+IF(Input!$K$14=3,K5366*Input!$J$14,0)+IF(Input!$K$15=3,L5366*Input!$J$15,0)+IF(Input!$K$16=3,M5366*Input!$J$16,0)</f>
        <v>0</v>
      </c>
      <c r="Q5366" s="71">
        <f>IF(Input!$K$13=4,J5366*Input!$J$13,0)+IF(Input!$K$14=4,K5366*Input!$J$14,0)+IF(Input!$K$15=4,L5366*Input!$J$15,0)+IF(Input!$K$16=4,M5366*Input!$J$16,0)</f>
        <v>0</v>
      </c>
    </row>
    <row r="5367" spans="8:17" x14ac:dyDescent="0.25">
      <c r="H5367" s="43">
        <v>5360</v>
      </c>
      <c r="I5367" s="55">
        <f>Bühler!I5393</f>
        <v>0.1752276608910156</v>
      </c>
      <c r="J5367" s="58">
        <f>Bühler!J5393</f>
        <v>3.911716629252302</v>
      </c>
      <c r="K5367" s="58">
        <f>Bühler!K5393</f>
        <v>0.21583414723833169</v>
      </c>
      <c r="L5367" s="58">
        <f>Bühler!L5393</f>
        <v>0.10791707361916585</v>
      </c>
      <c r="M5367" s="57">
        <f>Bühler!M5393</f>
        <v>0</v>
      </c>
      <c r="N5367" s="55">
        <f>IF(Input!$K$13=1,J5367*Input!$J$13,0)+IF(Input!$K$14=1,K5367*Input!$J$14,0)+IF(Input!$K$15=1,L5367*Input!$J$15,0)+IF(Input!$K$16=1,M5367*Input!$J$16,0)</f>
        <v>0.46940599551027623</v>
      </c>
      <c r="O5367" s="58">
        <f>IF(Input!$K$13=2,J5367*Input!$J$13,0)+IF(Input!$K$14=2,K5367*Input!$J$14,0)+IF(Input!$K$15=2,L5367*Input!$J$15,0)+IF(Input!$K$16=2,M5367*Input!$J$16,0)</f>
        <v>2.9137609877174779E-2</v>
      </c>
      <c r="P5367" s="58">
        <f>IF(Input!$K$13=3,J5367*Input!$J$13,0)+IF(Input!$K$14=3,K5367*Input!$J$14,0)+IF(Input!$K$15=3,L5367*Input!$J$15,0)+IF(Input!$K$16=3,M5367*Input!$J$16,0)</f>
        <v>0</v>
      </c>
      <c r="Q5367" s="71">
        <f>IF(Input!$K$13=4,J5367*Input!$J$13,0)+IF(Input!$K$14=4,K5367*Input!$J$14,0)+IF(Input!$K$15=4,L5367*Input!$J$15,0)+IF(Input!$K$16=4,M5367*Input!$J$16,0)</f>
        <v>0</v>
      </c>
    </row>
    <row r="5368" spans="8:17" x14ac:dyDescent="0.25">
      <c r="H5368" s="43">
        <v>5361</v>
      </c>
      <c r="I5368" s="55">
        <f>Bühler!I5394</f>
        <v>0.1752276608910156</v>
      </c>
      <c r="J5368" s="58">
        <f>Bühler!J5394</f>
        <v>3.911716629252302</v>
      </c>
      <c r="K5368" s="58">
        <f>Bühler!K5394</f>
        <v>0.21583414723833169</v>
      </c>
      <c r="L5368" s="58">
        <f>Bühler!L5394</f>
        <v>0.10791707361916585</v>
      </c>
      <c r="M5368" s="57">
        <f>Bühler!M5394</f>
        <v>0</v>
      </c>
      <c r="N5368" s="55">
        <f>IF(Input!$K$13=1,J5368*Input!$J$13,0)+IF(Input!$K$14=1,K5368*Input!$J$14,0)+IF(Input!$K$15=1,L5368*Input!$J$15,0)+IF(Input!$K$16=1,M5368*Input!$J$16,0)</f>
        <v>0.46940599551027623</v>
      </c>
      <c r="O5368" s="58">
        <f>IF(Input!$K$13=2,J5368*Input!$J$13,0)+IF(Input!$K$14=2,K5368*Input!$J$14,0)+IF(Input!$K$15=2,L5368*Input!$J$15,0)+IF(Input!$K$16=2,M5368*Input!$J$16,0)</f>
        <v>2.9137609877174779E-2</v>
      </c>
      <c r="P5368" s="58">
        <f>IF(Input!$K$13=3,J5368*Input!$J$13,0)+IF(Input!$K$14=3,K5368*Input!$J$14,0)+IF(Input!$K$15=3,L5368*Input!$J$15,0)+IF(Input!$K$16=3,M5368*Input!$J$16,0)</f>
        <v>0</v>
      </c>
      <c r="Q5368" s="71">
        <f>IF(Input!$K$13=4,J5368*Input!$J$13,0)+IF(Input!$K$14=4,K5368*Input!$J$14,0)+IF(Input!$K$15=4,L5368*Input!$J$15,0)+IF(Input!$K$16=4,M5368*Input!$J$16,0)</f>
        <v>0</v>
      </c>
    </row>
    <row r="5369" spans="8:17" x14ac:dyDescent="0.25">
      <c r="H5369" s="43">
        <v>5362</v>
      </c>
      <c r="I5369" s="55">
        <f>Bühler!I5395</f>
        <v>0.1752276608910156</v>
      </c>
      <c r="J5369" s="58">
        <f>Bühler!J5395</f>
        <v>3.911716629252302</v>
      </c>
      <c r="K5369" s="58">
        <f>Bühler!K5395</f>
        <v>0.21583414723833169</v>
      </c>
      <c r="L5369" s="58">
        <f>Bühler!L5395</f>
        <v>0.10791707361916585</v>
      </c>
      <c r="M5369" s="57">
        <f>Bühler!M5395</f>
        <v>0</v>
      </c>
      <c r="N5369" s="55">
        <f>IF(Input!$K$13=1,J5369*Input!$J$13,0)+IF(Input!$K$14=1,K5369*Input!$J$14,0)+IF(Input!$K$15=1,L5369*Input!$J$15,0)+IF(Input!$K$16=1,M5369*Input!$J$16,0)</f>
        <v>0.46940599551027623</v>
      </c>
      <c r="O5369" s="58">
        <f>IF(Input!$K$13=2,J5369*Input!$J$13,0)+IF(Input!$K$14=2,K5369*Input!$J$14,0)+IF(Input!$K$15=2,L5369*Input!$J$15,0)+IF(Input!$K$16=2,M5369*Input!$J$16,0)</f>
        <v>2.9137609877174779E-2</v>
      </c>
      <c r="P5369" s="58">
        <f>IF(Input!$K$13=3,J5369*Input!$J$13,0)+IF(Input!$K$14=3,K5369*Input!$J$14,0)+IF(Input!$K$15=3,L5369*Input!$J$15,0)+IF(Input!$K$16=3,M5369*Input!$J$16,0)</f>
        <v>0</v>
      </c>
      <c r="Q5369" s="71">
        <f>IF(Input!$K$13=4,J5369*Input!$J$13,0)+IF(Input!$K$14=4,K5369*Input!$J$14,0)+IF(Input!$K$15=4,L5369*Input!$J$15,0)+IF(Input!$K$16=4,M5369*Input!$J$16,0)</f>
        <v>0</v>
      </c>
    </row>
    <row r="5370" spans="8:17" x14ac:dyDescent="0.25">
      <c r="H5370" s="43">
        <v>5363</v>
      </c>
      <c r="I5370" s="55">
        <f>Bühler!I5396</f>
        <v>0.1752276608910156</v>
      </c>
      <c r="J5370" s="58">
        <f>Bühler!J5396</f>
        <v>3.911716629252302</v>
      </c>
      <c r="K5370" s="58">
        <f>Bühler!K5396</f>
        <v>0.21583414723833169</v>
      </c>
      <c r="L5370" s="58">
        <f>Bühler!L5396</f>
        <v>0.10791707361916585</v>
      </c>
      <c r="M5370" s="57">
        <f>Bühler!M5396</f>
        <v>0</v>
      </c>
      <c r="N5370" s="55">
        <f>IF(Input!$K$13=1,J5370*Input!$J$13,0)+IF(Input!$K$14=1,K5370*Input!$J$14,0)+IF(Input!$K$15=1,L5370*Input!$J$15,0)+IF(Input!$K$16=1,M5370*Input!$J$16,0)</f>
        <v>0.46940599551027623</v>
      </c>
      <c r="O5370" s="58">
        <f>IF(Input!$K$13=2,J5370*Input!$J$13,0)+IF(Input!$K$14=2,K5370*Input!$J$14,0)+IF(Input!$K$15=2,L5370*Input!$J$15,0)+IF(Input!$K$16=2,M5370*Input!$J$16,0)</f>
        <v>2.9137609877174779E-2</v>
      </c>
      <c r="P5370" s="58">
        <f>IF(Input!$K$13=3,J5370*Input!$J$13,0)+IF(Input!$K$14=3,K5370*Input!$J$14,0)+IF(Input!$K$15=3,L5370*Input!$J$15,0)+IF(Input!$K$16=3,M5370*Input!$J$16,0)</f>
        <v>0</v>
      </c>
      <c r="Q5370" s="71">
        <f>IF(Input!$K$13=4,J5370*Input!$J$13,0)+IF(Input!$K$14=4,K5370*Input!$J$14,0)+IF(Input!$K$15=4,L5370*Input!$J$15,0)+IF(Input!$K$16=4,M5370*Input!$J$16,0)</f>
        <v>0</v>
      </c>
    </row>
    <row r="5371" spans="8:17" x14ac:dyDescent="0.25">
      <c r="H5371" s="43">
        <v>5364</v>
      </c>
      <c r="I5371" s="55">
        <f>Bühler!I5397</f>
        <v>0.1752276608910156</v>
      </c>
      <c r="J5371" s="58">
        <f>Bühler!J5397</f>
        <v>3.911716629252302</v>
      </c>
      <c r="K5371" s="58">
        <f>Bühler!K5397</f>
        <v>0.21583414723833169</v>
      </c>
      <c r="L5371" s="58">
        <f>Bühler!L5397</f>
        <v>0.10791707361916585</v>
      </c>
      <c r="M5371" s="57">
        <f>Bühler!M5397</f>
        <v>0</v>
      </c>
      <c r="N5371" s="55">
        <f>IF(Input!$K$13=1,J5371*Input!$J$13,0)+IF(Input!$K$14=1,K5371*Input!$J$14,0)+IF(Input!$K$15=1,L5371*Input!$J$15,0)+IF(Input!$K$16=1,M5371*Input!$J$16,0)</f>
        <v>0.46940599551027623</v>
      </c>
      <c r="O5371" s="58">
        <f>IF(Input!$K$13=2,J5371*Input!$J$13,0)+IF(Input!$K$14=2,K5371*Input!$J$14,0)+IF(Input!$K$15=2,L5371*Input!$J$15,0)+IF(Input!$K$16=2,M5371*Input!$J$16,0)</f>
        <v>2.9137609877174779E-2</v>
      </c>
      <c r="P5371" s="58">
        <f>IF(Input!$K$13=3,J5371*Input!$J$13,0)+IF(Input!$K$14=3,K5371*Input!$J$14,0)+IF(Input!$K$15=3,L5371*Input!$J$15,0)+IF(Input!$K$16=3,M5371*Input!$J$16,0)</f>
        <v>0</v>
      </c>
      <c r="Q5371" s="71">
        <f>IF(Input!$K$13=4,J5371*Input!$J$13,0)+IF(Input!$K$14=4,K5371*Input!$J$14,0)+IF(Input!$K$15=4,L5371*Input!$J$15,0)+IF(Input!$K$16=4,M5371*Input!$J$16,0)</f>
        <v>0</v>
      </c>
    </row>
    <row r="5372" spans="8:17" x14ac:dyDescent="0.25">
      <c r="H5372" s="43">
        <v>5365</v>
      </c>
      <c r="I5372" s="55">
        <f>Bühler!I5398</f>
        <v>0.1752276608910156</v>
      </c>
      <c r="J5372" s="58">
        <f>Bühler!J5398</f>
        <v>3.911716629252302</v>
      </c>
      <c r="K5372" s="58">
        <f>Bühler!K5398</f>
        <v>0.21583414723833169</v>
      </c>
      <c r="L5372" s="58">
        <f>Bühler!L5398</f>
        <v>0.10791707361916585</v>
      </c>
      <c r="M5372" s="57">
        <f>Bühler!M5398</f>
        <v>0</v>
      </c>
      <c r="N5372" s="55">
        <f>IF(Input!$K$13=1,J5372*Input!$J$13,0)+IF(Input!$K$14=1,K5372*Input!$J$14,0)+IF(Input!$K$15=1,L5372*Input!$J$15,0)+IF(Input!$K$16=1,M5372*Input!$J$16,0)</f>
        <v>0.46940599551027623</v>
      </c>
      <c r="O5372" s="58">
        <f>IF(Input!$K$13=2,J5372*Input!$J$13,0)+IF(Input!$K$14=2,K5372*Input!$J$14,0)+IF(Input!$K$15=2,L5372*Input!$J$15,0)+IF(Input!$K$16=2,M5372*Input!$J$16,0)</f>
        <v>2.9137609877174779E-2</v>
      </c>
      <c r="P5372" s="58">
        <f>IF(Input!$K$13=3,J5372*Input!$J$13,0)+IF(Input!$K$14=3,K5372*Input!$J$14,0)+IF(Input!$K$15=3,L5372*Input!$J$15,0)+IF(Input!$K$16=3,M5372*Input!$J$16,0)</f>
        <v>0</v>
      </c>
      <c r="Q5372" s="71">
        <f>IF(Input!$K$13=4,J5372*Input!$J$13,0)+IF(Input!$K$14=4,K5372*Input!$J$14,0)+IF(Input!$K$15=4,L5372*Input!$J$15,0)+IF(Input!$K$16=4,M5372*Input!$J$16,0)</f>
        <v>0</v>
      </c>
    </row>
    <row r="5373" spans="8:17" x14ac:dyDescent="0.25">
      <c r="H5373" s="43">
        <v>5366</v>
      </c>
      <c r="I5373" s="55">
        <f>Bühler!I5399</f>
        <v>0.1752276608910156</v>
      </c>
      <c r="J5373" s="58">
        <f>Bühler!J5399</f>
        <v>3.911716629252302</v>
      </c>
      <c r="K5373" s="58">
        <f>Bühler!K5399</f>
        <v>0.21583414723833169</v>
      </c>
      <c r="L5373" s="58">
        <f>Bühler!L5399</f>
        <v>0.10791707361916585</v>
      </c>
      <c r="M5373" s="57">
        <f>Bühler!M5399</f>
        <v>0</v>
      </c>
      <c r="N5373" s="55">
        <f>IF(Input!$K$13=1,J5373*Input!$J$13,0)+IF(Input!$K$14=1,K5373*Input!$J$14,0)+IF(Input!$K$15=1,L5373*Input!$J$15,0)+IF(Input!$K$16=1,M5373*Input!$J$16,0)</f>
        <v>0.46940599551027623</v>
      </c>
      <c r="O5373" s="58">
        <f>IF(Input!$K$13=2,J5373*Input!$J$13,0)+IF(Input!$K$14=2,K5373*Input!$J$14,0)+IF(Input!$K$15=2,L5373*Input!$J$15,0)+IF(Input!$K$16=2,M5373*Input!$J$16,0)</f>
        <v>2.9137609877174779E-2</v>
      </c>
      <c r="P5373" s="58">
        <f>IF(Input!$K$13=3,J5373*Input!$J$13,0)+IF(Input!$K$14=3,K5373*Input!$J$14,0)+IF(Input!$K$15=3,L5373*Input!$J$15,0)+IF(Input!$K$16=3,M5373*Input!$J$16,0)</f>
        <v>0</v>
      </c>
      <c r="Q5373" s="71">
        <f>IF(Input!$K$13=4,J5373*Input!$J$13,0)+IF(Input!$K$14=4,K5373*Input!$J$14,0)+IF(Input!$K$15=4,L5373*Input!$J$15,0)+IF(Input!$K$16=4,M5373*Input!$J$16,0)</f>
        <v>0</v>
      </c>
    </row>
    <row r="5374" spans="8:17" x14ac:dyDescent="0.25">
      <c r="H5374" s="43">
        <v>5367</v>
      </c>
      <c r="I5374" s="55">
        <f>Bühler!I5400</f>
        <v>0.1752276608910156</v>
      </c>
      <c r="J5374" s="58">
        <f>Bühler!J5400</f>
        <v>3.911716629252302</v>
      </c>
      <c r="K5374" s="58">
        <f>Bühler!K5400</f>
        <v>0.21583414723833169</v>
      </c>
      <c r="L5374" s="58">
        <f>Bühler!L5400</f>
        <v>0.10791707361916585</v>
      </c>
      <c r="M5374" s="57">
        <f>Bühler!M5400</f>
        <v>0</v>
      </c>
      <c r="N5374" s="55">
        <f>IF(Input!$K$13=1,J5374*Input!$J$13,0)+IF(Input!$K$14=1,K5374*Input!$J$14,0)+IF(Input!$K$15=1,L5374*Input!$J$15,0)+IF(Input!$K$16=1,M5374*Input!$J$16,0)</f>
        <v>0.46940599551027623</v>
      </c>
      <c r="O5374" s="58">
        <f>IF(Input!$K$13=2,J5374*Input!$J$13,0)+IF(Input!$K$14=2,K5374*Input!$J$14,0)+IF(Input!$K$15=2,L5374*Input!$J$15,0)+IF(Input!$K$16=2,M5374*Input!$J$16,0)</f>
        <v>2.9137609877174779E-2</v>
      </c>
      <c r="P5374" s="58">
        <f>IF(Input!$K$13=3,J5374*Input!$J$13,0)+IF(Input!$K$14=3,K5374*Input!$J$14,0)+IF(Input!$K$15=3,L5374*Input!$J$15,0)+IF(Input!$K$16=3,M5374*Input!$J$16,0)</f>
        <v>0</v>
      </c>
      <c r="Q5374" s="71">
        <f>IF(Input!$K$13=4,J5374*Input!$J$13,0)+IF(Input!$K$14=4,K5374*Input!$J$14,0)+IF(Input!$K$15=4,L5374*Input!$J$15,0)+IF(Input!$K$16=4,M5374*Input!$J$16,0)</f>
        <v>0</v>
      </c>
    </row>
    <row r="5375" spans="8:17" x14ac:dyDescent="0.25">
      <c r="H5375" s="43">
        <v>5368</v>
      </c>
      <c r="I5375" s="55">
        <f>Bühler!I5401</f>
        <v>0.1584250084768086</v>
      </c>
      <c r="J5375" s="58">
        <f>Bühler!J5401</f>
        <v>3.9110165187350434</v>
      </c>
      <c r="K5375" s="58">
        <f>Bühler!K5401</f>
        <v>0.21583414723833169</v>
      </c>
      <c r="L5375" s="58">
        <f>Bühler!L5401</f>
        <v>0.10791707361916585</v>
      </c>
      <c r="M5375" s="57">
        <f>Bühler!M5401</f>
        <v>0</v>
      </c>
      <c r="N5375" s="55">
        <f>IF(Input!$K$13=1,J5375*Input!$J$13,0)+IF(Input!$K$14=1,K5375*Input!$J$14,0)+IF(Input!$K$15=1,L5375*Input!$J$15,0)+IF(Input!$K$16=1,M5375*Input!$J$16,0)</f>
        <v>0.46932198224820521</v>
      </c>
      <c r="O5375" s="58">
        <f>IF(Input!$K$13=2,J5375*Input!$J$13,0)+IF(Input!$K$14=2,K5375*Input!$J$14,0)+IF(Input!$K$15=2,L5375*Input!$J$15,0)+IF(Input!$K$16=2,M5375*Input!$J$16,0)</f>
        <v>2.9137609877174779E-2</v>
      </c>
      <c r="P5375" s="58">
        <f>IF(Input!$K$13=3,J5375*Input!$J$13,0)+IF(Input!$K$14=3,K5375*Input!$J$14,0)+IF(Input!$K$15=3,L5375*Input!$J$15,0)+IF(Input!$K$16=3,M5375*Input!$J$16,0)</f>
        <v>0</v>
      </c>
      <c r="Q5375" s="71">
        <f>IF(Input!$K$13=4,J5375*Input!$J$13,0)+IF(Input!$K$14=4,K5375*Input!$J$14,0)+IF(Input!$K$15=4,L5375*Input!$J$15,0)+IF(Input!$K$16=4,M5375*Input!$J$16,0)</f>
        <v>0</v>
      </c>
    </row>
    <row r="5376" spans="8:17" x14ac:dyDescent="0.25">
      <c r="H5376" s="43">
        <v>5369</v>
      </c>
      <c r="I5376" s="55">
        <f>Bühler!I5402</f>
        <v>0.14402273497891693</v>
      </c>
      <c r="J5376" s="58">
        <f>Bühler!J5402</f>
        <v>3.9104164240059647</v>
      </c>
      <c r="K5376" s="58">
        <f>Bühler!K5402</f>
        <v>0.21583414723833169</v>
      </c>
      <c r="L5376" s="58">
        <f>Bühler!L5402</f>
        <v>0.10791707361916585</v>
      </c>
      <c r="M5376" s="57">
        <f>Bühler!M5402</f>
        <v>0</v>
      </c>
      <c r="N5376" s="55">
        <f>IF(Input!$K$13=1,J5376*Input!$J$13,0)+IF(Input!$K$14=1,K5376*Input!$J$14,0)+IF(Input!$K$15=1,L5376*Input!$J$15,0)+IF(Input!$K$16=1,M5376*Input!$J$16,0)</f>
        <v>0.46924997088071574</v>
      </c>
      <c r="O5376" s="58">
        <f>IF(Input!$K$13=2,J5376*Input!$J$13,0)+IF(Input!$K$14=2,K5376*Input!$J$14,0)+IF(Input!$K$15=2,L5376*Input!$J$15,0)+IF(Input!$K$16=2,M5376*Input!$J$16,0)</f>
        <v>2.9137609877174779E-2</v>
      </c>
      <c r="P5376" s="58">
        <f>IF(Input!$K$13=3,J5376*Input!$J$13,0)+IF(Input!$K$14=3,K5376*Input!$J$14,0)+IF(Input!$K$15=3,L5376*Input!$J$15,0)+IF(Input!$K$16=3,M5376*Input!$J$16,0)</f>
        <v>0</v>
      </c>
      <c r="Q5376" s="71">
        <f>IF(Input!$K$13=4,J5376*Input!$J$13,0)+IF(Input!$K$14=4,K5376*Input!$J$14,0)+IF(Input!$K$15=4,L5376*Input!$J$15,0)+IF(Input!$K$16=4,M5376*Input!$J$16,0)</f>
        <v>0</v>
      </c>
    </row>
    <row r="5377" spans="8:17" x14ac:dyDescent="0.25">
      <c r="H5377" s="43">
        <v>5370</v>
      </c>
      <c r="I5377" s="55">
        <f>Bühler!I5403</f>
        <v>0.12962046148102524</v>
      </c>
      <c r="J5377" s="58">
        <f>Bühler!J5403</f>
        <v>3.9098163292768859</v>
      </c>
      <c r="K5377" s="58">
        <f>Bühler!K5403</f>
        <v>0.21583414723833169</v>
      </c>
      <c r="L5377" s="58">
        <f>Bühler!L5403</f>
        <v>0.10791707361916585</v>
      </c>
      <c r="M5377" s="57">
        <f>Bühler!M5403</f>
        <v>0</v>
      </c>
      <c r="N5377" s="55">
        <f>IF(Input!$K$13=1,J5377*Input!$J$13,0)+IF(Input!$K$14=1,K5377*Input!$J$14,0)+IF(Input!$K$15=1,L5377*Input!$J$15,0)+IF(Input!$K$16=1,M5377*Input!$J$16,0)</f>
        <v>0.46917795951322627</v>
      </c>
      <c r="O5377" s="58">
        <f>IF(Input!$K$13=2,J5377*Input!$J$13,0)+IF(Input!$K$14=2,K5377*Input!$J$14,0)+IF(Input!$K$15=2,L5377*Input!$J$15,0)+IF(Input!$K$16=2,M5377*Input!$J$16,0)</f>
        <v>2.9137609877174779E-2</v>
      </c>
      <c r="P5377" s="58">
        <f>IF(Input!$K$13=3,J5377*Input!$J$13,0)+IF(Input!$K$14=3,K5377*Input!$J$14,0)+IF(Input!$K$15=3,L5377*Input!$J$15,0)+IF(Input!$K$16=3,M5377*Input!$J$16,0)</f>
        <v>0</v>
      </c>
      <c r="Q5377" s="71">
        <f>IF(Input!$K$13=4,J5377*Input!$J$13,0)+IF(Input!$K$14=4,K5377*Input!$J$14,0)+IF(Input!$K$15=4,L5377*Input!$J$15,0)+IF(Input!$K$16=4,M5377*Input!$J$16,0)</f>
        <v>0</v>
      </c>
    </row>
    <row r="5378" spans="8:17" x14ac:dyDescent="0.25">
      <c r="H5378" s="43">
        <v>5371</v>
      </c>
      <c r="I5378" s="55">
        <f>Bühler!I5404</f>
        <v>0.12481970364839465</v>
      </c>
      <c r="J5378" s="58">
        <f>Bühler!J5404</f>
        <v>3.9096162977005262</v>
      </c>
      <c r="K5378" s="58">
        <f>Bühler!K5404</f>
        <v>0.21583414723833169</v>
      </c>
      <c r="L5378" s="58">
        <f>Bühler!L5404</f>
        <v>0.10791707361916585</v>
      </c>
      <c r="M5378" s="57">
        <f>Bühler!M5404</f>
        <v>0</v>
      </c>
      <c r="N5378" s="55">
        <f>IF(Input!$K$13=1,J5378*Input!$J$13,0)+IF(Input!$K$14=1,K5378*Input!$J$14,0)+IF(Input!$K$15=1,L5378*Input!$J$15,0)+IF(Input!$K$16=1,M5378*Input!$J$16,0)</f>
        <v>0.46915395572406315</v>
      </c>
      <c r="O5378" s="58">
        <f>IF(Input!$K$13=2,J5378*Input!$J$13,0)+IF(Input!$K$14=2,K5378*Input!$J$14,0)+IF(Input!$K$15=2,L5378*Input!$J$15,0)+IF(Input!$K$16=2,M5378*Input!$J$16,0)</f>
        <v>2.9137609877174779E-2</v>
      </c>
      <c r="P5378" s="58">
        <f>IF(Input!$K$13=3,J5378*Input!$J$13,0)+IF(Input!$K$14=3,K5378*Input!$J$14,0)+IF(Input!$K$15=3,L5378*Input!$J$15,0)+IF(Input!$K$16=3,M5378*Input!$J$16,0)</f>
        <v>0</v>
      </c>
      <c r="Q5378" s="71">
        <f>IF(Input!$K$13=4,J5378*Input!$J$13,0)+IF(Input!$K$14=4,K5378*Input!$J$14,0)+IF(Input!$K$15=4,L5378*Input!$J$15,0)+IF(Input!$K$16=4,M5378*Input!$J$16,0)</f>
        <v>0</v>
      </c>
    </row>
    <row r="5379" spans="8:17" x14ac:dyDescent="0.25">
      <c r="H5379" s="43">
        <v>5372</v>
      </c>
      <c r="I5379" s="55">
        <f>Bühler!I5405</f>
        <v>0.10081591448524184</v>
      </c>
      <c r="J5379" s="58">
        <f>Bühler!J5405</f>
        <v>3.908616139818728</v>
      </c>
      <c r="K5379" s="58">
        <f>Bühler!K5405</f>
        <v>0.21583414723833169</v>
      </c>
      <c r="L5379" s="58">
        <f>Bühler!L5405</f>
        <v>0.10791707361916585</v>
      </c>
      <c r="M5379" s="57">
        <f>Bühler!M5405</f>
        <v>0</v>
      </c>
      <c r="N5379" s="55">
        <f>IF(Input!$K$13=1,J5379*Input!$J$13,0)+IF(Input!$K$14=1,K5379*Input!$J$14,0)+IF(Input!$K$15=1,L5379*Input!$J$15,0)+IF(Input!$K$16=1,M5379*Input!$J$16,0)</f>
        <v>0.46903393677824734</v>
      </c>
      <c r="O5379" s="58">
        <f>IF(Input!$K$13=2,J5379*Input!$J$13,0)+IF(Input!$K$14=2,K5379*Input!$J$14,0)+IF(Input!$K$15=2,L5379*Input!$J$15,0)+IF(Input!$K$16=2,M5379*Input!$J$16,0)</f>
        <v>2.9137609877174779E-2</v>
      </c>
      <c r="P5379" s="58">
        <f>IF(Input!$K$13=3,J5379*Input!$J$13,0)+IF(Input!$K$14=3,K5379*Input!$J$14,0)+IF(Input!$K$15=3,L5379*Input!$J$15,0)+IF(Input!$K$16=3,M5379*Input!$J$16,0)</f>
        <v>0</v>
      </c>
      <c r="Q5379" s="71">
        <f>IF(Input!$K$13=4,J5379*Input!$J$13,0)+IF(Input!$K$14=4,K5379*Input!$J$14,0)+IF(Input!$K$15=4,L5379*Input!$J$15,0)+IF(Input!$K$16=4,M5379*Input!$J$16,0)</f>
        <v>0</v>
      </c>
    </row>
    <row r="5380" spans="8:17" x14ac:dyDescent="0.25">
      <c r="H5380" s="43">
        <v>5373</v>
      </c>
      <c r="I5380" s="55">
        <f>Bühler!I5406</f>
        <v>7.4411746405773735E-2</v>
      </c>
      <c r="J5380" s="58">
        <f>Bühler!J5406</f>
        <v>3.9075159661487504</v>
      </c>
      <c r="K5380" s="58">
        <f>Bühler!K5406</f>
        <v>0.21583414723833169</v>
      </c>
      <c r="L5380" s="58">
        <f>Bühler!L5406</f>
        <v>0.10791707361916585</v>
      </c>
      <c r="M5380" s="57">
        <f>Bühler!M5406</f>
        <v>0</v>
      </c>
      <c r="N5380" s="55">
        <f>IF(Input!$K$13=1,J5380*Input!$J$13,0)+IF(Input!$K$14=1,K5380*Input!$J$14,0)+IF(Input!$K$15=1,L5380*Input!$J$15,0)+IF(Input!$K$16=1,M5380*Input!$J$16,0)</f>
        <v>0.46890191593785002</v>
      </c>
      <c r="O5380" s="58">
        <f>IF(Input!$K$13=2,J5380*Input!$J$13,0)+IF(Input!$K$14=2,K5380*Input!$J$14,0)+IF(Input!$K$15=2,L5380*Input!$J$15,0)+IF(Input!$K$16=2,M5380*Input!$J$16,0)</f>
        <v>2.9137609877174779E-2</v>
      </c>
      <c r="P5380" s="58">
        <f>IF(Input!$K$13=3,J5380*Input!$J$13,0)+IF(Input!$K$14=3,K5380*Input!$J$14,0)+IF(Input!$K$15=3,L5380*Input!$J$15,0)+IF(Input!$K$16=3,M5380*Input!$J$16,0)</f>
        <v>0</v>
      </c>
      <c r="Q5380" s="71">
        <f>IF(Input!$K$13=4,J5380*Input!$J$13,0)+IF(Input!$K$14=4,K5380*Input!$J$14,0)+IF(Input!$K$15=4,L5380*Input!$J$15,0)+IF(Input!$K$16=4,M5380*Input!$J$16,0)</f>
        <v>0</v>
      </c>
    </row>
    <row r="5381" spans="8:17" x14ac:dyDescent="0.25">
      <c r="H5381" s="43">
        <v>5374</v>
      </c>
      <c r="I5381" s="55">
        <f>Bühler!I5407</f>
        <v>7.4411746405773735E-2</v>
      </c>
      <c r="J5381" s="58">
        <f>Bühler!J5407</f>
        <v>3.9075159661487504</v>
      </c>
      <c r="K5381" s="58">
        <f>Bühler!K5407</f>
        <v>0.21583414723833169</v>
      </c>
      <c r="L5381" s="58">
        <f>Bühler!L5407</f>
        <v>0.10791707361916585</v>
      </c>
      <c r="M5381" s="57">
        <f>Bühler!M5407</f>
        <v>0</v>
      </c>
      <c r="N5381" s="55">
        <f>IF(Input!$K$13=1,J5381*Input!$J$13,0)+IF(Input!$K$14=1,K5381*Input!$J$14,0)+IF(Input!$K$15=1,L5381*Input!$J$15,0)+IF(Input!$K$16=1,M5381*Input!$J$16,0)</f>
        <v>0.46890191593785002</v>
      </c>
      <c r="O5381" s="58">
        <f>IF(Input!$K$13=2,J5381*Input!$J$13,0)+IF(Input!$K$14=2,K5381*Input!$J$14,0)+IF(Input!$K$15=2,L5381*Input!$J$15,0)+IF(Input!$K$16=2,M5381*Input!$J$16,0)</f>
        <v>2.9137609877174779E-2</v>
      </c>
      <c r="P5381" s="58">
        <f>IF(Input!$K$13=3,J5381*Input!$J$13,0)+IF(Input!$K$14=3,K5381*Input!$J$14,0)+IF(Input!$K$15=3,L5381*Input!$J$15,0)+IF(Input!$K$16=3,M5381*Input!$J$16,0)</f>
        <v>0</v>
      </c>
      <c r="Q5381" s="71">
        <f>IF(Input!$K$13=4,J5381*Input!$J$13,0)+IF(Input!$K$14=4,K5381*Input!$J$14,0)+IF(Input!$K$15=4,L5381*Input!$J$15,0)+IF(Input!$K$16=4,M5381*Input!$J$16,0)</f>
        <v>0</v>
      </c>
    </row>
    <row r="5382" spans="8:17" x14ac:dyDescent="0.25">
      <c r="H5382" s="43">
        <v>5375</v>
      </c>
      <c r="I5382" s="55">
        <f>Bühler!I5408</f>
        <v>7.4411746405773735E-2</v>
      </c>
      <c r="J5382" s="58">
        <f>Bühler!J5408</f>
        <v>3.9075159661487504</v>
      </c>
      <c r="K5382" s="58">
        <f>Bühler!K5408</f>
        <v>0.21583414723833169</v>
      </c>
      <c r="L5382" s="58">
        <f>Bühler!L5408</f>
        <v>0.10791707361916585</v>
      </c>
      <c r="M5382" s="57">
        <f>Bühler!M5408</f>
        <v>0</v>
      </c>
      <c r="N5382" s="55">
        <f>IF(Input!$K$13=1,J5382*Input!$J$13,0)+IF(Input!$K$14=1,K5382*Input!$J$14,0)+IF(Input!$K$15=1,L5382*Input!$J$15,0)+IF(Input!$K$16=1,M5382*Input!$J$16,0)</f>
        <v>0.46890191593785002</v>
      </c>
      <c r="O5382" s="58">
        <f>IF(Input!$K$13=2,J5382*Input!$J$13,0)+IF(Input!$K$14=2,K5382*Input!$J$14,0)+IF(Input!$K$15=2,L5382*Input!$J$15,0)+IF(Input!$K$16=2,M5382*Input!$J$16,0)</f>
        <v>2.9137609877174779E-2</v>
      </c>
      <c r="P5382" s="58">
        <f>IF(Input!$K$13=3,J5382*Input!$J$13,0)+IF(Input!$K$14=3,K5382*Input!$J$14,0)+IF(Input!$K$15=3,L5382*Input!$J$15,0)+IF(Input!$K$16=3,M5382*Input!$J$16,0)</f>
        <v>0</v>
      </c>
      <c r="Q5382" s="71">
        <f>IF(Input!$K$13=4,J5382*Input!$J$13,0)+IF(Input!$K$14=4,K5382*Input!$J$14,0)+IF(Input!$K$15=4,L5382*Input!$J$15,0)+IF(Input!$K$16=4,M5382*Input!$J$16,0)</f>
        <v>0</v>
      </c>
    </row>
    <row r="5383" spans="8:17" x14ac:dyDescent="0.25">
      <c r="H5383" s="43">
        <v>5376</v>
      </c>
      <c r="I5383" s="55">
        <f>Bühler!I5409</f>
        <v>7.4411746405773735E-2</v>
      </c>
      <c r="J5383" s="58">
        <f>Bühler!J5409</f>
        <v>3.9075159661487504</v>
      </c>
      <c r="K5383" s="58">
        <f>Bühler!K5409</f>
        <v>0.21583414723833169</v>
      </c>
      <c r="L5383" s="58">
        <f>Bühler!L5409</f>
        <v>0.10791707361916585</v>
      </c>
      <c r="M5383" s="57">
        <f>Bühler!M5409</f>
        <v>0</v>
      </c>
      <c r="N5383" s="55">
        <f>IF(Input!$K$13=1,J5383*Input!$J$13,0)+IF(Input!$K$14=1,K5383*Input!$J$14,0)+IF(Input!$K$15=1,L5383*Input!$J$15,0)+IF(Input!$K$16=1,M5383*Input!$J$16,0)</f>
        <v>0.46890191593785002</v>
      </c>
      <c r="O5383" s="58">
        <f>IF(Input!$K$13=2,J5383*Input!$J$13,0)+IF(Input!$K$14=2,K5383*Input!$J$14,0)+IF(Input!$K$15=2,L5383*Input!$J$15,0)+IF(Input!$K$16=2,M5383*Input!$J$16,0)</f>
        <v>2.9137609877174779E-2</v>
      </c>
      <c r="P5383" s="58">
        <f>IF(Input!$K$13=3,J5383*Input!$J$13,0)+IF(Input!$K$14=3,K5383*Input!$J$14,0)+IF(Input!$K$15=3,L5383*Input!$J$15,0)+IF(Input!$K$16=3,M5383*Input!$J$16,0)</f>
        <v>0</v>
      </c>
      <c r="Q5383" s="71">
        <f>IF(Input!$K$13=4,J5383*Input!$J$13,0)+IF(Input!$K$14=4,K5383*Input!$J$14,0)+IF(Input!$K$15=4,L5383*Input!$J$15,0)+IF(Input!$K$16=4,M5383*Input!$J$16,0)</f>
        <v>0</v>
      </c>
    </row>
    <row r="5384" spans="8:17" x14ac:dyDescent="0.25">
      <c r="H5384" s="43">
        <v>5377</v>
      </c>
      <c r="I5384" s="55">
        <f>Bühler!I5410</f>
        <v>0</v>
      </c>
      <c r="J5384" s="58">
        <f>Bühler!J5410</f>
        <v>3.5537421941151845</v>
      </c>
      <c r="K5384" s="58">
        <f>Bühler!K5410</f>
        <v>0.21489887444948585</v>
      </c>
      <c r="L5384" s="58">
        <f>Bühler!L5410</f>
        <v>0.10744943722474293</v>
      </c>
      <c r="M5384" s="57">
        <f>Bühler!M5410</f>
        <v>0</v>
      </c>
      <c r="N5384" s="55">
        <f>IF(Input!$K$13=1,J5384*Input!$J$13,0)+IF(Input!$K$14=1,K5384*Input!$J$14,0)+IF(Input!$K$15=1,L5384*Input!$J$15,0)+IF(Input!$K$16=1,M5384*Input!$J$16,0)</f>
        <v>0.42644906329382215</v>
      </c>
      <c r="O5384" s="58">
        <f>IF(Input!$K$13=2,J5384*Input!$J$13,0)+IF(Input!$K$14=2,K5384*Input!$J$14,0)+IF(Input!$K$15=2,L5384*Input!$J$15,0)+IF(Input!$K$16=2,M5384*Input!$J$16,0)</f>
        <v>2.9011348050680591E-2</v>
      </c>
      <c r="P5384" s="58">
        <f>IF(Input!$K$13=3,J5384*Input!$J$13,0)+IF(Input!$K$14=3,K5384*Input!$J$14,0)+IF(Input!$K$15=3,L5384*Input!$J$15,0)+IF(Input!$K$16=3,M5384*Input!$J$16,0)</f>
        <v>0</v>
      </c>
      <c r="Q5384" s="71">
        <f>IF(Input!$K$13=4,J5384*Input!$J$13,0)+IF(Input!$K$14=4,K5384*Input!$J$14,0)+IF(Input!$K$15=4,L5384*Input!$J$15,0)+IF(Input!$K$16=4,M5384*Input!$J$16,0)</f>
        <v>0</v>
      </c>
    </row>
    <row r="5385" spans="8:17" x14ac:dyDescent="0.25">
      <c r="H5385" s="43">
        <v>5378</v>
      </c>
      <c r="I5385" s="55">
        <f>Bühler!I5411</f>
        <v>0</v>
      </c>
      <c r="J5385" s="58">
        <f>Bühler!J5411</f>
        <v>3.5537421941151845</v>
      </c>
      <c r="K5385" s="58">
        <f>Bühler!K5411</f>
        <v>0.21489887444948585</v>
      </c>
      <c r="L5385" s="58">
        <f>Bühler!L5411</f>
        <v>0.10744943722474293</v>
      </c>
      <c r="M5385" s="57">
        <f>Bühler!M5411</f>
        <v>0</v>
      </c>
      <c r="N5385" s="55">
        <f>IF(Input!$K$13=1,J5385*Input!$J$13,0)+IF(Input!$K$14=1,K5385*Input!$J$14,0)+IF(Input!$K$15=1,L5385*Input!$J$15,0)+IF(Input!$K$16=1,M5385*Input!$J$16,0)</f>
        <v>0.42644906329382215</v>
      </c>
      <c r="O5385" s="58">
        <f>IF(Input!$K$13=2,J5385*Input!$J$13,0)+IF(Input!$K$14=2,K5385*Input!$J$14,0)+IF(Input!$K$15=2,L5385*Input!$J$15,0)+IF(Input!$K$16=2,M5385*Input!$J$16,0)</f>
        <v>2.9011348050680591E-2</v>
      </c>
      <c r="P5385" s="58">
        <f>IF(Input!$K$13=3,J5385*Input!$J$13,0)+IF(Input!$K$14=3,K5385*Input!$J$14,0)+IF(Input!$K$15=3,L5385*Input!$J$15,0)+IF(Input!$K$16=3,M5385*Input!$J$16,0)</f>
        <v>0</v>
      </c>
      <c r="Q5385" s="71">
        <f>IF(Input!$K$13=4,J5385*Input!$J$13,0)+IF(Input!$K$14=4,K5385*Input!$J$14,0)+IF(Input!$K$15=4,L5385*Input!$J$15,0)+IF(Input!$K$16=4,M5385*Input!$J$16,0)</f>
        <v>0</v>
      </c>
    </row>
    <row r="5386" spans="8:17" x14ac:dyDescent="0.25">
      <c r="H5386" s="43">
        <v>5379</v>
      </c>
      <c r="I5386" s="55">
        <f>Bühler!I5412</f>
        <v>0</v>
      </c>
      <c r="J5386" s="58">
        <f>Bühler!J5412</f>
        <v>3.5537421941151845</v>
      </c>
      <c r="K5386" s="58">
        <f>Bühler!K5412</f>
        <v>0.21489887444948585</v>
      </c>
      <c r="L5386" s="58">
        <f>Bühler!L5412</f>
        <v>0.10744943722474293</v>
      </c>
      <c r="M5386" s="57">
        <f>Bühler!M5412</f>
        <v>0</v>
      </c>
      <c r="N5386" s="55">
        <f>IF(Input!$K$13=1,J5386*Input!$J$13,0)+IF(Input!$K$14=1,K5386*Input!$J$14,0)+IF(Input!$K$15=1,L5386*Input!$J$15,0)+IF(Input!$K$16=1,M5386*Input!$J$16,0)</f>
        <v>0.42644906329382215</v>
      </c>
      <c r="O5386" s="58">
        <f>IF(Input!$K$13=2,J5386*Input!$J$13,0)+IF(Input!$K$14=2,K5386*Input!$J$14,0)+IF(Input!$K$15=2,L5386*Input!$J$15,0)+IF(Input!$K$16=2,M5386*Input!$J$16,0)</f>
        <v>2.9011348050680591E-2</v>
      </c>
      <c r="P5386" s="58">
        <f>IF(Input!$K$13=3,J5386*Input!$J$13,0)+IF(Input!$K$14=3,K5386*Input!$J$14,0)+IF(Input!$K$15=3,L5386*Input!$J$15,0)+IF(Input!$K$16=3,M5386*Input!$J$16,0)</f>
        <v>0</v>
      </c>
      <c r="Q5386" s="71">
        <f>IF(Input!$K$13=4,J5386*Input!$J$13,0)+IF(Input!$K$14=4,K5386*Input!$J$14,0)+IF(Input!$K$15=4,L5386*Input!$J$15,0)+IF(Input!$K$16=4,M5386*Input!$J$16,0)</f>
        <v>0</v>
      </c>
    </row>
    <row r="5387" spans="8:17" x14ac:dyDescent="0.25">
      <c r="H5387" s="43">
        <v>5380</v>
      </c>
      <c r="I5387" s="55">
        <f>Bühler!I5413</f>
        <v>0</v>
      </c>
      <c r="J5387" s="58">
        <f>Bühler!J5413</f>
        <v>3.5537421941151845</v>
      </c>
      <c r="K5387" s="58">
        <f>Bühler!K5413</f>
        <v>0.21489887444948585</v>
      </c>
      <c r="L5387" s="58">
        <f>Bühler!L5413</f>
        <v>0.10744943722474293</v>
      </c>
      <c r="M5387" s="57">
        <f>Bühler!M5413</f>
        <v>0</v>
      </c>
      <c r="N5387" s="55">
        <f>IF(Input!$K$13=1,J5387*Input!$J$13,0)+IF(Input!$K$14=1,K5387*Input!$J$14,0)+IF(Input!$K$15=1,L5387*Input!$J$15,0)+IF(Input!$K$16=1,M5387*Input!$J$16,0)</f>
        <v>0.42644906329382215</v>
      </c>
      <c r="O5387" s="58">
        <f>IF(Input!$K$13=2,J5387*Input!$J$13,0)+IF(Input!$K$14=2,K5387*Input!$J$14,0)+IF(Input!$K$15=2,L5387*Input!$J$15,0)+IF(Input!$K$16=2,M5387*Input!$J$16,0)</f>
        <v>2.9011348050680591E-2</v>
      </c>
      <c r="P5387" s="58">
        <f>IF(Input!$K$13=3,J5387*Input!$J$13,0)+IF(Input!$K$14=3,K5387*Input!$J$14,0)+IF(Input!$K$15=3,L5387*Input!$J$15,0)+IF(Input!$K$16=3,M5387*Input!$J$16,0)</f>
        <v>0</v>
      </c>
      <c r="Q5387" s="71">
        <f>IF(Input!$K$13=4,J5387*Input!$J$13,0)+IF(Input!$K$14=4,K5387*Input!$J$14,0)+IF(Input!$K$15=4,L5387*Input!$J$15,0)+IF(Input!$K$16=4,M5387*Input!$J$16,0)</f>
        <v>0</v>
      </c>
    </row>
    <row r="5388" spans="8:17" x14ac:dyDescent="0.25">
      <c r="H5388" s="43">
        <v>5381</v>
      </c>
      <c r="I5388" s="55">
        <f>Bühler!I5414</f>
        <v>0</v>
      </c>
      <c r="J5388" s="58">
        <f>Bühler!J5414</f>
        <v>3.5537421941151845</v>
      </c>
      <c r="K5388" s="58">
        <f>Bühler!K5414</f>
        <v>0.21489887444948585</v>
      </c>
      <c r="L5388" s="58">
        <f>Bühler!L5414</f>
        <v>0.10744943722474293</v>
      </c>
      <c r="M5388" s="57">
        <f>Bühler!M5414</f>
        <v>0</v>
      </c>
      <c r="N5388" s="55">
        <f>IF(Input!$K$13=1,J5388*Input!$J$13,0)+IF(Input!$K$14=1,K5388*Input!$J$14,0)+IF(Input!$K$15=1,L5388*Input!$J$15,0)+IF(Input!$K$16=1,M5388*Input!$J$16,0)</f>
        <v>0.42644906329382215</v>
      </c>
      <c r="O5388" s="58">
        <f>IF(Input!$K$13=2,J5388*Input!$J$13,0)+IF(Input!$K$14=2,K5388*Input!$J$14,0)+IF(Input!$K$15=2,L5388*Input!$J$15,0)+IF(Input!$K$16=2,M5388*Input!$J$16,0)</f>
        <v>2.9011348050680591E-2</v>
      </c>
      <c r="P5388" s="58">
        <f>IF(Input!$K$13=3,J5388*Input!$J$13,0)+IF(Input!$K$14=3,K5388*Input!$J$14,0)+IF(Input!$K$15=3,L5388*Input!$J$15,0)+IF(Input!$K$16=3,M5388*Input!$J$16,0)</f>
        <v>0</v>
      </c>
      <c r="Q5388" s="71">
        <f>IF(Input!$K$13=4,J5388*Input!$J$13,0)+IF(Input!$K$14=4,K5388*Input!$J$14,0)+IF(Input!$K$15=4,L5388*Input!$J$15,0)+IF(Input!$K$16=4,M5388*Input!$J$16,0)</f>
        <v>0</v>
      </c>
    </row>
    <row r="5389" spans="8:17" x14ac:dyDescent="0.25">
      <c r="H5389" s="43">
        <v>5382</v>
      </c>
      <c r="I5389" s="55">
        <f>Bühler!I5415</f>
        <v>0</v>
      </c>
      <c r="J5389" s="58">
        <f>Bühler!J5415</f>
        <v>3.5537421941151845</v>
      </c>
      <c r="K5389" s="58">
        <f>Bühler!K5415</f>
        <v>0.21489887444948585</v>
      </c>
      <c r="L5389" s="58">
        <f>Bühler!L5415</f>
        <v>0.10744943722474293</v>
      </c>
      <c r="M5389" s="57">
        <f>Bühler!M5415</f>
        <v>0</v>
      </c>
      <c r="N5389" s="55">
        <f>IF(Input!$K$13=1,J5389*Input!$J$13,0)+IF(Input!$K$14=1,K5389*Input!$J$14,0)+IF(Input!$K$15=1,L5389*Input!$J$15,0)+IF(Input!$K$16=1,M5389*Input!$J$16,0)</f>
        <v>0.42644906329382215</v>
      </c>
      <c r="O5389" s="58">
        <f>IF(Input!$K$13=2,J5389*Input!$J$13,0)+IF(Input!$K$14=2,K5389*Input!$J$14,0)+IF(Input!$K$15=2,L5389*Input!$J$15,0)+IF(Input!$K$16=2,M5389*Input!$J$16,0)</f>
        <v>2.9011348050680591E-2</v>
      </c>
      <c r="P5389" s="58">
        <f>IF(Input!$K$13=3,J5389*Input!$J$13,0)+IF(Input!$K$14=3,K5389*Input!$J$14,0)+IF(Input!$K$15=3,L5389*Input!$J$15,0)+IF(Input!$K$16=3,M5389*Input!$J$16,0)</f>
        <v>0</v>
      </c>
      <c r="Q5389" s="71">
        <f>IF(Input!$K$13=4,J5389*Input!$J$13,0)+IF(Input!$K$14=4,K5389*Input!$J$14,0)+IF(Input!$K$15=4,L5389*Input!$J$15,0)+IF(Input!$K$16=4,M5389*Input!$J$16,0)</f>
        <v>0</v>
      </c>
    </row>
    <row r="5390" spans="8:17" x14ac:dyDescent="0.25">
      <c r="H5390" s="43">
        <v>5383</v>
      </c>
      <c r="I5390" s="55">
        <f>Bühler!I5416</f>
        <v>0</v>
      </c>
      <c r="J5390" s="58">
        <f>Bühler!J5416</f>
        <v>3.5537421941151845</v>
      </c>
      <c r="K5390" s="58">
        <f>Bühler!K5416</f>
        <v>0.21489887444948585</v>
      </c>
      <c r="L5390" s="58">
        <f>Bühler!L5416</f>
        <v>0.10744943722474293</v>
      </c>
      <c r="M5390" s="57">
        <f>Bühler!M5416</f>
        <v>0</v>
      </c>
      <c r="N5390" s="55">
        <f>IF(Input!$K$13=1,J5390*Input!$J$13,0)+IF(Input!$K$14=1,K5390*Input!$J$14,0)+IF(Input!$K$15=1,L5390*Input!$J$15,0)+IF(Input!$K$16=1,M5390*Input!$J$16,0)</f>
        <v>0.42644906329382215</v>
      </c>
      <c r="O5390" s="58">
        <f>IF(Input!$K$13=2,J5390*Input!$J$13,0)+IF(Input!$K$14=2,K5390*Input!$J$14,0)+IF(Input!$K$15=2,L5390*Input!$J$15,0)+IF(Input!$K$16=2,M5390*Input!$J$16,0)</f>
        <v>2.9011348050680591E-2</v>
      </c>
      <c r="P5390" s="58">
        <f>IF(Input!$K$13=3,J5390*Input!$J$13,0)+IF(Input!$K$14=3,K5390*Input!$J$14,0)+IF(Input!$K$15=3,L5390*Input!$J$15,0)+IF(Input!$K$16=3,M5390*Input!$J$16,0)</f>
        <v>0</v>
      </c>
      <c r="Q5390" s="71">
        <f>IF(Input!$K$13=4,J5390*Input!$J$13,0)+IF(Input!$K$14=4,K5390*Input!$J$14,0)+IF(Input!$K$15=4,L5390*Input!$J$15,0)+IF(Input!$K$16=4,M5390*Input!$J$16,0)</f>
        <v>0</v>
      </c>
    </row>
    <row r="5391" spans="8:17" x14ac:dyDescent="0.25">
      <c r="H5391" s="43">
        <v>5384</v>
      </c>
      <c r="I5391" s="55">
        <f>Bühler!I5417</f>
        <v>0</v>
      </c>
      <c r="J5391" s="58">
        <f>Bühler!J5417</f>
        <v>3.5537421941151845</v>
      </c>
      <c r="K5391" s="58">
        <f>Bühler!K5417</f>
        <v>0.21489887444948585</v>
      </c>
      <c r="L5391" s="58">
        <f>Bühler!L5417</f>
        <v>0.10744943722474293</v>
      </c>
      <c r="M5391" s="57">
        <f>Bühler!M5417</f>
        <v>0</v>
      </c>
      <c r="N5391" s="55">
        <f>IF(Input!$K$13=1,J5391*Input!$J$13,0)+IF(Input!$K$14=1,K5391*Input!$J$14,0)+IF(Input!$K$15=1,L5391*Input!$J$15,0)+IF(Input!$K$16=1,M5391*Input!$J$16,0)</f>
        <v>0.42644906329382215</v>
      </c>
      <c r="O5391" s="58">
        <f>IF(Input!$K$13=2,J5391*Input!$J$13,0)+IF(Input!$K$14=2,K5391*Input!$J$14,0)+IF(Input!$K$15=2,L5391*Input!$J$15,0)+IF(Input!$K$16=2,M5391*Input!$J$16,0)</f>
        <v>2.9011348050680591E-2</v>
      </c>
      <c r="P5391" s="58">
        <f>IF(Input!$K$13=3,J5391*Input!$J$13,0)+IF(Input!$K$14=3,K5391*Input!$J$14,0)+IF(Input!$K$15=3,L5391*Input!$J$15,0)+IF(Input!$K$16=3,M5391*Input!$J$16,0)</f>
        <v>0</v>
      </c>
      <c r="Q5391" s="71">
        <f>IF(Input!$K$13=4,J5391*Input!$J$13,0)+IF(Input!$K$14=4,K5391*Input!$J$14,0)+IF(Input!$K$15=4,L5391*Input!$J$15,0)+IF(Input!$K$16=4,M5391*Input!$J$16,0)</f>
        <v>0</v>
      </c>
    </row>
    <row r="5392" spans="8:17" x14ac:dyDescent="0.25">
      <c r="H5392" s="43">
        <v>5385</v>
      </c>
      <c r="I5392" s="55">
        <f>Bühler!I5418</f>
        <v>0</v>
      </c>
      <c r="J5392" s="58">
        <f>Bühler!J5418</f>
        <v>3.5537421941151845</v>
      </c>
      <c r="K5392" s="58">
        <f>Bühler!K5418</f>
        <v>0.21489887444948585</v>
      </c>
      <c r="L5392" s="58">
        <f>Bühler!L5418</f>
        <v>0.10744943722474293</v>
      </c>
      <c r="M5392" s="57">
        <f>Bühler!M5418</f>
        <v>0</v>
      </c>
      <c r="N5392" s="55">
        <f>IF(Input!$K$13=1,J5392*Input!$J$13,0)+IF(Input!$K$14=1,K5392*Input!$J$14,0)+IF(Input!$K$15=1,L5392*Input!$J$15,0)+IF(Input!$K$16=1,M5392*Input!$J$16,0)</f>
        <v>0.42644906329382215</v>
      </c>
      <c r="O5392" s="58">
        <f>IF(Input!$K$13=2,J5392*Input!$J$13,0)+IF(Input!$K$14=2,K5392*Input!$J$14,0)+IF(Input!$K$15=2,L5392*Input!$J$15,0)+IF(Input!$K$16=2,M5392*Input!$J$16,0)</f>
        <v>2.9011348050680591E-2</v>
      </c>
      <c r="P5392" s="58">
        <f>IF(Input!$K$13=3,J5392*Input!$J$13,0)+IF(Input!$K$14=3,K5392*Input!$J$14,0)+IF(Input!$K$15=3,L5392*Input!$J$15,0)+IF(Input!$K$16=3,M5392*Input!$J$16,0)</f>
        <v>0</v>
      </c>
      <c r="Q5392" s="71">
        <f>IF(Input!$K$13=4,J5392*Input!$J$13,0)+IF(Input!$K$14=4,K5392*Input!$J$14,0)+IF(Input!$K$15=4,L5392*Input!$J$15,0)+IF(Input!$K$16=4,M5392*Input!$J$16,0)</f>
        <v>0</v>
      </c>
    </row>
    <row r="5393" spans="8:17" x14ac:dyDescent="0.25">
      <c r="H5393" s="43">
        <v>5386</v>
      </c>
      <c r="I5393" s="55">
        <f>Bühler!I5419</f>
        <v>0</v>
      </c>
      <c r="J5393" s="58">
        <f>Bühler!J5419</f>
        <v>3.5537421941151845</v>
      </c>
      <c r="K5393" s="58">
        <f>Bühler!K5419</f>
        <v>0.21489887444948585</v>
      </c>
      <c r="L5393" s="58">
        <f>Bühler!L5419</f>
        <v>0.10744943722474293</v>
      </c>
      <c r="M5393" s="57">
        <f>Bühler!M5419</f>
        <v>0</v>
      </c>
      <c r="N5393" s="55">
        <f>IF(Input!$K$13=1,J5393*Input!$J$13,0)+IF(Input!$K$14=1,K5393*Input!$J$14,0)+IF(Input!$K$15=1,L5393*Input!$J$15,0)+IF(Input!$K$16=1,M5393*Input!$J$16,0)</f>
        <v>0.42644906329382215</v>
      </c>
      <c r="O5393" s="58">
        <f>IF(Input!$K$13=2,J5393*Input!$J$13,0)+IF(Input!$K$14=2,K5393*Input!$J$14,0)+IF(Input!$K$15=2,L5393*Input!$J$15,0)+IF(Input!$K$16=2,M5393*Input!$J$16,0)</f>
        <v>2.9011348050680591E-2</v>
      </c>
      <c r="P5393" s="58">
        <f>IF(Input!$K$13=3,J5393*Input!$J$13,0)+IF(Input!$K$14=3,K5393*Input!$J$14,0)+IF(Input!$K$15=3,L5393*Input!$J$15,0)+IF(Input!$K$16=3,M5393*Input!$J$16,0)</f>
        <v>0</v>
      </c>
      <c r="Q5393" s="71">
        <f>IF(Input!$K$13=4,J5393*Input!$J$13,0)+IF(Input!$K$14=4,K5393*Input!$J$14,0)+IF(Input!$K$15=4,L5393*Input!$J$15,0)+IF(Input!$K$16=4,M5393*Input!$J$16,0)</f>
        <v>0</v>
      </c>
    </row>
    <row r="5394" spans="8:17" x14ac:dyDescent="0.25">
      <c r="H5394" s="43">
        <v>5387</v>
      </c>
      <c r="I5394" s="55">
        <f>Bühler!I5420</f>
        <v>0</v>
      </c>
      <c r="J5394" s="58">
        <f>Bühler!J5420</f>
        <v>3.5537421941151845</v>
      </c>
      <c r="K5394" s="58">
        <f>Bühler!K5420</f>
        <v>0.21489887444948585</v>
      </c>
      <c r="L5394" s="58">
        <f>Bühler!L5420</f>
        <v>0.10744943722474293</v>
      </c>
      <c r="M5394" s="57">
        <f>Bühler!M5420</f>
        <v>0</v>
      </c>
      <c r="N5394" s="55">
        <f>IF(Input!$K$13=1,J5394*Input!$J$13,0)+IF(Input!$K$14=1,K5394*Input!$J$14,0)+IF(Input!$K$15=1,L5394*Input!$J$15,0)+IF(Input!$K$16=1,M5394*Input!$J$16,0)</f>
        <v>0.42644906329382215</v>
      </c>
      <c r="O5394" s="58">
        <f>IF(Input!$K$13=2,J5394*Input!$J$13,0)+IF(Input!$K$14=2,K5394*Input!$J$14,0)+IF(Input!$K$15=2,L5394*Input!$J$15,0)+IF(Input!$K$16=2,M5394*Input!$J$16,0)</f>
        <v>2.9011348050680591E-2</v>
      </c>
      <c r="P5394" s="58">
        <f>IF(Input!$K$13=3,J5394*Input!$J$13,0)+IF(Input!$K$14=3,K5394*Input!$J$14,0)+IF(Input!$K$15=3,L5394*Input!$J$15,0)+IF(Input!$K$16=3,M5394*Input!$J$16,0)</f>
        <v>0</v>
      </c>
      <c r="Q5394" s="71">
        <f>IF(Input!$K$13=4,J5394*Input!$J$13,0)+IF(Input!$K$14=4,K5394*Input!$J$14,0)+IF(Input!$K$15=4,L5394*Input!$J$15,0)+IF(Input!$K$16=4,M5394*Input!$J$16,0)</f>
        <v>0</v>
      </c>
    </row>
    <row r="5395" spans="8:17" x14ac:dyDescent="0.25">
      <c r="H5395" s="43">
        <v>5388</v>
      </c>
      <c r="I5395" s="55">
        <f>Bühler!I5421</f>
        <v>0</v>
      </c>
      <c r="J5395" s="58">
        <f>Bühler!J5421</f>
        <v>3.5537421941151845</v>
      </c>
      <c r="K5395" s="58">
        <f>Bühler!K5421</f>
        <v>0.21489887444948585</v>
      </c>
      <c r="L5395" s="58">
        <f>Bühler!L5421</f>
        <v>0.10744943722474293</v>
      </c>
      <c r="M5395" s="57">
        <f>Bühler!M5421</f>
        <v>0</v>
      </c>
      <c r="N5395" s="55">
        <f>IF(Input!$K$13=1,J5395*Input!$J$13,0)+IF(Input!$K$14=1,K5395*Input!$J$14,0)+IF(Input!$K$15=1,L5395*Input!$J$15,0)+IF(Input!$K$16=1,M5395*Input!$J$16,0)</f>
        <v>0.42644906329382215</v>
      </c>
      <c r="O5395" s="58">
        <f>IF(Input!$K$13=2,J5395*Input!$J$13,0)+IF(Input!$K$14=2,K5395*Input!$J$14,0)+IF(Input!$K$15=2,L5395*Input!$J$15,0)+IF(Input!$K$16=2,M5395*Input!$J$16,0)</f>
        <v>2.9011348050680591E-2</v>
      </c>
      <c r="P5395" s="58">
        <f>IF(Input!$K$13=3,J5395*Input!$J$13,0)+IF(Input!$K$14=3,K5395*Input!$J$14,0)+IF(Input!$K$15=3,L5395*Input!$J$15,0)+IF(Input!$K$16=3,M5395*Input!$J$16,0)</f>
        <v>0</v>
      </c>
      <c r="Q5395" s="71">
        <f>IF(Input!$K$13=4,J5395*Input!$J$13,0)+IF(Input!$K$14=4,K5395*Input!$J$14,0)+IF(Input!$K$15=4,L5395*Input!$J$15,0)+IF(Input!$K$16=4,M5395*Input!$J$16,0)</f>
        <v>0</v>
      </c>
    </row>
    <row r="5396" spans="8:17" x14ac:dyDescent="0.25">
      <c r="H5396" s="43">
        <v>5389</v>
      </c>
      <c r="I5396" s="55">
        <f>Bühler!I5422</f>
        <v>0</v>
      </c>
      <c r="J5396" s="58">
        <f>Bühler!J5422</f>
        <v>3.5537421941151845</v>
      </c>
      <c r="K5396" s="58">
        <f>Bühler!K5422</f>
        <v>0.21489887444948585</v>
      </c>
      <c r="L5396" s="58">
        <f>Bühler!L5422</f>
        <v>0.10744943722474293</v>
      </c>
      <c r="M5396" s="57">
        <f>Bühler!M5422</f>
        <v>0</v>
      </c>
      <c r="N5396" s="55">
        <f>IF(Input!$K$13=1,J5396*Input!$J$13,0)+IF(Input!$K$14=1,K5396*Input!$J$14,0)+IF(Input!$K$15=1,L5396*Input!$J$15,0)+IF(Input!$K$16=1,M5396*Input!$J$16,0)</f>
        <v>0.42644906329382215</v>
      </c>
      <c r="O5396" s="58">
        <f>IF(Input!$K$13=2,J5396*Input!$J$13,0)+IF(Input!$K$14=2,K5396*Input!$J$14,0)+IF(Input!$K$15=2,L5396*Input!$J$15,0)+IF(Input!$K$16=2,M5396*Input!$J$16,0)</f>
        <v>2.9011348050680591E-2</v>
      </c>
      <c r="P5396" s="58">
        <f>IF(Input!$K$13=3,J5396*Input!$J$13,0)+IF(Input!$K$14=3,K5396*Input!$J$14,0)+IF(Input!$K$15=3,L5396*Input!$J$15,0)+IF(Input!$K$16=3,M5396*Input!$J$16,0)</f>
        <v>0</v>
      </c>
      <c r="Q5396" s="71">
        <f>IF(Input!$K$13=4,J5396*Input!$J$13,0)+IF(Input!$K$14=4,K5396*Input!$J$14,0)+IF(Input!$K$15=4,L5396*Input!$J$15,0)+IF(Input!$K$16=4,M5396*Input!$J$16,0)</f>
        <v>0</v>
      </c>
    </row>
    <row r="5397" spans="8:17" x14ac:dyDescent="0.25">
      <c r="H5397" s="43">
        <v>5390</v>
      </c>
      <c r="I5397" s="55">
        <f>Bühler!I5423</f>
        <v>0</v>
      </c>
      <c r="J5397" s="58">
        <f>Bühler!J5423</f>
        <v>3.5537421941151845</v>
      </c>
      <c r="K5397" s="58">
        <f>Bühler!K5423</f>
        <v>0.21489887444948585</v>
      </c>
      <c r="L5397" s="58">
        <f>Bühler!L5423</f>
        <v>0.10744943722474293</v>
      </c>
      <c r="M5397" s="57">
        <f>Bühler!M5423</f>
        <v>0</v>
      </c>
      <c r="N5397" s="55">
        <f>IF(Input!$K$13=1,J5397*Input!$J$13,0)+IF(Input!$K$14=1,K5397*Input!$J$14,0)+IF(Input!$K$15=1,L5397*Input!$J$15,0)+IF(Input!$K$16=1,M5397*Input!$J$16,0)</f>
        <v>0.42644906329382215</v>
      </c>
      <c r="O5397" s="58">
        <f>IF(Input!$K$13=2,J5397*Input!$J$13,0)+IF(Input!$K$14=2,K5397*Input!$J$14,0)+IF(Input!$K$15=2,L5397*Input!$J$15,0)+IF(Input!$K$16=2,M5397*Input!$J$16,0)</f>
        <v>2.9011348050680591E-2</v>
      </c>
      <c r="P5397" s="58">
        <f>IF(Input!$K$13=3,J5397*Input!$J$13,0)+IF(Input!$K$14=3,K5397*Input!$J$14,0)+IF(Input!$K$15=3,L5397*Input!$J$15,0)+IF(Input!$K$16=3,M5397*Input!$J$16,0)</f>
        <v>0</v>
      </c>
      <c r="Q5397" s="71">
        <f>IF(Input!$K$13=4,J5397*Input!$J$13,0)+IF(Input!$K$14=4,K5397*Input!$J$14,0)+IF(Input!$K$15=4,L5397*Input!$J$15,0)+IF(Input!$K$16=4,M5397*Input!$J$16,0)</f>
        <v>0</v>
      </c>
    </row>
    <row r="5398" spans="8:17" x14ac:dyDescent="0.25">
      <c r="H5398" s="43">
        <v>5391</v>
      </c>
      <c r="I5398" s="55">
        <f>Bühler!I5424</f>
        <v>0</v>
      </c>
      <c r="J5398" s="58">
        <f>Bühler!J5424</f>
        <v>3.5537421941151845</v>
      </c>
      <c r="K5398" s="58">
        <f>Bühler!K5424</f>
        <v>0.21489887444948585</v>
      </c>
      <c r="L5398" s="58">
        <f>Bühler!L5424</f>
        <v>0.10744943722474293</v>
      </c>
      <c r="M5398" s="57">
        <f>Bühler!M5424</f>
        <v>0</v>
      </c>
      <c r="N5398" s="55">
        <f>IF(Input!$K$13=1,J5398*Input!$J$13,0)+IF(Input!$K$14=1,K5398*Input!$J$14,0)+IF(Input!$K$15=1,L5398*Input!$J$15,0)+IF(Input!$K$16=1,M5398*Input!$J$16,0)</f>
        <v>0.42644906329382215</v>
      </c>
      <c r="O5398" s="58">
        <f>IF(Input!$K$13=2,J5398*Input!$J$13,0)+IF(Input!$K$14=2,K5398*Input!$J$14,0)+IF(Input!$K$15=2,L5398*Input!$J$15,0)+IF(Input!$K$16=2,M5398*Input!$J$16,0)</f>
        <v>2.9011348050680591E-2</v>
      </c>
      <c r="P5398" s="58">
        <f>IF(Input!$K$13=3,J5398*Input!$J$13,0)+IF(Input!$K$14=3,K5398*Input!$J$14,0)+IF(Input!$K$15=3,L5398*Input!$J$15,0)+IF(Input!$K$16=3,M5398*Input!$J$16,0)</f>
        <v>0</v>
      </c>
      <c r="Q5398" s="71">
        <f>IF(Input!$K$13=4,J5398*Input!$J$13,0)+IF(Input!$K$14=4,K5398*Input!$J$14,0)+IF(Input!$K$15=4,L5398*Input!$J$15,0)+IF(Input!$K$16=4,M5398*Input!$J$16,0)</f>
        <v>0</v>
      </c>
    </row>
    <row r="5399" spans="8:17" x14ac:dyDescent="0.25">
      <c r="H5399" s="43">
        <v>5392</v>
      </c>
      <c r="I5399" s="55">
        <f>Bühler!I5425</f>
        <v>0</v>
      </c>
      <c r="J5399" s="58">
        <f>Bühler!J5425</f>
        <v>3.5537421941151845</v>
      </c>
      <c r="K5399" s="58">
        <f>Bühler!K5425</f>
        <v>0.21489887444948585</v>
      </c>
      <c r="L5399" s="58">
        <f>Bühler!L5425</f>
        <v>0.10744943722474293</v>
      </c>
      <c r="M5399" s="57">
        <f>Bühler!M5425</f>
        <v>0</v>
      </c>
      <c r="N5399" s="55">
        <f>IF(Input!$K$13=1,J5399*Input!$J$13,0)+IF(Input!$K$14=1,K5399*Input!$J$14,0)+IF(Input!$K$15=1,L5399*Input!$J$15,0)+IF(Input!$K$16=1,M5399*Input!$J$16,0)</f>
        <v>0.42644906329382215</v>
      </c>
      <c r="O5399" s="58">
        <f>IF(Input!$K$13=2,J5399*Input!$J$13,0)+IF(Input!$K$14=2,K5399*Input!$J$14,0)+IF(Input!$K$15=2,L5399*Input!$J$15,0)+IF(Input!$K$16=2,M5399*Input!$J$16,0)</f>
        <v>2.9011348050680591E-2</v>
      </c>
      <c r="P5399" s="58">
        <f>IF(Input!$K$13=3,J5399*Input!$J$13,0)+IF(Input!$K$14=3,K5399*Input!$J$14,0)+IF(Input!$K$15=3,L5399*Input!$J$15,0)+IF(Input!$K$16=3,M5399*Input!$J$16,0)</f>
        <v>0</v>
      </c>
      <c r="Q5399" s="71">
        <f>IF(Input!$K$13=4,J5399*Input!$J$13,0)+IF(Input!$K$14=4,K5399*Input!$J$14,0)+IF(Input!$K$15=4,L5399*Input!$J$15,0)+IF(Input!$K$16=4,M5399*Input!$J$16,0)</f>
        <v>0</v>
      </c>
    </row>
    <row r="5400" spans="8:17" x14ac:dyDescent="0.25">
      <c r="H5400" s="43">
        <v>5393</v>
      </c>
      <c r="I5400" s="55">
        <f>Bühler!I5426</f>
        <v>0</v>
      </c>
      <c r="J5400" s="58">
        <f>Bühler!J5426</f>
        <v>3.5537421941151845</v>
      </c>
      <c r="K5400" s="58">
        <f>Bühler!K5426</f>
        <v>0.21489887444948585</v>
      </c>
      <c r="L5400" s="58">
        <f>Bühler!L5426</f>
        <v>0.10744943722474293</v>
      </c>
      <c r="M5400" s="57">
        <f>Bühler!M5426</f>
        <v>0</v>
      </c>
      <c r="N5400" s="55">
        <f>IF(Input!$K$13=1,J5400*Input!$J$13,0)+IF(Input!$K$14=1,K5400*Input!$J$14,0)+IF(Input!$K$15=1,L5400*Input!$J$15,0)+IF(Input!$K$16=1,M5400*Input!$J$16,0)</f>
        <v>0.42644906329382215</v>
      </c>
      <c r="O5400" s="58">
        <f>IF(Input!$K$13=2,J5400*Input!$J$13,0)+IF(Input!$K$14=2,K5400*Input!$J$14,0)+IF(Input!$K$15=2,L5400*Input!$J$15,0)+IF(Input!$K$16=2,M5400*Input!$J$16,0)</f>
        <v>2.9011348050680591E-2</v>
      </c>
      <c r="P5400" s="58">
        <f>IF(Input!$K$13=3,J5400*Input!$J$13,0)+IF(Input!$K$14=3,K5400*Input!$J$14,0)+IF(Input!$K$15=3,L5400*Input!$J$15,0)+IF(Input!$K$16=3,M5400*Input!$J$16,0)</f>
        <v>0</v>
      </c>
      <c r="Q5400" s="71">
        <f>IF(Input!$K$13=4,J5400*Input!$J$13,0)+IF(Input!$K$14=4,K5400*Input!$J$14,0)+IF(Input!$K$15=4,L5400*Input!$J$15,0)+IF(Input!$K$16=4,M5400*Input!$J$16,0)</f>
        <v>0</v>
      </c>
    </row>
    <row r="5401" spans="8:17" x14ac:dyDescent="0.25">
      <c r="H5401" s="43">
        <v>5394</v>
      </c>
      <c r="I5401" s="55">
        <f>Bühler!I5427</f>
        <v>0</v>
      </c>
      <c r="J5401" s="58">
        <f>Bühler!J5427</f>
        <v>3.5537421941151845</v>
      </c>
      <c r="K5401" s="58">
        <f>Bühler!K5427</f>
        <v>0.21489887444948585</v>
      </c>
      <c r="L5401" s="58">
        <f>Bühler!L5427</f>
        <v>0.10744943722474293</v>
      </c>
      <c r="M5401" s="57">
        <f>Bühler!M5427</f>
        <v>0</v>
      </c>
      <c r="N5401" s="55">
        <f>IF(Input!$K$13=1,J5401*Input!$J$13,0)+IF(Input!$K$14=1,K5401*Input!$J$14,0)+IF(Input!$K$15=1,L5401*Input!$J$15,0)+IF(Input!$K$16=1,M5401*Input!$J$16,0)</f>
        <v>0.42644906329382215</v>
      </c>
      <c r="O5401" s="58">
        <f>IF(Input!$K$13=2,J5401*Input!$J$13,0)+IF(Input!$K$14=2,K5401*Input!$J$14,0)+IF(Input!$K$15=2,L5401*Input!$J$15,0)+IF(Input!$K$16=2,M5401*Input!$J$16,0)</f>
        <v>2.9011348050680591E-2</v>
      </c>
      <c r="P5401" s="58">
        <f>IF(Input!$K$13=3,J5401*Input!$J$13,0)+IF(Input!$K$14=3,K5401*Input!$J$14,0)+IF(Input!$K$15=3,L5401*Input!$J$15,0)+IF(Input!$K$16=3,M5401*Input!$J$16,0)</f>
        <v>0</v>
      </c>
      <c r="Q5401" s="71">
        <f>IF(Input!$K$13=4,J5401*Input!$J$13,0)+IF(Input!$K$14=4,K5401*Input!$J$14,0)+IF(Input!$K$15=4,L5401*Input!$J$15,0)+IF(Input!$K$16=4,M5401*Input!$J$16,0)</f>
        <v>0</v>
      </c>
    </row>
    <row r="5402" spans="8:17" x14ac:dyDescent="0.25">
      <c r="H5402" s="43">
        <v>5395</v>
      </c>
      <c r="I5402" s="55">
        <f>Bühler!I5428</f>
        <v>0</v>
      </c>
      <c r="J5402" s="58">
        <f>Bühler!J5428</f>
        <v>3.5537421941151845</v>
      </c>
      <c r="K5402" s="58">
        <f>Bühler!K5428</f>
        <v>0.21489887444948585</v>
      </c>
      <c r="L5402" s="58">
        <f>Bühler!L5428</f>
        <v>0.10744943722474293</v>
      </c>
      <c r="M5402" s="57">
        <f>Bühler!M5428</f>
        <v>0</v>
      </c>
      <c r="N5402" s="55">
        <f>IF(Input!$K$13=1,J5402*Input!$J$13,0)+IF(Input!$K$14=1,K5402*Input!$J$14,0)+IF(Input!$K$15=1,L5402*Input!$J$15,0)+IF(Input!$K$16=1,M5402*Input!$J$16,0)</f>
        <v>0.42644906329382215</v>
      </c>
      <c r="O5402" s="58">
        <f>IF(Input!$K$13=2,J5402*Input!$J$13,0)+IF(Input!$K$14=2,K5402*Input!$J$14,0)+IF(Input!$K$15=2,L5402*Input!$J$15,0)+IF(Input!$K$16=2,M5402*Input!$J$16,0)</f>
        <v>2.9011348050680591E-2</v>
      </c>
      <c r="P5402" s="58">
        <f>IF(Input!$K$13=3,J5402*Input!$J$13,0)+IF(Input!$K$14=3,K5402*Input!$J$14,0)+IF(Input!$K$15=3,L5402*Input!$J$15,0)+IF(Input!$K$16=3,M5402*Input!$J$16,0)</f>
        <v>0</v>
      </c>
      <c r="Q5402" s="71">
        <f>IF(Input!$K$13=4,J5402*Input!$J$13,0)+IF(Input!$K$14=4,K5402*Input!$J$14,0)+IF(Input!$K$15=4,L5402*Input!$J$15,0)+IF(Input!$K$16=4,M5402*Input!$J$16,0)</f>
        <v>0</v>
      </c>
    </row>
    <row r="5403" spans="8:17" x14ac:dyDescent="0.25">
      <c r="H5403" s="43">
        <v>5396</v>
      </c>
      <c r="I5403" s="55">
        <f>Bühler!I5429</f>
        <v>0</v>
      </c>
      <c r="J5403" s="58">
        <f>Bühler!J5429</f>
        <v>3.5537421941151845</v>
      </c>
      <c r="K5403" s="58">
        <f>Bühler!K5429</f>
        <v>0.21489887444948585</v>
      </c>
      <c r="L5403" s="58">
        <f>Bühler!L5429</f>
        <v>0.10744943722474293</v>
      </c>
      <c r="M5403" s="57">
        <f>Bühler!M5429</f>
        <v>0</v>
      </c>
      <c r="N5403" s="55">
        <f>IF(Input!$K$13=1,J5403*Input!$J$13,0)+IF(Input!$K$14=1,K5403*Input!$J$14,0)+IF(Input!$K$15=1,L5403*Input!$J$15,0)+IF(Input!$K$16=1,M5403*Input!$J$16,0)</f>
        <v>0.42644906329382215</v>
      </c>
      <c r="O5403" s="58">
        <f>IF(Input!$K$13=2,J5403*Input!$J$13,0)+IF(Input!$K$14=2,K5403*Input!$J$14,0)+IF(Input!$K$15=2,L5403*Input!$J$15,0)+IF(Input!$K$16=2,M5403*Input!$J$16,0)</f>
        <v>2.9011348050680591E-2</v>
      </c>
      <c r="P5403" s="58">
        <f>IF(Input!$K$13=3,J5403*Input!$J$13,0)+IF(Input!$K$14=3,K5403*Input!$J$14,0)+IF(Input!$K$15=3,L5403*Input!$J$15,0)+IF(Input!$K$16=3,M5403*Input!$J$16,0)</f>
        <v>0</v>
      </c>
      <c r="Q5403" s="71">
        <f>IF(Input!$K$13=4,J5403*Input!$J$13,0)+IF(Input!$K$14=4,K5403*Input!$J$14,0)+IF(Input!$K$15=4,L5403*Input!$J$15,0)+IF(Input!$K$16=4,M5403*Input!$J$16,0)</f>
        <v>0</v>
      </c>
    </row>
    <row r="5404" spans="8:17" x14ac:dyDescent="0.25">
      <c r="H5404" s="43">
        <v>5397</v>
      </c>
      <c r="I5404" s="55">
        <f>Bühler!I5430</f>
        <v>0</v>
      </c>
      <c r="J5404" s="58">
        <f>Bühler!J5430</f>
        <v>3.5537421941151845</v>
      </c>
      <c r="K5404" s="58">
        <f>Bühler!K5430</f>
        <v>0.21489887444948585</v>
      </c>
      <c r="L5404" s="58">
        <f>Bühler!L5430</f>
        <v>0.10744943722474293</v>
      </c>
      <c r="M5404" s="57">
        <f>Bühler!M5430</f>
        <v>0</v>
      </c>
      <c r="N5404" s="55">
        <f>IF(Input!$K$13=1,J5404*Input!$J$13,0)+IF(Input!$K$14=1,K5404*Input!$J$14,0)+IF(Input!$K$15=1,L5404*Input!$J$15,0)+IF(Input!$K$16=1,M5404*Input!$J$16,0)</f>
        <v>0.42644906329382215</v>
      </c>
      <c r="O5404" s="58">
        <f>IF(Input!$K$13=2,J5404*Input!$J$13,0)+IF(Input!$K$14=2,K5404*Input!$J$14,0)+IF(Input!$K$15=2,L5404*Input!$J$15,0)+IF(Input!$K$16=2,M5404*Input!$J$16,0)</f>
        <v>2.9011348050680591E-2</v>
      </c>
      <c r="P5404" s="58">
        <f>IF(Input!$K$13=3,J5404*Input!$J$13,0)+IF(Input!$K$14=3,K5404*Input!$J$14,0)+IF(Input!$K$15=3,L5404*Input!$J$15,0)+IF(Input!$K$16=3,M5404*Input!$J$16,0)</f>
        <v>0</v>
      </c>
      <c r="Q5404" s="71">
        <f>IF(Input!$K$13=4,J5404*Input!$J$13,0)+IF(Input!$K$14=4,K5404*Input!$J$14,0)+IF(Input!$K$15=4,L5404*Input!$J$15,0)+IF(Input!$K$16=4,M5404*Input!$J$16,0)</f>
        <v>0</v>
      </c>
    </row>
    <row r="5405" spans="8:17" x14ac:dyDescent="0.25">
      <c r="H5405" s="43">
        <v>5398</v>
      </c>
      <c r="I5405" s="55">
        <f>Bühler!I5431</f>
        <v>0</v>
      </c>
      <c r="J5405" s="58">
        <f>Bühler!J5431</f>
        <v>3.5537421941151845</v>
      </c>
      <c r="K5405" s="58">
        <f>Bühler!K5431</f>
        <v>0.21489887444948585</v>
      </c>
      <c r="L5405" s="58">
        <f>Bühler!L5431</f>
        <v>0.10744943722474293</v>
      </c>
      <c r="M5405" s="57">
        <f>Bühler!M5431</f>
        <v>0</v>
      </c>
      <c r="N5405" s="55">
        <f>IF(Input!$K$13=1,J5405*Input!$J$13,0)+IF(Input!$K$14=1,K5405*Input!$J$14,0)+IF(Input!$K$15=1,L5405*Input!$J$15,0)+IF(Input!$K$16=1,M5405*Input!$J$16,0)</f>
        <v>0.42644906329382215</v>
      </c>
      <c r="O5405" s="58">
        <f>IF(Input!$K$13=2,J5405*Input!$J$13,0)+IF(Input!$K$14=2,K5405*Input!$J$14,0)+IF(Input!$K$15=2,L5405*Input!$J$15,0)+IF(Input!$K$16=2,M5405*Input!$J$16,0)</f>
        <v>2.9011348050680591E-2</v>
      </c>
      <c r="P5405" s="58">
        <f>IF(Input!$K$13=3,J5405*Input!$J$13,0)+IF(Input!$K$14=3,K5405*Input!$J$14,0)+IF(Input!$K$15=3,L5405*Input!$J$15,0)+IF(Input!$K$16=3,M5405*Input!$J$16,0)</f>
        <v>0</v>
      </c>
      <c r="Q5405" s="71">
        <f>IF(Input!$K$13=4,J5405*Input!$J$13,0)+IF(Input!$K$14=4,K5405*Input!$J$14,0)+IF(Input!$K$15=4,L5405*Input!$J$15,0)+IF(Input!$K$16=4,M5405*Input!$J$16,0)</f>
        <v>0</v>
      </c>
    </row>
    <row r="5406" spans="8:17" x14ac:dyDescent="0.25">
      <c r="H5406" s="43">
        <v>5399</v>
      </c>
      <c r="I5406" s="55">
        <f>Bühler!I5432</f>
        <v>0</v>
      </c>
      <c r="J5406" s="58">
        <f>Bühler!J5432</f>
        <v>3.5537421941151845</v>
      </c>
      <c r="K5406" s="58">
        <f>Bühler!K5432</f>
        <v>0.21489887444948585</v>
      </c>
      <c r="L5406" s="58">
        <f>Bühler!L5432</f>
        <v>0.10744943722474293</v>
      </c>
      <c r="M5406" s="57">
        <f>Bühler!M5432</f>
        <v>0</v>
      </c>
      <c r="N5406" s="55">
        <f>IF(Input!$K$13=1,J5406*Input!$J$13,0)+IF(Input!$K$14=1,K5406*Input!$J$14,0)+IF(Input!$K$15=1,L5406*Input!$J$15,0)+IF(Input!$K$16=1,M5406*Input!$J$16,0)</f>
        <v>0.42644906329382215</v>
      </c>
      <c r="O5406" s="58">
        <f>IF(Input!$K$13=2,J5406*Input!$J$13,0)+IF(Input!$K$14=2,K5406*Input!$J$14,0)+IF(Input!$K$15=2,L5406*Input!$J$15,0)+IF(Input!$K$16=2,M5406*Input!$J$16,0)</f>
        <v>2.9011348050680591E-2</v>
      </c>
      <c r="P5406" s="58">
        <f>IF(Input!$K$13=3,J5406*Input!$J$13,0)+IF(Input!$K$14=3,K5406*Input!$J$14,0)+IF(Input!$K$15=3,L5406*Input!$J$15,0)+IF(Input!$K$16=3,M5406*Input!$J$16,0)</f>
        <v>0</v>
      </c>
      <c r="Q5406" s="71">
        <f>IF(Input!$K$13=4,J5406*Input!$J$13,0)+IF(Input!$K$14=4,K5406*Input!$J$14,0)+IF(Input!$K$15=4,L5406*Input!$J$15,0)+IF(Input!$K$16=4,M5406*Input!$J$16,0)</f>
        <v>0</v>
      </c>
    </row>
    <row r="5407" spans="8:17" x14ac:dyDescent="0.25">
      <c r="H5407" s="43">
        <v>5400</v>
      </c>
      <c r="I5407" s="55">
        <f>Bühler!I5433</f>
        <v>0</v>
      </c>
      <c r="J5407" s="58">
        <f>Bühler!J5433</f>
        <v>3.5537421941151845</v>
      </c>
      <c r="K5407" s="58">
        <f>Bühler!K5433</f>
        <v>0.21489887444948585</v>
      </c>
      <c r="L5407" s="58">
        <f>Bühler!L5433</f>
        <v>0.10744943722474293</v>
      </c>
      <c r="M5407" s="57">
        <f>Bühler!M5433</f>
        <v>0</v>
      </c>
      <c r="N5407" s="55">
        <f>IF(Input!$K$13=1,J5407*Input!$J$13,0)+IF(Input!$K$14=1,K5407*Input!$J$14,0)+IF(Input!$K$15=1,L5407*Input!$J$15,0)+IF(Input!$K$16=1,M5407*Input!$J$16,0)</f>
        <v>0.42644906329382215</v>
      </c>
      <c r="O5407" s="58">
        <f>IF(Input!$K$13=2,J5407*Input!$J$13,0)+IF(Input!$K$14=2,K5407*Input!$J$14,0)+IF(Input!$K$15=2,L5407*Input!$J$15,0)+IF(Input!$K$16=2,M5407*Input!$J$16,0)</f>
        <v>2.9011348050680591E-2</v>
      </c>
      <c r="P5407" s="58">
        <f>IF(Input!$K$13=3,J5407*Input!$J$13,0)+IF(Input!$K$14=3,K5407*Input!$J$14,0)+IF(Input!$K$15=3,L5407*Input!$J$15,0)+IF(Input!$K$16=3,M5407*Input!$J$16,0)</f>
        <v>0</v>
      </c>
      <c r="Q5407" s="71">
        <f>IF(Input!$K$13=4,J5407*Input!$J$13,0)+IF(Input!$K$14=4,K5407*Input!$J$14,0)+IF(Input!$K$15=4,L5407*Input!$J$15,0)+IF(Input!$K$16=4,M5407*Input!$J$16,0)</f>
        <v>0</v>
      </c>
    </row>
    <row r="5408" spans="8:17" x14ac:dyDescent="0.25">
      <c r="H5408" s="43">
        <v>5401</v>
      </c>
      <c r="I5408" s="55">
        <f>Bühler!I5434</f>
        <v>0</v>
      </c>
      <c r="J5408" s="58">
        <f>Bühler!J5434</f>
        <v>6.0511581795147489</v>
      </c>
      <c r="K5408" s="58">
        <f>Bühler!K5434</f>
        <v>0.53011936334458865</v>
      </c>
      <c r="L5408" s="58">
        <f>Bühler!L5434</f>
        <v>0.26505968167229432</v>
      </c>
      <c r="M5408" s="57">
        <f>Bühler!M5434</f>
        <v>0</v>
      </c>
      <c r="N5408" s="55">
        <f>IF(Input!$K$13=1,J5408*Input!$J$13,0)+IF(Input!$K$14=1,K5408*Input!$J$14,0)+IF(Input!$K$15=1,L5408*Input!$J$15,0)+IF(Input!$K$16=1,M5408*Input!$J$16,0)</f>
        <v>0.72613898154176981</v>
      </c>
      <c r="O5408" s="58">
        <f>IF(Input!$K$13=2,J5408*Input!$J$13,0)+IF(Input!$K$14=2,K5408*Input!$J$14,0)+IF(Input!$K$15=2,L5408*Input!$J$15,0)+IF(Input!$K$16=2,M5408*Input!$J$16,0)</f>
        <v>7.1566114051519469E-2</v>
      </c>
      <c r="P5408" s="58">
        <f>IF(Input!$K$13=3,J5408*Input!$J$13,0)+IF(Input!$K$14=3,K5408*Input!$J$14,0)+IF(Input!$K$15=3,L5408*Input!$J$15,0)+IF(Input!$K$16=3,M5408*Input!$J$16,0)</f>
        <v>0</v>
      </c>
      <c r="Q5408" s="71">
        <f>IF(Input!$K$13=4,J5408*Input!$J$13,0)+IF(Input!$K$14=4,K5408*Input!$J$14,0)+IF(Input!$K$15=4,L5408*Input!$J$15,0)+IF(Input!$K$16=4,M5408*Input!$J$16,0)</f>
        <v>0</v>
      </c>
    </row>
    <row r="5409" spans="8:17" x14ac:dyDescent="0.25">
      <c r="H5409" s="43">
        <v>5402</v>
      </c>
      <c r="I5409" s="55">
        <f>Bühler!I5435</f>
        <v>0</v>
      </c>
      <c r="J5409" s="58">
        <f>Bühler!J5435</f>
        <v>6.0511581795147489</v>
      </c>
      <c r="K5409" s="58">
        <f>Bühler!K5435</f>
        <v>0.53011936334458865</v>
      </c>
      <c r="L5409" s="58">
        <f>Bühler!L5435</f>
        <v>0.26505968167229432</v>
      </c>
      <c r="M5409" s="57">
        <f>Bühler!M5435</f>
        <v>0</v>
      </c>
      <c r="N5409" s="55">
        <f>IF(Input!$K$13=1,J5409*Input!$J$13,0)+IF(Input!$K$14=1,K5409*Input!$J$14,0)+IF(Input!$K$15=1,L5409*Input!$J$15,0)+IF(Input!$K$16=1,M5409*Input!$J$16,0)</f>
        <v>0.72613898154176981</v>
      </c>
      <c r="O5409" s="58">
        <f>IF(Input!$K$13=2,J5409*Input!$J$13,0)+IF(Input!$K$14=2,K5409*Input!$J$14,0)+IF(Input!$K$15=2,L5409*Input!$J$15,0)+IF(Input!$K$16=2,M5409*Input!$J$16,0)</f>
        <v>7.1566114051519469E-2</v>
      </c>
      <c r="P5409" s="58">
        <f>IF(Input!$K$13=3,J5409*Input!$J$13,0)+IF(Input!$K$14=3,K5409*Input!$J$14,0)+IF(Input!$K$15=3,L5409*Input!$J$15,0)+IF(Input!$K$16=3,M5409*Input!$J$16,0)</f>
        <v>0</v>
      </c>
      <c r="Q5409" s="71">
        <f>IF(Input!$K$13=4,J5409*Input!$J$13,0)+IF(Input!$K$14=4,K5409*Input!$J$14,0)+IF(Input!$K$15=4,L5409*Input!$J$15,0)+IF(Input!$K$16=4,M5409*Input!$J$16,0)</f>
        <v>0</v>
      </c>
    </row>
    <row r="5410" spans="8:17" x14ac:dyDescent="0.25">
      <c r="H5410" s="43">
        <v>5403</v>
      </c>
      <c r="I5410" s="55">
        <f>Bühler!I5436</f>
        <v>0</v>
      </c>
      <c r="J5410" s="58">
        <f>Bühler!J5436</f>
        <v>6.0511581795147489</v>
      </c>
      <c r="K5410" s="58">
        <f>Bühler!K5436</f>
        <v>0.53011936334458865</v>
      </c>
      <c r="L5410" s="58">
        <f>Bühler!L5436</f>
        <v>0.26505968167229432</v>
      </c>
      <c r="M5410" s="57">
        <f>Bühler!M5436</f>
        <v>0</v>
      </c>
      <c r="N5410" s="55">
        <f>IF(Input!$K$13=1,J5410*Input!$J$13,0)+IF(Input!$K$14=1,K5410*Input!$J$14,0)+IF(Input!$K$15=1,L5410*Input!$J$15,0)+IF(Input!$K$16=1,M5410*Input!$J$16,0)</f>
        <v>0.72613898154176981</v>
      </c>
      <c r="O5410" s="58">
        <f>IF(Input!$K$13=2,J5410*Input!$J$13,0)+IF(Input!$K$14=2,K5410*Input!$J$14,0)+IF(Input!$K$15=2,L5410*Input!$J$15,0)+IF(Input!$K$16=2,M5410*Input!$J$16,0)</f>
        <v>7.1566114051519469E-2</v>
      </c>
      <c r="P5410" s="58">
        <f>IF(Input!$K$13=3,J5410*Input!$J$13,0)+IF(Input!$K$14=3,K5410*Input!$J$14,0)+IF(Input!$K$15=3,L5410*Input!$J$15,0)+IF(Input!$K$16=3,M5410*Input!$J$16,0)</f>
        <v>0</v>
      </c>
      <c r="Q5410" s="71">
        <f>IF(Input!$K$13=4,J5410*Input!$J$13,0)+IF(Input!$K$14=4,K5410*Input!$J$14,0)+IF(Input!$K$15=4,L5410*Input!$J$15,0)+IF(Input!$K$16=4,M5410*Input!$J$16,0)</f>
        <v>0</v>
      </c>
    </row>
    <row r="5411" spans="8:17" x14ac:dyDescent="0.25">
      <c r="H5411" s="43">
        <v>5404</v>
      </c>
      <c r="I5411" s="55">
        <f>Bühler!I5437</f>
        <v>0</v>
      </c>
      <c r="J5411" s="58">
        <f>Bühler!J5437</f>
        <v>6.0511581795147489</v>
      </c>
      <c r="K5411" s="58">
        <f>Bühler!K5437</f>
        <v>0.53011936334458865</v>
      </c>
      <c r="L5411" s="58">
        <f>Bühler!L5437</f>
        <v>0.26505968167229432</v>
      </c>
      <c r="M5411" s="57">
        <f>Bühler!M5437</f>
        <v>0</v>
      </c>
      <c r="N5411" s="55">
        <f>IF(Input!$K$13=1,J5411*Input!$J$13,0)+IF(Input!$K$14=1,K5411*Input!$J$14,0)+IF(Input!$K$15=1,L5411*Input!$J$15,0)+IF(Input!$K$16=1,M5411*Input!$J$16,0)</f>
        <v>0.72613898154176981</v>
      </c>
      <c r="O5411" s="58">
        <f>IF(Input!$K$13=2,J5411*Input!$J$13,0)+IF(Input!$K$14=2,K5411*Input!$J$14,0)+IF(Input!$K$15=2,L5411*Input!$J$15,0)+IF(Input!$K$16=2,M5411*Input!$J$16,0)</f>
        <v>7.1566114051519469E-2</v>
      </c>
      <c r="P5411" s="58">
        <f>IF(Input!$K$13=3,J5411*Input!$J$13,0)+IF(Input!$K$14=3,K5411*Input!$J$14,0)+IF(Input!$K$15=3,L5411*Input!$J$15,0)+IF(Input!$K$16=3,M5411*Input!$J$16,0)</f>
        <v>0</v>
      </c>
      <c r="Q5411" s="71">
        <f>IF(Input!$K$13=4,J5411*Input!$J$13,0)+IF(Input!$K$14=4,K5411*Input!$J$14,0)+IF(Input!$K$15=4,L5411*Input!$J$15,0)+IF(Input!$K$16=4,M5411*Input!$J$16,0)</f>
        <v>0</v>
      </c>
    </row>
    <row r="5412" spans="8:17" x14ac:dyDescent="0.25">
      <c r="H5412" s="43">
        <v>5405</v>
      </c>
      <c r="I5412" s="55">
        <f>Bühler!I5438</f>
        <v>0</v>
      </c>
      <c r="J5412" s="58">
        <f>Bühler!J5438</f>
        <v>6.0511581795147489</v>
      </c>
      <c r="K5412" s="58">
        <f>Bühler!K5438</f>
        <v>0.53011936334458865</v>
      </c>
      <c r="L5412" s="58">
        <f>Bühler!L5438</f>
        <v>0.26505968167229432</v>
      </c>
      <c r="M5412" s="57">
        <f>Bühler!M5438</f>
        <v>0</v>
      </c>
      <c r="N5412" s="55">
        <f>IF(Input!$K$13=1,J5412*Input!$J$13,0)+IF(Input!$K$14=1,K5412*Input!$J$14,0)+IF(Input!$K$15=1,L5412*Input!$J$15,0)+IF(Input!$K$16=1,M5412*Input!$J$16,0)</f>
        <v>0.72613898154176981</v>
      </c>
      <c r="O5412" s="58">
        <f>IF(Input!$K$13=2,J5412*Input!$J$13,0)+IF(Input!$K$14=2,K5412*Input!$J$14,0)+IF(Input!$K$15=2,L5412*Input!$J$15,0)+IF(Input!$K$16=2,M5412*Input!$J$16,0)</f>
        <v>7.1566114051519469E-2</v>
      </c>
      <c r="P5412" s="58">
        <f>IF(Input!$K$13=3,J5412*Input!$J$13,0)+IF(Input!$K$14=3,K5412*Input!$J$14,0)+IF(Input!$K$15=3,L5412*Input!$J$15,0)+IF(Input!$K$16=3,M5412*Input!$J$16,0)</f>
        <v>0</v>
      </c>
      <c r="Q5412" s="71">
        <f>IF(Input!$K$13=4,J5412*Input!$J$13,0)+IF(Input!$K$14=4,K5412*Input!$J$14,0)+IF(Input!$K$15=4,L5412*Input!$J$15,0)+IF(Input!$K$16=4,M5412*Input!$J$16,0)</f>
        <v>0</v>
      </c>
    </row>
    <row r="5413" spans="8:17" x14ac:dyDescent="0.25">
      <c r="H5413" s="43">
        <v>5406</v>
      </c>
      <c r="I5413" s="55">
        <f>Bühler!I5439</f>
        <v>0</v>
      </c>
      <c r="J5413" s="58">
        <f>Bühler!J5439</f>
        <v>6.0511581795147489</v>
      </c>
      <c r="K5413" s="58">
        <f>Bühler!K5439</f>
        <v>0.53011936334458865</v>
      </c>
      <c r="L5413" s="58">
        <f>Bühler!L5439</f>
        <v>0.26505968167229432</v>
      </c>
      <c r="M5413" s="57">
        <f>Bühler!M5439</f>
        <v>0</v>
      </c>
      <c r="N5413" s="55">
        <f>IF(Input!$K$13=1,J5413*Input!$J$13,0)+IF(Input!$K$14=1,K5413*Input!$J$14,0)+IF(Input!$K$15=1,L5413*Input!$J$15,0)+IF(Input!$K$16=1,M5413*Input!$J$16,0)</f>
        <v>0.72613898154176981</v>
      </c>
      <c r="O5413" s="58">
        <f>IF(Input!$K$13=2,J5413*Input!$J$13,0)+IF(Input!$K$14=2,K5413*Input!$J$14,0)+IF(Input!$K$15=2,L5413*Input!$J$15,0)+IF(Input!$K$16=2,M5413*Input!$J$16,0)</f>
        <v>7.1566114051519469E-2</v>
      </c>
      <c r="P5413" s="58">
        <f>IF(Input!$K$13=3,J5413*Input!$J$13,0)+IF(Input!$K$14=3,K5413*Input!$J$14,0)+IF(Input!$K$15=3,L5413*Input!$J$15,0)+IF(Input!$K$16=3,M5413*Input!$J$16,0)</f>
        <v>0</v>
      </c>
      <c r="Q5413" s="71">
        <f>IF(Input!$K$13=4,J5413*Input!$J$13,0)+IF(Input!$K$14=4,K5413*Input!$J$14,0)+IF(Input!$K$15=4,L5413*Input!$J$15,0)+IF(Input!$K$16=4,M5413*Input!$J$16,0)</f>
        <v>0</v>
      </c>
    </row>
    <row r="5414" spans="8:17" x14ac:dyDescent="0.25">
      <c r="H5414" s="43">
        <v>5407</v>
      </c>
      <c r="I5414" s="55">
        <f>Bühler!I5440</f>
        <v>0</v>
      </c>
      <c r="J5414" s="58">
        <f>Bühler!J5440</f>
        <v>6.0511581795147489</v>
      </c>
      <c r="K5414" s="58">
        <f>Bühler!K5440</f>
        <v>0.53011936334458865</v>
      </c>
      <c r="L5414" s="58">
        <f>Bühler!L5440</f>
        <v>0.26505968167229432</v>
      </c>
      <c r="M5414" s="57">
        <f>Bühler!M5440</f>
        <v>0</v>
      </c>
      <c r="N5414" s="55">
        <f>IF(Input!$K$13=1,J5414*Input!$J$13,0)+IF(Input!$K$14=1,K5414*Input!$J$14,0)+IF(Input!$K$15=1,L5414*Input!$J$15,0)+IF(Input!$K$16=1,M5414*Input!$J$16,0)</f>
        <v>0.72613898154176981</v>
      </c>
      <c r="O5414" s="58">
        <f>IF(Input!$K$13=2,J5414*Input!$J$13,0)+IF(Input!$K$14=2,K5414*Input!$J$14,0)+IF(Input!$K$15=2,L5414*Input!$J$15,0)+IF(Input!$K$16=2,M5414*Input!$J$16,0)</f>
        <v>7.1566114051519469E-2</v>
      </c>
      <c r="P5414" s="58">
        <f>IF(Input!$K$13=3,J5414*Input!$J$13,0)+IF(Input!$K$14=3,K5414*Input!$J$14,0)+IF(Input!$K$15=3,L5414*Input!$J$15,0)+IF(Input!$K$16=3,M5414*Input!$J$16,0)</f>
        <v>0</v>
      </c>
      <c r="Q5414" s="71">
        <f>IF(Input!$K$13=4,J5414*Input!$J$13,0)+IF(Input!$K$14=4,K5414*Input!$J$14,0)+IF(Input!$K$15=4,L5414*Input!$J$15,0)+IF(Input!$K$16=4,M5414*Input!$J$16,0)</f>
        <v>0</v>
      </c>
    </row>
    <row r="5415" spans="8:17" x14ac:dyDescent="0.25">
      <c r="H5415" s="43">
        <v>5408</v>
      </c>
      <c r="I5415" s="55">
        <f>Bühler!I5441</f>
        <v>0</v>
      </c>
      <c r="J5415" s="58">
        <f>Bühler!J5441</f>
        <v>25.777933844732829</v>
      </c>
      <c r="K5415" s="58">
        <f>Bühler!K5441</f>
        <v>2.2583084878479478</v>
      </c>
      <c r="L5415" s="58">
        <f>Bühler!L5441</f>
        <v>1.1291542439239739</v>
      </c>
      <c r="M5415" s="57">
        <f>Bühler!M5441</f>
        <v>0</v>
      </c>
      <c r="N5415" s="55">
        <f>IF(Input!$K$13=1,J5415*Input!$J$13,0)+IF(Input!$K$14=1,K5415*Input!$J$14,0)+IF(Input!$K$15=1,L5415*Input!$J$15,0)+IF(Input!$K$16=1,M5415*Input!$J$16,0)</f>
        <v>3.0933520613679395</v>
      </c>
      <c r="O5415" s="58">
        <f>IF(Input!$K$13=2,J5415*Input!$J$13,0)+IF(Input!$K$14=2,K5415*Input!$J$14,0)+IF(Input!$K$15=2,L5415*Input!$J$15,0)+IF(Input!$K$16=2,M5415*Input!$J$16,0)</f>
        <v>0.30487164585947291</v>
      </c>
      <c r="P5415" s="58">
        <f>IF(Input!$K$13=3,J5415*Input!$J$13,0)+IF(Input!$K$14=3,K5415*Input!$J$14,0)+IF(Input!$K$15=3,L5415*Input!$J$15,0)+IF(Input!$K$16=3,M5415*Input!$J$16,0)</f>
        <v>0</v>
      </c>
      <c r="Q5415" s="71">
        <f>IF(Input!$K$13=4,J5415*Input!$J$13,0)+IF(Input!$K$14=4,K5415*Input!$J$14,0)+IF(Input!$K$15=4,L5415*Input!$J$15,0)+IF(Input!$K$16=4,M5415*Input!$J$16,0)</f>
        <v>0</v>
      </c>
    </row>
    <row r="5416" spans="8:17" x14ac:dyDescent="0.25">
      <c r="H5416" s="43">
        <v>5409</v>
      </c>
      <c r="I5416" s="55">
        <f>Bühler!I5442</f>
        <v>0</v>
      </c>
      <c r="J5416" s="58">
        <f>Bühler!J5442</f>
        <v>29.00017557532443</v>
      </c>
      <c r="K5416" s="58">
        <f>Bühler!K5442</f>
        <v>2.5405970488289413</v>
      </c>
      <c r="L5416" s="58">
        <f>Bühler!L5442</f>
        <v>1.2702985244144707</v>
      </c>
      <c r="M5416" s="57">
        <f>Bühler!M5442</f>
        <v>0</v>
      </c>
      <c r="N5416" s="55">
        <f>IF(Input!$K$13=1,J5416*Input!$J$13,0)+IF(Input!$K$14=1,K5416*Input!$J$14,0)+IF(Input!$K$15=1,L5416*Input!$J$15,0)+IF(Input!$K$16=1,M5416*Input!$J$16,0)</f>
        <v>3.4800210690389317</v>
      </c>
      <c r="O5416" s="58">
        <f>IF(Input!$K$13=2,J5416*Input!$J$13,0)+IF(Input!$K$14=2,K5416*Input!$J$14,0)+IF(Input!$K$15=2,L5416*Input!$J$15,0)+IF(Input!$K$16=2,M5416*Input!$J$16,0)</f>
        <v>0.34298060159190707</v>
      </c>
      <c r="P5416" s="58">
        <f>IF(Input!$K$13=3,J5416*Input!$J$13,0)+IF(Input!$K$14=3,K5416*Input!$J$14,0)+IF(Input!$K$15=3,L5416*Input!$J$15,0)+IF(Input!$K$16=3,M5416*Input!$J$16,0)</f>
        <v>0</v>
      </c>
      <c r="Q5416" s="71">
        <f>IF(Input!$K$13=4,J5416*Input!$J$13,0)+IF(Input!$K$14=4,K5416*Input!$J$14,0)+IF(Input!$K$15=4,L5416*Input!$J$15,0)+IF(Input!$K$16=4,M5416*Input!$J$16,0)</f>
        <v>0</v>
      </c>
    </row>
    <row r="5417" spans="8:17" x14ac:dyDescent="0.25">
      <c r="H5417" s="43">
        <v>5410</v>
      </c>
      <c r="I5417" s="55">
        <f>Bühler!I5443</f>
        <v>0</v>
      </c>
      <c r="J5417" s="58">
        <f>Bühler!J5443</f>
        <v>32.222417305916039</v>
      </c>
      <c r="K5417" s="58">
        <f>Bühler!K5443</f>
        <v>2.8228856098099349</v>
      </c>
      <c r="L5417" s="58">
        <f>Bühler!L5443</f>
        <v>1.4114428049049674</v>
      </c>
      <c r="M5417" s="57">
        <f>Bühler!M5443</f>
        <v>0</v>
      </c>
      <c r="N5417" s="55">
        <f>IF(Input!$K$13=1,J5417*Input!$J$13,0)+IF(Input!$K$14=1,K5417*Input!$J$14,0)+IF(Input!$K$15=1,L5417*Input!$J$15,0)+IF(Input!$K$16=1,M5417*Input!$J$16,0)</f>
        <v>3.8666900767099244</v>
      </c>
      <c r="O5417" s="58">
        <f>IF(Input!$K$13=2,J5417*Input!$J$13,0)+IF(Input!$K$14=2,K5417*Input!$J$14,0)+IF(Input!$K$15=2,L5417*Input!$J$15,0)+IF(Input!$K$16=2,M5417*Input!$J$16,0)</f>
        <v>0.38108955732434124</v>
      </c>
      <c r="P5417" s="58">
        <f>IF(Input!$K$13=3,J5417*Input!$J$13,0)+IF(Input!$K$14=3,K5417*Input!$J$14,0)+IF(Input!$K$15=3,L5417*Input!$J$15,0)+IF(Input!$K$16=3,M5417*Input!$J$16,0)</f>
        <v>0</v>
      </c>
      <c r="Q5417" s="71">
        <f>IF(Input!$K$13=4,J5417*Input!$J$13,0)+IF(Input!$K$14=4,K5417*Input!$J$14,0)+IF(Input!$K$15=4,L5417*Input!$J$15,0)+IF(Input!$K$16=4,M5417*Input!$J$16,0)</f>
        <v>0</v>
      </c>
    </row>
    <row r="5418" spans="8:17" x14ac:dyDescent="0.25">
      <c r="H5418" s="43">
        <v>5411</v>
      </c>
      <c r="I5418" s="55">
        <f>Bühler!I5444</f>
        <v>0</v>
      </c>
      <c r="J5418" s="58">
        <f>Bühler!J5444</f>
        <v>32.222417305916039</v>
      </c>
      <c r="K5418" s="58">
        <f>Bühler!K5444</f>
        <v>2.8228856098099349</v>
      </c>
      <c r="L5418" s="58">
        <f>Bühler!L5444</f>
        <v>1.4114428049049674</v>
      </c>
      <c r="M5418" s="57">
        <f>Bühler!M5444</f>
        <v>0</v>
      </c>
      <c r="N5418" s="55">
        <f>IF(Input!$K$13=1,J5418*Input!$J$13,0)+IF(Input!$K$14=1,K5418*Input!$J$14,0)+IF(Input!$K$15=1,L5418*Input!$J$15,0)+IF(Input!$K$16=1,M5418*Input!$J$16,0)</f>
        <v>3.8666900767099244</v>
      </c>
      <c r="O5418" s="58">
        <f>IF(Input!$K$13=2,J5418*Input!$J$13,0)+IF(Input!$K$14=2,K5418*Input!$J$14,0)+IF(Input!$K$15=2,L5418*Input!$J$15,0)+IF(Input!$K$16=2,M5418*Input!$J$16,0)</f>
        <v>0.38108955732434124</v>
      </c>
      <c r="P5418" s="58">
        <f>IF(Input!$K$13=3,J5418*Input!$J$13,0)+IF(Input!$K$14=3,K5418*Input!$J$14,0)+IF(Input!$K$15=3,L5418*Input!$J$15,0)+IF(Input!$K$16=3,M5418*Input!$J$16,0)</f>
        <v>0</v>
      </c>
      <c r="Q5418" s="71">
        <f>IF(Input!$K$13=4,J5418*Input!$J$13,0)+IF(Input!$K$14=4,K5418*Input!$J$14,0)+IF(Input!$K$15=4,L5418*Input!$J$15,0)+IF(Input!$K$16=4,M5418*Input!$J$16,0)</f>
        <v>0</v>
      </c>
    </row>
    <row r="5419" spans="8:17" x14ac:dyDescent="0.25">
      <c r="H5419" s="43">
        <v>5412</v>
      </c>
      <c r="I5419" s="55">
        <f>Bühler!I5445</f>
        <v>0</v>
      </c>
      <c r="J5419" s="58">
        <f>Bühler!J5445</f>
        <v>38.666900767099236</v>
      </c>
      <c r="K5419" s="58">
        <f>Bühler!K5445</f>
        <v>3.387462731771921</v>
      </c>
      <c r="L5419" s="58">
        <f>Bühler!L5445</f>
        <v>1.6937313658859605</v>
      </c>
      <c r="M5419" s="57">
        <f>Bühler!M5445</f>
        <v>0</v>
      </c>
      <c r="N5419" s="55">
        <f>IF(Input!$K$13=1,J5419*Input!$J$13,0)+IF(Input!$K$14=1,K5419*Input!$J$14,0)+IF(Input!$K$15=1,L5419*Input!$J$15,0)+IF(Input!$K$16=1,M5419*Input!$J$16,0)</f>
        <v>4.6400280920519084</v>
      </c>
      <c r="O5419" s="58">
        <f>IF(Input!$K$13=2,J5419*Input!$J$13,0)+IF(Input!$K$14=2,K5419*Input!$J$14,0)+IF(Input!$K$15=2,L5419*Input!$J$15,0)+IF(Input!$K$16=2,M5419*Input!$J$16,0)</f>
        <v>0.45730746878920936</v>
      </c>
      <c r="P5419" s="58">
        <f>IF(Input!$K$13=3,J5419*Input!$J$13,0)+IF(Input!$K$14=3,K5419*Input!$J$14,0)+IF(Input!$K$15=3,L5419*Input!$J$15,0)+IF(Input!$K$16=3,M5419*Input!$J$16,0)</f>
        <v>0</v>
      </c>
      <c r="Q5419" s="71">
        <f>IF(Input!$K$13=4,J5419*Input!$J$13,0)+IF(Input!$K$14=4,K5419*Input!$J$14,0)+IF(Input!$K$15=4,L5419*Input!$J$15,0)+IF(Input!$K$16=4,M5419*Input!$J$16,0)</f>
        <v>0</v>
      </c>
    </row>
    <row r="5420" spans="8:17" x14ac:dyDescent="0.25">
      <c r="H5420" s="43">
        <v>5413</v>
      </c>
      <c r="I5420" s="55">
        <f>Bühler!I5446</f>
        <v>0</v>
      </c>
      <c r="J5420" s="58">
        <f>Bühler!J5446</f>
        <v>38.666900767099236</v>
      </c>
      <c r="K5420" s="58">
        <f>Bühler!K5446</f>
        <v>3.387462731771921</v>
      </c>
      <c r="L5420" s="58">
        <f>Bühler!L5446</f>
        <v>1.6937313658859605</v>
      </c>
      <c r="M5420" s="57">
        <f>Bühler!M5446</f>
        <v>0</v>
      </c>
      <c r="N5420" s="55">
        <f>IF(Input!$K$13=1,J5420*Input!$J$13,0)+IF(Input!$K$14=1,K5420*Input!$J$14,0)+IF(Input!$K$15=1,L5420*Input!$J$15,0)+IF(Input!$K$16=1,M5420*Input!$J$16,0)</f>
        <v>4.6400280920519084</v>
      </c>
      <c r="O5420" s="58">
        <f>IF(Input!$K$13=2,J5420*Input!$J$13,0)+IF(Input!$K$14=2,K5420*Input!$J$14,0)+IF(Input!$K$15=2,L5420*Input!$J$15,0)+IF(Input!$K$16=2,M5420*Input!$J$16,0)</f>
        <v>0.45730746878920936</v>
      </c>
      <c r="P5420" s="58">
        <f>IF(Input!$K$13=3,J5420*Input!$J$13,0)+IF(Input!$K$14=3,K5420*Input!$J$14,0)+IF(Input!$K$15=3,L5420*Input!$J$15,0)+IF(Input!$K$16=3,M5420*Input!$J$16,0)</f>
        <v>0</v>
      </c>
      <c r="Q5420" s="71">
        <f>IF(Input!$K$13=4,J5420*Input!$J$13,0)+IF(Input!$K$14=4,K5420*Input!$J$14,0)+IF(Input!$K$15=4,L5420*Input!$J$15,0)+IF(Input!$K$16=4,M5420*Input!$J$16,0)</f>
        <v>0</v>
      </c>
    </row>
    <row r="5421" spans="8:17" x14ac:dyDescent="0.25">
      <c r="H5421" s="43">
        <v>5414</v>
      </c>
      <c r="I5421" s="55">
        <f>Bühler!I5447</f>
        <v>0</v>
      </c>
      <c r="J5421" s="58">
        <f>Bühler!J5447</f>
        <v>25.777933844732829</v>
      </c>
      <c r="K5421" s="58">
        <f>Bühler!K5447</f>
        <v>2.2583084878479478</v>
      </c>
      <c r="L5421" s="58">
        <f>Bühler!L5447</f>
        <v>1.1291542439239739</v>
      </c>
      <c r="M5421" s="57">
        <f>Bühler!M5447</f>
        <v>0</v>
      </c>
      <c r="N5421" s="55">
        <f>IF(Input!$K$13=1,J5421*Input!$J$13,0)+IF(Input!$K$14=1,K5421*Input!$J$14,0)+IF(Input!$K$15=1,L5421*Input!$J$15,0)+IF(Input!$K$16=1,M5421*Input!$J$16,0)</f>
        <v>3.0933520613679395</v>
      </c>
      <c r="O5421" s="58">
        <f>IF(Input!$K$13=2,J5421*Input!$J$13,0)+IF(Input!$K$14=2,K5421*Input!$J$14,0)+IF(Input!$K$15=2,L5421*Input!$J$15,0)+IF(Input!$K$16=2,M5421*Input!$J$16,0)</f>
        <v>0.30487164585947291</v>
      </c>
      <c r="P5421" s="58">
        <f>IF(Input!$K$13=3,J5421*Input!$J$13,0)+IF(Input!$K$14=3,K5421*Input!$J$14,0)+IF(Input!$K$15=3,L5421*Input!$J$15,0)+IF(Input!$K$16=3,M5421*Input!$J$16,0)</f>
        <v>0</v>
      </c>
      <c r="Q5421" s="71">
        <f>IF(Input!$K$13=4,J5421*Input!$J$13,0)+IF(Input!$K$14=4,K5421*Input!$J$14,0)+IF(Input!$K$15=4,L5421*Input!$J$15,0)+IF(Input!$K$16=4,M5421*Input!$J$16,0)</f>
        <v>0</v>
      </c>
    </row>
    <row r="5422" spans="8:17" x14ac:dyDescent="0.25">
      <c r="H5422" s="43">
        <v>5415</v>
      </c>
      <c r="I5422" s="55">
        <f>Bühler!I5448</f>
        <v>0</v>
      </c>
      <c r="J5422" s="58">
        <f>Bühler!J5448</f>
        <v>38.666900767099236</v>
      </c>
      <c r="K5422" s="58">
        <f>Bühler!K5448</f>
        <v>3.387462731771921</v>
      </c>
      <c r="L5422" s="58">
        <f>Bühler!L5448</f>
        <v>1.6937313658859605</v>
      </c>
      <c r="M5422" s="57">
        <f>Bühler!M5448</f>
        <v>0</v>
      </c>
      <c r="N5422" s="55">
        <f>IF(Input!$K$13=1,J5422*Input!$J$13,0)+IF(Input!$K$14=1,K5422*Input!$J$14,0)+IF(Input!$K$15=1,L5422*Input!$J$15,0)+IF(Input!$K$16=1,M5422*Input!$J$16,0)</f>
        <v>4.6400280920519084</v>
      </c>
      <c r="O5422" s="58">
        <f>IF(Input!$K$13=2,J5422*Input!$J$13,0)+IF(Input!$K$14=2,K5422*Input!$J$14,0)+IF(Input!$K$15=2,L5422*Input!$J$15,0)+IF(Input!$K$16=2,M5422*Input!$J$16,0)</f>
        <v>0.45730746878920936</v>
      </c>
      <c r="P5422" s="58">
        <f>IF(Input!$K$13=3,J5422*Input!$J$13,0)+IF(Input!$K$14=3,K5422*Input!$J$14,0)+IF(Input!$K$15=3,L5422*Input!$J$15,0)+IF(Input!$K$16=3,M5422*Input!$J$16,0)</f>
        <v>0</v>
      </c>
      <c r="Q5422" s="71">
        <f>IF(Input!$K$13=4,J5422*Input!$J$13,0)+IF(Input!$K$14=4,K5422*Input!$J$14,0)+IF(Input!$K$15=4,L5422*Input!$J$15,0)+IF(Input!$K$16=4,M5422*Input!$J$16,0)</f>
        <v>0</v>
      </c>
    </row>
    <row r="5423" spans="8:17" x14ac:dyDescent="0.25">
      <c r="H5423" s="43">
        <v>5416</v>
      </c>
      <c r="I5423" s="55">
        <f>Bühler!I5449</f>
        <v>0</v>
      </c>
      <c r="J5423" s="58">
        <f>Bühler!J5449</f>
        <v>38.666900767099236</v>
      </c>
      <c r="K5423" s="58">
        <f>Bühler!K5449</f>
        <v>3.387462731771921</v>
      </c>
      <c r="L5423" s="58">
        <f>Bühler!L5449</f>
        <v>1.6937313658859605</v>
      </c>
      <c r="M5423" s="57">
        <f>Bühler!M5449</f>
        <v>0</v>
      </c>
      <c r="N5423" s="55">
        <f>IF(Input!$K$13=1,J5423*Input!$J$13,0)+IF(Input!$K$14=1,K5423*Input!$J$14,0)+IF(Input!$K$15=1,L5423*Input!$J$15,0)+IF(Input!$K$16=1,M5423*Input!$J$16,0)</f>
        <v>4.6400280920519084</v>
      </c>
      <c r="O5423" s="58">
        <f>IF(Input!$K$13=2,J5423*Input!$J$13,0)+IF(Input!$K$14=2,K5423*Input!$J$14,0)+IF(Input!$K$15=2,L5423*Input!$J$15,0)+IF(Input!$K$16=2,M5423*Input!$J$16,0)</f>
        <v>0.45730746878920936</v>
      </c>
      <c r="P5423" s="58">
        <f>IF(Input!$K$13=3,J5423*Input!$J$13,0)+IF(Input!$K$14=3,K5423*Input!$J$14,0)+IF(Input!$K$15=3,L5423*Input!$J$15,0)+IF(Input!$K$16=3,M5423*Input!$J$16,0)</f>
        <v>0</v>
      </c>
      <c r="Q5423" s="71">
        <f>IF(Input!$K$13=4,J5423*Input!$J$13,0)+IF(Input!$K$14=4,K5423*Input!$J$14,0)+IF(Input!$K$15=4,L5423*Input!$J$15,0)+IF(Input!$K$16=4,M5423*Input!$J$16,0)</f>
        <v>0</v>
      </c>
    </row>
    <row r="5424" spans="8:17" x14ac:dyDescent="0.25">
      <c r="H5424" s="43">
        <v>5417</v>
      </c>
      <c r="I5424" s="55">
        <f>Bühler!I5450</f>
        <v>0</v>
      </c>
      <c r="J5424" s="58">
        <f>Bühler!J5450</f>
        <v>22.555692114141223</v>
      </c>
      <c r="K5424" s="58">
        <f>Bühler!K5450</f>
        <v>1.9760199268669545</v>
      </c>
      <c r="L5424" s="58">
        <f>Bühler!L5450</f>
        <v>0.98800996343347725</v>
      </c>
      <c r="M5424" s="57">
        <f>Bühler!M5450</f>
        <v>0</v>
      </c>
      <c r="N5424" s="55">
        <f>IF(Input!$K$13=1,J5424*Input!$J$13,0)+IF(Input!$K$14=1,K5424*Input!$J$14,0)+IF(Input!$K$15=1,L5424*Input!$J$15,0)+IF(Input!$K$16=1,M5424*Input!$J$16,0)</f>
        <v>2.7066830536969468</v>
      </c>
      <c r="O5424" s="58">
        <f>IF(Input!$K$13=2,J5424*Input!$J$13,0)+IF(Input!$K$14=2,K5424*Input!$J$14,0)+IF(Input!$K$15=2,L5424*Input!$J$15,0)+IF(Input!$K$16=2,M5424*Input!$J$16,0)</f>
        <v>0.26676269012703885</v>
      </c>
      <c r="P5424" s="58">
        <f>IF(Input!$K$13=3,J5424*Input!$J$13,0)+IF(Input!$K$14=3,K5424*Input!$J$14,0)+IF(Input!$K$15=3,L5424*Input!$J$15,0)+IF(Input!$K$16=3,M5424*Input!$J$16,0)</f>
        <v>0</v>
      </c>
      <c r="Q5424" s="71">
        <f>IF(Input!$K$13=4,J5424*Input!$J$13,0)+IF(Input!$K$14=4,K5424*Input!$J$14,0)+IF(Input!$K$15=4,L5424*Input!$J$15,0)+IF(Input!$K$16=4,M5424*Input!$J$16,0)</f>
        <v>0</v>
      </c>
    </row>
    <row r="5425" spans="8:17" x14ac:dyDescent="0.25">
      <c r="H5425" s="43">
        <v>5418</v>
      </c>
      <c r="I5425" s="55">
        <f>Bühler!I5451</f>
        <v>0</v>
      </c>
      <c r="J5425" s="58">
        <f>Bühler!J5451</f>
        <v>6.4444834611832071</v>
      </c>
      <c r="K5425" s="58">
        <f>Bühler!K5451</f>
        <v>0.56457712196198695</v>
      </c>
      <c r="L5425" s="58">
        <f>Bühler!L5451</f>
        <v>0.28228856098099347</v>
      </c>
      <c r="M5425" s="57">
        <f>Bühler!M5451</f>
        <v>0</v>
      </c>
      <c r="N5425" s="55">
        <f>IF(Input!$K$13=1,J5425*Input!$J$13,0)+IF(Input!$K$14=1,K5425*Input!$J$14,0)+IF(Input!$K$15=1,L5425*Input!$J$15,0)+IF(Input!$K$16=1,M5425*Input!$J$16,0)</f>
        <v>0.77333801534198487</v>
      </c>
      <c r="O5425" s="58">
        <f>IF(Input!$K$13=2,J5425*Input!$J$13,0)+IF(Input!$K$14=2,K5425*Input!$J$14,0)+IF(Input!$K$15=2,L5425*Input!$J$15,0)+IF(Input!$K$16=2,M5425*Input!$J$16,0)</f>
        <v>7.6217911464868227E-2</v>
      </c>
      <c r="P5425" s="58">
        <f>IF(Input!$K$13=3,J5425*Input!$J$13,0)+IF(Input!$K$14=3,K5425*Input!$J$14,0)+IF(Input!$K$15=3,L5425*Input!$J$15,0)+IF(Input!$K$16=3,M5425*Input!$J$16,0)</f>
        <v>0</v>
      </c>
      <c r="Q5425" s="71">
        <f>IF(Input!$K$13=4,J5425*Input!$J$13,0)+IF(Input!$K$14=4,K5425*Input!$J$14,0)+IF(Input!$K$15=4,L5425*Input!$J$15,0)+IF(Input!$K$16=4,M5425*Input!$J$16,0)</f>
        <v>0</v>
      </c>
    </row>
    <row r="5426" spans="8:17" x14ac:dyDescent="0.25">
      <c r="H5426" s="43">
        <v>5419</v>
      </c>
      <c r="I5426" s="55">
        <f>Bühler!I5452</f>
        <v>0</v>
      </c>
      <c r="J5426" s="58">
        <f>Bühler!J5452</f>
        <v>6.3537160884904864</v>
      </c>
      <c r="K5426" s="58">
        <f>Bühler!K5452</f>
        <v>0.55662533151181814</v>
      </c>
      <c r="L5426" s="58">
        <f>Bühler!L5452</f>
        <v>0.27831266575590907</v>
      </c>
      <c r="M5426" s="57">
        <f>Bühler!M5452</f>
        <v>0</v>
      </c>
      <c r="N5426" s="55">
        <f>IF(Input!$K$13=1,J5426*Input!$J$13,0)+IF(Input!$K$14=1,K5426*Input!$J$14,0)+IF(Input!$K$15=1,L5426*Input!$J$15,0)+IF(Input!$K$16=1,M5426*Input!$J$16,0)</f>
        <v>0.76244593061885835</v>
      </c>
      <c r="O5426" s="58">
        <f>IF(Input!$K$13=2,J5426*Input!$J$13,0)+IF(Input!$K$14=2,K5426*Input!$J$14,0)+IF(Input!$K$15=2,L5426*Input!$J$15,0)+IF(Input!$K$16=2,M5426*Input!$J$16,0)</f>
        <v>7.5144419754095443E-2</v>
      </c>
      <c r="P5426" s="58">
        <f>IF(Input!$K$13=3,J5426*Input!$J$13,0)+IF(Input!$K$14=3,K5426*Input!$J$14,0)+IF(Input!$K$15=3,L5426*Input!$J$15,0)+IF(Input!$K$16=3,M5426*Input!$J$16,0)</f>
        <v>0</v>
      </c>
      <c r="Q5426" s="71">
        <f>IF(Input!$K$13=4,J5426*Input!$J$13,0)+IF(Input!$K$14=4,K5426*Input!$J$14,0)+IF(Input!$K$15=4,L5426*Input!$J$15,0)+IF(Input!$K$16=4,M5426*Input!$J$16,0)</f>
        <v>0</v>
      </c>
    </row>
    <row r="5427" spans="8:17" x14ac:dyDescent="0.25">
      <c r="H5427" s="43">
        <v>5420</v>
      </c>
      <c r="I5427" s="55">
        <f>Bühler!I5453</f>
        <v>0</v>
      </c>
      <c r="J5427" s="58">
        <f>Bühler!J5453</f>
        <v>6.3537160884904864</v>
      </c>
      <c r="K5427" s="58">
        <f>Bühler!K5453</f>
        <v>0.55662533151181814</v>
      </c>
      <c r="L5427" s="58">
        <f>Bühler!L5453</f>
        <v>0.27831266575590907</v>
      </c>
      <c r="M5427" s="57">
        <f>Bühler!M5453</f>
        <v>0</v>
      </c>
      <c r="N5427" s="55">
        <f>IF(Input!$K$13=1,J5427*Input!$J$13,0)+IF(Input!$K$14=1,K5427*Input!$J$14,0)+IF(Input!$K$15=1,L5427*Input!$J$15,0)+IF(Input!$K$16=1,M5427*Input!$J$16,0)</f>
        <v>0.76244593061885835</v>
      </c>
      <c r="O5427" s="58">
        <f>IF(Input!$K$13=2,J5427*Input!$J$13,0)+IF(Input!$K$14=2,K5427*Input!$J$14,0)+IF(Input!$K$15=2,L5427*Input!$J$15,0)+IF(Input!$K$16=2,M5427*Input!$J$16,0)</f>
        <v>7.5144419754095443E-2</v>
      </c>
      <c r="P5427" s="58">
        <f>IF(Input!$K$13=3,J5427*Input!$J$13,0)+IF(Input!$K$14=3,K5427*Input!$J$14,0)+IF(Input!$K$15=3,L5427*Input!$J$15,0)+IF(Input!$K$16=3,M5427*Input!$J$16,0)</f>
        <v>0</v>
      </c>
      <c r="Q5427" s="71">
        <f>IF(Input!$K$13=4,J5427*Input!$J$13,0)+IF(Input!$K$14=4,K5427*Input!$J$14,0)+IF(Input!$K$15=4,L5427*Input!$J$15,0)+IF(Input!$K$16=4,M5427*Input!$J$16,0)</f>
        <v>0</v>
      </c>
    </row>
    <row r="5428" spans="8:17" x14ac:dyDescent="0.25">
      <c r="H5428" s="43">
        <v>5421</v>
      </c>
      <c r="I5428" s="55">
        <f>Bühler!I5454</f>
        <v>0</v>
      </c>
      <c r="J5428" s="58">
        <f>Bühler!J5454</f>
        <v>6.3537160884904864</v>
      </c>
      <c r="K5428" s="58">
        <f>Bühler!K5454</f>
        <v>0.55662533151181814</v>
      </c>
      <c r="L5428" s="58">
        <f>Bühler!L5454</f>
        <v>0.27831266575590907</v>
      </c>
      <c r="M5428" s="57">
        <f>Bühler!M5454</f>
        <v>0</v>
      </c>
      <c r="N5428" s="55">
        <f>IF(Input!$K$13=1,J5428*Input!$J$13,0)+IF(Input!$K$14=1,K5428*Input!$J$14,0)+IF(Input!$K$15=1,L5428*Input!$J$15,0)+IF(Input!$K$16=1,M5428*Input!$J$16,0)</f>
        <v>0.76244593061885835</v>
      </c>
      <c r="O5428" s="58">
        <f>IF(Input!$K$13=2,J5428*Input!$J$13,0)+IF(Input!$K$14=2,K5428*Input!$J$14,0)+IF(Input!$K$15=2,L5428*Input!$J$15,0)+IF(Input!$K$16=2,M5428*Input!$J$16,0)</f>
        <v>7.5144419754095443E-2</v>
      </c>
      <c r="P5428" s="58">
        <f>IF(Input!$K$13=3,J5428*Input!$J$13,0)+IF(Input!$K$14=3,K5428*Input!$J$14,0)+IF(Input!$K$15=3,L5428*Input!$J$15,0)+IF(Input!$K$16=3,M5428*Input!$J$16,0)</f>
        <v>0</v>
      </c>
      <c r="Q5428" s="71">
        <f>IF(Input!$K$13=4,J5428*Input!$J$13,0)+IF(Input!$K$14=4,K5428*Input!$J$14,0)+IF(Input!$K$15=4,L5428*Input!$J$15,0)+IF(Input!$K$16=4,M5428*Input!$J$16,0)</f>
        <v>0</v>
      </c>
    </row>
    <row r="5429" spans="8:17" x14ac:dyDescent="0.25">
      <c r="H5429" s="43">
        <v>5422</v>
      </c>
      <c r="I5429" s="55">
        <f>Bühler!I5455</f>
        <v>0</v>
      </c>
      <c r="J5429" s="58">
        <f>Bühler!J5455</f>
        <v>6.3537160884904864</v>
      </c>
      <c r="K5429" s="58">
        <f>Bühler!K5455</f>
        <v>0.55662533151181814</v>
      </c>
      <c r="L5429" s="58">
        <f>Bühler!L5455</f>
        <v>0.27831266575590907</v>
      </c>
      <c r="M5429" s="57">
        <f>Bühler!M5455</f>
        <v>0</v>
      </c>
      <c r="N5429" s="55">
        <f>IF(Input!$K$13=1,J5429*Input!$J$13,0)+IF(Input!$K$14=1,K5429*Input!$J$14,0)+IF(Input!$K$15=1,L5429*Input!$J$15,0)+IF(Input!$K$16=1,M5429*Input!$J$16,0)</f>
        <v>0.76244593061885835</v>
      </c>
      <c r="O5429" s="58">
        <f>IF(Input!$K$13=2,J5429*Input!$J$13,0)+IF(Input!$K$14=2,K5429*Input!$J$14,0)+IF(Input!$K$15=2,L5429*Input!$J$15,0)+IF(Input!$K$16=2,M5429*Input!$J$16,0)</f>
        <v>7.5144419754095443E-2</v>
      </c>
      <c r="P5429" s="58">
        <f>IF(Input!$K$13=3,J5429*Input!$J$13,0)+IF(Input!$K$14=3,K5429*Input!$J$14,0)+IF(Input!$K$15=3,L5429*Input!$J$15,0)+IF(Input!$K$16=3,M5429*Input!$J$16,0)</f>
        <v>0</v>
      </c>
      <c r="Q5429" s="71">
        <f>IF(Input!$K$13=4,J5429*Input!$J$13,0)+IF(Input!$K$14=4,K5429*Input!$J$14,0)+IF(Input!$K$15=4,L5429*Input!$J$15,0)+IF(Input!$K$16=4,M5429*Input!$J$16,0)</f>
        <v>0</v>
      </c>
    </row>
    <row r="5430" spans="8:17" x14ac:dyDescent="0.25">
      <c r="H5430" s="43">
        <v>5423</v>
      </c>
      <c r="I5430" s="55">
        <f>Bühler!I5456</f>
        <v>0</v>
      </c>
      <c r="J5430" s="58">
        <f>Bühler!J5456</f>
        <v>6.3537160884904864</v>
      </c>
      <c r="K5430" s="58">
        <f>Bühler!K5456</f>
        <v>0.55662533151181814</v>
      </c>
      <c r="L5430" s="58">
        <f>Bühler!L5456</f>
        <v>0.27831266575590907</v>
      </c>
      <c r="M5430" s="57">
        <f>Bühler!M5456</f>
        <v>0</v>
      </c>
      <c r="N5430" s="55">
        <f>IF(Input!$K$13=1,J5430*Input!$J$13,0)+IF(Input!$K$14=1,K5430*Input!$J$14,0)+IF(Input!$K$15=1,L5430*Input!$J$15,0)+IF(Input!$K$16=1,M5430*Input!$J$16,0)</f>
        <v>0.76244593061885835</v>
      </c>
      <c r="O5430" s="58">
        <f>IF(Input!$K$13=2,J5430*Input!$J$13,0)+IF(Input!$K$14=2,K5430*Input!$J$14,0)+IF(Input!$K$15=2,L5430*Input!$J$15,0)+IF(Input!$K$16=2,M5430*Input!$J$16,0)</f>
        <v>7.5144419754095443E-2</v>
      </c>
      <c r="P5430" s="58">
        <f>IF(Input!$K$13=3,J5430*Input!$J$13,0)+IF(Input!$K$14=3,K5430*Input!$J$14,0)+IF(Input!$K$15=3,L5430*Input!$J$15,0)+IF(Input!$K$16=3,M5430*Input!$J$16,0)</f>
        <v>0</v>
      </c>
      <c r="Q5430" s="71">
        <f>IF(Input!$K$13=4,J5430*Input!$J$13,0)+IF(Input!$K$14=4,K5430*Input!$J$14,0)+IF(Input!$K$15=4,L5430*Input!$J$15,0)+IF(Input!$K$16=4,M5430*Input!$J$16,0)</f>
        <v>0</v>
      </c>
    </row>
    <row r="5431" spans="8:17" x14ac:dyDescent="0.25">
      <c r="H5431" s="43">
        <v>5424</v>
      </c>
      <c r="I5431" s="55">
        <f>Bühler!I5457</f>
        <v>0</v>
      </c>
      <c r="J5431" s="58">
        <f>Bühler!J5457</f>
        <v>6.3537160884904864</v>
      </c>
      <c r="K5431" s="58">
        <f>Bühler!K5457</f>
        <v>0.55662533151181814</v>
      </c>
      <c r="L5431" s="58">
        <f>Bühler!L5457</f>
        <v>0.27831266575590907</v>
      </c>
      <c r="M5431" s="57">
        <f>Bühler!M5457</f>
        <v>0</v>
      </c>
      <c r="N5431" s="55">
        <f>IF(Input!$K$13=1,J5431*Input!$J$13,0)+IF(Input!$K$14=1,K5431*Input!$J$14,0)+IF(Input!$K$15=1,L5431*Input!$J$15,0)+IF(Input!$K$16=1,M5431*Input!$J$16,0)</f>
        <v>0.76244593061885835</v>
      </c>
      <c r="O5431" s="58">
        <f>IF(Input!$K$13=2,J5431*Input!$J$13,0)+IF(Input!$K$14=2,K5431*Input!$J$14,0)+IF(Input!$K$15=2,L5431*Input!$J$15,0)+IF(Input!$K$16=2,M5431*Input!$J$16,0)</f>
        <v>7.5144419754095443E-2</v>
      </c>
      <c r="P5431" s="58">
        <f>IF(Input!$K$13=3,J5431*Input!$J$13,0)+IF(Input!$K$14=3,K5431*Input!$J$14,0)+IF(Input!$K$15=3,L5431*Input!$J$15,0)+IF(Input!$K$16=3,M5431*Input!$J$16,0)</f>
        <v>0</v>
      </c>
      <c r="Q5431" s="71">
        <f>IF(Input!$K$13=4,J5431*Input!$J$13,0)+IF(Input!$K$14=4,K5431*Input!$J$14,0)+IF(Input!$K$15=4,L5431*Input!$J$15,0)+IF(Input!$K$16=4,M5431*Input!$J$16,0)</f>
        <v>0</v>
      </c>
    </row>
    <row r="5432" spans="8:17" x14ac:dyDescent="0.25">
      <c r="H5432" s="43">
        <v>5425</v>
      </c>
      <c r="I5432" s="55">
        <f>Bühler!I5458</f>
        <v>0</v>
      </c>
      <c r="J5432" s="58">
        <f>Bühler!J5458</f>
        <v>3.9958439576374207</v>
      </c>
      <c r="K5432" s="58">
        <f>Bühler!K5458</f>
        <v>0.35252634332055943</v>
      </c>
      <c r="L5432" s="58">
        <f>Bühler!L5458</f>
        <v>0.17626317166027972</v>
      </c>
      <c r="M5432" s="57">
        <f>Bühler!M5458</f>
        <v>0</v>
      </c>
      <c r="N5432" s="55">
        <f>IF(Input!$K$13=1,J5432*Input!$J$13,0)+IF(Input!$K$14=1,K5432*Input!$J$14,0)+IF(Input!$K$15=1,L5432*Input!$J$15,0)+IF(Input!$K$16=1,M5432*Input!$J$16,0)</f>
        <v>0.47950127491649047</v>
      </c>
      <c r="O5432" s="58">
        <f>IF(Input!$K$13=2,J5432*Input!$J$13,0)+IF(Input!$K$14=2,K5432*Input!$J$14,0)+IF(Input!$K$15=2,L5432*Input!$J$15,0)+IF(Input!$K$16=2,M5432*Input!$J$16,0)</f>
        <v>4.7591056348275526E-2</v>
      </c>
      <c r="P5432" s="58">
        <f>IF(Input!$K$13=3,J5432*Input!$J$13,0)+IF(Input!$K$14=3,K5432*Input!$J$14,0)+IF(Input!$K$15=3,L5432*Input!$J$15,0)+IF(Input!$K$16=3,M5432*Input!$J$16,0)</f>
        <v>0</v>
      </c>
      <c r="Q5432" s="71">
        <f>IF(Input!$K$13=4,J5432*Input!$J$13,0)+IF(Input!$K$14=4,K5432*Input!$J$14,0)+IF(Input!$K$15=4,L5432*Input!$J$15,0)+IF(Input!$K$16=4,M5432*Input!$J$16,0)</f>
        <v>0</v>
      </c>
    </row>
    <row r="5433" spans="8:17" x14ac:dyDescent="0.25">
      <c r="H5433" s="43">
        <v>5426</v>
      </c>
      <c r="I5433" s="55">
        <f>Bühler!I5459</f>
        <v>0</v>
      </c>
      <c r="J5433" s="58">
        <f>Bühler!J5459</f>
        <v>6.0889050783046414</v>
      </c>
      <c r="K5433" s="58">
        <f>Bühler!K5459</f>
        <v>0.53718299934561431</v>
      </c>
      <c r="L5433" s="58">
        <f>Bühler!L5459</f>
        <v>0.26859149967280715</v>
      </c>
      <c r="M5433" s="57">
        <f>Bühler!M5459</f>
        <v>0</v>
      </c>
      <c r="N5433" s="55">
        <f>IF(Input!$K$13=1,J5433*Input!$J$13,0)+IF(Input!$K$14=1,K5433*Input!$J$14,0)+IF(Input!$K$15=1,L5433*Input!$J$15,0)+IF(Input!$K$16=1,M5433*Input!$J$16,0)</f>
        <v>0.73066860939655698</v>
      </c>
      <c r="O5433" s="58">
        <f>IF(Input!$K$13=2,J5433*Input!$J$13,0)+IF(Input!$K$14=2,K5433*Input!$J$14,0)+IF(Input!$K$15=2,L5433*Input!$J$15,0)+IF(Input!$K$16=2,M5433*Input!$J$16,0)</f>
        <v>7.2519704911657934E-2</v>
      </c>
      <c r="P5433" s="58">
        <f>IF(Input!$K$13=3,J5433*Input!$J$13,0)+IF(Input!$K$14=3,K5433*Input!$J$14,0)+IF(Input!$K$15=3,L5433*Input!$J$15,0)+IF(Input!$K$16=3,M5433*Input!$J$16,0)</f>
        <v>0</v>
      </c>
      <c r="Q5433" s="71">
        <f>IF(Input!$K$13=4,J5433*Input!$J$13,0)+IF(Input!$K$14=4,K5433*Input!$J$14,0)+IF(Input!$K$15=4,L5433*Input!$J$15,0)+IF(Input!$K$16=4,M5433*Input!$J$16,0)</f>
        <v>0</v>
      </c>
    </row>
    <row r="5434" spans="8:17" x14ac:dyDescent="0.25">
      <c r="H5434" s="43">
        <v>5427</v>
      </c>
      <c r="I5434" s="55">
        <f>Bühler!I5460</f>
        <v>0</v>
      </c>
      <c r="J5434" s="58">
        <f>Bühler!J5460</f>
        <v>6.0889050783046414</v>
      </c>
      <c r="K5434" s="58">
        <f>Bühler!K5460</f>
        <v>0.53718299934561431</v>
      </c>
      <c r="L5434" s="58">
        <f>Bühler!L5460</f>
        <v>0.26859149967280715</v>
      </c>
      <c r="M5434" s="57">
        <f>Bühler!M5460</f>
        <v>0</v>
      </c>
      <c r="N5434" s="55">
        <f>IF(Input!$K$13=1,J5434*Input!$J$13,0)+IF(Input!$K$14=1,K5434*Input!$J$14,0)+IF(Input!$K$15=1,L5434*Input!$J$15,0)+IF(Input!$K$16=1,M5434*Input!$J$16,0)</f>
        <v>0.73066860939655698</v>
      </c>
      <c r="O5434" s="58">
        <f>IF(Input!$K$13=2,J5434*Input!$J$13,0)+IF(Input!$K$14=2,K5434*Input!$J$14,0)+IF(Input!$K$15=2,L5434*Input!$J$15,0)+IF(Input!$K$16=2,M5434*Input!$J$16,0)</f>
        <v>7.2519704911657934E-2</v>
      </c>
      <c r="P5434" s="58">
        <f>IF(Input!$K$13=3,J5434*Input!$J$13,0)+IF(Input!$K$14=3,K5434*Input!$J$14,0)+IF(Input!$K$15=3,L5434*Input!$J$15,0)+IF(Input!$K$16=3,M5434*Input!$J$16,0)</f>
        <v>0</v>
      </c>
      <c r="Q5434" s="71">
        <f>IF(Input!$K$13=4,J5434*Input!$J$13,0)+IF(Input!$K$14=4,K5434*Input!$J$14,0)+IF(Input!$K$15=4,L5434*Input!$J$15,0)+IF(Input!$K$16=4,M5434*Input!$J$16,0)</f>
        <v>0</v>
      </c>
    </row>
    <row r="5435" spans="8:17" x14ac:dyDescent="0.25">
      <c r="H5435" s="43">
        <v>5428</v>
      </c>
      <c r="I5435" s="55">
        <f>Bühler!I5461</f>
        <v>0</v>
      </c>
      <c r="J5435" s="58">
        <f>Bühler!J5461</f>
        <v>6.0889050783046414</v>
      </c>
      <c r="K5435" s="58">
        <f>Bühler!K5461</f>
        <v>0.53718299934561431</v>
      </c>
      <c r="L5435" s="58">
        <f>Bühler!L5461</f>
        <v>0.26859149967280715</v>
      </c>
      <c r="M5435" s="57">
        <f>Bühler!M5461</f>
        <v>0</v>
      </c>
      <c r="N5435" s="55">
        <f>IF(Input!$K$13=1,J5435*Input!$J$13,0)+IF(Input!$K$14=1,K5435*Input!$J$14,0)+IF(Input!$K$15=1,L5435*Input!$J$15,0)+IF(Input!$K$16=1,M5435*Input!$J$16,0)</f>
        <v>0.73066860939655698</v>
      </c>
      <c r="O5435" s="58">
        <f>IF(Input!$K$13=2,J5435*Input!$J$13,0)+IF(Input!$K$14=2,K5435*Input!$J$14,0)+IF(Input!$K$15=2,L5435*Input!$J$15,0)+IF(Input!$K$16=2,M5435*Input!$J$16,0)</f>
        <v>7.2519704911657934E-2</v>
      </c>
      <c r="P5435" s="58">
        <f>IF(Input!$K$13=3,J5435*Input!$J$13,0)+IF(Input!$K$14=3,K5435*Input!$J$14,0)+IF(Input!$K$15=3,L5435*Input!$J$15,0)+IF(Input!$K$16=3,M5435*Input!$J$16,0)</f>
        <v>0</v>
      </c>
      <c r="Q5435" s="71">
        <f>IF(Input!$K$13=4,J5435*Input!$J$13,0)+IF(Input!$K$14=4,K5435*Input!$J$14,0)+IF(Input!$K$15=4,L5435*Input!$J$15,0)+IF(Input!$K$16=4,M5435*Input!$J$16,0)</f>
        <v>0</v>
      </c>
    </row>
    <row r="5436" spans="8:17" x14ac:dyDescent="0.25">
      <c r="H5436" s="43">
        <v>5429</v>
      </c>
      <c r="I5436" s="55">
        <f>Bühler!I5462</f>
        <v>0</v>
      </c>
      <c r="J5436" s="58">
        <f>Bühler!J5462</f>
        <v>6.0889050783046414</v>
      </c>
      <c r="K5436" s="58">
        <f>Bühler!K5462</f>
        <v>0.53718299934561431</v>
      </c>
      <c r="L5436" s="58">
        <f>Bühler!L5462</f>
        <v>0.26859149967280715</v>
      </c>
      <c r="M5436" s="57">
        <f>Bühler!M5462</f>
        <v>0</v>
      </c>
      <c r="N5436" s="55">
        <f>IF(Input!$K$13=1,J5436*Input!$J$13,0)+IF(Input!$K$14=1,K5436*Input!$J$14,0)+IF(Input!$K$15=1,L5436*Input!$J$15,0)+IF(Input!$K$16=1,M5436*Input!$J$16,0)</f>
        <v>0.73066860939655698</v>
      </c>
      <c r="O5436" s="58">
        <f>IF(Input!$K$13=2,J5436*Input!$J$13,0)+IF(Input!$K$14=2,K5436*Input!$J$14,0)+IF(Input!$K$15=2,L5436*Input!$J$15,0)+IF(Input!$K$16=2,M5436*Input!$J$16,0)</f>
        <v>7.2519704911657934E-2</v>
      </c>
      <c r="P5436" s="58">
        <f>IF(Input!$K$13=3,J5436*Input!$J$13,0)+IF(Input!$K$14=3,K5436*Input!$J$14,0)+IF(Input!$K$15=3,L5436*Input!$J$15,0)+IF(Input!$K$16=3,M5436*Input!$J$16,0)</f>
        <v>0</v>
      </c>
      <c r="Q5436" s="71">
        <f>IF(Input!$K$13=4,J5436*Input!$J$13,0)+IF(Input!$K$14=4,K5436*Input!$J$14,0)+IF(Input!$K$15=4,L5436*Input!$J$15,0)+IF(Input!$K$16=4,M5436*Input!$J$16,0)</f>
        <v>0</v>
      </c>
    </row>
    <row r="5437" spans="8:17" x14ac:dyDescent="0.25">
      <c r="H5437" s="43">
        <v>5430</v>
      </c>
      <c r="I5437" s="55">
        <f>Bühler!I5463</f>
        <v>0</v>
      </c>
      <c r="J5437" s="58">
        <f>Bühler!J5463</f>
        <v>6.0889050783046414</v>
      </c>
      <c r="K5437" s="58">
        <f>Bühler!K5463</f>
        <v>0.53718299934561431</v>
      </c>
      <c r="L5437" s="58">
        <f>Bühler!L5463</f>
        <v>0.26859149967280715</v>
      </c>
      <c r="M5437" s="57">
        <f>Bühler!M5463</f>
        <v>0</v>
      </c>
      <c r="N5437" s="55">
        <f>IF(Input!$K$13=1,J5437*Input!$J$13,0)+IF(Input!$K$14=1,K5437*Input!$J$14,0)+IF(Input!$K$15=1,L5437*Input!$J$15,0)+IF(Input!$K$16=1,M5437*Input!$J$16,0)</f>
        <v>0.73066860939655698</v>
      </c>
      <c r="O5437" s="58">
        <f>IF(Input!$K$13=2,J5437*Input!$J$13,0)+IF(Input!$K$14=2,K5437*Input!$J$14,0)+IF(Input!$K$15=2,L5437*Input!$J$15,0)+IF(Input!$K$16=2,M5437*Input!$J$16,0)</f>
        <v>7.2519704911657934E-2</v>
      </c>
      <c r="P5437" s="58">
        <f>IF(Input!$K$13=3,J5437*Input!$J$13,0)+IF(Input!$K$14=3,K5437*Input!$J$14,0)+IF(Input!$K$15=3,L5437*Input!$J$15,0)+IF(Input!$K$16=3,M5437*Input!$J$16,0)</f>
        <v>0</v>
      </c>
      <c r="Q5437" s="71">
        <f>IF(Input!$K$13=4,J5437*Input!$J$13,0)+IF(Input!$K$14=4,K5437*Input!$J$14,0)+IF(Input!$K$15=4,L5437*Input!$J$15,0)+IF(Input!$K$16=4,M5437*Input!$J$16,0)</f>
        <v>0</v>
      </c>
    </row>
    <row r="5438" spans="8:17" x14ac:dyDescent="0.25">
      <c r="H5438" s="43">
        <v>5431</v>
      </c>
      <c r="I5438" s="55">
        <f>Bühler!I5464</f>
        <v>0</v>
      </c>
      <c r="J5438" s="58">
        <f>Bühler!J5464</f>
        <v>6.0889050783046414</v>
      </c>
      <c r="K5438" s="58">
        <f>Bühler!K5464</f>
        <v>0.53718299934561431</v>
      </c>
      <c r="L5438" s="58">
        <f>Bühler!L5464</f>
        <v>0.26859149967280715</v>
      </c>
      <c r="M5438" s="57">
        <f>Bühler!M5464</f>
        <v>0</v>
      </c>
      <c r="N5438" s="55">
        <f>IF(Input!$K$13=1,J5438*Input!$J$13,0)+IF(Input!$K$14=1,K5438*Input!$J$14,0)+IF(Input!$K$15=1,L5438*Input!$J$15,0)+IF(Input!$K$16=1,M5438*Input!$J$16,0)</f>
        <v>0.73066860939655698</v>
      </c>
      <c r="O5438" s="58">
        <f>IF(Input!$K$13=2,J5438*Input!$J$13,0)+IF(Input!$K$14=2,K5438*Input!$J$14,0)+IF(Input!$K$15=2,L5438*Input!$J$15,0)+IF(Input!$K$16=2,M5438*Input!$J$16,0)</f>
        <v>7.2519704911657934E-2</v>
      </c>
      <c r="P5438" s="58">
        <f>IF(Input!$K$13=3,J5438*Input!$J$13,0)+IF(Input!$K$14=3,K5438*Input!$J$14,0)+IF(Input!$K$15=3,L5438*Input!$J$15,0)+IF(Input!$K$16=3,M5438*Input!$J$16,0)</f>
        <v>0</v>
      </c>
      <c r="Q5438" s="71">
        <f>IF(Input!$K$13=4,J5438*Input!$J$13,0)+IF(Input!$K$14=4,K5438*Input!$J$14,0)+IF(Input!$K$15=4,L5438*Input!$J$15,0)+IF(Input!$K$16=4,M5438*Input!$J$16,0)</f>
        <v>0</v>
      </c>
    </row>
    <row r="5439" spans="8:17" x14ac:dyDescent="0.25">
      <c r="H5439" s="43">
        <v>5432</v>
      </c>
      <c r="I5439" s="55">
        <f>Bühler!I5465</f>
        <v>0</v>
      </c>
      <c r="J5439" s="58">
        <f>Bühler!J5465</f>
        <v>25.668540470728001</v>
      </c>
      <c r="K5439" s="58">
        <f>Bühler!K5465</f>
        <v>2.2645620816163552</v>
      </c>
      <c r="L5439" s="58">
        <f>Bühler!L5465</f>
        <v>1.1322810408081776</v>
      </c>
      <c r="M5439" s="57">
        <f>Bühler!M5465</f>
        <v>0</v>
      </c>
      <c r="N5439" s="55">
        <f>IF(Input!$K$13=1,J5439*Input!$J$13,0)+IF(Input!$K$14=1,K5439*Input!$J$14,0)+IF(Input!$K$15=1,L5439*Input!$J$15,0)+IF(Input!$K$16=1,M5439*Input!$J$16,0)</f>
        <v>3.08022485648736</v>
      </c>
      <c r="O5439" s="58">
        <f>IF(Input!$K$13=2,J5439*Input!$J$13,0)+IF(Input!$K$14=2,K5439*Input!$J$14,0)+IF(Input!$K$15=2,L5439*Input!$J$15,0)+IF(Input!$K$16=2,M5439*Input!$J$16,0)</f>
        <v>0.3057158810182079</v>
      </c>
      <c r="P5439" s="58">
        <f>IF(Input!$K$13=3,J5439*Input!$J$13,0)+IF(Input!$K$14=3,K5439*Input!$J$14,0)+IF(Input!$K$15=3,L5439*Input!$J$15,0)+IF(Input!$K$16=3,M5439*Input!$J$16,0)</f>
        <v>0</v>
      </c>
      <c r="Q5439" s="71">
        <f>IF(Input!$K$13=4,J5439*Input!$J$13,0)+IF(Input!$K$14=4,K5439*Input!$J$14,0)+IF(Input!$K$15=4,L5439*Input!$J$15,0)+IF(Input!$K$16=4,M5439*Input!$J$16,0)</f>
        <v>0</v>
      </c>
    </row>
    <row r="5440" spans="8:17" x14ac:dyDescent="0.25">
      <c r="H5440" s="43">
        <v>5433</v>
      </c>
      <c r="I5440" s="55">
        <f>Bühler!I5466</f>
        <v>0</v>
      </c>
      <c r="J5440" s="58">
        <f>Bühler!J5466</f>
        <v>28.640687262075456</v>
      </c>
      <c r="K5440" s="58">
        <f>Bühler!K5466</f>
        <v>2.5267745331719333</v>
      </c>
      <c r="L5440" s="58">
        <f>Bühler!L5466</f>
        <v>1.2633872665859667</v>
      </c>
      <c r="M5440" s="57">
        <f>Bühler!M5466</f>
        <v>0</v>
      </c>
      <c r="N5440" s="55">
        <f>IF(Input!$K$13=1,J5440*Input!$J$13,0)+IF(Input!$K$14=1,K5440*Input!$J$14,0)+IF(Input!$K$15=1,L5440*Input!$J$15,0)+IF(Input!$K$16=1,M5440*Input!$J$16,0)</f>
        <v>3.4368824714490547</v>
      </c>
      <c r="O5440" s="58">
        <f>IF(Input!$K$13=2,J5440*Input!$J$13,0)+IF(Input!$K$14=2,K5440*Input!$J$14,0)+IF(Input!$K$15=2,L5440*Input!$J$15,0)+IF(Input!$K$16=2,M5440*Input!$J$16,0)</f>
        <v>0.341114561978211</v>
      </c>
      <c r="P5440" s="58">
        <f>IF(Input!$K$13=3,J5440*Input!$J$13,0)+IF(Input!$K$14=3,K5440*Input!$J$14,0)+IF(Input!$K$15=3,L5440*Input!$J$15,0)+IF(Input!$K$16=3,M5440*Input!$J$16,0)</f>
        <v>0</v>
      </c>
      <c r="Q5440" s="71">
        <f>IF(Input!$K$13=4,J5440*Input!$J$13,0)+IF(Input!$K$14=4,K5440*Input!$J$14,0)+IF(Input!$K$15=4,L5440*Input!$J$15,0)+IF(Input!$K$16=4,M5440*Input!$J$16,0)</f>
        <v>0</v>
      </c>
    </row>
    <row r="5441" spans="8:17" x14ac:dyDescent="0.25">
      <c r="H5441" s="43">
        <v>5434</v>
      </c>
      <c r="I5441" s="55">
        <f>Bühler!I5467</f>
        <v>0</v>
      </c>
      <c r="J5441" s="58">
        <f>Bühler!J5467</f>
        <v>31.612834053422905</v>
      </c>
      <c r="K5441" s="58">
        <f>Bühler!K5467</f>
        <v>2.7889869847275111</v>
      </c>
      <c r="L5441" s="58">
        <f>Bühler!L5467</f>
        <v>1.3944934923637555</v>
      </c>
      <c r="M5441" s="57">
        <f>Bühler!M5467</f>
        <v>0</v>
      </c>
      <c r="N5441" s="55">
        <f>IF(Input!$K$13=1,J5441*Input!$J$13,0)+IF(Input!$K$14=1,K5441*Input!$J$14,0)+IF(Input!$K$15=1,L5441*Input!$J$15,0)+IF(Input!$K$16=1,M5441*Input!$J$16,0)</f>
        <v>3.7935400864107485</v>
      </c>
      <c r="O5441" s="58">
        <f>IF(Input!$K$13=2,J5441*Input!$J$13,0)+IF(Input!$K$14=2,K5441*Input!$J$14,0)+IF(Input!$K$15=2,L5441*Input!$J$15,0)+IF(Input!$K$16=2,M5441*Input!$J$16,0)</f>
        <v>0.37651324293821398</v>
      </c>
      <c r="P5441" s="58">
        <f>IF(Input!$K$13=3,J5441*Input!$J$13,0)+IF(Input!$K$14=3,K5441*Input!$J$14,0)+IF(Input!$K$15=3,L5441*Input!$J$15,0)+IF(Input!$K$16=3,M5441*Input!$J$16,0)</f>
        <v>0</v>
      </c>
      <c r="Q5441" s="71">
        <f>IF(Input!$K$13=4,J5441*Input!$J$13,0)+IF(Input!$K$14=4,K5441*Input!$J$14,0)+IF(Input!$K$15=4,L5441*Input!$J$15,0)+IF(Input!$K$16=4,M5441*Input!$J$16,0)</f>
        <v>0</v>
      </c>
    </row>
    <row r="5442" spans="8:17" x14ac:dyDescent="0.25">
      <c r="H5442" s="43">
        <v>5435</v>
      </c>
      <c r="I5442" s="55">
        <f>Bühler!I5468</f>
        <v>0</v>
      </c>
      <c r="J5442" s="58">
        <f>Bühler!J5468</f>
        <v>31.612834053422905</v>
      </c>
      <c r="K5442" s="58">
        <f>Bühler!K5468</f>
        <v>2.7889869847275111</v>
      </c>
      <c r="L5442" s="58">
        <f>Bühler!L5468</f>
        <v>1.3944934923637555</v>
      </c>
      <c r="M5442" s="57">
        <f>Bühler!M5468</f>
        <v>0</v>
      </c>
      <c r="N5442" s="55">
        <f>IF(Input!$K$13=1,J5442*Input!$J$13,0)+IF(Input!$K$14=1,K5442*Input!$J$14,0)+IF(Input!$K$15=1,L5442*Input!$J$15,0)+IF(Input!$K$16=1,M5442*Input!$J$16,0)</f>
        <v>3.7935400864107485</v>
      </c>
      <c r="O5442" s="58">
        <f>IF(Input!$K$13=2,J5442*Input!$J$13,0)+IF(Input!$K$14=2,K5442*Input!$J$14,0)+IF(Input!$K$15=2,L5442*Input!$J$15,0)+IF(Input!$K$16=2,M5442*Input!$J$16,0)</f>
        <v>0.37651324293821398</v>
      </c>
      <c r="P5442" s="58">
        <f>IF(Input!$K$13=3,J5442*Input!$J$13,0)+IF(Input!$K$14=3,K5442*Input!$J$14,0)+IF(Input!$K$15=3,L5442*Input!$J$15,0)+IF(Input!$K$16=3,M5442*Input!$J$16,0)</f>
        <v>0</v>
      </c>
      <c r="Q5442" s="71">
        <f>IF(Input!$K$13=4,J5442*Input!$J$13,0)+IF(Input!$K$14=4,K5442*Input!$J$14,0)+IF(Input!$K$15=4,L5442*Input!$J$15,0)+IF(Input!$K$16=4,M5442*Input!$J$16,0)</f>
        <v>0</v>
      </c>
    </row>
    <row r="5443" spans="8:17" x14ac:dyDescent="0.25">
      <c r="H5443" s="43">
        <v>5436</v>
      </c>
      <c r="I5443" s="55">
        <f>Bühler!I5469</f>
        <v>0</v>
      </c>
      <c r="J5443" s="58">
        <f>Bühler!J5469</f>
        <v>37.827322798967579</v>
      </c>
      <c r="K5443" s="58">
        <f>Bühler!K5469</f>
        <v>3.3372493834346288</v>
      </c>
      <c r="L5443" s="58">
        <f>Bühler!L5469</f>
        <v>1.6686246917173144</v>
      </c>
      <c r="M5443" s="57">
        <f>Bühler!M5469</f>
        <v>0</v>
      </c>
      <c r="N5443" s="55">
        <f>IF(Input!$K$13=1,J5443*Input!$J$13,0)+IF(Input!$K$14=1,K5443*Input!$J$14,0)+IF(Input!$K$15=1,L5443*Input!$J$15,0)+IF(Input!$K$16=1,M5443*Input!$J$16,0)</f>
        <v>4.5392787358761089</v>
      </c>
      <c r="O5443" s="58">
        <f>IF(Input!$K$13=2,J5443*Input!$J$13,0)+IF(Input!$K$14=2,K5443*Input!$J$14,0)+IF(Input!$K$15=2,L5443*Input!$J$15,0)+IF(Input!$K$16=2,M5443*Input!$J$16,0)</f>
        <v>0.45052866676367487</v>
      </c>
      <c r="P5443" s="58">
        <f>IF(Input!$K$13=3,J5443*Input!$J$13,0)+IF(Input!$K$14=3,K5443*Input!$J$14,0)+IF(Input!$K$15=3,L5443*Input!$J$15,0)+IF(Input!$K$16=3,M5443*Input!$J$16,0)</f>
        <v>0</v>
      </c>
      <c r="Q5443" s="71">
        <f>IF(Input!$K$13=4,J5443*Input!$J$13,0)+IF(Input!$K$14=4,K5443*Input!$J$14,0)+IF(Input!$K$15=4,L5443*Input!$J$15,0)+IF(Input!$K$16=4,M5443*Input!$J$16,0)</f>
        <v>0</v>
      </c>
    </row>
    <row r="5444" spans="8:17" x14ac:dyDescent="0.25">
      <c r="H5444" s="43">
        <v>5437</v>
      </c>
      <c r="I5444" s="55">
        <f>Bühler!I5470</f>
        <v>0</v>
      </c>
      <c r="J5444" s="58">
        <f>Bühler!J5470</f>
        <v>37.827322798967579</v>
      </c>
      <c r="K5444" s="58">
        <f>Bühler!K5470</f>
        <v>3.3372493834346288</v>
      </c>
      <c r="L5444" s="58">
        <f>Bühler!L5470</f>
        <v>1.6686246917173144</v>
      </c>
      <c r="M5444" s="57">
        <f>Bühler!M5470</f>
        <v>0</v>
      </c>
      <c r="N5444" s="55">
        <f>IF(Input!$K$13=1,J5444*Input!$J$13,0)+IF(Input!$K$14=1,K5444*Input!$J$14,0)+IF(Input!$K$15=1,L5444*Input!$J$15,0)+IF(Input!$K$16=1,M5444*Input!$J$16,0)</f>
        <v>4.5392787358761089</v>
      </c>
      <c r="O5444" s="58">
        <f>IF(Input!$K$13=2,J5444*Input!$J$13,0)+IF(Input!$K$14=2,K5444*Input!$J$14,0)+IF(Input!$K$15=2,L5444*Input!$J$15,0)+IF(Input!$K$16=2,M5444*Input!$J$16,0)</f>
        <v>0.45052866676367487</v>
      </c>
      <c r="P5444" s="58">
        <f>IF(Input!$K$13=3,J5444*Input!$J$13,0)+IF(Input!$K$14=3,K5444*Input!$J$14,0)+IF(Input!$K$15=3,L5444*Input!$J$15,0)+IF(Input!$K$16=3,M5444*Input!$J$16,0)</f>
        <v>0</v>
      </c>
      <c r="Q5444" s="71">
        <f>IF(Input!$K$13=4,J5444*Input!$J$13,0)+IF(Input!$K$14=4,K5444*Input!$J$14,0)+IF(Input!$K$15=4,L5444*Input!$J$15,0)+IF(Input!$K$16=4,M5444*Input!$J$16,0)</f>
        <v>0</v>
      </c>
    </row>
    <row r="5445" spans="8:17" x14ac:dyDescent="0.25">
      <c r="H5445" s="43">
        <v>5438</v>
      </c>
      <c r="I5445" s="55">
        <f>Bühler!I5471</f>
        <v>0</v>
      </c>
      <c r="J5445" s="58">
        <f>Bühler!J5471</f>
        <v>25.12815014502846</v>
      </c>
      <c r="K5445" s="58">
        <f>Bühler!K5471</f>
        <v>2.2168870904244318</v>
      </c>
      <c r="L5445" s="58">
        <f>Bühler!L5471</f>
        <v>1.1084435452122159</v>
      </c>
      <c r="M5445" s="57">
        <f>Bühler!M5471</f>
        <v>0</v>
      </c>
      <c r="N5445" s="55">
        <f>IF(Input!$K$13=1,J5445*Input!$J$13,0)+IF(Input!$K$14=1,K5445*Input!$J$14,0)+IF(Input!$K$15=1,L5445*Input!$J$15,0)+IF(Input!$K$16=1,M5445*Input!$J$16,0)</f>
        <v>3.0153780174034153</v>
      </c>
      <c r="O5445" s="58">
        <f>IF(Input!$K$13=2,J5445*Input!$J$13,0)+IF(Input!$K$14=2,K5445*Input!$J$14,0)+IF(Input!$K$15=2,L5445*Input!$J$15,0)+IF(Input!$K$16=2,M5445*Input!$J$16,0)</f>
        <v>0.29927975720729827</v>
      </c>
      <c r="P5445" s="58">
        <f>IF(Input!$K$13=3,J5445*Input!$J$13,0)+IF(Input!$K$14=3,K5445*Input!$J$14,0)+IF(Input!$K$15=3,L5445*Input!$J$15,0)+IF(Input!$K$16=3,M5445*Input!$J$16,0)</f>
        <v>0</v>
      </c>
      <c r="Q5445" s="71">
        <f>IF(Input!$K$13=4,J5445*Input!$J$13,0)+IF(Input!$K$14=4,K5445*Input!$J$14,0)+IF(Input!$K$15=4,L5445*Input!$J$15,0)+IF(Input!$K$16=4,M5445*Input!$J$16,0)</f>
        <v>0</v>
      </c>
    </row>
    <row r="5446" spans="8:17" x14ac:dyDescent="0.25">
      <c r="H5446" s="43">
        <v>5439</v>
      </c>
      <c r="I5446" s="55">
        <f>Bühler!I5472</f>
        <v>0</v>
      </c>
      <c r="J5446" s="58">
        <f>Bühler!J5472</f>
        <v>37.827322798967579</v>
      </c>
      <c r="K5446" s="58">
        <f>Bühler!K5472</f>
        <v>3.3372493834346288</v>
      </c>
      <c r="L5446" s="58">
        <f>Bühler!L5472</f>
        <v>1.6686246917173144</v>
      </c>
      <c r="M5446" s="57">
        <f>Bühler!M5472</f>
        <v>0</v>
      </c>
      <c r="N5446" s="55">
        <f>IF(Input!$K$13=1,J5446*Input!$J$13,0)+IF(Input!$K$14=1,K5446*Input!$J$14,0)+IF(Input!$K$15=1,L5446*Input!$J$15,0)+IF(Input!$K$16=1,M5446*Input!$J$16,0)</f>
        <v>4.5392787358761089</v>
      </c>
      <c r="O5446" s="58">
        <f>IF(Input!$K$13=2,J5446*Input!$J$13,0)+IF(Input!$K$14=2,K5446*Input!$J$14,0)+IF(Input!$K$15=2,L5446*Input!$J$15,0)+IF(Input!$K$16=2,M5446*Input!$J$16,0)</f>
        <v>0.45052866676367487</v>
      </c>
      <c r="P5446" s="58">
        <f>IF(Input!$K$13=3,J5446*Input!$J$13,0)+IF(Input!$K$14=3,K5446*Input!$J$14,0)+IF(Input!$K$15=3,L5446*Input!$J$15,0)+IF(Input!$K$16=3,M5446*Input!$J$16,0)</f>
        <v>0</v>
      </c>
      <c r="Q5446" s="71">
        <f>IF(Input!$K$13=4,J5446*Input!$J$13,0)+IF(Input!$K$14=4,K5446*Input!$J$14,0)+IF(Input!$K$15=4,L5446*Input!$J$15,0)+IF(Input!$K$16=4,M5446*Input!$J$16,0)</f>
        <v>0</v>
      </c>
    </row>
    <row r="5447" spans="8:17" x14ac:dyDescent="0.25">
      <c r="H5447" s="43">
        <v>5440</v>
      </c>
      <c r="I5447" s="55">
        <f>Bühler!I5473</f>
        <v>0</v>
      </c>
      <c r="J5447" s="58">
        <f>Bühler!J5473</f>
        <v>37.827322798967579</v>
      </c>
      <c r="K5447" s="58">
        <f>Bühler!K5473</f>
        <v>3.3372493834346288</v>
      </c>
      <c r="L5447" s="58">
        <f>Bühler!L5473</f>
        <v>1.6686246917173144</v>
      </c>
      <c r="M5447" s="57">
        <f>Bühler!M5473</f>
        <v>0</v>
      </c>
      <c r="N5447" s="55">
        <f>IF(Input!$K$13=1,J5447*Input!$J$13,0)+IF(Input!$K$14=1,K5447*Input!$J$14,0)+IF(Input!$K$15=1,L5447*Input!$J$15,0)+IF(Input!$K$16=1,M5447*Input!$J$16,0)</f>
        <v>4.5392787358761089</v>
      </c>
      <c r="O5447" s="58">
        <f>IF(Input!$K$13=2,J5447*Input!$J$13,0)+IF(Input!$K$14=2,K5447*Input!$J$14,0)+IF(Input!$K$15=2,L5447*Input!$J$15,0)+IF(Input!$K$16=2,M5447*Input!$J$16,0)</f>
        <v>0.45052866676367487</v>
      </c>
      <c r="P5447" s="58">
        <f>IF(Input!$K$13=3,J5447*Input!$J$13,0)+IF(Input!$K$14=3,K5447*Input!$J$14,0)+IF(Input!$K$15=3,L5447*Input!$J$15,0)+IF(Input!$K$16=3,M5447*Input!$J$16,0)</f>
        <v>0</v>
      </c>
      <c r="Q5447" s="71">
        <f>IF(Input!$K$13=4,J5447*Input!$J$13,0)+IF(Input!$K$14=4,K5447*Input!$J$14,0)+IF(Input!$K$15=4,L5447*Input!$J$15,0)+IF(Input!$K$16=4,M5447*Input!$J$16,0)</f>
        <v>0</v>
      </c>
    </row>
    <row r="5448" spans="8:17" x14ac:dyDescent="0.25">
      <c r="H5448" s="43">
        <v>5441</v>
      </c>
      <c r="I5448" s="55">
        <f>Bühler!I5474</f>
        <v>0</v>
      </c>
      <c r="J5448" s="58">
        <f>Bühler!J5474</f>
        <v>22.291100935105895</v>
      </c>
      <c r="K5448" s="58">
        <f>Bühler!K5474</f>
        <v>1.9665933866668348</v>
      </c>
      <c r="L5448" s="58">
        <f>Bühler!L5474</f>
        <v>0.9832966933334174</v>
      </c>
      <c r="M5448" s="57">
        <f>Bühler!M5474</f>
        <v>0</v>
      </c>
      <c r="N5448" s="55">
        <f>IF(Input!$K$13=1,J5448*Input!$J$13,0)+IF(Input!$K$14=1,K5448*Input!$J$14,0)+IF(Input!$K$15=1,L5448*Input!$J$15,0)+IF(Input!$K$16=1,M5448*Input!$J$16,0)</f>
        <v>2.6749321122127072</v>
      </c>
      <c r="O5448" s="58">
        <f>IF(Input!$K$13=2,J5448*Input!$J$13,0)+IF(Input!$K$14=2,K5448*Input!$J$14,0)+IF(Input!$K$15=2,L5448*Input!$J$15,0)+IF(Input!$K$16=2,M5448*Input!$J$16,0)</f>
        <v>0.2654901072000227</v>
      </c>
      <c r="P5448" s="58">
        <f>IF(Input!$K$13=3,J5448*Input!$J$13,0)+IF(Input!$K$14=3,K5448*Input!$J$14,0)+IF(Input!$K$15=3,L5448*Input!$J$15,0)+IF(Input!$K$16=3,M5448*Input!$J$16,0)</f>
        <v>0</v>
      </c>
      <c r="Q5448" s="71">
        <f>IF(Input!$K$13=4,J5448*Input!$J$13,0)+IF(Input!$K$14=4,K5448*Input!$J$14,0)+IF(Input!$K$15=4,L5448*Input!$J$15,0)+IF(Input!$K$16=4,M5448*Input!$J$16,0)</f>
        <v>0</v>
      </c>
    </row>
    <row r="5449" spans="8:17" x14ac:dyDescent="0.25">
      <c r="H5449" s="43">
        <v>5442</v>
      </c>
      <c r="I5449" s="55">
        <f>Bühler!I5475</f>
        <v>0</v>
      </c>
      <c r="J5449" s="58">
        <f>Bühler!J5475</f>
        <v>9.5139141848510036</v>
      </c>
      <c r="K5449" s="58">
        <f>Bühler!K5475</f>
        <v>0.83934843647752255</v>
      </c>
      <c r="L5449" s="58">
        <f>Bühler!L5475</f>
        <v>0.41967421823876128</v>
      </c>
      <c r="M5449" s="57">
        <f>Bühler!M5475</f>
        <v>0</v>
      </c>
      <c r="N5449" s="55">
        <f>IF(Input!$K$13=1,J5449*Input!$J$13,0)+IF(Input!$K$14=1,K5449*Input!$J$14,0)+IF(Input!$K$15=1,L5449*Input!$J$15,0)+IF(Input!$K$16=1,M5449*Input!$J$16,0)</f>
        <v>1.1416697021821205</v>
      </c>
      <c r="O5449" s="58">
        <f>IF(Input!$K$13=2,J5449*Input!$J$13,0)+IF(Input!$K$14=2,K5449*Input!$J$14,0)+IF(Input!$K$15=2,L5449*Input!$J$15,0)+IF(Input!$K$16=2,M5449*Input!$J$16,0)</f>
        <v>0.11331203892446554</v>
      </c>
      <c r="P5449" s="58">
        <f>IF(Input!$K$13=3,J5449*Input!$J$13,0)+IF(Input!$K$14=3,K5449*Input!$J$14,0)+IF(Input!$K$15=3,L5449*Input!$J$15,0)+IF(Input!$K$16=3,M5449*Input!$J$16,0)</f>
        <v>0</v>
      </c>
      <c r="Q5449" s="71">
        <f>IF(Input!$K$13=4,J5449*Input!$J$13,0)+IF(Input!$K$14=4,K5449*Input!$J$14,0)+IF(Input!$K$15=4,L5449*Input!$J$15,0)+IF(Input!$K$16=4,M5449*Input!$J$16,0)</f>
        <v>0</v>
      </c>
    </row>
    <row r="5450" spans="8:17" x14ac:dyDescent="0.25">
      <c r="H5450" s="43">
        <v>5443</v>
      </c>
      <c r="I5450" s="55">
        <f>Bühler!I5476</f>
        <v>0</v>
      </c>
      <c r="J5450" s="58">
        <f>Bühler!J5476</f>
        <v>6.2791833620016613</v>
      </c>
      <c r="K5450" s="58">
        <f>Bühler!K5476</f>
        <v>0.55396996807516474</v>
      </c>
      <c r="L5450" s="58">
        <f>Bühler!L5476</f>
        <v>0.27698498403758237</v>
      </c>
      <c r="M5450" s="57">
        <f>Bühler!M5476</f>
        <v>0</v>
      </c>
      <c r="N5450" s="55">
        <f>IF(Input!$K$13=1,J5450*Input!$J$13,0)+IF(Input!$K$14=1,K5450*Input!$J$14,0)+IF(Input!$K$15=1,L5450*Input!$J$15,0)+IF(Input!$K$16=1,M5450*Input!$J$16,0)</f>
        <v>0.75350200344019935</v>
      </c>
      <c r="O5450" s="58">
        <f>IF(Input!$K$13=2,J5450*Input!$J$13,0)+IF(Input!$K$14=2,K5450*Input!$J$14,0)+IF(Input!$K$15=2,L5450*Input!$J$15,0)+IF(Input!$K$16=2,M5450*Input!$J$16,0)</f>
        <v>7.4785945690147237E-2</v>
      </c>
      <c r="P5450" s="58">
        <f>IF(Input!$K$13=3,J5450*Input!$J$13,0)+IF(Input!$K$14=3,K5450*Input!$J$14,0)+IF(Input!$K$15=3,L5450*Input!$J$15,0)+IF(Input!$K$16=3,M5450*Input!$J$16,0)</f>
        <v>0</v>
      </c>
      <c r="Q5450" s="71">
        <f>IF(Input!$K$13=4,J5450*Input!$J$13,0)+IF(Input!$K$14=4,K5450*Input!$J$14,0)+IF(Input!$K$15=4,L5450*Input!$J$15,0)+IF(Input!$K$16=4,M5450*Input!$J$16,0)</f>
        <v>0</v>
      </c>
    </row>
    <row r="5451" spans="8:17" x14ac:dyDescent="0.25">
      <c r="H5451" s="43">
        <v>5444</v>
      </c>
      <c r="I5451" s="55">
        <f>Bühler!I5477</f>
        <v>0</v>
      </c>
      <c r="J5451" s="58">
        <f>Bühler!J5477</f>
        <v>6.2791833620016613</v>
      </c>
      <c r="K5451" s="58">
        <f>Bühler!K5477</f>
        <v>0.55396996807516474</v>
      </c>
      <c r="L5451" s="58">
        <f>Bühler!L5477</f>
        <v>0.27698498403758237</v>
      </c>
      <c r="M5451" s="57">
        <f>Bühler!M5477</f>
        <v>0</v>
      </c>
      <c r="N5451" s="55">
        <f>IF(Input!$K$13=1,J5451*Input!$J$13,0)+IF(Input!$K$14=1,K5451*Input!$J$14,0)+IF(Input!$K$15=1,L5451*Input!$J$15,0)+IF(Input!$K$16=1,M5451*Input!$J$16,0)</f>
        <v>0.75350200344019935</v>
      </c>
      <c r="O5451" s="58">
        <f>IF(Input!$K$13=2,J5451*Input!$J$13,0)+IF(Input!$K$14=2,K5451*Input!$J$14,0)+IF(Input!$K$15=2,L5451*Input!$J$15,0)+IF(Input!$K$16=2,M5451*Input!$J$16,0)</f>
        <v>7.4785945690147237E-2</v>
      </c>
      <c r="P5451" s="58">
        <f>IF(Input!$K$13=3,J5451*Input!$J$13,0)+IF(Input!$K$14=3,K5451*Input!$J$14,0)+IF(Input!$K$15=3,L5451*Input!$J$15,0)+IF(Input!$K$16=3,M5451*Input!$J$16,0)</f>
        <v>0</v>
      </c>
      <c r="Q5451" s="71">
        <f>IF(Input!$K$13=4,J5451*Input!$J$13,0)+IF(Input!$K$14=4,K5451*Input!$J$14,0)+IF(Input!$K$15=4,L5451*Input!$J$15,0)+IF(Input!$K$16=4,M5451*Input!$J$16,0)</f>
        <v>0</v>
      </c>
    </row>
    <row r="5452" spans="8:17" x14ac:dyDescent="0.25">
      <c r="H5452" s="43">
        <v>5445</v>
      </c>
      <c r="I5452" s="55">
        <f>Bühler!I5478</f>
        <v>0</v>
      </c>
      <c r="J5452" s="58">
        <f>Bühler!J5478</f>
        <v>6.2791833620016613</v>
      </c>
      <c r="K5452" s="58">
        <f>Bühler!K5478</f>
        <v>0.55396996807516474</v>
      </c>
      <c r="L5452" s="58">
        <f>Bühler!L5478</f>
        <v>0.27698498403758237</v>
      </c>
      <c r="M5452" s="57">
        <f>Bühler!M5478</f>
        <v>0</v>
      </c>
      <c r="N5452" s="55">
        <f>IF(Input!$K$13=1,J5452*Input!$J$13,0)+IF(Input!$K$14=1,K5452*Input!$J$14,0)+IF(Input!$K$15=1,L5452*Input!$J$15,0)+IF(Input!$K$16=1,M5452*Input!$J$16,0)</f>
        <v>0.75350200344019935</v>
      </c>
      <c r="O5452" s="58">
        <f>IF(Input!$K$13=2,J5452*Input!$J$13,0)+IF(Input!$K$14=2,K5452*Input!$J$14,0)+IF(Input!$K$15=2,L5452*Input!$J$15,0)+IF(Input!$K$16=2,M5452*Input!$J$16,0)</f>
        <v>7.4785945690147237E-2</v>
      </c>
      <c r="P5452" s="58">
        <f>IF(Input!$K$13=3,J5452*Input!$J$13,0)+IF(Input!$K$14=3,K5452*Input!$J$14,0)+IF(Input!$K$15=3,L5452*Input!$J$15,0)+IF(Input!$K$16=3,M5452*Input!$J$16,0)</f>
        <v>0</v>
      </c>
      <c r="Q5452" s="71">
        <f>IF(Input!$K$13=4,J5452*Input!$J$13,0)+IF(Input!$K$14=4,K5452*Input!$J$14,0)+IF(Input!$K$15=4,L5452*Input!$J$15,0)+IF(Input!$K$16=4,M5452*Input!$J$16,0)</f>
        <v>0</v>
      </c>
    </row>
    <row r="5453" spans="8:17" x14ac:dyDescent="0.25">
      <c r="H5453" s="43">
        <v>5446</v>
      </c>
      <c r="I5453" s="55">
        <f>Bühler!I5479</f>
        <v>0</v>
      </c>
      <c r="J5453" s="58">
        <f>Bühler!J5479</f>
        <v>6.2791833620016613</v>
      </c>
      <c r="K5453" s="58">
        <f>Bühler!K5479</f>
        <v>0.55396996807516474</v>
      </c>
      <c r="L5453" s="58">
        <f>Bühler!L5479</f>
        <v>0.27698498403758237</v>
      </c>
      <c r="M5453" s="57">
        <f>Bühler!M5479</f>
        <v>0</v>
      </c>
      <c r="N5453" s="55">
        <f>IF(Input!$K$13=1,J5453*Input!$J$13,0)+IF(Input!$K$14=1,K5453*Input!$J$14,0)+IF(Input!$K$15=1,L5453*Input!$J$15,0)+IF(Input!$K$16=1,M5453*Input!$J$16,0)</f>
        <v>0.75350200344019935</v>
      </c>
      <c r="O5453" s="58">
        <f>IF(Input!$K$13=2,J5453*Input!$J$13,0)+IF(Input!$K$14=2,K5453*Input!$J$14,0)+IF(Input!$K$15=2,L5453*Input!$J$15,0)+IF(Input!$K$16=2,M5453*Input!$J$16,0)</f>
        <v>7.4785945690147237E-2</v>
      </c>
      <c r="P5453" s="58">
        <f>IF(Input!$K$13=3,J5453*Input!$J$13,0)+IF(Input!$K$14=3,K5453*Input!$J$14,0)+IF(Input!$K$15=3,L5453*Input!$J$15,0)+IF(Input!$K$16=3,M5453*Input!$J$16,0)</f>
        <v>0</v>
      </c>
      <c r="Q5453" s="71">
        <f>IF(Input!$K$13=4,J5453*Input!$J$13,0)+IF(Input!$K$14=4,K5453*Input!$J$14,0)+IF(Input!$K$15=4,L5453*Input!$J$15,0)+IF(Input!$K$16=4,M5453*Input!$J$16,0)</f>
        <v>0</v>
      </c>
    </row>
    <row r="5454" spans="8:17" x14ac:dyDescent="0.25">
      <c r="H5454" s="43">
        <v>5447</v>
      </c>
      <c r="I5454" s="55">
        <f>Bühler!I5480</f>
        <v>0</v>
      </c>
      <c r="J5454" s="58">
        <f>Bühler!J5480</f>
        <v>6.2791833620016613</v>
      </c>
      <c r="K5454" s="58">
        <f>Bühler!K5480</f>
        <v>0.55396996807516474</v>
      </c>
      <c r="L5454" s="58">
        <f>Bühler!L5480</f>
        <v>0.27698498403758237</v>
      </c>
      <c r="M5454" s="57">
        <f>Bühler!M5480</f>
        <v>0</v>
      </c>
      <c r="N5454" s="55">
        <f>IF(Input!$K$13=1,J5454*Input!$J$13,0)+IF(Input!$K$14=1,K5454*Input!$J$14,0)+IF(Input!$K$15=1,L5454*Input!$J$15,0)+IF(Input!$K$16=1,M5454*Input!$J$16,0)</f>
        <v>0.75350200344019935</v>
      </c>
      <c r="O5454" s="58">
        <f>IF(Input!$K$13=2,J5454*Input!$J$13,0)+IF(Input!$K$14=2,K5454*Input!$J$14,0)+IF(Input!$K$15=2,L5454*Input!$J$15,0)+IF(Input!$K$16=2,M5454*Input!$J$16,0)</f>
        <v>7.4785945690147237E-2</v>
      </c>
      <c r="P5454" s="58">
        <f>IF(Input!$K$13=3,J5454*Input!$J$13,0)+IF(Input!$K$14=3,K5454*Input!$J$14,0)+IF(Input!$K$15=3,L5454*Input!$J$15,0)+IF(Input!$K$16=3,M5454*Input!$J$16,0)</f>
        <v>0</v>
      </c>
      <c r="Q5454" s="71">
        <f>IF(Input!$K$13=4,J5454*Input!$J$13,0)+IF(Input!$K$14=4,K5454*Input!$J$14,0)+IF(Input!$K$15=4,L5454*Input!$J$15,0)+IF(Input!$K$16=4,M5454*Input!$J$16,0)</f>
        <v>0</v>
      </c>
    </row>
    <row r="5455" spans="8:17" x14ac:dyDescent="0.25">
      <c r="H5455" s="43">
        <v>5448</v>
      </c>
      <c r="I5455" s="55">
        <f>Bühler!I5481</f>
        <v>0</v>
      </c>
      <c r="J5455" s="58">
        <f>Bühler!J5481</f>
        <v>6.2791833620016613</v>
      </c>
      <c r="K5455" s="58">
        <f>Bühler!K5481</f>
        <v>0.55396996807516474</v>
      </c>
      <c r="L5455" s="58">
        <f>Bühler!L5481</f>
        <v>0.27698498403758237</v>
      </c>
      <c r="M5455" s="57">
        <f>Bühler!M5481</f>
        <v>0</v>
      </c>
      <c r="N5455" s="55">
        <f>IF(Input!$K$13=1,J5455*Input!$J$13,0)+IF(Input!$K$14=1,K5455*Input!$J$14,0)+IF(Input!$K$15=1,L5455*Input!$J$15,0)+IF(Input!$K$16=1,M5455*Input!$J$16,0)</f>
        <v>0.75350200344019935</v>
      </c>
      <c r="O5455" s="58">
        <f>IF(Input!$K$13=2,J5455*Input!$J$13,0)+IF(Input!$K$14=2,K5455*Input!$J$14,0)+IF(Input!$K$15=2,L5455*Input!$J$15,0)+IF(Input!$K$16=2,M5455*Input!$J$16,0)</f>
        <v>7.4785945690147237E-2</v>
      </c>
      <c r="P5455" s="58">
        <f>IF(Input!$K$13=3,J5455*Input!$J$13,0)+IF(Input!$K$14=3,K5455*Input!$J$14,0)+IF(Input!$K$15=3,L5455*Input!$J$15,0)+IF(Input!$K$16=3,M5455*Input!$J$16,0)</f>
        <v>0</v>
      </c>
      <c r="Q5455" s="71">
        <f>IF(Input!$K$13=4,J5455*Input!$J$13,0)+IF(Input!$K$14=4,K5455*Input!$J$14,0)+IF(Input!$K$15=4,L5455*Input!$J$15,0)+IF(Input!$K$16=4,M5455*Input!$J$16,0)</f>
        <v>0</v>
      </c>
    </row>
    <row r="5456" spans="8:17" x14ac:dyDescent="0.25">
      <c r="H5456" s="43">
        <v>5449</v>
      </c>
      <c r="I5456" s="55">
        <f>Bühler!I5482</f>
        <v>0</v>
      </c>
      <c r="J5456" s="58">
        <f>Bühler!J5482</f>
        <v>6.2150177719189994</v>
      </c>
      <c r="K5456" s="58">
        <f>Bühler!K5482</f>
        <v>0.5488648909428514</v>
      </c>
      <c r="L5456" s="58">
        <f>Bühler!L5482</f>
        <v>0.2744324454714257</v>
      </c>
      <c r="M5456" s="57">
        <f>Bühler!M5482</f>
        <v>0</v>
      </c>
      <c r="N5456" s="55">
        <f>IF(Input!$K$13=1,J5456*Input!$J$13,0)+IF(Input!$K$14=1,K5456*Input!$J$14,0)+IF(Input!$K$15=1,L5456*Input!$J$15,0)+IF(Input!$K$16=1,M5456*Input!$J$16,0)</f>
        <v>0.74580213263027995</v>
      </c>
      <c r="O5456" s="58">
        <f>IF(Input!$K$13=2,J5456*Input!$J$13,0)+IF(Input!$K$14=2,K5456*Input!$J$14,0)+IF(Input!$K$15=2,L5456*Input!$J$15,0)+IF(Input!$K$16=2,M5456*Input!$J$16,0)</f>
        <v>7.4096760277284929E-2</v>
      </c>
      <c r="P5456" s="58">
        <f>IF(Input!$K$13=3,J5456*Input!$J$13,0)+IF(Input!$K$14=3,K5456*Input!$J$14,0)+IF(Input!$K$15=3,L5456*Input!$J$15,0)+IF(Input!$K$16=3,M5456*Input!$J$16,0)</f>
        <v>0</v>
      </c>
      <c r="Q5456" s="71">
        <f>IF(Input!$K$13=4,J5456*Input!$J$13,0)+IF(Input!$K$14=4,K5456*Input!$J$14,0)+IF(Input!$K$15=4,L5456*Input!$J$15,0)+IF(Input!$K$16=4,M5456*Input!$J$16,0)</f>
        <v>0</v>
      </c>
    </row>
    <row r="5457" spans="8:17" x14ac:dyDescent="0.25">
      <c r="H5457" s="43">
        <v>5450</v>
      </c>
      <c r="I5457" s="55">
        <f>Bühler!I5483</f>
        <v>0</v>
      </c>
      <c r="J5457" s="58">
        <f>Bühler!J5483</f>
        <v>6.2150177719189994</v>
      </c>
      <c r="K5457" s="58">
        <f>Bühler!K5483</f>
        <v>0.5488648909428514</v>
      </c>
      <c r="L5457" s="58">
        <f>Bühler!L5483</f>
        <v>0.2744324454714257</v>
      </c>
      <c r="M5457" s="57">
        <f>Bühler!M5483</f>
        <v>0</v>
      </c>
      <c r="N5457" s="55">
        <f>IF(Input!$K$13=1,J5457*Input!$J$13,0)+IF(Input!$K$14=1,K5457*Input!$J$14,0)+IF(Input!$K$15=1,L5457*Input!$J$15,0)+IF(Input!$K$16=1,M5457*Input!$J$16,0)</f>
        <v>0.74580213263027995</v>
      </c>
      <c r="O5457" s="58">
        <f>IF(Input!$K$13=2,J5457*Input!$J$13,0)+IF(Input!$K$14=2,K5457*Input!$J$14,0)+IF(Input!$K$15=2,L5457*Input!$J$15,0)+IF(Input!$K$16=2,M5457*Input!$J$16,0)</f>
        <v>7.4096760277284929E-2</v>
      </c>
      <c r="P5457" s="58">
        <f>IF(Input!$K$13=3,J5457*Input!$J$13,0)+IF(Input!$K$14=3,K5457*Input!$J$14,0)+IF(Input!$K$15=3,L5457*Input!$J$15,0)+IF(Input!$K$16=3,M5457*Input!$J$16,0)</f>
        <v>0</v>
      </c>
      <c r="Q5457" s="71">
        <f>IF(Input!$K$13=4,J5457*Input!$J$13,0)+IF(Input!$K$14=4,K5457*Input!$J$14,0)+IF(Input!$K$15=4,L5457*Input!$J$15,0)+IF(Input!$K$16=4,M5457*Input!$J$16,0)</f>
        <v>0</v>
      </c>
    </row>
    <row r="5458" spans="8:17" x14ac:dyDescent="0.25">
      <c r="H5458" s="43">
        <v>5451</v>
      </c>
      <c r="I5458" s="55">
        <f>Bühler!I5484</f>
        <v>0</v>
      </c>
      <c r="J5458" s="58">
        <f>Bühler!J5484</f>
        <v>6.2150177719189994</v>
      </c>
      <c r="K5458" s="58">
        <f>Bühler!K5484</f>
        <v>0.5488648909428514</v>
      </c>
      <c r="L5458" s="58">
        <f>Bühler!L5484</f>
        <v>0.2744324454714257</v>
      </c>
      <c r="M5458" s="57">
        <f>Bühler!M5484</f>
        <v>0</v>
      </c>
      <c r="N5458" s="55">
        <f>IF(Input!$K$13=1,J5458*Input!$J$13,0)+IF(Input!$K$14=1,K5458*Input!$J$14,0)+IF(Input!$K$15=1,L5458*Input!$J$15,0)+IF(Input!$K$16=1,M5458*Input!$J$16,0)</f>
        <v>0.74580213263027995</v>
      </c>
      <c r="O5458" s="58">
        <f>IF(Input!$K$13=2,J5458*Input!$J$13,0)+IF(Input!$K$14=2,K5458*Input!$J$14,0)+IF(Input!$K$15=2,L5458*Input!$J$15,0)+IF(Input!$K$16=2,M5458*Input!$J$16,0)</f>
        <v>7.4096760277284929E-2</v>
      </c>
      <c r="P5458" s="58">
        <f>IF(Input!$K$13=3,J5458*Input!$J$13,0)+IF(Input!$K$14=3,K5458*Input!$J$14,0)+IF(Input!$K$15=3,L5458*Input!$J$15,0)+IF(Input!$K$16=3,M5458*Input!$J$16,0)</f>
        <v>0</v>
      </c>
      <c r="Q5458" s="71">
        <f>IF(Input!$K$13=4,J5458*Input!$J$13,0)+IF(Input!$K$14=4,K5458*Input!$J$14,0)+IF(Input!$K$15=4,L5458*Input!$J$15,0)+IF(Input!$K$16=4,M5458*Input!$J$16,0)</f>
        <v>0</v>
      </c>
    </row>
    <row r="5459" spans="8:17" x14ac:dyDescent="0.25">
      <c r="H5459" s="43">
        <v>5452</v>
      </c>
      <c r="I5459" s="55">
        <f>Bühler!I5485</f>
        <v>0</v>
      </c>
      <c r="J5459" s="58">
        <f>Bühler!J5485</f>
        <v>6.2150177719189994</v>
      </c>
      <c r="K5459" s="58">
        <f>Bühler!K5485</f>
        <v>0.5488648909428514</v>
      </c>
      <c r="L5459" s="58">
        <f>Bühler!L5485</f>
        <v>0.2744324454714257</v>
      </c>
      <c r="M5459" s="57">
        <f>Bühler!M5485</f>
        <v>0</v>
      </c>
      <c r="N5459" s="55">
        <f>IF(Input!$K$13=1,J5459*Input!$J$13,0)+IF(Input!$K$14=1,K5459*Input!$J$14,0)+IF(Input!$K$15=1,L5459*Input!$J$15,0)+IF(Input!$K$16=1,M5459*Input!$J$16,0)</f>
        <v>0.74580213263027995</v>
      </c>
      <c r="O5459" s="58">
        <f>IF(Input!$K$13=2,J5459*Input!$J$13,0)+IF(Input!$K$14=2,K5459*Input!$J$14,0)+IF(Input!$K$15=2,L5459*Input!$J$15,0)+IF(Input!$K$16=2,M5459*Input!$J$16,0)</f>
        <v>7.4096760277284929E-2</v>
      </c>
      <c r="P5459" s="58">
        <f>IF(Input!$K$13=3,J5459*Input!$J$13,0)+IF(Input!$K$14=3,K5459*Input!$J$14,0)+IF(Input!$K$15=3,L5459*Input!$J$15,0)+IF(Input!$K$16=3,M5459*Input!$J$16,0)</f>
        <v>0</v>
      </c>
      <c r="Q5459" s="71">
        <f>IF(Input!$K$13=4,J5459*Input!$J$13,0)+IF(Input!$K$14=4,K5459*Input!$J$14,0)+IF(Input!$K$15=4,L5459*Input!$J$15,0)+IF(Input!$K$16=4,M5459*Input!$J$16,0)</f>
        <v>0</v>
      </c>
    </row>
    <row r="5460" spans="8:17" x14ac:dyDescent="0.25">
      <c r="H5460" s="43">
        <v>5453</v>
      </c>
      <c r="I5460" s="55">
        <f>Bühler!I5486</f>
        <v>0</v>
      </c>
      <c r="J5460" s="58">
        <f>Bühler!J5486</f>
        <v>6.2150177719189994</v>
      </c>
      <c r="K5460" s="58">
        <f>Bühler!K5486</f>
        <v>0.5488648909428514</v>
      </c>
      <c r="L5460" s="58">
        <f>Bühler!L5486</f>
        <v>0.2744324454714257</v>
      </c>
      <c r="M5460" s="57">
        <f>Bühler!M5486</f>
        <v>0</v>
      </c>
      <c r="N5460" s="55">
        <f>IF(Input!$K$13=1,J5460*Input!$J$13,0)+IF(Input!$K$14=1,K5460*Input!$J$14,0)+IF(Input!$K$15=1,L5460*Input!$J$15,0)+IF(Input!$K$16=1,M5460*Input!$J$16,0)</f>
        <v>0.74580213263027995</v>
      </c>
      <c r="O5460" s="58">
        <f>IF(Input!$K$13=2,J5460*Input!$J$13,0)+IF(Input!$K$14=2,K5460*Input!$J$14,0)+IF(Input!$K$15=2,L5460*Input!$J$15,0)+IF(Input!$K$16=2,M5460*Input!$J$16,0)</f>
        <v>7.4096760277284929E-2</v>
      </c>
      <c r="P5460" s="58">
        <f>IF(Input!$K$13=3,J5460*Input!$J$13,0)+IF(Input!$K$14=3,K5460*Input!$J$14,0)+IF(Input!$K$15=3,L5460*Input!$J$15,0)+IF(Input!$K$16=3,M5460*Input!$J$16,0)</f>
        <v>0</v>
      </c>
      <c r="Q5460" s="71">
        <f>IF(Input!$K$13=4,J5460*Input!$J$13,0)+IF(Input!$K$14=4,K5460*Input!$J$14,0)+IF(Input!$K$15=4,L5460*Input!$J$15,0)+IF(Input!$K$16=4,M5460*Input!$J$16,0)</f>
        <v>0</v>
      </c>
    </row>
    <row r="5461" spans="8:17" x14ac:dyDescent="0.25">
      <c r="H5461" s="43">
        <v>5454</v>
      </c>
      <c r="I5461" s="55">
        <f>Bühler!I5487</f>
        <v>0</v>
      </c>
      <c r="J5461" s="58">
        <f>Bühler!J5487</f>
        <v>6.2150177719189994</v>
      </c>
      <c r="K5461" s="58">
        <f>Bühler!K5487</f>
        <v>0.5488648909428514</v>
      </c>
      <c r="L5461" s="58">
        <f>Bühler!L5487</f>
        <v>0.2744324454714257</v>
      </c>
      <c r="M5461" s="57">
        <f>Bühler!M5487</f>
        <v>0</v>
      </c>
      <c r="N5461" s="55">
        <f>IF(Input!$K$13=1,J5461*Input!$J$13,0)+IF(Input!$K$14=1,K5461*Input!$J$14,0)+IF(Input!$K$15=1,L5461*Input!$J$15,0)+IF(Input!$K$16=1,M5461*Input!$J$16,0)</f>
        <v>0.74580213263027995</v>
      </c>
      <c r="O5461" s="58">
        <f>IF(Input!$K$13=2,J5461*Input!$J$13,0)+IF(Input!$K$14=2,K5461*Input!$J$14,0)+IF(Input!$K$15=2,L5461*Input!$J$15,0)+IF(Input!$K$16=2,M5461*Input!$J$16,0)</f>
        <v>7.4096760277284929E-2</v>
      </c>
      <c r="P5461" s="58">
        <f>IF(Input!$K$13=3,J5461*Input!$J$13,0)+IF(Input!$K$14=3,K5461*Input!$J$14,0)+IF(Input!$K$15=3,L5461*Input!$J$15,0)+IF(Input!$K$16=3,M5461*Input!$J$16,0)</f>
        <v>0</v>
      </c>
      <c r="Q5461" s="71">
        <f>IF(Input!$K$13=4,J5461*Input!$J$13,0)+IF(Input!$K$14=4,K5461*Input!$J$14,0)+IF(Input!$K$15=4,L5461*Input!$J$15,0)+IF(Input!$K$16=4,M5461*Input!$J$16,0)</f>
        <v>0</v>
      </c>
    </row>
    <row r="5462" spans="8:17" x14ac:dyDescent="0.25">
      <c r="H5462" s="43">
        <v>5455</v>
      </c>
      <c r="I5462" s="55">
        <f>Bühler!I5488</f>
        <v>0</v>
      </c>
      <c r="J5462" s="58">
        <f>Bühler!J5488</f>
        <v>6.2150177719189994</v>
      </c>
      <c r="K5462" s="58">
        <f>Bühler!K5488</f>
        <v>0.5488648909428514</v>
      </c>
      <c r="L5462" s="58">
        <f>Bühler!L5488</f>
        <v>0.2744324454714257</v>
      </c>
      <c r="M5462" s="57">
        <f>Bühler!M5488</f>
        <v>0</v>
      </c>
      <c r="N5462" s="55">
        <f>IF(Input!$K$13=1,J5462*Input!$J$13,0)+IF(Input!$K$14=1,K5462*Input!$J$14,0)+IF(Input!$K$15=1,L5462*Input!$J$15,0)+IF(Input!$K$16=1,M5462*Input!$J$16,0)</f>
        <v>0.74580213263027995</v>
      </c>
      <c r="O5462" s="58">
        <f>IF(Input!$K$13=2,J5462*Input!$J$13,0)+IF(Input!$K$14=2,K5462*Input!$J$14,0)+IF(Input!$K$15=2,L5462*Input!$J$15,0)+IF(Input!$K$16=2,M5462*Input!$J$16,0)</f>
        <v>7.4096760277284929E-2</v>
      </c>
      <c r="P5462" s="58">
        <f>IF(Input!$K$13=3,J5462*Input!$J$13,0)+IF(Input!$K$14=3,K5462*Input!$J$14,0)+IF(Input!$K$15=3,L5462*Input!$J$15,0)+IF(Input!$K$16=3,M5462*Input!$J$16,0)</f>
        <v>0</v>
      </c>
      <c r="Q5462" s="71">
        <f>IF(Input!$K$13=4,J5462*Input!$J$13,0)+IF(Input!$K$14=4,K5462*Input!$J$14,0)+IF(Input!$K$15=4,L5462*Input!$J$15,0)+IF(Input!$K$16=4,M5462*Input!$J$16,0)</f>
        <v>0</v>
      </c>
    </row>
    <row r="5463" spans="8:17" x14ac:dyDescent="0.25">
      <c r="H5463" s="43">
        <v>5456</v>
      </c>
      <c r="I5463" s="55">
        <f>Bühler!I5489</f>
        <v>0</v>
      </c>
      <c r="J5463" s="58">
        <f>Bühler!J5489</f>
        <v>25.406239316117357</v>
      </c>
      <c r="K5463" s="58">
        <f>Bühler!K5489</f>
        <v>2.2436931450966862</v>
      </c>
      <c r="L5463" s="58">
        <f>Bühler!L5489</f>
        <v>1.1218465725483431</v>
      </c>
      <c r="M5463" s="57">
        <f>Bühler!M5489</f>
        <v>0</v>
      </c>
      <c r="N5463" s="55">
        <f>IF(Input!$K$13=1,J5463*Input!$J$13,0)+IF(Input!$K$14=1,K5463*Input!$J$14,0)+IF(Input!$K$15=1,L5463*Input!$J$15,0)+IF(Input!$K$16=1,M5463*Input!$J$16,0)</f>
        <v>3.0487487179340826</v>
      </c>
      <c r="O5463" s="58">
        <f>IF(Input!$K$13=2,J5463*Input!$J$13,0)+IF(Input!$K$14=2,K5463*Input!$J$14,0)+IF(Input!$K$15=2,L5463*Input!$J$15,0)+IF(Input!$K$16=2,M5463*Input!$J$16,0)</f>
        <v>0.30289857458805258</v>
      </c>
      <c r="P5463" s="58">
        <f>IF(Input!$K$13=3,J5463*Input!$J$13,0)+IF(Input!$K$14=3,K5463*Input!$J$14,0)+IF(Input!$K$15=3,L5463*Input!$J$15,0)+IF(Input!$K$16=3,M5463*Input!$J$16,0)</f>
        <v>0</v>
      </c>
      <c r="Q5463" s="71">
        <f>IF(Input!$K$13=4,J5463*Input!$J$13,0)+IF(Input!$K$14=4,K5463*Input!$J$14,0)+IF(Input!$K$15=4,L5463*Input!$J$15,0)+IF(Input!$K$16=4,M5463*Input!$J$16,0)</f>
        <v>0</v>
      </c>
    </row>
    <row r="5464" spans="8:17" x14ac:dyDescent="0.25">
      <c r="H5464" s="43">
        <v>5457</v>
      </c>
      <c r="I5464" s="55">
        <f>Bühler!I5490</f>
        <v>0</v>
      </c>
      <c r="J5464" s="58">
        <f>Bühler!J5490</f>
        <v>28.34801439482569</v>
      </c>
      <c r="K5464" s="58">
        <f>Bühler!K5490</f>
        <v>2.5034891934763031</v>
      </c>
      <c r="L5464" s="58">
        <f>Bühler!L5490</f>
        <v>1.2517445967381515</v>
      </c>
      <c r="M5464" s="57">
        <f>Bühler!M5490</f>
        <v>0</v>
      </c>
      <c r="N5464" s="55">
        <f>IF(Input!$K$13=1,J5464*Input!$J$13,0)+IF(Input!$K$14=1,K5464*Input!$J$14,0)+IF(Input!$K$15=1,L5464*Input!$J$15,0)+IF(Input!$K$16=1,M5464*Input!$J$16,0)</f>
        <v>3.4017617273790828</v>
      </c>
      <c r="O5464" s="58">
        <f>IF(Input!$K$13=2,J5464*Input!$J$13,0)+IF(Input!$K$14=2,K5464*Input!$J$14,0)+IF(Input!$K$15=2,L5464*Input!$J$15,0)+IF(Input!$K$16=2,M5464*Input!$J$16,0)</f>
        <v>0.33797104111930087</v>
      </c>
      <c r="P5464" s="58">
        <f>IF(Input!$K$13=3,J5464*Input!$J$13,0)+IF(Input!$K$14=3,K5464*Input!$J$14,0)+IF(Input!$K$15=3,L5464*Input!$J$15,0)+IF(Input!$K$16=3,M5464*Input!$J$16,0)</f>
        <v>0</v>
      </c>
      <c r="Q5464" s="71">
        <f>IF(Input!$K$13=4,J5464*Input!$J$13,0)+IF(Input!$K$14=4,K5464*Input!$J$14,0)+IF(Input!$K$15=4,L5464*Input!$J$15,0)+IF(Input!$K$16=4,M5464*Input!$J$16,0)</f>
        <v>0</v>
      </c>
    </row>
    <row r="5465" spans="8:17" x14ac:dyDescent="0.25">
      <c r="H5465" s="43">
        <v>5458</v>
      </c>
      <c r="I5465" s="55">
        <f>Bühler!I5491</f>
        <v>0</v>
      </c>
      <c r="J5465" s="58">
        <f>Bühler!J5491</f>
        <v>31.289789473534015</v>
      </c>
      <c r="K5465" s="58">
        <f>Bühler!K5491</f>
        <v>2.7632852418559195</v>
      </c>
      <c r="L5465" s="58">
        <f>Bühler!L5491</f>
        <v>1.3816426209279598</v>
      </c>
      <c r="M5465" s="57">
        <f>Bühler!M5491</f>
        <v>0</v>
      </c>
      <c r="N5465" s="55">
        <f>IF(Input!$K$13=1,J5465*Input!$J$13,0)+IF(Input!$K$14=1,K5465*Input!$J$14,0)+IF(Input!$K$15=1,L5465*Input!$J$15,0)+IF(Input!$K$16=1,M5465*Input!$J$16,0)</f>
        <v>3.7547747368240816</v>
      </c>
      <c r="O5465" s="58">
        <f>IF(Input!$K$13=2,J5465*Input!$J$13,0)+IF(Input!$K$14=2,K5465*Input!$J$14,0)+IF(Input!$K$15=2,L5465*Input!$J$15,0)+IF(Input!$K$16=2,M5465*Input!$J$16,0)</f>
        <v>0.37304350765054917</v>
      </c>
      <c r="P5465" s="58">
        <f>IF(Input!$K$13=3,J5465*Input!$J$13,0)+IF(Input!$K$14=3,K5465*Input!$J$14,0)+IF(Input!$K$15=3,L5465*Input!$J$15,0)+IF(Input!$K$16=3,M5465*Input!$J$16,0)</f>
        <v>0</v>
      </c>
      <c r="Q5465" s="71">
        <f>IF(Input!$K$13=4,J5465*Input!$J$13,0)+IF(Input!$K$14=4,K5465*Input!$J$14,0)+IF(Input!$K$15=4,L5465*Input!$J$15,0)+IF(Input!$K$16=4,M5465*Input!$J$16,0)</f>
        <v>0</v>
      </c>
    </row>
    <row r="5466" spans="8:17" x14ac:dyDescent="0.25">
      <c r="H5466" s="43">
        <v>5459</v>
      </c>
      <c r="I5466" s="55">
        <f>Bühler!I5492</f>
        <v>0</v>
      </c>
      <c r="J5466" s="58">
        <f>Bühler!J5492</f>
        <v>31.289789473534015</v>
      </c>
      <c r="K5466" s="58">
        <f>Bühler!K5492</f>
        <v>2.7632852418559195</v>
      </c>
      <c r="L5466" s="58">
        <f>Bühler!L5492</f>
        <v>1.3816426209279598</v>
      </c>
      <c r="M5466" s="57">
        <f>Bühler!M5492</f>
        <v>0</v>
      </c>
      <c r="N5466" s="55">
        <f>IF(Input!$K$13=1,J5466*Input!$J$13,0)+IF(Input!$K$14=1,K5466*Input!$J$14,0)+IF(Input!$K$15=1,L5466*Input!$J$15,0)+IF(Input!$K$16=1,M5466*Input!$J$16,0)</f>
        <v>3.7547747368240816</v>
      </c>
      <c r="O5466" s="58">
        <f>IF(Input!$K$13=2,J5466*Input!$J$13,0)+IF(Input!$K$14=2,K5466*Input!$J$14,0)+IF(Input!$K$15=2,L5466*Input!$J$15,0)+IF(Input!$K$16=2,M5466*Input!$J$16,0)</f>
        <v>0.37304350765054917</v>
      </c>
      <c r="P5466" s="58">
        <f>IF(Input!$K$13=3,J5466*Input!$J$13,0)+IF(Input!$K$14=3,K5466*Input!$J$14,0)+IF(Input!$K$15=3,L5466*Input!$J$15,0)+IF(Input!$K$16=3,M5466*Input!$J$16,0)</f>
        <v>0</v>
      </c>
      <c r="Q5466" s="71">
        <f>IF(Input!$K$13=4,J5466*Input!$J$13,0)+IF(Input!$K$14=4,K5466*Input!$J$14,0)+IF(Input!$K$15=4,L5466*Input!$J$15,0)+IF(Input!$K$16=4,M5466*Input!$J$16,0)</f>
        <v>0</v>
      </c>
    </row>
    <row r="5467" spans="8:17" x14ac:dyDescent="0.25">
      <c r="H5467" s="43">
        <v>5460</v>
      </c>
      <c r="I5467" s="55">
        <f>Bühler!I5493</f>
        <v>0</v>
      </c>
      <c r="J5467" s="58">
        <f>Bühler!J5493</f>
        <v>37.440773729015056</v>
      </c>
      <c r="K5467" s="58">
        <f>Bühler!K5493</f>
        <v>3.3064951611951163</v>
      </c>
      <c r="L5467" s="58">
        <f>Bühler!L5493</f>
        <v>1.6532475805975582</v>
      </c>
      <c r="M5467" s="57">
        <f>Bühler!M5493</f>
        <v>0</v>
      </c>
      <c r="N5467" s="55">
        <f>IF(Input!$K$13=1,J5467*Input!$J$13,0)+IF(Input!$K$14=1,K5467*Input!$J$14,0)+IF(Input!$K$15=1,L5467*Input!$J$15,0)+IF(Input!$K$16=1,M5467*Input!$J$16,0)</f>
        <v>4.4928928474818068</v>
      </c>
      <c r="O5467" s="58">
        <f>IF(Input!$K$13=2,J5467*Input!$J$13,0)+IF(Input!$K$14=2,K5467*Input!$J$14,0)+IF(Input!$K$15=2,L5467*Input!$J$15,0)+IF(Input!$K$16=2,M5467*Input!$J$16,0)</f>
        <v>0.44637684676134071</v>
      </c>
      <c r="P5467" s="58">
        <f>IF(Input!$K$13=3,J5467*Input!$J$13,0)+IF(Input!$K$14=3,K5467*Input!$J$14,0)+IF(Input!$K$15=3,L5467*Input!$J$15,0)+IF(Input!$K$16=3,M5467*Input!$J$16,0)</f>
        <v>0</v>
      </c>
      <c r="Q5467" s="71">
        <f>IF(Input!$K$13=4,J5467*Input!$J$13,0)+IF(Input!$K$14=4,K5467*Input!$J$14,0)+IF(Input!$K$15=4,L5467*Input!$J$15,0)+IF(Input!$K$16=4,M5467*Input!$J$16,0)</f>
        <v>0</v>
      </c>
    </row>
    <row r="5468" spans="8:17" x14ac:dyDescent="0.25">
      <c r="H5468" s="43">
        <v>5461</v>
      </c>
      <c r="I5468" s="55">
        <f>Bühler!I5494</f>
        <v>0</v>
      </c>
      <c r="J5468" s="58">
        <f>Bühler!J5494</f>
        <v>37.440773729015056</v>
      </c>
      <c r="K5468" s="58">
        <f>Bühler!K5494</f>
        <v>3.3064951611951163</v>
      </c>
      <c r="L5468" s="58">
        <f>Bühler!L5494</f>
        <v>1.6532475805975582</v>
      </c>
      <c r="M5468" s="57">
        <f>Bühler!M5494</f>
        <v>0</v>
      </c>
      <c r="N5468" s="55">
        <f>IF(Input!$K$13=1,J5468*Input!$J$13,0)+IF(Input!$K$14=1,K5468*Input!$J$14,0)+IF(Input!$K$15=1,L5468*Input!$J$15,0)+IF(Input!$K$16=1,M5468*Input!$J$16,0)</f>
        <v>4.4928928474818068</v>
      </c>
      <c r="O5468" s="58">
        <f>IF(Input!$K$13=2,J5468*Input!$J$13,0)+IF(Input!$K$14=2,K5468*Input!$J$14,0)+IF(Input!$K$15=2,L5468*Input!$J$15,0)+IF(Input!$K$16=2,M5468*Input!$J$16,0)</f>
        <v>0.44637684676134071</v>
      </c>
      <c r="P5468" s="58">
        <f>IF(Input!$K$13=3,J5468*Input!$J$13,0)+IF(Input!$K$14=3,K5468*Input!$J$14,0)+IF(Input!$K$15=3,L5468*Input!$J$15,0)+IF(Input!$K$16=3,M5468*Input!$J$16,0)</f>
        <v>0</v>
      </c>
      <c r="Q5468" s="71">
        <f>IF(Input!$K$13=4,J5468*Input!$J$13,0)+IF(Input!$K$14=4,K5468*Input!$J$14,0)+IF(Input!$K$15=4,L5468*Input!$J$15,0)+IF(Input!$K$16=4,M5468*Input!$J$16,0)</f>
        <v>0</v>
      </c>
    </row>
    <row r="5469" spans="8:17" x14ac:dyDescent="0.25">
      <c r="H5469" s="43">
        <v>5462</v>
      </c>
      <c r="I5469" s="55">
        <f>Bühler!I5495</f>
        <v>0</v>
      </c>
      <c r="J5469" s="58">
        <f>Bühler!J5495</f>
        <v>24.871371119988574</v>
      </c>
      <c r="K5469" s="58">
        <f>Bühler!K5495</f>
        <v>2.1964574999367561</v>
      </c>
      <c r="L5469" s="58">
        <f>Bühler!L5495</f>
        <v>1.098228749968378</v>
      </c>
      <c r="M5469" s="57">
        <f>Bühler!M5495</f>
        <v>0</v>
      </c>
      <c r="N5469" s="55">
        <f>IF(Input!$K$13=1,J5469*Input!$J$13,0)+IF(Input!$K$14=1,K5469*Input!$J$14,0)+IF(Input!$K$15=1,L5469*Input!$J$15,0)+IF(Input!$K$16=1,M5469*Input!$J$16,0)</f>
        <v>2.9845645343986287</v>
      </c>
      <c r="O5469" s="58">
        <f>IF(Input!$K$13=2,J5469*Input!$J$13,0)+IF(Input!$K$14=2,K5469*Input!$J$14,0)+IF(Input!$K$15=2,L5469*Input!$J$15,0)+IF(Input!$K$16=2,M5469*Input!$J$16,0)</f>
        <v>0.29652176249146206</v>
      </c>
      <c r="P5469" s="58">
        <f>IF(Input!$K$13=3,J5469*Input!$J$13,0)+IF(Input!$K$14=3,K5469*Input!$J$14,0)+IF(Input!$K$15=3,L5469*Input!$J$15,0)+IF(Input!$K$16=3,M5469*Input!$J$16,0)</f>
        <v>0</v>
      </c>
      <c r="Q5469" s="71">
        <f>IF(Input!$K$13=4,J5469*Input!$J$13,0)+IF(Input!$K$14=4,K5469*Input!$J$14,0)+IF(Input!$K$15=4,L5469*Input!$J$15,0)+IF(Input!$K$16=4,M5469*Input!$J$16,0)</f>
        <v>0</v>
      </c>
    </row>
    <row r="5470" spans="8:17" x14ac:dyDescent="0.25">
      <c r="H5470" s="43">
        <v>5463</v>
      </c>
      <c r="I5470" s="55">
        <f>Bühler!I5496</f>
        <v>0</v>
      </c>
      <c r="J5470" s="58">
        <f>Bühler!J5496</f>
        <v>37.440773729015056</v>
      </c>
      <c r="K5470" s="58">
        <f>Bühler!K5496</f>
        <v>3.3064951611951163</v>
      </c>
      <c r="L5470" s="58">
        <f>Bühler!L5496</f>
        <v>1.6532475805975582</v>
      </c>
      <c r="M5470" s="57">
        <f>Bühler!M5496</f>
        <v>0</v>
      </c>
      <c r="N5470" s="55">
        <f>IF(Input!$K$13=1,J5470*Input!$J$13,0)+IF(Input!$K$14=1,K5470*Input!$J$14,0)+IF(Input!$K$15=1,L5470*Input!$J$15,0)+IF(Input!$K$16=1,M5470*Input!$J$16,0)</f>
        <v>4.4928928474818068</v>
      </c>
      <c r="O5470" s="58">
        <f>IF(Input!$K$13=2,J5470*Input!$J$13,0)+IF(Input!$K$14=2,K5470*Input!$J$14,0)+IF(Input!$K$15=2,L5470*Input!$J$15,0)+IF(Input!$K$16=2,M5470*Input!$J$16,0)</f>
        <v>0.44637684676134071</v>
      </c>
      <c r="P5470" s="58">
        <f>IF(Input!$K$13=3,J5470*Input!$J$13,0)+IF(Input!$K$14=3,K5470*Input!$J$14,0)+IF(Input!$K$15=3,L5470*Input!$J$15,0)+IF(Input!$K$16=3,M5470*Input!$J$16,0)</f>
        <v>0</v>
      </c>
      <c r="Q5470" s="71">
        <f>IF(Input!$K$13=4,J5470*Input!$J$13,0)+IF(Input!$K$14=4,K5470*Input!$J$14,0)+IF(Input!$K$15=4,L5470*Input!$J$15,0)+IF(Input!$K$16=4,M5470*Input!$J$16,0)</f>
        <v>0</v>
      </c>
    </row>
    <row r="5471" spans="8:17" x14ac:dyDescent="0.25">
      <c r="H5471" s="43">
        <v>5464</v>
      </c>
      <c r="I5471" s="55">
        <f>Bühler!I5497</f>
        <v>0</v>
      </c>
      <c r="J5471" s="58">
        <f>Bühler!J5497</f>
        <v>37.440773729015056</v>
      </c>
      <c r="K5471" s="58">
        <f>Bühler!K5497</f>
        <v>3.3064951611951163</v>
      </c>
      <c r="L5471" s="58">
        <f>Bühler!L5497</f>
        <v>1.6532475805975582</v>
      </c>
      <c r="M5471" s="57">
        <f>Bühler!M5497</f>
        <v>0</v>
      </c>
      <c r="N5471" s="55">
        <f>IF(Input!$K$13=1,J5471*Input!$J$13,0)+IF(Input!$K$14=1,K5471*Input!$J$14,0)+IF(Input!$K$15=1,L5471*Input!$J$15,0)+IF(Input!$K$16=1,M5471*Input!$J$16,0)</f>
        <v>4.4928928474818068</v>
      </c>
      <c r="O5471" s="58">
        <f>IF(Input!$K$13=2,J5471*Input!$J$13,0)+IF(Input!$K$14=2,K5471*Input!$J$14,0)+IF(Input!$K$15=2,L5471*Input!$J$15,0)+IF(Input!$K$16=2,M5471*Input!$J$16,0)</f>
        <v>0.44637684676134071</v>
      </c>
      <c r="P5471" s="58">
        <f>IF(Input!$K$13=3,J5471*Input!$J$13,0)+IF(Input!$K$14=3,K5471*Input!$J$14,0)+IF(Input!$K$15=3,L5471*Input!$J$15,0)+IF(Input!$K$16=3,M5471*Input!$J$16,0)</f>
        <v>0</v>
      </c>
      <c r="Q5471" s="71">
        <f>IF(Input!$K$13=4,J5471*Input!$J$13,0)+IF(Input!$K$14=4,K5471*Input!$J$14,0)+IF(Input!$K$15=4,L5471*Input!$J$15,0)+IF(Input!$K$16=4,M5471*Input!$J$16,0)</f>
        <v>0</v>
      </c>
    </row>
    <row r="5472" spans="8:17" x14ac:dyDescent="0.25">
      <c r="H5472" s="43">
        <v>5465</v>
      </c>
      <c r="I5472" s="55">
        <f>Bühler!I5498</f>
        <v>0</v>
      </c>
      <c r="J5472" s="58">
        <f>Bühler!J5498</f>
        <v>22.063313090312441</v>
      </c>
      <c r="K5472" s="58">
        <f>Bühler!K5498</f>
        <v>1.9484703628471221</v>
      </c>
      <c r="L5472" s="58">
        <f>Bühler!L5498</f>
        <v>0.97423518142356103</v>
      </c>
      <c r="M5472" s="57">
        <f>Bühler!M5498</f>
        <v>0</v>
      </c>
      <c r="N5472" s="55">
        <f>IF(Input!$K$13=1,J5472*Input!$J$13,0)+IF(Input!$K$14=1,K5472*Input!$J$14,0)+IF(Input!$K$15=1,L5472*Input!$J$15,0)+IF(Input!$K$16=1,M5472*Input!$J$16,0)</f>
        <v>2.647597570837493</v>
      </c>
      <c r="O5472" s="58">
        <f>IF(Input!$K$13=2,J5472*Input!$J$13,0)+IF(Input!$K$14=2,K5472*Input!$J$14,0)+IF(Input!$K$15=2,L5472*Input!$J$15,0)+IF(Input!$K$16=2,M5472*Input!$J$16,0)</f>
        <v>0.26304349898436147</v>
      </c>
      <c r="P5472" s="58">
        <f>IF(Input!$K$13=3,J5472*Input!$J$13,0)+IF(Input!$K$14=3,K5472*Input!$J$14,0)+IF(Input!$K$15=3,L5472*Input!$J$15,0)+IF(Input!$K$16=3,M5472*Input!$J$16,0)</f>
        <v>0</v>
      </c>
      <c r="Q5472" s="71">
        <f>IF(Input!$K$13=4,J5472*Input!$J$13,0)+IF(Input!$K$14=4,K5472*Input!$J$14,0)+IF(Input!$K$15=4,L5472*Input!$J$15,0)+IF(Input!$K$16=4,M5472*Input!$J$16,0)</f>
        <v>0</v>
      </c>
    </row>
    <row r="5473" spans="8:17" x14ac:dyDescent="0.25">
      <c r="H5473" s="43">
        <v>5466</v>
      </c>
      <c r="I5473" s="55">
        <f>Bühler!I5499</f>
        <v>0</v>
      </c>
      <c r="J5473" s="58">
        <f>Bühler!J5499</f>
        <v>9.4166935938166656</v>
      </c>
      <c r="K5473" s="58">
        <f>Bühler!K5499</f>
        <v>0.83161347112553252</v>
      </c>
      <c r="L5473" s="58">
        <f>Bühler!L5499</f>
        <v>0.41580673556276626</v>
      </c>
      <c r="M5473" s="57">
        <f>Bühler!M5499</f>
        <v>0</v>
      </c>
      <c r="N5473" s="55">
        <f>IF(Input!$K$13=1,J5473*Input!$J$13,0)+IF(Input!$K$14=1,K5473*Input!$J$14,0)+IF(Input!$K$15=1,L5473*Input!$J$15,0)+IF(Input!$K$16=1,M5473*Input!$J$16,0)</f>
        <v>1.1300032312579997</v>
      </c>
      <c r="O5473" s="58">
        <f>IF(Input!$K$13=2,J5473*Input!$J$13,0)+IF(Input!$K$14=2,K5473*Input!$J$14,0)+IF(Input!$K$15=2,L5473*Input!$J$15,0)+IF(Input!$K$16=2,M5473*Input!$J$16,0)</f>
        <v>0.11226781860194689</v>
      </c>
      <c r="P5473" s="58">
        <f>IF(Input!$K$13=3,J5473*Input!$J$13,0)+IF(Input!$K$14=3,K5473*Input!$J$14,0)+IF(Input!$K$15=3,L5473*Input!$J$15,0)+IF(Input!$K$16=3,M5473*Input!$J$16,0)</f>
        <v>0</v>
      </c>
      <c r="Q5473" s="71">
        <f>IF(Input!$K$13=4,J5473*Input!$J$13,0)+IF(Input!$K$14=4,K5473*Input!$J$14,0)+IF(Input!$K$15=4,L5473*Input!$J$15,0)+IF(Input!$K$16=4,M5473*Input!$J$16,0)</f>
        <v>0</v>
      </c>
    </row>
    <row r="5474" spans="8:17" x14ac:dyDescent="0.25">
      <c r="H5474" s="43">
        <v>5467</v>
      </c>
      <c r="I5474" s="55">
        <f>Bühler!I5500</f>
        <v>0</v>
      </c>
      <c r="J5474" s="58">
        <f>Bühler!J5500</f>
        <v>6.2150177719189994</v>
      </c>
      <c r="K5474" s="58">
        <f>Bühler!K5500</f>
        <v>0.5488648909428514</v>
      </c>
      <c r="L5474" s="58">
        <f>Bühler!L5500</f>
        <v>0.2744324454714257</v>
      </c>
      <c r="M5474" s="57">
        <f>Bühler!M5500</f>
        <v>0</v>
      </c>
      <c r="N5474" s="55">
        <f>IF(Input!$K$13=1,J5474*Input!$J$13,0)+IF(Input!$K$14=1,K5474*Input!$J$14,0)+IF(Input!$K$15=1,L5474*Input!$J$15,0)+IF(Input!$K$16=1,M5474*Input!$J$16,0)</f>
        <v>0.74580213263027995</v>
      </c>
      <c r="O5474" s="58">
        <f>IF(Input!$K$13=2,J5474*Input!$J$13,0)+IF(Input!$K$14=2,K5474*Input!$J$14,0)+IF(Input!$K$15=2,L5474*Input!$J$15,0)+IF(Input!$K$16=2,M5474*Input!$J$16,0)</f>
        <v>7.4096760277284929E-2</v>
      </c>
      <c r="P5474" s="58">
        <f>IF(Input!$K$13=3,J5474*Input!$J$13,0)+IF(Input!$K$14=3,K5474*Input!$J$14,0)+IF(Input!$K$15=3,L5474*Input!$J$15,0)+IF(Input!$K$16=3,M5474*Input!$J$16,0)</f>
        <v>0</v>
      </c>
      <c r="Q5474" s="71">
        <f>IF(Input!$K$13=4,J5474*Input!$J$13,0)+IF(Input!$K$14=4,K5474*Input!$J$14,0)+IF(Input!$K$15=4,L5474*Input!$J$15,0)+IF(Input!$K$16=4,M5474*Input!$J$16,0)</f>
        <v>0</v>
      </c>
    </row>
    <row r="5475" spans="8:17" x14ac:dyDescent="0.25">
      <c r="H5475" s="43">
        <v>5468</v>
      </c>
      <c r="I5475" s="55">
        <f>Bühler!I5501</f>
        <v>0</v>
      </c>
      <c r="J5475" s="58">
        <f>Bühler!J5501</f>
        <v>6.2150177719189994</v>
      </c>
      <c r="K5475" s="58">
        <f>Bühler!K5501</f>
        <v>0.5488648909428514</v>
      </c>
      <c r="L5475" s="58">
        <f>Bühler!L5501</f>
        <v>0.2744324454714257</v>
      </c>
      <c r="M5475" s="57">
        <f>Bühler!M5501</f>
        <v>0</v>
      </c>
      <c r="N5475" s="55">
        <f>IF(Input!$K$13=1,J5475*Input!$J$13,0)+IF(Input!$K$14=1,K5475*Input!$J$14,0)+IF(Input!$K$15=1,L5475*Input!$J$15,0)+IF(Input!$K$16=1,M5475*Input!$J$16,0)</f>
        <v>0.74580213263027995</v>
      </c>
      <c r="O5475" s="58">
        <f>IF(Input!$K$13=2,J5475*Input!$J$13,0)+IF(Input!$K$14=2,K5475*Input!$J$14,0)+IF(Input!$K$15=2,L5475*Input!$J$15,0)+IF(Input!$K$16=2,M5475*Input!$J$16,0)</f>
        <v>7.4096760277284929E-2</v>
      </c>
      <c r="P5475" s="58">
        <f>IF(Input!$K$13=3,J5475*Input!$J$13,0)+IF(Input!$K$14=3,K5475*Input!$J$14,0)+IF(Input!$K$15=3,L5475*Input!$J$15,0)+IF(Input!$K$16=3,M5475*Input!$J$16,0)</f>
        <v>0</v>
      </c>
      <c r="Q5475" s="71">
        <f>IF(Input!$K$13=4,J5475*Input!$J$13,0)+IF(Input!$K$14=4,K5475*Input!$J$14,0)+IF(Input!$K$15=4,L5475*Input!$J$15,0)+IF(Input!$K$16=4,M5475*Input!$J$16,0)</f>
        <v>0</v>
      </c>
    </row>
    <row r="5476" spans="8:17" x14ac:dyDescent="0.25">
      <c r="H5476" s="43">
        <v>5469</v>
      </c>
      <c r="I5476" s="55">
        <f>Bühler!I5502</f>
        <v>0</v>
      </c>
      <c r="J5476" s="58">
        <f>Bühler!J5502</f>
        <v>6.2150177719189994</v>
      </c>
      <c r="K5476" s="58">
        <f>Bühler!K5502</f>
        <v>0.5488648909428514</v>
      </c>
      <c r="L5476" s="58">
        <f>Bühler!L5502</f>
        <v>0.2744324454714257</v>
      </c>
      <c r="M5476" s="57">
        <f>Bühler!M5502</f>
        <v>0</v>
      </c>
      <c r="N5476" s="55">
        <f>IF(Input!$K$13=1,J5476*Input!$J$13,0)+IF(Input!$K$14=1,K5476*Input!$J$14,0)+IF(Input!$K$15=1,L5476*Input!$J$15,0)+IF(Input!$K$16=1,M5476*Input!$J$16,0)</f>
        <v>0.74580213263027995</v>
      </c>
      <c r="O5476" s="58">
        <f>IF(Input!$K$13=2,J5476*Input!$J$13,0)+IF(Input!$K$14=2,K5476*Input!$J$14,0)+IF(Input!$K$15=2,L5476*Input!$J$15,0)+IF(Input!$K$16=2,M5476*Input!$J$16,0)</f>
        <v>7.4096760277284929E-2</v>
      </c>
      <c r="P5476" s="58">
        <f>IF(Input!$K$13=3,J5476*Input!$J$13,0)+IF(Input!$K$14=3,K5476*Input!$J$14,0)+IF(Input!$K$15=3,L5476*Input!$J$15,0)+IF(Input!$K$16=3,M5476*Input!$J$16,0)</f>
        <v>0</v>
      </c>
      <c r="Q5476" s="71">
        <f>IF(Input!$K$13=4,J5476*Input!$J$13,0)+IF(Input!$K$14=4,K5476*Input!$J$14,0)+IF(Input!$K$15=4,L5476*Input!$J$15,0)+IF(Input!$K$16=4,M5476*Input!$J$16,0)</f>
        <v>0</v>
      </c>
    </row>
    <row r="5477" spans="8:17" x14ac:dyDescent="0.25">
      <c r="H5477" s="43">
        <v>5470</v>
      </c>
      <c r="I5477" s="55">
        <f>Bühler!I5503</f>
        <v>0</v>
      </c>
      <c r="J5477" s="58">
        <f>Bühler!J5503</f>
        <v>6.2150177719189994</v>
      </c>
      <c r="K5477" s="58">
        <f>Bühler!K5503</f>
        <v>0.5488648909428514</v>
      </c>
      <c r="L5477" s="58">
        <f>Bühler!L5503</f>
        <v>0.2744324454714257</v>
      </c>
      <c r="M5477" s="57">
        <f>Bühler!M5503</f>
        <v>0</v>
      </c>
      <c r="N5477" s="55">
        <f>IF(Input!$K$13=1,J5477*Input!$J$13,0)+IF(Input!$K$14=1,K5477*Input!$J$14,0)+IF(Input!$K$15=1,L5477*Input!$J$15,0)+IF(Input!$K$16=1,M5477*Input!$J$16,0)</f>
        <v>0.74580213263027995</v>
      </c>
      <c r="O5477" s="58">
        <f>IF(Input!$K$13=2,J5477*Input!$J$13,0)+IF(Input!$K$14=2,K5477*Input!$J$14,0)+IF(Input!$K$15=2,L5477*Input!$J$15,0)+IF(Input!$K$16=2,M5477*Input!$J$16,0)</f>
        <v>7.4096760277284929E-2</v>
      </c>
      <c r="P5477" s="58">
        <f>IF(Input!$K$13=3,J5477*Input!$J$13,0)+IF(Input!$K$14=3,K5477*Input!$J$14,0)+IF(Input!$K$15=3,L5477*Input!$J$15,0)+IF(Input!$K$16=3,M5477*Input!$J$16,0)</f>
        <v>0</v>
      </c>
      <c r="Q5477" s="71">
        <f>IF(Input!$K$13=4,J5477*Input!$J$13,0)+IF(Input!$K$14=4,K5477*Input!$J$14,0)+IF(Input!$K$15=4,L5477*Input!$J$15,0)+IF(Input!$K$16=4,M5477*Input!$J$16,0)</f>
        <v>0</v>
      </c>
    </row>
    <row r="5478" spans="8:17" x14ac:dyDescent="0.25">
      <c r="H5478" s="43">
        <v>5471</v>
      </c>
      <c r="I5478" s="55">
        <f>Bühler!I5504</f>
        <v>0</v>
      </c>
      <c r="J5478" s="58">
        <f>Bühler!J5504</f>
        <v>6.2150177719189994</v>
      </c>
      <c r="K5478" s="58">
        <f>Bühler!K5504</f>
        <v>0.5488648909428514</v>
      </c>
      <c r="L5478" s="58">
        <f>Bühler!L5504</f>
        <v>0.2744324454714257</v>
      </c>
      <c r="M5478" s="57">
        <f>Bühler!M5504</f>
        <v>0</v>
      </c>
      <c r="N5478" s="55">
        <f>IF(Input!$K$13=1,J5478*Input!$J$13,0)+IF(Input!$K$14=1,K5478*Input!$J$14,0)+IF(Input!$K$15=1,L5478*Input!$J$15,0)+IF(Input!$K$16=1,M5478*Input!$J$16,0)</f>
        <v>0.74580213263027995</v>
      </c>
      <c r="O5478" s="58">
        <f>IF(Input!$K$13=2,J5478*Input!$J$13,0)+IF(Input!$K$14=2,K5478*Input!$J$14,0)+IF(Input!$K$15=2,L5478*Input!$J$15,0)+IF(Input!$K$16=2,M5478*Input!$J$16,0)</f>
        <v>7.4096760277284929E-2</v>
      </c>
      <c r="P5478" s="58">
        <f>IF(Input!$K$13=3,J5478*Input!$J$13,0)+IF(Input!$K$14=3,K5478*Input!$J$14,0)+IF(Input!$K$15=3,L5478*Input!$J$15,0)+IF(Input!$K$16=3,M5478*Input!$J$16,0)</f>
        <v>0</v>
      </c>
      <c r="Q5478" s="71">
        <f>IF(Input!$K$13=4,J5478*Input!$J$13,0)+IF(Input!$K$14=4,K5478*Input!$J$14,0)+IF(Input!$K$15=4,L5478*Input!$J$15,0)+IF(Input!$K$16=4,M5478*Input!$J$16,0)</f>
        <v>0</v>
      </c>
    </row>
    <row r="5479" spans="8:17" x14ac:dyDescent="0.25">
      <c r="H5479" s="43">
        <v>5472</v>
      </c>
      <c r="I5479" s="55">
        <f>Bühler!I5505</f>
        <v>0</v>
      </c>
      <c r="J5479" s="58">
        <f>Bühler!J5505</f>
        <v>6.2150177719189994</v>
      </c>
      <c r="K5479" s="58">
        <f>Bühler!K5505</f>
        <v>0.5488648909428514</v>
      </c>
      <c r="L5479" s="58">
        <f>Bühler!L5505</f>
        <v>0.2744324454714257</v>
      </c>
      <c r="M5479" s="57">
        <f>Bühler!M5505</f>
        <v>0</v>
      </c>
      <c r="N5479" s="55">
        <f>IF(Input!$K$13=1,J5479*Input!$J$13,0)+IF(Input!$K$14=1,K5479*Input!$J$14,0)+IF(Input!$K$15=1,L5479*Input!$J$15,0)+IF(Input!$K$16=1,M5479*Input!$J$16,0)</f>
        <v>0.74580213263027995</v>
      </c>
      <c r="O5479" s="58">
        <f>IF(Input!$K$13=2,J5479*Input!$J$13,0)+IF(Input!$K$14=2,K5479*Input!$J$14,0)+IF(Input!$K$15=2,L5479*Input!$J$15,0)+IF(Input!$K$16=2,M5479*Input!$J$16,0)</f>
        <v>7.4096760277284929E-2</v>
      </c>
      <c r="P5479" s="58">
        <f>IF(Input!$K$13=3,J5479*Input!$J$13,0)+IF(Input!$K$14=3,K5479*Input!$J$14,0)+IF(Input!$K$15=3,L5479*Input!$J$15,0)+IF(Input!$K$16=3,M5479*Input!$J$16,0)</f>
        <v>0</v>
      </c>
      <c r="Q5479" s="71">
        <f>IF(Input!$K$13=4,J5479*Input!$J$13,0)+IF(Input!$K$14=4,K5479*Input!$J$14,0)+IF(Input!$K$15=4,L5479*Input!$J$15,0)+IF(Input!$K$16=4,M5479*Input!$J$16,0)</f>
        <v>0</v>
      </c>
    </row>
    <row r="5480" spans="8:17" x14ac:dyDescent="0.25">
      <c r="H5480" s="43">
        <v>5473</v>
      </c>
      <c r="I5480" s="55">
        <f>Bühler!I5506</f>
        <v>1.3594614477301068E-2</v>
      </c>
      <c r="J5480" s="58">
        <f>Bühler!J5506</f>
        <v>6.5710675673037349</v>
      </c>
      <c r="K5480" s="58">
        <f>Bühler!K5506</f>
        <v>0.5623028591941005</v>
      </c>
      <c r="L5480" s="58">
        <f>Bühler!L5506</f>
        <v>0.28115142959705025</v>
      </c>
      <c r="M5480" s="57">
        <f>Bühler!M5506</f>
        <v>0</v>
      </c>
      <c r="N5480" s="55">
        <f>IF(Input!$K$13=1,J5480*Input!$J$13,0)+IF(Input!$K$14=1,K5480*Input!$J$14,0)+IF(Input!$K$15=1,L5480*Input!$J$15,0)+IF(Input!$K$16=1,M5480*Input!$J$16,0)</f>
        <v>0.78852810807644813</v>
      </c>
      <c r="O5480" s="58">
        <f>IF(Input!$K$13=2,J5480*Input!$J$13,0)+IF(Input!$K$14=2,K5480*Input!$J$14,0)+IF(Input!$K$15=2,L5480*Input!$J$15,0)+IF(Input!$K$16=2,M5480*Input!$J$16,0)</f>
        <v>7.5910885991203575E-2</v>
      </c>
      <c r="P5480" s="58">
        <f>IF(Input!$K$13=3,J5480*Input!$J$13,0)+IF(Input!$K$14=3,K5480*Input!$J$14,0)+IF(Input!$K$15=3,L5480*Input!$J$15,0)+IF(Input!$K$16=3,M5480*Input!$J$16,0)</f>
        <v>0</v>
      </c>
      <c r="Q5480" s="71">
        <f>IF(Input!$K$13=4,J5480*Input!$J$13,0)+IF(Input!$K$14=4,K5480*Input!$J$14,0)+IF(Input!$K$15=4,L5480*Input!$J$15,0)+IF(Input!$K$16=4,M5480*Input!$J$16,0)</f>
        <v>0</v>
      </c>
    </row>
    <row r="5481" spans="8:17" x14ac:dyDescent="0.25">
      <c r="H5481" s="43">
        <v>5474</v>
      </c>
      <c r="I5481" s="55">
        <f>Bühler!I5507</f>
        <v>1.3594614477301068E-2</v>
      </c>
      <c r="J5481" s="58">
        <f>Bühler!J5507</f>
        <v>6.5710675673037349</v>
      </c>
      <c r="K5481" s="58">
        <f>Bühler!K5507</f>
        <v>0.5623028591941005</v>
      </c>
      <c r="L5481" s="58">
        <f>Bühler!L5507</f>
        <v>0.28115142959705025</v>
      </c>
      <c r="M5481" s="57">
        <f>Bühler!M5507</f>
        <v>0</v>
      </c>
      <c r="N5481" s="55">
        <f>IF(Input!$K$13=1,J5481*Input!$J$13,0)+IF(Input!$K$14=1,K5481*Input!$J$14,0)+IF(Input!$K$15=1,L5481*Input!$J$15,0)+IF(Input!$K$16=1,M5481*Input!$J$16,0)</f>
        <v>0.78852810807644813</v>
      </c>
      <c r="O5481" s="58">
        <f>IF(Input!$K$13=2,J5481*Input!$J$13,0)+IF(Input!$K$14=2,K5481*Input!$J$14,0)+IF(Input!$K$15=2,L5481*Input!$J$15,0)+IF(Input!$K$16=2,M5481*Input!$J$16,0)</f>
        <v>7.5910885991203575E-2</v>
      </c>
      <c r="P5481" s="58">
        <f>IF(Input!$K$13=3,J5481*Input!$J$13,0)+IF(Input!$K$14=3,K5481*Input!$J$14,0)+IF(Input!$K$15=3,L5481*Input!$J$15,0)+IF(Input!$K$16=3,M5481*Input!$J$16,0)</f>
        <v>0</v>
      </c>
      <c r="Q5481" s="71">
        <f>IF(Input!$K$13=4,J5481*Input!$J$13,0)+IF(Input!$K$14=4,K5481*Input!$J$14,0)+IF(Input!$K$15=4,L5481*Input!$J$15,0)+IF(Input!$K$16=4,M5481*Input!$J$16,0)</f>
        <v>0</v>
      </c>
    </row>
    <row r="5482" spans="8:17" x14ac:dyDescent="0.25">
      <c r="H5482" s="43">
        <v>5475</v>
      </c>
      <c r="I5482" s="55">
        <f>Bühler!I5508</f>
        <v>1.3594614477301068E-2</v>
      </c>
      <c r="J5482" s="58">
        <f>Bühler!J5508</f>
        <v>6.5710675673037349</v>
      </c>
      <c r="K5482" s="58">
        <f>Bühler!K5508</f>
        <v>0.5623028591941005</v>
      </c>
      <c r="L5482" s="58">
        <f>Bühler!L5508</f>
        <v>0.28115142959705025</v>
      </c>
      <c r="M5482" s="57">
        <f>Bühler!M5508</f>
        <v>0</v>
      </c>
      <c r="N5482" s="55">
        <f>IF(Input!$K$13=1,J5482*Input!$J$13,0)+IF(Input!$K$14=1,K5482*Input!$J$14,0)+IF(Input!$K$15=1,L5482*Input!$J$15,0)+IF(Input!$K$16=1,M5482*Input!$J$16,0)</f>
        <v>0.78852810807644813</v>
      </c>
      <c r="O5482" s="58">
        <f>IF(Input!$K$13=2,J5482*Input!$J$13,0)+IF(Input!$K$14=2,K5482*Input!$J$14,0)+IF(Input!$K$15=2,L5482*Input!$J$15,0)+IF(Input!$K$16=2,M5482*Input!$J$16,0)</f>
        <v>7.5910885991203575E-2</v>
      </c>
      <c r="P5482" s="58">
        <f>IF(Input!$K$13=3,J5482*Input!$J$13,0)+IF(Input!$K$14=3,K5482*Input!$J$14,0)+IF(Input!$K$15=3,L5482*Input!$J$15,0)+IF(Input!$K$16=3,M5482*Input!$J$16,0)</f>
        <v>0</v>
      </c>
      <c r="Q5482" s="71">
        <f>IF(Input!$K$13=4,J5482*Input!$J$13,0)+IF(Input!$K$14=4,K5482*Input!$J$14,0)+IF(Input!$K$15=4,L5482*Input!$J$15,0)+IF(Input!$K$16=4,M5482*Input!$J$16,0)</f>
        <v>0</v>
      </c>
    </row>
    <row r="5483" spans="8:17" x14ac:dyDescent="0.25">
      <c r="H5483" s="43">
        <v>5476</v>
      </c>
      <c r="I5483" s="55">
        <f>Bühler!I5509</f>
        <v>1.3594614477301068E-2</v>
      </c>
      <c r="J5483" s="58">
        <f>Bühler!J5509</f>
        <v>6.5710675673037349</v>
      </c>
      <c r="K5483" s="58">
        <f>Bühler!K5509</f>
        <v>0.5623028591941005</v>
      </c>
      <c r="L5483" s="58">
        <f>Bühler!L5509</f>
        <v>0.28115142959705025</v>
      </c>
      <c r="M5483" s="57">
        <f>Bühler!M5509</f>
        <v>0</v>
      </c>
      <c r="N5483" s="55">
        <f>IF(Input!$K$13=1,J5483*Input!$J$13,0)+IF(Input!$K$14=1,K5483*Input!$J$14,0)+IF(Input!$K$15=1,L5483*Input!$J$15,0)+IF(Input!$K$16=1,M5483*Input!$J$16,0)</f>
        <v>0.78852810807644813</v>
      </c>
      <c r="O5483" s="58">
        <f>IF(Input!$K$13=2,J5483*Input!$J$13,0)+IF(Input!$K$14=2,K5483*Input!$J$14,0)+IF(Input!$K$15=2,L5483*Input!$J$15,0)+IF(Input!$K$16=2,M5483*Input!$J$16,0)</f>
        <v>7.5910885991203575E-2</v>
      </c>
      <c r="P5483" s="58">
        <f>IF(Input!$K$13=3,J5483*Input!$J$13,0)+IF(Input!$K$14=3,K5483*Input!$J$14,0)+IF(Input!$K$15=3,L5483*Input!$J$15,0)+IF(Input!$K$16=3,M5483*Input!$J$16,0)</f>
        <v>0</v>
      </c>
      <c r="Q5483" s="71">
        <f>IF(Input!$K$13=4,J5483*Input!$J$13,0)+IF(Input!$K$14=4,K5483*Input!$J$14,0)+IF(Input!$K$15=4,L5483*Input!$J$15,0)+IF(Input!$K$16=4,M5483*Input!$J$16,0)</f>
        <v>0</v>
      </c>
    </row>
    <row r="5484" spans="8:17" x14ac:dyDescent="0.25">
      <c r="H5484" s="43">
        <v>5477</v>
      </c>
      <c r="I5484" s="55">
        <f>Bühler!I5510</f>
        <v>1.3594614477301068E-2</v>
      </c>
      <c r="J5484" s="58">
        <f>Bühler!J5510</f>
        <v>6.5710675673037349</v>
      </c>
      <c r="K5484" s="58">
        <f>Bühler!K5510</f>
        <v>0.5623028591941005</v>
      </c>
      <c r="L5484" s="58">
        <f>Bühler!L5510</f>
        <v>0.28115142959705025</v>
      </c>
      <c r="M5484" s="57">
        <f>Bühler!M5510</f>
        <v>0</v>
      </c>
      <c r="N5484" s="55">
        <f>IF(Input!$K$13=1,J5484*Input!$J$13,0)+IF(Input!$K$14=1,K5484*Input!$J$14,0)+IF(Input!$K$15=1,L5484*Input!$J$15,0)+IF(Input!$K$16=1,M5484*Input!$J$16,0)</f>
        <v>0.78852810807644813</v>
      </c>
      <c r="O5484" s="58">
        <f>IF(Input!$K$13=2,J5484*Input!$J$13,0)+IF(Input!$K$14=2,K5484*Input!$J$14,0)+IF(Input!$K$15=2,L5484*Input!$J$15,0)+IF(Input!$K$16=2,M5484*Input!$J$16,0)</f>
        <v>7.5910885991203575E-2</v>
      </c>
      <c r="P5484" s="58">
        <f>IF(Input!$K$13=3,J5484*Input!$J$13,0)+IF(Input!$K$14=3,K5484*Input!$J$14,0)+IF(Input!$K$15=3,L5484*Input!$J$15,0)+IF(Input!$K$16=3,M5484*Input!$J$16,0)</f>
        <v>0</v>
      </c>
      <c r="Q5484" s="71">
        <f>IF(Input!$K$13=4,J5484*Input!$J$13,0)+IF(Input!$K$14=4,K5484*Input!$J$14,0)+IF(Input!$K$15=4,L5484*Input!$J$15,0)+IF(Input!$K$16=4,M5484*Input!$J$16,0)</f>
        <v>0</v>
      </c>
    </row>
    <row r="5485" spans="8:17" x14ac:dyDescent="0.25">
      <c r="H5485" s="43">
        <v>5478</v>
      </c>
      <c r="I5485" s="55">
        <f>Bühler!I5511</f>
        <v>1.3594614477301068E-2</v>
      </c>
      <c r="J5485" s="58">
        <f>Bühler!J5511</f>
        <v>6.5710675673037349</v>
      </c>
      <c r="K5485" s="58">
        <f>Bühler!K5511</f>
        <v>0.5623028591941005</v>
      </c>
      <c r="L5485" s="58">
        <f>Bühler!L5511</f>
        <v>0.28115142959705025</v>
      </c>
      <c r="M5485" s="57">
        <f>Bühler!M5511</f>
        <v>0</v>
      </c>
      <c r="N5485" s="55">
        <f>IF(Input!$K$13=1,J5485*Input!$J$13,0)+IF(Input!$K$14=1,K5485*Input!$J$14,0)+IF(Input!$K$15=1,L5485*Input!$J$15,0)+IF(Input!$K$16=1,M5485*Input!$J$16,0)</f>
        <v>0.78852810807644813</v>
      </c>
      <c r="O5485" s="58">
        <f>IF(Input!$K$13=2,J5485*Input!$J$13,0)+IF(Input!$K$14=2,K5485*Input!$J$14,0)+IF(Input!$K$15=2,L5485*Input!$J$15,0)+IF(Input!$K$16=2,M5485*Input!$J$16,0)</f>
        <v>7.5910885991203575E-2</v>
      </c>
      <c r="P5485" s="58">
        <f>IF(Input!$K$13=3,J5485*Input!$J$13,0)+IF(Input!$K$14=3,K5485*Input!$J$14,0)+IF(Input!$K$15=3,L5485*Input!$J$15,0)+IF(Input!$K$16=3,M5485*Input!$J$16,0)</f>
        <v>0</v>
      </c>
      <c r="Q5485" s="71">
        <f>IF(Input!$K$13=4,J5485*Input!$J$13,0)+IF(Input!$K$14=4,K5485*Input!$J$14,0)+IF(Input!$K$15=4,L5485*Input!$J$15,0)+IF(Input!$K$16=4,M5485*Input!$J$16,0)</f>
        <v>0</v>
      </c>
    </row>
    <row r="5486" spans="8:17" x14ac:dyDescent="0.25">
      <c r="H5486" s="43">
        <v>5479</v>
      </c>
      <c r="I5486" s="55">
        <f>Bühler!I5512</f>
        <v>1.3594614477301068E-2</v>
      </c>
      <c r="J5486" s="58">
        <f>Bühler!J5512</f>
        <v>6.5710675673037349</v>
      </c>
      <c r="K5486" s="58">
        <f>Bühler!K5512</f>
        <v>0.5623028591941005</v>
      </c>
      <c r="L5486" s="58">
        <f>Bühler!L5512</f>
        <v>0.28115142959705025</v>
      </c>
      <c r="M5486" s="57">
        <f>Bühler!M5512</f>
        <v>0</v>
      </c>
      <c r="N5486" s="55">
        <f>IF(Input!$K$13=1,J5486*Input!$J$13,0)+IF(Input!$K$14=1,K5486*Input!$J$14,0)+IF(Input!$K$15=1,L5486*Input!$J$15,0)+IF(Input!$K$16=1,M5486*Input!$J$16,0)</f>
        <v>0.78852810807644813</v>
      </c>
      <c r="O5486" s="58">
        <f>IF(Input!$K$13=2,J5486*Input!$J$13,0)+IF(Input!$K$14=2,K5486*Input!$J$14,0)+IF(Input!$K$15=2,L5486*Input!$J$15,0)+IF(Input!$K$16=2,M5486*Input!$J$16,0)</f>
        <v>7.5910885991203575E-2</v>
      </c>
      <c r="P5486" s="58">
        <f>IF(Input!$K$13=3,J5486*Input!$J$13,0)+IF(Input!$K$14=3,K5486*Input!$J$14,0)+IF(Input!$K$15=3,L5486*Input!$J$15,0)+IF(Input!$K$16=3,M5486*Input!$J$16,0)</f>
        <v>0</v>
      </c>
      <c r="Q5486" s="71">
        <f>IF(Input!$K$13=4,J5486*Input!$J$13,0)+IF(Input!$K$14=4,K5486*Input!$J$14,0)+IF(Input!$K$15=4,L5486*Input!$J$15,0)+IF(Input!$K$16=4,M5486*Input!$J$16,0)</f>
        <v>0</v>
      </c>
    </row>
    <row r="5487" spans="8:17" x14ac:dyDescent="0.25">
      <c r="H5487" s="43">
        <v>5480</v>
      </c>
      <c r="I5487" s="55">
        <f>Bühler!I5513</f>
        <v>3.7453162884964433E-2</v>
      </c>
      <c r="J5487" s="58">
        <f>Bühler!J5513</f>
        <v>26.842097751060841</v>
      </c>
      <c r="K5487" s="58">
        <f>Bühler!K5513</f>
        <v>2.2986259304631562</v>
      </c>
      <c r="L5487" s="58">
        <f>Bühler!L5513</f>
        <v>1.1493129652315781</v>
      </c>
      <c r="M5487" s="57">
        <f>Bühler!M5513</f>
        <v>0</v>
      </c>
      <c r="N5487" s="55">
        <f>IF(Input!$K$13=1,J5487*Input!$J$13,0)+IF(Input!$K$14=1,K5487*Input!$J$14,0)+IF(Input!$K$15=1,L5487*Input!$J$15,0)+IF(Input!$K$16=1,M5487*Input!$J$16,0)</f>
        <v>3.2210517301273009</v>
      </c>
      <c r="O5487" s="58">
        <f>IF(Input!$K$13=2,J5487*Input!$J$13,0)+IF(Input!$K$14=2,K5487*Input!$J$14,0)+IF(Input!$K$15=2,L5487*Input!$J$15,0)+IF(Input!$K$16=2,M5487*Input!$J$16,0)</f>
        <v>0.31031450061252608</v>
      </c>
      <c r="P5487" s="58">
        <f>IF(Input!$K$13=3,J5487*Input!$J$13,0)+IF(Input!$K$14=3,K5487*Input!$J$14,0)+IF(Input!$K$15=3,L5487*Input!$J$15,0)+IF(Input!$K$16=3,M5487*Input!$J$16,0)</f>
        <v>0</v>
      </c>
      <c r="Q5487" s="71">
        <f>IF(Input!$K$13=4,J5487*Input!$J$13,0)+IF(Input!$K$14=4,K5487*Input!$J$14,0)+IF(Input!$K$15=4,L5487*Input!$J$15,0)+IF(Input!$K$16=4,M5487*Input!$J$16,0)</f>
        <v>0</v>
      </c>
    </row>
    <row r="5488" spans="8:17" x14ac:dyDescent="0.25">
      <c r="H5488" s="43">
        <v>5481</v>
      </c>
      <c r="I5488" s="55">
        <f>Bühler!I5514</f>
        <v>4.1789844903223482E-2</v>
      </c>
      <c r="J5488" s="58">
        <f>Bühler!J5514</f>
        <v>29.950130122236306</v>
      </c>
      <c r="K5488" s="58">
        <f>Bühler!K5514</f>
        <v>2.5647826171483641</v>
      </c>
      <c r="L5488" s="58">
        <f>Bühler!L5514</f>
        <v>1.282391308574182</v>
      </c>
      <c r="M5488" s="57">
        <f>Bühler!M5514</f>
        <v>0</v>
      </c>
      <c r="N5488" s="55">
        <f>IF(Input!$K$13=1,J5488*Input!$J$13,0)+IF(Input!$K$14=1,K5488*Input!$J$14,0)+IF(Input!$K$15=1,L5488*Input!$J$15,0)+IF(Input!$K$16=1,M5488*Input!$J$16,0)</f>
        <v>3.5940156146683564</v>
      </c>
      <c r="O5488" s="58">
        <f>IF(Input!$K$13=2,J5488*Input!$J$13,0)+IF(Input!$K$14=2,K5488*Input!$J$14,0)+IF(Input!$K$15=2,L5488*Input!$J$15,0)+IF(Input!$K$16=2,M5488*Input!$J$16,0)</f>
        <v>0.34624565331502916</v>
      </c>
      <c r="P5488" s="58">
        <f>IF(Input!$K$13=3,J5488*Input!$J$13,0)+IF(Input!$K$14=3,K5488*Input!$J$14,0)+IF(Input!$K$15=3,L5488*Input!$J$15,0)+IF(Input!$K$16=3,M5488*Input!$J$16,0)</f>
        <v>0</v>
      </c>
      <c r="Q5488" s="71">
        <f>IF(Input!$K$13=4,J5488*Input!$J$13,0)+IF(Input!$K$14=4,K5488*Input!$J$14,0)+IF(Input!$K$15=4,L5488*Input!$J$15,0)+IF(Input!$K$16=4,M5488*Input!$J$16,0)</f>
        <v>0</v>
      </c>
    </row>
    <row r="5489" spans="8:17" x14ac:dyDescent="0.25">
      <c r="H5489" s="43">
        <v>5482</v>
      </c>
      <c r="I5489" s="55">
        <f>Bühler!I5515</f>
        <v>4.6126526921482516E-2</v>
      </c>
      <c r="J5489" s="58">
        <f>Bühler!J5515</f>
        <v>33.058162493411771</v>
      </c>
      <c r="K5489" s="58">
        <f>Bühler!K5515</f>
        <v>2.8309393038335715</v>
      </c>
      <c r="L5489" s="58">
        <f>Bühler!L5515</f>
        <v>1.4154696519167858</v>
      </c>
      <c r="M5489" s="57">
        <f>Bühler!M5515</f>
        <v>0</v>
      </c>
      <c r="N5489" s="55">
        <f>IF(Input!$K$13=1,J5489*Input!$J$13,0)+IF(Input!$K$14=1,K5489*Input!$J$14,0)+IF(Input!$K$15=1,L5489*Input!$J$15,0)+IF(Input!$K$16=1,M5489*Input!$J$16,0)</f>
        <v>3.9669794992094123</v>
      </c>
      <c r="O5489" s="58">
        <f>IF(Input!$K$13=2,J5489*Input!$J$13,0)+IF(Input!$K$14=2,K5489*Input!$J$14,0)+IF(Input!$K$15=2,L5489*Input!$J$15,0)+IF(Input!$K$16=2,M5489*Input!$J$16,0)</f>
        <v>0.38217680601753212</v>
      </c>
      <c r="P5489" s="58">
        <f>IF(Input!$K$13=3,J5489*Input!$J$13,0)+IF(Input!$K$14=3,K5489*Input!$J$14,0)+IF(Input!$K$15=3,L5489*Input!$J$15,0)+IF(Input!$K$16=3,M5489*Input!$J$16,0)</f>
        <v>0</v>
      </c>
      <c r="Q5489" s="71">
        <f>IF(Input!$K$13=4,J5489*Input!$J$13,0)+IF(Input!$K$14=4,K5489*Input!$J$14,0)+IF(Input!$K$15=4,L5489*Input!$J$15,0)+IF(Input!$K$16=4,M5489*Input!$J$16,0)</f>
        <v>0</v>
      </c>
    </row>
    <row r="5490" spans="8:17" x14ac:dyDescent="0.25">
      <c r="H5490" s="43">
        <v>5483</v>
      </c>
      <c r="I5490" s="55">
        <f>Bühler!I5516</f>
        <v>4.6126526921482516E-2</v>
      </c>
      <c r="J5490" s="58">
        <f>Bühler!J5516</f>
        <v>33.058162493411771</v>
      </c>
      <c r="K5490" s="58">
        <f>Bühler!K5516</f>
        <v>2.8309393038335715</v>
      </c>
      <c r="L5490" s="58">
        <f>Bühler!L5516</f>
        <v>1.4154696519167858</v>
      </c>
      <c r="M5490" s="57">
        <f>Bühler!M5516</f>
        <v>0</v>
      </c>
      <c r="N5490" s="55">
        <f>IF(Input!$K$13=1,J5490*Input!$J$13,0)+IF(Input!$K$14=1,K5490*Input!$J$14,0)+IF(Input!$K$15=1,L5490*Input!$J$15,0)+IF(Input!$K$16=1,M5490*Input!$J$16,0)</f>
        <v>3.9669794992094123</v>
      </c>
      <c r="O5490" s="58">
        <f>IF(Input!$K$13=2,J5490*Input!$J$13,0)+IF(Input!$K$14=2,K5490*Input!$J$14,0)+IF(Input!$K$15=2,L5490*Input!$J$15,0)+IF(Input!$K$16=2,M5490*Input!$J$16,0)</f>
        <v>0.38217680601753212</v>
      </c>
      <c r="P5490" s="58">
        <f>IF(Input!$K$13=3,J5490*Input!$J$13,0)+IF(Input!$K$14=3,K5490*Input!$J$14,0)+IF(Input!$K$15=3,L5490*Input!$J$15,0)+IF(Input!$K$16=3,M5490*Input!$J$16,0)</f>
        <v>0</v>
      </c>
      <c r="Q5490" s="71">
        <f>IF(Input!$K$13=4,J5490*Input!$J$13,0)+IF(Input!$K$14=4,K5490*Input!$J$14,0)+IF(Input!$K$15=4,L5490*Input!$J$15,0)+IF(Input!$K$16=4,M5490*Input!$J$16,0)</f>
        <v>0</v>
      </c>
    </row>
    <row r="5491" spans="8:17" x14ac:dyDescent="0.25">
      <c r="H5491" s="43">
        <v>5484</v>
      </c>
      <c r="I5491" s="55">
        <f>Bühler!I5517</f>
        <v>5.5194134777842331E-2</v>
      </c>
      <c r="J5491" s="58">
        <f>Bühler!J5517</f>
        <v>39.556775633142301</v>
      </c>
      <c r="K5491" s="58">
        <f>Bühler!K5517</f>
        <v>3.3874487396299151</v>
      </c>
      <c r="L5491" s="58">
        <f>Bühler!L5517</f>
        <v>1.6937243698149576</v>
      </c>
      <c r="M5491" s="57">
        <f>Bühler!M5517</f>
        <v>0</v>
      </c>
      <c r="N5491" s="55">
        <f>IF(Input!$K$13=1,J5491*Input!$J$13,0)+IF(Input!$K$14=1,K5491*Input!$J$14,0)+IF(Input!$K$15=1,L5491*Input!$J$15,0)+IF(Input!$K$16=1,M5491*Input!$J$16,0)</f>
        <v>4.7468130759770757</v>
      </c>
      <c r="O5491" s="58">
        <f>IF(Input!$K$13=2,J5491*Input!$J$13,0)+IF(Input!$K$14=2,K5491*Input!$J$14,0)+IF(Input!$K$15=2,L5491*Input!$J$15,0)+IF(Input!$K$16=2,M5491*Input!$J$16,0)</f>
        <v>0.4573055798500385</v>
      </c>
      <c r="P5491" s="58">
        <f>IF(Input!$K$13=3,J5491*Input!$J$13,0)+IF(Input!$K$14=3,K5491*Input!$J$14,0)+IF(Input!$K$15=3,L5491*Input!$J$15,0)+IF(Input!$K$16=3,M5491*Input!$J$16,0)</f>
        <v>0</v>
      </c>
      <c r="Q5491" s="71">
        <f>IF(Input!$K$13=4,J5491*Input!$J$13,0)+IF(Input!$K$14=4,K5491*Input!$J$14,0)+IF(Input!$K$15=4,L5491*Input!$J$15,0)+IF(Input!$K$16=4,M5491*Input!$J$16,0)</f>
        <v>0</v>
      </c>
    </row>
    <row r="5492" spans="8:17" x14ac:dyDescent="0.25">
      <c r="H5492" s="43">
        <v>5485</v>
      </c>
      <c r="I5492" s="55">
        <f>Bühler!I5518</f>
        <v>5.5194134777842331E-2</v>
      </c>
      <c r="J5492" s="58">
        <f>Bühler!J5518</f>
        <v>39.556775633142301</v>
      </c>
      <c r="K5492" s="58">
        <f>Bühler!K5518</f>
        <v>3.3874487396299151</v>
      </c>
      <c r="L5492" s="58">
        <f>Bühler!L5518</f>
        <v>1.6937243698149576</v>
      </c>
      <c r="M5492" s="57">
        <f>Bühler!M5518</f>
        <v>0</v>
      </c>
      <c r="N5492" s="55">
        <f>IF(Input!$K$13=1,J5492*Input!$J$13,0)+IF(Input!$K$14=1,K5492*Input!$J$14,0)+IF(Input!$K$15=1,L5492*Input!$J$15,0)+IF(Input!$K$16=1,M5492*Input!$J$16,0)</f>
        <v>4.7468130759770757</v>
      </c>
      <c r="O5492" s="58">
        <f>IF(Input!$K$13=2,J5492*Input!$J$13,0)+IF(Input!$K$14=2,K5492*Input!$J$14,0)+IF(Input!$K$15=2,L5492*Input!$J$15,0)+IF(Input!$K$16=2,M5492*Input!$J$16,0)</f>
        <v>0.4573055798500385</v>
      </c>
      <c r="P5492" s="58">
        <f>IF(Input!$K$13=3,J5492*Input!$J$13,0)+IF(Input!$K$14=3,K5492*Input!$J$14,0)+IF(Input!$K$15=3,L5492*Input!$J$15,0)+IF(Input!$K$16=3,M5492*Input!$J$16,0)</f>
        <v>0</v>
      </c>
      <c r="Q5492" s="71">
        <f>IF(Input!$K$13=4,J5492*Input!$J$13,0)+IF(Input!$K$14=4,K5492*Input!$J$14,0)+IF(Input!$K$15=4,L5492*Input!$J$15,0)+IF(Input!$K$16=4,M5492*Input!$J$16,0)</f>
        <v>0</v>
      </c>
    </row>
    <row r="5493" spans="8:17" x14ac:dyDescent="0.25">
      <c r="H5493" s="43">
        <v>5486</v>
      </c>
      <c r="I5493" s="55">
        <f>Bühler!I5519</f>
        <v>3.6664675245280977E-2</v>
      </c>
      <c r="J5493" s="58">
        <f>Bühler!J5519</f>
        <v>26.277000956301666</v>
      </c>
      <c r="K5493" s="58">
        <f>Bühler!K5519</f>
        <v>2.2502338056113</v>
      </c>
      <c r="L5493" s="58">
        <f>Bühler!L5519</f>
        <v>1.12511690280565</v>
      </c>
      <c r="M5493" s="57">
        <f>Bühler!M5519</f>
        <v>0</v>
      </c>
      <c r="N5493" s="55">
        <f>IF(Input!$K$13=1,J5493*Input!$J$13,0)+IF(Input!$K$14=1,K5493*Input!$J$14,0)+IF(Input!$K$15=1,L5493*Input!$J$15,0)+IF(Input!$K$16=1,M5493*Input!$J$16,0)</f>
        <v>3.1532401147561999</v>
      </c>
      <c r="O5493" s="58">
        <f>IF(Input!$K$13=2,J5493*Input!$J$13,0)+IF(Input!$K$14=2,K5493*Input!$J$14,0)+IF(Input!$K$15=2,L5493*Input!$J$15,0)+IF(Input!$K$16=2,M5493*Input!$J$16,0)</f>
        <v>0.30378156375752552</v>
      </c>
      <c r="P5493" s="58">
        <f>IF(Input!$K$13=3,J5493*Input!$J$13,0)+IF(Input!$K$14=3,K5493*Input!$J$14,0)+IF(Input!$K$15=3,L5493*Input!$J$15,0)+IF(Input!$K$16=3,M5493*Input!$J$16,0)</f>
        <v>0</v>
      </c>
      <c r="Q5493" s="71">
        <f>IF(Input!$K$13=4,J5493*Input!$J$13,0)+IF(Input!$K$14=4,K5493*Input!$J$14,0)+IF(Input!$K$15=4,L5493*Input!$J$15,0)+IF(Input!$K$16=4,M5493*Input!$J$16,0)</f>
        <v>0</v>
      </c>
    </row>
    <row r="5494" spans="8:17" x14ac:dyDescent="0.25">
      <c r="H5494" s="43">
        <v>5487</v>
      </c>
      <c r="I5494" s="55">
        <f>Bühler!I5520</f>
        <v>5.5194134777842331E-2</v>
      </c>
      <c r="J5494" s="58">
        <f>Bühler!J5520</f>
        <v>39.556775633142301</v>
      </c>
      <c r="K5494" s="58">
        <f>Bühler!K5520</f>
        <v>3.3874487396299151</v>
      </c>
      <c r="L5494" s="58">
        <f>Bühler!L5520</f>
        <v>1.6937243698149576</v>
      </c>
      <c r="M5494" s="57">
        <f>Bühler!M5520</f>
        <v>0</v>
      </c>
      <c r="N5494" s="55">
        <f>IF(Input!$K$13=1,J5494*Input!$J$13,0)+IF(Input!$K$14=1,K5494*Input!$J$14,0)+IF(Input!$K$15=1,L5494*Input!$J$15,0)+IF(Input!$K$16=1,M5494*Input!$J$16,0)</f>
        <v>4.7468130759770757</v>
      </c>
      <c r="O5494" s="58">
        <f>IF(Input!$K$13=2,J5494*Input!$J$13,0)+IF(Input!$K$14=2,K5494*Input!$J$14,0)+IF(Input!$K$15=2,L5494*Input!$J$15,0)+IF(Input!$K$16=2,M5494*Input!$J$16,0)</f>
        <v>0.4573055798500385</v>
      </c>
      <c r="P5494" s="58">
        <f>IF(Input!$K$13=3,J5494*Input!$J$13,0)+IF(Input!$K$14=3,K5494*Input!$J$14,0)+IF(Input!$K$15=3,L5494*Input!$J$15,0)+IF(Input!$K$16=3,M5494*Input!$J$16,0)</f>
        <v>0</v>
      </c>
      <c r="Q5494" s="71">
        <f>IF(Input!$K$13=4,J5494*Input!$J$13,0)+IF(Input!$K$14=4,K5494*Input!$J$14,0)+IF(Input!$K$15=4,L5494*Input!$J$15,0)+IF(Input!$K$16=4,M5494*Input!$J$16,0)</f>
        <v>0</v>
      </c>
    </row>
    <row r="5495" spans="8:17" x14ac:dyDescent="0.25">
      <c r="H5495" s="43">
        <v>5488</v>
      </c>
      <c r="I5495" s="55">
        <f>Bühler!I5521</f>
        <v>5.5194134777842331E-2</v>
      </c>
      <c r="J5495" s="58">
        <f>Bühler!J5521</f>
        <v>39.556775633142301</v>
      </c>
      <c r="K5495" s="58">
        <f>Bühler!K5521</f>
        <v>3.3874487396299151</v>
      </c>
      <c r="L5495" s="58">
        <f>Bühler!L5521</f>
        <v>1.6937243698149576</v>
      </c>
      <c r="M5495" s="57">
        <f>Bühler!M5521</f>
        <v>0</v>
      </c>
      <c r="N5495" s="55">
        <f>IF(Input!$K$13=1,J5495*Input!$J$13,0)+IF(Input!$K$14=1,K5495*Input!$J$14,0)+IF(Input!$K$15=1,L5495*Input!$J$15,0)+IF(Input!$K$16=1,M5495*Input!$J$16,0)</f>
        <v>4.7468130759770757</v>
      </c>
      <c r="O5495" s="58">
        <f>IF(Input!$K$13=2,J5495*Input!$J$13,0)+IF(Input!$K$14=2,K5495*Input!$J$14,0)+IF(Input!$K$15=2,L5495*Input!$J$15,0)+IF(Input!$K$16=2,M5495*Input!$J$16,0)</f>
        <v>0.4573055798500385</v>
      </c>
      <c r="P5495" s="58">
        <f>IF(Input!$K$13=3,J5495*Input!$J$13,0)+IF(Input!$K$14=3,K5495*Input!$J$14,0)+IF(Input!$K$15=3,L5495*Input!$J$15,0)+IF(Input!$K$16=3,M5495*Input!$J$16,0)</f>
        <v>0</v>
      </c>
      <c r="Q5495" s="71">
        <f>IF(Input!$K$13=4,J5495*Input!$J$13,0)+IF(Input!$K$14=4,K5495*Input!$J$14,0)+IF(Input!$K$15=4,L5495*Input!$J$15,0)+IF(Input!$K$16=4,M5495*Input!$J$16,0)</f>
        <v>0</v>
      </c>
    </row>
    <row r="5496" spans="8:17" x14ac:dyDescent="0.25">
      <c r="H5496" s="43">
        <v>5489</v>
      </c>
      <c r="I5496" s="55">
        <f>Bühler!I5522</f>
        <v>4.6119729614243883E-2</v>
      </c>
      <c r="J5496" s="58">
        <f>Bühler!J5522</f>
        <v>23.324970282833075</v>
      </c>
      <c r="K5496" s="58">
        <f>Bühler!K5522</f>
        <v>1.9961751501390572</v>
      </c>
      <c r="L5496" s="58">
        <f>Bühler!L5522</f>
        <v>0.99808757506952861</v>
      </c>
      <c r="M5496" s="57">
        <f>Bühler!M5522</f>
        <v>0</v>
      </c>
      <c r="N5496" s="55">
        <f>IF(Input!$K$13=1,J5496*Input!$J$13,0)+IF(Input!$K$14=1,K5496*Input!$J$14,0)+IF(Input!$K$15=1,L5496*Input!$J$15,0)+IF(Input!$K$16=1,M5496*Input!$J$16,0)</f>
        <v>2.7989964339399687</v>
      </c>
      <c r="O5496" s="58">
        <f>IF(Input!$K$13=2,J5496*Input!$J$13,0)+IF(Input!$K$14=2,K5496*Input!$J$14,0)+IF(Input!$K$15=2,L5496*Input!$J$15,0)+IF(Input!$K$16=2,M5496*Input!$J$16,0)</f>
        <v>0.26948364526877272</v>
      </c>
      <c r="P5496" s="58">
        <f>IF(Input!$K$13=3,J5496*Input!$J$13,0)+IF(Input!$K$14=3,K5496*Input!$J$14,0)+IF(Input!$K$15=3,L5496*Input!$J$15,0)+IF(Input!$K$16=3,M5496*Input!$J$16,0)</f>
        <v>0</v>
      </c>
      <c r="Q5496" s="71">
        <f>IF(Input!$K$13=4,J5496*Input!$J$13,0)+IF(Input!$K$14=4,K5496*Input!$J$14,0)+IF(Input!$K$15=4,L5496*Input!$J$15,0)+IF(Input!$K$16=4,M5496*Input!$J$16,0)</f>
        <v>0</v>
      </c>
    </row>
    <row r="5497" spans="8:17" x14ac:dyDescent="0.25">
      <c r="H5497" s="43">
        <v>5490</v>
      </c>
      <c r="I5497" s="55">
        <f>Bühler!I5523</f>
        <v>3.6671472552519638E-2</v>
      </c>
      <c r="J5497" s="58">
        <f>Bühler!J5523</f>
        <v>9.9735760169116841</v>
      </c>
      <c r="K5497" s="58">
        <f>Bühler!K5523</f>
        <v>0.85197402908197062</v>
      </c>
      <c r="L5497" s="58">
        <f>Bühler!L5523</f>
        <v>0.42598701454098531</v>
      </c>
      <c r="M5497" s="57">
        <f>Bühler!M5523</f>
        <v>0</v>
      </c>
      <c r="N5497" s="55">
        <f>IF(Input!$K$13=1,J5497*Input!$J$13,0)+IF(Input!$K$14=1,K5497*Input!$J$14,0)+IF(Input!$K$15=1,L5497*Input!$J$15,0)+IF(Input!$K$16=1,M5497*Input!$J$16,0)</f>
        <v>1.1968291220294021</v>
      </c>
      <c r="O5497" s="58">
        <f>IF(Input!$K$13=2,J5497*Input!$J$13,0)+IF(Input!$K$14=2,K5497*Input!$J$14,0)+IF(Input!$K$15=2,L5497*Input!$J$15,0)+IF(Input!$K$16=2,M5497*Input!$J$16,0)</f>
        <v>0.11501649392606603</v>
      </c>
      <c r="P5497" s="58">
        <f>IF(Input!$K$13=3,J5497*Input!$J$13,0)+IF(Input!$K$14=3,K5497*Input!$J$14,0)+IF(Input!$K$15=3,L5497*Input!$J$15,0)+IF(Input!$K$16=3,M5497*Input!$J$16,0)</f>
        <v>0</v>
      </c>
      <c r="Q5497" s="71">
        <f>IF(Input!$K$13=4,J5497*Input!$J$13,0)+IF(Input!$K$14=4,K5497*Input!$J$14,0)+IF(Input!$K$15=4,L5497*Input!$J$15,0)+IF(Input!$K$16=4,M5497*Input!$J$16,0)</f>
        <v>0</v>
      </c>
    </row>
    <row r="5498" spans="8:17" x14ac:dyDescent="0.25">
      <c r="H5498" s="43">
        <v>5491</v>
      </c>
      <c r="I5498" s="55">
        <f>Bühler!I5524</f>
        <v>1.3594614477301068E-2</v>
      </c>
      <c r="J5498" s="58">
        <f>Bühler!J5524</f>
        <v>6.5710675673037349</v>
      </c>
      <c r="K5498" s="58">
        <f>Bühler!K5524</f>
        <v>0.5623028591941005</v>
      </c>
      <c r="L5498" s="58">
        <f>Bühler!L5524</f>
        <v>0.28115142959705025</v>
      </c>
      <c r="M5498" s="57">
        <f>Bühler!M5524</f>
        <v>0</v>
      </c>
      <c r="N5498" s="55">
        <f>IF(Input!$K$13=1,J5498*Input!$J$13,0)+IF(Input!$K$14=1,K5498*Input!$J$14,0)+IF(Input!$K$15=1,L5498*Input!$J$15,0)+IF(Input!$K$16=1,M5498*Input!$J$16,0)</f>
        <v>0.78852810807644813</v>
      </c>
      <c r="O5498" s="58">
        <f>IF(Input!$K$13=2,J5498*Input!$J$13,0)+IF(Input!$K$14=2,K5498*Input!$J$14,0)+IF(Input!$K$15=2,L5498*Input!$J$15,0)+IF(Input!$K$16=2,M5498*Input!$J$16,0)</f>
        <v>7.5910885991203575E-2</v>
      </c>
      <c r="P5498" s="58">
        <f>IF(Input!$K$13=3,J5498*Input!$J$13,0)+IF(Input!$K$14=3,K5498*Input!$J$14,0)+IF(Input!$K$15=3,L5498*Input!$J$15,0)+IF(Input!$K$16=3,M5498*Input!$J$16,0)</f>
        <v>0</v>
      </c>
      <c r="Q5498" s="71">
        <f>IF(Input!$K$13=4,J5498*Input!$J$13,0)+IF(Input!$K$14=4,K5498*Input!$J$14,0)+IF(Input!$K$15=4,L5498*Input!$J$15,0)+IF(Input!$K$16=4,M5498*Input!$J$16,0)</f>
        <v>0</v>
      </c>
    </row>
    <row r="5499" spans="8:17" x14ac:dyDescent="0.25">
      <c r="H5499" s="43">
        <v>5492</v>
      </c>
      <c r="I5499" s="55">
        <f>Bühler!I5525</f>
        <v>1.3594614477301068E-2</v>
      </c>
      <c r="J5499" s="58">
        <f>Bühler!J5525</f>
        <v>6.5710675673037349</v>
      </c>
      <c r="K5499" s="58">
        <f>Bühler!K5525</f>
        <v>0.5623028591941005</v>
      </c>
      <c r="L5499" s="58">
        <f>Bühler!L5525</f>
        <v>0.28115142959705025</v>
      </c>
      <c r="M5499" s="57">
        <f>Bühler!M5525</f>
        <v>0</v>
      </c>
      <c r="N5499" s="55">
        <f>IF(Input!$K$13=1,J5499*Input!$J$13,0)+IF(Input!$K$14=1,K5499*Input!$J$14,0)+IF(Input!$K$15=1,L5499*Input!$J$15,0)+IF(Input!$K$16=1,M5499*Input!$J$16,0)</f>
        <v>0.78852810807644813</v>
      </c>
      <c r="O5499" s="58">
        <f>IF(Input!$K$13=2,J5499*Input!$J$13,0)+IF(Input!$K$14=2,K5499*Input!$J$14,0)+IF(Input!$K$15=2,L5499*Input!$J$15,0)+IF(Input!$K$16=2,M5499*Input!$J$16,0)</f>
        <v>7.5910885991203575E-2</v>
      </c>
      <c r="P5499" s="58">
        <f>IF(Input!$K$13=3,J5499*Input!$J$13,0)+IF(Input!$K$14=3,K5499*Input!$J$14,0)+IF(Input!$K$15=3,L5499*Input!$J$15,0)+IF(Input!$K$16=3,M5499*Input!$J$16,0)</f>
        <v>0</v>
      </c>
      <c r="Q5499" s="71">
        <f>IF(Input!$K$13=4,J5499*Input!$J$13,0)+IF(Input!$K$14=4,K5499*Input!$J$14,0)+IF(Input!$K$15=4,L5499*Input!$J$15,0)+IF(Input!$K$16=4,M5499*Input!$J$16,0)</f>
        <v>0</v>
      </c>
    </row>
    <row r="5500" spans="8:17" x14ac:dyDescent="0.25">
      <c r="H5500" s="43">
        <v>5493</v>
      </c>
      <c r="I5500" s="55">
        <f>Bühler!I5526</f>
        <v>1.3594614477301068E-2</v>
      </c>
      <c r="J5500" s="58">
        <f>Bühler!J5526</f>
        <v>6.5710675673037349</v>
      </c>
      <c r="K5500" s="58">
        <f>Bühler!K5526</f>
        <v>0.5623028591941005</v>
      </c>
      <c r="L5500" s="58">
        <f>Bühler!L5526</f>
        <v>0.28115142959705025</v>
      </c>
      <c r="M5500" s="57">
        <f>Bühler!M5526</f>
        <v>0</v>
      </c>
      <c r="N5500" s="55">
        <f>IF(Input!$K$13=1,J5500*Input!$J$13,0)+IF(Input!$K$14=1,K5500*Input!$J$14,0)+IF(Input!$K$15=1,L5500*Input!$J$15,0)+IF(Input!$K$16=1,M5500*Input!$J$16,0)</f>
        <v>0.78852810807644813</v>
      </c>
      <c r="O5500" s="58">
        <f>IF(Input!$K$13=2,J5500*Input!$J$13,0)+IF(Input!$K$14=2,K5500*Input!$J$14,0)+IF(Input!$K$15=2,L5500*Input!$J$15,0)+IF(Input!$K$16=2,M5500*Input!$J$16,0)</f>
        <v>7.5910885991203575E-2</v>
      </c>
      <c r="P5500" s="58">
        <f>IF(Input!$K$13=3,J5500*Input!$J$13,0)+IF(Input!$K$14=3,K5500*Input!$J$14,0)+IF(Input!$K$15=3,L5500*Input!$J$15,0)+IF(Input!$K$16=3,M5500*Input!$J$16,0)</f>
        <v>0</v>
      </c>
      <c r="Q5500" s="71">
        <f>IF(Input!$K$13=4,J5500*Input!$J$13,0)+IF(Input!$K$14=4,K5500*Input!$J$14,0)+IF(Input!$K$15=4,L5500*Input!$J$15,0)+IF(Input!$K$16=4,M5500*Input!$J$16,0)</f>
        <v>0</v>
      </c>
    </row>
    <row r="5501" spans="8:17" x14ac:dyDescent="0.25">
      <c r="H5501" s="43">
        <v>5494</v>
      </c>
      <c r="I5501" s="55">
        <f>Bühler!I5527</f>
        <v>1.3594614477301068E-2</v>
      </c>
      <c r="J5501" s="58">
        <f>Bühler!J5527</f>
        <v>6.5710675673037349</v>
      </c>
      <c r="K5501" s="58">
        <f>Bühler!K5527</f>
        <v>0.5623028591941005</v>
      </c>
      <c r="L5501" s="58">
        <f>Bühler!L5527</f>
        <v>0.28115142959705025</v>
      </c>
      <c r="M5501" s="57">
        <f>Bühler!M5527</f>
        <v>0</v>
      </c>
      <c r="N5501" s="55">
        <f>IF(Input!$K$13=1,J5501*Input!$J$13,0)+IF(Input!$K$14=1,K5501*Input!$J$14,0)+IF(Input!$K$15=1,L5501*Input!$J$15,0)+IF(Input!$K$16=1,M5501*Input!$J$16,0)</f>
        <v>0.78852810807644813</v>
      </c>
      <c r="O5501" s="58">
        <f>IF(Input!$K$13=2,J5501*Input!$J$13,0)+IF(Input!$K$14=2,K5501*Input!$J$14,0)+IF(Input!$K$15=2,L5501*Input!$J$15,0)+IF(Input!$K$16=2,M5501*Input!$J$16,0)</f>
        <v>7.5910885991203575E-2</v>
      </c>
      <c r="P5501" s="58">
        <f>IF(Input!$K$13=3,J5501*Input!$J$13,0)+IF(Input!$K$14=3,K5501*Input!$J$14,0)+IF(Input!$K$15=3,L5501*Input!$J$15,0)+IF(Input!$K$16=3,M5501*Input!$J$16,0)</f>
        <v>0</v>
      </c>
      <c r="Q5501" s="71">
        <f>IF(Input!$K$13=4,J5501*Input!$J$13,0)+IF(Input!$K$14=4,K5501*Input!$J$14,0)+IF(Input!$K$15=4,L5501*Input!$J$15,0)+IF(Input!$K$16=4,M5501*Input!$J$16,0)</f>
        <v>0</v>
      </c>
    </row>
    <row r="5502" spans="8:17" x14ac:dyDescent="0.25">
      <c r="H5502" s="43">
        <v>5495</v>
      </c>
      <c r="I5502" s="55">
        <f>Bühler!I5528</f>
        <v>1.3594614477301068E-2</v>
      </c>
      <c r="J5502" s="58">
        <f>Bühler!J5528</f>
        <v>6.5710675673037349</v>
      </c>
      <c r="K5502" s="58">
        <f>Bühler!K5528</f>
        <v>0.5623028591941005</v>
      </c>
      <c r="L5502" s="58">
        <f>Bühler!L5528</f>
        <v>0.28115142959705025</v>
      </c>
      <c r="M5502" s="57">
        <f>Bühler!M5528</f>
        <v>0</v>
      </c>
      <c r="N5502" s="55">
        <f>IF(Input!$K$13=1,J5502*Input!$J$13,0)+IF(Input!$K$14=1,K5502*Input!$J$14,0)+IF(Input!$K$15=1,L5502*Input!$J$15,0)+IF(Input!$K$16=1,M5502*Input!$J$16,0)</f>
        <v>0.78852810807644813</v>
      </c>
      <c r="O5502" s="58">
        <f>IF(Input!$K$13=2,J5502*Input!$J$13,0)+IF(Input!$K$14=2,K5502*Input!$J$14,0)+IF(Input!$K$15=2,L5502*Input!$J$15,0)+IF(Input!$K$16=2,M5502*Input!$J$16,0)</f>
        <v>7.5910885991203575E-2</v>
      </c>
      <c r="P5502" s="58">
        <f>IF(Input!$K$13=3,J5502*Input!$J$13,0)+IF(Input!$K$14=3,K5502*Input!$J$14,0)+IF(Input!$K$15=3,L5502*Input!$J$15,0)+IF(Input!$K$16=3,M5502*Input!$J$16,0)</f>
        <v>0</v>
      </c>
      <c r="Q5502" s="71">
        <f>IF(Input!$K$13=4,J5502*Input!$J$13,0)+IF(Input!$K$14=4,K5502*Input!$J$14,0)+IF(Input!$K$15=4,L5502*Input!$J$15,0)+IF(Input!$K$16=4,M5502*Input!$J$16,0)</f>
        <v>0</v>
      </c>
    </row>
    <row r="5503" spans="8:17" x14ac:dyDescent="0.25">
      <c r="H5503" s="43">
        <v>5496</v>
      </c>
      <c r="I5503" s="55">
        <f>Bühler!I5529</f>
        <v>1.3594614477301068E-2</v>
      </c>
      <c r="J5503" s="58">
        <f>Bühler!J5529</f>
        <v>6.5710675673037349</v>
      </c>
      <c r="K5503" s="58">
        <f>Bühler!K5529</f>
        <v>0.5623028591941005</v>
      </c>
      <c r="L5503" s="58">
        <f>Bühler!L5529</f>
        <v>0.28115142959705025</v>
      </c>
      <c r="M5503" s="57">
        <f>Bühler!M5529</f>
        <v>0</v>
      </c>
      <c r="N5503" s="55">
        <f>IF(Input!$K$13=1,J5503*Input!$J$13,0)+IF(Input!$K$14=1,K5503*Input!$J$14,0)+IF(Input!$K$15=1,L5503*Input!$J$15,0)+IF(Input!$K$16=1,M5503*Input!$J$16,0)</f>
        <v>0.78852810807644813</v>
      </c>
      <c r="O5503" s="58">
        <f>IF(Input!$K$13=2,J5503*Input!$J$13,0)+IF(Input!$K$14=2,K5503*Input!$J$14,0)+IF(Input!$K$15=2,L5503*Input!$J$15,0)+IF(Input!$K$16=2,M5503*Input!$J$16,0)</f>
        <v>7.5910885991203575E-2</v>
      </c>
      <c r="P5503" s="58">
        <f>IF(Input!$K$13=3,J5503*Input!$J$13,0)+IF(Input!$K$14=3,K5503*Input!$J$14,0)+IF(Input!$K$15=3,L5503*Input!$J$15,0)+IF(Input!$K$16=3,M5503*Input!$J$16,0)</f>
        <v>0</v>
      </c>
      <c r="Q5503" s="71">
        <f>IF(Input!$K$13=4,J5503*Input!$J$13,0)+IF(Input!$K$14=4,K5503*Input!$J$14,0)+IF(Input!$K$15=4,L5503*Input!$J$15,0)+IF(Input!$K$16=4,M5503*Input!$J$16,0)</f>
        <v>0</v>
      </c>
    </row>
    <row r="5504" spans="8:17" x14ac:dyDescent="0.25">
      <c r="H5504" s="43">
        <v>5497</v>
      </c>
      <c r="I5504" s="55">
        <f>Bühler!I5530</f>
        <v>0</v>
      </c>
      <c r="J5504" s="58">
        <f>Bühler!J5530</f>
        <v>9.7785402146692562</v>
      </c>
      <c r="K5504" s="58">
        <f>Bühler!K5530</f>
        <v>0.84995021276595928</v>
      </c>
      <c r="L5504" s="58">
        <f>Bühler!L5530</f>
        <v>0.42497510638297964</v>
      </c>
      <c r="M5504" s="57">
        <f>Bühler!M5530</f>
        <v>0</v>
      </c>
      <c r="N5504" s="55">
        <f>IF(Input!$K$13=1,J5504*Input!$J$13,0)+IF(Input!$K$14=1,K5504*Input!$J$14,0)+IF(Input!$K$15=1,L5504*Input!$J$15,0)+IF(Input!$K$16=1,M5504*Input!$J$16,0)</f>
        <v>1.1734248257603106</v>
      </c>
      <c r="O5504" s="58">
        <f>IF(Input!$K$13=2,J5504*Input!$J$13,0)+IF(Input!$K$14=2,K5504*Input!$J$14,0)+IF(Input!$K$15=2,L5504*Input!$J$15,0)+IF(Input!$K$16=2,M5504*Input!$J$16,0)</f>
        <v>0.11474327872340449</v>
      </c>
      <c r="P5504" s="58">
        <f>IF(Input!$K$13=3,J5504*Input!$J$13,0)+IF(Input!$K$14=3,K5504*Input!$J$14,0)+IF(Input!$K$15=3,L5504*Input!$J$15,0)+IF(Input!$K$16=3,M5504*Input!$J$16,0)</f>
        <v>0</v>
      </c>
      <c r="Q5504" s="71">
        <f>IF(Input!$K$13=4,J5504*Input!$J$13,0)+IF(Input!$K$14=4,K5504*Input!$J$14,0)+IF(Input!$K$15=4,L5504*Input!$J$15,0)+IF(Input!$K$16=4,M5504*Input!$J$16,0)</f>
        <v>0</v>
      </c>
    </row>
    <row r="5505" spans="8:17" x14ac:dyDescent="0.25">
      <c r="H5505" s="43">
        <v>5498</v>
      </c>
      <c r="I5505" s="55">
        <f>Bühler!I5531</f>
        <v>0</v>
      </c>
      <c r="J5505" s="58">
        <f>Bühler!J5531</f>
        <v>5.9263880088904584</v>
      </c>
      <c r="K5505" s="58">
        <f>Bühler!K5531</f>
        <v>0.5151213410702784</v>
      </c>
      <c r="L5505" s="58">
        <f>Bühler!L5531</f>
        <v>0.2575606705351392</v>
      </c>
      <c r="M5505" s="57">
        <f>Bühler!M5531</f>
        <v>0</v>
      </c>
      <c r="N5505" s="55">
        <f>IF(Input!$K$13=1,J5505*Input!$J$13,0)+IF(Input!$K$14=1,K5505*Input!$J$14,0)+IF(Input!$K$15=1,L5505*Input!$J$15,0)+IF(Input!$K$16=1,M5505*Input!$J$16,0)</f>
        <v>0.71116656106685494</v>
      </c>
      <c r="O5505" s="58">
        <f>IF(Input!$K$13=2,J5505*Input!$J$13,0)+IF(Input!$K$14=2,K5505*Input!$J$14,0)+IF(Input!$K$15=2,L5505*Input!$J$15,0)+IF(Input!$K$16=2,M5505*Input!$J$16,0)</f>
        <v>6.954138104448758E-2</v>
      </c>
      <c r="P5505" s="58">
        <f>IF(Input!$K$13=3,J5505*Input!$J$13,0)+IF(Input!$K$14=3,K5505*Input!$J$14,0)+IF(Input!$K$15=3,L5505*Input!$J$15,0)+IF(Input!$K$16=3,M5505*Input!$J$16,0)</f>
        <v>0</v>
      </c>
      <c r="Q5505" s="71">
        <f>IF(Input!$K$13=4,J5505*Input!$J$13,0)+IF(Input!$K$14=4,K5505*Input!$J$14,0)+IF(Input!$K$15=4,L5505*Input!$J$15,0)+IF(Input!$K$16=4,M5505*Input!$J$16,0)</f>
        <v>0</v>
      </c>
    </row>
    <row r="5506" spans="8:17" x14ac:dyDescent="0.25">
      <c r="H5506" s="43">
        <v>5499</v>
      </c>
      <c r="I5506" s="55">
        <f>Bühler!I5532</f>
        <v>0</v>
      </c>
      <c r="J5506" s="58">
        <f>Bühler!J5532</f>
        <v>5.9263880088904584</v>
      </c>
      <c r="K5506" s="58">
        <f>Bühler!K5532</f>
        <v>0.5151213410702784</v>
      </c>
      <c r="L5506" s="58">
        <f>Bühler!L5532</f>
        <v>0.2575606705351392</v>
      </c>
      <c r="M5506" s="57">
        <f>Bühler!M5532</f>
        <v>0</v>
      </c>
      <c r="N5506" s="55">
        <f>IF(Input!$K$13=1,J5506*Input!$J$13,0)+IF(Input!$K$14=1,K5506*Input!$J$14,0)+IF(Input!$K$15=1,L5506*Input!$J$15,0)+IF(Input!$K$16=1,M5506*Input!$J$16,0)</f>
        <v>0.71116656106685494</v>
      </c>
      <c r="O5506" s="58">
        <f>IF(Input!$K$13=2,J5506*Input!$J$13,0)+IF(Input!$K$14=2,K5506*Input!$J$14,0)+IF(Input!$K$15=2,L5506*Input!$J$15,0)+IF(Input!$K$16=2,M5506*Input!$J$16,0)</f>
        <v>6.954138104448758E-2</v>
      </c>
      <c r="P5506" s="58">
        <f>IF(Input!$K$13=3,J5506*Input!$J$13,0)+IF(Input!$K$14=3,K5506*Input!$J$14,0)+IF(Input!$K$15=3,L5506*Input!$J$15,0)+IF(Input!$K$16=3,M5506*Input!$J$16,0)</f>
        <v>0</v>
      </c>
      <c r="Q5506" s="71">
        <f>IF(Input!$K$13=4,J5506*Input!$J$13,0)+IF(Input!$K$14=4,K5506*Input!$J$14,0)+IF(Input!$K$15=4,L5506*Input!$J$15,0)+IF(Input!$K$16=4,M5506*Input!$J$16,0)</f>
        <v>0</v>
      </c>
    </row>
    <row r="5507" spans="8:17" x14ac:dyDescent="0.25">
      <c r="H5507" s="43">
        <v>5500</v>
      </c>
      <c r="I5507" s="55">
        <f>Bühler!I5533</f>
        <v>0</v>
      </c>
      <c r="J5507" s="58">
        <f>Bühler!J5533</f>
        <v>5.9263880088904584</v>
      </c>
      <c r="K5507" s="58">
        <f>Bühler!K5533</f>
        <v>0.5151213410702784</v>
      </c>
      <c r="L5507" s="58">
        <f>Bühler!L5533</f>
        <v>0.2575606705351392</v>
      </c>
      <c r="M5507" s="57">
        <f>Bühler!M5533</f>
        <v>0</v>
      </c>
      <c r="N5507" s="55">
        <f>IF(Input!$K$13=1,J5507*Input!$J$13,0)+IF(Input!$K$14=1,K5507*Input!$J$14,0)+IF(Input!$K$15=1,L5507*Input!$J$15,0)+IF(Input!$K$16=1,M5507*Input!$J$16,0)</f>
        <v>0.71116656106685494</v>
      </c>
      <c r="O5507" s="58">
        <f>IF(Input!$K$13=2,J5507*Input!$J$13,0)+IF(Input!$K$14=2,K5507*Input!$J$14,0)+IF(Input!$K$15=2,L5507*Input!$J$15,0)+IF(Input!$K$16=2,M5507*Input!$J$16,0)</f>
        <v>6.954138104448758E-2</v>
      </c>
      <c r="P5507" s="58">
        <f>IF(Input!$K$13=3,J5507*Input!$J$13,0)+IF(Input!$K$14=3,K5507*Input!$J$14,0)+IF(Input!$K$15=3,L5507*Input!$J$15,0)+IF(Input!$K$16=3,M5507*Input!$J$16,0)</f>
        <v>0</v>
      </c>
      <c r="Q5507" s="71">
        <f>IF(Input!$K$13=4,J5507*Input!$J$13,0)+IF(Input!$K$14=4,K5507*Input!$J$14,0)+IF(Input!$K$15=4,L5507*Input!$J$15,0)+IF(Input!$K$16=4,M5507*Input!$J$16,0)</f>
        <v>0</v>
      </c>
    </row>
    <row r="5508" spans="8:17" x14ac:dyDescent="0.25">
      <c r="H5508" s="43">
        <v>5501</v>
      </c>
      <c r="I5508" s="55">
        <f>Bühler!I5534</f>
        <v>0</v>
      </c>
      <c r="J5508" s="58">
        <f>Bühler!J5534</f>
        <v>5.9263880088904584</v>
      </c>
      <c r="K5508" s="58">
        <f>Bühler!K5534</f>
        <v>0.5151213410702784</v>
      </c>
      <c r="L5508" s="58">
        <f>Bühler!L5534</f>
        <v>0.2575606705351392</v>
      </c>
      <c r="M5508" s="57">
        <f>Bühler!M5534</f>
        <v>0</v>
      </c>
      <c r="N5508" s="55">
        <f>IF(Input!$K$13=1,J5508*Input!$J$13,0)+IF(Input!$K$14=1,K5508*Input!$J$14,0)+IF(Input!$K$15=1,L5508*Input!$J$15,0)+IF(Input!$K$16=1,M5508*Input!$J$16,0)</f>
        <v>0.71116656106685494</v>
      </c>
      <c r="O5508" s="58">
        <f>IF(Input!$K$13=2,J5508*Input!$J$13,0)+IF(Input!$K$14=2,K5508*Input!$J$14,0)+IF(Input!$K$15=2,L5508*Input!$J$15,0)+IF(Input!$K$16=2,M5508*Input!$J$16,0)</f>
        <v>6.954138104448758E-2</v>
      </c>
      <c r="P5508" s="58">
        <f>IF(Input!$K$13=3,J5508*Input!$J$13,0)+IF(Input!$K$14=3,K5508*Input!$J$14,0)+IF(Input!$K$15=3,L5508*Input!$J$15,0)+IF(Input!$K$16=3,M5508*Input!$J$16,0)</f>
        <v>0</v>
      </c>
      <c r="Q5508" s="71">
        <f>IF(Input!$K$13=4,J5508*Input!$J$13,0)+IF(Input!$K$14=4,K5508*Input!$J$14,0)+IF(Input!$K$15=4,L5508*Input!$J$15,0)+IF(Input!$K$16=4,M5508*Input!$J$16,0)</f>
        <v>0</v>
      </c>
    </row>
    <row r="5509" spans="8:17" x14ac:dyDescent="0.25">
      <c r="H5509" s="43">
        <v>5502</v>
      </c>
      <c r="I5509" s="55">
        <f>Bühler!I5535</f>
        <v>0</v>
      </c>
      <c r="J5509" s="58">
        <f>Bühler!J5535</f>
        <v>5.9263880088904584</v>
      </c>
      <c r="K5509" s="58">
        <f>Bühler!K5535</f>
        <v>0.5151213410702784</v>
      </c>
      <c r="L5509" s="58">
        <f>Bühler!L5535</f>
        <v>0.2575606705351392</v>
      </c>
      <c r="M5509" s="57">
        <f>Bühler!M5535</f>
        <v>0</v>
      </c>
      <c r="N5509" s="55">
        <f>IF(Input!$K$13=1,J5509*Input!$J$13,0)+IF(Input!$K$14=1,K5509*Input!$J$14,0)+IF(Input!$K$15=1,L5509*Input!$J$15,0)+IF(Input!$K$16=1,M5509*Input!$J$16,0)</f>
        <v>0.71116656106685494</v>
      </c>
      <c r="O5509" s="58">
        <f>IF(Input!$K$13=2,J5509*Input!$J$13,0)+IF(Input!$K$14=2,K5509*Input!$J$14,0)+IF(Input!$K$15=2,L5509*Input!$J$15,0)+IF(Input!$K$16=2,M5509*Input!$J$16,0)</f>
        <v>6.954138104448758E-2</v>
      </c>
      <c r="P5509" s="58">
        <f>IF(Input!$K$13=3,J5509*Input!$J$13,0)+IF(Input!$K$14=3,K5509*Input!$J$14,0)+IF(Input!$K$15=3,L5509*Input!$J$15,0)+IF(Input!$K$16=3,M5509*Input!$J$16,0)</f>
        <v>0</v>
      </c>
      <c r="Q5509" s="71">
        <f>IF(Input!$K$13=4,J5509*Input!$J$13,0)+IF(Input!$K$14=4,K5509*Input!$J$14,0)+IF(Input!$K$15=4,L5509*Input!$J$15,0)+IF(Input!$K$16=4,M5509*Input!$J$16,0)</f>
        <v>0</v>
      </c>
    </row>
    <row r="5510" spans="8:17" x14ac:dyDescent="0.25">
      <c r="H5510" s="43">
        <v>5503</v>
      </c>
      <c r="I5510" s="55">
        <f>Bühler!I5536</f>
        <v>0</v>
      </c>
      <c r="J5510" s="58">
        <f>Bühler!J5536</f>
        <v>5.9263880088904584</v>
      </c>
      <c r="K5510" s="58">
        <f>Bühler!K5536</f>
        <v>0.5151213410702784</v>
      </c>
      <c r="L5510" s="58">
        <f>Bühler!L5536</f>
        <v>0.2575606705351392</v>
      </c>
      <c r="M5510" s="57">
        <f>Bühler!M5536</f>
        <v>0</v>
      </c>
      <c r="N5510" s="55">
        <f>IF(Input!$K$13=1,J5510*Input!$J$13,0)+IF(Input!$K$14=1,K5510*Input!$J$14,0)+IF(Input!$K$15=1,L5510*Input!$J$15,0)+IF(Input!$K$16=1,M5510*Input!$J$16,0)</f>
        <v>0.71116656106685494</v>
      </c>
      <c r="O5510" s="58">
        <f>IF(Input!$K$13=2,J5510*Input!$J$13,0)+IF(Input!$K$14=2,K5510*Input!$J$14,0)+IF(Input!$K$15=2,L5510*Input!$J$15,0)+IF(Input!$K$16=2,M5510*Input!$J$16,0)</f>
        <v>6.954138104448758E-2</v>
      </c>
      <c r="P5510" s="58">
        <f>IF(Input!$K$13=3,J5510*Input!$J$13,0)+IF(Input!$K$14=3,K5510*Input!$J$14,0)+IF(Input!$K$15=3,L5510*Input!$J$15,0)+IF(Input!$K$16=3,M5510*Input!$J$16,0)</f>
        <v>0</v>
      </c>
      <c r="Q5510" s="71">
        <f>IF(Input!$K$13=4,J5510*Input!$J$13,0)+IF(Input!$K$14=4,K5510*Input!$J$14,0)+IF(Input!$K$15=4,L5510*Input!$J$15,0)+IF(Input!$K$16=4,M5510*Input!$J$16,0)</f>
        <v>0</v>
      </c>
    </row>
    <row r="5511" spans="8:17" x14ac:dyDescent="0.25">
      <c r="H5511" s="43">
        <v>5504</v>
      </c>
      <c r="I5511" s="55">
        <f>Bühler!I5537</f>
        <v>0</v>
      </c>
      <c r="J5511" s="58">
        <f>Bühler!J5537</f>
        <v>25.24641291787335</v>
      </c>
      <c r="K5511" s="58">
        <f>Bühler!K5537</f>
        <v>2.1944169129593853</v>
      </c>
      <c r="L5511" s="58">
        <f>Bühler!L5537</f>
        <v>1.0972084564796927</v>
      </c>
      <c r="M5511" s="57">
        <f>Bühler!M5537</f>
        <v>0</v>
      </c>
      <c r="N5511" s="55">
        <f>IF(Input!$K$13=1,J5511*Input!$J$13,0)+IF(Input!$K$14=1,K5511*Input!$J$14,0)+IF(Input!$K$15=1,L5511*Input!$J$15,0)+IF(Input!$K$16=1,M5511*Input!$J$16,0)</f>
        <v>3.0295695501448021</v>
      </c>
      <c r="O5511" s="58">
        <f>IF(Input!$K$13=2,J5511*Input!$J$13,0)+IF(Input!$K$14=2,K5511*Input!$J$14,0)+IF(Input!$K$15=2,L5511*Input!$J$15,0)+IF(Input!$K$16=2,M5511*Input!$J$16,0)</f>
        <v>0.29624628324951702</v>
      </c>
      <c r="P5511" s="58">
        <f>IF(Input!$K$13=3,J5511*Input!$J$13,0)+IF(Input!$K$14=3,K5511*Input!$J$14,0)+IF(Input!$K$15=3,L5511*Input!$J$15,0)+IF(Input!$K$16=3,M5511*Input!$J$16,0)</f>
        <v>0</v>
      </c>
      <c r="Q5511" s="71">
        <f>IF(Input!$K$13=4,J5511*Input!$J$13,0)+IF(Input!$K$14=4,K5511*Input!$J$14,0)+IF(Input!$K$15=4,L5511*Input!$J$15,0)+IF(Input!$K$16=4,M5511*Input!$J$16,0)</f>
        <v>0</v>
      </c>
    </row>
    <row r="5512" spans="8:17" x14ac:dyDescent="0.25">
      <c r="H5512" s="43">
        <v>5505</v>
      </c>
      <c r="I5512" s="55">
        <f>Bühler!I5538</f>
        <v>0</v>
      </c>
      <c r="J5512" s="58">
        <f>Bühler!J5538</f>
        <v>31.558016147341689</v>
      </c>
      <c r="K5512" s="58">
        <f>Bühler!K5538</f>
        <v>2.743021141199232</v>
      </c>
      <c r="L5512" s="58">
        <f>Bühler!L5538</f>
        <v>1.371510570599616</v>
      </c>
      <c r="M5512" s="57">
        <f>Bühler!M5538</f>
        <v>0</v>
      </c>
      <c r="N5512" s="55">
        <f>IF(Input!$K$13=1,J5512*Input!$J$13,0)+IF(Input!$K$14=1,K5512*Input!$J$14,0)+IF(Input!$K$15=1,L5512*Input!$J$15,0)+IF(Input!$K$16=1,M5512*Input!$J$16,0)</f>
        <v>3.7869619376810024</v>
      </c>
      <c r="O5512" s="58">
        <f>IF(Input!$K$13=2,J5512*Input!$J$13,0)+IF(Input!$K$14=2,K5512*Input!$J$14,0)+IF(Input!$K$15=2,L5512*Input!$J$15,0)+IF(Input!$K$16=2,M5512*Input!$J$16,0)</f>
        <v>0.37030785406189631</v>
      </c>
      <c r="P5512" s="58">
        <f>IF(Input!$K$13=3,J5512*Input!$J$13,0)+IF(Input!$K$14=3,K5512*Input!$J$14,0)+IF(Input!$K$15=3,L5512*Input!$J$15,0)+IF(Input!$K$16=3,M5512*Input!$J$16,0)</f>
        <v>0</v>
      </c>
      <c r="Q5512" s="71">
        <f>IF(Input!$K$13=4,J5512*Input!$J$13,0)+IF(Input!$K$14=4,K5512*Input!$J$14,0)+IF(Input!$K$15=4,L5512*Input!$J$15,0)+IF(Input!$K$16=4,M5512*Input!$J$16,0)</f>
        <v>0</v>
      </c>
    </row>
    <row r="5513" spans="8:17" x14ac:dyDescent="0.25">
      <c r="H5513" s="43">
        <v>5506</v>
      </c>
      <c r="I5513" s="55">
        <f>Bühler!I5539</f>
        <v>0</v>
      </c>
      <c r="J5513" s="58">
        <f>Bühler!J5539</f>
        <v>34.713817762075863</v>
      </c>
      <c r="K5513" s="58">
        <f>Bühler!K5539</f>
        <v>3.0173232553191554</v>
      </c>
      <c r="L5513" s="58">
        <f>Bühler!L5539</f>
        <v>1.5086616276595777</v>
      </c>
      <c r="M5513" s="57">
        <f>Bühler!M5539</f>
        <v>0</v>
      </c>
      <c r="N5513" s="55">
        <f>IF(Input!$K$13=1,J5513*Input!$J$13,0)+IF(Input!$K$14=1,K5513*Input!$J$14,0)+IF(Input!$K$15=1,L5513*Input!$J$15,0)+IF(Input!$K$16=1,M5513*Input!$J$16,0)</f>
        <v>4.1656581314491037</v>
      </c>
      <c r="O5513" s="58">
        <f>IF(Input!$K$13=2,J5513*Input!$J$13,0)+IF(Input!$K$14=2,K5513*Input!$J$14,0)+IF(Input!$K$15=2,L5513*Input!$J$15,0)+IF(Input!$K$16=2,M5513*Input!$J$16,0)</f>
        <v>0.40733863946808596</v>
      </c>
      <c r="P5513" s="58">
        <f>IF(Input!$K$13=3,J5513*Input!$J$13,0)+IF(Input!$K$14=3,K5513*Input!$J$14,0)+IF(Input!$K$15=3,L5513*Input!$J$15,0)+IF(Input!$K$16=3,M5513*Input!$J$16,0)</f>
        <v>0</v>
      </c>
      <c r="Q5513" s="71">
        <f>IF(Input!$K$13=4,J5513*Input!$J$13,0)+IF(Input!$K$14=4,K5513*Input!$J$14,0)+IF(Input!$K$15=4,L5513*Input!$J$15,0)+IF(Input!$K$16=4,M5513*Input!$J$16,0)</f>
        <v>0</v>
      </c>
    </row>
    <row r="5514" spans="8:17" x14ac:dyDescent="0.25">
      <c r="H5514" s="43">
        <v>5507</v>
      </c>
      <c r="I5514" s="55">
        <f>Bühler!I5540</f>
        <v>0</v>
      </c>
      <c r="J5514" s="58">
        <f>Bühler!J5540</f>
        <v>34.713817762075863</v>
      </c>
      <c r="K5514" s="58">
        <f>Bühler!K5540</f>
        <v>3.0173232553191554</v>
      </c>
      <c r="L5514" s="58">
        <f>Bühler!L5540</f>
        <v>1.5086616276595777</v>
      </c>
      <c r="M5514" s="57">
        <f>Bühler!M5540</f>
        <v>0</v>
      </c>
      <c r="N5514" s="55">
        <f>IF(Input!$K$13=1,J5514*Input!$J$13,0)+IF(Input!$K$14=1,K5514*Input!$J$14,0)+IF(Input!$K$15=1,L5514*Input!$J$15,0)+IF(Input!$K$16=1,M5514*Input!$J$16,0)</f>
        <v>4.1656581314491037</v>
      </c>
      <c r="O5514" s="58">
        <f>IF(Input!$K$13=2,J5514*Input!$J$13,0)+IF(Input!$K$14=2,K5514*Input!$J$14,0)+IF(Input!$K$15=2,L5514*Input!$J$15,0)+IF(Input!$K$16=2,M5514*Input!$J$16,0)</f>
        <v>0.40733863946808596</v>
      </c>
      <c r="P5514" s="58">
        <f>IF(Input!$K$13=3,J5514*Input!$J$13,0)+IF(Input!$K$14=3,K5514*Input!$J$14,0)+IF(Input!$K$15=3,L5514*Input!$J$15,0)+IF(Input!$K$16=3,M5514*Input!$J$16,0)</f>
        <v>0</v>
      </c>
      <c r="Q5514" s="71">
        <f>IF(Input!$K$13=4,J5514*Input!$J$13,0)+IF(Input!$K$14=4,K5514*Input!$J$14,0)+IF(Input!$K$15=4,L5514*Input!$J$15,0)+IF(Input!$K$16=4,M5514*Input!$J$16,0)</f>
        <v>0</v>
      </c>
    </row>
    <row r="5515" spans="8:17" x14ac:dyDescent="0.25">
      <c r="H5515" s="43">
        <v>5508</v>
      </c>
      <c r="I5515" s="55">
        <f>Bühler!I5541</f>
        <v>0</v>
      </c>
      <c r="J5515" s="58">
        <f>Bühler!J5541</f>
        <v>41.025420991544195</v>
      </c>
      <c r="K5515" s="58">
        <f>Bühler!K5541</f>
        <v>3.565927483559002</v>
      </c>
      <c r="L5515" s="58">
        <f>Bühler!L5541</f>
        <v>1.782963741779501</v>
      </c>
      <c r="M5515" s="57">
        <f>Bühler!M5541</f>
        <v>0</v>
      </c>
      <c r="N5515" s="55">
        <f>IF(Input!$K$13=1,J5515*Input!$J$13,0)+IF(Input!$K$14=1,K5515*Input!$J$14,0)+IF(Input!$K$15=1,L5515*Input!$J$15,0)+IF(Input!$K$16=1,M5515*Input!$J$16,0)</f>
        <v>4.9230505189853035</v>
      </c>
      <c r="O5515" s="58">
        <f>IF(Input!$K$13=2,J5515*Input!$J$13,0)+IF(Input!$K$14=2,K5515*Input!$J$14,0)+IF(Input!$K$15=2,L5515*Input!$J$15,0)+IF(Input!$K$16=2,M5515*Input!$J$16,0)</f>
        <v>0.4814002102804652</v>
      </c>
      <c r="P5515" s="58">
        <f>IF(Input!$K$13=3,J5515*Input!$J$13,0)+IF(Input!$K$14=3,K5515*Input!$J$14,0)+IF(Input!$K$15=3,L5515*Input!$J$15,0)+IF(Input!$K$16=3,M5515*Input!$J$16,0)</f>
        <v>0</v>
      </c>
      <c r="Q5515" s="71">
        <f>IF(Input!$K$13=4,J5515*Input!$J$13,0)+IF(Input!$K$14=4,K5515*Input!$J$14,0)+IF(Input!$K$15=4,L5515*Input!$J$15,0)+IF(Input!$K$16=4,M5515*Input!$J$16,0)</f>
        <v>0</v>
      </c>
    </row>
    <row r="5516" spans="8:17" x14ac:dyDescent="0.25">
      <c r="H5516" s="43">
        <v>5509</v>
      </c>
      <c r="I5516" s="55">
        <f>Bühler!I5542</f>
        <v>0</v>
      </c>
      <c r="J5516" s="58">
        <f>Bühler!J5542</f>
        <v>41.025420991544195</v>
      </c>
      <c r="K5516" s="58">
        <f>Bühler!K5542</f>
        <v>3.565927483559002</v>
      </c>
      <c r="L5516" s="58">
        <f>Bühler!L5542</f>
        <v>1.782963741779501</v>
      </c>
      <c r="M5516" s="57">
        <f>Bühler!M5542</f>
        <v>0</v>
      </c>
      <c r="N5516" s="55">
        <f>IF(Input!$K$13=1,J5516*Input!$J$13,0)+IF(Input!$K$14=1,K5516*Input!$J$14,0)+IF(Input!$K$15=1,L5516*Input!$J$15,0)+IF(Input!$K$16=1,M5516*Input!$J$16,0)</f>
        <v>4.9230505189853035</v>
      </c>
      <c r="O5516" s="58">
        <f>IF(Input!$K$13=2,J5516*Input!$J$13,0)+IF(Input!$K$14=2,K5516*Input!$J$14,0)+IF(Input!$K$15=2,L5516*Input!$J$15,0)+IF(Input!$K$16=2,M5516*Input!$J$16,0)</f>
        <v>0.4814002102804652</v>
      </c>
      <c r="P5516" s="58">
        <f>IF(Input!$K$13=3,J5516*Input!$J$13,0)+IF(Input!$K$14=3,K5516*Input!$J$14,0)+IF(Input!$K$15=3,L5516*Input!$J$15,0)+IF(Input!$K$16=3,M5516*Input!$J$16,0)</f>
        <v>0</v>
      </c>
      <c r="Q5516" s="71">
        <f>IF(Input!$K$13=4,J5516*Input!$J$13,0)+IF(Input!$K$14=4,K5516*Input!$J$14,0)+IF(Input!$K$15=4,L5516*Input!$J$15,0)+IF(Input!$K$16=4,M5516*Input!$J$16,0)</f>
        <v>0</v>
      </c>
    </row>
    <row r="5517" spans="8:17" x14ac:dyDescent="0.25">
      <c r="H5517" s="43">
        <v>5510</v>
      </c>
      <c r="I5517" s="55">
        <f>Bühler!I5543</f>
        <v>0</v>
      </c>
      <c r="J5517" s="58">
        <f>Bühler!J5543</f>
        <v>28.40221453260752</v>
      </c>
      <c r="K5517" s="58">
        <f>Bühler!K5543</f>
        <v>2.4687190270793087</v>
      </c>
      <c r="L5517" s="58">
        <f>Bühler!L5543</f>
        <v>1.2343595135396543</v>
      </c>
      <c r="M5517" s="57">
        <f>Bühler!M5543</f>
        <v>0</v>
      </c>
      <c r="N5517" s="55">
        <f>IF(Input!$K$13=1,J5517*Input!$J$13,0)+IF(Input!$K$14=1,K5517*Input!$J$14,0)+IF(Input!$K$15=1,L5517*Input!$J$15,0)+IF(Input!$K$16=1,M5517*Input!$J$16,0)</f>
        <v>3.408265743912902</v>
      </c>
      <c r="O5517" s="58">
        <f>IF(Input!$K$13=2,J5517*Input!$J$13,0)+IF(Input!$K$14=2,K5517*Input!$J$14,0)+IF(Input!$K$15=2,L5517*Input!$J$15,0)+IF(Input!$K$16=2,M5517*Input!$J$16,0)</f>
        <v>0.33327706865570667</v>
      </c>
      <c r="P5517" s="58">
        <f>IF(Input!$K$13=3,J5517*Input!$J$13,0)+IF(Input!$K$14=3,K5517*Input!$J$14,0)+IF(Input!$K$15=3,L5517*Input!$J$15,0)+IF(Input!$K$16=3,M5517*Input!$J$16,0)</f>
        <v>0</v>
      </c>
      <c r="Q5517" s="71">
        <f>IF(Input!$K$13=4,J5517*Input!$J$13,0)+IF(Input!$K$14=4,K5517*Input!$J$14,0)+IF(Input!$K$15=4,L5517*Input!$J$15,0)+IF(Input!$K$16=4,M5517*Input!$J$16,0)</f>
        <v>0</v>
      </c>
    </row>
    <row r="5518" spans="8:17" x14ac:dyDescent="0.25">
      <c r="H5518" s="43">
        <v>5511</v>
      </c>
      <c r="I5518" s="55">
        <f>Bühler!I5544</f>
        <v>0</v>
      </c>
      <c r="J5518" s="58">
        <f>Bühler!J5544</f>
        <v>41.025420991544195</v>
      </c>
      <c r="K5518" s="58">
        <f>Bühler!K5544</f>
        <v>3.565927483559002</v>
      </c>
      <c r="L5518" s="58">
        <f>Bühler!L5544</f>
        <v>1.782963741779501</v>
      </c>
      <c r="M5518" s="57">
        <f>Bühler!M5544</f>
        <v>0</v>
      </c>
      <c r="N5518" s="55">
        <f>IF(Input!$K$13=1,J5518*Input!$J$13,0)+IF(Input!$K$14=1,K5518*Input!$J$14,0)+IF(Input!$K$15=1,L5518*Input!$J$15,0)+IF(Input!$K$16=1,M5518*Input!$J$16,0)</f>
        <v>4.9230505189853035</v>
      </c>
      <c r="O5518" s="58">
        <f>IF(Input!$K$13=2,J5518*Input!$J$13,0)+IF(Input!$K$14=2,K5518*Input!$J$14,0)+IF(Input!$K$15=2,L5518*Input!$J$15,0)+IF(Input!$K$16=2,M5518*Input!$J$16,0)</f>
        <v>0.4814002102804652</v>
      </c>
      <c r="P5518" s="58">
        <f>IF(Input!$K$13=3,J5518*Input!$J$13,0)+IF(Input!$K$14=3,K5518*Input!$J$14,0)+IF(Input!$K$15=3,L5518*Input!$J$15,0)+IF(Input!$K$16=3,M5518*Input!$J$16,0)</f>
        <v>0</v>
      </c>
      <c r="Q5518" s="71">
        <f>IF(Input!$K$13=4,J5518*Input!$J$13,0)+IF(Input!$K$14=4,K5518*Input!$J$14,0)+IF(Input!$K$15=4,L5518*Input!$J$15,0)+IF(Input!$K$16=4,M5518*Input!$J$16,0)</f>
        <v>0</v>
      </c>
    </row>
    <row r="5519" spans="8:17" x14ac:dyDescent="0.25">
      <c r="H5519" s="43">
        <v>5512</v>
      </c>
      <c r="I5519" s="55">
        <f>Bühler!I5545</f>
        <v>0</v>
      </c>
      <c r="J5519" s="58">
        <f>Bühler!J5545</f>
        <v>31.558016147341689</v>
      </c>
      <c r="K5519" s="58">
        <f>Bühler!K5545</f>
        <v>2.743021141199232</v>
      </c>
      <c r="L5519" s="58">
        <f>Bühler!L5545</f>
        <v>1.371510570599616</v>
      </c>
      <c r="M5519" s="57">
        <f>Bühler!M5545</f>
        <v>0</v>
      </c>
      <c r="N5519" s="55">
        <f>IF(Input!$K$13=1,J5519*Input!$J$13,0)+IF(Input!$K$14=1,K5519*Input!$J$14,0)+IF(Input!$K$15=1,L5519*Input!$J$15,0)+IF(Input!$K$16=1,M5519*Input!$J$16,0)</f>
        <v>3.7869619376810024</v>
      </c>
      <c r="O5519" s="58">
        <f>IF(Input!$K$13=2,J5519*Input!$J$13,0)+IF(Input!$K$14=2,K5519*Input!$J$14,0)+IF(Input!$K$15=2,L5519*Input!$J$15,0)+IF(Input!$K$16=2,M5519*Input!$J$16,0)</f>
        <v>0.37030785406189631</v>
      </c>
      <c r="P5519" s="58">
        <f>IF(Input!$K$13=3,J5519*Input!$J$13,0)+IF(Input!$K$14=3,K5519*Input!$J$14,0)+IF(Input!$K$15=3,L5519*Input!$J$15,0)+IF(Input!$K$16=3,M5519*Input!$J$16,0)</f>
        <v>0</v>
      </c>
      <c r="Q5519" s="71">
        <f>IF(Input!$K$13=4,J5519*Input!$J$13,0)+IF(Input!$K$14=4,K5519*Input!$J$14,0)+IF(Input!$K$15=4,L5519*Input!$J$15,0)+IF(Input!$K$16=4,M5519*Input!$J$16,0)</f>
        <v>0</v>
      </c>
    </row>
    <row r="5520" spans="8:17" x14ac:dyDescent="0.25">
      <c r="H5520" s="43">
        <v>5513</v>
      </c>
      <c r="I5520" s="55">
        <f>Bühler!I5546</f>
        <v>0</v>
      </c>
      <c r="J5520" s="58">
        <f>Bühler!J5546</f>
        <v>14.815970022226145</v>
      </c>
      <c r="K5520" s="58">
        <f>Bühler!K5546</f>
        <v>1.2878033526756958</v>
      </c>
      <c r="L5520" s="58">
        <f>Bühler!L5546</f>
        <v>0.64390167633784789</v>
      </c>
      <c r="M5520" s="57">
        <f>Bühler!M5546</f>
        <v>0</v>
      </c>
      <c r="N5520" s="55">
        <f>IF(Input!$K$13=1,J5520*Input!$J$13,0)+IF(Input!$K$14=1,K5520*Input!$J$14,0)+IF(Input!$K$15=1,L5520*Input!$J$15,0)+IF(Input!$K$16=1,M5520*Input!$J$16,0)</f>
        <v>1.7779164026671372</v>
      </c>
      <c r="O5520" s="58">
        <f>IF(Input!$K$13=2,J5520*Input!$J$13,0)+IF(Input!$K$14=2,K5520*Input!$J$14,0)+IF(Input!$K$15=2,L5520*Input!$J$15,0)+IF(Input!$K$16=2,M5520*Input!$J$16,0)</f>
        <v>0.17385345261121893</v>
      </c>
      <c r="P5520" s="58">
        <f>IF(Input!$K$13=3,J5520*Input!$J$13,0)+IF(Input!$K$14=3,K5520*Input!$J$14,0)+IF(Input!$K$15=3,L5520*Input!$J$15,0)+IF(Input!$K$16=3,M5520*Input!$J$16,0)</f>
        <v>0</v>
      </c>
      <c r="Q5520" s="71">
        <f>IF(Input!$K$13=4,J5520*Input!$J$13,0)+IF(Input!$K$14=4,K5520*Input!$J$14,0)+IF(Input!$K$15=4,L5520*Input!$J$15,0)+IF(Input!$K$16=4,M5520*Input!$J$16,0)</f>
        <v>0</v>
      </c>
    </row>
    <row r="5521" spans="8:17" x14ac:dyDescent="0.25">
      <c r="H5521" s="43">
        <v>5514</v>
      </c>
      <c r="I5521" s="55">
        <f>Bühler!I5547</f>
        <v>0</v>
      </c>
      <c r="J5521" s="58">
        <f>Bühler!J5547</f>
        <v>9.7785402146692562</v>
      </c>
      <c r="K5521" s="58">
        <f>Bühler!K5547</f>
        <v>0.84995021276595928</v>
      </c>
      <c r="L5521" s="58">
        <f>Bühler!L5547</f>
        <v>0.42497510638297964</v>
      </c>
      <c r="M5521" s="57">
        <f>Bühler!M5547</f>
        <v>0</v>
      </c>
      <c r="N5521" s="55">
        <f>IF(Input!$K$13=1,J5521*Input!$J$13,0)+IF(Input!$K$14=1,K5521*Input!$J$14,0)+IF(Input!$K$15=1,L5521*Input!$J$15,0)+IF(Input!$K$16=1,M5521*Input!$J$16,0)</f>
        <v>1.1734248257603106</v>
      </c>
      <c r="O5521" s="58">
        <f>IF(Input!$K$13=2,J5521*Input!$J$13,0)+IF(Input!$K$14=2,K5521*Input!$J$14,0)+IF(Input!$K$15=2,L5521*Input!$J$15,0)+IF(Input!$K$16=2,M5521*Input!$J$16,0)</f>
        <v>0.11474327872340449</v>
      </c>
      <c r="P5521" s="58">
        <f>IF(Input!$K$13=3,J5521*Input!$J$13,0)+IF(Input!$K$14=3,K5521*Input!$J$14,0)+IF(Input!$K$15=3,L5521*Input!$J$15,0)+IF(Input!$K$16=3,M5521*Input!$J$16,0)</f>
        <v>0</v>
      </c>
      <c r="Q5521" s="71">
        <f>IF(Input!$K$13=4,J5521*Input!$J$13,0)+IF(Input!$K$14=4,K5521*Input!$J$14,0)+IF(Input!$K$15=4,L5521*Input!$J$15,0)+IF(Input!$K$16=4,M5521*Input!$J$16,0)</f>
        <v>0</v>
      </c>
    </row>
    <row r="5522" spans="8:17" x14ac:dyDescent="0.25">
      <c r="H5522" s="43">
        <v>5515</v>
      </c>
      <c r="I5522" s="55">
        <f>Bühler!I5548</f>
        <v>0</v>
      </c>
      <c r="J5522" s="58">
        <f>Bühler!J5548</f>
        <v>6.2227074093349808</v>
      </c>
      <c r="K5522" s="58">
        <f>Bühler!K5548</f>
        <v>0.54087740812379215</v>
      </c>
      <c r="L5522" s="58">
        <f>Bühler!L5548</f>
        <v>0.27043870406189607</v>
      </c>
      <c r="M5522" s="57">
        <f>Bühler!M5548</f>
        <v>0</v>
      </c>
      <c r="N5522" s="55">
        <f>IF(Input!$K$13=1,J5522*Input!$J$13,0)+IF(Input!$K$14=1,K5522*Input!$J$14,0)+IF(Input!$K$15=1,L5522*Input!$J$15,0)+IF(Input!$K$16=1,M5522*Input!$J$16,0)</f>
        <v>0.74672488912019763</v>
      </c>
      <c r="O5522" s="58">
        <f>IF(Input!$K$13=2,J5522*Input!$J$13,0)+IF(Input!$K$14=2,K5522*Input!$J$14,0)+IF(Input!$K$15=2,L5522*Input!$J$15,0)+IF(Input!$K$16=2,M5522*Input!$J$16,0)</f>
        <v>7.3018450096711929E-2</v>
      </c>
      <c r="P5522" s="58">
        <f>IF(Input!$K$13=3,J5522*Input!$J$13,0)+IF(Input!$K$14=3,K5522*Input!$J$14,0)+IF(Input!$K$15=3,L5522*Input!$J$15,0)+IF(Input!$K$16=3,M5522*Input!$J$16,0)</f>
        <v>0</v>
      </c>
      <c r="Q5522" s="71">
        <f>IF(Input!$K$13=4,J5522*Input!$J$13,0)+IF(Input!$K$14=4,K5522*Input!$J$14,0)+IF(Input!$K$15=4,L5522*Input!$J$15,0)+IF(Input!$K$16=4,M5522*Input!$J$16,0)</f>
        <v>0</v>
      </c>
    </row>
    <row r="5523" spans="8:17" x14ac:dyDescent="0.25">
      <c r="H5523" s="43">
        <v>5516</v>
      </c>
      <c r="I5523" s="55">
        <f>Bühler!I5549</f>
        <v>0</v>
      </c>
      <c r="J5523" s="58">
        <f>Bühler!J5549</f>
        <v>5.9263880088904584</v>
      </c>
      <c r="K5523" s="58">
        <f>Bühler!K5549</f>
        <v>0.5151213410702784</v>
      </c>
      <c r="L5523" s="58">
        <f>Bühler!L5549</f>
        <v>0.2575606705351392</v>
      </c>
      <c r="M5523" s="57">
        <f>Bühler!M5549</f>
        <v>0</v>
      </c>
      <c r="N5523" s="55">
        <f>IF(Input!$K$13=1,J5523*Input!$J$13,0)+IF(Input!$K$14=1,K5523*Input!$J$14,0)+IF(Input!$K$15=1,L5523*Input!$J$15,0)+IF(Input!$K$16=1,M5523*Input!$J$16,0)</f>
        <v>0.71116656106685494</v>
      </c>
      <c r="O5523" s="58">
        <f>IF(Input!$K$13=2,J5523*Input!$J$13,0)+IF(Input!$K$14=2,K5523*Input!$J$14,0)+IF(Input!$K$15=2,L5523*Input!$J$15,0)+IF(Input!$K$16=2,M5523*Input!$J$16,0)</f>
        <v>6.954138104448758E-2</v>
      </c>
      <c r="P5523" s="58">
        <f>IF(Input!$K$13=3,J5523*Input!$J$13,0)+IF(Input!$K$14=3,K5523*Input!$J$14,0)+IF(Input!$K$15=3,L5523*Input!$J$15,0)+IF(Input!$K$16=3,M5523*Input!$J$16,0)</f>
        <v>0</v>
      </c>
      <c r="Q5523" s="71">
        <f>IF(Input!$K$13=4,J5523*Input!$J$13,0)+IF(Input!$K$14=4,K5523*Input!$J$14,0)+IF(Input!$K$15=4,L5523*Input!$J$15,0)+IF(Input!$K$16=4,M5523*Input!$J$16,0)</f>
        <v>0</v>
      </c>
    </row>
    <row r="5524" spans="8:17" x14ac:dyDescent="0.25">
      <c r="H5524" s="43">
        <v>5517</v>
      </c>
      <c r="I5524" s="55">
        <f>Bühler!I5550</f>
        <v>0</v>
      </c>
      <c r="J5524" s="58">
        <f>Bühler!J5550</f>
        <v>5.9263880088904584</v>
      </c>
      <c r="K5524" s="58">
        <f>Bühler!K5550</f>
        <v>0.5151213410702784</v>
      </c>
      <c r="L5524" s="58">
        <f>Bühler!L5550</f>
        <v>0.2575606705351392</v>
      </c>
      <c r="M5524" s="57">
        <f>Bühler!M5550</f>
        <v>0</v>
      </c>
      <c r="N5524" s="55">
        <f>IF(Input!$K$13=1,J5524*Input!$J$13,0)+IF(Input!$K$14=1,K5524*Input!$J$14,0)+IF(Input!$K$15=1,L5524*Input!$J$15,0)+IF(Input!$K$16=1,M5524*Input!$J$16,0)</f>
        <v>0.71116656106685494</v>
      </c>
      <c r="O5524" s="58">
        <f>IF(Input!$K$13=2,J5524*Input!$J$13,0)+IF(Input!$K$14=2,K5524*Input!$J$14,0)+IF(Input!$K$15=2,L5524*Input!$J$15,0)+IF(Input!$K$16=2,M5524*Input!$J$16,0)</f>
        <v>6.954138104448758E-2</v>
      </c>
      <c r="P5524" s="58">
        <f>IF(Input!$K$13=3,J5524*Input!$J$13,0)+IF(Input!$K$14=3,K5524*Input!$J$14,0)+IF(Input!$K$15=3,L5524*Input!$J$15,0)+IF(Input!$K$16=3,M5524*Input!$J$16,0)</f>
        <v>0</v>
      </c>
      <c r="Q5524" s="71">
        <f>IF(Input!$K$13=4,J5524*Input!$J$13,0)+IF(Input!$K$14=4,K5524*Input!$J$14,0)+IF(Input!$K$15=4,L5524*Input!$J$15,0)+IF(Input!$K$16=4,M5524*Input!$J$16,0)</f>
        <v>0</v>
      </c>
    </row>
    <row r="5525" spans="8:17" x14ac:dyDescent="0.25">
      <c r="H5525" s="43">
        <v>5518</v>
      </c>
      <c r="I5525" s="55">
        <f>Bühler!I5551</f>
        <v>0</v>
      </c>
      <c r="J5525" s="58">
        <f>Bühler!J5551</f>
        <v>5.9263880088904584</v>
      </c>
      <c r="K5525" s="58">
        <f>Bühler!K5551</f>
        <v>0.5151213410702784</v>
      </c>
      <c r="L5525" s="58">
        <f>Bühler!L5551</f>
        <v>0.2575606705351392</v>
      </c>
      <c r="M5525" s="57">
        <f>Bühler!M5551</f>
        <v>0</v>
      </c>
      <c r="N5525" s="55">
        <f>IF(Input!$K$13=1,J5525*Input!$J$13,0)+IF(Input!$K$14=1,K5525*Input!$J$14,0)+IF(Input!$K$15=1,L5525*Input!$J$15,0)+IF(Input!$K$16=1,M5525*Input!$J$16,0)</f>
        <v>0.71116656106685494</v>
      </c>
      <c r="O5525" s="58">
        <f>IF(Input!$K$13=2,J5525*Input!$J$13,0)+IF(Input!$K$14=2,K5525*Input!$J$14,0)+IF(Input!$K$15=2,L5525*Input!$J$15,0)+IF(Input!$K$16=2,M5525*Input!$J$16,0)</f>
        <v>6.954138104448758E-2</v>
      </c>
      <c r="P5525" s="58">
        <f>IF(Input!$K$13=3,J5525*Input!$J$13,0)+IF(Input!$K$14=3,K5525*Input!$J$14,0)+IF(Input!$K$15=3,L5525*Input!$J$15,0)+IF(Input!$K$16=3,M5525*Input!$J$16,0)</f>
        <v>0</v>
      </c>
      <c r="Q5525" s="71">
        <f>IF(Input!$K$13=4,J5525*Input!$J$13,0)+IF(Input!$K$14=4,K5525*Input!$J$14,0)+IF(Input!$K$15=4,L5525*Input!$J$15,0)+IF(Input!$K$16=4,M5525*Input!$J$16,0)</f>
        <v>0</v>
      </c>
    </row>
    <row r="5526" spans="8:17" x14ac:dyDescent="0.25">
      <c r="H5526" s="43">
        <v>5519</v>
      </c>
      <c r="I5526" s="55">
        <f>Bühler!I5552</f>
        <v>0</v>
      </c>
      <c r="J5526" s="58">
        <f>Bühler!J5552</f>
        <v>5.9263880088904584</v>
      </c>
      <c r="K5526" s="58">
        <f>Bühler!K5552</f>
        <v>0.5151213410702784</v>
      </c>
      <c r="L5526" s="58">
        <f>Bühler!L5552</f>
        <v>0.2575606705351392</v>
      </c>
      <c r="M5526" s="57">
        <f>Bühler!M5552</f>
        <v>0</v>
      </c>
      <c r="N5526" s="55">
        <f>IF(Input!$K$13=1,J5526*Input!$J$13,0)+IF(Input!$K$14=1,K5526*Input!$J$14,0)+IF(Input!$K$15=1,L5526*Input!$J$15,0)+IF(Input!$K$16=1,M5526*Input!$J$16,0)</f>
        <v>0.71116656106685494</v>
      </c>
      <c r="O5526" s="58">
        <f>IF(Input!$K$13=2,J5526*Input!$J$13,0)+IF(Input!$K$14=2,K5526*Input!$J$14,0)+IF(Input!$K$15=2,L5526*Input!$J$15,0)+IF(Input!$K$16=2,M5526*Input!$J$16,0)</f>
        <v>6.954138104448758E-2</v>
      </c>
      <c r="P5526" s="58">
        <f>IF(Input!$K$13=3,J5526*Input!$J$13,0)+IF(Input!$K$14=3,K5526*Input!$J$14,0)+IF(Input!$K$15=3,L5526*Input!$J$15,0)+IF(Input!$K$16=3,M5526*Input!$J$16,0)</f>
        <v>0</v>
      </c>
      <c r="Q5526" s="71">
        <f>IF(Input!$K$13=4,J5526*Input!$J$13,0)+IF(Input!$K$14=4,K5526*Input!$J$14,0)+IF(Input!$K$15=4,L5526*Input!$J$15,0)+IF(Input!$K$16=4,M5526*Input!$J$16,0)</f>
        <v>0</v>
      </c>
    </row>
    <row r="5527" spans="8:17" x14ac:dyDescent="0.25">
      <c r="H5527" s="43">
        <v>5520</v>
      </c>
      <c r="I5527" s="55">
        <f>Bühler!I5553</f>
        <v>0</v>
      </c>
      <c r="J5527" s="58">
        <f>Bühler!J5553</f>
        <v>5.9263880088904584</v>
      </c>
      <c r="K5527" s="58">
        <f>Bühler!K5553</f>
        <v>0.5151213410702784</v>
      </c>
      <c r="L5527" s="58">
        <f>Bühler!L5553</f>
        <v>0.2575606705351392</v>
      </c>
      <c r="M5527" s="57">
        <f>Bühler!M5553</f>
        <v>0</v>
      </c>
      <c r="N5527" s="55">
        <f>IF(Input!$K$13=1,J5527*Input!$J$13,0)+IF(Input!$K$14=1,K5527*Input!$J$14,0)+IF(Input!$K$15=1,L5527*Input!$J$15,0)+IF(Input!$K$16=1,M5527*Input!$J$16,0)</f>
        <v>0.71116656106685494</v>
      </c>
      <c r="O5527" s="58">
        <f>IF(Input!$K$13=2,J5527*Input!$J$13,0)+IF(Input!$K$14=2,K5527*Input!$J$14,0)+IF(Input!$K$15=2,L5527*Input!$J$15,0)+IF(Input!$K$16=2,M5527*Input!$J$16,0)</f>
        <v>6.954138104448758E-2</v>
      </c>
      <c r="P5527" s="58">
        <f>IF(Input!$K$13=3,J5527*Input!$J$13,0)+IF(Input!$K$14=3,K5527*Input!$J$14,0)+IF(Input!$K$15=3,L5527*Input!$J$15,0)+IF(Input!$K$16=3,M5527*Input!$J$16,0)</f>
        <v>0</v>
      </c>
      <c r="Q5527" s="71">
        <f>IF(Input!$K$13=4,J5527*Input!$J$13,0)+IF(Input!$K$14=4,K5527*Input!$J$14,0)+IF(Input!$K$15=4,L5527*Input!$J$15,0)+IF(Input!$K$16=4,M5527*Input!$J$16,0)</f>
        <v>0</v>
      </c>
    </row>
    <row r="5528" spans="8:17" x14ac:dyDescent="0.25">
      <c r="H5528" s="43">
        <v>5521</v>
      </c>
      <c r="I5528" s="55">
        <f>Bühler!I5554</f>
        <v>0</v>
      </c>
      <c r="J5528" s="58">
        <f>Bühler!J5554</f>
        <v>3.8383597969254124</v>
      </c>
      <c r="K5528" s="58">
        <f>Bühler!K5554</f>
        <v>0.23734701379136561</v>
      </c>
      <c r="L5528" s="58">
        <f>Bühler!L5554</f>
        <v>0.1186735068956828</v>
      </c>
      <c r="M5528" s="57">
        <f>Bühler!M5554</f>
        <v>0</v>
      </c>
      <c r="N5528" s="55">
        <f>IF(Input!$K$13=1,J5528*Input!$J$13,0)+IF(Input!$K$14=1,K5528*Input!$J$14,0)+IF(Input!$K$15=1,L5528*Input!$J$15,0)+IF(Input!$K$16=1,M5528*Input!$J$16,0)</f>
        <v>0.46060317563104947</v>
      </c>
      <c r="O5528" s="58">
        <f>IF(Input!$K$13=2,J5528*Input!$J$13,0)+IF(Input!$K$14=2,K5528*Input!$J$14,0)+IF(Input!$K$15=2,L5528*Input!$J$15,0)+IF(Input!$K$16=2,M5528*Input!$J$16,0)</f>
        <v>3.204184686183436E-2</v>
      </c>
      <c r="P5528" s="58">
        <f>IF(Input!$K$13=3,J5528*Input!$J$13,0)+IF(Input!$K$14=3,K5528*Input!$J$14,0)+IF(Input!$K$15=3,L5528*Input!$J$15,0)+IF(Input!$K$16=3,M5528*Input!$J$16,0)</f>
        <v>0</v>
      </c>
      <c r="Q5528" s="71">
        <f>IF(Input!$K$13=4,J5528*Input!$J$13,0)+IF(Input!$K$14=4,K5528*Input!$J$14,0)+IF(Input!$K$15=4,L5528*Input!$J$15,0)+IF(Input!$K$16=4,M5528*Input!$J$16,0)</f>
        <v>0</v>
      </c>
    </row>
    <row r="5529" spans="8:17" x14ac:dyDescent="0.25">
      <c r="H5529" s="43">
        <v>5522</v>
      </c>
      <c r="I5529" s="55">
        <f>Bühler!I5555</f>
        <v>0</v>
      </c>
      <c r="J5529" s="58">
        <f>Bühler!J5555</f>
        <v>3.4825410598266537</v>
      </c>
      <c r="K5529" s="58">
        <f>Bühler!K5555</f>
        <v>0.21361231241222908</v>
      </c>
      <c r="L5529" s="58">
        <f>Bühler!L5555</f>
        <v>0.10680615620611454</v>
      </c>
      <c r="M5529" s="57">
        <f>Bühler!M5555</f>
        <v>0</v>
      </c>
      <c r="N5529" s="55">
        <f>IF(Input!$K$13=1,J5529*Input!$J$13,0)+IF(Input!$K$14=1,K5529*Input!$J$14,0)+IF(Input!$K$15=1,L5529*Input!$J$15,0)+IF(Input!$K$16=1,M5529*Input!$J$16,0)</f>
        <v>0.41790492717919842</v>
      </c>
      <c r="O5529" s="58">
        <f>IF(Input!$K$13=2,J5529*Input!$J$13,0)+IF(Input!$K$14=2,K5529*Input!$J$14,0)+IF(Input!$K$15=2,L5529*Input!$J$15,0)+IF(Input!$K$16=2,M5529*Input!$J$16,0)</f>
        <v>2.8837662175650924E-2</v>
      </c>
      <c r="P5529" s="58">
        <f>IF(Input!$K$13=3,J5529*Input!$J$13,0)+IF(Input!$K$14=3,K5529*Input!$J$14,0)+IF(Input!$K$15=3,L5529*Input!$J$15,0)+IF(Input!$K$16=3,M5529*Input!$J$16,0)</f>
        <v>0</v>
      </c>
      <c r="Q5529" s="71">
        <f>IF(Input!$K$13=4,J5529*Input!$J$13,0)+IF(Input!$K$14=4,K5529*Input!$J$14,0)+IF(Input!$K$15=4,L5529*Input!$J$15,0)+IF(Input!$K$16=4,M5529*Input!$J$16,0)</f>
        <v>0</v>
      </c>
    </row>
    <row r="5530" spans="8:17" x14ac:dyDescent="0.25">
      <c r="H5530" s="43">
        <v>5523</v>
      </c>
      <c r="I5530" s="55">
        <f>Bühler!I5556</f>
        <v>0</v>
      </c>
      <c r="J5530" s="58">
        <f>Bühler!J5556</f>
        <v>3.4825410598266537</v>
      </c>
      <c r="K5530" s="58">
        <f>Bühler!K5556</f>
        <v>0.21361231241222908</v>
      </c>
      <c r="L5530" s="58">
        <f>Bühler!L5556</f>
        <v>0.10680615620611454</v>
      </c>
      <c r="M5530" s="57">
        <f>Bühler!M5556</f>
        <v>0</v>
      </c>
      <c r="N5530" s="55">
        <f>IF(Input!$K$13=1,J5530*Input!$J$13,0)+IF(Input!$K$14=1,K5530*Input!$J$14,0)+IF(Input!$K$15=1,L5530*Input!$J$15,0)+IF(Input!$K$16=1,M5530*Input!$J$16,0)</f>
        <v>0.41790492717919842</v>
      </c>
      <c r="O5530" s="58">
        <f>IF(Input!$K$13=2,J5530*Input!$J$13,0)+IF(Input!$K$14=2,K5530*Input!$J$14,0)+IF(Input!$K$15=2,L5530*Input!$J$15,0)+IF(Input!$K$16=2,M5530*Input!$J$16,0)</f>
        <v>2.8837662175650924E-2</v>
      </c>
      <c r="P5530" s="58">
        <f>IF(Input!$K$13=3,J5530*Input!$J$13,0)+IF(Input!$K$14=3,K5530*Input!$J$14,0)+IF(Input!$K$15=3,L5530*Input!$J$15,0)+IF(Input!$K$16=3,M5530*Input!$J$16,0)</f>
        <v>0</v>
      </c>
      <c r="Q5530" s="71">
        <f>IF(Input!$K$13=4,J5530*Input!$J$13,0)+IF(Input!$K$14=4,K5530*Input!$J$14,0)+IF(Input!$K$15=4,L5530*Input!$J$15,0)+IF(Input!$K$16=4,M5530*Input!$J$16,0)</f>
        <v>0</v>
      </c>
    </row>
    <row r="5531" spans="8:17" x14ac:dyDescent="0.25">
      <c r="H5531" s="43">
        <v>5524</v>
      </c>
      <c r="I5531" s="55">
        <f>Bühler!I5557</f>
        <v>0</v>
      </c>
      <c r="J5531" s="58">
        <f>Bühler!J5557</f>
        <v>3.4825410598266537</v>
      </c>
      <c r="K5531" s="58">
        <f>Bühler!K5557</f>
        <v>0.21361231241222908</v>
      </c>
      <c r="L5531" s="58">
        <f>Bühler!L5557</f>
        <v>0.10680615620611454</v>
      </c>
      <c r="M5531" s="57">
        <f>Bühler!M5557</f>
        <v>0</v>
      </c>
      <c r="N5531" s="55">
        <f>IF(Input!$K$13=1,J5531*Input!$J$13,0)+IF(Input!$K$14=1,K5531*Input!$J$14,0)+IF(Input!$K$15=1,L5531*Input!$J$15,0)+IF(Input!$K$16=1,M5531*Input!$J$16,0)</f>
        <v>0.41790492717919842</v>
      </c>
      <c r="O5531" s="58">
        <f>IF(Input!$K$13=2,J5531*Input!$J$13,0)+IF(Input!$K$14=2,K5531*Input!$J$14,0)+IF(Input!$K$15=2,L5531*Input!$J$15,0)+IF(Input!$K$16=2,M5531*Input!$J$16,0)</f>
        <v>2.8837662175650924E-2</v>
      </c>
      <c r="P5531" s="58">
        <f>IF(Input!$K$13=3,J5531*Input!$J$13,0)+IF(Input!$K$14=3,K5531*Input!$J$14,0)+IF(Input!$K$15=3,L5531*Input!$J$15,0)+IF(Input!$K$16=3,M5531*Input!$J$16,0)</f>
        <v>0</v>
      </c>
      <c r="Q5531" s="71">
        <f>IF(Input!$K$13=4,J5531*Input!$J$13,0)+IF(Input!$K$14=4,K5531*Input!$J$14,0)+IF(Input!$K$15=4,L5531*Input!$J$15,0)+IF(Input!$K$16=4,M5531*Input!$J$16,0)</f>
        <v>0</v>
      </c>
    </row>
    <row r="5532" spans="8:17" x14ac:dyDescent="0.25">
      <c r="H5532" s="43">
        <v>5525</v>
      </c>
      <c r="I5532" s="55">
        <f>Bühler!I5558</f>
        <v>0</v>
      </c>
      <c r="J5532" s="58">
        <f>Bühler!J5558</f>
        <v>3.4825410598266537</v>
      </c>
      <c r="K5532" s="58">
        <f>Bühler!K5558</f>
        <v>0.21361231241222908</v>
      </c>
      <c r="L5532" s="58">
        <f>Bühler!L5558</f>
        <v>0.10680615620611454</v>
      </c>
      <c r="M5532" s="57">
        <f>Bühler!M5558</f>
        <v>0</v>
      </c>
      <c r="N5532" s="55">
        <f>IF(Input!$K$13=1,J5532*Input!$J$13,0)+IF(Input!$K$14=1,K5532*Input!$J$14,0)+IF(Input!$K$15=1,L5532*Input!$J$15,0)+IF(Input!$K$16=1,M5532*Input!$J$16,0)</f>
        <v>0.41790492717919842</v>
      </c>
      <c r="O5532" s="58">
        <f>IF(Input!$K$13=2,J5532*Input!$J$13,0)+IF(Input!$K$14=2,K5532*Input!$J$14,0)+IF(Input!$K$15=2,L5532*Input!$J$15,0)+IF(Input!$K$16=2,M5532*Input!$J$16,0)</f>
        <v>2.8837662175650924E-2</v>
      </c>
      <c r="P5532" s="58">
        <f>IF(Input!$K$13=3,J5532*Input!$J$13,0)+IF(Input!$K$14=3,K5532*Input!$J$14,0)+IF(Input!$K$15=3,L5532*Input!$J$15,0)+IF(Input!$K$16=3,M5532*Input!$J$16,0)</f>
        <v>0</v>
      </c>
      <c r="Q5532" s="71">
        <f>IF(Input!$K$13=4,J5532*Input!$J$13,0)+IF(Input!$K$14=4,K5532*Input!$J$14,0)+IF(Input!$K$15=4,L5532*Input!$J$15,0)+IF(Input!$K$16=4,M5532*Input!$J$16,0)</f>
        <v>0</v>
      </c>
    </row>
    <row r="5533" spans="8:17" x14ac:dyDescent="0.25">
      <c r="H5533" s="43">
        <v>5526</v>
      </c>
      <c r="I5533" s="55">
        <f>Bühler!I5559</f>
        <v>0</v>
      </c>
      <c r="J5533" s="58">
        <f>Bühler!J5559</f>
        <v>3.4825410598266537</v>
      </c>
      <c r="K5533" s="58">
        <f>Bühler!K5559</f>
        <v>0.21361231241222908</v>
      </c>
      <c r="L5533" s="58">
        <f>Bühler!L5559</f>
        <v>0.10680615620611454</v>
      </c>
      <c r="M5533" s="57">
        <f>Bühler!M5559</f>
        <v>0</v>
      </c>
      <c r="N5533" s="55">
        <f>IF(Input!$K$13=1,J5533*Input!$J$13,0)+IF(Input!$K$14=1,K5533*Input!$J$14,0)+IF(Input!$K$15=1,L5533*Input!$J$15,0)+IF(Input!$K$16=1,M5533*Input!$J$16,0)</f>
        <v>0.41790492717919842</v>
      </c>
      <c r="O5533" s="58">
        <f>IF(Input!$K$13=2,J5533*Input!$J$13,0)+IF(Input!$K$14=2,K5533*Input!$J$14,0)+IF(Input!$K$15=2,L5533*Input!$J$15,0)+IF(Input!$K$16=2,M5533*Input!$J$16,0)</f>
        <v>2.8837662175650924E-2</v>
      </c>
      <c r="P5533" s="58">
        <f>IF(Input!$K$13=3,J5533*Input!$J$13,0)+IF(Input!$K$14=3,K5533*Input!$J$14,0)+IF(Input!$K$15=3,L5533*Input!$J$15,0)+IF(Input!$K$16=3,M5533*Input!$J$16,0)</f>
        <v>0</v>
      </c>
      <c r="Q5533" s="71">
        <f>IF(Input!$K$13=4,J5533*Input!$J$13,0)+IF(Input!$K$14=4,K5533*Input!$J$14,0)+IF(Input!$K$15=4,L5533*Input!$J$15,0)+IF(Input!$K$16=4,M5533*Input!$J$16,0)</f>
        <v>0</v>
      </c>
    </row>
    <row r="5534" spans="8:17" x14ac:dyDescent="0.25">
      <c r="H5534" s="43">
        <v>5527</v>
      </c>
      <c r="I5534" s="55">
        <f>Bühler!I5560</f>
        <v>0</v>
      </c>
      <c r="J5534" s="58">
        <f>Bühler!J5560</f>
        <v>3.4825410598266537</v>
      </c>
      <c r="K5534" s="58">
        <f>Bühler!K5560</f>
        <v>0.21361231241222908</v>
      </c>
      <c r="L5534" s="58">
        <f>Bühler!L5560</f>
        <v>0.10680615620611454</v>
      </c>
      <c r="M5534" s="57">
        <f>Bühler!M5560</f>
        <v>0</v>
      </c>
      <c r="N5534" s="55">
        <f>IF(Input!$K$13=1,J5534*Input!$J$13,0)+IF(Input!$K$14=1,K5534*Input!$J$14,0)+IF(Input!$K$15=1,L5534*Input!$J$15,0)+IF(Input!$K$16=1,M5534*Input!$J$16,0)</f>
        <v>0.41790492717919842</v>
      </c>
      <c r="O5534" s="58">
        <f>IF(Input!$K$13=2,J5534*Input!$J$13,0)+IF(Input!$K$14=2,K5534*Input!$J$14,0)+IF(Input!$K$15=2,L5534*Input!$J$15,0)+IF(Input!$K$16=2,M5534*Input!$J$16,0)</f>
        <v>2.8837662175650924E-2</v>
      </c>
      <c r="P5534" s="58">
        <f>IF(Input!$K$13=3,J5534*Input!$J$13,0)+IF(Input!$K$14=3,K5534*Input!$J$14,0)+IF(Input!$K$15=3,L5534*Input!$J$15,0)+IF(Input!$K$16=3,M5534*Input!$J$16,0)</f>
        <v>0</v>
      </c>
      <c r="Q5534" s="71">
        <f>IF(Input!$K$13=4,J5534*Input!$J$13,0)+IF(Input!$K$14=4,K5534*Input!$J$14,0)+IF(Input!$K$15=4,L5534*Input!$J$15,0)+IF(Input!$K$16=4,M5534*Input!$J$16,0)</f>
        <v>0</v>
      </c>
    </row>
    <row r="5535" spans="8:17" x14ac:dyDescent="0.25">
      <c r="H5535" s="43">
        <v>5528</v>
      </c>
      <c r="I5535" s="55">
        <f>Bühler!I5561</f>
        <v>0</v>
      </c>
      <c r="J5535" s="58">
        <f>Bühler!J5561</f>
        <v>3.4825410598266537</v>
      </c>
      <c r="K5535" s="58">
        <f>Bühler!K5561</f>
        <v>0.21361231241222908</v>
      </c>
      <c r="L5535" s="58">
        <f>Bühler!L5561</f>
        <v>0.10680615620611454</v>
      </c>
      <c r="M5535" s="57">
        <f>Bühler!M5561</f>
        <v>0</v>
      </c>
      <c r="N5535" s="55">
        <f>IF(Input!$K$13=1,J5535*Input!$J$13,0)+IF(Input!$K$14=1,K5535*Input!$J$14,0)+IF(Input!$K$15=1,L5535*Input!$J$15,0)+IF(Input!$K$16=1,M5535*Input!$J$16,0)</f>
        <v>0.41790492717919842</v>
      </c>
      <c r="O5535" s="58">
        <f>IF(Input!$K$13=2,J5535*Input!$J$13,0)+IF(Input!$K$14=2,K5535*Input!$J$14,0)+IF(Input!$K$15=2,L5535*Input!$J$15,0)+IF(Input!$K$16=2,M5535*Input!$J$16,0)</f>
        <v>2.8837662175650924E-2</v>
      </c>
      <c r="P5535" s="58">
        <f>IF(Input!$K$13=3,J5535*Input!$J$13,0)+IF(Input!$K$14=3,K5535*Input!$J$14,0)+IF(Input!$K$15=3,L5535*Input!$J$15,0)+IF(Input!$K$16=3,M5535*Input!$J$16,0)</f>
        <v>0</v>
      </c>
      <c r="Q5535" s="71">
        <f>IF(Input!$K$13=4,J5535*Input!$J$13,0)+IF(Input!$K$14=4,K5535*Input!$J$14,0)+IF(Input!$K$15=4,L5535*Input!$J$15,0)+IF(Input!$K$16=4,M5535*Input!$J$16,0)</f>
        <v>0</v>
      </c>
    </row>
    <row r="5536" spans="8:17" x14ac:dyDescent="0.25">
      <c r="H5536" s="43">
        <v>5529</v>
      </c>
      <c r="I5536" s="55">
        <f>Bühler!I5562</f>
        <v>0</v>
      </c>
      <c r="J5536" s="58">
        <f>Bühler!J5562</f>
        <v>3.4825410598266537</v>
      </c>
      <c r="K5536" s="58">
        <f>Bühler!K5562</f>
        <v>0.21361231241222908</v>
      </c>
      <c r="L5536" s="58">
        <f>Bühler!L5562</f>
        <v>0.10680615620611454</v>
      </c>
      <c r="M5536" s="57">
        <f>Bühler!M5562</f>
        <v>0</v>
      </c>
      <c r="N5536" s="55">
        <f>IF(Input!$K$13=1,J5536*Input!$J$13,0)+IF(Input!$K$14=1,K5536*Input!$J$14,0)+IF(Input!$K$15=1,L5536*Input!$J$15,0)+IF(Input!$K$16=1,M5536*Input!$J$16,0)</f>
        <v>0.41790492717919842</v>
      </c>
      <c r="O5536" s="58">
        <f>IF(Input!$K$13=2,J5536*Input!$J$13,0)+IF(Input!$K$14=2,K5536*Input!$J$14,0)+IF(Input!$K$15=2,L5536*Input!$J$15,0)+IF(Input!$K$16=2,M5536*Input!$J$16,0)</f>
        <v>2.8837662175650924E-2</v>
      </c>
      <c r="P5536" s="58">
        <f>IF(Input!$K$13=3,J5536*Input!$J$13,0)+IF(Input!$K$14=3,K5536*Input!$J$14,0)+IF(Input!$K$15=3,L5536*Input!$J$15,0)+IF(Input!$K$16=3,M5536*Input!$J$16,0)</f>
        <v>0</v>
      </c>
      <c r="Q5536" s="71">
        <f>IF(Input!$K$13=4,J5536*Input!$J$13,0)+IF(Input!$K$14=4,K5536*Input!$J$14,0)+IF(Input!$K$15=4,L5536*Input!$J$15,0)+IF(Input!$K$16=4,M5536*Input!$J$16,0)</f>
        <v>0</v>
      </c>
    </row>
    <row r="5537" spans="8:17" x14ac:dyDescent="0.25">
      <c r="H5537" s="43">
        <v>5530</v>
      </c>
      <c r="I5537" s="55">
        <f>Bühler!I5563</f>
        <v>0</v>
      </c>
      <c r="J5537" s="58">
        <f>Bühler!J5563</f>
        <v>3.4825410598266537</v>
      </c>
      <c r="K5537" s="58">
        <f>Bühler!K5563</f>
        <v>0.21361231241222908</v>
      </c>
      <c r="L5537" s="58">
        <f>Bühler!L5563</f>
        <v>0.10680615620611454</v>
      </c>
      <c r="M5537" s="57">
        <f>Bühler!M5563</f>
        <v>0</v>
      </c>
      <c r="N5537" s="55">
        <f>IF(Input!$K$13=1,J5537*Input!$J$13,0)+IF(Input!$K$14=1,K5537*Input!$J$14,0)+IF(Input!$K$15=1,L5537*Input!$J$15,0)+IF(Input!$K$16=1,M5537*Input!$J$16,0)</f>
        <v>0.41790492717919842</v>
      </c>
      <c r="O5537" s="58">
        <f>IF(Input!$K$13=2,J5537*Input!$J$13,0)+IF(Input!$K$14=2,K5537*Input!$J$14,0)+IF(Input!$K$15=2,L5537*Input!$J$15,0)+IF(Input!$K$16=2,M5537*Input!$J$16,0)</f>
        <v>2.8837662175650924E-2</v>
      </c>
      <c r="P5537" s="58">
        <f>IF(Input!$K$13=3,J5537*Input!$J$13,0)+IF(Input!$K$14=3,K5537*Input!$J$14,0)+IF(Input!$K$15=3,L5537*Input!$J$15,0)+IF(Input!$K$16=3,M5537*Input!$J$16,0)</f>
        <v>0</v>
      </c>
      <c r="Q5537" s="71">
        <f>IF(Input!$K$13=4,J5537*Input!$J$13,0)+IF(Input!$K$14=4,K5537*Input!$J$14,0)+IF(Input!$K$15=4,L5537*Input!$J$15,0)+IF(Input!$K$16=4,M5537*Input!$J$16,0)</f>
        <v>0</v>
      </c>
    </row>
    <row r="5538" spans="8:17" x14ac:dyDescent="0.25">
      <c r="H5538" s="43">
        <v>5531</v>
      </c>
      <c r="I5538" s="55">
        <f>Bühler!I5564</f>
        <v>0</v>
      </c>
      <c r="J5538" s="58">
        <f>Bühler!J5564</f>
        <v>3.4825410598266537</v>
      </c>
      <c r="K5538" s="58">
        <f>Bühler!K5564</f>
        <v>0.21361231241222908</v>
      </c>
      <c r="L5538" s="58">
        <f>Bühler!L5564</f>
        <v>0.10680615620611454</v>
      </c>
      <c r="M5538" s="57">
        <f>Bühler!M5564</f>
        <v>0</v>
      </c>
      <c r="N5538" s="55">
        <f>IF(Input!$K$13=1,J5538*Input!$J$13,0)+IF(Input!$K$14=1,K5538*Input!$J$14,0)+IF(Input!$K$15=1,L5538*Input!$J$15,0)+IF(Input!$K$16=1,M5538*Input!$J$16,0)</f>
        <v>0.41790492717919842</v>
      </c>
      <c r="O5538" s="58">
        <f>IF(Input!$K$13=2,J5538*Input!$J$13,0)+IF(Input!$K$14=2,K5538*Input!$J$14,0)+IF(Input!$K$15=2,L5538*Input!$J$15,0)+IF(Input!$K$16=2,M5538*Input!$J$16,0)</f>
        <v>2.8837662175650924E-2</v>
      </c>
      <c r="P5538" s="58">
        <f>IF(Input!$K$13=3,J5538*Input!$J$13,0)+IF(Input!$K$14=3,K5538*Input!$J$14,0)+IF(Input!$K$15=3,L5538*Input!$J$15,0)+IF(Input!$K$16=3,M5538*Input!$J$16,0)</f>
        <v>0</v>
      </c>
      <c r="Q5538" s="71">
        <f>IF(Input!$K$13=4,J5538*Input!$J$13,0)+IF(Input!$K$14=4,K5538*Input!$J$14,0)+IF(Input!$K$15=4,L5538*Input!$J$15,0)+IF(Input!$K$16=4,M5538*Input!$J$16,0)</f>
        <v>0</v>
      </c>
    </row>
    <row r="5539" spans="8:17" x14ac:dyDescent="0.25">
      <c r="H5539" s="43">
        <v>5532</v>
      </c>
      <c r="I5539" s="55">
        <f>Bühler!I5565</f>
        <v>0</v>
      </c>
      <c r="J5539" s="58">
        <f>Bühler!J5565</f>
        <v>3.4825410598266537</v>
      </c>
      <c r="K5539" s="58">
        <f>Bühler!K5565</f>
        <v>0.21361231241222908</v>
      </c>
      <c r="L5539" s="58">
        <f>Bühler!L5565</f>
        <v>0.10680615620611454</v>
      </c>
      <c r="M5539" s="57">
        <f>Bühler!M5565</f>
        <v>0</v>
      </c>
      <c r="N5539" s="55">
        <f>IF(Input!$K$13=1,J5539*Input!$J$13,0)+IF(Input!$K$14=1,K5539*Input!$J$14,0)+IF(Input!$K$15=1,L5539*Input!$J$15,0)+IF(Input!$K$16=1,M5539*Input!$J$16,0)</f>
        <v>0.41790492717919842</v>
      </c>
      <c r="O5539" s="58">
        <f>IF(Input!$K$13=2,J5539*Input!$J$13,0)+IF(Input!$K$14=2,K5539*Input!$J$14,0)+IF(Input!$K$15=2,L5539*Input!$J$15,0)+IF(Input!$K$16=2,M5539*Input!$J$16,0)</f>
        <v>2.8837662175650924E-2</v>
      </c>
      <c r="P5539" s="58">
        <f>IF(Input!$K$13=3,J5539*Input!$J$13,0)+IF(Input!$K$14=3,K5539*Input!$J$14,0)+IF(Input!$K$15=3,L5539*Input!$J$15,0)+IF(Input!$K$16=3,M5539*Input!$J$16,0)</f>
        <v>0</v>
      </c>
      <c r="Q5539" s="71">
        <f>IF(Input!$K$13=4,J5539*Input!$J$13,0)+IF(Input!$K$14=4,K5539*Input!$J$14,0)+IF(Input!$K$15=4,L5539*Input!$J$15,0)+IF(Input!$K$16=4,M5539*Input!$J$16,0)</f>
        <v>0</v>
      </c>
    </row>
    <row r="5540" spans="8:17" x14ac:dyDescent="0.25">
      <c r="H5540" s="43">
        <v>5533</v>
      </c>
      <c r="I5540" s="55">
        <f>Bühler!I5566</f>
        <v>0</v>
      </c>
      <c r="J5540" s="58">
        <f>Bühler!J5566</f>
        <v>3.4825410598266537</v>
      </c>
      <c r="K5540" s="58">
        <f>Bühler!K5566</f>
        <v>0.21361231241222908</v>
      </c>
      <c r="L5540" s="58">
        <f>Bühler!L5566</f>
        <v>0.10680615620611454</v>
      </c>
      <c r="M5540" s="57">
        <f>Bühler!M5566</f>
        <v>0</v>
      </c>
      <c r="N5540" s="55">
        <f>IF(Input!$K$13=1,J5540*Input!$J$13,0)+IF(Input!$K$14=1,K5540*Input!$J$14,0)+IF(Input!$K$15=1,L5540*Input!$J$15,0)+IF(Input!$K$16=1,M5540*Input!$J$16,0)</f>
        <v>0.41790492717919842</v>
      </c>
      <c r="O5540" s="58">
        <f>IF(Input!$K$13=2,J5540*Input!$J$13,0)+IF(Input!$K$14=2,K5540*Input!$J$14,0)+IF(Input!$K$15=2,L5540*Input!$J$15,0)+IF(Input!$K$16=2,M5540*Input!$J$16,0)</f>
        <v>2.8837662175650924E-2</v>
      </c>
      <c r="P5540" s="58">
        <f>IF(Input!$K$13=3,J5540*Input!$J$13,0)+IF(Input!$K$14=3,K5540*Input!$J$14,0)+IF(Input!$K$15=3,L5540*Input!$J$15,0)+IF(Input!$K$16=3,M5540*Input!$J$16,0)</f>
        <v>0</v>
      </c>
      <c r="Q5540" s="71">
        <f>IF(Input!$K$13=4,J5540*Input!$J$13,0)+IF(Input!$K$14=4,K5540*Input!$J$14,0)+IF(Input!$K$15=4,L5540*Input!$J$15,0)+IF(Input!$K$16=4,M5540*Input!$J$16,0)</f>
        <v>0</v>
      </c>
    </row>
    <row r="5541" spans="8:17" x14ac:dyDescent="0.25">
      <c r="H5541" s="43">
        <v>5534</v>
      </c>
      <c r="I5541" s="55">
        <f>Bühler!I5567</f>
        <v>0</v>
      </c>
      <c r="J5541" s="58">
        <f>Bühler!J5567</f>
        <v>3.4825410598266537</v>
      </c>
      <c r="K5541" s="58">
        <f>Bühler!K5567</f>
        <v>0.21361231241222908</v>
      </c>
      <c r="L5541" s="58">
        <f>Bühler!L5567</f>
        <v>0.10680615620611454</v>
      </c>
      <c r="M5541" s="57">
        <f>Bühler!M5567</f>
        <v>0</v>
      </c>
      <c r="N5541" s="55">
        <f>IF(Input!$K$13=1,J5541*Input!$J$13,0)+IF(Input!$K$14=1,K5541*Input!$J$14,0)+IF(Input!$K$15=1,L5541*Input!$J$15,0)+IF(Input!$K$16=1,M5541*Input!$J$16,0)</f>
        <v>0.41790492717919842</v>
      </c>
      <c r="O5541" s="58">
        <f>IF(Input!$K$13=2,J5541*Input!$J$13,0)+IF(Input!$K$14=2,K5541*Input!$J$14,0)+IF(Input!$K$15=2,L5541*Input!$J$15,0)+IF(Input!$K$16=2,M5541*Input!$J$16,0)</f>
        <v>2.8837662175650924E-2</v>
      </c>
      <c r="P5541" s="58">
        <f>IF(Input!$K$13=3,J5541*Input!$J$13,0)+IF(Input!$K$14=3,K5541*Input!$J$14,0)+IF(Input!$K$15=3,L5541*Input!$J$15,0)+IF(Input!$K$16=3,M5541*Input!$J$16,0)</f>
        <v>0</v>
      </c>
      <c r="Q5541" s="71">
        <f>IF(Input!$K$13=4,J5541*Input!$J$13,0)+IF(Input!$K$14=4,K5541*Input!$J$14,0)+IF(Input!$K$15=4,L5541*Input!$J$15,0)+IF(Input!$K$16=4,M5541*Input!$J$16,0)</f>
        <v>0</v>
      </c>
    </row>
    <row r="5542" spans="8:17" x14ac:dyDescent="0.25">
      <c r="H5542" s="43">
        <v>5535</v>
      </c>
      <c r="I5542" s="55">
        <f>Bühler!I5568</f>
        <v>0</v>
      </c>
      <c r="J5542" s="58">
        <f>Bühler!J5568</f>
        <v>3.4825410598266537</v>
      </c>
      <c r="K5542" s="58">
        <f>Bühler!K5568</f>
        <v>0.21361231241222908</v>
      </c>
      <c r="L5542" s="58">
        <f>Bühler!L5568</f>
        <v>0.10680615620611454</v>
      </c>
      <c r="M5542" s="57">
        <f>Bühler!M5568</f>
        <v>0</v>
      </c>
      <c r="N5542" s="55">
        <f>IF(Input!$K$13=1,J5542*Input!$J$13,0)+IF(Input!$K$14=1,K5542*Input!$J$14,0)+IF(Input!$K$15=1,L5542*Input!$J$15,0)+IF(Input!$K$16=1,M5542*Input!$J$16,0)</f>
        <v>0.41790492717919842</v>
      </c>
      <c r="O5542" s="58">
        <f>IF(Input!$K$13=2,J5542*Input!$J$13,0)+IF(Input!$K$14=2,K5542*Input!$J$14,0)+IF(Input!$K$15=2,L5542*Input!$J$15,0)+IF(Input!$K$16=2,M5542*Input!$J$16,0)</f>
        <v>2.8837662175650924E-2</v>
      </c>
      <c r="P5542" s="58">
        <f>IF(Input!$K$13=3,J5542*Input!$J$13,0)+IF(Input!$K$14=3,K5542*Input!$J$14,0)+IF(Input!$K$15=3,L5542*Input!$J$15,0)+IF(Input!$K$16=3,M5542*Input!$J$16,0)</f>
        <v>0</v>
      </c>
      <c r="Q5542" s="71">
        <f>IF(Input!$K$13=4,J5542*Input!$J$13,0)+IF(Input!$K$14=4,K5542*Input!$J$14,0)+IF(Input!$K$15=4,L5542*Input!$J$15,0)+IF(Input!$K$16=4,M5542*Input!$J$16,0)</f>
        <v>0</v>
      </c>
    </row>
    <row r="5543" spans="8:17" x14ac:dyDescent="0.25">
      <c r="H5543" s="43">
        <v>5536</v>
      </c>
      <c r="I5543" s="55">
        <f>Bühler!I5569</f>
        <v>0</v>
      </c>
      <c r="J5543" s="58">
        <f>Bühler!J5569</f>
        <v>3.4825410598266537</v>
      </c>
      <c r="K5543" s="58">
        <f>Bühler!K5569</f>
        <v>0.21361231241222908</v>
      </c>
      <c r="L5543" s="58">
        <f>Bühler!L5569</f>
        <v>0.10680615620611454</v>
      </c>
      <c r="M5543" s="57">
        <f>Bühler!M5569</f>
        <v>0</v>
      </c>
      <c r="N5543" s="55">
        <f>IF(Input!$K$13=1,J5543*Input!$J$13,0)+IF(Input!$K$14=1,K5543*Input!$J$14,0)+IF(Input!$K$15=1,L5543*Input!$J$15,0)+IF(Input!$K$16=1,M5543*Input!$J$16,0)</f>
        <v>0.41790492717919842</v>
      </c>
      <c r="O5543" s="58">
        <f>IF(Input!$K$13=2,J5543*Input!$J$13,0)+IF(Input!$K$14=2,K5543*Input!$J$14,0)+IF(Input!$K$15=2,L5543*Input!$J$15,0)+IF(Input!$K$16=2,M5543*Input!$J$16,0)</f>
        <v>2.8837662175650924E-2</v>
      </c>
      <c r="P5543" s="58">
        <f>IF(Input!$K$13=3,J5543*Input!$J$13,0)+IF(Input!$K$14=3,K5543*Input!$J$14,0)+IF(Input!$K$15=3,L5543*Input!$J$15,0)+IF(Input!$K$16=3,M5543*Input!$J$16,0)</f>
        <v>0</v>
      </c>
      <c r="Q5543" s="71">
        <f>IF(Input!$K$13=4,J5543*Input!$J$13,0)+IF(Input!$K$14=4,K5543*Input!$J$14,0)+IF(Input!$K$15=4,L5543*Input!$J$15,0)+IF(Input!$K$16=4,M5543*Input!$J$16,0)</f>
        <v>0</v>
      </c>
    </row>
    <row r="5544" spans="8:17" x14ac:dyDescent="0.25">
      <c r="H5544" s="43">
        <v>5537</v>
      </c>
      <c r="I5544" s="55">
        <f>Bühler!I5570</f>
        <v>0</v>
      </c>
      <c r="J5544" s="58">
        <f>Bühler!J5570</f>
        <v>3.4825410598266537</v>
      </c>
      <c r="K5544" s="58">
        <f>Bühler!K5570</f>
        <v>0.21361231241222908</v>
      </c>
      <c r="L5544" s="58">
        <f>Bühler!L5570</f>
        <v>0.10680615620611454</v>
      </c>
      <c r="M5544" s="57">
        <f>Bühler!M5570</f>
        <v>0</v>
      </c>
      <c r="N5544" s="55">
        <f>IF(Input!$K$13=1,J5544*Input!$J$13,0)+IF(Input!$K$14=1,K5544*Input!$J$14,0)+IF(Input!$K$15=1,L5544*Input!$J$15,0)+IF(Input!$K$16=1,M5544*Input!$J$16,0)</f>
        <v>0.41790492717919842</v>
      </c>
      <c r="O5544" s="58">
        <f>IF(Input!$K$13=2,J5544*Input!$J$13,0)+IF(Input!$K$14=2,K5544*Input!$J$14,0)+IF(Input!$K$15=2,L5544*Input!$J$15,0)+IF(Input!$K$16=2,M5544*Input!$J$16,0)</f>
        <v>2.8837662175650924E-2</v>
      </c>
      <c r="P5544" s="58">
        <f>IF(Input!$K$13=3,J5544*Input!$J$13,0)+IF(Input!$K$14=3,K5544*Input!$J$14,0)+IF(Input!$K$15=3,L5544*Input!$J$15,0)+IF(Input!$K$16=3,M5544*Input!$J$16,0)</f>
        <v>0</v>
      </c>
      <c r="Q5544" s="71">
        <f>IF(Input!$K$13=4,J5544*Input!$J$13,0)+IF(Input!$K$14=4,K5544*Input!$J$14,0)+IF(Input!$K$15=4,L5544*Input!$J$15,0)+IF(Input!$K$16=4,M5544*Input!$J$16,0)</f>
        <v>0</v>
      </c>
    </row>
    <row r="5545" spans="8:17" x14ac:dyDescent="0.25">
      <c r="H5545" s="43">
        <v>5538</v>
      </c>
      <c r="I5545" s="55">
        <f>Bühler!I5571</f>
        <v>0</v>
      </c>
      <c r="J5545" s="58">
        <f>Bühler!J5571</f>
        <v>3.4825410598266537</v>
      </c>
      <c r="K5545" s="58">
        <f>Bühler!K5571</f>
        <v>0.21361231241222908</v>
      </c>
      <c r="L5545" s="58">
        <f>Bühler!L5571</f>
        <v>0.10680615620611454</v>
      </c>
      <c r="M5545" s="57">
        <f>Bühler!M5571</f>
        <v>0</v>
      </c>
      <c r="N5545" s="55">
        <f>IF(Input!$K$13=1,J5545*Input!$J$13,0)+IF(Input!$K$14=1,K5545*Input!$J$14,0)+IF(Input!$K$15=1,L5545*Input!$J$15,0)+IF(Input!$K$16=1,M5545*Input!$J$16,0)</f>
        <v>0.41790492717919842</v>
      </c>
      <c r="O5545" s="58">
        <f>IF(Input!$K$13=2,J5545*Input!$J$13,0)+IF(Input!$K$14=2,K5545*Input!$J$14,0)+IF(Input!$K$15=2,L5545*Input!$J$15,0)+IF(Input!$K$16=2,M5545*Input!$J$16,0)</f>
        <v>2.8837662175650924E-2</v>
      </c>
      <c r="P5545" s="58">
        <f>IF(Input!$K$13=3,J5545*Input!$J$13,0)+IF(Input!$K$14=3,K5545*Input!$J$14,0)+IF(Input!$K$15=3,L5545*Input!$J$15,0)+IF(Input!$K$16=3,M5545*Input!$J$16,0)</f>
        <v>0</v>
      </c>
      <c r="Q5545" s="71">
        <f>IF(Input!$K$13=4,J5545*Input!$J$13,0)+IF(Input!$K$14=4,K5545*Input!$J$14,0)+IF(Input!$K$15=4,L5545*Input!$J$15,0)+IF(Input!$K$16=4,M5545*Input!$J$16,0)</f>
        <v>0</v>
      </c>
    </row>
    <row r="5546" spans="8:17" x14ac:dyDescent="0.25">
      <c r="H5546" s="43">
        <v>5539</v>
      </c>
      <c r="I5546" s="55">
        <f>Bühler!I5572</f>
        <v>0</v>
      </c>
      <c r="J5546" s="58">
        <f>Bühler!J5572</f>
        <v>3.4825410598266537</v>
      </c>
      <c r="K5546" s="58">
        <f>Bühler!K5572</f>
        <v>0.21361231241222908</v>
      </c>
      <c r="L5546" s="58">
        <f>Bühler!L5572</f>
        <v>0.10680615620611454</v>
      </c>
      <c r="M5546" s="57">
        <f>Bühler!M5572</f>
        <v>0</v>
      </c>
      <c r="N5546" s="55">
        <f>IF(Input!$K$13=1,J5546*Input!$J$13,0)+IF(Input!$K$14=1,K5546*Input!$J$14,0)+IF(Input!$K$15=1,L5546*Input!$J$15,0)+IF(Input!$K$16=1,M5546*Input!$J$16,0)</f>
        <v>0.41790492717919842</v>
      </c>
      <c r="O5546" s="58">
        <f>IF(Input!$K$13=2,J5546*Input!$J$13,0)+IF(Input!$K$14=2,K5546*Input!$J$14,0)+IF(Input!$K$15=2,L5546*Input!$J$15,0)+IF(Input!$K$16=2,M5546*Input!$J$16,0)</f>
        <v>2.8837662175650924E-2</v>
      </c>
      <c r="P5546" s="58">
        <f>IF(Input!$K$13=3,J5546*Input!$J$13,0)+IF(Input!$K$14=3,K5546*Input!$J$14,0)+IF(Input!$K$15=3,L5546*Input!$J$15,0)+IF(Input!$K$16=3,M5546*Input!$J$16,0)</f>
        <v>0</v>
      </c>
      <c r="Q5546" s="71">
        <f>IF(Input!$K$13=4,J5546*Input!$J$13,0)+IF(Input!$K$14=4,K5546*Input!$J$14,0)+IF(Input!$K$15=4,L5546*Input!$J$15,0)+IF(Input!$K$16=4,M5546*Input!$J$16,0)</f>
        <v>0</v>
      </c>
    </row>
    <row r="5547" spans="8:17" x14ac:dyDescent="0.25">
      <c r="H5547" s="43">
        <v>5540</v>
      </c>
      <c r="I5547" s="55">
        <f>Bühler!I5573</f>
        <v>0</v>
      </c>
      <c r="J5547" s="58">
        <f>Bühler!J5573</f>
        <v>3.4825410598266537</v>
      </c>
      <c r="K5547" s="58">
        <f>Bühler!K5573</f>
        <v>0.21361231241222908</v>
      </c>
      <c r="L5547" s="58">
        <f>Bühler!L5573</f>
        <v>0.10680615620611454</v>
      </c>
      <c r="M5547" s="57">
        <f>Bühler!M5573</f>
        <v>0</v>
      </c>
      <c r="N5547" s="55">
        <f>IF(Input!$K$13=1,J5547*Input!$J$13,0)+IF(Input!$K$14=1,K5547*Input!$J$14,0)+IF(Input!$K$15=1,L5547*Input!$J$15,0)+IF(Input!$K$16=1,M5547*Input!$J$16,0)</f>
        <v>0.41790492717919842</v>
      </c>
      <c r="O5547" s="58">
        <f>IF(Input!$K$13=2,J5547*Input!$J$13,0)+IF(Input!$K$14=2,K5547*Input!$J$14,0)+IF(Input!$K$15=2,L5547*Input!$J$15,0)+IF(Input!$K$16=2,M5547*Input!$J$16,0)</f>
        <v>2.8837662175650924E-2</v>
      </c>
      <c r="P5547" s="58">
        <f>IF(Input!$K$13=3,J5547*Input!$J$13,0)+IF(Input!$K$14=3,K5547*Input!$J$14,0)+IF(Input!$K$15=3,L5547*Input!$J$15,0)+IF(Input!$K$16=3,M5547*Input!$J$16,0)</f>
        <v>0</v>
      </c>
      <c r="Q5547" s="71">
        <f>IF(Input!$K$13=4,J5547*Input!$J$13,0)+IF(Input!$K$14=4,K5547*Input!$J$14,0)+IF(Input!$K$15=4,L5547*Input!$J$15,0)+IF(Input!$K$16=4,M5547*Input!$J$16,0)</f>
        <v>0</v>
      </c>
    </row>
    <row r="5548" spans="8:17" x14ac:dyDescent="0.25">
      <c r="H5548" s="43">
        <v>5541</v>
      </c>
      <c r="I5548" s="55">
        <f>Bühler!I5574</f>
        <v>0</v>
      </c>
      <c r="J5548" s="58">
        <f>Bühler!J5574</f>
        <v>3.4825410598266537</v>
      </c>
      <c r="K5548" s="58">
        <f>Bühler!K5574</f>
        <v>0.21361231241222908</v>
      </c>
      <c r="L5548" s="58">
        <f>Bühler!L5574</f>
        <v>0.10680615620611454</v>
      </c>
      <c r="M5548" s="57">
        <f>Bühler!M5574</f>
        <v>0</v>
      </c>
      <c r="N5548" s="55">
        <f>IF(Input!$K$13=1,J5548*Input!$J$13,0)+IF(Input!$K$14=1,K5548*Input!$J$14,0)+IF(Input!$K$15=1,L5548*Input!$J$15,0)+IF(Input!$K$16=1,M5548*Input!$J$16,0)</f>
        <v>0.41790492717919842</v>
      </c>
      <c r="O5548" s="58">
        <f>IF(Input!$K$13=2,J5548*Input!$J$13,0)+IF(Input!$K$14=2,K5548*Input!$J$14,0)+IF(Input!$K$15=2,L5548*Input!$J$15,0)+IF(Input!$K$16=2,M5548*Input!$J$16,0)</f>
        <v>2.8837662175650924E-2</v>
      </c>
      <c r="P5548" s="58">
        <f>IF(Input!$K$13=3,J5548*Input!$J$13,0)+IF(Input!$K$14=3,K5548*Input!$J$14,0)+IF(Input!$K$15=3,L5548*Input!$J$15,0)+IF(Input!$K$16=3,M5548*Input!$J$16,0)</f>
        <v>0</v>
      </c>
      <c r="Q5548" s="71">
        <f>IF(Input!$K$13=4,J5548*Input!$J$13,0)+IF(Input!$K$14=4,K5548*Input!$J$14,0)+IF(Input!$K$15=4,L5548*Input!$J$15,0)+IF(Input!$K$16=4,M5548*Input!$J$16,0)</f>
        <v>0</v>
      </c>
    </row>
    <row r="5549" spans="8:17" x14ac:dyDescent="0.25">
      <c r="H5549" s="43">
        <v>5542</v>
      </c>
      <c r="I5549" s="55">
        <f>Bühler!I5575</f>
        <v>0</v>
      </c>
      <c r="J5549" s="58">
        <f>Bühler!J5575</f>
        <v>3.4825410598266537</v>
      </c>
      <c r="K5549" s="58">
        <f>Bühler!K5575</f>
        <v>0.21361231241222908</v>
      </c>
      <c r="L5549" s="58">
        <f>Bühler!L5575</f>
        <v>0.10680615620611454</v>
      </c>
      <c r="M5549" s="57">
        <f>Bühler!M5575</f>
        <v>0</v>
      </c>
      <c r="N5549" s="55">
        <f>IF(Input!$K$13=1,J5549*Input!$J$13,0)+IF(Input!$K$14=1,K5549*Input!$J$14,0)+IF(Input!$K$15=1,L5549*Input!$J$15,0)+IF(Input!$K$16=1,M5549*Input!$J$16,0)</f>
        <v>0.41790492717919842</v>
      </c>
      <c r="O5549" s="58">
        <f>IF(Input!$K$13=2,J5549*Input!$J$13,0)+IF(Input!$K$14=2,K5549*Input!$J$14,0)+IF(Input!$K$15=2,L5549*Input!$J$15,0)+IF(Input!$K$16=2,M5549*Input!$J$16,0)</f>
        <v>2.8837662175650924E-2</v>
      </c>
      <c r="P5549" s="58">
        <f>IF(Input!$K$13=3,J5549*Input!$J$13,0)+IF(Input!$K$14=3,K5549*Input!$J$14,0)+IF(Input!$K$15=3,L5549*Input!$J$15,0)+IF(Input!$K$16=3,M5549*Input!$J$16,0)</f>
        <v>0</v>
      </c>
      <c r="Q5549" s="71">
        <f>IF(Input!$K$13=4,J5549*Input!$J$13,0)+IF(Input!$K$14=4,K5549*Input!$J$14,0)+IF(Input!$K$15=4,L5549*Input!$J$15,0)+IF(Input!$K$16=4,M5549*Input!$J$16,0)</f>
        <v>0</v>
      </c>
    </row>
    <row r="5550" spans="8:17" x14ac:dyDescent="0.25">
      <c r="H5550" s="43">
        <v>5543</v>
      </c>
      <c r="I5550" s="55">
        <f>Bühler!I5576</f>
        <v>0</v>
      </c>
      <c r="J5550" s="58">
        <f>Bühler!J5576</f>
        <v>3.4825410598266537</v>
      </c>
      <c r="K5550" s="58">
        <f>Bühler!K5576</f>
        <v>0.21361231241222908</v>
      </c>
      <c r="L5550" s="58">
        <f>Bühler!L5576</f>
        <v>0.10680615620611454</v>
      </c>
      <c r="M5550" s="57">
        <f>Bühler!M5576</f>
        <v>0</v>
      </c>
      <c r="N5550" s="55">
        <f>IF(Input!$K$13=1,J5550*Input!$J$13,0)+IF(Input!$K$14=1,K5550*Input!$J$14,0)+IF(Input!$K$15=1,L5550*Input!$J$15,0)+IF(Input!$K$16=1,M5550*Input!$J$16,0)</f>
        <v>0.41790492717919842</v>
      </c>
      <c r="O5550" s="58">
        <f>IF(Input!$K$13=2,J5550*Input!$J$13,0)+IF(Input!$K$14=2,K5550*Input!$J$14,0)+IF(Input!$K$15=2,L5550*Input!$J$15,0)+IF(Input!$K$16=2,M5550*Input!$J$16,0)</f>
        <v>2.8837662175650924E-2</v>
      </c>
      <c r="P5550" s="58">
        <f>IF(Input!$K$13=3,J5550*Input!$J$13,0)+IF(Input!$K$14=3,K5550*Input!$J$14,0)+IF(Input!$K$15=3,L5550*Input!$J$15,0)+IF(Input!$K$16=3,M5550*Input!$J$16,0)</f>
        <v>0</v>
      </c>
      <c r="Q5550" s="71">
        <f>IF(Input!$K$13=4,J5550*Input!$J$13,0)+IF(Input!$K$14=4,K5550*Input!$J$14,0)+IF(Input!$K$15=4,L5550*Input!$J$15,0)+IF(Input!$K$16=4,M5550*Input!$J$16,0)</f>
        <v>0</v>
      </c>
    </row>
    <row r="5551" spans="8:17" x14ac:dyDescent="0.25">
      <c r="H5551" s="43">
        <v>5544</v>
      </c>
      <c r="I5551" s="55">
        <f>Bühler!I5577</f>
        <v>0</v>
      </c>
      <c r="J5551" s="58">
        <f>Bühler!J5577</f>
        <v>3.4825410598266537</v>
      </c>
      <c r="K5551" s="58">
        <f>Bühler!K5577</f>
        <v>0.21361231241222908</v>
      </c>
      <c r="L5551" s="58">
        <f>Bühler!L5577</f>
        <v>0.10680615620611454</v>
      </c>
      <c r="M5551" s="57">
        <f>Bühler!M5577</f>
        <v>0</v>
      </c>
      <c r="N5551" s="55">
        <f>IF(Input!$K$13=1,J5551*Input!$J$13,0)+IF(Input!$K$14=1,K5551*Input!$J$14,0)+IF(Input!$K$15=1,L5551*Input!$J$15,0)+IF(Input!$K$16=1,M5551*Input!$J$16,0)</f>
        <v>0.41790492717919842</v>
      </c>
      <c r="O5551" s="58">
        <f>IF(Input!$K$13=2,J5551*Input!$J$13,0)+IF(Input!$K$14=2,K5551*Input!$J$14,0)+IF(Input!$K$15=2,L5551*Input!$J$15,0)+IF(Input!$K$16=2,M5551*Input!$J$16,0)</f>
        <v>2.8837662175650924E-2</v>
      </c>
      <c r="P5551" s="58">
        <f>IF(Input!$K$13=3,J5551*Input!$J$13,0)+IF(Input!$K$14=3,K5551*Input!$J$14,0)+IF(Input!$K$15=3,L5551*Input!$J$15,0)+IF(Input!$K$16=3,M5551*Input!$J$16,0)</f>
        <v>0</v>
      </c>
      <c r="Q5551" s="71">
        <f>IF(Input!$K$13=4,J5551*Input!$J$13,0)+IF(Input!$K$14=4,K5551*Input!$J$14,0)+IF(Input!$K$15=4,L5551*Input!$J$15,0)+IF(Input!$K$16=4,M5551*Input!$J$16,0)</f>
        <v>0</v>
      </c>
    </row>
    <row r="5552" spans="8:17" x14ac:dyDescent="0.25">
      <c r="H5552" s="43">
        <v>5545</v>
      </c>
      <c r="I5552" s="55">
        <f>Bühler!I5578</f>
        <v>0</v>
      </c>
      <c r="J5552" s="58">
        <f>Bühler!J5578</f>
        <v>3.2436777494467308</v>
      </c>
      <c r="K5552" s="58">
        <f>Bühler!K5578</f>
        <v>0.21326198564395898</v>
      </c>
      <c r="L5552" s="58">
        <f>Bühler!L5578</f>
        <v>0.10663099282197949</v>
      </c>
      <c r="M5552" s="57">
        <f>Bühler!M5578</f>
        <v>0</v>
      </c>
      <c r="N5552" s="55">
        <f>IF(Input!$K$13=1,J5552*Input!$J$13,0)+IF(Input!$K$14=1,K5552*Input!$J$14,0)+IF(Input!$K$15=1,L5552*Input!$J$15,0)+IF(Input!$K$16=1,M5552*Input!$J$16,0)</f>
        <v>0.38924132993360766</v>
      </c>
      <c r="O5552" s="58">
        <f>IF(Input!$K$13=2,J5552*Input!$J$13,0)+IF(Input!$K$14=2,K5552*Input!$J$14,0)+IF(Input!$K$15=2,L5552*Input!$J$15,0)+IF(Input!$K$16=2,M5552*Input!$J$16,0)</f>
        <v>2.8790368061934461E-2</v>
      </c>
      <c r="P5552" s="58">
        <f>IF(Input!$K$13=3,J5552*Input!$J$13,0)+IF(Input!$K$14=3,K5552*Input!$J$14,0)+IF(Input!$K$15=3,L5552*Input!$J$15,0)+IF(Input!$K$16=3,M5552*Input!$J$16,0)</f>
        <v>0</v>
      </c>
      <c r="Q5552" s="71">
        <f>IF(Input!$K$13=4,J5552*Input!$J$13,0)+IF(Input!$K$14=4,K5552*Input!$J$14,0)+IF(Input!$K$15=4,L5552*Input!$J$15,0)+IF(Input!$K$16=4,M5552*Input!$J$16,0)</f>
        <v>0</v>
      </c>
    </row>
    <row r="5553" spans="8:17" x14ac:dyDescent="0.25">
      <c r="H5553" s="43">
        <v>5546</v>
      </c>
      <c r="I5553" s="55">
        <f>Bühler!I5579</f>
        <v>0</v>
      </c>
      <c r="J5553" s="58">
        <f>Bühler!J5579</f>
        <v>3.2436777494467308</v>
      </c>
      <c r="K5553" s="58">
        <f>Bühler!K5579</f>
        <v>0.21326198564395898</v>
      </c>
      <c r="L5553" s="58">
        <f>Bühler!L5579</f>
        <v>0.10663099282197949</v>
      </c>
      <c r="M5553" s="57">
        <f>Bühler!M5579</f>
        <v>0</v>
      </c>
      <c r="N5553" s="55">
        <f>IF(Input!$K$13=1,J5553*Input!$J$13,0)+IF(Input!$K$14=1,K5553*Input!$J$14,0)+IF(Input!$K$15=1,L5553*Input!$J$15,0)+IF(Input!$K$16=1,M5553*Input!$J$16,0)</f>
        <v>0.38924132993360766</v>
      </c>
      <c r="O5553" s="58">
        <f>IF(Input!$K$13=2,J5553*Input!$J$13,0)+IF(Input!$K$14=2,K5553*Input!$J$14,0)+IF(Input!$K$15=2,L5553*Input!$J$15,0)+IF(Input!$K$16=2,M5553*Input!$J$16,0)</f>
        <v>2.8790368061934461E-2</v>
      </c>
      <c r="P5553" s="58">
        <f>IF(Input!$K$13=3,J5553*Input!$J$13,0)+IF(Input!$K$14=3,K5553*Input!$J$14,0)+IF(Input!$K$15=3,L5553*Input!$J$15,0)+IF(Input!$K$16=3,M5553*Input!$J$16,0)</f>
        <v>0</v>
      </c>
      <c r="Q5553" s="71">
        <f>IF(Input!$K$13=4,J5553*Input!$J$13,0)+IF(Input!$K$14=4,K5553*Input!$J$14,0)+IF(Input!$K$15=4,L5553*Input!$J$15,0)+IF(Input!$K$16=4,M5553*Input!$J$16,0)</f>
        <v>0</v>
      </c>
    </row>
    <row r="5554" spans="8:17" x14ac:dyDescent="0.25">
      <c r="H5554" s="43">
        <v>5547</v>
      </c>
      <c r="I5554" s="55">
        <f>Bühler!I5580</f>
        <v>0</v>
      </c>
      <c r="J5554" s="58">
        <f>Bühler!J5580</f>
        <v>3.2436777494467308</v>
      </c>
      <c r="K5554" s="58">
        <f>Bühler!K5580</f>
        <v>0.21326198564395898</v>
      </c>
      <c r="L5554" s="58">
        <f>Bühler!L5580</f>
        <v>0.10663099282197949</v>
      </c>
      <c r="M5554" s="57">
        <f>Bühler!M5580</f>
        <v>0</v>
      </c>
      <c r="N5554" s="55">
        <f>IF(Input!$K$13=1,J5554*Input!$J$13,0)+IF(Input!$K$14=1,K5554*Input!$J$14,0)+IF(Input!$K$15=1,L5554*Input!$J$15,0)+IF(Input!$K$16=1,M5554*Input!$J$16,0)</f>
        <v>0.38924132993360766</v>
      </c>
      <c r="O5554" s="58">
        <f>IF(Input!$K$13=2,J5554*Input!$J$13,0)+IF(Input!$K$14=2,K5554*Input!$J$14,0)+IF(Input!$K$15=2,L5554*Input!$J$15,0)+IF(Input!$K$16=2,M5554*Input!$J$16,0)</f>
        <v>2.8790368061934461E-2</v>
      </c>
      <c r="P5554" s="58">
        <f>IF(Input!$K$13=3,J5554*Input!$J$13,0)+IF(Input!$K$14=3,K5554*Input!$J$14,0)+IF(Input!$K$15=3,L5554*Input!$J$15,0)+IF(Input!$K$16=3,M5554*Input!$J$16,0)</f>
        <v>0</v>
      </c>
      <c r="Q5554" s="71">
        <f>IF(Input!$K$13=4,J5554*Input!$J$13,0)+IF(Input!$K$14=4,K5554*Input!$J$14,0)+IF(Input!$K$15=4,L5554*Input!$J$15,0)+IF(Input!$K$16=4,M5554*Input!$J$16,0)</f>
        <v>0</v>
      </c>
    </row>
    <row r="5555" spans="8:17" x14ac:dyDescent="0.25">
      <c r="H5555" s="43">
        <v>5548</v>
      </c>
      <c r="I5555" s="55">
        <f>Bühler!I5581</f>
        <v>0</v>
      </c>
      <c r="J5555" s="58">
        <f>Bühler!J5581</f>
        <v>3.2436777494467308</v>
      </c>
      <c r="K5555" s="58">
        <f>Bühler!K5581</f>
        <v>0.21326198564395898</v>
      </c>
      <c r="L5555" s="58">
        <f>Bühler!L5581</f>
        <v>0.10663099282197949</v>
      </c>
      <c r="M5555" s="57">
        <f>Bühler!M5581</f>
        <v>0</v>
      </c>
      <c r="N5555" s="55">
        <f>IF(Input!$K$13=1,J5555*Input!$J$13,0)+IF(Input!$K$14=1,K5555*Input!$J$14,0)+IF(Input!$K$15=1,L5555*Input!$J$15,0)+IF(Input!$K$16=1,M5555*Input!$J$16,0)</f>
        <v>0.38924132993360766</v>
      </c>
      <c r="O5555" s="58">
        <f>IF(Input!$K$13=2,J5555*Input!$J$13,0)+IF(Input!$K$14=2,K5555*Input!$J$14,0)+IF(Input!$K$15=2,L5555*Input!$J$15,0)+IF(Input!$K$16=2,M5555*Input!$J$16,0)</f>
        <v>2.8790368061934461E-2</v>
      </c>
      <c r="P5555" s="58">
        <f>IF(Input!$K$13=3,J5555*Input!$J$13,0)+IF(Input!$K$14=3,K5555*Input!$J$14,0)+IF(Input!$K$15=3,L5555*Input!$J$15,0)+IF(Input!$K$16=3,M5555*Input!$J$16,0)</f>
        <v>0</v>
      </c>
      <c r="Q5555" s="71">
        <f>IF(Input!$K$13=4,J5555*Input!$J$13,0)+IF(Input!$K$14=4,K5555*Input!$J$14,0)+IF(Input!$K$15=4,L5555*Input!$J$15,0)+IF(Input!$K$16=4,M5555*Input!$J$16,0)</f>
        <v>0</v>
      </c>
    </row>
    <row r="5556" spans="8:17" x14ac:dyDescent="0.25">
      <c r="H5556" s="43">
        <v>5549</v>
      </c>
      <c r="I5556" s="55">
        <f>Bühler!I5582</f>
        <v>0</v>
      </c>
      <c r="J5556" s="58">
        <f>Bühler!J5582</f>
        <v>3.2436777494467308</v>
      </c>
      <c r="K5556" s="58">
        <f>Bühler!K5582</f>
        <v>0.21326198564395898</v>
      </c>
      <c r="L5556" s="58">
        <f>Bühler!L5582</f>
        <v>0.10663099282197949</v>
      </c>
      <c r="M5556" s="57">
        <f>Bühler!M5582</f>
        <v>0</v>
      </c>
      <c r="N5556" s="55">
        <f>IF(Input!$K$13=1,J5556*Input!$J$13,0)+IF(Input!$K$14=1,K5556*Input!$J$14,0)+IF(Input!$K$15=1,L5556*Input!$J$15,0)+IF(Input!$K$16=1,M5556*Input!$J$16,0)</f>
        <v>0.38924132993360766</v>
      </c>
      <c r="O5556" s="58">
        <f>IF(Input!$K$13=2,J5556*Input!$J$13,0)+IF(Input!$K$14=2,K5556*Input!$J$14,0)+IF(Input!$K$15=2,L5556*Input!$J$15,0)+IF(Input!$K$16=2,M5556*Input!$J$16,0)</f>
        <v>2.8790368061934461E-2</v>
      </c>
      <c r="P5556" s="58">
        <f>IF(Input!$K$13=3,J5556*Input!$J$13,0)+IF(Input!$K$14=3,K5556*Input!$J$14,0)+IF(Input!$K$15=3,L5556*Input!$J$15,0)+IF(Input!$K$16=3,M5556*Input!$J$16,0)</f>
        <v>0</v>
      </c>
      <c r="Q5556" s="71">
        <f>IF(Input!$K$13=4,J5556*Input!$J$13,0)+IF(Input!$K$14=4,K5556*Input!$J$14,0)+IF(Input!$K$15=4,L5556*Input!$J$15,0)+IF(Input!$K$16=4,M5556*Input!$J$16,0)</f>
        <v>0</v>
      </c>
    </row>
    <row r="5557" spans="8:17" x14ac:dyDescent="0.25">
      <c r="H5557" s="43">
        <v>5550</v>
      </c>
      <c r="I5557" s="55">
        <f>Bühler!I5583</f>
        <v>0</v>
      </c>
      <c r="J5557" s="58">
        <f>Bühler!J5583</f>
        <v>3.2436777494467308</v>
      </c>
      <c r="K5557" s="58">
        <f>Bühler!K5583</f>
        <v>0.21326198564395898</v>
      </c>
      <c r="L5557" s="58">
        <f>Bühler!L5583</f>
        <v>0.10663099282197949</v>
      </c>
      <c r="M5557" s="57">
        <f>Bühler!M5583</f>
        <v>0</v>
      </c>
      <c r="N5557" s="55">
        <f>IF(Input!$K$13=1,J5557*Input!$J$13,0)+IF(Input!$K$14=1,K5557*Input!$J$14,0)+IF(Input!$K$15=1,L5557*Input!$J$15,0)+IF(Input!$K$16=1,M5557*Input!$J$16,0)</f>
        <v>0.38924132993360766</v>
      </c>
      <c r="O5557" s="58">
        <f>IF(Input!$K$13=2,J5557*Input!$J$13,0)+IF(Input!$K$14=2,K5557*Input!$J$14,0)+IF(Input!$K$15=2,L5557*Input!$J$15,0)+IF(Input!$K$16=2,M5557*Input!$J$16,0)</f>
        <v>2.8790368061934461E-2</v>
      </c>
      <c r="P5557" s="58">
        <f>IF(Input!$K$13=3,J5557*Input!$J$13,0)+IF(Input!$K$14=3,K5557*Input!$J$14,0)+IF(Input!$K$15=3,L5557*Input!$J$15,0)+IF(Input!$K$16=3,M5557*Input!$J$16,0)</f>
        <v>0</v>
      </c>
      <c r="Q5557" s="71">
        <f>IF(Input!$K$13=4,J5557*Input!$J$13,0)+IF(Input!$K$14=4,K5557*Input!$J$14,0)+IF(Input!$K$15=4,L5557*Input!$J$15,0)+IF(Input!$K$16=4,M5557*Input!$J$16,0)</f>
        <v>0</v>
      </c>
    </row>
    <row r="5558" spans="8:17" x14ac:dyDescent="0.25">
      <c r="H5558" s="43">
        <v>5551</v>
      </c>
      <c r="I5558" s="55">
        <f>Bühler!I5584</f>
        <v>0</v>
      </c>
      <c r="J5558" s="58">
        <f>Bühler!J5584</f>
        <v>3.2436777494467308</v>
      </c>
      <c r="K5558" s="58">
        <f>Bühler!K5584</f>
        <v>0.21326198564395898</v>
      </c>
      <c r="L5558" s="58">
        <f>Bühler!L5584</f>
        <v>0.10663099282197949</v>
      </c>
      <c r="M5558" s="57">
        <f>Bühler!M5584</f>
        <v>0</v>
      </c>
      <c r="N5558" s="55">
        <f>IF(Input!$K$13=1,J5558*Input!$J$13,0)+IF(Input!$K$14=1,K5558*Input!$J$14,0)+IF(Input!$K$15=1,L5558*Input!$J$15,0)+IF(Input!$K$16=1,M5558*Input!$J$16,0)</f>
        <v>0.38924132993360766</v>
      </c>
      <c r="O5558" s="58">
        <f>IF(Input!$K$13=2,J5558*Input!$J$13,0)+IF(Input!$K$14=2,K5558*Input!$J$14,0)+IF(Input!$K$15=2,L5558*Input!$J$15,0)+IF(Input!$K$16=2,M5558*Input!$J$16,0)</f>
        <v>2.8790368061934461E-2</v>
      </c>
      <c r="P5558" s="58">
        <f>IF(Input!$K$13=3,J5558*Input!$J$13,0)+IF(Input!$K$14=3,K5558*Input!$J$14,0)+IF(Input!$K$15=3,L5558*Input!$J$15,0)+IF(Input!$K$16=3,M5558*Input!$J$16,0)</f>
        <v>0</v>
      </c>
      <c r="Q5558" s="71">
        <f>IF(Input!$K$13=4,J5558*Input!$J$13,0)+IF(Input!$K$14=4,K5558*Input!$J$14,0)+IF(Input!$K$15=4,L5558*Input!$J$15,0)+IF(Input!$K$16=4,M5558*Input!$J$16,0)</f>
        <v>0</v>
      </c>
    </row>
    <row r="5559" spans="8:17" x14ac:dyDescent="0.25">
      <c r="H5559" s="43">
        <v>5552</v>
      </c>
      <c r="I5559" s="55">
        <f>Bühler!I5585</f>
        <v>0</v>
      </c>
      <c r="J5559" s="58">
        <f>Bühler!J5585</f>
        <v>3.2436777494467308</v>
      </c>
      <c r="K5559" s="58">
        <f>Bühler!K5585</f>
        <v>0.21326198564395898</v>
      </c>
      <c r="L5559" s="58">
        <f>Bühler!L5585</f>
        <v>0.10663099282197949</v>
      </c>
      <c r="M5559" s="57">
        <f>Bühler!M5585</f>
        <v>0</v>
      </c>
      <c r="N5559" s="55">
        <f>IF(Input!$K$13=1,J5559*Input!$J$13,0)+IF(Input!$K$14=1,K5559*Input!$J$14,0)+IF(Input!$K$15=1,L5559*Input!$J$15,0)+IF(Input!$K$16=1,M5559*Input!$J$16,0)</f>
        <v>0.38924132993360766</v>
      </c>
      <c r="O5559" s="58">
        <f>IF(Input!$K$13=2,J5559*Input!$J$13,0)+IF(Input!$K$14=2,K5559*Input!$J$14,0)+IF(Input!$K$15=2,L5559*Input!$J$15,0)+IF(Input!$K$16=2,M5559*Input!$J$16,0)</f>
        <v>2.8790368061934461E-2</v>
      </c>
      <c r="P5559" s="58">
        <f>IF(Input!$K$13=3,J5559*Input!$J$13,0)+IF(Input!$K$14=3,K5559*Input!$J$14,0)+IF(Input!$K$15=3,L5559*Input!$J$15,0)+IF(Input!$K$16=3,M5559*Input!$J$16,0)</f>
        <v>0</v>
      </c>
      <c r="Q5559" s="71">
        <f>IF(Input!$K$13=4,J5559*Input!$J$13,0)+IF(Input!$K$14=4,K5559*Input!$J$14,0)+IF(Input!$K$15=4,L5559*Input!$J$15,0)+IF(Input!$K$16=4,M5559*Input!$J$16,0)</f>
        <v>0</v>
      </c>
    </row>
    <row r="5560" spans="8:17" x14ac:dyDescent="0.25">
      <c r="H5560" s="43">
        <v>5553</v>
      </c>
      <c r="I5560" s="55">
        <f>Bühler!I5586</f>
        <v>0</v>
      </c>
      <c r="J5560" s="58">
        <f>Bühler!J5586</f>
        <v>3.2436777494467308</v>
      </c>
      <c r="K5560" s="58">
        <f>Bühler!K5586</f>
        <v>0.21326198564395898</v>
      </c>
      <c r="L5560" s="58">
        <f>Bühler!L5586</f>
        <v>0.10663099282197949</v>
      </c>
      <c r="M5560" s="57">
        <f>Bühler!M5586</f>
        <v>0</v>
      </c>
      <c r="N5560" s="55">
        <f>IF(Input!$K$13=1,J5560*Input!$J$13,0)+IF(Input!$K$14=1,K5560*Input!$J$14,0)+IF(Input!$K$15=1,L5560*Input!$J$15,0)+IF(Input!$K$16=1,M5560*Input!$J$16,0)</f>
        <v>0.38924132993360766</v>
      </c>
      <c r="O5560" s="58">
        <f>IF(Input!$K$13=2,J5560*Input!$J$13,0)+IF(Input!$K$14=2,K5560*Input!$J$14,0)+IF(Input!$K$15=2,L5560*Input!$J$15,0)+IF(Input!$K$16=2,M5560*Input!$J$16,0)</f>
        <v>2.8790368061934461E-2</v>
      </c>
      <c r="P5560" s="58">
        <f>IF(Input!$K$13=3,J5560*Input!$J$13,0)+IF(Input!$K$14=3,K5560*Input!$J$14,0)+IF(Input!$K$15=3,L5560*Input!$J$15,0)+IF(Input!$K$16=3,M5560*Input!$J$16,0)</f>
        <v>0</v>
      </c>
      <c r="Q5560" s="71">
        <f>IF(Input!$K$13=4,J5560*Input!$J$13,0)+IF(Input!$K$14=4,K5560*Input!$J$14,0)+IF(Input!$K$15=4,L5560*Input!$J$15,0)+IF(Input!$K$16=4,M5560*Input!$J$16,0)</f>
        <v>0</v>
      </c>
    </row>
    <row r="5561" spans="8:17" x14ac:dyDescent="0.25">
      <c r="H5561" s="43">
        <v>5554</v>
      </c>
      <c r="I5561" s="55">
        <f>Bühler!I5587</f>
        <v>0</v>
      </c>
      <c r="J5561" s="58">
        <f>Bühler!J5587</f>
        <v>3.2436777494467308</v>
      </c>
      <c r="K5561" s="58">
        <f>Bühler!K5587</f>
        <v>0.21326198564395898</v>
      </c>
      <c r="L5561" s="58">
        <f>Bühler!L5587</f>
        <v>0.10663099282197949</v>
      </c>
      <c r="M5561" s="57">
        <f>Bühler!M5587</f>
        <v>0</v>
      </c>
      <c r="N5561" s="55">
        <f>IF(Input!$K$13=1,J5561*Input!$J$13,0)+IF(Input!$K$14=1,K5561*Input!$J$14,0)+IF(Input!$K$15=1,L5561*Input!$J$15,0)+IF(Input!$K$16=1,M5561*Input!$J$16,0)</f>
        <v>0.38924132993360766</v>
      </c>
      <c r="O5561" s="58">
        <f>IF(Input!$K$13=2,J5561*Input!$J$13,0)+IF(Input!$K$14=2,K5561*Input!$J$14,0)+IF(Input!$K$15=2,L5561*Input!$J$15,0)+IF(Input!$K$16=2,M5561*Input!$J$16,0)</f>
        <v>2.8790368061934461E-2</v>
      </c>
      <c r="P5561" s="58">
        <f>IF(Input!$K$13=3,J5561*Input!$J$13,0)+IF(Input!$K$14=3,K5561*Input!$J$14,0)+IF(Input!$K$15=3,L5561*Input!$J$15,0)+IF(Input!$K$16=3,M5561*Input!$J$16,0)</f>
        <v>0</v>
      </c>
      <c r="Q5561" s="71">
        <f>IF(Input!$K$13=4,J5561*Input!$J$13,0)+IF(Input!$K$14=4,K5561*Input!$J$14,0)+IF(Input!$K$15=4,L5561*Input!$J$15,0)+IF(Input!$K$16=4,M5561*Input!$J$16,0)</f>
        <v>0</v>
      </c>
    </row>
    <row r="5562" spans="8:17" x14ac:dyDescent="0.25">
      <c r="H5562" s="43">
        <v>5555</v>
      </c>
      <c r="I5562" s="55">
        <f>Bühler!I5588</f>
        <v>0</v>
      </c>
      <c r="J5562" s="58">
        <f>Bühler!J5588</f>
        <v>3.2436777494467308</v>
      </c>
      <c r="K5562" s="58">
        <f>Bühler!K5588</f>
        <v>0.21326198564395898</v>
      </c>
      <c r="L5562" s="58">
        <f>Bühler!L5588</f>
        <v>0.10663099282197949</v>
      </c>
      <c r="M5562" s="57">
        <f>Bühler!M5588</f>
        <v>0</v>
      </c>
      <c r="N5562" s="55">
        <f>IF(Input!$K$13=1,J5562*Input!$J$13,0)+IF(Input!$K$14=1,K5562*Input!$J$14,0)+IF(Input!$K$15=1,L5562*Input!$J$15,0)+IF(Input!$K$16=1,M5562*Input!$J$16,0)</f>
        <v>0.38924132993360766</v>
      </c>
      <c r="O5562" s="58">
        <f>IF(Input!$K$13=2,J5562*Input!$J$13,0)+IF(Input!$K$14=2,K5562*Input!$J$14,0)+IF(Input!$K$15=2,L5562*Input!$J$15,0)+IF(Input!$K$16=2,M5562*Input!$J$16,0)</f>
        <v>2.8790368061934461E-2</v>
      </c>
      <c r="P5562" s="58">
        <f>IF(Input!$K$13=3,J5562*Input!$J$13,0)+IF(Input!$K$14=3,K5562*Input!$J$14,0)+IF(Input!$K$15=3,L5562*Input!$J$15,0)+IF(Input!$K$16=3,M5562*Input!$J$16,0)</f>
        <v>0</v>
      </c>
      <c r="Q5562" s="71">
        <f>IF(Input!$K$13=4,J5562*Input!$J$13,0)+IF(Input!$K$14=4,K5562*Input!$J$14,0)+IF(Input!$K$15=4,L5562*Input!$J$15,0)+IF(Input!$K$16=4,M5562*Input!$J$16,0)</f>
        <v>0</v>
      </c>
    </row>
    <row r="5563" spans="8:17" x14ac:dyDescent="0.25">
      <c r="H5563" s="43">
        <v>5556</v>
      </c>
      <c r="I5563" s="55">
        <f>Bühler!I5589</f>
        <v>0</v>
      </c>
      <c r="J5563" s="58">
        <f>Bühler!J5589</f>
        <v>3.2436777494467308</v>
      </c>
      <c r="K5563" s="58">
        <f>Bühler!K5589</f>
        <v>0.21326198564395898</v>
      </c>
      <c r="L5563" s="58">
        <f>Bühler!L5589</f>
        <v>0.10663099282197949</v>
      </c>
      <c r="M5563" s="57">
        <f>Bühler!M5589</f>
        <v>0</v>
      </c>
      <c r="N5563" s="55">
        <f>IF(Input!$K$13=1,J5563*Input!$J$13,0)+IF(Input!$K$14=1,K5563*Input!$J$14,0)+IF(Input!$K$15=1,L5563*Input!$J$15,0)+IF(Input!$K$16=1,M5563*Input!$J$16,0)</f>
        <v>0.38924132993360766</v>
      </c>
      <c r="O5563" s="58">
        <f>IF(Input!$K$13=2,J5563*Input!$J$13,0)+IF(Input!$K$14=2,K5563*Input!$J$14,0)+IF(Input!$K$15=2,L5563*Input!$J$15,0)+IF(Input!$K$16=2,M5563*Input!$J$16,0)</f>
        <v>2.8790368061934461E-2</v>
      </c>
      <c r="P5563" s="58">
        <f>IF(Input!$K$13=3,J5563*Input!$J$13,0)+IF(Input!$K$14=3,K5563*Input!$J$14,0)+IF(Input!$K$15=3,L5563*Input!$J$15,0)+IF(Input!$K$16=3,M5563*Input!$J$16,0)</f>
        <v>0</v>
      </c>
      <c r="Q5563" s="71">
        <f>IF(Input!$K$13=4,J5563*Input!$J$13,0)+IF(Input!$K$14=4,K5563*Input!$J$14,0)+IF(Input!$K$15=4,L5563*Input!$J$15,0)+IF(Input!$K$16=4,M5563*Input!$J$16,0)</f>
        <v>0</v>
      </c>
    </row>
    <row r="5564" spans="8:17" x14ac:dyDescent="0.25">
      <c r="H5564" s="43">
        <v>5557</v>
      </c>
      <c r="I5564" s="55">
        <f>Bühler!I5590</f>
        <v>0</v>
      </c>
      <c r="J5564" s="58">
        <f>Bühler!J5590</f>
        <v>3.2436777494467308</v>
      </c>
      <c r="K5564" s="58">
        <f>Bühler!K5590</f>
        <v>0.21326198564395898</v>
      </c>
      <c r="L5564" s="58">
        <f>Bühler!L5590</f>
        <v>0.10663099282197949</v>
      </c>
      <c r="M5564" s="57">
        <f>Bühler!M5590</f>
        <v>0</v>
      </c>
      <c r="N5564" s="55">
        <f>IF(Input!$K$13=1,J5564*Input!$J$13,0)+IF(Input!$K$14=1,K5564*Input!$J$14,0)+IF(Input!$K$15=1,L5564*Input!$J$15,0)+IF(Input!$K$16=1,M5564*Input!$J$16,0)</f>
        <v>0.38924132993360766</v>
      </c>
      <c r="O5564" s="58">
        <f>IF(Input!$K$13=2,J5564*Input!$J$13,0)+IF(Input!$K$14=2,K5564*Input!$J$14,0)+IF(Input!$K$15=2,L5564*Input!$J$15,0)+IF(Input!$K$16=2,M5564*Input!$J$16,0)</f>
        <v>2.8790368061934461E-2</v>
      </c>
      <c r="P5564" s="58">
        <f>IF(Input!$K$13=3,J5564*Input!$J$13,0)+IF(Input!$K$14=3,K5564*Input!$J$14,0)+IF(Input!$K$15=3,L5564*Input!$J$15,0)+IF(Input!$K$16=3,M5564*Input!$J$16,0)</f>
        <v>0</v>
      </c>
      <c r="Q5564" s="71">
        <f>IF(Input!$K$13=4,J5564*Input!$J$13,0)+IF(Input!$K$14=4,K5564*Input!$J$14,0)+IF(Input!$K$15=4,L5564*Input!$J$15,0)+IF(Input!$K$16=4,M5564*Input!$J$16,0)</f>
        <v>0</v>
      </c>
    </row>
    <row r="5565" spans="8:17" x14ac:dyDescent="0.25">
      <c r="H5565" s="43">
        <v>5558</v>
      </c>
      <c r="I5565" s="55">
        <f>Bühler!I5591</f>
        <v>0</v>
      </c>
      <c r="J5565" s="58">
        <f>Bühler!J5591</f>
        <v>3.2436777494467308</v>
      </c>
      <c r="K5565" s="58">
        <f>Bühler!K5591</f>
        <v>0.21326198564395898</v>
      </c>
      <c r="L5565" s="58">
        <f>Bühler!L5591</f>
        <v>0.10663099282197949</v>
      </c>
      <c r="M5565" s="57">
        <f>Bühler!M5591</f>
        <v>0</v>
      </c>
      <c r="N5565" s="55">
        <f>IF(Input!$K$13=1,J5565*Input!$J$13,0)+IF(Input!$K$14=1,K5565*Input!$J$14,0)+IF(Input!$K$15=1,L5565*Input!$J$15,0)+IF(Input!$K$16=1,M5565*Input!$J$16,0)</f>
        <v>0.38924132993360766</v>
      </c>
      <c r="O5565" s="58">
        <f>IF(Input!$K$13=2,J5565*Input!$J$13,0)+IF(Input!$K$14=2,K5565*Input!$J$14,0)+IF(Input!$K$15=2,L5565*Input!$J$15,0)+IF(Input!$K$16=2,M5565*Input!$J$16,0)</f>
        <v>2.8790368061934461E-2</v>
      </c>
      <c r="P5565" s="58">
        <f>IF(Input!$K$13=3,J5565*Input!$J$13,0)+IF(Input!$K$14=3,K5565*Input!$J$14,0)+IF(Input!$K$15=3,L5565*Input!$J$15,0)+IF(Input!$K$16=3,M5565*Input!$J$16,0)</f>
        <v>0</v>
      </c>
      <c r="Q5565" s="71">
        <f>IF(Input!$K$13=4,J5565*Input!$J$13,0)+IF(Input!$K$14=4,K5565*Input!$J$14,0)+IF(Input!$K$15=4,L5565*Input!$J$15,0)+IF(Input!$K$16=4,M5565*Input!$J$16,0)</f>
        <v>0</v>
      </c>
    </row>
    <row r="5566" spans="8:17" x14ac:dyDescent="0.25">
      <c r="H5566" s="43">
        <v>5559</v>
      </c>
      <c r="I5566" s="55">
        <f>Bühler!I5592</f>
        <v>0</v>
      </c>
      <c r="J5566" s="58">
        <f>Bühler!J5592</f>
        <v>3.2436777494467308</v>
      </c>
      <c r="K5566" s="58">
        <f>Bühler!K5592</f>
        <v>0.21326198564395898</v>
      </c>
      <c r="L5566" s="58">
        <f>Bühler!L5592</f>
        <v>0.10663099282197949</v>
      </c>
      <c r="M5566" s="57">
        <f>Bühler!M5592</f>
        <v>0</v>
      </c>
      <c r="N5566" s="55">
        <f>IF(Input!$K$13=1,J5566*Input!$J$13,0)+IF(Input!$K$14=1,K5566*Input!$J$14,0)+IF(Input!$K$15=1,L5566*Input!$J$15,0)+IF(Input!$K$16=1,M5566*Input!$J$16,0)</f>
        <v>0.38924132993360766</v>
      </c>
      <c r="O5566" s="58">
        <f>IF(Input!$K$13=2,J5566*Input!$J$13,0)+IF(Input!$K$14=2,K5566*Input!$J$14,0)+IF(Input!$K$15=2,L5566*Input!$J$15,0)+IF(Input!$K$16=2,M5566*Input!$J$16,0)</f>
        <v>2.8790368061934461E-2</v>
      </c>
      <c r="P5566" s="58">
        <f>IF(Input!$K$13=3,J5566*Input!$J$13,0)+IF(Input!$K$14=3,K5566*Input!$J$14,0)+IF(Input!$K$15=3,L5566*Input!$J$15,0)+IF(Input!$K$16=3,M5566*Input!$J$16,0)</f>
        <v>0</v>
      </c>
      <c r="Q5566" s="71">
        <f>IF(Input!$K$13=4,J5566*Input!$J$13,0)+IF(Input!$K$14=4,K5566*Input!$J$14,0)+IF(Input!$K$15=4,L5566*Input!$J$15,0)+IF(Input!$K$16=4,M5566*Input!$J$16,0)</f>
        <v>0</v>
      </c>
    </row>
    <row r="5567" spans="8:17" x14ac:dyDescent="0.25">
      <c r="H5567" s="43">
        <v>5560</v>
      </c>
      <c r="I5567" s="55">
        <f>Bühler!I5593</f>
        <v>0</v>
      </c>
      <c r="J5567" s="58">
        <f>Bühler!J5593</f>
        <v>3.2436777494467308</v>
      </c>
      <c r="K5567" s="58">
        <f>Bühler!K5593</f>
        <v>0.21326198564395898</v>
      </c>
      <c r="L5567" s="58">
        <f>Bühler!L5593</f>
        <v>0.10663099282197949</v>
      </c>
      <c r="M5567" s="57">
        <f>Bühler!M5593</f>
        <v>0</v>
      </c>
      <c r="N5567" s="55">
        <f>IF(Input!$K$13=1,J5567*Input!$J$13,0)+IF(Input!$K$14=1,K5567*Input!$J$14,0)+IF(Input!$K$15=1,L5567*Input!$J$15,0)+IF(Input!$K$16=1,M5567*Input!$J$16,0)</f>
        <v>0.38924132993360766</v>
      </c>
      <c r="O5567" s="58">
        <f>IF(Input!$K$13=2,J5567*Input!$J$13,0)+IF(Input!$K$14=2,K5567*Input!$J$14,0)+IF(Input!$K$15=2,L5567*Input!$J$15,0)+IF(Input!$K$16=2,M5567*Input!$J$16,0)</f>
        <v>2.8790368061934461E-2</v>
      </c>
      <c r="P5567" s="58">
        <f>IF(Input!$K$13=3,J5567*Input!$J$13,0)+IF(Input!$K$14=3,K5567*Input!$J$14,0)+IF(Input!$K$15=3,L5567*Input!$J$15,0)+IF(Input!$K$16=3,M5567*Input!$J$16,0)</f>
        <v>0</v>
      </c>
      <c r="Q5567" s="71">
        <f>IF(Input!$K$13=4,J5567*Input!$J$13,0)+IF(Input!$K$14=4,K5567*Input!$J$14,0)+IF(Input!$K$15=4,L5567*Input!$J$15,0)+IF(Input!$K$16=4,M5567*Input!$J$16,0)</f>
        <v>0</v>
      </c>
    </row>
    <row r="5568" spans="8:17" x14ac:dyDescent="0.25">
      <c r="H5568" s="43">
        <v>5561</v>
      </c>
      <c r="I5568" s="55">
        <f>Bühler!I5594</f>
        <v>0</v>
      </c>
      <c r="J5568" s="58">
        <f>Bühler!J5594</f>
        <v>3.2436777494467308</v>
      </c>
      <c r="K5568" s="58">
        <f>Bühler!K5594</f>
        <v>0.21326198564395898</v>
      </c>
      <c r="L5568" s="58">
        <f>Bühler!L5594</f>
        <v>0.10663099282197949</v>
      </c>
      <c r="M5568" s="57">
        <f>Bühler!M5594</f>
        <v>0</v>
      </c>
      <c r="N5568" s="55">
        <f>IF(Input!$K$13=1,J5568*Input!$J$13,0)+IF(Input!$K$14=1,K5568*Input!$J$14,0)+IF(Input!$K$15=1,L5568*Input!$J$15,0)+IF(Input!$K$16=1,M5568*Input!$J$16,0)</f>
        <v>0.38924132993360766</v>
      </c>
      <c r="O5568" s="58">
        <f>IF(Input!$K$13=2,J5568*Input!$J$13,0)+IF(Input!$K$14=2,K5568*Input!$J$14,0)+IF(Input!$K$15=2,L5568*Input!$J$15,0)+IF(Input!$K$16=2,M5568*Input!$J$16,0)</f>
        <v>2.8790368061934461E-2</v>
      </c>
      <c r="P5568" s="58">
        <f>IF(Input!$K$13=3,J5568*Input!$J$13,0)+IF(Input!$K$14=3,K5568*Input!$J$14,0)+IF(Input!$K$15=3,L5568*Input!$J$15,0)+IF(Input!$K$16=3,M5568*Input!$J$16,0)</f>
        <v>0</v>
      </c>
      <c r="Q5568" s="71">
        <f>IF(Input!$K$13=4,J5568*Input!$J$13,0)+IF(Input!$K$14=4,K5568*Input!$J$14,0)+IF(Input!$K$15=4,L5568*Input!$J$15,0)+IF(Input!$K$16=4,M5568*Input!$J$16,0)</f>
        <v>0</v>
      </c>
    </row>
    <row r="5569" spans="8:17" x14ac:dyDescent="0.25">
      <c r="H5569" s="43">
        <v>5562</v>
      </c>
      <c r="I5569" s="55">
        <f>Bühler!I5595</f>
        <v>0</v>
      </c>
      <c r="J5569" s="58">
        <f>Bühler!J5595</f>
        <v>3.2436777494467308</v>
      </c>
      <c r="K5569" s="58">
        <f>Bühler!K5595</f>
        <v>0.21326198564395898</v>
      </c>
      <c r="L5569" s="58">
        <f>Bühler!L5595</f>
        <v>0.10663099282197949</v>
      </c>
      <c r="M5569" s="57">
        <f>Bühler!M5595</f>
        <v>0</v>
      </c>
      <c r="N5569" s="55">
        <f>IF(Input!$K$13=1,J5569*Input!$J$13,0)+IF(Input!$K$14=1,K5569*Input!$J$14,0)+IF(Input!$K$15=1,L5569*Input!$J$15,0)+IF(Input!$K$16=1,M5569*Input!$J$16,0)</f>
        <v>0.38924132993360766</v>
      </c>
      <c r="O5569" s="58">
        <f>IF(Input!$K$13=2,J5569*Input!$J$13,0)+IF(Input!$K$14=2,K5569*Input!$J$14,0)+IF(Input!$K$15=2,L5569*Input!$J$15,0)+IF(Input!$K$16=2,M5569*Input!$J$16,0)</f>
        <v>2.8790368061934461E-2</v>
      </c>
      <c r="P5569" s="58">
        <f>IF(Input!$K$13=3,J5569*Input!$J$13,0)+IF(Input!$K$14=3,K5569*Input!$J$14,0)+IF(Input!$K$15=3,L5569*Input!$J$15,0)+IF(Input!$K$16=3,M5569*Input!$J$16,0)</f>
        <v>0</v>
      </c>
      <c r="Q5569" s="71">
        <f>IF(Input!$K$13=4,J5569*Input!$J$13,0)+IF(Input!$K$14=4,K5569*Input!$J$14,0)+IF(Input!$K$15=4,L5569*Input!$J$15,0)+IF(Input!$K$16=4,M5569*Input!$J$16,0)</f>
        <v>0</v>
      </c>
    </row>
    <row r="5570" spans="8:17" x14ac:dyDescent="0.25">
      <c r="H5570" s="43">
        <v>5563</v>
      </c>
      <c r="I5570" s="55">
        <f>Bühler!I5596</f>
        <v>0</v>
      </c>
      <c r="J5570" s="58">
        <f>Bühler!J5596</f>
        <v>3.2436777494467308</v>
      </c>
      <c r="K5570" s="58">
        <f>Bühler!K5596</f>
        <v>0.21326198564395898</v>
      </c>
      <c r="L5570" s="58">
        <f>Bühler!L5596</f>
        <v>0.10663099282197949</v>
      </c>
      <c r="M5570" s="57">
        <f>Bühler!M5596</f>
        <v>0</v>
      </c>
      <c r="N5570" s="55">
        <f>IF(Input!$K$13=1,J5570*Input!$J$13,0)+IF(Input!$K$14=1,K5570*Input!$J$14,0)+IF(Input!$K$15=1,L5570*Input!$J$15,0)+IF(Input!$K$16=1,M5570*Input!$J$16,0)</f>
        <v>0.38924132993360766</v>
      </c>
      <c r="O5570" s="58">
        <f>IF(Input!$K$13=2,J5570*Input!$J$13,0)+IF(Input!$K$14=2,K5570*Input!$J$14,0)+IF(Input!$K$15=2,L5570*Input!$J$15,0)+IF(Input!$K$16=2,M5570*Input!$J$16,0)</f>
        <v>2.8790368061934461E-2</v>
      </c>
      <c r="P5570" s="58">
        <f>IF(Input!$K$13=3,J5570*Input!$J$13,0)+IF(Input!$K$14=3,K5570*Input!$J$14,0)+IF(Input!$K$15=3,L5570*Input!$J$15,0)+IF(Input!$K$16=3,M5570*Input!$J$16,0)</f>
        <v>0</v>
      </c>
      <c r="Q5570" s="71">
        <f>IF(Input!$K$13=4,J5570*Input!$J$13,0)+IF(Input!$K$14=4,K5570*Input!$J$14,0)+IF(Input!$K$15=4,L5570*Input!$J$15,0)+IF(Input!$K$16=4,M5570*Input!$J$16,0)</f>
        <v>0</v>
      </c>
    </row>
    <row r="5571" spans="8:17" x14ac:dyDescent="0.25">
      <c r="H5571" s="43">
        <v>5564</v>
      </c>
      <c r="I5571" s="55">
        <f>Bühler!I5597</f>
        <v>0</v>
      </c>
      <c r="J5571" s="58">
        <f>Bühler!J5597</f>
        <v>3.2436777494467308</v>
      </c>
      <c r="K5571" s="58">
        <f>Bühler!K5597</f>
        <v>0.21326198564395898</v>
      </c>
      <c r="L5571" s="58">
        <f>Bühler!L5597</f>
        <v>0.10663099282197949</v>
      </c>
      <c r="M5571" s="57">
        <f>Bühler!M5597</f>
        <v>0</v>
      </c>
      <c r="N5571" s="55">
        <f>IF(Input!$K$13=1,J5571*Input!$J$13,0)+IF(Input!$K$14=1,K5571*Input!$J$14,0)+IF(Input!$K$15=1,L5571*Input!$J$15,0)+IF(Input!$K$16=1,M5571*Input!$J$16,0)</f>
        <v>0.38924132993360766</v>
      </c>
      <c r="O5571" s="58">
        <f>IF(Input!$K$13=2,J5571*Input!$J$13,0)+IF(Input!$K$14=2,K5571*Input!$J$14,0)+IF(Input!$K$15=2,L5571*Input!$J$15,0)+IF(Input!$K$16=2,M5571*Input!$J$16,0)</f>
        <v>2.8790368061934461E-2</v>
      </c>
      <c r="P5571" s="58">
        <f>IF(Input!$K$13=3,J5571*Input!$J$13,0)+IF(Input!$K$14=3,K5571*Input!$J$14,0)+IF(Input!$K$15=3,L5571*Input!$J$15,0)+IF(Input!$K$16=3,M5571*Input!$J$16,0)</f>
        <v>0</v>
      </c>
      <c r="Q5571" s="71">
        <f>IF(Input!$K$13=4,J5571*Input!$J$13,0)+IF(Input!$K$14=4,K5571*Input!$J$14,0)+IF(Input!$K$15=4,L5571*Input!$J$15,0)+IF(Input!$K$16=4,M5571*Input!$J$16,0)</f>
        <v>0</v>
      </c>
    </row>
    <row r="5572" spans="8:17" x14ac:dyDescent="0.25">
      <c r="H5572" s="43">
        <v>5565</v>
      </c>
      <c r="I5572" s="55">
        <f>Bühler!I5598</f>
        <v>0</v>
      </c>
      <c r="J5572" s="58">
        <f>Bühler!J5598</f>
        <v>3.2436777494467308</v>
      </c>
      <c r="K5572" s="58">
        <f>Bühler!K5598</f>
        <v>0.21326198564395898</v>
      </c>
      <c r="L5572" s="58">
        <f>Bühler!L5598</f>
        <v>0.10663099282197949</v>
      </c>
      <c r="M5572" s="57">
        <f>Bühler!M5598</f>
        <v>0</v>
      </c>
      <c r="N5572" s="55">
        <f>IF(Input!$K$13=1,J5572*Input!$J$13,0)+IF(Input!$K$14=1,K5572*Input!$J$14,0)+IF(Input!$K$15=1,L5572*Input!$J$15,0)+IF(Input!$K$16=1,M5572*Input!$J$16,0)</f>
        <v>0.38924132993360766</v>
      </c>
      <c r="O5572" s="58">
        <f>IF(Input!$K$13=2,J5572*Input!$J$13,0)+IF(Input!$K$14=2,K5572*Input!$J$14,0)+IF(Input!$K$15=2,L5572*Input!$J$15,0)+IF(Input!$K$16=2,M5572*Input!$J$16,0)</f>
        <v>2.8790368061934461E-2</v>
      </c>
      <c r="P5572" s="58">
        <f>IF(Input!$K$13=3,J5572*Input!$J$13,0)+IF(Input!$K$14=3,K5572*Input!$J$14,0)+IF(Input!$K$15=3,L5572*Input!$J$15,0)+IF(Input!$K$16=3,M5572*Input!$J$16,0)</f>
        <v>0</v>
      </c>
      <c r="Q5572" s="71">
        <f>IF(Input!$K$13=4,J5572*Input!$J$13,0)+IF(Input!$K$14=4,K5572*Input!$J$14,0)+IF(Input!$K$15=4,L5572*Input!$J$15,0)+IF(Input!$K$16=4,M5572*Input!$J$16,0)</f>
        <v>0</v>
      </c>
    </row>
    <row r="5573" spans="8:17" x14ac:dyDescent="0.25">
      <c r="H5573" s="43">
        <v>5566</v>
      </c>
      <c r="I5573" s="55">
        <f>Bühler!I5599</f>
        <v>0</v>
      </c>
      <c r="J5573" s="58">
        <f>Bühler!J5599</f>
        <v>3.2436777494467308</v>
      </c>
      <c r="K5573" s="58">
        <f>Bühler!K5599</f>
        <v>0.21326198564395898</v>
      </c>
      <c r="L5573" s="58">
        <f>Bühler!L5599</f>
        <v>0.10663099282197949</v>
      </c>
      <c r="M5573" s="57">
        <f>Bühler!M5599</f>
        <v>0</v>
      </c>
      <c r="N5573" s="55">
        <f>IF(Input!$K$13=1,J5573*Input!$J$13,0)+IF(Input!$K$14=1,K5573*Input!$J$14,0)+IF(Input!$K$15=1,L5573*Input!$J$15,0)+IF(Input!$K$16=1,M5573*Input!$J$16,0)</f>
        <v>0.38924132993360766</v>
      </c>
      <c r="O5573" s="58">
        <f>IF(Input!$K$13=2,J5573*Input!$J$13,0)+IF(Input!$K$14=2,K5573*Input!$J$14,0)+IF(Input!$K$15=2,L5573*Input!$J$15,0)+IF(Input!$K$16=2,M5573*Input!$J$16,0)</f>
        <v>2.8790368061934461E-2</v>
      </c>
      <c r="P5573" s="58">
        <f>IF(Input!$K$13=3,J5573*Input!$J$13,0)+IF(Input!$K$14=3,K5573*Input!$J$14,0)+IF(Input!$K$15=3,L5573*Input!$J$15,0)+IF(Input!$K$16=3,M5573*Input!$J$16,0)</f>
        <v>0</v>
      </c>
      <c r="Q5573" s="71">
        <f>IF(Input!$K$13=4,J5573*Input!$J$13,0)+IF(Input!$K$14=4,K5573*Input!$J$14,0)+IF(Input!$K$15=4,L5573*Input!$J$15,0)+IF(Input!$K$16=4,M5573*Input!$J$16,0)</f>
        <v>0</v>
      </c>
    </row>
    <row r="5574" spans="8:17" x14ac:dyDescent="0.25">
      <c r="H5574" s="43">
        <v>5567</v>
      </c>
      <c r="I5574" s="55">
        <f>Bühler!I5600</f>
        <v>0</v>
      </c>
      <c r="J5574" s="58">
        <f>Bühler!J5600</f>
        <v>3.2436777494467308</v>
      </c>
      <c r="K5574" s="58">
        <f>Bühler!K5600</f>
        <v>0.21326198564395898</v>
      </c>
      <c r="L5574" s="58">
        <f>Bühler!L5600</f>
        <v>0.10663099282197949</v>
      </c>
      <c r="M5574" s="57">
        <f>Bühler!M5600</f>
        <v>0</v>
      </c>
      <c r="N5574" s="55">
        <f>IF(Input!$K$13=1,J5574*Input!$J$13,0)+IF(Input!$K$14=1,K5574*Input!$J$14,0)+IF(Input!$K$15=1,L5574*Input!$J$15,0)+IF(Input!$K$16=1,M5574*Input!$J$16,0)</f>
        <v>0.38924132993360766</v>
      </c>
      <c r="O5574" s="58">
        <f>IF(Input!$K$13=2,J5574*Input!$J$13,0)+IF(Input!$K$14=2,K5574*Input!$J$14,0)+IF(Input!$K$15=2,L5574*Input!$J$15,0)+IF(Input!$K$16=2,M5574*Input!$J$16,0)</f>
        <v>2.8790368061934461E-2</v>
      </c>
      <c r="P5574" s="58">
        <f>IF(Input!$K$13=3,J5574*Input!$J$13,0)+IF(Input!$K$14=3,K5574*Input!$J$14,0)+IF(Input!$K$15=3,L5574*Input!$J$15,0)+IF(Input!$K$16=3,M5574*Input!$J$16,0)</f>
        <v>0</v>
      </c>
      <c r="Q5574" s="71">
        <f>IF(Input!$K$13=4,J5574*Input!$J$13,0)+IF(Input!$K$14=4,K5574*Input!$J$14,0)+IF(Input!$K$15=4,L5574*Input!$J$15,0)+IF(Input!$K$16=4,M5574*Input!$J$16,0)</f>
        <v>0</v>
      </c>
    </row>
    <row r="5575" spans="8:17" x14ac:dyDescent="0.25">
      <c r="H5575" s="43">
        <v>5568</v>
      </c>
      <c r="I5575" s="55">
        <f>Bühler!I5601</f>
        <v>0</v>
      </c>
      <c r="J5575" s="58">
        <f>Bühler!J5601</f>
        <v>3.2436777494467308</v>
      </c>
      <c r="K5575" s="58">
        <f>Bühler!K5601</f>
        <v>0.21326198564395898</v>
      </c>
      <c r="L5575" s="58">
        <f>Bühler!L5601</f>
        <v>0.10663099282197949</v>
      </c>
      <c r="M5575" s="57">
        <f>Bühler!M5601</f>
        <v>0</v>
      </c>
      <c r="N5575" s="55">
        <f>IF(Input!$K$13=1,J5575*Input!$J$13,0)+IF(Input!$K$14=1,K5575*Input!$J$14,0)+IF(Input!$K$15=1,L5575*Input!$J$15,0)+IF(Input!$K$16=1,M5575*Input!$J$16,0)</f>
        <v>0.38924132993360766</v>
      </c>
      <c r="O5575" s="58">
        <f>IF(Input!$K$13=2,J5575*Input!$J$13,0)+IF(Input!$K$14=2,K5575*Input!$J$14,0)+IF(Input!$K$15=2,L5575*Input!$J$15,0)+IF(Input!$K$16=2,M5575*Input!$J$16,0)</f>
        <v>2.8790368061934461E-2</v>
      </c>
      <c r="P5575" s="58">
        <f>IF(Input!$K$13=3,J5575*Input!$J$13,0)+IF(Input!$K$14=3,K5575*Input!$J$14,0)+IF(Input!$K$15=3,L5575*Input!$J$15,0)+IF(Input!$K$16=3,M5575*Input!$J$16,0)</f>
        <v>0</v>
      </c>
      <c r="Q5575" s="71">
        <f>IF(Input!$K$13=4,J5575*Input!$J$13,0)+IF(Input!$K$14=4,K5575*Input!$J$14,0)+IF(Input!$K$15=4,L5575*Input!$J$15,0)+IF(Input!$K$16=4,M5575*Input!$J$16,0)</f>
        <v>0</v>
      </c>
    </row>
    <row r="5576" spans="8:17" x14ac:dyDescent="0.25">
      <c r="H5576" s="43">
        <v>5569</v>
      </c>
      <c r="I5576" s="55">
        <f>Bühler!I5602</f>
        <v>0</v>
      </c>
      <c r="J5576" s="58">
        <f>Bühler!J5602</f>
        <v>5.7127139719843143</v>
      </c>
      <c r="K5576" s="58">
        <f>Bühler!K5602</f>
        <v>0.51679470637370573</v>
      </c>
      <c r="L5576" s="58">
        <f>Bühler!L5602</f>
        <v>0.25839735318685286</v>
      </c>
      <c r="M5576" s="57">
        <f>Bühler!M5602</f>
        <v>0</v>
      </c>
      <c r="N5576" s="55">
        <f>IF(Input!$K$13=1,J5576*Input!$J$13,0)+IF(Input!$K$14=1,K5576*Input!$J$14,0)+IF(Input!$K$15=1,L5576*Input!$J$15,0)+IF(Input!$K$16=1,M5576*Input!$J$16,0)</f>
        <v>0.6855256766381177</v>
      </c>
      <c r="O5576" s="58">
        <f>IF(Input!$K$13=2,J5576*Input!$J$13,0)+IF(Input!$K$14=2,K5576*Input!$J$14,0)+IF(Input!$K$15=2,L5576*Input!$J$15,0)+IF(Input!$K$16=2,M5576*Input!$J$16,0)</f>
        <v>6.9767285360450265E-2</v>
      </c>
      <c r="P5576" s="58">
        <f>IF(Input!$K$13=3,J5576*Input!$J$13,0)+IF(Input!$K$14=3,K5576*Input!$J$14,0)+IF(Input!$K$15=3,L5576*Input!$J$15,0)+IF(Input!$K$16=3,M5576*Input!$J$16,0)</f>
        <v>0</v>
      </c>
      <c r="Q5576" s="71">
        <f>IF(Input!$K$13=4,J5576*Input!$J$13,0)+IF(Input!$K$14=4,K5576*Input!$J$14,0)+IF(Input!$K$15=4,L5576*Input!$J$15,0)+IF(Input!$K$16=4,M5576*Input!$J$16,0)</f>
        <v>0</v>
      </c>
    </row>
    <row r="5577" spans="8:17" x14ac:dyDescent="0.25">
      <c r="H5577" s="43">
        <v>5570</v>
      </c>
      <c r="I5577" s="55">
        <f>Bühler!I5603</f>
        <v>0</v>
      </c>
      <c r="J5577" s="58">
        <f>Bühler!J5603</f>
        <v>5.7127139719843143</v>
      </c>
      <c r="K5577" s="58">
        <f>Bühler!K5603</f>
        <v>0.51679470637370573</v>
      </c>
      <c r="L5577" s="58">
        <f>Bühler!L5603</f>
        <v>0.25839735318685286</v>
      </c>
      <c r="M5577" s="57">
        <f>Bühler!M5603</f>
        <v>0</v>
      </c>
      <c r="N5577" s="55">
        <f>IF(Input!$K$13=1,J5577*Input!$J$13,0)+IF(Input!$K$14=1,K5577*Input!$J$14,0)+IF(Input!$K$15=1,L5577*Input!$J$15,0)+IF(Input!$K$16=1,M5577*Input!$J$16,0)</f>
        <v>0.6855256766381177</v>
      </c>
      <c r="O5577" s="58">
        <f>IF(Input!$K$13=2,J5577*Input!$J$13,0)+IF(Input!$K$14=2,K5577*Input!$J$14,0)+IF(Input!$K$15=2,L5577*Input!$J$15,0)+IF(Input!$K$16=2,M5577*Input!$J$16,0)</f>
        <v>6.9767285360450265E-2</v>
      </c>
      <c r="P5577" s="58">
        <f>IF(Input!$K$13=3,J5577*Input!$J$13,0)+IF(Input!$K$14=3,K5577*Input!$J$14,0)+IF(Input!$K$15=3,L5577*Input!$J$15,0)+IF(Input!$K$16=3,M5577*Input!$J$16,0)</f>
        <v>0</v>
      </c>
      <c r="Q5577" s="71">
        <f>IF(Input!$K$13=4,J5577*Input!$J$13,0)+IF(Input!$K$14=4,K5577*Input!$J$14,0)+IF(Input!$K$15=4,L5577*Input!$J$15,0)+IF(Input!$K$16=4,M5577*Input!$J$16,0)</f>
        <v>0</v>
      </c>
    </row>
    <row r="5578" spans="8:17" x14ac:dyDescent="0.25">
      <c r="H5578" s="43">
        <v>5571</v>
      </c>
      <c r="I5578" s="55">
        <f>Bühler!I5604</f>
        <v>0</v>
      </c>
      <c r="J5578" s="58">
        <f>Bühler!J5604</f>
        <v>5.7127139719843143</v>
      </c>
      <c r="K5578" s="58">
        <f>Bühler!K5604</f>
        <v>0.51679470637370573</v>
      </c>
      <c r="L5578" s="58">
        <f>Bühler!L5604</f>
        <v>0.25839735318685286</v>
      </c>
      <c r="M5578" s="57">
        <f>Bühler!M5604</f>
        <v>0</v>
      </c>
      <c r="N5578" s="55">
        <f>IF(Input!$K$13=1,J5578*Input!$J$13,0)+IF(Input!$K$14=1,K5578*Input!$J$14,0)+IF(Input!$K$15=1,L5578*Input!$J$15,0)+IF(Input!$K$16=1,M5578*Input!$J$16,0)</f>
        <v>0.6855256766381177</v>
      </c>
      <c r="O5578" s="58">
        <f>IF(Input!$K$13=2,J5578*Input!$J$13,0)+IF(Input!$K$14=2,K5578*Input!$J$14,0)+IF(Input!$K$15=2,L5578*Input!$J$15,0)+IF(Input!$K$16=2,M5578*Input!$J$16,0)</f>
        <v>6.9767285360450265E-2</v>
      </c>
      <c r="P5578" s="58">
        <f>IF(Input!$K$13=3,J5578*Input!$J$13,0)+IF(Input!$K$14=3,K5578*Input!$J$14,0)+IF(Input!$K$15=3,L5578*Input!$J$15,0)+IF(Input!$K$16=3,M5578*Input!$J$16,0)</f>
        <v>0</v>
      </c>
      <c r="Q5578" s="71">
        <f>IF(Input!$K$13=4,J5578*Input!$J$13,0)+IF(Input!$K$14=4,K5578*Input!$J$14,0)+IF(Input!$K$15=4,L5578*Input!$J$15,0)+IF(Input!$K$16=4,M5578*Input!$J$16,0)</f>
        <v>0</v>
      </c>
    </row>
    <row r="5579" spans="8:17" x14ac:dyDescent="0.25">
      <c r="H5579" s="43">
        <v>5572</v>
      </c>
      <c r="I5579" s="55">
        <f>Bühler!I5605</f>
        <v>0</v>
      </c>
      <c r="J5579" s="58">
        <f>Bühler!J5605</f>
        <v>5.7127139719843143</v>
      </c>
      <c r="K5579" s="58">
        <f>Bühler!K5605</f>
        <v>0.51679470637370573</v>
      </c>
      <c r="L5579" s="58">
        <f>Bühler!L5605</f>
        <v>0.25839735318685286</v>
      </c>
      <c r="M5579" s="57">
        <f>Bühler!M5605</f>
        <v>0</v>
      </c>
      <c r="N5579" s="55">
        <f>IF(Input!$K$13=1,J5579*Input!$J$13,0)+IF(Input!$K$14=1,K5579*Input!$J$14,0)+IF(Input!$K$15=1,L5579*Input!$J$15,0)+IF(Input!$K$16=1,M5579*Input!$J$16,0)</f>
        <v>0.6855256766381177</v>
      </c>
      <c r="O5579" s="58">
        <f>IF(Input!$K$13=2,J5579*Input!$J$13,0)+IF(Input!$K$14=2,K5579*Input!$J$14,0)+IF(Input!$K$15=2,L5579*Input!$J$15,0)+IF(Input!$K$16=2,M5579*Input!$J$16,0)</f>
        <v>6.9767285360450265E-2</v>
      </c>
      <c r="P5579" s="58">
        <f>IF(Input!$K$13=3,J5579*Input!$J$13,0)+IF(Input!$K$14=3,K5579*Input!$J$14,0)+IF(Input!$K$15=3,L5579*Input!$J$15,0)+IF(Input!$K$16=3,M5579*Input!$J$16,0)</f>
        <v>0</v>
      </c>
      <c r="Q5579" s="71">
        <f>IF(Input!$K$13=4,J5579*Input!$J$13,0)+IF(Input!$K$14=4,K5579*Input!$J$14,0)+IF(Input!$K$15=4,L5579*Input!$J$15,0)+IF(Input!$K$16=4,M5579*Input!$J$16,0)</f>
        <v>0</v>
      </c>
    </row>
    <row r="5580" spans="8:17" x14ac:dyDescent="0.25">
      <c r="H5580" s="43">
        <v>5573</v>
      </c>
      <c r="I5580" s="55">
        <f>Bühler!I5606</f>
        <v>0</v>
      </c>
      <c r="J5580" s="58">
        <f>Bühler!J5606</f>
        <v>5.7127139719843143</v>
      </c>
      <c r="K5580" s="58">
        <f>Bühler!K5606</f>
        <v>0.51679470637370573</v>
      </c>
      <c r="L5580" s="58">
        <f>Bühler!L5606</f>
        <v>0.25839735318685286</v>
      </c>
      <c r="M5580" s="57">
        <f>Bühler!M5606</f>
        <v>0</v>
      </c>
      <c r="N5580" s="55">
        <f>IF(Input!$K$13=1,J5580*Input!$J$13,0)+IF(Input!$K$14=1,K5580*Input!$J$14,0)+IF(Input!$K$15=1,L5580*Input!$J$15,0)+IF(Input!$K$16=1,M5580*Input!$J$16,0)</f>
        <v>0.6855256766381177</v>
      </c>
      <c r="O5580" s="58">
        <f>IF(Input!$K$13=2,J5580*Input!$J$13,0)+IF(Input!$K$14=2,K5580*Input!$J$14,0)+IF(Input!$K$15=2,L5580*Input!$J$15,0)+IF(Input!$K$16=2,M5580*Input!$J$16,0)</f>
        <v>6.9767285360450265E-2</v>
      </c>
      <c r="P5580" s="58">
        <f>IF(Input!$K$13=3,J5580*Input!$J$13,0)+IF(Input!$K$14=3,K5580*Input!$J$14,0)+IF(Input!$K$15=3,L5580*Input!$J$15,0)+IF(Input!$K$16=3,M5580*Input!$J$16,0)</f>
        <v>0</v>
      </c>
      <c r="Q5580" s="71">
        <f>IF(Input!$K$13=4,J5580*Input!$J$13,0)+IF(Input!$K$14=4,K5580*Input!$J$14,0)+IF(Input!$K$15=4,L5580*Input!$J$15,0)+IF(Input!$K$16=4,M5580*Input!$J$16,0)</f>
        <v>0</v>
      </c>
    </row>
    <row r="5581" spans="8:17" x14ac:dyDescent="0.25">
      <c r="H5581" s="43">
        <v>5574</v>
      </c>
      <c r="I5581" s="55">
        <f>Bühler!I5607</f>
        <v>0</v>
      </c>
      <c r="J5581" s="58">
        <f>Bühler!J5607</f>
        <v>5.7127139719843143</v>
      </c>
      <c r="K5581" s="58">
        <f>Bühler!K5607</f>
        <v>0.51679470637370573</v>
      </c>
      <c r="L5581" s="58">
        <f>Bühler!L5607</f>
        <v>0.25839735318685286</v>
      </c>
      <c r="M5581" s="57">
        <f>Bühler!M5607</f>
        <v>0</v>
      </c>
      <c r="N5581" s="55">
        <f>IF(Input!$K$13=1,J5581*Input!$J$13,0)+IF(Input!$K$14=1,K5581*Input!$J$14,0)+IF(Input!$K$15=1,L5581*Input!$J$15,0)+IF(Input!$K$16=1,M5581*Input!$J$16,0)</f>
        <v>0.6855256766381177</v>
      </c>
      <c r="O5581" s="58">
        <f>IF(Input!$K$13=2,J5581*Input!$J$13,0)+IF(Input!$K$14=2,K5581*Input!$J$14,0)+IF(Input!$K$15=2,L5581*Input!$J$15,0)+IF(Input!$K$16=2,M5581*Input!$J$16,0)</f>
        <v>6.9767285360450265E-2</v>
      </c>
      <c r="P5581" s="58">
        <f>IF(Input!$K$13=3,J5581*Input!$J$13,0)+IF(Input!$K$14=3,K5581*Input!$J$14,0)+IF(Input!$K$15=3,L5581*Input!$J$15,0)+IF(Input!$K$16=3,M5581*Input!$J$16,0)</f>
        <v>0</v>
      </c>
      <c r="Q5581" s="71">
        <f>IF(Input!$K$13=4,J5581*Input!$J$13,0)+IF(Input!$K$14=4,K5581*Input!$J$14,0)+IF(Input!$K$15=4,L5581*Input!$J$15,0)+IF(Input!$K$16=4,M5581*Input!$J$16,0)</f>
        <v>0</v>
      </c>
    </row>
    <row r="5582" spans="8:17" x14ac:dyDescent="0.25">
      <c r="H5582" s="43">
        <v>5575</v>
      </c>
      <c r="I5582" s="55">
        <f>Bühler!I5608</f>
        <v>0</v>
      </c>
      <c r="J5582" s="58">
        <f>Bühler!J5608</f>
        <v>5.7127139719843143</v>
      </c>
      <c r="K5582" s="58">
        <f>Bühler!K5608</f>
        <v>0.51679470637370573</v>
      </c>
      <c r="L5582" s="58">
        <f>Bühler!L5608</f>
        <v>0.25839735318685286</v>
      </c>
      <c r="M5582" s="57">
        <f>Bühler!M5608</f>
        <v>0</v>
      </c>
      <c r="N5582" s="55">
        <f>IF(Input!$K$13=1,J5582*Input!$J$13,0)+IF(Input!$K$14=1,K5582*Input!$J$14,0)+IF(Input!$K$15=1,L5582*Input!$J$15,0)+IF(Input!$K$16=1,M5582*Input!$J$16,0)</f>
        <v>0.6855256766381177</v>
      </c>
      <c r="O5582" s="58">
        <f>IF(Input!$K$13=2,J5582*Input!$J$13,0)+IF(Input!$K$14=2,K5582*Input!$J$14,0)+IF(Input!$K$15=2,L5582*Input!$J$15,0)+IF(Input!$K$16=2,M5582*Input!$J$16,0)</f>
        <v>6.9767285360450265E-2</v>
      </c>
      <c r="P5582" s="58">
        <f>IF(Input!$K$13=3,J5582*Input!$J$13,0)+IF(Input!$K$14=3,K5582*Input!$J$14,0)+IF(Input!$K$15=3,L5582*Input!$J$15,0)+IF(Input!$K$16=3,M5582*Input!$J$16,0)</f>
        <v>0</v>
      </c>
      <c r="Q5582" s="71">
        <f>IF(Input!$K$13=4,J5582*Input!$J$13,0)+IF(Input!$K$14=4,K5582*Input!$J$14,0)+IF(Input!$K$15=4,L5582*Input!$J$15,0)+IF(Input!$K$16=4,M5582*Input!$J$16,0)</f>
        <v>0</v>
      </c>
    </row>
    <row r="5583" spans="8:17" x14ac:dyDescent="0.25">
      <c r="H5583" s="43">
        <v>5576</v>
      </c>
      <c r="I5583" s="55">
        <f>Bühler!I5609</f>
        <v>0</v>
      </c>
      <c r="J5583" s="58">
        <f>Bühler!J5609</f>
        <v>24.336161520653178</v>
      </c>
      <c r="K5583" s="58">
        <f>Bühler!K5609</f>
        <v>2.2015454491519866</v>
      </c>
      <c r="L5583" s="58">
        <f>Bühler!L5609</f>
        <v>1.1007727245759933</v>
      </c>
      <c r="M5583" s="57">
        <f>Bühler!M5609</f>
        <v>0</v>
      </c>
      <c r="N5583" s="55">
        <f>IF(Input!$K$13=1,J5583*Input!$J$13,0)+IF(Input!$K$14=1,K5583*Input!$J$14,0)+IF(Input!$K$15=1,L5583*Input!$J$15,0)+IF(Input!$K$16=1,M5583*Input!$J$16,0)</f>
        <v>2.9203393824783812</v>
      </c>
      <c r="O5583" s="58">
        <f>IF(Input!$K$13=2,J5583*Input!$J$13,0)+IF(Input!$K$14=2,K5583*Input!$J$14,0)+IF(Input!$K$15=2,L5583*Input!$J$15,0)+IF(Input!$K$16=2,M5583*Input!$J$16,0)</f>
        <v>0.29720863563551819</v>
      </c>
      <c r="P5583" s="58">
        <f>IF(Input!$K$13=3,J5583*Input!$J$13,0)+IF(Input!$K$14=3,K5583*Input!$J$14,0)+IF(Input!$K$15=3,L5583*Input!$J$15,0)+IF(Input!$K$16=3,M5583*Input!$J$16,0)</f>
        <v>0</v>
      </c>
      <c r="Q5583" s="71">
        <f>IF(Input!$K$13=4,J5583*Input!$J$13,0)+IF(Input!$K$14=4,K5583*Input!$J$14,0)+IF(Input!$K$15=4,L5583*Input!$J$15,0)+IF(Input!$K$16=4,M5583*Input!$J$16,0)</f>
        <v>0</v>
      </c>
    </row>
    <row r="5584" spans="8:17" x14ac:dyDescent="0.25">
      <c r="H5584" s="43">
        <v>5577</v>
      </c>
      <c r="I5584" s="55">
        <f>Bühler!I5610</f>
        <v>0</v>
      </c>
      <c r="J5584" s="58">
        <f>Bühler!J5610</f>
        <v>27.378181710734829</v>
      </c>
      <c r="K5584" s="58">
        <f>Bühler!K5610</f>
        <v>2.4767386302959848</v>
      </c>
      <c r="L5584" s="58">
        <f>Bühler!L5610</f>
        <v>1.2383693151479924</v>
      </c>
      <c r="M5584" s="57">
        <f>Bühler!M5610</f>
        <v>0</v>
      </c>
      <c r="N5584" s="55">
        <f>IF(Input!$K$13=1,J5584*Input!$J$13,0)+IF(Input!$K$14=1,K5584*Input!$J$14,0)+IF(Input!$K$15=1,L5584*Input!$J$15,0)+IF(Input!$K$16=1,M5584*Input!$J$16,0)</f>
        <v>3.2853818052881794</v>
      </c>
      <c r="O5584" s="58">
        <f>IF(Input!$K$13=2,J5584*Input!$J$13,0)+IF(Input!$K$14=2,K5584*Input!$J$14,0)+IF(Input!$K$15=2,L5584*Input!$J$15,0)+IF(Input!$K$16=2,M5584*Input!$J$16,0)</f>
        <v>0.33435971508995799</v>
      </c>
      <c r="P5584" s="58">
        <f>IF(Input!$K$13=3,J5584*Input!$J$13,0)+IF(Input!$K$14=3,K5584*Input!$J$14,0)+IF(Input!$K$15=3,L5584*Input!$J$15,0)+IF(Input!$K$16=3,M5584*Input!$J$16,0)</f>
        <v>0</v>
      </c>
      <c r="Q5584" s="71">
        <f>IF(Input!$K$13=4,J5584*Input!$J$13,0)+IF(Input!$K$14=4,K5584*Input!$J$14,0)+IF(Input!$K$15=4,L5584*Input!$J$15,0)+IF(Input!$K$16=4,M5584*Input!$J$16,0)</f>
        <v>0</v>
      </c>
    </row>
    <row r="5585" spans="8:17" x14ac:dyDescent="0.25">
      <c r="H5585" s="43">
        <v>5578</v>
      </c>
      <c r="I5585" s="55">
        <f>Bühler!I5611</f>
        <v>0</v>
      </c>
      <c r="J5585" s="58">
        <f>Bühler!J5611</f>
        <v>30.420201900816473</v>
      </c>
      <c r="K5585" s="58">
        <f>Bühler!K5611</f>
        <v>2.7519318114399827</v>
      </c>
      <c r="L5585" s="58">
        <f>Bühler!L5611</f>
        <v>1.3759659057199913</v>
      </c>
      <c r="M5585" s="57">
        <f>Bühler!M5611</f>
        <v>0</v>
      </c>
      <c r="N5585" s="55">
        <f>IF(Input!$K$13=1,J5585*Input!$J$13,0)+IF(Input!$K$14=1,K5585*Input!$J$14,0)+IF(Input!$K$15=1,L5585*Input!$J$15,0)+IF(Input!$K$16=1,M5585*Input!$J$16,0)</f>
        <v>3.6504242280979766</v>
      </c>
      <c r="O5585" s="58">
        <f>IF(Input!$K$13=2,J5585*Input!$J$13,0)+IF(Input!$K$14=2,K5585*Input!$J$14,0)+IF(Input!$K$15=2,L5585*Input!$J$15,0)+IF(Input!$K$16=2,M5585*Input!$J$16,0)</f>
        <v>0.37151079454439762</v>
      </c>
      <c r="P5585" s="58">
        <f>IF(Input!$K$13=3,J5585*Input!$J$13,0)+IF(Input!$K$14=3,K5585*Input!$J$14,0)+IF(Input!$K$15=3,L5585*Input!$J$15,0)+IF(Input!$K$16=3,M5585*Input!$J$16,0)</f>
        <v>0</v>
      </c>
      <c r="Q5585" s="71">
        <f>IF(Input!$K$13=4,J5585*Input!$J$13,0)+IF(Input!$K$14=4,K5585*Input!$J$14,0)+IF(Input!$K$15=4,L5585*Input!$J$15,0)+IF(Input!$K$16=4,M5585*Input!$J$16,0)</f>
        <v>0</v>
      </c>
    </row>
    <row r="5586" spans="8:17" x14ac:dyDescent="0.25">
      <c r="H5586" s="43">
        <v>5579</v>
      </c>
      <c r="I5586" s="55">
        <f>Bühler!I5612</f>
        <v>0</v>
      </c>
      <c r="J5586" s="58">
        <f>Bühler!J5612</f>
        <v>30.420201900816473</v>
      </c>
      <c r="K5586" s="58">
        <f>Bühler!K5612</f>
        <v>2.7519318114399827</v>
      </c>
      <c r="L5586" s="58">
        <f>Bühler!L5612</f>
        <v>1.3759659057199913</v>
      </c>
      <c r="M5586" s="57">
        <f>Bühler!M5612</f>
        <v>0</v>
      </c>
      <c r="N5586" s="55">
        <f>IF(Input!$K$13=1,J5586*Input!$J$13,0)+IF(Input!$K$14=1,K5586*Input!$J$14,0)+IF(Input!$K$15=1,L5586*Input!$J$15,0)+IF(Input!$K$16=1,M5586*Input!$J$16,0)</f>
        <v>3.6504242280979766</v>
      </c>
      <c r="O5586" s="58">
        <f>IF(Input!$K$13=2,J5586*Input!$J$13,0)+IF(Input!$K$14=2,K5586*Input!$J$14,0)+IF(Input!$K$15=2,L5586*Input!$J$15,0)+IF(Input!$K$16=2,M5586*Input!$J$16,0)</f>
        <v>0.37151079454439762</v>
      </c>
      <c r="P5586" s="58">
        <f>IF(Input!$K$13=3,J5586*Input!$J$13,0)+IF(Input!$K$14=3,K5586*Input!$J$14,0)+IF(Input!$K$15=3,L5586*Input!$J$15,0)+IF(Input!$K$16=3,M5586*Input!$J$16,0)</f>
        <v>0</v>
      </c>
      <c r="Q5586" s="71">
        <f>IF(Input!$K$13=4,J5586*Input!$J$13,0)+IF(Input!$K$14=4,K5586*Input!$J$14,0)+IF(Input!$K$15=4,L5586*Input!$J$15,0)+IF(Input!$K$16=4,M5586*Input!$J$16,0)</f>
        <v>0</v>
      </c>
    </row>
    <row r="5587" spans="8:17" x14ac:dyDescent="0.25">
      <c r="H5587" s="43">
        <v>5580</v>
      </c>
      <c r="I5587" s="55">
        <f>Bühler!I5613</f>
        <v>0</v>
      </c>
      <c r="J5587" s="58">
        <f>Bühler!J5613</f>
        <v>36.504242280979767</v>
      </c>
      <c r="K5587" s="58">
        <f>Bühler!K5613</f>
        <v>3.3023181737279788</v>
      </c>
      <c r="L5587" s="58">
        <f>Bühler!L5613</f>
        <v>1.6511590868639894</v>
      </c>
      <c r="M5587" s="57">
        <f>Bühler!M5613</f>
        <v>0</v>
      </c>
      <c r="N5587" s="55">
        <f>IF(Input!$K$13=1,J5587*Input!$J$13,0)+IF(Input!$K$14=1,K5587*Input!$J$14,0)+IF(Input!$K$15=1,L5587*Input!$J$15,0)+IF(Input!$K$16=1,M5587*Input!$J$16,0)</f>
        <v>4.3805090737175716</v>
      </c>
      <c r="O5587" s="58">
        <f>IF(Input!$K$13=2,J5587*Input!$J$13,0)+IF(Input!$K$14=2,K5587*Input!$J$14,0)+IF(Input!$K$15=2,L5587*Input!$J$15,0)+IF(Input!$K$16=2,M5587*Input!$J$16,0)</f>
        <v>0.44581295345327709</v>
      </c>
      <c r="P5587" s="58">
        <f>IF(Input!$K$13=3,J5587*Input!$J$13,0)+IF(Input!$K$14=3,K5587*Input!$J$14,0)+IF(Input!$K$15=3,L5587*Input!$J$15,0)+IF(Input!$K$16=3,M5587*Input!$J$16,0)</f>
        <v>0</v>
      </c>
      <c r="Q5587" s="71">
        <f>IF(Input!$K$13=4,J5587*Input!$J$13,0)+IF(Input!$K$14=4,K5587*Input!$J$14,0)+IF(Input!$K$15=4,L5587*Input!$J$15,0)+IF(Input!$K$16=4,M5587*Input!$J$16,0)</f>
        <v>0</v>
      </c>
    </row>
    <row r="5588" spans="8:17" x14ac:dyDescent="0.25">
      <c r="H5588" s="43">
        <v>5581</v>
      </c>
      <c r="I5588" s="55">
        <f>Bühler!I5614</f>
        <v>0</v>
      </c>
      <c r="J5588" s="58">
        <f>Bühler!J5614</f>
        <v>36.504242280979767</v>
      </c>
      <c r="K5588" s="58">
        <f>Bühler!K5614</f>
        <v>3.3023181737279788</v>
      </c>
      <c r="L5588" s="58">
        <f>Bühler!L5614</f>
        <v>1.6511590868639894</v>
      </c>
      <c r="M5588" s="57">
        <f>Bühler!M5614</f>
        <v>0</v>
      </c>
      <c r="N5588" s="55">
        <f>IF(Input!$K$13=1,J5588*Input!$J$13,0)+IF(Input!$K$14=1,K5588*Input!$J$14,0)+IF(Input!$K$15=1,L5588*Input!$J$15,0)+IF(Input!$K$16=1,M5588*Input!$J$16,0)</f>
        <v>4.3805090737175716</v>
      </c>
      <c r="O5588" s="58">
        <f>IF(Input!$K$13=2,J5588*Input!$J$13,0)+IF(Input!$K$14=2,K5588*Input!$J$14,0)+IF(Input!$K$15=2,L5588*Input!$J$15,0)+IF(Input!$K$16=2,M5588*Input!$J$16,0)</f>
        <v>0.44581295345327709</v>
      </c>
      <c r="P5588" s="58">
        <f>IF(Input!$K$13=3,J5588*Input!$J$13,0)+IF(Input!$K$14=3,K5588*Input!$J$14,0)+IF(Input!$K$15=3,L5588*Input!$J$15,0)+IF(Input!$K$16=3,M5588*Input!$J$16,0)</f>
        <v>0</v>
      </c>
      <c r="Q5588" s="71">
        <f>IF(Input!$K$13=4,J5588*Input!$J$13,0)+IF(Input!$K$14=4,K5588*Input!$J$14,0)+IF(Input!$K$15=4,L5588*Input!$J$15,0)+IF(Input!$K$16=4,M5588*Input!$J$16,0)</f>
        <v>0</v>
      </c>
    </row>
    <row r="5589" spans="8:17" x14ac:dyDescent="0.25">
      <c r="H5589" s="43">
        <v>5582</v>
      </c>
      <c r="I5589" s="55">
        <f>Bühler!I5615</f>
        <v>0</v>
      </c>
      <c r="J5589" s="58">
        <f>Bühler!J5615</f>
        <v>24.336161520653178</v>
      </c>
      <c r="K5589" s="58">
        <f>Bühler!K5615</f>
        <v>2.2015454491519866</v>
      </c>
      <c r="L5589" s="58">
        <f>Bühler!L5615</f>
        <v>1.1007727245759933</v>
      </c>
      <c r="M5589" s="57">
        <f>Bühler!M5615</f>
        <v>0</v>
      </c>
      <c r="N5589" s="55">
        <f>IF(Input!$K$13=1,J5589*Input!$J$13,0)+IF(Input!$K$14=1,K5589*Input!$J$14,0)+IF(Input!$K$15=1,L5589*Input!$J$15,0)+IF(Input!$K$16=1,M5589*Input!$J$16,0)</f>
        <v>2.9203393824783812</v>
      </c>
      <c r="O5589" s="58">
        <f>IF(Input!$K$13=2,J5589*Input!$J$13,0)+IF(Input!$K$14=2,K5589*Input!$J$14,0)+IF(Input!$K$15=2,L5589*Input!$J$15,0)+IF(Input!$K$16=2,M5589*Input!$J$16,0)</f>
        <v>0.29720863563551819</v>
      </c>
      <c r="P5589" s="58">
        <f>IF(Input!$K$13=3,J5589*Input!$J$13,0)+IF(Input!$K$14=3,K5589*Input!$J$14,0)+IF(Input!$K$15=3,L5589*Input!$J$15,0)+IF(Input!$K$16=3,M5589*Input!$J$16,0)</f>
        <v>0</v>
      </c>
      <c r="Q5589" s="71">
        <f>IF(Input!$K$13=4,J5589*Input!$J$13,0)+IF(Input!$K$14=4,K5589*Input!$J$14,0)+IF(Input!$K$15=4,L5589*Input!$J$15,0)+IF(Input!$K$16=4,M5589*Input!$J$16,0)</f>
        <v>0</v>
      </c>
    </row>
    <row r="5590" spans="8:17" x14ac:dyDescent="0.25">
      <c r="H5590" s="43">
        <v>5583</v>
      </c>
      <c r="I5590" s="55">
        <f>Bühler!I5616</f>
        <v>0</v>
      </c>
      <c r="J5590" s="58">
        <f>Bühler!J5616</f>
        <v>36.504242280979767</v>
      </c>
      <c r="K5590" s="58">
        <f>Bühler!K5616</f>
        <v>3.3023181737279788</v>
      </c>
      <c r="L5590" s="58">
        <f>Bühler!L5616</f>
        <v>1.6511590868639894</v>
      </c>
      <c r="M5590" s="57">
        <f>Bühler!M5616</f>
        <v>0</v>
      </c>
      <c r="N5590" s="55">
        <f>IF(Input!$K$13=1,J5590*Input!$J$13,0)+IF(Input!$K$14=1,K5590*Input!$J$14,0)+IF(Input!$K$15=1,L5590*Input!$J$15,0)+IF(Input!$K$16=1,M5590*Input!$J$16,0)</f>
        <v>4.3805090737175716</v>
      </c>
      <c r="O5590" s="58">
        <f>IF(Input!$K$13=2,J5590*Input!$J$13,0)+IF(Input!$K$14=2,K5590*Input!$J$14,0)+IF(Input!$K$15=2,L5590*Input!$J$15,0)+IF(Input!$K$16=2,M5590*Input!$J$16,0)</f>
        <v>0.44581295345327709</v>
      </c>
      <c r="P5590" s="58">
        <f>IF(Input!$K$13=3,J5590*Input!$J$13,0)+IF(Input!$K$14=3,K5590*Input!$J$14,0)+IF(Input!$K$15=3,L5590*Input!$J$15,0)+IF(Input!$K$16=3,M5590*Input!$J$16,0)</f>
        <v>0</v>
      </c>
      <c r="Q5590" s="71">
        <f>IF(Input!$K$13=4,J5590*Input!$J$13,0)+IF(Input!$K$14=4,K5590*Input!$J$14,0)+IF(Input!$K$15=4,L5590*Input!$J$15,0)+IF(Input!$K$16=4,M5590*Input!$J$16,0)</f>
        <v>0</v>
      </c>
    </row>
    <row r="5591" spans="8:17" x14ac:dyDescent="0.25">
      <c r="H5591" s="43">
        <v>5584</v>
      </c>
      <c r="I5591" s="55">
        <f>Bühler!I5617</f>
        <v>0</v>
      </c>
      <c r="J5591" s="58">
        <f>Bühler!J5617</f>
        <v>36.504242280979767</v>
      </c>
      <c r="K5591" s="58">
        <f>Bühler!K5617</f>
        <v>3.3023181737279788</v>
      </c>
      <c r="L5591" s="58">
        <f>Bühler!L5617</f>
        <v>1.6511590868639894</v>
      </c>
      <c r="M5591" s="57">
        <f>Bühler!M5617</f>
        <v>0</v>
      </c>
      <c r="N5591" s="55">
        <f>IF(Input!$K$13=1,J5591*Input!$J$13,0)+IF(Input!$K$14=1,K5591*Input!$J$14,0)+IF(Input!$K$15=1,L5591*Input!$J$15,0)+IF(Input!$K$16=1,M5591*Input!$J$16,0)</f>
        <v>4.3805090737175716</v>
      </c>
      <c r="O5591" s="58">
        <f>IF(Input!$K$13=2,J5591*Input!$J$13,0)+IF(Input!$K$14=2,K5591*Input!$J$14,0)+IF(Input!$K$15=2,L5591*Input!$J$15,0)+IF(Input!$K$16=2,M5591*Input!$J$16,0)</f>
        <v>0.44581295345327709</v>
      </c>
      <c r="P5591" s="58">
        <f>IF(Input!$K$13=3,J5591*Input!$J$13,0)+IF(Input!$K$14=3,K5591*Input!$J$14,0)+IF(Input!$K$15=3,L5591*Input!$J$15,0)+IF(Input!$K$16=3,M5591*Input!$J$16,0)</f>
        <v>0</v>
      </c>
      <c r="Q5591" s="71">
        <f>IF(Input!$K$13=4,J5591*Input!$J$13,0)+IF(Input!$K$14=4,K5591*Input!$J$14,0)+IF(Input!$K$15=4,L5591*Input!$J$15,0)+IF(Input!$K$16=4,M5591*Input!$J$16,0)</f>
        <v>0</v>
      </c>
    </row>
    <row r="5592" spans="8:17" x14ac:dyDescent="0.25">
      <c r="H5592" s="43">
        <v>5585</v>
      </c>
      <c r="I5592" s="55">
        <f>Bühler!I5618</f>
        <v>0</v>
      </c>
      <c r="J5592" s="58">
        <f>Bühler!J5618</f>
        <v>21.294141330571527</v>
      </c>
      <c r="K5592" s="58">
        <f>Bühler!K5618</f>
        <v>1.9263522680079876</v>
      </c>
      <c r="L5592" s="58">
        <f>Bühler!L5618</f>
        <v>0.96317613400399382</v>
      </c>
      <c r="M5592" s="57">
        <f>Bühler!M5618</f>
        <v>0</v>
      </c>
      <c r="N5592" s="55">
        <f>IF(Input!$K$13=1,J5592*Input!$J$13,0)+IF(Input!$K$14=1,K5592*Input!$J$14,0)+IF(Input!$K$15=1,L5592*Input!$J$15,0)+IF(Input!$K$16=1,M5592*Input!$J$16,0)</f>
        <v>2.5552969596685831</v>
      </c>
      <c r="O5592" s="58">
        <f>IF(Input!$K$13=2,J5592*Input!$J$13,0)+IF(Input!$K$14=2,K5592*Input!$J$14,0)+IF(Input!$K$15=2,L5592*Input!$J$15,0)+IF(Input!$K$16=2,M5592*Input!$J$16,0)</f>
        <v>0.26005755618107834</v>
      </c>
      <c r="P5592" s="58">
        <f>IF(Input!$K$13=3,J5592*Input!$J$13,0)+IF(Input!$K$14=3,K5592*Input!$J$14,0)+IF(Input!$K$15=3,L5592*Input!$J$15,0)+IF(Input!$K$16=3,M5592*Input!$J$16,0)</f>
        <v>0</v>
      </c>
      <c r="Q5592" s="71">
        <f>IF(Input!$K$13=4,J5592*Input!$J$13,0)+IF(Input!$K$14=4,K5592*Input!$J$14,0)+IF(Input!$K$15=4,L5592*Input!$J$15,0)+IF(Input!$K$16=4,M5592*Input!$J$16,0)</f>
        <v>0</v>
      </c>
    </row>
    <row r="5593" spans="8:17" x14ac:dyDescent="0.25">
      <c r="H5593" s="43">
        <v>5586</v>
      </c>
      <c r="I5593" s="55">
        <f>Bühler!I5619</f>
        <v>0</v>
      </c>
      <c r="J5593" s="58">
        <f>Bühler!J5619</f>
        <v>6.0840403801632945</v>
      </c>
      <c r="K5593" s="58">
        <f>Bühler!K5619</f>
        <v>0.55038636228799664</v>
      </c>
      <c r="L5593" s="58">
        <f>Bühler!L5619</f>
        <v>0.27519318114399832</v>
      </c>
      <c r="M5593" s="57">
        <f>Bühler!M5619</f>
        <v>0</v>
      </c>
      <c r="N5593" s="55">
        <f>IF(Input!$K$13=1,J5593*Input!$J$13,0)+IF(Input!$K$14=1,K5593*Input!$J$14,0)+IF(Input!$K$15=1,L5593*Input!$J$15,0)+IF(Input!$K$16=1,M5593*Input!$J$16,0)</f>
        <v>0.7300848456195953</v>
      </c>
      <c r="O5593" s="58">
        <f>IF(Input!$K$13=2,J5593*Input!$J$13,0)+IF(Input!$K$14=2,K5593*Input!$J$14,0)+IF(Input!$K$15=2,L5593*Input!$J$15,0)+IF(Input!$K$16=2,M5593*Input!$J$16,0)</f>
        <v>7.4302158908879548E-2</v>
      </c>
      <c r="P5593" s="58">
        <f>IF(Input!$K$13=3,J5593*Input!$J$13,0)+IF(Input!$K$14=3,K5593*Input!$J$14,0)+IF(Input!$K$15=3,L5593*Input!$J$15,0)+IF(Input!$K$16=3,M5593*Input!$J$16,0)</f>
        <v>0</v>
      </c>
      <c r="Q5593" s="71">
        <f>IF(Input!$K$13=4,J5593*Input!$J$13,0)+IF(Input!$K$14=4,K5593*Input!$J$14,0)+IF(Input!$K$15=4,L5593*Input!$J$15,0)+IF(Input!$K$16=4,M5593*Input!$J$16,0)</f>
        <v>0</v>
      </c>
    </row>
    <row r="5594" spans="8:17" x14ac:dyDescent="0.25">
      <c r="H5594" s="43">
        <v>5587</v>
      </c>
      <c r="I5594" s="55">
        <f>Bühler!I5620</f>
        <v>0</v>
      </c>
      <c r="J5594" s="58">
        <f>Bühler!J5620</f>
        <v>5.9983496705835302</v>
      </c>
      <c r="K5594" s="58">
        <f>Bühler!K5620</f>
        <v>0.54263444169239095</v>
      </c>
      <c r="L5594" s="58">
        <f>Bühler!L5620</f>
        <v>0.27131722084619547</v>
      </c>
      <c r="M5594" s="57">
        <f>Bühler!M5620</f>
        <v>0</v>
      </c>
      <c r="N5594" s="55">
        <f>IF(Input!$K$13=1,J5594*Input!$J$13,0)+IF(Input!$K$14=1,K5594*Input!$J$14,0)+IF(Input!$K$15=1,L5594*Input!$J$15,0)+IF(Input!$K$16=1,M5594*Input!$J$16,0)</f>
        <v>0.71980196047002365</v>
      </c>
      <c r="O5594" s="58">
        <f>IF(Input!$K$13=2,J5594*Input!$J$13,0)+IF(Input!$K$14=2,K5594*Input!$J$14,0)+IF(Input!$K$15=2,L5594*Input!$J$15,0)+IF(Input!$K$16=2,M5594*Input!$J$16,0)</f>
        <v>7.325564962847278E-2</v>
      </c>
      <c r="P5594" s="58">
        <f>IF(Input!$K$13=3,J5594*Input!$J$13,0)+IF(Input!$K$14=3,K5594*Input!$J$14,0)+IF(Input!$K$15=3,L5594*Input!$J$15,0)+IF(Input!$K$16=3,M5594*Input!$J$16,0)</f>
        <v>0</v>
      </c>
      <c r="Q5594" s="71">
        <f>IF(Input!$K$13=4,J5594*Input!$J$13,0)+IF(Input!$K$14=4,K5594*Input!$J$14,0)+IF(Input!$K$15=4,L5594*Input!$J$15,0)+IF(Input!$K$16=4,M5594*Input!$J$16,0)</f>
        <v>0</v>
      </c>
    </row>
    <row r="5595" spans="8:17" x14ac:dyDescent="0.25">
      <c r="H5595" s="43">
        <v>5588</v>
      </c>
      <c r="I5595" s="55">
        <f>Bühler!I5621</f>
        <v>0</v>
      </c>
      <c r="J5595" s="58">
        <f>Bühler!J5621</f>
        <v>5.9983496705835302</v>
      </c>
      <c r="K5595" s="58">
        <f>Bühler!K5621</f>
        <v>0.54263444169239095</v>
      </c>
      <c r="L5595" s="58">
        <f>Bühler!L5621</f>
        <v>0.27131722084619547</v>
      </c>
      <c r="M5595" s="57">
        <f>Bühler!M5621</f>
        <v>0</v>
      </c>
      <c r="N5595" s="55">
        <f>IF(Input!$K$13=1,J5595*Input!$J$13,0)+IF(Input!$K$14=1,K5595*Input!$J$14,0)+IF(Input!$K$15=1,L5595*Input!$J$15,0)+IF(Input!$K$16=1,M5595*Input!$J$16,0)</f>
        <v>0.71980196047002365</v>
      </c>
      <c r="O5595" s="58">
        <f>IF(Input!$K$13=2,J5595*Input!$J$13,0)+IF(Input!$K$14=2,K5595*Input!$J$14,0)+IF(Input!$K$15=2,L5595*Input!$J$15,0)+IF(Input!$K$16=2,M5595*Input!$J$16,0)</f>
        <v>7.325564962847278E-2</v>
      </c>
      <c r="P5595" s="58">
        <f>IF(Input!$K$13=3,J5595*Input!$J$13,0)+IF(Input!$K$14=3,K5595*Input!$J$14,0)+IF(Input!$K$15=3,L5595*Input!$J$15,0)+IF(Input!$K$16=3,M5595*Input!$J$16,0)</f>
        <v>0</v>
      </c>
      <c r="Q5595" s="71">
        <f>IF(Input!$K$13=4,J5595*Input!$J$13,0)+IF(Input!$K$14=4,K5595*Input!$J$14,0)+IF(Input!$K$15=4,L5595*Input!$J$15,0)+IF(Input!$K$16=4,M5595*Input!$J$16,0)</f>
        <v>0</v>
      </c>
    </row>
    <row r="5596" spans="8:17" x14ac:dyDescent="0.25">
      <c r="H5596" s="43">
        <v>5589</v>
      </c>
      <c r="I5596" s="55">
        <f>Bühler!I5622</f>
        <v>0</v>
      </c>
      <c r="J5596" s="58">
        <f>Bühler!J5622</f>
        <v>5.9983496705835302</v>
      </c>
      <c r="K5596" s="58">
        <f>Bühler!K5622</f>
        <v>0.54263444169239095</v>
      </c>
      <c r="L5596" s="58">
        <f>Bühler!L5622</f>
        <v>0.27131722084619547</v>
      </c>
      <c r="M5596" s="57">
        <f>Bühler!M5622</f>
        <v>0</v>
      </c>
      <c r="N5596" s="55">
        <f>IF(Input!$K$13=1,J5596*Input!$J$13,0)+IF(Input!$K$14=1,K5596*Input!$J$14,0)+IF(Input!$K$15=1,L5596*Input!$J$15,0)+IF(Input!$K$16=1,M5596*Input!$J$16,0)</f>
        <v>0.71980196047002365</v>
      </c>
      <c r="O5596" s="58">
        <f>IF(Input!$K$13=2,J5596*Input!$J$13,0)+IF(Input!$K$14=2,K5596*Input!$J$14,0)+IF(Input!$K$15=2,L5596*Input!$J$15,0)+IF(Input!$K$16=2,M5596*Input!$J$16,0)</f>
        <v>7.325564962847278E-2</v>
      </c>
      <c r="P5596" s="58">
        <f>IF(Input!$K$13=3,J5596*Input!$J$13,0)+IF(Input!$K$14=3,K5596*Input!$J$14,0)+IF(Input!$K$15=3,L5596*Input!$J$15,0)+IF(Input!$K$16=3,M5596*Input!$J$16,0)</f>
        <v>0</v>
      </c>
      <c r="Q5596" s="71">
        <f>IF(Input!$K$13=4,J5596*Input!$J$13,0)+IF(Input!$K$14=4,K5596*Input!$J$14,0)+IF(Input!$K$15=4,L5596*Input!$J$15,0)+IF(Input!$K$16=4,M5596*Input!$J$16,0)</f>
        <v>0</v>
      </c>
    </row>
    <row r="5597" spans="8:17" x14ac:dyDescent="0.25">
      <c r="H5597" s="43">
        <v>5590</v>
      </c>
      <c r="I5597" s="55">
        <f>Bühler!I5623</f>
        <v>0</v>
      </c>
      <c r="J5597" s="58">
        <f>Bühler!J5623</f>
        <v>5.9983496705835302</v>
      </c>
      <c r="K5597" s="58">
        <f>Bühler!K5623</f>
        <v>0.54263444169239095</v>
      </c>
      <c r="L5597" s="58">
        <f>Bühler!L5623</f>
        <v>0.27131722084619547</v>
      </c>
      <c r="M5597" s="57">
        <f>Bühler!M5623</f>
        <v>0</v>
      </c>
      <c r="N5597" s="55">
        <f>IF(Input!$K$13=1,J5597*Input!$J$13,0)+IF(Input!$K$14=1,K5597*Input!$J$14,0)+IF(Input!$K$15=1,L5597*Input!$J$15,0)+IF(Input!$K$16=1,M5597*Input!$J$16,0)</f>
        <v>0.71980196047002365</v>
      </c>
      <c r="O5597" s="58">
        <f>IF(Input!$K$13=2,J5597*Input!$J$13,0)+IF(Input!$K$14=2,K5597*Input!$J$14,0)+IF(Input!$K$15=2,L5597*Input!$J$15,0)+IF(Input!$K$16=2,M5597*Input!$J$16,0)</f>
        <v>7.325564962847278E-2</v>
      </c>
      <c r="P5597" s="58">
        <f>IF(Input!$K$13=3,J5597*Input!$J$13,0)+IF(Input!$K$14=3,K5597*Input!$J$14,0)+IF(Input!$K$15=3,L5597*Input!$J$15,0)+IF(Input!$K$16=3,M5597*Input!$J$16,0)</f>
        <v>0</v>
      </c>
      <c r="Q5597" s="71">
        <f>IF(Input!$K$13=4,J5597*Input!$J$13,0)+IF(Input!$K$14=4,K5597*Input!$J$14,0)+IF(Input!$K$15=4,L5597*Input!$J$15,0)+IF(Input!$K$16=4,M5597*Input!$J$16,0)</f>
        <v>0</v>
      </c>
    </row>
    <row r="5598" spans="8:17" x14ac:dyDescent="0.25">
      <c r="H5598" s="43">
        <v>5591</v>
      </c>
      <c r="I5598" s="55">
        <f>Bühler!I5624</f>
        <v>0</v>
      </c>
      <c r="J5598" s="58">
        <f>Bühler!J5624</f>
        <v>5.9983496705835302</v>
      </c>
      <c r="K5598" s="58">
        <f>Bühler!K5624</f>
        <v>0.54263444169239095</v>
      </c>
      <c r="L5598" s="58">
        <f>Bühler!L5624</f>
        <v>0.27131722084619547</v>
      </c>
      <c r="M5598" s="57">
        <f>Bühler!M5624</f>
        <v>0</v>
      </c>
      <c r="N5598" s="55">
        <f>IF(Input!$K$13=1,J5598*Input!$J$13,0)+IF(Input!$K$14=1,K5598*Input!$J$14,0)+IF(Input!$K$15=1,L5598*Input!$J$15,0)+IF(Input!$K$16=1,M5598*Input!$J$16,0)</f>
        <v>0.71980196047002365</v>
      </c>
      <c r="O5598" s="58">
        <f>IF(Input!$K$13=2,J5598*Input!$J$13,0)+IF(Input!$K$14=2,K5598*Input!$J$14,0)+IF(Input!$K$15=2,L5598*Input!$J$15,0)+IF(Input!$K$16=2,M5598*Input!$J$16,0)</f>
        <v>7.325564962847278E-2</v>
      </c>
      <c r="P5598" s="58">
        <f>IF(Input!$K$13=3,J5598*Input!$J$13,0)+IF(Input!$K$14=3,K5598*Input!$J$14,0)+IF(Input!$K$15=3,L5598*Input!$J$15,0)+IF(Input!$K$16=3,M5598*Input!$J$16,0)</f>
        <v>0</v>
      </c>
      <c r="Q5598" s="71">
        <f>IF(Input!$K$13=4,J5598*Input!$J$13,0)+IF(Input!$K$14=4,K5598*Input!$J$14,0)+IF(Input!$K$15=4,L5598*Input!$J$15,0)+IF(Input!$K$16=4,M5598*Input!$J$16,0)</f>
        <v>0</v>
      </c>
    </row>
    <row r="5599" spans="8:17" x14ac:dyDescent="0.25">
      <c r="H5599" s="43">
        <v>5592</v>
      </c>
      <c r="I5599" s="55">
        <f>Bühler!I5625</f>
        <v>0</v>
      </c>
      <c r="J5599" s="58">
        <f>Bühler!J5625</f>
        <v>5.9983496705835302</v>
      </c>
      <c r="K5599" s="58">
        <f>Bühler!K5625</f>
        <v>0.54263444169239095</v>
      </c>
      <c r="L5599" s="58">
        <f>Bühler!L5625</f>
        <v>0.27131722084619547</v>
      </c>
      <c r="M5599" s="57">
        <f>Bühler!M5625</f>
        <v>0</v>
      </c>
      <c r="N5599" s="55">
        <f>IF(Input!$K$13=1,J5599*Input!$J$13,0)+IF(Input!$K$14=1,K5599*Input!$J$14,0)+IF(Input!$K$15=1,L5599*Input!$J$15,0)+IF(Input!$K$16=1,M5599*Input!$J$16,0)</f>
        <v>0.71980196047002365</v>
      </c>
      <c r="O5599" s="58">
        <f>IF(Input!$K$13=2,J5599*Input!$J$13,0)+IF(Input!$K$14=2,K5599*Input!$J$14,0)+IF(Input!$K$15=2,L5599*Input!$J$15,0)+IF(Input!$K$16=2,M5599*Input!$J$16,0)</f>
        <v>7.325564962847278E-2</v>
      </c>
      <c r="P5599" s="58">
        <f>IF(Input!$K$13=3,J5599*Input!$J$13,0)+IF(Input!$K$14=3,K5599*Input!$J$14,0)+IF(Input!$K$15=3,L5599*Input!$J$15,0)+IF(Input!$K$16=3,M5599*Input!$J$16,0)</f>
        <v>0</v>
      </c>
      <c r="Q5599" s="71">
        <f>IF(Input!$K$13=4,J5599*Input!$J$13,0)+IF(Input!$K$14=4,K5599*Input!$J$14,0)+IF(Input!$K$15=4,L5599*Input!$J$15,0)+IF(Input!$K$16=4,M5599*Input!$J$16,0)</f>
        <v>0</v>
      </c>
    </row>
    <row r="5600" spans="8:17" x14ac:dyDescent="0.25">
      <c r="H5600" s="43">
        <v>5593</v>
      </c>
      <c r="I5600" s="55">
        <f>Bühler!I5626</f>
        <v>0</v>
      </c>
      <c r="J5600" s="58">
        <f>Bühler!J5626</f>
        <v>3.7548927081105314</v>
      </c>
      <c r="K5600" s="58">
        <f>Bühler!K5626</f>
        <v>0.34304001536689588</v>
      </c>
      <c r="L5600" s="58">
        <f>Bühler!L5626</f>
        <v>0.17152000768344794</v>
      </c>
      <c r="M5600" s="57">
        <f>Bühler!M5626</f>
        <v>0</v>
      </c>
      <c r="N5600" s="55">
        <f>IF(Input!$K$13=1,J5600*Input!$J$13,0)+IF(Input!$K$14=1,K5600*Input!$J$14,0)+IF(Input!$K$15=1,L5600*Input!$J$15,0)+IF(Input!$K$16=1,M5600*Input!$J$16,0)</f>
        <v>0.45058712497326375</v>
      </c>
      <c r="O5600" s="58">
        <f>IF(Input!$K$13=2,J5600*Input!$J$13,0)+IF(Input!$K$14=2,K5600*Input!$J$14,0)+IF(Input!$K$15=2,L5600*Input!$J$15,0)+IF(Input!$K$16=2,M5600*Input!$J$16,0)</f>
        <v>4.6310402074530937E-2</v>
      </c>
      <c r="P5600" s="58">
        <f>IF(Input!$K$13=3,J5600*Input!$J$13,0)+IF(Input!$K$14=3,K5600*Input!$J$14,0)+IF(Input!$K$15=3,L5600*Input!$J$15,0)+IF(Input!$K$16=3,M5600*Input!$J$16,0)</f>
        <v>0</v>
      </c>
      <c r="Q5600" s="71">
        <f>IF(Input!$K$13=4,J5600*Input!$J$13,0)+IF(Input!$K$14=4,K5600*Input!$J$14,0)+IF(Input!$K$15=4,L5600*Input!$J$15,0)+IF(Input!$K$16=4,M5600*Input!$J$16,0)</f>
        <v>0</v>
      </c>
    </row>
    <row r="5601" spans="8:17" x14ac:dyDescent="0.25">
      <c r="H5601" s="43">
        <v>5594</v>
      </c>
      <c r="I5601" s="55">
        <f>Bühler!I5627</f>
        <v>0</v>
      </c>
      <c r="J5601" s="58">
        <f>Bühler!J5627</f>
        <v>5.7217412695017638</v>
      </c>
      <c r="K5601" s="58">
        <f>Bühler!K5627</f>
        <v>0.5227276424638414</v>
      </c>
      <c r="L5601" s="58">
        <f>Bühler!L5627</f>
        <v>0.2613638212319207</v>
      </c>
      <c r="M5601" s="57">
        <f>Bühler!M5627</f>
        <v>0</v>
      </c>
      <c r="N5601" s="55">
        <f>IF(Input!$K$13=1,J5601*Input!$J$13,0)+IF(Input!$K$14=1,K5601*Input!$J$14,0)+IF(Input!$K$15=1,L5601*Input!$J$15,0)+IF(Input!$K$16=1,M5601*Input!$J$16,0)</f>
        <v>0.68660895234021158</v>
      </c>
      <c r="O5601" s="58">
        <f>IF(Input!$K$13=2,J5601*Input!$J$13,0)+IF(Input!$K$14=2,K5601*Input!$J$14,0)+IF(Input!$K$15=2,L5601*Input!$J$15,0)+IF(Input!$K$16=2,M5601*Input!$J$16,0)</f>
        <v>7.0568231732618586E-2</v>
      </c>
      <c r="P5601" s="58">
        <f>IF(Input!$K$13=3,J5601*Input!$J$13,0)+IF(Input!$K$14=3,K5601*Input!$J$14,0)+IF(Input!$K$15=3,L5601*Input!$J$15,0)+IF(Input!$K$16=3,M5601*Input!$J$16,0)</f>
        <v>0</v>
      </c>
      <c r="Q5601" s="71">
        <f>IF(Input!$K$13=4,J5601*Input!$J$13,0)+IF(Input!$K$14=4,K5601*Input!$J$14,0)+IF(Input!$K$15=4,L5601*Input!$J$15,0)+IF(Input!$K$16=4,M5601*Input!$J$16,0)</f>
        <v>0</v>
      </c>
    </row>
    <row r="5602" spans="8:17" x14ac:dyDescent="0.25">
      <c r="H5602" s="43">
        <v>5595</v>
      </c>
      <c r="I5602" s="55">
        <f>Bühler!I5628</f>
        <v>0</v>
      </c>
      <c r="J5602" s="58">
        <f>Bühler!J5628</f>
        <v>5.7217412695017638</v>
      </c>
      <c r="K5602" s="58">
        <f>Bühler!K5628</f>
        <v>0.5227276424638414</v>
      </c>
      <c r="L5602" s="58">
        <f>Bühler!L5628</f>
        <v>0.2613638212319207</v>
      </c>
      <c r="M5602" s="57">
        <f>Bühler!M5628</f>
        <v>0</v>
      </c>
      <c r="N5602" s="55">
        <f>IF(Input!$K$13=1,J5602*Input!$J$13,0)+IF(Input!$K$14=1,K5602*Input!$J$14,0)+IF(Input!$K$15=1,L5602*Input!$J$15,0)+IF(Input!$K$16=1,M5602*Input!$J$16,0)</f>
        <v>0.68660895234021158</v>
      </c>
      <c r="O5602" s="58">
        <f>IF(Input!$K$13=2,J5602*Input!$J$13,0)+IF(Input!$K$14=2,K5602*Input!$J$14,0)+IF(Input!$K$15=2,L5602*Input!$J$15,0)+IF(Input!$K$16=2,M5602*Input!$J$16,0)</f>
        <v>7.0568231732618586E-2</v>
      </c>
      <c r="P5602" s="58">
        <f>IF(Input!$K$13=3,J5602*Input!$J$13,0)+IF(Input!$K$14=3,K5602*Input!$J$14,0)+IF(Input!$K$15=3,L5602*Input!$J$15,0)+IF(Input!$K$16=3,M5602*Input!$J$16,0)</f>
        <v>0</v>
      </c>
      <c r="Q5602" s="71">
        <f>IF(Input!$K$13=4,J5602*Input!$J$13,0)+IF(Input!$K$14=4,K5602*Input!$J$14,0)+IF(Input!$K$15=4,L5602*Input!$J$15,0)+IF(Input!$K$16=4,M5602*Input!$J$16,0)</f>
        <v>0</v>
      </c>
    </row>
    <row r="5603" spans="8:17" x14ac:dyDescent="0.25">
      <c r="H5603" s="43">
        <v>5596</v>
      </c>
      <c r="I5603" s="55">
        <f>Bühler!I5629</f>
        <v>0</v>
      </c>
      <c r="J5603" s="58">
        <f>Bühler!J5629</f>
        <v>5.7217412695017638</v>
      </c>
      <c r="K5603" s="58">
        <f>Bühler!K5629</f>
        <v>0.5227276424638414</v>
      </c>
      <c r="L5603" s="58">
        <f>Bühler!L5629</f>
        <v>0.2613638212319207</v>
      </c>
      <c r="M5603" s="57">
        <f>Bühler!M5629</f>
        <v>0</v>
      </c>
      <c r="N5603" s="55">
        <f>IF(Input!$K$13=1,J5603*Input!$J$13,0)+IF(Input!$K$14=1,K5603*Input!$J$14,0)+IF(Input!$K$15=1,L5603*Input!$J$15,0)+IF(Input!$K$16=1,M5603*Input!$J$16,0)</f>
        <v>0.68660895234021158</v>
      </c>
      <c r="O5603" s="58">
        <f>IF(Input!$K$13=2,J5603*Input!$J$13,0)+IF(Input!$K$14=2,K5603*Input!$J$14,0)+IF(Input!$K$15=2,L5603*Input!$J$15,0)+IF(Input!$K$16=2,M5603*Input!$J$16,0)</f>
        <v>7.0568231732618586E-2</v>
      </c>
      <c r="P5603" s="58">
        <f>IF(Input!$K$13=3,J5603*Input!$J$13,0)+IF(Input!$K$14=3,K5603*Input!$J$14,0)+IF(Input!$K$15=3,L5603*Input!$J$15,0)+IF(Input!$K$16=3,M5603*Input!$J$16,0)</f>
        <v>0</v>
      </c>
      <c r="Q5603" s="71">
        <f>IF(Input!$K$13=4,J5603*Input!$J$13,0)+IF(Input!$K$14=4,K5603*Input!$J$14,0)+IF(Input!$K$15=4,L5603*Input!$J$15,0)+IF(Input!$K$16=4,M5603*Input!$J$16,0)</f>
        <v>0</v>
      </c>
    </row>
    <row r="5604" spans="8:17" x14ac:dyDescent="0.25">
      <c r="H5604" s="43">
        <v>5597</v>
      </c>
      <c r="I5604" s="55">
        <f>Bühler!I5630</f>
        <v>0</v>
      </c>
      <c r="J5604" s="58">
        <f>Bühler!J5630</f>
        <v>5.7217412695017638</v>
      </c>
      <c r="K5604" s="58">
        <f>Bühler!K5630</f>
        <v>0.5227276424638414</v>
      </c>
      <c r="L5604" s="58">
        <f>Bühler!L5630</f>
        <v>0.2613638212319207</v>
      </c>
      <c r="M5604" s="57">
        <f>Bühler!M5630</f>
        <v>0</v>
      </c>
      <c r="N5604" s="55">
        <f>IF(Input!$K$13=1,J5604*Input!$J$13,0)+IF(Input!$K$14=1,K5604*Input!$J$14,0)+IF(Input!$K$15=1,L5604*Input!$J$15,0)+IF(Input!$K$16=1,M5604*Input!$J$16,0)</f>
        <v>0.68660895234021158</v>
      </c>
      <c r="O5604" s="58">
        <f>IF(Input!$K$13=2,J5604*Input!$J$13,0)+IF(Input!$K$14=2,K5604*Input!$J$14,0)+IF(Input!$K$15=2,L5604*Input!$J$15,0)+IF(Input!$K$16=2,M5604*Input!$J$16,0)</f>
        <v>7.0568231732618586E-2</v>
      </c>
      <c r="P5604" s="58">
        <f>IF(Input!$K$13=3,J5604*Input!$J$13,0)+IF(Input!$K$14=3,K5604*Input!$J$14,0)+IF(Input!$K$15=3,L5604*Input!$J$15,0)+IF(Input!$K$16=3,M5604*Input!$J$16,0)</f>
        <v>0</v>
      </c>
      <c r="Q5604" s="71">
        <f>IF(Input!$K$13=4,J5604*Input!$J$13,0)+IF(Input!$K$14=4,K5604*Input!$J$14,0)+IF(Input!$K$15=4,L5604*Input!$J$15,0)+IF(Input!$K$16=4,M5604*Input!$J$16,0)</f>
        <v>0</v>
      </c>
    </row>
    <row r="5605" spans="8:17" x14ac:dyDescent="0.25">
      <c r="H5605" s="43">
        <v>5598</v>
      </c>
      <c r="I5605" s="55">
        <f>Bühler!I5631</f>
        <v>0</v>
      </c>
      <c r="J5605" s="58">
        <f>Bühler!J5631</f>
        <v>5.7217412695017638</v>
      </c>
      <c r="K5605" s="58">
        <f>Bühler!K5631</f>
        <v>0.5227276424638414</v>
      </c>
      <c r="L5605" s="58">
        <f>Bühler!L5631</f>
        <v>0.2613638212319207</v>
      </c>
      <c r="M5605" s="57">
        <f>Bühler!M5631</f>
        <v>0</v>
      </c>
      <c r="N5605" s="55">
        <f>IF(Input!$K$13=1,J5605*Input!$J$13,0)+IF(Input!$K$14=1,K5605*Input!$J$14,0)+IF(Input!$K$15=1,L5605*Input!$J$15,0)+IF(Input!$K$16=1,M5605*Input!$J$16,0)</f>
        <v>0.68660895234021158</v>
      </c>
      <c r="O5605" s="58">
        <f>IF(Input!$K$13=2,J5605*Input!$J$13,0)+IF(Input!$K$14=2,K5605*Input!$J$14,0)+IF(Input!$K$15=2,L5605*Input!$J$15,0)+IF(Input!$K$16=2,M5605*Input!$J$16,0)</f>
        <v>7.0568231732618586E-2</v>
      </c>
      <c r="P5605" s="58">
        <f>IF(Input!$K$13=3,J5605*Input!$J$13,0)+IF(Input!$K$14=3,K5605*Input!$J$14,0)+IF(Input!$K$15=3,L5605*Input!$J$15,0)+IF(Input!$K$16=3,M5605*Input!$J$16,0)</f>
        <v>0</v>
      </c>
      <c r="Q5605" s="71">
        <f>IF(Input!$K$13=4,J5605*Input!$J$13,0)+IF(Input!$K$14=4,K5605*Input!$J$14,0)+IF(Input!$K$15=4,L5605*Input!$J$15,0)+IF(Input!$K$16=4,M5605*Input!$J$16,0)</f>
        <v>0</v>
      </c>
    </row>
    <row r="5606" spans="8:17" x14ac:dyDescent="0.25">
      <c r="H5606" s="43">
        <v>5599</v>
      </c>
      <c r="I5606" s="55">
        <f>Bühler!I5632</f>
        <v>0</v>
      </c>
      <c r="J5606" s="58">
        <f>Bühler!J5632</f>
        <v>5.7217412695017638</v>
      </c>
      <c r="K5606" s="58">
        <f>Bühler!K5632</f>
        <v>0.5227276424638414</v>
      </c>
      <c r="L5606" s="58">
        <f>Bühler!L5632</f>
        <v>0.2613638212319207</v>
      </c>
      <c r="M5606" s="57">
        <f>Bühler!M5632</f>
        <v>0</v>
      </c>
      <c r="N5606" s="55">
        <f>IF(Input!$K$13=1,J5606*Input!$J$13,0)+IF(Input!$K$14=1,K5606*Input!$J$14,0)+IF(Input!$K$15=1,L5606*Input!$J$15,0)+IF(Input!$K$16=1,M5606*Input!$J$16,0)</f>
        <v>0.68660895234021158</v>
      </c>
      <c r="O5606" s="58">
        <f>IF(Input!$K$13=2,J5606*Input!$J$13,0)+IF(Input!$K$14=2,K5606*Input!$J$14,0)+IF(Input!$K$15=2,L5606*Input!$J$15,0)+IF(Input!$K$16=2,M5606*Input!$J$16,0)</f>
        <v>7.0568231732618586E-2</v>
      </c>
      <c r="P5606" s="58">
        <f>IF(Input!$K$13=3,J5606*Input!$J$13,0)+IF(Input!$K$14=3,K5606*Input!$J$14,0)+IF(Input!$K$15=3,L5606*Input!$J$15,0)+IF(Input!$K$16=3,M5606*Input!$J$16,0)</f>
        <v>0</v>
      </c>
      <c r="Q5606" s="71">
        <f>IF(Input!$K$13=4,J5606*Input!$J$13,0)+IF(Input!$K$14=4,K5606*Input!$J$14,0)+IF(Input!$K$15=4,L5606*Input!$J$15,0)+IF(Input!$K$16=4,M5606*Input!$J$16,0)</f>
        <v>0</v>
      </c>
    </row>
    <row r="5607" spans="8:17" x14ac:dyDescent="0.25">
      <c r="H5607" s="43">
        <v>5600</v>
      </c>
      <c r="I5607" s="55">
        <f>Bühler!I5633</f>
        <v>0</v>
      </c>
      <c r="J5607" s="58">
        <f>Bühler!J5633</f>
        <v>24.120715539243367</v>
      </c>
      <c r="K5607" s="58">
        <f>Bühler!K5633</f>
        <v>2.2036237177616309</v>
      </c>
      <c r="L5607" s="58">
        <f>Bühler!L5633</f>
        <v>1.1018118588808155</v>
      </c>
      <c r="M5607" s="57">
        <f>Bühler!M5633</f>
        <v>0</v>
      </c>
      <c r="N5607" s="55">
        <f>IF(Input!$K$13=1,J5607*Input!$J$13,0)+IF(Input!$K$14=1,K5607*Input!$J$14,0)+IF(Input!$K$15=1,L5607*Input!$J$15,0)+IF(Input!$K$16=1,M5607*Input!$J$16,0)</f>
        <v>2.8944858647092038</v>
      </c>
      <c r="O5607" s="58">
        <f>IF(Input!$K$13=2,J5607*Input!$J$13,0)+IF(Input!$K$14=2,K5607*Input!$J$14,0)+IF(Input!$K$15=2,L5607*Input!$J$15,0)+IF(Input!$K$16=2,M5607*Input!$J$16,0)</f>
        <v>0.29748920189782013</v>
      </c>
      <c r="P5607" s="58">
        <f>IF(Input!$K$13=3,J5607*Input!$J$13,0)+IF(Input!$K$14=3,K5607*Input!$J$14,0)+IF(Input!$K$15=3,L5607*Input!$J$15,0)+IF(Input!$K$16=3,M5607*Input!$J$16,0)</f>
        <v>0</v>
      </c>
      <c r="Q5607" s="71">
        <f>IF(Input!$K$13=4,J5607*Input!$J$13,0)+IF(Input!$K$14=4,K5607*Input!$J$14,0)+IF(Input!$K$15=4,L5607*Input!$J$15,0)+IF(Input!$K$16=4,M5607*Input!$J$16,0)</f>
        <v>0</v>
      </c>
    </row>
    <row r="5608" spans="8:17" x14ac:dyDescent="0.25">
      <c r="H5608" s="43">
        <v>5601</v>
      </c>
      <c r="I5608" s="55">
        <f>Bühler!I5634</f>
        <v>0</v>
      </c>
      <c r="J5608" s="58">
        <f>Bühler!J5634</f>
        <v>26.913640496418914</v>
      </c>
      <c r="K5608" s="58">
        <f>Bühler!K5634</f>
        <v>2.4587801482392937</v>
      </c>
      <c r="L5608" s="58">
        <f>Bühler!L5634</f>
        <v>1.2293900741196468</v>
      </c>
      <c r="M5608" s="57">
        <f>Bühler!M5634</f>
        <v>0</v>
      </c>
      <c r="N5608" s="55">
        <f>IF(Input!$K$13=1,J5608*Input!$J$13,0)+IF(Input!$K$14=1,K5608*Input!$J$14,0)+IF(Input!$K$15=1,L5608*Input!$J$15,0)+IF(Input!$K$16=1,M5608*Input!$J$16,0)</f>
        <v>3.2296368595702694</v>
      </c>
      <c r="O5608" s="58">
        <f>IF(Input!$K$13=2,J5608*Input!$J$13,0)+IF(Input!$K$14=2,K5608*Input!$J$14,0)+IF(Input!$K$15=2,L5608*Input!$J$15,0)+IF(Input!$K$16=2,M5608*Input!$J$16,0)</f>
        <v>0.33193532001230464</v>
      </c>
      <c r="P5608" s="58">
        <f>IF(Input!$K$13=3,J5608*Input!$J$13,0)+IF(Input!$K$14=3,K5608*Input!$J$14,0)+IF(Input!$K$15=3,L5608*Input!$J$15,0)+IF(Input!$K$16=3,M5608*Input!$J$16,0)</f>
        <v>0</v>
      </c>
      <c r="Q5608" s="71">
        <f>IF(Input!$K$13=4,J5608*Input!$J$13,0)+IF(Input!$K$14=4,K5608*Input!$J$14,0)+IF(Input!$K$15=4,L5608*Input!$J$15,0)+IF(Input!$K$16=4,M5608*Input!$J$16,0)</f>
        <v>0</v>
      </c>
    </row>
    <row r="5609" spans="8:17" x14ac:dyDescent="0.25">
      <c r="H5609" s="43">
        <v>5602</v>
      </c>
      <c r="I5609" s="55">
        <f>Bühler!I5635</f>
        <v>0</v>
      </c>
      <c r="J5609" s="58">
        <f>Bühler!J5635</f>
        <v>29.706565453594465</v>
      </c>
      <c r="K5609" s="58">
        <f>Bühler!K5635</f>
        <v>2.7139365787169565</v>
      </c>
      <c r="L5609" s="58">
        <f>Bühler!L5635</f>
        <v>1.3569682893584782</v>
      </c>
      <c r="M5609" s="57">
        <f>Bühler!M5635</f>
        <v>0</v>
      </c>
      <c r="N5609" s="55">
        <f>IF(Input!$K$13=1,J5609*Input!$J$13,0)+IF(Input!$K$14=1,K5609*Input!$J$14,0)+IF(Input!$K$15=1,L5609*Input!$J$15,0)+IF(Input!$K$16=1,M5609*Input!$J$16,0)</f>
        <v>3.5647878544313358</v>
      </c>
      <c r="O5609" s="58">
        <f>IF(Input!$K$13=2,J5609*Input!$J$13,0)+IF(Input!$K$14=2,K5609*Input!$J$14,0)+IF(Input!$K$15=2,L5609*Input!$J$15,0)+IF(Input!$K$16=2,M5609*Input!$J$16,0)</f>
        <v>0.36638143812678914</v>
      </c>
      <c r="P5609" s="58">
        <f>IF(Input!$K$13=3,J5609*Input!$J$13,0)+IF(Input!$K$14=3,K5609*Input!$J$14,0)+IF(Input!$K$15=3,L5609*Input!$J$15,0)+IF(Input!$K$16=3,M5609*Input!$J$16,0)</f>
        <v>0</v>
      </c>
      <c r="Q5609" s="71">
        <f>IF(Input!$K$13=4,J5609*Input!$J$13,0)+IF(Input!$K$14=4,K5609*Input!$J$14,0)+IF(Input!$K$15=4,L5609*Input!$J$15,0)+IF(Input!$K$16=4,M5609*Input!$J$16,0)</f>
        <v>0</v>
      </c>
    </row>
    <row r="5610" spans="8:17" x14ac:dyDescent="0.25">
      <c r="H5610" s="43">
        <v>5603</v>
      </c>
      <c r="I5610" s="55">
        <f>Bühler!I5636</f>
        <v>0</v>
      </c>
      <c r="J5610" s="58">
        <f>Bühler!J5636</f>
        <v>29.706565453594465</v>
      </c>
      <c r="K5610" s="58">
        <f>Bühler!K5636</f>
        <v>2.7139365787169565</v>
      </c>
      <c r="L5610" s="58">
        <f>Bühler!L5636</f>
        <v>1.3569682893584782</v>
      </c>
      <c r="M5610" s="57">
        <f>Bühler!M5636</f>
        <v>0</v>
      </c>
      <c r="N5610" s="55">
        <f>IF(Input!$K$13=1,J5610*Input!$J$13,0)+IF(Input!$K$14=1,K5610*Input!$J$14,0)+IF(Input!$K$15=1,L5610*Input!$J$15,0)+IF(Input!$K$16=1,M5610*Input!$J$16,0)</f>
        <v>3.5647878544313358</v>
      </c>
      <c r="O5610" s="58">
        <f>IF(Input!$K$13=2,J5610*Input!$J$13,0)+IF(Input!$K$14=2,K5610*Input!$J$14,0)+IF(Input!$K$15=2,L5610*Input!$J$15,0)+IF(Input!$K$16=2,M5610*Input!$J$16,0)</f>
        <v>0.36638143812678914</v>
      </c>
      <c r="P5610" s="58">
        <f>IF(Input!$K$13=3,J5610*Input!$J$13,0)+IF(Input!$K$14=3,K5610*Input!$J$14,0)+IF(Input!$K$15=3,L5610*Input!$J$15,0)+IF(Input!$K$16=3,M5610*Input!$J$16,0)</f>
        <v>0</v>
      </c>
      <c r="Q5610" s="71">
        <f>IF(Input!$K$13=4,J5610*Input!$J$13,0)+IF(Input!$K$14=4,K5610*Input!$J$14,0)+IF(Input!$K$15=4,L5610*Input!$J$15,0)+IF(Input!$K$16=4,M5610*Input!$J$16,0)</f>
        <v>0</v>
      </c>
    </row>
    <row r="5611" spans="8:17" x14ac:dyDescent="0.25">
      <c r="H5611" s="43">
        <v>5604</v>
      </c>
      <c r="I5611" s="55">
        <f>Bühler!I5637</f>
        <v>0</v>
      </c>
      <c r="J5611" s="58">
        <f>Bühler!J5637</f>
        <v>35.54631763677969</v>
      </c>
      <c r="K5611" s="58">
        <f>Bühler!K5637</f>
        <v>3.2474454788066138</v>
      </c>
      <c r="L5611" s="58">
        <f>Bühler!L5637</f>
        <v>1.6237227394033069</v>
      </c>
      <c r="M5611" s="57">
        <f>Bühler!M5637</f>
        <v>0</v>
      </c>
      <c r="N5611" s="55">
        <f>IF(Input!$K$13=1,J5611*Input!$J$13,0)+IF(Input!$K$14=1,K5611*Input!$J$14,0)+IF(Input!$K$15=1,L5611*Input!$J$15,0)+IF(Input!$K$16=1,M5611*Input!$J$16,0)</f>
        <v>4.2655581164135628</v>
      </c>
      <c r="O5611" s="58">
        <f>IF(Input!$K$13=2,J5611*Input!$J$13,0)+IF(Input!$K$14=2,K5611*Input!$J$14,0)+IF(Input!$K$15=2,L5611*Input!$J$15,0)+IF(Input!$K$16=2,M5611*Input!$J$16,0)</f>
        <v>0.43840513963889283</v>
      </c>
      <c r="P5611" s="58">
        <f>IF(Input!$K$13=3,J5611*Input!$J$13,0)+IF(Input!$K$14=3,K5611*Input!$J$14,0)+IF(Input!$K$15=3,L5611*Input!$J$15,0)+IF(Input!$K$16=3,M5611*Input!$J$16,0)</f>
        <v>0</v>
      </c>
      <c r="Q5611" s="71">
        <f>IF(Input!$K$13=4,J5611*Input!$J$13,0)+IF(Input!$K$14=4,K5611*Input!$J$14,0)+IF(Input!$K$15=4,L5611*Input!$J$15,0)+IF(Input!$K$16=4,M5611*Input!$J$16,0)</f>
        <v>0</v>
      </c>
    </row>
    <row r="5612" spans="8:17" x14ac:dyDescent="0.25">
      <c r="H5612" s="43">
        <v>5605</v>
      </c>
      <c r="I5612" s="55">
        <f>Bühler!I5638</f>
        <v>0</v>
      </c>
      <c r="J5612" s="58">
        <f>Bühler!J5638</f>
        <v>35.54631763677969</v>
      </c>
      <c r="K5612" s="58">
        <f>Bühler!K5638</f>
        <v>3.2474454788066138</v>
      </c>
      <c r="L5612" s="58">
        <f>Bühler!L5638</f>
        <v>1.6237227394033069</v>
      </c>
      <c r="M5612" s="57">
        <f>Bühler!M5638</f>
        <v>0</v>
      </c>
      <c r="N5612" s="55">
        <f>IF(Input!$K$13=1,J5612*Input!$J$13,0)+IF(Input!$K$14=1,K5612*Input!$J$14,0)+IF(Input!$K$15=1,L5612*Input!$J$15,0)+IF(Input!$K$16=1,M5612*Input!$J$16,0)</f>
        <v>4.2655581164135628</v>
      </c>
      <c r="O5612" s="58">
        <f>IF(Input!$K$13=2,J5612*Input!$J$13,0)+IF(Input!$K$14=2,K5612*Input!$J$14,0)+IF(Input!$K$15=2,L5612*Input!$J$15,0)+IF(Input!$K$16=2,M5612*Input!$J$16,0)</f>
        <v>0.43840513963889283</v>
      </c>
      <c r="P5612" s="58">
        <f>IF(Input!$K$13=3,J5612*Input!$J$13,0)+IF(Input!$K$14=3,K5612*Input!$J$14,0)+IF(Input!$K$15=3,L5612*Input!$J$15,0)+IF(Input!$K$16=3,M5612*Input!$J$16,0)</f>
        <v>0</v>
      </c>
      <c r="Q5612" s="71">
        <f>IF(Input!$K$13=4,J5612*Input!$J$13,0)+IF(Input!$K$14=4,K5612*Input!$J$14,0)+IF(Input!$K$15=4,L5612*Input!$J$15,0)+IF(Input!$K$16=4,M5612*Input!$J$16,0)</f>
        <v>0</v>
      </c>
    </row>
    <row r="5613" spans="8:17" x14ac:dyDescent="0.25">
      <c r="H5613" s="43">
        <v>5606</v>
      </c>
      <c r="I5613" s="55">
        <f>Bühler!I5639</f>
        <v>0</v>
      </c>
      <c r="J5613" s="58">
        <f>Bühler!J5639</f>
        <v>23.612911001575082</v>
      </c>
      <c r="K5613" s="58">
        <f>Bühler!K5639</f>
        <v>2.1572316394929647</v>
      </c>
      <c r="L5613" s="58">
        <f>Bühler!L5639</f>
        <v>1.0786158197464824</v>
      </c>
      <c r="M5613" s="57">
        <f>Bühler!M5639</f>
        <v>0</v>
      </c>
      <c r="N5613" s="55">
        <f>IF(Input!$K$13=1,J5613*Input!$J$13,0)+IF(Input!$K$14=1,K5613*Input!$J$14,0)+IF(Input!$K$15=1,L5613*Input!$J$15,0)+IF(Input!$K$16=1,M5613*Input!$J$16,0)</f>
        <v>2.8335493201890096</v>
      </c>
      <c r="O5613" s="58">
        <f>IF(Input!$K$13=2,J5613*Input!$J$13,0)+IF(Input!$K$14=2,K5613*Input!$J$14,0)+IF(Input!$K$15=2,L5613*Input!$J$15,0)+IF(Input!$K$16=2,M5613*Input!$J$16,0)</f>
        <v>0.29122627133155021</v>
      </c>
      <c r="P5613" s="58">
        <f>IF(Input!$K$13=3,J5613*Input!$J$13,0)+IF(Input!$K$14=3,K5613*Input!$J$14,0)+IF(Input!$K$15=3,L5613*Input!$J$15,0)+IF(Input!$K$16=3,M5613*Input!$J$16,0)</f>
        <v>0</v>
      </c>
      <c r="Q5613" s="71">
        <f>IF(Input!$K$13=4,J5613*Input!$J$13,0)+IF(Input!$K$14=4,K5613*Input!$J$14,0)+IF(Input!$K$15=4,L5613*Input!$J$15,0)+IF(Input!$K$16=4,M5613*Input!$J$16,0)</f>
        <v>0</v>
      </c>
    </row>
    <row r="5614" spans="8:17" x14ac:dyDescent="0.25">
      <c r="H5614" s="43">
        <v>5607</v>
      </c>
      <c r="I5614" s="55">
        <f>Bühler!I5640</f>
        <v>0</v>
      </c>
      <c r="J5614" s="58">
        <f>Bühler!J5640</f>
        <v>35.54631763677969</v>
      </c>
      <c r="K5614" s="58">
        <f>Bühler!K5640</f>
        <v>3.2474454788066138</v>
      </c>
      <c r="L5614" s="58">
        <f>Bühler!L5640</f>
        <v>1.6237227394033069</v>
      </c>
      <c r="M5614" s="57">
        <f>Bühler!M5640</f>
        <v>0</v>
      </c>
      <c r="N5614" s="55">
        <f>IF(Input!$K$13=1,J5614*Input!$J$13,0)+IF(Input!$K$14=1,K5614*Input!$J$14,0)+IF(Input!$K$15=1,L5614*Input!$J$15,0)+IF(Input!$K$16=1,M5614*Input!$J$16,0)</f>
        <v>4.2655581164135628</v>
      </c>
      <c r="O5614" s="58">
        <f>IF(Input!$K$13=2,J5614*Input!$J$13,0)+IF(Input!$K$14=2,K5614*Input!$J$14,0)+IF(Input!$K$15=2,L5614*Input!$J$15,0)+IF(Input!$K$16=2,M5614*Input!$J$16,0)</f>
        <v>0.43840513963889283</v>
      </c>
      <c r="P5614" s="58">
        <f>IF(Input!$K$13=3,J5614*Input!$J$13,0)+IF(Input!$K$14=3,K5614*Input!$J$14,0)+IF(Input!$K$15=3,L5614*Input!$J$15,0)+IF(Input!$K$16=3,M5614*Input!$J$16,0)</f>
        <v>0</v>
      </c>
      <c r="Q5614" s="71">
        <f>IF(Input!$K$13=4,J5614*Input!$J$13,0)+IF(Input!$K$14=4,K5614*Input!$J$14,0)+IF(Input!$K$15=4,L5614*Input!$J$15,0)+IF(Input!$K$16=4,M5614*Input!$J$16,0)</f>
        <v>0</v>
      </c>
    </row>
    <row r="5615" spans="8:17" x14ac:dyDescent="0.25">
      <c r="H5615" s="43">
        <v>5608</v>
      </c>
      <c r="I5615" s="55">
        <f>Bühler!I5641</f>
        <v>0</v>
      </c>
      <c r="J5615" s="58">
        <f>Bühler!J5641</f>
        <v>35.54631763677969</v>
      </c>
      <c r="K5615" s="58">
        <f>Bühler!K5641</f>
        <v>3.2474454788066138</v>
      </c>
      <c r="L5615" s="58">
        <f>Bühler!L5641</f>
        <v>1.6237227394033069</v>
      </c>
      <c r="M5615" s="57">
        <f>Bühler!M5641</f>
        <v>0</v>
      </c>
      <c r="N5615" s="55">
        <f>IF(Input!$K$13=1,J5615*Input!$J$13,0)+IF(Input!$K$14=1,K5615*Input!$J$14,0)+IF(Input!$K$15=1,L5615*Input!$J$15,0)+IF(Input!$K$16=1,M5615*Input!$J$16,0)</f>
        <v>4.2655581164135628</v>
      </c>
      <c r="O5615" s="58">
        <f>IF(Input!$K$13=2,J5615*Input!$J$13,0)+IF(Input!$K$14=2,K5615*Input!$J$14,0)+IF(Input!$K$15=2,L5615*Input!$J$15,0)+IF(Input!$K$16=2,M5615*Input!$J$16,0)</f>
        <v>0.43840513963889283</v>
      </c>
      <c r="P5615" s="58">
        <f>IF(Input!$K$13=3,J5615*Input!$J$13,0)+IF(Input!$K$14=3,K5615*Input!$J$14,0)+IF(Input!$K$15=3,L5615*Input!$J$15,0)+IF(Input!$K$16=3,M5615*Input!$J$16,0)</f>
        <v>0</v>
      </c>
      <c r="Q5615" s="71">
        <f>IF(Input!$K$13=4,J5615*Input!$J$13,0)+IF(Input!$K$14=4,K5615*Input!$J$14,0)+IF(Input!$K$15=4,L5615*Input!$J$15,0)+IF(Input!$K$16=4,M5615*Input!$J$16,0)</f>
        <v>0</v>
      </c>
    </row>
    <row r="5616" spans="8:17" x14ac:dyDescent="0.25">
      <c r="H5616" s="43">
        <v>5609</v>
      </c>
      <c r="I5616" s="55">
        <f>Bühler!I5642</f>
        <v>0</v>
      </c>
      <c r="J5616" s="58">
        <f>Bühler!J5642</f>
        <v>20.946937178816608</v>
      </c>
      <c r="K5616" s="58">
        <f>Bühler!K5642</f>
        <v>1.9136732285824691</v>
      </c>
      <c r="L5616" s="58">
        <f>Bühler!L5642</f>
        <v>0.95683661429123457</v>
      </c>
      <c r="M5616" s="57">
        <f>Bühler!M5642</f>
        <v>0</v>
      </c>
      <c r="N5616" s="55">
        <f>IF(Input!$K$13=1,J5616*Input!$J$13,0)+IF(Input!$K$14=1,K5616*Input!$J$14,0)+IF(Input!$K$15=1,L5616*Input!$J$15,0)+IF(Input!$K$16=1,M5616*Input!$J$16,0)</f>
        <v>2.513632461457993</v>
      </c>
      <c r="O5616" s="58">
        <f>IF(Input!$K$13=2,J5616*Input!$J$13,0)+IF(Input!$K$14=2,K5616*Input!$J$14,0)+IF(Input!$K$15=2,L5616*Input!$J$15,0)+IF(Input!$K$16=2,M5616*Input!$J$16,0)</f>
        <v>0.25834588585863333</v>
      </c>
      <c r="P5616" s="58">
        <f>IF(Input!$K$13=3,J5616*Input!$J$13,0)+IF(Input!$K$14=3,K5616*Input!$J$14,0)+IF(Input!$K$15=3,L5616*Input!$J$15,0)+IF(Input!$K$16=3,M5616*Input!$J$16,0)</f>
        <v>0</v>
      </c>
      <c r="Q5616" s="71">
        <f>IF(Input!$K$13=4,J5616*Input!$J$13,0)+IF(Input!$K$14=4,K5616*Input!$J$14,0)+IF(Input!$K$15=4,L5616*Input!$J$15,0)+IF(Input!$K$16=4,M5616*Input!$J$16,0)</f>
        <v>0</v>
      </c>
    </row>
    <row r="5617" spans="8:17" x14ac:dyDescent="0.25">
      <c r="H5617" s="43">
        <v>5610</v>
      </c>
      <c r="I5617" s="55">
        <f>Bühler!I5643</f>
        <v>0</v>
      </c>
      <c r="J5617" s="58">
        <f>Bühler!J5643</f>
        <v>8.9402207335965045</v>
      </c>
      <c r="K5617" s="58">
        <f>Bühler!K5643</f>
        <v>0.81676194134975211</v>
      </c>
      <c r="L5617" s="58">
        <f>Bühler!L5643</f>
        <v>0.40838097067487605</v>
      </c>
      <c r="M5617" s="57">
        <f>Bühler!M5643</f>
        <v>0</v>
      </c>
      <c r="N5617" s="55">
        <f>IF(Input!$K$13=1,J5617*Input!$J$13,0)+IF(Input!$K$14=1,K5617*Input!$J$14,0)+IF(Input!$K$15=1,L5617*Input!$J$15,0)+IF(Input!$K$16=1,M5617*Input!$J$16,0)</f>
        <v>1.0728264880315805</v>
      </c>
      <c r="O5617" s="58">
        <f>IF(Input!$K$13=2,J5617*Input!$J$13,0)+IF(Input!$K$14=2,K5617*Input!$J$14,0)+IF(Input!$K$15=2,L5617*Input!$J$15,0)+IF(Input!$K$16=2,M5617*Input!$J$16,0)</f>
        <v>0.11026286208221653</v>
      </c>
      <c r="P5617" s="58">
        <f>IF(Input!$K$13=3,J5617*Input!$J$13,0)+IF(Input!$K$14=3,K5617*Input!$J$14,0)+IF(Input!$K$15=3,L5617*Input!$J$15,0)+IF(Input!$K$16=3,M5617*Input!$J$16,0)</f>
        <v>0</v>
      </c>
      <c r="Q5617" s="71">
        <f>IF(Input!$K$13=4,J5617*Input!$J$13,0)+IF(Input!$K$14=4,K5617*Input!$J$14,0)+IF(Input!$K$15=4,L5617*Input!$J$15,0)+IF(Input!$K$16=4,M5617*Input!$J$16,0)</f>
        <v>0</v>
      </c>
    </row>
    <row r="5618" spans="8:17" x14ac:dyDescent="0.25">
      <c r="H5618" s="43">
        <v>5611</v>
      </c>
      <c r="I5618" s="55">
        <f>Bühler!I5644</f>
        <v>0</v>
      </c>
      <c r="J5618" s="58">
        <f>Bühler!J5644</f>
        <v>5.9005456841736912</v>
      </c>
      <c r="K5618" s="58">
        <f>Bühler!K5644</f>
        <v>0.53906288129083624</v>
      </c>
      <c r="L5618" s="58">
        <f>Bühler!L5644</f>
        <v>0.26953144064541812</v>
      </c>
      <c r="M5618" s="57">
        <f>Bühler!M5644</f>
        <v>0</v>
      </c>
      <c r="N5618" s="55">
        <f>IF(Input!$K$13=1,J5618*Input!$J$13,0)+IF(Input!$K$14=1,K5618*Input!$J$14,0)+IF(Input!$K$15=1,L5618*Input!$J$15,0)+IF(Input!$K$16=1,M5618*Input!$J$16,0)</f>
        <v>0.70806548210084297</v>
      </c>
      <c r="O5618" s="58">
        <f>IF(Input!$K$13=2,J5618*Input!$J$13,0)+IF(Input!$K$14=2,K5618*Input!$J$14,0)+IF(Input!$K$15=2,L5618*Input!$J$15,0)+IF(Input!$K$16=2,M5618*Input!$J$16,0)</f>
        <v>7.277348897426289E-2</v>
      </c>
      <c r="P5618" s="58">
        <f>IF(Input!$K$13=3,J5618*Input!$J$13,0)+IF(Input!$K$14=3,K5618*Input!$J$14,0)+IF(Input!$K$15=3,L5618*Input!$J$15,0)+IF(Input!$K$16=3,M5618*Input!$J$16,0)</f>
        <v>0</v>
      </c>
      <c r="Q5618" s="71">
        <f>IF(Input!$K$13=4,J5618*Input!$J$13,0)+IF(Input!$K$14=4,K5618*Input!$J$14,0)+IF(Input!$K$15=4,L5618*Input!$J$15,0)+IF(Input!$K$16=4,M5618*Input!$J$16,0)</f>
        <v>0</v>
      </c>
    </row>
    <row r="5619" spans="8:17" x14ac:dyDescent="0.25">
      <c r="H5619" s="43">
        <v>5612</v>
      </c>
      <c r="I5619" s="55">
        <f>Bühler!I5645</f>
        <v>0</v>
      </c>
      <c r="J5619" s="58">
        <f>Bühler!J5645</f>
        <v>5.9005456841736912</v>
      </c>
      <c r="K5619" s="58">
        <f>Bühler!K5645</f>
        <v>0.53906288129083624</v>
      </c>
      <c r="L5619" s="58">
        <f>Bühler!L5645</f>
        <v>0.26953144064541812</v>
      </c>
      <c r="M5619" s="57">
        <f>Bühler!M5645</f>
        <v>0</v>
      </c>
      <c r="N5619" s="55">
        <f>IF(Input!$K$13=1,J5619*Input!$J$13,0)+IF(Input!$K$14=1,K5619*Input!$J$14,0)+IF(Input!$K$15=1,L5619*Input!$J$15,0)+IF(Input!$K$16=1,M5619*Input!$J$16,0)</f>
        <v>0.70806548210084297</v>
      </c>
      <c r="O5619" s="58">
        <f>IF(Input!$K$13=2,J5619*Input!$J$13,0)+IF(Input!$K$14=2,K5619*Input!$J$14,0)+IF(Input!$K$15=2,L5619*Input!$J$15,0)+IF(Input!$K$16=2,M5619*Input!$J$16,0)</f>
        <v>7.277348897426289E-2</v>
      </c>
      <c r="P5619" s="58">
        <f>IF(Input!$K$13=3,J5619*Input!$J$13,0)+IF(Input!$K$14=3,K5619*Input!$J$14,0)+IF(Input!$K$15=3,L5619*Input!$J$15,0)+IF(Input!$K$16=3,M5619*Input!$J$16,0)</f>
        <v>0</v>
      </c>
      <c r="Q5619" s="71">
        <f>IF(Input!$K$13=4,J5619*Input!$J$13,0)+IF(Input!$K$14=4,K5619*Input!$J$14,0)+IF(Input!$K$15=4,L5619*Input!$J$15,0)+IF(Input!$K$16=4,M5619*Input!$J$16,0)</f>
        <v>0</v>
      </c>
    </row>
    <row r="5620" spans="8:17" x14ac:dyDescent="0.25">
      <c r="H5620" s="43">
        <v>5613</v>
      </c>
      <c r="I5620" s="55">
        <f>Bühler!I5646</f>
        <v>0</v>
      </c>
      <c r="J5620" s="58">
        <f>Bühler!J5646</f>
        <v>5.9005456841736912</v>
      </c>
      <c r="K5620" s="58">
        <f>Bühler!K5646</f>
        <v>0.53906288129083624</v>
      </c>
      <c r="L5620" s="58">
        <f>Bühler!L5646</f>
        <v>0.26953144064541812</v>
      </c>
      <c r="M5620" s="57">
        <f>Bühler!M5646</f>
        <v>0</v>
      </c>
      <c r="N5620" s="55">
        <f>IF(Input!$K$13=1,J5620*Input!$J$13,0)+IF(Input!$K$14=1,K5620*Input!$J$14,0)+IF(Input!$K$15=1,L5620*Input!$J$15,0)+IF(Input!$K$16=1,M5620*Input!$J$16,0)</f>
        <v>0.70806548210084297</v>
      </c>
      <c r="O5620" s="58">
        <f>IF(Input!$K$13=2,J5620*Input!$J$13,0)+IF(Input!$K$14=2,K5620*Input!$J$14,0)+IF(Input!$K$15=2,L5620*Input!$J$15,0)+IF(Input!$K$16=2,M5620*Input!$J$16,0)</f>
        <v>7.277348897426289E-2</v>
      </c>
      <c r="P5620" s="58">
        <f>IF(Input!$K$13=3,J5620*Input!$J$13,0)+IF(Input!$K$14=3,K5620*Input!$J$14,0)+IF(Input!$K$15=3,L5620*Input!$J$15,0)+IF(Input!$K$16=3,M5620*Input!$J$16,0)</f>
        <v>0</v>
      </c>
      <c r="Q5620" s="71">
        <f>IF(Input!$K$13=4,J5620*Input!$J$13,0)+IF(Input!$K$14=4,K5620*Input!$J$14,0)+IF(Input!$K$15=4,L5620*Input!$J$15,0)+IF(Input!$K$16=4,M5620*Input!$J$16,0)</f>
        <v>0</v>
      </c>
    </row>
    <row r="5621" spans="8:17" x14ac:dyDescent="0.25">
      <c r="H5621" s="43">
        <v>5614</v>
      </c>
      <c r="I5621" s="55">
        <f>Bühler!I5647</f>
        <v>0</v>
      </c>
      <c r="J5621" s="58">
        <f>Bühler!J5647</f>
        <v>5.9005456841736912</v>
      </c>
      <c r="K5621" s="58">
        <f>Bühler!K5647</f>
        <v>0.53906288129083624</v>
      </c>
      <c r="L5621" s="58">
        <f>Bühler!L5647</f>
        <v>0.26953144064541812</v>
      </c>
      <c r="M5621" s="57">
        <f>Bühler!M5647</f>
        <v>0</v>
      </c>
      <c r="N5621" s="55">
        <f>IF(Input!$K$13=1,J5621*Input!$J$13,0)+IF(Input!$K$14=1,K5621*Input!$J$14,0)+IF(Input!$K$15=1,L5621*Input!$J$15,0)+IF(Input!$K$16=1,M5621*Input!$J$16,0)</f>
        <v>0.70806548210084297</v>
      </c>
      <c r="O5621" s="58">
        <f>IF(Input!$K$13=2,J5621*Input!$J$13,0)+IF(Input!$K$14=2,K5621*Input!$J$14,0)+IF(Input!$K$15=2,L5621*Input!$J$15,0)+IF(Input!$K$16=2,M5621*Input!$J$16,0)</f>
        <v>7.277348897426289E-2</v>
      </c>
      <c r="P5621" s="58">
        <f>IF(Input!$K$13=3,J5621*Input!$J$13,0)+IF(Input!$K$14=3,K5621*Input!$J$14,0)+IF(Input!$K$15=3,L5621*Input!$J$15,0)+IF(Input!$K$16=3,M5621*Input!$J$16,0)</f>
        <v>0</v>
      </c>
      <c r="Q5621" s="71">
        <f>IF(Input!$K$13=4,J5621*Input!$J$13,0)+IF(Input!$K$14=4,K5621*Input!$J$14,0)+IF(Input!$K$15=4,L5621*Input!$J$15,0)+IF(Input!$K$16=4,M5621*Input!$J$16,0)</f>
        <v>0</v>
      </c>
    </row>
    <row r="5622" spans="8:17" x14ac:dyDescent="0.25">
      <c r="H5622" s="43">
        <v>5615</v>
      </c>
      <c r="I5622" s="55">
        <f>Bühler!I5648</f>
        <v>0</v>
      </c>
      <c r="J5622" s="58">
        <f>Bühler!J5648</f>
        <v>5.9005456841736912</v>
      </c>
      <c r="K5622" s="58">
        <f>Bühler!K5648</f>
        <v>0.53906288129083624</v>
      </c>
      <c r="L5622" s="58">
        <f>Bühler!L5648</f>
        <v>0.26953144064541812</v>
      </c>
      <c r="M5622" s="57">
        <f>Bühler!M5648</f>
        <v>0</v>
      </c>
      <c r="N5622" s="55">
        <f>IF(Input!$K$13=1,J5622*Input!$J$13,0)+IF(Input!$K$14=1,K5622*Input!$J$14,0)+IF(Input!$K$15=1,L5622*Input!$J$15,0)+IF(Input!$K$16=1,M5622*Input!$J$16,0)</f>
        <v>0.70806548210084297</v>
      </c>
      <c r="O5622" s="58">
        <f>IF(Input!$K$13=2,J5622*Input!$J$13,0)+IF(Input!$K$14=2,K5622*Input!$J$14,0)+IF(Input!$K$15=2,L5622*Input!$J$15,0)+IF(Input!$K$16=2,M5622*Input!$J$16,0)</f>
        <v>7.277348897426289E-2</v>
      </c>
      <c r="P5622" s="58">
        <f>IF(Input!$K$13=3,J5622*Input!$J$13,0)+IF(Input!$K$14=3,K5622*Input!$J$14,0)+IF(Input!$K$15=3,L5622*Input!$J$15,0)+IF(Input!$K$16=3,M5622*Input!$J$16,0)</f>
        <v>0</v>
      </c>
      <c r="Q5622" s="71">
        <f>IF(Input!$K$13=4,J5622*Input!$J$13,0)+IF(Input!$K$14=4,K5622*Input!$J$14,0)+IF(Input!$K$15=4,L5622*Input!$J$15,0)+IF(Input!$K$16=4,M5622*Input!$J$16,0)</f>
        <v>0</v>
      </c>
    </row>
    <row r="5623" spans="8:17" x14ac:dyDescent="0.25">
      <c r="H5623" s="43">
        <v>5616</v>
      </c>
      <c r="I5623" s="55">
        <f>Bühler!I5649</f>
        <v>0</v>
      </c>
      <c r="J5623" s="58">
        <f>Bühler!J5649</f>
        <v>5.9005456841736912</v>
      </c>
      <c r="K5623" s="58">
        <f>Bühler!K5649</f>
        <v>0.53906288129083624</v>
      </c>
      <c r="L5623" s="58">
        <f>Bühler!L5649</f>
        <v>0.26953144064541812</v>
      </c>
      <c r="M5623" s="57">
        <f>Bühler!M5649</f>
        <v>0</v>
      </c>
      <c r="N5623" s="55">
        <f>IF(Input!$K$13=1,J5623*Input!$J$13,0)+IF(Input!$K$14=1,K5623*Input!$J$14,0)+IF(Input!$K$15=1,L5623*Input!$J$15,0)+IF(Input!$K$16=1,M5623*Input!$J$16,0)</f>
        <v>0.70806548210084297</v>
      </c>
      <c r="O5623" s="58">
        <f>IF(Input!$K$13=2,J5623*Input!$J$13,0)+IF(Input!$K$14=2,K5623*Input!$J$14,0)+IF(Input!$K$15=2,L5623*Input!$J$15,0)+IF(Input!$K$16=2,M5623*Input!$J$16,0)</f>
        <v>7.277348897426289E-2</v>
      </c>
      <c r="P5623" s="58">
        <f>IF(Input!$K$13=3,J5623*Input!$J$13,0)+IF(Input!$K$14=3,K5623*Input!$J$14,0)+IF(Input!$K$15=3,L5623*Input!$J$15,0)+IF(Input!$K$16=3,M5623*Input!$J$16,0)</f>
        <v>0</v>
      </c>
      <c r="Q5623" s="71">
        <f>IF(Input!$K$13=4,J5623*Input!$J$13,0)+IF(Input!$K$14=4,K5623*Input!$J$14,0)+IF(Input!$K$15=4,L5623*Input!$J$15,0)+IF(Input!$K$16=4,M5623*Input!$J$16,0)</f>
        <v>0</v>
      </c>
    </row>
    <row r="5624" spans="8:17" x14ac:dyDescent="0.25">
      <c r="H5624" s="43">
        <v>5617</v>
      </c>
      <c r="I5624" s="55">
        <f>Bühler!I5650</f>
        <v>0</v>
      </c>
      <c r="J5624" s="58">
        <f>Bühler!J5650</f>
        <v>6.0102243940984019</v>
      </c>
      <c r="K5624" s="58">
        <f>Bühler!K5650</f>
        <v>0.54080210999210188</v>
      </c>
      <c r="L5624" s="58">
        <f>Bühler!L5650</f>
        <v>0.27040105499605094</v>
      </c>
      <c r="M5624" s="57">
        <f>Bühler!M5650</f>
        <v>0</v>
      </c>
      <c r="N5624" s="55">
        <f>IF(Input!$K$13=1,J5624*Input!$J$13,0)+IF(Input!$K$14=1,K5624*Input!$J$14,0)+IF(Input!$K$15=1,L5624*Input!$J$15,0)+IF(Input!$K$16=1,M5624*Input!$J$16,0)</f>
        <v>0.72122692729180815</v>
      </c>
      <c r="O5624" s="58">
        <f>IF(Input!$K$13=2,J5624*Input!$J$13,0)+IF(Input!$K$14=2,K5624*Input!$J$14,0)+IF(Input!$K$15=2,L5624*Input!$J$15,0)+IF(Input!$K$16=2,M5624*Input!$J$16,0)</f>
        <v>7.3008284848933749E-2</v>
      </c>
      <c r="P5624" s="58">
        <f>IF(Input!$K$13=3,J5624*Input!$J$13,0)+IF(Input!$K$14=3,K5624*Input!$J$14,0)+IF(Input!$K$15=3,L5624*Input!$J$15,0)+IF(Input!$K$16=3,M5624*Input!$J$16,0)</f>
        <v>0</v>
      </c>
      <c r="Q5624" s="71">
        <f>IF(Input!$K$13=4,J5624*Input!$J$13,0)+IF(Input!$K$14=4,K5624*Input!$J$14,0)+IF(Input!$K$15=4,L5624*Input!$J$15,0)+IF(Input!$K$16=4,M5624*Input!$J$16,0)</f>
        <v>0</v>
      </c>
    </row>
    <row r="5625" spans="8:17" x14ac:dyDescent="0.25">
      <c r="H5625" s="43">
        <v>5618</v>
      </c>
      <c r="I5625" s="55">
        <f>Bühler!I5651</f>
        <v>0</v>
      </c>
      <c r="J5625" s="58">
        <f>Bühler!J5651</f>
        <v>6.0102243940984019</v>
      </c>
      <c r="K5625" s="58">
        <f>Bühler!K5651</f>
        <v>0.54080210999210188</v>
      </c>
      <c r="L5625" s="58">
        <f>Bühler!L5651</f>
        <v>0.27040105499605094</v>
      </c>
      <c r="M5625" s="57">
        <f>Bühler!M5651</f>
        <v>0</v>
      </c>
      <c r="N5625" s="55">
        <f>IF(Input!$K$13=1,J5625*Input!$J$13,0)+IF(Input!$K$14=1,K5625*Input!$J$14,0)+IF(Input!$K$15=1,L5625*Input!$J$15,0)+IF(Input!$K$16=1,M5625*Input!$J$16,0)</f>
        <v>0.72122692729180815</v>
      </c>
      <c r="O5625" s="58">
        <f>IF(Input!$K$13=2,J5625*Input!$J$13,0)+IF(Input!$K$14=2,K5625*Input!$J$14,0)+IF(Input!$K$15=2,L5625*Input!$J$15,0)+IF(Input!$K$16=2,M5625*Input!$J$16,0)</f>
        <v>7.3008284848933749E-2</v>
      </c>
      <c r="P5625" s="58">
        <f>IF(Input!$K$13=3,J5625*Input!$J$13,0)+IF(Input!$K$14=3,K5625*Input!$J$14,0)+IF(Input!$K$15=3,L5625*Input!$J$15,0)+IF(Input!$K$16=3,M5625*Input!$J$16,0)</f>
        <v>0</v>
      </c>
      <c r="Q5625" s="71">
        <f>IF(Input!$K$13=4,J5625*Input!$J$13,0)+IF(Input!$K$14=4,K5625*Input!$J$14,0)+IF(Input!$K$15=4,L5625*Input!$J$15,0)+IF(Input!$K$16=4,M5625*Input!$J$16,0)</f>
        <v>0</v>
      </c>
    </row>
    <row r="5626" spans="8:17" x14ac:dyDescent="0.25">
      <c r="H5626" s="43">
        <v>5619</v>
      </c>
      <c r="I5626" s="55">
        <f>Bühler!I5652</f>
        <v>0</v>
      </c>
      <c r="J5626" s="58">
        <f>Bühler!J5652</f>
        <v>6.0102243940984019</v>
      </c>
      <c r="K5626" s="58">
        <f>Bühler!K5652</f>
        <v>0.54080210999210188</v>
      </c>
      <c r="L5626" s="58">
        <f>Bühler!L5652</f>
        <v>0.27040105499605094</v>
      </c>
      <c r="M5626" s="57">
        <f>Bühler!M5652</f>
        <v>0</v>
      </c>
      <c r="N5626" s="55">
        <f>IF(Input!$K$13=1,J5626*Input!$J$13,0)+IF(Input!$K$14=1,K5626*Input!$J$14,0)+IF(Input!$K$15=1,L5626*Input!$J$15,0)+IF(Input!$K$16=1,M5626*Input!$J$16,0)</f>
        <v>0.72122692729180815</v>
      </c>
      <c r="O5626" s="58">
        <f>IF(Input!$K$13=2,J5626*Input!$J$13,0)+IF(Input!$K$14=2,K5626*Input!$J$14,0)+IF(Input!$K$15=2,L5626*Input!$J$15,0)+IF(Input!$K$16=2,M5626*Input!$J$16,0)</f>
        <v>7.3008284848933749E-2</v>
      </c>
      <c r="P5626" s="58">
        <f>IF(Input!$K$13=3,J5626*Input!$J$13,0)+IF(Input!$K$14=3,K5626*Input!$J$14,0)+IF(Input!$K$15=3,L5626*Input!$J$15,0)+IF(Input!$K$16=3,M5626*Input!$J$16,0)</f>
        <v>0</v>
      </c>
      <c r="Q5626" s="71">
        <f>IF(Input!$K$13=4,J5626*Input!$J$13,0)+IF(Input!$K$14=4,K5626*Input!$J$14,0)+IF(Input!$K$15=4,L5626*Input!$J$15,0)+IF(Input!$K$16=4,M5626*Input!$J$16,0)</f>
        <v>0</v>
      </c>
    </row>
    <row r="5627" spans="8:17" x14ac:dyDescent="0.25">
      <c r="H5627" s="43">
        <v>5620</v>
      </c>
      <c r="I5627" s="55">
        <f>Bühler!I5653</f>
        <v>0</v>
      </c>
      <c r="J5627" s="58">
        <f>Bühler!J5653</f>
        <v>6.0102243940984019</v>
      </c>
      <c r="K5627" s="58">
        <f>Bühler!K5653</f>
        <v>0.54080210999210188</v>
      </c>
      <c r="L5627" s="58">
        <f>Bühler!L5653</f>
        <v>0.27040105499605094</v>
      </c>
      <c r="M5627" s="57">
        <f>Bühler!M5653</f>
        <v>0</v>
      </c>
      <c r="N5627" s="55">
        <f>IF(Input!$K$13=1,J5627*Input!$J$13,0)+IF(Input!$K$14=1,K5627*Input!$J$14,0)+IF(Input!$K$15=1,L5627*Input!$J$15,0)+IF(Input!$K$16=1,M5627*Input!$J$16,0)</f>
        <v>0.72122692729180815</v>
      </c>
      <c r="O5627" s="58">
        <f>IF(Input!$K$13=2,J5627*Input!$J$13,0)+IF(Input!$K$14=2,K5627*Input!$J$14,0)+IF(Input!$K$15=2,L5627*Input!$J$15,0)+IF(Input!$K$16=2,M5627*Input!$J$16,0)</f>
        <v>7.3008284848933749E-2</v>
      </c>
      <c r="P5627" s="58">
        <f>IF(Input!$K$13=3,J5627*Input!$J$13,0)+IF(Input!$K$14=3,K5627*Input!$J$14,0)+IF(Input!$K$15=3,L5627*Input!$J$15,0)+IF(Input!$K$16=3,M5627*Input!$J$16,0)</f>
        <v>0</v>
      </c>
      <c r="Q5627" s="71">
        <f>IF(Input!$K$13=4,J5627*Input!$J$13,0)+IF(Input!$K$14=4,K5627*Input!$J$14,0)+IF(Input!$K$15=4,L5627*Input!$J$15,0)+IF(Input!$K$16=4,M5627*Input!$J$16,0)</f>
        <v>0</v>
      </c>
    </row>
    <row r="5628" spans="8:17" x14ac:dyDescent="0.25">
      <c r="H5628" s="43">
        <v>5621</v>
      </c>
      <c r="I5628" s="55">
        <f>Bühler!I5654</f>
        <v>0</v>
      </c>
      <c r="J5628" s="58">
        <f>Bühler!J5654</f>
        <v>6.0102243940984019</v>
      </c>
      <c r="K5628" s="58">
        <f>Bühler!K5654</f>
        <v>0.54080210999210188</v>
      </c>
      <c r="L5628" s="58">
        <f>Bühler!L5654</f>
        <v>0.27040105499605094</v>
      </c>
      <c r="M5628" s="57">
        <f>Bühler!M5654</f>
        <v>0</v>
      </c>
      <c r="N5628" s="55">
        <f>IF(Input!$K$13=1,J5628*Input!$J$13,0)+IF(Input!$K$14=1,K5628*Input!$J$14,0)+IF(Input!$K$15=1,L5628*Input!$J$15,0)+IF(Input!$K$16=1,M5628*Input!$J$16,0)</f>
        <v>0.72122692729180815</v>
      </c>
      <c r="O5628" s="58">
        <f>IF(Input!$K$13=2,J5628*Input!$J$13,0)+IF(Input!$K$14=2,K5628*Input!$J$14,0)+IF(Input!$K$15=2,L5628*Input!$J$15,0)+IF(Input!$K$16=2,M5628*Input!$J$16,0)</f>
        <v>7.3008284848933749E-2</v>
      </c>
      <c r="P5628" s="58">
        <f>IF(Input!$K$13=3,J5628*Input!$J$13,0)+IF(Input!$K$14=3,K5628*Input!$J$14,0)+IF(Input!$K$15=3,L5628*Input!$J$15,0)+IF(Input!$K$16=3,M5628*Input!$J$16,0)</f>
        <v>0</v>
      </c>
      <c r="Q5628" s="71">
        <f>IF(Input!$K$13=4,J5628*Input!$J$13,0)+IF(Input!$K$14=4,K5628*Input!$J$14,0)+IF(Input!$K$15=4,L5628*Input!$J$15,0)+IF(Input!$K$16=4,M5628*Input!$J$16,0)</f>
        <v>0</v>
      </c>
    </row>
    <row r="5629" spans="8:17" x14ac:dyDescent="0.25">
      <c r="H5629" s="43">
        <v>5622</v>
      </c>
      <c r="I5629" s="55">
        <f>Bühler!I5655</f>
        <v>0</v>
      </c>
      <c r="J5629" s="58">
        <f>Bühler!J5655</f>
        <v>6.0102243940984019</v>
      </c>
      <c r="K5629" s="58">
        <f>Bühler!K5655</f>
        <v>0.54080210999210188</v>
      </c>
      <c r="L5629" s="58">
        <f>Bühler!L5655</f>
        <v>0.27040105499605094</v>
      </c>
      <c r="M5629" s="57">
        <f>Bühler!M5655</f>
        <v>0</v>
      </c>
      <c r="N5629" s="55">
        <f>IF(Input!$K$13=1,J5629*Input!$J$13,0)+IF(Input!$K$14=1,K5629*Input!$J$14,0)+IF(Input!$K$15=1,L5629*Input!$J$15,0)+IF(Input!$K$16=1,M5629*Input!$J$16,0)</f>
        <v>0.72122692729180815</v>
      </c>
      <c r="O5629" s="58">
        <f>IF(Input!$K$13=2,J5629*Input!$J$13,0)+IF(Input!$K$14=2,K5629*Input!$J$14,0)+IF(Input!$K$15=2,L5629*Input!$J$15,0)+IF(Input!$K$16=2,M5629*Input!$J$16,0)</f>
        <v>7.3008284848933749E-2</v>
      </c>
      <c r="P5629" s="58">
        <f>IF(Input!$K$13=3,J5629*Input!$J$13,0)+IF(Input!$K$14=3,K5629*Input!$J$14,0)+IF(Input!$K$15=3,L5629*Input!$J$15,0)+IF(Input!$K$16=3,M5629*Input!$J$16,0)</f>
        <v>0</v>
      </c>
      <c r="Q5629" s="71">
        <f>IF(Input!$K$13=4,J5629*Input!$J$13,0)+IF(Input!$K$14=4,K5629*Input!$J$14,0)+IF(Input!$K$15=4,L5629*Input!$J$15,0)+IF(Input!$K$16=4,M5629*Input!$J$16,0)</f>
        <v>0</v>
      </c>
    </row>
    <row r="5630" spans="8:17" x14ac:dyDescent="0.25">
      <c r="H5630" s="43">
        <v>5623</v>
      </c>
      <c r="I5630" s="55">
        <f>Bühler!I5656</f>
        <v>0</v>
      </c>
      <c r="J5630" s="58">
        <f>Bühler!J5656</f>
        <v>6.0102243940984019</v>
      </c>
      <c r="K5630" s="58">
        <f>Bühler!K5656</f>
        <v>0.54080210999210188</v>
      </c>
      <c r="L5630" s="58">
        <f>Bühler!L5656</f>
        <v>0.27040105499605094</v>
      </c>
      <c r="M5630" s="57">
        <f>Bühler!M5656</f>
        <v>0</v>
      </c>
      <c r="N5630" s="55">
        <f>IF(Input!$K$13=1,J5630*Input!$J$13,0)+IF(Input!$K$14=1,K5630*Input!$J$14,0)+IF(Input!$K$15=1,L5630*Input!$J$15,0)+IF(Input!$K$16=1,M5630*Input!$J$16,0)</f>
        <v>0.72122692729180815</v>
      </c>
      <c r="O5630" s="58">
        <f>IF(Input!$K$13=2,J5630*Input!$J$13,0)+IF(Input!$K$14=2,K5630*Input!$J$14,0)+IF(Input!$K$15=2,L5630*Input!$J$15,0)+IF(Input!$K$16=2,M5630*Input!$J$16,0)</f>
        <v>7.3008284848933749E-2</v>
      </c>
      <c r="P5630" s="58">
        <f>IF(Input!$K$13=3,J5630*Input!$J$13,0)+IF(Input!$K$14=3,K5630*Input!$J$14,0)+IF(Input!$K$15=3,L5630*Input!$J$15,0)+IF(Input!$K$16=3,M5630*Input!$J$16,0)</f>
        <v>0</v>
      </c>
      <c r="Q5630" s="71">
        <f>IF(Input!$K$13=4,J5630*Input!$J$13,0)+IF(Input!$K$14=4,K5630*Input!$J$14,0)+IF(Input!$K$15=4,L5630*Input!$J$15,0)+IF(Input!$K$16=4,M5630*Input!$J$16,0)</f>
        <v>0</v>
      </c>
    </row>
    <row r="5631" spans="8:17" x14ac:dyDescent="0.25">
      <c r="H5631" s="43">
        <v>5624</v>
      </c>
      <c r="I5631" s="55">
        <f>Bühler!I5657</f>
        <v>0</v>
      </c>
      <c r="J5631" s="58">
        <f>Bühler!J5657</f>
        <v>24.569068811026494</v>
      </c>
      <c r="K5631" s="58">
        <f>Bühler!K5657</f>
        <v>2.2107334738768039</v>
      </c>
      <c r="L5631" s="58">
        <f>Bühler!L5657</f>
        <v>1.1053667369384019</v>
      </c>
      <c r="M5631" s="57">
        <f>Bühler!M5657</f>
        <v>0</v>
      </c>
      <c r="N5631" s="55">
        <f>IF(Input!$K$13=1,J5631*Input!$J$13,0)+IF(Input!$K$14=1,K5631*Input!$J$14,0)+IF(Input!$K$15=1,L5631*Input!$J$15,0)+IF(Input!$K$16=1,M5631*Input!$J$16,0)</f>
        <v>2.948288257323179</v>
      </c>
      <c r="O5631" s="58">
        <f>IF(Input!$K$13=2,J5631*Input!$J$13,0)+IF(Input!$K$14=2,K5631*Input!$J$14,0)+IF(Input!$K$15=2,L5631*Input!$J$15,0)+IF(Input!$K$16=2,M5631*Input!$J$16,0)</f>
        <v>0.29844901897336851</v>
      </c>
      <c r="P5631" s="58">
        <f>IF(Input!$K$13=3,J5631*Input!$J$13,0)+IF(Input!$K$14=3,K5631*Input!$J$14,0)+IF(Input!$K$15=3,L5631*Input!$J$15,0)+IF(Input!$K$16=3,M5631*Input!$J$16,0)</f>
        <v>0</v>
      </c>
      <c r="Q5631" s="71">
        <f>IF(Input!$K$13=4,J5631*Input!$J$13,0)+IF(Input!$K$14=4,K5631*Input!$J$14,0)+IF(Input!$K$15=4,L5631*Input!$J$15,0)+IF(Input!$K$16=4,M5631*Input!$J$16,0)</f>
        <v>0</v>
      </c>
    </row>
    <row r="5632" spans="8:17" x14ac:dyDescent="0.25">
      <c r="H5632" s="43">
        <v>5625</v>
      </c>
      <c r="I5632" s="55">
        <f>Bühler!I5658</f>
        <v>0</v>
      </c>
      <c r="J5632" s="58">
        <f>Bühler!J5658</f>
        <v>27.413908357566413</v>
      </c>
      <c r="K5632" s="58">
        <f>Bühler!K5658</f>
        <v>2.4667131392730663</v>
      </c>
      <c r="L5632" s="58">
        <f>Bühler!L5658</f>
        <v>1.2333565696365332</v>
      </c>
      <c r="M5632" s="57">
        <f>Bühler!M5658</f>
        <v>0</v>
      </c>
      <c r="N5632" s="55">
        <f>IF(Input!$K$13=1,J5632*Input!$J$13,0)+IF(Input!$K$14=1,K5632*Input!$J$14,0)+IF(Input!$K$15=1,L5632*Input!$J$15,0)+IF(Input!$K$16=1,M5632*Input!$J$16,0)</f>
        <v>3.2896690029079694</v>
      </c>
      <c r="O5632" s="58">
        <f>IF(Input!$K$13=2,J5632*Input!$J$13,0)+IF(Input!$K$14=2,K5632*Input!$J$14,0)+IF(Input!$K$15=2,L5632*Input!$J$15,0)+IF(Input!$K$16=2,M5632*Input!$J$16,0)</f>
        <v>0.33300627380186398</v>
      </c>
      <c r="P5632" s="58">
        <f>IF(Input!$K$13=3,J5632*Input!$J$13,0)+IF(Input!$K$14=3,K5632*Input!$J$14,0)+IF(Input!$K$15=3,L5632*Input!$J$15,0)+IF(Input!$K$16=3,M5632*Input!$J$16,0)</f>
        <v>0</v>
      </c>
      <c r="Q5632" s="71">
        <f>IF(Input!$K$13=4,J5632*Input!$J$13,0)+IF(Input!$K$14=4,K5632*Input!$J$14,0)+IF(Input!$K$15=4,L5632*Input!$J$15,0)+IF(Input!$K$16=4,M5632*Input!$J$16,0)</f>
        <v>0</v>
      </c>
    </row>
    <row r="5633" spans="8:17" x14ac:dyDescent="0.25">
      <c r="H5633" s="43">
        <v>5626</v>
      </c>
      <c r="I5633" s="55">
        <f>Bühler!I5659</f>
        <v>0</v>
      </c>
      <c r="J5633" s="58">
        <f>Bühler!J5659</f>
        <v>30.258747904106322</v>
      </c>
      <c r="K5633" s="58">
        <f>Bühler!K5659</f>
        <v>2.7226928046693275</v>
      </c>
      <c r="L5633" s="58">
        <f>Bühler!L5659</f>
        <v>1.3613464023346638</v>
      </c>
      <c r="M5633" s="57">
        <f>Bühler!M5659</f>
        <v>0</v>
      </c>
      <c r="N5633" s="55">
        <f>IF(Input!$K$13=1,J5633*Input!$J$13,0)+IF(Input!$K$14=1,K5633*Input!$J$14,0)+IF(Input!$K$15=1,L5633*Input!$J$15,0)+IF(Input!$K$16=1,M5633*Input!$J$16,0)</f>
        <v>3.6310497484927584</v>
      </c>
      <c r="O5633" s="58">
        <f>IF(Input!$K$13=2,J5633*Input!$J$13,0)+IF(Input!$K$14=2,K5633*Input!$J$14,0)+IF(Input!$K$15=2,L5633*Input!$J$15,0)+IF(Input!$K$16=2,M5633*Input!$J$16,0)</f>
        <v>0.36756352863035924</v>
      </c>
      <c r="P5633" s="58">
        <f>IF(Input!$K$13=3,J5633*Input!$J$13,0)+IF(Input!$K$14=3,K5633*Input!$J$14,0)+IF(Input!$K$15=3,L5633*Input!$J$15,0)+IF(Input!$K$16=3,M5633*Input!$J$16,0)</f>
        <v>0</v>
      </c>
      <c r="Q5633" s="71">
        <f>IF(Input!$K$13=4,J5633*Input!$J$13,0)+IF(Input!$K$14=4,K5633*Input!$J$14,0)+IF(Input!$K$15=4,L5633*Input!$J$15,0)+IF(Input!$K$16=4,M5633*Input!$J$16,0)</f>
        <v>0</v>
      </c>
    </row>
    <row r="5634" spans="8:17" x14ac:dyDescent="0.25">
      <c r="H5634" s="43">
        <v>5627</v>
      </c>
      <c r="I5634" s="55">
        <f>Bühler!I5660</f>
        <v>0</v>
      </c>
      <c r="J5634" s="58">
        <f>Bühler!J5660</f>
        <v>30.258747904106322</v>
      </c>
      <c r="K5634" s="58">
        <f>Bühler!K5660</f>
        <v>2.7226928046693275</v>
      </c>
      <c r="L5634" s="58">
        <f>Bühler!L5660</f>
        <v>1.3613464023346638</v>
      </c>
      <c r="M5634" s="57">
        <f>Bühler!M5660</f>
        <v>0</v>
      </c>
      <c r="N5634" s="55">
        <f>IF(Input!$K$13=1,J5634*Input!$J$13,0)+IF(Input!$K$14=1,K5634*Input!$J$14,0)+IF(Input!$K$15=1,L5634*Input!$J$15,0)+IF(Input!$K$16=1,M5634*Input!$J$16,0)</f>
        <v>3.6310497484927584</v>
      </c>
      <c r="O5634" s="58">
        <f>IF(Input!$K$13=2,J5634*Input!$J$13,0)+IF(Input!$K$14=2,K5634*Input!$J$14,0)+IF(Input!$K$15=2,L5634*Input!$J$15,0)+IF(Input!$K$16=2,M5634*Input!$J$16,0)</f>
        <v>0.36756352863035924</v>
      </c>
      <c r="P5634" s="58">
        <f>IF(Input!$K$13=3,J5634*Input!$J$13,0)+IF(Input!$K$14=3,K5634*Input!$J$14,0)+IF(Input!$K$15=3,L5634*Input!$J$15,0)+IF(Input!$K$16=3,M5634*Input!$J$16,0)</f>
        <v>0</v>
      </c>
      <c r="Q5634" s="71">
        <f>IF(Input!$K$13=4,J5634*Input!$J$13,0)+IF(Input!$K$14=4,K5634*Input!$J$14,0)+IF(Input!$K$15=4,L5634*Input!$J$15,0)+IF(Input!$K$16=4,M5634*Input!$J$16,0)</f>
        <v>0</v>
      </c>
    </row>
    <row r="5635" spans="8:17" x14ac:dyDescent="0.25">
      <c r="H5635" s="43">
        <v>5628</v>
      </c>
      <c r="I5635" s="55">
        <f>Bühler!I5661</f>
        <v>0</v>
      </c>
      <c r="J5635" s="58">
        <f>Bühler!J5661</f>
        <v>36.207048774144312</v>
      </c>
      <c r="K5635" s="58">
        <f>Bühler!K5661</f>
        <v>3.2579230141342377</v>
      </c>
      <c r="L5635" s="58">
        <f>Bühler!L5661</f>
        <v>1.6289615070671188</v>
      </c>
      <c r="M5635" s="57">
        <f>Bühler!M5661</f>
        <v>0</v>
      </c>
      <c r="N5635" s="55">
        <f>IF(Input!$K$13=1,J5635*Input!$J$13,0)+IF(Input!$K$14=1,K5635*Input!$J$14,0)+IF(Input!$K$15=1,L5635*Input!$J$15,0)+IF(Input!$K$16=1,M5635*Input!$J$16,0)</f>
        <v>4.3448458528973175</v>
      </c>
      <c r="O5635" s="58">
        <f>IF(Input!$K$13=2,J5635*Input!$J$13,0)+IF(Input!$K$14=2,K5635*Input!$J$14,0)+IF(Input!$K$15=2,L5635*Input!$J$15,0)+IF(Input!$K$16=2,M5635*Input!$J$16,0)</f>
        <v>0.43981960690812205</v>
      </c>
      <c r="P5635" s="58">
        <f>IF(Input!$K$13=3,J5635*Input!$J$13,0)+IF(Input!$K$14=3,K5635*Input!$J$14,0)+IF(Input!$K$15=3,L5635*Input!$J$15,0)+IF(Input!$K$16=3,M5635*Input!$J$16,0)</f>
        <v>0</v>
      </c>
      <c r="Q5635" s="71">
        <f>IF(Input!$K$13=4,J5635*Input!$J$13,0)+IF(Input!$K$14=4,K5635*Input!$J$14,0)+IF(Input!$K$15=4,L5635*Input!$J$15,0)+IF(Input!$K$16=4,M5635*Input!$J$16,0)</f>
        <v>0</v>
      </c>
    </row>
    <row r="5636" spans="8:17" x14ac:dyDescent="0.25">
      <c r="H5636" s="43">
        <v>5629</v>
      </c>
      <c r="I5636" s="55">
        <f>Bühler!I5662</f>
        <v>0</v>
      </c>
      <c r="J5636" s="58">
        <f>Bühler!J5662</f>
        <v>36.207048774144312</v>
      </c>
      <c r="K5636" s="58">
        <f>Bühler!K5662</f>
        <v>3.2579230141342377</v>
      </c>
      <c r="L5636" s="58">
        <f>Bühler!L5662</f>
        <v>1.6289615070671188</v>
      </c>
      <c r="M5636" s="57">
        <f>Bühler!M5662</f>
        <v>0</v>
      </c>
      <c r="N5636" s="55">
        <f>IF(Input!$K$13=1,J5636*Input!$J$13,0)+IF(Input!$K$14=1,K5636*Input!$J$14,0)+IF(Input!$K$15=1,L5636*Input!$J$15,0)+IF(Input!$K$16=1,M5636*Input!$J$16,0)</f>
        <v>4.3448458528973175</v>
      </c>
      <c r="O5636" s="58">
        <f>IF(Input!$K$13=2,J5636*Input!$J$13,0)+IF(Input!$K$14=2,K5636*Input!$J$14,0)+IF(Input!$K$15=2,L5636*Input!$J$15,0)+IF(Input!$K$16=2,M5636*Input!$J$16,0)</f>
        <v>0.43981960690812205</v>
      </c>
      <c r="P5636" s="58">
        <f>IF(Input!$K$13=3,J5636*Input!$J$13,0)+IF(Input!$K$14=3,K5636*Input!$J$14,0)+IF(Input!$K$15=3,L5636*Input!$J$15,0)+IF(Input!$K$16=3,M5636*Input!$J$16,0)</f>
        <v>0</v>
      </c>
      <c r="Q5636" s="71">
        <f>IF(Input!$K$13=4,J5636*Input!$J$13,0)+IF(Input!$K$14=4,K5636*Input!$J$14,0)+IF(Input!$K$15=4,L5636*Input!$J$15,0)+IF(Input!$K$16=4,M5636*Input!$J$16,0)</f>
        <v>0</v>
      </c>
    </row>
    <row r="5637" spans="8:17" x14ac:dyDescent="0.25">
      <c r="H5637" s="43">
        <v>5630</v>
      </c>
      <c r="I5637" s="55">
        <f>Bühler!I5663</f>
        <v>0</v>
      </c>
      <c r="J5637" s="58">
        <f>Bühler!J5663</f>
        <v>24.051825257110149</v>
      </c>
      <c r="K5637" s="58">
        <f>Bühler!K5663</f>
        <v>2.164191716532029</v>
      </c>
      <c r="L5637" s="58">
        <f>Bühler!L5663</f>
        <v>1.0820958582660145</v>
      </c>
      <c r="M5637" s="57">
        <f>Bühler!M5663</f>
        <v>0</v>
      </c>
      <c r="N5637" s="55">
        <f>IF(Input!$K$13=1,J5637*Input!$J$13,0)+IF(Input!$K$14=1,K5637*Input!$J$14,0)+IF(Input!$K$15=1,L5637*Input!$J$15,0)+IF(Input!$K$16=1,M5637*Input!$J$16,0)</f>
        <v>2.8862190308532178</v>
      </c>
      <c r="O5637" s="58">
        <f>IF(Input!$K$13=2,J5637*Input!$J$13,0)+IF(Input!$K$14=2,K5637*Input!$J$14,0)+IF(Input!$K$15=2,L5637*Input!$J$15,0)+IF(Input!$K$16=2,M5637*Input!$J$16,0)</f>
        <v>0.2921658817318239</v>
      </c>
      <c r="P5637" s="58">
        <f>IF(Input!$K$13=3,J5637*Input!$J$13,0)+IF(Input!$K$14=3,K5637*Input!$J$14,0)+IF(Input!$K$15=3,L5637*Input!$J$15,0)+IF(Input!$K$16=3,M5637*Input!$J$16,0)</f>
        <v>0</v>
      </c>
      <c r="Q5637" s="71">
        <f>IF(Input!$K$13=4,J5637*Input!$J$13,0)+IF(Input!$K$14=4,K5637*Input!$J$14,0)+IF(Input!$K$15=4,L5637*Input!$J$15,0)+IF(Input!$K$16=4,M5637*Input!$J$16,0)</f>
        <v>0</v>
      </c>
    </row>
    <row r="5638" spans="8:17" x14ac:dyDescent="0.25">
      <c r="H5638" s="43">
        <v>5631</v>
      </c>
      <c r="I5638" s="55">
        <f>Bühler!I5664</f>
        <v>0</v>
      </c>
      <c r="J5638" s="58">
        <f>Bühler!J5664</f>
        <v>36.207048774144312</v>
      </c>
      <c r="K5638" s="58">
        <f>Bühler!K5664</f>
        <v>3.2579230141342377</v>
      </c>
      <c r="L5638" s="58">
        <f>Bühler!L5664</f>
        <v>1.6289615070671188</v>
      </c>
      <c r="M5638" s="57">
        <f>Bühler!M5664</f>
        <v>0</v>
      </c>
      <c r="N5638" s="55">
        <f>IF(Input!$K$13=1,J5638*Input!$J$13,0)+IF(Input!$K$14=1,K5638*Input!$J$14,0)+IF(Input!$K$15=1,L5638*Input!$J$15,0)+IF(Input!$K$16=1,M5638*Input!$J$16,0)</f>
        <v>4.3448458528973175</v>
      </c>
      <c r="O5638" s="58">
        <f>IF(Input!$K$13=2,J5638*Input!$J$13,0)+IF(Input!$K$14=2,K5638*Input!$J$14,0)+IF(Input!$K$15=2,L5638*Input!$J$15,0)+IF(Input!$K$16=2,M5638*Input!$J$16,0)</f>
        <v>0.43981960690812205</v>
      </c>
      <c r="P5638" s="58">
        <f>IF(Input!$K$13=3,J5638*Input!$J$13,0)+IF(Input!$K$14=3,K5638*Input!$J$14,0)+IF(Input!$K$15=3,L5638*Input!$J$15,0)+IF(Input!$K$16=3,M5638*Input!$J$16,0)</f>
        <v>0</v>
      </c>
      <c r="Q5638" s="71">
        <f>IF(Input!$K$13=4,J5638*Input!$J$13,0)+IF(Input!$K$14=4,K5638*Input!$J$14,0)+IF(Input!$K$15=4,L5638*Input!$J$15,0)+IF(Input!$K$16=4,M5638*Input!$J$16,0)</f>
        <v>0</v>
      </c>
    </row>
    <row r="5639" spans="8:17" x14ac:dyDescent="0.25">
      <c r="H5639" s="43">
        <v>5632</v>
      </c>
      <c r="I5639" s="55">
        <f>Bühler!I5665</f>
        <v>0</v>
      </c>
      <c r="J5639" s="58">
        <f>Bühler!J5665</f>
        <v>36.207048774144312</v>
      </c>
      <c r="K5639" s="58">
        <f>Bühler!K5665</f>
        <v>3.2579230141342377</v>
      </c>
      <c r="L5639" s="58">
        <f>Bühler!L5665</f>
        <v>1.6289615070671188</v>
      </c>
      <c r="M5639" s="57">
        <f>Bühler!M5665</f>
        <v>0</v>
      </c>
      <c r="N5639" s="55">
        <f>IF(Input!$K$13=1,J5639*Input!$J$13,0)+IF(Input!$K$14=1,K5639*Input!$J$14,0)+IF(Input!$K$15=1,L5639*Input!$J$15,0)+IF(Input!$K$16=1,M5639*Input!$J$16,0)</f>
        <v>4.3448458528973175</v>
      </c>
      <c r="O5639" s="58">
        <f>IF(Input!$K$13=2,J5639*Input!$J$13,0)+IF(Input!$K$14=2,K5639*Input!$J$14,0)+IF(Input!$K$15=2,L5639*Input!$J$15,0)+IF(Input!$K$16=2,M5639*Input!$J$16,0)</f>
        <v>0.43981960690812205</v>
      </c>
      <c r="P5639" s="58">
        <f>IF(Input!$K$13=3,J5639*Input!$J$13,0)+IF(Input!$K$14=3,K5639*Input!$J$14,0)+IF(Input!$K$15=3,L5639*Input!$J$15,0)+IF(Input!$K$16=3,M5639*Input!$J$16,0)</f>
        <v>0</v>
      </c>
      <c r="Q5639" s="71">
        <f>IF(Input!$K$13=4,J5639*Input!$J$13,0)+IF(Input!$K$14=4,K5639*Input!$J$14,0)+IF(Input!$K$15=4,L5639*Input!$J$15,0)+IF(Input!$K$16=4,M5639*Input!$J$16,0)</f>
        <v>0</v>
      </c>
    </row>
    <row r="5640" spans="8:17" x14ac:dyDescent="0.25">
      <c r="H5640" s="43">
        <v>5633</v>
      </c>
      <c r="I5640" s="55">
        <f>Bühler!I5666</f>
        <v>0</v>
      </c>
      <c r="J5640" s="58">
        <f>Bühler!J5666</f>
        <v>21.336296599049327</v>
      </c>
      <c r="K5640" s="58">
        <f>Bühler!K5666</f>
        <v>1.9198474904719616</v>
      </c>
      <c r="L5640" s="58">
        <f>Bühler!L5666</f>
        <v>0.95992374523598079</v>
      </c>
      <c r="M5640" s="57">
        <f>Bühler!M5666</f>
        <v>0</v>
      </c>
      <c r="N5640" s="55">
        <f>IF(Input!$K$13=1,J5640*Input!$J$13,0)+IF(Input!$K$14=1,K5640*Input!$J$14,0)+IF(Input!$K$15=1,L5640*Input!$J$15,0)+IF(Input!$K$16=1,M5640*Input!$J$16,0)</f>
        <v>2.5603555918859189</v>
      </c>
      <c r="O5640" s="58">
        <f>IF(Input!$K$13=2,J5640*Input!$J$13,0)+IF(Input!$K$14=2,K5640*Input!$J$14,0)+IF(Input!$K$15=2,L5640*Input!$J$15,0)+IF(Input!$K$16=2,M5640*Input!$J$16,0)</f>
        <v>0.25917941121371479</v>
      </c>
      <c r="P5640" s="58">
        <f>IF(Input!$K$13=3,J5640*Input!$J$13,0)+IF(Input!$K$14=3,K5640*Input!$J$14,0)+IF(Input!$K$15=3,L5640*Input!$J$15,0)+IF(Input!$K$16=3,M5640*Input!$J$16,0)</f>
        <v>0</v>
      </c>
      <c r="Q5640" s="71">
        <f>IF(Input!$K$13=4,J5640*Input!$J$13,0)+IF(Input!$K$14=4,K5640*Input!$J$14,0)+IF(Input!$K$15=4,L5640*Input!$J$15,0)+IF(Input!$K$16=4,M5640*Input!$J$16,0)</f>
        <v>0</v>
      </c>
    </row>
    <row r="5641" spans="8:17" x14ac:dyDescent="0.25">
      <c r="H5641" s="43">
        <v>5634</v>
      </c>
      <c r="I5641" s="55">
        <f>Bühler!I5667</f>
        <v>0</v>
      </c>
      <c r="J5641" s="58">
        <f>Bühler!J5667</f>
        <v>9.1064005971187925</v>
      </c>
      <c r="K5641" s="58">
        <f>Bühler!K5667</f>
        <v>0.81939713635166955</v>
      </c>
      <c r="L5641" s="58">
        <f>Bühler!L5667</f>
        <v>0.40969856817583478</v>
      </c>
      <c r="M5641" s="57">
        <f>Bühler!M5667</f>
        <v>0</v>
      </c>
      <c r="N5641" s="55">
        <f>IF(Input!$K$13=1,J5641*Input!$J$13,0)+IF(Input!$K$14=1,K5641*Input!$J$14,0)+IF(Input!$K$15=1,L5641*Input!$J$15,0)+IF(Input!$K$16=1,M5641*Input!$J$16,0)</f>
        <v>1.0927680716542552</v>
      </c>
      <c r="O5641" s="58">
        <f>IF(Input!$K$13=2,J5641*Input!$J$13,0)+IF(Input!$K$14=2,K5641*Input!$J$14,0)+IF(Input!$K$15=2,L5641*Input!$J$15,0)+IF(Input!$K$16=2,M5641*Input!$J$16,0)</f>
        <v>0.11061861340747539</v>
      </c>
      <c r="P5641" s="58">
        <f>IF(Input!$K$13=3,J5641*Input!$J$13,0)+IF(Input!$K$14=3,K5641*Input!$J$14,0)+IF(Input!$K$15=3,L5641*Input!$J$15,0)+IF(Input!$K$16=3,M5641*Input!$J$16,0)</f>
        <v>0</v>
      </c>
      <c r="Q5641" s="71">
        <f>IF(Input!$K$13=4,J5641*Input!$J$13,0)+IF(Input!$K$14=4,K5641*Input!$J$14,0)+IF(Input!$K$15=4,L5641*Input!$J$15,0)+IF(Input!$K$16=4,M5641*Input!$J$16,0)</f>
        <v>0</v>
      </c>
    </row>
    <row r="5642" spans="8:17" x14ac:dyDescent="0.25">
      <c r="H5642" s="43">
        <v>5635</v>
      </c>
      <c r="I5642" s="55">
        <f>Bühler!I5668</f>
        <v>0</v>
      </c>
      <c r="J5642" s="58">
        <f>Bühler!J5668</f>
        <v>6.0102243940984019</v>
      </c>
      <c r="K5642" s="58">
        <f>Bühler!K5668</f>
        <v>0.54080210999210188</v>
      </c>
      <c r="L5642" s="58">
        <f>Bühler!L5668</f>
        <v>0.27040105499605094</v>
      </c>
      <c r="M5642" s="57">
        <f>Bühler!M5668</f>
        <v>0</v>
      </c>
      <c r="N5642" s="55">
        <f>IF(Input!$K$13=1,J5642*Input!$J$13,0)+IF(Input!$K$14=1,K5642*Input!$J$14,0)+IF(Input!$K$15=1,L5642*Input!$J$15,0)+IF(Input!$K$16=1,M5642*Input!$J$16,0)</f>
        <v>0.72122692729180815</v>
      </c>
      <c r="O5642" s="58">
        <f>IF(Input!$K$13=2,J5642*Input!$J$13,0)+IF(Input!$K$14=2,K5642*Input!$J$14,0)+IF(Input!$K$15=2,L5642*Input!$J$15,0)+IF(Input!$K$16=2,M5642*Input!$J$16,0)</f>
        <v>7.3008284848933749E-2</v>
      </c>
      <c r="P5642" s="58">
        <f>IF(Input!$K$13=3,J5642*Input!$J$13,0)+IF(Input!$K$14=3,K5642*Input!$J$14,0)+IF(Input!$K$15=3,L5642*Input!$J$15,0)+IF(Input!$K$16=3,M5642*Input!$J$16,0)</f>
        <v>0</v>
      </c>
      <c r="Q5642" s="71">
        <f>IF(Input!$K$13=4,J5642*Input!$J$13,0)+IF(Input!$K$14=4,K5642*Input!$J$14,0)+IF(Input!$K$15=4,L5642*Input!$J$15,0)+IF(Input!$K$16=4,M5642*Input!$J$16,0)</f>
        <v>0</v>
      </c>
    </row>
    <row r="5643" spans="8:17" x14ac:dyDescent="0.25">
      <c r="H5643" s="43">
        <v>5636</v>
      </c>
      <c r="I5643" s="55">
        <f>Bühler!I5669</f>
        <v>0</v>
      </c>
      <c r="J5643" s="58">
        <f>Bühler!J5669</f>
        <v>6.0102243940984019</v>
      </c>
      <c r="K5643" s="58">
        <f>Bühler!K5669</f>
        <v>0.54080210999210188</v>
      </c>
      <c r="L5643" s="58">
        <f>Bühler!L5669</f>
        <v>0.27040105499605094</v>
      </c>
      <c r="M5643" s="57">
        <f>Bühler!M5669</f>
        <v>0</v>
      </c>
      <c r="N5643" s="55">
        <f>IF(Input!$K$13=1,J5643*Input!$J$13,0)+IF(Input!$K$14=1,K5643*Input!$J$14,0)+IF(Input!$K$15=1,L5643*Input!$J$15,0)+IF(Input!$K$16=1,M5643*Input!$J$16,0)</f>
        <v>0.72122692729180815</v>
      </c>
      <c r="O5643" s="58">
        <f>IF(Input!$K$13=2,J5643*Input!$J$13,0)+IF(Input!$K$14=2,K5643*Input!$J$14,0)+IF(Input!$K$15=2,L5643*Input!$J$15,0)+IF(Input!$K$16=2,M5643*Input!$J$16,0)</f>
        <v>7.3008284848933749E-2</v>
      </c>
      <c r="P5643" s="58">
        <f>IF(Input!$K$13=3,J5643*Input!$J$13,0)+IF(Input!$K$14=3,K5643*Input!$J$14,0)+IF(Input!$K$15=3,L5643*Input!$J$15,0)+IF(Input!$K$16=3,M5643*Input!$J$16,0)</f>
        <v>0</v>
      </c>
      <c r="Q5643" s="71">
        <f>IF(Input!$K$13=4,J5643*Input!$J$13,0)+IF(Input!$K$14=4,K5643*Input!$J$14,0)+IF(Input!$K$15=4,L5643*Input!$J$15,0)+IF(Input!$K$16=4,M5643*Input!$J$16,0)</f>
        <v>0</v>
      </c>
    </row>
    <row r="5644" spans="8:17" x14ac:dyDescent="0.25">
      <c r="H5644" s="43">
        <v>5637</v>
      </c>
      <c r="I5644" s="55">
        <f>Bühler!I5670</f>
        <v>0</v>
      </c>
      <c r="J5644" s="58">
        <f>Bühler!J5670</f>
        <v>6.0102243940984019</v>
      </c>
      <c r="K5644" s="58">
        <f>Bühler!K5670</f>
        <v>0.54080210999210188</v>
      </c>
      <c r="L5644" s="58">
        <f>Bühler!L5670</f>
        <v>0.27040105499605094</v>
      </c>
      <c r="M5644" s="57">
        <f>Bühler!M5670</f>
        <v>0</v>
      </c>
      <c r="N5644" s="55">
        <f>IF(Input!$K$13=1,J5644*Input!$J$13,0)+IF(Input!$K$14=1,K5644*Input!$J$14,0)+IF(Input!$K$15=1,L5644*Input!$J$15,0)+IF(Input!$K$16=1,M5644*Input!$J$16,0)</f>
        <v>0.72122692729180815</v>
      </c>
      <c r="O5644" s="58">
        <f>IF(Input!$K$13=2,J5644*Input!$J$13,0)+IF(Input!$K$14=2,K5644*Input!$J$14,0)+IF(Input!$K$15=2,L5644*Input!$J$15,0)+IF(Input!$K$16=2,M5644*Input!$J$16,0)</f>
        <v>7.3008284848933749E-2</v>
      </c>
      <c r="P5644" s="58">
        <f>IF(Input!$K$13=3,J5644*Input!$J$13,0)+IF(Input!$K$14=3,K5644*Input!$J$14,0)+IF(Input!$K$15=3,L5644*Input!$J$15,0)+IF(Input!$K$16=3,M5644*Input!$J$16,0)</f>
        <v>0</v>
      </c>
      <c r="Q5644" s="71">
        <f>IF(Input!$K$13=4,J5644*Input!$J$13,0)+IF(Input!$K$14=4,K5644*Input!$J$14,0)+IF(Input!$K$15=4,L5644*Input!$J$15,0)+IF(Input!$K$16=4,M5644*Input!$J$16,0)</f>
        <v>0</v>
      </c>
    </row>
    <row r="5645" spans="8:17" x14ac:dyDescent="0.25">
      <c r="H5645" s="43">
        <v>5638</v>
      </c>
      <c r="I5645" s="55">
        <f>Bühler!I5671</f>
        <v>0</v>
      </c>
      <c r="J5645" s="58">
        <f>Bühler!J5671</f>
        <v>6.0102243940984019</v>
      </c>
      <c r="K5645" s="58">
        <f>Bühler!K5671</f>
        <v>0.54080210999210188</v>
      </c>
      <c r="L5645" s="58">
        <f>Bühler!L5671</f>
        <v>0.27040105499605094</v>
      </c>
      <c r="M5645" s="57">
        <f>Bühler!M5671</f>
        <v>0</v>
      </c>
      <c r="N5645" s="55">
        <f>IF(Input!$K$13=1,J5645*Input!$J$13,0)+IF(Input!$K$14=1,K5645*Input!$J$14,0)+IF(Input!$K$15=1,L5645*Input!$J$15,0)+IF(Input!$K$16=1,M5645*Input!$J$16,0)</f>
        <v>0.72122692729180815</v>
      </c>
      <c r="O5645" s="58">
        <f>IF(Input!$K$13=2,J5645*Input!$J$13,0)+IF(Input!$K$14=2,K5645*Input!$J$14,0)+IF(Input!$K$15=2,L5645*Input!$J$15,0)+IF(Input!$K$16=2,M5645*Input!$J$16,0)</f>
        <v>7.3008284848933749E-2</v>
      </c>
      <c r="P5645" s="58">
        <f>IF(Input!$K$13=3,J5645*Input!$J$13,0)+IF(Input!$K$14=3,K5645*Input!$J$14,0)+IF(Input!$K$15=3,L5645*Input!$J$15,0)+IF(Input!$K$16=3,M5645*Input!$J$16,0)</f>
        <v>0</v>
      </c>
      <c r="Q5645" s="71">
        <f>IF(Input!$K$13=4,J5645*Input!$J$13,0)+IF(Input!$K$14=4,K5645*Input!$J$14,0)+IF(Input!$K$15=4,L5645*Input!$J$15,0)+IF(Input!$K$16=4,M5645*Input!$J$16,0)</f>
        <v>0</v>
      </c>
    </row>
    <row r="5646" spans="8:17" x14ac:dyDescent="0.25">
      <c r="H5646" s="43">
        <v>5639</v>
      </c>
      <c r="I5646" s="55">
        <f>Bühler!I5672</f>
        <v>0</v>
      </c>
      <c r="J5646" s="58">
        <f>Bühler!J5672</f>
        <v>6.0102243940984019</v>
      </c>
      <c r="K5646" s="58">
        <f>Bühler!K5672</f>
        <v>0.54080210999210188</v>
      </c>
      <c r="L5646" s="58">
        <f>Bühler!L5672</f>
        <v>0.27040105499605094</v>
      </c>
      <c r="M5646" s="57">
        <f>Bühler!M5672</f>
        <v>0</v>
      </c>
      <c r="N5646" s="55">
        <f>IF(Input!$K$13=1,J5646*Input!$J$13,0)+IF(Input!$K$14=1,K5646*Input!$J$14,0)+IF(Input!$K$15=1,L5646*Input!$J$15,0)+IF(Input!$K$16=1,M5646*Input!$J$16,0)</f>
        <v>0.72122692729180815</v>
      </c>
      <c r="O5646" s="58">
        <f>IF(Input!$K$13=2,J5646*Input!$J$13,0)+IF(Input!$K$14=2,K5646*Input!$J$14,0)+IF(Input!$K$15=2,L5646*Input!$J$15,0)+IF(Input!$K$16=2,M5646*Input!$J$16,0)</f>
        <v>7.3008284848933749E-2</v>
      </c>
      <c r="P5646" s="58">
        <f>IF(Input!$K$13=3,J5646*Input!$J$13,0)+IF(Input!$K$14=3,K5646*Input!$J$14,0)+IF(Input!$K$15=3,L5646*Input!$J$15,0)+IF(Input!$K$16=3,M5646*Input!$J$16,0)</f>
        <v>0</v>
      </c>
      <c r="Q5646" s="71">
        <f>IF(Input!$K$13=4,J5646*Input!$J$13,0)+IF(Input!$K$14=4,K5646*Input!$J$14,0)+IF(Input!$K$15=4,L5646*Input!$J$15,0)+IF(Input!$K$16=4,M5646*Input!$J$16,0)</f>
        <v>0</v>
      </c>
    </row>
    <row r="5647" spans="8:17" x14ac:dyDescent="0.25">
      <c r="H5647" s="43">
        <v>5640</v>
      </c>
      <c r="I5647" s="55">
        <f>Bühler!I5673</f>
        <v>0</v>
      </c>
      <c r="J5647" s="58">
        <f>Bühler!J5673</f>
        <v>6.0102243940984019</v>
      </c>
      <c r="K5647" s="58">
        <f>Bühler!K5673</f>
        <v>0.54080210999210188</v>
      </c>
      <c r="L5647" s="58">
        <f>Bühler!L5673</f>
        <v>0.27040105499605094</v>
      </c>
      <c r="M5647" s="57">
        <f>Bühler!M5673</f>
        <v>0</v>
      </c>
      <c r="N5647" s="55">
        <f>IF(Input!$K$13=1,J5647*Input!$J$13,0)+IF(Input!$K$14=1,K5647*Input!$J$14,0)+IF(Input!$K$15=1,L5647*Input!$J$15,0)+IF(Input!$K$16=1,M5647*Input!$J$16,0)</f>
        <v>0.72122692729180815</v>
      </c>
      <c r="O5647" s="58">
        <f>IF(Input!$K$13=2,J5647*Input!$J$13,0)+IF(Input!$K$14=2,K5647*Input!$J$14,0)+IF(Input!$K$15=2,L5647*Input!$J$15,0)+IF(Input!$K$16=2,M5647*Input!$J$16,0)</f>
        <v>7.3008284848933749E-2</v>
      </c>
      <c r="P5647" s="58">
        <f>IF(Input!$K$13=3,J5647*Input!$J$13,0)+IF(Input!$K$14=3,K5647*Input!$J$14,0)+IF(Input!$K$15=3,L5647*Input!$J$15,0)+IF(Input!$K$16=3,M5647*Input!$J$16,0)</f>
        <v>0</v>
      </c>
      <c r="Q5647" s="71">
        <f>IF(Input!$K$13=4,J5647*Input!$J$13,0)+IF(Input!$K$14=4,K5647*Input!$J$14,0)+IF(Input!$K$15=4,L5647*Input!$J$15,0)+IF(Input!$K$16=4,M5647*Input!$J$16,0)</f>
        <v>0</v>
      </c>
    </row>
    <row r="5648" spans="8:17" x14ac:dyDescent="0.25">
      <c r="H5648" s="43">
        <v>5641</v>
      </c>
      <c r="I5648" s="55">
        <f>Bühler!I5674</f>
        <v>0</v>
      </c>
      <c r="J5648" s="58">
        <f>Bühler!J5674</f>
        <v>6.1012436731297797</v>
      </c>
      <c r="K5648" s="58">
        <f>Bühler!K5674</f>
        <v>0.544385568192435</v>
      </c>
      <c r="L5648" s="58">
        <f>Bühler!L5674</f>
        <v>0.2721927840962175</v>
      </c>
      <c r="M5648" s="57">
        <f>Bühler!M5674</f>
        <v>0</v>
      </c>
      <c r="N5648" s="55">
        <f>IF(Input!$K$13=1,J5648*Input!$J$13,0)+IF(Input!$K$14=1,K5648*Input!$J$14,0)+IF(Input!$K$15=1,L5648*Input!$J$15,0)+IF(Input!$K$16=1,M5648*Input!$J$16,0)</f>
        <v>0.73214924077557353</v>
      </c>
      <c r="O5648" s="58">
        <f>IF(Input!$K$13=2,J5648*Input!$J$13,0)+IF(Input!$K$14=2,K5648*Input!$J$14,0)+IF(Input!$K$15=2,L5648*Input!$J$15,0)+IF(Input!$K$16=2,M5648*Input!$J$16,0)</f>
        <v>7.3492051705978723E-2</v>
      </c>
      <c r="P5648" s="58">
        <f>IF(Input!$K$13=3,J5648*Input!$J$13,0)+IF(Input!$K$14=3,K5648*Input!$J$14,0)+IF(Input!$K$15=3,L5648*Input!$J$15,0)+IF(Input!$K$16=3,M5648*Input!$J$16,0)</f>
        <v>0</v>
      </c>
      <c r="Q5648" s="71">
        <f>IF(Input!$K$13=4,J5648*Input!$J$13,0)+IF(Input!$K$14=4,K5648*Input!$J$14,0)+IF(Input!$K$15=4,L5648*Input!$J$15,0)+IF(Input!$K$16=4,M5648*Input!$J$16,0)</f>
        <v>0</v>
      </c>
    </row>
    <row r="5649" spans="8:17" x14ac:dyDescent="0.25">
      <c r="H5649" s="43">
        <v>5642</v>
      </c>
      <c r="I5649" s="55">
        <f>Bühler!I5675</f>
        <v>0</v>
      </c>
      <c r="J5649" s="58">
        <f>Bühler!J5675</f>
        <v>6.1012436731297797</v>
      </c>
      <c r="K5649" s="58">
        <f>Bühler!K5675</f>
        <v>0.544385568192435</v>
      </c>
      <c r="L5649" s="58">
        <f>Bühler!L5675</f>
        <v>0.2721927840962175</v>
      </c>
      <c r="M5649" s="57">
        <f>Bühler!M5675</f>
        <v>0</v>
      </c>
      <c r="N5649" s="55">
        <f>IF(Input!$K$13=1,J5649*Input!$J$13,0)+IF(Input!$K$14=1,K5649*Input!$J$14,0)+IF(Input!$K$15=1,L5649*Input!$J$15,0)+IF(Input!$K$16=1,M5649*Input!$J$16,0)</f>
        <v>0.73214924077557353</v>
      </c>
      <c r="O5649" s="58">
        <f>IF(Input!$K$13=2,J5649*Input!$J$13,0)+IF(Input!$K$14=2,K5649*Input!$J$14,0)+IF(Input!$K$15=2,L5649*Input!$J$15,0)+IF(Input!$K$16=2,M5649*Input!$J$16,0)</f>
        <v>7.3492051705978723E-2</v>
      </c>
      <c r="P5649" s="58">
        <f>IF(Input!$K$13=3,J5649*Input!$J$13,0)+IF(Input!$K$14=3,K5649*Input!$J$14,0)+IF(Input!$K$15=3,L5649*Input!$J$15,0)+IF(Input!$K$16=3,M5649*Input!$J$16,0)</f>
        <v>0</v>
      </c>
      <c r="Q5649" s="71">
        <f>IF(Input!$K$13=4,J5649*Input!$J$13,0)+IF(Input!$K$14=4,K5649*Input!$J$14,0)+IF(Input!$K$15=4,L5649*Input!$J$15,0)+IF(Input!$K$16=4,M5649*Input!$J$16,0)</f>
        <v>0</v>
      </c>
    </row>
    <row r="5650" spans="8:17" x14ac:dyDescent="0.25">
      <c r="H5650" s="43">
        <v>5643</v>
      </c>
      <c r="I5650" s="55">
        <f>Bühler!I5676</f>
        <v>0</v>
      </c>
      <c r="J5650" s="58">
        <f>Bühler!J5676</f>
        <v>6.1012436731297797</v>
      </c>
      <c r="K5650" s="58">
        <f>Bühler!K5676</f>
        <v>0.544385568192435</v>
      </c>
      <c r="L5650" s="58">
        <f>Bühler!L5676</f>
        <v>0.2721927840962175</v>
      </c>
      <c r="M5650" s="57">
        <f>Bühler!M5676</f>
        <v>0</v>
      </c>
      <c r="N5650" s="55">
        <f>IF(Input!$K$13=1,J5650*Input!$J$13,0)+IF(Input!$K$14=1,K5650*Input!$J$14,0)+IF(Input!$K$15=1,L5650*Input!$J$15,0)+IF(Input!$K$16=1,M5650*Input!$J$16,0)</f>
        <v>0.73214924077557353</v>
      </c>
      <c r="O5650" s="58">
        <f>IF(Input!$K$13=2,J5650*Input!$J$13,0)+IF(Input!$K$14=2,K5650*Input!$J$14,0)+IF(Input!$K$15=2,L5650*Input!$J$15,0)+IF(Input!$K$16=2,M5650*Input!$J$16,0)</f>
        <v>7.3492051705978723E-2</v>
      </c>
      <c r="P5650" s="58">
        <f>IF(Input!$K$13=3,J5650*Input!$J$13,0)+IF(Input!$K$14=3,K5650*Input!$J$14,0)+IF(Input!$K$15=3,L5650*Input!$J$15,0)+IF(Input!$K$16=3,M5650*Input!$J$16,0)</f>
        <v>0</v>
      </c>
      <c r="Q5650" s="71">
        <f>IF(Input!$K$13=4,J5650*Input!$J$13,0)+IF(Input!$K$14=4,K5650*Input!$J$14,0)+IF(Input!$K$15=4,L5650*Input!$J$15,0)+IF(Input!$K$16=4,M5650*Input!$J$16,0)</f>
        <v>0</v>
      </c>
    </row>
    <row r="5651" spans="8:17" x14ac:dyDescent="0.25">
      <c r="H5651" s="43">
        <v>5644</v>
      </c>
      <c r="I5651" s="55">
        <f>Bühler!I5677</f>
        <v>0</v>
      </c>
      <c r="J5651" s="58">
        <f>Bühler!J5677</f>
        <v>6.1012436731297797</v>
      </c>
      <c r="K5651" s="58">
        <f>Bühler!K5677</f>
        <v>0.544385568192435</v>
      </c>
      <c r="L5651" s="58">
        <f>Bühler!L5677</f>
        <v>0.2721927840962175</v>
      </c>
      <c r="M5651" s="57">
        <f>Bühler!M5677</f>
        <v>0</v>
      </c>
      <c r="N5651" s="55">
        <f>IF(Input!$K$13=1,J5651*Input!$J$13,0)+IF(Input!$K$14=1,K5651*Input!$J$14,0)+IF(Input!$K$15=1,L5651*Input!$J$15,0)+IF(Input!$K$16=1,M5651*Input!$J$16,0)</f>
        <v>0.73214924077557353</v>
      </c>
      <c r="O5651" s="58">
        <f>IF(Input!$K$13=2,J5651*Input!$J$13,0)+IF(Input!$K$14=2,K5651*Input!$J$14,0)+IF(Input!$K$15=2,L5651*Input!$J$15,0)+IF(Input!$K$16=2,M5651*Input!$J$16,0)</f>
        <v>7.3492051705978723E-2</v>
      </c>
      <c r="P5651" s="58">
        <f>IF(Input!$K$13=3,J5651*Input!$J$13,0)+IF(Input!$K$14=3,K5651*Input!$J$14,0)+IF(Input!$K$15=3,L5651*Input!$J$15,0)+IF(Input!$K$16=3,M5651*Input!$J$16,0)</f>
        <v>0</v>
      </c>
      <c r="Q5651" s="71">
        <f>IF(Input!$K$13=4,J5651*Input!$J$13,0)+IF(Input!$K$14=4,K5651*Input!$J$14,0)+IF(Input!$K$15=4,L5651*Input!$J$15,0)+IF(Input!$K$16=4,M5651*Input!$J$16,0)</f>
        <v>0</v>
      </c>
    </row>
    <row r="5652" spans="8:17" x14ac:dyDescent="0.25">
      <c r="H5652" s="43">
        <v>5645</v>
      </c>
      <c r="I5652" s="55">
        <f>Bühler!I5678</f>
        <v>0</v>
      </c>
      <c r="J5652" s="58">
        <f>Bühler!J5678</f>
        <v>6.1012436731297797</v>
      </c>
      <c r="K5652" s="58">
        <f>Bühler!K5678</f>
        <v>0.544385568192435</v>
      </c>
      <c r="L5652" s="58">
        <f>Bühler!L5678</f>
        <v>0.2721927840962175</v>
      </c>
      <c r="M5652" s="57">
        <f>Bühler!M5678</f>
        <v>0</v>
      </c>
      <c r="N5652" s="55">
        <f>IF(Input!$K$13=1,J5652*Input!$J$13,0)+IF(Input!$K$14=1,K5652*Input!$J$14,0)+IF(Input!$K$15=1,L5652*Input!$J$15,0)+IF(Input!$K$16=1,M5652*Input!$J$16,0)</f>
        <v>0.73214924077557353</v>
      </c>
      <c r="O5652" s="58">
        <f>IF(Input!$K$13=2,J5652*Input!$J$13,0)+IF(Input!$K$14=2,K5652*Input!$J$14,0)+IF(Input!$K$15=2,L5652*Input!$J$15,0)+IF(Input!$K$16=2,M5652*Input!$J$16,0)</f>
        <v>7.3492051705978723E-2</v>
      </c>
      <c r="P5652" s="58">
        <f>IF(Input!$K$13=3,J5652*Input!$J$13,0)+IF(Input!$K$14=3,K5652*Input!$J$14,0)+IF(Input!$K$15=3,L5652*Input!$J$15,0)+IF(Input!$K$16=3,M5652*Input!$J$16,0)</f>
        <v>0</v>
      </c>
      <c r="Q5652" s="71">
        <f>IF(Input!$K$13=4,J5652*Input!$J$13,0)+IF(Input!$K$14=4,K5652*Input!$J$14,0)+IF(Input!$K$15=4,L5652*Input!$J$15,0)+IF(Input!$K$16=4,M5652*Input!$J$16,0)</f>
        <v>0</v>
      </c>
    </row>
    <row r="5653" spans="8:17" x14ac:dyDescent="0.25">
      <c r="H5653" s="43">
        <v>5646</v>
      </c>
      <c r="I5653" s="55">
        <f>Bühler!I5679</f>
        <v>0</v>
      </c>
      <c r="J5653" s="58">
        <f>Bühler!J5679</f>
        <v>6.1012436731297797</v>
      </c>
      <c r="K5653" s="58">
        <f>Bühler!K5679</f>
        <v>0.544385568192435</v>
      </c>
      <c r="L5653" s="58">
        <f>Bühler!L5679</f>
        <v>0.2721927840962175</v>
      </c>
      <c r="M5653" s="57">
        <f>Bühler!M5679</f>
        <v>0</v>
      </c>
      <c r="N5653" s="55">
        <f>IF(Input!$K$13=1,J5653*Input!$J$13,0)+IF(Input!$K$14=1,K5653*Input!$J$14,0)+IF(Input!$K$15=1,L5653*Input!$J$15,0)+IF(Input!$K$16=1,M5653*Input!$J$16,0)</f>
        <v>0.73214924077557353</v>
      </c>
      <c r="O5653" s="58">
        <f>IF(Input!$K$13=2,J5653*Input!$J$13,0)+IF(Input!$K$14=2,K5653*Input!$J$14,0)+IF(Input!$K$15=2,L5653*Input!$J$15,0)+IF(Input!$K$16=2,M5653*Input!$J$16,0)</f>
        <v>7.3492051705978723E-2</v>
      </c>
      <c r="P5653" s="58">
        <f>IF(Input!$K$13=3,J5653*Input!$J$13,0)+IF(Input!$K$14=3,K5653*Input!$J$14,0)+IF(Input!$K$15=3,L5653*Input!$J$15,0)+IF(Input!$K$16=3,M5653*Input!$J$16,0)</f>
        <v>0</v>
      </c>
      <c r="Q5653" s="71">
        <f>IF(Input!$K$13=4,J5653*Input!$J$13,0)+IF(Input!$K$14=4,K5653*Input!$J$14,0)+IF(Input!$K$15=4,L5653*Input!$J$15,0)+IF(Input!$K$16=4,M5653*Input!$J$16,0)</f>
        <v>0</v>
      </c>
    </row>
    <row r="5654" spans="8:17" x14ac:dyDescent="0.25">
      <c r="H5654" s="43">
        <v>5647</v>
      </c>
      <c r="I5654" s="55">
        <f>Bühler!I5680</f>
        <v>0</v>
      </c>
      <c r="J5654" s="58">
        <f>Bühler!J5680</f>
        <v>6.1012436731297797</v>
      </c>
      <c r="K5654" s="58">
        <f>Bühler!K5680</f>
        <v>0.544385568192435</v>
      </c>
      <c r="L5654" s="58">
        <f>Bühler!L5680</f>
        <v>0.2721927840962175</v>
      </c>
      <c r="M5654" s="57">
        <f>Bühler!M5680</f>
        <v>0</v>
      </c>
      <c r="N5654" s="55">
        <f>IF(Input!$K$13=1,J5654*Input!$J$13,0)+IF(Input!$K$14=1,K5654*Input!$J$14,0)+IF(Input!$K$15=1,L5654*Input!$J$15,0)+IF(Input!$K$16=1,M5654*Input!$J$16,0)</f>
        <v>0.73214924077557353</v>
      </c>
      <c r="O5654" s="58">
        <f>IF(Input!$K$13=2,J5654*Input!$J$13,0)+IF(Input!$K$14=2,K5654*Input!$J$14,0)+IF(Input!$K$15=2,L5654*Input!$J$15,0)+IF(Input!$K$16=2,M5654*Input!$J$16,0)</f>
        <v>7.3492051705978723E-2</v>
      </c>
      <c r="P5654" s="58">
        <f>IF(Input!$K$13=3,J5654*Input!$J$13,0)+IF(Input!$K$14=3,K5654*Input!$J$14,0)+IF(Input!$K$15=3,L5654*Input!$J$15,0)+IF(Input!$K$16=3,M5654*Input!$J$16,0)</f>
        <v>0</v>
      </c>
      <c r="Q5654" s="71">
        <f>IF(Input!$K$13=4,J5654*Input!$J$13,0)+IF(Input!$K$14=4,K5654*Input!$J$14,0)+IF(Input!$K$15=4,L5654*Input!$J$15,0)+IF(Input!$K$16=4,M5654*Input!$J$16,0)</f>
        <v>0</v>
      </c>
    </row>
    <row r="5655" spans="8:17" x14ac:dyDescent="0.25">
      <c r="H5655" s="43">
        <v>5648</v>
      </c>
      <c r="I5655" s="55">
        <f>Bühler!I5681</f>
        <v>0</v>
      </c>
      <c r="J5655" s="58">
        <f>Bühler!J5681</f>
        <v>24.94114459106688</v>
      </c>
      <c r="K5655" s="58">
        <f>Bühler!K5681</f>
        <v>2.2253822166411963</v>
      </c>
      <c r="L5655" s="58">
        <f>Bühler!L5681</f>
        <v>1.1126911083205981</v>
      </c>
      <c r="M5655" s="57">
        <f>Bühler!M5681</f>
        <v>0</v>
      </c>
      <c r="N5655" s="55">
        <f>IF(Input!$K$13=1,J5655*Input!$J$13,0)+IF(Input!$K$14=1,K5655*Input!$J$14,0)+IF(Input!$K$15=1,L5655*Input!$J$15,0)+IF(Input!$K$16=1,M5655*Input!$J$16,0)</f>
        <v>2.9929373509280257</v>
      </c>
      <c r="O5655" s="58">
        <f>IF(Input!$K$13=2,J5655*Input!$J$13,0)+IF(Input!$K$14=2,K5655*Input!$J$14,0)+IF(Input!$K$15=2,L5655*Input!$J$15,0)+IF(Input!$K$16=2,M5655*Input!$J$16,0)</f>
        <v>0.30042659924656145</v>
      </c>
      <c r="P5655" s="58">
        <f>IF(Input!$K$13=3,J5655*Input!$J$13,0)+IF(Input!$K$14=3,K5655*Input!$J$14,0)+IF(Input!$K$15=3,L5655*Input!$J$15,0)+IF(Input!$K$16=3,M5655*Input!$J$16,0)</f>
        <v>0</v>
      </c>
      <c r="Q5655" s="71">
        <f>IF(Input!$K$13=4,J5655*Input!$J$13,0)+IF(Input!$K$14=4,K5655*Input!$J$14,0)+IF(Input!$K$15=4,L5655*Input!$J$15,0)+IF(Input!$K$16=4,M5655*Input!$J$16,0)</f>
        <v>0</v>
      </c>
    </row>
    <row r="5656" spans="8:17" x14ac:dyDescent="0.25">
      <c r="H5656" s="43">
        <v>5649</v>
      </c>
      <c r="I5656" s="55">
        <f>Bühler!I5682</f>
        <v>0</v>
      </c>
      <c r="J5656" s="58">
        <f>Bühler!J5682</f>
        <v>27.829066596348305</v>
      </c>
      <c r="K5656" s="58">
        <f>Bühler!K5682</f>
        <v>2.4830580522522818</v>
      </c>
      <c r="L5656" s="58">
        <f>Bühler!L5682</f>
        <v>1.2415290261261409</v>
      </c>
      <c r="M5656" s="57">
        <f>Bühler!M5682</f>
        <v>0</v>
      </c>
      <c r="N5656" s="55">
        <f>IF(Input!$K$13=1,J5656*Input!$J$13,0)+IF(Input!$K$14=1,K5656*Input!$J$14,0)+IF(Input!$K$15=1,L5656*Input!$J$15,0)+IF(Input!$K$16=1,M5656*Input!$J$16,0)</f>
        <v>3.3394879915617963</v>
      </c>
      <c r="O5656" s="58">
        <f>IF(Input!$K$13=2,J5656*Input!$J$13,0)+IF(Input!$K$14=2,K5656*Input!$J$14,0)+IF(Input!$K$15=2,L5656*Input!$J$15,0)+IF(Input!$K$16=2,M5656*Input!$J$16,0)</f>
        <v>0.33521283705405802</v>
      </c>
      <c r="P5656" s="58">
        <f>IF(Input!$K$13=3,J5656*Input!$J$13,0)+IF(Input!$K$14=3,K5656*Input!$J$14,0)+IF(Input!$K$15=3,L5656*Input!$J$15,0)+IF(Input!$K$16=3,M5656*Input!$J$16,0)</f>
        <v>0</v>
      </c>
      <c r="Q5656" s="71">
        <f>IF(Input!$K$13=4,J5656*Input!$J$13,0)+IF(Input!$K$14=4,K5656*Input!$J$14,0)+IF(Input!$K$15=4,L5656*Input!$J$15,0)+IF(Input!$K$16=4,M5656*Input!$J$16,0)</f>
        <v>0</v>
      </c>
    </row>
    <row r="5657" spans="8:17" x14ac:dyDescent="0.25">
      <c r="H5657" s="43">
        <v>5650</v>
      </c>
      <c r="I5657" s="55">
        <f>Bühler!I5683</f>
        <v>0</v>
      </c>
      <c r="J5657" s="58">
        <f>Bühler!J5683</f>
        <v>30.716988601629744</v>
      </c>
      <c r="K5657" s="58">
        <f>Bühler!K5683</f>
        <v>2.7407338878633682</v>
      </c>
      <c r="L5657" s="58">
        <f>Bühler!L5683</f>
        <v>1.3703669439316841</v>
      </c>
      <c r="M5657" s="57">
        <f>Bühler!M5683</f>
        <v>0</v>
      </c>
      <c r="N5657" s="55">
        <f>IF(Input!$K$13=1,J5657*Input!$J$13,0)+IF(Input!$K$14=1,K5657*Input!$J$14,0)+IF(Input!$K$15=1,L5657*Input!$J$15,0)+IF(Input!$K$16=1,M5657*Input!$J$16,0)</f>
        <v>3.6860386321955692</v>
      </c>
      <c r="O5657" s="58">
        <f>IF(Input!$K$13=2,J5657*Input!$J$13,0)+IF(Input!$K$14=2,K5657*Input!$J$14,0)+IF(Input!$K$15=2,L5657*Input!$J$15,0)+IF(Input!$K$16=2,M5657*Input!$J$16,0)</f>
        <v>0.3699990748615547</v>
      </c>
      <c r="P5657" s="58">
        <f>IF(Input!$K$13=3,J5657*Input!$J$13,0)+IF(Input!$K$14=3,K5657*Input!$J$14,0)+IF(Input!$K$15=3,L5657*Input!$J$15,0)+IF(Input!$K$16=3,M5657*Input!$J$16,0)</f>
        <v>0</v>
      </c>
      <c r="Q5657" s="71">
        <f>IF(Input!$K$13=4,J5657*Input!$J$13,0)+IF(Input!$K$14=4,K5657*Input!$J$14,0)+IF(Input!$K$15=4,L5657*Input!$J$15,0)+IF(Input!$K$16=4,M5657*Input!$J$16,0)</f>
        <v>0</v>
      </c>
    </row>
    <row r="5658" spans="8:17" x14ac:dyDescent="0.25">
      <c r="H5658" s="43">
        <v>5651</v>
      </c>
      <c r="I5658" s="55">
        <f>Bühler!I5684</f>
        <v>0</v>
      </c>
      <c r="J5658" s="58">
        <f>Bühler!J5684</f>
        <v>30.716988601629744</v>
      </c>
      <c r="K5658" s="58">
        <f>Bühler!K5684</f>
        <v>2.7407338878633682</v>
      </c>
      <c r="L5658" s="58">
        <f>Bühler!L5684</f>
        <v>1.3703669439316841</v>
      </c>
      <c r="M5658" s="57">
        <f>Bühler!M5684</f>
        <v>0</v>
      </c>
      <c r="N5658" s="55">
        <f>IF(Input!$K$13=1,J5658*Input!$J$13,0)+IF(Input!$K$14=1,K5658*Input!$J$14,0)+IF(Input!$K$15=1,L5658*Input!$J$15,0)+IF(Input!$K$16=1,M5658*Input!$J$16,0)</f>
        <v>3.6860386321955692</v>
      </c>
      <c r="O5658" s="58">
        <f>IF(Input!$K$13=2,J5658*Input!$J$13,0)+IF(Input!$K$14=2,K5658*Input!$J$14,0)+IF(Input!$K$15=2,L5658*Input!$J$15,0)+IF(Input!$K$16=2,M5658*Input!$J$16,0)</f>
        <v>0.3699990748615547</v>
      </c>
      <c r="P5658" s="58">
        <f>IF(Input!$K$13=3,J5658*Input!$J$13,0)+IF(Input!$K$14=3,K5658*Input!$J$14,0)+IF(Input!$K$15=3,L5658*Input!$J$15,0)+IF(Input!$K$16=3,M5658*Input!$J$16,0)</f>
        <v>0</v>
      </c>
      <c r="Q5658" s="71">
        <f>IF(Input!$K$13=4,J5658*Input!$J$13,0)+IF(Input!$K$14=4,K5658*Input!$J$14,0)+IF(Input!$K$15=4,L5658*Input!$J$15,0)+IF(Input!$K$16=4,M5658*Input!$J$16,0)</f>
        <v>0</v>
      </c>
    </row>
    <row r="5659" spans="8:17" x14ac:dyDescent="0.25">
      <c r="H5659" s="43">
        <v>5652</v>
      </c>
      <c r="I5659" s="55">
        <f>Bühler!I5685</f>
        <v>0</v>
      </c>
      <c r="J5659" s="58">
        <f>Bühler!J5685</f>
        <v>36.755370976309081</v>
      </c>
      <c r="K5659" s="58">
        <f>Bühler!K5685</f>
        <v>3.2795106350501837</v>
      </c>
      <c r="L5659" s="58">
        <f>Bühler!L5685</f>
        <v>1.6397553175250918</v>
      </c>
      <c r="M5659" s="57">
        <f>Bühler!M5685</f>
        <v>0</v>
      </c>
      <c r="N5659" s="55">
        <f>IF(Input!$K$13=1,J5659*Input!$J$13,0)+IF(Input!$K$14=1,K5659*Input!$J$14,0)+IF(Input!$K$15=1,L5659*Input!$J$15,0)+IF(Input!$K$16=1,M5659*Input!$J$16,0)</f>
        <v>4.4106445171570892</v>
      </c>
      <c r="O5659" s="58">
        <f>IF(Input!$K$13=2,J5659*Input!$J$13,0)+IF(Input!$K$14=2,K5659*Input!$J$14,0)+IF(Input!$K$15=2,L5659*Input!$J$15,0)+IF(Input!$K$16=2,M5659*Input!$J$16,0)</f>
        <v>0.44273393573177477</v>
      </c>
      <c r="P5659" s="58">
        <f>IF(Input!$K$13=3,J5659*Input!$J$13,0)+IF(Input!$K$14=3,K5659*Input!$J$14,0)+IF(Input!$K$15=3,L5659*Input!$J$15,0)+IF(Input!$K$16=3,M5659*Input!$J$16,0)</f>
        <v>0</v>
      </c>
      <c r="Q5659" s="71">
        <f>IF(Input!$K$13=4,J5659*Input!$J$13,0)+IF(Input!$K$14=4,K5659*Input!$J$14,0)+IF(Input!$K$15=4,L5659*Input!$J$15,0)+IF(Input!$K$16=4,M5659*Input!$J$16,0)</f>
        <v>0</v>
      </c>
    </row>
    <row r="5660" spans="8:17" x14ac:dyDescent="0.25">
      <c r="H5660" s="43">
        <v>5653</v>
      </c>
      <c r="I5660" s="55">
        <f>Bühler!I5686</f>
        <v>0</v>
      </c>
      <c r="J5660" s="58">
        <f>Bühler!J5686</f>
        <v>36.755370976309081</v>
      </c>
      <c r="K5660" s="58">
        <f>Bühler!K5686</f>
        <v>3.2795106350501837</v>
      </c>
      <c r="L5660" s="58">
        <f>Bühler!L5686</f>
        <v>1.6397553175250918</v>
      </c>
      <c r="M5660" s="57">
        <f>Bühler!M5686</f>
        <v>0</v>
      </c>
      <c r="N5660" s="55">
        <f>IF(Input!$K$13=1,J5660*Input!$J$13,0)+IF(Input!$K$14=1,K5660*Input!$J$14,0)+IF(Input!$K$15=1,L5660*Input!$J$15,0)+IF(Input!$K$16=1,M5660*Input!$J$16,0)</f>
        <v>4.4106445171570892</v>
      </c>
      <c r="O5660" s="58">
        <f>IF(Input!$K$13=2,J5660*Input!$J$13,0)+IF(Input!$K$14=2,K5660*Input!$J$14,0)+IF(Input!$K$15=2,L5660*Input!$J$15,0)+IF(Input!$K$16=2,M5660*Input!$J$16,0)</f>
        <v>0.44273393573177477</v>
      </c>
      <c r="P5660" s="58">
        <f>IF(Input!$K$13=3,J5660*Input!$J$13,0)+IF(Input!$K$14=3,K5660*Input!$J$14,0)+IF(Input!$K$15=3,L5660*Input!$J$15,0)+IF(Input!$K$16=3,M5660*Input!$J$16,0)</f>
        <v>0</v>
      </c>
      <c r="Q5660" s="71">
        <f>IF(Input!$K$13=4,J5660*Input!$J$13,0)+IF(Input!$K$14=4,K5660*Input!$J$14,0)+IF(Input!$K$15=4,L5660*Input!$J$15,0)+IF(Input!$K$16=4,M5660*Input!$J$16,0)</f>
        <v>0</v>
      </c>
    </row>
    <row r="5661" spans="8:17" x14ac:dyDescent="0.25">
      <c r="H5661" s="43">
        <v>5654</v>
      </c>
      <c r="I5661" s="55">
        <f>Bühler!I5687</f>
        <v>0</v>
      </c>
      <c r="J5661" s="58">
        <f>Bühler!J5687</f>
        <v>24.416067862833891</v>
      </c>
      <c r="K5661" s="58">
        <f>Bühler!K5687</f>
        <v>2.1785320647119075</v>
      </c>
      <c r="L5661" s="58">
        <f>Bühler!L5687</f>
        <v>1.0892660323559538</v>
      </c>
      <c r="M5661" s="57">
        <f>Bühler!M5687</f>
        <v>0</v>
      </c>
      <c r="N5661" s="55">
        <f>IF(Input!$K$13=1,J5661*Input!$J$13,0)+IF(Input!$K$14=1,K5661*Input!$J$14,0)+IF(Input!$K$15=1,L5661*Input!$J$15,0)+IF(Input!$K$16=1,M5661*Input!$J$16,0)</f>
        <v>2.9299281435400668</v>
      </c>
      <c r="O5661" s="58">
        <f>IF(Input!$K$13=2,J5661*Input!$J$13,0)+IF(Input!$K$14=2,K5661*Input!$J$14,0)+IF(Input!$K$15=2,L5661*Input!$J$15,0)+IF(Input!$K$16=2,M5661*Input!$J$16,0)</f>
        <v>0.29410182873610746</v>
      </c>
      <c r="P5661" s="58">
        <f>IF(Input!$K$13=3,J5661*Input!$J$13,0)+IF(Input!$K$14=3,K5661*Input!$J$14,0)+IF(Input!$K$15=3,L5661*Input!$J$15,0)+IF(Input!$K$16=3,M5661*Input!$J$16,0)</f>
        <v>0</v>
      </c>
      <c r="Q5661" s="71">
        <f>IF(Input!$K$13=4,J5661*Input!$J$13,0)+IF(Input!$K$14=4,K5661*Input!$J$14,0)+IF(Input!$K$15=4,L5661*Input!$J$15,0)+IF(Input!$K$16=4,M5661*Input!$J$16,0)</f>
        <v>0</v>
      </c>
    </row>
    <row r="5662" spans="8:17" x14ac:dyDescent="0.25">
      <c r="H5662" s="43">
        <v>5655</v>
      </c>
      <c r="I5662" s="55">
        <f>Bühler!I5688</f>
        <v>0</v>
      </c>
      <c r="J5662" s="58">
        <f>Bühler!J5688</f>
        <v>36.755370976309081</v>
      </c>
      <c r="K5662" s="58">
        <f>Bühler!K5688</f>
        <v>3.2795106350501837</v>
      </c>
      <c r="L5662" s="58">
        <f>Bühler!L5688</f>
        <v>1.6397553175250918</v>
      </c>
      <c r="M5662" s="57">
        <f>Bühler!M5688</f>
        <v>0</v>
      </c>
      <c r="N5662" s="55">
        <f>IF(Input!$K$13=1,J5662*Input!$J$13,0)+IF(Input!$K$14=1,K5662*Input!$J$14,0)+IF(Input!$K$15=1,L5662*Input!$J$15,0)+IF(Input!$K$16=1,M5662*Input!$J$16,0)</f>
        <v>4.4106445171570892</v>
      </c>
      <c r="O5662" s="58">
        <f>IF(Input!$K$13=2,J5662*Input!$J$13,0)+IF(Input!$K$14=2,K5662*Input!$J$14,0)+IF(Input!$K$15=2,L5662*Input!$J$15,0)+IF(Input!$K$16=2,M5662*Input!$J$16,0)</f>
        <v>0.44273393573177477</v>
      </c>
      <c r="P5662" s="58">
        <f>IF(Input!$K$13=3,J5662*Input!$J$13,0)+IF(Input!$K$14=3,K5662*Input!$J$14,0)+IF(Input!$K$15=3,L5662*Input!$J$15,0)+IF(Input!$K$16=3,M5662*Input!$J$16,0)</f>
        <v>0</v>
      </c>
      <c r="Q5662" s="71">
        <f>IF(Input!$K$13=4,J5662*Input!$J$13,0)+IF(Input!$K$14=4,K5662*Input!$J$14,0)+IF(Input!$K$15=4,L5662*Input!$J$15,0)+IF(Input!$K$16=4,M5662*Input!$J$16,0)</f>
        <v>0</v>
      </c>
    </row>
    <row r="5663" spans="8:17" x14ac:dyDescent="0.25">
      <c r="H5663" s="43">
        <v>5656</v>
      </c>
      <c r="I5663" s="55">
        <f>Bühler!I5689</f>
        <v>0</v>
      </c>
      <c r="J5663" s="58">
        <f>Bühler!J5689</f>
        <v>36.755370976309081</v>
      </c>
      <c r="K5663" s="58">
        <f>Bühler!K5689</f>
        <v>3.2795106350501837</v>
      </c>
      <c r="L5663" s="58">
        <f>Bühler!L5689</f>
        <v>1.6397553175250918</v>
      </c>
      <c r="M5663" s="57">
        <f>Bühler!M5689</f>
        <v>0</v>
      </c>
      <c r="N5663" s="55">
        <f>IF(Input!$K$13=1,J5663*Input!$J$13,0)+IF(Input!$K$14=1,K5663*Input!$J$14,0)+IF(Input!$K$15=1,L5663*Input!$J$15,0)+IF(Input!$K$16=1,M5663*Input!$J$16,0)</f>
        <v>4.4106445171570892</v>
      </c>
      <c r="O5663" s="58">
        <f>IF(Input!$K$13=2,J5663*Input!$J$13,0)+IF(Input!$K$14=2,K5663*Input!$J$14,0)+IF(Input!$K$15=2,L5663*Input!$J$15,0)+IF(Input!$K$16=2,M5663*Input!$J$16,0)</f>
        <v>0.44273393573177477</v>
      </c>
      <c r="P5663" s="58">
        <f>IF(Input!$K$13=3,J5663*Input!$J$13,0)+IF(Input!$K$14=3,K5663*Input!$J$14,0)+IF(Input!$K$15=3,L5663*Input!$J$15,0)+IF(Input!$K$16=3,M5663*Input!$J$16,0)</f>
        <v>0</v>
      </c>
      <c r="Q5663" s="71">
        <f>IF(Input!$K$13=4,J5663*Input!$J$13,0)+IF(Input!$K$14=4,K5663*Input!$J$14,0)+IF(Input!$K$15=4,L5663*Input!$J$15,0)+IF(Input!$K$16=4,M5663*Input!$J$16,0)</f>
        <v>0</v>
      </c>
    </row>
    <row r="5664" spans="8:17" x14ac:dyDescent="0.25">
      <c r="H5664" s="43">
        <v>5657</v>
      </c>
      <c r="I5664" s="55">
        <f>Bühler!I5690</f>
        <v>0</v>
      </c>
      <c r="J5664" s="58">
        <f>Bühler!J5690</f>
        <v>21.659415039610714</v>
      </c>
      <c r="K5664" s="58">
        <f>Bühler!K5690</f>
        <v>1.932568767083144</v>
      </c>
      <c r="L5664" s="58">
        <f>Bühler!L5690</f>
        <v>0.96628438354157198</v>
      </c>
      <c r="M5664" s="57">
        <f>Bühler!M5690</f>
        <v>0</v>
      </c>
      <c r="N5664" s="55">
        <f>IF(Input!$K$13=1,J5664*Input!$J$13,0)+IF(Input!$K$14=1,K5664*Input!$J$14,0)+IF(Input!$K$15=1,L5664*Input!$J$15,0)+IF(Input!$K$16=1,M5664*Input!$J$16,0)</f>
        <v>2.5991298047532854</v>
      </c>
      <c r="O5664" s="58">
        <f>IF(Input!$K$13=2,J5664*Input!$J$13,0)+IF(Input!$K$14=2,K5664*Input!$J$14,0)+IF(Input!$K$15=2,L5664*Input!$J$15,0)+IF(Input!$K$16=2,M5664*Input!$J$16,0)</f>
        <v>0.26089678355622442</v>
      </c>
      <c r="P5664" s="58">
        <f>IF(Input!$K$13=3,J5664*Input!$J$13,0)+IF(Input!$K$14=3,K5664*Input!$J$14,0)+IF(Input!$K$15=3,L5664*Input!$J$15,0)+IF(Input!$K$16=3,M5664*Input!$J$16,0)</f>
        <v>0</v>
      </c>
      <c r="Q5664" s="71">
        <f>IF(Input!$K$13=4,J5664*Input!$J$13,0)+IF(Input!$K$14=4,K5664*Input!$J$14,0)+IF(Input!$K$15=4,L5664*Input!$J$15,0)+IF(Input!$K$16=4,M5664*Input!$J$16,0)</f>
        <v>0</v>
      </c>
    </row>
    <row r="5665" spans="8:17" x14ac:dyDescent="0.25">
      <c r="H5665" s="43">
        <v>5658</v>
      </c>
      <c r="I5665" s="55">
        <f>Bühler!I5691</f>
        <v>0</v>
      </c>
      <c r="J5665" s="58">
        <f>Bühler!J5691</f>
        <v>9.2443085956511784</v>
      </c>
      <c r="K5665" s="58">
        <f>Bühler!K5691</f>
        <v>0.82482661847338634</v>
      </c>
      <c r="L5665" s="58">
        <f>Bühler!L5691</f>
        <v>0.41241330923669317</v>
      </c>
      <c r="M5665" s="57">
        <f>Bühler!M5691</f>
        <v>0</v>
      </c>
      <c r="N5665" s="55">
        <f>IF(Input!$K$13=1,J5665*Input!$J$13,0)+IF(Input!$K$14=1,K5665*Input!$J$14,0)+IF(Input!$K$15=1,L5665*Input!$J$15,0)+IF(Input!$K$16=1,M5665*Input!$J$16,0)</f>
        <v>1.1093170314781413</v>
      </c>
      <c r="O5665" s="58">
        <f>IF(Input!$K$13=2,J5665*Input!$J$13,0)+IF(Input!$K$14=2,K5665*Input!$J$14,0)+IF(Input!$K$15=2,L5665*Input!$J$15,0)+IF(Input!$K$16=2,M5665*Input!$J$16,0)</f>
        <v>0.11135159349390715</v>
      </c>
      <c r="P5665" s="58">
        <f>IF(Input!$K$13=3,J5665*Input!$J$13,0)+IF(Input!$K$14=3,K5665*Input!$J$14,0)+IF(Input!$K$15=3,L5665*Input!$J$15,0)+IF(Input!$K$16=3,M5665*Input!$J$16,0)</f>
        <v>0</v>
      </c>
      <c r="Q5665" s="71">
        <f>IF(Input!$K$13=4,J5665*Input!$J$13,0)+IF(Input!$K$14=4,K5665*Input!$J$14,0)+IF(Input!$K$15=4,L5665*Input!$J$15,0)+IF(Input!$K$16=4,M5665*Input!$J$16,0)</f>
        <v>0</v>
      </c>
    </row>
    <row r="5666" spans="8:17" x14ac:dyDescent="0.25">
      <c r="H5666" s="43">
        <v>5659</v>
      </c>
      <c r="I5666" s="55">
        <f>Bühler!I5692</f>
        <v>0</v>
      </c>
      <c r="J5666" s="58">
        <f>Bühler!J5692</f>
        <v>6.1012436731297797</v>
      </c>
      <c r="K5666" s="58">
        <f>Bühler!K5692</f>
        <v>0.544385568192435</v>
      </c>
      <c r="L5666" s="58">
        <f>Bühler!L5692</f>
        <v>0.2721927840962175</v>
      </c>
      <c r="M5666" s="57">
        <f>Bühler!M5692</f>
        <v>0</v>
      </c>
      <c r="N5666" s="55">
        <f>IF(Input!$K$13=1,J5666*Input!$J$13,0)+IF(Input!$K$14=1,K5666*Input!$J$14,0)+IF(Input!$K$15=1,L5666*Input!$J$15,0)+IF(Input!$K$16=1,M5666*Input!$J$16,0)</f>
        <v>0.73214924077557353</v>
      </c>
      <c r="O5666" s="58">
        <f>IF(Input!$K$13=2,J5666*Input!$J$13,0)+IF(Input!$K$14=2,K5666*Input!$J$14,0)+IF(Input!$K$15=2,L5666*Input!$J$15,0)+IF(Input!$K$16=2,M5666*Input!$J$16,0)</f>
        <v>7.3492051705978723E-2</v>
      </c>
      <c r="P5666" s="58">
        <f>IF(Input!$K$13=3,J5666*Input!$J$13,0)+IF(Input!$K$14=3,K5666*Input!$J$14,0)+IF(Input!$K$15=3,L5666*Input!$J$15,0)+IF(Input!$K$16=3,M5666*Input!$J$16,0)</f>
        <v>0</v>
      </c>
      <c r="Q5666" s="71">
        <f>IF(Input!$K$13=4,J5666*Input!$J$13,0)+IF(Input!$K$14=4,K5666*Input!$J$14,0)+IF(Input!$K$15=4,L5666*Input!$J$15,0)+IF(Input!$K$16=4,M5666*Input!$J$16,0)</f>
        <v>0</v>
      </c>
    </row>
    <row r="5667" spans="8:17" x14ac:dyDescent="0.25">
      <c r="H5667" s="43">
        <v>5660</v>
      </c>
      <c r="I5667" s="55">
        <f>Bühler!I5693</f>
        <v>0</v>
      </c>
      <c r="J5667" s="58">
        <f>Bühler!J5693</f>
        <v>6.1012436731297797</v>
      </c>
      <c r="K5667" s="58">
        <f>Bühler!K5693</f>
        <v>0.544385568192435</v>
      </c>
      <c r="L5667" s="58">
        <f>Bühler!L5693</f>
        <v>0.2721927840962175</v>
      </c>
      <c r="M5667" s="57">
        <f>Bühler!M5693</f>
        <v>0</v>
      </c>
      <c r="N5667" s="55">
        <f>IF(Input!$K$13=1,J5667*Input!$J$13,0)+IF(Input!$K$14=1,K5667*Input!$J$14,0)+IF(Input!$K$15=1,L5667*Input!$J$15,0)+IF(Input!$K$16=1,M5667*Input!$J$16,0)</f>
        <v>0.73214924077557353</v>
      </c>
      <c r="O5667" s="58">
        <f>IF(Input!$K$13=2,J5667*Input!$J$13,0)+IF(Input!$K$14=2,K5667*Input!$J$14,0)+IF(Input!$K$15=2,L5667*Input!$J$15,0)+IF(Input!$K$16=2,M5667*Input!$J$16,0)</f>
        <v>7.3492051705978723E-2</v>
      </c>
      <c r="P5667" s="58">
        <f>IF(Input!$K$13=3,J5667*Input!$J$13,0)+IF(Input!$K$14=3,K5667*Input!$J$14,0)+IF(Input!$K$15=3,L5667*Input!$J$15,0)+IF(Input!$K$16=3,M5667*Input!$J$16,0)</f>
        <v>0</v>
      </c>
      <c r="Q5667" s="71">
        <f>IF(Input!$K$13=4,J5667*Input!$J$13,0)+IF(Input!$K$14=4,K5667*Input!$J$14,0)+IF(Input!$K$15=4,L5667*Input!$J$15,0)+IF(Input!$K$16=4,M5667*Input!$J$16,0)</f>
        <v>0</v>
      </c>
    </row>
    <row r="5668" spans="8:17" x14ac:dyDescent="0.25">
      <c r="H5668" s="43">
        <v>5661</v>
      </c>
      <c r="I5668" s="55">
        <f>Bühler!I5694</f>
        <v>0</v>
      </c>
      <c r="J5668" s="58">
        <f>Bühler!J5694</f>
        <v>6.1012436731297797</v>
      </c>
      <c r="K5668" s="58">
        <f>Bühler!K5694</f>
        <v>0.544385568192435</v>
      </c>
      <c r="L5668" s="58">
        <f>Bühler!L5694</f>
        <v>0.2721927840962175</v>
      </c>
      <c r="M5668" s="57">
        <f>Bühler!M5694</f>
        <v>0</v>
      </c>
      <c r="N5668" s="55">
        <f>IF(Input!$K$13=1,J5668*Input!$J$13,0)+IF(Input!$K$14=1,K5668*Input!$J$14,0)+IF(Input!$K$15=1,L5668*Input!$J$15,0)+IF(Input!$K$16=1,M5668*Input!$J$16,0)</f>
        <v>0.73214924077557353</v>
      </c>
      <c r="O5668" s="58">
        <f>IF(Input!$K$13=2,J5668*Input!$J$13,0)+IF(Input!$K$14=2,K5668*Input!$J$14,0)+IF(Input!$K$15=2,L5668*Input!$J$15,0)+IF(Input!$K$16=2,M5668*Input!$J$16,0)</f>
        <v>7.3492051705978723E-2</v>
      </c>
      <c r="P5668" s="58">
        <f>IF(Input!$K$13=3,J5668*Input!$J$13,0)+IF(Input!$K$14=3,K5668*Input!$J$14,0)+IF(Input!$K$15=3,L5668*Input!$J$15,0)+IF(Input!$K$16=3,M5668*Input!$J$16,0)</f>
        <v>0</v>
      </c>
      <c r="Q5668" s="71">
        <f>IF(Input!$K$13=4,J5668*Input!$J$13,0)+IF(Input!$K$14=4,K5668*Input!$J$14,0)+IF(Input!$K$15=4,L5668*Input!$J$15,0)+IF(Input!$K$16=4,M5668*Input!$J$16,0)</f>
        <v>0</v>
      </c>
    </row>
    <row r="5669" spans="8:17" x14ac:dyDescent="0.25">
      <c r="H5669" s="43">
        <v>5662</v>
      </c>
      <c r="I5669" s="55">
        <f>Bühler!I5695</f>
        <v>0</v>
      </c>
      <c r="J5669" s="58">
        <f>Bühler!J5695</f>
        <v>6.1012436731297797</v>
      </c>
      <c r="K5669" s="58">
        <f>Bühler!K5695</f>
        <v>0.544385568192435</v>
      </c>
      <c r="L5669" s="58">
        <f>Bühler!L5695</f>
        <v>0.2721927840962175</v>
      </c>
      <c r="M5669" s="57">
        <f>Bühler!M5695</f>
        <v>0</v>
      </c>
      <c r="N5669" s="55">
        <f>IF(Input!$K$13=1,J5669*Input!$J$13,0)+IF(Input!$K$14=1,K5669*Input!$J$14,0)+IF(Input!$K$15=1,L5669*Input!$J$15,0)+IF(Input!$K$16=1,M5669*Input!$J$16,0)</f>
        <v>0.73214924077557353</v>
      </c>
      <c r="O5669" s="58">
        <f>IF(Input!$K$13=2,J5669*Input!$J$13,0)+IF(Input!$K$14=2,K5669*Input!$J$14,0)+IF(Input!$K$15=2,L5669*Input!$J$15,0)+IF(Input!$K$16=2,M5669*Input!$J$16,0)</f>
        <v>7.3492051705978723E-2</v>
      </c>
      <c r="P5669" s="58">
        <f>IF(Input!$K$13=3,J5669*Input!$J$13,0)+IF(Input!$K$14=3,K5669*Input!$J$14,0)+IF(Input!$K$15=3,L5669*Input!$J$15,0)+IF(Input!$K$16=3,M5669*Input!$J$16,0)</f>
        <v>0</v>
      </c>
      <c r="Q5669" s="71">
        <f>IF(Input!$K$13=4,J5669*Input!$J$13,0)+IF(Input!$K$14=4,K5669*Input!$J$14,0)+IF(Input!$K$15=4,L5669*Input!$J$15,0)+IF(Input!$K$16=4,M5669*Input!$J$16,0)</f>
        <v>0</v>
      </c>
    </row>
    <row r="5670" spans="8:17" x14ac:dyDescent="0.25">
      <c r="H5670" s="43">
        <v>5663</v>
      </c>
      <c r="I5670" s="55">
        <f>Bühler!I5696</f>
        <v>0</v>
      </c>
      <c r="J5670" s="58">
        <f>Bühler!J5696</f>
        <v>6.1012436731297797</v>
      </c>
      <c r="K5670" s="58">
        <f>Bühler!K5696</f>
        <v>0.544385568192435</v>
      </c>
      <c r="L5670" s="58">
        <f>Bühler!L5696</f>
        <v>0.2721927840962175</v>
      </c>
      <c r="M5670" s="57">
        <f>Bühler!M5696</f>
        <v>0</v>
      </c>
      <c r="N5670" s="55">
        <f>IF(Input!$K$13=1,J5670*Input!$J$13,0)+IF(Input!$K$14=1,K5670*Input!$J$14,0)+IF(Input!$K$15=1,L5670*Input!$J$15,0)+IF(Input!$K$16=1,M5670*Input!$J$16,0)</f>
        <v>0.73214924077557353</v>
      </c>
      <c r="O5670" s="58">
        <f>IF(Input!$K$13=2,J5670*Input!$J$13,0)+IF(Input!$K$14=2,K5670*Input!$J$14,0)+IF(Input!$K$15=2,L5670*Input!$J$15,0)+IF(Input!$K$16=2,M5670*Input!$J$16,0)</f>
        <v>7.3492051705978723E-2</v>
      </c>
      <c r="P5670" s="58">
        <f>IF(Input!$K$13=3,J5670*Input!$J$13,0)+IF(Input!$K$14=3,K5670*Input!$J$14,0)+IF(Input!$K$15=3,L5670*Input!$J$15,0)+IF(Input!$K$16=3,M5670*Input!$J$16,0)</f>
        <v>0</v>
      </c>
      <c r="Q5670" s="71">
        <f>IF(Input!$K$13=4,J5670*Input!$J$13,0)+IF(Input!$K$14=4,K5670*Input!$J$14,0)+IF(Input!$K$15=4,L5670*Input!$J$15,0)+IF(Input!$K$16=4,M5670*Input!$J$16,0)</f>
        <v>0</v>
      </c>
    </row>
    <row r="5671" spans="8:17" x14ac:dyDescent="0.25">
      <c r="H5671" s="43">
        <v>5664</v>
      </c>
      <c r="I5671" s="55">
        <f>Bühler!I5697</f>
        <v>0</v>
      </c>
      <c r="J5671" s="58">
        <f>Bühler!J5697</f>
        <v>6.1012436731297797</v>
      </c>
      <c r="K5671" s="58">
        <f>Bühler!K5697</f>
        <v>0.544385568192435</v>
      </c>
      <c r="L5671" s="58">
        <f>Bühler!L5697</f>
        <v>0.2721927840962175</v>
      </c>
      <c r="M5671" s="57">
        <f>Bühler!M5697</f>
        <v>0</v>
      </c>
      <c r="N5671" s="55">
        <f>IF(Input!$K$13=1,J5671*Input!$J$13,0)+IF(Input!$K$14=1,K5671*Input!$J$14,0)+IF(Input!$K$15=1,L5671*Input!$J$15,0)+IF(Input!$K$16=1,M5671*Input!$J$16,0)</f>
        <v>0.73214924077557353</v>
      </c>
      <c r="O5671" s="58">
        <f>IF(Input!$K$13=2,J5671*Input!$J$13,0)+IF(Input!$K$14=2,K5671*Input!$J$14,0)+IF(Input!$K$15=2,L5671*Input!$J$15,0)+IF(Input!$K$16=2,M5671*Input!$J$16,0)</f>
        <v>7.3492051705978723E-2</v>
      </c>
      <c r="P5671" s="58">
        <f>IF(Input!$K$13=3,J5671*Input!$J$13,0)+IF(Input!$K$14=3,K5671*Input!$J$14,0)+IF(Input!$K$15=3,L5671*Input!$J$15,0)+IF(Input!$K$16=3,M5671*Input!$J$16,0)</f>
        <v>0</v>
      </c>
      <c r="Q5671" s="71">
        <f>IF(Input!$K$13=4,J5671*Input!$J$13,0)+IF(Input!$K$14=4,K5671*Input!$J$14,0)+IF(Input!$K$15=4,L5671*Input!$J$15,0)+IF(Input!$K$16=4,M5671*Input!$J$16,0)</f>
        <v>0</v>
      </c>
    </row>
    <row r="5672" spans="8:17" x14ac:dyDescent="0.25">
      <c r="H5672" s="43">
        <v>5665</v>
      </c>
      <c r="I5672" s="55">
        <f>Bühler!I5698</f>
        <v>0</v>
      </c>
      <c r="J5672" s="58">
        <f>Bühler!J5698</f>
        <v>9.0307053457951767</v>
      </c>
      <c r="K5672" s="58">
        <f>Bühler!K5698</f>
        <v>0.8205077141889483</v>
      </c>
      <c r="L5672" s="58">
        <f>Bühler!L5698</f>
        <v>0.41025385709447415</v>
      </c>
      <c r="M5672" s="57">
        <f>Bühler!M5698</f>
        <v>0</v>
      </c>
      <c r="N5672" s="55">
        <f>IF(Input!$K$13=1,J5672*Input!$J$13,0)+IF(Input!$K$14=1,K5672*Input!$J$14,0)+IF(Input!$K$15=1,L5672*Input!$J$15,0)+IF(Input!$K$16=1,M5672*Input!$J$16,0)</f>
        <v>1.0836846414954211</v>
      </c>
      <c r="O5672" s="58">
        <f>IF(Input!$K$13=2,J5672*Input!$J$13,0)+IF(Input!$K$14=2,K5672*Input!$J$14,0)+IF(Input!$K$15=2,L5672*Input!$J$15,0)+IF(Input!$K$16=2,M5672*Input!$J$16,0)</f>
        <v>0.11076854141550802</v>
      </c>
      <c r="P5672" s="58">
        <f>IF(Input!$K$13=3,J5672*Input!$J$13,0)+IF(Input!$K$14=3,K5672*Input!$J$14,0)+IF(Input!$K$15=3,L5672*Input!$J$15,0)+IF(Input!$K$16=3,M5672*Input!$J$16,0)</f>
        <v>0</v>
      </c>
      <c r="Q5672" s="71">
        <f>IF(Input!$K$13=4,J5672*Input!$J$13,0)+IF(Input!$K$14=4,K5672*Input!$J$14,0)+IF(Input!$K$15=4,L5672*Input!$J$15,0)+IF(Input!$K$16=4,M5672*Input!$J$16,0)</f>
        <v>0</v>
      </c>
    </row>
    <row r="5673" spans="8:17" x14ac:dyDescent="0.25">
      <c r="H5673" s="43">
        <v>5666</v>
      </c>
      <c r="I5673" s="55">
        <f>Bühler!I5699</f>
        <v>0</v>
      </c>
      <c r="J5673" s="58">
        <f>Bühler!J5699</f>
        <v>5.4731547550273802</v>
      </c>
      <c r="K5673" s="58">
        <f>Bühler!K5699</f>
        <v>0.49727740253875657</v>
      </c>
      <c r="L5673" s="58">
        <f>Bühler!L5699</f>
        <v>0.24863870126937829</v>
      </c>
      <c r="M5673" s="57">
        <f>Bühler!M5699</f>
        <v>0</v>
      </c>
      <c r="N5673" s="55">
        <f>IF(Input!$K$13=1,J5673*Input!$J$13,0)+IF(Input!$K$14=1,K5673*Input!$J$14,0)+IF(Input!$K$15=1,L5673*Input!$J$15,0)+IF(Input!$K$16=1,M5673*Input!$J$16,0)</f>
        <v>0.65677857060328559</v>
      </c>
      <c r="O5673" s="58">
        <f>IF(Input!$K$13=2,J5673*Input!$J$13,0)+IF(Input!$K$14=2,K5673*Input!$J$14,0)+IF(Input!$K$15=2,L5673*Input!$J$15,0)+IF(Input!$K$16=2,M5673*Input!$J$16,0)</f>
        <v>6.7132449342732131E-2</v>
      </c>
      <c r="P5673" s="58">
        <f>IF(Input!$K$13=3,J5673*Input!$J$13,0)+IF(Input!$K$14=3,K5673*Input!$J$14,0)+IF(Input!$K$15=3,L5673*Input!$J$15,0)+IF(Input!$K$16=3,M5673*Input!$J$16,0)</f>
        <v>0</v>
      </c>
      <c r="Q5673" s="71">
        <f>IF(Input!$K$13=4,J5673*Input!$J$13,0)+IF(Input!$K$14=4,K5673*Input!$J$14,0)+IF(Input!$K$15=4,L5673*Input!$J$15,0)+IF(Input!$K$16=4,M5673*Input!$J$16,0)</f>
        <v>0</v>
      </c>
    </row>
    <row r="5674" spans="8:17" x14ac:dyDescent="0.25">
      <c r="H5674" s="43">
        <v>5667</v>
      </c>
      <c r="I5674" s="55">
        <f>Bühler!I5700</f>
        <v>0</v>
      </c>
      <c r="J5674" s="58">
        <f>Bühler!J5700</f>
        <v>5.4731547550273802</v>
      </c>
      <c r="K5674" s="58">
        <f>Bühler!K5700</f>
        <v>0.49727740253875657</v>
      </c>
      <c r="L5674" s="58">
        <f>Bühler!L5700</f>
        <v>0.24863870126937829</v>
      </c>
      <c r="M5674" s="57">
        <f>Bühler!M5700</f>
        <v>0</v>
      </c>
      <c r="N5674" s="55">
        <f>IF(Input!$K$13=1,J5674*Input!$J$13,0)+IF(Input!$K$14=1,K5674*Input!$J$14,0)+IF(Input!$K$15=1,L5674*Input!$J$15,0)+IF(Input!$K$16=1,M5674*Input!$J$16,0)</f>
        <v>0.65677857060328559</v>
      </c>
      <c r="O5674" s="58">
        <f>IF(Input!$K$13=2,J5674*Input!$J$13,0)+IF(Input!$K$14=2,K5674*Input!$J$14,0)+IF(Input!$K$15=2,L5674*Input!$J$15,0)+IF(Input!$K$16=2,M5674*Input!$J$16,0)</f>
        <v>6.7132449342732131E-2</v>
      </c>
      <c r="P5674" s="58">
        <f>IF(Input!$K$13=3,J5674*Input!$J$13,0)+IF(Input!$K$14=3,K5674*Input!$J$14,0)+IF(Input!$K$15=3,L5674*Input!$J$15,0)+IF(Input!$K$16=3,M5674*Input!$J$16,0)</f>
        <v>0</v>
      </c>
      <c r="Q5674" s="71">
        <f>IF(Input!$K$13=4,J5674*Input!$J$13,0)+IF(Input!$K$14=4,K5674*Input!$J$14,0)+IF(Input!$K$15=4,L5674*Input!$J$15,0)+IF(Input!$K$16=4,M5674*Input!$J$16,0)</f>
        <v>0</v>
      </c>
    </row>
    <row r="5675" spans="8:17" x14ac:dyDescent="0.25">
      <c r="H5675" s="43">
        <v>5668</v>
      </c>
      <c r="I5675" s="55">
        <f>Bühler!I5701</f>
        <v>0</v>
      </c>
      <c r="J5675" s="58">
        <f>Bühler!J5701</f>
        <v>5.4731547550273802</v>
      </c>
      <c r="K5675" s="58">
        <f>Bühler!K5701</f>
        <v>0.49727740253875657</v>
      </c>
      <c r="L5675" s="58">
        <f>Bühler!L5701</f>
        <v>0.24863870126937829</v>
      </c>
      <c r="M5675" s="57">
        <f>Bühler!M5701</f>
        <v>0</v>
      </c>
      <c r="N5675" s="55">
        <f>IF(Input!$K$13=1,J5675*Input!$J$13,0)+IF(Input!$K$14=1,K5675*Input!$J$14,0)+IF(Input!$K$15=1,L5675*Input!$J$15,0)+IF(Input!$K$16=1,M5675*Input!$J$16,0)</f>
        <v>0.65677857060328559</v>
      </c>
      <c r="O5675" s="58">
        <f>IF(Input!$K$13=2,J5675*Input!$J$13,0)+IF(Input!$K$14=2,K5675*Input!$J$14,0)+IF(Input!$K$15=2,L5675*Input!$J$15,0)+IF(Input!$K$16=2,M5675*Input!$J$16,0)</f>
        <v>6.7132449342732131E-2</v>
      </c>
      <c r="P5675" s="58">
        <f>IF(Input!$K$13=3,J5675*Input!$J$13,0)+IF(Input!$K$14=3,K5675*Input!$J$14,0)+IF(Input!$K$15=3,L5675*Input!$J$15,0)+IF(Input!$K$16=3,M5675*Input!$J$16,0)</f>
        <v>0</v>
      </c>
      <c r="Q5675" s="71">
        <f>IF(Input!$K$13=4,J5675*Input!$J$13,0)+IF(Input!$K$14=4,K5675*Input!$J$14,0)+IF(Input!$K$15=4,L5675*Input!$J$15,0)+IF(Input!$K$16=4,M5675*Input!$J$16,0)</f>
        <v>0</v>
      </c>
    </row>
    <row r="5676" spans="8:17" x14ac:dyDescent="0.25">
      <c r="H5676" s="43">
        <v>5669</v>
      </c>
      <c r="I5676" s="55">
        <f>Bühler!I5702</f>
        <v>0</v>
      </c>
      <c r="J5676" s="58">
        <f>Bühler!J5702</f>
        <v>5.4731547550273802</v>
      </c>
      <c r="K5676" s="58">
        <f>Bühler!K5702</f>
        <v>0.49727740253875657</v>
      </c>
      <c r="L5676" s="58">
        <f>Bühler!L5702</f>
        <v>0.24863870126937829</v>
      </c>
      <c r="M5676" s="57">
        <f>Bühler!M5702</f>
        <v>0</v>
      </c>
      <c r="N5676" s="55">
        <f>IF(Input!$K$13=1,J5676*Input!$J$13,0)+IF(Input!$K$14=1,K5676*Input!$J$14,0)+IF(Input!$K$15=1,L5676*Input!$J$15,0)+IF(Input!$K$16=1,M5676*Input!$J$16,0)</f>
        <v>0.65677857060328559</v>
      </c>
      <c r="O5676" s="58">
        <f>IF(Input!$K$13=2,J5676*Input!$J$13,0)+IF(Input!$K$14=2,K5676*Input!$J$14,0)+IF(Input!$K$15=2,L5676*Input!$J$15,0)+IF(Input!$K$16=2,M5676*Input!$J$16,0)</f>
        <v>6.7132449342732131E-2</v>
      </c>
      <c r="P5676" s="58">
        <f>IF(Input!$K$13=3,J5676*Input!$J$13,0)+IF(Input!$K$14=3,K5676*Input!$J$14,0)+IF(Input!$K$15=3,L5676*Input!$J$15,0)+IF(Input!$K$16=3,M5676*Input!$J$16,0)</f>
        <v>0</v>
      </c>
      <c r="Q5676" s="71">
        <f>IF(Input!$K$13=4,J5676*Input!$J$13,0)+IF(Input!$K$14=4,K5676*Input!$J$14,0)+IF(Input!$K$15=4,L5676*Input!$J$15,0)+IF(Input!$K$16=4,M5676*Input!$J$16,0)</f>
        <v>0</v>
      </c>
    </row>
    <row r="5677" spans="8:17" x14ac:dyDescent="0.25">
      <c r="H5677" s="43">
        <v>5670</v>
      </c>
      <c r="I5677" s="55">
        <f>Bühler!I5703</f>
        <v>0</v>
      </c>
      <c r="J5677" s="58">
        <f>Bühler!J5703</f>
        <v>5.4731547550273802</v>
      </c>
      <c r="K5677" s="58">
        <f>Bühler!K5703</f>
        <v>0.49727740253875657</v>
      </c>
      <c r="L5677" s="58">
        <f>Bühler!L5703</f>
        <v>0.24863870126937829</v>
      </c>
      <c r="M5677" s="57">
        <f>Bühler!M5703</f>
        <v>0</v>
      </c>
      <c r="N5677" s="55">
        <f>IF(Input!$K$13=1,J5677*Input!$J$13,0)+IF(Input!$K$14=1,K5677*Input!$J$14,0)+IF(Input!$K$15=1,L5677*Input!$J$15,0)+IF(Input!$K$16=1,M5677*Input!$J$16,0)</f>
        <v>0.65677857060328559</v>
      </c>
      <c r="O5677" s="58">
        <f>IF(Input!$K$13=2,J5677*Input!$J$13,0)+IF(Input!$K$14=2,K5677*Input!$J$14,0)+IF(Input!$K$15=2,L5677*Input!$J$15,0)+IF(Input!$K$16=2,M5677*Input!$J$16,0)</f>
        <v>6.7132449342732131E-2</v>
      </c>
      <c r="P5677" s="58">
        <f>IF(Input!$K$13=3,J5677*Input!$J$13,0)+IF(Input!$K$14=3,K5677*Input!$J$14,0)+IF(Input!$K$15=3,L5677*Input!$J$15,0)+IF(Input!$K$16=3,M5677*Input!$J$16,0)</f>
        <v>0</v>
      </c>
      <c r="Q5677" s="71">
        <f>IF(Input!$K$13=4,J5677*Input!$J$13,0)+IF(Input!$K$14=4,K5677*Input!$J$14,0)+IF(Input!$K$15=4,L5677*Input!$J$15,0)+IF(Input!$K$16=4,M5677*Input!$J$16,0)</f>
        <v>0</v>
      </c>
    </row>
    <row r="5678" spans="8:17" x14ac:dyDescent="0.25">
      <c r="H5678" s="43">
        <v>5671</v>
      </c>
      <c r="I5678" s="55">
        <f>Bühler!I5704</f>
        <v>0</v>
      </c>
      <c r="J5678" s="58">
        <f>Bühler!J5704</f>
        <v>5.4731547550273802</v>
      </c>
      <c r="K5678" s="58">
        <f>Bühler!K5704</f>
        <v>0.49727740253875657</v>
      </c>
      <c r="L5678" s="58">
        <f>Bühler!L5704</f>
        <v>0.24863870126937829</v>
      </c>
      <c r="M5678" s="57">
        <f>Bühler!M5704</f>
        <v>0</v>
      </c>
      <c r="N5678" s="55">
        <f>IF(Input!$K$13=1,J5678*Input!$J$13,0)+IF(Input!$K$14=1,K5678*Input!$J$14,0)+IF(Input!$K$15=1,L5678*Input!$J$15,0)+IF(Input!$K$16=1,M5678*Input!$J$16,0)</f>
        <v>0.65677857060328559</v>
      </c>
      <c r="O5678" s="58">
        <f>IF(Input!$K$13=2,J5678*Input!$J$13,0)+IF(Input!$K$14=2,K5678*Input!$J$14,0)+IF(Input!$K$15=2,L5678*Input!$J$15,0)+IF(Input!$K$16=2,M5678*Input!$J$16,0)</f>
        <v>6.7132449342732131E-2</v>
      </c>
      <c r="P5678" s="58">
        <f>IF(Input!$K$13=3,J5678*Input!$J$13,0)+IF(Input!$K$14=3,K5678*Input!$J$14,0)+IF(Input!$K$15=3,L5678*Input!$J$15,0)+IF(Input!$K$16=3,M5678*Input!$J$16,0)</f>
        <v>0</v>
      </c>
      <c r="Q5678" s="71">
        <f>IF(Input!$K$13=4,J5678*Input!$J$13,0)+IF(Input!$K$14=4,K5678*Input!$J$14,0)+IF(Input!$K$15=4,L5678*Input!$J$15,0)+IF(Input!$K$16=4,M5678*Input!$J$16,0)</f>
        <v>0</v>
      </c>
    </row>
    <row r="5679" spans="8:17" x14ac:dyDescent="0.25">
      <c r="H5679" s="43">
        <v>5672</v>
      </c>
      <c r="I5679" s="55">
        <f>Bühler!I5705</f>
        <v>0</v>
      </c>
      <c r="J5679" s="58">
        <f>Bühler!J5705</f>
        <v>23.315639256416638</v>
      </c>
      <c r="K5679" s="58">
        <f>Bühler!K5705</f>
        <v>2.1184017348151034</v>
      </c>
      <c r="L5679" s="58">
        <f>Bühler!L5705</f>
        <v>1.0592008674075517</v>
      </c>
      <c r="M5679" s="57">
        <f>Bühler!M5705</f>
        <v>0</v>
      </c>
      <c r="N5679" s="55">
        <f>IF(Input!$K$13=1,J5679*Input!$J$13,0)+IF(Input!$K$14=1,K5679*Input!$J$14,0)+IF(Input!$K$15=1,L5679*Input!$J$15,0)+IF(Input!$K$16=1,M5679*Input!$J$16,0)</f>
        <v>2.7978767107699967</v>
      </c>
      <c r="O5679" s="58">
        <f>IF(Input!$K$13=2,J5679*Input!$J$13,0)+IF(Input!$K$14=2,K5679*Input!$J$14,0)+IF(Input!$K$15=2,L5679*Input!$J$15,0)+IF(Input!$K$16=2,M5679*Input!$J$16,0)</f>
        <v>0.28598423420003893</v>
      </c>
      <c r="P5679" s="58">
        <f>IF(Input!$K$13=3,J5679*Input!$J$13,0)+IF(Input!$K$14=3,K5679*Input!$J$14,0)+IF(Input!$K$15=3,L5679*Input!$J$15,0)+IF(Input!$K$16=3,M5679*Input!$J$16,0)</f>
        <v>0</v>
      </c>
      <c r="Q5679" s="71">
        <f>IF(Input!$K$13=4,J5679*Input!$J$13,0)+IF(Input!$K$14=4,K5679*Input!$J$14,0)+IF(Input!$K$15=4,L5679*Input!$J$15,0)+IF(Input!$K$16=4,M5679*Input!$J$16,0)</f>
        <v>0</v>
      </c>
    </row>
    <row r="5680" spans="8:17" x14ac:dyDescent="0.25">
      <c r="H5680" s="43">
        <v>5673</v>
      </c>
      <c r="I5680" s="55">
        <f>Bühler!I5706</f>
        <v>0</v>
      </c>
      <c r="J5680" s="58">
        <f>Bühler!J5706</f>
        <v>29.144549070520796</v>
      </c>
      <c r="K5680" s="58">
        <f>Bühler!K5706</f>
        <v>2.6480021685188784</v>
      </c>
      <c r="L5680" s="58">
        <f>Bühler!L5706</f>
        <v>1.3240010842594392</v>
      </c>
      <c r="M5680" s="57">
        <f>Bühler!M5706</f>
        <v>0</v>
      </c>
      <c r="N5680" s="55">
        <f>IF(Input!$K$13=1,J5680*Input!$J$13,0)+IF(Input!$K$14=1,K5680*Input!$J$14,0)+IF(Input!$K$15=1,L5680*Input!$J$15,0)+IF(Input!$K$16=1,M5680*Input!$J$16,0)</f>
        <v>3.4973458884624953</v>
      </c>
      <c r="O5680" s="58">
        <f>IF(Input!$K$13=2,J5680*Input!$J$13,0)+IF(Input!$K$14=2,K5680*Input!$J$14,0)+IF(Input!$K$15=2,L5680*Input!$J$15,0)+IF(Input!$K$16=2,M5680*Input!$J$16,0)</f>
        <v>0.35748029275004856</v>
      </c>
      <c r="P5680" s="58">
        <f>IF(Input!$K$13=3,J5680*Input!$J$13,0)+IF(Input!$K$14=3,K5680*Input!$J$14,0)+IF(Input!$K$15=3,L5680*Input!$J$15,0)+IF(Input!$K$16=3,M5680*Input!$J$16,0)</f>
        <v>0</v>
      </c>
      <c r="Q5680" s="71">
        <f>IF(Input!$K$13=4,J5680*Input!$J$13,0)+IF(Input!$K$14=4,K5680*Input!$J$14,0)+IF(Input!$K$15=4,L5680*Input!$J$15,0)+IF(Input!$K$16=4,M5680*Input!$J$16,0)</f>
        <v>0</v>
      </c>
    </row>
    <row r="5681" spans="8:17" x14ac:dyDescent="0.25">
      <c r="H5681" s="43">
        <v>5674</v>
      </c>
      <c r="I5681" s="55">
        <f>Bühler!I5707</f>
        <v>0</v>
      </c>
      <c r="J5681" s="58">
        <f>Bühler!J5707</f>
        <v>32.059003977572878</v>
      </c>
      <c r="K5681" s="58">
        <f>Bühler!K5707</f>
        <v>2.9128023853707665</v>
      </c>
      <c r="L5681" s="58">
        <f>Bühler!L5707</f>
        <v>1.4564011926853833</v>
      </c>
      <c r="M5681" s="57">
        <f>Bühler!M5707</f>
        <v>0</v>
      </c>
      <c r="N5681" s="55">
        <f>IF(Input!$K$13=1,J5681*Input!$J$13,0)+IF(Input!$K$14=1,K5681*Input!$J$14,0)+IF(Input!$K$15=1,L5681*Input!$J$15,0)+IF(Input!$K$16=1,M5681*Input!$J$16,0)</f>
        <v>3.8470804773087455</v>
      </c>
      <c r="O5681" s="58">
        <f>IF(Input!$K$13=2,J5681*Input!$J$13,0)+IF(Input!$K$14=2,K5681*Input!$J$14,0)+IF(Input!$K$15=2,L5681*Input!$J$15,0)+IF(Input!$K$16=2,M5681*Input!$J$16,0)</f>
        <v>0.39322832202505342</v>
      </c>
      <c r="P5681" s="58">
        <f>IF(Input!$K$13=3,J5681*Input!$J$13,0)+IF(Input!$K$14=3,K5681*Input!$J$14,0)+IF(Input!$K$15=3,L5681*Input!$J$15,0)+IF(Input!$K$16=3,M5681*Input!$J$16,0)</f>
        <v>0</v>
      </c>
      <c r="Q5681" s="71">
        <f>IF(Input!$K$13=4,J5681*Input!$J$13,0)+IF(Input!$K$14=4,K5681*Input!$J$14,0)+IF(Input!$K$15=4,L5681*Input!$J$15,0)+IF(Input!$K$16=4,M5681*Input!$J$16,0)</f>
        <v>0</v>
      </c>
    </row>
    <row r="5682" spans="8:17" x14ac:dyDescent="0.25">
      <c r="H5682" s="43">
        <v>5675</v>
      </c>
      <c r="I5682" s="55">
        <f>Bühler!I5708</f>
        <v>0</v>
      </c>
      <c r="J5682" s="58">
        <f>Bühler!J5708</f>
        <v>32.059003977572878</v>
      </c>
      <c r="K5682" s="58">
        <f>Bühler!K5708</f>
        <v>2.9128023853707665</v>
      </c>
      <c r="L5682" s="58">
        <f>Bühler!L5708</f>
        <v>1.4564011926853833</v>
      </c>
      <c r="M5682" s="57">
        <f>Bühler!M5708</f>
        <v>0</v>
      </c>
      <c r="N5682" s="55">
        <f>IF(Input!$K$13=1,J5682*Input!$J$13,0)+IF(Input!$K$14=1,K5682*Input!$J$14,0)+IF(Input!$K$15=1,L5682*Input!$J$15,0)+IF(Input!$K$16=1,M5682*Input!$J$16,0)</f>
        <v>3.8470804773087455</v>
      </c>
      <c r="O5682" s="58">
        <f>IF(Input!$K$13=2,J5682*Input!$J$13,0)+IF(Input!$K$14=2,K5682*Input!$J$14,0)+IF(Input!$K$15=2,L5682*Input!$J$15,0)+IF(Input!$K$16=2,M5682*Input!$J$16,0)</f>
        <v>0.39322832202505342</v>
      </c>
      <c r="P5682" s="58">
        <f>IF(Input!$K$13=3,J5682*Input!$J$13,0)+IF(Input!$K$14=3,K5682*Input!$J$14,0)+IF(Input!$K$15=3,L5682*Input!$J$15,0)+IF(Input!$K$16=3,M5682*Input!$J$16,0)</f>
        <v>0</v>
      </c>
      <c r="Q5682" s="71">
        <f>IF(Input!$K$13=4,J5682*Input!$J$13,0)+IF(Input!$K$14=4,K5682*Input!$J$14,0)+IF(Input!$K$15=4,L5682*Input!$J$15,0)+IF(Input!$K$16=4,M5682*Input!$J$16,0)</f>
        <v>0</v>
      </c>
    </row>
    <row r="5683" spans="8:17" x14ac:dyDescent="0.25">
      <c r="H5683" s="43">
        <v>5676</v>
      </c>
      <c r="I5683" s="55">
        <f>Bühler!I5709</f>
        <v>0</v>
      </c>
      <c r="J5683" s="58">
        <f>Bühler!J5709</f>
        <v>37.887913791677036</v>
      </c>
      <c r="K5683" s="58">
        <f>Bühler!K5709</f>
        <v>3.4424028190745424</v>
      </c>
      <c r="L5683" s="58">
        <f>Bühler!L5709</f>
        <v>1.7212014095372712</v>
      </c>
      <c r="M5683" s="57">
        <f>Bühler!M5709</f>
        <v>0</v>
      </c>
      <c r="N5683" s="55">
        <f>IF(Input!$K$13=1,J5683*Input!$J$13,0)+IF(Input!$K$14=1,K5683*Input!$J$14,0)+IF(Input!$K$15=1,L5683*Input!$J$15,0)+IF(Input!$K$16=1,M5683*Input!$J$16,0)</f>
        <v>4.5465496550012441</v>
      </c>
      <c r="O5683" s="58">
        <f>IF(Input!$K$13=2,J5683*Input!$J$13,0)+IF(Input!$K$14=2,K5683*Input!$J$14,0)+IF(Input!$K$15=2,L5683*Input!$J$15,0)+IF(Input!$K$16=2,M5683*Input!$J$16,0)</f>
        <v>0.46472438057506321</v>
      </c>
      <c r="P5683" s="58">
        <f>IF(Input!$K$13=3,J5683*Input!$J$13,0)+IF(Input!$K$14=3,K5683*Input!$J$14,0)+IF(Input!$K$15=3,L5683*Input!$J$15,0)+IF(Input!$K$16=3,M5683*Input!$J$16,0)</f>
        <v>0</v>
      </c>
      <c r="Q5683" s="71">
        <f>IF(Input!$K$13=4,J5683*Input!$J$13,0)+IF(Input!$K$14=4,K5683*Input!$J$14,0)+IF(Input!$K$15=4,L5683*Input!$J$15,0)+IF(Input!$K$16=4,M5683*Input!$J$16,0)</f>
        <v>0</v>
      </c>
    </row>
    <row r="5684" spans="8:17" x14ac:dyDescent="0.25">
      <c r="H5684" s="43">
        <v>5677</v>
      </c>
      <c r="I5684" s="55">
        <f>Bühler!I5710</f>
        <v>0</v>
      </c>
      <c r="J5684" s="58">
        <f>Bühler!J5710</f>
        <v>37.887913791677036</v>
      </c>
      <c r="K5684" s="58">
        <f>Bühler!K5710</f>
        <v>3.4424028190745424</v>
      </c>
      <c r="L5684" s="58">
        <f>Bühler!L5710</f>
        <v>1.7212014095372712</v>
      </c>
      <c r="M5684" s="57">
        <f>Bühler!M5710</f>
        <v>0</v>
      </c>
      <c r="N5684" s="55">
        <f>IF(Input!$K$13=1,J5684*Input!$J$13,0)+IF(Input!$K$14=1,K5684*Input!$J$14,0)+IF(Input!$K$15=1,L5684*Input!$J$15,0)+IF(Input!$K$16=1,M5684*Input!$J$16,0)</f>
        <v>4.5465496550012441</v>
      </c>
      <c r="O5684" s="58">
        <f>IF(Input!$K$13=2,J5684*Input!$J$13,0)+IF(Input!$K$14=2,K5684*Input!$J$14,0)+IF(Input!$K$15=2,L5684*Input!$J$15,0)+IF(Input!$K$16=2,M5684*Input!$J$16,0)</f>
        <v>0.46472438057506321</v>
      </c>
      <c r="P5684" s="58">
        <f>IF(Input!$K$13=3,J5684*Input!$J$13,0)+IF(Input!$K$14=3,K5684*Input!$J$14,0)+IF(Input!$K$15=3,L5684*Input!$J$15,0)+IF(Input!$K$16=3,M5684*Input!$J$16,0)</f>
        <v>0</v>
      </c>
      <c r="Q5684" s="71">
        <f>IF(Input!$K$13=4,J5684*Input!$J$13,0)+IF(Input!$K$14=4,K5684*Input!$J$14,0)+IF(Input!$K$15=4,L5684*Input!$J$15,0)+IF(Input!$K$16=4,M5684*Input!$J$16,0)</f>
        <v>0</v>
      </c>
    </row>
    <row r="5685" spans="8:17" x14ac:dyDescent="0.25">
      <c r="H5685" s="43">
        <v>5678</v>
      </c>
      <c r="I5685" s="55">
        <f>Bühler!I5711</f>
        <v>0</v>
      </c>
      <c r="J5685" s="58">
        <f>Bühler!J5711</f>
        <v>26.230094163468721</v>
      </c>
      <c r="K5685" s="58">
        <f>Bühler!K5711</f>
        <v>2.3832019516669907</v>
      </c>
      <c r="L5685" s="58">
        <f>Bühler!L5711</f>
        <v>1.1916009758334953</v>
      </c>
      <c r="M5685" s="57">
        <f>Bühler!M5711</f>
        <v>0</v>
      </c>
      <c r="N5685" s="55">
        <f>IF(Input!$K$13=1,J5685*Input!$J$13,0)+IF(Input!$K$14=1,K5685*Input!$J$14,0)+IF(Input!$K$15=1,L5685*Input!$J$15,0)+IF(Input!$K$16=1,M5685*Input!$J$16,0)</f>
        <v>3.1476112996162464</v>
      </c>
      <c r="O5685" s="58">
        <f>IF(Input!$K$13=2,J5685*Input!$J$13,0)+IF(Input!$K$14=2,K5685*Input!$J$14,0)+IF(Input!$K$15=2,L5685*Input!$J$15,0)+IF(Input!$K$16=2,M5685*Input!$J$16,0)</f>
        <v>0.32173226347504374</v>
      </c>
      <c r="P5685" s="58">
        <f>IF(Input!$K$13=3,J5685*Input!$J$13,0)+IF(Input!$K$14=3,K5685*Input!$J$14,0)+IF(Input!$K$15=3,L5685*Input!$J$15,0)+IF(Input!$K$16=3,M5685*Input!$J$16,0)</f>
        <v>0</v>
      </c>
      <c r="Q5685" s="71">
        <f>IF(Input!$K$13=4,J5685*Input!$J$13,0)+IF(Input!$K$14=4,K5685*Input!$J$14,0)+IF(Input!$K$15=4,L5685*Input!$J$15,0)+IF(Input!$K$16=4,M5685*Input!$J$16,0)</f>
        <v>0</v>
      </c>
    </row>
    <row r="5686" spans="8:17" x14ac:dyDescent="0.25">
      <c r="H5686" s="43">
        <v>5679</v>
      </c>
      <c r="I5686" s="55">
        <f>Bühler!I5712</f>
        <v>0</v>
      </c>
      <c r="J5686" s="58">
        <f>Bühler!J5712</f>
        <v>37.887913791677036</v>
      </c>
      <c r="K5686" s="58">
        <f>Bühler!K5712</f>
        <v>3.4424028190745424</v>
      </c>
      <c r="L5686" s="58">
        <f>Bühler!L5712</f>
        <v>1.7212014095372712</v>
      </c>
      <c r="M5686" s="57">
        <f>Bühler!M5712</f>
        <v>0</v>
      </c>
      <c r="N5686" s="55">
        <f>IF(Input!$K$13=1,J5686*Input!$J$13,0)+IF(Input!$K$14=1,K5686*Input!$J$14,0)+IF(Input!$K$15=1,L5686*Input!$J$15,0)+IF(Input!$K$16=1,M5686*Input!$J$16,0)</f>
        <v>4.5465496550012441</v>
      </c>
      <c r="O5686" s="58">
        <f>IF(Input!$K$13=2,J5686*Input!$J$13,0)+IF(Input!$K$14=2,K5686*Input!$J$14,0)+IF(Input!$K$15=2,L5686*Input!$J$15,0)+IF(Input!$K$16=2,M5686*Input!$J$16,0)</f>
        <v>0.46472438057506321</v>
      </c>
      <c r="P5686" s="58">
        <f>IF(Input!$K$13=3,J5686*Input!$J$13,0)+IF(Input!$K$14=3,K5686*Input!$J$14,0)+IF(Input!$K$15=3,L5686*Input!$J$15,0)+IF(Input!$K$16=3,M5686*Input!$J$16,0)</f>
        <v>0</v>
      </c>
      <c r="Q5686" s="71">
        <f>IF(Input!$K$13=4,J5686*Input!$J$13,0)+IF(Input!$K$14=4,K5686*Input!$J$14,0)+IF(Input!$K$15=4,L5686*Input!$J$15,0)+IF(Input!$K$16=4,M5686*Input!$J$16,0)</f>
        <v>0</v>
      </c>
    </row>
    <row r="5687" spans="8:17" x14ac:dyDescent="0.25">
      <c r="H5687" s="43">
        <v>5680</v>
      </c>
      <c r="I5687" s="55">
        <f>Bühler!I5713</f>
        <v>0</v>
      </c>
      <c r="J5687" s="58">
        <f>Bühler!J5713</f>
        <v>29.144549070520796</v>
      </c>
      <c r="K5687" s="58">
        <f>Bühler!K5713</f>
        <v>2.6480021685188784</v>
      </c>
      <c r="L5687" s="58">
        <f>Bühler!L5713</f>
        <v>1.3240010842594392</v>
      </c>
      <c r="M5687" s="57">
        <f>Bühler!M5713</f>
        <v>0</v>
      </c>
      <c r="N5687" s="55">
        <f>IF(Input!$K$13=1,J5687*Input!$J$13,0)+IF(Input!$K$14=1,K5687*Input!$J$14,0)+IF(Input!$K$15=1,L5687*Input!$J$15,0)+IF(Input!$K$16=1,M5687*Input!$J$16,0)</f>
        <v>3.4973458884624953</v>
      </c>
      <c r="O5687" s="58">
        <f>IF(Input!$K$13=2,J5687*Input!$J$13,0)+IF(Input!$K$14=2,K5687*Input!$J$14,0)+IF(Input!$K$15=2,L5687*Input!$J$15,0)+IF(Input!$K$16=2,M5687*Input!$J$16,0)</f>
        <v>0.35748029275004856</v>
      </c>
      <c r="P5687" s="58">
        <f>IF(Input!$K$13=3,J5687*Input!$J$13,0)+IF(Input!$K$14=3,K5687*Input!$J$14,0)+IF(Input!$K$15=3,L5687*Input!$J$15,0)+IF(Input!$K$16=3,M5687*Input!$J$16,0)</f>
        <v>0</v>
      </c>
      <c r="Q5687" s="71">
        <f>IF(Input!$K$13=4,J5687*Input!$J$13,0)+IF(Input!$K$14=4,K5687*Input!$J$14,0)+IF(Input!$K$15=4,L5687*Input!$J$15,0)+IF(Input!$K$16=4,M5687*Input!$J$16,0)</f>
        <v>0</v>
      </c>
    </row>
    <row r="5688" spans="8:17" x14ac:dyDescent="0.25">
      <c r="H5688" s="43">
        <v>5681</v>
      </c>
      <c r="I5688" s="55">
        <f>Bühler!I5714</f>
        <v>0</v>
      </c>
      <c r="J5688" s="58">
        <f>Bühler!J5714</f>
        <v>13.682886887568452</v>
      </c>
      <c r="K5688" s="58">
        <f>Bühler!K5714</f>
        <v>1.2431935063468915</v>
      </c>
      <c r="L5688" s="58">
        <f>Bühler!L5714</f>
        <v>0.62159675317344576</v>
      </c>
      <c r="M5688" s="57">
        <f>Bühler!M5714</f>
        <v>0</v>
      </c>
      <c r="N5688" s="55">
        <f>IF(Input!$K$13=1,J5688*Input!$J$13,0)+IF(Input!$K$14=1,K5688*Input!$J$14,0)+IF(Input!$K$15=1,L5688*Input!$J$15,0)+IF(Input!$K$16=1,M5688*Input!$J$16,0)</f>
        <v>1.6419464265082142</v>
      </c>
      <c r="O5688" s="58">
        <f>IF(Input!$K$13=2,J5688*Input!$J$13,0)+IF(Input!$K$14=2,K5688*Input!$J$14,0)+IF(Input!$K$15=2,L5688*Input!$J$15,0)+IF(Input!$K$16=2,M5688*Input!$J$16,0)</f>
        <v>0.16783112335683037</v>
      </c>
      <c r="P5688" s="58">
        <f>IF(Input!$K$13=3,J5688*Input!$J$13,0)+IF(Input!$K$14=3,K5688*Input!$J$14,0)+IF(Input!$K$15=3,L5688*Input!$J$15,0)+IF(Input!$K$16=3,M5688*Input!$J$16,0)</f>
        <v>0</v>
      </c>
      <c r="Q5688" s="71">
        <f>IF(Input!$K$13=4,J5688*Input!$J$13,0)+IF(Input!$K$14=4,K5688*Input!$J$14,0)+IF(Input!$K$15=4,L5688*Input!$J$15,0)+IF(Input!$K$16=4,M5688*Input!$J$16,0)</f>
        <v>0</v>
      </c>
    </row>
    <row r="5689" spans="8:17" x14ac:dyDescent="0.25">
      <c r="H5689" s="43">
        <v>5682</v>
      </c>
      <c r="I5689" s="55">
        <f>Bühler!I5715</f>
        <v>0</v>
      </c>
      <c r="J5689" s="58">
        <f>Bühler!J5715</f>
        <v>9.0307053457951767</v>
      </c>
      <c r="K5689" s="58">
        <f>Bühler!K5715</f>
        <v>0.8205077141889483</v>
      </c>
      <c r="L5689" s="58">
        <f>Bühler!L5715</f>
        <v>0.41025385709447415</v>
      </c>
      <c r="M5689" s="57">
        <f>Bühler!M5715</f>
        <v>0</v>
      </c>
      <c r="N5689" s="55">
        <f>IF(Input!$K$13=1,J5689*Input!$J$13,0)+IF(Input!$K$14=1,K5689*Input!$J$14,0)+IF(Input!$K$15=1,L5689*Input!$J$15,0)+IF(Input!$K$16=1,M5689*Input!$J$16,0)</f>
        <v>1.0836846414954211</v>
      </c>
      <c r="O5689" s="58">
        <f>IF(Input!$K$13=2,J5689*Input!$J$13,0)+IF(Input!$K$14=2,K5689*Input!$J$14,0)+IF(Input!$K$15=2,L5689*Input!$J$15,0)+IF(Input!$K$16=2,M5689*Input!$J$16,0)</f>
        <v>0.11076854141550802</v>
      </c>
      <c r="P5689" s="58">
        <f>IF(Input!$K$13=3,J5689*Input!$J$13,0)+IF(Input!$K$14=3,K5689*Input!$J$14,0)+IF(Input!$K$15=3,L5689*Input!$J$15,0)+IF(Input!$K$16=3,M5689*Input!$J$16,0)</f>
        <v>0</v>
      </c>
      <c r="Q5689" s="71">
        <f>IF(Input!$K$13=4,J5689*Input!$J$13,0)+IF(Input!$K$14=4,K5689*Input!$J$14,0)+IF(Input!$K$15=4,L5689*Input!$J$15,0)+IF(Input!$K$16=4,M5689*Input!$J$16,0)</f>
        <v>0</v>
      </c>
    </row>
    <row r="5690" spans="8:17" x14ac:dyDescent="0.25">
      <c r="H5690" s="43">
        <v>5683</v>
      </c>
      <c r="I5690" s="55">
        <f>Bühler!I5716</f>
        <v>0</v>
      </c>
      <c r="J5690" s="58">
        <f>Bühler!J5716</f>
        <v>5.7468124927787478</v>
      </c>
      <c r="K5690" s="58">
        <f>Bühler!K5716</f>
        <v>0.52214127266569432</v>
      </c>
      <c r="L5690" s="58">
        <f>Bühler!L5716</f>
        <v>0.26107063633284716</v>
      </c>
      <c r="M5690" s="57">
        <f>Bühler!M5716</f>
        <v>0</v>
      </c>
      <c r="N5690" s="55">
        <f>IF(Input!$K$13=1,J5690*Input!$J$13,0)+IF(Input!$K$14=1,K5690*Input!$J$14,0)+IF(Input!$K$15=1,L5690*Input!$J$15,0)+IF(Input!$K$16=1,M5690*Input!$J$16,0)</f>
        <v>0.68961749913344972</v>
      </c>
      <c r="O5690" s="58">
        <f>IF(Input!$K$13=2,J5690*Input!$J$13,0)+IF(Input!$K$14=2,K5690*Input!$J$14,0)+IF(Input!$K$15=2,L5690*Input!$J$15,0)+IF(Input!$K$16=2,M5690*Input!$J$16,0)</f>
        <v>7.0489071809868742E-2</v>
      </c>
      <c r="P5690" s="58">
        <f>IF(Input!$K$13=3,J5690*Input!$J$13,0)+IF(Input!$K$14=3,K5690*Input!$J$14,0)+IF(Input!$K$15=3,L5690*Input!$J$15,0)+IF(Input!$K$16=3,M5690*Input!$J$16,0)</f>
        <v>0</v>
      </c>
      <c r="Q5690" s="71">
        <f>IF(Input!$K$13=4,J5690*Input!$J$13,0)+IF(Input!$K$14=4,K5690*Input!$J$14,0)+IF(Input!$K$15=4,L5690*Input!$J$15,0)+IF(Input!$K$16=4,M5690*Input!$J$16,0)</f>
        <v>0</v>
      </c>
    </row>
    <row r="5691" spans="8:17" x14ac:dyDescent="0.25">
      <c r="H5691" s="43">
        <v>5684</v>
      </c>
      <c r="I5691" s="55">
        <f>Bühler!I5717</f>
        <v>0</v>
      </c>
      <c r="J5691" s="58">
        <f>Bühler!J5717</f>
        <v>5.4731547550273802</v>
      </c>
      <c r="K5691" s="58">
        <f>Bühler!K5717</f>
        <v>0.49727740253875657</v>
      </c>
      <c r="L5691" s="58">
        <f>Bühler!L5717</f>
        <v>0.24863870126937829</v>
      </c>
      <c r="M5691" s="57">
        <f>Bühler!M5717</f>
        <v>0</v>
      </c>
      <c r="N5691" s="55">
        <f>IF(Input!$K$13=1,J5691*Input!$J$13,0)+IF(Input!$K$14=1,K5691*Input!$J$14,0)+IF(Input!$K$15=1,L5691*Input!$J$15,0)+IF(Input!$K$16=1,M5691*Input!$J$16,0)</f>
        <v>0.65677857060328559</v>
      </c>
      <c r="O5691" s="58">
        <f>IF(Input!$K$13=2,J5691*Input!$J$13,0)+IF(Input!$K$14=2,K5691*Input!$J$14,0)+IF(Input!$K$15=2,L5691*Input!$J$15,0)+IF(Input!$K$16=2,M5691*Input!$J$16,0)</f>
        <v>6.7132449342732131E-2</v>
      </c>
      <c r="P5691" s="58">
        <f>IF(Input!$K$13=3,J5691*Input!$J$13,0)+IF(Input!$K$14=3,K5691*Input!$J$14,0)+IF(Input!$K$15=3,L5691*Input!$J$15,0)+IF(Input!$K$16=3,M5691*Input!$J$16,0)</f>
        <v>0</v>
      </c>
      <c r="Q5691" s="71">
        <f>IF(Input!$K$13=4,J5691*Input!$J$13,0)+IF(Input!$K$14=4,K5691*Input!$J$14,0)+IF(Input!$K$15=4,L5691*Input!$J$15,0)+IF(Input!$K$16=4,M5691*Input!$J$16,0)</f>
        <v>0</v>
      </c>
    </row>
    <row r="5692" spans="8:17" x14ac:dyDescent="0.25">
      <c r="H5692" s="43">
        <v>5685</v>
      </c>
      <c r="I5692" s="55">
        <f>Bühler!I5718</f>
        <v>0</v>
      </c>
      <c r="J5692" s="58">
        <f>Bühler!J5718</f>
        <v>5.4731547550273802</v>
      </c>
      <c r="K5692" s="58">
        <f>Bühler!K5718</f>
        <v>0.49727740253875657</v>
      </c>
      <c r="L5692" s="58">
        <f>Bühler!L5718</f>
        <v>0.24863870126937829</v>
      </c>
      <c r="M5692" s="57">
        <f>Bühler!M5718</f>
        <v>0</v>
      </c>
      <c r="N5692" s="55">
        <f>IF(Input!$K$13=1,J5692*Input!$J$13,0)+IF(Input!$K$14=1,K5692*Input!$J$14,0)+IF(Input!$K$15=1,L5692*Input!$J$15,0)+IF(Input!$K$16=1,M5692*Input!$J$16,0)</f>
        <v>0.65677857060328559</v>
      </c>
      <c r="O5692" s="58">
        <f>IF(Input!$K$13=2,J5692*Input!$J$13,0)+IF(Input!$K$14=2,K5692*Input!$J$14,0)+IF(Input!$K$15=2,L5692*Input!$J$15,0)+IF(Input!$K$16=2,M5692*Input!$J$16,0)</f>
        <v>6.7132449342732131E-2</v>
      </c>
      <c r="P5692" s="58">
        <f>IF(Input!$K$13=3,J5692*Input!$J$13,0)+IF(Input!$K$14=3,K5692*Input!$J$14,0)+IF(Input!$K$15=3,L5692*Input!$J$15,0)+IF(Input!$K$16=3,M5692*Input!$J$16,0)</f>
        <v>0</v>
      </c>
      <c r="Q5692" s="71">
        <f>IF(Input!$K$13=4,J5692*Input!$J$13,0)+IF(Input!$K$14=4,K5692*Input!$J$14,0)+IF(Input!$K$15=4,L5692*Input!$J$15,0)+IF(Input!$K$16=4,M5692*Input!$J$16,0)</f>
        <v>0</v>
      </c>
    </row>
    <row r="5693" spans="8:17" x14ac:dyDescent="0.25">
      <c r="H5693" s="43">
        <v>5686</v>
      </c>
      <c r="I5693" s="55">
        <f>Bühler!I5719</f>
        <v>0</v>
      </c>
      <c r="J5693" s="58">
        <f>Bühler!J5719</f>
        <v>5.4731547550273802</v>
      </c>
      <c r="K5693" s="58">
        <f>Bühler!K5719</f>
        <v>0.49727740253875657</v>
      </c>
      <c r="L5693" s="58">
        <f>Bühler!L5719</f>
        <v>0.24863870126937829</v>
      </c>
      <c r="M5693" s="57">
        <f>Bühler!M5719</f>
        <v>0</v>
      </c>
      <c r="N5693" s="55">
        <f>IF(Input!$K$13=1,J5693*Input!$J$13,0)+IF(Input!$K$14=1,K5693*Input!$J$14,0)+IF(Input!$K$15=1,L5693*Input!$J$15,0)+IF(Input!$K$16=1,M5693*Input!$J$16,0)</f>
        <v>0.65677857060328559</v>
      </c>
      <c r="O5693" s="58">
        <f>IF(Input!$K$13=2,J5693*Input!$J$13,0)+IF(Input!$K$14=2,K5693*Input!$J$14,0)+IF(Input!$K$15=2,L5693*Input!$J$15,0)+IF(Input!$K$16=2,M5693*Input!$J$16,0)</f>
        <v>6.7132449342732131E-2</v>
      </c>
      <c r="P5693" s="58">
        <f>IF(Input!$K$13=3,J5693*Input!$J$13,0)+IF(Input!$K$14=3,K5693*Input!$J$14,0)+IF(Input!$K$15=3,L5693*Input!$J$15,0)+IF(Input!$K$16=3,M5693*Input!$J$16,0)</f>
        <v>0</v>
      </c>
      <c r="Q5693" s="71">
        <f>IF(Input!$K$13=4,J5693*Input!$J$13,0)+IF(Input!$K$14=4,K5693*Input!$J$14,0)+IF(Input!$K$15=4,L5693*Input!$J$15,0)+IF(Input!$K$16=4,M5693*Input!$J$16,0)</f>
        <v>0</v>
      </c>
    </row>
    <row r="5694" spans="8:17" x14ac:dyDescent="0.25">
      <c r="H5694" s="43">
        <v>5687</v>
      </c>
      <c r="I5694" s="55">
        <f>Bühler!I5720</f>
        <v>0</v>
      </c>
      <c r="J5694" s="58">
        <f>Bühler!J5720</f>
        <v>5.4731547550273802</v>
      </c>
      <c r="K5694" s="58">
        <f>Bühler!K5720</f>
        <v>0.49727740253875657</v>
      </c>
      <c r="L5694" s="58">
        <f>Bühler!L5720</f>
        <v>0.24863870126937829</v>
      </c>
      <c r="M5694" s="57">
        <f>Bühler!M5720</f>
        <v>0</v>
      </c>
      <c r="N5694" s="55">
        <f>IF(Input!$K$13=1,J5694*Input!$J$13,0)+IF(Input!$K$14=1,K5694*Input!$J$14,0)+IF(Input!$K$15=1,L5694*Input!$J$15,0)+IF(Input!$K$16=1,M5694*Input!$J$16,0)</f>
        <v>0.65677857060328559</v>
      </c>
      <c r="O5694" s="58">
        <f>IF(Input!$K$13=2,J5694*Input!$J$13,0)+IF(Input!$K$14=2,K5694*Input!$J$14,0)+IF(Input!$K$15=2,L5694*Input!$J$15,0)+IF(Input!$K$16=2,M5694*Input!$J$16,0)</f>
        <v>6.7132449342732131E-2</v>
      </c>
      <c r="P5694" s="58">
        <f>IF(Input!$K$13=3,J5694*Input!$J$13,0)+IF(Input!$K$14=3,K5694*Input!$J$14,0)+IF(Input!$K$15=3,L5694*Input!$J$15,0)+IF(Input!$K$16=3,M5694*Input!$J$16,0)</f>
        <v>0</v>
      </c>
      <c r="Q5694" s="71">
        <f>IF(Input!$K$13=4,J5694*Input!$J$13,0)+IF(Input!$K$14=4,K5694*Input!$J$14,0)+IF(Input!$K$15=4,L5694*Input!$J$15,0)+IF(Input!$K$16=4,M5694*Input!$J$16,0)</f>
        <v>0</v>
      </c>
    </row>
    <row r="5695" spans="8:17" x14ac:dyDescent="0.25">
      <c r="H5695" s="43">
        <v>5688</v>
      </c>
      <c r="I5695" s="55">
        <f>Bühler!I5721</f>
        <v>0</v>
      </c>
      <c r="J5695" s="58">
        <f>Bühler!J5721</f>
        <v>5.4731547550273802</v>
      </c>
      <c r="K5695" s="58">
        <f>Bühler!K5721</f>
        <v>0.49727740253875657</v>
      </c>
      <c r="L5695" s="58">
        <f>Bühler!L5721</f>
        <v>0.24863870126937829</v>
      </c>
      <c r="M5695" s="57">
        <f>Bühler!M5721</f>
        <v>0</v>
      </c>
      <c r="N5695" s="55">
        <f>IF(Input!$K$13=1,J5695*Input!$J$13,0)+IF(Input!$K$14=1,K5695*Input!$J$14,0)+IF(Input!$K$15=1,L5695*Input!$J$15,0)+IF(Input!$K$16=1,M5695*Input!$J$16,0)</f>
        <v>0.65677857060328559</v>
      </c>
      <c r="O5695" s="58">
        <f>IF(Input!$K$13=2,J5695*Input!$J$13,0)+IF(Input!$K$14=2,K5695*Input!$J$14,0)+IF(Input!$K$15=2,L5695*Input!$J$15,0)+IF(Input!$K$16=2,M5695*Input!$J$16,0)</f>
        <v>6.7132449342732131E-2</v>
      </c>
      <c r="P5695" s="58">
        <f>IF(Input!$K$13=3,J5695*Input!$J$13,0)+IF(Input!$K$14=3,K5695*Input!$J$14,0)+IF(Input!$K$15=3,L5695*Input!$J$15,0)+IF(Input!$K$16=3,M5695*Input!$J$16,0)</f>
        <v>0</v>
      </c>
      <c r="Q5695" s="71">
        <f>IF(Input!$K$13=4,J5695*Input!$J$13,0)+IF(Input!$K$14=4,K5695*Input!$J$14,0)+IF(Input!$K$15=4,L5695*Input!$J$15,0)+IF(Input!$K$16=4,M5695*Input!$J$16,0)</f>
        <v>0</v>
      </c>
    </row>
    <row r="5696" spans="8:17" x14ac:dyDescent="0.25">
      <c r="H5696" s="43">
        <v>5689</v>
      </c>
      <c r="I5696" s="55">
        <f>Bühler!I5722</f>
        <v>0</v>
      </c>
      <c r="J5696" s="58">
        <f>Bühler!J5722</f>
        <v>3.5716885637701106</v>
      </c>
      <c r="K5696" s="58">
        <f>Bühler!K5722</f>
        <v>0.23586579057396384</v>
      </c>
      <c r="L5696" s="58">
        <f>Bühler!L5722</f>
        <v>0.11793289528698192</v>
      </c>
      <c r="M5696" s="57">
        <f>Bühler!M5722</f>
        <v>0</v>
      </c>
      <c r="N5696" s="55">
        <f>IF(Input!$K$13=1,J5696*Input!$J$13,0)+IF(Input!$K$14=1,K5696*Input!$J$14,0)+IF(Input!$K$15=1,L5696*Input!$J$15,0)+IF(Input!$K$16=1,M5696*Input!$J$16,0)</f>
        <v>0.42860262765241325</v>
      </c>
      <c r="O5696" s="58">
        <f>IF(Input!$K$13=2,J5696*Input!$J$13,0)+IF(Input!$K$14=2,K5696*Input!$J$14,0)+IF(Input!$K$15=2,L5696*Input!$J$15,0)+IF(Input!$K$16=2,M5696*Input!$J$16,0)</f>
        <v>3.1841881727485116E-2</v>
      </c>
      <c r="P5696" s="58">
        <f>IF(Input!$K$13=3,J5696*Input!$J$13,0)+IF(Input!$K$14=3,K5696*Input!$J$14,0)+IF(Input!$K$15=3,L5696*Input!$J$15,0)+IF(Input!$K$16=3,M5696*Input!$J$16,0)</f>
        <v>0</v>
      </c>
      <c r="Q5696" s="71">
        <f>IF(Input!$K$13=4,J5696*Input!$J$13,0)+IF(Input!$K$14=4,K5696*Input!$J$14,0)+IF(Input!$K$15=4,L5696*Input!$J$15,0)+IF(Input!$K$16=4,M5696*Input!$J$16,0)</f>
        <v>0</v>
      </c>
    </row>
    <row r="5697" spans="8:17" x14ac:dyDescent="0.25">
      <c r="H5697" s="43">
        <v>5690</v>
      </c>
      <c r="I5697" s="55">
        <f>Bühler!I5723</f>
        <v>0</v>
      </c>
      <c r="J5697" s="58">
        <f>Bühler!J5723</f>
        <v>3.2294164096935396</v>
      </c>
      <c r="K5697" s="58">
        <f>Bühler!K5723</f>
        <v>0.21227921151656745</v>
      </c>
      <c r="L5697" s="58">
        <f>Bühler!L5723</f>
        <v>0.10613960575828373</v>
      </c>
      <c r="M5697" s="57">
        <f>Bühler!M5723</f>
        <v>0</v>
      </c>
      <c r="N5697" s="55">
        <f>IF(Input!$K$13=1,J5697*Input!$J$13,0)+IF(Input!$K$14=1,K5697*Input!$J$14,0)+IF(Input!$K$15=1,L5697*Input!$J$15,0)+IF(Input!$K$16=1,M5697*Input!$J$16,0)</f>
        <v>0.38752996916322474</v>
      </c>
      <c r="O5697" s="58">
        <f>IF(Input!$K$13=2,J5697*Input!$J$13,0)+IF(Input!$K$14=2,K5697*Input!$J$14,0)+IF(Input!$K$15=2,L5697*Input!$J$15,0)+IF(Input!$K$16=2,M5697*Input!$J$16,0)</f>
        <v>2.8657693554736605E-2</v>
      </c>
      <c r="P5697" s="58">
        <f>IF(Input!$K$13=3,J5697*Input!$J$13,0)+IF(Input!$K$14=3,K5697*Input!$J$14,0)+IF(Input!$K$15=3,L5697*Input!$J$15,0)+IF(Input!$K$16=3,M5697*Input!$J$16,0)</f>
        <v>0</v>
      </c>
      <c r="Q5697" s="71">
        <f>IF(Input!$K$13=4,J5697*Input!$J$13,0)+IF(Input!$K$14=4,K5697*Input!$J$14,0)+IF(Input!$K$15=4,L5697*Input!$J$15,0)+IF(Input!$K$16=4,M5697*Input!$J$16,0)</f>
        <v>0</v>
      </c>
    </row>
    <row r="5698" spans="8:17" x14ac:dyDescent="0.25">
      <c r="H5698" s="43">
        <v>5691</v>
      </c>
      <c r="I5698" s="55">
        <f>Bühler!I5724</f>
        <v>0</v>
      </c>
      <c r="J5698" s="58">
        <f>Bühler!J5724</f>
        <v>3.2294164096935396</v>
      </c>
      <c r="K5698" s="58">
        <f>Bühler!K5724</f>
        <v>0.21227921151656745</v>
      </c>
      <c r="L5698" s="58">
        <f>Bühler!L5724</f>
        <v>0.10613960575828373</v>
      </c>
      <c r="M5698" s="57">
        <f>Bühler!M5724</f>
        <v>0</v>
      </c>
      <c r="N5698" s="55">
        <f>IF(Input!$K$13=1,J5698*Input!$J$13,0)+IF(Input!$K$14=1,K5698*Input!$J$14,0)+IF(Input!$K$15=1,L5698*Input!$J$15,0)+IF(Input!$K$16=1,M5698*Input!$J$16,0)</f>
        <v>0.38752996916322474</v>
      </c>
      <c r="O5698" s="58">
        <f>IF(Input!$K$13=2,J5698*Input!$J$13,0)+IF(Input!$K$14=2,K5698*Input!$J$14,0)+IF(Input!$K$15=2,L5698*Input!$J$15,0)+IF(Input!$K$16=2,M5698*Input!$J$16,0)</f>
        <v>2.8657693554736605E-2</v>
      </c>
      <c r="P5698" s="58">
        <f>IF(Input!$K$13=3,J5698*Input!$J$13,0)+IF(Input!$K$14=3,K5698*Input!$J$14,0)+IF(Input!$K$15=3,L5698*Input!$J$15,0)+IF(Input!$K$16=3,M5698*Input!$J$16,0)</f>
        <v>0</v>
      </c>
      <c r="Q5698" s="71">
        <f>IF(Input!$K$13=4,J5698*Input!$J$13,0)+IF(Input!$K$14=4,K5698*Input!$J$14,0)+IF(Input!$K$15=4,L5698*Input!$J$15,0)+IF(Input!$K$16=4,M5698*Input!$J$16,0)</f>
        <v>0</v>
      </c>
    </row>
    <row r="5699" spans="8:17" x14ac:dyDescent="0.25">
      <c r="H5699" s="43">
        <v>5692</v>
      </c>
      <c r="I5699" s="55">
        <f>Bühler!I5725</f>
        <v>0</v>
      </c>
      <c r="J5699" s="58">
        <f>Bühler!J5725</f>
        <v>3.2294164096935396</v>
      </c>
      <c r="K5699" s="58">
        <f>Bühler!K5725</f>
        <v>0.21227921151656745</v>
      </c>
      <c r="L5699" s="58">
        <f>Bühler!L5725</f>
        <v>0.10613960575828373</v>
      </c>
      <c r="M5699" s="57">
        <f>Bühler!M5725</f>
        <v>0</v>
      </c>
      <c r="N5699" s="55">
        <f>IF(Input!$K$13=1,J5699*Input!$J$13,0)+IF(Input!$K$14=1,K5699*Input!$J$14,0)+IF(Input!$K$15=1,L5699*Input!$J$15,0)+IF(Input!$K$16=1,M5699*Input!$J$16,0)</f>
        <v>0.38752996916322474</v>
      </c>
      <c r="O5699" s="58">
        <f>IF(Input!$K$13=2,J5699*Input!$J$13,0)+IF(Input!$K$14=2,K5699*Input!$J$14,0)+IF(Input!$K$15=2,L5699*Input!$J$15,0)+IF(Input!$K$16=2,M5699*Input!$J$16,0)</f>
        <v>2.8657693554736605E-2</v>
      </c>
      <c r="P5699" s="58">
        <f>IF(Input!$K$13=3,J5699*Input!$J$13,0)+IF(Input!$K$14=3,K5699*Input!$J$14,0)+IF(Input!$K$15=3,L5699*Input!$J$15,0)+IF(Input!$K$16=3,M5699*Input!$J$16,0)</f>
        <v>0</v>
      </c>
      <c r="Q5699" s="71">
        <f>IF(Input!$K$13=4,J5699*Input!$J$13,0)+IF(Input!$K$14=4,K5699*Input!$J$14,0)+IF(Input!$K$15=4,L5699*Input!$J$15,0)+IF(Input!$K$16=4,M5699*Input!$J$16,0)</f>
        <v>0</v>
      </c>
    </row>
    <row r="5700" spans="8:17" x14ac:dyDescent="0.25">
      <c r="H5700" s="43">
        <v>5693</v>
      </c>
      <c r="I5700" s="55">
        <f>Bühler!I5726</f>
        <v>0</v>
      </c>
      <c r="J5700" s="58">
        <f>Bühler!J5726</f>
        <v>3.2294164096935396</v>
      </c>
      <c r="K5700" s="58">
        <f>Bühler!K5726</f>
        <v>0.21227921151656745</v>
      </c>
      <c r="L5700" s="58">
        <f>Bühler!L5726</f>
        <v>0.10613960575828373</v>
      </c>
      <c r="M5700" s="57">
        <f>Bühler!M5726</f>
        <v>0</v>
      </c>
      <c r="N5700" s="55">
        <f>IF(Input!$K$13=1,J5700*Input!$J$13,0)+IF(Input!$K$14=1,K5700*Input!$J$14,0)+IF(Input!$K$15=1,L5700*Input!$J$15,0)+IF(Input!$K$16=1,M5700*Input!$J$16,0)</f>
        <v>0.38752996916322474</v>
      </c>
      <c r="O5700" s="58">
        <f>IF(Input!$K$13=2,J5700*Input!$J$13,0)+IF(Input!$K$14=2,K5700*Input!$J$14,0)+IF(Input!$K$15=2,L5700*Input!$J$15,0)+IF(Input!$K$16=2,M5700*Input!$J$16,0)</f>
        <v>2.8657693554736605E-2</v>
      </c>
      <c r="P5700" s="58">
        <f>IF(Input!$K$13=3,J5700*Input!$J$13,0)+IF(Input!$K$14=3,K5700*Input!$J$14,0)+IF(Input!$K$15=3,L5700*Input!$J$15,0)+IF(Input!$K$16=3,M5700*Input!$J$16,0)</f>
        <v>0</v>
      </c>
      <c r="Q5700" s="71">
        <f>IF(Input!$K$13=4,J5700*Input!$J$13,0)+IF(Input!$K$14=4,K5700*Input!$J$14,0)+IF(Input!$K$15=4,L5700*Input!$J$15,0)+IF(Input!$K$16=4,M5700*Input!$J$16,0)</f>
        <v>0</v>
      </c>
    </row>
    <row r="5701" spans="8:17" x14ac:dyDescent="0.25">
      <c r="H5701" s="43">
        <v>5694</v>
      </c>
      <c r="I5701" s="55">
        <f>Bühler!I5727</f>
        <v>0</v>
      </c>
      <c r="J5701" s="58">
        <f>Bühler!J5727</f>
        <v>3.2294164096935396</v>
      </c>
      <c r="K5701" s="58">
        <f>Bühler!K5727</f>
        <v>0.21227921151656745</v>
      </c>
      <c r="L5701" s="58">
        <f>Bühler!L5727</f>
        <v>0.10613960575828373</v>
      </c>
      <c r="M5701" s="57">
        <f>Bühler!M5727</f>
        <v>0</v>
      </c>
      <c r="N5701" s="55">
        <f>IF(Input!$K$13=1,J5701*Input!$J$13,0)+IF(Input!$K$14=1,K5701*Input!$J$14,0)+IF(Input!$K$15=1,L5701*Input!$J$15,0)+IF(Input!$K$16=1,M5701*Input!$J$16,0)</f>
        <v>0.38752996916322474</v>
      </c>
      <c r="O5701" s="58">
        <f>IF(Input!$K$13=2,J5701*Input!$J$13,0)+IF(Input!$K$14=2,K5701*Input!$J$14,0)+IF(Input!$K$15=2,L5701*Input!$J$15,0)+IF(Input!$K$16=2,M5701*Input!$J$16,0)</f>
        <v>2.8657693554736605E-2</v>
      </c>
      <c r="P5701" s="58">
        <f>IF(Input!$K$13=3,J5701*Input!$J$13,0)+IF(Input!$K$14=3,K5701*Input!$J$14,0)+IF(Input!$K$15=3,L5701*Input!$J$15,0)+IF(Input!$K$16=3,M5701*Input!$J$16,0)</f>
        <v>0</v>
      </c>
      <c r="Q5701" s="71">
        <f>IF(Input!$K$13=4,J5701*Input!$J$13,0)+IF(Input!$K$14=4,K5701*Input!$J$14,0)+IF(Input!$K$15=4,L5701*Input!$J$15,0)+IF(Input!$K$16=4,M5701*Input!$J$16,0)</f>
        <v>0</v>
      </c>
    </row>
    <row r="5702" spans="8:17" x14ac:dyDescent="0.25">
      <c r="H5702" s="43">
        <v>5695</v>
      </c>
      <c r="I5702" s="55">
        <f>Bühler!I5728</f>
        <v>0</v>
      </c>
      <c r="J5702" s="58">
        <f>Bühler!J5728</f>
        <v>3.2294164096935396</v>
      </c>
      <c r="K5702" s="58">
        <f>Bühler!K5728</f>
        <v>0.21227921151656745</v>
      </c>
      <c r="L5702" s="58">
        <f>Bühler!L5728</f>
        <v>0.10613960575828373</v>
      </c>
      <c r="M5702" s="57">
        <f>Bühler!M5728</f>
        <v>0</v>
      </c>
      <c r="N5702" s="55">
        <f>IF(Input!$K$13=1,J5702*Input!$J$13,0)+IF(Input!$K$14=1,K5702*Input!$J$14,0)+IF(Input!$K$15=1,L5702*Input!$J$15,0)+IF(Input!$K$16=1,M5702*Input!$J$16,0)</f>
        <v>0.38752996916322474</v>
      </c>
      <c r="O5702" s="58">
        <f>IF(Input!$K$13=2,J5702*Input!$J$13,0)+IF(Input!$K$14=2,K5702*Input!$J$14,0)+IF(Input!$K$15=2,L5702*Input!$J$15,0)+IF(Input!$K$16=2,M5702*Input!$J$16,0)</f>
        <v>2.8657693554736605E-2</v>
      </c>
      <c r="P5702" s="58">
        <f>IF(Input!$K$13=3,J5702*Input!$J$13,0)+IF(Input!$K$14=3,K5702*Input!$J$14,0)+IF(Input!$K$15=3,L5702*Input!$J$15,0)+IF(Input!$K$16=3,M5702*Input!$J$16,0)</f>
        <v>0</v>
      </c>
      <c r="Q5702" s="71">
        <f>IF(Input!$K$13=4,J5702*Input!$J$13,0)+IF(Input!$K$14=4,K5702*Input!$J$14,0)+IF(Input!$K$15=4,L5702*Input!$J$15,0)+IF(Input!$K$16=4,M5702*Input!$J$16,0)</f>
        <v>0</v>
      </c>
    </row>
    <row r="5703" spans="8:17" x14ac:dyDescent="0.25">
      <c r="H5703" s="43">
        <v>5696</v>
      </c>
      <c r="I5703" s="55">
        <f>Bühler!I5729</f>
        <v>0</v>
      </c>
      <c r="J5703" s="58">
        <f>Bühler!J5729</f>
        <v>3.2294164096935396</v>
      </c>
      <c r="K5703" s="58">
        <f>Bühler!K5729</f>
        <v>0.21227921151656745</v>
      </c>
      <c r="L5703" s="58">
        <f>Bühler!L5729</f>
        <v>0.10613960575828373</v>
      </c>
      <c r="M5703" s="57">
        <f>Bühler!M5729</f>
        <v>0</v>
      </c>
      <c r="N5703" s="55">
        <f>IF(Input!$K$13=1,J5703*Input!$J$13,0)+IF(Input!$K$14=1,K5703*Input!$J$14,0)+IF(Input!$K$15=1,L5703*Input!$J$15,0)+IF(Input!$K$16=1,M5703*Input!$J$16,0)</f>
        <v>0.38752996916322474</v>
      </c>
      <c r="O5703" s="58">
        <f>IF(Input!$K$13=2,J5703*Input!$J$13,0)+IF(Input!$K$14=2,K5703*Input!$J$14,0)+IF(Input!$K$15=2,L5703*Input!$J$15,0)+IF(Input!$K$16=2,M5703*Input!$J$16,0)</f>
        <v>2.8657693554736605E-2</v>
      </c>
      <c r="P5703" s="58">
        <f>IF(Input!$K$13=3,J5703*Input!$J$13,0)+IF(Input!$K$14=3,K5703*Input!$J$14,0)+IF(Input!$K$15=3,L5703*Input!$J$15,0)+IF(Input!$K$16=3,M5703*Input!$J$16,0)</f>
        <v>0</v>
      </c>
      <c r="Q5703" s="71">
        <f>IF(Input!$K$13=4,J5703*Input!$J$13,0)+IF(Input!$K$14=4,K5703*Input!$J$14,0)+IF(Input!$K$15=4,L5703*Input!$J$15,0)+IF(Input!$K$16=4,M5703*Input!$J$16,0)</f>
        <v>0</v>
      </c>
    </row>
    <row r="5704" spans="8:17" x14ac:dyDescent="0.25">
      <c r="H5704" s="43">
        <v>5697</v>
      </c>
      <c r="I5704" s="55">
        <f>Bühler!I5730</f>
        <v>0</v>
      </c>
      <c r="J5704" s="58">
        <f>Bühler!J5730</f>
        <v>3.2294164096935396</v>
      </c>
      <c r="K5704" s="58">
        <f>Bühler!K5730</f>
        <v>0.21227921151656745</v>
      </c>
      <c r="L5704" s="58">
        <f>Bühler!L5730</f>
        <v>0.10613960575828373</v>
      </c>
      <c r="M5704" s="57">
        <f>Bühler!M5730</f>
        <v>0</v>
      </c>
      <c r="N5704" s="55">
        <f>IF(Input!$K$13=1,J5704*Input!$J$13,0)+IF(Input!$K$14=1,K5704*Input!$J$14,0)+IF(Input!$K$15=1,L5704*Input!$J$15,0)+IF(Input!$K$16=1,M5704*Input!$J$16,0)</f>
        <v>0.38752996916322474</v>
      </c>
      <c r="O5704" s="58">
        <f>IF(Input!$K$13=2,J5704*Input!$J$13,0)+IF(Input!$K$14=2,K5704*Input!$J$14,0)+IF(Input!$K$15=2,L5704*Input!$J$15,0)+IF(Input!$K$16=2,M5704*Input!$J$16,0)</f>
        <v>2.8657693554736605E-2</v>
      </c>
      <c r="P5704" s="58">
        <f>IF(Input!$K$13=3,J5704*Input!$J$13,0)+IF(Input!$K$14=3,K5704*Input!$J$14,0)+IF(Input!$K$15=3,L5704*Input!$J$15,0)+IF(Input!$K$16=3,M5704*Input!$J$16,0)</f>
        <v>0</v>
      </c>
      <c r="Q5704" s="71">
        <f>IF(Input!$K$13=4,J5704*Input!$J$13,0)+IF(Input!$K$14=4,K5704*Input!$J$14,0)+IF(Input!$K$15=4,L5704*Input!$J$15,0)+IF(Input!$K$16=4,M5704*Input!$J$16,0)</f>
        <v>0</v>
      </c>
    </row>
    <row r="5705" spans="8:17" x14ac:dyDescent="0.25">
      <c r="H5705" s="43">
        <v>5698</v>
      </c>
      <c r="I5705" s="55">
        <f>Bühler!I5731</f>
        <v>0</v>
      </c>
      <c r="J5705" s="58">
        <f>Bühler!J5731</f>
        <v>3.2294164096935396</v>
      </c>
      <c r="K5705" s="58">
        <f>Bühler!K5731</f>
        <v>0.21227921151656745</v>
      </c>
      <c r="L5705" s="58">
        <f>Bühler!L5731</f>
        <v>0.10613960575828373</v>
      </c>
      <c r="M5705" s="57">
        <f>Bühler!M5731</f>
        <v>0</v>
      </c>
      <c r="N5705" s="55">
        <f>IF(Input!$K$13=1,J5705*Input!$J$13,0)+IF(Input!$K$14=1,K5705*Input!$J$14,0)+IF(Input!$K$15=1,L5705*Input!$J$15,0)+IF(Input!$K$16=1,M5705*Input!$J$16,0)</f>
        <v>0.38752996916322474</v>
      </c>
      <c r="O5705" s="58">
        <f>IF(Input!$K$13=2,J5705*Input!$J$13,0)+IF(Input!$K$14=2,K5705*Input!$J$14,0)+IF(Input!$K$15=2,L5705*Input!$J$15,0)+IF(Input!$K$16=2,M5705*Input!$J$16,0)</f>
        <v>2.8657693554736605E-2</v>
      </c>
      <c r="P5705" s="58">
        <f>IF(Input!$K$13=3,J5705*Input!$J$13,0)+IF(Input!$K$14=3,K5705*Input!$J$14,0)+IF(Input!$K$15=3,L5705*Input!$J$15,0)+IF(Input!$K$16=3,M5705*Input!$J$16,0)</f>
        <v>0</v>
      </c>
      <c r="Q5705" s="71">
        <f>IF(Input!$K$13=4,J5705*Input!$J$13,0)+IF(Input!$K$14=4,K5705*Input!$J$14,0)+IF(Input!$K$15=4,L5705*Input!$J$15,0)+IF(Input!$K$16=4,M5705*Input!$J$16,0)</f>
        <v>0</v>
      </c>
    </row>
    <row r="5706" spans="8:17" x14ac:dyDescent="0.25">
      <c r="H5706" s="43">
        <v>5699</v>
      </c>
      <c r="I5706" s="55">
        <f>Bühler!I5732</f>
        <v>0</v>
      </c>
      <c r="J5706" s="58">
        <f>Bühler!J5732</f>
        <v>3.2294164096935396</v>
      </c>
      <c r="K5706" s="58">
        <f>Bühler!K5732</f>
        <v>0.21227921151656745</v>
      </c>
      <c r="L5706" s="58">
        <f>Bühler!L5732</f>
        <v>0.10613960575828373</v>
      </c>
      <c r="M5706" s="57">
        <f>Bühler!M5732</f>
        <v>0</v>
      </c>
      <c r="N5706" s="55">
        <f>IF(Input!$K$13=1,J5706*Input!$J$13,0)+IF(Input!$K$14=1,K5706*Input!$J$14,0)+IF(Input!$K$15=1,L5706*Input!$J$15,0)+IF(Input!$K$16=1,M5706*Input!$J$16,0)</f>
        <v>0.38752996916322474</v>
      </c>
      <c r="O5706" s="58">
        <f>IF(Input!$K$13=2,J5706*Input!$J$13,0)+IF(Input!$K$14=2,K5706*Input!$J$14,0)+IF(Input!$K$15=2,L5706*Input!$J$15,0)+IF(Input!$K$16=2,M5706*Input!$J$16,0)</f>
        <v>2.8657693554736605E-2</v>
      </c>
      <c r="P5706" s="58">
        <f>IF(Input!$K$13=3,J5706*Input!$J$13,0)+IF(Input!$K$14=3,K5706*Input!$J$14,0)+IF(Input!$K$15=3,L5706*Input!$J$15,0)+IF(Input!$K$16=3,M5706*Input!$J$16,0)</f>
        <v>0</v>
      </c>
      <c r="Q5706" s="71">
        <f>IF(Input!$K$13=4,J5706*Input!$J$13,0)+IF(Input!$K$14=4,K5706*Input!$J$14,0)+IF(Input!$K$15=4,L5706*Input!$J$15,0)+IF(Input!$K$16=4,M5706*Input!$J$16,0)</f>
        <v>0</v>
      </c>
    </row>
    <row r="5707" spans="8:17" x14ac:dyDescent="0.25">
      <c r="H5707" s="43">
        <v>5700</v>
      </c>
      <c r="I5707" s="55">
        <f>Bühler!I5733</f>
        <v>0</v>
      </c>
      <c r="J5707" s="58">
        <f>Bühler!J5733</f>
        <v>3.2294164096935396</v>
      </c>
      <c r="K5707" s="58">
        <f>Bühler!K5733</f>
        <v>0.21227921151656745</v>
      </c>
      <c r="L5707" s="58">
        <f>Bühler!L5733</f>
        <v>0.10613960575828373</v>
      </c>
      <c r="M5707" s="57">
        <f>Bühler!M5733</f>
        <v>0</v>
      </c>
      <c r="N5707" s="55">
        <f>IF(Input!$K$13=1,J5707*Input!$J$13,0)+IF(Input!$K$14=1,K5707*Input!$J$14,0)+IF(Input!$K$15=1,L5707*Input!$J$15,0)+IF(Input!$K$16=1,M5707*Input!$J$16,0)</f>
        <v>0.38752996916322474</v>
      </c>
      <c r="O5707" s="58">
        <f>IF(Input!$K$13=2,J5707*Input!$J$13,0)+IF(Input!$K$14=2,K5707*Input!$J$14,0)+IF(Input!$K$15=2,L5707*Input!$J$15,0)+IF(Input!$K$16=2,M5707*Input!$J$16,0)</f>
        <v>2.8657693554736605E-2</v>
      </c>
      <c r="P5707" s="58">
        <f>IF(Input!$K$13=3,J5707*Input!$J$13,0)+IF(Input!$K$14=3,K5707*Input!$J$14,0)+IF(Input!$K$15=3,L5707*Input!$J$15,0)+IF(Input!$K$16=3,M5707*Input!$J$16,0)</f>
        <v>0</v>
      </c>
      <c r="Q5707" s="71">
        <f>IF(Input!$K$13=4,J5707*Input!$J$13,0)+IF(Input!$K$14=4,K5707*Input!$J$14,0)+IF(Input!$K$15=4,L5707*Input!$J$15,0)+IF(Input!$K$16=4,M5707*Input!$J$16,0)</f>
        <v>0</v>
      </c>
    </row>
    <row r="5708" spans="8:17" x14ac:dyDescent="0.25">
      <c r="H5708" s="43">
        <v>5701</v>
      </c>
      <c r="I5708" s="55">
        <f>Bühler!I5734</f>
        <v>0</v>
      </c>
      <c r="J5708" s="58">
        <f>Bühler!J5734</f>
        <v>3.2294164096935396</v>
      </c>
      <c r="K5708" s="58">
        <f>Bühler!K5734</f>
        <v>0.21227921151656745</v>
      </c>
      <c r="L5708" s="58">
        <f>Bühler!L5734</f>
        <v>0.10613960575828373</v>
      </c>
      <c r="M5708" s="57">
        <f>Bühler!M5734</f>
        <v>0</v>
      </c>
      <c r="N5708" s="55">
        <f>IF(Input!$K$13=1,J5708*Input!$J$13,0)+IF(Input!$K$14=1,K5708*Input!$J$14,0)+IF(Input!$K$15=1,L5708*Input!$J$15,0)+IF(Input!$K$16=1,M5708*Input!$J$16,0)</f>
        <v>0.38752996916322474</v>
      </c>
      <c r="O5708" s="58">
        <f>IF(Input!$K$13=2,J5708*Input!$J$13,0)+IF(Input!$K$14=2,K5708*Input!$J$14,0)+IF(Input!$K$15=2,L5708*Input!$J$15,0)+IF(Input!$K$16=2,M5708*Input!$J$16,0)</f>
        <v>2.8657693554736605E-2</v>
      </c>
      <c r="P5708" s="58">
        <f>IF(Input!$K$13=3,J5708*Input!$J$13,0)+IF(Input!$K$14=3,K5708*Input!$J$14,0)+IF(Input!$K$15=3,L5708*Input!$J$15,0)+IF(Input!$K$16=3,M5708*Input!$J$16,0)</f>
        <v>0</v>
      </c>
      <c r="Q5708" s="71">
        <f>IF(Input!$K$13=4,J5708*Input!$J$13,0)+IF(Input!$K$14=4,K5708*Input!$J$14,0)+IF(Input!$K$15=4,L5708*Input!$J$15,0)+IF(Input!$K$16=4,M5708*Input!$J$16,0)</f>
        <v>0</v>
      </c>
    </row>
    <row r="5709" spans="8:17" x14ac:dyDescent="0.25">
      <c r="H5709" s="43">
        <v>5702</v>
      </c>
      <c r="I5709" s="55">
        <f>Bühler!I5735</f>
        <v>0</v>
      </c>
      <c r="J5709" s="58">
        <f>Bühler!J5735</f>
        <v>3.2294164096935396</v>
      </c>
      <c r="K5709" s="58">
        <f>Bühler!K5735</f>
        <v>0.21227921151656745</v>
      </c>
      <c r="L5709" s="58">
        <f>Bühler!L5735</f>
        <v>0.10613960575828373</v>
      </c>
      <c r="M5709" s="57">
        <f>Bühler!M5735</f>
        <v>0</v>
      </c>
      <c r="N5709" s="55">
        <f>IF(Input!$K$13=1,J5709*Input!$J$13,0)+IF(Input!$K$14=1,K5709*Input!$J$14,0)+IF(Input!$K$15=1,L5709*Input!$J$15,0)+IF(Input!$K$16=1,M5709*Input!$J$16,0)</f>
        <v>0.38752996916322474</v>
      </c>
      <c r="O5709" s="58">
        <f>IF(Input!$K$13=2,J5709*Input!$J$13,0)+IF(Input!$K$14=2,K5709*Input!$J$14,0)+IF(Input!$K$15=2,L5709*Input!$J$15,0)+IF(Input!$K$16=2,M5709*Input!$J$16,0)</f>
        <v>2.8657693554736605E-2</v>
      </c>
      <c r="P5709" s="58">
        <f>IF(Input!$K$13=3,J5709*Input!$J$13,0)+IF(Input!$K$14=3,K5709*Input!$J$14,0)+IF(Input!$K$15=3,L5709*Input!$J$15,0)+IF(Input!$K$16=3,M5709*Input!$J$16,0)</f>
        <v>0</v>
      </c>
      <c r="Q5709" s="71">
        <f>IF(Input!$K$13=4,J5709*Input!$J$13,0)+IF(Input!$K$14=4,K5709*Input!$J$14,0)+IF(Input!$K$15=4,L5709*Input!$J$15,0)+IF(Input!$K$16=4,M5709*Input!$J$16,0)</f>
        <v>0</v>
      </c>
    </row>
    <row r="5710" spans="8:17" x14ac:dyDescent="0.25">
      <c r="H5710" s="43">
        <v>5703</v>
      </c>
      <c r="I5710" s="55">
        <f>Bühler!I5736</f>
        <v>0</v>
      </c>
      <c r="J5710" s="58">
        <f>Bühler!J5736</f>
        <v>3.2294164096935396</v>
      </c>
      <c r="K5710" s="58">
        <f>Bühler!K5736</f>
        <v>0.21227921151656745</v>
      </c>
      <c r="L5710" s="58">
        <f>Bühler!L5736</f>
        <v>0.10613960575828373</v>
      </c>
      <c r="M5710" s="57">
        <f>Bühler!M5736</f>
        <v>0</v>
      </c>
      <c r="N5710" s="55">
        <f>IF(Input!$K$13=1,J5710*Input!$J$13,0)+IF(Input!$K$14=1,K5710*Input!$J$14,0)+IF(Input!$K$15=1,L5710*Input!$J$15,0)+IF(Input!$K$16=1,M5710*Input!$J$16,0)</f>
        <v>0.38752996916322474</v>
      </c>
      <c r="O5710" s="58">
        <f>IF(Input!$K$13=2,J5710*Input!$J$13,0)+IF(Input!$K$14=2,K5710*Input!$J$14,0)+IF(Input!$K$15=2,L5710*Input!$J$15,0)+IF(Input!$K$16=2,M5710*Input!$J$16,0)</f>
        <v>2.8657693554736605E-2</v>
      </c>
      <c r="P5710" s="58">
        <f>IF(Input!$K$13=3,J5710*Input!$J$13,0)+IF(Input!$K$14=3,K5710*Input!$J$14,0)+IF(Input!$K$15=3,L5710*Input!$J$15,0)+IF(Input!$K$16=3,M5710*Input!$J$16,0)</f>
        <v>0</v>
      </c>
      <c r="Q5710" s="71">
        <f>IF(Input!$K$13=4,J5710*Input!$J$13,0)+IF(Input!$K$14=4,K5710*Input!$J$14,0)+IF(Input!$K$15=4,L5710*Input!$J$15,0)+IF(Input!$K$16=4,M5710*Input!$J$16,0)</f>
        <v>0</v>
      </c>
    </row>
    <row r="5711" spans="8:17" x14ac:dyDescent="0.25">
      <c r="H5711" s="43">
        <v>5704</v>
      </c>
      <c r="I5711" s="55">
        <f>Bühler!I5737</f>
        <v>0</v>
      </c>
      <c r="J5711" s="58">
        <f>Bühler!J5737</f>
        <v>3.2294164096935396</v>
      </c>
      <c r="K5711" s="58">
        <f>Bühler!K5737</f>
        <v>0.21227921151656745</v>
      </c>
      <c r="L5711" s="58">
        <f>Bühler!L5737</f>
        <v>0.10613960575828373</v>
      </c>
      <c r="M5711" s="57">
        <f>Bühler!M5737</f>
        <v>0</v>
      </c>
      <c r="N5711" s="55">
        <f>IF(Input!$K$13=1,J5711*Input!$J$13,0)+IF(Input!$K$14=1,K5711*Input!$J$14,0)+IF(Input!$K$15=1,L5711*Input!$J$15,0)+IF(Input!$K$16=1,M5711*Input!$J$16,0)</f>
        <v>0.38752996916322474</v>
      </c>
      <c r="O5711" s="58">
        <f>IF(Input!$K$13=2,J5711*Input!$J$13,0)+IF(Input!$K$14=2,K5711*Input!$J$14,0)+IF(Input!$K$15=2,L5711*Input!$J$15,0)+IF(Input!$K$16=2,M5711*Input!$J$16,0)</f>
        <v>2.8657693554736605E-2</v>
      </c>
      <c r="P5711" s="58">
        <f>IF(Input!$K$13=3,J5711*Input!$J$13,0)+IF(Input!$K$14=3,K5711*Input!$J$14,0)+IF(Input!$K$15=3,L5711*Input!$J$15,0)+IF(Input!$K$16=3,M5711*Input!$J$16,0)</f>
        <v>0</v>
      </c>
      <c r="Q5711" s="71">
        <f>IF(Input!$K$13=4,J5711*Input!$J$13,0)+IF(Input!$K$14=4,K5711*Input!$J$14,0)+IF(Input!$K$15=4,L5711*Input!$J$15,0)+IF(Input!$K$16=4,M5711*Input!$J$16,0)</f>
        <v>0</v>
      </c>
    </row>
    <row r="5712" spans="8:17" x14ac:dyDescent="0.25">
      <c r="H5712" s="43">
        <v>5705</v>
      </c>
      <c r="I5712" s="55">
        <f>Bühler!I5738</f>
        <v>0</v>
      </c>
      <c r="J5712" s="58">
        <f>Bühler!J5738</f>
        <v>3.2294164096935396</v>
      </c>
      <c r="K5712" s="58">
        <f>Bühler!K5738</f>
        <v>0.21227921151656745</v>
      </c>
      <c r="L5712" s="58">
        <f>Bühler!L5738</f>
        <v>0.10613960575828373</v>
      </c>
      <c r="M5712" s="57">
        <f>Bühler!M5738</f>
        <v>0</v>
      </c>
      <c r="N5712" s="55">
        <f>IF(Input!$K$13=1,J5712*Input!$J$13,0)+IF(Input!$K$14=1,K5712*Input!$J$14,0)+IF(Input!$K$15=1,L5712*Input!$J$15,0)+IF(Input!$K$16=1,M5712*Input!$J$16,0)</f>
        <v>0.38752996916322474</v>
      </c>
      <c r="O5712" s="58">
        <f>IF(Input!$K$13=2,J5712*Input!$J$13,0)+IF(Input!$K$14=2,K5712*Input!$J$14,0)+IF(Input!$K$15=2,L5712*Input!$J$15,0)+IF(Input!$K$16=2,M5712*Input!$J$16,0)</f>
        <v>2.8657693554736605E-2</v>
      </c>
      <c r="P5712" s="58">
        <f>IF(Input!$K$13=3,J5712*Input!$J$13,0)+IF(Input!$K$14=3,K5712*Input!$J$14,0)+IF(Input!$K$15=3,L5712*Input!$J$15,0)+IF(Input!$K$16=3,M5712*Input!$J$16,0)</f>
        <v>0</v>
      </c>
      <c r="Q5712" s="71">
        <f>IF(Input!$K$13=4,J5712*Input!$J$13,0)+IF(Input!$K$14=4,K5712*Input!$J$14,0)+IF(Input!$K$15=4,L5712*Input!$J$15,0)+IF(Input!$K$16=4,M5712*Input!$J$16,0)</f>
        <v>0</v>
      </c>
    </row>
    <row r="5713" spans="8:17" x14ac:dyDescent="0.25">
      <c r="H5713" s="43">
        <v>5706</v>
      </c>
      <c r="I5713" s="55">
        <f>Bühler!I5739</f>
        <v>0</v>
      </c>
      <c r="J5713" s="58">
        <f>Bühler!J5739</f>
        <v>3.2294164096935396</v>
      </c>
      <c r="K5713" s="58">
        <f>Bühler!K5739</f>
        <v>0.21227921151656745</v>
      </c>
      <c r="L5713" s="58">
        <f>Bühler!L5739</f>
        <v>0.10613960575828373</v>
      </c>
      <c r="M5713" s="57">
        <f>Bühler!M5739</f>
        <v>0</v>
      </c>
      <c r="N5713" s="55">
        <f>IF(Input!$K$13=1,J5713*Input!$J$13,0)+IF(Input!$K$14=1,K5713*Input!$J$14,0)+IF(Input!$K$15=1,L5713*Input!$J$15,0)+IF(Input!$K$16=1,M5713*Input!$J$16,0)</f>
        <v>0.38752996916322474</v>
      </c>
      <c r="O5713" s="58">
        <f>IF(Input!$K$13=2,J5713*Input!$J$13,0)+IF(Input!$K$14=2,K5713*Input!$J$14,0)+IF(Input!$K$15=2,L5713*Input!$J$15,0)+IF(Input!$K$16=2,M5713*Input!$J$16,0)</f>
        <v>2.8657693554736605E-2</v>
      </c>
      <c r="P5713" s="58">
        <f>IF(Input!$K$13=3,J5713*Input!$J$13,0)+IF(Input!$K$14=3,K5713*Input!$J$14,0)+IF(Input!$K$15=3,L5713*Input!$J$15,0)+IF(Input!$K$16=3,M5713*Input!$J$16,0)</f>
        <v>0</v>
      </c>
      <c r="Q5713" s="71">
        <f>IF(Input!$K$13=4,J5713*Input!$J$13,0)+IF(Input!$K$14=4,K5713*Input!$J$14,0)+IF(Input!$K$15=4,L5713*Input!$J$15,0)+IF(Input!$K$16=4,M5713*Input!$J$16,0)</f>
        <v>0</v>
      </c>
    </row>
    <row r="5714" spans="8:17" x14ac:dyDescent="0.25">
      <c r="H5714" s="43">
        <v>5707</v>
      </c>
      <c r="I5714" s="55">
        <f>Bühler!I5740</f>
        <v>0</v>
      </c>
      <c r="J5714" s="58">
        <f>Bühler!J5740</f>
        <v>3.2294164096935396</v>
      </c>
      <c r="K5714" s="58">
        <f>Bühler!K5740</f>
        <v>0.21227921151656745</v>
      </c>
      <c r="L5714" s="58">
        <f>Bühler!L5740</f>
        <v>0.10613960575828373</v>
      </c>
      <c r="M5714" s="57">
        <f>Bühler!M5740</f>
        <v>0</v>
      </c>
      <c r="N5714" s="55">
        <f>IF(Input!$K$13=1,J5714*Input!$J$13,0)+IF(Input!$K$14=1,K5714*Input!$J$14,0)+IF(Input!$K$15=1,L5714*Input!$J$15,0)+IF(Input!$K$16=1,M5714*Input!$J$16,0)</f>
        <v>0.38752996916322474</v>
      </c>
      <c r="O5714" s="58">
        <f>IF(Input!$K$13=2,J5714*Input!$J$13,0)+IF(Input!$K$14=2,K5714*Input!$J$14,0)+IF(Input!$K$15=2,L5714*Input!$J$15,0)+IF(Input!$K$16=2,M5714*Input!$J$16,0)</f>
        <v>2.8657693554736605E-2</v>
      </c>
      <c r="P5714" s="58">
        <f>IF(Input!$K$13=3,J5714*Input!$J$13,0)+IF(Input!$K$14=3,K5714*Input!$J$14,0)+IF(Input!$K$15=3,L5714*Input!$J$15,0)+IF(Input!$K$16=3,M5714*Input!$J$16,0)</f>
        <v>0</v>
      </c>
      <c r="Q5714" s="71">
        <f>IF(Input!$K$13=4,J5714*Input!$J$13,0)+IF(Input!$K$14=4,K5714*Input!$J$14,0)+IF(Input!$K$15=4,L5714*Input!$J$15,0)+IF(Input!$K$16=4,M5714*Input!$J$16,0)</f>
        <v>0</v>
      </c>
    </row>
    <row r="5715" spans="8:17" x14ac:dyDescent="0.25">
      <c r="H5715" s="43">
        <v>5708</v>
      </c>
      <c r="I5715" s="55">
        <f>Bühler!I5741</f>
        <v>0</v>
      </c>
      <c r="J5715" s="58">
        <f>Bühler!J5741</f>
        <v>3.2294164096935396</v>
      </c>
      <c r="K5715" s="58">
        <f>Bühler!K5741</f>
        <v>0.21227921151656745</v>
      </c>
      <c r="L5715" s="58">
        <f>Bühler!L5741</f>
        <v>0.10613960575828373</v>
      </c>
      <c r="M5715" s="57">
        <f>Bühler!M5741</f>
        <v>0</v>
      </c>
      <c r="N5715" s="55">
        <f>IF(Input!$K$13=1,J5715*Input!$J$13,0)+IF(Input!$K$14=1,K5715*Input!$J$14,0)+IF(Input!$K$15=1,L5715*Input!$J$15,0)+IF(Input!$K$16=1,M5715*Input!$J$16,0)</f>
        <v>0.38752996916322474</v>
      </c>
      <c r="O5715" s="58">
        <f>IF(Input!$K$13=2,J5715*Input!$J$13,0)+IF(Input!$K$14=2,K5715*Input!$J$14,0)+IF(Input!$K$15=2,L5715*Input!$J$15,0)+IF(Input!$K$16=2,M5715*Input!$J$16,0)</f>
        <v>2.8657693554736605E-2</v>
      </c>
      <c r="P5715" s="58">
        <f>IF(Input!$K$13=3,J5715*Input!$J$13,0)+IF(Input!$K$14=3,K5715*Input!$J$14,0)+IF(Input!$K$15=3,L5715*Input!$J$15,0)+IF(Input!$K$16=3,M5715*Input!$J$16,0)</f>
        <v>0</v>
      </c>
      <c r="Q5715" s="71">
        <f>IF(Input!$K$13=4,J5715*Input!$J$13,0)+IF(Input!$K$14=4,K5715*Input!$J$14,0)+IF(Input!$K$15=4,L5715*Input!$J$15,0)+IF(Input!$K$16=4,M5715*Input!$J$16,0)</f>
        <v>0</v>
      </c>
    </row>
    <row r="5716" spans="8:17" x14ac:dyDescent="0.25">
      <c r="H5716" s="43">
        <v>5709</v>
      </c>
      <c r="I5716" s="55">
        <f>Bühler!I5742</f>
        <v>0</v>
      </c>
      <c r="J5716" s="58">
        <f>Bühler!J5742</f>
        <v>3.2294164096935396</v>
      </c>
      <c r="K5716" s="58">
        <f>Bühler!K5742</f>
        <v>0.21227921151656745</v>
      </c>
      <c r="L5716" s="58">
        <f>Bühler!L5742</f>
        <v>0.10613960575828373</v>
      </c>
      <c r="M5716" s="57">
        <f>Bühler!M5742</f>
        <v>0</v>
      </c>
      <c r="N5716" s="55">
        <f>IF(Input!$K$13=1,J5716*Input!$J$13,0)+IF(Input!$K$14=1,K5716*Input!$J$14,0)+IF(Input!$K$15=1,L5716*Input!$J$15,0)+IF(Input!$K$16=1,M5716*Input!$J$16,0)</f>
        <v>0.38752996916322474</v>
      </c>
      <c r="O5716" s="58">
        <f>IF(Input!$K$13=2,J5716*Input!$J$13,0)+IF(Input!$K$14=2,K5716*Input!$J$14,0)+IF(Input!$K$15=2,L5716*Input!$J$15,0)+IF(Input!$K$16=2,M5716*Input!$J$16,0)</f>
        <v>2.8657693554736605E-2</v>
      </c>
      <c r="P5716" s="58">
        <f>IF(Input!$K$13=3,J5716*Input!$J$13,0)+IF(Input!$K$14=3,K5716*Input!$J$14,0)+IF(Input!$K$15=3,L5716*Input!$J$15,0)+IF(Input!$K$16=3,M5716*Input!$J$16,0)</f>
        <v>0</v>
      </c>
      <c r="Q5716" s="71">
        <f>IF(Input!$K$13=4,J5716*Input!$J$13,0)+IF(Input!$K$14=4,K5716*Input!$J$14,0)+IF(Input!$K$15=4,L5716*Input!$J$15,0)+IF(Input!$K$16=4,M5716*Input!$J$16,0)</f>
        <v>0</v>
      </c>
    </row>
    <row r="5717" spans="8:17" x14ac:dyDescent="0.25">
      <c r="H5717" s="43">
        <v>5710</v>
      </c>
      <c r="I5717" s="55">
        <f>Bühler!I5743</f>
        <v>0</v>
      </c>
      <c r="J5717" s="58">
        <f>Bühler!J5743</f>
        <v>3.2294164096935396</v>
      </c>
      <c r="K5717" s="58">
        <f>Bühler!K5743</f>
        <v>0.21227921151656745</v>
      </c>
      <c r="L5717" s="58">
        <f>Bühler!L5743</f>
        <v>0.10613960575828373</v>
      </c>
      <c r="M5717" s="57">
        <f>Bühler!M5743</f>
        <v>0</v>
      </c>
      <c r="N5717" s="55">
        <f>IF(Input!$K$13=1,J5717*Input!$J$13,0)+IF(Input!$K$14=1,K5717*Input!$J$14,0)+IF(Input!$K$15=1,L5717*Input!$J$15,0)+IF(Input!$K$16=1,M5717*Input!$J$16,0)</f>
        <v>0.38752996916322474</v>
      </c>
      <c r="O5717" s="58">
        <f>IF(Input!$K$13=2,J5717*Input!$J$13,0)+IF(Input!$K$14=2,K5717*Input!$J$14,0)+IF(Input!$K$15=2,L5717*Input!$J$15,0)+IF(Input!$K$16=2,M5717*Input!$J$16,0)</f>
        <v>2.8657693554736605E-2</v>
      </c>
      <c r="P5717" s="58">
        <f>IF(Input!$K$13=3,J5717*Input!$J$13,0)+IF(Input!$K$14=3,K5717*Input!$J$14,0)+IF(Input!$K$15=3,L5717*Input!$J$15,0)+IF(Input!$K$16=3,M5717*Input!$J$16,0)</f>
        <v>0</v>
      </c>
      <c r="Q5717" s="71">
        <f>IF(Input!$K$13=4,J5717*Input!$J$13,0)+IF(Input!$K$14=4,K5717*Input!$J$14,0)+IF(Input!$K$15=4,L5717*Input!$J$15,0)+IF(Input!$K$16=4,M5717*Input!$J$16,0)</f>
        <v>0</v>
      </c>
    </row>
    <row r="5718" spans="8:17" x14ac:dyDescent="0.25">
      <c r="H5718" s="43">
        <v>5711</v>
      </c>
      <c r="I5718" s="55">
        <f>Bühler!I5744</f>
        <v>0</v>
      </c>
      <c r="J5718" s="58">
        <f>Bühler!J5744</f>
        <v>3.2294164096935396</v>
      </c>
      <c r="K5718" s="58">
        <f>Bühler!K5744</f>
        <v>0.21227921151656745</v>
      </c>
      <c r="L5718" s="58">
        <f>Bühler!L5744</f>
        <v>0.10613960575828373</v>
      </c>
      <c r="M5718" s="57">
        <f>Bühler!M5744</f>
        <v>0</v>
      </c>
      <c r="N5718" s="55">
        <f>IF(Input!$K$13=1,J5718*Input!$J$13,0)+IF(Input!$K$14=1,K5718*Input!$J$14,0)+IF(Input!$K$15=1,L5718*Input!$J$15,0)+IF(Input!$K$16=1,M5718*Input!$J$16,0)</f>
        <v>0.38752996916322474</v>
      </c>
      <c r="O5718" s="58">
        <f>IF(Input!$K$13=2,J5718*Input!$J$13,0)+IF(Input!$K$14=2,K5718*Input!$J$14,0)+IF(Input!$K$15=2,L5718*Input!$J$15,0)+IF(Input!$K$16=2,M5718*Input!$J$16,0)</f>
        <v>2.8657693554736605E-2</v>
      </c>
      <c r="P5718" s="58">
        <f>IF(Input!$K$13=3,J5718*Input!$J$13,0)+IF(Input!$K$14=3,K5718*Input!$J$14,0)+IF(Input!$K$15=3,L5718*Input!$J$15,0)+IF(Input!$K$16=3,M5718*Input!$J$16,0)</f>
        <v>0</v>
      </c>
      <c r="Q5718" s="71">
        <f>IF(Input!$K$13=4,J5718*Input!$J$13,0)+IF(Input!$K$14=4,K5718*Input!$J$14,0)+IF(Input!$K$15=4,L5718*Input!$J$15,0)+IF(Input!$K$16=4,M5718*Input!$J$16,0)</f>
        <v>0</v>
      </c>
    </row>
    <row r="5719" spans="8:17" x14ac:dyDescent="0.25">
      <c r="H5719" s="43">
        <v>5712</v>
      </c>
      <c r="I5719" s="55">
        <f>Bühler!I5745</f>
        <v>0</v>
      </c>
      <c r="J5719" s="58">
        <f>Bühler!J5745</f>
        <v>3.2294164096935396</v>
      </c>
      <c r="K5719" s="58">
        <f>Bühler!K5745</f>
        <v>0.21227921151656745</v>
      </c>
      <c r="L5719" s="58">
        <f>Bühler!L5745</f>
        <v>0.10613960575828373</v>
      </c>
      <c r="M5719" s="57">
        <f>Bühler!M5745</f>
        <v>0</v>
      </c>
      <c r="N5719" s="55">
        <f>IF(Input!$K$13=1,J5719*Input!$J$13,0)+IF(Input!$K$14=1,K5719*Input!$J$14,0)+IF(Input!$K$15=1,L5719*Input!$J$15,0)+IF(Input!$K$16=1,M5719*Input!$J$16,0)</f>
        <v>0.38752996916322474</v>
      </c>
      <c r="O5719" s="58">
        <f>IF(Input!$K$13=2,J5719*Input!$J$13,0)+IF(Input!$K$14=2,K5719*Input!$J$14,0)+IF(Input!$K$15=2,L5719*Input!$J$15,0)+IF(Input!$K$16=2,M5719*Input!$J$16,0)</f>
        <v>2.8657693554736605E-2</v>
      </c>
      <c r="P5719" s="58">
        <f>IF(Input!$K$13=3,J5719*Input!$J$13,0)+IF(Input!$K$14=3,K5719*Input!$J$14,0)+IF(Input!$K$15=3,L5719*Input!$J$15,0)+IF(Input!$K$16=3,M5719*Input!$J$16,0)</f>
        <v>0</v>
      </c>
      <c r="Q5719" s="71">
        <f>IF(Input!$K$13=4,J5719*Input!$J$13,0)+IF(Input!$K$14=4,K5719*Input!$J$14,0)+IF(Input!$K$15=4,L5719*Input!$J$15,0)+IF(Input!$K$16=4,M5719*Input!$J$16,0)</f>
        <v>0</v>
      </c>
    </row>
    <row r="5720" spans="8:17" x14ac:dyDescent="0.25">
      <c r="H5720" s="43">
        <v>5713</v>
      </c>
      <c r="I5720" s="55">
        <f>Bühler!I5746</f>
        <v>3.4976355301257311E-2</v>
      </c>
      <c r="J5720" s="58">
        <f>Bühler!J5746</f>
        <v>3.7525132797690253</v>
      </c>
      <c r="K5720" s="58">
        <f>Bühler!K5746</f>
        <v>0.21594053096209387</v>
      </c>
      <c r="L5720" s="58">
        <f>Bühler!L5746</f>
        <v>0.10797026548104693</v>
      </c>
      <c r="M5720" s="57">
        <f>Bühler!M5746</f>
        <v>0</v>
      </c>
      <c r="N5720" s="55">
        <f>IF(Input!$K$13=1,J5720*Input!$J$13,0)+IF(Input!$K$14=1,K5720*Input!$J$14,0)+IF(Input!$K$15=1,L5720*Input!$J$15,0)+IF(Input!$K$16=1,M5720*Input!$J$16,0)</f>
        <v>0.450301593572283</v>
      </c>
      <c r="O5720" s="58">
        <f>IF(Input!$K$13=2,J5720*Input!$J$13,0)+IF(Input!$K$14=2,K5720*Input!$J$14,0)+IF(Input!$K$15=2,L5720*Input!$J$15,0)+IF(Input!$K$16=2,M5720*Input!$J$16,0)</f>
        <v>2.915197167988267E-2</v>
      </c>
      <c r="P5720" s="58">
        <f>IF(Input!$K$13=3,J5720*Input!$J$13,0)+IF(Input!$K$14=3,K5720*Input!$J$14,0)+IF(Input!$K$15=3,L5720*Input!$J$15,0)+IF(Input!$K$16=3,M5720*Input!$J$16,0)</f>
        <v>0</v>
      </c>
      <c r="Q5720" s="71">
        <f>IF(Input!$K$13=4,J5720*Input!$J$13,0)+IF(Input!$K$14=4,K5720*Input!$J$14,0)+IF(Input!$K$15=4,L5720*Input!$J$15,0)+IF(Input!$K$16=4,M5720*Input!$J$16,0)</f>
        <v>0</v>
      </c>
    </row>
    <row r="5721" spans="8:17" x14ac:dyDescent="0.25">
      <c r="H5721" s="43">
        <v>5714</v>
      </c>
      <c r="I5721" s="55">
        <f>Bühler!I5747</f>
        <v>4.0617702930492362E-2</v>
      </c>
      <c r="J5721" s="58">
        <f>Bühler!J5747</f>
        <v>3.7527483359202436</v>
      </c>
      <c r="K5721" s="58">
        <f>Bühler!K5747</f>
        <v>0.21594053096209387</v>
      </c>
      <c r="L5721" s="58">
        <f>Bühler!L5747</f>
        <v>0.10797026548104693</v>
      </c>
      <c r="M5721" s="57">
        <f>Bühler!M5747</f>
        <v>0</v>
      </c>
      <c r="N5721" s="55">
        <f>IF(Input!$K$13=1,J5721*Input!$J$13,0)+IF(Input!$K$14=1,K5721*Input!$J$14,0)+IF(Input!$K$15=1,L5721*Input!$J$15,0)+IF(Input!$K$16=1,M5721*Input!$J$16,0)</f>
        <v>0.45032980031042924</v>
      </c>
      <c r="O5721" s="58">
        <f>IF(Input!$K$13=2,J5721*Input!$J$13,0)+IF(Input!$K$14=2,K5721*Input!$J$14,0)+IF(Input!$K$15=2,L5721*Input!$J$15,0)+IF(Input!$K$16=2,M5721*Input!$J$16,0)</f>
        <v>2.915197167988267E-2</v>
      </c>
      <c r="P5721" s="58">
        <f>IF(Input!$K$13=3,J5721*Input!$J$13,0)+IF(Input!$K$14=3,K5721*Input!$J$14,0)+IF(Input!$K$15=3,L5721*Input!$J$15,0)+IF(Input!$K$16=3,M5721*Input!$J$16,0)</f>
        <v>0</v>
      </c>
      <c r="Q5721" s="71">
        <f>IF(Input!$K$13=4,J5721*Input!$J$13,0)+IF(Input!$K$14=4,K5721*Input!$J$14,0)+IF(Input!$K$15=4,L5721*Input!$J$15,0)+IF(Input!$K$16=4,M5721*Input!$J$16,0)</f>
        <v>0</v>
      </c>
    </row>
    <row r="5722" spans="8:17" x14ac:dyDescent="0.25">
      <c r="H5722" s="43">
        <v>5715</v>
      </c>
      <c r="I5722" s="55">
        <f>Bühler!I5748</f>
        <v>4.0617702930492362E-2</v>
      </c>
      <c r="J5722" s="58">
        <f>Bühler!J5748</f>
        <v>3.7527483359202436</v>
      </c>
      <c r="K5722" s="58">
        <f>Bühler!K5748</f>
        <v>0.21594053096209387</v>
      </c>
      <c r="L5722" s="58">
        <f>Bühler!L5748</f>
        <v>0.10797026548104693</v>
      </c>
      <c r="M5722" s="57">
        <f>Bühler!M5748</f>
        <v>0</v>
      </c>
      <c r="N5722" s="55">
        <f>IF(Input!$K$13=1,J5722*Input!$J$13,0)+IF(Input!$K$14=1,K5722*Input!$J$14,0)+IF(Input!$K$15=1,L5722*Input!$J$15,0)+IF(Input!$K$16=1,M5722*Input!$J$16,0)</f>
        <v>0.45032980031042924</v>
      </c>
      <c r="O5722" s="58">
        <f>IF(Input!$K$13=2,J5722*Input!$J$13,0)+IF(Input!$K$14=2,K5722*Input!$J$14,0)+IF(Input!$K$15=2,L5722*Input!$J$15,0)+IF(Input!$K$16=2,M5722*Input!$J$16,0)</f>
        <v>2.915197167988267E-2</v>
      </c>
      <c r="P5722" s="58">
        <f>IF(Input!$K$13=3,J5722*Input!$J$13,0)+IF(Input!$K$14=3,K5722*Input!$J$14,0)+IF(Input!$K$15=3,L5722*Input!$J$15,0)+IF(Input!$K$16=3,M5722*Input!$J$16,0)</f>
        <v>0</v>
      </c>
      <c r="Q5722" s="71">
        <f>IF(Input!$K$13=4,J5722*Input!$J$13,0)+IF(Input!$K$14=4,K5722*Input!$J$14,0)+IF(Input!$K$15=4,L5722*Input!$J$15,0)+IF(Input!$K$16=4,M5722*Input!$J$16,0)</f>
        <v>0</v>
      </c>
    </row>
    <row r="5723" spans="8:17" x14ac:dyDescent="0.25">
      <c r="H5723" s="43">
        <v>5716</v>
      </c>
      <c r="I5723" s="55">
        <f>Bühler!I5749</f>
        <v>4.0617702930492362E-2</v>
      </c>
      <c r="J5723" s="58">
        <f>Bühler!J5749</f>
        <v>3.7527483359202436</v>
      </c>
      <c r="K5723" s="58">
        <f>Bühler!K5749</f>
        <v>0.21594053096209387</v>
      </c>
      <c r="L5723" s="58">
        <f>Bühler!L5749</f>
        <v>0.10797026548104693</v>
      </c>
      <c r="M5723" s="57">
        <f>Bühler!M5749</f>
        <v>0</v>
      </c>
      <c r="N5723" s="55">
        <f>IF(Input!$K$13=1,J5723*Input!$J$13,0)+IF(Input!$K$14=1,K5723*Input!$J$14,0)+IF(Input!$K$15=1,L5723*Input!$J$15,0)+IF(Input!$K$16=1,M5723*Input!$J$16,0)</f>
        <v>0.45032980031042924</v>
      </c>
      <c r="O5723" s="58">
        <f>IF(Input!$K$13=2,J5723*Input!$J$13,0)+IF(Input!$K$14=2,K5723*Input!$J$14,0)+IF(Input!$K$15=2,L5723*Input!$J$15,0)+IF(Input!$K$16=2,M5723*Input!$J$16,0)</f>
        <v>2.915197167988267E-2</v>
      </c>
      <c r="P5723" s="58">
        <f>IF(Input!$K$13=3,J5723*Input!$J$13,0)+IF(Input!$K$14=3,K5723*Input!$J$14,0)+IF(Input!$K$15=3,L5723*Input!$J$15,0)+IF(Input!$K$16=3,M5723*Input!$J$16,0)</f>
        <v>0</v>
      </c>
      <c r="Q5723" s="71">
        <f>IF(Input!$K$13=4,J5723*Input!$J$13,0)+IF(Input!$K$14=4,K5723*Input!$J$14,0)+IF(Input!$K$15=4,L5723*Input!$J$15,0)+IF(Input!$K$16=4,M5723*Input!$J$16,0)</f>
        <v>0</v>
      </c>
    </row>
    <row r="5724" spans="8:17" x14ac:dyDescent="0.25">
      <c r="H5724" s="43">
        <v>5717</v>
      </c>
      <c r="I5724" s="55">
        <f>Bühler!I5750</f>
        <v>4.0617702930492362E-2</v>
      </c>
      <c r="J5724" s="58">
        <f>Bühler!J5750</f>
        <v>3.7527483359202436</v>
      </c>
      <c r="K5724" s="58">
        <f>Bühler!K5750</f>
        <v>0.21594053096209387</v>
      </c>
      <c r="L5724" s="58">
        <f>Bühler!L5750</f>
        <v>0.10797026548104693</v>
      </c>
      <c r="M5724" s="57">
        <f>Bühler!M5750</f>
        <v>0</v>
      </c>
      <c r="N5724" s="55">
        <f>IF(Input!$K$13=1,J5724*Input!$J$13,0)+IF(Input!$K$14=1,K5724*Input!$J$14,0)+IF(Input!$K$15=1,L5724*Input!$J$15,0)+IF(Input!$K$16=1,M5724*Input!$J$16,0)</f>
        <v>0.45032980031042924</v>
      </c>
      <c r="O5724" s="58">
        <f>IF(Input!$K$13=2,J5724*Input!$J$13,0)+IF(Input!$K$14=2,K5724*Input!$J$14,0)+IF(Input!$K$15=2,L5724*Input!$J$15,0)+IF(Input!$K$16=2,M5724*Input!$J$16,0)</f>
        <v>2.915197167988267E-2</v>
      </c>
      <c r="P5724" s="58">
        <f>IF(Input!$K$13=3,J5724*Input!$J$13,0)+IF(Input!$K$14=3,K5724*Input!$J$14,0)+IF(Input!$K$15=3,L5724*Input!$J$15,0)+IF(Input!$K$16=3,M5724*Input!$J$16,0)</f>
        <v>0</v>
      </c>
      <c r="Q5724" s="71">
        <f>IF(Input!$K$13=4,J5724*Input!$J$13,0)+IF(Input!$K$14=4,K5724*Input!$J$14,0)+IF(Input!$K$15=4,L5724*Input!$J$15,0)+IF(Input!$K$16=4,M5724*Input!$J$16,0)</f>
        <v>0</v>
      </c>
    </row>
    <row r="5725" spans="8:17" x14ac:dyDescent="0.25">
      <c r="H5725" s="43">
        <v>5718</v>
      </c>
      <c r="I5725" s="55">
        <f>Bühler!I5751</f>
        <v>5.0772128663115458E-2</v>
      </c>
      <c r="J5725" s="58">
        <f>Bühler!J5751</f>
        <v>3.753171436992436</v>
      </c>
      <c r="K5725" s="58">
        <f>Bühler!K5751</f>
        <v>0.21594053096209387</v>
      </c>
      <c r="L5725" s="58">
        <f>Bühler!L5751</f>
        <v>0.10797026548104693</v>
      </c>
      <c r="M5725" s="57">
        <f>Bühler!M5751</f>
        <v>0</v>
      </c>
      <c r="N5725" s="55">
        <f>IF(Input!$K$13=1,J5725*Input!$J$13,0)+IF(Input!$K$14=1,K5725*Input!$J$14,0)+IF(Input!$K$15=1,L5725*Input!$J$15,0)+IF(Input!$K$16=1,M5725*Input!$J$16,0)</f>
        <v>0.4503805724390923</v>
      </c>
      <c r="O5725" s="58">
        <f>IF(Input!$K$13=2,J5725*Input!$J$13,0)+IF(Input!$K$14=2,K5725*Input!$J$14,0)+IF(Input!$K$15=2,L5725*Input!$J$15,0)+IF(Input!$K$16=2,M5725*Input!$J$16,0)</f>
        <v>2.915197167988267E-2</v>
      </c>
      <c r="P5725" s="58">
        <f>IF(Input!$K$13=3,J5725*Input!$J$13,0)+IF(Input!$K$14=3,K5725*Input!$J$14,0)+IF(Input!$K$15=3,L5725*Input!$J$15,0)+IF(Input!$K$16=3,M5725*Input!$J$16,0)</f>
        <v>0</v>
      </c>
      <c r="Q5725" s="71">
        <f>IF(Input!$K$13=4,J5725*Input!$J$13,0)+IF(Input!$K$14=4,K5725*Input!$J$14,0)+IF(Input!$K$15=4,L5725*Input!$J$15,0)+IF(Input!$K$16=4,M5725*Input!$J$16,0)</f>
        <v>0</v>
      </c>
    </row>
    <row r="5726" spans="8:17" x14ac:dyDescent="0.25">
      <c r="H5726" s="43">
        <v>5719</v>
      </c>
      <c r="I5726" s="55">
        <f>Bühler!I5752</f>
        <v>5.9798284869891541E-2</v>
      </c>
      <c r="J5726" s="58">
        <f>Bühler!J5752</f>
        <v>3.7535475268343852</v>
      </c>
      <c r="K5726" s="58">
        <f>Bühler!K5752</f>
        <v>0.21594053096209387</v>
      </c>
      <c r="L5726" s="58">
        <f>Bühler!L5752</f>
        <v>0.10797026548104693</v>
      </c>
      <c r="M5726" s="57">
        <f>Bühler!M5752</f>
        <v>0</v>
      </c>
      <c r="N5726" s="55">
        <f>IF(Input!$K$13=1,J5726*Input!$J$13,0)+IF(Input!$K$14=1,K5726*Input!$J$14,0)+IF(Input!$K$15=1,L5726*Input!$J$15,0)+IF(Input!$K$16=1,M5726*Input!$J$16,0)</f>
        <v>0.45042570322012621</v>
      </c>
      <c r="O5726" s="58">
        <f>IF(Input!$K$13=2,J5726*Input!$J$13,0)+IF(Input!$K$14=2,K5726*Input!$J$14,0)+IF(Input!$K$15=2,L5726*Input!$J$15,0)+IF(Input!$K$16=2,M5726*Input!$J$16,0)</f>
        <v>2.915197167988267E-2</v>
      </c>
      <c r="P5726" s="58">
        <f>IF(Input!$K$13=3,J5726*Input!$J$13,0)+IF(Input!$K$14=3,K5726*Input!$J$14,0)+IF(Input!$K$15=3,L5726*Input!$J$15,0)+IF(Input!$K$16=3,M5726*Input!$J$16,0)</f>
        <v>0</v>
      </c>
      <c r="Q5726" s="71">
        <f>IF(Input!$K$13=4,J5726*Input!$J$13,0)+IF(Input!$K$14=4,K5726*Input!$J$14,0)+IF(Input!$K$15=4,L5726*Input!$J$15,0)+IF(Input!$K$16=4,M5726*Input!$J$16,0)</f>
        <v>0</v>
      </c>
    </row>
    <row r="5727" spans="8:17" x14ac:dyDescent="0.25">
      <c r="H5727" s="43">
        <v>5720</v>
      </c>
      <c r="I5727" s="55">
        <f>Bühler!I5753</f>
        <v>7.1080980128361643E-2</v>
      </c>
      <c r="J5727" s="58">
        <f>Bühler!J5753</f>
        <v>3.7540176391368214</v>
      </c>
      <c r="K5727" s="58">
        <f>Bühler!K5753</f>
        <v>0.21594053096209387</v>
      </c>
      <c r="L5727" s="58">
        <f>Bühler!L5753</f>
        <v>0.10797026548104693</v>
      </c>
      <c r="M5727" s="57">
        <f>Bühler!M5753</f>
        <v>0</v>
      </c>
      <c r="N5727" s="55">
        <f>IF(Input!$K$13=1,J5727*Input!$J$13,0)+IF(Input!$K$14=1,K5727*Input!$J$14,0)+IF(Input!$K$15=1,L5727*Input!$J$15,0)+IF(Input!$K$16=1,M5727*Input!$J$16,0)</f>
        <v>0.45048211669641858</v>
      </c>
      <c r="O5727" s="58">
        <f>IF(Input!$K$13=2,J5727*Input!$J$13,0)+IF(Input!$K$14=2,K5727*Input!$J$14,0)+IF(Input!$K$15=2,L5727*Input!$J$15,0)+IF(Input!$K$16=2,M5727*Input!$J$16,0)</f>
        <v>2.915197167988267E-2</v>
      </c>
      <c r="P5727" s="58">
        <f>IF(Input!$K$13=3,J5727*Input!$J$13,0)+IF(Input!$K$14=3,K5727*Input!$J$14,0)+IF(Input!$K$15=3,L5727*Input!$J$15,0)+IF(Input!$K$16=3,M5727*Input!$J$16,0)</f>
        <v>0</v>
      </c>
      <c r="Q5727" s="71">
        <f>IF(Input!$K$13=4,J5727*Input!$J$13,0)+IF(Input!$K$14=4,K5727*Input!$J$14,0)+IF(Input!$K$15=4,L5727*Input!$J$15,0)+IF(Input!$K$16=4,M5727*Input!$J$16,0)</f>
        <v>0</v>
      </c>
    </row>
    <row r="5728" spans="8:17" x14ac:dyDescent="0.25">
      <c r="H5728" s="43">
        <v>5721</v>
      </c>
      <c r="I5728" s="55">
        <f>Bühler!I5754</f>
        <v>7.1080980128361643E-2</v>
      </c>
      <c r="J5728" s="58">
        <f>Bühler!J5754</f>
        <v>3.7540176391368214</v>
      </c>
      <c r="K5728" s="58">
        <f>Bühler!K5754</f>
        <v>0.21594053096209387</v>
      </c>
      <c r="L5728" s="58">
        <f>Bühler!L5754</f>
        <v>0.10797026548104693</v>
      </c>
      <c r="M5728" s="57">
        <f>Bühler!M5754</f>
        <v>0</v>
      </c>
      <c r="N5728" s="55">
        <f>IF(Input!$K$13=1,J5728*Input!$J$13,0)+IF(Input!$K$14=1,K5728*Input!$J$14,0)+IF(Input!$K$15=1,L5728*Input!$J$15,0)+IF(Input!$K$16=1,M5728*Input!$J$16,0)</f>
        <v>0.45048211669641858</v>
      </c>
      <c r="O5728" s="58">
        <f>IF(Input!$K$13=2,J5728*Input!$J$13,0)+IF(Input!$K$14=2,K5728*Input!$J$14,0)+IF(Input!$K$15=2,L5728*Input!$J$15,0)+IF(Input!$K$16=2,M5728*Input!$J$16,0)</f>
        <v>2.915197167988267E-2</v>
      </c>
      <c r="P5728" s="58">
        <f>IF(Input!$K$13=3,J5728*Input!$J$13,0)+IF(Input!$K$14=3,K5728*Input!$J$14,0)+IF(Input!$K$15=3,L5728*Input!$J$15,0)+IF(Input!$K$16=3,M5728*Input!$J$16,0)</f>
        <v>0</v>
      </c>
      <c r="Q5728" s="71">
        <f>IF(Input!$K$13=4,J5728*Input!$J$13,0)+IF(Input!$K$14=4,K5728*Input!$J$14,0)+IF(Input!$K$15=4,L5728*Input!$J$15,0)+IF(Input!$K$16=4,M5728*Input!$J$16,0)</f>
        <v>0</v>
      </c>
    </row>
    <row r="5729" spans="8:17" x14ac:dyDescent="0.25">
      <c r="H5729" s="43">
        <v>5722</v>
      </c>
      <c r="I5729" s="55">
        <f>Bühler!I5755</f>
        <v>7.1080980128361643E-2</v>
      </c>
      <c r="J5729" s="58">
        <f>Bühler!J5755</f>
        <v>3.7540176391368214</v>
      </c>
      <c r="K5729" s="58">
        <f>Bühler!K5755</f>
        <v>0.21594053096209387</v>
      </c>
      <c r="L5729" s="58">
        <f>Bühler!L5755</f>
        <v>0.10797026548104693</v>
      </c>
      <c r="M5729" s="57">
        <f>Bühler!M5755</f>
        <v>0</v>
      </c>
      <c r="N5729" s="55">
        <f>IF(Input!$K$13=1,J5729*Input!$J$13,0)+IF(Input!$K$14=1,K5729*Input!$J$14,0)+IF(Input!$K$15=1,L5729*Input!$J$15,0)+IF(Input!$K$16=1,M5729*Input!$J$16,0)</f>
        <v>0.45048211669641858</v>
      </c>
      <c r="O5729" s="58">
        <f>IF(Input!$K$13=2,J5729*Input!$J$13,0)+IF(Input!$K$14=2,K5729*Input!$J$14,0)+IF(Input!$K$15=2,L5729*Input!$J$15,0)+IF(Input!$K$16=2,M5729*Input!$J$16,0)</f>
        <v>2.915197167988267E-2</v>
      </c>
      <c r="P5729" s="58">
        <f>IF(Input!$K$13=3,J5729*Input!$J$13,0)+IF(Input!$K$14=3,K5729*Input!$J$14,0)+IF(Input!$K$15=3,L5729*Input!$J$15,0)+IF(Input!$K$16=3,M5729*Input!$J$16,0)</f>
        <v>0</v>
      </c>
      <c r="Q5729" s="71">
        <f>IF(Input!$K$13=4,J5729*Input!$J$13,0)+IF(Input!$K$14=4,K5729*Input!$J$14,0)+IF(Input!$K$15=4,L5729*Input!$J$15,0)+IF(Input!$K$16=4,M5729*Input!$J$16,0)</f>
        <v>0</v>
      </c>
    </row>
    <row r="5730" spans="8:17" x14ac:dyDescent="0.25">
      <c r="H5730" s="43">
        <v>5723</v>
      </c>
      <c r="I5730" s="55">
        <f>Bühler!I5756</f>
        <v>7.1080980128361643E-2</v>
      </c>
      <c r="J5730" s="58">
        <f>Bühler!J5756</f>
        <v>3.7540176391368214</v>
      </c>
      <c r="K5730" s="58">
        <f>Bühler!K5756</f>
        <v>0.21594053096209387</v>
      </c>
      <c r="L5730" s="58">
        <f>Bühler!L5756</f>
        <v>0.10797026548104693</v>
      </c>
      <c r="M5730" s="57">
        <f>Bühler!M5756</f>
        <v>0</v>
      </c>
      <c r="N5730" s="55">
        <f>IF(Input!$K$13=1,J5730*Input!$J$13,0)+IF(Input!$K$14=1,K5730*Input!$J$14,0)+IF(Input!$K$15=1,L5730*Input!$J$15,0)+IF(Input!$K$16=1,M5730*Input!$J$16,0)</f>
        <v>0.45048211669641858</v>
      </c>
      <c r="O5730" s="58">
        <f>IF(Input!$K$13=2,J5730*Input!$J$13,0)+IF(Input!$K$14=2,K5730*Input!$J$14,0)+IF(Input!$K$15=2,L5730*Input!$J$15,0)+IF(Input!$K$16=2,M5730*Input!$J$16,0)</f>
        <v>2.915197167988267E-2</v>
      </c>
      <c r="P5730" s="58">
        <f>IF(Input!$K$13=3,J5730*Input!$J$13,0)+IF(Input!$K$14=3,K5730*Input!$J$14,0)+IF(Input!$K$15=3,L5730*Input!$J$15,0)+IF(Input!$K$16=3,M5730*Input!$J$16,0)</f>
        <v>0</v>
      </c>
      <c r="Q5730" s="71">
        <f>IF(Input!$K$13=4,J5730*Input!$J$13,0)+IF(Input!$K$14=4,K5730*Input!$J$14,0)+IF(Input!$K$15=4,L5730*Input!$J$15,0)+IF(Input!$K$16=4,M5730*Input!$J$16,0)</f>
        <v>0</v>
      </c>
    </row>
    <row r="5731" spans="8:17" x14ac:dyDescent="0.25">
      <c r="H5731" s="43">
        <v>5724</v>
      </c>
      <c r="I5731" s="55">
        <f>Bühler!I5757</f>
        <v>7.1080980128361643E-2</v>
      </c>
      <c r="J5731" s="58">
        <f>Bühler!J5757</f>
        <v>3.7540176391368214</v>
      </c>
      <c r="K5731" s="58">
        <f>Bühler!K5757</f>
        <v>0.21594053096209387</v>
      </c>
      <c r="L5731" s="58">
        <f>Bühler!L5757</f>
        <v>0.10797026548104693</v>
      </c>
      <c r="M5731" s="57">
        <f>Bühler!M5757</f>
        <v>0</v>
      </c>
      <c r="N5731" s="55">
        <f>IF(Input!$K$13=1,J5731*Input!$J$13,0)+IF(Input!$K$14=1,K5731*Input!$J$14,0)+IF(Input!$K$15=1,L5731*Input!$J$15,0)+IF(Input!$K$16=1,M5731*Input!$J$16,0)</f>
        <v>0.45048211669641858</v>
      </c>
      <c r="O5731" s="58">
        <f>IF(Input!$K$13=2,J5731*Input!$J$13,0)+IF(Input!$K$14=2,K5731*Input!$J$14,0)+IF(Input!$K$15=2,L5731*Input!$J$15,0)+IF(Input!$K$16=2,M5731*Input!$J$16,0)</f>
        <v>2.915197167988267E-2</v>
      </c>
      <c r="P5731" s="58">
        <f>IF(Input!$K$13=3,J5731*Input!$J$13,0)+IF(Input!$K$14=3,K5731*Input!$J$14,0)+IF(Input!$K$15=3,L5731*Input!$J$15,0)+IF(Input!$K$16=3,M5731*Input!$J$16,0)</f>
        <v>0</v>
      </c>
      <c r="Q5731" s="71">
        <f>IF(Input!$K$13=4,J5731*Input!$J$13,0)+IF(Input!$K$14=4,K5731*Input!$J$14,0)+IF(Input!$K$15=4,L5731*Input!$J$15,0)+IF(Input!$K$16=4,M5731*Input!$J$16,0)</f>
        <v>0</v>
      </c>
    </row>
    <row r="5732" spans="8:17" x14ac:dyDescent="0.25">
      <c r="H5732" s="43">
        <v>5725</v>
      </c>
      <c r="I5732" s="55">
        <f>Bühler!I5758</f>
        <v>7.1080980128361643E-2</v>
      </c>
      <c r="J5732" s="58">
        <f>Bühler!J5758</f>
        <v>3.7540176391368214</v>
      </c>
      <c r="K5732" s="58">
        <f>Bühler!K5758</f>
        <v>0.21594053096209387</v>
      </c>
      <c r="L5732" s="58">
        <f>Bühler!L5758</f>
        <v>0.10797026548104693</v>
      </c>
      <c r="M5732" s="57">
        <f>Bühler!M5758</f>
        <v>0</v>
      </c>
      <c r="N5732" s="55">
        <f>IF(Input!$K$13=1,J5732*Input!$J$13,0)+IF(Input!$K$14=1,K5732*Input!$J$14,0)+IF(Input!$K$15=1,L5732*Input!$J$15,0)+IF(Input!$K$16=1,M5732*Input!$J$16,0)</f>
        <v>0.45048211669641858</v>
      </c>
      <c r="O5732" s="58">
        <f>IF(Input!$K$13=2,J5732*Input!$J$13,0)+IF(Input!$K$14=2,K5732*Input!$J$14,0)+IF(Input!$K$15=2,L5732*Input!$J$15,0)+IF(Input!$K$16=2,M5732*Input!$J$16,0)</f>
        <v>2.915197167988267E-2</v>
      </c>
      <c r="P5732" s="58">
        <f>IF(Input!$K$13=3,J5732*Input!$J$13,0)+IF(Input!$K$14=3,K5732*Input!$J$14,0)+IF(Input!$K$15=3,L5732*Input!$J$15,0)+IF(Input!$K$16=3,M5732*Input!$J$16,0)</f>
        <v>0</v>
      </c>
      <c r="Q5732" s="71">
        <f>IF(Input!$K$13=4,J5732*Input!$J$13,0)+IF(Input!$K$14=4,K5732*Input!$J$14,0)+IF(Input!$K$15=4,L5732*Input!$J$15,0)+IF(Input!$K$16=4,M5732*Input!$J$16,0)</f>
        <v>0</v>
      </c>
    </row>
    <row r="5733" spans="8:17" x14ac:dyDescent="0.25">
      <c r="H5733" s="43">
        <v>5726</v>
      </c>
      <c r="I5733" s="55">
        <f>Bühler!I5759</f>
        <v>7.1080980128361643E-2</v>
      </c>
      <c r="J5733" s="58">
        <f>Bühler!J5759</f>
        <v>3.7540176391368214</v>
      </c>
      <c r="K5733" s="58">
        <f>Bühler!K5759</f>
        <v>0.21594053096209387</v>
      </c>
      <c r="L5733" s="58">
        <f>Bühler!L5759</f>
        <v>0.10797026548104693</v>
      </c>
      <c r="M5733" s="57">
        <f>Bühler!M5759</f>
        <v>0</v>
      </c>
      <c r="N5733" s="55">
        <f>IF(Input!$K$13=1,J5733*Input!$J$13,0)+IF(Input!$K$14=1,K5733*Input!$J$14,0)+IF(Input!$K$15=1,L5733*Input!$J$15,0)+IF(Input!$K$16=1,M5733*Input!$J$16,0)</f>
        <v>0.45048211669641858</v>
      </c>
      <c r="O5733" s="58">
        <f>IF(Input!$K$13=2,J5733*Input!$J$13,0)+IF(Input!$K$14=2,K5733*Input!$J$14,0)+IF(Input!$K$15=2,L5733*Input!$J$15,0)+IF(Input!$K$16=2,M5733*Input!$J$16,0)</f>
        <v>2.915197167988267E-2</v>
      </c>
      <c r="P5733" s="58">
        <f>IF(Input!$K$13=3,J5733*Input!$J$13,0)+IF(Input!$K$14=3,K5733*Input!$J$14,0)+IF(Input!$K$15=3,L5733*Input!$J$15,0)+IF(Input!$K$16=3,M5733*Input!$J$16,0)</f>
        <v>0</v>
      </c>
      <c r="Q5733" s="71">
        <f>IF(Input!$K$13=4,J5733*Input!$J$13,0)+IF(Input!$K$14=4,K5733*Input!$J$14,0)+IF(Input!$K$15=4,L5733*Input!$J$15,0)+IF(Input!$K$16=4,M5733*Input!$J$16,0)</f>
        <v>0</v>
      </c>
    </row>
    <row r="5734" spans="8:17" x14ac:dyDescent="0.25">
      <c r="H5734" s="43">
        <v>5727</v>
      </c>
      <c r="I5734" s="55">
        <f>Bühler!I5760</f>
        <v>7.1080980128361643E-2</v>
      </c>
      <c r="J5734" s="58">
        <f>Bühler!J5760</f>
        <v>3.7540176391368214</v>
      </c>
      <c r="K5734" s="58">
        <f>Bühler!K5760</f>
        <v>0.21594053096209387</v>
      </c>
      <c r="L5734" s="58">
        <f>Bühler!L5760</f>
        <v>0.10797026548104693</v>
      </c>
      <c r="M5734" s="57">
        <f>Bühler!M5760</f>
        <v>0</v>
      </c>
      <c r="N5734" s="55">
        <f>IF(Input!$K$13=1,J5734*Input!$J$13,0)+IF(Input!$K$14=1,K5734*Input!$J$14,0)+IF(Input!$K$15=1,L5734*Input!$J$15,0)+IF(Input!$K$16=1,M5734*Input!$J$16,0)</f>
        <v>0.45048211669641858</v>
      </c>
      <c r="O5734" s="58">
        <f>IF(Input!$K$13=2,J5734*Input!$J$13,0)+IF(Input!$K$14=2,K5734*Input!$J$14,0)+IF(Input!$K$15=2,L5734*Input!$J$15,0)+IF(Input!$K$16=2,M5734*Input!$J$16,0)</f>
        <v>2.915197167988267E-2</v>
      </c>
      <c r="P5734" s="58">
        <f>IF(Input!$K$13=3,J5734*Input!$J$13,0)+IF(Input!$K$14=3,K5734*Input!$J$14,0)+IF(Input!$K$15=3,L5734*Input!$J$15,0)+IF(Input!$K$16=3,M5734*Input!$J$16,0)</f>
        <v>0</v>
      </c>
      <c r="Q5734" s="71">
        <f>IF(Input!$K$13=4,J5734*Input!$J$13,0)+IF(Input!$K$14=4,K5734*Input!$J$14,0)+IF(Input!$K$15=4,L5734*Input!$J$15,0)+IF(Input!$K$16=4,M5734*Input!$J$16,0)</f>
        <v>0</v>
      </c>
    </row>
    <row r="5735" spans="8:17" x14ac:dyDescent="0.25">
      <c r="H5735" s="43">
        <v>5728</v>
      </c>
      <c r="I5735" s="55">
        <f>Bühler!I5761</f>
        <v>6.3183093447432573E-2</v>
      </c>
      <c r="J5735" s="58">
        <f>Bühler!J5761</f>
        <v>3.753688560525116</v>
      </c>
      <c r="K5735" s="58">
        <f>Bühler!K5761</f>
        <v>0.21594053096209387</v>
      </c>
      <c r="L5735" s="58">
        <f>Bühler!L5761</f>
        <v>0.10797026548104693</v>
      </c>
      <c r="M5735" s="57">
        <f>Bühler!M5761</f>
        <v>0</v>
      </c>
      <c r="N5735" s="55">
        <f>IF(Input!$K$13=1,J5735*Input!$J$13,0)+IF(Input!$K$14=1,K5735*Input!$J$14,0)+IF(Input!$K$15=1,L5735*Input!$J$15,0)+IF(Input!$K$16=1,M5735*Input!$J$16,0)</f>
        <v>0.45044262726301393</v>
      </c>
      <c r="O5735" s="58">
        <f>IF(Input!$K$13=2,J5735*Input!$J$13,0)+IF(Input!$K$14=2,K5735*Input!$J$14,0)+IF(Input!$K$15=2,L5735*Input!$J$15,0)+IF(Input!$K$16=2,M5735*Input!$J$16,0)</f>
        <v>2.915197167988267E-2</v>
      </c>
      <c r="P5735" s="58">
        <f>IF(Input!$K$13=3,J5735*Input!$J$13,0)+IF(Input!$K$14=3,K5735*Input!$J$14,0)+IF(Input!$K$15=3,L5735*Input!$J$15,0)+IF(Input!$K$16=3,M5735*Input!$J$16,0)</f>
        <v>0</v>
      </c>
      <c r="Q5735" s="71">
        <f>IF(Input!$K$13=4,J5735*Input!$J$13,0)+IF(Input!$K$14=4,K5735*Input!$J$14,0)+IF(Input!$K$15=4,L5735*Input!$J$15,0)+IF(Input!$K$16=4,M5735*Input!$J$16,0)</f>
        <v>0</v>
      </c>
    </row>
    <row r="5736" spans="8:17" x14ac:dyDescent="0.25">
      <c r="H5736" s="43">
        <v>5729</v>
      </c>
      <c r="I5736" s="55">
        <f>Bühler!I5762</f>
        <v>6.2054823921585567E-2</v>
      </c>
      <c r="J5736" s="58">
        <f>Bühler!J5762</f>
        <v>3.7536415492948723</v>
      </c>
      <c r="K5736" s="58">
        <f>Bühler!K5762</f>
        <v>0.21594053096209387</v>
      </c>
      <c r="L5736" s="58">
        <f>Bühler!L5762</f>
        <v>0.10797026548104693</v>
      </c>
      <c r="M5736" s="57">
        <f>Bühler!M5762</f>
        <v>0</v>
      </c>
      <c r="N5736" s="55">
        <f>IF(Input!$K$13=1,J5736*Input!$J$13,0)+IF(Input!$K$14=1,K5736*Input!$J$14,0)+IF(Input!$K$15=1,L5736*Input!$J$15,0)+IF(Input!$K$16=1,M5736*Input!$J$16,0)</f>
        <v>0.45043698591538467</v>
      </c>
      <c r="O5736" s="58">
        <f>IF(Input!$K$13=2,J5736*Input!$J$13,0)+IF(Input!$K$14=2,K5736*Input!$J$14,0)+IF(Input!$K$15=2,L5736*Input!$J$15,0)+IF(Input!$K$16=2,M5736*Input!$J$16,0)</f>
        <v>2.915197167988267E-2</v>
      </c>
      <c r="P5736" s="58">
        <f>IF(Input!$K$13=3,J5736*Input!$J$13,0)+IF(Input!$K$14=3,K5736*Input!$J$14,0)+IF(Input!$K$15=3,L5736*Input!$J$15,0)+IF(Input!$K$16=3,M5736*Input!$J$16,0)</f>
        <v>0</v>
      </c>
      <c r="Q5736" s="71">
        <f>IF(Input!$K$13=4,J5736*Input!$J$13,0)+IF(Input!$K$14=4,K5736*Input!$J$14,0)+IF(Input!$K$15=4,L5736*Input!$J$15,0)+IF(Input!$K$16=4,M5736*Input!$J$16,0)</f>
        <v>0</v>
      </c>
    </row>
    <row r="5737" spans="8:17" x14ac:dyDescent="0.25">
      <c r="H5737" s="43">
        <v>5730</v>
      </c>
      <c r="I5737" s="55">
        <f>Bühler!I5763</f>
        <v>5.3028667714809484E-2</v>
      </c>
      <c r="J5737" s="58">
        <f>Bühler!J5763</f>
        <v>3.7532654594529231</v>
      </c>
      <c r="K5737" s="58">
        <f>Bühler!K5763</f>
        <v>0.21594053096209387</v>
      </c>
      <c r="L5737" s="58">
        <f>Bühler!L5763</f>
        <v>0.10797026548104693</v>
      </c>
      <c r="M5737" s="57">
        <f>Bühler!M5763</f>
        <v>0</v>
      </c>
      <c r="N5737" s="55">
        <f>IF(Input!$K$13=1,J5737*Input!$J$13,0)+IF(Input!$K$14=1,K5737*Input!$J$14,0)+IF(Input!$K$15=1,L5737*Input!$J$15,0)+IF(Input!$K$16=1,M5737*Input!$J$16,0)</f>
        <v>0.45039185513435076</v>
      </c>
      <c r="O5737" s="58">
        <f>IF(Input!$K$13=2,J5737*Input!$J$13,0)+IF(Input!$K$14=2,K5737*Input!$J$14,0)+IF(Input!$K$15=2,L5737*Input!$J$15,0)+IF(Input!$K$16=2,M5737*Input!$J$16,0)</f>
        <v>2.915197167988267E-2</v>
      </c>
      <c r="P5737" s="58">
        <f>IF(Input!$K$13=3,J5737*Input!$J$13,0)+IF(Input!$K$14=3,K5737*Input!$J$14,0)+IF(Input!$K$15=3,L5737*Input!$J$15,0)+IF(Input!$K$16=3,M5737*Input!$J$16,0)</f>
        <v>0</v>
      </c>
      <c r="Q5737" s="71">
        <f>IF(Input!$K$13=4,J5737*Input!$J$13,0)+IF(Input!$K$14=4,K5737*Input!$J$14,0)+IF(Input!$K$15=4,L5737*Input!$J$15,0)+IF(Input!$K$16=4,M5737*Input!$J$16,0)</f>
        <v>0</v>
      </c>
    </row>
    <row r="5738" spans="8:17" x14ac:dyDescent="0.25">
      <c r="H5738" s="43">
        <v>5731</v>
      </c>
      <c r="I5738" s="55">
        <f>Bühler!I5764</f>
        <v>4.9643859137268452E-2</v>
      </c>
      <c r="J5738" s="58">
        <f>Bühler!J5764</f>
        <v>3.7531244257621923</v>
      </c>
      <c r="K5738" s="58">
        <f>Bühler!K5764</f>
        <v>0.21594053096209387</v>
      </c>
      <c r="L5738" s="58">
        <f>Bühler!L5764</f>
        <v>0.10797026548104693</v>
      </c>
      <c r="M5738" s="57">
        <f>Bühler!M5764</f>
        <v>0</v>
      </c>
      <c r="N5738" s="55">
        <f>IF(Input!$K$13=1,J5738*Input!$J$13,0)+IF(Input!$K$14=1,K5738*Input!$J$14,0)+IF(Input!$K$15=1,L5738*Input!$J$15,0)+IF(Input!$K$16=1,M5738*Input!$J$16,0)</f>
        <v>0.45037493109146304</v>
      </c>
      <c r="O5738" s="58">
        <f>IF(Input!$K$13=2,J5738*Input!$J$13,0)+IF(Input!$K$14=2,K5738*Input!$J$14,0)+IF(Input!$K$15=2,L5738*Input!$J$15,0)+IF(Input!$K$16=2,M5738*Input!$J$16,0)</f>
        <v>2.915197167988267E-2</v>
      </c>
      <c r="P5738" s="58">
        <f>IF(Input!$K$13=3,J5738*Input!$J$13,0)+IF(Input!$K$14=3,K5738*Input!$J$14,0)+IF(Input!$K$15=3,L5738*Input!$J$15,0)+IF(Input!$K$16=3,M5738*Input!$J$16,0)</f>
        <v>0</v>
      </c>
      <c r="Q5738" s="71">
        <f>IF(Input!$K$13=4,J5738*Input!$J$13,0)+IF(Input!$K$14=4,K5738*Input!$J$14,0)+IF(Input!$K$15=4,L5738*Input!$J$15,0)+IF(Input!$K$16=4,M5738*Input!$J$16,0)</f>
        <v>0</v>
      </c>
    </row>
    <row r="5739" spans="8:17" x14ac:dyDescent="0.25">
      <c r="H5739" s="43">
        <v>5732</v>
      </c>
      <c r="I5739" s="55">
        <f>Bühler!I5765</f>
        <v>4.1745972456339375E-2</v>
      </c>
      <c r="J5739" s="58">
        <f>Bühler!J5765</f>
        <v>3.7527953471504869</v>
      </c>
      <c r="K5739" s="58">
        <f>Bühler!K5765</f>
        <v>0.21594053096209387</v>
      </c>
      <c r="L5739" s="58">
        <f>Bühler!L5765</f>
        <v>0.10797026548104693</v>
      </c>
      <c r="M5739" s="57">
        <f>Bühler!M5765</f>
        <v>0</v>
      </c>
      <c r="N5739" s="55">
        <f>IF(Input!$K$13=1,J5739*Input!$J$13,0)+IF(Input!$K$14=1,K5739*Input!$J$14,0)+IF(Input!$K$15=1,L5739*Input!$J$15,0)+IF(Input!$K$16=1,M5739*Input!$J$16,0)</f>
        <v>0.45033544165805839</v>
      </c>
      <c r="O5739" s="58">
        <f>IF(Input!$K$13=2,J5739*Input!$J$13,0)+IF(Input!$K$14=2,K5739*Input!$J$14,0)+IF(Input!$K$15=2,L5739*Input!$J$15,0)+IF(Input!$K$16=2,M5739*Input!$J$16,0)</f>
        <v>2.915197167988267E-2</v>
      </c>
      <c r="P5739" s="58">
        <f>IF(Input!$K$13=3,J5739*Input!$J$13,0)+IF(Input!$K$14=3,K5739*Input!$J$14,0)+IF(Input!$K$15=3,L5739*Input!$J$15,0)+IF(Input!$K$16=3,M5739*Input!$J$16,0)</f>
        <v>0</v>
      </c>
      <c r="Q5739" s="71">
        <f>IF(Input!$K$13=4,J5739*Input!$J$13,0)+IF(Input!$K$14=4,K5739*Input!$J$14,0)+IF(Input!$K$15=4,L5739*Input!$J$15,0)+IF(Input!$K$16=4,M5739*Input!$J$16,0)</f>
        <v>0</v>
      </c>
    </row>
    <row r="5740" spans="8:17" x14ac:dyDescent="0.25">
      <c r="H5740" s="43">
        <v>5733</v>
      </c>
      <c r="I5740" s="55">
        <f>Bühler!I5766</f>
        <v>3.4976355301257311E-2</v>
      </c>
      <c r="J5740" s="58">
        <f>Bühler!J5766</f>
        <v>3.7525132797690253</v>
      </c>
      <c r="K5740" s="58">
        <f>Bühler!K5766</f>
        <v>0.21594053096209387</v>
      </c>
      <c r="L5740" s="58">
        <f>Bühler!L5766</f>
        <v>0.10797026548104693</v>
      </c>
      <c r="M5740" s="57">
        <f>Bühler!M5766</f>
        <v>0</v>
      </c>
      <c r="N5740" s="55">
        <f>IF(Input!$K$13=1,J5740*Input!$J$13,0)+IF(Input!$K$14=1,K5740*Input!$J$14,0)+IF(Input!$K$15=1,L5740*Input!$J$15,0)+IF(Input!$K$16=1,M5740*Input!$J$16,0)</f>
        <v>0.450301593572283</v>
      </c>
      <c r="O5740" s="58">
        <f>IF(Input!$K$13=2,J5740*Input!$J$13,0)+IF(Input!$K$14=2,K5740*Input!$J$14,0)+IF(Input!$K$15=2,L5740*Input!$J$15,0)+IF(Input!$K$16=2,M5740*Input!$J$16,0)</f>
        <v>2.915197167988267E-2</v>
      </c>
      <c r="P5740" s="58">
        <f>IF(Input!$K$13=3,J5740*Input!$J$13,0)+IF(Input!$K$14=3,K5740*Input!$J$14,0)+IF(Input!$K$15=3,L5740*Input!$J$15,0)+IF(Input!$K$16=3,M5740*Input!$J$16,0)</f>
        <v>0</v>
      </c>
      <c r="Q5740" s="71">
        <f>IF(Input!$K$13=4,J5740*Input!$J$13,0)+IF(Input!$K$14=4,K5740*Input!$J$14,0)+IF(Input!$K$15=4,L5740*Input!$J$15,0)+IF(Input!$K$16=4,M5740*Input!$J$16,0)</f>
        <v>0</v>
      </c>
    </row>
    <row r="5741" spans="8:17" x14ac:dyDescent="0.25">
      <c r="H5741" s="43">
        <v>5734</v>
      </c>
      <c r="I5741" s="55">
        <f>Bühler!I5767</f>
        <v>3.0463277197869277E-2</v>
      </c>
      <c r="J5741" s="58">
        <f>Bühler!J5767</f>
        <v>3.7523252348480507</v>
      </c>
      <c r="K5741" s="58">
        <f>Bühler!K5767</f>
        <v>0.21594053096209387</v>
      </c>
      <c r="L5741" s="58">
        <f>Bühler!L5767</f>
        <v>0.10797026548104693</v>
      </c>
      <c r="M5741" s="57">
        <f>Bühler!M5767</f>
        <v>0</v>
      </c>
      <c r="N5741" s="55">
        <f>IF(Input!$K$13=1,J5741*Input!$J$13,0)+IF(Input!$K$14=1,K5741*Input!$J$14,0)+IF(Input!$K$15=1,L5741*Input!$J$15,0)+IF(Input!$K$16=1,M5741*Input!$J$16,0)</f>
        <v>0.45027902818176607</v>
      </c>
      <c r="O5741" s="58">
        <f>IF(Input!$K$13=2,J5741*Input!$J$13,0)+IF(Input!$K$14=2,K5741*Input!$J$14,0)+IF(Input!$K$15=2,L5741*Input!$J$15,0)+IF(Input!$K$16=2,M5741*Input!$J$16,0)</f>
        <v>2.915197167988267E-2</v>
      </c>
      <c r="P5741" s="58">
        <f>IF(Input!$K$13=3,J5741*Input!$J$13,0)+IF(Input!$K$14=3,K5741*Input!$J$14,0)+IF(Input!$K$15=3,L5741*Input!$J$15,0)+IF(Input!$K$16=3,M5741*Input!$J$16,0)</f>
        <v>0</v>
      </c>
      <c r="Q5741" s="71">
        <f>IF(Input!$K$13=4,J5741*Input!$J$13,0)+IF(Input!$K$14=4,K5741*Input!$J$14,0)+IF(Input!$K$15=4,L5741*Input!$J$15,0)+IF(Input!$K$16=4,M5741*Input!$J$16,0)</f>
        <v>0</v>
      </c>
    </row>
    <row r="5742" spans="8:17" x14ac:dyDescent="0.25">
      <c r="H5742" s="43">
        <v>5735</v>
      </c>
      <c r="I5742" s="55">
        <f>Bühler!I5768</f>
        <v>3.0463277197869277E-2</v>
      </c>
      <c r="J5742" s="58">
        <f>Bühler!J5768</f>
        <v>3.7523252348480507</v>
      </c>
      <c r="K5742" s="58">
        <f>Bühler!K5768</f>
        <v>0.21594053096209387</v>
      </c>
      <c r="L5742" s="58">
        <f>Bühler!L5768</f>
        <v>0.10797026548104693</v>
      </c>
      <c r="M5742" s="57">
        <f>Bühler!M5768</f>
        <v>0</v>
      </c>
      <c r="N5742" s="55">
        <f>IF(Input!$K$13=1,J5742*Input!$J$13,0)+IF(Input!$K$14=1,K5742*Input!$J$14,0)+IF(Input!$K$15=1,L5742*Input!$J$15,0)+IF(Input!$K$16=1,M5742*Input!$J$16,0)</f>
        <v>0.45027902818176607</v>
      </c>
      <c r="O5742" s="58">
        <f>IF(Input!$K$13=2,J5742*Input!$J$13,0)+IF(Input!$K$14=2,K5742*Input!$J$14,0)+IF(Input!$K$15=2,L5742*Input!$J$15,0)+IF(Input!$K$16=2,M5742*Input!$J$16,0)</f>
        <v>2.915197167988267E-2</v>
      </c>
      <c r="P5742" s="58">
        <f>IF(Input!$K$13=3,J5742*Input!$J$13,0)+IF(Input!$K$14=3,K5742*Input!$J$14,0)+IF(Input!$K$15=3,L5742*Input!$J$15,0)+IF(Input!$K$16=3,M5742*Input!$J$16,0)</f>
        <v>0</v>
      </c>
      <c r="Q5742" s="71">
        <f>IF(Input!$K$13=4,J5742*Input!$J$13,0)+IF(Input!$K$14=4,K5742*Input!$J$14,0)+IF(Input!$K$15=4,L5742*Input!$J$15,0)+IF(Input!$K$16=4,M5742*Input!$J$16,0)</f>
        <v>0</v>
      </c>
    </row>
    <row r="5743" spans="8:17" x14ac:dyDescent="0.25">
      <c r="H5743" s="43">
        <v>5736</v>
      </c>
      <c r="I5743" s="55">
        <f>Bühler!I5769</f>
        <v>3.0463277197869277E-2</v>
      </c>
      <c r="J5743" s="58">
        <f>Bühler!J5769</f>
        <v>3.7523252348480507</v>
      </c>
      <c r="K5743" s="58">
        <f>Bühler!K5769</f>
        <v>0.21594053096209387</v>
      </c>
      <c r="L5743" s="58">
        <f>Bühler!L5769</f>
        <v>0.10797026548104693</v>
      </c>
      <c r="M5743" s="57">
        <f>Bühler!M5769</f>
        <v>0</v>
      </c>
      <c r="N5743" s="55">
        <f>IF(Input!$K$13=1,J5743*Input!$J$13,0)+IF(Input!$K$14=1,K5743*Input!$J$14,0)+IF(Input!$K$15=1,L5743*Input!$J$15,0)+IF(Input!$K$16=1,M5743*Input!$J$16,0)</f>
        <v>0.45027902818176607</v>
      </c>
      <c r="O5743" s="58">
        <f>IF(Input!$K$13=2,J5743*Input!$J$13,0)+IF(Input!$K$14=2,K5743*Input!$J$14,0)+IF(Input!$K$15=2,L5743*Input!$J$15,0)+IF(Input!$K$16=2,M5743*Input!$J$16,0)</f>
        <v>2.915197167988267E-2</v>
      </c>
      <c r="P5743" s="58">
        <f>IF(Input!$K$13=3,J5743*Input!$J$13,0)+IF(Input!$K$14=3,K5743*Input!$J$14,0)+IF(Input!$K$15=3,L5743*Input!$J$15,0)+IF(Input!$K$16=3,M5743*Input!$J$16,0)</f>
        <v>0</v>
      </c>
      <c r="Q5743" s="71">
        <f>IF(Input!$K$13=4,J5743*Input!$J$13,0)+IF(Input!$K$14=4,K5743*Input!$J$14,0)+IF(Input!$K$15=4,L5743*Input!$J$15,0)+IF(Input!$K$16=4,M5743*Input!$J$16,0)</f>
        <v>0</v>
      </c>
    </row>
    <row r="5744" spans="8:17" x14ac:dyDescent="0.25">
      <c r="H5744" s="43">
        <v>5737</v>
      </c>
      <c r="I5744" s="55">
        <f>Bühler!I5770</f>
        <v>6.3981453024513274E-2</v>
      </c>
      <c r="J5744" s="58">
        <f>Bühler!J5770</f>
        <v>6.5353385133931283</v>
      </c>
      <c r="K5744" s="58">
        <f>Bühler!K5770</f>
        <v>0.54645281382502608</v>
      </c>
      <c r="L5744" s="58">
        <f>Bühler!L5770</f>
        <v>0.27322640691251304</v>
      </c>
      <c r="M5744" s="57">
        <f>Bühler!M5770</f>
        <v>0</v>
      </c>
      <c r="N5744" s="55">
        <f>IF(Input!$K$13=1,J5744*Input!$J$13,0)+IF(Input!$K$14=1,K5744*Input!$J$14,0)+IF(Input!$K$15=1,L5744*Input!$J$15,0)+IF(Input!$K$16=1,M5744*Input!$J$16,0)</f>
        <v>0.78424062160717534</v>
      </c>
      <c r="O5744" s="58">
        <f>IF(Input!$K$13=2,J5744*Input!$J$13,0)+IF(Input!$K$14=2,K5744*Input!$J$14,0)+IF(Input!$K$15=2,L5744*Input!$J$15,0)+IF(Input!$K$16=2,M5744*Input!$J$16,0)</f>
        <v>7.3771129866378515E-2</v>
      </c>
      <c r="P5744" s="58">
        <f>IF(Input!$K$13=3,J5744*Input!$J$13,0)+IF(Input!$K$14=3,K5744*Input!$J$14,0)+IF(Input!$K$15=3,L5744*Input!$J$15,0)+IF(Input!$K$16=3,M5744*Input!$J$16,0)</f>
        <v>0</v>
      </c>
      <c r="Q5744" s="71">
        <f>IF(Input!$K$13=4,J5744*Input!$J$13,0)+IF(Input!$K$14=4,K5744*Input!$J$14,0)+IF(Input!$K$15=4,L5744*Input!$J$15,0)+IF(Input!$K$16=4,M5744*Input!$J$16,0)</f>
        <v>0</v>
      </c>
    </row>
    <row r="5745" spans="8:17" x14ac:dyDescent="0.25">
      <c r="H5745" s="43">
        <v>5738</v>
      </c>
      <c r="I5745" s="55">
        <f>Bühler!I5771</f>
        <v>6.3981453024513274E-2</v>
      </c>
      <c r="J5745" s="58">
        <f>Bühler!J5771</f>
        <v>6.5353385133931283</v>
      </c>
      <c r="K5745" s="58">
        <f>Bühler!K5771</f>
        <v>0.54645281382502608</v>
      </c>
      <c r="L5745" s="58">
        <f>Bühler!L5771</f>
        <v>0.27322640691251304</v>
      </c>
      <c r="M5745" s="57">
        <f>Bühler!M5771</f>
        <v>0</v>
      </c>
      <c r="N5745" s="55">
        <f>IF(Input!$K$13=1,J5745*Input!$J$13,0)+IF(Input!$K$14=1,K5745*Input!$J$14,0)+IF(Input!$K$15=1,L5745*Input!$J$15,0)+IF(Input!$K$16=1,M5745*Input!$J$16,0)</f>
        <v>0.78424062160717534</v>
      </c>
      <c r="O5745" s="58">
        <f>IF(Input!$K$13=2,J5745*Input!$J$13,0)+IF(Input!$K$14=2,K5745*Input!$J$14,0)+IF(Input!$K$15=2,L5745*Input!$J$15,0)+IF(Input!$K$16=2,M5745*Input!$J$16,0)</f>
        <v>7.3771129866378515E-2</v>
      </c>
      <c r="P5745" s="58">
        <f>IF(Input!$K$13=3,J5745*Input!$J$13,0)+IF(Input!$K$14=3,K5745*Input!$J$14,0)+IF(Input!$K$15=3,L5745*Input!$J$15,0)+IF(Input!$K$16=3,M5745*Input!$J$16,0)</f>
        <v>0</v>
      </c>
      <c r="Q5745" s="71">
        <f>IF(Input!$K$13=4,J5745*Input!$J$13,0)+IF(Input!$K$14=4,K5745*Input!$J$14,0)+IF(Input!$K$15=4,L5745*Input!$J$15,0)+IF(Input!$K$16=4,M5745*Input!$J$16,0)</f>
        <v>0</v>
      </c>
    </row>
    <row r="5746" spans="8:17" x14ac:dyDescent="0.25">
      <c r="H5746" s="43">
        <v>5739</v>
      </c>
      <c r="I5746" s="55">
        <f>Bühler!I5772</f>
        <v>6.3981453024513274E-2</v>
      </c>
      <c r="J5746" s="58">
        <f>Bühler!J5772</f>
        <v>6.5353385133931283</v>
      </c>
      <c r="K5746" s="58">
        <f>Bühler!K5772</f>
        <v>0.54645281382502608</v>
      </c>
      <c r="L5746" s="58">
        <f>Bühler!L5772</f>
        <v>0.27322640691251304</v>
      </c>
      <c r="M5746" s="57">
        <f>Bühler!M5772</f>
        <v>0</v>
      </c>
      <c r="N5746" s="55">
        <f>IF(Input!$K$13=1,J5746*Input!$J$13,0)+IF(Input!$K$14=1,K5746*Input!$J$14,0)+IF(Input!$K$15=1,L5746*Input!$J$15,0)+IF(Input!$K$16=1,M5746*Input!$J$16,0)</f>
        <v>0.78424062160717534</v>
      </c>
      <c r="O5746" s="58">
        <f>IF(Input!$K$13=2,J5746*Input!$J$13,0)+IF(Input!$K$14=2,K5746*Input!$J$14,0)+IF(Input!$K$15=2,L5746*Input!$J$15,0)+IF(Input!$K$16=2,M5746*Input!$J$16,0)</f>
        <v>7.3771129866378515E-2</v>
      </c>
      <c r="P5746" s="58">
        <f>IF(Input!$K$13=3,J5746*Input!$J$13,0)+IF(Input!$K$14=3,K5746*Input!$J$14,0)+IF(Input!$K$15=3,L5746*Input!$J$15,0)+IF(Input!$K$16=3,M5746*Input!$J$16,0)</f>
        <v>0</v>
      </c>
      <c r="Q5746" s="71">
        <f>IF(Input!$K$13=4,J5746*Input!$J$13,0)+IF(Input!$K$14=4,K5746*Input!$J$14,0)+IF(Input!$K$15=4,L5746*Input!$J$15,0)+IF(Input!$K$16=4,M5746*Input!$J$16,0)</f>
        <v>0</v>
      </c>
    </row>
    <row r="5747" spans="8:17" x14ac:dyDescent="0.25">
      <c r="H5747" s="43">
        <v>5740</v>
      </c>
      <c r="I5747" s="55">
        <f>Bühler!I5773</f>
        <v>6.3981453024513274E-2</v>
      </c>
      <c r="J5747" s="58">
        <f>Bühler!J5773</f>
        <v>6.5353385133931283</v>
      </c>
      <c r="K5747" s="58">
        <f>Bühler!K5773</f>
        <v>0.54645281382502608</v>
      </c>
      <c r="L5747" s="58">
        <f>Bühler!L5773</f>
        <v>0.27322640691251304</v>
      </c>
      <c r="M5747" s="57">
        <f>Bühler!M5773</f>
        <v>0</v>
      </c>
      <c r="N5747" s="55">
        <f>IF(Input!$K$13=1,J5747*Input!$J$13,0)+IF(Input!$K$14=1,K5747*Input!$J$14,0)+IF(Input!$K$15=1,L5747*Input!$J$15,0)+IF(Input!$K$16=1,M5747*Input!$J$16,0)</f>
        <v>0.78424062160717534</v>
      </c>
      <c r="O5747" s="58">
        <f>IF(Input!$K$13=2,J5747*Input!$J$13,0)+IF(Input!$K$14=2,K5747*Input!$J$14,0)+IF(Input!$K$15=2,L5747*Input!$J$15,0)+IF(Input!$K$16=2,M5747*Input!$J$16,0)</f>
        <v>7.3771129866378515E-2</v>
      </c>
      <c r="P5747" s="58">
        <f>IF(Input!$K$13=3,J5747*Input!$J$13,0)+IF(Input!$K$14=3,K5747*Input!$J$14,0)+IF(Input!$K$15=3,L5747*Input!$J$15,0)+IF(Input!$K$16=3,M5747*Input!$J$16,0)</f>
        <v>0</v>
      </c>
      <c r="Q5747" s="71">
        <f>IF(Input!$K$13=4,J5747*Input!$J$13,0)+IF(Input!$K$14=4,K5747*Input!$J$14,0)+IF(Input!$K$15=4,L5747*Input!$J$15,0)+IF(Input!$K$16=4,M5747*Input!$J$16,0)</f>
        <v>0</v>
      </c>
    </row>
    <row r="5748" spans="8:17" x14ac:dyDescent="0.25">
      <c r="H5748" s="43">
        <v>5741</v>
      </c>
      <c r="I5748" s="55">
        <f>Bühler!I5774</f>
        <v>6.3981453024513274E-2</v>
      </c>
      <c r="J5748" s="58">
        <f>Bühler!J5774</f>
        <v>6.5353385133931283</v>
      </c>
      <c r="K5748" s="58">
        <f>Bühler!K5774</f>
        <v>0.54645281382502608</v>
      </c>
      <c r="L5748" s="58">
        <f>Bühler!L5774</f>
        <v>0.27322640691251304</v>
      </c>
      <c r="M5748" s="57">
        <f>Bühler!M5774</f>
        <v>0</v>
      </c>
      <c r="N5748" s="55">
        <f>IF(Input!$K$13=1,J5748*Input!$J$13,0)+IF(Input!$K$14=1,K5748*Input!$J$14,0)+IF(Input!$K$15=1,L5748*Input!$J$15,0)+IF(Input!$K$16=1,M5748*Input!$J$16,0)</f>
        <v>0.78424062160717534</v>
      </c>
      <c r="O5748" s="58">
        <f>IF(Input!$K$13=2,J5748*Input!$J$13,0)+IF(Input!$K$14=2,K5748*Input!$J$14,0)+IF(Input!$K$15=2,L5748*Input!$J$15,0)+IF(Input!$K$16=2,M5748*Input!$J$16,0)</f>
        <v>7.3771129866378515E-2</v>
      </c>
      <c r="P5748" s="58">
        <f>IF(Input!$K$13=3,J5748*Input!$J$13,0)+IF(Input!$K$14=3,K5748*Input!$J$14,0)+IF(Input!$K$15=3,L5748*Input!$J$15,0)+IF(Input!$K$16=3,M5748*Input!$J$16,0)</f>
        <v>0</v>
      </c>
      <c r="Q5748" s="71">
        <f>IF(Input!$K$13=4,J5748*Input!$J$13,0)+IF(Input!$K$14=4,K5748*Input!$J$14,0)+IF(Input!$K$15=4,L5748*Input!$J$15,0)+IF(Input!$K$16=4,M5748*Input!$J$16,0)</f>
        <v>0</v>
      </c>
    </row>
    <row r="5749" spans="8:17" x14ac:dyDescent="0.25">
      <c r="H5749" s="43">
        <v>5742</v>
      </c>
      <c r="I5749" s="55">
        <f>Bühler!I5775</f>
        <v>6.3981453024513274E-2</v>
      </c>
      <c r="J5749" s="58">
        <f>Bühler!J5775</f>
        <v>6.5353385133931283</v>
      </c>
      <c r="K5749" s="58">
        <f>Bühler!K5775</f>
        <v>0.54645281382502608</v>
      </c>
      <c r="L5749" s="58">
        <f>Bühler!L5775</f>
        <v>0.27322640691251304</v>
      </c>
      <c r="M5749" s="57">
        <f>Bühler!M5775</f>
        <v>0</v>
      </c>
      <c r="N5749" s="55">
        <f>IF(Input!$K$13=1,J5749*Input!$J$13,0)+IF(Input!$K$14=1,K5749*Input!$J$14,0)+IF(Input!$K$15=1,L5749*Input!$J$15,0)+IF(Input!$K$16=1,M5749*Input!$J$16,0)</f>
        <v>0.78424062160717534</v>
      </c>
      <c r="O5749" s="58">
        <f>IF(Input!$K$13=2,J5749*Input!$J$13,0)+IF(Input!$K$14=2,K5749*Input!$J$14,0)+IF(Input!$K$15=2,L5749*Input!$J$15,0)+IF(Input!$K$16=2,M5749*Input!$J$16,0)</f>
        <v>7.3771129866378515E-2</v>
      </c>
      <c r="P5749" s="58">
        <f>IF(Input!$K$13=3,J5749*Input!$J$13,0)+IF(Input!$K$14=3,K5749*Input!$J$14,0)+IF(Input!$K$15=3,L5749*Input!$J$15,0)+IF(Input!$K$16=3,M5749*Input!$J$16,0)</f>
        <v>0</v>
      </c>
      <c r="Q5749" s="71">
        <f>IF(Input!$K$13=4,J5749*Input!$J$13,0)+IF(Input!$K$14=4,K5749*Input!$J$14,0)+IF(Input!$K$15=4,L5749*Input!$J$15,0)+IF(Input!$K$16=4,M5749*Input!$J$16,0)</f>
        <v>0</v>
      </c>
    </row>
    <row r="5750" spans="8:17" x14ac:dyDescent="0.25">
      <c r="H5750" s="43">
        <v>5743</v>
      </c>
      <c r="I5750" s="55">
        <f>Bühler!I5776</f>
        <v>6.3981453024513274E-2</v>
      </c>
      <c r="J5750" s="58">
        <f>Bühler!J5776</f>
        <v>6.5353385133931283</v>
      </c>
      <c r="K5750" s="58">
        <f>Bühler!K5776</f>
        <v>0.54645281382502608</v>
      </c>
      <c r="L5750" s="58">
        <f>Bühler!L5776</f>
        <v>0.27322640691251304</v>
      </c>
      <c r="M5750" s="57">
        <f>Bühler!M5776</f>
        <v>0</v>
      </c>
      <c r="N5750" s="55">
        <f>IF(Input!$K$13=1,J5750*Input!$J$13,0)+IF(Input!$K$14=1,K5750*Input!$J$14,0)+IF(Input!$K$15=1,L5750*Input!$J$15,0)+IF(Input!$K$16=1,M5750*Input!$J$16,0)</f>
        <v>0.78424062160717534</v>
      </c>
      <c r="O5750" s="58">
        <f>IF(Input!$K$13=2,J5750*Input!$J$13,0)+IF(Input!$K$14=2,K5750*Input!$J$14,0)+IF(Input!$K$15=2,L5750*Input!$J$15,0)+IF(Input!$K$16=2,M5750*Input!$J$16,0)</f>
        <v>7.3771129866378515E-2</v>
      </c>
      <c r="P5750" s="58">
        <f>IF(Input!$K$13=3,J5750*Input!$J$13,0)+IF(Input!$K$14=3,K5750*Input!$J$14,0)+IF(Input!$K$15=3,L5750*Input!$J$15,0)+IF(Input!$K$16=3,M5750*Input!$J$16,0)</f>
        <v>0</v>
      </c>
      <c r="Q5750" s="71">
        <f>IF(Input!$K$13=4,J5750*Input!$J$13,0)+IF(Input!$K$14=4,K5750*Input!$J$14,0)+IF(Input!$K$15=4,L5750*Input!$J$15,0)+IF(Input!$K$16=4,M5750*Input!$J$16,0)</f>
        <v>0</v>
      </c>
    </row>
    <row r="5751" spans="8:17" x14ac:dyDescent="0.25">
      <c r="H5751" s="43">
        <v>5744</v>
      </c>
      <c r="I5751" s="55">
        <f>Bühler!I5777</f>
        <v>0.27831932065663273</v>
      </c>
      <c r="J5751" s="58">
        <f>Bühler!J5777</f>
        <v>27.846780258724618</v>
      </c>
      <c r="K5751" s="58">
        <f>Bühler!K5777</f>
        <v>2.3278889868946115</v>
      </c>
      <c r="L5751" s="58">
        <f>Bühler!L5777</f>
        <v>1.1639444934473058</v>
      </c>
      <c r="M5751" s="57">
        <f>Bühler!M5777</f>
        <v>0</v>
      </c>
      <c r="N5751" s="55">
        <f>IF(Input!$K$13=1,J5751*Input!$J$13,0)+IF(Input!$K$14=1,K5751*Input!$J$14,0)+IF(Input!$K$15=1,L5751*Input!$J$15,0)+IF(Input!$K$16=1,M5751*Input!$J$16,0)</f>
        <v>3.341613631046954</v>
      </c>
      <c r="O5751" s="58">
        <f>IF(Input!$K$13=2,J5751*Input!$J$13,0)+IF(Input!$K$14=2,K5751*Input!$J$14,0)+IF(Input!$K$15=2,L5751*Input!$J$15,0)+IF(Input!$K$16=2,M5751*Input!$J$16,0)</f>
        <v>0.31426501323077255</v>
      </c>
      <c r="P5751" s="58">
        <f>IF(Input!$K$13=3,J5751*Input!$J$13,0)+IF(Input!$K$14=3,K5751*Input!$J$14,0)+IF(Input!$K$15=3,L5751*Input!$J$15,0)+IF(Input!$K$16=3,M5751*Input!$J$16,0)</f>
        <v>0</v>
      </c>
      <c r="Q5751" s="71">
        <f>IF(Input!$K$13=4,J5751*Input!$J$13,0)+IF(Input!$K$14=4,K5751*Input!$J$14,0)+IF(Input!$K$15=4,L5751*Input!$J$15,0)+IF(Input!$K$16=4,M5751*Input!$J$16,0)</f>
        <v>0</v>
      </c>
    </row>
    <row r="5752" spans="8:17" x14ac:dyDescent="0.25">
      <c r="H5752" s="43">
        <v>5745</v>
      </c>
      <c r="I5752" s="55">
        <f>Bühler!I5778</f>
        <v>0.31310923573871186</v>
      </c>
      <c r="J5752" s="58">
        <f>Bühler!J5778</f>
        <v>31.32762779106519</v>
      </c>
      <c r="K5752" s="58">
        <f>Bühler!K5778</f>
        <v>2.6188751102564374</v>
      </c>
      <c r="L5752" s="58">
        <f>Bühler!L5778</f>
        <v>1.3094375551282187</v>
      </c>
      <c r="M5752" s="57">
        <f>Bühler!M5778</f>
        <v>0</v>
      </c>
      <c r="N5752" s="55">
        <f>IF(Input!$K$13=1,J5752*Input!$J$13,0)+IF(Input!$K$14=1,K5752*Input!$J$14,0)+IF(Input!$K$15=1,L5752*Input!$J$15,0)+IF(Input!$K$16=1,M5752*Input!$J$16,0)</f>
        <v>3.7593153349278228</v>
      </c>
      <c r="O5752" s="58">
        <f>IF(Input!$K$13=2,J5752*Input!$J$13,0)+IF(Input!$K$14=2,K5752*Input!$J$14,0)+IF(Input!$K$15=2,L5752*Input!$J$15,0)+IF(Input!$K$16=2,M5752*Input!$J$16,0)</f>
        <v>0.35354813988461908</v>
      </c>
      <c r="P5752" s="58">
        <f>IF(Input!$K$13=3,J5752*Input!$J$13,0)+IF(Input!$K$14=3,K5752*Input!$J$14,0)+IF(Input!$K$15=3,L5752*Input!$J$15,0)+IF(Input!$K$16=3,M5752*Input!$J$16,0)</f>
        <v>0</v>
      </c>
      <c r="Q5752" s="71">
        <f>IF(Input!$K$13=4,J5752*Input!$J$13,0)+IF(Input!$K$14=4,K5752*Input!$J$14,0)+IF(Input!$K$15=4,L5752*Input!$J$15,0)+IF(Input!$K$16=4,M5752*Input!$J$16,0)</f>
        <v>0</v>
      </c>
    </row>
    <row r="5753" spans="8:17" x14ac:dyDescent="0.25">
      <c r="H5753" s="43">
        <v>5746</v>
      </c>
      <c r="I5753" s="55">
        <f>Bühler!I5779</f>
        <v>0.34789915082079093</v>
      </c>
      <c r="J5753" s="58">
        <f>Bühler!J5779</f>
        <v>34.808475323405766</v>
      </c>
      <c r="K5753" s="58">
        <f>Bühler!K5779</f>
        <v>2.9098612336182637</v>
      </c>
      <c r="L5753" s="58">
        <f>Bühler!L5779</f>
        <v>1.4549306168091318</v>
      </c>
      <c r="M5753" s="57">
        <f>Bühler!M5779</f>
        <v>0</v>
      </c>
      <c r="N5753" s="55">
        <f>IF(Input!$K$13=1,J5753*Input!$J$13,0)+IF(Input!$K$14=1,K5753*Input!$J$14,0)+IF(Input!$K$15=1,L5753*Input!$J$15,0)+IF(Input!$K$16=1,M5753*Input!$J$16,0)</f>
        <v>4.1770170388086916</v>
      </c>
      <c r="O5753" s="58">
        <f>IF(Input!$K$13=2,J5753*Input!$J$13,0)+IF(Input!$K$14=2,K5753*Input!$J$14,0)+IF(Input!$K$15=2,L5753*Input!$J$15,0)+IF(Input!$K$16=2,M5753*Input!$J$16,0)</f>
        <v>0.39283126653846556</v>
      </c>
      <c r="P5753" s="58">
        <f>IF(Input!$K$13=3,J5753*Input!$J$13,0)+IF(Input!$K$14=3,K5753*Input!$J$14,0)+IF(Input!$K$15=3,L5753*Input!$J$15,0)+IF(Input!$K$16=3,M5753*Input!$J$16,0)</f>
        <v>0</v>
      </c>
      <c r="Q5753" s="71">
        <f>IF(Input!$K$13=4,J5753*Input!$J$13,0)+IF(Input!$K$14=4,K5753*Input!$J$14,0)+IF(Input!$K$15=4,L5753*Input!$J$15,0)+IF(Input!$K$16=4,M5753*Input!$J$16,0)</f>
        <v>0</v>
      </c>
    </row>
    <row r="5754" spans="8:17" x14ac:dyDescent="0.25">
      <c r="H5754" s="43">
        <v>5747</v>
      </c>
      <c r="I5754" s="55">
        <f>Bühler!I5780</f>
        <v>0.34789915082079093</v>
      </c>
      <c r="J5754" s="58">
        <f>Bühler!J5780</f>
        <v>34.808475323405766</v>
      </c>
      <c r="K5754" s="58">
        <f>Bühler!K5780</f>
        <v>2.9098612336182637</v>
      </c>
      <c r="L5754" s="58">
        <f>Bühler!L5780</f>
        <v>1.4549306168091318</v>
      </c>
      <c r="M5754" s="57">
        <f>Bühler!M5780</f>
        <v>0</v>
      </c>
      <c r="N5754" s="55">
        <f>IF(Input!$K$13=1,J5754*Input!$J$13,0)+IF(Input!$K$14=1,K5754*Input!$J$14,0)+IF(Input!$K$15=1,L5754*Input!$J$15,0)+IF(Input!$K$16=1,M5754*Input!$J$16,0)</f>
        <v>4.1770170388086916</v>
      </c>
      <c r="O5754" s="58">
        <f>IF(Input!$K$13=2,J5754*Input!$J$13,0)+IF(Input!$K$14=2,K5754*Input!$J$14,0)+IF(Input!$K$15=2,L5754*Input!$J$15,0)+IF(Input!$K$16=2,M5754*Input!$J$16,0)</f>
        <v>0.39283126653846556</v>
      </c>
      <c r="P5754" s="58">
        <f>IF(Input!$K$13=3,J5754*Input!$J$13,0)+IF(Input!$K$14=3,K5754*Input!$J$14,0)+IF(Input!$K$15=3,L5754*Input!$J$15,0)+IF(Input!$K$16=3,M5754*Input!$J$16,0)</f>
        <v>0</v>
      </c>
      <c r="Q5754" s="71">
        <f>IF(Input!$K$13=4,J5754*Input!$J$13,0)+IF(Input!$K$14=4,K5754*Input!$J$14,0)+IF(Input!$K$15=4,L5754*Input!$J$15,0)+IF(Input!$K$16=4,M5754*Input!$J$16,0)</f>
        <v>0</v>
      </c>
    </row>
    <row r="5755" spans="8:17" x14ac:dyDescent="0.25">
      <c r="H5755" s="43">
        <v>5748</v>
      </c>
      <c r="I5755" s="55">
        <f>Bühler!I5781</f>
        <v>0.41747898098494907</v>
      </c>
      <c r="J5755" s="58">
        <f>Bühler!J5781</f>
        <v>41.77017038808691</v>
      </c>
      <c r="K5755" s="58">
        <f>Bühler!K5781</f>
        <v>3.4918334803419158</v>
      </c>
      <c r="L5755" s="58">
        <f>Bühler!L5781</f>
        <v>1.7459167401709579</v>
      </c>
      <c r="M5755" s="57">
        <f>Bühler!M5781</f>
        <v>0</v>
      </c>
      <c r="N5755" s="55">
        <f>IF(Input!$K$13=1,J5755*Input!$J$13,0)+IF(Input!$K$14=1,K5755*Input!$J$14,0)+IF(Input!$K$15=1,L5755*Input!$J$15,0)+IF(Input!$K$16=1,M5755*Input!$J$16,0)</f>
        <v>5.0124204465704292</v>
      </c>
      <c r="O5755" s="58">
        <f>IF(Input!$K$13=2,J5755*Input!$J$13,0)+IF(Input!$K$14=2,K5755*Input!$J$14,0)+IF(Input!$K$15=2,L5755*Input!$J$15,0)+IF(Input!$K$16=2,M5755*Input!$J$16,0)</f>
        <v>0.47139751984615863</v>
      </c>
      <c r="P5755" s="58">
        <f>IF(Input!$K$13=3,J5755*Input!$J$13,0)+IF(Input!$K$14=3,K5755*Input!$J$14,0)+IF(Input!$K$15=3,L5755*Input!$J$15,0)+IF(Input!$K$16=3,M5755*Input!$J$16,0)</f>
        <v>0</v>
      </c>
      <c r="Q5755" s="71">
        <f>IF(Input!$K$13=4,J5755*Input!$J$13,0)+IF(Input!$K$14=4,K5755*Input!$J$14,0)+IF(Input!$K$15=4,L5755*Input!$J$15,0)+IF(Input!$K$16=4,M5755*Input!$J$16,0)</f>
        <v>0</v>
      </c>
    </row>
    <row r="5756" spans="8:17" x14ac:dyDescent="0.25">
      <c r="H5756" s="43">
        <v>5749</v>
      </c>
      <c r="I5756" s="55">
        <f>Bühler!I5782</f>
        <v>0.41747898098494907</v>
      </c>
      <c r="J5756" s="58">
        <f>Bühler!J5782</f>
        <v>41.77017038808691</v>
      </c>
      <c r="K5756" s="58">
        <f>Bühler!K5782</f>
        <v>3.4918334803419158</v>
      </c>
      <c r="L5756" s="58">
        <f>Bühler!L5782</f>
        <v>1.7459167401709579</v>
      </c>
      <c r="M5756" s="57">
        <f>Bühler!M5782</f>
        <v>0</v>
      </c>
      <c r="N5756" s="55">
        <f>IF(Input!$K$13=1,J5756*Input!$J$13,0)+IF(Input!$K$14=1,K5756*Input!$J$14,0)+IF(Input!$K$15=1,L5756*Input!$J$15,0)+IF(Input!$K$16=1,M5756*Input!$J$16,0)</f>
        <v>5.0124204465704292</v>
      </c>
      <c r="O5756" s="58">
        <f>IF(Input!$K$13=2,J5756*Input!$J$13,0)+IF(Input!$K$14=2,K5756*Input!$J$14,0)+IF(Input!$K$15=2,L5756*Input!$J$15,0)+IF(Input!$K$16=2,M5756*Input!$J$16,0)</f>
        <v>0.47139751984615863</v>
      </c>
      <c r="P5756" s="58">
        <f>IF(Input!$K$13=3,J5756*Input!$J$13,0)+IF(Input!$K$14=3,K5756*Input!$J$14,0)+IF(Input!$K$15=3,L5756*Input!$J$15,0)+IF(Input!$K$16=3,M5756*Input!$J$16,0)</f>
        <v>0</v>
      </c>
      <c r="Q5756" s="71">
        <f>IF(Input!$K$13=4,J5756*Input!$J$13,0)+IF(Input!$K$14=4,K5756*Input!$J$14,0)+IF(Input!$K$15=4,L5756*Input!$J$15,0)+IF(Input!$K$16=4,M5756*Input!$J$16,0)</f>
        <v>0</v>
      </c>
    </row>
    <row r="5757" spans="8:17" x14ac:dyDescent="0.25">
      <c r="H5757" s="43">
        <v>5750</v>
      </c>
      <c r="I5757" s="55">
        <f>Bühler!I5783</f>
        <v>0.27831932065663273</v>
      </c>
      <c r="J5757" s="58">
        <f>Bühler!J5783</f>
        <v>27.846780258724618</v>
      </c>
      <c r="K5757" s="58">
        <f>Bühler!K5783</f>
        <v>2.3278889868946115</v>
      </c>
      <c r="L5757" s="58">
        <f>Bühler!L5783</f>
        <v>1.1639444934473058</v>
      </c>
      <c r="M5757" s="57">
        <f>Bühler!M5783</f>
        <v>0</v>
      </c>
      <c r="N5757" s="55">
        <f>IF(Input!$K$13=1,J5757*Input!$J$13,0)+IF(Input!$K$14=1,K5757*Input!$J$14,0)+IF(Input!$K$15=1,L5757*Input!$J$15,0)+IF(Input!$K$16=1,M5757*Input!$J$16,0)</f>
        <v>3.341613631046954</v>
      </c>
      <c r="O5757" s="58">
        <f>IF(Input!$K$13=2,J5757*Input!$J$13,0)+IF(Input!$K$14=2,K5757*Input!$J$14,0)+IF(Input!$K$15=2,L5757*Input!$J$15,0)+IF(Input!$K$16=2,M5757*Input!$J$16,0)</f>
        <v>0.31426501323077255</v>
      </c>
      <c r="P5757" s="58">
        <f>IF(Input!$K$13=3,J5757*Input!$J$13,0)+IF(Input!$K$14=3,K5757*Input!$J$14,0)+IF(Input!$K$15=3,L5757*Input!$J$15,0)+IF(Input!$K$16=3,M5757*Input!$J$16,0)</f>
        <v>0</v>
      </c>
      <c r="Q5757" s="71">
        <f>IF(Input!$K$13=4,J5757*Input!$J$13,0)+IF(Input!$K$14=4,K5757*Input!$J$14,0)+IF(Input!$K$15=4,L5757*Input!$J$15,0)+IF(Input!$K$16=4,M5757*Input!$J$16,0)</f>
        <v>0</v>
      </c>
    </row>
    <row r="5758" spans="8:17" x14ac:dyDescent="0.25">
      <c r="H5758" s="43">
        <v>5751</v>
      </c>
      <c r="I5758" s="55">
        <f>Bühler!I5784</f>
        <v>0.41747898098494907</v>
      </c>
      <c r="J5758" s="58">
        <f>Bühler!J5784</f>
        <v>41.77017038808691</v>
      </c>
      <c r="K5758" s="58">
        <f>Bühler!K5784</f>
        <v>3.4918334803419158</v>
      </c>
      <c r="L5758" s="58">
        <f>Bühler!L5784</f>
        <v>1.7459167401709579</v>
      </c>
      <c r="M5758" s="57">
        <f>Bühler!M5784</f>
        <v>0</v>
      </c>
      <c r="N5758" s="55">
        <f>IF(Input!$K$13=1,J5758*Input!$J$13,0)+IF(Input!$K$14=1,K5758*Input!$J$14,0)+IF(Input!$K$15=1,L5758*Input!$J$15,0)+IF(Input!$K$16=1,M5758*Input!$J$16,0)</f>
        <v>5.0124204465704292</v>
      </c>
      <c r="O5758" s="58">
        <f>IF(Input!$K$13=2,J5758*Input!$J$13,0)+IF(Input!$K$14=2,K5758*Input!$J$14,0)+IF(Input!$K$15=2,L5758*Input!$J$15,0)+IF(Input!$K$16=2,M5758*Input!$J$16,0)</f>
        <v>0.47139751984615863</v>
      </c>
      <c r="P5758" s="58">
        <f>IF(Input!$K$13=3,J5758*Input!$J$13,0)+IF(Input!$K$14=3,K5758*Input!$J$14,0)+IF(Input!$K$15=3,L5758*Input!$J$15,0)+IF(Input!$K$16=3,M5758*Input!$J$16,0)</f>
        <v>0</v>
      </c>
      <c r="Q5758" s="71">
        <f>IF(Input!$K$13=4,J5758*Input!$J$13,0)+IF(Input!$K$14=4,K5758*Input!$J$14,0)+IF(Input!$K$15=4,L5758*Input!$J$15,0)+IF(Input!$K$16=4,M5758*Input!$J$16,0)</f>
        <v>0</v>
      </c>
    </row>
    <row r="5759" spans="8:17" x14ac:dyDescent="0.25">
      <c r="H5759" s="43">
        <v>5752</v>
      </c>
      <c r="I5759" s="55">
        <f>Bühler!I5785</f>
        <v>0.41747898098494907</v>
      </c>
      <c r="J5759" s="58">
        <f>Bühler!J5785</f>
        <v>41.77017038808691</v>
      </c>
      <c r="K5759" s="58">
        <f>Bühler!K5785</f>
        <v>3.4918334803419158</v>
      </c>
      <c r="L5759" s="58">
        <f>Bühler!L5785</f>
        <v>1.7459167401709579</v>
      </c>
      <c r="M5759" s="57">
        <f>Bühler!M5785</f>
        <v>0</v>
      </c>
      <c r="N5759" s="55">
        <f>IF(Input!$K$13=1,J5759*Input!$J$13,0)+IF(Input!$K$14=1,K5759*Input!$J$14,0)+IF(Input!$K$15=1,L5759*Input!$J$15,0)+IF(Input!$K$16=1,M5759*Input!$J$16,0)</f>
        <v>5.0124204465704292</v>
      </c>
      <c r="O5759" s="58">
        <f>IF(Input!$K$13=2,J5759*Input!$J$13,0)+IF(Input!$K$14=2,K5759*Input!$J$14,0)+IF(Input!$K$15=2,L5759*Input!$J$15,0)+IF(Input!$K$16=2,M5759*Input!$J$16,0)</f>
        <v>0.47139751984615863</v>
      </c>
      <c r="P5759" s="58">
        <f>IF(Input!$K$13=3,J5759*Input!$J$13,0)+IF(Input!$K$14=3,K5759*Input!$J$14,0)+IF(Input!$K$15=3,L5759*Input!$J$15,0)+IF(Input!$K$16=3,M5759*Input!$J$16,0)</f>
        <v>0</v>
      </c>
      <c r="Q5759" s="71">
        <f>IF(Input!$K$13=4,J5759*Input!$J$13,0)+IF(Input!$K$14=4,K5759*Input!$J$14,0)+IF(Input!$K$15=4,L5759*Input!$J$15,0)+IF(Input!$K$16=4,M5759*Input!$J$16,0)</f>
        <v>0</v>
      </c>
    </row>
    <row r="5760" spans="8:17" x14ac:dyDescent="0.25">
      <c r="H5760" s="43">
        <v>5753</v>
      </c>
      <c r="I5760" s="55">
        <f>Bühler!I5786</f>
        <v>0.34789915082079093</v>
      </c>
      <c r="J5760" s="58">
        <f>Bühler!J5786</f>
        <v>24.478999950400791</v>
      </c>
      <c r="K5760" s="58">
        <f>Bühler!K5786</f>
        <v>2.0369028635327848</v>
      </c>
      <c r="L5760" s="58">
        <f>Bühler!L5786</f>
        <v>1.0184514317663924</v>
      </c>
      <c r="M5760" s="57">
        <f>Bühler!M5786</f>
        <v>0</v>
      </c>
      <c r="N5760" s="55">
        <f>IF(Input!$K$13=1,J5760*Input!$J$13,0)+IF(Input!$K$14=1,K5760*Input!$J$14,0)+IF(Input!$K$15=1,L5760*Input!$J$15,0)+IF(Input!$K$16=1,M5760*Input!$J$16,0)</f>
        <v>2.9374799940480947</v>
      </c>
      <c r="O5760" s="58">
        <f>IF(Input!$K$13=2,J5760*Input!$J$13,0)+IF(Input!$K$14=2,K5760*Input!$J$14,0)+IF(Input!$K$15=2,L5760*Input!$J$15,0)+IF(Input!$K$16=2,M5760*Input!$J$16,0)</f>
        <v>0.2749818865769259</v>
      </c>
      <c r="P5760" s="58">
        <f>IF(Input!$K$13=3,J5760*Input!$J$13,0)+IF(Input!$K$14=3,K5760*Input!$J$14,0)+IF(Input!$K$15=3,L5760*Input!$J$15,0)+IF(Input!$K$16=3,M5760*Input!$J$16,0)</f>
        <v>0</v>
      </c>
      <c r="Q5760" s="71">
        <f>IF(Input!$K$13=4,J5760*Input!$J$13,0)+IF(Input!$K$14=4,K5760*Input!$J$14,0)+IF(Input!$K$15=4,L5760*Input!$J$15,0)+IF(Input!$K$16=4,M5760*Input!$J$16,0)</f>
        <v>0</v>
      </c>
    </row>
    <row r="5761" spans="8:17" x14ac:dyDescent="0.25">
      <c r="H5761" s="43">
        <v>5754</v>
      </c>
      <c r="I5761" s="55">
        <f>Bühler!I5787</f>
        <v>0.27991885698224556</v>
      </c>
      <c r="J5761" s="58">
        <f>Bühler!J5787</f>
        <v>7.1895623437340825</v>
      </c>
      <c r="K5761" s="58">
        <f>Bühler!K5787</f>
        <v>0.58197224672365289</v>
      </c>
      <c r="L5761" s="58">
        <f>Bühler!L5787</f>
        <v>0.29098612336182644</v>
      </c>
      <c r="M5761" s="57">
        <f>Bühler!M5787</f>
        <v>0</v>
      </c>
      <c r="N5761" s="55">
        <f>IF(Input!$K$13=1,J5761*Input!$J$13,0)+IF(Input!$K$14=1,K5761*Input!$J$14,0)+IF(Input!$K$15=1,L5761*Input!$J$15,0)+IF(Input!$K$16=1,M5761*Input!$J$16,0)</f>
        <v>0.86274748124808986</v>
      </c>
      <c r="O5761" s="58">
        <f>IF(Input!$K$13=2,J5761*Input!$J$13,0)+IF(Input!$K$14=2,K5761*Input!$J$14,0)+IF(Input!$K$15=2,L5761*Input!$J$15,0)+IF(Input!$K$16=2,M5761*Input!$J$16,0)</f>
        <v>7.8566253307693137E-2</v>
      </c>
      <c r="P5761" s="58">
        <f>IF(Input!$K$13=3,J5761*Input!$J$13,0)+IF(Input!$K$14=3,K5761*Input!$J$14,0)+IF(Input!$K$15=3,L5761*Input!$J$15,0)+IF(Input!$K$16=3,M5761*Input!$J$16,0)</f>
        <v>0</v>
      </c>
      <c r="Q5761" s="71">
        <f>IF(Input!$K$13=4,J5761*Input!$J$13,0)+IF(Input!$K$14=4,K5761*Input!$J$14,0)+IF(Input!$K$15=4,L5761*Input!$J$15,0)+IF(Input!$K$16=4,M5761*Input!$J$16,0)</f>
        <v>0</v>
      </c>
    </row>
    <row r="5762" spans="8:17" x14ac:dyDescent="0.25">
      <c r="H5762" s="43">
        <v>5755</v>
      </c>
      <c r="I5762" s="55">
        <f>Bühler!I5788</f>
        <v>9.9971020350801992E-2</v>
      </c>
      <c r="J5762" s="58">
        <f>Bühler!J5788</f>
        <v>6.8976284749607686</v>
      </c>
      <c r="K5762" s="58">
        <f>Bühler!K5788</f>
        <v>0.57377545451627732</v>
      </c>
      <c r="L5762" s="58">
        <f>Bühler!L5788</f>
        <v>0.28688772725813866</v>
      </c>
      <c r="M5762" s="57">
        <f>Bühler!M5788</f>
        <v>0</v>
      </c>
      <c r="N5762" s="55">
        <f>IF(Input!$K$13=1,J5762*Input!$J$13,0)+IF(Input!$K$14=1,K5762*Input!$J$14,0)+IF(Input!$K$15=1,L5762*Input!$J$15,0)+IF(Input!$K$16=1,M5762*Input!$J$16,0)</f>
        <v>0.82771541699529216</v>
      </c>
      <c r="O5762" s="58">
        <f>IF(Input!$K$13=2,J5762*Input!$J$13,0)+IF(Input!$K$14=2,K5762*Input!$J$14,0)+IF(Input!$K$15=2,L5762*Input!$J$15,0)+IF(Input!$K$16=2,M5762*Input!$J$16,0)</f>
        <v>7.7459686359697438E-2</v>
      </c>
      <c r="P5762" s="58">
        <f>IF(Input!$K$13=3,J5762*Input!$J$13,0)+IF(Input!$K$14=3,K5762*Input!$J$14,0)+IF(Input!$K$15=3,L5762*Input!$J$15,0)+IF(Input!$K$16=3,M5762*Input!$J$16,0)</f>
        <v>0</v>
      </c>
      <c r="Q5762" s="71">
        <f>IF(Input!$K$13=4,J5762*Input!$J$13,0)+IF(Input!$K$14=4,K5762*Input!$J$14,0)+IF(Input!$K$15=4,L5762*Input!$J$15,0)+IF(Input!$K$16=4,M5762*Input!$J$16,0)</f>
        <v>0</v>
      </c>
    </row>
    <row r="5763" spans="8:17" x14ac:dyDescent="0.25">
      <c r="H5763" s="43">
        <v>5756</v>
      </c>
      <c r="I5763" s="55">
        <f>Bühler!I5789</f>
        <v>9.9971020350801992E-2</v>
      </c>
      <c r="J5763" s="58">
        <f>Bühler!J5789</f>
        <v>6.8976284749607686</v>
      </c>
      <c r="K5763" s="58">
        <f>Bühler!K5789</f>
        <v>0.57377545451627732</v>
      </c>
      <c r="L5763" s="58">
        <f>Bühler!L5789</f>
        <v>0.28688772725813866</v>
      </c>
      <c r="M5763" s="57">
        <f>Bühler!M5789</f>
        <v>0</v>
      </c>
      <c r="N5763" s="55">
        <f>IF(Input!$K$13=1,J5763*Input!$J$13,0)+IF(Input!$K$14=1,K5763*Input!$J$14,0)+IF(Input!$K$15=1,L5763*Input!$J$15,0)+IF(Input!$K$16=1,M5763*Input!$J$16,0)</f>
        <v>0.82771541699529216</v>
      </c>
      <c r="O5763" s="58">
        <f>IF(Input!$K$13=2,J5763*Input!$J$13,0)+IF(Input!$K$14=2,K5763*Input!$J$14,0)+IF(Input!$K$15=2,L5763*Input!$J$15,0)+IF(Input!$K$16=2,M5763*Input!$J$16,0)</f>
        <v>7.7459686359697438E-2</v>
      </c>
      <c r="P5763" s="58">
        <f>IF(Input!$K$13=3,J5763*Input!$J$13,0)+IF(Input!$K$14=3,K5763*Input!$J$14,0)+IF(Input!$K$15=3,L5763*Input!$J$15,0)+IF(Input!$K$16=3,M5763*Input!$J$16,0)</f>
        <v>0</v>
      </c>
      <c r="Q5763" s="71">
        <f>IF(Input!$K$13=4,J5763*Input!$J$13,0)+IF(Input!$K$14=4,K5763*Input!$J$14,0)+IF(Input!$K$15=4,L5763*Input!$J$15,0)+IF(Input!$K$16=4,M5763*Input!$J$16,0)</f>
        <v>0</v>
      </c>
    </row>
    <row r="5764" spans="8:17" x14ac:dyDescent="0.25">
      <c r="H5764" s="43">
        <v>5757</v>
      </c>
      <c r="I5764" s="55">
        <f>Bühler!I5790</f>
        <v>9.9971020350801992E-2</v>
      </c>
      <c r="J5764" s="58">
        <f>Bühler!J5790</f>
        <v>6.8976284749607686</v>
      </c>
      <c r="K5764" s="58">
        <f>Bühler!K5790</f>
        <v>0.57377545451627732</v>
      </c>
      <c r="L5764" s="58">
        <f>Bühler!L5790</f>
        <v>0.28688772725813866</v>
      </c>
      <c r="M5764" s="57">
        <f>Bühler!M5790</f>
        <v>0</v>
      </c>
      <c r="N5764" s="55">
        <f>IF(Input!$K$13=1,J5764*Input!$J$13,0)+IF(Input!$K$14=1,K5764*Input!$J$14,0)+IF(Input!$K$15=1,L5764*Input!$J$15,0)+IF(Input!$K$16=1,M5764*Input!$J$16,0)</f>
        <v>0.82771541699529216</v>
      </c>
      <c r="O5764" s="58">
        <f>IF(Input!$K$13=2,J5764*Input!$J$13,0)+IF(Input!$K$14=2,K5764*Input!$J$14,0)+IF(Input!$K$15=2,L5764*Input!$J$15,0)+IF(Input!$K$16=2,M5764*Input!$J$16,0)</f>
        <v>7.7459686359697438E-2</v>
      </c>
      <c r="P5764" s="58">
        <f>IF(Input!$K$13=3,J5764*Input!$J$13,0)+IF(Input!$K$14=3,K5764*Input!$J$14,0)+IF(Input!$K$15=3,L5764*Input!$J$15,0)+IF(Input!$K$16=3,M5764*Input!$J$16,0)</f>
        <v>0</v>
      </c>
      <c r="Q5764" s="71">
        <f>IF(Input!$K$13=4,J5764*Input!$J$13,0)+IF(Input!$K$14=4,K5764*Input!$J$14,0)+IF(Input!$K$15=4,L5764*Input!$J$15,0)+IF(Input!$K$16=4,M5764*Input!$J$16,0)</f>
        <v>0</v>
      </c>
    </row>
    <row r="5765" spans="8:17" x14ac:dyDescent="0.25">
      <c r="H5765" s="43">
        <v>5758</v>
      </c>
      <c r="I5765" s="55">
        <f>Bühler!I5791</f>
        <v>9.9971020350801992E-2</v>
      </c>
      <c r="J5765" s="58">
        <f>Bühler!J5791</f>
        <v>6.8976284749607686</v>
      </c>
      <c r="K5765" s="58">
        <f>Bühler!K5791</f>
        <v>0.57377545451627732</v>
      </c>
      <c r="L5765" s="58">
        <f>Bühler!L5791</f>
        <v>0.28688772725813866</v>
      </c>
      <c r="M5765" s="57">
        <f>Bühler!M5791</f>
        <v>0</v>
      </c>
      <c r="N5765" s="55">
        <f>IF(Input!$K$13=1,J5765*Input!$J$13,0)+IF(Input!$K$14=1,K5765*Input!$J$14,0)+IF(Input!$K$15=1,L5765*Input!$J$15,0)+IF(Input!$K$16=1,M5765*Input!$J$16,0)</f>
        <v>0.82771541699529216</v>
      </c>
      <c r="O5765" s="58">
        <f>IF(Input!$K$13=2,J5765*Input!$J$13,0)+IF(Input!$K$14=2,K5765*Input!$J$14,0)+IF(Input!$K$15=2,L5765*Input!$J$15,0)+IF(Input!$K$16=2,M5765*Input!$J$16,0)</f>
        <v>7.7459686359697438E-2</v>
      </c>
      <c r="P5765" s="58">
        <f>IF(Input!$K$13=3,J5765*Input!$J$13,0)+IF(Input!$K$14=3,K5765*Input!$J$14,0)+IF(Input!$K$15=3,L5765*Input!$J$15,0)+IF(Input!$K$16=3,M5765*Input!$J$16,0)</f>
        <v>0</v>
      </c>
      <c r="Q5765" s="71">
        <f>IF(Input!$K$13=4,J5765*Input!$J$13,0)+IF(Input!$K$14=4,K5765*Input!$J$14,0)+IF(Input!$K$15=4,L5765*Input!$J$15,0)+IF(Input!$K$16=4,M5765*Input!$J$16,0)</f>
        <v>0</v>
      </c>
    </row>
    <row r="5766" spans="8:17" x14ac:dyDescent="0.25">
      <c r="H5766" s="43">
        <v>5759</v>
      </c>
      <c r="I5766" s="55">
        <f>Bühler!I5792</f>
        <v>9.9971020350801992E-2</v>
      </c>
      <c r="J5766" s="58">
        <f>Bühler!J5792</f>
        <v>6.8976284749607686</v>
      </c>
      <c r="K5766" s="58">
        <f>Bühler!K5792</f>
        <v>0.57377545451627732</v>
      </c>
      <c r="L5766" s="58">
        <f>Bühler!L5792</f>
        <v>0.28688772725813866</v>
      </c>
      <c r="M5766" s="57">
        <f>Bühler!M5792</f>
        <v>0</v>
      </c>
      <c r="N5766" s="55">
        <f>IF(Input!$K$13=1,J5766*Input!$J$13,0)+IF(Input!$K$14=1,K5766*Input!$J$14,0)+IF(Input!$K$15=1,L5766*Input!$J$15,0)+IF(Input!$K$16=1,M5766*Input!$J$16,0)</f>
        <v>0.82771541699529216</v>
      </c>
      <c r="O5766" s="58">
        <f>IF(Input!$K$13=2,J5766*Input!$J$13,0)+IF(Input!$K$14=2,K5766*Input!$J$14,0)+IF(Input!$K$15=2,L5766*Input!$J$15,0)+IF(Input!$K$16=2,M5766*Input!$J$16,0)</f>
        <v>7.7459686359697438E-2</v>
      </c>
      <c r="P5766" s="58">
        <f>IF(Input!$K$13=3,J5766*Input!$J$13,0)+IF(Input!$K$14=3,K5766*Input!$J$14,0)+IF(Input!$K$15=3,L5766*Input!$J$15,0)+IF(Input!$K$16=3,M5766*Input!$J$16,0)</f>
        <v>0</v>
      </c>
      <c r="Q5766" s="71">
        <f>IF(Input!$K$13=4,J5766*Input!$J$13,0)+IF(Input!$K$14=4,K5766*Input!$J$14,0)+IF(Input!$K$15=4,L5766*Input!$J$15,0)+IF(Input!$K$16=4,M5766*Input!$J$16,0)</f>
        <v>0</v>
      </c>
    </row>
    <row r="5767" spans="8:17" x14ac:dyDescent="0.25">
      <c r="H5767" s="43">
        <v>5760</v>
      </c>
      <c r="I5767" s="55">
        <f>Bühler!I5793</f>
        <v>9.9971020350801992E-2</v>
      </c>
      <c r="J5767" s="58">
        <f>Bühler!J5793</f>
        <v>6.8976284749607686</v>
      </c>
      <c r="K5767" s="58">
        <f>Bühler!K5793</f>
        <v>0.57377545451627732</v>
      </c>
      <c r="L5767" s="58">
        <f>Bühler!L5793</f>
        <v>0.28688772725813866</v>
      </c>
      <c r="M5767" s="57">
        <f>Bühler!M5793</f>
        <v>0</v>
      </c>
      <c r="N5767" s="55">
        <f>IF(Input!$K$13=1,J5767*Input!$J$13,0)+IF(Input!$K$14=1,K5767*Input!$J$14,0)+IF(Input!$K$15=1,L5767*Input!$J$15,0)+IF(Input!$K$16=1,M5767*Input!$J$16,0)</f>
        <v>0.82771541699529216</v>
      </c>
      <c r="O5767" s="58">
        <f>IF(Input!$K$13=2,J5767*Input!$J$13,0)+IF(Input!$K$14=2,K5767*Input!$J$14,0)+IF(Input!$K$15=2,L5767*Input!$J$15,0)+IF(Input!$K$16=2,M5767*Input!$J$16,0)</f>
        <v>7.7459686359697438E-2</v>
      </c>
      <c r="P5767" s="58">
        <f>IF(Input!$K$13=3,J5767*Input!$J$13,0)+IF(Input!$K$14=3,K5767*Input!$J$14,0)+IF(Input!$K$15=3,L5767*Input!$J$15,0)+IF(Input!$K$16=3,M5767*Input!$J$16,0)</f>
        <v>0</v>
      </c>
      <c r="Q5767" s="71">
        <f>IF(Input!$K$13=4,J5767*Input!$J$13,0)+IF(Input!$K$14=4,K5767*Input!$J$14,0)+IF(Input!$K$15=4,L5767*Input!$J$15,0)+IF(Input!$K$16=4,M5767*Input!$J$16,0)</f>
        <v>0</v>
      </c>
    </row>
    <row r="5768" spans="8:17" x14ac:dyDescent="0.25">
      <c r="H5768" s="43">
        <v>5761</v>
      </c>
      <c r="I5768" s="55">
        <f>Bühler!I5794</f>
        <v>0.26516747846015426</v>
      </c>
      <c r="J5768" s="58">
        <f>Bühler!J5794</f>
        <v>4.8599314142305943</v>
      </c>
      <c r="K5768" s="58">
        <f>Bühler!K5794</f>
        <v>0.37523603751266288</v>
      </c>
      <c r="L5768" s="58">
        <f>Bühler!L5794</f>
        <v>0.18761801875633144</v>
      </c>
      <c r="M5768" s="57">
        <f>Bühler!M5794</f>
        <v>0</v>
      </c>
      <c r="N5768" s="55">
        <f>IF(Input!$K$13=1,J5768*Input!$J$13,0)+IF(Input!$K$14=1,K5768*Input!$J$14,0)+IF(Input!$K$15=1,L5768*Input!$J$15,0)+IF(Input!$K$16=1,M5768*Input!$J$16,0)</f>
        <v>0.58319176970767128</v>
      </c>
      <c r="O5768" s="58">
        <f>IF(Input!$K$13=2,J5768*Input!$J$13,0)+IF(Input!$K$14=2,K5768*Input!$J$14,0)+IF(Input!$K$15=2,L5768*Input!$J$15,0)+IF(Input!$K$16=2,M5768*Input!$J$16,0)</f>
        <v>5.0656865064209487E-2</v>
      </c>
      <c r="P5768" s="58">
        <f>IF(Input!$K$13=3,J5768*Input!$J$13,0)+IF(Input!$K$14=3,K5768*Input!$J$14,0)+IF(Input!$K$15=3,L5768*Input!$J$15,0)+IF(Input!$K$16=3,M5768*Input!$J$16,0)</f>
        <v>0</v>
      </c>
      <c r="Q5768" s="71">
        <f>IF(Input!$K$13=4,J5768*Input!$J$13,0)+IF(Input!$K$14=4,K5768*Input!$J$14,0)+IF(Input!$K$15=4,L5768*Input!$J$15,0)+IF(Input!$K$16=4,M5768*Input!$J$16,0)</f>
        <v>0</v>
      </c>
    </row>
    <row r="5769" spans="8:17" x14ac:dyDescent="0.25">
      <c r="H5769" s="43">
        <v>5762</v>
      </c>
      <c r="I5769" s="55">
        <f>Bühler!I5795</f>
        <v>0.26516747846015426</v>
      </c>
      <c r="J5769" s="58">
        <f>Bühler!J5795</f>
        <v>7.2551377525585172</v>
      </c>
      <c r="K5769" s="58">
        <f>Bühler!K5795</f>
        <v>0.57178824763834346</v>
      </c>
      <c r="L5769" s="58">
        <f>Bühler!L5795</f>
        <v>0.28589412381917173</v>
      </c>
      <c r="M5769" s="57">
        <f>Bühler!M5795</f>
        <v>0</v>
      </c>
      <c r="N5769" s="55">
        <f>IF(Input!$K$13=1,J5769*Input!$J$13,0)+IF(Input!$K$14=1,K5769*Input!$J$14,0)+IF(Input!$K$15=1,L5769*Input!$J$15,0)+IF(Input!$K$16=1,M5769*Input!$J$16,0)</f>
        <v>0.87061653030702202</v>
      </c>
      <c r="O5769" s="58">
        <f>IF(Input!$K$13=2,J5769*Input!$J$13,0)+IF(Input!$K$14=2,K5769*Input!$J$14,0)+IF(Input!$K$15=2,L5769*Input!$J$15,0)+IF(Input!$K$16=2,M5769*Input!$J$16,0)</f>
        <v>7.7191413431176359E-2</v>
      </c>
      <c r="P5769" s="58">
        <f>IF(Input!$K$13=3,J5769*Input!$J$13,0)+IF(Input!$K$14=3,K5769*Input!$J$14,0)+IF(Input!$K$15=3,L5769*Input!$J$15,0)+IF(Input!$K$16=3,M5769*Input!$J$16,0)</f>
        <v>0</v>
      </c>
      <c r="Q5769" s="71">
        <f>IF(Input!$K$13=4,J5769*Input!$J$13,0)+IF(Input!$K$14=4,K5769*Input!$J$14,0)+IF(Input!$K$15=4,L5769*Input!$J$15,0)+IF(Input!$K$16=4,M5769*Input!$J$16,0)</f>
        <v>0</v>
      </c>
    </row>
    <row r="5770" spans="8:17" x14ac:dyDescent="0.25">
      <c r="H5770" s="43">
        <v>5763</v>
      </c>
      <c r="I5770" s="55">
        <f>Bühler!I5796</f>
        <v>0.26516747846015426</v>
      </c>
      <c r="J5770" s="58">
        <f>Bühler!J5796</f>
        <v>7.2551377525585172</v>
      </c>
      <c r="K5770" s="58">
        <f>Bühler!K5796</f>
        <v>0.57178824763834346</v>
      </c>
      <c r="L5770" s="58">
        <f>Bühler!L5796</f>
        <v>0.28589412381917173</v>
      </c>
      <c r="M5770" s="57">
        <f>Bühler!M5796</f>
        <v>0</v>
      </c>
      <c r="N5770" s="55">
        <f>IF(Input!$K$13=1,J5770*Input!$J$13,0)+IF(Input!$K$14=1,K5770*Input!$J$14,0)+IF(Input!$K$15=1,L5770*Input!$J$15,0)+IF(Input!$K$16=1,M5770*Input!$J$16,0)</f>
        <v>0.87061653030702202</v>
      </c>
      <c r="O5770" s="58">
        <f>IF(Input!$K$13=2,J5770*Input!$J$13,0)+IF(Input!$K$14=2,K5770*Input!$J$14,0)+IF(Input!$K$15=2,L5770*Input!$J$15,0)+IF(Input!$K$16=2,M5770*Input!$J$16,0)</f>
        <v>7.7191413431176359E-2</v>
      </c>
      <c r="P5770" s="58">
        <f>IF(Input!$K$13=3,J5770*Input!$J$13,0)+IF(Input!$K$14=3,K5770*Input!$J$14,0)+IF(Input!$K$15=3,L5770*Input!$J$15,0)+IF(Input!$K$16=3,M5770*Input!$J$16,0)</f>
        <v>0</v>
      </c>
      <c r="Q5770" s="71">
        <f>IF(Input!$K$13=4,J5770*Input!$J$13,0)+IF(Input!$K$14=4,K5770*Input!$J$14,0)+IF(Input!$K$15=4,L5770*Input!$J$15,0)+IF(Input!$K$16=4,M5770*Input!$J$16,0)</f>
        <v>0</v>
      </c>
    </row>
    <row r="5771" spans="8:17" x14ac:dyDescent="0.25">
      <c r="H5771" s="43">
        <v>5764</v>
      </c>
      <c r="I5771" s="55">
        <f>Bühler!I5797</f>
        <v>0.26516747846015426</v>
      </c>
      <c r="J5771" s="58">
        <f>Bühler!J5797</f>
        <v>7.2551377525585172</v>
      </c>
      <c r="K5771" s="58">
        <f>Bühler!K5797</f>
        <v>0.57178824763834346</v>
      </c>
      <c r="L5771" s="58">
        <f>Bühler!L5797</f>
        <v>0.28589412381917173</v>
      </c>
      <c r="M5771" s="57">
        <f>Bühler!M5797</f>
        <v>0</v>
      </c>
      <c r="N5771" s="55">
        <f>IF(Input!$K$13=1,J5771*Input!$J$13,0)+IF(Input!$K$14=1,K5771*Input!$J$14,0)+IF(Input!$K$15=1,L5771*Input!$J$15,0)+IF(Input!$K$16=1,M5771*Input!$J$16,0)</f>
        <v>0.87061653030702202</v>
      </c>
      <c r="O5771" s="58">
        <f>IF(Input!$K$13=2,J5771*Input!$J$13,0)+IF(Input!$K$14=2,K5771*Input!$J$14,0)+IF(Input!$K$15=2,L5771*Input!$J$15,0)+IF(Input!$K$16=2,M5771*Input!$J$16,0)</f>
        <v>7.7191413431176359E-2</v>
      </c>
      <c r="P5771" s="58">
        <f>IF(Input!$K$13=3,J5771*Input!$J$13,0)+IF(Input!$K$14=3,K5771*Input!$J$14,0)+IF(Input!$K$15=3,L5771*Input!$J$15,0)+IF(Input!$K$16=3,M5771*Input!$J$16,0)</f>
        <v>0</v>
      </c>
      <c r="Q5771" s="71">
        <f>IF(Input!$K$13=4,J5771*Input!$J$13,0)+IF(Input!$K$14=4,K5771*Input!$J$14,0)+IF(Input!$K$15=4,L5771*Input!$J$15,0)+IF(Input!$K$16=4,M5771*Input!$J$16,0)</f>
        <v>0</v>
      </c>
    </row>
    <row r="5772" spans="8:17" x14ac:dyDescent="0.25">
      <c r="H5772" s="43">
        <v>5765</v>
      </c>
      <c r="I5772" s="55">
        <f>Bühler!I5798</f>
        <v>0.26516747846015426</v>
      </c>
      <c r="J5772" s="58">
        <f>Bühler!J5798</f>
        <v>7.2551377525585172</v>
      </c>
      <c r="K5772" s="58">
        <f>Bühler!K5798</f>
        <v>0.57178824763834346</v>
      </c>
      <c r="L5772" s="58">
        <f>Bühler!L5798</f>
        <v>0.28589412381917173</v>
      </c>
      <c r="M5772" s="57">
        <f>Bühler!M5798</f>
        <v>0</v>
      </c>
      <c r="N5772" s="55">
        <f>IF(Input!$K$13=1,J5772*Input!$J$13,0)+IF(Input!$K$14=1,K5772*Input!$J$14,0)+IF(Input!$K$15=1,L5772*Input!$J$15,0)+IF(Input!$K$16=1,M5772*Input!$J$16,0)</f>
        <v>0.87061653030702202</v>
      </c>
      <c r="O5772" s="58">
        <f>IF(Input!$K$13=2,J5772*Input!$J$13,0)+IF(Input!$K$14=2,K5772*Input!$J$14,0)+IF(Input!$K$15=2,L5772*Input!$J$15,0)+IF(Input!$K$16=2,M5772*Input!$J$16,0)</f>
        <v>7.7191413431176359E-2</v>
      </c>
      <c r="P5772" s="58">
        <f>IF(Input!$K$13=3,J5772*Input!$J$13,0)+IF(Input!$K$14=3,K5772*Input!$J$14,0)+IF(Input!$K$15=3,L5772*Input!$J$15,0)+IF(Input!$K$16=3,M5772*Input!$J$16,0)</f>
        <v>0</v>
      </c>
      <c r="Q5772" s="71">
        <f>IF(Input!$K$13=4,J5772*Input!$J$13,0)+IF(Input!$K$14=4,K5772*Input!$J$14,0)+IF(Input!$K$15=4,L5772*Input!$J$15,0)+IF(Input!$K$16=4,M5772*Input!$J$16,0)</f>
        <v>0</v>
      </c>
    </row>
    <row r="5773" spans="8:17" x14ac:dyDescent="0.25">
      <c r="H5773" s="43">
        <v>5766</v>
      </c>
      <c r="I5773" s="55">
        <f>Bühler!I5799</f>
        <v>0.26516747846015426</v>
      </c>
      <c r="J5773" s="58">
        <f>Bühler!J5799</f>
        <v>7.2551377525585172</v>
      </c>
      <c r="K5773" s="58">
        <f>Bühler!K5799</f>
        <v>0.57178824763834346</v>
      </c>
      <c r="L5773" s="58">
        <f>Bühler!L5799</f>
        <v>0.28589412381917173</v>
      </c>
      <c r="M5773" s="57">
        <f>Bühler!M5799</f>
        <v>0</v>
      </c>
      <c r="N5773" s="55">
        <f>IF(Input!$K$13=1,J5773*Input!$J$13,0)+IF(Input!$K$14=1,K5773*Input!$J$14,0)+IF(Input!$K$15=1,L5773*Input!$J$15,0)+IF(Input!$K$16=1,M5773*Input!$J$16,0)</f>
        <v>0.87061653030702202</v>
      </c>
      <c r="O5773" s="58">
        <f>IF(Input!$K$13=2,J5773*Input!$J$13,0)+IF(Input!$K$14=2,K5773*Input!$J$14,0)+IF(Input!$K$15=2,L5773*Input!$J$15,0)+IF(Input!$K$16=2,M5773*Input!$J$16,0)</f>
        <v>7.7191413431176359E-2</v>
      </c>
      <c r="P5773" s="58">
        <f>IF(Input!$K$13=3,J5773*Input!$J$13,0)+IF(Input!$K$14=3,K5773*Input!$J$14,0)+IF(Input!$K$15=3,L5773*Input!$J$15,0)+IF(Input!$K$16=3,M5773*Input!$J$16,0)</f>
        <v>0</v>
      </c>
      <c r="Q5773" s="71">
        <f>IF(Input!$K$13=4,J5773*Input!$J$13,0)+IF(Input!$K$14=4,K5773*Input!$J$14,0)+IF(Input!$K$15=4,L5773*Input!$J$15,0)+IF(Input!$K$16=4,M5773*Input!$J$16,0)</f>
        <v>0</v>
      </c>
    </row>
    <row r="5774" spans="8:17" x14ac:dyDescent="0.25">
      <c r="H5774" s="43">
        <v>5767</v>
      </c>
      <c r="I5774" s="55">
        <f>Bühler!I5800</f>
        <v>0.26516747846015426</v>
      </c>
      <c r="J5774" s="58">
        <f>Bühler!J5800</f>
        <v>7.2551377525585172</v>
      </c>
      <c r="K5774" s="58">
        <f>Bühler!K5800</f>
        <v>0.57178824763834346</v>
      </c>
      <c r="L5774" s="58">
        <f>Bühler!L5800</f>
        <v>0.28589412381917173</v>
      </c>
      <c r="M5774" s="57">
        <f>Bühler!M5800</f>
        <v>0</v>
      </c>
      <c r="N5774" s="55">
        <f>IF(Input!$K$13=1,J5774*Input!$J$13,0)+IF(Input!$K$14=1,K5774*Input!$J$14,0)+IF(Input!$K$15=1,L5774*Input!$J$15,0)+IF(Input!$K$16=1,M5774*Input!$J$16,0)</f>
        <v>0.87061653030702202</v>
      </c>
      <c r="O5774" s="58">
        <f>IF(Input!$K$13=2,J5774*Input!$J$13,0)+IF(Input!$K$14=2,K5774*Input!$J$14,0)+IF(Input!$K$15=2,L5774*Input!$J$15,0)+IF(Input!$K$16=2,M5774*Input!$J$16,0)</f>
        <v>7.7191413431176359E-2</v>
      </c>
      <c r="P5774" s="58">
        <f>IF(Input!$K$13=3,J5774*Input!$J$13,0)+IF(Input!$K$14=3,K5774*Input!$J$14,0)+IF(Input!$K$15=3,L5774*Input!$J$15,0)+IF(Input!$K$16=3,M5774*Input!$J$16,0)</f>
        <v>0</v>
      </c>
      <c r="Q5774" s="71">
        <f>IF(Input!$K$13=4,J5774*Input!$J$13,0)+IF(Input!$K$14=4,K5774*Input!$J$14,0)+IF(Input!$K$15=4,L5774*Input!$J$15,0)+IF(Input!$K$16=4,M5774*Input!$J$16,0)</f>
        <v>0</v>
      </c>
    </row>
    <row r="5775" spans="8:17" x14ac:dyDescent="0.25">
      <c r="H5775" s="43">
        <v>5768</v>
      </c>
      <c r="I5775" s="55">
        <f>Bühler!I5801</f>
        <v>0.76385341375779914</v>
      </c>
      <c r="J5775" s="58">
        <f>Bühler!J5801</f>
        <v>30.201447414034888</v>
      </c>
      <c r="K5775" s="58">
        <f>Bühler!K5801</f>
        <v>2.4104448314503912</v>
      </c>
      <c r="L5775" s="58">
        <f>Bühler!L5801</f>
        <v>1.2052224157251956</v>
      </c>
      <c r="M5775" s="57">
        <f>Bühler!M5801</f>
        <v>0</v>
      </c>
      <c r="N5775" s="55">
        <f>IF(Input!$K$13=1,J5775*Input!$J$13,0)+IF(Input!$K$14=1,K5775*Input!$J$14,0)+IF(Input!$K$15=1,L5775*Input!$J$15,0)+IF(Input!$K$16=1,M5775*Input!$J$16,0)</f>
        <v>3.6241736896841865</v>
      </c>
      <c r="O5775" s="58">
        <f>IF(Input!$K$13=2,J5775*Input!$J$13,0)+IF(Input!$K$14=2,K5775*Input!$J$14,0)+IF(Input!$K$15=2,L5775*Input!$J$15,0)+IF(Input!$K$16=2,M5775*Input!$J$16,0)</f>
        <v>0.32541005224580277</v>
      </c>
      <c r="P5775" s="58">
        <f>IF(Input!$K$13=3,J5775*Input!$J$13,0)+IF(Input!$K$14=3,K5775*Input!$J$14,0)+IF(Input!$K$15=3,L5775*Input!$J$15,0)+IF(Input!$K$16=3,M5775*Input!$J$16,0)</f>
        <v>0</v>
      </c>
      <c r="Q5775" s="71">
        <f>IF(Input!$K$13=4,J5775*Input!$J$13,0)+IF(Input!$K$14=4,K5775*Input!$J$14,0)+IF(Input!$K$15=4,L5775*Input!$J$15,0)+IF(Input!$K$16=4,M5775*Input!$J$16,0)</f>
        <v>0</v>
      </c>
    </row>
    <row r="5776" spans="8:17" x14ac:dyDescent="0.25">
      <c r="H5776" s="43">
        <v>5769</v>
      </c>
      <c r="I5776" s="55">
        <f>Bühler!I5802</f>
        <v>0.85229959850870207</v>
      </c>
      <c r="J5776" s="58">
        <f>Bühler!J5802</f>
        <v>33.698457114607358</v>
      </c>
      <c r="K5776" s="58">
        <f>Bühler!K5802</f>
        <v>2.6895489698288579</v>
      </c>
      <c r="L5776" s="58">
        <f>Bühler!L5802</f>
        <v>1.344774484914429</v>
      </c>
      <c r="M5776" s="57">
        <f>Bühler!M5802</f>
        <v>0</v>
      </c>
      <c r="N5776" s="55">
        <f>IF(Input!$K$13=1,J5776*Input!$J$13,0)+IF(Input!$K$14=1,K5776*Input!$J$14,0)+IF(Input!$K$15=1,L5776*Input!$J$15,0)+IF(Input!$K$16=1,M5776*Input!$J$16,0)</f>
        <v>4.0438148537528829</v>
      </c>
      <c r="O5776" s="58">
        <f>IF(Input!$K$13=2,J5776*Input!$J$13,0)+IF(Input!$K$14=2,K5776*Input!$J$14,0)+IF(Input!$K$15=2,L5776*Input!$J$15,0)+IF(Input!$K$16=2,M5776*Input!$J$16,0)</f>
        <v>0.36308911092689578</v>
      </c>
      <c r="P5776" s="58">
        <f>IF(Input!$K$13=3,J5776*Input!$J$13,0)+IF(Input!$K$14=3,K5776*Input!$J$14,0)+IF(Input!$K$15=3,L5776*Input!$J$15,0)+IF(Input!$K$16=3,M5776*Input!$J$16,0)</f>
        <v>0</v>
      </c>
      <c r="Q5776" s="71">
        <f>IF(Input!$K$13=4,J5776*Input!$J$13,0)+IF(Input!$K$14=4,K5776*Input!$J$14,0)+IF(Input!$K$15=4,L5776*Input!$J$15,0)+IF(Input!$K$16=4,M5776*Input!$J$16,0)</f>
        <v>0</v>
      </c>
    </row>
    <row r="5777" spans="8:17" x14ac:dyDescent="0.25">
      <c r="H5777" s="43">
        <v>5770</v>
      </c>
      <c r="I5777" s="55">
        <f>Bühler!I5803</f>
        <v>0.94074578325960523</v>
      </c>
      <c r="J5777" s="58">
        <f>Bühler!J5803</f>
        <v>37.195466815179813</v>
      </c>
      <c r="K5777" s="58">
        <f>Bühler!K5803</f>
        <v>2.9686531082073242</v>
      </c>
      <c r="L5777" s="58">
        <f>Bühler!L5803</f>
        <v>1.4843265541036621</v>
      </c>
      <c r="M5777" s="57">
        <f>Bühler!M5803</f>
        <v>0</v>
      </c>
      <c r="N5777" s="55">
        <f>IF(Input!$K$13=1,J5777*Input!$J$13,0)+IF(Input!$K$14=1,K5777*Input!$J$14,0)+IF(Input!$K$15=1,L5777*Input!$J$15,0)+IF(Input!$K$16=1,M5777*Input!$J$16,0)</f>
        <v>4.463456017821577</v>
      </c>
      <c r="O5777" s="58">
        <f>IF(Input!$K$13=2,J5777*Input!$J$13,0)+IF(Input!$K$14=2,K5777*Input!$J$14,0)+IF(Input!$K$15=2,L5777*Input!$J$15,0)+IF(Input!$K$16=2,M5777*Input!$J$16,0)</f>
        <v>0.40076816960798878</v>
      </c>
      <c r="P5777" s="58">
        <f>IF(Input!$K$13=3,J5777*Input!$J$13,0)+IF(Input!$K$14=3,K5777*Input!$J$14,0)+IF(Input!$K$15=3,L5777*Input!$J$15,0)+IF(Input!$K$16=3,M5777*Input!$J$16,0)</f>
        <v>0</v>
      </c>
      <c r="Q5777" s="71">
        <f>IF(Input!$K$13=4,J5777*Input!$J$13,0)+IF(Input!$K$14=4,K5777*Input!$J$14,0)+IF(Input!$K$15=4,L5777*Input!$J$15,0)+IF(Input!$K$16=4,M5777*Input!$J$16,0)</f>
        <v>0</v>
      </c>
    </row>
    <row r="5778" spans="8:17" x14ac:dyDescent="0.25">
      <c r="H5778" s="43">
        <v>5771</v>
      </c>
      <c r="I5778" s="55">
        <f>Bühler!I5804</f>
        <v>0.94074578325960523</v>
      </c>
      <c r="J5778" s="58">
        <f>Bühler!J5804</f>
        <v>37.195466815179813</v>
      </c>
      <c r="K5778" s="58">
        <f>Bühler!K5804</f>
        <v>2.9686531082073242</v>
      </c>
      <c r="L5778" s="58">
        <f>Bühler!L5804</f>
        <v>1.4843265541036621</v>
      </c>
      <c r="M5778" s="57">
        <f>Bühler!M5804</f>
        <v>0</v>
      </c>
      <c r="N5778" s="55">
        <f>IF(Input!$K$13=1,J5778*Input!$J$13,0)+IF(Input!$K$14=1,K5778*Input!$J$14,0)+IF(Input!$K$15=1,L5778*Input!$J$15,0)+IF(Input!$K$16=1,M5778*Input!$J$16,0)</f>
        <v>4.463456017821577</v>
      </c>
      <c r="O5778" s="58">
        <f>IF(Input!$K$13=2,J5778*Input!$J$13,0)+IF(Input!$K$14=2,K5778*Input!$J$14,0)+IF(Input!$K$15=2,L5778*Input!$J$15,0)+IF(Input!$K$16=2,M5778*Input!$J$16,0)</f>
        <v>0.40076816960798878</v>
      </c>
      <c r="P5778" s="58">
        <f>IF(Input!$K$13=3,J5778*Input!$J$13,0)+IF(Input!$K$14=3,K5778*Input!$J$14,0)+IF(Input!$K$15=3,L5778*Input!$J$15,0)+IF(Input!$K$16=3,M5778*Input!$J$16,0)</f>
        <v>0</v>
      </c>
      <c r="Q5778" s="71">
        <f>IF(Input!$K$13=4,J5778*Input!$J$13,0)+IF(Input!$K$14=4,K5778*Input!$J$14,0)+IF(Input!$K$15=4,L5778*Input!$J$15,0)+IF(Input!$K$16=4,M5778*Input!$J$16,0)</f>
        <v>0</v>
      </c>
    </row>
    <row r="5779" spans="8:17" x14ac:dyDescent="0.25">
      <c r="H5779" s="43">
        <v>5772</v>
      </c>
      <c r="I5779" s="55">
        <f>Bühler!I5805</f>
        <v>1.1256787150114935</v>
      </c>
      <c r="J5779" s="58">
        <f>Bühler!J5805</f>
        <v>44.507396189104043</v>
      </c>
      <c r="K5779" s="58">
        <f>Bühler!K5805</f>
        <v>3.552234488453208</v>
      </c>
      <c r="L5779" s="58">
        <f>Bühler!L5805</f>
        <v>1.776117244226604</v>
      </c>
      <c r="M5779" s="57">
        <f>Bühler!M5805</f>
        <v>0</v>
      </c>
      <c r="N5779" s="55">
        <f>IF(Input!$K$13=1,J5779*Input!$J$13,0)+IF(Input!$K$14=1,K5779*Input!$J$14,0)+IF(Input!$K$15=1,L5779*Input!$J$15,0)+IF(Input!$K$16=1,M5779*Input!$J$16,0)</f>
        <v>5.3408875426924851</v>
      </c>
      <c r="O5779" s="58">
        <f>IF(Input!$K$13=2,J5779*Input!$J$13,0)+IF(Input!$K$14=2,K5779*Input!$J$14,0)+IF(Input!$K$15=2,L5779*Input!$J$15,0)+IF(Input!$K$16=2,M5779*Input!$J$16,0)</f>
        <v>0.47955165594118304</v>
      </c>
      <c r="P5779" s="58">
        <f>IF(Input!$K$13=3,J5779*Input!$J$13,0)+IF(Input!$K$14=3,K5779*Input!$J$14,0)+IF(Input!$K$15=3,L5779*Input!$J$15,0)+IF(Input!$K$16=3,M5779*Input!$J$16,0)</f>
        <v>0</v>
      </c>
      <c r="Q5779" s="71">
        <f>IF(Input!$K$13=4,J5779*Input!$J$13,0)+IF(Input!$K$14=4,K5779*Input!$J$14,0)+IF(Input!$K$15=4,L5779*Input!$J$15,0)+IF(Input!$K$16=4,M5779*Input!$J$16,0)</f>
        <v>0</v>
      </c>
    </row>
    <row r="5780" spans="8:17" x14ac:dyDescent="0.25">
      <c r="H5780" s="43">
        <v>5773</v>
      </c>
      <c r="I5780" s="55">
        <f>Bühler!I5806</f>
        <v>1.1256787150114935</v>
      </c>
      <c r="J5780" s="58">
        <f>Bühler!J5806</f>
        <v>44.507396189104043</v>
      </c>
      <c r="K5780" s="58">
        <f>Bühler!K5806</f>
        <v>3.552234488453208</v>
      </c>
      <c r="L5780" s="58">
        <f>Bühler!L5806</f>
        <v>1.776117244226604</v>
      </c>
      <c r="M5780" s="57">
        <f>Bühler!M5806</f>
        <v>0</v>
      </c>
      <c r="N5780" s="55">
        <f>IF(Input!$K$13=1,J5780*Input!$J$13,0)+IF(Input!$K$14=1,K5780*Input!$J$14,0)+IF(Input!$K$15=1,L5780*Input!$J$15,0)+IF(Input!$K$16=1,M5780*Input!$J$16,0)</f>
        <v>5.3408875426924851</v>
      </c>
      <c r="O5780" s="58">
        <f>IF(Input!$K$13=2,J5780*Input!$J$13,0)+IF(Input!$K$14=2,K5780*Input!$J$14,0)+IF(Input!$K$15=2,L5780*Input!$J$15,0)+IF(Input!$K$16=2,M5780*Input!$J$16,0)</f>
        <v>0.47955165594118304</v>
      </c>
      <c r="P5780" s="58">
        <f>IF(Input!$K$13=3,J5780*Input!$J$13,0)+IF(Input!$K$14=3,K5780*Input!$J$14,0)+IF(Input!$K$15=3,L5780*Input!$J$15,0)+IF(Input!$K$16=3,M5780*Input!$J$16,0)</f>
        <v>0</v>
      </c>
      <c r="Q5780" s="71">
        <f>IF(Input!$K$13=4,J5780*Input!$J$13,0)+IF(Input!$K$14=4,K5780*Input!$J$14,0)+IF(Input!$K$15=4,L5780*Input!$J$15,0)+IF(Input!$K$16=4,M5780*Input!$J$16,0)</f>
        <v>0</v>
      </c>
    </row>
    <row r="5781" spans="8:17" x14ac:dyDescent="0.25">
      <c r="H5781" s="43">
        <v>5774</v>
      </c>
      <c r="I5781" s="55">
        <f>Bühler!I5807</f>
        <v>0.74777228925763484</v>
      </c>
      <c r="J5781" s="58">
        <f>Bühler!J5807</f>
        <v>29.565627468476265</v>
      </c>
      <c r="K5781" s="58">
        <f>Bühler!K5807</f>
        <v>2.3596986244724882</v>
      </c>
      <c r="L5781" s="58">
        <f>Bühler!L5807</f>
        <v>1.1798493122362441</v>
      </c>
      <c r="M5781" s="57">
        <f>Bühler!M5807</f>
        <v>0</v>
      </c>
      <c r="N5781" s="55">
        <f>IF(Input!$K$13=1,J5781*Input!$J$13,0)+IF(Input!$K$14=1,K5781*Input!$J$14,0)+IF(Input!$K$15=1,L5781*Input!$J$15,0)+IF(Input!$K$16=1,M5781*Input!$J$16,0)</f>
        <v>3.5478752962171516</v>
      </c>
      <c r="O5781" s="58">
        <f>IF(Input!$K$13=2,J5781*Input!$J$13,0)+IF(Input!$K$14=2,K5781*Input!$J$14,0)+IF(Input!$K$15=2,L5781*Input!$J$15,0)+IF(Input!$K$16=2,M5781*Input!$J$16,0)</f>
        <v>0.31855931430378592</v>
      </c>
      <c r="P5781" s="58">
        <f>IF(Input!$K$13=3,J5781*Input!$J$13,0)+IF(Input!$K$14=3,K5781*Input!$J$14,0)+IF(Input!$K$15=3,L5781*Input!$J$15,0)+IF(Input!$K$16=3,M5781*Input!$J$16,0)</f>
        <v>0</v>
      </c>
      <c r="Q5781" s="71">
        <f>IF(Input!$K$13=4,J5781*Input!$J$13,0)+IF(Input!$K$14=4,K5781*Input!$J$14,0)+IF(Input!$K$15=4,L5781*Input!$J$15,0)+IF(Input!$K$16=4,M5781*Input!$J$16,0)</f>
        <v>0</v>
      </c>
    </row>
    <row r="5782" spans="8:17" x14ac:dyDescent="0.25">
      <c r="H5782" s="43">
        <v>5775</v>
      </c>
      <c r="I5782" s="55">
        <f>Bühler!I5808</f>
        <v>1.1256787150114935</v>
      </c>
      <c r="J5782" s="58">
        <f>Bühler!J5808</f>
        <v>44.507396189104043</v>
      </c>
      <c r="K5782" s="58">
        <f>Bühler!K5808</f>
        <v>3.552234488453208</v>
      </c>
      <c r="L5782" s="58">
        <f>Bühler!L5808</f>
        <v>1.776117244226604</v>
      </c>
      <c r="M5782" s="57">
        <f>Bühler!M5808</f>
        <v>0</v>
      </c>
      <c r="N5782" s="55">
        <f>IF(Input!$K$13=1,J5782*Input!$J$13,0)+IF(Input!$K$14=1,K5782*Input!$J$14,0)+IF(Input!$K$15=1,L5782*Input!$J$15,0)+IF(Input!$K$16=1,M5782*Input!$J$16,0)</f>
        <v>5.3408875426924851</v>
      </c>
      <c r="O5782" s="58">
        <f>IF(Input!$K$13=2,J5782*Input!$J$13,0)+IF(Input!$K$14=2,K5782*Input!$J$14,0)+IF(Input!$K$15=2,L5782*Input!$J$15,0)+IF(Input!$K$16=2,M5782*Input!$J$16,0)</f>
        <v>0.47955165594118304</v>
      </c>
      <c r="P5782" s="58">
        <f>IF(Input!$K$13=3,J5782*Input!$J$13,0)+IF(Input!$K$14=3,K5782*Input!$J$14,0)+IF(Input!$K$15=3,L5782*Input!$J$15,0)+IF(Input!$K$16=3,M5782*Input!$J$16,0)</f>
        <v>0</v>
      </c>
      <c r="Q5782" s="71">
        <f>IF(Input!$K$13=4,J5782*Input!$J$13,0)+IF(Input!$K$14=4,K5782*Input!$J$14,0)+IF(Input!$K$15=4,L5782*Input!$J$15,0)+IF(Input!$K$16=4,M5782*Input!$J$16,0)</f>
        <v>0</v>
      </c>
    </row>
    <row r="5783" spans="8:17" x14ac:dyDescent="0.25">
      <c r="H5783" s="43">
        <v>5776</v>
      </c>
      <c r="I5783" s="55">
        <f>Bühler!I5809</f>
        <v>1.1256787150114935</v>
      </c>
      <c r="J5783" s="58">
        <f>Bühler!J5809</f>
        <v>44.507396189104043</v>
      </c>
      <c r="K5783" s="58">
        <f>Bühler!K5809</f>
        <v>3.552234488453208</v>
      </c>
      <c r="L5783" s="58">
        <f>Bühler!L5809</f>
        <v>1.776117244226604</v>
      </c>
      <c r="M5783" s="57">
        <f>Bühler!M5809</f>
        <v>0</v>
      </c>
      <c r="N5783" s="55">
        <f>IF(Input!$K$13=1,J5783*Input!$J$13,0)+IF(Input!$K$14=1,K5783*Input!$J$14,0)+IF(Input!$K$15=1,L5783*Input!$J$15,0)+IF(Input!$K$16=1,M5783*Input!$J$16,0)</f>
        <v>5.3408875426924851</v>
      </c>
      <c r="O5783" s="58">
        <f>IF(Input!$K$13=2,J5783*Input!$J$13,0)+IF(Input!$K$14=2,K5783*Input!$J$14,0)+IF(Input!$K$15=2,L5783*Input!$J$15,0)+IF(Input!$K$16=2,M5783*Input!$J$16,0)</f>
        <v>0.47955165594118304</v>
      </c>
      <c r="P5783" s="58">
        <f>IF(Input!$K$13=3,J5783*Input!$J$13,0)+IF(Input!$K$14=3,K5783*Input!$J$14,0)+IF(Input!$K$15=3,L5783*Input!$J$15,0)+IF(Input!$K$16=3,M5783*Input!$J$16,0)</f>
        <v>0</v>
      </c>
      <c r="Q5783" s="71">
        <f>IF(Input!$K$13=4,J5783*Input!$J$13,0)+IF(Input!$K$14=4,K5783*Input!$J$14,0)+IF(Input!$K$15=4,L5783*Input!$J$15,0)+IF(Input!$K$16=4,M5783*Input!$J$16,0)</f>
        <v>0</v>
      </c>
    </row>
    <row r="5784" spans="8:17" x14ac:dyDescent="0.25">
      <c r="H5784" s="43">
        <v>5777</v>
      </c>
      <c r="I5784" s="55">
        <f>Bühler!I5810</f>
        <v>0.94091685905216027</v>
      </c>
      <c r="J5784" s="58">
        <f>Bühler!J5810</f>
        <v>26.528274100498876</v>
      </c>
      <c r="K5784" s="58">
        <f>Bühler!K5810</f>
        <v>2.0932810378384978</v>
      </c>
      <c r="L5784" s="58">
        <f>Bühler!L5810</f>
        <v>1.0466405189192489</v>
      </c>
      <c r="M5784" s="57">
        <f>Bühler!M5810</f>
        <v>0</v>
      </c>
      <c r="N5784" s="55">
        <f>IF(Input!$K$13=1,J5784*Input!$J$13,0)+IF(Input!$K$14=1,K5784*Input!$J$14,0)+IF(Input!$K$15=1,L5784*Input!$J$15,0)+IF(Input!$K$16=1,M5784*Input!$J$16,0)</f>
        <v>3.1833928920598651</v>
      </c>
      <c r="O5784" s="58">
        <f>IF(Input!$K$13=2,J5784*Input!$J$13,0)+IF(Input!$K$14=2,K5784*Input!$J$14,0)+IF(Input!$K$15=2,L5784*Input!$J$15,0)+IF(Input!$K$16=2,M5784*Input!$J$16,0)</f>
        <v>0.28259294010819719</v>
      </c>
      <c r="P5784" s="58">
        <f>IF(Input!$K$13=3,J5784*Input!$J$13,0)+IF(Input!$K$14=3,K5784*Input!$J$14,0)+IF(Input!$K$15=3,L5784*Input!$J$15,0)+IF(Input!$K$16=3,M5784*Input!$J$16,0)</f>
        <v>0</v>
      </c>
      <c r="Q5784" s="71">
        <f>IF(Input!$K$13=4,J5784*Input!$J$13,0)+IF(Input!$K$14=4,K5784*Input!$J$14,0)+IF(Input!$K$15=4,L5784*Input!$J$15,0)+IF(Input!$K$16=4,M5784*Input!$J$16,0)</f>
        <v>0</v>
      </c>
    </row>
    <row r="5785" spans="8:17" x14ac:dyDescent="0.25">
      <c r="H5785" s="43">
        <v>5778</v>
      </c>
      <c r="I5785" s="55">
        <f>Bühler!I5811</f>
        <v>0.74760121346508013</v>
      </c>
      <c r="J5785" s="58">
        <f>Bühler!J5811</f>
        <v>11.697202852441363</v>
      </c>
      <c r="K5785" s="58">
        <f>Bühler!K5811</f>
        <v>0.89341913693491171</v>
      </c>
      <c r="L5785" s="58">
        <f>Bühler!L5811</f>
        <v>0.44670956846745585</v>
      </c>
      <c r="M5785" s="57">
        <f>Bühler!M5811</f>
        <v>0</v>
      </c>
      <c r="N5785" s="55">
        <f>IF(Input!$K$13=1,J5785*Input!$J$13,0)+IF(Input!$K$14=1,K5785*Input!$J$14,0)+IF(Input!$K$15=1,L5785*Input!$J$15,0)+IF(Input!$K$16=1,M5785*Input!$J$16,0)</f>
        <v>1.4036643422929636</v>
      </c>
      <c r="O5785" s="58">
        <f>IF(Input!$K$13=2,J5785*Input!$J$13,0)+IF(Input!$K$14=2,K5785*Input!$J$14,0)+IF(Input!$K$15=2,L5785*Input!$J$15,0)+IF(Input!$K$16=2,M5785*Input!$J$16,0)</f>
        <v>0.12061158348621308</v>
      </c>
      <c r="P5785" s="58">
        <f>IF(Input!$K$13=3,J5785*Input!$J$13,0)+IF(Input!$K$14=3,K5785*Input!$J$14,0)+IF(Input!$K$15=3,L5785*Input!$J$15,0)+IF(Input!$K$16=3,M5785*Input!$J$16,0)</f>
        <v>0</v>
      </c>
      <c r="Q5785" s="71">
        <f>IF(Input!$K$13=4,J5785*Input!$J$13,0)+IF(Input!$K$14=4,K5785*Input!$J$14,0)+IF(Input!$K$15=4,L5785*Input!$J$15,0)+IF(Input!$K$16=4,M5785*Input!$J$16,0)</f>
        <v>0</v>
      </c>
    </row>
    <row r="5786" spans="8:17" x14ac:dyDescent="0.25">
      <c r="H5786" s="43">
        <v>5779</v>
      </c>
      <c r="I5786" s="55">
        <f>Bühler!I5812</f>
        <v>0.26516747846015426</v>
      </c>
      <c r="J5786" s="58">
        <f>Bühler!J5812</f>
        <v>7.4728837833156003</v>
      </c>
      <c r="K5786" s="58">
        <f>Bühler!K5812</f>
        <v>0.58965663037704164</v>
      </c>
      <c r="L5786" s="58">
        <f>Bühler!L5812</f>
        <v>0.29482831518852082</v>
      </c>
      <c r="M5786" s="57">
        <f>Bühler!M5812</f>
        <v>0</v>
      </c>
      <c r="N5786" s="55">
        <f>IF(Input!$K$13=1,J5786*Input!$J$13,0)+IF(Input!$K$14=1,K5786*Input!$J$14,0)+IF(Input!$K$15=1,L5786*Input!$J$15,0)+IF(Input!$K$16=1,M5786*Input!$J$16,0)</f>
        <v>0.89674605399787199</v>
      </c>
      <c r="O5786" s="58">
        <f>IF(Input!$K$13=2,J5786*Input!$J$13,0)+IF(Input!$K$14=2,K5786*Input!$J$14,0)+IF(Input!$K$15=2,L5786*Input!$J$15,0)+IF(Input!$K$16=2,M5786*Input!$J$16,0)</f>
        <v>7.9603645100900622E-2</v>
      </c>
      <c r="P5786" s="58">
        <f>IF(Input!$K$13=3,J5786*Input!$J$13,0)+IF(Input!$K$14=3,K5786*Input!$J$14,0)+IF(Input!$K$15=3,L5786*Input!$J$15,0)+IF(Input!$K$16=3,M5786*Input!$J$16,0)</f>
        <v>0</v>
      </c>
      <c r="Q5786" s="71">
        <f>IF(Input!$K$13=4,J5786*Input!$J$13,0)+IF(Input!$K$14=4,K5786*Input!$J$14,0)+IF(Input!$K$15=4,L5786*Input!$J$15,0)+IF(Input!$K$16=4,M5786*Input!$J$16,0)</f>
        <v>0</v>
      </c>
    </row>
    <row r="5787" spans="8:17" x14ac:dyDescent="0.25">
      <c r="H5787" s="43">
        <v>5780</v>
      </c>
      <c r="I5787" s="55">
        <f>Bühler!I5813</f>
        <v>0.26516747846015426</v>
      </c>
      <c r="J5787" s="58">
        <f>Bühler!J5813</f>
        <v>7.4728837833156003</v>
      </c>
      <c r="K5787" s="58">
        <f>Bühler!K5813</f>
        <v>0.58965663037704164</v>
      </c>
      <c r="L5787" s="58">
        <f>Bühler!L5813</f>
        <v>0.29482831518852082</v>
      </c>
      <c r="M5787" s="57">
        <f>Bühler!M5813</f>
        <v>0</v>
      </c>
      <c r="N5787" s="55">
        <f>IF(Input!$K$13=1,J5787*Input!$J$13,0)+IF(Input!$K$14=1,K5787*Input!$J$14,0)+IF(Input!$K$15=1,L5787*Input!$J$15,0)+IF(Input!$K$16=1,M5787*Input!$J$16,0)</f>
        <v>0.89674605399787199</v>
      </c>
      <c r="O5787" s="58">
        <f>IF(Input!$K$13=2,J5787*Input!$J$13,0)+IF(Input!$K$14=2,K5787*Input!$J$14,0)+IF(Input!$K$15=2,L5787*Input!$J$15,0)+IF(Input!$K$16=2,M5787*Input!$J$16,0)</f>
        <v>7.9603645100900622E-2</v>
      </c>
      <c r="P5787" s="58">
        <f>IF(Input!$K$13=3,J5787*Input!$J$13,0)+IF(Input!$K$14=3,K5787*Input!$J$14,0)+IF(Input!$K$15=3,L5787*Input!$J$15,0)+IF(Input!$K$16=3,M5787*Input!$J$16,0)</f>
        <v>0</v>
      </c>
      <c r="Q5787" s="71">
        <f>IF(Input!$K$13=4,J5787*Input!$J$13,0)+IF(Input!$K$14=4,K5787*Input!$J$14,0)+IF(Input!$K$15=4,L5787*Input!$J$15,0)+IF(Input!$K$16=4,M5787*Input!$J$16,0)</f>
        <v>0</v>
      </c>
    </row>
    <row r="5788" spans="8:17" x14ac:dyDescent="0.25">
      <c r="H5788" s="43">
        <v>5781</v>
      </c>
      <c r="I5788" s="55">
        <f>Bühler!I5814</f>
        <v>0.26516747846015426</v>
      </c>
      <c r="J5788" s="58">
        <f>Bühler!J5814</f>
        <v>7.4728837833156003</v>
      </c>
      <c r="K5788" s="58">
        <f>Bühler!K5814</f>
        <v>0.58965663037704164</v>
      </c>
      <c r="L5788" s="58">
        <f>Bühler!L5814</f>
        <v>0.29482831518852082</v>
      </c>
      <c r="M5788" s="57">
        <f>Bühler!M5814</f>
        <v>0</v>
      </c>
      <c r="N5788" s="55">
        <f>IF(Input!$K$13=1,J5788*Input!$J$13,0)+IF(Input!$K$14=1,K5788*Input!$J$14,0)+IF(Input!$K$15=1,L5788*Input!$J$15,0)+IF(Input!$K$16=1,M5788*Input!$J$16,0)</f>
        <v>0.89674605399787199</v>
      </c>
      <c r="O5788" s="58">
        <f>IF(Input!$K$13=2,J5788*Input!$J$13,0)+IF(Input!$K$14=2,K5788*Input!$J$14,0)+IF(Input!$K$15=2,L5788*Input!$J$15,0)+IF(Input!$K$16=2,M5788*Input!$J$16,0)</f>
        <v>7.9603645100900622E-2</v>
      </c>
      <c r="P5788" s="58">
        <f>IF(Input!$K$13=3,J5788*Input!$J$13,0)+IF(Input!$K$14=3,K5788*Input!$J$14,0)+IF(Input!$K$15=3,L5788*Input!$J$15,0)+IF(Input!$K$16=3,M5788*Input!$J$16,0)</f>
        <v>0</v>
      </c>
      <c r="Q5788" s="71">
        <f>IF(Input!$K$13=4,J5788*Input!$J$13,0)+IF(Input!$K$14=4,K5788*Input!$J$14,0)+IF(Input!$K$15=4,L5788*Input!$J$15,0)+IF(Input!$K$16=4,M5788*Input!$J$16,0)</f>
        <v>0</v>
      </c>
    </row>
    <row r="5789" spans="8:17" x14ac:dyDescent="0.25">
      <c r="H5789" s="43">
        <v>5782</v>
      </c>
      <c r="I5789" s="55">
        <f>Bühler!I5815</f>
        <v>0.26516747846015426</v>
      </c>
      <c r="J5789" s="58">
        <f>Bühler!J5815</f>
        <v>7.4728837833156003</v>
      </c>
      <c r="K5789" s="58">
        <f>Bühler!K5815</f>
        <v>0.58965663037704164</v>
      </c>
      <c r="L5789" s="58">
        <f>Bühler!L5815</f>
        <v>0.29482831518852082</v>
      </c>
      <c r="M5789" s="57">
        <f>Bühler!M5815</f>
        <v>0</v>
      </c>
      <c r="N5789" s="55">
        <f>IF(Input!$K$13=1,J5789*Input!$J$13,0)+IF(Input!$K$14=1,K5789*Input!$J$14,0)+IF(Input!$K$15=1,L5789*Input!$J$15,0)+IF(Input!$K$16=1,M5789*Input!$J$16,0)</f>
        <v>0.89674605399787199</v>
      </c>
      <c r="O5789" s="58">
        <f>IF(Input!$K$13=2,J5789*Input!$J$13,0)+IF(Input!$K$14=2,K5789*Input!$J$14,0)+IF(Input!$K$15=2,L5789*Input!$J$15,0)+IF(Input!$K$16=2,M5789*Input!$J$16,0)</f>
        <v>7.9603645100900622E-2</v>
      </c>
      <c r="P5789" s="58">
        <f>IF(Input!$K$13=3,J5789*Input!$J$13,0)+IF(Input!$K$14=3,K5789*Input!$J$14,0)+IF(Input!$K$15=3,L5789*Input!$J$15,0)+IF(Input!$K$16=3,M5789*Input!$J$16,0)</f>
        <v>0</v>
      </c>
      <c r="Q5789" s="71">
        <f>IF(Input!$K$13=4,J5789*Input!$J$13,0)+IF(Input!$K$14=4,K5789*Input!$J$14,0)+IF(Input!$K$15=4,L5789*Input!$J$15,0)+IF(Input!$K$16=4,M5789*Input!$J$16,0)</f>
        <v>0</v>
      </c>
    </row>
    <row r="5790" spans="8:17" x14ac:dyDescent="0.25">
      <c r="H5790" s="43">
        <v>5783</v>
      </c>
      <c r="I5790" s="55">
        <f>Bühler!I5816</f>
        <v>0.26516747846015426</v>
      </c>
      <c r="J5790" s="58">
        <f>Bühler!J5816</f>
        <v>7.4728837833156003</v>
      </c>
      <c r="K5790" s="58">
        <f>Bühler!K5816</f>
        <v>0.58965663037704164</v>
      </c>
      <c r="L5790" s="58">
        <f>Bühler!L5816</f>
        <v>0.29482831518852082</v>
      </c>
      <c r="M5790" s="57">
        <f>Bühler!M5816</f>
        <v>0</v>
      </c>
      <c r="N5790" s="55">
        <f>IF(Input!$K$13=1,J5790*Input!$J$13,0)+IF(Input!$K$14=1,K5790*Input!$J$14,0)+IF(Input!$K$15=1,L5790*Input!$J$15,0)+IF(Input!$K$16=1,M5790*Input!$J$16,0)</f>
        <v>0.89674605399787199</v>
      </c>
      <c r="O5790" s="58">
        <f>IF(Input!$K$13=2,J5790*Input!$J$13,0)+IF(Input!$K$14=2,K5790*Input!$J$14,0)+IF(Input!$K$15=2,L5790*Input!$J$15,0)+IF(Input!$K$16=2,M5790*Input!$J$16,0)</f>
        <v>7.9603645100900622E-2</v>
      </c>
      <c r="P5790" s="58">
        <f>IF(Input!$K$13=3,J5790*Input!$J$13,0)+IF(Input!$K$14=3,K5790*Input!$J$14,0)+IF(Input!$K$15=3,L5790*Input!$J$15,0)+IF(Input!$K$16=3,M5790*Input!$J$16,0)</f>
        <v>0</v>
      </c>
      <c r="Q5790" s="71">
        <f>IF(Input!$K$13=4,J5790*Input!$J$13,0)+IF(Input!$K$14=4,K5790*Input!$J$14,0)+IF(Input!$K$15=4,L5790*Input!$J$15,0)+IF(Input!$K$16=4,M5790*Input!$J$16,0)</f>
        <v>0</v>
      </c>
    </row>
    <row r="5791" spans="8:17" x14ac:dyDescent="0.25">
      <c r="H5791" s="43">
        <v>5784</v>
      </c>
      <c r="I5791" s="55">
        <f>Bühler!I5817</f>
        <v>0.26516747846015426</v>
      </c>
      <c r="J5791" s="58">
        <f>Bühler!J5817</f>
        <v>7.4728837833156003</v>
      </c>
      <c r="K5791" s="58">
        <f>Bühler!K5817</f>
        <v>0.58965663037704164</v>
      </c>
      <c r="L5791" s="58">
        <f>Bühler!L5817</f>
        <v>0.29482831518852082</v>
      </c>
      <c r="M5791" s="57">
        <f>Bühler!M5817</f>
        <v>0</v>
      </c>
      <c r="N5791" s="55">
        <f>IF(Input!$K$13=1,J5791*Input!$J$13,0)+IF(Input!$K$14=1,K5791*Input!$J$14,0)+IF(Input!$K$15=1,L5791*Input!$J$15,0)+IF(Input!$K$16=1,M5791*Input!$J$16,0)</f>
        <v>0.89674605399787199</v>
      </c>
      <c r="O5791" s="58">
        <f>IF(Input!$K$13=2,J5791*Input!$J$13,0)+IF(Input!$K$14=2,K5791*Input!$J$14,0)+IF(Input!$K$15=2,L5791*Input!$J$15,0)+IF(Input!$K$16=2,M5791*Input!$J$16,0)</f>
        <v>7.9603645100900622E-2</v>
      </c>
      <c r="P5791" s="58">
        <f>IF(Input!$K$13=3,J5791*Input!$J$13,0)+IF(Input!$K$14=3,K5791*Input!$J$14,0)+IF(Input!$K$15=3,L5791*Input!$J$15,0)+IF(Input!$K$16=3,M5791*Input!$J$16,0)</f>
        <v>0</v>
      </c>
      <c r="Q5791" s="71">
        <f>IF(Input!$K$13=4,J5791*Input!$J$13,0)+IF(Input!$K$14=4,K5791*Input!$J$14,0)+IF(Input!$K$15=4,L5791*Input!$J$15,0)+IF(Input!$K$16=4,M5791*Input!$J$16,0)</f>
        <v>0</v>
      </c>
    </row>
    <row r="5792" spans="8:17" x14ac:dyDescent="0.25">
      <c r="H5792" s="43">
        <v>5785</v>
      </c>
      <c r="I5792" s="55">
        <f>Bühler!I5818</f>
        <v>0.3523249000208778</v>
      </c>
      <c r="J5792" s="58">
        <f>Bühler!J5818</f>
        <v>7.677557018772541</v>
      </c>
      <c r="K5792" s="58">
        <f>Bühler!K5818</f>
        <v>0.59141845707180707</v>
      </c>
      <c r="L5792" s="58">
        <f>Bühler!L5818</f>
        <v>0.29570922853590353</v>
      </c>
      <c r="M5792" s="57">
        <f>Bühler!M5818</f>
        <v>0</v>
      </c>
      <c r="N5792" s="55">
        <f>IF(Input!$K$13=1,J5792*Input!$J$13,0)+IF(Input!$K$14=1,K5792*Input!$J$14,0)+IF(Input!$K$15=1,L5792*Input!$J$15,0)+IF(Input!$K$16=1,M5792*Input!$J$16,0)</f>
        <v>0.92130684225270487</v>
      </c>
      <c r="O5792" s="58">
        <f>IF(Input!$K$13=2,J5792*Input!$J$13,0)+IF(Input!$K$14=2,K5792*Input!$J$14,0)+IF(Input!$K$15=2,L5792*Input!$J$15,0)+IF(Input!$K$16=2,M5792*Input!$J$16,0)</f>
        <v>7.9841491704693957E-2</v>
      </c>
      <c r="P5792" s="58">
        <f>IF(Input!$K$13=3,J5792*Input!$J$13,0)+IF(Input!$K$14=3,K5792*Input!$J$14,0)+IF(Input!$K$15=3,L5792*Input!$J$15,0)+IF(Input!$K$16=3,M5792*Input!$J$16,0)</f>
        <v>0</v>
      </c>
      <c r="Q5792" s="71">
        <f>IF(Input!$K$13=4,J5792*Input!$J$13,0)+IF(Input!$K$14=4,K5792*Input!$J$14,0)+IF(Input!$K$15=4,L5792*Input!$J$15,0)+IF(Input!$K$16=4,M5792*Input!$J$16,0)</f>
        <v>0</v>
      </c>
    </row>
    <row r="5793" spans="8:17" x14ac:dyDescent="0.25">
      <c r="H5793" s="43">
        <v>5786</v>
      </c>
      <c r="I5793" s="55">
        <f>Bühler!I5819</f>
        <v>0.3523249000208778</v>
      </c>
      <c r="J5793" s="58">
        <f>Bühler!J5819</f>
        <v>7.677557018772541</v>
      </c>
      <c r="K5793" s="58">
        <f>Bühler!K5819</f>
        <v>0.59141845707180707</v>
      </c>
      <c r="L5793" s="58">
        <f>Bühler!L5819</f>
        <v>0.29570922853590353</v>
      </c>
      <c r="M5793" s="57">
        <f>Bühler!M5819</f>
        <v>0</v>
      </c>
      <c r="N5793" s="55">
        <f>IF(Input!$K$13=1,J5793*Input!$J$13,0)+IF(Input!$K$14=1,K5793*Input!$J$14,0)+IF(Input!$K$15=1,L5793*Input!$J$15,0)+IF(Input!$K$16=1,M5793*Input!$J$16,0)</f>
        <v>0.92130684225270487</v>
      </c>
      <c r="O5793" s="58">
        <f>IF(Input!$K$13=2,J5793*Input!$J$13,0)+IF(Input!$K$14=2,K5793*Input!$J$14,0)+IF(Input!$K$15=2,L5793*Input!$J$15,0)+IF(Input!$K$16=2,M5793*Input!$J$16,0)</f>
        <v>7.9841491704693957E-2</v>
      </c>
      <c r="P5793" s="58">
        <f>IF(Input!$K$13=3,J5793*Input!$J$13,0)+IF(Input!$K$14=3,K5793*Input!$J$14,0)+IF(Input!$K$15=3,L5793*Input!$J$15,0)+IF(Input!$K$16=3,M5793*Input!$J$16,0)</f>
        <v>0</v>
      </c>
      <c r="Q5793" s="71">
        <f>IF(Input!$K$13=4,J5793*Input!$J$13,0)+IF(Input!$K$14=4,K5793*Input!$J$14,0)+IF(Input!$K$15=4,L5793*Input!$J$15,0)+IF(Input!$K$16=4,M5793*Input!$J$16,0)</f>
        <v>0</v>
      </c>
    </row>
    <row r="5794" spans="8:17" x14ac:dyDescent="0.25">
      <c r="H5794" s="43">
        <v>5787</v>
      </c>
      <c r="I5794" s="55">
        <f>Bühler!I5820</f>
        <v>0.3523249000208778</v>
      </c>
      <c r="J5794" s="58">
        <f>Bühler!J5820</f>
        <v>7.677557018772541</v>
      </c>
      <c r="K5794" s="58">
        <f>Bühler!K5820</f>
        <v>0.59141845707180707</v>
      </c>
      <c r="L5794" s="58">
        <f>Bühler!L5820</f>
        <v>0.29570922853590353</v>
      </c>
      <c r="M5794" s="57">
        <f>Bühler!M5820</f>
        <v>0</v>
      </c>
      <c r="N5794" s="55">
        <f>IF(Input!$K$13=1,J5794*Input!$J$13,0)+IF(Input!$K$14=1,K5794*Input!$J$14,0)+IF(Input!$K$15=1,L5794*Input!$J$15,0)+IF(Input!$K$16=1,M5794*Input!$J$16,0)</f>
        <v>0.92130684225270487</v>
      </c>
      <c r="O5794" s="58">
        <f>IF(Input!$K$13=2,J5794*Input!$J$13,0)+IF(Input!$K$14=2,K5794*Input!$J$14,0)+IF(Input!$K$15=2,L5794*Input!$J$15,0)+IF(Input!$K$16=2,M5794*Input!$J$16,0)</f>
        <v>7.9841491704693957E-2</v>
      </c>
      <c r="P5794" s="58">
        <f>IF(Input!$K$13=3,J5794*Input!$J$13,0)+IF(Input!$K$14=3,K5794*Input!$J$14,0)+IF(Input!$K$15=3,L5794*Input!$J$15,0)+IF(Input!$K$16=3,M5794*Input!$J$16,0)</f>
        <v>0</v>
      </c>
      <c r="Q5794" s="71">
        <f>IF(Input!$K$13=4,J5794*Input!$J$13,0)+IF(Input!$K$14=4,K5794*Input!$J$14,0)+IF(Input!$K$15=4,L5794*Input!$J$15,0)+IF(Input!$K$16=4,M5794*Input!$J$16,0)</f>
        <v>0</v>
      </c>
    </row>
    <row r="5795" spans="8:17" x14ac:dyDescent="0.25">
      <c r="H5795" s="43">
        <v>5788</v>
      </c>
      <c r="I5795" s="55">
        <f>Bühler!I5821</f>
        <v>0.3523249000208778</v>
      </c>
      <c r="J5795" s="58">
        <f>Bühler!J5821</f>
        <v>7.677557018772541</v>
      </c>
      <c r="K5795" s="58">
        <f>Bühler!K5821</f>
        <v>0.59141845707180707</v>
      </c>
      <c r="L5795" s="58">
        <f>Bühler!L5821</f>
        <v>0.29570922853590353</v>
      </c>
      <c r="M5795" s="57">
        <f>Bühler!M5821</f>
        <v>0</v>
      </c>
      <c r="N5795" s="55">
        <f>IF(Input!$K$13=1,J5795*Input!$J$13,0)+IF(Input!$K$14=1,K5795*Input!$J$14,0)+IF(Input!$K$15=1,L5795*Input!$J$15,0)+IF(Input!$K$16=1,M5795*Input!$J$16,0)</f>
        <v>0.92130684225270487</v>
      </c>
      <c r="O5795" s="58">
        <f>IF(Input!$K$13=2,J5795*Input!$J$13,0)+IF(Input!$K$14=2,K5795*Input!$J$14,0)+IF(Input!$K$15=2,L5795*Input!$J$15,0)+IF(Input!$K$16=2,M5795*Input!$J$16,0)</f>
        <v>7.9841491704693957E-2</v>
      </c>
      <c r="P5795" s="58">
        <f>IF(Input!$K$13=3,J5795*Input!$J$13,0)+IF(Input!$K$14=3,K5795*Input!$J$14,0)+IF(Input!$K$15=3,L5795*Input!$J$15,0)+IF(Input!$K$16=3,M5795*Input!$J$16,0)</f>
        <v>0</v>
      </c>
      <c r="Q5795" s="71">
        <f>IF(Input!$K$13=4,J5795*Input!$J$13,0)+IF(Input!$K$14=4,K5795*Input!$J$14,0)+IF(Input!$K$15=4,L5795*Input!$J$15,0)+IF(Input!$K$16=4,M5795*Input!$J$16,0)</f>
        <v>0</v>
      </c>
    </row>
    <row r="5796" spans="8:17" x14ac:dyDescent="0.25">
      <c r="H5796" s="43">
        <v>5789</v>
      </c>
      <c r="I5796" s="55">
        <f>Bühler!I5822</f>
        <v>0.3523249000208778</v>
      </c>
      <c r="J5796" s="58">
        <f>Bühler!J5822</f>
        <v>7.677557018772541</v>
      </c>
      <c r="K5796" s="58">
        <f>Bühler!K5822</f>
        <v>0.59141845707180707</v>
      </c>
      <c r="L5796" s="58">
        <f>Bühler!L5822</f>
        <v>0.29570922853590353</v>
      </c>
      <c r="M5796" s="57">
        <f>Bühler!M5822</f>
        <v>0</v>
      </c>
      <c r="N5796" s="55">
        <f>IF(Input!$K$13=1,J5796*Input!$J$13,0)+IF(Input!$K$14=1,K5796*Input!$J$14,0)+IF(Input!$K$15=1,L5796*Input!$J$15,0)+IF(Input!$K$16=1,M5796*Input!$J$16,0)</f>
        <v>0.92130684225270487</v>
      </c>
      <c r="O5796" s="58">
        <f>IF(Input!$K$13=2,J5796*Input!$J$13,0)+IF(Input!$K$14=2,K5796*Input!$J$14,0)+IF(Input!$K$15=2,L5796*Input!$J$15,0)+IF(Input!$K$16=2,M5796*Input!$J$16,0)</f>
        <v>7.9841491704693957E-2</v>
      </c>
      <c r="P5796" s="58">
        <f>IF(Input!$K$13=3,J5796*Input!$J$13,0)+IF(Input!$K$14=3,K5796*Input!$J$14,0)+IF(Input!$K$15=3,L5796*Input!$J$15,0)+IF(Input!$K$16=3,M5796*Input!$J$16,0)</f>
        <v>0</v>
      </c>
      <c r="Q5796" s="71">
        <f>IF(Input!$K$13=4,J5796*Input!$J$13,0)+IF(Input!$K$14=4,K5796*Input!$J$14,0)+IF(Input!$K$15=4,L5796*Input!$J$15,0)+IF(Input!$K$16=4,M5796*Input!$J$16,0)</f>
        <v>0</v>
      </c>
    </row>
    <row r="5797" spans="8:17" x14ac:dyDescent="0.25">
      <c r="H5797" s="43">
        <v>5790</v>
      </c>
      <c r="I5797" s="55">
        <f>Bühler!I5823</f>
        <v>0.3523249000208778</v>
      </c>
      <c r="J5797" s="58">
        <f>Bühler!J5823</f>
        <v>7.677557018772541</v>
      </c>
      <c r="K5797" s="58">
        <f>Bühler!K5823</f>
        <v>0.59141845707180707</v>
      </c>
      <c r="L5797" s="58">
        <f>Bühler!L5823</f>
        <v>0.29570922853590353</v>
      </c>
      <c r="M5797" s="57">
        <f>Bühler!M5823</f>
        <v>0</v>
      </c>
      <c r="N5797" s="55">
        <f>IF(Input!$K$13=1,J5797*Input!$J$13,0)+IF(Input!$K$14=1,K5797*Input!$J$14,0)+IF(Input!$K$15=1,L5797*Input!$J$15,0)+IF(Input!$K$16=1,M5797*Input!$J$16,0)</f>
        <v>0.92130684225270487</v>
      </c>
      <c r="O5797" s="58">
        <f>IF(Input!$K$13=2,J5797*Input!$J$13,0)+IF(Input!$K$14=2,K5797*Input!$J$14,0)+IF(Input!$K$15=2,L5797*Input!$J$15,0)+IF(Input!$K$16=2,M5797*Input!$J$16,0)</f>
        <v>7.9841491704693957E-2</v>
      </c>
      <c r="P5797" s="58">
        <f>IF(Input!$K$13=3,J5797*Input!$J$13,0)+IF(Input!$K$14=3,K5797*Input!$J$14,0)+IF(Input!$K$15=3,L5797*Input!$J$15,0)+IF(Input!$K$16=3,M5797*Input!$J$16,0)</f>
        <v>0</v>
      </c>
      <c r="Q5797" s="71">
        <f>IF(Input!$K$13=4,J5797*Input!$J$13,0)+IF(Input!$K$14=4,K5797*Input!$J$14,0)+IF(Input!$K$15=4,L5797*Input!$J$15,0)+IF(Input!$K$16=4,M5797*Input!$J$16,0)</f>
        <v>0</v>
      </c>
    </row>
    <row r="5798" spans="8:17" x14ac:dyDescent="0.25">
      <c r="H5798" s="43">
        <v>5791</v>
      </c>
      <c r="I5798" s="55">
        <f>Bühler!I5824</f>
        <v>0.3523249000208778</v>
      </c>
      <c r="J5798" s="58">
        <f>Bühler!J5824</f>
        <v>7.677557018772541</v>
      </c>
      <c r="K5798" s="58">
        <f>Bühler!K5824</f>
        <v>0.59141845707180707</v>
      </c>
      <c r="L5798" s="58">
        <f>Bühler!L5824</f>
        <v>0.29570922853590353</v>
      </c>
      <c r="M5798" s="57">
        <f>Bühler!M5824</f>
        <v>0</v>
      </c>
      <c r="N5798" s="55">
        <f>IF(Input!$K$13=1,J5798*Input!$J$13,0)+IF(Input!$K$14=1,K5798*Input!$J$14,0)+IF(Input!$K$15=1,L5798*Input!$J$15,0)+IF(Input!$K$16=1,M5798*Input!$J$16,0)</f>
        <v>0.92130684225270487</v>
      </c>
      <c r="O5798" s="58">
        <f>IF(Input!$K$13=2,J5798*Input!$J$13,0)+IF(Input!$K$14=2,K5798*Input!$J$14,0)+IF(Input!$K$15=2,L5798*Input!$J$15,0)+IF(Input!$K$16=2,M5798*Input!$J$16,0)</f>
        <v>7.9841491704693957E-2</v>
      </c>
      <c r="P5798" s="58">
        <f>IF(Input!$K$13=3,J5798*Input!$J$13,0)+IF(Input!$K$14=3,K5798*Input!$J$14,0)+IF(Input!$K$15=3,L5798*Input!$J$15,0)+IF(Input!$K$16=3,M5798*Input!$J$16,0)</f>
        <v>0</v>
      </c>
      <c r="Q5798" s="71">
        <f>IF(Input!$K$13=4,J5798*Input!$J$13,0)+IF(Input!$K$14=4,K5798*Input!$J$14,0)+IF(Input!$K$15=4,L5798*Input!$J$15,0)+IF(Input!$K$16=4,M5798*Input!$J$16,0)</f>
        <v>0</v>
      </c>
    </row>
    <row r="5799" spans="8:17" x14ac:dyDescent="0.25">
      <c r="H5799" s="43">
        <v>5792</v>
      </c>
      <c r="I5799" s="55">
        <f>Bühler!I5825</f>
        <v>0.97065509955751805</v>
      </c>
      <c r="J5799" s="58">
        <f>Bühler!J5825</f>
        <v>30.876182228617544</v>
      </c>
      <c r="K5799" s="58">
        <f>Bühler!K5825</f>
        <v>2.4176469654238413</v>
      </c>
      <c r="L5799" s="58">
        <f>Bühler!L5825</f>
        <v>1.2088234827119206</v>
      </c>
      <c r="M5799" s="57">
        <f>Bühler!M5825</f>
        <v>0</v>
      </c>
      <c r="N5799" s="55">
        <f>IF(Input!$K$13=1,J5799*Input!$J$13,0)+IF(Input!$K$14=1,K5799*Input!$J$14,0)+IF(Input!$K$15=1,L5799*Input!$J$15,0)+IF(Input!$K$16=1,M5799*Input!$J$16,0)</f>
        <v>3.7051418674341052</v>
      </c>
      <c r="O5799" s="58">
        <f>IF(Input!$K$13=2,J5799*Input!$J$13,0)+IF(Input!$K$14=2,K5799*Input!$J$14,0)+IF(Input!$K$15=2,L5799*Input!$J$15,0)+IF(Input!$K$16=2,M5799*Input!$J$16,0)</f>
        <v>0.32638234033221858</v>
      </c>
      <c r="P5799" s="58">
        <f>IF(Input!$K$13=3,J5799*Input!$J$13,0)+IF(Input!$K$14=3,K5799*Input!$J$14,0)+IF(Input!$K$15=3,L5799*Input!$J$15,0)+IF(Input!$K$16=3,M5799*Input!$J$16,0)</f>
        <v>0</v>
      </c>
      <c r="Q5799" s="71">
        <f>IF(Input!$K$13=4,J5799*Input!$J$13,0)+IF(Input!$K$14=4,K5799*Input!$J$14,0)+IF(Input!$K$15=4,L5799*Input!$J$15,0)+IF(Input!$K$16=4,M5799*Input!$J$16,0)</f>
        <v>0</v>
      </c>
    </row>
    <row r="5800" spans="8:17" x14ac:dyDescent="0.25">
      <c r="H5800" s="43">
        <v>5793</v>
      </c>
      <c r="I5800" s="55">
        <f>Bühler!I5826</f>
        <v>1.0830467426641783</v>
      </c>
      <c r="J5800" s="58">
        <f>Bühler!J5826</f>
        <v>34.45131911824695</v>
      </c>
      <c r="K5800" s="58">
        <f>Bühler!K5826</f>
        <v>2.6975850351044968</v>
      </c>
      <c r="L5800" s="58">
        <f>Bühler!L5826</f>
        <v>1.3487925175522484</v>
      </c>
      <c r="M5800" s="57">
        <f>Bühler!M5826</f>
        <v>0</v>
      </c>
      <c r="N5800" s="55">
        <f>IF(Input!$K$13=1,J5800*Input!$J$13,0)+IF(Input!$K$14=1,K5800*Input!$J$14,0)+IF(Input!$K$15=1,L5800*Input!$J$15,0)+IF(Input!$K$16=1,M5800*Input!$J$16,0)</f>
        <v>4.1341582941896338</v>
      </c>
      <c r="O5800" s="58">
        <f>IF(Input!$K$13=2,J5800*Input!$J$13,0)+IF(Input!$K$14=2,K5800*Input!$J$14,0)+IF(Input!$K$15=2,L5800*Input!$J$15,0)+IF(Input!$K$16=2,M5800*Input!$J$16,0)</f>
        <v>0.36417397973910703</v>
      </c>
      <c r="P5800" s="58">
        <f>IF(Input!$K$13=3,J5800*Input!$J$13,0)+IF(Input!$K$14=3,K5800*Input!$J$14,0)+IF(Input!$K$15=3,L5800*Input!$J$15,0)+IF(Input!$K$16=3,M5800*Input!$J$16,0)</f>
        <v>0</v>
      </c>
      <c r="Q5800" s="71">
        <f>IF(Input!$K$13=4,J5800*Input!$J$13,0)+IF(Input!$K$14=4,K5800*Input!$J$14,0)+IF(Input!$K$15=4,L5800*Input!$J$15,0)+IF(Input!$K$16=4,M5800*Input!$J$16,0)</f>
        <v>0</v>
      </c>
    </row>
    <row r="5801" spans="8:17" x14ac:dyDescent="0.25">
      <c r="H5801" s="43">
        <v>5794</v>
      </c>
      <c r="I5801" s="55">
        <f>Bühler!I5827</f>
        <v>1.1954383857708379</v>
      </c>
      <c r="J5801" s="58">
        <f>Bühler!J5827</f>
        <v>38.026456007876355</v>
      </c>
      <c r="K5801" s="58">
        <f>Bühler!K5827</f>
        <v>2.9775231047851518</v>
      </c>
      <c r="L5801" s="58">
        <f>Bühler!L5827</f>
        <v>1.4887615523925759</v>
      </c>
      <c r="M5801" s="57">
        <f>Bühler!M5827</f>
        <v>0</v>
      </c>
      <c r="N5801" s="55">
        <f>IF(Input!$K$13=1,J5801*Input!$J$13,0)+IF(Input!$K$14=1,K5801*Input!$J$14,0)+IF(Input!$K$15=1,L5801*Input!$J$15,0)+IF(Input!$K$16=1,M5801*Input!$J$16,0)</f>
        <v>4.5631747209451623</v>
      </c>
      <c r="O5801" s="58">
        <f>IF(Input!$K$13=2,J5801*Input!$J$13,0)+IF(Input!$K$14=2,K5801*Input!$J$14,0)+IF(Input!$K$15=2,L5801*Input!$J$15,0)+IF(Input!$K$16=2,M5801*Input!$J$16,0)</f>
        <v>0.40196561914599549</v>
      </c>
      <c r="P5801" s="58">
        <f>IF(Input!$K$13=3,J5801*Input!$J$13,0)+IF(Input!$K$14=3,K5801*Input!$J$14,0)+IF(Input!$K$15=3,L5801*Input!$J$15,0)+IF(Input!$K$16=3,M5801*Input!$J$16,0)</f>
        <v>0</v>
      </c>
      <c r="Q5801" s="71">
        <f>IF(Input!$K$13=4,J5801*Input!$J$13,0)+IF(Input!$K$14=4,K5801*Input!$J$14,0)+IF(Input!$K$15=4,L5801*Input!$J$15,0)+IF(Input!$K$16=4,M5801*Input!$J$16,0)</f>
        <v>0</v>
      </c>
    </row>
    <row r="5802" spans="8:17" x14ac:dyDescent="0.25">
      <c r="H5802" s="43">
        <v>5795</v>
      </c>
      <c r="I5802" s="55">
        <f>Bühler!I5828</f>
        <v>1.1954383857708379</v>
      </c>
      <c r="J5802" s="58">
        <f>Bühler!J5828</f>
        <v>38.026456007876355</v>
      </c>
      <c r="K5802" s="58">
        <f>Bühler!K5828</f>
        <v>2.9775231047851518</v>
      </c>
      <c r="L5802" s="58">
        <f>Bühler!L5828</f>
        <v>1.4887615523925759</v>
      </c>
      <c r="M5802" s="57">
        <f>Bühler!M5828</f>
        <v>0</v>
      </c>
      <c r="N5802" s="55">
        <f>IF(Input!$K$13=1,J5802*Input!$J$13,0)+IF(Input!$K$14=1,K5802*Input!$J$14,0)+IF(Input!$K$15=1,L5802*Input!$J$15,0)+IF(Input!$K$16=1,M5802*Input!$J$16,0)</f>
        <v>4.5631747209451623</v>
      </c>
      <c r="O5802" s="58">
        <f>IF(Input!$K$13=2,J5802*Input!$J$13,0)+IF(Input!$K$14=2,K5802*Input!$J$14,0)+IF(Input!$K$15=2,L5802*Input!$J$15,0)+IF(Input!$K$16=2,M5802*Input!$J$16,0)</f>
        <v>0.40196561914599549</v>
      </c>
      <c r="P5802" s="58">
        <f>IF(Input!$K$13=3,J5802*Input!$J$13,0)+IF(Input!$K$14=3,K5802*Input!$J$14,0)+IF(Input!$K$15=3,L5802*Input!$J$15,0)+IF(Input!$K$16=3,M5802*Input!$J$16,0)</f>
        <v>0</v>
      </c>
      <c r="Q5802" s="71">
        <f>IF(Input!$K$13=4,J5802*Input!$J$13,0)+IF(Input!$K$14=4,K5802*Input!$J$14,0)+IF(Input!$K$15=4,L5802*Input!$J$15,0)+IF(Input!$K$16=4,M5802*Input!$J$16,0)</f>
        <v>0</v>
      </c>
    </row>
    <row r="5803" spans="8:17" x14ac:dyDescent="0.25">
      <c r="H5803" s="43">
        <v>5796</v>
      </c>
      <c r="I5803" s="55">
        <f>Bühler!I5829</f>
        <v>1.4304390940847633</v>
      </c>
      <c r="J5803" s="58">
        <f>Bühler!J5829</f>
        <v>45.501742231646922</v>
      </c>
      <c r="K5803" s="58">
        <f>Bühler!K5829</f>
        <v>3.5628481595719772</v>
      </c>
      <c r="L5803" s="58">
        <f>Bühler!L5829</f>
        <v>1.7814240797859886</v>
      </c>
      <c r="M5803" s="57">
        <f>Bühler!M5829</f>
        <v>0</v>
      </c>
      <c r="N5803" s="55">
        <f>IF(Input!$K$13=1,J5803*Input!$J$13,0)+IF(Input!$K$14=1,K5803*Input!$J$14,0)+IF(Input!$K$15=1,L5803*Input!$J$15,0)+IF(Input!$K$16=1,M5803*Input!$J$16,0)</f>
        <v>5.4602090677976305</v>
      </c>
      <c r="O5803" s="58">
        <f>IF(Input!$K$13=2,J5803*Input!$J$13,0)+IF(Input!$K$14=2,K5803*Input!$J$14,0)+IF(Input!$K$15=2,L5803*Input!$J$15,0)+IF(Input!$K$16=2,M5803*Input!$J$16,0)</f>
        <v>0.48098450154221689</v>
      </c>
      <c r="P5803" s="58">
        <f>IF(Input!$K$13=3,J5803*Input!$J$13,0)+IF(Input!$K$14=3,K5803*Input!$J$14,0)+IF(Input!$K$15=3,L5803*Input!$J$15,0)+IF(Input!$K$16=3,M5803*Input!$J$16,0)</f>
        <v>0</v>
      </c>
      <c r="Q5803" s="71">
        <f>IF(Input!$K$13=4,J5803*Input!$J$13,0)+IF(Input!$K$14=4,K5803*Input!$J$14,0)+IF(Input!$K$15=4,L5803*Input!$J$15,0)+IF(Input!$K$16=4,M5803*Input!$J$16,0)</f>
        <v>0</v>
      </c>
    </row>
    <row r="5804" spans="8:17" x14ac:dyDescent="0.25">
      <c r="H5804" s="43">
        <v>5797</v>
      </c>
      <c r="I5804" s="55">
        <f>Bühler!I5830</f>
        <v>1.4304390940847633</v>
      </c>
      <c r="J5804" s="58">
        <f>Bühler!J5830</f>
        <v>45.501742231646922</v>
      </c>
      <c r="K5804" s="58">
        <f>Bühler!K5830</f>
        <v>3.5628481595719772</v>
      </c>
      <c r="L5804" s="58">
        <f>Bühler!L5830</f>
        <v>1.7814240797859886</v>
      </c>
      <c r="M5804" s="57">
        <f>Bühler!M5830</f>
        <v>0</v>
      </c>
      <c r="N5804" s="55">
        <f>IF(Input!$K$13=1,J5804*Input!$J$13,0)+IF(Input!$K$14=1,K5804*Input!$J$14,0)+IF(Input!$K$15=1,L5804*Input!$J$15,0)+IF(Input!$K$16=1,M5804*Input!$J$16,0)</f>
        <v>5.4602090677976305</v>
      </c>
      <c r="O5804" s="58">
        <f>IF(Input!$K$13=2,J5804*Input!$J$13,0)+IF(Input!$K$14=2,K5804*Input!$J$14,0)+IF(Input!$K$15=2,L5804*Input!$J$15,0)+IF(Input!$K$16=2,M5804*Input!$J$16,0)</f>
        <v>0.48098450154221689</v>
      </c>
      <c r="P5804" s="58">
        <f>IF(Input!$K$13=3,J5804*Input!$J$13,0)+IF(Input!$K$14=3,K5804*Input!$J$14,0)+IF(Input!$K$15=3,L5804*Input!$J$15,0)+IF(Input!$K$16=3,M5804*Input!$J$16,0)</f>
        <v>0</v>
      </c>
      <c r="Q5804" s="71">
        <f>IF(Input!$K$13=4,J5804*Input!$J$13,0)+IF(Input!$K$14=4,K5804*Input!$J$14,0)+IF(Input!$K$15=4,L5804*Input!$J$15,0)+IF(Input!$K$16=4,M5804*Input!$J$16,0)</f>
        <v>0</v>
      </c>
    </row>
    <row r="5805" spans="8:17" x14ac:dyDescent="0.25">
      <c r="H5805" s="43">
        <v>5798</v>
      </c>
      <c r="I5805" s="55">
        <f>Bühler!I5831</f>
        <v>0.95022025535630716</v>
      </c>
      <c r="J5805" s="58">
        <f>Bühler!J5831</f>
        <v>30.226157339594021</v>
      </c>
      <c r="K5805" s="58">
        <f>Bühler!K5831</f>
        <v>2.3667491345728133</v>
      </c>
      <c r="L5805" s="58">
        <f>Bühler!L5831</f>
        <v>1.1833745672864067</v>
      </c>
      <c r="M5805" s="57">
        <f>Bühler!M5831</f>
        <v>0</v>
      </c>
      <c r="N5805" s="55">
        <f>IF(Input!$K$13=1,J5805*Input!$J$13,0)+IF(Input!$K$14=1,K5805*Input!$J$14,0)+IF(Input!$K$15=1,L5805*Input!$J$15,0)+IF(Input!$K$16=1,M5805*Input!$J$16,0)</f>
        <v>3.6271388807512825</v>
      </c>
      <c r="O5805" s="58">
        <f>IF(Input!$K$13=2,J5805*Input!$J$13,0)+IF(Input!$K$14=2,K5805*Input!$J$14,0)+IF(Input!$K$15=2,L5805*Input!$J$15,0)+IF(Input!$K$16=2,M5805*Input!$J$16,0)</f>
        <v>0.31951113316732976</v>
      </c>
      <c r="P5805" s="58">
        <f>IF(Input!$K$13=3,J5805*Input!$J$13,0)+IF(Input!$K$14=3,K5805*Input!$J$14,0)+IF(Input!$K$15=3,L5805*Input!$J$15,0)+IF(Input!$K$16=3,M5805*Input!$J$16,0)</f>
        <v>0</v>
      </c>
      <c r="Q5805" s="71">
        <f>IF(Input!$K$13=4,J5805*Input!$J$13,0)+IF(Input!$K$14=4,K5805*Input!$J$14,0)+IF(Input!$K$15=4,L5805*Input!$J$15,0)+IF(Input!$K$16=4,M5805*Input!$J$16,0)</f>
        <v>0</v>
      </c>
    </row>
    <row r="5806" spans="8:17" x14ac:dyDescent="0.25">
      <c r="H5806" s="43">
        <v>5799</v>
      </c>
      <c r="I5806" s="55">
        <f>Bühler!I5832</f>
        <v>1.4304390940847633</v>
      </c>
      <c r="J5806" s="58">
        <f>Bühler!J5832</f>
        <v>45.501742231646922</v>
      </c>
      <c r="K5806" s="58">
        <f>Bühler!K5832</f>
        <v>3.5628481595719772</v>
      </c>
      <c r="L5806" s="58">
        <f>Bühler!L5832</f>
        <v>1.7814240797859886</v>
      </c>
      <c r="M5806" s="57">
        <f>Bühler!M5832</f>
        <v>0</v>
      </c>
      <c r="N5806" s="55">
        <f>IF(Input!$K$13=1,J5806*Input!$J$13,0)+IF(Input!$K$14=1,K5806*Input!$J$14,0)+IF(Input!$K$15=1,L5806*Input!$J$15,0)+IF(Input!$K$16=1,M5806*Input!$J$16,0)</f>
        <v>5.4602090677976305</v>
      </c>
      <c r="O5806" s="58">
        <f>IF(Input!$K$13=2,J5806*Input!$J$13,0)+IF(Input!$K$14=2,K5806*Input!$J$14,0)+IF(Input!$K$15=2,L5806*Input!$J$15,0)+IF(Input!$K$16=2,M5806*Input!$J$16,0)</f>
        <v>0.48098450154221689</v>
      </c>
      <c r="P5806" s="58">
        <f>IF(Input!$K$13=3,J5806*Input!$J$13,0)+IF(Input!$K$14=3,K5806*Input!$J$14,0)+IF(Input!$K$15=3,L5806*Input!$J$15,0)+IF(Input!$K$16=3,M5806*Input!$J$16,0)</f>
        <v>0</v>
      </c>
      <c r="Q5806" s="71">
        <f>IF(Input!$K$13=4,J5806*Input!$J$13,0)+IF(Input!$K$14=4,K5806*Input!$J$14,0)+IF(Input!$K$15=4,L5806*Input!$J$15,0)+IF(Input!$K$16=4,M5806*Input!$J$16,0)</f>
        <v>0</v>
      </c>
    </row>
    <row r="5807" spans="8:17" x14ac:dyDescent="0.25">
      <c r="H5807" s="43">
        <v>5800</v>
      </c>
      <c r="I5807" s="55">
        <f>Bühler!I5833</f>
        <v>1.4304390940847633</v>
      </c>
      <c r="J5807" s="58">
        <f>Bühler!J5833</f>
        <v>45.501742231646922</v>
      </c>
      <c r="K5807" s="58">
        <f>Bühler!K5833</f>
        <v>3.5628481595719772</v>
      </c>
      <c r="L5807" s="58">
        <f>Bühler!L5833</f>
        <v>1.7814240797859886</v>
      </c>
      <c r="M5807" s="57">
        <f>Bühler!M5833</f>
        <v>0</v>
      </c>
      <c r="N5807" s="55">
        <f>IF(Input!$K$13=1,J5807*Input!$J$13,0)+IF(Input!$K$14=1,K5807*Input!$J$14,0)+IF(Input!$K$15=1,L5807*Input!$J$15,0)+IF(Input!$K$16=1,M5807*Input!$J$16,0)</f>
        <v>5.4602090677976305</v>
      </c>
      <c r="O5807" s="58">
        <f>IF(Input!$K$13=2,J5807*Input!$J$13,0)+IF(Input!$K$14=2,K5807*Input!$J$14,0)+IF(Input!$K$15=2,L5807*Input!$J$15,0)+IF(Input!$K$16=2,M5807*Input!$J$16,0)</f>
        <v>0.48098450154221689</v>
      </c>
      <c r="P5807" s="58">
        <f>IF(Input!$K$13=3,J5807*Input!$J$13,0)+IF(Input!$K$14=3,K5807*Input!$J$14,0)+IF(Input!$K$15=3,L5807*Input!$J$15,0)+IF(Input!$K$16=3,M5807*Input!$J$16,0)</f>
        <v>0</v>
      </c>
      <c r="Q5807" s="71">
        <f>IF(Input!$K$13=4,J5807*Input!$J$13,0)+IF(Input!$K$14=4,K5807*Input!$J$14,0)+IF(Input!$K$15=4,L5807*Input!$J$15,0)+IF(Input!$K$16=4,M5807*Input!$J$16,0)</f>
        <v>0</v>
      </c>
    </row>
    <row r="5808" spans="8:17" x14ac:dyDescent="0.25">
      <c r="H5808" s="43">
        <v>5801</v>
      </c>
      <c r="I5808" s="55">
        <f>Bühler!I5834</f>
        <v>1.1952622233208277</v>
      </c>
      <c r="J5808" s="58">
        <f>Bühler!J5834</f>
        <v>27.195211980576456</v>
      </c>
      <c r="K5808" s="58">
        <f>Bühler!K5834</f>
        <v>2.0995355226049148</v>
      </c>
      <c r="L5808" s="58">
        <f>Bühler!L5834</f>
        <v>1.0497677613024574</v>
      </c>
      <c r="M5808" s="57">
        <f>Bühler!M5834</f>
        <v>0</v>
      </c>
      <c r="N5808" s="55">
        <f>IF(Input!$K$13=1,J5808*Input!$J$13,0)+IF(Input!$K$14=1,K5808*Input!$J$14,0)+IF(Input!$K$15=1,L5808*Input!$J$15,0)+IF(Input!$K$16=1,M5808*Input!$J$16,0)</f>
        <v>3.2634254376691745</v>
      </c>
      <c r="O5808" s="58">
        <f>IF(Input!$K$13=2,J5808*Input!$J$13,0)+IF(Input!$K$14=2,K5808*Input!$J$14,0)+IF(Input!$K$15=2,L5808*Input!$J$15,0)+IF(Input!$K$16=2,M5808*Input!$J$16,0)</f>
        <v>0.28343729555166353</v>
      </c>
      <c r="P5808" s="58">
        <f>IF(Input!$K$13=3,J5808*Input!$J$13,0)+IF(Input!$K$14=3,K5808*Input!$J$14,0)+IF(Input!$K$15=3,L5808*Input!$J$15,0)+IF(Input!$K$16=3,M5808*Input!$J$16,0)</f>
        <v>0</v>
      </c>
      <c r="Q5808" s="71">
        <f>IF(Input!$K$13=4,J5808*Input!$J$13,0)+IF(Input!$K$14=4,K5808*Input!$J$14,0)+IF(Input!$K$15=4,L5808*Input!$J$15,0)+IF(Input!$K$16=4,M5808*Input!$J$16,0)</f>
        <v>0</v>
      </c>
    </row>
    <row r="5809" spans="8:17" x14ac:dyDescent="0.25">
      <c r="H5809" s="43">
        <v>5802</v>
      </c>
      <c r="I5809" s="55">
        <f>Bühler!I5835</f>
        <v>0.95039641780631756</v>
      </c>
      <c r="J5809" s="58">
        <f>Bühler!J5835</f>
        <v>12.083947195678949</v>
      </c>
      <c r="K5809" s="58">
        <f>Bühler!K5835</f>
        <v>0.89608857132091968</v>
      </c>
      <c r="L5809" s="58">
        <f>Bühler!L5835</f>
        <v>0.44804428566045984</v>
      </c>
      <c r="M5809" s="57">
        <f>Bühler!M5835</f>
        <v>0</v>
      </c>
      <c r="N5809" s="55">
        <f>IF(Input!$K$13=1,J5809*Input!$J$13,0)+IF(Input!$K$14=1,K5809*Input!$J$14,0)+IF(Input!$K$15=1,L5809*Input!$J$15,0)+IF(Input!$K$16=1,M5809*Input!$J$16,0)</f>
        <v>1.4500736634814737</v>
      </c>
      <c r="O5809" s="58">
        <f>IF(Input!$K$13=2,J5809*Input!$J$13,0)+IF(Input!$K$14=2,K5809*Input!$J$14,0)+IF(Input!$K$15=2,L5809*Input!$J$15,0)+IF(Input!$K$16=2,M5809*Input!$J$16,0)</f>
        <v>0.12097195712832415</v>
      </c>
      <c r="P5809" s="58">
        <f>IF(Input!$K$13=3,J5809*Input!$J$13,0)+IF(Input!$K$14=3,K5809*Input!$J$14,0)+IF(Input!$K$15=3,L5809*Input!$J$15,0)+IF(Input!$K$16=3,M5809*Input!$J$16,0)</f>
        <v>0</v>
      </c>
      <c r="Q5809" s="71">
        <f>IF(Input!$K$13=4,J5809*Input!$J$13,0)+IF(Input!$K$14=4,K5809*Input!$J$14,0)+IF(Input!$K$15=4,L5809*Input!$J$15,0)+IF(Input!$K$16=4,M5809*Input!$J$16,0)</f>
        <v>0</v>
      </c>
    </row>
    <row r="5810" spans="8:17" x14ac:dyDescent="0.25">
      <c r="H5810" s="43">
        <v>5803</v>
      </c>
      <c r="I5810" s="55">
        <f>Bühler!I5836</f>
        <v>0.3523249000208778</v>
      </c>
      <c r="J5810" s="58">
        <f>Bühler!J5836</f>
        <v>7.677557018772541</v>
      </c>
      <c r="K5810" s="58">
        <f>Bühler!K5836</f>
        <v>0.59141845707180707</v>
      </c>
      <c r="L5810" s="58">
        <f>Bühler!L5836</f>
        <v>0.29570922853590353</v>
      </c>
      <c r="M5810" s="57">
        <f>Bühler!M5836</f>
        <v>0</v>
      </c>
      <c r="N5810" s="55">
        <f>IF(Input!$K$13=1,J5810*Input!$J$13,0)+IF(Input!$K$14=1,K5810*Input!$J$14,0)+IF(Input!$K$15=1,L5810*Input!$J$15,0)+IF(Input!$K$16=1,M5810*Input!$J$16,0)</f>
        <v>0.92130684225270487</v>
      </c>
      <c r="O5810" s="58">
        <f>IF(Input!$K$13=2,J5810*Input!$J$13,0)+IF(Input!$K$14=2,K5810*Input!$J$14,0)+IF(Input!$K$15=2,L5810*Input!$J$15,0)+IF(Input!$K$16=2,M5810*Input!$J$16,0)</f>
        <v>7.9841491704693957E-2</v>
      </c>
      <c r="P5810" s="58">
        <f>IF(Input!$K$13=3,J5810*Input!$J$13,0)+IF(Input!$K$14=3,K5810*Input!$J$14,0)+IF(Input!$K$15=3,L5810*Input!$J$15,0)+IF(Input!$K$16=3,M5810*Input!$J$16,0)</f>
        <v>0</v>
      </c>
      <c r="Q5810" s="71">
        <f>IF(Input!$K$13=4,J5810*Input!$J$13,0)+IF(Input!$K$14=4,K5810*Input!$J$14,0)+IF(Input!$K$15=4,L5810*Input!$J$15,0)+IF(Input!$K$16=4,M5810*Input!$J$16,0)</f>
        <v>0</v>
      </c>
    </row>
    <row r="5811" spans="8:17" x14ac:dyDescent="0.25">
      <c r="H5811" s="43">
        <v>5804</v>
      </c>
      <c r="I5811" s="55">
        <f>Bühler!I5837</f>
        <v>0.3523249000208778</v>
      </c>
      <c r="J5811" s="58">
        <f>Bühler!J5837</f>
        <v>7.677557018772541</v>
      </c>
      <c r="K5811" s="58">
        <f>Bühler!K5837</f>
        <v>0.59141845707180707</v>
      </c>
      <c r="L5811" s="58">
        <f>Bühler!L5837</f>
        <v>0.29570922853590353</v>
      </c>
      <c r="M5811" s="57">
        <f>Bühler!M5837</f>
        <v>0</v>
      </c>
      <c r="N5811" s="55">
        <f>IF(Input!$K$13=1,J5811*Input!$J$13,0)+IF(Input!$K$14=1,K5811*Input!$J$14,0)+IF(Input!$K$15=1,L5811*Input!$J$15,0)+IF(Input!$K$16=1,M5811*Input!$J$16,0)</f>
        <v>0.92130684225270487</v>
      </c>
      <c r="O5811" s="58">
        <f>IF(Input!$K$13=2,J5811*Input!$J$13,0)+IF(Input!$K$14=2,K5811*Input!$J$14,0)+IF(Input!$K$15=2,L5811*Input!$J$15,0)+IF(Input!$K$16=2,M5811*Input!$J$16,0)</f>
        <v>7.9841491704693957E-2</v>
      </c>
      <c r="P5811" s="58">
        <f>IF(Input!$K$13=3,J5811*Input!$J$13,0)+IF(Input!$K$14=3,K5811*Input!$J$14,0)+IF(Input!$K$15=3,L5811*Input!$J$15,0)+IF(Input!$K$16=3,M5811*Input!$J$16,0)</f>
        <v>0</v>
      </c>
      <c r="Q5811" s="71">
        <f>IF(Input!$K$13=4,J5811*Input!$J$13,0)+IF(Input!$K$14=4,K5811*Input!$J$14,0)+IF(Input!$K$15=4,L5811*Input!$J$15,0)+IF(Input!$K$16=4,M5811*Input!$J$16,0)</f>
        <v>0</v>
      </c>
    </row>
    <row r="5812" spans="8:17" x14ac:dyDescent="0.25">
      <c r="H5812" s="43">
        <v>5805</v>
      </c>
      <c r="I5812" s="55">
        <f>Bühler!I5838</f>
        <v>0.3523249000208778</v>
      </c>
      <c r="J5812" s="58">
        <f>Bühler!J5838</f>
        <v>7.677557018772541</v>
      </c>
      <c r="K5812" s="58">
        <f>Bühler!K5838</f>
        <v>0.59141845707180707</v>
      </c>
      <c r="L5812" s="58">
        <f>Bühler!L5838</f>
        <v>0.29570922853590353</v>
      </c>
      <c r="M5812" s="57">
        <f>Bühler!M5838</f>
        <v>0</v>
      </c>
      <c r="N5812" s="55">
        <f>IF(Input!$K$13=1,J5812*Input!$J$13,0)+IF(Input!$K$14=1,K5812*Input!$J$14,0)+IF(Input!$K$15=1,L5812*Input!$J$15,0)+IF(Input!$K$16=1,M5812*Input!$J$16,0)</f>
        <v>0.92130684225270487</v>
      </c>
      <c r="O5812" s="58">
        <f>IF(Input!$K$13=2,J5812*Input!$J$13,0)+IF(Input!$K$14=2,K5812*Input!$J$14,0)+IF(Input!$K$15=2,L5812*Input!$J$15,0)+IF(Input!$K$16=2,M5812*Input!$J$16,0)</f>
        <v>7.9841491704693957E-2</v>
      </c>
      <c r="P5812" s="58">
        <f>IF(Input!$K$13=3,J5812*Input!$J$13,0)+IF(Input!$K$14=3,K5812*Input!$J$14,0)+IF(Input!$K$15=3,L5812*Input!$J$15,0)+IF(Input!$K$16=3,M5812*Input!$J$16,0)</f>
        <v>0</v>
      </c>
      <c r="Q5812" s="71">
        <f>IF(Input!$K$13=4,J5812*Input!$J$13,0)+IF(Input!$K$14=4,K5812*Input!$J$14,0)+IF(Input!$K$15=4,L5812*Input!$J$15,0)+IF(Input!$K$16=4,M5812*Input!$J$16,0)</f>
        <v>0</v>
      </c>
    </row>
    <row r="5813" spans="8:17" x14ac:dyDescent="0.25">
      <c r="H5813" s="43">
        <v>5806</v>
      </c>
      <c r="I5813" s="55">
        <f>Bühler!I5839</f>
        <v>0.3523249000208778</v>
      </c>
      <c r="J5813" s="58">
        <f>Bühler!J5839</f>
        <v>7.677557018772541</v>
      </c>
      <c r="K5813" s="58">
        <f>Bühler!K5839</f>
        <v>0.59141845707180707</v>
      </c>
      <c r="L5813" s="58">
        <f>Bühler!L5839</f>
        <v>0.29570922853590353</v>
      </c>
      <c r="M5813" s="57">
        <f>Bühler!M5839</f>
        <v>0</v>
      </c>
      <c r="N5813" s="55">
        <f>IF(Input!$K$13=1,J5813*Input!$J$13,0)+IF(Input!$K$14=1,K5813*Input!$J$14,0)+IF(Input!$K$15=1,L5813*Input!$J$15,0)+IF(Input!$K$16=1,M5813*Input!$J$16,0)</f>
        <v>0.92130684225270487</v>
      </c>
      <c r="O5813" s="58">
        <f>IF(Input!$K$13=2,J5813*Input!$J$13,0)+IF(Input!$K$14=2,K5813*Input!$J$14,0)+IF(Input!$K$15=2,L5813*Input!$J$15,0)+IF(Input!$K$16=2,M5813*Input!$J$16,0)</f>
        <v>7.9841491704693957E-2</v>
      </c>
      <c r="P5813" s="58">
        <f>IF(Input!$K$13=3,J5813*Input!$J$13,0)+IF(Input!$K$14=3,K5813*Input!$J$14,0)+IF(Input!$K$15=3,L5813*Input!$J$15,0)+IF(Input!$K$16=3,M5813*Input!$J$16,0)</f>
        <v>0</v>
      </c>
      <c r="Q5813" s="71">
        <f>IF(Input!$K$13=4,J5813*Input!$J$13,0)+IF(Input!$K$14=4,K5813*Input!$J$14,0)+IF(Input!$K$15=4,L5813*Input!$J$15,0)+IF(Input!$K$16=4,M5813*Input!$J$16,0)</f>
        <v>0</v>
      </c>
    </row>
    <row r="5814" spans="8:17" x14ac:dyDescent="0.25">
      <c r="H5814" s="43">
        <v>5807</v>
      </c>
      <c r="I5814" s="55">
        <f>Bühler!I5840</f>
        <v>0.3523249000208778</v>
      </c>
      <c r="J5814" s="58">
        <f>Bühler!J5840</f>
        <v>7.677557018772541</v>
      </c>
      <c r="K5814" s="58">
        <f>Bühler!K5840</f>
        <v>0.59141845707180707</v>
      </c>
      <c r="L5814" s="58">
        <f>Bühler!L5840</f>
        <v>0.29570922853590353</v>
      </c>
      <c r="M5814" s="57">
        <f>Bühler!M5840</f>
        <v>0</v>
      </c>
      <c r="N5814" s="55">
        <f>IF(Input!$K$13=1,J5814*Input!$J$13,0)+IF(Input!$K$14=1,K5814*Input!$J$14,0)+IF(Input!$K$15=1,L5814*Input!$J$15,0)+IF(Input!$K$16=1,M5814*Input!$J$16,0)</f>
        <v>0.92130684225270487</v>
      </c>
      <c r="O5814" s="58">
        <f>IF(Input!$K$13=2,J5814*Input!$J$13,0)+IF(Input!$K$14=2,K5814*Input!$J$14,0)+IF(Input!$K$15=2,L5814*Input!$J$15,0)+IF(Input!$K$16=2,M5814*Input!$J$16,0)</f>
        <v>7.9841491704693957E-2</v>
      </c>
      <c r="P5814" s="58">
        <f>IF(Input!$K$13=3,J5814*Input!$J$13,0)+IF(Input!$K$14=3,K5814*Input!$J$14,0)+IF(Input!$K$15=3,L5814*Input!$J$15,0)+IF(Input!$K$16=3,M5814*Input!$J$16,0)</f>
        <v>0</v>
      </c>
      <c r="Q5814" s="71">
        <f>IF(Input!$K$13=4,J5814*Input!$J$13,0)+IF(Input!$K$14=4,K5814*Input!$J$14,0)+IF(Input!$K$15=4,L5814*Input!$J$15,0)+IF(Input!$K$16=4,M5814*Input!$J$16,0)</f>
        <v>0</v>
      </c>
    </row>
    <row r="5815" spans="8:17" x14ac:dyDescent="0.25">
      <c r="H5815" s="43">
        <v>5808</v>
      </c>
      <c r="I5815" s="55">
        <f>Bühler!I5841</f>
        <v>0.3523249000208778</v>
      </c>
      <c r="J5815" s="58">
        <f>Bühler!J5841</f>
        <v>7.677557018772541</v>
      </c>
      <c r="K5815" s="58">
        <f>Bühler!K5841</f>
        <v>0.59141845707180707</v>
      </c>
      <c r="L5815" s="58">
        <f>Bühler!L5841</f>
        <v>0.29570922853590353</v>
      </c>
      <c r="M5815" s="57">
        <f>Bühler!M5841</f>
        <v>0</v>
      </c>
      <c r="N5815" s="55">
        <f>IF(Input!$K$13=1,J5815*Input!$J$13,0)+IF(Input!$K$14=1,K5815*Input!$J$14,0)+IF(Input!$K$15=1,L5815*Input!$J$15,0)+IF(Input!$K$16=1,M5815*Input!$J$16,0)</f>
        <v>0.92130684225270487</v>
      </c>
      <c r="O5815" s="58">
        <f>IF(Input!$K$13=2,J5815*Input!$J$13,0)+IF(Input!$K$14=2,K5815*Input!$J$14,0)+IF(Input!$K$15=2,L5815*Input!$J$15,0)+IF(Input!$K$16=2,M5815*Input!$J$16,0)</f>
        <v>7.9841491704693957E-2</v>
      </c>
      <c r="P5815" s="58">
        <f>IF(Input!$K$13=3,J5815*Input!$J$13,0)+IF(Input!$K$14=3,K5815*Input!$J$14,0)+IF(Input!$K$15=3,L5815*Input!$J$15,0)+IF(Input!$K$16=3,M5815*Input!$J$16,0)</f>
        <v>0</v>
      </c>
      <c r="Q5815" s="71">
        <f>IF(Input!$K$13=4,J5815*Input!$J$13,0)+IF(Input!$K$14=4,K5815*Input!$J$14,0)+IF(Input!$K$15=4,L5815*Input!$J$15,0)+IF(Input!$K$16=4,M5815*Input!$J$16,0)</f>
        <v>0</v>
      </c>
    </row>
    <row r="5816" spans="8:17" x14ac:dyDescent="0.25">
      <c r="H5816" s="43">
        <v>5809</v>
      </c>
      <c r="I5816" s="55">
        <f>Bühler!I5842</f>
        <v>0.23767772645228255</v>
      </c>
      <c r="J5816" s="58">
        <f>Bühler!J5842</f>
        <v>7.3030528967369452</v>
      </c>
      <c r="K5816" s="58">
        <f>Bühler!K5842</f>
        <v>0.58156394702089109</v>
      </c>
      <c r="L5816" s="58">
        <f>Bühler!L5842</f>
        <v>0.29078197351044555</v>
      </c>
      <c r="M5816" s="57">
        <f>Bühler!M5842</f>
        <v>0</v>
      </c>
      <c r="N5816" s="55">
        <f>IF(Input!$K$13=1,J5816*Input!$J$13,0)+IF(Input!$K$14=1,K5816*Input!$J$14,0)+IF(Input!$K$15=1,L5816*Input!$J$15,0)+IF(Input!$K$16=1,M5816*Input!$J$16,0)</f>
        <v>0.87636634760843335</v>
      </c>
      <c r="O5816" s="58">
        <f>IF(Input!$K$13=2,J5816*Input!$J$13,0)+IF(Input!$K$14=2,K5816*Input!$J$14,0)+IF(Input!$K$15=2,L5816*Input!$J$15,0)+IF(Input!$K$16=2,M5816*Input!$J$16,0)</f>
        <v>7.8511132847820297E-2</v>
      </c>
      <c r="P5816" s="58">
        <f>IF(Input!$K$13=3,J5816*Input!$J$13,0)+IF(Input!$K$14=3,K5816*Input!$J$14,0)+IF(Input!$K$15=3,L5816*Input!$J$15,0)+IF(Input!$K$16=3,M5816*Input!$J$16,0)</f>
        <v>0</v>
      </c>
      <c r="Q5816" s="71">
        <f>IF(Input!$K$13=4,J5816*Input!$J$13,0)+IF(Input!$K$14=4,K5816*Input!$J$14,0)+IF(Input!$K$15=4,L5816*Input!$J$15,0)+IF(Input!$K$16=4,M5816*Input!$J$16,0)</f>
        <v>0</v>
      </c>
    </row>
    <row r="5817" spans="8:17" x14ac:dyDescent="0.25">
      <c r="H5817" s="43">
        <v>5810</v>
      </c>
      <c r="I5817" s="55">
        <f>Bühler!I5843</f>
        <v>0.23767772645228255</v>
      </c>
      <c r="J5817" s="58">
        <f>Bühler!J5843</f>
        <v>7.3030528967369452</v>
      </c>
      <c r="K5817" s="58">
        <f>Bühler!K5843</f>
        <v>0.58156394702089109</v>
      </c>
      <c r="L5817" s="58">
        <f>Bühler!L5843</f>
        <v>0.29078197351044555</v>
      </c>
      <c r="M5817" s="57">
        <f>Bühler!M5843</f>
        <v>0</v>
      </c>
      <c r="N5817" s="55">
        <f>IF(Input!$K$13=1,J5817*Input!$J$13,0)+IF(Input!$K$14=1,K5817*Input!$J$14,0)+IF(Input!$K$15=1,L5817*Input!$J$15,0)+IF(Input!$K$16=1,M5817*Input!$J$16,0)</f>
        <v>0.87636634760843335</v>
      </c>
      <c r="O5817" s="58">
        <f>IF(Input!$K$13=2,J5817*Input!$J$13,0)+IF(Input!$K$14=2,K5817*Input!$J$14,0)+IF(Input!$K$15=2,L5817*Input!$J$15,0)+IF(Input!$K$16=2,M5817*Input!$J$16,0)</f>
        <v>7.8511132847820297E-2</v>
      </c>
      <c r="P5817" s="58">
        <f>IF(Input!$K$13=3,J5817*Input!$J$13,0)+IF(Input!$K$14=3,K5817*Input!$J$14,0)+IF(Input!$K$15=3,L5817*Input!$J$15,0)+IF(Input!$K$16=3,M5817*Input!$J$16,0)</f>
        <v>0</v>
      </c>
      <c r="Q5817" s="71">
        <f>IF(Input!$K$13=4,J5817*Input!$J$13,0)+IF(Input!$K$14=4,K5817*Input!$J$14,0)+IF(Input!$K$15=4,L5817*Input!$J$15,0)+IF(Input!$K$16=4,M5817*Input!$J$16,0)</f>
        <v>0</v>
      </c>
    </row>
    <row r="5818" spans="8:17" x14ac:dyDescent="0.25">
      <c r="H5818" s="43">
        <v>5811</v>
      </c>
      <c r="I5818" s="55">
        <f>Bühler!I5844</f>
        <v>0.23767772645228255</v>
      </c>
      <c r="J5818" s="58">
        <f>Bühler!J5844</f>
        <v>7.3030528967369452</v>
      </c>
      <c r="K5818" s="58">
        <f>Bühler!K5844</f>
        <v>0.58156394702089109</v>
      </c>
      <c r="L5818" s="58">
        <f>Bühler!L5844</f>
        <v>0.29078197351044555</v>
      </c>
      <c r="M5818" s="57">
        <f>Bühler!M5844</f>
        <v>0</v>
      </c>
      <c r="N5818" s="55">
        <f>IF(Input!$K$13=1,J5818*Input!$J$13,0)+IF(Input!$K$14=1,K5818*Input!$J$14,0)+IF(Input!$K$15=1,L5818*Input!$J$15,0)+IF(Input!$K$16=1,M5818*Input!$J$16,0)</f>
        <v>0.87636634760843335</v>
      </c>
      <c r="O5818" s="58">
        <f>IF(Input!$K$13=2,J5818*Input!$J$13,0)+IF(Input!$K$14=2,K5818*Input!$J$14,0)+IF(Input!$K$15=2,L5818*Input!$J$15,0)+IF(Input!$K$16=2,M5818*Input!$J$16,0)</f>
        <v>7.8511132847820297E-2</v>
      </c>
      <c r="P5818" s="58">
        <f>IF(Input!$K$13=3,J5818*Input!$J$13,0)+IF(Input!$K$14=3,K5818*Input!$J$14,0)+IF(Input!$K$15=3,L5818*Input!$J$15,0)+IF(Input!$K$16=3,M5818*Input!$J$16,0)</f>
        <v>0</v>
      </c>
      <c r="Q5818" s="71">
        <f>IF(Input!$K$13=4,J5818*Input!$J$13,0)+IF(Input!$K$14=4,K5818*Input!$J$14,0)+IF(Input!$K$15=4,L5818*Input!$J$15,0)+IF(Input!$K$16=4,M5818*Input!$J$16,0)</f>
        <v>0</v>
      </c>
    </row>
    <row r="5819" spans="8:17" x14ac:dyDescent="0.25">
      <c r="H5819" s="43">
        <v>5812</v>
      </c>
      <c r="I5819" s="55">
        <f>Bühler!I5845</f>
        <v>0.23767772645228255</v>
      </c>
      <c r="J5819" s="58">
        <f>Bühler!J5845</f>
        <v>7.3030528967369452</v>
      </c>
      <c r="K5819" s="58">
        <f>Bühler!K5845</f>
        <v>0.58156394702089109</v>
      </c>
      <c r="L5819" s="58">
        <f>Bühler!L5845</f>
        <v>0.29078197351044555</v>
      </c>
      <c r="M5819" s="57">
        <f>Bühler!M5845</f>
        <v>0</v>
      </c>
      <c r="N5819" s="55">
        <f>IF(Input!$K$13=1,J5819*Input!$J$13,0)+IF(Input!$K$14=1,K5819*Input!$J$14,0)+IF(Input!$K$15=1,L5819*Input!$J$15,0)+IF(Input!$K$16=1,M5819*Input!$J$16,0)</f>
        <v>0.87636634760843335</v>
      </c>
      <c r="O5819" s="58">
        <f>IF(Input!$K$13=2,J5819*Input!$J$13,0)+IF(Input!$K$14=2,K5819*Input!$J$14,0)+IF(Input!$K$15=2,L5819*Input!$J$15,0)+IF(Input!$K$16=2,M5819*Input!$J$16,0)</f>
        <v>7.8511132847820297E-2</v>
      </c>
      <c r="P5819" s="58">
        <f>IF(Input!$K$13=3,J5819*Input!$J$13,0)+IF(Input!$K$14=3,K5819*Input!$J$14,0)+IF(Input!$K$15=3,L5819*Input!$J$15,0)+IF(Input!$K$16=3,M5819*Input!$J$16,0)</f>
        <v>0</v>
      </c>
      <c r="Q5819" s="71">
        <f>IF(Input!$K$13=4,J5819*Input!$J$13,0)+IF(Input!$K$14=4,K5819*Input!$J$14,0)+IF(Input!$K$15=4,L5819*Input!$J$15,0)+IF(Input!$K$16=4,M5819*Input!$J$16,0)</f>
        <v>0</v>
      </c>
    </row>
    <row r="5820" spans="8:17" x14ac:dyDescent="0.25">
      <c r="H5820" s="43">
        <v>5813</v>
      </c>
      <c r="I5820" s="55">
        <f>Bühler!I5846</f>
        <v>0.23767772645228255</v>
      </c>
      <c r="J5820" s="58">
        <f>Bühler!J5846</f>
        <v>7.3030528967369452</v>
      </c>
      <c r="K5820" s="58">
        <f>Bühler!K5846</f>
        <v>0.58156394702089109</v>
      </c>
      <c r="L5820" s="58">
        <f>Bühler!L5846</f>
        <v>0.29078197351044555</v>
      </c>
      <c r="M5820" s="57">
        <f>Bühler!M5846</f>
        <v>0</v>
      </c>
      <c r="N5820" s="55">
        <f>IF(Input!$K$13=1,J5820*Input!$J$13,0)+IF(Input!$K$14=1,K5820*Input!$J$14,0)+IF(Input!$K$15=1,L5820*Input!$J$15,0)+IF(Input!$K$16=1,M5820*Input!$J$16,0)</f>
        <v>0.87636634760843335</v>
      </c>
      <c r="O5820" s="58">
        <f>IF(Input!$K$13=2,J5820*Input!$J$13,0)+IF(Input!$K$14=2,K5820*Input!$J$14,0)+IF(Input!$K$15=2,L5820*Input!$J$15,0)+IF(Input!$K$16=2,M5820*Input!$J$16,0)</f>
        <v>7.8511132847820297E-2</v>
      </c>
      <c r="P5820" s="58">
        <f>IF(Input!$K$13=3,J5820*Input!$J$13,0)+IF(Input!$K$14=3,K5820*Input!$J$14,0)+IF(Input!$K$15=3,L5820*Input!$J$15,0)+IF(Input!$K$16=3,M5820*Input!$J$16,0)</f>
        <v>0</v>
      </c>
      <c r="Q5820" s="71">
        <f>IF(Input!$K$13=4,J5820*Input!$J$13,0)+IF(Input!$K$14=4,K5820*Input!$J$14,0)+IF(Input!$K$15=4,L5820*Input!$J$15,0)+IF(Input!$K$16=4,M5820*Input!$J$16,0)</f>
        <v>0</v>
      </c>
    </row>
    <row r="5821" spans="8:17" x14ac:dyDescent="0.25">
      <c r="H5821" s="43">
        <v>5814</v>
      </c>
      <c r="I5821" s="55">
        <f>Bühler!I5847</f>
        <v>0.23767772645228255</v>
      </c>
      <c r="J5821" s="58">
        <f>Bühler!J5847</f>
        <v>7.3030528967369452</v>
      </c>
      <c r="K5821" s="58">
        <f>Bühler!K5847</f>
        <v>0.58156394702089109</v>
      </c>
      <c r="L5821" s="58">
        <f>Bühler!L5847</f>
        <v>0.29078197351044555</v>
      </c>
      <c r="M5821" s="57">
        <f>Bühler!M5847</f>
        <v>0</v>
      </c>
      <c r="N5821" s="55">
        <f>IF(Input!$K$13=1,J5821*Input!$J$13,0)+IF(Input!$K$14=1,K5821*Input!$J$14,0)+IF(Input!$K$15=1,L5821*Input!$J$15,0)+IF(Input!$K$16=1,M5821*Input!$J$16,0)</f>
        <v>0.87636634760843335</v>
      </c>
      <c r="O5821" s="58">
        <f>IF(Input!$K$13=2,J5821*Input!$J$13,0)+IF(Input!$K$14=2,K5821*Input!$J$14,0)+IF(Input!$K$15=2,L5821*Input!$J$15,0)+IF(Input!$K$16=2,M5821*Input!$J$16,0)</f>
        <v>7.8511132847820297E-2</v>
      </c>
      <c r="P5821" s="58">
        <f>IF(Input!$K$13=3,J5821*Input!$J$13,0)+IF(Input!$K$14=3,K5821*Input!$J$14,0)+IF(Input!$K$15=3,L5821*Input!$J$15,0)+IF(Input!$K$16=3,M5821*Input!$J$16,0)</f>
        <v>0</v>
      </c>
      <c r="Q5821" s="71">
        <f>IF(Input!$K$13=4,J5821*Input!$J$13,0)+IF(Input!$K$14=4,K5821*Input!$J$14,0)+IF(Input!$K$15=4,L5821*Input!$J$15,0)+IF(Input!$K$16=4,M5821*Input!$J$16,0)</f>
        <v>0</v>
      </c>
    </row>
    <row r="5822" spans="8:17" x14ac:dyDescent="0.25">
      <c r="H5822" s="43">
        <v>5815</v>
      </c>
      <c r="I5822" s="55">
        <f>Bühler!I5848</f>
        <v>0.23767772645228255</v>
      </c>
      <c r="J5822" s="58">
        <f>Bühler!J5848</f>
        <v>7.3030528967369452</v>
      </c>
      <c r="K5822" s="58">
        <f>Bühler!K5848</f>
        <v>0.58156394702089109</v>
      </c>
      <c r="L5822" s="58">
        <f>Bühler!L5848</f>
        <v>0.29078197351044555</v>
      </c>
      <c r="M5822" s="57">
        <f>Bühler!M5848</f>
        <v>0</v>
      </c>
      <c r="N5822" s="55">
        <f>IF(Input!$K$13=1,J5822*Input!$J$13,0)+IF(Input!$K$14=1,K5822*Input!$J$14,0)+IF(Input!$K$15=1,L5822*Input!$J$15,0)+IF(Input!$K$16=1,M5822*Input!$J$16,0)</f>
        <v>0.87636634760843335</v>
      </c>
      <c r="O5822" s="58">
        <f>IF(Input!$K$13=2,J5822*Input!$J$13,0)+IF(Input!$K$14=2,K5822*Input!$J$14,0)+IF(Input!$K$15=2,L5822*Input!$J$15,0)+IF(Input!$K$16=2,M5822*Input!$J$16,0)</f>
        <v>7.8511132847820297E-2</v>
      </c>
      <c r="P5822" s="58">
        <f>IF(Input!$K$13=3,J5822*Input!$J$13,0)+IF(Input!$K$14=3,K5822*Input!$J$14,0)+IF(Input!$K$15=3,L5822*Input!$J$15,0)+IF(Input!$K$16=3,M5822*Input!$J$16,0)</f>
        <v>0</v>
      </c>
      <c r="Q5822" s="71">
        <f>IF(Input!$K$13=4,J5822*Input!$J$13,0)+IF(Input!$K$14=4,K5822*Input!$J$14,0)+IF(Input!$K$15=4,L5822*Input!$J$15,0)+IF(Input!$K$16=4,M5822*Input!$J$16,0)</f>
        <v>0</v>
      </c>
    </row>
    <row r="5823" spans="8:17" x14ac:dyDescent="0.25">
      <c r="H5823" s="43">
        <v>5816</v>
      </c>
      <c r="I5823" s="55">
        <f>Bühler!I5849</f>
        <v>0.65480213637603846</v>
      </c>
      <c r="J5823" s="58">
        <f>Bühler!J5849</f>
        <v>29.510799790059892</v>
      </c>
      <c r="K5823" s="58">
        <f>Bühler!K5849</f>
        <v>2.3773629228217636</v>
      </c>
      <c r="L5823" s="58">
        <f>Bühler!L5849</f>
        <v>1.1886814614108818</v>
      </c>
      <c r="M5823" s="57">
        <f>Bühler!M5849</f>
        <v>0</v>
      </c>
      <c r="N5823" s="55">
        <f>IF(Input!$K$13=1,J5823*Input!$J$13,0)+IF(Input!$K$14=1,K5823*Input!$J$14,0)+IF(Input!$K$15=1,L5823*Input!$J$15,0)+IF(Input!$K$16=1,M5823*Input!$J$16,0)</f>
        <v>3.5412959748071868</v>
      </c>
      <c r="O5823" s="58">
        <f>IF(Input!$K$13=2,J5823*Input!$J$13,0)+IF(Input!$K$14=2,K5823*Input!$J$14,0)+IF(Input!$K$15=2,L5823*Input!$J$15,0)+IF(Input!$K$16=2,M5823*Input!$J$16,0)</f>
        <v>0.32094399458093809</v>
      </c>
      <c r="P5823" s="58">
        <f>IF(Input!$K$13=3,J5823*Input!$J$13,0)+IF(Input!$K$14=3,K5823*Input!$J$14,0)+IF(Input!$K$15=3,L5823*Input!$J$15,0)+IF(Input!$K$16=3,M5823*Input!$J$16,0)</f>
        <v>0</v>
      </c>
      <c r="Q5823" s="71">
        <f>IF(Input!$K$13=4,J5823*Input!$J$13,0)+IF(Input!$K$14=4,K5823*Input!$J$14,0)+IF(Input!$K$15=4,L5823*Input!$J$15,0)+IF(Input!$K$16=4,M5823*Input!$J$16,0)</f>
        <v>0</v>
      </c>
    </row>
    <row r="5824" spans="8:17" x14ac:dyDescent="0.25">
      <c r="H5824" s="43">
        <v>5817</v>
      </c>
      <c r="I5824" s="55">
        <f>Bühler!I5850</f>
        <v>0.7306213311143166</v>
      </c>
      <c r="J5824" s="58">
        <f>Bühler!J5850</f>
        <v>32.927839765751038</v>
      </c>
      <c r="K5824" s="58">
        <f>Bühler!K5850</f>
        <v>2.6526365244116521</v>
      </c>
      <c r="L5824" s="58">
        <f>Bühler!L5850</f>
        <v>1.326318262205826</v>
      </c>
      <c r="M5824" s="57">
        <f>Bühler!M5850</f>
        <v>0</v>
      </c>
      <c r="N5824" s="55">
        <f>IF(Input!$K$13=1,J5824*Input!$J$13,0)+IF(Input!$K$14=1,K5824*Input!$J$14,0)+IF(Input!$K$15=1,L5824*Input!$J$15,0)+IF(Input!$K$16=1,M5824*Input!$J$16,0)</f>
        <v>3.9513407718901243</v>
      </c>
      <c r="O5824" s="58">
        <f>IF(Input!$K$13=2,J5824*Input!$J$13,0)+IF(Input!$K$14=2,K5824*Input!$J$14,0)+IF(Input!$K$15=2,L5824*Input!$J$15,0)+IF(Input!$K$16=2,M5824*Input!$J$16,0)</f>
        <v>0.35810593079557301</v>
      </c>
      <c r="P5824" s="58">
        <f>IF(Input!$K$13=3,J5824*Input!$J$13,0)+IF(Input!$K$14=3,K5824*Input!$J$14,0)+IF(Input!$K$15=3,L5824*Input!$J$15,0)+IF(Input!$K$16=3,M5824*Input!$J$16,0)</f>
        <v>0</v>
      </c>
      <c r="Q5824" s="71">
        <f>IF(Input!$K$13=4,J5824*Input!$J$13,0)+IF(Input!$K$14=4,K5824*Input!$J$14,0)+IF(Input!$K$15=4,L5824*Input!$J$15,0)+IF(Input!$K$16=4,M5824*Input!$J$16,0)</f>
        <v>0</v>
      </c>
    </row>
    <row r="5825" spans="8:17" x14ac:dyDescent="0.25">
      <c r="H5825" s="43">
        <v>5818</v>
      </c>
      <c r="I5825" s="55">
        <f>Bühler!I5851</f>
        <v>0.80644052585259474</v>
      </c>
      <c r="J5825" s="58">
        <f>Bühler!J5851</f>
        <v>36.344879741442192</v>
      </c>
      <c r="K5825" s="58">
        <f>Bühler!K5851</f>
        <v>2.9279101260015405</v>
      </c>
      <c r="L5825" s="58">
        <f>Bühler!L5851</f>
        <v>1.4639550630007703</v>
      </c>
      <c r="M5825" s="57">
        <f>Bühler!M5851</f>
        <v>0</v>
      </c>
      <c r="N5825" s="55">
        <f>IF(Input!$K$13=1,J5825*Input!$J$13,0)+IF(Input!$K$14=1,K5825*Input!$J$14,0)+IF(Input!$K$15=1,L5825*Input!$J$15,0)+IF(Input!$K$16=1,M5825*Input!$J$16,0)</f>
        <v>4.3613855689730627</v>
      </c>
      <c r="O5825" s="58">
        <f>IF(Input!$K$13=2,J5825*Input!$J$13,0)+IF(Input!$K$14=2,K5825*Input!$J$14,0)+IF(Input!$K$15=2,L5825*Input!$J$15,0)+IF(Input!$K$16=2,M5825*Input!$J$16,0)</f>
        <v>0.395267867010208</v>
      </c>
      <c r="P5825" s="58">
        <f>IF(Input!$K$13=3,J5825*Input!$J$13,0)+IF(Input!$K$14=3,K5825*Input!$J$14,0)+IF(Input!$K$15=3,L5825*Input!$J$15,0)+IF(Input!$K$16=3,M5825*Input!$J$16,0)</f>
        <v>0</v>
      </c>
      <c r="Q5825" s="71">
        <f>IF(Input!$K$13=4,J5825*Input!$J$13,0)+IF(Input!$K$14=4,K5825*Input!$J$14,0)+IF(Input!$K$15=4,L5825*Input!$J$15,0)+IF(Input!$K$16=4,M5825*Input!$J$16,0)</f>
        <v>0</v>
      </c>
    </row>
    <row r="5826" spans="8:17" x14ac:dyDescent="0.25">
      <c r="H5826" s="43">
        <v>5819</v>
      </c>
      <c r="I5826" s="55">
        <f>Bühler!I5852</f>
        <v>0.80644052585259474</v>
      </c>
      <c r="J5826" s="58">
        <f>Bühler!J5852</f>
        <v>36.344879741442192</v>
      </c>
      <c r="K5826" s="58">
        <f>Bühler!K5852</f>
        <v>2.9279101260015405</v>
      </c>
      <c r="L5826" s="58">
        <f>Bühler!L5852</f>
        <v>1.4639550630007703</v>
      </c>
      <c r="M5826" s="57">
        <f>Bühler!M5852</f>
        <v>0</v>
      </c>
      <c r="N5826" s="55">
        <f>IF(Input!$K$13=1,J5826*Input!$J$13,0)+IF(Input!$K$14=1,K5826*Input!$J$14,0)+IF(Input!$K$15=1,L5826*Input!$J$15,0)+IF(Input!$K$16=1,M5826*Input!$J$16,0)</f>
        <v>4.3613855689730627</v>
      </c>
      <c r="O5826" s="58">
        <f>IF(Input!$K$13=2,J5826*Input!$J$13,0)+IF(Input!$K$14=2,K5826*Input!$J$14,0)+IF(Input!$K$15=2,L5826*Input!$J$15,0)+IF(Input!$K$16=2,M5826*Input!$J$16,0)</f>
        <v>0.395267867010208</v>
      </c>
      <c r="P5826" s="58">
        <f>IF(Input!$K$13=3,J5826*Input!$J$13,0)+IF(Input!$K$14=3,K5826*Input!$J$14,0)+IF(Input!$K$15=3,L5826*Input!$J$15,0)+IF(Input!$K$16=3,M5826*Input!$J$16,0)</f>
        <v>0</v>
      </c>
      <c r="Q5826" s="71">
        <f>IF(Input!$K$13=4,J5826*Input!$J$13,0)+IF(Input!$K$14=4,K5826*Input!$J$14,0)+IF(Input!$K$15=4,L5826*Input!$J$15,0)+IF(Input!$K$16=4,M5826*Input!$J$16,0)</f>
        <v>0</v>
      </c>
    </row>
    <row r="5827" spans="8:17" x14ac:dyDescent="0.25">
      <c r="H5827" s="43">
        <v>5820</v>
      </c>
      <c r="I5827" s="55">
        <f>Bühler!I5853</f>
        <v>0.96497156939626705</v>
      </c>
      <c r="J5827" s="58">
        <f>Bühler!J5853</f>
        <v>43.489599690614575</v>
      </c>
      <c r="K5827" s="58">
        <f>Bühler!K5853</f>
        <v>3.5034822020531253</v>
      </c>
      <c r="L5827" s="58">
        <f>Bühler!L5853</f>
        <v>1.7517411010265627</v>
      </c>
      <c r="M5827" s="57">
        <f>Bühler!M5853</f>
        <v>0</v>
      </c>
      <c r="N5827" s="55">
        <f>IF(Input!$K$13=1,J5827*Input!$J$13,0)+IF(Input!$K$14=1,K5827*Input!$J$14,0)+IF(Input!$K$15=1,L5827*Input!$J$15,0)+IF(Input!$K$16=1,M5827*Input!$J$16,0)</f>
        <v>5.2187519628737489</v>
      </c>
      <c r="O5827" s="58">
        <f>IF(Input!$K$13=2,J5827*Input!$J$13,0)+IF(Input!$K$14=2,K5827*Input!$J$14,0)+IF(Input!$K$15=2,L5827*Input!$J$15,0)+IF(Input!$K$16=2,M5827*Input!$J$16,0)</f>
        <v>0.47297009727717187</v>
      </c>
      <c r="P5827" s="58">
        <f>IF(Input!$K$13=3,J5827*Input!$J$13,0)+IF(Input!$K$14=3,K5827*Input!$J$14,0)+IF(Input!$K$15=3,L5827*Input!$J$15,0)+IF(Input!$K$16=3,M5827*Input!$J$16,0)</f>
        <v>0</v>
      </c>
      <c r="Q5827" s="71">
        <f>IF(Input!$K$13=4,J5827*Input!$J$13,0)+IF(Input!$K$14=4,K5827*Input!$J$14,0)+IF(Input!$K$15=4,L5827*Input!$J$15,0)+IF(Input!$K$16=4,M5827*Input!$J$16,0)</f>
        <v>0</v>
      </c>
    </row>
    <row r="5828" spans="8:17" x14ac:dyDescent="0.25">
      <c r="H5828" s="43">
        <v>5821</v>
      </c>
      <c r="I5828" s="55">
        <f>Bühler!I5854</f>
        <v>0.96497156939626705</v>
      </c>
      <c r="J5828" s="58">
        <f>Bühler!J5854</f>
        <v>43.489599690614575</v>
      </c>
      <c r="K5828" s="58">
        <f>Bühler!K5854</f>
        <v>3.5034822020531253</v>
      </c>
      <c r="L5828" s="58">
        <f>Bühler!L5854</f>
        <v>1.7517411010265627</v>
      </c>
      <c r="M5828" s="57">
        <f>Bühler!M5854</f>
        <v>0</v>
      </c>
      <c r="N5828" s="55">
        <f>IF(Input!$K$13=1,J5828*Input!$J$13,0)+IF(Input!$K$14=1,K5828*Input!$J$14,0)+IF(Input!$K$15=1,L5828*Input!$J$15,0)+IF(Input!$K$16=1,M5828*Input!$J$16,0)</f>
        <v>5.2187519628737489</v>
      </c>
      <c r="O5828" s="58">
        <f>IF(Input!$K$13=2,J5828*Input!$J$13,0)+IF(Input!$K$14=2,K5828*Input!$J$14,0)+IF(Input!$K$15=2,L5828*Input!$J$15,0)+IF(Input!$K$16=2,M5828*Input!$J$16,0)</f>
        <v>0.47297009727717187</v>
      </c>
      <c r="P5828" s="58">
        <f>IF(Input!$K$13=3,J5828*Input!$J$13,0)+IF(Input!$K$14=3,K5828*Input!$J$14,0)+IF(Input!$K$15=3,L5828*Input!$J$15,0)+IF(Input!$K$16=3,M5828*Input!$J$16,0)</f>
        <v>0</v>
      </c>
      <c r="Q5828" s="71">
        <f>IF(Input!$K$13=4,J5828*Input!$J$13,0)+IF(Input!$K$14=4,K5828*Input!$J$14,0)+IF(Input!$K$15=4,L5828*Input!$J$15,0)+IF(Input!$K$16=4,M5828*Input!$J$16,0)</f>
        <v>0</v>
      </c>
    </row>
    <row r="5829" spans="8:17" x14ac:dyDescent="0.25">
      <c r="H5829" s="43">
        <v>5822</v>
      </c>
      <c r="I5829" s="55">
        <f>Bühler!I5855</f>
        <v>0.64101682824180606</v>
      </c>
      <c r="J5829" s="58">
        <f>Bühler!J5855</f>
        <v>28.889519794479682</v>
      </c>
      <c r="K5829" s="58">
        <f>Bühler!K5855</f>
        <v>2.3273131770781474</v>
      </c>
      <c r="L5829" s="58">
        <f>Bühler!L5855</f>
        <v>1.1636565885390737</v>
      </c>
      <c r="M5829" s="57">
        <f>Bühler!M5855</f>
        <v>0</v>
      </c>
      <c r="N5829" s="55">
        <f>IF(Input!$K$13=1,J5829*Input!$J$13,0)+IF(Input!$K$14=1,K5829*Input!$J$14,0)+IF(Input!$K$15=1,L5829*Input!$J$15,0)+IF(Input!$K$16=1,M5829*Input!$J$16,0)</f>
        <v>3.4667423753375619</v>
      </c>
      <c r="O5829" s="58">
        <f>IF(Input!$K$13=2,J5829*Input!$J$13,0)+IF(Input!$K$14=2,K5829*Input!$J$14,0)+IF(Input!$K$15=2,L5829*Input!$J$15,0)+IF(Input!$K$16=2,M5829*Input!$J$16,0)</f>
        <v>0.31418727890554987</v>
      </c>
      <c r="P5829" s="58">
        <f>IF(Input!$K$13=3,J5829*Input!$J$13,0)+IF(Input!$K$14=3,K5829*Input!$J$14,0)+IF(Input!$K$15=3,L5829*Input!$J$15,0)+IF(Input!$K$16=3,M5829*Input!$J$16,0)</f>
        <v>0</v>
      </c>
      <c r="Q5829" s="71">
        <f>IF(Input!$K$13=4,J5829*Input!$J$13,0)+IF(Input!$K$14=4,K5829*Input!$J$14,0)+IF(Input!$K$15=4,L5829*Input!$J$15,0)+IF(Input!$K$16=4,M5829*Input!$J$16,0)</f>
        <v>0</v>
      </c>
    </row>
    <row r="5830" spans="8:17" x14ac:dyDescent="0.25">
      <c r="H5830" s="43">
        <v>5823</v>
      </c>
      <c r="I5830" s="55">
        <f>Bühler!I5856</f>
        <v>0.96497156939626705</v>
      </c>
      <c r="J5830" s="58">
        <f>Bühler!J5856</f>
        <v>43.489599690614575</v>
      </c>
      <c r="K5830" s="58">
        <f>Bühler!K5856</f>
        <v>3.5034822020531253</v>
      </c>
      <c r="L5830" s="58">
        <f>Bühler!L5856</f>
        <v>1.7517411010265627</v>
      </c>
      <c r="M5830" s="57">
        <f>Bühler!M5856</f>
        <v>0</v>
      </c>
      <c r="N5830" s="55">
        <f>IF(Input!$K$13=1,J5830*Input!$J$13,0)+IF(Input!$K$14=1,K5830*Input!$J$14,0)+IF(Input!$K$15=1,L5830*Input!$J$15,0)+IF(Input!$K$16=1,M5830*Input!$J$16,0)</f>
        <v>5.2187519628737489</v>
      </c>
      <c r="O5830" s="58">
        <f>IF(Input!$K$13=2,J5830*Input!$J$13,0)+IF(Input!$K$14=2,K5830*Input!$J$14,0)+IF(Input!$K$15=2,L5830*Input!$J$15,0)+IF(Input!$K$16=2,M5830*Input!$J$16,0)</f>
        <v>0.47297009727717187</v>
      </c>
      <c r="P5830" s="58">
        <f>IF(Input!$K$13=3,J5830*Input!$J$13,0)+IF(Input!$K$14=3,K5830*Input!$J$14,0)+IF(Input!$K$15=3,L5830*Input!$J$15,0)+IF(Input!$K$16=3,M5830*Input!$J$16,0)</f>
        <v>0</v>
      </c>
      <c r="Q5830" s="71">
        <f>IF(Input!$K$13=4,J5830*Input!$J$13,0)+IF(Input!$K$14=4,K5830*Input!$J$14,0)+IF(Input!$K$15=4,L5830*Input!$J$15,0)+IF(Input!$K$16=4,M5830*Input!$J$16,0)</f>
        <v>0</v>
      </c>
    </row>
    <row r="5831" spans="8:17" x14ac:dyDescent="0.25">
      <c r="H5831" s="43">
        <v>5824</v>
      </c>
      <c r="I5831" s="55">
        <f>Bühler!I5857</f>
        <v>0.96497156939626705</v>
      </c>
      <c r="J5831" s="58">
        <f>Bühler!J5857</f>
        <v>43.489599690614575</v>
      </c>
      <c r="K5831" s="58">
        <f>Bühler!K5857</f>
        <v>3.5034822020531253</v>
      </c>
      <c r="L5831" s="58">
        <f>Bühler!L5857</f>
        <v>1.7517411010265627</v>
      </c>
      <c r="M5831" s="57">
        <f>Bühler!M5857</f>
        <v>0</v>
      </c>
      <c r="N5831" s="55">
        <f>IF(Input!$K$13=1,J5831*Input!$J$13,0)+IF(Input!$K$14=1,K5831*Input!$J$14,0)+IF(Input!$K$15=1,L5831*Input!$J$15,0)+IF(Input!$K$16=1,M5831*Input!$J$16,0)</f>
        <v>5.2187519628737489</v>
      </c>
      <c r="O5831" s="58">
        <f>IF(Input!$K$13=2,J5831*Input!$J$13,0)+IF(Input!$K$14=2,K5831*Input!$J$14,0)+IF(Input!$K$15=2,L5831*Input!$J$15,0)+IF(Input!$K$16=2,M5831*Input!$J$16,0)</f>
        <v>0.47297009727717187</v>
      </c>
      <c r="P5831" s="58">
        <f>IF(Input!$K$13=3,J5831*Input!$J$13,0)+IF(Input!$K$14=3,K5831*Input!$J$14,0)+IF(Input!$K$15=3,L5831*Input!$J$15,0)+IF(Input!$K$16=3,M5831*Input!$J$16,0)</f>
        <v>0</v>
      </c>
      <c r="Q5831" s="71">
        <f>IF(Input!$K$13=4,J5831*Input!$J$13,0)+IF(Input!$K$14=4,K5831*Input!$J$14,0)+IF(Input!$K$15=4,L5831*Input!$J$15,0)+IF(Input!$K$16=4,M5831*Input!$J$16,0)</f>
        <v>0</v>
      </c>
    </row>
    <row r="5832" spans="8:17" x14ac:dyDescent="0.25">
      <c r="H5832" s="43">
        <v>5825</v>
      </c>
      <c r="I5832" s="55">
        <f>Bühler!I5858</f>
        <v>0.80632168698936868</v>
      </c>
      <c r="J5832" s="58">
        <f>Bühler!J5858</f>
        <v>25.88528402134023</v>
      </c>
      <c r="K5832" s="58">
        <f>Bühler!K5858</f>
        <v>2.0645520119241629</v>
      </c>
      <c r="L5832" s="58">
        <f>Bühler!L5858</f>
        <v>1.0322760059620815</v>
      </c>
      <c r="M5832" s="57">
        <f>Bühler!M5858</f>
        <v>0</v>
      </c>
      <c r="N5832" s="55">
        <f>IF(Input!$K$13=1,J5832*Input!$J$13,0)+IF(Input!$K$14=1,K5832*Input!$J$14,0)+IF(Input!$K$15=1,L5832*Input!$J$15,0)+IF(Input!$K$16=1,M5832*Input!$J$16,0)</f>
        <v>3.1062340825608272</v>
      </c>
      <c r="O5832" s="58">
        <f>IF(Input!$K$13=2,J5832*Input!$J$13,0)+IF(Input!$K$14=2,K5832*Input!$J$14,0)+IF(Input!$K$15=2,L5832*Input!$J$15,0)+IF(Input!$K$16=2,M5832*Input!$J$16,0)</f>
        <v>0.27871452160976201</v>
      </c>
      <c r="P5832" s="58">
        <f>IF(Input!$K$13=3,J5832*Input!$J$13,0)+IF(Input!$K$14=3,K5832*Input!$J$14,0)+IF(Input!$K$15=3,L5832*Input!$J$15,0)+IF(Input!$K$16=3,M5832*Input!$J$16,0)</f>
        <v>0</v>
      </c>
      <c r="Q5832" s="71">
        <f>IF(Input!$K$13=4,J5832*Input!$J$13,0)+IF(Input!$K$14=4,K5832*Input!$J$14,0)+IF(Input!$K$15=4,L5832*Input!$J$15,0)+IF(Input!$K$16=4,M5832*Input!$J$16,0)</f>
        <v>0</v>
      </c>
    </row>
    <row r="5833" spans="8:17" x14ac:dyDescent="0.25">
      <c r="H5833" s="43">
        <v>5826</v>
      </c>
      <c r="I5833" s="55">
        <f>Bühler!I5859</f>
        <v>0.64113566710503211</v>
      </c>
      <c r="J5833" s="58">
        <f>Bühler!J5859</f>
        <v>11.36966771978849</v>
      </c>
      <c r="K5833" s="58">
        <f>Bühler!K5859</f>
        <v>0.88115749548619859</v>
      </c>
      <c r="L5833" s="58">
        <f>Bühler!L5859</f>
        <v>0.4405787477430993</v>
      </c>
      <c r="M5833" s="57">
        <f>Bühler!M5859</f>
        <v>0</v>
      </c>
      <c r="N5833" s="55">
        <f>IF(Input!$K$13=1,J5833*Input!$J$13,0)+IF(Input!$K$14=1,K5833*Input!$J$14,0)+IF(Input!$K$15=1,L5833*Input!$J$15,0)+IF(Input!$K$16=1,M5833*Input!$J$16,0)</f>
        <v>1.3643601263746188</v>
      </c>
      <c r="O5833" s="58">
        <f>IF(Input!$K$13=2,J5833*Input!$J$13,0)+IF(Input!$K$14=2,K5833*Input!$J$14,0)+IF(Input!$K$15=2,L5833*Input!$J$15,0)+IF(Input!$K$16=2,M5833*Input!$J$16,0)</f>
        <v>0.11895626189063681</v>
      </c>
      <c r="P5833" s="58">
        <f>IF(Input!$K$13=3,J5833*Input!$J$13,0)+IF(Input!$K$14=3,K5833*Input!$J$14,0)+IF(Input!$K$15=3,L5833*Input!$J$15,0)+IF(Input!$K$16=3,M5833*Input!$J$16,0)</f>
        <v>0</v>
      </c>
      <c r="Q5833" s="71">
        <f>IF(Input!$K$13=4,J5833*Input!$J$13,0)+IF(Input!$K$14=4,K5833*Input!$J$14,0)+IF(Input!$K$15=4,L5833*Input!$J$15,0)+IF(Input!$K$16=4,M5833*Input!$J$16,0)</f>
        <v>0</v>
      </c>
    </row>
    <row r="5834" spans="8:17" x14ac:dyDescent="0.25">
      <c r="H5834" s="43">
        <v>5827</v>
      </c>
      <c r="I5834" s="55">
        <f>Bühler!I5860</f>
        <v>0.23767772645228255</v>
      </c>
      <c r="J5834" s="58">
        <f>Bühler!J5860</f>
        <v>7.3030528967369452</v>
      </c>
      <c r="K5834" s="58">
        <f>Bühler!K5860</f>
        <v>0.58156394702089109</v>
      </c>
      <c r="L5834" s="58">
        <f>Bühler!L5860</f>
        <v>0.29078197351044555</v>
      </c>
      <c r="M5834" s="57">
        <f>Bühler!M5860</f>
        <v>0</v>
      </c>
      <c r="N5834" s="55">
        <f>IF(Input!$K$13=1,J5834*Input!$J$13,0)+IF(Input!$K$14=1,K5834*Input!$J$14,0)+IF(Input!$K$15=1,L5834*Input!$J$15,0)+IF(Input!$K$16=1,M5834*Input!$J$16,0)</f>
        <v>0.87636634760843335</v>
      </c>
      <c r="O5834" s="58">
        <f>IF(Input!$K$13=2,J5834*Input!$J$13,0)+IF(Input!$K$14=2,K5834*Input!$J$14,0)+IF(Input!$K$15=2,L5834*Input!$J$15,0)+IF(Input!$K$16=2,M5834*Input!$J$16,0)</f>
        <v>7.8511132847820297E-2</v>
      </c>
      <c r="P5834" s="58">
        <f>IF(Input!$K$13=3,J5834*Input!$J$13,0)+IF(Input!$K$14=3,K5834*Input!$J$14,0)+IF(Input!$K$15=3,L5834*Input!$J$15,0)+IF(Input!$K$16=3,M5834*Input!$J$16,0)</f>
        <v>0</v>
      </c>
      <c r="Q5834" s="71">
        <f>IF(Input!$K$13=4,J5834*Input!$J$13,0)+IF(Input!$K$14=4,K5834*Input!$J$14,0)+IF(Input!$K$15=4,L5834*Input!$J$15,0)+IF(Input!$K$16=4,M5834*Input!$J$16,0)</f>
        <v>0</v>
      </c>
    </row>
    <row r="5835" spans="8:17" x14ac:dyDescent="0.25">
      <c r="H5835" s="43">
        <v>5828</v>
      </c>
      <c r="I5835" s="55">
        <f>Bühler!I5861</f>
        <v>0.23767772645228255</v>
      </c>
      <c r="J5835" s="58">
        <f>Bühler!J5861</f>
        <v>7.3030528967369452</v>
      </c>
      <c r="K5835" s="58">
        <f>Bühler!K5861</f>
        <v>0.58156394702089109</v>
      </c>
      <c r="L5835" s="58">
        <f>Bühler!L5861</f>
        <v>0.29078197351044555</v>
      </c>
      <c r="M5835" s="57">
        <f>Bühler!M5861</f>
        <v>0</v>
      </c>
      <c r="N5835" s="55">
        <f>IF(Input!$K$13=1,J5835*Input!$J$13,0)+IF(Input!$K$14=1,K5835*Input!$J$14,0)+IF(Input!$K$15=1,L5835*Input!$J$15,0)+IF(Input!$K$16=1,M5835*Input!$J$16,0)</f>
        <v>0.87636634760843335</v>
      </c>
      <c r="O5835" s="58">
        <f>IF(Input!$K$13=2,J5835*Input!$J$13,0)+IF(Input!$K$14=2,K5835*Input!$J$14,0)+IF(Input!$K$15=2,L5835*Input!$J$15,0)+IF(Input!$K$16=2,M5835*Input!$J$16,0)</f>
        <v>7.8511132847820297E-2</v>
      </c>
      <c r="P5835" s="58">
        <f>IF(Input!$K$13=3,J5835*Input!$J$13,0)+IF(Input!$K$14=3,K5835*Input!$J$14,0)+IF(Input!$K$15=3,L5835*Input!$J$15,0)+IF(Input!$K$16=3,M5835*Input!$J$16,0)</f>
        <v>0</v>
      </c>
      <c r="Q5835" s="71">
        <f>IF(Input!$K$13=4,J5835*Input!$J$13,0)+IF(Input!$K$14=4,K5835*Input!$J$14,0)+IF(Input!$K$15=4,L5835*Input!$J$15,0)+IF(Input!$K$16=4,M5835*Input!$J$16,0)</f>
        <v>0</v>
      </c>
    </row>
    <row r="5836" spans="8:17" x14ac:dyDescent="0.25">
      <c r="H5836" s="43">
        <v>5829</v>
      </c>
      <c r="I5836" s="55">
        <f>Bühler!I5862</f>
        <v>0.23767772645228255</v>
      </c>
      <c r="J5836" s="58">
        <f>Bühler!J5862</f>
        <v>7.3030528967369452</v>
      </c>
      <c r="K5836" s="58">
        <f>Bühler!K5862</f>
        <v>0.58156394702089109</v>
      </c>
      <c r="L5836" s="58">
        <f>Bühler!L5862</f>
        <v>0.29078197351044555</v>
      </c>
      <c r="M5836" s="57">
        <f>Bühler!M5862</f>
        <v>0</v>
      </c>
      <c r="N5836" s="55">
        <f>IF(Input!$K$13=1,J5836*Input!$J$13,0)+IF(Input!$K$14=1,K5836*Input!$J$14,0)+IF(Input!$K$15=1,L5836*Input!$J$15,0)+IF(Input!$K$16=1,M5836*Input!$J$16,0)</f>
        <v>0.87636634760843335</v>
      </c>
      <c r="O5836" s="58">
        <f>IF(Input!$K$13=2,J5836*Input!$J$13,0)+IF(Input!$K$14=2,K5836*Input!$J$14,0)+IF(Input!$K$15=2,L5836*Input!$J$15,0)+IF(Input!$K$16=2,M5836*Input!$J$16,0)</f>
        <v>7.8511132847820297E-2</v>
      </c>
      <c r="P5836" s="58">
        <f>IF(Input!$K$13=3,J5836*Input!$J$13,0)+IF(Input!$K$14=3,K5836*Input!$J$14,0)+IF(Input!$K$15=3,L5836*Input!$J$15,0)+IF(Input!$K$16=3,M5836*Input!$J$16,0)</f>
        <v>0</v>
      </c>
      <c r="Q5836" s="71">
        <f>IF(Input!$K$13=4,J5836*Input!$J$13,0)+IF(Input!$K$14=4,K5836*Input!$J$14,0)+IF(Input!$K$15=4,L5836*Input!$J$15,0)+IF(Input!$K$16=4,M5836*Input!$J$16,0)</f>
        <v>0</v>
      </c>
    </row>
    <row r="5837" spans="8:17" x14ac:dyDescent="0.25">
      <c r="H5837" s="43">
        <v>5830</v>
      </c>
      <c r="I5837" s="55">
        <f>Bühler!I5863</f>
        <v>0.23767772645228255</v>
      </c>
      <c r="J5837" s="58">
        <f>Bühler!J5863</f>
        <v>7.3030528967369452</v>
      </c>
      <c r="K5837" s="58">
        <f>Bühler!K5863</f>
        <v>0.58156394702089109</v>
      </c>
      <c r="L5837" s="58">
        <f>Bühler!L5863</f>
        <v>0.29078197351044555</v>
      </c>
      <c r="M5837" s="57">
        <f>Bühler!M5863</f>
        <v>0</v>
      </c>
      <c r="N5837" s="55">
        <f>IF(Input!$K$13=1,J5837*Input!$J$13,0)+IF(Input!$K$14=1,K5837*Input!$J$14,0)+IF(Input!$K$15=1,L5837*Input!$J$15,0)+IF(Input!$K$16=1,M5837*Input!$J$16,0)</f>
        <v>0.87636634760843335</v>
      </c>
      <c r="O5837" s="58">
        <f>IF(Input!$K$13=2,J5837*Input!$J$13,0)+IF(Input!$K$14=2,K5837*Input!$J$14,0)+IF(Input!$K$15=2,L5837*Input!$J$15,0)+IF(Input!$K$16=2,M5837*Input!$J$16,0)</f>
        <v>7.8511132847820297E-2</v>
      </c>
      <c r="P5837" s="58">
        <f>IF(Input!$K$13=3,J5837*Input!$J$13,0)+IF(Input!$K$14=3,K5837*Input!$J$14,0)+IF(Input!$K$15=3,L5837*Input!$J$15,0)+IF(Input!$K$16=3,M5837*Input!$J$16,0)</f>
        <v>0</v>
      </c>
      <c r="Q5837" s="71">
        <f>IF(Input!$K$13=4,J5837*Input!$J$13,0)+IF(Input!$K$14=4,K5837*Input!$J$14,0)+IF(Input!$K$15=4,L5837*Input!$J$15,0)+IF(Input!$K$16=4,M5837*Input!$J$16,0)</f>
        <v>0</v>
      </c>
    </row>
    <row r="5838" spans="8:17" x14ac:dyDescent="0.25">
      <c r="H5838" s="43">
        <v>5831</v>
      </c>
      <c r="I5838" s="55">
        <f>Bühler!I5864</f>
        <v>0.23767772645228255</v>
      </c>
      <c r="J5838" s="58">
        <f>Bühler!J5864</f>
        <v>7.3030528967369452</v>
      </c>
      <c r="K5838" s="58">
        <f>Bühler!K5864</f>
        <v>0.58156394702089109</v>
      </c>
      <c r="L5838" s="58">
        <f>Bühler!L5864</f>
        <v>0.29078197351044555</v>
      </c>
      <c r="M5838" s="57">
        <f>Bühler!M5864</f>
        <v>0</v>
      </c>
      <c r="N5838" s="55">
        <f>IF(Input!$K$13=1,J5838*Input!$J$13,0)+IF(Input!$K$14=1,K5838*Input!$J$14,0)+IF(Input!$K$15=1,L5838*Input!$J$15,0)+IF(Input!$K$16=1,M5838*Input!$J$16,0)</f>
        <v>0.87636634760843335</v>
      </c>
      <c r="O5838" s="58">
        <f>IF(Input!$K$13=2,J5838*Input!$J$13,0)+IF(Input!$K$14=2,K5838*Input!$J$14,0)+IF(Input!$K$15=2,L5838*Input!$J$15,0)+IF(Input!$K$16=2,M5838*Input!$J$16,0)</f>
        <v>7.8511132847820297E-2</v>
      </c>
      <c r="P5838" s="58">
        <f>IF(Input!$K$13=3,J5838*Input!$J$13,0)+IF(Input!$K$14=3,K5838*Input!$J$14,0)+IF(Input!$K$15=3,L5838*Input!$J$15,0)+IF(Input!$K$16=3,M5838*Input!$J$16,0)</f>
        <v>0</v>
      </c>
      <c r="Q5838" s="71">
        <f>IF(Input!$K$13=4,J5838*Input!$J$13,0)+IF(Input!$K$14=4,K5838*Input!$J$14,0)+IF(Input!$K$15=4,L5838*Input!$J$15,0)+IF(Input!$K$16=4,M5838*Input!$J$16,0)</f>
        <v>0</v>
      </c>
    </row>
    <row r="5839" spans="8:17" x14ac:dyDescent="0.25">
      <c r="H5839" s="43">
        <v>5832</v>
      </c>
      <c r="I5839" s="55">
        <f>Bühler!I5865</f>
        <v>0.23767772645228255</v>
      </c>
      <c r="J5839" s="58">
        <f>Bühler!J5865</f>
        <v>7.3030528967369452</v>
      </c>
      <c r="K5839" s="58">
        <f>Bühler!K5865</f>
        <v>0.58156394702089109</v>
      </c>
      <c r="L5839" s="58">
        <f>Bühler!L5865</f>
        <v>0.29078197351044555</v>
      </c>
      <c r="M5839" s="57">
        <f>Bühler!M5865</f>
        <v>0</v>
      </c>
      <c r="N5839" s="55">
        <f>IF(Input!$K$13=1,J5839*Input!$J$13,0)+IF(Input!$K$14=1,K5839*Input!$J$14,0)+IF(Input!$K$15=1,L5839*Input!$J$15,0)+IF(Input!$K$16=1,M5839*Input!$J$16,0)</f>
        <v>0.87636634760843335</v>
      </c>
      <c r="O5839" s="58">
        <f>IF(Input!$K$13=2,J5839*Input!$J$13,0)+IF(Input!$K$14=2,K5839*Input!$J$14,0)+IF(Input!$K$15=2,L5839*Input!$J$15,0)+IF(Input!$K$16=2,M5839*Input!$J$16,0)</f>
        <v>7.8511132847820297E-2</v>
      </c>
      <c r="P5839" s="58">
        <f>IF(Input!$K$13=3,J5839*Input!$J$13,0)+IF(Input!$K$14=3,K5839*Input!$J$14,0)+IF(Input!$K$15=3,L5839*Input!$J$15,0)+IF(Input!$K$16=3,M5839*Input!$J$16,0)</f>
        <v>0</v>
      </c>
      <c r="Q5839" s="71">
        <f>IF(Input!$K$13=4,J5839*Input!$J$13,0)+IF(Input!$K$14=4,K5839*Input!$J$14,0)+IF(Input!$K$15=4,L5839*Input!$J$15,0)+IF(Input!$K$16=4,M5839*Input!$J$16,0)</f>
        <v>0</v>
      </c>
    </row>
    <row r="5840" spans="8:17" x14ac:dyDescent="0.25">
      <c r="H5840" s="43">
        <v>5833</v>
      </c>
      <c r="I5840" s="55">
        <f>Bühler!I5866</f>
        <v>0.10868961206637726</v>
      </c>
      <c r="J5840" s="58">
        <f>Bühler!J5866</f>
        <v>10.470207077497243</v>
      </c>
      <c r="K5840" s="58">
        <f>Bühler!K5866</f>
        <v>0.87254561865064206</v>
      </c>
      <c r="L5840" s="58">
        <f>Bühler!L5866</f>
        <v>0.43627280932532103</v>
      </c>
      <c r="M5840" s="57">
        <f>Bühler!M5866</f>
        <v>0</v>
      </c>
      <c r="N5840" s="55">
        <f>IF(Input!$K$13=1,J5840*Input!$J$13,0)+IF(Input!$K$14=1,K5840*Input!$J$14,0)+IF(Input!$K$15=1,L5840*Input!$J$15,0)+IF(Input!$K$16=1,M5840*Input!$J$16,0)</f>
        <v>1.256424849299669</v>
      </c>
      <c r="O5840" s="58">
        <f>IF(Input!$K$13=2,J5840*Input!$J$13,0)+IF(Input!$K$14=2,K5840*Input!$J$14,0)+IF(Input!$K$15=2,L5840*Input!$J$15,0)+IF(Input!$K$16=2,M5840*Input!$J$16,0)</f>
        <v>0.11779365851783666</v>
      </c>
      <c r="P5840" s="58">
        <f>IF(Input!$K$13=3,J5840*Input!$J$13,0)+IF(Input!$K$14=3,K5840*Input!$J$14,0)+IF(Input!$K$15=3,L5840*Input!$J$15,0)+IF(Input!$K$16=3,M5840*Input!$J$16,0)</f>
        <v>0</v>
      </c>
      <c r="Q5840" s="71">
        <f>IF(Input!$K$13=4,J5840*Input!$J$13,0)+IF(Input!$K$14=4,K5840*Input!$J$14,0)+IF(Input!$K$15=4,L5840*Input!$J$15,0)+IF(Input!$K$16=4,M5840*Input!$J$16,0)</f>
        <v>0</v>
      </c>
    </row>
    <row r="5841" spans="8:17" x14ac:dyDescent="0.25">
      <c r="H5841" s="43">
        <v>5834</v>
      </c>
      <c r="I5841" s="55">
        <f>Bühler!I5867</f>
        <v>0.10868961206637726</v>
      </c>
      <c r="J5841" s="58">
        <f>Bühler!J5867</f>
        <v>6.391965260198373</v>
      </c>
      <c r="K5841" s="58">
        <f>Bühler!K5867</f>
        <v>0.52881552645493457</v>
      </c>
      <c r="L5841" s="58">
        <f>Bühler!L5867</f>
        <v>0.26440776322746729</v>
      </c>
      <c r="M5841" s="57">
        <f>Bühler!M5867</f>
        <v>0</v>
      </c>
      <c r="N5841" s="55">
        <f>IF(Input!$K$13=1,J5841*Input!$J$13,0)+IF(Input!$K$14=1,K5841*Input!$J$14,0)+IF(Input!$K$15=1,L5841*Input!$J$15,0)+IF(Input!$K$16=1,M5841*Input!$J$16,0)</f>
        <v>0.7670358312238047</v>
      </c>
      <c r="O5841" s="58">
        <f>IF(Input!$K$13=2,J5841*Input!$J$13,0)+IF(Input!$K$14=2,K5841*Input!$J$14,0)+IF(Input!$K$15=2,L5841*Input!$J$15,0)+IF(Input!$K$16=2,M5841*Input!$J$16,0)</f>
        <v>7.1390096071416165E-2</v>
      </c>
      <c r="P5841" s="58">
        <f>IF(Input!$K$13=3,J5841*Input!$J$13,0)+IF(Input!$K$14=3,K5841*Input!$J$14,0)+IF(Input!$K$15=3,L5841*Input!$J$15,0)+IF(Input!$K$16=3,M5841*Input!$J$16,0)</f>
        <v>0</v>
      </c>
      <c r="Q5841" s="71">
        <f>IF(Input!$K$13=4,J5841*Input!$J$13,0)+IF(Input!$K$14=4,K5841*Input!$J$14,0)+IF(Input!$K$15=4,L5841*Input!$J$15,0)+IF(Input!$K$16=4,M5841*Input!$J$16,0)</f>
        <v>0</v>
      </c>
    </row>
    <row r="5842" spans="8:17" x14ac:dyDescent="0.25">
      <c r="H5842" s="43">
        <v>5835</v>
      </c>
      <c r="I5842" s="55">
        <f>Bühler!I5868</f>
        <v>0.10868961206637726</v>
      </c>
      <c r="J5842" s="58">
        <f>Bühler!J5868</f>
        <v>6.391965260198373</v>
      </c>
      <c r="K5842" s="58">
        <f>Bühler!K5868</f>
        <v>0.52881552645493457</v>
      </c>
      <c r="L5842" s="58">
        <f>Bühler!L5868</f>
        <v>0.26440776322746729</v>
      </c>
      <c r="M5842" s="57">
        <f>Bühler!M5868</f>
        <v>0</v>
      </c>
      <c r="N5842" s="55">
        <f>IF(Input!$K$13=1,J5842*Input!$J$13,0)+IF(Input!$K$14=1,K5842*Input!$J$14,0)+IF(Input!$K$15=1,L5842*Input!$J$15,0)+IF(Input!$K$16=1,M5842*Input!$J$16,0)</f>
        <v>0.7670358312238047</v>
      </c>
      <c r="O5842" s="58">
        <f>IF(Input!$K$13=2,J5842*Input!$J$13,0)+IF(Input!$K$14=2,K5842*Input!$J$14,0)+IF(Input!$K$15=2,L5842*Input!$J$15,0)+IF(Input!$K$16=2,M5842*Input!$J$16,0)</f>
        <v>7.1390096071416165E-2</v>
      </c>
      <c r="P5842" s="58">
        <f>IF(Input!$K$13=3,J5842*Input!$J$13,0)+IF(Input!$K$14=3,K5842*Input!$J$14,0)+IF(Input!$K$15=3,L5842*Input!$J$15,0)+IF(Input!$K$16=3,M5842*Input!$J$16,0)</f>
        <v>0</v>
      </c>
      <c r="Q5842" s="71">
        <f>IF(Input!$K$13=4,J5842*Input!$J$13,0)+IF(Input!$K$14=4,K5842*Input!$J$14,0)+IF(Input!$K$15=4,L5842*Input!$J$15,0)+IF(Input!$K$16=4,M5842*Input!$J$16,0)</f>
        <v>0</v>
      </c>
    </row>
    <row r="5843" spans="8:17" x14ac:dyDescent="0.25">
      <c r="H5843" s="43">
        <v>5836</v>
      </c>
      <c r="I5843" s="55">
        <f>Bühler!I5869</f>
        <v>0.10868961206637726</v>
      </c>
      <c r="J5843" s="58">
        <f>Bühler!J5869</f>
        <v>6.391965260198373</v>
      </c>
      <c r="K5843" s="58">
        <f>Bühler!K5869</f>
        <v>0.52881552645493457</v>
      </c>
      <c r="L5843" s="58">
        <f>Bühler!L5869</f>
        <v>0.26440776322746729</v>
      </c>
      <c r="M5843" s="57">
        <f>Bühler!M5869</f>
        <v>0</v>
      </c>
      <c r="N5843" s="55">
        <f>IF(Input!$K$13=1,J5843*Input!$J$13,0)+IF(Input!$K$14=1,K5843*Input!$J$14,0)+IF(Input!$K$15=1,L5843*Input!$J$15,0)+IF(Input!$K$16=1,M5843*Input!$J$16,0)</f>
        <v>0.7670358312238047</v>
      </c>
      <c r="O5843" s="58">
        <f>IF(Input!$K$13=2,J5843*Input!$J$13,0)+IF(Input!$K$14=2,K5843*Input!$J$14,0)+IF(Input!$K$15=2,L5843*Input!$J$15,0)+IF(Input!$K$16=2,M5843*Input!$J$16,0)</f>
        <v>7.1390096071416165E-2</v>
      </c>
      <c r="P5843" s="58">
        <f>IF(Input!$K$13=3,J5843*Input!$J$13,0)+IF(Input!$K$14=3,K5843*Input!$J$14,0)+IF(Input!$K$15=3,L5843*Input!$J$15,0)+IF(Input!$K$16=3,M5843*Input!$J$16,0)</f>
        <v>0</v>
      </c>
      <c r="Q5843" s="71">
        <f>IF(Input!$K$13=4,J5843*Input!$J$13,0)+IF(Input!$K$14=4,K5843*Input!$J$14,0)+IF(Input!$K$15=4,L5843*Input!$J$15,0)+IF(Input!$K$16=4,M5843*Input!$J$16,0)</f>
        <v>0</v>
      </c>
    </row>
    <row r="5844" spans="8:17" x14ac:dyDescent="0.25">
      <c r="H5844" s="43">
        <v>5837</v>
      </c>
      <c r="I5844" s="55">
        <f>Bühler!I5870</f>
        <v>0.10868961206637726</v>
      </c>
      <c r="J5844" s="58">
        <f>Bühler!J5870</f>
        <v>6.391965260198373</v>
      </c>
      <c r="K5844" s="58">
        <f>Bühler!K5870</f>
        <v>0.52881552645493457</v>
      </c>
      <c r="L5844" s="58">
        <f>Bühler!L5870</f>
        <v>0.26440776322746729</v>
      </c>
      <c r="M5844" s="57">
        <f>Bühler!M5870</f>
        <v>0</v>
      </c>
      <c r="N5844" s="55">
        <f>IF(Input!$K$13=1,J5844*Input!$J$13,0)+IF(Input!$K$14=1,K5844*Input!$J$14,0)+IF(Input!$K$15=1,L5844*Input!$J$15,0)+IF(Input!$K$16=1,M5844*Input!$J$16,0)</f>
        <v>0.7670358312238047</v>
      </c>
      <c r="O5844" s="58">
        <f>IF(Input!$K$13=2,J5844*Input!$J$13,0)+IF(Input!$K$14=2,K5844*Input!$J$14,0)+IF(Input!$K$15=2,L5844*Input!$J$15,0)+IF(Input!$K$16=2,M5844*Input!$J$16,0)</f>
        <v>7.1390096071416165E-2</v>
      </c>
      <c r="P5844" s="58">
        <f>IF(Input!$K$13=3,J5844*Input!$J$13,0)+IF(Input!$K$14=3,K5844*Input!$J$14,0)+IF(Input!$K$15=3,L5844*Input!$J$15,0)+IF(Input!$K$16=3,M5844*Input!$J$16,0)</f>
        <v>0</v>
      </c>
      <c r="Q5844" s="71">
        <f>IF(Input!$K$13=4,J5844*Input!$J$13,0)+IF(Input!$K$14=4,K5844*Input!$J$14,0)+IF(Input!$K$15=4,L5844*Input!$J$15,0)+IF(Input!$K$16=4,M5844*Input!$J$16,0)</f>
        <v>0</v>
      </c>
    </row>
    <row r="5845" spans="8:17" x14ac:dyDescent="0.25">
      <c r="H5845" s="43">
        <v>5838</v>
      </c>
      <c r="I5845" s="55">
        <f>Bühler!I5871</f>
        <v>0.10868961206637726</v>
      </c>
      <c r="J5845" s="58">
        <f>Bühler!J5871</f>
        <v>6.391965260198373</v>
      </c>
      <c r="K5845" s="58">
        <f>Bühler!K5871</f>
        <v>0.52881552645493457</v>
      </c>
      <c r="L5845" s="58">
        <f>Bühler!L5871</f>
        <v>0.26440776322746729</v>
      </c>
      <c r="M5845" s="57">
        <f>Bühler!M5871</f>
        <v>0</v>
      </c>
      <c r="N5845" s="55">
        <f>IF(Input!$K$13=1,J5845*Input!$J$13,0)+IF(Input!$K$14=1,K5845*Input!$J$14,0)+IF(Input!$K$15=1,L5845*Input!$J$15,0)+IF(Input!$K$16=1,M5845*Input!$J$16,0)</f>
        <v>0.7670358312238047</v>
      </c>
      <c r="O5845" s="58">
        <f>IF(Input!$K$13=2,J5845*Input!$J$13,0)+IF(Input!$K$14=2,K5845*Input!$J$14,0)+IF(Input!$K$15=2,L5845*Input!$J$15,0)+IF(Input!$K$16=2,M5845*Input!$J$16,0)</f>
        <v>7.1390096071416165E-2</v>
      </c>
      <c r="P5845" s="58">
        <f>IF(Input!$K$13=3,J5845*Input!$J$13,0)+IF(Input!$K$14=3,K5845*Input!$J$14,0)+IF(Input!$K$15=3,L5845*Input!$J$15,0)+IF(Input!$K$16=3,M5845*Input!$J$16,0)</f>
        <v>0</v>
      </c>
      <c r="Q5845" s="71">
        <f>IF(Input!$K$13=4,J5845*Input!$J$13,0)+IF(Input!$K$14=4,K5845*Input!$J$14,0)+IF(Input!$K$15=4,L5845*Input!$J$15,0)+IF(Input!$K$16=4,M5845*Input!$J$16,0)</f>
        <v>0</v>
      </c>
    </row>
    <row r="5846" spans="8:17" x14ac:dyDescent="0.25">
      <c r="H5846" s="43">
        <v>5839</v>
      </c>
      <c r="I5846" s="55">
        <f>Bühler!I5872</f>
        <v>0.10868961206637726</v>
      </c>
      <c r="J5846" s="58">
        <f>Bühler!J5872</f>
        <v>6.391965260198373</v>
      </c>
      <c r="K5846" s="58">
        <f>Bühler!K5872</f>
        <v>0.52881552645493457</v>
      </c>
      <c r="L5846" s="58">
        <f>Bühler!L5872</f>
        <v>0.26440776322746729</v>
      </c>
      <c r="M5846" s="57">
        <f>Bühler!M5872</f>
        <v>0</v>
      </c>
      <c r="N5846" s="55">
        <f>IF(Input!$K$13=1,J5846*Input!$J$13,0)+IF(Input!$K$14=1,K5846*Input!$J$14,0)+IF(Input!$K$15=1,L5846*Input!$J$15,0)+IF(Input!$K$16=1,M5846*Input!$J$16,0)</f>
        <v>0.7670358312238047</v>
      </c>
      <c r="O5846" s="58">
        <f>IF(Input!$K$13=2,J5846*Input!$J$13,0)+IF(Input!$K$14=2,K5846*Input!$J$14,0)+IF(Input!$K$15=2,L5846*Input!$J$15,0)+IF(Input!$K$16=2,M5846*Input!$J$16,0)</f>
        <v>7.1390096071416165E-2</v>
      </c>
      <c r="P5846" s="58">
        <f>IF(Input!$K$13=3,J5846*Input!$J$13,0)+IF(Input!$K$14=3,K5846*Input!$J$14,0)+IF(Input!$K$15=3,L5846*Input!$J$15,0)+IF(Input!$K$16=3,M5846*Input!$J$16,0)</f>
        <v>0</v>
      </c>
      <c r="Q5846" s="71">
        <f>IF(Input!$K$13=4,J5846*Input!$J$13,0)+IF(Input!$K$14=4,K5846*Input!$J$14,0)+IF(Input!$K$15=4,L5846*Input!$J$15,0)+IF(Input!$K$16=4,M5846*Input!$J$16,0)</f>
        <v>0</v>
      </c>
    </row>
    <row r="5847" spans="8:17" x14ac:dyDescent="0.25">
      <c r="H5847" s="43">
        <v>5840</v>
      </c>
      <c r="I5847" s="55">
        <f>Bühler!I5873</f>
        <v>0.29451378753469964</v>
      </c>
      <c r="J5847" s="58">
        <f>Bühler!J5873</f>
        <v>27.047226051921331</v>
      </c>
      <c r="K5847" s="58">
        <f>Bühler!K5873</f>
        <v>2.2527541426980213</v>
      </c>
      <c r="L5847" s="58">
        <f>Bühler!L5873</f>
        <v>1.1263770713490107</v>
      </c>
      <c r="M5847" s="57">
        <f>Bühler!M5873</f>
        <v>0</v>
      </c>
      <c r="N5847" s="55">
        <f>IF(Input!$K$13=1,J5847*Input!$J$13,0)+IF(Input!$K$14=1,K5847*Input!$J$14,0)+IF(Input!$K$15=1,L5847*Input!$J$15,0)+IF(Input!$K$16=1,M5847*Input!$J$16,0)</f>
        <v>3.2456671262305599</v>
      </c>
      <c r="O5847" s="58">
        <f>IF(Input!$K$13=2,J5847*Input!$J$13,0)+IF(Input!$K$14=2,K5847*Input!$J$14,0)+IF(Input!$K$15=2,L5847*Input!$J$15,0)+IF(Input!$K$16=2,M5847*Input!$J$16,0)</f>
        <v>0.30412180926423288</v>
      </c>
      <c r="P5847" s="58">
        <f>IF(Input!$K$13=3,J5847*Input!$J$13,0)+IF(Input!$K$14=3,K5847*Input!$J$14,0)+IF(Input!$K$15=3,L5847*Input!$J$15,0)+IF(Input!$K$16=3,M5847*Input!$J$16,0)</f>
        <v>0</v>
      </c>
      <c r="Q5847" s="71">
        <f>IF(Input!$K$13=4,J5847*Input!$J$13,0)+IF(Input!$K$14=4,K5847*Input!$J$14,0)+IF(Input!$K$15=4,L5847*Input!$J$15,0)+IF(Input!$K$16=4,M5847*Input!$J$16,0)</f>
        <v>0</v>
      </c>
    </row>
    <row r="5848" spans="8:17" x14ac:dyDescent="0.25">
      <c r="H5848" s="43">
        <v>5841</v>
      </c>
      <c r="I5848" s="55">
        <f>Bühler!I5874</f>
        <v>0.36814223441837457</v>
      </c>
      <c r="J5848" s="58">
        <f>Bühler!J5874</f>
        <v>33.809032564901663</v>
      </c>
      <c r="K5848" s="58">
        <f>Bühler!K5874</f>
        <v>2.8159426783725272</v>
      </c>
      <c r="L5848" s="58">
        <f>Bühler!L5874</f>
        <v>1.4079713391862636</v>
      </c>
      <c r="M5848" s="57">
        <f>Bühler!M5874</f>
        <v>0</v>
      </c>
      <c r="N5848" s="55">
        <f>IF(Input!$K$13=1,J5848*Input!$J$13,0)+IF(Input!$K$14=1,K5848*Input!$J$14,0)+IF(Input!$K$15=1,L5848*Input!$J$15,0)+IF(Input!$K$16=1,M5848*Input!$J$16,0)</f>
        <v>4.0570839077881997</v>
      </c>
      <c r="O5848" s="58">
        <f>IF(Input!$K$13=2,J5848*Input!$J$13,0)+IF(Input!$K$14=2,K5848*Input!$J$14,0)+IF(Input!$K$15=2,L5848*Input!$J$15,0)+IF(Input!$K$16=2,M5848*Input!$J$16,0)</f>
        <v>0.38015226158029114</v>
      </c>
      <c r="P5848" s="58">
        <f>IF(Input!$K$13=3,J5848*Input!$J$13,0)+IF(Input!$K$14=3,K5848*Input!$J$14,0)+IF(Input!$K$15=3,L5848*Input!$J$15,0)+IF(Input!$K$16=3,M5848*Input!$J$16,0)</f>
        <v>0</v>
      </c>
      <c r="Q5848" s="71">
        <f>IF(Input!$K$13=4,J5848*Input!$J$13,0)+IF(Input!$K$14=4,K5848*Input!$J$14,0)+IF(Input!$K$15=4,L5848*Input!$J$15,0)+IF(Input!$K$16=4,M5848*Input!$J$16,0)</f>
        <v>0</v>
      </c>
    </row>
    <row r="5849" spans="8:17" x14ac:dyDescent="0.25">
      <c r="H5849" s="43">
        <v>5842</v>
      </c>
      <c r="I5849" s="55">
        <f>Bühler!I5875</f>
        <v>0.40495645786021206</v>
      </c>
      <c r="J5849" s="58">
        <f>Bühler!J5875</f>
        <v>37.189935821391835</v>
      </c>
      <c r="K5849" s="58">
        <f>Bühler!K5875</f>
        <v>3.0975369462097797</v>
      </c>
      <c r="L5849" s="58">
        <f>Bühler!L5875</f>
        <v>1.5487684731048899</v>
      </c>
      <c r="M5849" s="57">
        <f>Bühler!M5875</f>
        <v>0</v>
      </c>
      <c r="N5849" s="55">
        <f>IF(Input!$K$13=1,J5849*Input!$J$13,0)+IF(Input!$K$14=1,K5849*Input!$J$14,0)+IF(Input!$K$15=1,L5849*Input!$J$15,0)+IF(Input!$K$16=1,M5849*Input!$J$16,0)</f>
        <v>4.4627922985670203</v>
      </c>
      <c r="O5849" s="58">
        <f>IF(Input!$K$13=2,J5849*Input!$J$13,0)+IF(Input!$K$14=2,K5849*Input!$J$14,0)+IF(Input!$K$15=2,L5849*Input!$J$15,0)+IF(Input!$K$16=2,M5849*Input!$J$16,0)</f>
        <v>0.41816748773832024</v>
      </c>
      <c r="P5849" s="58">
        <f>IF(Input!$K$13=3,J5849*Input!$J$13,0)+IF(Input!$K$14=3,K5849*Input!$J$14,0)+IF(Input!$K$15=3,L5849*Input!$J$15,0)+IF(Input!$K$16=3,M5849*Input!$J$16,0)</f>
        <v>0</v>
      </c>
      <c r="Q5849" s="71">
        <f>IF(Input!$K$13=4,J5849*Input!$J$13,0)+IF(Input!$K$14=4,K5849*Input!$J$14,0)+IF(Input!$K$15=4,L5849*Input!$J$15,0)+IF(Input!$K$16=4,M5849*Input!$J$16,0)</f>
        <v>0</v>
      </c>
    </row>
    <row r="5850" spans="8:17" x14ac:dyDescent="0.25">
      <c r="H5850" s="43">
        <v>5843</v>
      </c>
      <c r="I5850" s="55">
        <f>Bühler!I5876</f>
        <v>0.40495645786021206</v>
      </c>
      <c r="J5850" s="58">
        <f>Bühler!J5876</f>
        <v>37.189935821391835</v>
      </c>
      <c r="K5850" s="58">
        <f>Bühler!K5876</f>
        <v>3.0975369462097797</v>
      </c>
      <c r="L5850" s="58">
        <f>Bühler!L5876</f>
        <v>1.5487684731048899</v>
      </c>
      <c r="M5850" s="57">
        <f>Bühler!M5876</f>
        <v>0</v>
      </c>
      <c r="N5850" s="55">
        <f>IF(Input!$K$13=1,J5850*Input!$J$13,0)+IF(Input!$K$14=1,K5850*Input!$J$14,0)+IF(Input!$K$15=1,L5850*Input!$J$15,0)+IF(Input!$K$16=1,M5850*Input!$J$16,0)</f>
        <v>4.4627922985670203</v>
      </c>
      <c r="O5850" s="58">
        <f>IF(Input!$K$13=2,J5850*Input!$J$13,0)+IF(Input!$K$14=2,K5850*Input!$J$14,0)+IF(Input!$K$15=2,L5850*Input!$J$15,0)+IF(Input!$K$16=2,M5850*Input!$J$16,0)</f>
        <v>0.41816748773832024</v>
      </c>
      <c r="P5850" s="58">
        <f>IF(Input!$K$13=3,J5850*Input!$J$13,0)+IF(Input!$K$14=3,K5850*Input!$J$14,0)+IF(Input!$K$15=3,L5850*Input!$J$15,0)+IF(Input!$K$16=3,M5850*Input!$J$16,0)</f>
        <v>0</v>
      </c>
      <c r="Q5850" s="71">
        <f>IF(Input!$K$13=4,J5850*Input!$J$13,0)+IF(Input!$K$14=4,K5850*Input!$J$14,0)+IF(Input!$K$15=4,L5850*Input!$J$15,0)+IF(Input!$K$16=4,M5850*Input!$J$16,0)</f>
        <v>0</v>
      </c>
    </row>
    <row r="5851" spans="8:17" x14ac:dyDescent="0.25">
      <c r="H5851" s="43">
        <v>5844</v>
      </c>
      <c r="I5851" s="55">
        <f>Bühler!I5877</f>
        <v>0.47858490474388699</v>
      </c>
      <c r="J5851" s="58">
        <f>Bühler!J5877</f>
        <v>43.951742334372156</v>
      </c>
      <c r="K5851" s="58">
        <f>Bühler!K5877</f>
        <v>3.6607254818842847</v>
      </c>
      <c r="L5851" s="58">
        <f>Bühler!L5877</f>
        <v>1.8303627409421424</v>
      </c>
      <c r="M5851" s="57">
        <f>Bühler!M5877</f>
        <v>0</v>
      </c>
      <c r="N5851" s="55">
        <f>IF(Input!$K$13=1,J5851*Input!$J$13,0)+IF(Input!$K$14=1,K5851*Input!$J$14,0)+IF(Input!$K$15=1,L5851*Input!$J$15,0)+IF(Input!$K$16=1,M5851*Input!$J$16,0)</f>
        <v>5.2742090801246588</v>
      </c>
      <c r="O5851" s="58">
        <f>IF(Input!$K$13=2,J5851*Input!$J$13,0)+IF(Input!$K$14=2,K5851*Input!$J$14,0)+IF(Input!$K$15=2,L5851*Input!$J$15,0)+IF(Input!$K$16=2,M5851*Input!$J$16,0)</f>
        <v>0.49419794005437845</v>
      </c>
      <c r="P5851" s="58">
        <f>IF(Input!$K$13=3,J5851*Input!$J$13,0)+IF(Input!$K$14=3,K5851*Input!$J$14,0)+IF(Input!$K$15=3,L5851*Input!$J$15,0)+IF(Input!$K$16=3,M5851*Input!$J$16,0)</f>
        <v>0</v>
      </c>
      <c r="Q5851" s="71">
        <f>IF(Input!$K$13=4,J5851*Input!$J$13,0)+IF(Input!$K$14=4,K5851*Input!$J$14,0)+IF(Input!$K$15=4,L5851*Input!$J$15,0)+IF(Input!$K$16=4,M5851*Input!$J$16,0)</f>
        <v>0</v>
      </c>
    </row>
    <row r="5852" spans="8:17" x14ac:dyDescent="0.25">
      <c r="H5852" s="43">
        <v>5845</v>
      </c>
      <c r="I5852" s="55">
        <f>Bühler!I5878</f>
        <v>0.47858490474388699</v>
      </c>
      <c r="J5852" s="58">
        <f>Bühler!J5878</f>
        <v>43.951742334372156</v>
      </c>
      <c r="K5852" s="58">
        <f>Bühler!K5878</f>
        <v>3.6607254818842847</v>
      </c>
      <c r="L5852" s="58">
        <f>Bühler!L5878</f>
        <v>1.8303627409421424</v>
      </c>
      <c r="M5852" s="57">
        <f>Bühler!M5878</f>
        <v>0</v>
      </c>
      <c r="N5852" s="55">
        <f>IF(Input!$K$13=1,J5852*Input!$J$13,0)+IF(Input!$K$14=1,K5852*Input!$J$14,0)+IF(Input!$K$15=1,L5852*Input!$J$15,0)+IF(Input!$K$16=1,M5852*Input!$J$16,0)</f>
        <v>5.2742090801246588</v>
      </c>
      <c r="O5852" s="58">
        <f>IF(Input!$K$13=2,J5852*Input!$J$13,0)+IF(Input!$K$14=2,K5852*Input!$J$14,0)+IF(Input!$K$15=2,L5852*Input!$J$15,0)+IF(Input!$K$16=2,M5852*Input!$J$16,0)</f>
        <v>0.49419794005437845</v>
      </c>
      <c r="P5852" s="58">
        <f>IF(Input!$K$13=3,J5852*Input!$J$13,0)+IF(Input!$K$14=3,K5852*Input!$J$14,0)+IF(Input!$K$15=3,L5852*Input!$J$15,0)+IF(Input!$K$16=3,M5852*Input!$J$16,0)</f>
        <v>0</v>
      </c>
      <c r="Q5852" s="71">
        <f>IF(Input!$K$13=4,J5852*Input!$J$13,0)+IF(Input!$K$14=4,K5852*Input!$J$14,0)+IF(Input!$K$15=4,L5852*Input!$J$15,0)+IF(Input!$K$16=4,M5852*Input!$J$16,0)</f>
        <v>0</v>
      </c>
    </row>
    <row r="5853" spans="8:17" x14ac:dyDescent="0.25">
      <c r="H5853" s="43">
        <v>5846</v>
      </c>
      <c r="I5853" s="55">
        <f>Bühler!I5879</f>
        <v>0.33132801097653714</v>
      </c>
      <c r="J5853" s="58">
        <f>Bühler!J5879</f>
        <v>30.428129308411496</v>
      </c>
      <c r="K5853" s="58">
        <f>Bühler!K5879</f>
        <v>2.5343484105352743</v>
      </c>
      <c r="L5853" s="58">
        <f>Bühler!L5879</f>
        <v>1.2671742052676371</v>
      </c>
      <c r="M5853" s="57">
        <f>Bühler!M5879</f>
        <v>0</v>
      </c>
      <c r="N5853" s="55">
        <f>IF(Input!$K$13=1,J5853*Input!$J$13,0)+IF(Input!$K$14=1,K5853*Input!$J$14,0)+IF(Input!$K$15=1,L5853*Input!$J$15,0)+IF(Input!$K$16=1,M5853*Input!$J$16,0)</f>
        <v>3.6513755170093791</v>
      </c>
      <c r="O5853" s="58">
        <f>IF(Input!$K$13=2,J5853*Input!$J$13,0)+IF(Input!$K$14=2,K5853*Input!$J$14,0)+IF(Input!$K$15=2,L5853*Input!$J$15,0)+IF(Input!$K$16=2,M5853*Input!$J$16,0)</f>
        <v>0.34213703542226204</v>
      </c>
      <c r="P5853" s="58">
        <f>IF(Input!$K$13=3,J5853*Input!$J$13,0)+IF(Input!$K$14=3,K5853*Input!$J$14,0)+IF(Input!$K$15=3,L5853*Input!$J$15,0)+IF(Input!$K$16=3,M5853*Input!$J$16,0)</f>
        <v>0</v>
      </c>
      <c r="Q5853" s="71">
        <f>IF(Input!$K$13=4,J5853*Input!$J$13,0)+IF(Input!$K$14=4,K5853*Input!$J$14,0)+IF(Input!$K$15=4,L5853*Input!$J$15,0)+IF(Input!$K$16=4,M5853*Input!$J$16,0)</f>
        <v>0</v>
      </c>
    </row>
    <row r="5854" spans="8:17" x14ac:dyDescent="0.25">
      <c r="H5854" s="43">
        <v>5847</v>
      </c>
      <c r="I5854" s="55">
        <f>Bühler!I5880</f>
        <v>0.47858490474388699</v>
      </c>
      <c r="J5854" s="58">
        <f>Bühler!J5880</f>
        <v>43.951742334372156</v>
      </c>
      <c r="K5854" s="58">
        <f>Bühler!K5880</f>
        <v>3.6607254818842847</v>
      </c>
      <c r="L5854" s="58">
        <f>Bühler!L5880</f>
        <v>1.8303627409421424</v>
      </c>
      <c r="M5854" s="57">
        <f>Bühler!M5880</f>
        <v>0</v>
      </c>
      <c r="N5854" s="55">
        <f>IF(Input!$K$13=1,J5854*Input!$J$13,0)+IF(Input!$K$14=1,K5854*Input!$J$14,0)+IF(Input!$K$15=1,L5854*Input!$J$15,0)+IF(Input!$K$16=1,M5854*Input!$J$16,0)</f>
        <v>5.2742090801246588</v>
      </c>
      <c r="O5854" s="58">
        <f>IF(Input!$K$13=2,J5854*Input!$J$13,0)+IF(Input!$K$14=2,K5854*Input!$J$14,0)+IF(Input!$K$15=2,L5854*Input!$J$15,0)+IF(Input!$K$16=2,M5854*Input!$J$16,0)</f>
        <v>0.49419794005437845</v>
      </c>
      <c r="P5854" s="58">
        <f>IF(Input!$K$13=3,J5854*Input!$J$13,0)+IF(Input!$K$14=3,K5854*Input!$J$14,0)+IF(Input!$K$15=3,L5854*Input!$J$15,0)+IF(Input!$K$16=3,M5854*Input!$J$16,0)</f>
        <v>0</v>
      </c>
      <c r="Q5854" s="71">
        <f>IF(Input!$K$13=4,J5854*Input!$J$13,0)+IF(Input!$K$14=4,K5854*Input!$J$14,0)+IF(Input!$K$15=4,L5854*Input!$J$15,0)+IF(Input!$K$16=4,M5854*Input!$J$16,0)</f>
        <v>0</v>
      </c>
    </row>
    <row r="5855" spans="8:17" x14ac:dyDescent="0.25">
      <c r="H5855" s="43">
        <v>5848</v>
      </c>
      <c r="I5855" s="55">
        <f>Bühler!I5881</f>
        <v>0.40495645786021206</v>
      </c>
      <c r="J5855" s="58">
        <f>Bühler!J5881</f>
        <v>33.848914640296989</v>
      </c>
      <c r="K5855" s="58">
        <f>Bühler!K5881</f>
        <v>2.8159426783725272</v>
      </c>
      <c r="L5855" s="58">
        <f>Bühler!L5881</f>
        <v>1.4079713391862636</v>
      </c>
      <c r="M5855" s="57">
        <f>Bühler!M5881</f>
        <v>0</v>
      </c>
      <c r="N5855" s="55">
        <f>IF(Input!$K$13=1,J5855*Input!$J$13,0)+IF(Input!$K$14=1,K5855*Input!$J$14,0)+IF(Input!$K$15=1,L5855*Input!$J$15,0)+IF(Input!$K$16=1,M5855*Input!$J$16,0)</f>
        <v>4.0618697568356383</v>
      </c>
      <c r="O5855" s="58">
        <f>IF(Input!$K$13=2,J5855*Input!$J$13,0)+IF(Input!$K$14=2,K5855*Input!$J$14,0)+IF(Input!$K$15=2,L5855*Input!$J$15,0)+IF(Input!$K$16=2,M5855*Input!$J$16,0)</f>
        <v>0.38015226158029114</v>
      </c>
      <c r="P5855" s="58">
        <f>IF(Input!$K$13=3,J5855*Input!$J$13,0)+IF(Input!$K$14=3,K5855*Input!$J$14,0)+IF(Input!$K$15=3,L5855*Input!$J$15,0)+IF(Input!$K$16=3,M5855*Input!$J$16,0)</f>
        <v>0</v>
      </c>
      <c r="Q5855" s="71">
        <f>IF(Input!$K$13=4,J5855*Input!$J$13,0)+IF(Input!$K$14=4,K5855*Input!$J$14,0)+IF(Input!$K$15=4,L5855*Input!$J$15,0)+IF(Input!$K$16=4,M5855*Input!$J$16,0)</f>
        <v>0</v>
      </c>
    </row>
    <row r="5856" spans="8:17" x14ac:dyDescent="0.25">
      <c r="H5856" s="43">
        <v>5849</v>
      </c>
      <c r="I5856" s="55">
        <f>Bühler!I5882</f>
        <v>0.35061165182702347</v>
      </c>
      <c r="J5856" s="58">
        <f>Bühler!J5882</f>
        <v>16.065374740628769</v>
      </c>
      <c r="K5856" s="58">
        <f>Bühler!K5882</f>
        <v>1.3220388161373364</v>
      </c>
      <c r="L5856" s="58">
        <f>Bühler!L5882</f>
        <v>0.66101940806866821</v>
      </c>
      <c r="M5856" s="57">
        <f>Bühler!M5882</f>
        <v>0</v>
      </c>
      <c r="N5856" s="55">
        <f>IF(Input!$K$13=1,J5856*Input!$J$13,0)+IF(Input!$K$14=1,K5856*Input!$J$14,0)+IF(Input!$K$15=1,L5856*Input!$J$15,0)+IF(Input!$K$16=1,M5856*Input!$J$16,0)</f>
        <v>1.9278449688754522</v>
      </c>
      <c r="O5856" s="58">
        <f>IF(Input!$K$13=2,J5856*Input!$J$13,0)+IF(Input!$K$14=2,K5856*Input!$J$14,0)+IF(Input!$K$15=2,L5856*Input!$J$15,0)+IF(Input!$K$16=2,M5856*Input!$J$16,0)</f>
        <v>0.17847524017854041</v>
      </c>
      <c r="P5856" s="58">
        <f>IF(Input!$K$13=3,J5856*Input!$J$13,0)+IF(Input!$K$14=3,K5856*Input!$J$14,0)+IF(Input!$K$15=3,L5856*Input!$J$15,0)+IF(Input!$K$16=3,M5856*Input!$J$16,0)</f>
        <v>0</v>
      </c>
      <c r="Q5856" s="71">
        <f>IF(Input!$K$13=4,J5856*Input!$J$13,0)+IF(Input!$K$14=4,K5856*Input!$J$14,0)+IF(Input!$K$15=4,L5856*Input!$J$15,0)+IF(Input!$K$16=4,M5856*Input!$J$16,0)</f>
        <v>0</v>
      </c>
    </row>
    <row r="5857" spans="8:17" x14ac:dyDescent="0.25">
      <c r="H5857" s="43">
        <v>5850</v>
      </c>
      <c r="I5857" s="55">
        <f>Bühler!I5883</f>
        <v>0.29451378753469964</v>
      </c>
      <c r="J5857" s="58">
        <f>Bühler!J5883</f>
        <v>10.671516600921258</v>
      </c>
      <c r="K5857" s="58">
        <f>Bühler!K5883</f>
        <v>0.87254561865064206</v>
      </c>
      <c r="L5857" s="58">
        <f>Bühler!L5883</f>
        <v>0.43627280932532103</v>
      </c>
      <c r="M5857" s="57">
        <f>Bühler!M5883</f>
        <v>0</v>
      </c>
      <c r="N5857" s="55">
        <f>IF(Input!$K$13=1,J5857*Input!$J$13,0)+IF(Input!$K$14=1,K5857*Input!$J$14,0)+IF(Input!$K$15=1,L5857*Input!$J$15,0)+IF(Input!$K$16=1,M5857*Input!$J$16,0)</f>
        <v>1.280581992110551</v>
      </c>
      <c r="O5857" s="58">
        <f>IF(Input!$K$13=2,J5857*Input!$J$13,0)+IF(Input!$K$14=2,K5857*Input!$J$14,0)+IF(Input!$K$15=2,L5857*Input!$J$15,0)+IF(Input!$K$16=2,M5857*Input!$J$16,0)</f>
        <v>0.11779365851783666</v>
      </c>
      <c r="P5857" s="58">
        <f>IF(Input!$K$13=3,J5857*Input!$J$13,0)+IF(Input!$K$14=3,K5857*Input!$J$14,0)+IF(Input!$K$15=3,L5857*Input!$J$15,0)+IF(Input!$K$16=3,M5857*Input!$J$16,0)</f>
        <v>0</v>
      </c>
      <c r="Q5857" s="71">
        <f>IF(Input!$K$13=4,J5857*Input!$J$13,0)+IF(Input!$K$14=4,K5857*Input!$J$14,0)+IF(Input!$K$15=4,L5857*Input!$J$15,0)+IF(Input!$K$16=4,M5857*Input!$J$16,0)</f>
        <v>0</v>
      </c>
    </row>
    <row r="5858" spans="8:17" x14ac:dyDescent="0.25">
      <c r="H5858" s="43">
        <v>5851</v>
      </c>
      <c r="I5858" s="55">
        <f>Bühler!I5884</f>
        <v>0.10868961206637726</v>
      </c>
      <c r="J5858" s="58">
        <f>Bühler!J5884</f>
        <v>6.7056761692213636</v>
      </c>
      <c r="K5858" s="58">
        <f>Bühler!K5884</f>
        <v>0.55525630277768134</v>
      </c>
      <c r="L5858" s="58">
        <f>Bühler!L5884</f>
        <v>0.27762815138884067</v>
      </c>
      <c r="M5858" s="57">
        <f>Bühler!M5884</f>
        <v>0</v>
      </c>
      <c r="N5858" s="55">
        <f>IF(Input!$K$13=1,J5858*Input!$J$13,0)+IF(Input!$K$14=1,K5858*Input!$J$14,0)+IF(Input!$K$15=1,L5858*Input!$J$15,0)+IF(Input!$K$16=1,M5858*Input!$J$16,0)</f>
        <v>0.80468114030656357</v>
      </c>
      <c r="O5858" s="58">
        <f>IF(Input!$K$13=2,J5858*Input!$J$13,0)+IF(Input!$K$14=2,K5858*Input!$J$14,0)+IF(Input!$K$15=2,L5858*Input!$J$15,0)+IF(Input!$K$16=2,M5858*Input!$J$16,0)</f>
        <v>7.4959600874986987E-2</v>
      </c>
      <c r="P5858" s="58">
        <f>IF(Input!$K$13=3,J5858*Input!$J$13,0)+IF(Input!$K$14=3,K5858*Input!$J$14,0)+IF(Input!$K$15=3,L5858*Input!$J$15,0)+IF(Input!$K$16=3,M5858*Input!$J$16,0)</f>
        <v>0</v>
      </c>
      <c r="Q5858" s="71">
        <f>IF(Input!$K$13=4,J5858*Input!$J$13,0)+IF(Input!$K$14=4,K5858*Input!$J$14,0)+IF(Input!$K$15=4,L5858*Input!$J$15,0)+IF(Input!$K$16=4,M5858*Input!$J$16,0)</f>
        <v>0</v>
      </c>
    </row>
    <row r="5859" spans="8:17" x14ac:dyDescent="0.25">
      <c r="H5859" s="43">
        <v>5852</v>
      </c>
      <c r="I5859" s="55">
        <f>Bühler!I5885</f>
        <v>0.10868961206637726</v>
      </c>
      <c r="J5859" s="58">
        <f>Bühler!J5885</f>
        <v>6.391965260198373</v>
      </c>
      <c r="K5859" s="58">
        <f>Bühler!K5885</f>
        <v>0.52881552645493457</v>
      </c>
      <c r="L5859" s="58">
        <f>Bühler!L5885</f>
        <v>0.26440776322746729</v>
      </c>
      <c r="M5859" s="57">
        <f>Bühler!M5885</f>
        <v>0</v>
      </c>
      <c r="N5859" s="55">
        <f>IF(Input!$K$13=1,J5859*Input!$J$13,0)+IF(Input!$K$14=1,K5859*Input!$J$14,0)+IF(Input!$K$15=1,L5859*Input!$J$15,0)+IF(Input!$K$16=1,M5859*Input!$J$16,0)</f>
        <v>0.7670358312238047</v>
      </c>
      <c r="O5859" s="58">
        <f>IF(Input!$K$13=2,J5859*Input!$J$13,0)+IF(Input!$K$14=2,K5859*Input!$J$14,0)+IF(Input!$K$15=2,L5859*Input!$J$15,0)+IF(Input!$K$16=2,M5859*Input!$J$16,0)</f>
        <v>7.1390096071416165E-2</v>
      </c>
      <c r="P5859" s="58">
        <f>IF(Input!$K$13=3,J5859*Input!$J$13,0)+IF(Input!$K$14=3,K5859*Input!$J$14,0)+IF(Input!$K$15=3,L5859*Input!$J$15,0)+IF(Input!$K$16=3,M5859*Input!$J$16,0)</f>
        <v>0</v>
      </c>
      <c r="Q5859" s="71">
        <f>IF(Input!$K$13=4,J5859*Input!$J$13,0)+IF(Input!$K$14=4,K5859*Input!$J$14,0)+IF(Input!$K$15=4,L5859*Input!$J$15,0)+IF(Input!$K$16=4,M5859*Input!$J$16,0)</f>
        <v>0</v>
      </c>
    </row>
    <row r="5860" spans="8:17" x14ac:dyDescent="0.25">
      <c r="H5860" s="43">
        <v>5853</v>
      </c>
      <c r="I5860" s="55">
        <f>Bühler!I5886</f>
        <v>0.10868961206637726</v>
      </c>
      <c r="J5860" s="58">
        <f>Bühler!J5886</f>
        <v>6.391965260198373</v>
      </c>
      <c r="K5860" s="58">
        <f>Bühler!K5886</f>
        <v>0.52881552645493457</v>
      </c>
      <c r="L5860" s="58">
        <f>Bühler!L5886</f>
        <v>0.26440776322746729</v>
      </c>
      <c r="M5860" s="57">
        <f>Bühler!M5886</f>
        <v>0</v>
      </c>
      <c r="N5860" s="55">
        <f>IF(Input!$K$13=1,J5860*Input!$J$13,0)+IF(Input!$K$14=1,K5860*Input!$J$14,0)+IF(Input!$K$15=1,L5860*Input!$J$15,0)+IF(Input!$K$16=1,M5860*Input!$J$16,0)</f>
        <v>0.7670358312238047</v>
      </c>
      <c r="O5860" s="58">
        <f>IF(Input!$K$13=2,J5860*Input!$J$13,0)+IF(Input!$K$14=2,K5860*Input!$J$14,0)+IF(Input!$K$15=2,L5860*Input!$J$15,0)+IF(Input!$K$16=2,M5860*Input!$J$16,0)</f>
        <v>7.1390096071416165E-2</v>
      </c>
      <c r="P5860" s="58">
        <f>IF(Input!$K$13=3,J5860*Input!$J$13,0)+IF(Input!$K$14=3,K5860*Input!$J$14,0)+IF(Input!$K$15=3,L5860*Input!$J$15,0)+IF(Input!$K$16=3,M5860*Input!$J$16,0)</f>
        <v>0</v>
      </c>
      <c r="Q5860" s="71">
        <f>IF(Input!$K$13=4,J5860*Input!$J$13,0)+IF(Input!$K$14=4,K5860*Input!$J$14,0)+IF(Input!$K$15=4,L5860*Input!$J$15,0)+IF(Input!$K$16=4,M5860*Input!$J$16,0)</f>
        <v>0</v>
      </c>
    </row>
    <row r="5861" spans="8:17" x14ac:dyDescent="0.25">
      <c r="H5861" s="43">
        <v>5854</v>
      </c>
      <c r="I5861" s="55">
        <f>Bühler!I5887</f>
        <v>0.10868961206637726</v>
      </c>
      <c r="J5861" s="58">
        <f>Bühler!J5887</f>
        <v>6.391965260198373</v>
      </c>
      <c r="K5861" s="58">
        <f>Bühler!K5887</f>
        <v>0.52881552645493457</v>
      </c>
      <c r="L5861" s="58">
        <f>Bühler!L5887</f>
        <v>0.26440776322746729</v>
      </c>
      <c r="M5861" s="57">
        <f>Bühler!M5887</f>
        <v>0</v>
      </c>
      <c r="N5861" s="55">
        <f>IF(Input!$K$13=1,J5861*Input!$J$13,0)+IF(Input!$K$14=1,K5861*Input!$J$14,0)+IF(Input!$K$15=1,L5861*Input!$J$15,0)+IF(Input!$K$16=1,M5861*Input!$J$16,0)</f>
        <v>0.7670358312238047</v>
      </c>
      <c r="O5861" s="58">
        <f>IF(Input!$K$13=2,J5861*Input!$J$13,0)+IF(Input!$K$14=2,K5861*Input!$J$14,0)+IF(Input!$K$15=2,L5861*Input!$J$15,0)+IF(Input!$K$16=2,M5861*Input!$J$16,0)</f>
        <v>7.1390096071416165E-2</v>
      </c>
      <c r="P5861" s="58">
        <f>IF(Input!$K$13=3,J5861*Input!$J$13,0)+IF(Input!$K$14=3,K5861*Input!$J$14,0)+IF(Input!$K$15=3,L5861*Input!$J$15,0)+IF(Input!$K$16=3,M5861*Input!$J$16,0)</f>
        <v>0</v>
      </c>
      <c r="Q5861" s="71">
        <f>IF(Input!$K$13=4,J5861*Input!$J$13,0)+IF(Input!$K$14=4,K5861*Input!$J$14,0)+IF(Input!$K$15=4,L5861*Input!$J$15,0)+IF(Input!$K$16=4,M5861*Input!$J$16,0)</f>
        <v>0</v>
      </c>
    </row>
    <row r="5862" spans="8:17" x14ac:dyDescent="0.25">
      <c r="H5862" s="43">
        <v>5855</v>
      </c>
      <c r="I5862" s="55">
        <f>Bühler!I5888</f>
        <v>0.10868961206637726</v>
      </c>
      <c r="J5862" s="58">
        <f>Bühler!J5888</f>
        <v>6.391965260198373</v>
      </c>
      <c r="K5862" s="58">
        <f>Bühler!K5888</f>
        <v>0.52881552645493457</v>
      </c>
      <c r="L5862" s="58">
        <f>Bühler!L5888</f>
        <v>0.26440776322746729</v>
      </c>
      <c r="M5862" s="57">
        <f>Bühler!M5888</f>
        <v>0</v>
      </c>
      <c r="N5862" s="55">
        <f>IF(Input!$K$13=1,J5862*Input!$J$13,0)+IF(Input!$K$14=1,K5862*Input!$J$14,0)+IF(Input!$K$15=1,L5862*Input!$J$15,0)+IF(Input!$K$16=1,M5862*Input!$J$16,0)</f>
        <v>0.7670358312238047</v>
      </c>
      <c r="O5862" s="58">
        <f>IF(Input!$K$13=2,J5862*Input!$J$13,0)+IF(Input!$K$14=2,K5862*Input!$J$14,0)+IF(Input!$K$15=2,L5862*Input!$J$15,0)+IF(Input!$K$16=2,M5862*Input!$J$16,0)</f>
        <v>7.1390096071416165E-2</v>
      </c>
      <c r="P5862" s="58">
        <f>IF(Input!$K$13=3,J5862*Input!$J$13,0)+IF(Input!$K$14=3,K5862*Input!$J$14,0)+IF(Input!$K$15=3,L5862*Input!$J$15,0)+IF(Input!$K$16=3,M5862*Input!$J$16,0)</f>
        <v>0</v>
      </c>
      <c r="Q5862" s="71">
        <f>IF(Input!$K$13=4,J5862*Input!$J$13,0)+IF(Input!$K$14=4,K5862*Input!$J$14,0)+IF(Input!$K$15=4,L5862*Input!$J$15,0)+IF(Input!$K$16=4,M5862*Input!$J$16,0)</f>
        <v>0</v>
      </c>
    </row>
    <row r="5863" spans="8:17" x14ac:dyDescent="0.25">
      <c r="H5863" s="43">
        <v>5856</v>
      </c>
      <c r="I5863" s="55">
        <f>Bühler!I5889</f>
        <v>0.10868961206637726</v>
      </c>
      <c r="J5863" s="58">
        <f>Bühler!J5889</f>
        <v>6.391965260198373</v>
      </c>
      <c r="K5863" s="58">
        <f>Bühler!K5889</f>
        <v>0.52881552645493457</v>
      </c>
      <c r="L5863" s="58">
        <f>Bühler!L5889</f>
        <v>0.26440776322746729</v>
      </c>
      <c r="M5863" s="57">
        <f>Bühler!M5889</f>
        <v>0</v>
      </c>
      <c r="N5863" s="55">
        <f>IF(Input!$K$13=1,J5863*Input!$J$13,0)+IF(Input!$K$14=1,K5863*Input!$J$14,0)+IF(Input!$K$15=1,L5863*Input!$J$15,0)+IF(Input!$K$16=1,M5863*Input!$J$16,0)</f>
        <v>0.7670358312238047</v>
      </c>
      <c r="O5863" s="58">
        <f>IF(Input!$K$13=2,J5863*Input!$J$13,0)+IF(Input!$K$14=2,K5863*Input!$J$14,0)+IF(Input!$K$15=2,L5863*Input!$J$15,0)+IF(Input!$K$16=2,M5863*Input!$J$16,0)</f>
        <v>7.1390096071416165E-2</v>
      </c>
      <c r="P5863" s="58">
        <f>IF(Input!$K$13=3,J5863*Input!$J$13,0)+IF(Input!$K$14=3,K5863*Input!$J$14,0)+IF(Input!$K$15=3,L5863*Input!$J$15,0)+IF(Input!$K$16=3,M5863*Input!$J$16,0)</f>
        <v>0</v>
      </c>
      <c r="Q5863" s="71">
        <f>IF(Input!$K$13=4,J5863*Input!$J$13,0)+IF(Input!$K$14=4,K5863*Input!$J$14,0)+IF(Input!$K$15=4,L5863*Input!$J$15,0)+IF(Input!$K$16=4,M5863*Input!$J$16,0)</f>
        <v>0</v>
      </c>
    </row>
    <row r="5864" spans="8:17" x14ac:dyDescent="0.25">
      <c r="H5864" s="43">
        <v>5857</v>
      </c>
      <c r="I5864" s="55">
        <f>Bühler!I5890</f>
        <v>6.2724829530964712E-2</v>
      </c>
      <c r="J5864" s="58">
        <f>Bühler!J5890</f>
        <v>4.3595007292911792</v>
      </c>
      <c r="K5864" s="58">
        <f>Bühler!K5890</f>
        <v>0.24022717004742461</v>
      </c>
      <c r="L5864" s="58">
        <f>Bühler!L5890</f>
        <v>0.1201135850237123</v>
      </c>
      <c r="M5864" s="57">
        <f>Bühler!M5890</f>
        <v>0</v>
      </c>
      <c r="N5864" s="55">
        <f>IF(Input!$K$13=1,J5864*Input!$J$13,0)+IF(Input!$K$14=1,K5864*Input!$J$14,0)+IF(Input!$K$15=1,L5864*Input!$J$15,0)+IF(Input!$K$16=1,M5864*Input!$J$16,0)</f>
        <v>0.52314008751494145</v>
      </c>
      <c r="O5864" s="58">
        <f>IF(Input!$K$13=2,J5864*Input!$J$13,0)+IF(Input!$K$14=2,K5864*Input!$J$14,0)+IF(Input!$K$15=2,L5864*Input!$J$15,0)+IF(Input!$K$16=2,M5864*Input!$J$16,0)</f>
        <v>3.2430667956402322E-2</v>
      </c>
      <c r="P5864" s="58">
        <f>IF(Input!$K$13=3,J5864*Input!$J$13,0)+IF(Input!$K$14=3,K5864*Input!$J$14,0)+IF(Input!$K$15=3,L5864*Input!$J$15,0)+IF(Input!$K$16=3,M5864*Input!$J$16,0)</f>
        <v>0</v>
      </c>
      <c r="Q5864" s="71">
        <f>IF(Input!$K$13=4,J5864*Input!$J$13,0)+IF(Input!$K$14=4,K5864*Input!$J$14,0)+IF(Input!$K$15=4,L5864*Input!$J$15,0)+IF(Input!$K$16=4,M5864*Input!$J$16,0)</f>
        <v>0</v>
      </c>
    </row>
    <row r="5865" spans="8:17" x14ac:dyDescent="0.25">
      <c r="H5865" s="43">
        <v>5858</v>
      </c>
      <c r="I5865" s="55">
        <f>Bühler!I5891</f>
        <v>0.12246276241759782</v>
      </c>
      <c r="J5865" s="58">
        <f>Bühler!J5891</f>
        <v>3.9798304946306629</v>
      </c>
      <c r="K5865" s="58">
        <f>Bühler!K5891</f>
        <v>0.21620445304268215</v>
      </c>
      <c r="L5865" s="58">
        <f>Bühler!L5891</f>
        <v>0.10810222652134108</v>
      </c>
      <c r="M5865" s="57">
        <f>Bühler!M5891</f>
        <v>0</v>
      </c>
      <c r="N5865" s="55">
        <f>IF(Input!$K$13=1,J5865*Input!$J$13,0)+IF(Input!$K$14=1,K5865*Input!$J$14,0)+IF(Input!$K$15=1,L5865*Input!$J$15,0)+IF(Input!$K$16=1,M5865*Input!$J$16,0)</f>
        <v>0.47757965935567953</v>
      </c>
      <c r="O5865" s="58">
        <f>IF(Input!$K$13=2,J5865*Input!$J$13,0)+IF(Input!$K$14=2,K5865*Input!$J$14,0)+IF(Input!$K$15=2,L5865*Input!$J$15,0)+IF(Input!$K$16=2,M5865*Input!$J$16,0)</f>
        <v>2.9187601160762092E-2</v>
      </c>
      <c r="P5865" s="58">
        <f>IF(Input!$K$13=3,J5865*Input!$J$13,0)+IF(Input!$K$14=3,K5865*Input!$J$14,0)+IF(Input!$K$15=3,L5865*Input!$J$15,0)+IF(Input!$K$16=3,M5865*Input!$J$16,0)</f>
        <v>0</v>
      </c>
      <c r="Q5865" s="71">
        <f>IF(Input!$K$13=4,J5865*Input!$J$13,0)+IF(Input!$K$14=4,K5865*Input!$J$14,0)+IF(Input!$K$15=4,L5865*Input!$J$15,0)+IF(Input!$K$16=4,M5865*Input!$J$16,0)</f>
        <v>0</v>
      </c>
    </row>
    <row r="5866" spans="8:17" x14ac:dyDescent="0.25">
      <c r="H5866" s="43">
        <v>5859</v>
      </c>
      <c r="I5866" s="55">
        <f>Bühler!I5892</f>
        <v>0.12246276241759782</v>
      </c>
      <c r="J5866" s="58">
        <f>Bühler!J5892</f>
        <v>3.9798304946306629</v>
      </c>
      <c r="K5866" s="58">
        <f>Bühler!K5892</f>
        <v>0.21620445304268215</v>
      </c>
      <c r="L5866" s="58">
        <f>Bühler!L5892</f>
        <v>0.10810222652134108</v>
      </c>
      <c r="M5866" s="57">
        <f>Bühler!M5892</f>
        <v>0</v>
      </c>
      <c r="N5866" s="55">
        <f>IF(Input!$K$13=1,J5866*Input!$J$13,0)+IF(Input!$K$14=1,K5866*Input!$J$14,0)+IF(Input!$K$15=1,L5866*Input!$J$15,0)+IF(Input!$K$16=1,M5866*Input!$J$16,0)</f>
        <v>0.47757965935567953</v>
      </c>
      <c r="O5866" s="58">
        <f>IF(Input!$K$13=2,J5866*Input!$J$13,0)+IF(Input!$K$14=2,K5866*Input!$J$14,0)+IF(Input!$K$15=2,L5866*Input!$J$15,0)+IF(Input!$K$16=2,M5866*Input!$J$16,0)</f>
        <v>2.9187601160762092E-2</v>
      </c>
      <c r="P5866" s="58">
        <f>IF(Input!$K$13=3,J5866*Input!$J$13,0)+IF(Input!$K$14=3,K5866*Input!$J$14,0)+IF(Input!$K$15=3,L5866*Input!$J$15,0)+IF(Input!$K$16=3,M5866*Input!$J$16,0)</f>
        <v>0</v>
      </c>
      <c r="Q5866" s="71">
        <f>IF(Input!$K$13=4,J5866*Input!$J$13,0)+IF(Input!$K$14=4,K5866*Input!$J$14,0)+IF(Input!$K$15=4,L5866*Input!$J$15,0)+IF(Input!$K$16=4,M5866*Input!$J$16,0)</f>
        <v>0</v>
      </c>
    </row>
    <row r="5867" spans="8:17" x14ac:dyDescent="0.25">
      <c r="H5867" s="43">
        <v>5860</v>
      </c>
      <c r="I5867" s="55">
        <f>Bühler!I5893</f>
        <v>0.12246276241759782</v>
      </c>
      <c r="J5867" s="58">
        <f>Bühler!J5893</f>
        <v>3.9798304946306629</v>
      </c>
      <c r="K5867" s="58">
        <f>Bühler!K5893</f>
        <v>0.21620445304268215</v>
      </c>
      <c r="L5867" s="58">
        <f>Bühler!L5893</f>
        <v>0.10810222652134108</v>
      </c>
      <c r="M5867" s="57">
        <f>Bühler!M5893</f>
        <v>0</v>
      </c>
      <c r="N5867" s="55">
        <f>IF(Input!$K$13=1,J5867*Input!$J$13,0)+IF(Input!$K$14=1,K5867*Input!$J$14,0)+IF(Input!$K$15=1,L5867*Input!$J$15,0)+IF(Input!$K$16=1,M5867*Input!$J$16,0)</f>
        <v>0.47757965935567953</v>
      </c>
      <c r="O5867" s="58">
        <f>IF(Input!$K$13=2,J5867*Input!$J$13,0)+IF(Input!$K$14=2,K5867*Input!$J$14,0)+IF(Input!$K$15=2,L5867*Input!$J$15,0)+IF(Input!$K$16=2,M5867*Input!$J$16,0)</f>
        <v>2.9187601160762092E-2</v>
      </c>
      <c r="P5867" s="58">
        <f>IF(Input!$K$13=3,J5867*Input!$J$13,0)+IF(Input!$K$14=3,K5867*Input!$J$14,0)+IF(Input!$K$15=3,L5867*Input!$J$15,0)+IF(Input!$K$16=3,M5867*Input!$J$16,0)</f>
        <v>0</v>
      </c>
      <c r="Q5867" s="71">
        <f>IF(Input!$K$13=4,J5867*Input!$J$13,0)+IF(Input!$K$14=4,K5867*Input!$J$14,0)+IF(Input!$K$15=4,L5867*Input!$J$15,0)+IF(Input!$K$16=4,M5867*Input!$J$16,0)</f>
        <v>0</v>
      </c>
    </row>
    <row r="5868" spans="8:17" x14ac:dyDescent="0.25">
      <c r="H5868" s="43">
        <v>5861</v>
      </c>
      <c r="I5868" s="55">
        <f>Bühler!I5894</f>
        <v>0.12246276241759782</v>
      </c>
      <c r="J5868" s="58">
        <f>Bühler!J5894</f>
        <v>3.9798304946306629</v>
      </c>
      <c r="K5868" s="58">
        <f>Bühler!K5894</f>
        <v>0.21620445304268215</v>
      </c>
      <c r="L5868" s="58">
        <f>Bühler!L5894</f>
        <v>0.10810222652134108</v>
      </c>
      <c r="M5868" s="57">
        <f>Bühler!M5894</f>
        <v>0</v>
      </c>
      <c r="N5868" s="55">
        <f>IF(Input!$K$13=1,J5868*Input!$J$13,0)+IF(Input!$K$14=1,K5868*Input!$J$14,0)+IF(Input!$K$15=1,L5868*Input!$J$15,0)+IF(Input!$K$16=1,M5868*Input!$J$16,0)</f>
        <v>0.47757965935567953</v>
      </c>
      <c r="O5868" s="58">
        <f>IF(Input!$K$13=2,J5868*Input!$J$13,0)+IF(Input!$K$14=2,K5868*Input!$J$14,0)+IF(Input!$K$15=2,L5868*Input!$J$15,0)+IF(Input!$K$16=2,M5868*Input!$J$16,0)</f>
        <v>2.9187601160762092E-2</v>
      </c>
      <c r="P5868" s="58">
        <f>IF(Input!$K$13=3,J5868*Input!$J$13,0)+IF(Input!$K$14=3,K5868*Input!$J$14,0)+IF(Input!$K$15=3,L5868*Input!$J$15,0)+IF(Input!$K$16=3,M5868*Input!$J$16,0)</f>
        <v>0</v>
      </c>
      <c r="Q5868" s="71">
        <f>IF(Input!$K$13=4,J5868*Input!$J$13,0)+IF(Input!$K$14=4,K5868*Input!$J$14,0)+IF(Input!$K$15=4,L5868*Input!$J$15,0)+IF(Input!$K$16=4,M5868*Input!$J$16,0)</f>
        <v>0</v>
      </c>
    </row>
    <row r="5869" spans="8:17" x14ac:dyDescent="0.25">
      <c r="H5869" s="43">
        <v>5862</v>
      </c>
      <c r="I5869" s="55">
        <f>Bühler!I5895</f>
        <v>0.15233172886091434</v>
      </c>
      <c r="J5869" s="58">
        <f>Bühler!J5895</f>
        <v>3.9810750348991344</v>
      </c>
      <c r="K5869" s="58">
        <f>Bühler!K5895</f>
        <v>0.21620445304268215</v>
      </c>
      <c r="L5869" s="58">
        <f>Bühler!L5895</f>
        <v>0.10810222652134108</v>
      </c>
      <c r="M5869" s="57">
        <f>Bühler!M5895</f>
        <v>0</v>
      </c>
      <c r="N5869" s="55">
        <f>IF(Input!$K$13=1,J5869*Input!$J$13,0)+IF(Input!$K$14=1,K5869*Input!$J$14,0)+IF(Input!$K$15=1,L5869*Input!$J$15,0)+IF(Input!$K$16=1,M5869*Input!$J$16,0)</f>
        <v>0.4777290041878961</v>
      </c>
      <c r="O5869" s="58">
        <f>IF(Input!$K$13=2,J5869*Input!$J$13,0)+IF(Input!$K$14=2,K5869*Input!$J$14,0)+IF(Input!$K$15=2,L5869*Input!$J$15,0)+IF(Input!$K$16=2,M5869*Input!$J$16,0)</f>
        <v>2.9187601160762092E-2</v>
      </c>
      <c r="P5869" s="58">
        <f>IF(Input!$K$13=3,J5869*Input!$J$13,0)+IF(Input!$K$14=3,K5869*Input!$J$14,0)+IF(Input!$K$15=3,L5869*Input!$J$15,0)+IF(Input!$K$16=3,M5869*Input!$J$16,0)</f>
        <v>0</v>
      </c>
      <c r="Q5869" s="71">
        <f>IF(Input!$K$13=4,J5869*Input!$J$13,0)+IF(Input!$K$14=4,K5869*Input!$J$14,0)+IF(Input!$K$15=4,L5869*Input!$J$15,0)+IF(Input!$K$16=4,M5869*Input!$J$16,0)</f>
        <v>0</v>
      </c>
    </row>
    <row r="5870" spans="8:17" x14ac:dyDescent="0.25">
      <c r="H5870" s="43">
        <v>5863</v>
      </c>
      <c r="I5870" s="55">
        <f>Bühler!I5896</f>
        <v>0.19116138523722584</v>
      </c>
      <c r="J5870" s="58">
        <f>Bühler!J5896</f>
        <v>3.9826929372481477</v>
      </c>
      <c r="K5870" s="58">
        <f>Bühler!K5896</f>
        <v>0.21620445304268215</v>
      </c>
      <c r="L5870" s="58">
        <f>Bühler!L5896</f>
        <v>0.10810222652134108</v>
      </c>
      <c r="M5870" s="57">
        <f>Bühler!M5896</f>
        <v>0</v>
      </c>
      <c r="N5870" s="55">
        <f>IF(Input!$K$13=1,J5870*Input!$J$13,0)+IF(Input!$K$14=1,K5870*Input!$J$14,0)+IF(Input!$K$15=1,L5870*Input!$J$15,0)+IF(Input!$K$16=1,M5870*Input!$J$16,0)</f>
        <v>0.47792315246977768</v>
      </c>
      <c r="O5870" s="58">
        <f>IF(Input!$K$13=2,J5870*Input!$J$13,0)+IF(Input!$K$14=2,K5870*Input!$J$14,0)+IF(Input!$K$15=2,L5870*Input!$J$15,0)+IF(Input!$K$16=2,M5870*Input!$J$16,0)</f>
        <v>2.9187601160762092E-2</v>
      </c>
      <c r="P5870" s="58">
        <f>IF(Input!$K$13=3,J5870*Input!$J$13,0)+IF(Input!$K$14=3,K5870*Input!$J$14,0)+IF(Input!$K$15=3,L5870*Input!$J$15,0)+IF(Input!$K$16=3,M5870*Input!$J$16,0)</f>
        <v>0</v>
      </c>
      <c r="Q5870" s="71">
        <f>IF(Input!$K$13=4,J5870*Input!$J$13,0)+IF(Input!$K$14=4,K5870*Input!$J$14,0)+IF(Input!$K$15=4,L5870*Input!$J$15,0)+IF(Input!$K$16=4,M5870*Input!$J$16,0)</f>
        <v>0</v>
      </c>
    </row>
    <row r="5871" spans="8:17" x14ac:dyDescent="0.25">
      <c r="H5871" s="43">
        <v>5864</v>
      </c>
      <c r="I5871" s="55">
        <f>Bühler!I5897</f>
        <v>0.21804345503621073</v>
      </c>
      <c r="J5871" s="58">
        <f>Bühler!J5897</f>
        <v>3.983813023489772</v>
      </c>
      <c r="K5871" s="58">
        <f>Bühler!K5897</f>
        <v>0.21620445304268215</v>
      </c>
      <c r="L5871" s="58">
        <f>Bühler!L5897</f>
        <v>0.10810222652134108</v>
      </c>
      <c r="M5871" s="57">
        <f>Bühler!M5897</f>
        <v>0</v>
      </c>
      <c r="N5871" s="55">
        <f>IF(Input!$K$13=1,J5871*Input!$J$13,0)+IF(Input!$K$14=1,K5871*Input!$J$14,0)+IF(Input!$K$15=1,L5871*Input!$J$15,0)+IF(Input!$K$16=1,M5871*Input!$J$16,0)</f>
        <v>0.4780575628187726</v>
      </c>
      <c r="O5871" s="58">
        <f>IF(Input!$K$13=2,J5871*Input!$J$13,0)+IF(Input!$K$14=2,K5871*Input!$J$14,0)+IF(Input!$K$15=2,L5871*Input!$J$15,0)+IF(Input!$K$16=2,M5871*Input!$J$16,0)</f>
        <v>2.9187601160762092E-2</v>
      </c>
      <c r="P5871" s="58">
        <f>IF(Input!$K$13=3,J5871*Input!$J$13,0)+IF(Input!$K$14=3,K5871*Input!$J$14,0)+IF(Input!$K$15=3,L5871*Input!$J$15,0)+IF(Input!$K$16=3,M5871*Input!$J$16,0)</f>
        <v>0</v>
      </c>
      <c r="Q5871" s="71">
        <f>IF(Input!$K$13=4,J5871*Input!$J$13,0)+IF(Input!$K$14=4,K5871*Input!$J$14,0)+IF(Input!$K$15=4,L5871*Input!$J$15,0)+IF(Input!$K$16=4,M5871*Input!$J$16,0)</f>
        <v>0</v>
      </c>
    </row>
    <row r="5872" spans="8:17" x14ac:dyDescent="0.25">
      <c r="H5872" s="43">
        <v>5865</v>
      </c>
      <c r="I5872" s="55">
        <f>Bühler!I5898</f>
        <v>0.21804345503621073</v>
      </c>
      <c r="J5872" s="58">
        <f>Bühler!J5898</f>
        <v>3.983813023489772</v>
      </c>
      <c r="K5872" s="58">
        <f>Bühler!K5898</f>
        <v>0.21620445304268215</v>
      </c>
      <c r="L5872" s="58">
        <f>Bühler!L5898</f>
        <v>0.10810222652134108</v>
      </c>
      <c r="M5872" s="57">
        <f>Bühler!M5898</f>
        <v>0</v>
      </c>
      <c r="N5872" s="55">
        <f>IF(Input!$K$13=1,J5872*Input!$J$13,0)+IF(Input!$K$14=1,K5872*Input!$J$14,0)+IF(Input!$K$15=1,L5872*Input!$J$15,0)+IF(Input!$K$16=1,M5872*Input!$J$16,0)</f>
        <v>0.4780575628187726</v>
      </c>
      <c r="O5872" s="58">
        <f>IF(Input!$K$13=2,J5872*Input!$J$13,0)+IF(Input!$K$14=2,K5872*Input!$J$14,0)+IF(Input!$K$15=2,L5872*Input!$J$15,0)+IF(Input!$K$16=2,M5872*Input!$J$16,0)</f>
        <v>2.9187601160762092E-2</v>
      </c>
      <c r="P5872" s="58">
        <f>IF(Input!$K$13=3,J5872*Input!$J$13,0)+IF(Input!$K$14=3,K5872*Input!$J$14,0)+IF(Input!$K$15=3,L5872*Input!$J$15,0)+IF(Input!$K$16=3,M5872*Input!$J$16,0)</f>
        <v>0</v>
      </c>
      <c r="Q5872" s="71">
        <f>IF(Input!$K$13=4,J5872*Input!$J$13,0)+IF(Input!$K$14=4,K5872*Input!$J$14,0)+IF(Input!$K$15=4,L5872*Input!$J$15,0)+IF(Input!$K$16=4,M5872*Input!$J$16,0)</f>
        <v>0</v>
      </c>
    </row>
    <row r="5873" spans="8:17" x14ac:dyDescent="0.25">
      <c r="H5873" s="43">
        <v>5866</v>
      </c>
      <c r="I5873" s="55">
        <f>Bühler!I5899</f>
        <v>0.21804345503621073</v>
      </c>
      <c r="J5873" s="58">
        <f>Bühler!J5899</f>
        <v>3.983813023489772</v>
      </c>
      <c r="K5873" s="58">
        <f>Bühler!K5899</f>
        <v>0.21620445304268215</v>
      </c>
      <c r="L5873" s="58">
        <f>Bühler!L5899</f>
        <v>0.10810222652134108</v>
      </c>
      <c r="M5873" s="57">
        <f>Bühler!M5899</f>
        <v>0</v>
      </c>
      <c r="N5873" s="55">
        <f>IF(Input!$K$13=1,J5873*Input!$J$13,0)+IF(Input!$K$14=1,K5873*Input!$J$14,0)+IF(Input!$K$15=1,L5873*Input!$J$15,0)+IF(Input!$K$16=1,M5873*Input!$J$16,0)</f>
        <v>0.4780575628187726</v>
      </c>
      <c r="O5873" s="58">
        <f>IF(Input!$K$13=2,J5873*Input!$J$13,0)+IF(Input!$K$14=2,K5873*Input!$J$14,0)+IF(Input!$K$15=2,L5873*Input!$J$15,0)+IF(Input!$K$16=2,M5873*Input!$J$16,0)</f>
        <v>2.9187601160762092E-2</v>
      </c>
      <c r="P5873" s="58">
        <f>IF(Input!$K$13=3,J5873*Input!$J$13,0)+IF(Input!$K$14=3,K5873*Input!$J$14,0)+IF(Input!$K$15=3,L5873*Input!$J$15,0)+IF(Input!$K$16=3,M5873*Input!$J$16,0)</f>
        <v>0</v>
      </c>
      <c r="Q5873" s="71">
        <f>IF(Input!$K$13=4,J5873*Input!$J$13,0)+IF(Input!$K$14=4,K5873*Input!$J$14,0)+IF(Input!$K$15=4,L5873*Input!$J$15,0)+IF(Input!$K$16=4,M5873*Input!$J$16,0)</f>
        <v>0</v>
      </c>
    </row>
    <row r="5874" spans="8:17" x14ac:dyDescent="0.25">
      <c r="H5874" s="43">
        <v>5867</v>
      </c>
      <c r="I5874" s="55">
        <f>Bühler!I5900</f>
        <v>0.21804345503621073</v>
      </c>
      <c r="J5874" s="58">
        <f>Bühler!J5900</f>
        <v>3.983813023489772</v>
      </c>
      <c r="K5874" s="58">
        <f>Bühler!K5900</f>
        <v>0.21620445304268215</v>
      </c>
      <c r="L5874" s="58">
        <f>Bühler!L5900</f>
        <v>0.10810222652134108</v>
      </c>
      <c r="M5874" s="57">
        <f>Bühler!M5900</f>
        <v>0</v>
      </c>
      <c r="N5874" s="55">
        <f>IF(Input!$K$13=1,J5874*Input!$J$13,0)+IF(Input!$K$14=1,K5874*Input!$J$14,0)+IF(Input!$K$15=1,L5874*Input!$J$15,0)+IF(Input!$K$16=1,M5874*Input!$J$16,0)</f>
        <v>0.4780575628187726</v>
      </c>
      <c r="O5874" s="58">
        <f>IF(Input!$K$13=2,J5874*Input!$J$13,0)+IF(Input!$K$14=2,K5874*Input!$J$14,0)+IF(Input!$K$15=2,L5874*Input!$J$15,0)+IF(Input!$K$16=2,M5874*Input!$J$16,0)</f>
        <v>2.9187601160762092E-2</v>
      </c>
      <c r="P5874" s="58">
        <f>IF(Input!$K$13=3,J5874*Input!$J$13,0)+IF(Input!$K$14=3,K5874*Input!$J$14,0)+IF(Input!$K$15=3,L5874*Input!$J$15,0)+IF(Input!$K$16=3,M5874*Input!$J$16,0)</f>
        <v>0</v>
      </c>
      <c r="Q5874" s="71">
        <f>IF(Input!$K$13=4,J5874*Input!$J$13,0)+IF(Input!$K$14=4,K5874*Input!$J$14,0)+IF(Input!$K$15=4,L5874*Input!$J$15,0)+IF(Input!$K$16=4,M5874*Input!$J$16,0)</f>
        <v>0</v>
      </c>
    </row>
    <row r="5875" spans="8:17" x14ac:dyDescent="0.25">
      <c r="H5875" s="43">
        <v>5868</v>
      </c>
      <c r="I5875" s="55">
        <f>Bühler!I5901</f>
        <v>0.21804345503621073</v>
      </c>
      <c r="J5875" s="58">
        <f>Bühler!J5901</f>
        <v>3.983813023489772</v>
      </c>
      <c r="K5875" s="58">
        <f>Bühler!K5901</f>
        <v>0.21620445304268215</v>
      </c>
      <c r="L5875" s="58">
        <f>Bühler!L5901</f>
        <v>0.10810222652134108</v>
      </c>
      <c r="M5875" s="57">
        <f>Bühler!M5901</f>
        <v>0</v>
      </c>
      <c r="N5875" s="55">
        <f>IF(Input!$K$13=1,J5875*Input!$J$13,0)+IF(Input!$K$14=1,K5875*Input!$J$14,0)+IF(Input!$K$15=1,L5875*Input!$J$15,0)+IF(Input!$K$16=1,M5875*Input!$J$16,0)</f>
        <v>0.4780575628187726</v>
      </c>
      <c r="O5875" s="58">
        <f>IF(Input!$K$13=2,J5875*Input!$J$13,0)+IF(Input!$K$14=2,K5875*Input!$J$14,0)+IF(Input!$K$15=2,L5875*Input!$J$15,0)+IF(Input!$K$16=2,M5875*Input!$J$16,0)</f>
        <v>2.9187601160762092E-2</v>
      </c>
      <c r="P5875" s="58">
        <f>IF(Input!$K$13=3,J5875*Input!$J$13,0)+IF(Input!$K$14=3,K5875*Input!$J$14,0)+IF(Input!$K$15=3,L5875*Input!$J$15,0)+IF(Input!$K$16=3,M5875*Input!$J$16,0)</f>
        <v>0</v>
      </c>
      <c r="Q5875" s="71">
        <f>IF(Input!$K$13=4,J5875*Input!$J$13,0)+IF(Input!$K$14=4,K5875*Input!$J$14,0)+IF(Input!$K$15=4,L5875*Input!$J$15,0)+IF(Input!$K$16=4,M5875*Input!$J$16,0)</f>
        <v>0</v>
      </c>
    </row>
    <row r="5876" spans="8:17" x14ac:dyDescent="0.25">
      <c r="H5876" s="43">
        <v>5869</v>
      </c>
      <c r="I5876" s="55">
        <f>Bühler!I5902</f>
        <v>0.21804345503621073</v>
      </c>
      <c r="J5876" s="58">
        <f>Bühler!J5902</f>
        <v>3.983813023489772</v>
      </c>
      <c r="K5876" s="58">
        <f>Bühler!K5902</f>
        <v>0.21620445304268215</v>
      </c>
      <c r="L5876" s="58">
        <f>Bühler!L5902</f>
        <v>0.10810222652134108</v>
      </c>
      <c r="M5876" s="57">
        <f>Bühler!M5902</f>
        <v>0</v>
      </c>
      <c r="N5876" s="55">
        <f>IF(Input!$K$13=1,J5876*Input!$J$13,0)+IF(Input!$K$14=1,K5876*Input!$J$14,0)+IF(Input!$K$15=1,L5876*Input!$J$15,0)+IF(Input!$K$16=1,M5876*Input!$J$16,0)</f>
        <v>0.4780575628187726</v>
      </c>
      <c r="O5876" s="58">
        <f>IF(Input!$K$13=2,J5876*Input!$J$13,0)+IF(Input!$K$14=2,K5876*Input!$J$14,0)+IF(Input!$K$15=2,L5876*Input!$J$15,0)+IF(Input!$K$16=2,M5876*Input!$J$16,0)</f>
        <v>2.9187601160762092E-2</v>
      </c>
      <c r="P5876" s="58">
        <f>IF(Input!$K$13=3,J5876*Input!$J$13,0)+IF(Input!$K$14=3,K5876*Input!$J$14,0)+IF(Input!$K$15=3,L5876*Input!$J$15,0)+IF(Input!$K$16=3,M5876*Input!$J$16,0)</f>
        <v>0</v>
      </c>
      <c r="Q5876" s="71">
        <f>IF(Input!$K$13=4,J5876*Input!$J$13,0)+IF(Input!$K$14=4,K5876*Input!$J$14,0)+IF(Input!$K$15=4,L5876*Input!$J$15,0)+IF(Input!$K$16=4,M5876*Input!$J$16,0)</f>
        <v>0</v>
      </c>
    </row>
    <row r="5877" spans="8:17" x14ac:dyDescent="0.25">
      <c r="H5877" s="43">
        <v>5870</v>
      </c>
      <c r="I5877" s="55">
        <f>Bühler!I5903</f>
        <v>0.21804345503621073</v>
      </c>
      <c r="J5877" s="58">
        <f>Bühler!J5903</f>
        <v>3.983813023489772</v>
      </c>
      <c r="K5877" s="58">
        <f>Bühler!K5903</f>
        <v>0.21620445304268215</v>
      </c>
      <c r="L5877" s="58">
        <f>Bühler!L5903</f>
        <v>0.10810222652134108</v>
      </c>
      <c r="M5877" s="57">
        <f>Bühler!M5903</f>
        <v>0</v>
      </c>
      <c r="N5877" s="55">
        <f>IF(Input!$K$13=1,J5877*Input!$J$13,0)+IF(Input!$K$14=1,K5877*Input!$J$14,0)+IF(Input!$K$15=1,L5877*Input!$J$15,0)+IF(Input!$K$16=1,M5877*Input!$J$16,0)</f>
        <v>0.4780575628187726</v>
      </c>
      <c r="O5877" s="58">
        <f>IF(Input!$K$13=2,J5877*Input!$J$13,0)+IF(Input!$K$14=2,K5877*Input!$J$14,0)+IF(Input!$K$15=2,L5877*Input!$J$15,0)+IF(Input!$K$16=2,M5877*Input!$J$16,0)</f>
        <v>2.9187601160762092E-2</v>
      </c>
      <c r="P5877" s="58">
        <f>IF(Input!$K$13=3,J5877*Input!$J$13,0)+IF(Input!$K$14=3,K5877*Input!$J$14,0)+IF(Input!$K$15=3,L5877*Input!$J$15,0)+IF(Input!$K$16=3,M5877*Input!$J$16,0)</f>
        <v>0</v>
      </c>
      <c r="Q5877" s="71">
        <f>IF(Input!$K$13=4,J5877*Input!$J$13,0)+IF(Input!$K$14=4,K5877*Input!$J$14,0)+IF(Input!$K$15=4,L5877*Input!$J$15,0)+IF(Input!$K$16=4,M5877*Input!$J$16,0)</f>
        <v>0</v>
      </c>
    </row>
    <row r="5878" spans="8:17" x14ac:dyDescent="0.25">
      <c r="H5878" s="43">
        <v>5871</v>
      </c>
      <c r="I5878" s="55">
        <f>Bühler!I5904</f>
        <v>0.21804345503621073</v>
      </c>
      <c r="J5878" s="58">
        <f>Bühler!J5904</f>
        <v>3.983813023489772</v>
      </c>
      <c r="K5878" s="58">
        <f>Bühler!K5904</f>
        <v>0.21620445304268215</v>
      </c>
      <c r="L5878" s="58">
        <f>Bühler!L5904</f>
        <v>0.10810222652134108</v>
      </c>
      <c r="M5878" s="57">
        <f>Bühler!M5904</f>
        <v>0</v>
      </c>
      <c r="N5878" s="55">
        <f>IF(Input!$K$13=1,J5878*Input!$J$13,0)+IF(Input!$K$14=1,K5878*Input!$J$14,0)+IF(Input!$K$15=1,L5878*Input!$J$15,0)+IF(Input!$K$16=1,M5878*Input!$J$16,0)</f>
        <v>0.4780575628187726</v>
      </c>
      <c r="O5878" s="58">
        <f>IF(Input!$K$13=2,J5878*Input!$J$13,0)+IF(Input!$K$14=2,K5878*Input!$J$14,0)+IF(Input!$K$15=2,L5878*Input!$J$15,0)+IF(Input!$K$16=2,M5878*Input!$J$16,0)</f>
        <v>2.9187601160762092E-2</v>
      </c>
      <c r="P5878" s="58">
        <f>IF(Input!$K$13=3,J5878*Input!$J$13,0)+IF(Input!$K$14=3,K5878*Input!$J$14,0)+IF(Input!$K$15=3,L5878*Input!$J$15,0)+IF(Input!$K$16=3,M5878*Input!$J$16,0)</f>
        <v>0</v>
      </c>
      <c r="Q5878" s="71">
        <f>IF(Input!$K$13=4,J5878*Input!$J$13,0)+IF(Input!$K$14=4,K5878*Input!$J$14,0)+IF(Input!$K$15=4,L5878*Input!$J$15,0)+IF(Input!$K$16=4,M5878*Input!$J$16,0)</f>
        <v>0</v>
      </c>
    </row>
    <row r="5879" spans="8:17" x14ac:dyDescent="0.25">
      <c r="H5879" s="43">
        <v>5872</v>
      </c>
      <c r="I5879" s="55">
        <f>Bühler!I5905</f>
        <v>0.19713517852588913</v>
      </c>
      <c r="J5879" s="58">
        <f>Bühler!J5905</f>
        <v>3.9829418453018417</v>
      </c>
      <c r="K5879" s="58">
        <f>Bühler!K5905</f>
        <v>0.21620445304268215</v>
      </c>
      <c r="L5879" s="58">
        <f>Bühler!L5905</f>
        <v>0.10810222652134108</v>
      </c>
      <c r="M5879" s="57">
        <f>Bühler!M5905</f>
        <v>0</v>
      </c>
      <c r="N5879" s="55">
        <f>IF(Input!$K$13=1,J5879*Input!$J$13,0)+IF(Input!$K$14=1,K5879*Input!$J$14,0)+IF(Input!$K$15=1,L5879*Input!$J$15,0)+IF(Input!$K$16=1,M5879*Input!$J$16,0)</f>
        <v>0.47795302143622098</v>
      </c>
      <c r="O5879" s="58">
        <f>IF(Input!$K$13=2,J5879*Input!$J$13,0)+IF(Input!$K$14=2,K5879*Input!$J$14,0)+IF(Input!$K$15=2,L5879*Input!$J$15,0)+IF(Input!$K$16=2,M5879*Input!$J$16,0)</f>
        <v>2.9187601160762092E-2</v>
      </c>
      <c r="P5879" s="58">
        <f>IF(Input!$K$13=3,J5879*Input!$J$13,0)+IF(Input!$K$14=3,K5879*Input!$J$14,0)+IF(Input!$K$15=3,L5879*Input!$J$15,0)+IF(Input!$K$16=3,M5879*Input!$J$16,0)</f>
        <v>0</v>
      </c>
      <c r="Q5879" s="71">
        <f>IF(Input!$K$13=4,J5879*Input!$J$13,0)+IF(Input!$K$14=4,K5879*Input!$J$14,0)+IF(Input!$K$15=4,L5879*Input!$J$15,0)+IF(Input!$K$16=4,M5879*Input!$J$16,0)</f>
        <v>0</v>
      </c>
    </row>
    <row r="5880" spans="8:17" x14ac:dyDescent="0.25">
      <c r="H5880" s="43">
        <v>5873</v>
      </c>
      <c r="I5880" s="55">
        <f>Bühler!I5906</f>
        <v>0.17921379865989923</v>
      </c>
      <c r="J5880" s="58">
        <f>Bühler!J5906</f>
        <v>3.9821951211407591</v>
      </c>
      <c r="K5880" s="58">
        <f>Bühler!K5906</f>
        <v>0.21620445304268215</v>
      </c>
      <c r="L5880" s="58">
        <f>Bühler!L5906</f>
        <v>0.10810222652134108</v>
      </c>
      <c r="M5880" s="57">
        <f>Bühler!M5906</f>
        <v>0</v>
      </c>
      <c r="N5880" s="55">
        <f>IF(Input!$K$13=1,J5880*Input!$J$13,0)+IF(Input!$K$14=1,K5880*Input!$J$14,0)+IF(Input!$K$15=1,L5880*Input!$J$15,0)+IF(Input!$K$16=1,M5880*Input!$J$16,0)</f>
        <v>0.47786341453689107</v>
      </c>
      <c r="O5880" s="58">
        <f>IF(Input!$K$13=2,J5880*Input!$J$13,0)+IF(Input!$K$14=2,K5880*Input!$J$14,0)+IF(Input!$K$15=2,L5880*Input!$J$15,0)+IF(Input!$K$16=2,M5880*Input!$J$16,0)</f>
        <v>2.9187601160762092E-2</v>
      </c>
      <c r="P5880" s="58">
        <f>IF(Input!$K$13=3,J5880*Input!$J$13,0)+IF(Input!$K$14=3,K5880*Input!$J$14,0)+IF(Input!$K$15=3,L5880*Input!$J$15,0)+IF(Input!$K$16=3,M5880*Input!$J$16,0)</f>
        <v>0</v>
      </c>
      <c r="Q5880" s="71">
        <f>IF(Input!$K$13=4,J5880*Input!$J$13,0)+IF(Input!$K$14=4,K5880*Input!$J$14,0)+IF(Input!$K$15=4,L5880*Input!$J$15,0)+IF(Input!$K$16=4,M5880*Input!$J$16,0)</f>
        <v>0</v>
      </c>
    </row>
    <row r="5881" spans="8:17" x14ac:dyDescent="0.25">
      <c r="H5881" s="43">
        <v>5874</v>
      </c>
      <c r="I5881" s="55">
        <f>Bühler!I5907</f>
        <v>0.16129241879390929</v>
      </c>
      <c r="J5881" s="58">
        <f>Bühler!J5907</f>
        <v>3.9814483969796761</v>
      </c>
      <c r="K5881" s="58">
        <f>Bühler!K5907</f>
        <v>0.21620445304268215</v>
      </c>
      <c r="L5881" s="58">
        <f>Bühler!L5907</f>
        <v>0.10810222652134108</v>
      </c>
      <c r="M5881" s="57">
        <f>Bühler!M5907</f>
        <v>0</v>
      </c>
      <c r="N5881" s="55">
        <f>IF(Input!$K$13=1,J5881*Input!$J$13,0)+IF(Input!$K$14=1,K5881*Input!$J$14,0)+IF(Input!$K$15=1,L5881*Input!$J$15,0)+IF(Input!$K$16=1,M5881*Input!$J$16,0)</f>
        <v>0.47777380763756111</v>
      </c>
      <c r="O5881" s="58">
        <f>IF(Input!$K$13=2,J5881*Input!$J$13,0)+IF(Input!$K$14=2,K5881*Input!$J$14,0)+IF(Input!$K$15=2,L5881*Input!$J$15,0)+IF(Input!$K$16=2,M5881*Input!$J$16,0)</f>
        <v>2.9187601160762092E-2</v>
      </c>
      <c r="P5881" s="58">
        <f>IF(Input!$K$13=3,J5881*Input!$J$13,0)+IF(Input!$K$14=3,K5881*Input!$J$14,0)+IF(Input!$K$15=3,L5881*Input!$J$15,0)+IF(Input!$K$16=3,M5881*Input!$J$16,0)</f>
        <v>0</v>
      </c>
      <c r="Q5881" s="71">
        <f>IF(Input!$K$13=4,J5881*Input!$J$13,0)+IF(Input!$K$14=4,K5881*Input!$J$14,0)+IF(Input!$K$15=4,L5881*Input!$J$15,0)+IF(Input!$K$16=4,M5881*Input!$J$16,0)</f>
        <v>0</v>
      </c>
    </row>
    <row r="5882" spans="8:17" x14ac:dyDescent="0.25">
      <c r="H5882" s="43">
        <v>5875</v>
      </c>
      <c r="I5882" s="55">
        <f>Bühler!I5908</f>
        <v>0.155318625505246</v>
      </c>
      <c r="J5882" s="58">
        <f>Bühler!J5908</f>
        <v>3.9811994889259816</v>
      </c>
      <c r="K5882" s="58">
        <f>Bühler!K5908</f>
        <v>0.21620445304268215</v>
      </c>
      <c r="L5882" s="58">
        <f>Bühler!L5908</f>
        <v>0.10810222652134108</v>
      </c>
      <c r="M5882" s="57">
        <f>Bühler!M5908</f>
        <v>0</v>
      </c>
      <c r="N5882" s="55">
        <f>IF(Input!$K$13=1,J5882*Input!$J$13,0)+IF(Input!$K$14=1,K5882*Input!$J$14,0)+IF(Input!$K$15=1,L5882*Input!$J$15,0)+IF(Input!$K$16=1,M5882*Input!$J$16,0)</f>
        <v>0.47774393867111775</v>
      </c>
      <c r="O5882" s="58">
        <f>IF(Input!$K$13=2,J5882*Input!$J$13,0)+IF(Input!$K$14=2,K5882*Input!$J$14,0)+IF(Input!$K$15=2,L5882*Input!$J$15,0)+IF(Input!$K$16=2,M5882*Input!$J$16,0)</f>
        <v>2.9187601160762092E-2</v>
      </c>
      <c r="P5882" s="58">
        <f>IF(Input!$K$13=3,J5882*Input!$J$13,0)+IF(Input!$K$14=3,K5882*Input!$J$14,0)+IF(Input!$K$15=3,L5882*Input!$J$15,0)+IF(Input!$K$16=3,M5882*Input!$J$16,0)</f>
        <v>0</v>
      </c>
      <c r="Q5882" s="71">
        <f>IF(Input!$K$13=4,J5882*Input!$J$13,0)+IF(Input!$K$14=4,K5882*Input!$J$14,0)+IF(Input!$K$15=4,L5882*Input!$J$15,0)+IF(Input!$K$16=4,M5882*Input!$J$16,0)</f>
        <v>0</v>
      </c>
    </row>
    <row r="5883" spans="8:17" x14ac:dyDescent="0.25">
      <c r="H5883" s="43">
        <v>5876</v>
      </c>
      <c r="I5883" s="55">
        <f>Bühler!I5909</f>
        <v>0.12544965906192942</v>
      </c>
      <c r="J5883" s="58">
        <f>Bühler!J5909</f>
        <v>3.9799549486575101</v>
      </c>
      <c r="K5883" s="58">
        <f>Bühler!K5909</f>
        <v>0.21620445304268215</v>
      </c>
      <c r="L5883" s="58">
        <f>Bühler!L5909</f>
        <v>0.10810222652134108</v>
      </c>
      <c r="M5883" s="57">
        <f>Bühler!M5909</f>
        <v>0</v>
      </c>
      <c r="N5883" s="55">
        <f>IF(Input!$K$13=1,J5883*Input!$J$13,0)+IF(Input!$K$14=1,K5883*Input!$J$14,0)+IF(Input!$K$15=1,L5883*Input!$J$15,0)+IF(Input!$K$16=1,M5883*Input!$J$16,0)</f>
        <v>0.47759459383890118</v>
      </c>
      <c r="O5883" s="58">
        <f>IF(Input!$K$13=2,J5883*Input!$J$13,0)+IF(Input!$K$14=2,K5883*Input!$J$14,0)+IF(Input!$K$15=2,L5883*Input!$J$15,0)+IF(Input!$K$16=2,M5883*Input!$J$16,0)</f>
        <v>2.9187601160762092E-2</v>
      </c>
      <c r="P5883" s="58">
        <f>IF(Input!$K$13=3,J5883*Input!$J$13,0)+IF(Input!$K$14=3,K5883*Input!$J$14,0)+IF(Input!$K$15=3,L5883*Input!$J$15,0)+IF(Input!$K$16=3,M5883*Input!$J$16,0)</f>
        <v>0</v>
      </c>
      <c r="Q5883" s="71">
        <f>IF(Input!$K$13=4,J5883*Input!$J$13,0)+IF(Input!$K$14=4,K5883*Input!$J$14,0)+IF(Input!$K$15=4,L5883*Input!$J$15,0)+IF(Input!$K$16=4,M5883*Input!$J$16,0)</f>
        <v>0</v>
      </c>
    </row>
    <row r="5884" spans="8:17" x14ac:dyDescent="0.25">
      <c r="H5884" s="43">
        <v>5877</v>
      </c>
      <c r="I5884" s="55">
        <f>Bühler!I5910</f>
        <v>9.2593795974281259E-2</v>
      </c>
      <c r="J5884" s="58">
        <f>Bühler!J5910</f>
        <v>3.9785859543621918</v>
      </c>
      <c r="K5884" s="58">
        <f>Bühler!K5910</f>
        <v>0.21620445304268215</v>
      </c>
      <c r="L5884" s="58">
        <f>Bühler!L5910</f>
        <v>0.10810222652134108</v>
      </c>
      <c r="M5884" s="57">
        <f>Bühler!M5910</f>
        <v>0</v>
      </c>
      <c r="N5884" s="55">
        <f>IF(Input!$K$13=1,J5884*Input!$J$13,0)+IF(Input!$K$14=1,K5884*Input!$J$14,0)+IF(Input!$K$15=1,L5884*Input!$J$15,0)+IF(Input!$K$16=1,M5884*Input!$J$16,0)</f>
        <v>0.47743031452346302</v>
      </c>
      <c r="O5884" s="58">
        <f>IF(Input!$K$13=2,J5884*Input!$J$13,0)+IF(Input!$K$14=2,K5884*Input!$J$14,0)+IF(Input!$K$15=2,L5884*Input!$J$15,0)+IF(Input!$K$16=2,M5884*Input!$J$16,0)</f>
        <v>2.9187601160762092E-2</v>
      </c>
      <c r="P5884" s="58">
        <f>IF(Input!$K$13=3,J5884*Input!$J$13,0)+IF(Input!$K$14=3,K5884*Input!$J$14,0)+IF(Input!$K$15=3,L5884*Input!$J$15,0)+IF(Input!$K$16=3,M5884*Input!$J$16,0)</f>
        <v>0</v>
      </c>
      <c r="Q5884" s="71">
        <f>IF(Input!$K$13=4,J5884*Input!$J$13,0)+IF(Input!$K$14=4,K5884*Input!$J$14,0)+IF(Input!$K$15=4,L5884*Input!$J$15,0)+IF(Input!$K$16=4,M5884*Input!$J$16,0)</f>
        <v>0</v>
      </c>
    </row>
    <row r="5885" spans="8:17" x14ac:dyDescent="0.25">
      <c r="H5885" s="43">
        <v>5878</v>
      </c>
      <c r="I5885" s="55">
        <f>Bühler!I5911</f>
        <v>9.2593795974281259E-2</v>
      </c>
      <c r="J5885" s="58">
        <f>Bühler!J5911</f>
        <v>3.9785859543621918</v>
      </c>
      <c r="K5885" s="58">
        <f>Bühler!K5911</f>
        <v>0.21620445304268215</v>
      </c>
      <c r="L5885" s="58">
        <f>Bühler!L5911</f>
        <v>0.10810222652134108</v>
      </c>
      <c r="M5885" s="57">
        <f>Bühler!M5911</f>
        <v>0</v>
      </c>
      <c r="N5885" s="55">
        <f>IF(Input!$K$13=1,J5885*Input!$J$13,0)+IF(Input!$K$14=1,K5885*Input!$J$14,0)+IF(Input!$K$15=1,L5885*Input!$J$15,0)+IF(Input!$K$16=1,M5885*Input!$J$16,0)</f>
        <v>0.47743031452346302</v>
      </c>
      <c r="O5885" s="58">
        <f>IF(Input!$K$13=2,J5885*Input!$J$13,0)+IF(Input!$K$14=2,K5885*Input!$J$14,0)+IF(Input!$K$15=2,L5885*Input!$J$15,0)+IF(Input!$K$16=2,M5885*Input!$J$16,0)</f>
        <v>2.9187601160762092E-2</v>
      </c>
      <c r="P5885" s="58">
        <f>IF(Input!$K$13=3,J5885*Input!$J$13,0)+IF(Input!$K$14=3,K5885*Input!$J$14,0)+IF(Input!$K$15=3,L5885*Input!$J$15,0)+IF(Input!$K$16=3,M5885*Input!$J$16,0)</f>
        <v>0</v>
      </c>
      <c r="Q5885" s="71">
        <f>IF(Input!$K$13=4,J5885*Input!$J$13,0)+IF(Input!$K$14=4,K5885*Input!$J$14,0)+IF(Input!$K$15=4,L5885*Input!$J$15,0)+IF(Input!$K$16=4,M5885*Input!$J$16,0)</f>
        <v>0</v>
      </c>
    </row>
    <row r="5886" spans="8:17" x14ac:dyDescent="0.25">
      <c r="H5886" s="43">
        <v>5879</v>
      </c>
      <c r="I5886" s="55">
        <f>Bühler!I5912</f>
        <v>9.2593795974281259E-2</v>
      </c>
      <c r="J5886" s="58">
        <f>Bühler!J5912</f>
        <v>3.9785859543621918</v>
      </c>
      <c r="K5886" s="58">
        <f>Bühler!K5912</f>
        <v>0.21620445304268215</v>
      </c>
      <c r="L5886" s="58">
        <f>Bühler!L5912</f>
        <v>0.10810222652134108</v>
      </c>
      <c r="M5886" s="57">
        <f>Bühler!M5912</f>
        <v>0</v>
      </c>
      <c r="N5886" s="55">
        <f>IF(Input!$K$13=1,J5886*Input!$J$13,0)+IF(Input!$K$14=1,K5886*Input!$J$14,0)+IF(Input!$K$15=1,L5886*Input!$J$15,0)+IF(Input!$K$16=1,M5886*Input!$J$16,0)</f>
        <v>0.47743031452346302</v>
      </c>
      <c r="O5886" s="58">
        <f>IF(Input!$K$13=2,J5886*Input!$J$13,0)+IF(Input!$K$14=2,K5886*Input!$J$14,0)+IF(Input!$K$15=2,L5886*Input!$J$15,0)+IF(Input!$K$16=2,M5886*Input!$J$16,0)</f>
        <v>2.9187601160762092E-2</v>
      </c>
      <c r="P5886" s="58">
        <f>IF(Input!$K$13=3,J5886*Input!$J$13,0)+IF(Input!$K$14=3,K5886*Input!$J$14,0)+IF(Input!$K$15=3,L5886*Input!$J$15,0)+IF(Input!$K$16=3,M5886*Input!$J$16,0)</f>
        <v>0</v>
      </c>
      <c r="Q5886" s="71">
        <f>IF(Input!$K$13=4,J5886*Input!$J$13,0)+IF(Input!$K$14=4,K5886*Input!$J$14,0)+IF(Input!$K$15=4,L5886*Input!$J$15,0)+IF(Input!$K$16=4,M5886*Input!$J$16,0)</f>
        <v>0</v>
      </c>
    </row>
    <row r="5887" spans="8:17" x14ac:dyDescent="0.25">
      <c r="H5887" s="43">
        <v>5880</v>
      </c>
      <c r="I5887" s="55">
        <f>Bühler!I5913</f>
        <v>9.2593795974281259E-2</v>
      </c>
      <c r="J5887" s="58">
        <f>Bühler!J5913</f>
        <v>3.9785859543621918</v>
      </c>
      <c r="K5887" s="58">
        <f>Bühler!K5913</f>
        <v>0.21620445304268215</v>
      </c>
      <c r="L5887" s="58">
        <f>Bühler!L5913</f>
        <v>0.10810222652134108</v>
      </c>
      <c r="M5887" s="57">
        <f>Bühler!M5913</f>
        <v>0</v>
      </c>
      <c r="N5887" s="55">
        <f>IF(Input!$K$13=1,J5887*Input!$J$13,0)+IF(Input!$K$14=1,K5887*Input!$J$14,0)+IF(Input!$K$15=1,L5887*Input!$J$15,0)+IF(Input!$K$16=1,M5887*Input!$J$16,0)</f>
        <v>0.47743031452346302</v>
      </c>
      <c r="O5887" s="58">
        <f>IF(Input!$K$13=2,J5887*Input!$J$13,0)+IF(Input!$K$14=2,K5887*Input!$J$14,0)+IF(Input!$K$15=2,L5887*Input!$J$15,0)+IF(Input!$K$16=2,M5887*Input!$J$16,0)</f>
        <v>2.9187601160762092E-2</v>
      </c>
      <c r="P5887" s="58">
        <f>IF(Input!$K$13=3,J5887*Input!$J$13,0)+IF(Input!$K$14=3,K5887*Input!$J$14,0)+IF(Input!$K$15=3,L5887*Input!$J$15,0)+IF(Input!$K$16=3,M5887*Input!$J$16,0)</f>
        <v>0</v>
      </c>
      <c r="Q5887" s="71">
        <f>IF(Input!$K$13=4,J5887*Input!$J$13,0)+IF(Input!$K$14=4,K5887*Input!$J$14,0)+IF(Input!$K$15=4,L5887*Input!$J$15,0)+IF(Input!$K$16=4,M5887*Input!$J$16,0)</f>
        <v>0</v>
      </c>
    </row>
    <row r="5888" spans="8:17" x14ac:dyDescent="0.25">
      <c r="H5888" s="43">
        <v>5881</v>
      </c>
      <c r="I5888" s="55">
        <f>Bühler!I5914</f>
        <v>0.1382981086116587</v>
      </c>
      <c r="J5888" s="58">
        <f>Bühler!J5914</f>
        <v>4.1091643126741415</v>
      </c>
      <c r="K5888" s="58">
        <f>Bühler!K5914</f>
        <v>0.21780063187746532</v>
      </c>
      <c r="L5888" s="58">
        <f>Bühler!L5914</f>
        <v>0.10890031593873266</v>
      </c>
      <c r="M5888" s="57">
        <f>Bühler!M5914</f>
        <v>0</v>
      </c>
      <c r="N5888" s="55">
        <f>IF(Input!$K$13=1,J5888*Input!$J$13,0)+IF(Input!$K$14=1,K5888*Input!$J$14,0)+IF(Input!$K$15=1,L5888*Input!$J$15,0)+IF(Input!$K$16=1,M5888*Input!$J$16,0)</f>
        <v>0.49309971752089699</v>
      </c>
      <c r="O5888" s="58">
        <f>IF(Input!$K$13=2,J5888*Input!$J$13,0)+IF(Input!$K$14=2,K5888*Input!$J$14,0)+IF(Input!$K$15=2,L5888*Input!$J$15,0)+IF(Input!$K$16=2,M5888*Input!$J$16,0)</f>
        <v>2.9403085303457817E-2</v>
      </c>
      <c r="P5888" s="58">
        <f>IF(Input!$K$13=3,J5888*Input!$J$13,0)+IF(Input!$K$14=3,K5888*Input!$J$14,0)+IF(Input!$K$15=3,L5888*Input!$J$15,0)+IF(Input!$K$16=3,M5888*Input!$J$16,0)</f>
        <v>0</v>
      </c>
      <c r="Q5888" s="71">
        <f>IF(Input!$K$13=4,J5888*Input!$J$13,0)+IF(Input!$K$14=4,K5888*Input!$J$14,0)+IF(Input!$K$15=4,L5888*Input!$J$15,0)+IF(Input!$K$16=4,M5888*Input!$J$16,0)</f>
        <v>0</v>
      </c>
    </row>
    <row r="5889" spans="8:17" x14ac:dyDescent="0.25">
      <c r="H5889" s="43">
        <v>5882</v>
      </c>
      <c r="I5889" s="55">
        <f>Bühler!I5915</f>
        <v>0.16060425516192622</v>
      </c>
      <c r="J5889" s="58">
        <f>Bühler!J5915</f>
        <v>4.1100937354470695</v>
      </c>
      <c r="K5889" s="58">
        <f>Bühler!K5915</f>
        <v>0.21780063187746532</v>
      </c>
      <c r="L5889" s="58">
        <f>Bühler!L5915</f>
        <v>0.10890031593873266</v>
      </c>
      <c r="M5889" s="57">
        <f>Bühler!M5915</f>
        <v>0</v>
      </c>
      <c r="N5889" s="55">
        <f>IF(Input!$K$13=1,J5889*Input!$J$13,0)+IF(Input!$K$14=1,K5889*Input!$J$14,0)+IF(Input!$K$15=1,L5889*Input!$J$15,0)+IF(Input!$K$16=1,M5889*Input!$J$16,0)</f>
        <v>0.49321124825364832</v>
      </c>
      <c r="O5889" s="58">
        <f>IF(Input!$K$13=2,J5889*Input!$J$13,0)+IF(Input!$K$14=2,K5889*Input!$J$14,0)+IF(Input!$K$15=2,L5889*Input!$J$15,0)+IF(Input!$K$16=2,M5889*Input!$J$16,0)</f>
        <v>2.9403085303457817E-2</v>
      </c>
      <c r="P5889" s="58">
        <f>IF(Input!$K$13=3,J5889*Input!$J$13,0)+IF(Input!$K$14=3,K5889*Input!$J$14,0)+IF(Input!$K$15=3,L5889*Input!$J$15,0)+IF(Input!$K$16=3,M5889*Input!$J$16,0)</f>
        <v>0</v>
      </c>
      <c r="Q5889" s="71">
        <f>IF(Input!$K$13=4,J5889*Input!$J$13,0)+IF(Input!$K$14=4,K5889*Input!$J$14,0)+IF(Input!$K$15=4,L5889*Input!$J$15,0)+IF(Input!$K$16=4,M5889*Input!$J$16,0)</f>
        <v>0</v>
      </c>
    </row>
    <row r="5890" spans="8:17" x14ac:dyDescent="0.25">
      <c r="H5890" s="43">
        <v>5883</v>
      </c>
      <c r="I5890" s="55">
        <f>Bühler!I5916</f>
        <v>0.16060425516192622</v>
      </c>
      <c r="J5890" s="58">
        <f>Bühler!J5916</f>
        <v>4.1100937354470695</v>
      </c>
      <c r="K5890" s="58">
        <f>Bühler!K5916</f>
        <v>0.21780063187746532</v>
      </c>
      <c r="L5890" s="58">
        <f>Bühler!L5916</f>
        <v>0.10890031593873266</v>
      </c>
      <c r="M5890" s="57">
        <f>Bühler!M5916</f>
        <v>0</v>
      </c>
      <c r="N5890" s="55">
        <f>IF(Input!$K$13=1,J5890*Input!$J$13,0)+IF(Input!$K$14=1,K5890*Input!$J$14,0)+IF(Input!$K$15=1,L5890*Input!$J$15,0)+IF(Input!$K$16=1,M5890*Input!$J$16,0)</f>
        <v>0.49321124825364832</v>
      </c>
      <c r="O5890" s="58">
        <f>IF(Input!$K$13=2,J5890*Input!$J$13,0)+IF(Input!$K$14=2,K5890*Input!$J$14,0)+IF(Input!$K$15=2,L5890*Input!$J$15,0)+IF(Input!$K$16=2,M5890*Input!$J$16,0)</f>
        <v>2.9403085303457817E-2</v>
      </c>
      <c r="P5890" s="58">
        <f>IF(Input!$K$13=3,J5890*Input!$J$13,0)+IF(Input!$K$14=3,K5890*Input!$J$14,0)+IF(Input!$K$15=3,L5890*Input!$J$15,0)+IF(Input!$K$16=3,M5890*Input!$J$16,0)</f>
        <v>0</v>
      </c>
      <c r="Q5890" s="71">
        <f>IF(Input!$K$13=4,J5890*Input!$J$13,0)+IF(Input!$K$14=4,K5890*Input!$J$14,0)+IF(Input!$K$15=4,L5890*Input!$J$15,0)+IF(Input!$K$16=4,M5890*Input!$J$16,0)</f>
        <v>0</v>
      </c>
    </row>
    <row r="5891" spans="8:17" x14ac:dyDescent="0.25">
      <c r="H5891" s="43">
        <v>5884</v>
      </c>
      <c r="I5891" s="55">
        <f>Bühler!I5917</f>
        <v>0.16060425516192622</v>
      </c>
      <c r="J5891" s="58">
        <f>Bühler!J5917</f>
        <v>4.1100937354470695</v>
      </c>
      <c r="K5891" s="58">
        <f>Bühler!K5917</f>
        <v>0.21780063187746532</v>
      </c>
      <c r="L5891" s="58">
        <f>Bühler!L5917</f>
        <v>0.10890031593873266</v>
      </c>
      <c r="M5891" s="57">
        <f>Bühler!M5917</f>
        <v>0</v>
      </c>
      <c r="N5891" s="55">
        <f>IF(Input!$K$13=1,J5891*Input!$J$13,0)+IF(Input!$K$14=1,K5891*Input!$J$14,0)+IF(Input!$K$15=1,L5891*Input!$J$15,0)+IF(Input!$K$16=1,M5891*Input!$J$16,0)</f>
        <v>0.49321124825364832</v>
      </c>
      <c r="O5891" s="58">
        <f>IF(Input!$K$13=2,J5891*Input!$J$13,0)+IF(Input!$K$14=2,K5891*Input!$J$14,0)+IF(Input!$K$15=2,L5891*Input!$J$15,0)+IF(Input!$K$16=2,M5891*Input!$J$16,0)</f>
        <v>2.9403085303457817E-2</v>
      </c>
      <c r="P5891" s="58">
        <f>IF(Input!$K$13=3,J5891*Input!$J$13,0)+IF(Input!$K$14=3,K5891*Input!$J$14,0)+IF(Input!$K$15=3,L5891*Input!$J$15,0)+IF(Input!$K$16=3,M5891*Input!$J$16,0)</f>
        <v>0</v>
      </c>
      <c r="Q5891" s="71">
        <f>IF(Input!$K$13=4,J5891*Input!$J$13,0)+IF(Input!$K$14=4,K5891*Input!$J$14,0)+IF(Input!$K$15=4,L5891*Input!$J$15,0)+IF(Input!$K$16=4,M5891*Input!$J$16,0)</f>
        <v>0</v>
      </c>
    </row>
    <row r="5892" spans="8:17" x14ac:dyDescent="0.25">
      <c r="H5892" s="43">
        <v>5885</v>
      </c>
      <c r="I5892" s="55">
        <f>Bühler!I5918</f>
        <v>0.16060425516192622</v>
      </c>
      <c r="J5892" s="58">
        <f>Bühler!J5918</f>
        <v>4.1100937354470695</v>
      </c>
      <c r="K5892" s="58">
        <f>Bühler!K5918</f>
        <v>0.21780063187746532</v>
      </c>
      <c r="L5892" s="58">
        <f>Bühler!L5918</f>
        <v>0.10890031593873266</v>
      </c>
      <c r="M5892" s="57">
        <f>Bühler!M5918</f>
        <v>0</v>
      </c>
      <c r="N5892" s="55">
        <f>IF(Input!$K$13=1,J5892*Input!$J$13,0)+IF(Input!$K$14=1,K5892*Input!$J$14,0)+IF(Input!$K$15=1,L5892*Input!$J$15,0)+IF(Input!$K$16=1,M5892*Input!$J$16,0)</f>
        <v>0.49321124825364832</v>
      </c>
      <c r="O5892" s="58">
        <f>IF(Input!$K$13=2,J5892*Input!$J$13,0)+IF(Input!$K$14=2,K5892*Input!$J$14,0)+IF(Input!$K$15=2,L5892*Input!$J$15,0)+IF(Input!$K$16=2,M5892*Input!$J$16,0)</f>
        <v>2.9403085303457817E-2</v>
      </c>
      <c r="P5892" s="58">
        <f>IF(Input!$K$13=3,J5892*Input!$J$13,0)+IF(Input!$K$14=3,K5892*Input!$J$14,0)+IF(Input!$K$15=3,L5892*Input!$J$15,0)+IF(Input!$K$16=3,M5892*Input!$J$16,0)</f>
        <v>0</v>
      </c>
      <c r="Q5892" s="71">
        <f>IF(Input!$K$13=4,J5892*Input!$J$13,0)+IF(Input!$K$14=4,K5892*Input!$J$14,0)+IF(Input!$K$15=4,L5892*Input!$J$15,0)+IF(Input!$K$16=4,M5892*Input!$J$16,0)</f>
        <v>0</v>
      </c>
    </row>
    <row r="5893" spans="8:17" x14ac:dyDescent="0.25">
      <c r="H5893" s="43">
        <v>5886</v>
      </c>
      <c r="I5893" s="55">
        <f>Bühler!I5919</f>
        <v>0.20075531895240778</v>
      </c>
      <c r="J5893" s="58">
        <f>Bühler!J5919</f>
        <v>4.1117666964383393</v>
      </c>
      <c r="K5893" s="58">
        <f>Bühler!K5919</f>
        <v>0.21780063187746532</v>
      </c>
      <c r="L5893" s="58">
        <f>Bühler!L5919</f>
        <v>0.10890031593873266</v>
      </c>
      <c r="M5893" s="57">
        <f>Bühler!M5919</f>
        <v>0</v>
      </c>
      <c r="N5893" s="55">
        <f>IF(Input!$K$13=1,J5893*Input!$J$13,0)+IF(Input!$K$14=1,K5893*Input!$J$14,0)+IF(Input!$K$15=1,L5893*Input!$J$15,0)+IF(Input!$K$16=1,M5893*Input!$J$16,0)</f>
        <v>0.49341200357260068</v>
      </c>
      <c r="O5893" s="58">
        <f>IF(Input!$K$13=2,J5893*Input!$J$13,0)+IF(Input!$K$14=2,K5893*Input!$J$14,0)+IF(Input!$K$15=2,L5893*Input!$J$15,0)+IF(Input!$K$16=2,M5893*Input!$J$16,0)</f>
        <v>2.9403085303457817E-2</v>
      </c>
      <c r="P5893" s="58">
        <f>IF(Input!$K$13=3,J5893*Input!$J$13,0)+IF(Input!$K$14=3,K5893*Input!$J$14,0)+IF(Input!$K$15=3,L5893*Input!$J$15,0)+IF(Input!$K$16=3,M5893*Input!$J$16,0)</f>
        <v>0</v>
      </c>
      <c r="Q5893" s="71">
        <f>IF(Input!$K$13=4,J5893*Input!$J$13,0)+IF(Input!$K$14=4,K5893*Input!$J$14,0)+IF(Input!$K$15=4,L5893*Input!$J$15,0)+IF(Input!$K$16=4,M5893*Input!$J$16,0)</f>
        <v>0</v>
      </c>
    </row>
    <row r="5894" spans="8:17" x14ac:dyDescent="0.25">
      <c r="H5894" s="43">
        <v>5887</v>
      </c>
      <c r="I5894" s="55">
        <f>Bühler!I5920</f>
        <v>0.23644515343283581</v>
      </c>
      <c r="J5894" s="58">
        <f>Bühler!J5920</f>
        <v>4.1132537728750238</v>
      </c>
      <c r="K5894" s="58">
        <f>Bühler!K5920</f>
        <v>0.21780063187746532</v>
      </c>
      <c r="L5894" s="58">
        <f>Bühler!L5920</f>
        <v>0.10890031593873266</v>
      </c>
      <c r="M5894" s="57">
        <f>Bühler!M5920</f>
        <v>0</v>
      </c>
      <c r="N5894" s="55">
        <f>IF(Input!$K$13=1,J5894*Input!$J$13,0)+IF(Input!$K$14=1,K5894*Input!$J$14,0)+IF(Input!$K$15=1,L5894*Input!$J$15,0)+IF(Input!$K$16=1,M5894*Input!$J$16,0)</f>
        <v>0.49359045274500285</v>
      </c>
      <c r="O5894" s="58">
        <f>IF(Input!$K$13=2,J5894*Input!$J$13,0)+IF(Input!$K$14=2,K5894*Input!$J$14,0)+IF(Input!$K$15=2,L5894*Input!$J$15,0)+IF(Input!$K$16=2,M5894*Input!$J$16,0)</f>
        <v>2.9403085303457817E-2</v>
      </c>
      <c r="P5894" s="58">
        <f>IF(Input!$K$13=3,J5894*Input!$J$13,0)+IF(Input!$K$14=3,K5894*Input!$J$14,0)+IF(Input!$K$15=3,L5894*Input!$J$15,0)+IF(Input!$K$16=3,M5894*Input!$J$16,0)</f>
        <v>0</v>
      </c>
      <c r="Q5894" s="71">
        <f>IF(Input!$K$13=4,J5894*Input!$J$13,0)+IF(Input!$K$14=4,K5894*Input!$J$14,0)+IF(Input!$K$15=4,L5894*Input!$J$15,0)+IF(Input!$K$16=4,M5894*Input!$J$16,0)</f>
        <v>0</v>
      </c>
    </row>
    <row r="5895" spans="8:17" x14ac:dyDescent="0.25">
      <c r="H5895" s="43">
        <v>5888</v>
      </c>
      <c r="I5895" s="55">
        <f>Bühler!I5921</f>
        <v>0.28105744653337089</v>
      </c>
      <c r="J5895" s="58">
        <f>Bühler!J5921</f>
        <v>4.1151126184208797</v>
      </c>
      <c r="K5895" s="58">
        <f>Bühler!K5921</f>
        <v>0.21780063187746532</v>
      </c>
      <c r="L5895" s="58">
        <f>Bühler!L5921</f>
        <v>0.10890031593873266</v>
      </c>
      <c r="M5895" s="57">
        <f>Bühler!M5921</f>
        <v>0</v>
      </c>
      <c r="N5895" s="55">
        <f>IF(Input!$K$13=1,J5895*Input!$J$13,0)+IF(Input!$K$14=1,K5895*Input!$J$14,0)+IF(Input!$K$15=1,L5895*Input!$J$15,0)+IF(Input!$K$16=1,M5895*Input!$J$16,0)</f>
        <v>0.49381351421050557</v>
      </c>
      <c r="O5895" s="58">
        <f>IF(Input!$K$13=2,J5895*Input!$J$13,0)+IF(Input!$K$14=2,K5895*Input!$J$14,0)+IF(Input!$K$15=2,L5895*Input!$J$15,0)+IF(Input!$K$16=2,M5895*Input!$J$16,0)</f>
        <v>2.9403085303457817E-2</v>
      </c>
      <c r="P5895" s="58">
        <f>IF(Input!$K$13=3,J5895*Input!$J$13,0)+IF(Input!$K$14=3,K5895*Input!$J$14,0)+IF(Input!$K$15=3,L5895*Input!$J$15,0)+IF(Input!$K$16=3,M5895*Input!$J$16,0)</f>
        <v>0</v>
      </c>
      <c r="Q5895" s="71">
        <f>IF(Input!$K$13=4,J5895*Input!$J$13,0)+IF(Input!$K$14=4,K5895*Input!$J$14,0)+IF(Input!$K$15=4,L5895*Input!$J$15,0)+IF(Input!$K$16=4,M5895*Input!$J$16,0)</f>
        <v>0</v>
      </c>
    </row>
    <row r="5896" spans="8:17" x14ac:dyDescent="0.25">
      <c r="H5896" s="43">
        <v>5889</v>
      </c>
      <c r="I5896" s="55">
        <f>Bühler!I5922</f>
        <v>0.28105744653337089</v>
      </c>
      <c r="J5896" s="58">
        <f>Bühler!J5922</f>
        <v>4.1151126184208797</v>
      </c>
      <c r="K5896" s="58">
        <f>Bühler!K5922</f>
        <v>0.21780063187746532</v>
      </c>
      <c r="L5896" s="58">
        <f>Bühler!L5922</f>
        <v>0.10890031593873266</v>
      </c>
      <c r="M5896" s="57">
        <f>Bühler!M5922</f>
        <v>0</v>
      </c>
      <c r="N5896" s="55">
        <f>IF(Input!$K$13=1,J5896*Input!$J$13,0)+IF(Input!$K$14=1,K5896*Input!$J$14,0)+IF(Input!$K$15=1,L5896*Input!$J$15,0)+IF(Input!$K$16=1,M5896*Input!$J$16,0)</f>
        <v>0.49381351421050557</v>
      </c>
      <c r="O5896" s="58">
        <f>IF(Input!$K$13=2,J5896*Input!$J$13,0)+IF(Input!$K$14=2,K5896*Input!$J$14,0)+IF(Input!$K$15=2,L5896*Input!$J$15,0)+IF(Input!$K$16=2,M5896*Input!$J$16,0)</f>
        <v>2.9403085303457817E-2</v>
      </c>
      <c r="P5896" s="58">
        <f>IF(Input!$K$13=3,J5896*Input!$J$13,0)+IF(Input!$K$14=3,K5896*Input!$J$14,0)+IF(Input!$K$15=3,L5896*Input!$J$15,0)+IF(Input!$K$16=3,M5896*Input!$J$16,0)</f>
        <v>0</v>
      </c>
      <c r="Q5896" s="71">
        <f>IF(Input!$K$13=4,J5896*Input!$J$13,0)+IF(Input!$K$14=4,K5896*Input!$J$14,0)+IF(Input!$K$15=4,L5896*Input!$J$15,0)+IF(Input!$K$16=4,M5896*Input!$J$16,0)</f>
        <v>0</v>
      </c>
    </row>
    <row r="5897" spans="8:17" x14ac:dyDescent="0.25">
      <c r="H5897" s="43">
        <v>5890</v>
      </c>
      <c r="I5897" s="55">
        <f>Bühler!I5923</f>
        <v>0.28105744653337089</v>
      </c>
      <c r="J5897" s="58">
        <f>Bühler!J5923</f>
        <v>4.1151126184208797</v>
      </c>
      <c r="K5897" s="58">
        <f>Bühler!K5923</f>
        <v>0.21780063187746532</v>
      </c>
      <c r="L5897" s="58">
        <f>Bühler!L5923</f>
        <v>0.10890031593873266</v>
      </c>
      <c r="M5897" s="57">
        <f>Bühler!M5923</f>
        <v>0</v>
      </c>
      <c r="N5897" s="55">
        <f>IF(Input!$K$13=1,J5897*Input!$J$13,0)+IF(Input!$K$14=1,K5897*Input!$J$14,0)+IF(Input!$K$15=1,L5897*Input!$J$15,0)+IF(Input!$K$16=1,M5897*Input!$J$16,0)</f>
        <v>0.49381351421050557</v>
      </c>
      <c r="O5897" s="58">
        <f>IF(Input!$K$13=2,J5897*Input!$J$13,0)+IF(Input!$K$14=2,K5897*Input!$J$14,0)+IF(Input!$K$15=2,L5897*Input!$J$15,0)+IF(Input!$K$16=2,M5897*Input!$J$16,0)</f>
        <v>2.9403085303457817E-2</v>
      </c>
      <c r="P5897" s="58">
        <f>IF(Input!$K$13=3,J5897*Input!$J$13,0)+IF(Input!$K$14=3,K5897*Input!$J$14,0)+IF(Input!$K$15=3,L5897*Input!$J$15,0)+IF(Input!$K$16=3,M5897*Input!$J$16,0)</f>
        <v>0</v>
      </c>
      <c r="Q5897" s="71">
        <f>IF(Input!$K$13=4,J5897*Input!$J$13,0)+IF(Input!$K$14=4,K5897*Input!$J$14,0)+IF(Input!$K$15=4,L5897*Input!$J$15,0)+IF(Input!$K$16=4,M5897*Input!$J$16,0)</f>
        <v>0</v>
      </c>
    </row>
    <row r="5898" spans="8:17" x14ac:dyDescent="0.25">
      <c r="H5898" s="43">
        <v>5891</v>
      </c>
      <c r="I5898" s="55">
        <f>Bühler!I5924</f>
        <v>0.28105744653337089</v>
      </c>
      <c r="J5898" s="58">
        <f>Bühler!J5924</f>
        <v>4.1151126184208797</v>
      </c>
      <c r="K5898" s="58">
        <f>Bühler!K5924</f>
        <v>0.21780063187746532</v>
      </c>
      <c r="L5898" s="58">
        <f>Bühler!L5924</f>
        <v>0.10890031593873266</v>
      </c>
      <c r="M5898" s="57">
        <f>Bühler!M5924</f>
        <v>0</v>
      </c>
      <c r="N5898" s="55">
        <f>IF(Input!$K$13=1,J5898*Input!$J$13,0)+IF(Input!$K$14=1,K5898*Input!$J$14,0)+IF(Input!$K$15=1,L5898*Input!$J$15,0)+IF(Input!$K$16=1,M5898*Input!$J$16,0)</f>
        <v>0.49381351421050557</v>
      </c>
      <c r="O5898" s="58">
        <f>IF(Input!$K$13=2,J5898*Input!$J$13,0)+IF(Input!$K$14=2,K5898*Input!$J$14,0)+IF(Input!$K$15=2,L5898*Input!$J$15,0)+IF(Input!$K$16=2,M5898*Input!$J$16,0)</f>
        <v>2.9403085303457817E-2</v>
      </c>
      <c r="P5898" s="58">
        <f>IF(Input!$K$13=3,J5898*Input!$J$13,0)+IF(Input!$K$14=3,K5898*Input!$J$14,0)+IF(Input!$K$15=3,L5898*Input!$J$15,0)+IF(Input!$K$16=3,M5898*Input!$J$16,0)</f>
        <v>0</v>
      </c>
      <c r="Q5898" s="71">
        <f>IF(Input!$K$13=4,J5898*Input!$J$13,0)+IF(Input!$K$14=4,K5898*Input!$J$14,0)+IF(Input!$K$15=4,L5898*Input!$J$15,0)+IF(Input!$K$16=4,M5898*Input!$J$16,0)</f>
        <v>0</v>
      </c>
    </row>
    <row r="5899" spans="8:17" x14ac:dyDescent="0.25">
      <c r="H5899" s="43">
        <v>5892</v>
      </c>
      <c r="I5899" s="55">
        <f>Bühler!I5925</f>
        <v>0.28105744653337089</v>
      </c>
      <c r="J5899" s="58">
        <f>Bühler!J5925</f>
        <v>4.1151126184208797</v>
      </c>
      <c r="K5899" s="58">
        <f>Bühler!K5925</f>
        <v>0.21780063187746532</v>
      </c>
      <c r="L5899" s="58">
        <f>Bühler!L5925</f>
        <v>0.10890031593873266</v>
      </c>
      <c r="M5899" s="57">
        <f>Bühler!M5925</f>
        <v>0</v>
      </c>
      <c r="N5899" s="55">
        <f>IF(Input!$K$13=1,J5899*Input!$J$13,0)+IF(Input!$K$14=1,K5899*Input!$J$14,0)+IF(Input!$K$15=1,L5899*Input!$J$15,0)+IF(Input!$K$16=1,M5899*Input!$J$16,0)</f>
        <v>0.49381351421050557</v>
      </c>
      <c r="O5899" s="58">
        <f>IF(Input!$K$13=2,J5899*Input!$J$13,0)+IF(Input!$K$14=2,K5899*Input!$J$14,0)+IF(Input!$K$15=2,L5899*Input!$J$15,0)+IF(Input!$K$16=2,M5899*Input!$J$16,0)</f>
        <v>2.9403085303457817E-2</v>
      </c>
      <c r="P5899" s="58">
        <f>IF(Input!$K$13=3,J5899*Input!$J$13,0)+IF(Input!$K$14=3,K5899*Input!$J$14,0)+IF(Input!$K$15=3,L5899*Input!$J$15,0)+IF(Input!$K$16=3,M5899*Input!$J$16,0)</f>
        <v>0</v>
      </c>
      <c r="Q5899" s="71">
        <f>IF(Input!$K$13=4,J5899*Input!$J$13,0)+IF(Input!$K$14=4,K5899*Input!$J$14,0)+IF(Input!$K$15=4,L5899*Input!$J$15,0)+IF(Input!$K$16=4,M5899*Input!$J$16,0)</f>
        <v>0</v>
      </c>
    </row>
    <row r="5900" spans="8:17" x14ac:dyDescent="0.25">
      <c r="H5900" s="43">
        <v>5893</v>
      </c>
      <c r="I5900" s="55">
        <f>Bühler!I5926</f>
        <v>0.28105744653337089</v>
      </c>
      <c r="J5900" s="58">
        <f>Bühler!J5926</f>
        <v>4.1151126184208797</v>
      </c>
      <c r="K5900" s="58">
        <f>Bühler!K5926</f>
        <v>0.21780063187746532</v>
      </c>
      <c r="L5900" s="58">
        <f>Bühler!L5926</f>
        <v>0.10890031593873266</v>
      </c>
      <c r="M5900" s="57">
        <f>Bühler!M5926</f>
        <v>0</v>
      </c>
      <c r="N5900" s="55">
        <f>IF(Input!$K$13=1,J5900*Input!$J$13,0)+IF(Input!$K$14=1,K5900*Input!$J$14,0)+IF(Input!$K$15=1,L5900*Input!$J$15,0)+IF(Input!$K$16=1,M5900*Input!$J$16,0)</f>
        <v>0.49381351421050557</v>
      </c>
      <c r="O5900" s="58">
        <f>IF(Input!$K$13=2,J5900*Input!$J$13,0)+IF(Input!$K$14=2,K5900*Input!$J$14,0)+IF(Input!$K$15=2,L5900*Input!$J$15,0)+IF(Input!$K$16=2,M5900*Input!$J$16,0)</f>
        <v>2.9403085303457817E-2</v>
      </c>
      <c r="P5900" s="58">
        <f>IF(Input!$K$13=3,J5900*Input!$J$13,0)+IF(Input!$K$14=3,K5900*Input!$J$14,0)+IF(Input!$K$15=3,L5900*Input!$J$15,0)+IF(Input!$K$16=3,M5900*Input!$J$16,0)</f>
        <v>0</v>
      </c>
      <c r="Q5900" s="71">
        <f>IF(Input!$K$13=4,J5900*Input!$J$13,0)+IF(Input!$K$14=4,K5900*Input!$J$14,0)+IF(Input!$K$15=4,L5900*Input!$J$15,0)+IF(Input!$K$16=4,M5900*Input!$J$16,0)</f>
        <v>0</v>
      </c>
    </row>
    <row r="5901" spans="8:17" x14ac:dyDescent="0.25">
      <c r="H5901" s="43">
        <v>5894</v>
      </c>
      <c r="I5901" s="55">
        <f>Bühler!I5927</f>
        <v>0.28105744653337089</v>
      </c>
      <c r="J5901" s="58">
        <f>Bühler!J5927</f>
        <v>4.1151126184208797</v>
      </c>
      <c r="K5901" s="58">
        <f>Bühler!K5927</f>
        <v>0.21780063187746532</v>
      </c>
      <c r="L5901" s="58">
        <f>Bühler!L5927</f>
        <v>0.10890031593873266</v>
      </c>
      <c r="M5901" s="57">
        <f>Bühler!M5927</f>
        <v>0</v>
      </c>
      <c r="N5901" s="55">
        <f>IF(Input!$K$13=1,J5901*Input!$J$13,0)+IF(Input!$K$14=1,K5901*Input!$J$14,0)+IF(Input!$K$15=1,L5901*Input!$J$15,0)+IF(Input!$K$16=1,M5901*Input!$J$16,0)</f>
        <v>0.49381351421050557</v>
      </c>
      <c r="O5901" s="58">
        <f>IF(Input!$K$13=2,J5901*Input!$J$13,0)+IF(Input!$K$14=2,K5901*Input!$J$14,0)+IF(Input!$K$15=2,L5901*Input!$J$15,0)+IF(Input!$K$16=2,M5901*Input!$J$16,0)</f>
        <v>2.9403085303457817E-2</v>
      </c>
      <c r="P5901" s="58">
        <f>IF(Input!$K$13=3,J5901*Input!$J$13,0)+IF(Input!$K$14=3,K5901*Input!$J$14,0)+IF(Input!$K$15=3,L5901*Input!$J$15,0)+IF(Input!$K$16=3,M5901*Input!$J$16,0)</f>
        <v>0</v>
      </c>
      <c r="Q5901" s="71">
        <f>IF(Input!$K$13=4,J5901*Input!$J$13,0)+IF(Input!$K$14=4,K5901*Input!$J$14,0)+IF(Input!$K$15=4,L5901*Input!$J$15,0)+IF(Input!$K$16=4,M5901*Input!$J$16,0)</f>
        <v>0</v>
      </c>
    </row>
    <row r="5902" spans="8:17" x14ac:dyDescent="0.25">
      <c r="H5902" s="43">
        <v>5895</v>
      </c>
      <c r="I5902" s="55">
        <f>Bühler!I5928</f>
        <v>0.28105744653337089</v>
      </c>
      <c r="J5902" s="58">
        <f>Bühler!J5928</f>
        <v>4.1151126184208797</v>
      </c>
      <c r="K5902" s="58">
        <f>Bühler!K5928</f>
        <v>0.21780063187746532</v>
      </c>
      <c r="L5902" s="58">
        <f>Bühler!L5928</f>
        <v>0.10890031593873266</v>
      </c>
      <c r="M5902" s="57">
        <f>Bühler!M5928</f>
        <v>0</v>
      </c>
      <c r="N5902" s="55">
        <f>IF(Input!$K$13=1,J5902*Input!$J$13,0)+IF(Input!$K$14=1,K5902*Input!$J$14,0)+IF(Input!$K$15=1,L5902*Input!$J$15,0)+IF(Input!$K$16=1,M5902*Input!$J$16,0)</f>
        <v>0.49381351421050557</v>
      </c>
      <c r="O5902" s="58">
        <f>IF(Input!$K$13=2,J5902*Input!$J$13,0)+IF(Input!$K$14=2,K5902*Input!$J$14,0)+IF(Input!$K$15=2,L5902*Input!$J$15,0)+IF(Input!$K$16=2,M5902*Input!$J$16,0)</f>
        <v>2.9403085303457817E-2</v>
      </c>
      <c r="P5902" s="58">
        <f>IF(Input!$K$13=3,J5902*Input!$J$13,0)+IF(Input!$K$14=3,K5902*Input!$J$14,0)+IF(Input!$K$15=3,L5902*Input!$J$15,0)+IF(Input!$K$16=3,M5902*Input!$J$16,0)</f>
        <v>0</v>
      </c>
      <c r="Q5902" s="71">
        <f>IF(Input!$K$13=4,J5902*Input!$J$13,0)+IF(Input!$K$14=4,K5902*Input!$J$14,0)+IF(Input!$K$15=4,L5902*Input!$J$15,0)+IF(Input!$K$16=4,M5902*Input!$J$16,0)</f>
        <v>0</v>
      </c>
    </row>
    <row r="5903" spans="8:17" x14ac:dyDescent="0.25">
      <c r="H5903" s="43">
        <v>5896</v>
      </c>
      <c r="I5903" s="55">
        <f>Bühler!I5929</f>
        <v>0.24982884136299632</v>
      </c>
      <c r="J5903" s="58">
        <f>Bühler!J5929</f>
        <v>4.1138114265387804</v>
      </c>
      <c r="K5903" s="58">
        <f>Bühler!K5929</f>
        <v>0.21780063187746532</v>
      </c>
      <c r="L5903" s="58">
        <f>Bühler!L5929</f>
        <v>0.10890031593873266</v>
      </c>
      <c r="M5903" s="57">
        <f>Bühler!M5929</f>
        <v>0</v>
      </c>
      <c r="N5903" s="55">
        <f>IF(Input!$K$13=1,J5903*Input!$J$13,0)+IF(Input!$K$14=1,K5903*Input!$J$14,0)+IF(Input!$K$15=1,L5903*Input!$J$15,0)+IF(Input!$K$16=1,M5903*Input!$J$16,0)</f>
        <v>0.49365737118465364</v>
      </c>
      <c r="O5903" s="58">
        <f>IF(Input!$K$13=2,J5903*Input!$J$13,0)+IF(Input!$K$14=2,K5903*Input!$J$14,0)+IF(Input!$K$15=2,L5903*Input!$J$15,0)+IF(Input!$K$16=2,M5903*Input!$J$16,0)</f>
        <v>2.9403085303457817E-2</v>
      </c>
      <c r="P5903" s="58">
        <f>IF(Input!$K$13=3,J5903*Input!$J$13,0)+IF(Input!$K$14=3,K5903*Input!$J$14,0)+IF(Input!$K$15=3,L5903*Input!$J$15,0)+IF(Input!$K$16=3,M5903*Input!$J$16,0)</f>
        <v>0</v>
      </c>
      <c r="Q5903" s="71">
        <f>IF(Input!$K$13=4,J5903*Input!$J$13,0)+IF(Input!$K$14=4,K5903*Input!$J$14,0)+IF(Input!$K$15=4,L5903*Input!$J$15,0)+IF(Input!$K$16=4,M5903*Input!$J$16,0)</f>
        <v>0</v>
      </c>
    </row>
    <row r="5904" spans="8:17" x14ac:dyDescent="0.25">
      <c r="H5904" s="43">
        <v>5897</v>
      </c>
      <c r="I5904" s="55">
        <f>Bühler!I5930</f>
        <v>0.24536761205294283</v>
      </c>
      <c r="J5904" s="58">
        <f>Bühler!J5930</f>
        <v>4.1136255419841952</v>
      </c>
      <c r="K5904" s="58">
        <f>Bühler!K5930</f>
        <v>0.21780063187746532</v>
      </c>
      <c r="L5904" s="58">
        <f>Bühler!L5930</f>
        <v>0.10890031593873266</v>
      </c>
      <c r="M5904" s="57">
        <f>Bühler!M5930</f>
        <v>0</v>
      </c>
      <c r="N5904" s="55">
        <f>IF(Input!$K$13=1,J5904*Input!$J$13,0)+IF(Input!$K$14=1,K5904*Input!$J$14,0)+IF(Input!$K$15=1,L5904*Input!$J$15,0)+IF(Input!$K$16=1,M5904*Input!$J$16,0)</f>
        <v>0.49363506503810339</v>
      </c>
      <c r="O5904" s="58">
        <f>IF(Input!$K$13=2,J5904*Input!$J$13,0)+IF(Input!$K$14=2,K5904*Input!$J$14,0)+IF(Input!$K$15=2,L5904*Input!$J$15,0)+IF(Input!$K$16=2,M5904*Input!$J$16,0)</f>
        <v>2.9403085303457817E-2</v>
      </c>
      <c r="P5904" s="58">
        <f>IF(Input!$K$13=3,J5904*Input!$J$13,0)+IF(Input!$K$14=3,K5904*Input!$J$14,0)+IF(Input!$K$15=3,L5904*Input!$J$15,0)+IF(Input!$K$16=3,M5904*Input!$J$16,0)</f>
        <v>0</v>
      </c>
      <c r="Q5904" s="71">
        <f>IF(Input!$K$13=4,J5904*Input!$J$13,0)+IF(Input!$K$14=4,K5904*Input!$J$14,0)+IF(Input!$K$15=4,L5904*Input!$J$15,0)+IF(Input!$K$16=4,M5904*Input!$J$16,0)</f>
        <v>0</v>
      </c>
    </row>
    <row r="5905" spans="8:17" x14ac:dyDescent="0.25">
      <c r="H5905" s="43">
        <v>5898</v>
      </c>
      <c r="I5905" s="55">
        <f>Bühler!I5931</f>
        <v>0.20967777757251477</v>
      </c>
      <c r="J5905" s="58">
        <f>Bühler!J5931</f>
        <v>4.1121384655475106</v>
      </c>
      <c r="K5905" s="58">
        <f>Bühler!K5931</f>
        <v>0.21780063187746532</v>
      </c>
      <c r="L5905" s="58">
        <f>Bühler!L5931</f>
        <v>0.10890031593873266</v>
      </c>
      <c r="M5905" s="57">
        <f>Bühler!M5931</f>
        <v>0</v>
      </c>
      <c r="N5905" s="55">
        <f>IF(Input!$K$13=1,J5905*Input!$J$13,0)+IF(Input!$K$14=1,K5905*Input!$J$14,0)+IF(Input!$K$15=1,L5905*Input!$J$15,0)+IF(Input!$K$16=1,M5905*Input!$J$16,0)</f>
        <v>0.49345661586570128</v>
      </c>
      <c r="O5905" s="58">
        <f>IF(Input!$K$13=2,J5905*Input!$J$13,0)+IF(Input!$K$14=2,K5905*Input!$J$14,0)+IF(Input!$K$15=2,L5905*Input!$J$15,0)+IF(Input!$K$16=2,M5905*Input!$J$16,0)</f>
        <v>2.9403085303457817E-2</v>
      </c>
      <c r="P5905" s="58">
        <f>IF(Input!$K$13=3,J5905*Input!$J$13,0)+IF(Input!$K$14=3,K5905*Input!$J$14,0)+IF(Input!$K$15=3,L5905*Input!$J$15,0)+IF(Input!$K$16=3,M5905*Input!$J$16,0)</f>
        <v>0</v>
      </c>
      <c r="Q5905" s="71">
        <f>IF(Input!$K$13=4,J5905*Input!$J$13,0)+IF(Input!$K$14=4,K5905*Input!$J$14,0)+IF(Input!$K$15=4,L5905*Input!$J$15,0)+IF(Input!$K$16=4,M5905*Input!$J$16,0)</f>
        <v>0</v>
      </c>
    </row>
    <row r="5906" spans="8:17" x14ac:dyDescent="0.25">
      <c r="H5906" s="43">
        <v>5899</v>
      </c>
      <c r="I5906" s="55">
        <f>Bühler!I5932</f>
        <v>0.19629408964235426</v>
      </c>
      <c r="J5906" s="58">
        <f>Bühler!J5932</f>
        <v>4.111580811883754</v>
      </c>
      <c r="K5906" s="58">
        <f>Bühler!K5932</f>
        <v>0.21780063187746532</v>
      </c>
      <c r="L5906" s="58">
        <f>Bühler!L5932</f>
        <v>0.10890031593873266</v>
      </c>
      <c r="M5906" s="57">
        <f>Bühler!M5932</f>
        <v>0</v>
      </c>
      <c r="N5906" s="55">
        <f>IF(Input!$K$13=1,J5906*Input!$J$13,0)+IF(Input!$K$14=1,K5906*Input!$J$14,0)+IF(Input!$K$15=1,L5906*Input!$J$15,0)+IF(Input!$K$16=1,M5906*Input!$J$16,0)</f>
        <v>0.49338969742605049</v>
      </c>
      <c r="O5906" s="58">
        <f>IF(Input!$K$13=2,J5906*Input!$J$13,0)+IF(Input!$K$14=2,K5906*Input!$J$14,0)+IF(Input!$K$15=2,L5906*Input!$J$15,0)+IF(Input!$K$16=2,M5906*Input!$J$16,0)</f>
        <v>2.9403085303457817E-2</v>
      </c>
      <c r="P5906" s="58">
        <f>IF(Input!$K$13=3,J5906*Input!$J$13,0)+IF(Input!$K$14=3,K5906*Input!$J$14,0)+IF(Input!$K$15=3,L5906*Input!$J$15,0)+IF(Input!$K$16=3,M5906*Input!$J$16,0)</f>
        <v>0</v>
      </c>
      <c r="Q5906" s="71">
        <f>IF(Input!$K$13=4,J5906*Input!$J$13,0)+IF(Input!$K$14=4,K5906*Input!$J$14,0)+IF(Input!$K$15=4,L5906*Input!$J$15,0)+IF(Input!$K$16=4,M5906*Input!$J$16,0)</f>
        <v>0</v>
      </c>
    </row>
    <row r="5907" spans="8:17" x14ac:dyDescent="0.25">
      <c r="H5907" s="43">
        <v>5900</v>
      </c>
      <c r="I5907" s="55">
        <f>Bühler!I5933</f>
        <v>0.16506548447197975</v>
      </c>
      <c r="J5907" s="58">
        <f>Bühler!J5933</f>
        <v>4.1102796200016547</v>
      </c>
      <c r="K5907" s="58">
        <f>Bühler!K5933</f>
        <v>0.21780063187746532</v>
      </c>
      <c r="L5907" s="58">
        <f>Bühler!L5933</f>
        <v>0.10890031593873266</v>
      </c>
      <c r="M5907" s="57">
        <f>Bühler!M5933</f>
        <v>0</v>
      </c>
      <c r="N5907" s="55">
        <f>IF(Input!$K$13=1,J5907*Input!$J$13,0)+IF(Input!$K$14=1,K5907*Input!$J$14,0)+IF(Input!$K$15=1,L5907*Input!$J$15,0)+IF(Input!$K$16=1,M5907*Input!$J$16,0)</f>
        <v>0.49323355440019856</v>
      </c>
      <c r="O5907" s="58">
        <f>IF(Input!$K$13=2,J5907*Input!$J$13,0)+IF(Input!$K$14=2,K5907*Input!$J$14,0)+IF(Input!$K$15=2,L5907*Input!$J$15,0)+IF(Input!$K$16=2,M5907*Input!$J$16,0)</f>
        <v>2.9403085303457817E-2</v>
      </c>
      <c r="P5907" s="58">
        <f>IF(Input!$K$13=3,J5907*Input!$J$13,0)+IF(Input!$K$14=3,K5907*Input!$J$14,0)+IF(Input!$K$15=3,L5907*Input!$J$15,0)+IF(Input!$K$16=3,M5907*Input!$J$16,0)</f>
        <v>0</v>
      </c>
      <c r="Q5907" s="71">
        <f>IF(Input!$K$13=4,J5907*Input!$J$13,0)+IF(Input!$K$14=4,K5907*Input!$J$14,0)+IF(Input!$K$15=4,L5907*Input!$J$15,0)+IF(Input!$K$16=4,M5907*Input!$J$16,0)</f>
        <v>0</v>
      </c>
    </row>
    <row r="5908" spans="8:17" x14ac:dyDescent="0.25">
      <c r="H5908" s="43">
        <v>5901</v>
      </c>
      <c r="I5908" s="55">
        <f>Bühler!I5934</f>
        <v>0.1382981086116587</v>
      </c>
      <c r="J5908" s="58">
        <f>Bühler!J5934</f>
        <v>4.1091643126741415</v>
      </c>
      <c r="K5908" s="58">
        <f>Bühler!K5934</f>
        <v>0.21780063187746532</v>
      </c>
      <c r="L5908" s="58">
        <f>Bühler!L5934</f>
        <v>0.10890031593873266</v>
      </c>
      <c r="M5908" s="57">
        <f>Bühler!M5934</f>
        <v>0</v>
      </c>
      <c r="N5908" s="55">
        <f>IF(Input!$K$13=1,J5908*Input!$J$13,0)+IF(Input!$K$14=1,K5908*Input!$J$14,0)+IF(Input!$K$15=1,L5908*Input!$J$15,0)+IF(Input!$K$16=1,M5908*Input!$J$16,0)</f>
        <v>0.49309971752089699</v>
      </c>
      <c r="O5908" s="58">
        <f>IF(Input!$K$13=2,J5908*Input!$J$13,0)+IF(Input!$K$14=2,K5908*Input!$J$14,0)+IF(Input!$K$15=2,L5908*Input!$J$15,0)+IF(Input!$K$16=2,M5908*Input!$J$16,0)</f>
        <v>2.9403085303457817E-2</v>
      </c>
      <c r="P5908" s="58">
        <f>IF(Input!$K$13=3,J5908*Input!$J$13,0)+IF(Input!$K$14=3,K5908*Input!$J$14,0)+IF(Input!$K$15=3,L5908*Input!$J$15,0)+IF(Input!$K$16=3,M5908*Input!$J$16,0)</f>
        <v>0</v>
      </c>
      <c r="Q5908" s="71">
        <f>IF(Input!$K$13=4,J5908*Input!$J$13,0)+IF(Input!$K$14=4,K5908*Input!$J$14,0)+IF(Input!$K$15=4,L5908*Input!$J$15,0)+IF(Input!$K$16=4,M5908*Input!$J$16,0)</f>
        <v>0</v>
      </c>
    </row>
    <row r="5909" spans="8:17" x14ac:dyDescent="0.25">
      <c r="H5909" s="43">
        <v>5902</v>
      </c>
      <c r="I5909" s="55">
        <f>Bühler!I5935</f>
        <v>0.12045319137144465</v>
      </c>
      <c r="J5909" s="58">
        <f>Bühler!J5935</f>
        <v>4.1084207744557997</v>
      </c>
      <c r="K5909" s="58">
        <f>Bühler!K5935</f>
        <v>0.21780063187746532</v>
      </c>
      <c r="L5909" s="58">
        <f>Bühler!L5935</f>
        <v>0.10890031593873266</v>
      </c>
      <c r="M5909" s="57">
        <f>Bühler!M5935</f>
        <v>0</v>
      </c>
      <c r="N5909" s="55">
        <f>IF(Input!$K$13=1,J5909*Input!$J$13,0)+IF(Input!$K$14=1,K5909*Input!$J$14,0)+IF(Input!$K$15=1,L5909*Input!$J$15,0)+IF(Input!$K$16=1,M5909*Input!$J$16,0)</f>
        <v>0.49301049293469595</v>
      </c>
      <c r="O5909" s="58">
        <f>IF(Input!$K$13=2,J5909*Input!$J$13,0)+IF(Input!$K$14=2,K5909*Input!$J$14,0)+IF(Input!$K$15=2,L5909*Input!$J$15,0)+IF(Input!$K$16=2,M5909*Input!$J$16,0)</f>
        <v>2.9403085303457817E-2</v>
      </c>
      <c r="P5909" s="58">
        <f>IF(Input!$K$13=3,J5909*Input!$J$13,0)+IF(Input!$K$14=3,K5909*Input!$J$14,0)+IF(Input!$K$15=3,L5909*Input!$J$15,0)+IF(Input!$K$16=3,M5909*Input!$J$16,0)</f>
        <v>0</v>
      </c>
      <c r="Q5909" s="71">
        <f>IF(Input!$K$13=4,J5909*Input!$J$13,0)+IF(Input!$K$14=4,K5909*Input!$J$14,0)+IF(Input!$K$15=4,L5909*Input!$J$15,0)+IF(Input!$K$16=4,M5909*Input!$J$16,0)</f>
        <v>0</v>
      </c>
    </row>
    <row r="5910" spans="8:17" x14ac:dyDescent="0.25">
      <c r="H5910" s="43">
        <v>5903</v>
      </c>
      <c r="I5910" s="55">
        <f>Bühler!I5936</f>
        <v>0.12045319137144465</v>
      </c>
      <c r="J5910" s="58">
        <f>Bühler!J5936</f>
        <v>4.1084207744557997</v>
      </c>
      <c r="K5910" s="58">
        <f>Bühler!K5936</f>
        <v>0.21780063187746532</v>
      </c>
      <c r="L5910" s="58">
        <f>Bühler!L5936</f>
        <v>0.10890031593873266</v>
      </c>
      <c r="M5910" s="57">
        <f>Bühler!M5936</f>
        <v>0</v>
      </c>
      <c r="N5910" s="55">
        <f>IF(Input!$K$13=1,J5910*Input!$J$13,0)+IF(Input!$K$14=1,K5910*Input!$J$14,0)+IF(Input!$K$15=1,L5910*Input!$J$15,0)+IF(Input!$K$16=1,M5910*Input!$J$16,0)</f>
        <v>0.49301049293469595</v>
      </c>
      <c r="O5910" s="58">
        <f>IF(Input!$K$13=2,J5910*Input!$J$13,0)+IF(Input!$K$14=2,K5910*Input!$J$14,0)+IF(Input!$K$15=2,L5910*Input!$J$15,0)+IF(Input!$K$16=2,M5910*Input!$J$16,0)</f>
        <v>2.9403085303457817E-2</v>
      </c>
      <c r="P5910" s="58">
        <f>IF(Input!$K$13=3,J5910*Input!$J$13,0)+IF(Input!$K$14=3,K5910*Input!$J$14,0)+IF(Input!$K$15=3,L5910*Input!$J$15,0)+IF(Input!$K$16=3,M5910*Input!$J$16,0)</f>
        <v>0</v>
      </c>
      <c r="Q5910" s="71">
        <f>IF(Input!$K$13=4,J5910*Input!$J$13,0)+IF(Input!$K$14=4,K5910*Input!$J$14,0)+IF(Input!$K$15=4,L5910*Input!$J$15,0)+IF(Input!$K$16=4,M5910*Input!$J$16,0)</f>
        <v>0</v>
      </c>
    </row>
    <row r="5911" spans="8:17" x14ac:dyDescent="0.25">
      <c r="H5911" s="43">
        <v>5904</v>
      </c>
      <c r="I5911" s="55">
        <f>Bühler!I5937</f>
        <v>0.12045319137144465</v>
      </c>
      <c r="J5911" s="58">
        <f>Bühler!J5937</f>
        <v>4.1084207744557997</v>
      </c>
      <c r="K5911" s="58">
        <f>Bühler!K5937</f>
        <v>0.21780063187746532</v>
      </c>
      <c r="L5911" s="58">
        <f>Bühler!L5937</f>
        <v>0.10890031593873266</v>
      </c>
      <c r="M5911" s="57">
        <f>Bühler!M5937</f>
        <v>0</v>
      </c>
      <c r="N5911" s="55">
        <f>IF(Input!$K$13=1,J5911*Input!$J$13,0)+IF(Input!$K$14=1,K5911*Input!$J$14,0)+IF(Input!$K$15=1,L5911*Input!$J$15,0)+IF(Input!$K$16=1,M5911*Input!$J$16,0)</f>
        <v>0.49301049293469595</v>
      </c>
      <c r="O5911" s="58">
        <f>IF(Input!$K$13=2,J5911*Input!$J$13,0)+IF(Input!$K$14=2,K5911*Input!$J$14,0)+IF(Input!$K$15=2,L5911*Input!$J$15,0)+IF(Input!$K$16=2,M5911*Input!$J$16,0)</f>
        <v>2.9403085303457817E-2</v>
      </c>
      <c r="P5911" s="58">
        <f>IF(Input!$K$13=3,J5911*Input!$J$13,0)+IF(Input!$K$14=3,K5911*Input!$J$14,0)+IF(Input!$K$15=3,L5911*Input!$J$15,0)+IF(Input!$K$16=3,M5911*Input!$J$16,0)</f>
        <v>0</v>
      </c>
      <c r="Q5911" s="71">
        <f>IF(Input!$K$13=4,J5911*Input!$J$13,0)+IF(Input!$K$14=4,K5911*Input!$J$14,0)+IF(Input!$K$15=4,L5911*Input!$J$15,0)+IF(Input!$K$16=4,M5911*Input!$J$16,0)</f>
        <v>0</v>
      </c>
    </row>
    <row r="5912" spans="8:17" x14ac:dyDescent="0.25">
      <c r="H5912" s="43">
        <v>5905</v>
      </c>
      <c r="I5912" s="55">
        <f>Bühler!I5938</f>
        <v>0.14649951384731216</v>
      </c>
      <c r="J5912" s="58">
        <f>Bühler!J5938</f>
        <v>6.8867544012435387</v>
      </c>
      <c r="K5912" s="58">
        <f>Bühler!K5938</f>
        <v>0.55676867728635482</v>
      </c>
      <c r="L5912" s="58">
        <f>Bühler!L5938</f>
        <v>0.27838433864317741</v>
      </c>
      <c r="M5912" s="57">
        <f>Bühler!M5938</f>
        <v>0</v>
      </c>
      <c r="N5912" s="55">
        <f>IF(Input!$K$13=1,J5912*Input!$J$13,0)+IF(Input!$K$14=1,K5912*Input!$J$14,0)+IF(Input!$K$15=1,L5912*Input!$J$15,0)+IF(Input!$K$16=1,M5912*Input!$J$16,0)</f>
        <v>0.82641052814922455</v>
      </c>
      <c r="O5912" s="58">
        <f>IF(Input!$K$13=2,J5912*Input!$J$13,0)+IF(Input!$K$14=2,K5912*Input!$J$14,0)+IF(Input!$K$15=2,L5912*Input!$J$15,0)+IF(Input!$K$16=2,M5912*Input!$J$16,0)</f>
        <v>7.5163771433657905E-2</v>
      </c>
      <c r="P5912" s="58">
        <f>IF(Input!$K$13=3,J5912*Input!$J$13,0)+IF(Input!$K$14=3,K5912*Input!$J$14,0)+IF(Input!$K$15=3,L5912*Input!$J$15,0)+IF(Input!$K$16=3,M5912*Input!$J$16,0)</f>
        <v>0</v>
      </c>
      <c r="Q5912" s="71">
        <f>IF(Input!$K$13=4,J5912*Input!$J$13,0)+IF(Input!$K$14=4,K5912*Input!$J$14,0)+IF(Input!$K$15=4,L5912*Input!$J$15,0)+IF(Input!$K$16=4,M5912*Input!$J$16,0)</f>
        <v>0</v>
      </c>
    </row>
    <row r="5913" spans="8:17" x14ac:dyDescent="0.25">
      <c r="H5913" s="43">
        <v>5906</v>
      </c>
      <c r="I5913" s="55">
        <f>Bühler!I5939</f>
        <v>0.14649951384731216</v>
      </c>
      <c r="J5913" s="58">
        <f>Bühler!J5939</f>
        <v>6.8867544012435387</v>
      </c>
      <c r="K5913" s="58">
        <f>Bühler!K5939</f>
        <v>0.55676867728635482</v>
      </c>
      <c r="L5913" s="58">
        <f>Bühler!L5939</f>
        <v>0.27838433864317741</v>
      </c>
      <c r="M5913" s="57">
        <f>Bühler!M5939</f>
        <v>0</v>
      </c>
      <c r="N5913" s="55">
        <f>IF(Input!$K$13=1,J5913*Input!$J$13,0)+IF(Input!$K$14=1,K5913*Input!$J$14,0)+IF(Input!$K$15=1,L5913*Input!$J$15,0)+IF(Input!$K$16=1,M5913*Input!$J$16,0)</f>
        <v>0.82641052814922455</v>
      </c>
      <c r="O5913" s="58">
        <f>IF(Input!$K$13=2,J5913*Input!$J$13,0)+IF(Input!$K$14=2,K5913*Input!$J$14,0)+IF(Input!$K$15=2,L5913*Input!$J$15,0)+IF(Input!$K$16=2,M5913*Input!$J$16,0)</f>
        <v>7.5163771433657905E-2</v>
      </c>
      <c r="P5913" s="58">
        <f>IF(Input!$K$13=3,J5913*Input!$J$13,0)+IF(Input!$K$14=3,K5913*Input!$J$14,0)+IF(Input!$K$15=3,L5913*Input!$J$15,0)+IF(Input!$K$16=3,M5913*Input!$J$16,0)</f>
        <v>0</v>
      </c>
      <c r="Q5913" s="71">
        <f>IF(Input!$K$13=4,J5913*Input!$J$13,0)+IF(Input!$K$14=4,K5913*Input!$J$14,0)+IF(Input!$K$15=4,L5913*Input!$J$15,0)+IF(Input!$K$16=4,M5913*Input!$J$16,0)</f>
        <v>0</v>
      </c>
    </row>
    <row r="5914" spans="8:17" x14ac:dyDescent="0.25">
      <c r="H5914" s="43">
        <v>5907</v>
      </c>
      <c r="I5914" s="55">
        <f>Bühler!I5940</f>
        <v>0.14649951384731216</v>
      </c>
      <c r="J5914" s="58">
        <f>Bühler!J5940</f>
        <v>6.8867544012435387</v>
      </c>
      <c r="K5914" s="58">
        <f>Bühler!K5940</f>
        <v>0.55676867728635482</v>
      </c>
      <c r="L5914" s="58">
        <f>Bühler!L5940</f>
        <v>0.27838433864317741</v>
      </c>
      <c r="M5914" s="57">
        <f>Bühler!M5940</f>
        <v>0</v>
      </c>
      <c r="N5914" s="55">
        <f>IF(Input!$K$13=1,J5914*Input!$J$13,0)+IF(Input!$K$14=1,K5914*Input!$J$14,0)+IF(Input!$K$15=1,L5914*Input!$J$15,0)+IF(Input!$K$16=1,M5914*Input!$J$16,0)</f>
        <v>0.82641052814922455</v>
      </c>
      <c r="O5914" s="58">
        <f>IF(Input!$K$13=2,J5914*Input!$J$13,0)+IF(Input!$K$14=2,K5914*Input!$J$14,0)+IF(Input!$K$15=2,L5914*Input!$J$15,0)+IF(Input!$K$16=2,M5914*Input!$J$16,0)</f>
        <v>7.5163771433657905E-2</v>
      </c>
      <c r="P5914" s="58">
        <f>IF(Input!$K$13=3,J5914*Input!$J$13,0)+IF(Input!$K$14=3,K5914*Input!$J$14,0)+IF(Input!$K$15=3,L5914*Input!$J$15,0)+IF(Input!$K$16=3,M5914*Input!$J$16,0)</f>
        <v>0</v>
      </c>
      <c r="Q5914" s="71">
        <f>IF(Input!$K$13=4,J5914*Input!$J$13,0)+IF(Input!$K$14=4,K5914*Input!$J$14,0)+IF(Input!$K$15=4,L5914*Input!$J$15,0)+IF(Input!$K$16=4,M5914*Input!$J$16,0)</f>
        <v>0</v>
      </c>
    </row>
    <row r="5915" spans="8:17" x14ac:dyDescent="0.25">
      <c r="H5915" s="43">
        <v>5908</v>
      </c>
      <c r="I5915" s="55">
        <f>Bühler!I5941</f>
        <v>0.14649951384731216</v>
      </c>
      <c r="J5915" s="58">
        <f>Bühler!J5941</f>
        <v>6.8867544012435387</v>
      </c>
      <c r="K5915" s="58">
        <f>Bühler!K5941</f>
        <v>0.55676867728635482</v>
      </c>
      <c r="L5915" s="58">
        <f>Bühler!L5941</f>
        <v>0.27838433864317741</v>
      </c>
      <c r="M5915" s="57">
        <f>Bühler!M5941</f>
        <v>0</v>
      </c>
      <c r="N5915" s="55">
        <f>IF(Input!$K$13=1,J5915*Input!$J$13,0)+IF(Input!$K$14=1,K5915*Input!$J$14,0)+IF(Input!$K$15=1,L5915*Input!$J$15,0)+IF(Input!$K$16=1,M5915*Input!$J$16,0)</f>
        <v>0.82641052814922455</v>
      </c>
      <c r="O5915" s="58">
        <f>IF(Input!$K$13=2,J5915*Input!$J$13,0)+IF(Input!$K$14=2,K5915*Input!$J$14,0)+IF(Input!$K$15=2,L5915*Input!$J$15,0)+IF(Input!$K$16=2,M5915*Input!$J$16,0)</f>
        <v>7.5163771433657905E-2</v>
      </c>
      <c r="P5915" s="58">
        <f>IF(Input!$K$13=3,J5915*Input!$J$13,0)+IF(Input!$K$14=3,K5915*Input!$J$14,0)+IF(Input!$K$15=3,L5915*Input!$J$15,0)+IF(Input!$K$16=3,M5915*Input!$J$16,0)</f>
        <v>0</v>
      </c>
      <c r="Q5915" s="71">
        <f>IF(Input!$K$13=4,J5915*Input!$J$13,0)+IF(Input!$K$14=4,K5915*Input!$J$14,0)+IF(Input!$K$15=4,L5915*Input!$J$15,0)+IF(Input!$K$16=4,M5915*Input!$J$16,0)</f>
        <v>0</v>
      </c>
    </row>
    <row r="5916" spans="8:17" x14ac:dyDescent="0.25">
      <c r="H5916" s="43">
        <v>5909</v>
      </c>
      <c r="I5916" s="55">
        <f>Bühler!I5942</f>
        <v>0.14649951384731216</v>
      </c>
      <c r="J5916" s="58">
        <f>Bühler!J5942</f>
        <v>6.8867544012435387</v>
      </c>
      <c r="K5916" s="58">
        <f>Bühler!K5942</f>
        <v>0.55676867728635482</v>
      </c>
      <c r="L5916" s="58">
        <f>Bühler!L5942</f>
        <v>0.27838433864317741</v>
      </c>
      <c r="M5916" s="57">
        <f>Bühler!M5942</f>
        <v>0</v>
      </c>
      <c r="N5916" s="55">
        <f>IF(Input!$K$13=1,J5916*Input!$J$13,0)+IF(Input!$K$14=1,K5916*Input!$J$14,0)+IF(Input!$K$15=1,L5916*Input!$J$15,0)+IF(Input!$K$16=1,M5916*Input!$J$16,0)</f>
        <v>0.82641052814922455</v>
      </c>
      <c r="O5916" s="58">
        <f>IF(Input!$K$13=2,J5916*Input!$J$13,0)+IF(Input!$K$14=2,K5916*Input!$J$14,0)+IF(Input!$K$15=2,L5916*Input!$J$15,0)+IF(Input!$K$16=2,M5916*Input!$J$16,0)</f>
        <v>7.5163771433657905E-2</v>
      </c>
      <c r="P5916" s="58">
        <f>IF(Input!$K$13=3,J5916*Input!$J$13,0)+IF(Input!$K$14=3,K5916*Input!$J$14,0)+IF(Input!$K$15=3,L5916*Input!$J$15,0)+IF(Input!$K$16=3,M5916*Input!$J$16,0)</f>
        <v>0</v>
      </c>
      <c r="Q5916" s="71">
        <f>IF(Input!$K$13=4,J5916*Input!$J$13,0)+IF(Input!$K$14=4,K5916*Input!$J$14,0)+IF(Input!$K$15=4,L5916*Input!$J$15,0)+IF(Input!$K$16=4,M5916*Input!$J$16,0)</f>
        <v>0</v>
      </c>
    </row>
    <row r="5917" spans="8:17" x14ac:dyDescent="0.25">
      <c r="H5917" s="43">
        <v>5910</v>
      </c>
      <c r="I5917" s="55">
        <f>Bühler!I5943</f>
        <v>0.14649951384731216</v>
      </c>
      <c r="J5917" s="58">
        <f>Bühler!J5943</f>
        <v>6.8867544012435387</v>
      </c>
      <c r="K5917" s="58">
        <f>Bühler!K5943</f>
        <v>0.55676867728635482</v>
      </c>
      <c r="L5917" s="58">
        <f>Bühler!L5943</f>
        <v>0.27838433864317741</v>
      </c>
      <c r="M5917" s="57">
        <f>Bühler!M5943</f>
        <v>0</v>
      </c>
      <c r="N5917" s="55">
        <f>IF(Input!$K$13=1,J5917*Input!$J$13,0)+IF(Input!$K$14=1,K5917*Input!$J$14,0)+IF(Input!$K$15=1,L5917*Input!$J$15,0)+IF(Input!$K$16=1,M5917*Input!$J$16,0)</f>
        <v>0.82641052814922455</v>
      </c>
      <c r="O5917" s="58">
        <f>IF(Input!$K$13=2,J5917*Input!$J$13,0)+IF(Input!$K$14=2,K5917*Input!$J$14,0)+IF(Input!$K$15=2,L5917*Input!$J$15,0)+IF(Input!$K$16=2,M5917*Input!$J$16,0)</f>
        <v>7.5163771433657905E-2</v>
      </c>
      <c r="P5917" s="58">
        <f>IF(Input!$K$13=3,J5917*Input!$J$13,0)+IF(Input!$K$14=3,K5917*Input!$J$14,0)+IF(Input!$K$15=3,L5917*Input!$J$15,0)+IF(Input!$K$16=3,M5917*Input!$J$16,0)</f>
        <v>0</v>
      </c>
      <c r="Q5917" s="71">
        <f>IF(Input!$K$13=4,J5917*Input!$J$13,0)+IF(Input!$K$14=4,K5917*Input!$J$14,0)+IF(Input!$K$15=4,L5917*Input!$J$15,0)+IF(Input!$K$16=4,M5917*Input!$J$16,0)</f>
        <v>0</v>
      </c>
    </row>
    <row r="5918" spans="8:17" x14ac:dyDescent="0.25">
      <c r="H5918" s="43">
        <v>5911</v>
      </c>
      <c r="I5918" s="55">
        <f>Bühler!I5944</f>
        <v>0.14649951384731216</v>
      </c>
      <c r="J5918" s="58">
        <f>Bühler!J5944</f>
        <v>6.8867544012435387</v>
      </c>
      <c r="K5918" s="58">
        <f>Bühler!K5944</f>
        <v>0.55676867728635482</v>
      </c>
      <c r="L5918" s="58">
        <f>Bühler!L5944</f>
        <v>0.27838433864317741</v>
      </c>
      <c r="M5918" s="57">
        <f>Bühler!M5944</f>
        <v>0</v>
      </c>
      <c r="N5918" s="55">
        <f>IF(Input!$K$13=1,J5918*Input!$J$13,0)+IF(Input!$K$14=1,K5918*Input!$J$14,0)+IF(Input!$K$15=1,L5918*Input!$J$15,0)+IF(Input!$K$16=1,M5918*Input!$J$16,0)</f>
        <v>0.82641052814922455</v>
      </c>
      <c r="O5918" s="58">
        <f>IF(Input!$K$13=2,J5918*Input!$J$13,0)+IF(Input!$K$14=2,K5918*Input!$J$14,0)+IF(Input!$K$15=2,L5918*Input!$J$15,0)+IF(Input!$K$16=2,M5918*Input!$J$16,0)</f>
        <v>7.5163771433657905E-2</v>
      </c>
      <c r="P5918" s="58">
        <f>IF(Input!$K$13=3,J5918*Input!$J$13,0)+IF(Input!$K$14=3,K5918*Input!$J$14,0)+IF(Input!$K$15=3,L5918*Input!$J$15,0)+IF(Input!$K$16=3,M5918*Input!$J$16,0)</f>
        <v>0</v>
      </c>
      <c r="Q5918" s="71">
        <f>IF(Input!$K$13=4,J5918*Input!$J$13,0)+IF(Input!$K$14=4,K5918*Input!$J$14,0)+IF(Input!$K$15=4,L5918*Input!$J$15,0)+IF(Input!$K$16=4,M5918*Input!$J$16,0)</f>
        <v>0</v>
      </c>
    </row>
    <row r="5919" spans="8:17" x14ac:dyDescent="0.25">
      <c r="H5919" s="43">
        <v>5912</v>
      </c>
      <c r="I5919" s="55">
        <f>Bühler!I5945</f>
        <v>0.63727288523580772</v>
      </c>
      <c r="J5919" s="58">
        <f>Bühler!J5945</f>
        <v>29.351857451897583</v>
      </c>
      <c r="K5919" s="58">
        <f>Bühler!K5945</f>
        <v>2.3718345652398716</v>
      </c>
      <c r="L5919" s="58">
        <f>Bühler!L5945</f>
        <v>1.1859172826199358</v>
      </c>
      <c r="M5919" s="57">
        <f>Bühler!M5945</f>
        <v>0</v>
      </c>
      <c r="N5919" s="55">
        <f>IF(Input!$K$13=1,J5919*Input!$J$13,0)+IF(Input!$K$14=1,K5919*Input!$J$14,0)+IF(Input!$K$15=1,L5919*Input!$J$15,0)+IF(Input!$K$16=1,M5919*Input!$J$16,0)</f>
        <v>3.5222228942277098</v>
      </c>
      <c r="O5919" s="58">
        <f>IF(Input!$K$13=2,J5919*Input!$J$13,0)+IF(Input!$K$14=2,K5919*Input!$J$14,0)+IF(Input!$K$15=2,L5919*Input!$J$15,0)+IF(Input!$K$16=2,M5919*Input!$J$16,0)</f>
        <v>0.32019766630738267</v>
      </c>
      <c r="P5919" s="58">
        <f>IF(Input!$K$13=3,J5919*Input!$J$13,0)+IF(Input!$K$14=3,K5919*Input!$J$14,0)+IF(Input!$K$15=3,L5919*Input!$J$15,0)+IF(Input!$K$16=3,M5919*Input!$J$16,0)</f>
        <v>0</v>
      </c>
      <c r="Q5919" s="71">
        <f>IF(Input!$K$13=4,J5919*Input!$J$13,0)+IF(Input!$K$14=4,K5919*Input!$J$14,0)+IF(Input!$K$15=4,L5919*Input!$J$15,0)+IF(Input!$K$16=4,M5919*Input!$J$16,0)</f>
        <v>0</v>
      </c>
    </row>
    <row r="5920" spans="8:17" x14ac:dyDescent="0.25">
      <c r="H5920" s="43">
        <v>5913</v>
      </c>
      <c r="I5920" s="55">
        <f>Bühler!I5946</f>
        <v>0.71693199589028367</v>
      </c>
      <c r="J5920" s="58">
        <f>Bühler!J5946</f>
        <v>33.020839633384789</v>
      </c>
      <c r="K5920" s="58">
        <f>Bühler!K5946</f>
        <v>2.6683138858948556</v>
      </c>
      <c r="L5920" s="58">
        <f>Bühler!L5946</f>
        <v>1.3341569429474278</v>
      </c>
      <c r="M5920" s="57">
        <f>Bühler!M5946</f>
        <v>0</v>
      </c>
      <c r="N5920" s="55">
        <f>IF(Input!$K$13=1,J5920*Input!$J$13,0)+IF(Input!$K$14=1,K5920*Input!$J$14,0)+IF(Input!$K$15=1,L5920*Input!$J$15,0)+IF(Input!$K$16=1,M5920*Input!$J$16,0)</f>
        <v>3.9625007560061745</v>
      </c>
      <c r="O5920" s="58">
        <f>IF(Input!$K$13=2,J5920*Input!$J$13,0)+IF(Input!$K$14=2,K5920*Input!$J$14,0)+IF(Input!$K$15=2,L5920*Input!$J$15,0)+IF(Input!$K$16=2,M5920*Input!$J$16,0)</f>
        <v>0.36022237459580553</v>
      </c>
      <c r="P5920" s="58">
        <f>IF(Input!$K$13=3,J5920*Input!$J$13,0)+IF(Input!$K$14=3,K5920*Input!$J$14,0)+IF(Input!$K$15=3,L5920*Input!$J$15,0)+IF(Input!$K$16=3,M5920*Input!$J$16,0)</f>
        <v>0</v>
      </c>
      <c r="Q5920" s="71">
        <f>IF(Input!$K$13=4,J5920*Input!$J$13,0)+IF(Input!$K$14=4,K5920*Input!$J$14,0)+IF(Input!$K$15=4,L5920*Input!$J$15,0)+IF(Input!$K$16=4,M5920*Input!$J$16,0)</f>
        <v>0</v>
      </c>
    </row>
    <row r="5921" spans="8:17" x14ac:dyDescent="0.25">
      <c r="H5921" s="43">
        <v>5914</v>
      </c>
      <c r="I5921" s="55">
        <f>Bühler!I5947</f>
        <v>0.79659110654475962</v>
      </c>
      <c r="J5921" s="58">
        <f>Bühler!J5947</f>
        <v>36.689821814871983</v>
      </c>
      <c r="K5921" s="58">
        <f>Bühler!K5947</f>
        <v>2.9647932065498397</v>
      </c>
      <c r="L5921" s="58">
        <f>Bühler!L5947</f>
        <v>1.4823966032749198</v>
      </c>
      <c r="M5921" s="57">
        <f>Bühler!M5947</f>
        <v>0</v>
      </c>
      <c r="N5921" s="55">
        <f>IF(Input!$K$13=1,J5921*Input!$J$13,0)+IF(Input!$K$14=1,K5921*Input!$J$14,0)+IF(Input!$K$15=1,L5921*Input!$J$15,0)+IF(Input!$K$16=1,M5921*Input!$J$16,0)</f>
        <v>4.4027786177846382</v>
      </c>
      <c r="O5921" s="58">
        <f>IF(Input!$K$13=2,J5921*Input!$J$13,0)+IF(Input!$K$14=2,K5921*Input!$J$14,0)+IF(Input!$K$15=2,L5921*Input!$J$15,0)+IF(Input!$K$16=2,M5921*Input!$J$16,0)</f>
        <v>0.40024708288422833</v>
      </c>
      <c r="P5921" s="58">
        <f>IF(Input!$K$13=3,J5921*Input!$J$13,0)+IF(Input!$K$14=3,K5921*Input!$J$14,0)+IF(Input!$K$15=3,L5921*Input!$J$15,0)+IF(Input!$K$16=3,M5921*Input!$J$16,0)</f>
        <v>0</v>
      </c>
      <c r="Q5921" s="71">
        <f>IF(Input!$K$13=4,J5921*Input!$J$13,0)+IF(Input!$K$14=4,K5921*Input!$J$14,0)+IF(Input!$K$15=4,L5921*Input!$J$15,0)+IF(Input!$K$16=4,M5921*Input!$J$16,0)</f>
        <v>0</v>
      </c>
    </row>
    <row r="5922" spans="8:17" x14ac:dyDescent="0.25">
      <c r="H5922" s="43">
        <v>5915</v>
      </c>
      <c r="I5922" s="55">
        <f>Bühler!I5948</f>
        <v>0.79659110654475962</v>
      </c>
      <c r="J5922" s="58">
        <f>Bühler!J5948</f>
        <v>36.689821814871983</v>
      </c>
      <c r="K5922" s="58">
        <f>Bühler!K5948</f>
        <v>2.9647932065498397</v>
      </c>
      <c r="L5922" s="58">
        <f>Bühler!L5948</f>
        <v>1.4823966032749198</v>
      </c>
      <c r="M5922" s="57">
        <f>Bühler!M5948</f>
        <v>0</v>
      </c>
      <c r="N5922" s="55">
        <f>IF(Input!$K$13=1,J5922*Input!$J$13,0)+IF(Input!$K$14=1,K5922*Input!$J$14,0)+IF(Input!$K$15=1,L5922*Input!$J$15,0)+IF(Input!$K$16=1,M5922*Input!$J$16,0)</f>
        <v>4.4027786177846382</v>
      </c>
      <c r="O5922" s="58">
        <f>IF(Input!$K$13=2,J5922*Input!$J$13,0)+IF(Input!$K$14=2,K5922*Input!$J$14,0)+IF(Input!$K$15=2,L5922*Input!$J$15,0)+IF(Input!$K$16=2,M5922*Input!$J$16,0)</f>
        <v>0.40024708288422833</v>
      </c>
      <c r="P5922" s="58">
        <f>IF(Input!$K$13=3,J5922*Input!$J$13,0)+IF(Input!$K$14=3,K5922*Input!$J$14,0)+IF(Input!$K$15=3,L5922*Input!$J$15,0)+IF(Input!$K$16=3,M5922*Input!$J$16,0)</f>
        <v>0</v>
      </c>
      <c r="Q5922" s="71">
        <f>IF(Input!$K$13=4,J5922*Input!$J$13,0)+IF(Input!$K$14=4,K5922*Input!$J$14,0)+IF(Input!$K$15=4,L5922*Input!$J$15,0)+IF(Input!$K$16=4,M5922*Input!$J$16,0)</f>
        <v>0</v>
      </c>
    </row>
    <row r="5923" spans="8:17" x14ac:dyDescent="0.25">
      <c r="H5923" s="43">
        <v>5916</v>
      </c>
      <c r="I5923" s="55">
        <f>Bühler!I5949</f>
        <v>0.95590932785371141</v>
      </c>
      <c r="J5923" s="58">
        <f>Bühler!J5949</f>
        <v>44.027786177846373</v>
      </c>
      <c r="K5923" s="58">
        <f>Bühler!K5949</f>
        <v>3.5577518478598074</v>
      </c>
      <c r="L5923" s="58">
        <f>Bühler!L5949</f>
        <v>1.7788759239299037</v>
      </c>
      <c r="M5923" s="57">
        <f>Bühler!M5949</f>
        <v>0</v>
      </c>
      <c r="N5923" s="55">
        <f>IF(Input!$K$13=1,J5923*Input!$J$13,0)+IF(Input!$K$14=1,K5923*Input!$J$14,0)+IF(Input!$K$15=1,L5923*Input!$J$15,0)+IF(Input!$K$16=1,M5923*Input!$J$16,0)</f>
        <v>5.2833343413415648</v>
      </c>
      <c r="O5923" s="58">
        <f>IF(Input!$K$13=2,J5923*Input!$J$13,0)+IF(Input!$K$14=2,K5923*Input!$J$14,0)+IF(Input!$K$15=2,L5923*Input!$J$15,0)+IF(Input!$K$16=2,M5923*Input!$J$16,0)</f>
        <v>0.48029649946107394</v>
      </c>
      <c r="P5923" s="58">
        <f>IF(Input!$K$13=3,J5923*Input!$J$13,0)+IF(Input!$K$14=3,K5923*Input!$J$14,0)+IF(Input!$K$15=3,L5923*Input!$J$15,0)+IF(Input!$K$16=3,M5923*Input!$J$16,0)</f>
        <v>0</v>
      </c>
      <c r="Q5923" s="71">
        <f>IF(Input!$K$13=4,J5923*Input!$J$13,0)+IF(Input!$K$14=4,K5923*Input!$J$14,0)+IF(Input!$K$15=4,L5923*Input!$J$15,0)+IF(Input!$K$16=4,M5923*Input!$J$16,0)</f>
        <v>0</v>
      </c>
    </row>
    <row r="5924" spans="8:17" x14ac:dyDescent="0.25">
      <c r="H5924" s="43">
        <v>5917</v>
      </c>
      <c r="I5924" s="55">
        <f>Bühler!I5950</f>
        <v>0.95590932785371141</v>
      </c>
      <c r="J5924" s="58">
        <f>Bühler!J5950</f>
        <v>44.027786177846373</v>
      </c>
      <c r="K5924" s="58">
        <f>Bühler!K5950</f>
        <v>3.5577518478598074</v>
      </c>
      <c r="L5924" s="58">
        <f>Bühler!L5950</f>
        <v>1.7788759239299037</v>
      </c>
      <c r="M5924" s="57">
        <f>Bühler!M5950</f>
        <v>0</v>
      </c>
      <c r="N5924" s="55">
        <f>IF(Input!$K$13=1,J5924*Input!$J$13,0)+IF(Input!$K$14=1,K5924*Input!$J$14,0)+IF(Input!$K$15=1,L5924*Input!$J$15,0)+IF(Input!$K$16=1,M5924*Input!$J$16,0)</f>
        <v>5.2833343413415648</v>
      </c>
      <c r="O5924" s="58">
        <f>IF(Input!$K$13=2,J5924*Input!$J$13,0)+IF(Input!$K$14=2,K5924*Input!$J$14,0)+IF(Input!$K$15=2,L5924*Input!$J$15,0)+IF(Input!$K$16=2,M5924*Input!$J$16,0)</f>
        <v>0.48029649946107394</v>
      </c>
      <c r="P5924" s="58">
        <f>IF(Input!$K$13=3,J5924*Input!$J$13,0)+IF(Input!$K$14=3,K5924*Input!$J$14,0)+IF(Input!$K$15=3,L5924*Input!$J$15,0)+IF(Input!$K$16=3,M5924*Input!$J$16,0)</f>
        <v>0</v>
      </c>
      <c r="Q5924" s="71">
        <f>IF(Input!$K$13=4,J5924*Input!$J$13,0)+IF(Input!$K$14=4,K5924*Input!$J$14,0)+IF(Input!$K$15=4,L5924*Input!$J$15,0)+IF(Input!$K$16=4,M5924*Input!$J$16,0)</f>
        <v>0</v>
      </c>
    </row>
    <row r="5925" spans="8:17" x14ac:dyDescent="0.25">
      <c r="H5925" s="43">
        <v>5918</v>
      </c>
      <c r="I5925" s="55">
        <f>Bühler!I5951</f>
        <v>0.63727288523580772</v>
      </c>
      <c r="J5925" s="58">
        <f>Bühler!J5951</f>
        <v>29.351857451897583</v>
      </c>
      <c r="K5925" s="58">
        <f>Bühler!K5951</f>
        <v>2.3718345652398716</v>
      </c>
      <c r="L5925" s="58">
        <f>Bühler!L5951</f>
        <v>1.1859172826199358</v>
      </c>
      <c r="M5925" s="57">
        <f>Bühler!M5951</f>
        <v>0</v>
      </c>
      <c r="N5925" s="55">
        <f>IF(Input!$K$13=1,J5925*Input!$J$13,0)+IF(Input!$K$14=1,K5925*Input!$J$14,0)+IF(Input!$K$15=1,L5925*Input!$J$15,0)+IF(Input!$K$16=1,M5925*Input!$J$16,0)</f>
        <v>3.5222228942277098</v>
      </c>
      <c r="O5925" s="58">
        <f>IF(Input!$K$13=2,J5925*Input!$J$13,0)+IF(Input!$K$14=2,K5925*Input!$J$14,0)+IF(Input!$K$15=2,L5925*Input!$J$15,0)+IF(Input!$K$16=2,M5925*Input!$J$16,0)</f>
        <v>0.32019766630738267</v>
      </c>
      <c r="P5925" s="58">
        <f>IF(Input!$K$13=3,J5925*Input!$J$13,0)+IF(Input!$K$14=3,K5925*Input!$J$14,0)+IF(Input!$K$15=3,L5925*Input!$J$15,0)+IF(Input!$K$16=3,M5925*Input!$J$16,0)</f>
        <v>0</v>
      </c>
      <c r="Q5925" s="71">
        <f>IF(Input!$K$13=4,J5925*Input!$J$13,0)+IF(Input!$K$14=4,K5925*Input!$J$14,0)+IF(Input!$K$15=4,L5925*Input!$J$15,0)+IF(Input!$K$16=4,M5925*Input!$J$16,0)</f>
        <v>0</v>
      </c>
    </row>
    <row r="5926" spans="8:17" x14ac:dyDescent="0.25">
      <c r="H5926" s="43">
        <v>5919</v>
      </c>
      <c r="I5926" s="55">
        <f>Bühler!I5952</f>
        <v>0.95590932785371141</v>
      </c>
      <c r="J5926" s="58">
        <f>Bühler!J5952</f>
        <v>44.027786177846373</v>
      </c>
      <c r="K5926" s="58">
        <f>Bühler!K5952</f>
        <v>3.5577518478598074</v>
      </c>
      <c r="L5926" s="58">
        <f>Bühler!L5952</f>
        <v>1.7788759239299037</v>
      </c>
      <c r="M5926" s="57">
        <f>Bühler!M5952</f>
        <v>0</v>
      </c>
      <c r="N5926" s="55">
        <f>IF(Input!$K$13=1,J5926*Input!$J$13,0)+IF(Input!$K$14=1,K5926*Input!$J$14,0)+IF(Input!$K$15=1,L5926*Input!$J$15,0)+IF(Input!$K$16=1,M5926*Input!$J$16,0)</f>
        <v>5.2833343413415648</v>
      </c>
      <c r="O5926" s="58">
        <f>IF(Input!$K$13=2,J5926*Input!$J$13,0)+IF(Input!$K$14=2,K5926*Input!$J$14,0)+IF(Input!$K$15=2,L5926*Input!$J$15,0)+IF(Input!$K$16=2,M5926*Input!$J$16,0)</f>
        <v>0.48029649946107394</v>
      </c>
      <c r="P5926" s="58">
        <f>IF(Input!$K$13=3,J5926*Input!$J$13,0)+IF(Input!$K$14=3,K5926*Input!$J$14,0)+IF(Input!$K$15=3,L5926*Input!$J$15,0)+IF(Input!$K$16=3,M5926*Input!$J$16,0)</f>
        <v>0</v>
      </c>
      <c r="Q5926" s="71">
        <f>IF(Input!$K$13=4,J5926*Input!$J$13,0)+IF(Input!$K$14=4,K5926*Input!$J$14,0)+IF(Input!$K$15=4,L5926*Input!$J$15,0)+IF(Input!$K$16=4,M5926*Input!$J$16,0)</f>
        <v>0</v>
      </c>
    </row>
    <row r="5927" spans="8:17" x14ac:dyDescent="0.25">
      <c r="H5927" s="43">
        <v>5920</v>
      </c>
      <c r="I5927" s="55">
        <f>Bühler!I5953</f>
        <v>0.95590932785371141</v>
      </c>
      <c r="J5927" s="58">
        <f>Bühler!J5953</f>
        <v>44.027786177846373</v>
      </c>
      <c r="K5927" s="58">
        <f>Bühler!K5953</f>
        <v>3.5577518478598074</v>
      </c>
      <c r="L5927" s="58">
        <f>Bühler!L5953</f>
        <v>1.7788759239299037</v>
      </c>
      <c r="M5927" s="57">
        <f>Bühler!M5953</f>
        <v>0</v>
      </c>
      <c r="N5927" s="55">
        <f>IF(Input!$K$13=1,J5927*Input!$J$13,0)+IF(Input!$K$14=1,K5927*Input!$J$14,0)+IF(Input!$K$15=1,L5927*Input!$J$15,0)+IF(Input!$K$16=1,M5927*Input!$J$16,0)</f>
        <v>5.2833343413415648</v>
      </c>
      <c r="O5927" s="58">
        <f>IF(Input!$K$13=2,J5927*Input!$J$13,0)+IF(Input!$K$14=2,K5927*Input!$J$14,0)+IF(Input!$K$15=2,L5927*Input!$J$15,0)+IF(Input!$K$16=2,M5927*Input!$J$16,0)</f>
        <v>0.48029649946107394</v>
      </c>
      <c r="P5927" s="58">
        <f>IF(Input!$K$13=3,J5927*Input!$J$13,0)+IF(Input!$K$14=3,K5927*Input!$J$14,0)+IF(Input!$K$15=3,L5927*Input!$J$15,0)+IF(Input!$K$16=3,M5927*Input!$J$16,0)</f>
        <v>0</v>
      </c>
      <c r="Q5927" s="71">
        <f>IF(Input!$K$13=4,J5927*Input!$J$13,0)+IF(Input!$K$14=4,K5927*Input!$J$14,0)+IF(Input!$K$15=4,L5927*Input!$J$15,0)+IF(Input!$K$16=4,M5927*Input!$J$16,0)</f>
        <v>0</v>
      </c>
    </row>
    <row r="5928" spans="8:17" x14ac:dyDescent="0.25">
      <c r="H5928" s="43">
        <v>5921</v>
      </c>
      <c r="I5928" s="55">
        <f>Bühler!I5954</f>
        <v>0.79659110654475962</v>
      </c>
      <c r="J5928" s="58">
        <f>Bühler!J5954</f>
        <v>25.941767380037433</v>
      </c>
      <c r="K5928" s="58">
        <f>Bühler!K5954</f>
        <v>2.0753552445848875</v>
      </c>
      <c r="L5928" s="58">
        <f>Bühler!L5954</f>
        <v>1.0376776222924438</v>
      </c>
      <c r="M5928" s="57">
        <f>Bühler!M5954</f>
        <v>0</v>
      </c>
      <c r="N5928" s="55">
        <f>IF(Input!$K$13=1,J5928*Input!$J$13,0)+IF(Input!$K$14=1,K5928*Input!$J$14,0)+IF(Input!$K$15=1,L5928*Input!$J$15,0)+IF(Input!$K$16=1,M5928*Input!$J$16,0)</f>
        <v>3.1130120856044918</v>
      </c>
      <c r="O5928" s="58">
        <f>IF(Input!$K$13=2,J5928*Input!$J$13,0)+IF(Input!$K$14=2,K5928*Input!$J$14,0)+IF(Input!$K$15=2,L5928*Input!$J$15,0)+IF(Input!$K$16=2,M5928*Input!$J$16,0)</f>
        <v>0.28017295801895981</v>
      </c>
      <c r="P5928" s="58">
        <f>IF(Input!$K$13=3,J5928*Input!$J$13,0)+IF(Input!$K$14=3,K5928*Input!$J$14,0)+IF(Input!$K$15=3,L5928*Input!$J$15,0)+IF(Input!$K$16=3,M5928*Input!$J$16,0)</f>
        <v>0</v>
      </c>
      <c r="Q5928" s="71">
        <f>IF(Input!$K$13=4,J5928*Input!$J$13,0)+IF(Input!$K$14=4,K5928*Input!$J$14,0)+IF(Input!$K$15=4,L5928*Input!$J$15,0)+IF(Input!$K$16=4,M5928*Input!$J$16,0)</f>
        <v>0</v>
      </c>
    </row>
    <row r="5929" spans="8:17" x14ac:dyDescent="0.25">
      <c r="H5929" s="43">
        <v>5922</v>
      </c>
      <c r="I5929" s="55">
        <f>Bühler!I5955</f>
        <v>0.64093537308199056</v>
      </c>
      <c r="J5929" s="58">
        <f>Bühler!J5955</f>
        <v>7.8597162773951874</v>
      </c>
      <c r="K5929" s="58">
        <f>Bühler!K5955</f>
        <v>0.59295864130996789</v>
      </c>
      <c r="L5929" s="58">
        <f>Bühler!L5955</f>
        <v>0.29647932065498395</v>
      </c>
      <c r="M5929" s="57">
        <f>Bühler!M5955</f>
        <v>0</v>
      </c>
      <c r="N5929" s="55">
        <f>IF(Input!$K$13=1,J5929*Input!$J$13,0)+IF(Input!$K$14=1,K5929*Input!$J$14,0)+IF(Input!$K$15=1,L5929*Input!$J$15,0)+IF(Input!$K$16=1,M5929*Input!$J$16,0)</f>
        <v>0.94316595328742248</v>
      </c>
      <c r="O5929" s="58">
        <f>IF(Input!$K$13=2,J5929*Input!$J$13,0)+IF(Input!$K$14=2,K5929*Input!$J$14,0)+IF(Input!$K$15=2,L5929*Input!$J$15,0)+IF(Input!$K$16=2,M5929*Input!$J$16,0)</f>
        <v>8.0049416576845667E-2</v>
      </c>
      <c r="P5929" s="58">
        <f>IF(Input!$K$13=3,J5929*Input!$J$13,0)+IF(Input!$K$14=3,K5929*Input!$J$14,0)+IF(Input!$K$15=3,L5929*Input!$J$15,0)+IF(Input!$K$16=3,M5929*Input!$J$16,0)</f>
        <v>0</v>
      </c>
      <c r="Q5929" s="71">
        <f>IF(Input!$K$13=4,J5929*Input!$J$13,0)+IF(Input!$K$14=4,K5929*Input!$J$14,0)+IF(Input!$K$15=4,L5929*Input!$J$15,0)+IF(Input!$K$16=4,M5929*Input!$J$16,0)</f>
        <v>0</v>
      </c>
    </row>
    <row r="5930" spans="8:17" x14ac:dyDescent="0.25">
      <c r="H5930" s="43">
        <v>5923</v>
      </c>
      <c r="I5930" s="55">
        <f>Bühler!I5956</f>
        <v>0.22890549038642519</v>
      </c>
      <c r="J5930" s="58">
        <f>Bühler!J5956</f>
        <v>7.3124298722230243</v>
      </c>
      <c r="K5930" s="58">
        <f>Bühler!K5956</f>
        <v>0.58460711115067254</v>
      </c>
      <c r="L5930" s="58">
        <f>Bühler!L5956</f>
        <v>0.29230355557533627</v>
      </c>
      <c r="M5930" s="57">
        <f>Bühler!M5956</f>
        <v>0</v>
      </c>
      <c r="N5930" s="55">
        <f>IF(Input!$K$13=1,J5930*Input!$J$13,0)+IF(Input!$K$14=1,K5930*Input!$J$14,0)+IF(Input!$K$15=1,L5930*Input!$J$15,0)+IF(Input!$K$16=1,M5930*Input!$J$16,0)</f>
        <v>0.87749158466676291</v>
      </c>
      <c r="O5930" s="58">
        <f>IF(Input!$K$13=2,J5930*Input!$J$13,0)+IF(Input!$K$14=2,K5930*Input!$J$14,0)+IF(Input!$K$15=2,L5930*Input!$J$15,0)+IF(Input!$K$16=2,M5930*Input!$J$16,0)</f>
        <v>7.8921960005340797E-2</v>
      </c>
      <c r="P5930" s="58">
        <f>IF(Input!$K$13=3,J5930*Input!$J$13,0)+IF(Input!$K$14=3,K5930*Input!$J$14,0)+IF(Input!$K$15=3,L5930*Input!$J$15,0)+IF(Input!$K$16=3,M5930*Input!$J$16,0)</f>
        <v>0</v>
      </c>
      <c r="Q5930" s="71">
        <f>IF(Input!$K$13=4,J5930*Input!$J$13,0)+IF(Input!$K$14=4,K5930*Input!$J$14,0)+IF(Input!$K$15=4,L5930*Input!$J$15,0)+IF(Input!$K$16=4,M5930*Input!$J$16,0)</f>
        <v>0</v>
      </c>
    </row>
    <row r="5931" spans="8:17" x14ac:dyDescent="0.25">
      <c r="H5931" s="43">
        <v>5924</v>
      </c>
      <c r="I5931" s="55">
        <f>Bühler!I5957</f>
        <v>0.22890549038642519</v>
      </c>
      <c r="J5931" s="58">
        <f>Bühler!J5957</f>
        <v>7.3124298722230243</v>
      </c>
      <c r="K5931" s="58">
        <f>Bühler!K5957</f>
        <v>0.58460711115067254</v>
      </c>
      <c r="L5931" s="58">
        <f>Bühler!L5957</f>
        <v>0.29230355557533627</v>
      </c>
      <c r="M5931" s="57">
        <f>Bühler!M5957</f>
        <v>0</v>
      </c>
      <c r="N5931" s="55">
        <f>IF(Input!$K$13=1,J5931*Input!$J$13,0)+IF(Input!$K$14=1,K5931*Input!$J$14,0)+IF(Input!$K$15=1,L5931*Input!$J$15,0)+IF(Input!$K$16=1,M5931*Input!$J$16,0)</f>
        <v>0.87749158466676291</v>
      </c>
      <c r="O5931" s="58">
        <f>IF(Input!$K$13=2,J5931*Input!$J$13,0)+IF(Input!$K$14=2,K5931*Input!$J$14,0)+IF(Input!$K$15=2,L5931*Input!$J$15,0)+IF(Input!$K$16=2,M5931*Input!$J$16,0)</f>
        <v>7.8921960005340797E-2</v>
      </c>
      <c r="P5931" s="58">
        <f>IF(Input!$K$13=3,J5931*Input!$J$13,0)+IF(Input!$K$14=3,K5931*Input!$J$14,0)+IF(Input!$K$15=3,L5931*Input!$J$15,0)+IF(Input!$K$16=3,M5931*Input!$J$16,0)</f>
        <v>0</v>
      </c>
      <c r="Q5931" s="71">
        <f>IF(Input!$K$13=4,J5931*Input!$J$13,0)+IF(Input!$K$14=4,K5931*Input!$J$14,0)+IF(Input!$K$15=4,L5931*Input!$J$15,0)+IF(Input!$K$16=4,M5931*Input!$J$16,0)</f>
        <v>0</v>
      </c>
    </row>
    <row r="5932" spans="8:17" x14ac:dyDescent="0.25">
      <c r="H5932" s="43">
        <v>5925</v>
      </c>
      <c r="I5932" s="55">
        <f>Bühler!I5958</f>
        <v>0.22890549038642519</v>
      </c>
      <c r="J5932" s="58">
        <f>Bühler!J5958</f>
        <v>7.3124298722230243</v>
      </c>
      <c r="K5932" s="58">
        <f>Bühler!K5958</f>
        <v>0.58460711115067254</v>
      </c>
      <c r="L5932" s="58">
        <f>Bühler!L5958</f>
        <v>0.29230355557533627</v>
      </c>
      <c r="M5932" s="57">
        <f>Bühler!M5958</f>
        <v>0</v>
      </c>
      <c r="N5932" s="55">
        <f>IF(Input!$K$13=1,J5932*Input!$J$13,0)+IF(Input!$K$14=1,K5932*Input!$J$14,0)+IF(Input!$K$15=1,L5932*Input!$J$15,0)+IF(Input!$K$16=1,M5932*Input!$J$16,0)</f>
        <v>0.87749158466676291</v>
      </c>
      <c r="O5932" s="58">
        <f>IF(Input!$K$13=2,J5932*Input!$J$13,0)+IF(Input!$K$14=2,K5932*Input!$J$14,0)+IF(Input!$K$15=2,L5932*Input!$J$15,0)+IF(Input!$K$16=2,M5932*Input!$J$16,0)</f>
        <v>7.8921960005340797E-2</v>
      </c>
      <c r="P5932" s="58">
        <f>IF(Input!$K$13=3,J5932*Input!$J$13,0)+IF(Input!$K$14=3,K5932*Input!$J$14,0)+IF(Input!$K$15=3,L5932*Input!$J$15,0)+IF(Input!$K$16=3,M5932*Input!$J$16,0)</f>
        <v>0</v>
      </c>
      <c r="Q5932" s="71">
        <f>IF(Input!$K$13=4,J5932*Input!$J$13,0)+IF(Input!$K$14=4,K5932*Input!$J$14,0)+IF(Input!$K$15=4,L5932*Input!$J$15,0)+IF(Input!$K$16=4,M5932*Input!$J$16,0)</f>
        <v>0</v>
      </c>
    </row>
    <row r="5933" spans="8:17" x14ac:dyDescent="0.25">
      <c r="H5933" s="43">
        <v>5926</v>
      </c>
      <c r="I5933" s="55">
        <f>Bühler!I5959</f>
        <v>0.22890549038642519</v>
      </c>
      <c r="J5933" s="58">
        <f>Bühler!J5959</f>
        <v>7.3124298722230243</v>
      </c>
      <c r="K5933" s="58">
        <f>Bühler!K5959</f>
        <v>0.58460711115067254</v>
      </c>
      <c r="L5933" s="58">
        <f>Bühler!L5959</f>
        <v>0.29230355557533627</v>
      </c>
      <c r="M5933" s="57">
        <f>Bühler!M5959</f>
        <v>0</v>
      </c>
      <c r="N5933" s="55">
        <f>IF(Input!$K$13=1,J5933*Input!$J$13,0)+IF(Input!$K$14=1,K5933*Input!$J$14,0)+IF(Input!$K$15=1,L5933*Input!$J$15,0)+IF(Input!$K$16=1,M5933*Input!$J$16,0)</f>
        <v>0.87749158466676291</v>
      </c>
      <c r="O5933" s="58">
        <f>IF(Input!$K$13=2,J5933*Input!$J$13,0)+IF(Input!$K$14=2,K5933*Input!$J$14,0)+IF(Input!$K$15=2,L5933*Input!$J$15,0)+IF(Input!$K$16=2,M5933*Input!$J$16,0)</f>
        <v>7.8921960005340797E-2</v>
      </c>
      <c r="P5933" s="58">
        <f>IF(Input!$K$13=3,J5933*Input!$J$13,0)+IF(Input!$K$14=3,K5933*Input!$J$14,0)+IF(Input!$K$15=3,L5933*Input!$J$15,0)+IF(Input!$K$16=3,M5933*Input!$J$16,0)</f>
        <v>0</v>
      </c>
      <c r="Q5933" s="71">
        <f>IF(Input!$K$13=4,J5933*Input!$J$13,0)+IF(Input!$K$14=4,K5933*Input!$J$14,0)+IF(Input!$K$15=4,L5933*Input!$J$15,0)+IF(Input!$K$16=4,M5933*Input!$J$16,0)</f>
        <v>0</v>
      </c>
    </row>
    <row r="5934" spans="8:17" x14ac:dyDescent="0.25">
      <c r="H5934" s="43">
        <v>5927</v>
      </c>
      <c r="I5934" s="55">
        <f>Bühler!I5960</f>
        <v>0.22890549038642519</v>
      </c>
      <c r="J5934" s="58">
        <f>Bühler!J5960</f>
        <v>7.3124298722230243</v>
      </c>
      <c r="K5934" s="58">
        <f>Bühler!K5960</f>
        <v>0.58460711115067254</v>
      </c>
      <c r="L5934" s="58">
        <f>Bühler!L5960</f>
        <v>0.29230355557533627</v>
      </c>
      <c r="M5934" s="57">
        <f>Bühler!M5960</f>
        <v>0</v>
      </c>
      <c r="N5934" s="55">
        <f>IF(Input!$K$13=1,J5934*Input!$J$13,0)+IF(Input!$K$14=1,K5934*Input!$J$14,0)+IF(Input!$K$15=1,L5934*Input!$J$15,0)+IF(Input!$K$16=1,M5934*Input!$J$16,0)</f>
        <v>0.87749158466676291</v>
      </c>
      <c r="O5934" s="58">
        <f>IF(Input!$K$13=2,J5934*Input!$J$13,0)+IF(Input!$K$14=2,K5934*Input!$J$14,0)+IF(Input!$K$15=2,L5934*Input!$J$15,0)+IF(Input!$K$16=2,M5934*Input!$J$16,0)</f>
        <v>7.8921960005340797E-2</v>
      </c>
      <c r="P5934" s="58">
        <f>IF(Input!$K$13=3,J5934*Input!$J$13,0)+IF(Input!$K$14=3,K5934*Input!$J$14,0)+IF(Input!$K$15=3,L5934*Input!$J$15,0)+IF(Input!$K$16=3,M5934*Input!$J$16,0)</f>
        <v>0</v>
      </c>
      <c r="Q5934" s="71">
        <f>IF(Input!$K$13=4,J5934*Input!$J$13,0)+IF(Input!$K$14=4,K5934*Input!$J$14,0)+IF(Input!$K$15=4,L5934*Input!$J$15,0)+IF(Input!$K$16=4,M5934*Input!$J$16,0)</f>
        <v>0</v>
      </c>
    </row>
    <row r="5935" spans="8:17" x14ac:dyDescent="0.25">
      <c r="H5935" s="43">
        <v>5928</v>
      </c>
      <c r="I5935" s="55">
        <f>Bühler!I5961</f>
        <v>0.22890549038642519</v>
      </c>
      <c r="J5935" s="58">
        <f>Bühler!J5961</f>
        <v>7.3124298722230243</v>
      </c>
      <c r="K5935" s="58">
        <f>Bühler!K5961</f>
        <v>0.58460711115067254</v>
      </c>
      <c r="L5935" s="58">
        <f>Bühler!L5961</f>
        <v>0.29230355557533627</v>
      </c>
      <c r="M5935" s="57">
        <f>Bühler!M5961</f>
        <v>0</v>
      </c>
      <c r="N5935" s="55">
        <f>IF(Input!$K$13=1,J5935*Input!$J$13,0)+IF(Input!$K$14=1,K5935*Input!$J$14,0)+IF(Input!$K$15=1,L5935*Input!$J$15,0)+IF(Input!$K$16=1,M5935*Input!$J$16,0)</f>
        <v>0.87749158466676291</v>
      </c>
      <c r="O5935" s="58">
        <f>IF(Input!$K$13=2,J5935*Input!$J$13,0)+IF(Input!$K$14=2,K5935*Input!$J$14,0)+IF(Input!$K$15=2,L5935*Input!$J$15,0)+IF(Input!$K$16=2,M5935*Input!$J$16,0)</f>
        <v>7.8921960005340797E-2</v>
      </c>
      <c r="P5935" s="58">
        <f>IF(Input!$K$13=3,J5935*Input!$J$13,0)+IF(Input!$K$14=3,K5935*Input!$J$14,0)+IF(Input!$K$15=3,L5935*Input!$J$15,0)+IF(Input!$K$16=3,M5935*Input!$J$16,0)</f>
        <v>0</v>
      </c>
      <c r="Q5935" s="71">
        <f>IF(Input!$K$13=4,J5935*Input!$J$13,0)+IF(Input!$K$14=4,K5935*Input!$J$14,0)+IF(Input!$K$15=4,L5935*Input!$J$15,0)+IF(Input!$K$16=4,M5935*Input!$J$16,0)</f>
        <v>0</v>
      </c>
    </row>
    <row r="5936" spans="8:17" x14ac:dyDescent="0.25">
      <c r="H5936" s="43">
        <v>5929</v>
      </c>
      <c r="I5936" s="55">
        <f>Bühler!I5962</f>
        <v>0.18956189935674211</v>
      </c>
      <c r="J5936" s="58">
        <f>Bühler!J5962</f>
        <v>4.6685020749624035</v>
      </c>
      <c r="K5936" s="58">
        <f>Bühler!K5962</f>
        <v>0.37092407026099761</v>
      </c>
      <c r="L5936" s="58">
        <f>Bühler!L5962</f>
        <v>0.1854620351304988</v>
      </c>
      <c r="M5936" s="57">
        <f>Bühler!M5962</f>
        <v>0</v>
      </c>
      <c r="N5936" s="55">
        <f>IF(Input!$K$13=1,J5936*Input!$J$13,0)+IF(Input!$K$14=1,K5936*Input!$J$14,0)+IF(Input!$K$15=1,L5936*Input!$J$15,0)+IF(Input!$K$16=1,M5936*Input!$J$16,0)</f>
        <v>0.56022024899548839</v>
      </c>
      <c r="O5936" s="58">
        <f>IF(Input!$K$13=2,J5936*Input!$J$13,0)+IF(Input!$K$14=2,K5936*Input!$J$14,0)+IF(Input!$K$15=2,L5936*Input!$J$15,0)+IF(Input!$K$16=2,M5936*Input!$J$16,0)</f>
        <v>5.0074749485234674E-2</v>
      </c>
      <c r="P5936" s="58">
        <f>IF(Input!$K$13=3,J5936*Input!$J$13,0)+IF(Input!$K$14=3,K5936*Input!$J$14,0)+IF(Input!$K$15=3,L5936*Input!$J$15,0)+IF(Input!$K$16=3,M5936*Input!$J$16,0)</f>
        <v>0</v>
      </c>
      <c r="Q5936" s="71">
        <f>IF(Input!$K$13=4,J5936*Input!$J$13,0)+IF(Input!$K$14=4,K5936*Input!$J$14,0)+IF(Input!$K$15=4,L5936*Input!$J$15,0)+IF(Input!$K$16=4,M5936*Input!$J$16,0)</f>
        <v>0</v>
      </c>
    </row>
    <row r="5937" spans="8:17" x14ac:dyDescent="0.25">
      <c r="H5937" s="43">
        <v>5930</v>
      </c>
      <c r="I5937" s="55">
        <f>Bühler!I5963</f>
        <v>0.18956189935674211</v>
      </c>
      <c r="J5937" s="58">
        <f>Bühler!J5963</f>
        <v>7.0063390681648761</v>
      </c>
      <c r="K5937" s="58">
        <f>Bühler!K5963</f>
        <v>0.56521763087390109</v>
      </c>
      <c r="L5937" s="58">
        <f>Bühler!L5963</f>
        <v>0.28260881543695054</v>
      </c>
      <c r="M5937" s="57">
        <f>Bühler!M5963</f>
        <v>0</v>
      </c>
      <c r="N5937" s="55">
        <f>IF(Input!$K$13=1,J5937*Input!$J$13,0)+IF(Input!$K$14=1,K5937*Input!$J$14,0)+IF(Input!$K$15=1,L5937*Input!$J$15,0)+IF(Input!$K$16=1,M5937*Input!$J$16,0)</f>
        <v>0.84076068817978511</v>
      </c>
      <c r="O5937" s="58">
        <f>IF(Input!$K$13=2,J5937*Input!$J$13,0)+IF(Input!$K$14=2,K5937*Input!$J$14,0)+IF(Input!$K$15=2,L5937*Input!$J$15,0)+IF(Input!$K$16=2,M5937*Input!$J$16,0)</f>
        <v>7.6304380167976638E-2</v>
      </c>
      <c r="P5937" s="58">
        <f>IF(Input!$K$13=3,J5937*Input!$J$13,0)+IF(Input!$K$14=3,K5937*Input!$J$14,0)+IF(Input!$K$15=3,L5937*Input!$J$15,0)+IF(Input!$K$16=3,M5937*Input!$J$16,0)</f>
        <v>0</v>
      </c>
      <c r="Q5937" s="71">
        <f>IF(Input!$K$13=4,J5937*Input!$J$13,0)+IF(Input!$K$14=4,K5937*Input!$J$14,0)+IF(Input!$K$15=4,L5937*Input!$J$15,0)+IF(Input!$K$16=4,M5937*Input!$J$16,0)</f>
        <v>0</v>
      </c>
    </row>
    <row r="5938" spans="8:17" x14ac:dyDescent="0.25">
      <c r="H5938" s="43">
        <v>5931</v>
      </c>
      <c r="I5938" s="55">
        <f>Bühler!I5964</f>
        <v>0.18956189935674211</v>
      </c>
      <c r="J5938" s="58">
        <f>Bühler!J5964</f>
        <v>7.0063390681648761</v>
      </c>
      <c r="K5938" s="58">
        <f>Bühler!K5964</f>
        <v>0.56521763087390109</v>
      </c>
      <c r="L5938" s="58">
        <f>Bühler!L5964</f>
        <v>0.28260881543695054</v>
      </c>
      <c r="M5938" s="57">
        <f>Bühler!M5964</f>
        <v>0</v>
      </c>
      <c r="N5938" s="55">
        <f>IF(Input!$K$13=1,J5938*Input!$J$13,0)+IF(Input!$K$14=1,K5938*Input!$J$14,0)+IF(Input!$K$15=1,L5938*Input!$J$15,0)+IF(Input!$K$16=1,M5938*Input!$J$16,0)</f>
        <v>0.84076068817978511</v>
      </c>
      <c r="O5938" s="58">
        <f>IF(Input!$K$13=2,J5938*Input!$J$13,0)+IF(Input!$K$14=2,K5938*Input!$J$14,0)+IF(Input!$K$15=2,L5938*Input!$J$15,0)+IF(Input!$K$16=2,M5938*Input!$J$16,0)</f>
        <v>7.6304380167976638E-2</v>
      </c>
      <c r="P5938" s="58">
        <f>IF(Input!$K$13=3,J5938*Input!$J$13,0)+IF(Input!$K$14=3,K5938*Input!$J$14,0)+IF(Input!$K$15=3,L5938*Input!$J$15,0)+IF(Input!$K$16=3,M5938*Input!$J$16,0)</f>
        <v>0</v>
      </c>
      <c r="Q5938" s="71">
        <f>IF(Input!$K$13=4,J5938*Input!$J$13,0)+IF(Input!$K$14=4,K5938*Input!$J$14,0)+IF(Input!$K$15=4,L5938*Input!$J$15,0)+IF(Input!$K$16=4,M5938*Input!$J$16,0)</f>
        <v>0</v>
      </c>
    </row>
    <row r="5939" spans="8:17" x14ac:dyDescent="0.25">
      <c r="H5939" s="43">
        <v>5932</v>
      </c>
      <c r="I5939" s="55">
        <f>Bühler!I5965</f>
        <v>0.18956189935674211</v>
      </c>
      <c r="J5939" s="58">
        <f>Bühler!J5965</f>
        <v>7.0063390681648761</v>
      </c>
      <c r="K5939" s="58">
        <f>Bühler!K5965</f>
        <v>0.56521763087390109</v>
      </c>
      <c r="L5939" s="58">
        <f>Bühler!L5965</f>
        <v>0.28260881543695054</v>
      </c>
      <c r="M5939" s="57">
        <f>Bühler!M5965</f>
        <v>0</v>
      </c>
      <c r="N5939" s="55">
        <f>IF(Input!$K$13=1,J5939*Input!$J$13,0)+IF(Input!$K$14=1,K5939*Input!$J$14,0)+IF(Input!$K$15=1,L5939*Input!$J$15,0)+IF(Input!$K$16=1,M5939*Input!$J$16,0)</f>
        <v>0.84076068817978511</v>
      </c>
      <c r="O5939" s="58">
        <f>IF(Input!$K$13=2,J5939*Input!$J$13,0)+IF(Input!$K$14=2,K5939*Input!$J$14,0)+IF(Input!$K$15=2,L5939*Input!$J$15,0)+IF(Input!$K$16=2,M5939*Input!$J$16,0)</f>
        <v>7.6304380167976638E-2</v>
      </c>
      <c r="P5939" s="58">
        <f>IF(Input!$K$13=3,J5939*Input!$J$13,0)+IF(Input!$K$14=3,K5939*Input!$J$14,0)+IF(Input!$K$15=3,L5939*Input!$J$15,0)+IF(Input!$K$16=3,M5939*Input!$J$16,0)</f>
        <v>0</v>
      </c>
      <c r="Q5939" s="71">
        <f>IF(Input!$K$13=4,J5939*Input!$J$13,0)+IF(Input!$K$14=4,K5939*Input!$J$14,0)+IF(Input!$K$15=4,L5939*Input!$J$15,0)+IF(Input!$K$16=4,M5939*Input!$J$16,0)</f>
        <v>0</v>
      </c>
    </row>
    <row r="5940" spans="8:17" x14ac:dyDescent="0.25">
      <c r="H5940" s="43">
        <v>5933</v>
      </c>
      <c r="I5940" s="55">
        <f>Bühler!I5966</f>
        <v>0.18956189935674211</v>
      </c>
      <c r="J5940" s="58">
        <f>Bühler!J5966</f>
        <v>7.0063390681648761</v>
      </c>
      <c r="K5940" s="58">
        <f>Bühler!K5966</f>
        <v>0.56521763087390109</v>
      </c>
      <c r="L5940" s="58">
        <f>Bühler!L5966</f>
        <v>0.28260881543695054</v>
      </c>
      <c r="M5940" s="57">
        <f>Bühler!M5966</f>
        <v>0</v>
      </c>
      <c r="N5940" s="55">
        <f>IF(Input!$K$13=1,J5940*Input!$J$13,0)+IF(Input!$K$14=1,K5940*Input!$J$14,0)+IF(Input!$K$15=1,L5940*Input!$J$15,0)+IF(Input!$K$16=1,M5940*Input!$J$16,0)</f>
        <v>0.84076068817978511</v>
      </c>
      <c r="O5940" s="58">
        <f>IF(Input!$K$13=2,J5940*Input!$J$13,0)+IF(Input!$K$14=2,K5940*Input!$J$14,0)+IF(Input!$K$15=2,L5940*Input!$J$15,0)+IF(Input!$K$16=2,M5940*Input!$J$16,0)</f>
        <v>7.6304380167976638E-2</v>
      </c>
      <c r="P5940" s="58">
        <f>IF(Input!$K$13=3,J5940*Input!$J$13,0)+IF(Input!$K$14=3,K5940*Input!$J$14,0)+IF(Input!$K$15=3,L5940*Input!$J$15,0)+IF(Input!$K$16=3,M5940*Input!$J$16,0)</f>
        <v>0</v>
      </c>
      <c r="Q5940" s="71">
        <f>IF(Input!$K$13=4,J5940*Input!$J$13,0)+IF(Input!$K$14=4,K5940*Input!$J$14,0)+IF(Input!$K$15=4,L5940*Input!$J$15,0)+IF(Input!$K$16=4,M5940*Input!$J$16,0)</f>
        <v>0</v>
      </c>
    </row>
    <row r="5941" spans="8:17" x14ac:dyDescent="0.25">
      <c r="H5941" s="43">
        <v>5934</v>
      </c>
      <c r="I5941" s="55">
        <f>Bühler!I5967</f>
        <v>0.18956189935674211</v>
      </c>
      <c r="J5941" s="58">
        <f>Bühler!J5967</f>
        <v>7.0063390681648761</v>
      </c>
      <c r="K5941" s="58">
        <f>Bühler!K5967</f>
        <v>0.56521763087390109</v>
      </c>
      <c r="L5941" s="58">
        <f>Bühler!L5967</f>
        <v>0.28260881543695054</v>
      </c>
      <c r="M5941" s="57">
        <f>Bühler!M5967</f>
        <v>0</v>
      </c>
      <c r="N5941" s="55">
        <f>IF(Input!$K$13=1,J5941*Input!$J$13,0)+IF(Input!$K$14=1,K5941*Input!$J$14,0)+IF(Input!$K$15=1,L5941*Input!$J$15,0)+IF(Input!$K$16=1,M5941*Input!$J$16,0)</f>
        <v>0.84076068817978511</v>
      </c>
      <c r="O5941" s="58">
        <f>IF(Input!$K$13=2,J5941*Input!$J$13,0)+IF(Input!$K$14=2,K5941*Input!$J$14,0)+IF(Input!$K$15=2,L5941*Input!$J$15,0)+IF(Input!$K$16=2,M5941*Input!$J$16,0)</f>
        <v>7.6304380167976638E-2</v>
      </c>
      <c r="P5941" s="58">
        <f>IF(Input!$K$13=3,J5941*Input!$J$13,0)+IF(Input!$K$14=3,K5941*Input!$J$14,0)+IF(Input!$K$15=3,L5941*Input!$J$15,0)+IF(Input!$K$16=3,M5941*Input!$J$16,0)</f>
        <v>0</v>
      </c>
      <c r="Q5941" s="71">
        <f>IF(Input!$K$13=4,J5941*Input!$J$13,0)+IF(Input!$K$14=4,K5941*Input!$J$14,0)+IF(Input!$K$15=4,L5941*Input!$J$15,0)+IF(Input!$K$16=4,M5941*Input!$J$16,0)</f>
        <v>0</v>
      </c>
    </row>
    <row r="5942" spans="8:17" x14ac:dyDescent="0.25">
      <c r="H5942" s="43">
        <v>5935</v>
      </c>
      <c r="I5942" s="55">
        <f>Bühler!I5968</f>
        <v>0.18956189935674211</v>
      </c>
      <c r="J5942" s="58">
        <f>Bühler!J5968</f>
        <v>7.0063390681648761</v>
      </c>
      <c r="K5942" s="58">
        <f>Bühler!K5968</f>
        <v>0.56521763087390109</v>
      </c>
      <c r="L5942" s="58">
        <f>Bühler!L5968</f>
        <v>0.28260881543695054</v>
      </c>
      <c r="M5942" s="57">
        <f>Bühler!M5968</f>
        <v>0</v>
      </c>
      <c r="N5942" s="55">
        <f>IF(Input!$K$13=1,J5942*Input!$J$13,0)+IF(Input!$K$14=1,K5942*Input!$J$14,0)+IF(Input!$K$15=1,L5942*Input!$J$15,0)+IF(Input!$K$16=1,M5942*Input!$J$16,0)</f>
        <v>0.84076068817978511</v>
      </c>
      <c r="O5942" s="58">
        <f>IF(Input!$K$13=2,J5942*Input!$J$13,0)+IF(Input!$K$14=2,K5942*Input!$J$14,0)+IF(Input!$K$15=2,L5942*Input!$J$15,0)+IF(Input!$K$16=2,M5942*Input!$J$16,0)</f>
        <v>7.6304380167976638E-2</v>
      </c>
      <c r="P5942" s="58">
        <f>IF(Input!$K$13=3,J5942*Input!$J$13,0)+IF(Input!$K$14=3,K5942*Input!$J$14,0)+IF(Input!$K$15=3,L5942*Input!$J$15,0)+IF(Input!$K$16=3,M5942*Input!$J$16,0)</f>
        <v>0</v>
      </c>
      <c r="Q5942" s="71">
        <f>IF(Input!$K$13=4,J5942*Input!$J$13,0)+IF(Input!$K$14=4,K5942*Input!$J$14,0)+IF(Input!$K$15=4,L5942*Input!$J$15,0)+IF(Input!$K$16=4,M5942*Input!$J$16,0)</f>
        <v>0</v>
      </c>
    </row>
    <row r="5943" spans="8:17" x14ac:dyDescent="0.25">
      <c r="H5943" s="43">
        <v>5936</v>
      </c>
      <c r="I5943" s="55">
        <f>Bühler!I5969</f>
        <v>0.54606056814700232</v>
      </c>
      <c r="J5943" s="58">
        <f>Bühler!J5969</f>
        <v>29.261948377584723</v>
      </c>
      <c r="K5943" s="58">
        <f>Bühler!K5969</f>
        <v>2.3827455751527888</v>
      </c>
      <c r="L5943" s="58">
        <f>Bühler!L5969</f>
        <v>1.1913727875763944</v>
      </c>
      <c r="M5943" s="57">
        <f>Bühler!M5969</f>
        <v>0</v>
      </c>
      <c r="N5943" s="55">
        <f>IF(Input!$K$13=1,J5943*Input!$J$13,0)+IF(Input!$K$14=1,K5943*Input!$J$14,0)+IF(Input!$K$15=1,L5943*Input!$J$15,0)+IF(Input!$K$16=1,M5943*Input!$J$16,0)</f>
        <v>3.5114338053101668</v>
      </c>
      <c r="O5943" s="58">
        <f>IF(Input!$K$13=2,J5943*Input!$J$13,0)+IF(Input!$K$14=2,K5943*Input!$J$14,0)+IF(Input!$K$15=2,L5943*Input!$J$15,0)+IF(Input!$K$16=2,M5943*Input!$J$16,0)</f>
        <v>0.3216706526456265</v>
      </c>
      <c r="P5943" s="58">
        <f>IF(Input!$K$13=3,J5943*Input!$J$13,0)+IF(Input!$K$14=3,K5943*Input!$J$14,0)+IF(Input!$K$15=3,L5943*Input!$J$15,0)+IF(Input!$K$16=3,M5943*Input!$J$16,0)</f>
        <v>0</v>
      </c>
      <c r="Q5943" s="71">
        <f>IF(Input!$K$13=4,J5943*Input!$J$13,0)+IF(Input!$K$14=4,K5943*Input!$J$14,0)+IF(Input!$K$15=4,L5943*Input!$J$15,0)+IF(Input!$K$16=4,M5943*Input!$J$16,0)</f>
        <v>0</v>
      </c>
    </row>
    <row r="5944" spans="8:17" x14ac:dyDescent="0.25">
      <c r="H5944" s="43">
        <v>5937</v>
      </c>
      <c r="I5944" s="55">
        <f>Bühler!I5970</f>
        <v>0.6092886339324447</v>
      </c>
      <c r="J5944" s="58">
        <f>Bühler!J5970</f>
        <v>32.650173979199792</v>
      </c>
      <c r="K5944" s="58">
        <f>Bühler!K5970</f>
        <v>2.6586424312231118</v>
      </c>
      <c r="L5944" s="58">
        <f>Bühler!L5970</f>
        <v>1.3293212156115559</v>
      </c>
      <c r="M5944" s="57">
        <f>Bühler!M5970</f>
        <v>0</v>
      </c>
      <c r="N5944" s="55">
        <f>IF(Input!$K$13=1,J5944*Input!$J$13,0)+IF(Input!$K$14=1,K5944*Input!$J$14,0)+IF(Input!$K$15=1,L5944*Input!$J$15,0)+IF(Input!$K$16=1,M5944*Input!$J$16,0)</f>
        <v>3.9180208775039751</v>
      </c>
      <c r="O5944" s="58">
        <f>IF(Input!$K$13=2,J5944*Input!$J$13,0)+IF(Input!$K$14=2,K5944*Input!$J$14,0)+IF(Input!$K$15=2,L5944*Input!$J$15,0)+IF(Input!$K$16=2,M5944*Input!$J$16,0)</f>
        <v>0.35891672821512011</v>
      </c>
      <c r="P5944" s="58">
        <f>IF(Input!$K$13=3,J5944*Input!$J$13,0)+IF(Input!$K$14=3,K5944*Input!$J$14,0)+IF(Input!$K$15=3,L5944*Input!$J$15,0)+IF(Input!$K$16=3,M5944*Input!$J$16,0)</f>
        <v>0</v>
      </c>
      <c r="Q5944" s="71">
        <f>IF(Input!$K$13=4,J5944*Input!$J$13,0)+IF(Input!$K$14=4,K5944*Input!$J$14,0)+IF(Input!$K$15=4,L5944*Input!$J$15,0)+IF(Input!$K$16=4,M5944*Input!$J$16,0)</f>
        <v>0</v>
      </c>
    </row>
    <row r="5945" spans="8:17" x14ac:dyDescent="0.25">
      <c r="H5945" s="43">
        <v>5938</v>
      </c>
      <c r="I5945" s="55">
        <f>Bühler!I5971</f>
        <v>0.67251669971788708</v>
      </c>
      <c r="J5945" s="58">
        <f>Bühler!J5971</f>
        <v>36.038399580814868</v>
      </c>
      <c r="K5945" s="58">
        <f>Bühler!K5971</f>
        <v>2.9345392872934353</v>
      </c>
      <c r="L5945" s="58">
        <f>Bühler!L5971</f>
        <v>1.4672696436467176</v>
      </c>
      <c r="M5945" s="57">
        <f>Bühler!M5971</f>
        <v>0</v>
      </c>
      <c r="N5945" s="55">
        <f>IF(Input!$K$13=1,J5945*Input!$J$13,0)+IF(Input!$K$14=1,K5945*Input!$J$14,0)+IF(Input!$K$15=1,L5945*Input!$J$15,0)+IF(Input!$K$16=1,M5945*Input!$J$16,0)</f>
        <v>4.3246079496977838</v>
      </c>
      <c r="O5945" s="58">
        <f>IF(Input!$K$13=2,J5945*Input!$J$13,0)+IF(Input!$K$14=2,K5945*Input!$J$14,0)+IF(Input!$K$15=2,L5945*Input!$J$15,0)+IF(Input!$K$16=2,M5945*Input!$J$16,0)</f>
        <v>0.39616280378461377</v>
      </c>
      <c r="P5945" s="58">
        <f>IF(Input!$K$13=3,J5945*Input!$J$13,0)+IF(Input!$K$14=3,K5945*Input!$J$14,0)+IF(Input!$K$15=3,L5945*Input!$J$15,0)+IF(Input!$K$16=3,M5945*Input!$J$16,0)</f>
        <v>0</v>
      </c>
      <c r="Q5945" s="71">
        <f>IF(Input!$K$13=4,J5945*Input!$J$13,0)+IF(Input!$K$14=4,K5945*Input!$J$14,0)+IF(Input!$K$15=4,L5945*Input!$J$15,0)+IF(Input!$K$16=4,M5945*Input!$J$16,0)</f>
        <v>0</v>
      </c>
    </row>
    <row r="5946" spans="8:17" x14ac:dyDescent="0.25">
      <c r="H5946" s="43">
        <v>5939</v>
      </c>
      <c r="I5946" s="55">
        <f>Bühler!I5972</f>
        <v>0.67251669971788708</v>
      </c>
      <c r="J5946" s="58">
        <f>Bühler!J5972</f>
        <v>36.038399580814868</v>
      </c>
      <c r="K5946" s="58">
        <f>Bühler!K5972</f>
        <v>2.9345392872934353</v>
      </c>
      <c r="L5946" s="58">
        <f>Bühler!L5972</f>
        <v>1.4672696436467176</v>
      </c>
      <c r="M5946" s="57">
        <f>Bühler!M5972</f>
        <v>0</v>
      </c>
      <c r="N5946" s="55">
        <f>IF(Input!$K$13=1,J5946*Input!$J$13,0)+IF(Input!$K$14=1,K5946*Input!$J$14,0)+IF(Input!$K$15=1,L5946*Input!$J$15,0)+IF(Input!$K$16=1,M5946*Input!$J$16,0)</f>
        <v>4.3246079496977838</v>
      </c>
      <c r="O5946" s="58">
        <f>IF(Input!$K$13=2,J5946*Input!$J$13,0)+IF(Input!$K$14=2,K5946*Input!$J$14,0)+IF(Input!$K$15=2,L5946*Input!$J$15,0)+IF(Input!$K$16=2,M5946*Input!$J$16,0)</f>
        <v>0.39616280378461377</v>
      </c>
      <c r="P5946" s="58">
        <f>IF(Input!$K$13=3,J5946*Input!$J$13,0)+IF(Input!$K$14=3,K5946*Input!$J$14,0)+IF(Input!$K$15=3,L5946*Input!$J$15,0)+IF(Input!$K$16=3,M5946*Input!$J$16,0)</f>
        <v>0</v>
      </c>
      <c r="Q5946" s="71">
        <f>IF(Input!$K$13=4,J5946*Input!$J$13,0)+IF(Input!$K$14=4,K5946*Input!$J$14,0)+IF(Input!$K$15=4,L5946*Input!$J$15,0)+IF(Input!$K$16=4,M5946*Input!$J$16,0)</f>
        <v>0</v>
      </c>
    </row>
    <row r="5947" spans="8:17" x14ac:dyDescent="0.25">
      <c r="H5947" s="43">
        <v>5940</v>
      </c>
      <c r="I5947" s="55">
        <f>Bühler!I5973</f>
        <v>0.80472083726926658</v>
      </c>
      <c r="J5947" s="58">
        <f>Bühler!J5973</f>
        <v>43.122871293282749</v>
      </c>
      <c r="K5947" s="58">
        <f>Bühler!K5973</f>
        <v>3.5114145318041108</v>
      </c>
      <c r="L5947" s="58">
        <f>Bühler!L5973</f>
        <v>1.7557072659020554</v>
      </c>
      <c r="M5947" s="57">
        <f>Bühler!M5973</f>
        <v>0</v>
      </c>
      <c r="N5947" s="55">
        <f>IF(Input!$K$13=1,J5947*Input!$J$13,0)+IF(Input!$K$14=1,K5947*Input!$J$14,0)+IF(Input!$K$15=1,L5947*Input!$J$15,0)+IF(Input!$K$16=1,M5947*Input!$J$16,0)</f>
        <v>5.1747445551939295</v>
      </c>
      <c r="O5947" s="58">
        <f>IF(Input!$K$13=2,J5947*Input!$J$13,0)+IF(Input!$K$14=2,K5947*Input!$J$14,0)+IF(Input!$K$15=2,L5947*Input!$J$15,0)+IF(Input!$K$16=2,M5947*Input!$J$16,0)</f>
        <v>0.47404096179355493</v>
      </c>
      <c r="P5947" s="58">
        <f>IF(Input!$K$13=3,J5947*Input!$J$13,0)+IF(Input!$K$14=3,K5947*Input!$J$14,0)+IF(Input!$K$15=3,L5947*Input!$J$15,0)+IF(Input!$K$16=3,M5947*Input!$J$16,0)</f>
        <v>0</v>
      </c>
      <c r="Q5947" s="71">
        <f>IF(Input!$K$13=4,J5947*Input!$J$13,0)+IF(Input!$K$14=4,K5947*Input!$J$14,0)+IF(Input!$K$15=4,L5947*Input!$J$15,0)+IF(Input!$K$16=4,M5947*Input!$J$16,0)</f>
        <v>0</v>
      </c>
    </row>
    <row r="5948" spans="8:17" x14ac:dyDescent="0.25">
      <c r="H5948" s="43">
        <v>5941</v>
      </c>
      <c r="I5948" s="55">
        <f>Bühler!I5974</f>
        <v>0.80472083726926658</v>
      </c>
      <c r="J5948" s="58">
        <f>Bühler!J5974</f>
        <v>43.122871293282749</v>
      </c>
      <c r="K5948" s="58">
        <f>Bühler!K5974</f>
        <v>3.5114145318041108</v>
      </c>
      <c r="L5948" s="58">
        <f>Bühler!L5974</f>
        <v>1.7557072659020554</v>
      </c>
      <c r="M5948" s="57">
        <f>Bühler!M5974</f>
        <v>0</v>
      </c>
      <c r="N5948" s="55">
        <f>IF(Input!$K$13=1,J5948*Input!$J$13,0)+IF(Input!$K$14=1,K5948*Input!$J$14,0)+IF(Input!$K$15=1,L5948*Input!$J$15,0)+IF(Input!$K$16=1,M5948*Input!$J$16,0)</f>
        <v>5.1747445551939295</v>
      </c>
      <c r="O5948" s="58">
        <f>IF(Input!$K$13=2,J5948*Input!$J$13,0)+IF(Input!$K$14=2,K5948*Input!$J$14,0)+IF(Input!$K$15=2,L5948*Input!$J$15,0)+IF(Input!$K$16=2,M5948*Input!$J$16,0)</f>
        <v>0.47404096179355493</v>
      </c>
      <c r="P5948" s="58">
        <f>IF(Input!$K$13=3,J5948*Input!$J$13,0)+IF(Input!$K$14=3,K5948*Input!$J$14,0)+IF(Input!$K$15=3,L5948*Input!$J$15,0)+IF(Input!$K$16=3,M5948*Input!$J$16,0)</f>
        <v>0</v>
      </c>
      <c r="Q5948" s="71">
        <f>IF(Input!$K$13=4,J5948*Input!$J$13,0)+IF(Input!$K$14=4,K5948*Input!$J$14,0)+IF(Input!$K$15=4,L5948*Input!$J$15,0)+IF(Input!$K$16=4,M5948*Input!$J$16,0)</f>
        <v>0</v>
      </c>
    </row>
    <row r="5949" spans="8:17" x14ac:dyDescent="0.25">
      <c r="H5949" s="43">
        <v>5942</v>
      </c>
      <c r="I5949" s="55">
        <f>Bühler!I5975</f>
        <v>0.53456455618601273</v>
      </c>
      <c r="J5949" s="58">
        <f>Bühler!J5975</f>
        <v>28.645907359109252</v>
      </c>
      <c r="K5949" s="58">
        <f>Bühler!K5975</f>
        <v>2.3325825104127302</v>
      </c>
      <c r="L5949" s="58">
        <f>Bühler!L5975</f>
        <v>1.1662912552063651</v>
      </c>
      <c r="M5949" s="57">
        <f>Bühler!M5975</f>
        <v>0</v>
      </c>
      <c r="N5949" s="55">
        <f>IF(Input!$K$13=1,J5949*Input!$J$13,0)+IF(Input!$K$14=1,K5949*Input!$J$14,0)+IF(Input!$K$15=1,L5949*Input!$J$15,0)+IF(Input!$K$16=1,M5949*Input!$J$16,0)</f>
        <v>3.43750888309311</v>
      </c>
      <c r="O5949" s="58">
        <f>IF(Input!$K$13=2,J5949*Input!$J$13,0)+IF(Input!$K$14=2,K5949*Input!$J$14,0)+IF(Input!$K$15=2,L5949*Input!$J$15,0)+IF(Input!$K$16=2,M5949*Input!$J$16,0)</f>
        <v>0.31489863890571856</v>
      </c>
      <c r="P5949" s="58">
        <f>IF(Input!$K$13=3,J5949*Input!$J$13,0)+IF(Input!$K$14=3,K5949*Input!$J$14,0)+IF(Input!$K$15=3,L5949*Input!$J$15,0)+IF(Input!$K$16=3,M5949*Input!$J$16,0)</f>
        <v>0</v>
      </c>
      <c r="Q5949" s="71">
        <f>IF(Input!$K$13=4,J5949*Input!$J$13,0)+IF(Input!$K$14=4,K5949*Input!$J$14,0)+IF(Input!$K$15=4,L5949*Input!$J$15,0)+IF(Input!$K$16=4,M5949*Input!$J$16,0)</f>
        <v>0</v>
      </c>
    </row>
    <row r="5950" spans="8:17" x14ac:dyDescent="0.25">
      <c r="H5950" s="43">
        <v>5943</v>
      </c>
      <c r="I5950" s="55">
        <f>Bühler!I5976</f>
        <v>0.80472083726926658</v>
      </c>
      <c r="J5950" s="58">
        <f>Bühler!J5976</f>
        <v>43.122871293282749</v>
      </c>
      <c r="K5950" s="58">
        <f>Bühler!K5976</f>
        <v>3.5114145318041108</v>
      </c>
      <c r="L5950" s="58">
        <f>Bühler!L5976</f>
        <v>1.7557072659020554</v>
      </c>
      <c r="M5950" s="57">
        <f>Bühler!M5976</f>
        <v>0</v>
      </c>
      <c r="N5950" s="55">
        <f>IF(Input!$K$13=1,J5950*Input!$J$13,0)+IF(Input!$K$14=1,K5950*Input!$J$14,0)+IF(Input!$K$15=1,L5950*Input!$J$15,0)+IF(Input!$K$16=1,M5950*Input!$J$16,0)</f>
        <v>5.1747445551939295</v>
      </c>
      <c r="O5950" s="58">
        <f>IF(Input!$K$13=2,J5950*Input!$J$13,0)+IF(Input!$K$14=2,K5950*Input!$J$14,0)+IF(Input!$K$15=2,L5950*Input!$J$15,0)+IF(Input!$K$16=2,M5950*Input!$J$16,0)</f>
        <v>0.47404096179355493</v>
      </c>
      <c r="P5950" s="58">
        <f>IF(Input!$K$13=3,J5950*Input!$J$13,0)+IF(Input!$K$14=3,K5950*Input!$J$14,0)+IF(Input!$K$15=3,L5950*Input!$J$15,0)+IF(Input!$K$16=3,M5950*Input!$J$16,0)</f>
        <v>0</v>
      </c>
      <c r="Q5950" s="71">
        <f>IF(Input!$K$13=4,J5950*Input!$J$13,0)+IF(Input!$K$14=4,K5950*Input!$J$14,0)+IF(Input!$K$15=4,L5950*Input!$J$15,0)+IF(Input!$K$16=4,M5950*Input!$J$16,0)</f>
        <v>0</v>
      </c>
    </row>
    <row r="5951" spans="8:17" x14ac:dyDescent="0.25">
      <c r="H5951" s="43">
        <v>5944</v>
      </c>
      <c r="I5951" s="55">
        <f>Bühler!I5977</f>
        <v>0.80472083726926658</v>
      </c>
      <c r="J5951" s="58">
        <f>Bühler!J5977</f>
        <v>43.122871293282749</v>
      </c>
      <c r="K5951" s="58">
        <f>Bühler!K5977</f>
        <v>3.5114145318041108</v>
      </c>
      <c r="L5951" s="58">
        <f>Bühler!L5977</f>
        <v>1.7557072659020554</v>
      </c>
      <c r="M5951" s="57">
        <f>Bühler!M5977</f>
        <v>0</v>
      </c>
      <c r="N5951" s="55">
        <f>IF(Input!$K$13=1,J5951*Input!$J$13,0)+IF(Input!$K$14=1,K5951*Input!$J$14,0)+IF(Input!$K$15=1,L5951*Input!$J$15,0)+IF(Input!$K$16=1,M5951*Input!$J$16,0)</f>
        <v>5.1747445551939295</v>
      </c>
      <c r="O5951" s="58">
        <f>IF(Input!$K$13=2,J5951*Input!$J$13,0)+IF(Input!$K$14=2,K5951*Input!$J$14,0)+IF(Input!$K$15=2,L5951*Input!$J$15,0)+IF(Input!$K$16=2,M5951*Input!$J$16,0)</f>
        <v>0.47404096179355493</v>
      </c>
      <c r="P5951" s="58">
        <f>IF(Input!$K$13=3,J5951*Input!$J$13,0)+IF(Input!$K$14=3,K5951*Input!$J$14,0)+IF(Input!$K$15=3,L5951*Input!$J$15,0)+IF(Input!$K$16=3,M5951*Input!$J$16,0)</f>
        <v>0</v>
      </c>
      <c r="Q5951" s="71">
        <f>IF(Input!$K$13=4,J5951*Input!$J$13,0)+IF(Input!$K$14=4,K5951*Input!$J$14,0)+IF(Input!$K$15=4,L5951*Input!$J$15,0)+IF(Input!$K$16=4,M5951*Input!$J$16,0)</f>
        <v>0</v>
      </c>
    </row>
    <row r="5952" spans="8:17" x14ac:dyDescent="0.25">
      <c r="H5952" s="43">
        <v>5945</v>
      </c>
      <c r="I5952" s="55">
        <f>Bühler!I5978</f>
        <v>0.67263899771747204</v>
      </c>
      <c r="J5952" s="58">
        <f>Bühler!J5978</f>
        <v>25.626656225133594</v>
      </c>
      <c r="K5952" s="58">
        <f>Bühler!K5978</f>
        <v>2.0692264205274227</v>
      </c>
      <c r="L5952" s="58">
        <f>Bühler!L5978</f>
        <v>1.0346132102637113</v>
      </c>
      <c r="M5952" s="57">
        <f>Bühler!M5978</f>
        <v>0</v>
      </c>
      <c r="N5952" s="55">
        <f>IF(Input!$K$13=1,J5952*Input!$J$13,0)+IF(Input!$K$14=1,K5952*Input!$J$14,0)+IF(Input!$K$15=1,L5952*Input!$J$15,0)+IF(Input!$K$16=1,M5952*Input!$J$16,0)</f>
        <v>3.0751987470160311</v>
      </c>
      <c r="O5952" s="58">
        <f>IF(Input!$K$13=2,J5952*Input!$J$13,0)+IF(Input!$K$14=2,K5952*Input!$J$14,0)+IF(Input!$K$15=2,L5952*Input!$J$15,0)+IF(Input!$K$16=2,M5952*Input!$J$16,0)</f>
        <v>0.27934556677120204</v>
      </c>
      <c r="P5952" s="58">
        <f>IF(Input!$K$13=3,J5952*Input!$J$13,0)+IF(Input!$K$14=3,K5952*Input!$J$14,0)+IF(Input!$K$15=3,L5952*Input!$J$15,0)+IF(Input!$K$16=3,M5952*Input!$J$16,0)</f>
        <v>0</v>
      </c>
      <c r="Q5952" s="71">
        <f>IF(Input!$K$13=4,J5952*Input!$J$13,0)+IF(Input!$K$14=4,K5952*Input!$J$14,0)+IF(Input!$K$15=4,L5952*Input!$J$15,0)+IF(Input!$K$16=4,M5952*Input!$J$16,0)</f>
        <v>0</v>
      </c>
    </row>
    <row r="5953" spans="8:17" x14ac:dyDescent="0.25">
      <c r="H5953" s="43">
        <v>5946</v>
      </c>
      <c r="I5953" s="55">
        <f>Bühler!I5979</f>
        <v>0.53444225818642777</v>
      </c>
      <c r="J5953" s="58">
        <f>Bühler!J5979</f>
        <v>11.205510900319263</v>
      </c>
      <c r="K5953" s="58">
        <f>Bühler!K5979</f>
        <v>0.88315254824047051</v>
      </c>
      <c r="L5953" s="58">
        <f>Bühler!L5979</f>
        <v>0.44157627412023526</v>
      </c>
      <c r="M5953" s="57">
        <f>Bühler!M5979</f>
        <v>0</v>
      </c>
      <c r="N5953" s="55">
        <f>IF(Input!$K$13=1,J5953*Input!$J$13,0)+IF(Input!$K$14=1,K5953*Input!$J$14,0)+IF(Input!$K$15=1,L5953*Input!$J$15,0)+IF(Input!$K$16=1,M5953*Input!$J$16,0)</f>
        <v>1.3446613080383114</v>
      </c>
      <c r="O5953" s="58">
        <f>IF(Input!$K$13=2,J5953*Input!$J$13,0)+IF(Input!$K$14=2,K5953*Input!$J$14,0)+IF(Input!$K$15=2,L5953*Input!$J$15,0)+IF(Input!$K$16=2,M5953*Input!$J$16,0)</f>
        <v>0.11922559401246352</v>
      </c>
      <c r="P5953" s="58">
        <f>IF(Input!$K$13=3,J5953*Input!$J$13,0)+IF(Input!$K$14=3,K5953*Input!$J$14,0)+IF(Input!$K$15=3,L5953*Input!$J$15,0)+IF(Input!$K$16=3,M5953*Input!$J$16,0)</f>
        <v>0</v>
      </c>
      <c r="Q5953" s="71">
        <f>IF(Input!$K$13=4,J5953*Input!$J$13,0)+IF(Input!$K$14=4,K5953*Input!$J$14,0)+IF(Input!$K$15=4,L5953*Input!$J$15,0)+IF(Input!$K$16=4,M5953*Input!$J$16,0)</f>
        <v>0</v>
      </c>
    </row>
    <row r="5954" spans="8:17" x14ac:dyDescent="0.25">
      <c r="H5954" s="43">
        <v>5947</v>
      </c>
      <c r="I5954" s="55">
        <f>Bühler!I5980</f>
        <v>0.18956189935674211</v>
      </c>
      <c r="J5954" s="58">
        <f>Bühler!J5980</f>
        <v>7.2188697039105554</v>
      </c>
      <c r="K5954" s="58">
        <f>Bühler!K5980</f>
        <v>0.58288068183871056</v>
      </c>
      <c r="L5954" s="58">
        <f>Bühler!L5980</f>
        <v>0.29144034091935528</v>
      </c>
      <c r="M5954" s="57">
        <f>Bühler!M5980</f>
        <v>0</v>
      </c>
      <c r="N5954" s="55">
        <f>IF(Input!$K$13=1,J5954*Input!$J$13,0)+IF(Input!$K$14=1,K5954*Input!$J$14,0)+IF(Input!$K$15=1,L5954*Input!$J$15,0)+IF(Input!$K$16=1,M5954*Input!$J$16,0)</f>
        <v>0.86626436446926658</v>
      </c>
      <c r="O5954" s="58">
        <f>IF(Input!$K$13=2,J5954*Input!$J$13,0)+IF(Input!$K$14=2,K5954*Input!$J$14,0)+IF(Input!$K$15=2,L5954*Input!$J$15,0)+IF(Input!$K$16=2,M5954*Input!$J$16,0)</f>
        <v>7.8688892048225934E-2</v>
      </c>
      <c r="P5954" s="58">
        <f>IF(Input!$K$13=3,J5954*Input!$J$13,0)+IF(Input!$K$14=3,K5954*Input!$J$14,0)+IF(Input!$K$15=3,L5954*Input!$J$15,0)+IF(Input!$K$16=3,M5954*Input!$J$16,0)</f>
        <v>0</v>
      </c>
      <c r="Q5954" s="71">
        <f>IF(Input!$K$13=4,J5954*Input!$J$13,0)+IF(Input!$K$14=4,K5954*Input!$J$14,0)+IF(Input!$K$15=4,L5954*Input!$J$15,0)+IF(Input!$K$16=4,M5954*Input!$J$16,0)</f>
        <v>0</v>
      </c>
    </row>
    <row r="5955" spans="8:17" x14ac:dyDescent="0.25">
      <c r="H5955" s="43">
        <v>5948</v>
      </c>
      <c r="I5955" s="55">
        <f>Bühler!I5981</f>
        <v>0.18956189935674211</v>
      </c>
      <c r="J5955" s="58">
        <f>Bühler!J5981</f>
        <v>7.2188697039105554</v>
      </c>
      <c r="K5955" s="58">
        <f>Bühler!K5981</f>
        <v>0.58288068183871056</v>
      </c>
      <c r="L5955" s="58">
        <f>Bühler!L5981</f>
        <v>0.29144034091935528</v>
      </c>
      <c r="M5955" s="57">
        <f>Bühler!M5981</f>
        <v>0</v>
      </c>
      <c r="N5955" s="55">
        <f>IF(Input!$K$13=1,J5955*Input!$J$13,0)+IF(Input!$K$14=1,K5955*Input!$J$14,0)+IF(Input!$K$15=1,L5955*Input!$J$15,0)+IF(Input!$K$16=1,M5955*Input!$J$16,0)</f>
        <v>0.86626436446926658</v>
      </c>
      <c r="O5955" s="58">
        <f>IF(Input!$K$13=2,J5955*Input!$J$13,0)+IF(Input!$K$14=2,K5955*Input!$J$14,0)+IF(Input!$K$15=2,L5955*Input!$J$15,0)+IF(Input!$K$16=2,M5955*Input!$J$16,0)</f>
        <v>7.8688892048225934E-2</v>
      </c>
      <c r="P5955" s="58">
        <f>IF(Input!$K$13=3,J5955*Input!$J$13,0)+IF(Input!$K$14=3,K5955*Input!$J$14,0)+IF(Input!$K$15=3,L5955*Input!$J$15,0)+IF(Input!$K$16=3,M5955*Input!$J$16,0)</f>
        <v>0</v>
      </c>
      <c r="Q5955" s="71">
        <f>IF(Input!$K$13=4,J5955*Input!$J$13,0)+IF(Input!$K$14=4,K5955*Input!$J$14,0)+IF(Input!$K$15=4,L5955*Input!$J$15,0)+IF(Input!$K$16=4,M5955*Input!$J$16,0)</f>
        <v>0</v>
      </c>
    </row>
    <row r="5956" spans="8:17" x14ac:dyDescent="0.25">
      <c r="H5956" s="43">
        <v>5949</v>
      </c>
      <c r="I5956" s="55">
        <f>Bühler!I5982</f>
        <v>0.18956189935674211</v>
      </c>
      <c r="J5956" s="58">
        <f>Bühler!J5982</f>
        <v>7.2188697039105554</v>
      </c>
      <c r="K5956" s="58">
        <f>Bühler!K5982</f>
        <v>0.58288068183871056</v>
      </c>
      <c r="L5956" s="58">
        <f>Bühler!L5982</f>
        <v>0.29144034091935528</v>
      </c>
      <c r="M5956" s="57">
        <f>Bühler!M5982</f>
        <v>0</v>
      </c>
      <c r="N5956" s="55">
        <f>IF(Input!$K$13=1,J5956*Input!$J$13,0)+IF(Input!$K$14=1,K5956*Input!$J$14,0)+IF(Input!$K$15=1,L5956*Input!$J$15,0)+IF(Input!$K$16=1,M5956*Input!$J$16,0)</f>
        <v>0.86626436446926658</v>
      </c>
      <c r="O5956" s="58">
        <f>IF(Input!$K$13=2,J5956*Input!$J$13,0)+IF(Input!$K$14=2,K5956*Input!$J$14,0)+IF(Input!$K$15=2,L5956*Input!$J$15,0)+IF(Input!$K$16=2,M5956*Input!$J$16,0)</f>
        <v>7.8688892048225934E-2</v>
      </c>
      <c r="P5956" s="58">
        <f>IF(Input!$K$13=3,J5956*Input!$J$13,0)+IF(Input!$K$14=3,K5956*Input!$J$14,0)+IF(Input!$K$15=3,L5956*Input!$J$15,0)+IF(Input!$K$16=3,M5956*Input!$J$16,0)</f>
        <v>0</v>
      </c>
      <c r="Q5956" s="71">
        <f>IF(Input!$K$13=4,J5956*Input!$J$13,0)+IF(Input!$K$14=4,K5956*Input!$J$14,0)+IF(Input!$K$15=4,L5956*Input!$J$15,0)+IF(Input!$K$16=4,M5956*Input!$J$16,0)</f>
        <v>0</v>
      </c>
    </row>
    <row r="5957" spans="8:17" x14ac:dyDescent="0.25">
      <c r="H5957" s="43">
        <v>5950</v>
      </c>
      <c r="I5957" s="55">
        <f>Bühler!I5983</f>
        <v>0.18956189935674211</v>
      </c>
      <c r="J5957" s="58">
        <f>Bühler!J5983</f>
        <v>7.2188697039105554</v>
      </c>
      <c r="K5957" s="58">
        <f>Bühler!K5983</f>
        <v>0.58288068183871056</v>
      </c>
      <c r="L5957" s="58">
        <f>Bühler!L5983</f>
        <v>0.29144034091935528</v>
      </c>
      <c r="M5957" s="57">
        <f>Bühler!M5983</f>
        <v>0</v>
      </c>
      <c r="N5957" s="55">
        <f>IF(Input!$K$13=1,J5957*Input!$J$13,0)+IF(Input!$K$14=1,K5957*Input!$J$14,0)+IF(Input!$K$15=1,L5957*Input!$J$15,0)+IF(Input!$K$16=1,M5957*Input!$J$16,0)</f>
        <v>0.86626436446926658</v>
      </c>
      <c r="O5957" s="58">
        <f>IF(Input!$K$13=2,J5957*Input!$J$13,0)+IF(Input!$K$14=2,K5957*Input!$J$14,0)+IF(Input!$K$15=2,L5957*Input!$J$15,0)+IF(Input!$K$16=2,M5957*Input!$J$16,0)</f>
        <v>7.8688892048225934E-2</v>
      </c>
      <c r="P5957" s="58">
        <f>IF(Input!$K$13=3,J5957*Input!$J$13,0)+IF(Input!$K$14=3,K5957*Input!$J$14,0)+IF(Input!$K$15=3,L5957*Input!$J$15,0)+IF(Input!$K$16=3,M5957*Input!$J$16,0)</f>
        <v>0</v>
      </c>
      <c r="Q5957" s="71">
        <f>IF(Input!$K$13=4,J5957*Input!$J$13,0)+IF(Input!$K$14=4,K5957*Input!$J$14,0)+IF(Input!$K$15=4,L5957*Input!$J$15,0)+IF(Input!$K$16=4,M5957*Input!$J$16,0)</f>
        <v>0</v>
      </c>
    </row>
    <row r="5958" spans="8:17" x14ac:dyDescent="0.25">
      <c r="H5958" s="43">
        <v>5951</v>
      </c>
      <c r="I5958" s="55">
        <f>Bühler!I5984</f>
        <v>0.18956189935674211</v>
      </c>
      <c r="J5958" s="58">
        <f>Bühler!J5984</f>
        <v>7.2188697039105554</v>
      </c>
      <c r="K5958" s="58">
        <f>Bühler!K5984</f>
        <v>0.58288068183871056</v>
      </c>
      <c r="L5958" s="58">
        <f>Bühler!L5984</f>
        <v>0.29144034091935528</v>
      </c>
      <c r="M5958" s="57">
        <f>Bühler!M5984</f>
        <v>0</v>
      </c>
      <c r="N5958" s="55">
        <f>IF(Input!$K$13=1,J5958*Input!$J$13,0)+IF(Input!$K$14=1,K5958*Input!$J$14,0)+IF(Input!$K$15=1,L5958*Input!$J$15,0)+IF(Input!$K$16=1,M5958*Input!$J$16,0)</f>
        <v>0.86626436446926658</v>
      </c>
      <c r="O5958" s="58">
        <f>IF(Input!$K$13=2,J5958*Input!$J$13,0)+IF(Input!$K$14=2,K5958*Input!$J$14,0)+IF(Input!$K$15=2,L5958*Input!$J$15,0)+IF(Input!$K$16=2,M5958*Input!$J$16,0)</f>
        <v>7.8688892048225934E-2</v>
      </c>
      <c r="P5958" s="58">
        <f>IF(Input!$K$13=3,J5958*Input!$J$13,0)+IF(Input!$K$14=3,K5958*Input!$J$14,0)+IF(Input!$K$15=3,L5958*Input!$J$15,0)+IF(Input!$K$16=3,M5958*Input!$J$16,0)</f>
        <v>0</v>
      </c>
      <c r="Q5958" s="71">
        <f>IF(Input!$K$13=4,J5958*Input!$J$13,0)+IF(Input!$K$14=4,K5958*Input!$J$14,0)+IF(Input!$K$15=4,L5958*Input!$J$15,0)+IF(Input!$K$16=4,M5958*Input!$J$16,0)</f>
        <v>0</v>
      </c>
    </row>
    <row r="5959" spans="8:17" x14ac:dyDescent="0.25">
      <c r="H5959" s="43">
        <v>5952</v>
      </c>
      <c r="I5959" s="55">
        <f>Bühler!I5985</f>
        <v>0.18956189935674211</v>
      </c>
      <c r="J5959" s="58">
        <f>Bühler!J5985</f>
        <v>7.2188697039105554</v>
      </c>
      <c r="K5959" s="58">
        <f>Bühler!K5985</f>
        <v>0.58288068183871056</v>
      </c>
      <c r="L5959" s="58">
        <f>Bühler!L5985</f>
        <v>0.29144034091935528</v>
      </c>
      <c r="M5959" s="57">
        <f>Bühler!M5985</f>
        <v>0</v>
      </c>
      <c r="N5959" s="55">
        <f>IF(Input!$K$13=1,J5959*Input!$J$13,0)+IF(Input!$K$14=1,K5959*Input!$J$14,0)+IF(Input!$K$15=1,L5959*Input!$J$15,0)+IF(Input!$K$16=1,M5959*Input!$J$16,0)</f>
        <v>0.86626436446926658</v>
      </c>
      <c r="O5959" s="58">
        <f>IF(Input!$K$13=2,J5959*Input!$J$13,0)+IF(Input!$K$14=2,K5959*Input!$J$14,0)+IF(Input!$K$15=2,L5959*Input!$J$15,0)+IF(Input!$K$16=2,M5959*Input!$J$16,0)</f>
        <v>7.8688892048225934E-2</v>
      </c>
      <c r="P5959" s="58">
        <f>IF(Input!$K$13=3,J5959*Input!$J$13,0)+IF(Input!$K$14=3,K5959*Input!$J$14,0)+IF(Input!$K$15=3,L5959*Input!$J$15,0)+IF(Input!$K$16=3,M5959*Input!$J$16,0)</f>
        <v>0</v>
      </c>
      <c r="Q5959" s="71">
        <f>IF(Input!$K$13=4,J5959*Input!$J$13,0)+IF(Input!$K$14=4,K5959*Input!$J$14,0)+IF(Input!$K$15=4,L5959*Input!$J$15,0)+IF(Input!$K$16=4,M5959*Input!$J$16,0)</f>
        <v>0</v>
      </c>
    </row>
    <row r="5960" spans="8:17" x14ac:dyDescent="0.25">
      <c r="H5960" s="43">
        <v>5953</v>
      </c>
      <c r="I5960" s="55">
        <f>Bühler!I5986</f>
        <v>0.11781931772147852</v>
      </c>
      <c r="J5960" s="58">
        <f>Bühler!J5986</f>
        <v>6.9115258600633682</v>
      </c>
      <c r="K5960" s="58">
        <f>Bühler!K5986</f>
        <v>0.57126150469493342</v>
      </c>
      <c r="L5960" s="58">
        <f>Bühler!L5986</f>
        <v>0.28563075234746671</v>
      </c>
      <c r="M5960" s="57">
        <f>Bühler!M5986</f>
        <v>0</v>
      </c>
      <c r="N5960" s="55">
        <f>IF(Input!$K$13=1,J5960*Input!$J$13,0)+IF(Input!$K$14=1,K5960*Input!$J$14,0)+IF(Input!$K$15=1,L5960*Input!$J$15,0)+IF(Input!$K$16=1,M5960*Input!$J$16,0)</f>
        <v>0.82938310320760411</v>
      </c>
      <c r="O5960" s="58">
        <f>IF(Input!$K$13=2,J5960*Input!$J$13,0)+IF(Input!$K$14=2,K5960*Input!$J$14,0)+IF(Input!$K$15=2,L5960*Input!$J$15,0)+IF(Input!$K$16=2,M5960*Input!$J$16,0)</f>
        <v>7.7120303133816015E-2</v>
      </c>
      <c r="P5960" s="58">
        <f>IF(Input!$K$13=3,J5960*Input!$J$13,0)+IF(Input!$K$14=3,K5960*Input!$J$14,0)+IF(Input!$K$15=3,L5960*Input!$J$15,0)+IF(Input!$K$16=3,M5960*Input!$J$16,0)</f>
        <v>0</v>
      </c>
      <c r="Q5960" s="71">
        <f>IF(Input!$K$13=4,J5960*Input!$J$13,0)+IF(Input!$K$14=4,K5960*Input!$J$14,0)+IF(Input!$K$15=4,L5960*Input!$J$15,0)+IF(Input!$K$16=4,M5960*Input!$J$16,0)</f>
        <v>0</v>
      </c>
    </row>
    <row r="5961" spans="8:17" x14ac:dyDescent="0.25">
      <c r="H5961" s="43">
        <v>5954</v>
      </c>
      <c r="I5961" s="55">
        <f>Bühler!I5987</f>
        <v>0.11781931772147852</v>
      </c>
      <c r="J5961" s="58">
        <f>Bühler!J5987</f>
        <v>6.9115258600633682</v>
      </c>
      <c r="K5961" s="58">
        <f>Bühler!K5987</f>
        <v>0.57126150469493342</v>
      </c>
      <c r="L5961" s="58">
        <f>Bühler!L5987</f>
        <v>0.28563075234746671</v>
      </c>
      <c r="M5961" s="57">
        <f>Bühler!M5987</f>
        <v>0</v>
      </c>
      <c r="N5961" s="55">
        <f>IF(Input!$K$13=1,J5961*Input!$J$13,0)+IF(Input!$K$14=1,K5961*Input!$J$14,0)+IF(Input!$K$15=1,L5961*Input!$J$15,0)+IF(Input!$K$16=1,M5961*Input!$J$16,0)</f>
        <v>0.82938310320760411</v>
      </c>
      <c r="O5961" s="58">
        <f>IF(Input!$K$13=2,J5961*Input!$J$13,0)+IF(Input!$K$14=2,K5961*Input!$J$14,0)+IF(Input!$K$15=2,L5961*Input!$J$15,0)+IF(Input!$K$16=2,M5961*Input!$J$16,0)</f>
        <v>7.7120303133816015E-2</v>
      </c>
      <c r="P5961" s="58">
        <f>IF(Input!$K$13=3,J5961*Input!$J$13,0)+IF(Input!$K$14=3,K5961*Input!$J$14,0)+IF(Input!$K$15=3,L5961*Input!$J$15,0)+IF(Input!$K$16=3,M5961*Input!$J$16,0)</f>
        <v>0</v>
      </c>
      <c r="Q5961" s="71">
        <f>IF(Input!$K$13=4,J5961*Input!$J$13,0)+IF(Input!$K$14=4,K5961*Input!$J$14,0)+IF(Input!$K$15=4,L5961*Input!$J$15,0)+IF(Input!$K$16=4,M5961*Input!$J$16,0)</f>
        <v>0</v>
      </c>
    </row>
    <row r="5962" spans="8:17" x14ac:dyDescent="0.25">
      <c r="H5962" s="43">
        <v>5955</v>
      </c>
      <c r="I5962" s="55">
        <f>Bühler!I5988</f>
        <v>0.11781931772147852</v>
      </c>
      <c r="J5962" s="58">
        <f>Bühler!J5988</f>
        <v>6.9115258600633682</v>
      </c>
      <c r="K5962" s="58">
        <f>Bühler!K5988</f>
        <v>0.57126150469493342</v>
      </c>
      <c r="L5962" s="58">
        <f>Bühler!L5988</f>
        <v>0.28563075234746671</v>
      </c>
      <c r="M5962" s="57">
        <f>Bühler!M5988</f>
        <v>0</v>
      </c>
      <c r="N5962" s="55">
        <f>IF(Input!$K$13=1,J5962*Input!$J$13,0)+IF(Input!$K$14=1,K5962*Input!$J$14,0)+IF(Input!$K$15=1,L5962*Input!$J$15,0)+IF(Input!$K$16=1,M5962*Input!$J$16,0)</f>
        <v>0.82938310320760411</v>
      </c>
      <c r="O5962" s="58">
        <f>IF(Input!$K$13=2,J5962*Input!$J$13,0)+IF(Input!$K$14=2,K5962*Input!$J$14,0)+IF(Input!$K$15=2,L5962*Input!$J$15,0)+IF(Input!$K$16=2,M5962*Input!$J$16,0)</f>
        <v>7.7120303133816015E-2</v>
      </c>
      <c r="P5962" s="58">
        <f>IF(Input!$K$13=3,J5962*Input!$J$13,0)+IF(Input!$K$14=3,K5962*Input!$J$14,0)+IF(Input!$K$15=3,L5962*Input!$J$15,0)+IF(Input!$K$16=3,M5962*Input!$J$16,0)</f>
        <v>0</v>
      </c>
      <c r="Q5962" s="71">
        <f>IF(Input!$K$13=4,J5962*Input!$J$13,0)+IF(Input!$K$14=4,K5962*Input!$J$14,0)+IF(Input!$K$15=4,L5962*Input!$J$15,0)+IF(Input!$K$16=4,M5962*Input!$J$16,0)</f>
        <v>0</v>
      </c>
    </row>
    <row r="5963" spans="8:17" x14ac:dyDescent="0.25">
      <c r="H5963" s="43">
        <v>5956</v>
      </c>
      <c r="I5963" s="55">
        <f>Bühler!I5989</f>
        <v>0.11781931772147852</v>
      </c>
      <c r="J5963" s="58">
        <f>Bühler!J5989</f>
        <v>6.9115258600633682</v>
      </c>
      <c r="K5963" s="58">
        <f>Bühler!K5989</f>
        <v>0.57126150469493342</v>
      </c>
      <c r="L5963" s="58">
        <f>Bühler!L5989</f>
        <v>0.28563075234746671</v>
      </c>
      <c r="M5963" s="57">
        <f>Bühler!M5989</f>
        <v>0</v>
      </c>
      <c r="N5963" s="55">
        <f>IF(Input!$K$13=1,J5963*Input!$J$13,0)+IF(Input!$K$14=1,K5963*Input!$J$14,0)+IF(Input!$K$15=1,L5963*Input!$J$15,0)+IF(Input!$K$16=1,M5963*Input!$J$16,0)</f>
        <v>0.82938310320760411</v>
      </c>
      <c r="O5963" s="58">
        <f>IF(Input!$K$13=2,J5963*Input!$J$13,0)+IF(Input!$K$14=2,K5963*Input!$J$14,0)+IF(Input!$K$15=2,L5963*Input!$J$15,0)+IF(Input!$K$16=2,M5963*Input!$J$16,0)</f>
        <v>7.7120303133816015E-2</v>
      </c>
      <c r="P5963" s="58">
        <f>IF(Input!$K$13=3,J5963*Input!$J$13,0)+IF(Input!$K$14=3,K5963*Input!$J$14,0)+IF(Input!$K$15=3,L5963*Input!$J$15,0)+IF(Input!$K$16=3,M5963*Input!$J$16,0)</f>
        <v>0</v>
      </c>
      <c r="Q5963" s="71">
        <f>IF(Input!$K$13=4,J5963*Input!$J$13,0)+IF(Input!$K$14=4,K5963*Input!$J$14,0)+IF(Input!$K$15=4,L5963*Input!$J$15,0)+IF(Input!$K$16=4,M5963*Input!$J$16,0)</f>
        <v>0</v>
      </c>
    </row>
    <row r="5964" spans="8:17" x14ac:dyDescent="0.25">
      <c r="H5964" s="43">
        <v>5957</v>
      </c>
      <c r="I5964" s="55">
        <f>Bühler!I5990</f>
        <v>0.11781931772147852</v>
      </c>
      <c r="J5964" s="58">
        <f>Bühler!J5990</f>
        <v>6.9115258600633682</v>
      </c>
      <c r="K5964" s="58">
        <f>Bühler!K5990</f>
        <v>0.57126150469493342</v>
      </c>
      <c r="L5964" s="58">
        <f>Bühler!L5990</f>
        <v>0.28563075234746671</v>
      </c>
      <c r="M5964" s="57">
        <f>Bühler!M5990</f>
        <v>0</v>
      </c>
      <c r="N5964" s="55">
        <f>IF(Input!$K$13=1,J5964*Input!$J$13,0)+IF(Input!$K$14=1,K5964*Input!$J$14,0)+IF(Input!$K$15=1,L5964*Input!$J$15,0)+IF(Input!$K$16=1,M5964*Input!$J$16,0)</f>
        <v>0.82938310320760411</v>
      </c>
      <c r="O5964" s="58">
        <f>IF(Input!$K$13=2,J5964*Input!$J$13,0)+IF(Input!$K$14=2,K5964*Input!$J$14,0)+IF(Input!$K$15=2,L5964*Input!$J$15,0)+IF(Input!$K$16=2,M5964*Input!$J$16,0)</f>
        <v>7.7120303133816015E-2</v>
      </c>
      <c r="P5964" s="58">
        <f>IF(Input!$K$13=3,J5964*Input!$J$13,0)+IF(Input!$K$14=3,K5964*Input!$J$14,0)+IF(Input!$K$15=3,L5964*Input!$J$15,0)+IF(Input!$K$16=3,M5964*Input!$J$16,0)</f>
        <v>0</v>
      </c>
      <c r="Q5964" s="71">
        <f>IF(Input!$K$13=4,J5964*Input!$J$13,0)+IF(Input!$K$14=4,K5964*Input!$J$14,0)+IF(Input!$K$15=4,L5964*Input!$J$15,0)+IF(Input!$K$16=4,M5964*Input!$J$16,0)</f>
        <v>0</v>
      </c>
    </row>
    <row r="5965" spans="8:17" x14ac:dyDescent="0.25">
      <c r="H5965" s="43">
        <v>5958</v>
      </c>
      <c r="I5965" s="55">
        <f>Bühler!I5991</f>
        <v>0.11781931772147852</v>
      </c>
      <c r="J5965" s="58">
        <f>Bühler!J5991</f>
        <v>6.9115258600633682</v>
      </c>
      <c r="K5965" s="58">
        <f>Bühler!K5991</f>
        <v>0.57126150469493342</v>
      </c>
      <c r="L5965" s="58">
        <f>Bühler!L5991</f>
        <v>0.28563075234746671</v>
      </c>
      <c r="M5965" s="57">
        <f>Bühler!M5991</f>
        <v>0</v>
      </c>
      <c r="N5965" s="55">
        <f>IF(Input!$K$13=1,J5965*Input!$J$13,0)+IF(Input!$K$14=1,K5965*Input!$J$14,0)+IF(Input!$K$15=1,L5965*Input!$J$15,0)+IF(Input!$K$16=1,M5965*Input!$J$16,0)</f>
        <v>0.82938310320760411</v>
      </c>
      <c r="O5965" s="58">
        <f>IF(Input!$K$13=2,J5965*Input!$J$13,0)+IF(Input!$K$14=2,K5965*Input!$J$14,0)+IF(Input!$K$15=2,L5965*Input!$J$15,0)+IF(Input!$K$16=2,M5965*Input!$J$16,0)</f>
        <v>7.7120303133816015E-2</v>
      </c>
      <c r="P5965" s="58">
        <f>IF(Input!$K$13=3,J5965*Input!$J$13,0)+IF(Input!$K$14=3,K5965*Input!$J$14,0)+IF(Input!$K$15=3,L5965*Input!$J$15,0)+IF(Input!$K$16=3,M5965*Input!$J$16,0)</f>
        <v>0</v>
      </c>
      <c r="Q5965" s="71">
        <f>IF(Input!$K$13=4,J5965*Input!$J$13,0)+IF(Input!$K$14=4,K5965*Input!$J$14,0)+IF(Input!$K$15=4,L5965*Input!$J$15,0)+IF(Input!$K$16=4,M5965*Input!$J$16,0)</f>
        <v>0</v>
      </c>
    </row>
    <row r="5966" spans="8:17" x14ac:dyDescent="0.25">
      <c r="H5966" s="43">
        <v>5959</v>
      </c>
      <c r="I5966" s="55">
        <f>Bühler!I5992</f>
        <v>0.11781931772147852</v>
      </c>
      <c r="J5966" s="58">
        <f>Bühler!J5992</f>
        <v>6.9115258600633682</v>
      </c>
      <c r="K5966" s="58">
        <f>Bühler!K5992</f>
        <v>0.57126150469493342</v>
      </c>
      <c r="L5966" s="58">
        <f>Bühler!L5992</f>
        <v>0.28563075234746671</v>
      </c>
      <c r="M5966" s="57">
        <f>Bühler!M5992</f>
        <v>0</v>
      </c>
      <c r="N5966" s="55">
        <f>IF(Input!$K$13=1,J5966*Input!$J$13,0)+IF(Input!$K$14=1,K5966*Input!$J$14,0)+IF(Input!$K$15=1,L5966*Input!$J$15,0)+IF(Input!$K$16=1,M5966*Input!$J$16,0)</f>
        <v>0.82938310320760411</v>
      </c>
      <c r="O5966" s="58">
        <f>IF(Input!$K$13=2,J5966*Input!$J$13,0)+IF(Input!$K$14=2,K5966*Input!$J$14,0)+IF(Input!$K$15=2,L5966*Input!$J$15,0)+IF(Input!$K$16=2,M5966*Input!$J$16,0)</f>
        <v>7.7120303133816015E-2</v>
      </c>
      <c r="P5966" s="58">
        <f>IF(Input!$K$13=3,J5966*Input!$J$13,0)+IF(Input!$K$14=3,K5966*Input!$J$14,0)+IF(Input!$K$15=3,L5966*Input!$J$15,0)+IF(Input!$K$16=3,M5966*Input!$J$16,0)</f>
        <v>0</v>
      </c>
      <c r="Q5966" s="71">
        <f>IF(Input!$K$13=4,J5966*Input!$J$13,0)+IF(Input!$K$14=4,K5966*Input!$J$14,0)+IF(Input!$K$15=4,L5966*Input!$J$15,0)+IF(Input!$K$16=4,M5966*Input!$J$16,0)</f>
        <v>0</v>
      </c>
    </row>
    <row r="5967" spans="8:17" x14ac:dyDescent="0.25">
      <c r="H5967" s="43">
        <v>5960</v>
      </c>
      <c r="I5967" s="55">
        <f>Bühler!I5993</f>
        <v>0.32459222032267332</v>
      </c>
      <c r="J5967" s="58">
        <f>Bühler!J5993</f>
        <v>28.083354513385984</v>
      </c>
      <c r="K5967" s="58">
        <f>Bühler!K5993</f>
        <v>2.3352477873741364</v>
      </c>
      <c r="L5967" s="58">
        <f>Bühler!L5993</f>
        <v>1.1676238936870682</v>
      </c>
      <c r="M5967" s="57">
        <f>Bühler!M5993</f>
        <v>0</v>
      </c>
      <c r="N5967" s="55">
        <f>IF(Input!$K$13=1,J5967*Input!$J$13,0)+IF(Input!$K$14=1,K5967*Input!$J$14,0)+IF(Input!$K$15=1,L5967*Input!$J$15,0)+IF(Input!$K$16=1,M5967*Input!$J$16,0)</f>
        <v>3.370002541606318</v>
      </c>
      <c r="O5967" s="58">
        <f>IF(Input!$K$13=2,J5967*Input!$J$13,0)+IF(Input!$K$14=2,K5967*Input!$J$14,0)+IF(Input!$K$15=2,L5967*Input!$J$15,0)+IF(Input!$K$16=2,M5967*Input!$J$16,0)</f>
        <v>0.31525845129550839</v>
      </c>
      <c r="P5967" s="58">
        <f>IF(Input!$K$13=3,J5967*Input!$J$13,0)+IF(Input!$K$14=3,K5967*Input!$J$14,0)+IF(Input!$K$15=3,L5967*Input!$J$15,0)+IF(Input!$K$16=3,M5967*Input!$J$16,0)</f>
        <v>0</v>
      </c>
      <c r="Q5967" s="71">
        <f>IF(Input!$K$13=4,J5967*Input!$J$13,0)+IF(Input!$K$14=4,K5967*Input!$J$14,0)+IF(Input!$K$15=4,L5967*Input!$J$15,0)+IF(Input!$K$16=4,M5967*Input!$J$16,0)</f>
        <v>0</v>
      </c>
    </row>
    <row r="5968" spans="8:17" x14ac:dyDescent="0.25">
      <c r="H5968" s="43">
        <v>5961</v>
      </c>
      <c r="I5968" s="55">
        <f>Bühler!I5994</f>
        <v>0.36217658267582503</v>
      </c>
      <c r="J5968" s="58">
        <f>Bühler!J5994</f>
        <v>31.335111351778046</v>
      </c>
      <c r="K5968" s="58">
        <f>Bühler!K5994</f>
        <v>2.6056448995964052</v>
      </c>
      <c r="L5968" s="58">
        <f>Bühler!L5994</f>
        <v>1.3028224497982026</v>
      </c>
      <c r="M5968" s="57">
        <f>Bühler!M5994</f>
        <v>0</v>
      </c>
      <c r="N5968" s="55">
        <f>IF(Input!$K$13=1,J5968*Input!$J$13,0)+IF(Input!$K$14=1,K5968*Input!$J$14,0)+IF(Input!$K$15=1,L5968*Input!$J$15,0)+IF(Input!$K$16=1,M5968*Input!$J$16,0)</f>
        <v>3.7602133622133653</v>
      </c>
      <c r="O5968" s="58">
        <f>IF(Input!$K$13=2,J5968*Input!$J$13,0)+IF(Input!$K$14=2,K5968*Input!$J$14,0)+IF(Input!$K$15=2,L5968*Input!$J$15,0)+IF(Input!$K$16=2,M5968*Input!$J$16,0)</f>
        <v>0.3517620614455147</v>
      </c>
      <c r="P5968" s="58">
        <f>IF(Input!$K$13=3,J5968*Input!$J$13,0)+IF(Input!$K$14=3,K5968*Input!$J$14,0)+IF(Input!$K$15=3,L5968*Input!$J$15,0)+IF(Input!$K$16=3,M5968*Input!$J$16,0)</f>
        <v>0</v>
      </c>
      <c r="Q5968" s="71">
        <f>IF(Input!$K$13=4,J5968*Input!$J$13,0)+IF(Input!$K$14=4,K5968*Input!$J$14,0)+IF(Input!$K$15=4,L5968*Input!$J$15,0)+IF(Input!$K$16=4,M5968*Input!$J$16,0)</f>
        <v>0</v>
      </c>
    </row>
    <row r="5969" spans="8:17" x14ac:dyDescent="0.25">
      <c r="H5969" s="43">
        <v>5962</v>
      </c>
      <c r="I5969" s="55">
        <f>Bühler!I5995</f>
        <v>0.39976094502897669</v>
      </c>
      <c r="J5969" s="58">
        <f>Bühler!J5995</f>
        <v>34.586868190170115</v>
      </c>
      <c r="K5969" s="58">
        <f>Bühler!K5995</f>
        <v>2.876042011818674</v>
      </c>
      <c r="L5969" s="58">
        <f>Bühler!L5995</f>
        <v>1.438021005909337</v>
      </c>
      <c r="M5969" s="57">
        <f>Bühler!M5995</f>
        <v>0</v>
      </c>
      <c r="N5969" s="55">
        <f>IF(Input!$K$13=1,J5969*Input!$J$13,0)+IF(Input!$K$14=1,K5969*Input!$J$14,0)+IF(Input!$K$15=1,L5969*Input!$J$15,0)+IF(Input!$K$16=1,M5969*Input!$J$16,0)</f>
        <v>4.150424182820414</v>
      </c>
      <c r="O5969" s="58">
        <f>IF(Input!$K$13=2,J5969*Input!$J$13,0)+IF(Input!$K$14=2,K5969*Input!$J$14,0)+IF(Input!$K$15=2,L5969*Input!$J$15,0)+IF(Input!$K$16=2,M5969*Input!$J$16,0)</f>
        <v>0.38826567159552094</v>
      </c>
      <c r="P5969" s="58">
        <f>IF(Input!$K$13=3,J5969*Input!$J$13,0)+IF(Input!$K$14=3,K5969*Input!$J$14,0)+IF(Input!$K$15=3,L5969*Input!$J$15,0)+IF(Input!$K$16=3,M5969*Input!$J$16,0)</f>
        <v>0</v>
      </c>
      <c r="Q5969" s="71">
        <f>IF(Input!$K$13=4,J5969*Input!$J$13,0)+IF(Input!$K$14=4,K5969*Input!$J$14,0)+IF(Input!$K$15=4,L5969*Input!$J$15,0)+IF(Input!$K$16=4,M5969*Input!$J$16,0)</f>
        <v>0</v>
      </c>
    </row>
    <row r="5970" spans="8:17" x14ac:dyDescent="0.25">
      <c r="H5970" s="43">
        <v>5963</v>
      </c>
      <c r="I5970" s="55">
        <f>Bühler!I5996</f>
        <v>0.39976094502897669</v>
      </c>
      <c r="J5970" s="58">
        <f>Bühler!J5996</f>
        <v>34.586868190170115</v>
      </c>
      <c r="K5970" s="58">
        <f>Bühler!K5996</f>
        <v>2.876042011818674</v>
      </c>
      <c r="L5970" s="58">
        <f>Bühler!L5996</f>
        <v>1.438021005909337</v>
      </c>
      <c r="M5970" s="57">
        <f>Bühler!M5996</f>
        <v>0</v>
      </c>
      <c r="N5970" s="55">
        <f>IF(Input!$K$13=1,J5970*Input!$J$13,0)+IF(Input!$K$14=1,K5970*Input!$J$14,0)+IF(Input!$K$15=1,L5970*Input!$J$15,0)+IF(Input!$K$16=1,M5970*Input!$J$16,0)</f>
        <v>4.150424182820414</v>
      </c>
      <c r="O5970" s="58">
        <f>IF(Input!$K$13=2,J5970*Input!$J$13,0)+IF(Input!$K$14=2,K5970*Input!$J$14,0)+IF(Input!$K$15=2,L5970*Input!$J$15,0)+IF(Input!$K$16=2,M5970*Input!$J$16,0)</f>
        <v>0.38826567159552094</v>
      </c>
      <c r="P5970" s="58">
        <f>IF(Input!$K$13=3,J5970*Input!$J$13,0)+IF(Input!$K$14=3,K5970*Input!$J$14,0)+IF(Input!$K$15=3,L5970*Input!$J$15,0)+IF(Input!$K$16=3,M5970*Input!$J$16,0)</f>
        <v>0</v>
      </c>
      <c r="Q5970" s="71">
        <f>IF(Input!$K$13=4,J5970*Input!$J$13,0)+IF(Input!$K$14=4,K5970*Input!$J$14,0)+IF(Input!$K$15=4,L5970*Input!$J$15,0)+IF(Input!$K$16=4,M5970*Input!$J$16,0)</f>
        <v>0</v>
      </c>
    </row>
    <row r="5971" spans="8:17" x14ac:dyDescent="0.25">
      <c r="H5971" s="43">
        <v>5964</v>
      </c>
      <c r="I5971" s="55">
        <f>Bühler!I5997</f>
        <v>0.47834642994920279</v>
      </c>
      <c r="J5971" s="58">
        <f>Bühler!J5997</f>
        <v>41.385996124989873</v>
      </c>
      <c r="K5971" s="58">
        <f>Bühler!K5997</f>
        <v>3.4414177919197804</v>
      </c>
      <c r="L5971" s="58">
        <f>Bühler!L5997</f>
        <v>1.7207088959598902</v>
      </c>
      <c r="M5971" s="57">
        <f>Bühler!M5997</f>
        <v>0</v>
      </c>
      <c r="N5971" s="55">
        <f>IF(Input!$K$13=1,J5971*Input!$J$13,0)+IF(Input!$K$14=1,K5971*Input!$J$14,0)+IF(Input!$K$15=1,L5971*Input!$J$15,0)+IF(Input!$K$16=1,M5971*Input!$J$16,0)</f>
        <v>4.9663195349987843</v>
      </c>
      <c r="O5971" s="58">
        <f>IF(Input!$K$13=2,J5971*Input!$J$13,0)+IF(Input!$K$14=2,K5971*Input!$J$14,0)+IF(Input!$K$15=2,L5971*Input!$J$15,0)+IF(Input!$K$16=2,M5971*Input!$J$16,0)</f>
        <v>0.46459140190917031</v>
      </c>
      <c r="P5971" s="58">
        <f>IF(Input!$K$13=3,J5971*Input!$J$13,0)+IF(Input!$K$14=3,K5971*Input!$J$14,0)+IF(Input!$K$15=3,L5971*Input!$J$15,0)+IF(Input!$K$16=3,M5971*Input!$J$16,0)</f>
        <v>0</v>
      </c>
      <c r="Q5971" s="71">
        <f>IF(Input!$K$13=4,J5971*Input!$J$13,0)+IF(Input!$K$14=4,K5971*Input!$J$14,0)+IF(Input!$K$15=4,L5971*Input!$J$15,0)+IF(Input!$K$16=4,M5971*Input!$J$16,0)</f>
        <v>0</v>
      </c>
    </row>
    <row r="5972" spans="8:17" x14ac:dyDescent="0.25">
      <c r="H5972" s="43">
        <v>5965</v>
      </c>
      <c r="I5972" s="55">
        <f>Bühler!I5998</f>
        <v>0.47834642994920279</v>
      </c>
      <c r="J5972" s="58">
        <f>Bühler!J5998</f>
        <v>41.385996124989873</v>
      </c>
      <c r="K5972" s="58">
        <f>Bühler!K5998</f>
        <v>3.4414177919197804</v>
      </c>
      <c r="L5972" s="58">
        <f>Bühler!L5998</f>
        <v>1.7207088959598902</v>
      </c>
      <c r="M5972" s="57">
        <f>Bühler!M5998</f>
        <v>0</v>
      </c>
      <c r="N5972" s="55">
        <f>IF(Input!$K$13=1,J5972*Input!$J$13,0)+IF(Input!$K$14=1,K5972*Input!$J$14,0)+IF(Input!$K$15=1,L5972*Input!$J$15,0)+IF(Input!$K$16=1,M5972*Input!$J$16,0)</f>
        <v>4.9663195349987843</v>
      </c>
      <c r="O5972" s="58">
        <f>IF(Input!$K$13=2,J5972*Input!$J$13,0)+IF(Input!$K$14=2,K5972*Input!$J$14,0)+IF(Input!$K$15=2,L5972*Input!$J$15,0)+IF(Input!$K$16=2,M5972*Input!$J$16,0)</f>
        <v>0.46459140190917031</v>
      </c>
      <c r="P5972" s="58">
        <f>IF(Input!$K$13=3,J5972*Input!$J$13,0)+IF(Input!$K$14=3,K5972*Input!$J$14,0)+IF(Input!$K$15=3,L5972*Input!$J$15,0)+IF(Input!$K$16=3,M5972*Input!$J$16,0)</f>
        <v>0</v>
      </c>
      <c r="Q5972" s="71">
        <f>IF(Input!$K$13=4,J5972*Input!$J$13,0)+IF(Input!$K$14=4,K5972*Input!$J$14,0)+IF(Input!$K$15=4,L5972*Input!$J$15,0)+IF(Input!$K$16=4,M5972*Input!$J$16,0)</f>
        <v>0</v>
      </c>
    </row>
    <row r="5973" spans="8:17" x14ac:dyDescent="0.25">
      <c r="H5973" s="43">
        <v>5966</v>
      </c>
      <c r="I5973" s="55">
        <f>Bühler!I5999</f>
        <v>0.31775869989482752</v>
      </c>
      <c r="J5973" s="58">
        <f>Bühler!J5999</f>
        <v>27.492125997314702</v>
      </c>
      <c r="K5973" s="58">
        <f>Bühler!K5999</f>
        <v>2.2860846760609967</v>
      </c>
      <c r="L5973" s="58">
        <f>Bühler!L5999</f>
        <v>1.1430423380304984</v>
      </c>
      <c r="M5973" s="57">
        <f>Bühler!M5999</f>
        <v>0</v>
      </c>
      <c r="N5973" s="55">
        <f>IF(Input!$K$13=1,J5973*Input!$J$13,0)+IF(Input!$K$14=1,K5973*Input!$J$14,0)+IF(Input!$K$15=1,L5973*Input!$J$15,0)+IF(Input!$K$16=1,M5973*Input!$J$16,0)</f>
        <v>3.2990551196777642</v>
      </c>
      <c r="O5973" s="58">
        <f>IF(Input!$K$13=2,J5973*Input!$J$13,0)+IF(Input!$K$14=2,K5973*Input!$J$14,0)+IF(Input!$K$15=2,L5973*Input!$J$15,0)+IF(Input!$K$16=2,M5973*Input!$J$16,0)</f>
        <v>0.30862143126823455</v>
      </c>
      <c r="P5973" s="58">
        <f>IF(Input!$K$13=3,J5973*Input!$J$13,0)+IF(Input!$K$14=3,K5973*Input!$J$14,0)+IF(Input!$K$15=3,L5973*Input!$J$15,0)+IF(Input!$K$16=3,M5973*Input!$J$16,0)</f>
        <v>0</v>
      </c>
      <c r="Q5973" s="71">
        <f>IF(Input!$K$13=4,J5973*Input!$J$13,0)+IF(Input!$K$14=4,K5973*Input!$J$14,0)+IF(Input!$K$15=4,L5973*Input!$J$15,0)+IF(Input!$K$16=4,M5973*Input!$J$16,0)</f>
        <v>0</v>
      </c>
    </row>
    <row r="5974" spans="8:17" x14ac:dyDescent="0.25">
      <c r="H5974" s="43">
        <v>5967</v>
      </c>
      <c r="I5974" s="55">
        <f>Bühler!I6000</f>
        <v>0.47834642994920279</v>
      </c>
      <c r="J5974" s="58">
        <f>Bühler!J6000</f>
        <v>41.385996124989873</v>
      </c>
      <c r="K5974" s="58">
        <f>Bühler!K6000</f>
        <v>3.4414177919197804</v>
      </c>
      <c r="L5974" s="58">
        <f>Bühler!L6000</f>
        <v>1.7207088959598902</v>
      </c>
      <c r="M5974" s="57">
        <f>Bühler!M6000</f>
        <v>0</v>
      </c>
      <c r="N5974" s="55">
        <f>IF(Input!$K$13=1,J5974*Input!$J$13,0)+IF(Input!$K$14=1,K5974*Input!$J$14,0)+IF(Input!$K$15=1,L5974*Input!$J$15,0)+IF(Input!$K$16=1,M5974*Input!$J$16,0)</f>
        <v>4.9663195349987843</v>
      </c>
      <c r="O5974" s="58">
        <f>IF(Input!$K$13=2,J5974*Input!$J$13,0)+IF(Input!$K$14=2,K5974*Input!$J$14,0)+IF(Input!$K$15=2,L5974*Input!$J$15,0)+IF(Input!$K$16=2,M5974*Input!$J$16,0)</f>
        <v>0.46459140190917031</v>
      </c>
      <c r="P5974" s="58">
        <f>IF(Input!$K$13=3,J5974*Input!$J$13,0)+IF(Input!$K$14=3,K5974*Input!$J$14,0)+IF(Input!$K$15=3,L5974*Input!$J$15,0)+IF(Input!$K$16=3,M5974*Input!$J$16,0)</f>
        <v>0</v>
      </c>
      <c r="Q5974" s="71">
        <f>IF(Input!$K$13=4,J5974*Input!$J$13,0)+IF(Input!$K$14=4,K5974*Input!$J$14,0)+IF(Input!$K$15=4,L5974*Input!$J$15,0)+IF(Input!$K$16=4,M5974*Input!$J$16,0)</f>
        <v>0</v>
      </c>
    </row>
    <row r="5975" spans="8:17" x14ac:dyDescent="0.25">
      <c r="H5975" s="43">
        <v>5968</v>
      </c>
      <c r="I5975" s="55">
        <f>Bühler!I6001</f>
        <v>0.47834642994920279</v>
      </c>
      <c r="J5975" s="58">
        <f>Bühler!J6001</f>
        <v>41.385996124989873</v>
      </c>
      <c r="K5975" s="58">
        <f>Bühler!K6001</f>
        <v>3.4414177919197804</v>
      </c>
      <c r="L5975" s="58">
        <f>Bühler!L6001</f>
        <v>1.7207088959598902</v>
      </c>
      <c r="M5975" s="57">
        <f>Bühler!M6001</f>
        <v>0</v>
      </c>
      <c r="N5975" s="55">
        <f>IF(Input!$K$13=1,J5975*Input!$J$13,0)+IF(Input!$K$14=1,K5975*Input!$J$14,0)+IF(Input!$K$15=1,L5975*Input!$J$15,0)+IF(Input!$K$16=1,M5975*Input!$J$16,0)</f>
        <v>4.9663195349987843</v>
      </c>
      <c r="O5975" s="58">
        <f>IF(Input!$K$13=2,J5975*Input!$J$13,0)+IF(Input!$K$14=2,K5975*Input!$J$14,0)+IF(Input!$K$15=2,L5975*Input!$J$15,0)+IF(Input!$K$16=2,M5975*Input!$J$16,0)</f>
        <v>0.46459140190917031</v>
      </c>
      <c r="P5975" s="58">
        <f>IF(Input!$K$13=3,J5975*Input!$J$13,0)+IF(Input!$K$14=3,K5975*Input!$J$14,0)+IF(Input!$K$15=3,L5975*Input!$J$15,0)+IF(Input!$K$16=3,M5975*Input!$J$16,0)</f>
        <v>0</v>
      </c>
      <c r="Q5975" s="71">
        <f>IF(Input!$K$13=4,J5975*Input!$J$13,0)+IF(Input!$K$14=4,K5975*Input!$J$14,0)+IF(Input!$K$15=4,L5975*Input!$J$15,0)+IF(Input!$K$16=4,M5975*Input!$J$16,0)</f>
        <v>0</v>
      </c>
    </row>
    <row r="5976" spans="8:17" x14ac:dyDescent="0.25">
      <c r="H5976" s="43">
        <v>5969</v>
      </c>
      <c r="I5976" s="55">
        <f>Bühler!I6002</f>
        <v>0.39970203537011595</v>
      </c>
      <c r="J5976" s="58">
        <f>Bühler!J6002</f>
        <v>24.51581388213873</v>
      </c>
      <c r="K5976" s="58">
        <f>Bühler!K6002</f>
        <v>2.0279783416670134</v>
      </c>
      <c r="L5976" s="58">
        <f>Bühler!L6002</f>
        <v>1.0139891708335067</v>
      </c>
      <c r="M5976" s="57">
        <f>Bühler!M6002</f>
        <v>0</v>
      </c>
      <c r="N5976" s="55">
        <f>IF(Input!$K$13=1,J5976*Input!$J$13,0)+IF(Input!$K$14=1,K5976*Input!$J$14,0)+IF(Input!$K$15=1,L5976*Input!$J$15,0)+IF(Input!$K$16=1,M5976*Input!$J$16,0)</f>
        <v>2.9418976658566476</v>
      </c>
      <c r="O5976" s="58">
        <f>IF(Input!$K$13=2,J5976*Input!$J$13,0)+IF(Input!$K$14=2,K5976*Input!$J$14,0)+IF(Input!$K$15=2,L5976*Input!$J$15,0)+IF(Input!$K$16=2,M5976*Input!$J$16,0)</f>
        <v>0.27377707612504681</v>
      </c>
      <c r="P5976" s="58">
        <f>IF(Input!$K$13=3,J5976*Input!$J$13,0)+IF(Input!$K$14=3,K5976*Input!$J$14,0)+IF(Input!$K$15=3,L5976*Input!$J$15,0)+IF(Input!$K$16=3,M5976*Input!$J$16,0)</f>
        <v>0</v>
      </c>
      <c r="Q5976" s="71">
        <f>IF(Input!$K$13=4,J5976*Input!$J$13,0)+IF(Input!$K$14=4,K5976*Input!$J$14,0)+IF(Input!$K$15=4,L5976*Input!$J$15,0)+IF(Input!$K$16=4,M5976*Input!$J$16,0)</f>
        <v>0</v>
      </c>
    </row>
    <row r="5977" spans="8:17" x14ac:dyDescent="0.25">
      <c r="H5977" s="43">
        <v>5970</v>
      </c>
      <c r="I5977" s="55">
        <f>Bühler!I6003</f>
        <v>0.31781760955368837</v>
      </c>
      <c r="J5977" s="58">
        <f>Bühler!J6003</f>
        <v>10.622920994993921</v>
      </c>
      <c r="K5977" s="58">
        <f>Bühler!K6003</f>
        <v>0.86554773438626276</v>
      </c>
      <c r="L5977" s="58">
        <f>Bühler!L6003</f>
        <v>0.43277386719313138</v>
      </c>
      <c r="M5977" s="57">
        <f>Bühler!M6003</f>
        <v>0</v>
      </c>
      <c r="N5977" s="55">
        <f>IF(Input!$K$13=1,J5977*Input!$J$13,0)+IF(Input!$K$14=1,K5977*Input!$J$14,0)+IF(Input!$K$15=1,L5977*Input!$J$15,0)+IF(Input!$K$16=1,M5977*Input!$J$16,0)</f>
        <v>1.2747505193992705</v>
      </c>
      <c r="O5977" s="58">
        <f>IF(Input!$K$13=2,J5977*Input!$J$13,0)+IF(Input!$K$14=2,K5977*Input!$J$14,0)+IF(Input!$K$15=2,L5977*Input!$J$15,0)+IF(Input!$K$16=2,M5977*Input!$J$16,0)</f>
        <v>0.11684894414214547</v>
      </c>
      <c r="P5977" s="58">
        <f>IF(Input!$K$13=3,J5977*Input!$J$13,0)+IF(Input!$K$14=3,K5977*Input!$J$14,0)+IF(Input!$K$15=3,L5977*Input!$J$15,0)+IF(Input!$K$16=3,M5977*Input!$J$16,0)</f>
        <v>0</v>
      </c>
      <c r="Q5977" s="71">
        <f>IF(Input!$K$13=4,J5977*Input!$J$13,0)+IF(Input!$K$14=4,K5977*Input!$J$14,0)+IF(Input!$K$15=4,L5977*Input!$J$15,0)+IF(Input!$K$16=4,M5977*Input!$J$16,0)</f>
        <v>0</v>
      </c>
    </row>
    <row r="5978" spans="8:17" x14ac:dyDescent="0.25">
      <c r="H5978" s="43">
        <v>5971</v>
      </c>
      <c r="I5978" s="55">
        <f>Bühler!I6004</f>
        <v>0.11781931772147852</v>
      </c>
      <c r="J5978" s="58">
        <f>Bühler!J6004</f>
        <v>6.9115258600633682</v>
      </c>
      <c r="K5978" s="58">
        <f>Bühler!K6004</f>
        <v>0.57126150469493342</v>
      </c>
      <c r="L5978" s="58">
        <f>Bühler!L6004</f>
        <v>0.28563075234746671</v>
      </c>
      <c r="M5978" s="57">
        <f>Bühler!M6004</f>
        <v>0</v>
      </c>
      <c r="N5978" s="55">
        <f>IF(Input!$K$13=1,J5978*Input!$J$13,0)+IF(Input!$K$14=1,K5978*Input!$J$14,0)+IF(Input!$K$15=1,L5978*Input!$J$15,0)+IF(Input!$K$16=1,M5978*Input!$J$16,0)</f>
        <v>0.82938310320760411</v>
      </c>
      <c r="O5978" s="58">
        <f>IF(Input!$K$13=2,J5978*Input!$J$13,0)+IF(Input!$K$14=2,K5978*Input!$J$14,0)+IF(Input!$K$15=2,L5978*Input!$J$15,0)+IF(Input!$K$16=2,M5978*Input!$J$16,0)</f>
        <v>7.7120303133816015E-2</v>
      </c>
      <c r="P5978" s="58">
        <f>IF(Input!$K$13=3,J5978*Input!$J$13,0)+IF(Input!$K$14=3,K5978*Input!$J$14,0)+IF(Input!$K$15=3,L5978*Input!$J$15,0)+IF(Input!$K$16=3,M5978*Input!$J$16,0)</f>
        <v>0</v>
      </c>
      <c r="Q5978" s="71">
        <f>IF(Input!$K$13=4,J5978*Input!$J$13,0)+IF(Input!$K$14=4,K5978*Input!$J$14,0)+IF(Input!$K$15=4,L5978*Input!$J$15,0)+IF(Input!$K$16=4,M5978*Input!$J$16,0)</f>
        <v>0</v>
      </c>
    </row>
    <row r="5979" spans="8:17" x14ac:dyDescent="0.25">
      <c r="H5979" s="43">
        <v>5972</v>
      </c>
      <c r="I5979" s="55">
        <f>Bühler!I6005</f>
        <v>0.11781931772147852</v>
      </c>
      <c r="J5979" s="58">
        <f>Bühler!J6005</f>
        <v>6.9115258600633682</v>
      </c>
      <c r="K5979" s="58">
        <f>Bühler!K6005</f>
        <v>0.57126150469493342</v>
      </c>
      <c r="L5979" s="58">
        <f>Bühler!L6005</f>
        <v>0.28563075234746671</v>
      </c>
      <c r="M5979" s="57">
        <f>Bühler!M6005</f>
        <v>0</v>
      </c>
      <c r="N5979" s="55">
        <f>IF(Input!$K$13=1,J5979*Input!$J$13,0)+IF(Input!$K$14=1,K5979*Input!$J$14,0)+IF(Input!$K$15=1,L5979*Input!$J$15,0)+IF(Input!$K$16=1,M5979*Input!$J$16,0)</f>
        <v>0.82938310320760411</v>
      </c>
      <c r="O5979" s="58">
        <f>IF(Input!$K$13=2,J5979*Input!$J$13,0)+IF(Input!$K$14=2,K5979*Input!$J$14,0)+IF(Input!$K$15=2,L5979*Input!$J$15,0)+IF(Input!$K$16=2,M5979*Input!$J$16,0)</f>
        <v>7.7120303133816015E-2</v>
      </c>
      <c r="P5979" s="58">
        <f>IF(Input!$K$13=3,J5979*Input!$J$13,0)+IF(Input!$K$14=3,K5979*Input!$J$14,0)+IF(Input!$K$15=3,L5979*Input!$J$15,0)+IF(Input!$K$16=3,M5979*Input!$J$16,0)</f>
        <v>0</v>
      </c>
      <c r="Q5979" s="71">
        <f>IF(Input!$K$13=4,J5979*Input!$J$13,0)+IF(Input!$K$14=4,K5979*Input!$J$14,0)+IF(Input!$K$15=4,L5979*Input!$J$15,0)+IF(Input!$K$16=4,M5979*Input!$J$16,0)</f>
        <v>0</v>
      </c>
    </row>
    <row r="5980" spans="8:17" x14ac:dyDescent="0.25">
      <c r="H5980" s="43">
        <v>5973</v>
      </c>
      <c r="I5980" s="55">
        <f>Bühler!I6006</f>
        <v>0.11781931772147852</v>
      </c>
      <c r="J5980" s="58">
        <f>Bühler!J6006</f>
        <v>6.9115258600633682</v>
      </c>
      <c r="K5980" s="58">
        <f>Bühler!K6006</f>
        <v>0.57126150469493342</v>
      </c>
      <c r="L5980" s="58">
        <f>Bühler!L6006</f>
        <v>0.28563075234746671</v>
      </c>
      <c r="M5980" s="57">
        <f>Bühler!M6006</f>
        <v>0</v>
      </c>
      <c r="N5980" s="55">
        <f>IF(Input!$K$13=1,J5980*Input!$J$13,0)+IF(Input!$K$14=1,K5980*Input!$J$14,0)+IF(Input!$K$15=1,L5980*Input!$J$15,0)+IF(Input!$K$16=1,M5980*Input!$J$16,0)</f>
        <v>0.82938310320760411</v>
      </c>
      <c r="O5980" s="58">
        <f>IF(Input!$K$13=2,J5980*Input!$J$13,0)+IF(Input!$K$14=2,K5980*Input!$J$14,0)+IF(Input!$K$15=2,L5980*Input!$J$15,0)+IF(Input!$K$16=2,M5980*Input!$J$16,0)</f>
        <v>7.7120303133816015E-2</v>
      </c>
      <c r="P5980" s="58">
        <f>IF(Input!$K$13=3,J5980*Input!$J$13,0)+IF(Input!$K$14=3,K5980*Input!$J$14,0)+IF(Input!$K$15=3,L5980*Input!$J$15,0)+IF(Input!$K$16=3,M5980*Input!$J$16,0)</f>
        <v>0</v>
      </c>
      <c r="Q5980" s="71">
        <f>IF(Input!$K$13=4,J5980*Input!$J$13,0)+IF(Input!$K$14=4,K5980*Input!$J$14,0)+IF(Input!$K$15=4,L5980*Input!$J$15,0)+IF(Input!$K$16=4,M5980*Input!$J$16,0)</f>
        <v>0</v>
      </c>
    </row>
    <row r="5981" spans="8:17" x14ac:dyDescent="0.25">
      <c r="H5981" s="43">
        <v>5974</v>
      </c>
      <c r="I5981" s="55">
        <f>Bühler!I6007</f>
        <v>0.11781931772147852</v>
      </c>
      <c r="J5981" s="58">
        <f>Bühler!J6007</f>
        <v>6.9115258600633682</v>
      </c>
      <c r="K5981" s="58">
        <f>Bühler!K6007</f>
        <v>0.57126150469493342</v>
      </c>
      <c r="L5981" s="58">
        <f>Bühler!L6007</f>
        <v>0.28563075234746671</v>
      </c>
      <c r="M5981" s="57">
        <f>Bühler!M6007</f>
        <v>0</v>
      </c>
      <c r="N5981" s="55">
        <f>IF(Input!$K$13=1,J5981*Input!$J$13,0)+IF(Input!$K$14=1,K5981*Input!$J$14,0)+IF(Input!$K$15=1,L5981*Input!$J$15,0)+IF(Input!$K$16=1,M5981*Input!$J$16,0)</f>
        <v>0.82938310320760411</v>
      </c>
      <c r="O5981" s="58">
        <f>IF(Input!$K$13=2,J5981*Input!$J$13,0)+IF(Input!$K$14=2,K5981*Input!$J$14,0)+IF(Input!$K$15=2,L5981*Input!$J$15,0)+IF(Input!$K$16=2,M5981*Input!$J$16,0)</f>
        <v>7.7120303133816015E-2</v>
      </c>
      <c r="P5981" s="58">
        <f>IF(Input!$K$13=3,J5981*Input!$J$13,0)+IF(Input!$K$14=3,K5981*Input!$J$14,0)+IF(Input!$K$15=3,L5981*Input!$J$15,0)+IF(Input!$K$16=3,M5981*Input!$J$16,0)</f>
        <v>0</v>
      </c>
      <c r="Q5981" s="71">
        <f>IF(Input!$K$13=4,J5981*Input!$J$13,0)+IF(Input!$K$14=4,K5981*Input!$J$14,0)+IF(Input!$K$15=4,L5981*Input!$J$15,0)+IF(Input!$K$16=4,M5981*Input!$J$16,0)</f>
        <v>0</v>
      </c>
    </row>
    <row r="5982" spans="8:17" x14ac:dyDescent="0.25">
      <c r="H5982" s="43">
        <v>5975</v>
      </c>
      <c r="I5982" s="55">
        <f>Bühler!I6008</f>
        <v>0.11781931772147852</v>
      </c>
      <c r="J5982" s="58">
        <f>Bühler!J6008</f>
        <v>6.9115258600633682</v>
      </c>
      <c r="K5982" s="58">
        <f>Bühler!K6008</f>
        <v>0.57126150469493342</v>
      </c>
      <c r="L5982" s="58">
        <f>Bühler!L6008</f>
        <v>0.28563075234746671</v>
      </c>
      <c r="M5982" s="57">
        <f>Bühler!M6008</f>
        <v>0</v>
      </c>
      <c r="N5982" s="55">
        <f>IF(Input!$K$13=1,J5982*Input!$J$13,0)+IF(Input!$K$14=1,K5982*Input!$J$14,0)+IF(Input!$K$15=1,L5982*Input!$J$15,0)+IF(Input!$K$16=1,M5982*Input!$J$16,0)</f>
        <v>0.82938310320760411</v>
      </c>
      <c r="O5982" s="58">
        <f>IF(Input!$K$13=2,J5982*Input!$J$13,0)+IF(Input!$K$14=2,K5982*Input!$J$14,0)+IF(Input!$K$15=2,L5982*Input!$J$15,0)+IF(Input!$K$16=2,M5982*Input!$J$16,0)</f>
        <v>7.7120303133816015E-2</v>
      </c>
      <c r="P5982" s="58">
        <f>IF(Input!$K$13=3,J5982*Input!$J$13,0)+IF(Input!$K$14=3,K5982*Input!$J$14,0)+IF(Input!$K$15=3,L5982*Input!$J$15,0)+IF(Input!$K$16=3,M5982*Input!$J$16,0)</f>
        <v>0</v>
      </c>
      <c r="Q5982" s="71">
        <f>IF(Input!$K$13=4,J5982*Input!$J$13,0)+IF(Input!$K$14=4,K5982*Input!$J$14,0)+IF(Input!$K$15=4,L5982*Input!$J$15,0)+IF(Input!$K$16=4,M5982*Input!$J$16,0)</f>
        <v>0</v>
      </c>
    </row>
    <row r="5983" spans="8:17" x14ac:dyDescent="0.25">
      <c r="H5983" s="43">
        <v>5976</v>
      </c>
      <c r="I5983" s="55">
        <f>Bühler!I6009</f>
        <v>0.11781931772147852</v>
      </c>
      <c r="J5983" s="58">
        <f>Bühler!J6009</f>
        <v>6.9115258600633682</v>
      </c>
      <c r="K5983" s="58">
        <f>Bühler!K6009</f>
        <v>0.57126150469493342</v>
      </c>
      <c r="L5983" s="58">
        <f>Bühler!L6009</f>
        <v>0.28563075234746671</v>
      </c>
      <c r="M5983" s="57">
        <f>Bühler!M6009</f>
        <v>0</v>
      </c>
      <c r="N5983" s="55">
        <f>IF(Input!$K$13=1,J5983*Input!$J$13,0)+IF(Input!$K$14=1,K5983*Input!$J$14,0)+IF(Input!$K$15=1,L5983*Input!$J$15,0)+IF(Input!$K$16=1,M5983*Input!$J$16,0)</f>
        <v>0.82938310320760411</v>
      </c>
      <c r="O5983" s="58">
        <f>IF(Input!$K$13=2,J5983*Input!$J$13,0)+IF(Input!$K$14=2,K5983*Input!$J$14,0)+IF(Input!$K$15=2,L5983*Input!$J$15,0)+IF(Input!$K$16=2,M5983*Input!$J$16,0)</f>
        <v>7.7120303133816015E-2</v>
      </c>
      <c r="P5983" s="58">
        <f>IF(Input!$K$13=3,J5983*Input!$J$13,0)+IF(Input!$K$14=3,K5983*Input!$J$14,0)+IF(Input!$K$15=3,L5983*Input!$J$15,0)+IF(Input!$K$16=3,M5983*Input!$J$16,0)</f>
        <v>0</v>
      </c>
      <c r="Q5983" s="71">
        <f>IF(Input!$K$13=4,J5983*Input!$J$13,0)+IF(Input!$K$14=4,K5983*Input!$J$14,0)+IF(Input!$K$15=4,L5983*Input!$J$15,0)+IF(Input!$K$16=4,M5983*Input!$J$16,0)</f>
        <v>0</v>
      </c>
    </row>
    <row r="5984" spans="8:17" x14ac:dyDescent="0.25">
      <c r="H5984" s="43">
        <v>5977</v>
      </c>
      <c r="I5984" s="55">
        <f>Bühler!I6010</f>
        <v>0.10218561223485198</v>
      </c>
      <c r="J5984" s="58">
        <f>Bühler!J6010</f>
        <v>6.8604571161494219</v>
      </c>
      <c r="K5984" s="58">
        <f>Bühler!K6010</f>
        <v>0.56991770786980833</v>
      </c>
      <c r="L5984" s="58">
        <f>Bühler!L6010</f>
        <v>0.28495885393490417</v>
      </c>
      <c r="M5984" s="57">
        <f>Bühler!M6010</f>
        <v>0</v>
      </c>
      <c r="N5984" s="55">
        <f>IF(Input!$K$13=1,J5984*Input!$J$13,0)+IF(Input!$K$14=1,K5984*Input!$J$14,0)+IF(Input!$K$15=1,L5984*Input!$J$15,0)+IF(Input!$K$16=1,M5984*Input!$J$16,0)</f>
        <v>0.82325485393793063</v>
      </c>
      <c r="O5984" s="58">
        <f>IF(Input!$K$13=2,J5984*Input!$J$13,0)+IF(Input!$K$14=2,K5984*Input!$J$14,0)+IF(Input!$K$15=2,L5984*Input!$J$15,0)+IF(Input!$K$16=2,M5984*Input!$J$16,0)</f>
        <v>7.6938890562424117E-2</v>
      </c>
      <c r="P5984" s="58">
        <f>IF(Input!$K$13=3,J5984*Input!$J$13,0)+IF(Input!$K$14=3,K5984*Input!$J$14,0)+IF(Input!$K$15=3,L5984*Input!$J$15,0)+IF(Input!$K$16=3,M5984*Input!$J$16,0)</f>
        <v>0</v>
      </c>
      <c r="Q5984" s="71">
        <f>IF(Input!$K$13=4,J5984*Input!$J$13,0)+IF(Input!$K$14=4,K5984*Input!$J$14,0)+IF(Input!$K$15=4,L5984*Input!$J$15,0)+IF(Input!$K$16=4,M5984*Input!$J$16,0)</f>
        <v>0</v>
      </c>
    </row>
    <row r="5985" spans="8:17" x14ac:dyDescent="0.25">
      <c r="H5985" s="43">
        <v>5978</v>
      </c>
      <c r="I5985" s="55">
        <f>Bühler!I6011</f>
        <v>0.10218561223485198</v>
      </c>
      <c r="J5985" s="58">
        <f>Bühler!J6011</f>
        <v>6.8604571161494219</v>
      </c>
      <c r="K5985" s="58">
        <f>Bühler!K6011</f>
        <v>0.56991770786980833</v>
      </c>
      <c r="L5985" s="58">
        <f>Bühler!L6011</f>
        <v>0.28495885393490417</v>
      </c>
      <c r="M5985" s="57">
        <f>Bühler!M6011</f>
        <v>0</v>
      </c>
      <c r="N5985" s="55">
        <f>IF(Input!$K$13=1,J5985*Input!$J$13,0)+IF(Input!$K$14=1,K5985*Input!$J$14,0)+IF(Input!$K$15=1,L5985*Input!$J$15,0)+IF(Input!$K$16=1,M5985*Input!$J$16,0)</f>
        <v>0.82325485393793063</v>
      </c>
      <c r="O5985" s="58">
        <f>IF(Input!$K$13=2,J5985*Input!$J$13,0)+IF(Input!$K$14=2,K5985*Input!$J$14,0)+IF(Input!$K$15=2,L5985*Input!$J$15,0)+IF(Input!$K$16=2,M5985*Input!$J$16,0)</f>
        <v>7.6938890562424117E-2</v>
      </c>
      <c r="P5985" s="58">
        <f>IF(Input!$K$13=3,J5985*Input!$J$13,0)+IF(Input!$K$14=3,K5985*Input!$J$14,0)+IF(Input!$K$15=3,L5985*Input!$J$15,0)+IF(Input!$K$16=3,M5985*Input!$J$16,0)</f>
        <v>0</v>
      </c>
      <c r="Q5985" s="71">
        <f>IF(Input!$K$13=4,J5985*Input!$J$13,0)+IF(Input!$K$14=4,K5985*Input!$J$14,0)+IF(Input!$K$15=4,L5985*Input!$J$15,0)+IF(Input!$K$16=4,M5985*Input!$J$16,0)</f>
        <v>0</v>
      </c>
    </row>
    <row r="5986" spans="8:17" x14ac:dyDescent="0.25">
      <c r="H5986" s="43">
        <v>5979</v>
      </c>
      <c r="I5986" s="55">
        <f>Bühler!I6012</f>
        <v>0.10218561223485198</v>
      </c>
      <c r="J5986" s="58">
        <f>Bühler!J6012</f>
        <v>6.8604571161494219</v>
      </c>
      <c r="K5986" s="58">
        <f>Bühler!K6012</f>
        <v>0.56991770786980833</v>
      </c>
      <c r="L5986" s="58">
        <f>Bühler!L6012</f>
        <v>0.28495885393490417</v>
      </c>
      <c r="M5986" s="57">
        <f>Bühler!M6012</f>
        <v>0</v>
      </c>
      <c r="N5986" s="55">
        <f>IF(Input!$K$13=1,J5986*Input!$J$13,0)+IF(Input!$K$14=1,K5986*Input!$J$14,0)+IF(Input!$K$15=1,L5986*Input!$J$15,0)+IF(Input!$K$16=1,M5986*Input!$J$16,0)</f>
        <v>0.82325485393793063</v>
      </c>
      <c r="O5986" s="58">
        <f>IF(Input!$K$13=2,J5986*Input!$J$13,0)+IF(Input!$K$14=2,K5986*Input!$J$14,0)+IF(Input!$K$15=2,L5986*Input!$J$15,0)+IF(Input!$K$16=2,M5986*Input!$J$16,0)</f>
        <v>7.6938890562424117E-2</v>
      </c>
      <c r="P5986" s="58">
        <f>IF(Input!$K$13=3,J5986*Input!$J$13,0)+IF(Input!$K$14=3,K5986*Input!$J$14,0)+IF(Input!$K$15=3,L5986*Input!$J$15,0)+IF(Input!$K$16=3,M5986*Input!$J$16,0)</f>
        <v>0</v>
      </c>
      <c r="Q5986" s="71">
        <f>IF(Input!$K$13=4,J5986*Input!$J$13,0)+IF(Input!$K$14=4,K5986*Input!$J$14,0)+IF(Input!$K$15=4,L5986*Input!$J$15,0)+IF(Input!$K$16=4,M5986*Input!$J$16,0)</f>
        <v>0</v>
      </c>
    </row>
    <row r="5987" spans="8:17" x14ac:dyDescent="0.25">
      <c r="H5987" s="43">
        <v>5980</v>
      </c>
      <c r="I5987" s="55">
        <f>Bühler!I6013</f>
        <v>0.10218561223485198</v>
      </c>
      <c r="J5987" s="58">
        <f>Bühler!J6013</f>
        <v>6.8604571161494219</v>
      </c>
      <c r="K5987" s="58">
        <f>Bühler!K6013</f>
        <v>0.56991770786980833</v>
      </c>
      <c r="L5987" s="58">
        <f>Bühler!L6013</f>
        <v>0.28495885393490417</v>
      </c>
      <c r="M5987" s="57">
        <f>Bühler!M6013</f>
        <v>0</v>
      </c>
      <c r="N5987" s="55">
        <f>IF(Input!$K$13=1,J5987*Input!$J$13,0)+IF(Input!$K$14=1,K5987*Input!$J$14,0)+IF(Input!$K$15=1,L5987*Input!$J$15,0)+IF(Input!$K$16=1,M5987*Input!$J$16,0)</f>
        <v>0.82325485393793063</v>
      </c>
      <c r="O5987" s="58">
        <f>IF(Input!$K$13=2,J5987*Input!$J$13,0)+IF(Input!$K$14=2,K5987*Input!$J$14,0)+IF(Input!$K$15=2,L5987*Input!$J$15,0)+IF(Input!$K$16=2,M5987*Input!$J$16,0)</f>
        <v>7.6938890562424117E-2</v>
      </c>
      <c r="P5987" s="58">
        <f>IF(Input!$K$13=3,J5987*Input!$J$13,0)+IF(Input!$K$14=3,K5987*Input!$J$14,0)+IF(Input!$K$15=3,L5987*Input!$J$15,0)+IF(Input!$K$16=3,M5987*Input!$J$16,0)</f>
        <v>0</v>
      </c>
      <c r="Q5987" s="71">
        <f>IF(Input!$K$13=4,J5987*Input!$J$13,0)+IF(Input!$K$14=4,K5987*Input!$J$14,0)+IF(Input!$K$15=4,L5987*Input!$J$15,0)+IF(Input!$K$16=4,M5987*Input!$J$16,0)</f>
        <v>0</v>
      </c>
    </row>
    <row r="5988" spans="8:17" x14ac:dyDescent="0.25">
      <c r="H5988" s="43">
        <v>5981</v>
      </c>
      <c r="I5988" s="55">
        <f>Bühler!I6014</f>
        <v>0.10218561223485198</v>
      </c>
      <c r="J5988" s="58">
        <f>Bühler!J6014</f>
        <v>6.8604571161494219</v>
      </c>
      <c r="K5988" s="58">
        <f>Bühler!K6014</f>
        <v>0.56991770786980833</v>
      </c>
      <c r="L5988" s="58">
        <f>Bühler!L6014</f>
        <v>0.28495885393490417</v>
      </c>
      <c r="M5988" s="57">
        <f>Bühler!M6014</f>
        <v>0</v>
      </c>
      <c r="N5988" s="55">
        <f>IF(Input!$K$13=1,J5988*Input!$J$13,0)+IF(Input!$K$14=1,K5988*Input!$J$14,0)+IF(Input!$K$15=1,L5988*Input!$J$15,0)+IF(Input!$K$16=1,M5988*Input!$J$16,0)</f>
        <v>0.82325485393793063</v>
      </c>
      <c r="O5988" s="58">
        <f>IF(Input!$K$13=2,J5988*Input!$J$13,0)+IF(Input!$K$14=2,K5988*Input!$J$14,0)+IF(Input!$K$15=2,L5988*Input!$J$15,0)+IF(Input!$K$16=2,M5988*Input!$J$16,0)</f>
        <v>7.6938890562424117E-2</v>
      </c>
      <c r="P5988" s="58">
        <f>IF(Input!$K$13=3,J5988*Input!$J$13,0)+IF(Input!$K$14=3,K5988*Input!$J$14,0)+IF(Input!$K$15=3,L5988*Input!$J$15,0)+IF(Input!$K$16=3,M5988*Input!$J$16,0)</f>
        <v>0</v>
      </c>
      <c r="Q5988" s="71">
        <f>IF(Input!$K$13=4,J5988*Input!$J$13,0)+IF(Input!$K$14=4,K5988*Input!$J$14,0)+IF(Input!$K$15=4,L5988*Input!$J$15,0)+IF(Input!$K$16=4,M5988*Input!$J$16,0)</f>
        <v>0</v>
      </c>
    </row>
    <row r="5989" spans="8:17" x14ac:dyDescent="0.25">
      <c r="H5989" s="43">
        <v>5982</v>
      </c>
      <c r="I5989" s="55">
        <f>Bühler!I6015</f>
        <v>0.10218561223485198</v>
      </c>
      <c r="J5989" s="58">
        <f>Bühler!J6015</f>
        <v>6.8604571161494219</v>
      </c>
      <c r="K5989" s="58">
        <f>Bühler!K6015</f>
        <v>0.56991770786980833</v>
      </c>
      <c r="L5989" s="58">
        <f>Bühler!L6015</f>
        <v>0.28495885393490417</v>
      </c>
      <c r="M5989" s="57">
        <f>Bühler!M6015</f>
        <v>0</v>
      </c>
      <c r="N5989" s="55">
        <f>IF(Input!$K$13=1,J5989*Input!$J$13,0)+IF(Input!$K$14=1,K5989*Input!$J$14,0)+IF(Input!$K$15=1,L5989*Input!$J$15,0)+IF(Input!$K$16=1,M5989*Input!$J$16,0)</f>
        <v>0.82325485393793063</v>
      </c>
      <c r="O5989" s="58">
        <f>IF(Input!$K$13=2,J5989*Input!$J$13,0)+IF(Input!$K$14=2,K5989*Input!$J$14,0)+IF(Input!$K$15=2,L5989*Input!$J$15,0)+IF(Input!$K$16=2,M5989*Input!$J$16,0)</f>
        <v>7.6938890562424117E-2</v>
      </c>
      <c r="P5989" s="58">
        <f>IF(Input!$K$13=3,J5989*Input!$J$13,0)+IF(Input!$K$14=3,K5989*Input!$J$14,0)+IF(Input!$K$15=3,L5989*Input!$J$15,0)+IF(Input!$K$16=3,M5989*Input!$J$16,0)</f>
        <v>0</v>
      </c>
      <c r="Q5989" s="71">
        <f>IF(Input!$K$13=4,J5989*Input!$J$13,0)+IF(Input!$K$14=4,K5989*Input!$J$14,0)+IF(Input!$K$15=4,L5989*Input!$J$15,0)+IF(Input!$K$16=4,M5989*Input!$J$16,0)</f>
        <v>0</v>
      </c>
    </row>
    <row r="5990" spans="8:17" x14ac:dyDescent="0.25">
      <c r="H5990" s="43">
        <v>5983</v>
      </c>
      <c r="I5990" s="55">
        <f>Bühler!I6016</f>
        <v>0.10218561223485198</v>
      </c>
      <c r="J5990" s="58">
        <f>Bühler!J6016</f>
        <v>6.8604571161494219</v>
      </c>
      <c r="K5990" s="58">
        <f>Bühler!K6016</f>
        <v>0.56991770786980833</v>
      </c>
      <c r="L5990" s="58">
        <f>Bühler!L6016</f>
        <v>0.28495885393490417</v>
      </c>
      <c r="M5990" s="57">
        <f>Bühler!M6016</f>
        <v>0</v>
      </c>
      <c r="N5990" s="55">
        <f>IF(Input!$K$13=1,J5990*Input!$J$13,0)+IF(Input!$K$14=1,K5990*Input!$J$14,0)+IF(Input!$K$15=1,L5990*Input!$J$15,0)+IF(Input!$K$16=1,M5990*Input!$J$16,0)</f>
        <v>0.82325485393793063</v>
      </c>
      <c r="O5990" s="58">
        <f>IF(Input!$K$13=2,J5990*Input!$J$13,0)+IF(Input!$K$14=2,K5990*Input!$J$14,0)+IF(Input!$K$15=2,L5990*Input!$J$15,0)+IF(Input!$K$16=2,M5990*Input!$J$16,0)</f>
        <v>7.6938890562424117E-2</v>
      </c>
      <c r="P5990" s="58">
        <f>IF(Input!$K$13=3,J5990*Input!$J$13,0)+IF(Input!$K$14=3,K5990*Input!$J$14,0)+IF(Input!$K$15=3,L5990*Input!$J$15,0)+IF(Input!$K$16=3,M5990*Input!$J$16,0)</f>
        <v>0</v>
      </c>
      <c r="Q5990" s="71">
        <f>IF(Input!$K$13=4,J5990*Input!$J$13,0)+IF(Input!$K$14=4,K5990*Input!$J$14,0)+IF(Input!$K$15=4,L5990*Input!$J$15,0)+IF(Input!$K$16=4,M5990*Input!$J$16,0)</f>
        <v>0</v>
      </c>
    </row>
    <row r="5991" spans="8:17" x14ac:dyDescent="0.25">
      <c r="H5991" s="43">
        <v>5984</v>
      </c>
      <c r="I5991" s="55">
        <f>Bühler!I6017</f>
        <v>0.28152136170701714</v>
      </c>
      <c r="J5991" s="58">
        <f>Bühler!J6017</f>
        <v>27.897165999037206</v>
      </c>
      <c r="K5991" s="58">
        <f>Bühler!K6017</f>
        <v>2.3297545088374894</v>
      </c>
      <c r="L5991" s="58">
        <f>Bühler!L6017</f>
        <v>1.1648772544187447</v>
      </c>
      <c r="M5991" s="57">
        <f>Bühler!M6017</f>
        <v>0</v>
      </c>
      <c r="N5991" s="55">
        <f>IF(Input!$K$13=1,J5991*Input!$J$13,0)+IF(Input!$K$14=1,K5991*Input!$J$14,0)+IF(Input!$K$15=1,L5991*Input!$J$15,0)+IF(Input!$K$16=1,M5991*Input!$J$16,0)</f>
        <v>3.3476599198844648</v>
      </c>
      <c r="O5991" s="58">
        <f>IF(Input!$K$13=2,J5991*Input!$J$13,0)+IF(Input!$K$14=2,K5991*Input!$J$14,0)+IF(Input!$K$15=2,L5991*Input!$J$15,0)+IF(Input!$K$16=2,M5991*Input!$J$16,0)</f>
        <v>0.31451685869306106</v>
      </c>
      <c r="P5991" s="58">
        <f>IF(Input!$K$13=3,J5991*Input!$J$13,0)+IF(Input!$K$14=3,K5991*Input!$J$14,0)+IF(Input!$K$15=3,L5991*Input!$J$15,0)+IF(Input!$K$16=3,M5991*Input!$J$16,0)</f>
        <v>0</v>
      </c>
      <c r="Q5991" s="71">
        <f>IF(Input!$K$13=4,J5991*Input!$J$13,0)+IF(Input!$K$14=4,K5991*Input!$J$14,0)+IF(Input!$K$15=4,L5991*Input!$J$15,0)+IF(Input!$K$16=4,M5991*Input!$J$16,0)</f>
        <v>0</v>
      </c>
    </row>
    <row r="5992" spans="8:17" x14ac:dyDescent="0.25">
      <c r="H5992" s="43">
        <v>5985</v>
      </c>
      <c r="I5992" s="55">
        <f>Bühler!I6018</f>
        <v>0.31411857200993498</v>
      </c>
      <c r="J5992" s="58">
        <f>Bühler!J6018</f>
        <v>31.12736416734678</v>
      </c>
      <c r="K5992" s="58">
        <f>Bühler!K6018</f>
        <v>2.5995155572291986</v>
      </c>
      <c r="L5992" s="58">
        <f>Bühler!L6018</f>
        <v>1.2997577786145993</v>
      </c>
      <c r="M5992" s="57">
        <f>Bühler!M6018</f>
        <v>0</v>
      </c>
      <c r="N5992" s="55">
        <f>IF(Input!$K$13=1,J5992*Input!$J$13,0)+IF(Input!$K$14=1,K5992*Input!$J$14,0)+IF(Input!$K$15=1,L5992*Input!$J$15,0)+IF(Input!$K$16=1,M5992*Input!$J$16,0)</f>
        <v>3.7352837000816135</v>
      </c>
      <c r="O5992" s="58">
        <f>IF(Input!$K$13=2,J5992*Input!$J$13,0)+IF(Input!$K$14=2,K5992*Input!$J$14,0)+IF(Input!$K$15=2,L5992*Input!$J$15,0)+IF(Input!$K$16=2,M5992*Input!$J$16,0)</f>
        <v>0.35093460022594181</v>
      </c>
      <c r="P5992" s="58">
        <f>IF(Input!$K$13=3,J5992*Input!$J$13,0)+IF(Input!$K$14=3,K5992*Input!$J$14,0)+IF(Input!$K$15=3,L5992*Input!$J$15,0)+IF(Input!$K$16=3,M5992*Input!$J$16,0)</f>
        <v>0</v>
      </c>
      <c r="Q5992" s="71">
        <f>IF(Input!$K$13=4,J5992*Input!$J$13,0)+IF(Input!$K$14=4,K5992*Input!$J$14,0)+IF(Input!$K$15=4,L5992*Input!$J$15,0)+IF(Input!$K$16=4,M5992*Input!$J$16,0)</f>
        <v>0</v>
      </c>
    </row>
    <row r="5993" spans="8:17" x14ac:dyDescent="0.25">
      <c r="H5993" s="43">
        <v>5986</v>
      </c>
      <c r="I5993" s="55">
        <f>Bühler!I6019</f>
        <v>0.34671578231285272</v>
      </c>
      <c r="J5993" s="58">
        <f>Bühler!J6019</f>
        <v>34.357562335656354</v>
      </c>
      <c r="K5993" s="58">
        <f>Bühler!K6019</f>
        <v>2.8692766056209082</v>
      </c>
      <c r="L5993" s="58">
        <f>Bühler!L6019</f>
        <v>1.4346383028104541</v>
      </c>
      <c r="M5993" s="57">
        <f>Bühler!M6019</f>
        <v>0</v>
      </c>
      <c r="N5993" s="55">
        <f>IF(Input!$K$13=1,J5993*Input!$J$13,0)+IF(Input!$K$14=1,K5993*Input!$J$14,0)+IF(Input!$K$15=1,L5993*Input!$J$15,0)+IF(Input!$K$16=1,M5993*Input!$J$16,0)</f>
        <v>4.1229074802787622</v>
      </c>
      <c r="O5993" s="58">
        <f>IF(Input!$K$13=2,J5993*Input!$J$13,0)+IF(Input!$K$14=2,K5993*Input!$J$14,0)+IF(Input!$K$15=2,L5993*Input!$J$15,0)+IF(Input!$K$16=2,M5993*Input!$J$16,0)</f>
        <v>0.3873523417588226</v>
      </c>
      <c r="P5993" s="58">
        <f>IF(Input!$K$13=3,J5993*Input!$J$13,0)+IF(Input!$K$14=3,K5993*Input!$J$14,0)+IF(Input!$K$15=3,L5993*Input!$J$15,0)+IF(Input!$K$16=3,M5993*Input!$J$16,0)</f>
        <v>0</v>
      </c>
      <c r="Q5993" s="71">
        <f>IF(Input!$K$13=4,J5993*Input!$J$13,0)+IF(Input!$K$14=4,K5993*Input!$J$14,0)+IF(Input!$K$15=4,L5993*Input!$J$15,0)+IF(Input!$K$16=4,M5993*Input!$J$16,0)</f>
        <v>0</v>
      </c>
    </row>
    <row r="5994" spans="8:17" x14ac:dyDescent="0.25">
      <c r="H5994" s="43">
        <v>5987</v>
      </c>
      <c r="I5994" s="55">
        <f>Bühler!I6020</f>
        <v>0.34671578231285272</v>
      </c>
      <c r="J5994" s="58">
        <f>Bühler!J6020</f>
        <v>34.357562335656354</v>
      </c>
      <c r="K5994" s="58">
        <f>Bühler!K6020</f>
        <v>2.8692766056209082</v>
      </c>
      <c r="L5994" s="58">
        <f>Bühler!L6020</f>
        <v>1.4346383028104541</v>
      </c>
      <c r="M5994" s="57">
        <f>Bühler!M6020</f>
        <v>0</v>
      </c>
      <c r="N5994" s="55">
        <f>IF(Input!$K$13=1,J5994*Input!$J$13,0)+IF(Input!$K$14=1,K5994*Input!$J$14,0)+IF(Input!$K$15=1,L5994*Input!$J$15,0)+IF(Input!$K$16=1,M5994*Input!$J$16,0)</f>
        <v>4.1229074802787622</v>
      </c>
      <c r="O5994" s="58">
        <f>IF(Input!$K$13=2,J5994*Input!$J$13,0)+IF(Input!$K$14=2,K5994*Input!$J$14,0)+IF(Input!$K$15=2,L5994*Input!$J$15,0)+IF(Input!$K$16=2,M5994*Input!$J$16,0)</f>
        <v>0.3873523417588226</v>
      </c>
      <c r="P5994" s="58">
        <f>IF(Input!$K$13=3,J5994*Input!$J$13,0)+IF(Input!$K$14=3,K5994*Input!$J$14,0)+IF(Input!$K$15=3,L5994*Input!$J$15,0)+IF(Input!$K$16=3,M5994*Input!$J$16,0)</f>
        <v>0</v>
      </c>
      <c r="Q5994" s="71">
        <f>IF(Input!$K$13=4,J5994*Input!$J$13,0)+IF(Input!$K$14=4,K5994*Input!$J$14,0)+IF(Input!$K$15=4,L5994*Input!$J$15,0)+IF(Input!$K$16=4,M5994*Input!$J$16,0)</f>
        <v>0</v>
      </c>
    </row>
    <row r="5995" spans="8:17" x14ac:dyDescent="0.25">
      <c r="H5995" s="43">
        <v>5988</v>
      </c>
      <c r="I5995" s="55">
        <f>Bühler!I6021</f>
        <v>0.41487358567349902</v>
      </c>
      <c r="J5995" s="58">
        <f>Bühler!J6021</f>
        <v>41.111613051212728</v>
      </c>
      <c r="K5995" s="58">
        <f>Bühler!K6021</f>
        <v>3.4333224340763002</v>
      </c>
      <c r="L5995" s="58">
        <f>Bühler!L6021</f>
        <v>1.7166612170381501</v>
      </c>
      <c r="M5995" s="57">
        <f>Bühler!M6021</f>
        <v>0</v>
      </c>
      <c r="N5995" s="55">
        <f>IF(Input!$K$13=1,J5995*Input!$J$13,0)+IF(Input!$K$14=1,K5995*Input!$J$14,0)+IF(Input!$K$15=1,L5995*Input!$J$15,0)+IF(Input!$K$16=1,M5995*Input!$J$16,0)</f>
        <v>4.9333935661455275</v>
      </c>
      <c r="O5995" s="58">
        <f>IF(Input!$K$13=2,J5995*Input!$J$13,0)+IF(Input!$K$14=2,K5995*Input!$J$14,0)+IF(Input!$K$15=2,L5995*Input!$J$15,0)+IF(Input!$K$16=2,M5995*Input!$J$16,0)</f>
        <v>0.4634985286003005</v>
      </c>
      <c r="P5995" s="58">
        <f>IF(Input!$K$13=3,J5995*Input!$J$13,0)+IF(Input!$K$14=3,K5995*Input!$J$14,0)+IF(Input!$K$15=3,L5995*Input!$J$15,0)+IF(Input!$K$16=3,M5995*Input!$J$16,0)</f>
        <v>0</v>
      </c>
      <c r="Q5995" s="71">
        <f>IF(Input!$K$13=4,J5995*Input!$J$13,0)+IF(Input!$K$14=4,K5995*Input!$J$14,0)+IF(Input!$K$15=4,L5995*Input!$J$15,0)+IF(Input!$K$16=4,M5995*Input!$J$16,0)</f>
        <v>0</v>
      </c>
    </row>
    <row r="5996" spans="8:17" x14ac:dyDescent="0.25">
      <c r="H5996" s="43">
        <v>5989</v>
      </c>
      <c r="I5996" s="55">
        <f>Bühler!I6022</f>
        <v>0.41487358567349902</v>
      </c>
      <c r="J5996" s="58">
        <f>Bühler!J6022</f>
        <v>41.111613051212728</v>
      </c>
      <c r="K5996" s="58">
        <f>Bühler!K6022</f>
        <v>3.4333224340763002</v>
      </c>
      <c r="L5996" s="58">
        <f>Bühler!L6022</f>
        <v>1.7166612170381501</v>
      </c>
      <c r="M5996" s="57">
        <f>Bühler!M6022</f>
        <v>0</v>
      </c>
      <c r="N5996" s="55">
        <f>IF(Input!$K$13=1,J5996*Input!$J$13,0)+IF(Input!$K$14=1,K5996*Input!$J$14,0)+IF(Input!$K$15=1,L5996*Input!$J$15,0)+IF(Input!$K$16=1,M5996*Input!$J$16,0)</f>
        <v>4.9333935661455275</v>
      </c>
      <c r="O5996" s="58">
        <f>IF(Input!$K$13=2,J5996*Input!$J$13,0)+IF(Input!$K$14=2,K5996*Input!$J$14,0)+IF(Input!$K$15=2,L5996*Input!$J$15,0)+IF(Input!$K$16=2,M5996*Input!$J$16,0)</f>
        <v>0.4634985286003005</v>
      </c>
      <c r="P5996" s="58">
        <f>IF(Input!$K$13=3,J5996*Input!$J$13,0)+IF(Input!$K$14=3,K5996*Input!$J$14,0)+IF(Input!$K$15=3,L5996*Input!$J$15,0)+IF(Input!$K$16=3,M5996*Input!$J$16,0)</f>
        <v>0</v>
      </c>
      <c r="Q5996" s="71">
        <f>IF(Input!$K$13=4,J5996*Input!$J$13,0)+IF(Input!$K$14=4,K5996*Input!$J$14,0)+IF(Input!$K$15=4,L5996*Input!$J$15,0)+IF(Input!$K$16=4,M5996*Input!$J$16,0)</f>
        <v>0</v>
      </c>
    </row>
    <row r="5997" spans="8:17" x14ac:dyDescent="0.25">
      <c r="H5997" s="43">
        <v>5990</v>
      </c>
      <c r="I5997" s="55">
        <f>Bühler!I6023</f>
        <v>0.27559459619739574</v>
      </c>
      <c r="J5997" s="58">
        <f>Bühler!J6023</f>
        <v>27.309857241162742</v>
      </c>
      <c r="K5997" s="58">
        <f>Bühler!K6023</f>
        <v>2.2807070454935419</v>
      </c>
      <c r="L5997" s="58">
        <f>Bühler!L6023</f>
        <v>1.1403535227467709</v>
      </c>
      <c r="M5997" s="57">
        <f>Bühler!M6023</f>
        <v>0</v>
      </c>
      <c r="N5997" s="55">
        <f>IF(Input!$K$13=1,J5997*Input!$J$13,0)+IF(Input!$K$14=1,K5997*Input!$J$14,0)+IF(Input!$K$15=1,L5997*Input!$J$15,0)+IF(Input!$K$16=1,M5997*Input!$J$16,0)</f>
        <v>3.277182868939529</v>
      </c>
      <c r="O5997" s="58">
        <f>IF(Input!$K$13=2,J5997*Input!$J$13,0)+IF(Input!$K$14=2,K5997*Input!$J$14,0)+IF(Input!$K$15=2,L5997*Input!$J$15,0)+IF(Input!$K$16=2,M5997*Input!$J$16,0)</f>
        <v>0.30789545114162814</v>
      </c>
      <c r="P5997" s="58">
        <f>IF(Input!$K$13=3,J5997*Input!$J$13,0)+IF(Input!$K$14=3,K5997*Input!$J$14,0)+IF(Input!$K$15=3,L5997*Input!$J$15,0)+IF(Input!$K$16=3,M5997*Input!$J$16,0)</f>
        <v>0</v>
      </c>
      <c r="Q5997" s="71">
        <f>IF(Input!$K$13=4,J5997*Input!$J$13,0)+IF(Input!$K$14=4,K5997*Input!$J$14,0)+IF(Input!$K$15=4,L5997*Input!$J$15,0)+IF(Input!$K$16=4,M5997*Input!$J$16,0)</f>
        <v>0</v>
      </c>
    </row>
    <row r="5998" spans="8:17" x14ac:dyDescent="0.25">
      <c r="H5998" s="43">
        <v>5991</v>
      </c>
      <c r="I5998" s="55">
        <f>Bühler!I6024</f>
        <v>0.41487358567349902</v>
      </c>
      <c r="J5998" s="58">
        <f>Bühler!J6024</f>
        <v>41.111613051212728</v>
      </c>
      <c r="K5998" s="58">
        <f>Bühler!K6024</f>
        <v>3.4333224340763002</v>
      </c>
      <c r="L5998" s="58">
        <f>Bühler!L6024</f>
        <v>1.7166612170381501</v>
      </c>
      <c r="M5998" s="57">
        <f>Bühler!M6024</f>
        <v>0</v>
      </c>
      <c r="N5998" s="55">
        <f>IF(Input!$K$13=1,J5998*Input!$J$13,0)+IF(Input!$K$14=1,K5998*Input!$J$14,0)+IF(Input!$K$15=1,L5998*Input!$J$15,0)+IF(Input!$K$16=1,M5998*Input!$J$16,0)</f>
        <v>4.9333935661455275</v>
      </c>
      <c r="O5998" s="58">
        <f>IF(Input!$K$13=2,J5998*Input!$J$13,0)+IF(Input!$K$14=2,K5998*Input!$J$14,0)+IF(Input!$K$15=2,L5998*Input!$J$15,0)+IF(Input!$K$16=2,M5998*Input!$J$16,0)</f>
        <v>0.4634985286003005</v>
      </c>
      <c r="P5998" s="58">
        <f>IF(Input!$K$13=3,J5998*Input!$J$13,0)+IF(Input!$K$14=3,K5998*Input!$J$14,0)+IF(Input!$K$15=3,L5998*Input!$J$15,0)+IF(Input!$K$16=3,M5998*Input!$J$16,0)</f>
        <v>0</v>
      </c>
      <c r="Q5998" s="71">
        <f>IF(Input!$K$13=4,J5998*Input!$J$13,0)+IF(Input!$K$14=4,K5998*Input!$J$14,0)+IF(Input!$K$15=4,L5998*Input!$J$15,0)+IF(Input!$K$16=4,M5998*Input!$J$16,0)</f>
        <v>0</v>
      </c>
    </row>
    <row r="5999" spans="8:17" x14ac:dyDescent="0.25">
      <c r="H5999" s="43">
        <v>5992</v>
      </c>
      <c r="I5999" s="55">
        <f>Bühler!I6025</f>
        <v>0.41487358567349902</v>
      </c>
      <c r="J5999" s="58">
        <f>Bühler!J6025</f>
        <v>41.111613051212728</v>
      </c>
      <c r="K5999" s="58">
        <f>Bühler!K6025</f>
        <v>3.4333224340763002</v>
      </c>
      <c r="L5999" s="58">
        <f>Bühler!L6025</f>
        <v>1.7166612170381501</v>
      </c>
      <c r="M5999" s="57">
        <f>Bühler!M6025</f>
        <v>0</v>
      </c>
      <c r="N5999" s="55">
        <f>IF(Input!$K$13=1,J5999*Input!$J$13,0)+IF(Input!$K$14=1,K5999*Input!$J$14,0)+IF(Input!$K$15=1,L5999*Input!$J$15,0)+IF(Input!$K$16=1,M5999*Input!$J$16,0)</f>
        <v>4.9333935661455275</v>
      </c>
      <c r="O5999" s="58">
        <f>IF(Input!$K$13=2,J5999*Input!$J$13,0)+IF(Input!$K$14=2,K5999*Input!$J$14,0)+IF(Input!$K$15=2,L5999*Input!$J$15,0)+IF(Input!$K$16=2,M5999*Input!$J$16,0)</f>
        <v>0.4634985286003005</v>
      </c>
      <c r="P5999" s="58">
        <f>IF(Input!$K$13=3,J5999*Input!$J$13,0)+IF(Input!$K$14=3,K5999*Input!$J$14,0)+IF(Input!$K$15=3,L5999*Input!$J$15,0)+IF(Input!$K$16=3,M5999*Input!$J$16,0)</f>
        <v>0</v>
      </c>
      <c r="Q5999" s="71">
        <f>IF(Input!$K$13=4,J5999*Input!$J$13,0)+IF(Input!$K$14=4,K5999*Input!$J$14,0)+IF(Input!$K$15=4,L5999*Input!$J$15,0)+IF(Input!$K$16=4,M5999*Input!$J$16,0)</f>
        <v>0</v>
      </c>
    </row>
    <row r="6000" spans="8:17" x14ac:dyDescent="0.25">
      <c r="H6000" s="43">
        <v>5993</v>
      </c>
      <c r="I6000" s="55">
        <f>Bühler!I6026</f>
        <v>0.34666468950673529</v>
      </c>
      <c r="J6000" s="58">
        <f>Bühler!J6026</f>
        <v>24.337187342242878</v>
      </c>
      <c r="K6000" s="58">
        <f>Bühler!K6026</f>
        <v>2.0232078629378196</v>
      </c>
      <c r="L6000" s="58">
        <f>Bühler!L6026</f>
        <v>1.0116039314689098</v>
      </c>
      <c r="M6000" s="57">
        <f>Bühler!M6026</f>
        <v>0</v>
      </c>
      <c r="N6000" s="55">
        <f>IF(Input!$K$13=1,J6000*Input!$J$13,0)+IF(Input!$K$14=1,K6000*Input!$J$14,0)+IF(Input!$K$15=1,L6000*Input!$J$15,0)+IF(Input!$K$16=1,M6000*Input!$J$16,0)</f>
        <v>2.9204624810691451</v>
      </c>
      <c r="O6000" s="58">
        <f>IF(Input!$K$13=2,J6000*Input!$J$13,0)+IF(Input!$K$14=2,K6000*Input!$J$14,0)+IF(Input!$K$15=2,L6000*Input!$J$15,0)+IF(Input!$K$16=2,M6000*Input!$J$16,0)</f>
        <v>0.27313306149660566</v>
      </c>
      <c r="P6000" s="58">
        <f>IF(Input!$K$13=3,J6000*Input!$J$13,0)+IF(Input!$K$14=3,K6000*Input!$J$14,0)+IF(Input!$K$15=3,L6000*Input!$J$15,0)+IF(Input!$K$16=3,M6000*Input!$J$16,0)</f>
        <v>0</v>
      </c>
      <c r="Q6000" s="71">
        <f>IF(Input!$K$13=4,J6000*Input!$J$13,0)+IF(Input!$K$14=4,K6000*Input!$J$14,0)+IF(Input!$K$15=4,L6000*Input!$J$15,0)+IF(Input!$K$16=4,M6000*Input!$J$16,0)</f>
        <v>0</v>
      </c>
    </row>
    <row r="6001" spans="8:17" x14ac:dyDescent="0.25">
      <c r="H6001" s="43">
        <v>5994</v>
      </c>
      <c r="I6001" s="55">
        <f>Bühler!I6027</f>
        <v>0.27564568900351316</v>
      </c>
      <c r="J6001" s="58">
        <f>Bühler!J6027</f>
        <v>10.525519248281583</v>
      </c>
      <c r="K6001" s="58">
        <f>Bühler!K6027</f>
        <v>0.86351167859061873</v>
      </c>
      <c r="L6001" s="58">
        <f>Bühler!L6027</f>
        <v>0.43175583929530936</v>
      </c>
      <c r="M6001" s="57">
        <f>Bühler!M6027</f>
        <v>0</v>
      </c>
      <c r="N6001" s="55">
        <f>IF(Input!$K$13=1,J6001*Input!$J$13,0)+IF(Input!$K$14=1,K6001*Input!$J$14,0)+IF(Input!$K$15=1,L6001*Input!$J$15,0)+IF(Input!$K$16=1,M6001*Input!$J$16,0)</f>
        <v>1.2630623097937899</v>
      </c>
      <c r="O6001" s="58">
        <f>IF(Input!$K$13=2,J6001*Input!$J$13,0)+IF(Input!$K$14=2,K6001*Input!$J$14,0)+IF(Input!$K$15=2,L6001*Input!$J$15,0)+IF(Input!$K$16=2,M6001*Input!$J$16,0)</f>
        <v>0.11657407660973351</v>
      </c>
      <c r="P6001" s="58">
        <f>IF(Input!$K$13=3,J6001*Input!$J$13,0)+IF(Input!$K$14=3,K6001*Input!$J$14,0)+IF(Input!$K$15=3,L6001*Input!$J$15,0)+IF(Input!$K$16=3,M6001*Input!$J$16,0)</f>
        <v>0</v>
      </c>
      <c r="Q6001" s="71">
        <f>IF(Input!$K$13=4,J6001*Input!$J$13,0)+IF(Input!$K$14=4,K6001*Input!$J$14,0)+IF(Input!$K$15=4,L6001*Input!$J$15,0)+IF(Input!$K$16=4,M6001*Input!$J$16,0)</f>
        <v>0</v>
      </c>
    </row>
    <row r="6002" spans="8:17" x14ac:dyDescent="0.25">
      <c r="H6002" s="43">
        <v>5995</v>
      </c>
      <c r="I6002" s="55">
        <f>Bühler!I6028</f>
        <v>0.10218561223485198</v>
      </c>
      <c r="J6002" s="58">
        <f>Bühler!J6028</f>
        <v>6.8604571161494219</v>
      </c>
      <c r="K6002" s="58">
        <f>Bühler!K6028</f>
        <v>0.56991770786980833</v>
      </c>
      <c r="L6002" s="58">
        <f>Bühler!L6028</f>
        <v>0.28495885393490417</v>
      </c>
      <c r="M6002" s="57">
        <f>Bühler!M6028</f>
        <v>0</v>
      </c>
      <c r="N6002" s="55">
        <f>IF(Input!$K$13=1,J6002*Input!$J$13,0)+IF(Input!$K$14=1,K6002*Input!$J$14,0)+IF(Input!$K$15=1,L6002*Input!$J$15,0)+IF(Input!$K$16=1,M6002*Input!$J$16,0)</f>
        <v>0.82325485393793063</v>
      </c>
      <c r="O6002" s="58">
        <f>IF(Input!$K$13=2,J6002*Input!$J$13,0)+IF(Input!$K$14=2,K6002*Input!$J$14,0)+IF(Input!$K$15=2,L6002*Input!$J$15,0)+IF(Input!$K$16=2,M6002*Input!$J$16,0)</f>
        <v>7.6938890562424117E-2</v>
      </c>
      <c r="P6002" s="58">
        <f>IF(Input!$K$13=3,J6002*Input!$J$13,0)+IF(Input!$K$14=3,K6002*Input!$J$14,0)+IF(Input!$K$15=3,L6002*Input!$J$15,0)+IF(Input!$K$16=3,M6002*Input!$J$16,0)</f>
        <v>0</v>
      </c>
      <c r="Q6002" s="71">
        <f>IF(Input!$K$13=4,J6002*Input!$J$13,0)+IF(Input!$K$14=4,K6002*Input!$J$14,0)+IF(Input!$K$15=4,L6002*Input!$J$15,0)+IF(Input!$K$16=4,M6002*Input!$J$16,0)</f>
        <v>0</v>
      </c>
    </row>
    <row r="6003" spans="8:17" x14ac:dyDescent="0.25">
      <c r="H6003" s="43">
        <v>5996</v>
      </c>
      <c r="I6003" s="55">
        <f>Bühler!I6029</f>
        <v>0.10218561223485198</v>
      </c>
      <c r="J6003" s="58">
        <f>Bühler!J6029</f>
        <v>6.8604571161494219</v>
      </c>
      <c r="K6003" s="58">
        <f>Bühler!K6029</f>
        <v>0.56991770786980833</v>
      </c>
      <c r="L6003" s="58">
        <f>Bühler!L6029</f>
        <v>0.28495885393490417</v>
      </c>
      <c r="M6003" s="57">
        <f>Bühler!M6029</f>
        <v>0</v>
      </c>
      <c r="N6003" s="55">
        <f>IF(Input!$K$13=1,J6003*Input!$J$13,0)+IF(Input!$K$14=1,K6003*Input!$J$14,0)+IF(Input!$K$15=1,L6003*Input!$J$15,0)+IF(Input!$K$16=1,M6003*Input!$J$16,0)</f>
        <v>0.82325485393793063</v>
      </c>
      <c r="O6003" s="58">
        <f>IF(Input!$K$13=2,J6003*Input!$J$13,0)+IF(Input!$K$14=2,K6003*Input!$J$14,0)+IF(Input!$K$15=2,L6003*Input!$J$15,0)+IF(Input!$K$16=2,M6003*Input!$J$16,0)</f>
        <v>7.6938890562424117E-2</v>
      </c>
      <c r="P6003" s="58">
        <f>IF(Input!$K$13=3,J6003*Input!$J$13,0)+IF(Input!$K$14=3,K6003*Input!$J$14,0)+IF(Input!$K$15=3,L6003*Input!$J$15,0)+IF(Input!$K$16=3,M6003*Input!$J$16,0)</f>
        <v>0</v>
      </c>
      <c r="Q6003" s="71">
        <f>IF(Input!$K$13=4,J6003*Input!$J$13,0)+IF(Input!$K$14=4,K6003*Input!$J$14,0)+IF(Input!$K$15=4,L6003*Input!$J$15,0)+IF(Input!$K$16=4,M6003*Input!$J$16,0)</f>
        <v>0</v>
      </c>
    </row>
    <row r="6004" spans="8:17" x14ac:dyDescent="0.25">
      <c r="H6004" s="43">
        <v>5997</v>
      </c>
      <c r="I6004" s="55">
        <f>Bühler!I6030</f>
        <v>0.10218561223485198</v>
      </c>
      <c r="J6004" s="58">
        <f>Bühler!J6030</f>
        <v>6.8604571161494219</v>
      </c>
      <c r="K6004" s="58">
        <f>Bühler!K6030</f>
        <v>0.56991770786980833</v>
      </c>
      <c r="L6004" s="58">
        <f>Bühler!L6030</f>
        <v>0.28495885393490417</v>
      </c>
      <c r="M6004" s="57">
        <f>Bühler!M6030</f>
        <v>0</v>
      </c>
      <c r="N6004" s="55">
        <f>IF(Input!$K$13=1,J6004*Input!$J$13,0)+IF(Input!$K$14=1,K6004*Input!$J$14,0)+IF(Input!$K$15=1,L6004*Input!$J$15,0)+IF(Input!$K$16=1,M6004*Input!$J$16,0)</f>
        <v>0.82325485393793063</v>
      </c>
      <c r="O6004" s="58">
        <f>IF(Input!$K$13=2,J6004*Input!$J$13,0)+IF(Input!$K$14=2,K6004*Input!$J$14,0)+IF(Input!$K$15=2,L6004*Input!$J$15,0)+IF(Input!$K$16=2,M6004*Input!$J$16,0)</f>
        <v>7.6938890562424117E-2</v>
      </c>
      <c r="P6004" s="58">
        <f>IF(Input!$K$13=3,J6004*Input!$J$13,0)+IF(Input!$K$14=3,K6004*Input!$J$14,0)+IF(Input!$K$15=3,L6004*Input!$J$15,0)+IF(Input!$K$16=3,M6004*Input!$J$16,0)</f>
        <v>0</v>
      </c>
      <c r="Q6004" s="71">
        <f>IF(Input!$K$13=4,J6004*Input!$J$13,0)+IF(Input!$K$14=4,K6004*Input!$J$14,0)+IF(Input!$K$15=4,L6004*Input!$J$15,0)+IF(Input!$K$16=4,M6004*Input!$J$16,0)</f>
        <v>0</v>
      </c>
    </row>
    <row r="6005" spans="8:17" x14ac:dyDescent="0.25">
      <c r="H6005" s="43">
        <v>5998</v>
      </c>
      <c r="I6005" s="55">
        <f>Bühler!I6031</f>
        <v>0.10218561223485198</v>
      </c>
      <c r="J6005" s="58">
        <f>Bühler!J6031</f>
        <v>6.8604571161494219</v>
      </c>
      <c r="K6005" s="58">
        <f>Bühler!K6031</f>
        <v>0.56991770786980833</v>
      </c>
      <c r="L6005" s="58">
        <f>Bühler!L6031</f>
        <v>0.28495885393490417</v>
      </c>
      <c r="M6005" s="57">
        <f>Bühler!M6031</f>
        <v>0</v>
      </c>
      <c r="N6005" s="55">
        <f>IF(Input!$K$13=1,J6005*Input!$J$13,0)+IF(Input!$K$14=1,K6005*Input!$J$14,0)+IF(Input!$K$15=1,L6005*Input!$J$15,0)+IF(Input!$K$16=1,M6005*Input!$J$16,0)</f>
        <v>0.82325485393793063</v>
      </c>
      <c r="O6005" s="58">
        <f>IF(Input!$K$13=2,J6005*Input!$J$13,0)+IF(Input!$K$14=2,K6005*Input!$J$14,0)+IF(Input!$K$15=2,L6005*Input!$J$15,0)+IF(Input!$K$16=2,M6005*Input!$J$16,0)</f>
        <v>7.6938890562424117E-2</v>
      </c>
      <c r="P6005" s="58">
        <f>IF(Input!$K$13=3,J6005*Input!$J$13,0)+IF(Input!$K$14=3,K6005*Input!$J$14,0)+IF(Input!$K$15=3,L6005*Input!$J$15,0)+IF(Input!$K$16=3,M6005*Input!$J$16,0)</f>
        <v>0</v>
      </c>
      <c r="Q6005" s="71">
        <f>IF(Input!$K$13=4,J6005*Input!$J$13,0)+IF(Input!$K$14=4,K6005*Input!$J$14,0)+IF(Input!$K$15=4,L6005*Input!$J$15,0)+IF(Input!$K$16=4,M6005*Input!$J$16,0)</f>
        <v>0</v>
      </c>
    </row>
    <row r="6006" spans="8:17" x14ac:dyDescent="0.25">
      <c r="H6006" s="43">
        <v>5999</v>
      </c>
      <c r="I6006" s="55">
        <f>Bühler!I6032</f>
        <v>0.10218561223485198</v>
      </c>
      <c r="J6006" s="58">
        <f>Bühler!J6032</f>
        <v>6.8604571161494219</v>
      </c>
      <c r="K6006" s="58">
        <f>Bühler!K6032</f>
        <v>0.56991770786980833</v>
      </c>
      <c r="L6006" s="58">
        <f>Bühler!L6032</f>
        <v>0.28495885393490417</v>
      </c>
      <c r="M6006" s="57">
        <f>Bühler!M6032</f>
        <v>0</v>
      </c>
      <c r="N6006" s="55">
        <f>IF(Input!$K$13=1,J6006*Input!$J$13,0)+IF(Input!$K$14=1,K6006*Input!$J$14,0)+IF(Input!$K$15=1,L6006*Input!$J$15,0)+IF(Input!$K$16=1,M6006*Input!$J$16,0)</f>
        <v>0.82325485393793063</v>
      </c>
      <c r="O6006" s="58">
        <f>IF(Input!$K$13=2,J6006*Input!$J$13,0)+IF(Input!$K$14=2,K6006*Input!$J$14,0)+IF(Input!$K$15=2,L6006*Input!$J$15,0)+IF(Input!$K$16=2,M6006*Input!$J$16,0)</f>
        <v>7.6938890562424117E-2</v>
      </c>
      <c r="P6006" s="58">
        <f>IF(Input!$K$13=3,J6006*Input!$J$13,0)+IF(Input!$K$14=3,K6006*Input!$J$14,0)+IF(Input!$K$15=3,L6006*Input!$J$15,0)+IF(Input!$K$16=3,M6006*Input!$J$16,0)</f>
        <v>0</v>
      </c>
      <c r="Q6006" s="71">
        <f>IF(Input!$K$13=4,J6006*Input!$J$13,0)+IF(Input!$K$14=4,K6006*Input!$J$14,0)+IF(Input!$K$15=4,L6006*Input!$J$15,0)+IF(Input!$K$16=4,M6006*Input!$J$16,0)</f>
        <v>0</v>
      </c>
    </row>
    <row r="6007" spans="8:17" x14ac:dyDescent="0.25">
      <c r="H6007" s="43">
        <v>6000</v>
      </c>
      <c r="I6007" s="55">
        <f>Bühler!I6033</f>
        <v>0.10218561223485198</v>
      </c>
      <c r="J6007" s="58">
        <f>Bühler!J6033</f>
        <v>6.8604571161494219</v>
      </c>
      <c r="K6007" s="58">
        <f>Bühler!K6033</f>
        <v>0.56991770786980833</v>
      </c>
      <c r="L6007" s="58">
        <f>Bühler!L6033</f>
        <v>0.28495885393490417</v>
      </c>
      <c r="M6007" s="57">
        <f>Bühler!M6033</f>
        <v>0</v>
      </c>
      <c r="N6007" s="55">
        <f>IF(Input!$K$13=1,J6007*Input!$J$13,0)+IF(Input!$K$14=1,K6007*Input!$J$14,0)+IF(Input!$K$15=1,L6007*Input!$J$15,0)+IF(Input!$K$16=1,M6007*Input!$J$16,0)</f>
        <v>0.82325485393793063</v>
      </c>
      <c r="O6007" s="58">
        <f>IF(Input!$K$13=2,J6007*Input!$J$13,0)+IF(Input!$K$14=2,K6007*Input!$J$14,0)+IF(Input!$K$15=2,L6007*Input!$J$15,0)+IF(Input!$K$16=2,M6007*Input!$J$16,0)</f>
        <v>7.6938890562424117E-2</v>
      </c>
      <c r="P6007" s="58">
        <f>IF(Input!$K$13=3,J6007*Input!$J$13,0)+IF(Input!$K$14=3,K6007*Input!$J$14,0)+IF(Input!$K$15=3,L6007*Input!$J$15,0)+IF(Input!$K$16=3,M6007*Input!$J$16,0)</f>
        <v>0</v>
      </c>
      <c r="Q6007" s="71">
        <f>IF(Input!$K$13=4,J6007*Input!$J$13,0)+IF(Input!$K$14=4,K6007*Input!$J$14,0)+IF(Input!$K$15=4,L6007*Input!$J$15,0)+IF(Input!$K$16=4,M6007*Input!$J$16,0)</f>
        <v>0</v>
      </c>
    </row>
    <row r="6008" spans="8:17" x14ac:dyDescent="0.25">
      <c r="H6008" s="43">
        <v>6001</v>
      </c>
      <c r="I6008" s="55">
        <f>Bühler!I6034</f>
        <v>6.8450430984928756E-2</v>
      </c>
      <c r="J6008" s="58">
        <f>Bühler!J6034</f>
        <v>10.287482562697939</v>
      </c>
      <c r="K6008" s="58">
        <f>Bühler!K6034</f>
        <v>0.86706794449677971</v>
      </c>
      <c r="L6008" s="58">
        <f>Bühler!L6034</f>
        <v>0.43353397224838985</v>
      </c>
      <c r="M6008" s="57">
        <f>Bühler!M6034</f>
        <v>0</v>
      </c>
      <c r="N6008" s="55">
        <f>IF(Input!$K$13=1,J6008*Input!$J$13,0)+IF(Input!$K$14=1,K6008*Input!$J$14,0)+IF(Input!$K$15=1,L6008*Input!$J$15,0)+IF(Input!$K$16=1,M6008*Input!$J$16,0)</f>
        <v>1.2344979075237525</v>
      </c>
      <c r="O6008" s="58">
        <f>IF(Input!$K$13=2,J6008*Input!$J$13,0)+IF(Input!$K$14=2,K6008*Input!$J$14,0)+IF(Input!$K$15=2,L6008*Input!$J$15,0)+IF(Input!$K$16=2,M6008*Input!$J$16,0)</f>
        <v>0.11705417250706526</v>
      </c>
      <c r="P6008" s="58">
        <f>IF(Input!$K$13=3,J6008*Input!$J$13,0)+IF(Input!$K$14=3,K6008*Input!$J$14,0)+IF(Input!$K$15=3,L6008*Input!$J$15,0)+IF(Input!$K$16=3,M6008*Input!$J$16,0)</f>
        <v>0</v>
      </c>
      <c r="Q6008" s="71">
        <f>IF(Input!$K$13=4,J6008*Input!$J$13,0)+IF(Input!$K$14=4,K6008*Input!$J$14,0)+IF(Input!$K$15=4,L6008*Input!$J$15,0)+IF(Input!$K$16=4,M6008*Input!$J$16,0)</f>
        <v>0</v>
      </c>
    </row>
    <row r="6009" spans="8:17" x14ac:dyDescent="0.25">
      <c r="H6009" s="43">
        <v>6002</v>
      </c>
      <c r="I6009" s="55">
        <f>Bühler!I6035</f>
        <v>6.8450430984928756E-2</v>
      </c>
      <c r="J6009" s="58">
        <f>Bühler!J6035</f>
        <v>6.2640503481918133</v>
      </c>
      <c r="K6009" s="58">
        <f>Bühler!K6035</f>
        <v>0.52549572393744226</v>
      </c>
      <c r="L6009" s="58">
        <f>Bühler!L6035</f>
        <v>0.26274786196872113</v>
      </c>
      <c r="M6009" s="57">
        <f>Bühler!M6035</f>
        <v>0</v>
      </c>
      <c r="N6009" s="55">
        <f>IF(Input!$K$13=1,J6009*Input!$J$13,0)+IF(Input!$K$14=1,K6009*Input!$J$14,0)+IF(Input!$K$15=1,L6009*Input!$J$15,0)+IF(Input!$K$16=1,M6009*Input!$J$16,0)</f>
        <v>0.75168604178301757</v>
      </c>
      <c r="O6009" s="58">
        <f>IF(Input!$K$13=2,J6009*Input!$J$13,0)+IF(Input!$K$14=2,K6009*Input!$J$14,0)+IF(Input!$K$15=2,L6009*Input!$J$15,0)+IF(Input!$K$16=2,M6009*Input!$J$16,0)</f>
        <v>7.0941922731554696E-2</v>
      </c>
      <c r="P6009" s="58">
        <f>IF(Input!$K$13=3,J6009*Input!$J$13,0)+IF(Input!$K$14=3,K6009*Input!$J$14,0)+IF(Input!$K$15=3,L6009*Input!$J$15,0)+IF(Input!$K$16=3,M6009*Input!$J$16,0)</f>
        <v>0</v>
      </c>
      <c r="Q6009" s="71">
        <f>IF(Input!$K$13=4,J6009*Input!$J$13,0)+IF(Input!$K$14=4,K6009*Input!$J$14,0)+IF(Input!$K$15=4,L6009*Input!$J$15,0)+IF(Input!$K$16=4,M6009*Input!$J$16,0)</f>
        <v>0</v>
      </c>
    </row>
    <row r="6010" spans="8:17" x14ac:dyDescent="0.25">
      <c r="H6010" s="43">
        <v>6003</v>
      </c>
      <c r="I6010" s="55">
        <f>Bühler!I6036</f>
        <v>6.8450430984928756E-2</v>
      </c>
      <c r="J6010" s="58">
        <f>Bühler!J6036</f>
        <v>6.2640503481918133</v>
      </c>
      <c r="K6010" s="58">
        <f>Bühler!K6036</f>
        <v>0.52549572393744226</v>
      </c>
      <c r="L6010" s="58">
        <f>Bühler!L6036</f>
        <v>0.26274786196872113</v>
      </c>
      <c r="M6010" s="57">
        <f>Bühler!M6036</f>
        <v>0</v>
      </c>
      <c r="N6010" s="55">
        <f>IF(Input!$K$13=1,J6010*Input!$J$13,0)+IF(Input!$K$14=1,K6010*Input!$J$14,0)+IF(Input!$K$15=1,L6010*Input!$J$15,0)+IF(Input!$K$16=1,M6010*Input!$J$16,0)</f>
        <v>0.75168604178301757</v>
      </c>
      <c r="O6010" s="58">
        <f>IF(Input!$K$13=2,J6010*Input!$J$13,0)+IF(Input!$K$14=2,K6010*Input!$J$14,0)+IF(Input!$K$15=2,L6010*Input!$J$15,0)+IF(Input!$K$16=2,M6010*Input!$J$16,0)</f>
        <v>7.0941922731554696E-2</v>
      </c>
      <c r="P6010" s="58">
        <f>IF(Input!$K$13=3,J6010*Input!$J$13,0)+IF(Input!$K$14=3,K6010*Input!$J$14,0)+IF(Input!$K$15=3,L6010*Input!$J$15,0)+IF(Input!$K$16=3,M6010*Input!$J$16,0)</f>
        <v>0</v>
      </c>
      <c r="Q6010" s="71">
        <f>IF(Input!$K$13=4,J6010*Input!$J$13,0)+IF(Input!$K$14=4,K6010*Input!$J$14,0)+IF(Input!$K$15=4,L6010*Input!$J$15,0)+IF(Input!$K$16=4,M6010*Input!$J$16,0)</f>
        <v>0</v>
      </c>
    </row>
    <row r="6011" spans="8:17" x14ac:dyDescent="0.25">
      <c r="H6011" s="43">
        <v>6004</v>
      </c>
      <c r="I6011" s="55">
        <f>Bühler!I6037</f>
        <v>6.8450430984928756E-2</v>
      </c>
      <c r="J6011" s="58">
        <f>Bühler!J6037</f>
        <v>6.2640503481918133</v>
      </c>
      <c r="K6011" s="58">
        <f>Bühler!K6037</f>
        <v>0.52549572393744226</v>
      </c>
      <c r="L6011" s="58">
        <f>Bühler!L6037</f>
        <v>0.26274786196872113</v>
      </c>
      <c r="M6011" s="57">
        <f>Bühler!M6037</f>
        <v>0</v>
      </c>
      <c r="N6011" s="55">
        <f>IF(Input!$K$13=1,J6011*Input!$J$13,0)+IF(Input!$K$14=1,K6011*Input!$J$14,0)+IF(Input!$K$15=1,L6011*Input!$J$15,0)+IF(Input!$K$16=1,M6011*Input!$J$16,0)</f>
        <v>0.75168604178301757</v>
      </c>
      <c r="O6011" s="58">
        <f>IF(Input!$K$13=2,J6011*Input!$J$13,0)+IF(Input!$K$14=2,K6011*Input!$J$14,0)+IF(Input!$K$15=2,L6011*Input!$J$15,0)+IF(Input!$K$16=2,M6011*Input!$J$16,0)</f>
        <v>7.0941922731554696E-2</v>
      </c>
      <c r="P6011" s="58">
        <f>IF(Input!$K$13=3,J6011*Input!$J$13,0)+IF(Input!$K$14=3,K6011*Input!$J$14,0)+IF(Input!$K$15=3,L6011*Input!$J$15,0)+IF(Input!$K$16=3,M6011*Input!$J$16,0)</f>
        <v>0</v>
      </c>
      <c r="Q6011" s="71">
        <f>IF(Input!$K$13=4,J6011*Input!$J$13,0)+IF(Input!$K$14=4,K6011*Input!$J$14,0)+IF(Input!$K$15=4,L6011*Input!$J$15,0)+IF(Input!$K$16=4,M6011*Input!$J$16,0)</f>
        <v>0</v>
      </c>
    </row>
    <row r="6012" spans="8:17" x14ac:dyDescent="0.25">
      <c r="H6012" s="43">
        <v>6005</v>
      </c>
      <c r="I6012" s="55">
        <f>Bühler!I6038</f>
        <v>6.8450430984928756E-2</v>
      </c>
      <c r="J6012" s="58">
        <f>Bühler!J6038</f>
        <v>6.2640503481918133</v>
      </c>
      <c r="K6012" s="58">
        <f>Bühler!K6038</f>
        <v>0.52549572393744226</v>
      </c>
      <c r="L6012" s="58">
        <f>Bühler!L6038</f>
        <v>0.26274786196872113</v>
      </c>
      <c r="M6012" s="57">
        <f>Bühler!M6038</f>
        <v>0</v>
      </c>
      <c r="N6012" s="55">
        <f>IF(Input!$K$13=1,J6012*Input!$J$13,0)+IF(Input!$K$14=1,K6012*Input!$J$14,0)+IF(Input!$K$15=1,L6012*Input!$J$15,0)+IF(Input!$K$16=1,M6012*Input!$J$16,0)</f>
        <v>0.75168604178301757</v>
      </c>
      <c r="O6012" s="58">
        <f>IF(Input!$K$13=2,J6012*Input!$J$13,0)+IF(Input!$K$14=2,K6012*Input!$J$14,0)+IF(Input!$K$15=2,L6012*Input!$J$15,0)+IF(Input!$K$16=2,M6012*Input!$J$16,0)</f>
        <v>7.0941922731554696E-2</v>
      </c>
      <c r="P6012" s="58">
        <f>IF(Input!$K$13=3,J6012*Input!$J$13,0)+IF(Input!$K$14=3,K6012*Input!$J$14,0)+IF(Input!$K$15=3,L6012*Input!$J$15,0)+IF(Input!$K$16=3,M6012*Input!$J$16,0)</f>
        <v>0</v>
      </c>
      <c r="Q6012" s="71">
        <f>IF(Input!$K$13=4,J6012*Input!$J$13,0)+IF(Input!$K$14=4,K6012*Input!$J$14,0)+IF(Input!$K$15=4,L6012*Input!$J$15,0)+IF(Input!$K$16=4,M6012*Input!$J$16,0)</f>
        <v>0</v>
      </c>
    </row>
    <row r="6013" spans="8:17" x14ac:dyDescent="0.25">
      <c r="H6013" s="43">
        <v>6006</v>
      </c>
      <c r="I6013" s="55">
        <f>Bühler!I6039</f>
        <v>6.8450430984928756E-2</v>
      </c>
      <c r="J6013" s="58">
        <f>Bühler!J6039</f>
        <v>6.2640503481918133</v>
      </c>
      <c r="K6013" s="58">
        <f>Bühler!K6039</f>
        <v>0.52549572393744226</v>
      </c>
      <c r="L6013" s="58">
        <f>Bühler!L6039</f>
        <v>0.26274786196872113</v>
      </c>
      <c r="M6013" s="57">
        <f>Bühler!M6039</f>
        <v>0</v>
      </c>
      <c r="N6013" s="55">
        <f>IF(Input!$K$13=1,J6013*Input!$J$13,0)+IF(Input!$K$14=1,K6013*Input!$J$14,0)+IF(Input!$K$15=1,L6013*Input!$J$15,0)+IF(Input!$K$16=1,M6013*Input!$J$16,0)</f>
        <v>0.75168604178301757</v>
      </c>
      <c r="O6013" s="58">
        <f>IF(Input!$K$13=2,J6013*Input!$J$13,0)+IF(Input!$K$14=2,K6013*Input!$J$14,0)+IF(Input!$K$15=2,L6013*Input!$J$15,0)+IF(Input!$K$16=2,M6013*Input!$J$16,0)</f>
        <v>7.0941922731554696E-2</v>
      </c>
      <c r="P6013" s="58">
        <f>IF(Input!$K$13=3,J6013*Input!$J$13,0)+IF(Input!$K$14=3,K6013*Input!$J$14,0)+IF(Input!$K$15=3,L6013*Input!$J$15,0)+IF(Input!$K$16=3,M6013*Input!$J$16,0)</f>
        <v>0</v>
      </c>
      <c r="Q6013" s="71">
        <f>IF(Input!$K$13=4,J6013*Input!$J$13,0)+IF(Input!$K$14=4,K6013*Input!$J$14,0)+IF(Input!$K$15=4,L6013*Input!$J$15,0)+IF(Input!$K$16=4,M6013*Input!$J$16,0)</f>
        <v>0</v>
      </c>
    </row>
    <row r="6014" spans="8:17" x14ac:dyDescent="0.25">
      <c r="H6014" s="43">
        <v>6007</v>
      </c>
      <c r="I6014" s="55">
        <f>Bühler!I6040</f>
        <v>6.8450430984928756E-2</v>
      </c>
      <c r="J6014" s="58">
        <f>Bühler!J6040</f>
        <v>6.2640503481918133</v>
      </c>
      <c r="K6014" s="58">
        <f>Bühler!K6040</f>
        <v>0.52549572393744226</v>
      </c>
      <c r="L6014" s="58">
        <f>Bühler!L6040</f>
        <v>0.26274786196872113</v>
      </c>
      <c r="M6014" s="57">
        <f>Bühler!M6040</f>
        <v>0</v>
      </c>
      <c r="N6014" s="55">
        <f>IF(Input!$K$13=1,J6014*Input!$J$13,0)+IF(Input!$K$14=1,K6014*Input!$J$14,0)+IF(Input!$K$15=1,L6014*Input!$J$15,0)+IF(Input!$K$16=1,M6014*Input!$J$16,0)</f>
        <v>0.75168604178301757</v>
      </c>
      <c r="O6014" s="58">
        <f>IF(Input!$K$13=2,J6014*Input!$J$13,0)+IF(Input!$K$14=2,K6014*Input!$J$14,0)+IF(Input!$K$15=2,L6014*Input!$J$15,0)+IF(Input!$K$16=2,M6014*Input!$J$16,0)</f>
        <v>7.0941922731554696E-2</v>
      </c>
      <c r="P6014" s="58">
        <f>IF(Input!$K$13=3,J6014*Input!$J$13,0)+IF(Input!$K$14=3,K6014*Input!$J$14,0)+IF(Input!$K$15=3,L6014*Input!$J$15,0)+IF(Input!$K$16=3,M6014*Input!$J$16,0)</f>
        <v>0</v>
      </c>
      <c r="Q6014" s="71">
        <f>IF(Input!$K$13=4,J6014*Input!$J$13,0)+IF(Input!$K$14=4,K6014*Input!$J$14,0)+IF(Input!$K$15=4,L6014*Input!$J$15,0)+IF(Input!$K$16=4,M6014*Input!$J$16,0)</f>
        <v>0</v>
      </c>
    </row>
    <row r="6015" spans="8:17" x14ac:dyDescent="0.25">
      <c r="H6015" s="43">
        <v>6008</v>
      </c>
      <c r="I6015" s="55">
        <f>Bühler!I6041</f>
        <v>0.18547858718496821</v>
      </c>
      <c r="J6015" s="58">
        <f>Bühler!J6041</f>
        <v>26.569890880418725</v>
      </c>
      <c r="K6015" s="58">
        <f>Bühler!K6041</f>
        <v>2.2386117839735036</v>
      </c>
      <c r="L6015" s="58">
        <f>Bühler!L6041</f>
        <v>1.1193058919867518</v>
      </c>
      <c r="M6015" s="57">
        <f>Bühler!M6041</f>
        <v>0</v>
      </c>
      <c r="N6015" s="55">
        <f>IF(Input!$K$13=1,J6015*Input!$J$13,0)+IF(Input!$K$14=1,K6015*Input!$J$14,0)+IF(Input!$K$15=1,L6015*Input!$J$15,0)+IF(Input!$K$16=1,M6015*Input!$J$16,0)</f>
        <v>3.1883869056502467</v>
      </c>
      <c r="O6015" s="58">
        <f>IF(Input!$K$13=2,J6015*Input!$J$13,0)+IF(Input!$K$14=2,K6015*Input!$J$14,0)+IF(Input!$K$15=2,L6015*Input!$J$15,0)+IF(Input!$K$16=2,M6015*Input!$J$16,0)</f>
        <v>0.30221259083642293</v>
      </c>
      <c r="P6015" s="58">
        <f>IF(Input!$K$13=3,J6015*Input!$J$13,0)+IF(Input!$K$14=3,K6015*Input!$J$14,0)+IF(Input!$K$15=3,L6015*Input!$J$15,0)+IF(Input!$K$16=3,M6015*Input!$J$16,0)</f>
        <v>0</v>
      </c>
      <c r="Q6015" s="71">
        <f>IF(Input!$K$13=4,J6015*Input!$J$13,0)+IF(Input!$K$14=4,K6015*Input!$J$14,0)+IF(Input!$K$15=4,L6015*Input!$J$15,0)+IF(Input!$K$16=4,M6015*Input!$J$16,0)</f>
        <v>0</v>
      </c>
    </row>
    <row r="6016" spans="8:17" x14ac:dyDescent="0.25">
      <c r="H6016" s="43">
        <v>6009</v>
      </c>
      <c r="I6016" s="55">
        <f>Bühler!I6042</f>
        <v>0.23184823398121027</v>
      </c>
      <c r="J6016" s="58">
        <f>Bühler!J6042</f>
        <v>33.21236360052341</v>
      </c>
      <c r="K6016" s="58">
        <f>Bühler!K6042</f>
        <v>2.7982647299668799</v>
      </c>
      <c r="L6016" s="58">
        <f>Bühler!L6042</f>
        <v>1.39913236498344</v>
      </c>
      <c r="M6016" s="57">
        <f>Bühler!M6042</f>
        <v>0</v>
      </c>
      <c r="N6016" s="55">
        <f>IF(Input!$K$13=1,J6016*Input!$J$13,0)+IF(Input!$K$14=1,K6016*Input!$J$14,0)+IF(Input!$K$15=1,L6016*Input!$J$15,0)+IF(Input!$K$16=1,M6016*Input!$J$16,0)</f>
        <v>3.9854836320628091</v>
      </c>
      <c r="O6016" s="58">
        <f>IF(Input!$K$13=2,J6016*Input!$J$13,0)+IF(Input!$K$14=2,K6016*Input!$J$14,0)+IF(Input!$K$15=2,L6016*Input!$J$15,0)+IF(Input!$K$16=2,M6016*Input!$J$16,0)</f>
        <v>0.37776573854552875</v>
      </c>
      <c r="P6016" s="58">
        <f>IF(Input!$K$13=3,J6016*Input!$J$13,0)+IF(Input!$K$14=3,K6016*Input!$J$14,0)+IF(Input!$K$15=3,L6016*Input!$J$15,0)+IF(Input!$K$16=3,M6016*Input!$J$16,0)</f>
        <v>0</v>
      </c>
      <c r="Q6016" s="71">
        <f>IF(Input!$K$13=4,J6016*Input!$J$13,0)+IF(Input!$K$14=4,K6016*Input!$J$14,0)+IF(Input!$K$15=4,L6016*Input!$J$15,0)+IF(Input!$K$16=4,M6016*Input!$J$16,0)</f>
        <v>0</v>
      </c>
    </row>
    <row r="6017" spans="8:17" x14ac:dyDescent="0.25">
      <c r="H6017" s="43">
        <v>6010</v>
      </c>
      <c r="I6017" s="55">
        <f>Bühler!I6043</f>
        <v>0.2550330573793313</v>
      </c>
      <c r="J6017" s="58">
        <f>Bühler!J6043</f>
        <v>36.533599960575749</v>
      </c>
      <c r="K6017" s="58">
        <f>Bühler!K6043</f>
        <v>3.0780912029635679</v>
      </c>
      <c r="L6017" s="58">
        <f>Bühler!L6043</f>
        <v>1.5390456014817839</v>
      </c>
      <c r="M6017" s="57">
        <f>Bühler!M6043</f>
        <v>0</v>
      </c>
      <c r="N6017" s="55">
        <f>IF(Input!$K$13=1,J6017*Input!$J$13,0)+IF(Input!$K$14=1,K6017*Input!$J$14,0)+IF(Input!$K$15=1,L6017*Input!$J$15,0)+IF(Input!$K$16=1,M6017*Input!$J$16,0)</f>
        <v>4.3840319952690896</v>
      </c>
      <c r="O6017" s="58">
        <f>IF(Input!$K$13=2,J6017*Input!$J$13,0)+IF(Input!$K$14=2,K6017*Input!$J$14,0)+IF(Input!$K$15=2,L6017*Input!$J$15,0)+IF(Input!$K$16=2,M6017*Input!$J$16,0)</f>
        <v>0.41554231240008166</v>
      </c>
      <c r="P6017" s="58">
        <f>IF(Input!$K$13=3,J6017*Input!$J$13,0)+IF(Input!$K$14=3,K6017*Input!$J$14,0)+IF(Input!$K$15=3,L6017*Input!$J$15,0)+IF(Input!$K$16=3,M6017*Input!$J$16,0)</f>
        <v>0</v>
      </c>
      <c r="Q6017" s="71">
        <f>IF(Input!$K$13=4,J6017*Input!$J$13,0)+IF(Input!$K$14=4,K6017*Input!$J$14,0)+IF(Input!$K$15=4,L6017*Input!$J$15,0)+IF(Input!$K$16=4,M6017*Input!$J$16,0)</f>
        <v>0</v>
      </c>
    </row>
    <row r="6018" spans="8:17" x14ac:dyDescent="0.25">
      <c r="H6018" s="43">
        <v>6011</v>
      </c>
      <c r="I6018" s="55">
        <f>Bühler!I6044</f>
        <v>0.2550330573793313</v>
      </c>
      <c r="J6018" s="58">
        <f>Bühler!J6044</f>
        <v>36.533599960575749</v>
      </c>
      <c r="K6018" s="58">
        <f>Bühler!K6044</f>
        <v>3.0780912029635679</v>
      </c>
      <c r="L6018" s="58">
        <f>Bühler!L6044</f>
        <v>1.5390456014817839</v>
      </c>
      <c r="M6018" s="57">
        <f>Bühler!M6044</f>
        <v>0</v>
      </c>
      <c r="N6018" s="55">
        <f>IF(Input!$K$13=1,J6018*Input!$J$13,0)+IF(Input!$K$14=1,K6018*Input!$J$14,0)+IF(Input!$K$15=1,L6018*Input!$J$15,0)+IF(Input!$K$16=1,M6018*Input!$J$16,0)</f>
        <v>4.3840319952690896</v>
      </c>
      <c r="O6018" s="58">
        <f>IF(Input!$K$13=2,J6018*Input!$J$13,0)+IF(Input!$K$14=2,K6018*Input!$J$14,0)+IF(Input!$K$15=2,L6018*Input!$J$15,0)+IF(Input!$K$16=2,M6018*Input!$J$16,0)</f>
        <v>0.41554231240008166</v>
      </c>
      <c r="P6018" s="58">
        <f>IF(Input!$K$13=3,J6018*Input!$J$13,0)+IF(Input!$K$14=3,K6018*Input!$J$14,0)+IF(Input!$K$15=3,L6018*Input!$J$15,0)+IF(Input!$K$16=3,M6018*Input!$J$16,0)</f>
        <v>0</v>
      </c>
      <c r="Q6018" s="71">
        <f>IF(Input!$K$13=4,J6018*Input!$J$13,0)+IF(Input!$K$14=4,K6018*Input!$J$14,0)+IF(Input!$K$15=4,L6018*Input!$J$15,0)+IF(Input!$K$16=4,M6018*Input!$J$16,0)</f>
        <v>0</v>
      </c>
    </row>
    <row r="6019" spans="8:17" x14ac:dyDescent="0.25">
      <c r="H6019" s="43">
        <v>6012</v>
      </c>
      <c r="I6019" s="55">
        <f>Bühler!I6045</f>
        <v>0.30140270417557335</v>
      </c>
      <c r="J6019" s="58">
        <f>Bühler!J6045</f>
        <v>43.176072680680427</v>
      </c>
      <c r="K6019" s="58">
        <f>Bühler!K6045</f>
        <v>3.6377441489569433</v>
      </c>
      <c r="L6019" s="58">
        <f>Bühler!L6045</f>
        <v>1.8188720744784717</v>
      </c>
      <c r="M6019" s="57">
        <f>Bühler!M6045</f>
        <v>0</v>
      </c>
      <c r="N6019" s="55">
        <f>IF(Input!$K$13=1,J6019*Input!$J$13,0)+IF(Input!$K$14=1,K6019*Input!$J$14,0)+IF(Input!$K$15=1,L6019*Input!$J$15,0)+IF(Input!$K$16=1,M6019*Input!$J$16,0)</f>
        <v>5.1811287216816515</v>
      </c>
      <c r="O6019" s="58">
        <f>IF(Input!$K$13=2,J6019*Input!$J$13,0)+IF(Input!$K$14=2,K6019*Input!$J$14,0)+IF(Input!$K$15=2,L6019*Input!$J$15,0)+IF(Input!$K$16=2,M6019*Input!$J$16,0)</f>
        <v>0.49109546010918731</v>
      </c>
      <c r="P6019" s="58">
        <f>IF(Input!$K$13=3,J6019*Input!$J$13,0)+IF(Input!$K$14=3,K6019*Input!$J$14,0)+IF(Input!$K$15=3,L6019*Input!$J$15,0)+IF(Input!$K$16=3,M6019*Input!$J$16,0)</f>
        <v>0</v>
      </c>
      <c r="Q6019" s="71">
        <f>IF(Input!$K$13=4,J6019*Input!$J$13,0)+IF(Input!$K$14=4,K6019*Input!$J$14,0)+IF(Input!$K$15=4,L6019*Input!$J$15,0)+IF(Input!$K$16=4,M6019*Input!$J$16,0)</f>
        <v>0</v>
      </c>
    </row>
    <row r="6020" spans="8:17" x14ac:dyDescent="0.25">
      <c r="H6020" s="43">
        <v>6013</v>
      </c>
      <c r="I6020" s="55">
        <f>Bühler!I6046</f>
        <v>0.30140270417557335</v>
      </c>
      <c r="J6020" s="58">
        <f>Bühler!J6046</f>
        <v>43.176072680680427</v>
      </c>
      <c r="K6020" s="58">
        <f>Bühler!K6046</f>
        <v>3.6377441489569433</v>
      </c>
      <c r="L6020" s="58">
        <f>Bühler!L6046</f>
        <v>1.8188720744784717</v>
      </c>
      <c r="M6020" s="57">
        <f>Bühler!M6046</f>
        <v>0</v>
      </c>
      <c r="N6020" s="55">
        <f>IF(Input!$K$13=1,J6020*Input!$J$13,0)+IF(Input!$K$14=1,K6020*Input!$J$14,0)+IF(Input!$K$15=1,L6020*Input!$J$15,0)+IF(Input!$K$16=1,M6020*Input!$J$16,0)</f>
        <v>5.1811287216816515</v>
      </c>
      <c r="O6020" s="58">
        <f>IF(Input!$K$13=2,J6020*Input!$J$13,0)+IF(Input!$K$14=2,K6020*Input!$J$14,0)+IF(Input!$K$15=2,L6020*Input!$J$15,0)+IF(Input!$K$16=2,M6020*Input!$J$16,0)</f>
        <v>0.49109546010918731</v>
      </c>
      <c r="P6020" s="58">
        <f>IF(Input!$K$13=3,J6020*Input!$J$13,0)+IF(Input!$K$14=3,K6020*Input!$J$14,0)+IF(Input!$K$15=3,L6020*Input!$J$15,0)+IF(Input!$K$16=3,M6020*Input!$J$16,0)</f>
        <v>0</v>
      </c>
      <c r="Q6020" s="71">
        <f>IF(Input!$K$13=4,J6020*Input!$J$13,0)+IF(Input!$K$14=4,K6020*Input!$J$14,0)+IF(Input!$K$15=4,L6020*Input!$J$15,0)+IF(Input!$K$16=4,M6020*Input!$J$16,0)</f>
        <v>0</v>
      </c>
    </row>
    <row r="6021" spans="8:17" x14ac:dyDescent="0.25">
      <c r="H6021" s="43">
        <v>6014</v>
      </c>
      <c r="I6021" s="55">
        <f>Bühler!I6047</f>
        <v>0.20866341058308924</v>
      </c>
      <c r="J6021" s="58">
        <f>Bühler!J6047</f>
        <v>29.891127240471068</v>
      </c>
      <c r="K6021" s="58">
        <f>Bühler!K6047</f>
        <v>2.5184382569701915</v>
      </c>
      <c r="L6021" s="58">
        <f>Bühler!L6047</f>
        <v>1.2592191284850958</v>
      </c>
      <c r="M6021" s="57">
        <f>Bühler!M6047</f>
        <v>0</v>
      </c>
      <c r="N6021" s="55">
        <f>IF(Input!$K$13=1,J6021*Input!$J$13,0)+IF(Input!$K$14=1,K6021*Input!$J$14,0)+IF(Input!$K$15=1,L6021*Input!$J$15,0)+IF(Input!$K$16=1,M6021*Input!$J$16,0)</f>
        <v>3.5869352688565281</v>
      </c>
      <c r="O6021" s="58">
        <f>IF(Input!$K$13=2,J6021*Input!$J$13,0)+IF(Input!$K$14=2,K6021*Input!$J$14,0)+IF(Input!$K$15=2,L6021*Input!$J$15,0)+IF(Input!$K$16=2,M6021*Input!$J$16,0)</f>
        <v>0.33998916469097584</v>
      </c>
      <c r="P6021" s="58">
        <f>IF(Input!$K$13=3,J6021*Input!$J$13,0)+IF(Input!$K$14=3,K6021*Input!$J$14,0)+IF(Input!$K$15=3,L6021*Input!$J$15,0)+IF(Input!$K$16=3,M6021*Input!$J$16,0)</f>
        <v>0</v>
      </c>
      <c r="Q6021" s="71">
        <f>IF(Input!$K$13=4,J6021*Input!$J$13,0)+IF(Input!$K$14=4,K6021*Input!$J$14,0)+IF(Input!$K$15=4,L6021*Input!$J$15,0)+IF(Input!$K$16=4,M6021*Input!$J$16,0)</f>
        <v>0</v>
      </c>
    </row>
    <row r="6022" spans="8:17" x14ac:dyDescent="0.25">
      <c r="H6022" s="43">
        <v>6015</v>
      </c>
      <c r="I6022" s="55">
        <f>Bühler!I6048</f>
        <v>0.30140270417557335</v>
      </c>
      <c r="J6022" s="58">
        <f>Bühler!J6048</f>
        <v>43.176072680680427</v>
      </c>
      <c r="K6022" s="58">
        <f>Bühler!K6048</f>
        <v>3.6377441489569433</v>
      </c>
      <c r="L6022" s="58">
        <f>Bühler!L6048</f>
        <v>1.8188720744784717</v>
      </c>
      <c r="M6022" s="57">
        <f>Bühler!M6048</f>
        <v>0</v>
      </c>
      <c r="N6022" s="55">
        <f>IF(Input!$K$13=1,J6022*Input!$J$13,0)+IF(Input!$K$14=1,K6022*Input!$J$14,0)+IF(Input!$K$15=1,L6022*Input!$J$15,0)+IF(Input!$K$16=1,M6022*Input!$J$16,0)</f>
        <v>5.1811287216816515</v>
      </c>
      <c r="O6022" s="58">
        <f>IF(Input!$K$13=2,J6022*Input!$J$13,0)+IF(Input!$K$14=2,K6022*Input!$J$14,0)+IF(Input!$K$15=2,L6022*Input!$J$15,0)+IF(Input!$K$16=2,M6022*Input!$J$16,0)</f>
        <v>0.49109546010918731</v>
      </c>
      <c r="P6022" s="58">
        <f>IF(Input!$K$13=3,J6022*Input!$J$13,0)+IF(Input!$K$14=3,K6022*Input!$J$14,0)+IF(Input!$K$15=3,L6022*Input!$J$15,0)+IF(Input!$K$16=3,M6022*Input!$J$16,0)</f>
        <v>0</v>
      </c>
      <c r="Q6022" s="71">
        <f>IF(Input!$K$13=4,J6022*Input!$J$13,0)+IF(Input!$K$14=4,K6022*Input!$J$14,0)+IF(Input!$K$15=4,L6022*Input!$J$15,0)+IF(Input!$K$16=4,M6022*Input!$J$16,0)</f>
        <v>0</v>
      </c>
    </row>
    <row r="6023" spans="8:17" x14ac:dyDescent="0.25">
      <c r="H6023" s="43">
        <v>6016</v>
      </c>
      <c r="I6023" s="55">
        <f>Bühler!I6049</f>
        <v>0.2550330573793313</v>
      </c>
      <c r="J6023" s="58">
        <f>Bühler!J6049</f>
        <v>33.23748049253804</v>
      </c>
      <c r="K6023" s="58">
        <f>Bühler!K6049</f>
        <v>2.7982647299668799</v>
      </c>
      <c r="L6023" s="58">
        <f>Bühler!L6049</f>
        <v>1.39913236498344</v>
      </c>
      <c r="M6023" s="57">
        <f>Bühler!M6049</f>
        <v>0</v>
      </c>
      <c r="N6023" s="55">
        <f>IF(Input!$K$13=1,J6023*Input!$J$13,0)+IF(Input!$K$14=1,K6023*Input!$J$14,0)+IF(Input!$K$15=1,L6023*Input!$J$15,0)+IF(Input!$K$16=1,M6023*Input!$J$16,0)</f>
        <v>3.9884976591045649</v>
      </c>
      <c r="O6023" s="58">
        <f>IF(Input!$K$13=2,J6023*Input!$J$13,0)+IF(Input!$K$14=2,K6023*Input!$J$14,0)+IF(Input!$K$15=2,L6023*Input!$J$15,0)+IF(Input!$K$16=2,M6023*Input!$J$16,0)</f>
        <v>0.37776573854552875</v>
      </c>
      <c r="P6023" s="58">
        <f>IF(Input!$K$13=3,J6023*Input!$J$13,0)+IF(Input!$K$14=3,K6023*Input!$J$14,0)+IF(Input!$K$15=3,L6023*Input!$J$15,0)+IF(Input!$K$16=3,M6023*Input!$J$16,0)</f>
        <v>0</v>
      </c>
      <c r="Q6023" s="71">
        <f>IF(Input!$K$13=4,J6023*Input!$J$13,0)+IF(Input!$K$14=4,K6023*Input!$J$14,0)+IF(Input!$K$15=4,L6023*Input!$J$15,0)+IF(Input!$K$16=4,M6023*Input!$J$16,0)</f>
        <v>0</v>
      </c>
    </row>
    <row r="6024" spans="8:17" x14ac:dyDescent="0.25">
      <c r="H6024" s="43">
        <v>6017</v>
      </c>
      <c r="I6024" s="55">
        <f>Bühler!I6050</f>
        <v>0.22080784188686695</v>
      </c>
      <c r="J6024" s="58">
        <f>Bühler!J6050</f>
        <v>15.713947781939456</v>
      </c>
      <c r="K6024" s="58">
        <f>Bühler!K6050</f>
        <v>1.3137393098436057</v>
      </c>
      <c r="L6024" s="58">
        <f>Bühler!L6050</f>
        <v>0.65686965492180283</v>
      </c>
      <c r="M6024" s="57">
        <f>Bühler!M6050</f>
        <v>0</v>
      </c>
      <c r="N6024" s="55">
        <f>IF(Input!$K$13=1,J6024*Input!$J$13,0)+IF(Input!$K$14=1,K6024*Input!$J$14,0)+IF(Input!$K$15=1,L6024*Input!$J$15,0)+IF(Input!$K$16=1,M6024*Input!$J$16,0)</f>
        <v>1.8856737338327347</v>
      </c>
      <c r="O6024" s="58">
        <f>IF(Input!$K$13=2,J6024*Input!$J$13,0)+IF(Input!$K$14=2,K6024*Input!$J$14,0)+IF(Input!$K$15=2,L6024*Input!$J$15,0)+IF(Input!$K$16=2,M6024*Input!$J$16,0)</f>
        <v>0.17735480682888677</v>
      </c>
      <c r="P6024" s="58">
        <f>IF(Input!$K$13=3,J6024*Input!$J$13,0)+IF(Input!$K$14=3,K6024*Input!$J$14,0)+IF(Input!$K$15=3,L6024*Input!$J$15,0)+IF(Input!$K$16=3,M6024*Input!$J$16,0)</f>
        <v>0</v>
      </c>
      <c r="Q6024" s="71">
        <f>IF(Input!$K$13=4,J6024*Input!$J$13,0)+IF(Input!$K$14=4,K6024*Input!$J$14,0)+IF(Input!$K$15=4,L6024*Input!$J$15,0)+IF(Input!$K$16=4,M6024*Input!$J$16,0)</f>
        <v>0</v>
      </c>
    </row>
    <row r="6025" spans="8:17" x14ac:dyDescent="0.25">
      <c r="H6025" s="43">
        <v>6018</v>
      </c>
      <c r="I6025" s="55">
        <f>Bühler!I6051</f>
        <v>0.18547858718496821</v>
      </c>
      <c r="J6025" s="58">
        <f>Bühler!J6051</f>
        <v>10.414263065247981</v>
      </c>
      <c r="K6025" s="58">
        <f>Bühler!K6051</f>
        <v>0.86706794449677971</v>
      </c>
      <c r="L6025" s="58">
        <f>Bühler!L6051</f>
        <v>0.43353397224838985</v>
      </c>
      <c r="M6025" s="57">
        <f>Bühler!M6051</f>
        <v>0</v>
      </c>
      <c r="N6025" s="55">
        <f>IF(Input!$K$13=1,J6025*Input!$J$13,0)+IF(Input!$K$14=1,K6025*Input!$J$14,0)+IF(Input!$K$15=1,L6025*Input!$J$15,0)+IF(Input!$K$16=1,M6025*Input!$J$16,0)</f>
        <v>1.2497115678297577</v>
      </c>
      <c r="O6025" s="58">
        <f>IF(Input!$K$13=2,J6025*Input!$J$13,0)+IF(Input!$K$14=2,K6025*Input!$J$14,0)+IF(Input!$K$15=2,L6025*Input!$J$15,0)+IF(Input!$K$16=2,M6025*Input!$J$16,0)</f>
        <v>0.11705417250706526</v>
      </c>
      <c r="P6025" s="58">
        <f>IF(Input!$K$13=3,J6025*Input!$J$13,0)+IF(Input!$K$14=3,K6025*Input!$J$14,0)+IF(Input!$K$15=3,L6025*Input!$J$15,0)+IF(Input!$K$16=3,M6025*Input!$J$16,0)</f>
        <v>0</v>
      </c>
      <c r="Q6025" s="71">
        <f>IF(Input!$K$13=4,J6025*Input!$J$13,0)+IF(Input!$K$14=4,K6025*Input!$J$14,0)+IF(Input!$K$15=4,L6025*Input!$J$15,0)+IF(Input!$K$16=4,M6025*Input!$J$16,0)</f>
        <v>0</v>
      </c>
    </row>
    <row r="6026" spans="8:17" x14ac:dyDescent="0.25">
      <c r="H6026" s="43">
        <v>6019</v>
      </c>
      <c r="I6026" s="55">
        <f>Bühler!I6052</f>
        <v>6.8450430984928756E-2</v>
      </c>
      <c r="J6026" s="58">
        <f>Bühler!J6052</f>
        <v>6.5735451339230542</v>
      </c>
      <c r="K6026" s="58">
        <f>Bühler!K6052</f>
        <v>0.55177051013431433</v>
      </c>
      <c r="L6026" s="58">
        <f>Bühler!L6052</f>
        <v>0.27588525506715716</v>
      </c>
      <c r="M6026" s="57">
        <f>Bühler!M6052</f>
        <v>0</v>
      </c>
      <c r="N6026" s="55">
        <f>IF(Input!$K$13=1,J6026*Input!$J$13,0)+IF(Input!$K$14=1,K6026*Input!$J$14,0)+IF(Input!$K$15=1,L6026*Input!$J$15,0)+IF(Input!$K$16=1,M6026*Input!$J$16,0)</f>
        <v>0.78882541607076651</v>
      </c>
      <c r="O6026" s="58">
        <f>IF(Input!$K$13=2,J6026*Input!$J$13,0)+IF(Input!$K$14=2,K6026*Input!$J$14,0)+IF(Input!$K$15=2,L6026*Input!$J$15,0)+IF(Input!$K$16=2,M6026*Input!$J$16,0)</f>
        <v>7.4489018868132431E-2</v>
      </c>
      <c r="P6026" s="58">
        <f>IF(Input!$K$13=3,J6026*Input!$J$13,0)+IF(Input!$K$14=3,K6026*Input!$J$14,0)+IF(Input!$K$15=3,L6026*Input!$J$15,0)+IF(Input!$K$16=3,M6026*Input!$J$16,0)</f>
        <v>0</v>
      </c>
      <c r="Q6026" s="71">
        <f>IF(Input!$K$13=4,J6026*Input!$J$13,0)+IF(Input!$K$14=4,K6026*Input!$J$14,0)+IF(Input!$K$15=4,L6026*Input!$J$15,0)+IF(Input!$K$16=4,M6026*Input!$J$16,0)</f>
        <v>0</v>
      </c>
    </row>
    <row r="6027" spans="8:17" x14ac:dyDescent="0.25">
      <c r="H6027" s="43">
        <v>6020</v>
      </c>
      <c r="I6027" s="55">
        <f>Bühler!I6053</f>
        <v>6.8450430984928756E-2</v>
      </c>
      <c r="J6027" s="58">
        <f>Bühler!J6053</f>
        <v>6.2640503481918133</v>
      </c>
      <c r="K6027" s="58">
        <f>Bühler!K6053</f>
        <v>0.52549572393744226</v>
      </c>
      <c r="L6027" s="58">
        <f>Bühler!L6053</f>
        <v>0.26274786196872113</v>
      </c>
      <c r="M6027" s="57">
        <f>Bühler!M6053</f>
        <v>0</v>
      </c>
      <c r="N6027" s="55">
        <f>IF(Input!$K$13=1,J6027*Input!$J$13,0)+IF(Input!$K$14=1,K6027*Input!$J$14,0)+IF(Input!$K$15=1,L6027*Input!$J$15,0)+IF(Input!$K$16=1,M6027*Input!$J$16,0)</f>
        <v>0.75168604178301757</v>
      </c>
      <c r="O6027" s="58">
        <f>IF(Input!$K$13=2,J6027*Input!$J$13,0)+IF(Input!$K$14=2,K6027*Input!$J$14,0)+IF(Input!$K$15=2,L6027*Input!$J$15,0)+IF(Input!$K$16=2,M6027*Input!$J$16,0)</f>
        <v>7.0941922731554696E-2</v>
      </c>
      <c r="P6027" s="58">
        <f>IF(Input!$K$13=3,J6027*Input!$J$13,0)+IF(Input!$K$14=3,K6027*Input!$J$14,0)+IF(Input!$K$15=3,L6027*Input!$J$15,0)+IF(Input!$K$16=3,M6027*Input!$J$16,0)</f>
        <v>0</v>
      </c>
      <c r="Q6027" s="71">
        <f>IF(Input!$K$13=4,J6027*Input!$J$13,0)+IF(Input!$K$14=4,K6027*Input!$J$14,0)+IF(Input!$K$15=4,L6027*Input!$J$15,0)+IF(Input!$K$16=4,M6027*Input!$J$16,0)</f>
        <v>0</v>
      </c>
    </row>
    <row r="6028" spans="8:17" x14ac:dyDescent="0.25">
      <c r="H6028" s="43">
        <v>6021</v>
      </c>
      <c r="I6028" s="55">
        <f>Bühler!I6054</f>
        <v>6.8450430984928756E-2</v>
      </c>
      <c r="J6028" s="58">
        <f>Bühler!J6054</f>
        <v>6.2640503481918133</v>
      </c>
      <c r="K6028" s="58">
        <f>Bühler!K6054</f>
        <v>0.52549572393744226</v>
      </c>
      <c r="L6028" s="58">
        <f>Bühler!L6054</f>
        <v>0.26274786196872113</v>
      </c>
      <c r="M6028" s="57">
        <f>Bühler!M6054</f>
        <v>0</v>
      </c>
      <c r="N6028" s="55">
        <f>IF(Input!$K$13=1,J6028*Input!$J$13,0)+IF(Input!$K$14=1,K6028*Input!$J$14,0)+IF(Input!$K$15=1,L6028*Input!$J$15,0)+IF(Input!$K$16=1,M6028*Input!$J$16,0)</f>
        <v>0.75168604178301757</v>
      </c>
      <c r="O6028" s="58">
        <f>IF(Input!$K$13=2,J6028*Input!$J$13,0)+IF(Input!$K$14=2,K6028*Input!$J$14,0)+IF(Input!$K$15=2,L6028*Input!$J$15,0)+IF(Input!$K$16=2,M6028*Input!$J$16,0)</f>
        <v>7.0941922731554696E-2</v>
      </c>
      <c r="P6028" s="58">
        <f>IF(Input!$K$13=3,J6028*Input!$J$13,0)+IF(Input!$K$14=3,K6028*Input!$J$14,0)+IF(Input!$K$15=3,L6028*Input!$J$15,0)+IF(Input!$K$16=3,M6028*Input!$J$16,0)</f>
        <v>0</v>
      </c>
      <c r="Q6028" s="71">
        <f>IF(Input!$K$13=4,J6028*Input!$J$13,0)+IF(Input!$K$14=4,K6028*Input!$J$14,0)+IF(Input!$K$15=4,L6028*Input!$J$15,0)+IF(Input!$K$16=4,M6028*Input!$J$16,0)</f>
        <v>0</v>
      </c>
    </row>
    <row r="6029" spans="8:17" x14ac:dyDescent="0.25">
      <c r="H6029" s="43">
        <v>6022</v>
      </c>
      <c r="I6029" s="55">
        <f>Bühler!I6055</f>
        <v>6.8450430984928756E-2</v>
      </c>
      <c r="J6029" s="58">
        <f>Bühler!J6055</f>
        <v>6.2640503481918133</v>
      </c>
      <c r="K6029" s="58">
        <f>Bühler!K6055</f>
        <v>0.52549572393744226</v>
      </c>
      <c r="L6029" s="58">
        <f>Bühler!L6055</f>
        <v>0.26274786196872113</v>
      </c>
      <c r="M6029" s="57">
        <f>Bühler!M6055</f>
        <v>0</v>
      </c>
      <c r="N6029" s="55">
        <f>IF(Input!$K$13=1,J6029*Input!$J$13,0)+IF(Input!$K$14=1,K6029*Input!$J$14,0)+IF(Input!$K$15=1,L6029*Input!$J$15,0)+IF(Input!$K$16=1,M6029*Input!$J$16,0)</f>
        <v>0.75168604178301757</v>
      </c>
      <c r="O6029" s="58">
        <f>IF(Input!$K$13=2,J6029*Input!$J$13,0)+IF(Input!$K$14=2,K6029*Input!$J$14,0)+IF(Input!$K$15=2,L6029*Input!$J$15,0)+IF(Input!$K$16=2,M6029*Input!$J$16,0)</f>
        <v>7.0941922731554696E-2</v>
      </c>
      <c r="P6029" s="58">
        <f>IF(Input!$K$13=3,J6029*Input!$J$13,0)+IF(Input!$K$14=3,K6029*Input!$J$14,0)+IF(Input!$K$15=3,L6029*Input!$J$15,0)+IF(Input!$K$16=3,M6029*Input!$J$16,0)</f>
        <v>0</v>
      </c>
      <c r="Q6029" s="71">
        <f>IF(Input!$K$13=4,J6029*Input!$J$13,0)+IF(Input!$K$14=4,K6029*Input!$J$14,0)+IF(Input!$K$15=4,L6029*Input!$J$15,0)+IF(Input!$K$16=4,M6029*Input!$J$16,0)</f>
        <v>0</v>
      </c>
    </row>
    <row r="6030" spans="8:17" x14ac:dyDescent="0.25">
      <c r="H6030" s="43">
        <v>6023</v>
      </c>
      <c r="I6030" s="55">
        <f>Bühler!I6056</f>
        <v>6.8450430984928756E-2</v>
      </c>
      <c r="J6030" s="58">
        <f>Bühler!J6056</f>
        <v>6.2640503481918133</v>
      </c>
      <c r="K6030" s="58">
        <f>Bühler!K6056</f>
        <v>0.52549572393744226</v>
      </c>
      <c r="L6030" s="58">
        <f>Bühler!L6056</f>
        <v>0.26274786196872113</v>
      </c>
      <c r="M6030" s="57">
        <f>Bühler!M6056</f>
        <v>0</v>
      </c>
      <c r="N6030" s="55">
        <f>IF(Input!$K$13=1,J6030*Input!$J$13,0)+IF(Input!$K$14=1,K6030*Input!$J$14,0)+IF(Input!$K$15=1,L6030*Input!$J$15,0)+IF(Input!$K$16=1,M6030*Input!$J$16,0)</f>
        <v>0.75168604178301757</v>
      </c>
      <c r="O6030" s="58">
        <f>IF(Input!$K$13=2,J6030*Input!$J$13,0)+IF(Input!$K$14=2,K6030*Input!$J$14,0)+IF(Input!$K$15=2,L6030*Input!$J$15,0)+IF(Input!$K$16=2,M6030*Input!$J$16,0)</f>
        <v>7.0941922731554696E-2</v>
      </c>
      <c r="P6030" s="58">
        <f>IF(Input!$K$13=3,J6030*Input!$J$13,0)+IF(Input!$K$14=3,K6030*Input!$J$14,0)+IF(Input!$K$15=3,L6030*Input!$J$15,0)+IF(Input!$K$16=3,M6030*Input!$J$16,0)</f>
        <v>0</v>
      </c>
      <c r="Q6030" s="71">
        <f>IF(Input!$K$13=4,J6030*Input!$J$13,0)+IF(Input!$K$14=4,K6030*Input!$J$14,0)+IF(Input!$K$15=4,L6030*Input!$J$15,0)+IF(Input!$K$16=4,M6030*Input!$J$16,0)</f>
        <v>0</v>
      </c>
    </row>
    <row r="6031" spans="8:17" x14ac:dyDescent="0.25">
      <c r="H6031" s="43">
        <v>6024</v>
      </c>
      <c r="I6031" s="55">
        <f>Bühler!I6057</f>
        <v>6.8450430984928756E-2</v>
      </c>
      <c r="J6031" s="58">
        <f>Bühler!J6057</f>
        <v>6.2640503481918133</v>
      </c>
      <c r="K6031" s="58">
        <f>Bühler!K6057</f>
        <v>0.52549572393744226</v>
      </c>
      <c r="L6031" s="58">
        <f>Bühler!L6057</f>
        <v>0.26274786196872113</v>
      </c>
      <c r="M6031" s="57">
        <f>Bühler!M6057</f>
        <v>0</v>
      </c>
      <c r="N6031" s="55">
        <f>IF(Input!$K$13=1,J6031*Input!$J$13,0)+IF(Input!$K$14=1,K6031*Input!$J$14,0)+IF(Input!$K$15=1,L6031*Input!$J$15,0)+IF(Input!$K$16=1,M6031*Input!$J$16,0)</f>
        <v>0.75168604178301757</v>
      </c>
      <c r="O6031" s="58">
        <f>IF(Input!$K$13=2,J6031*Input!$J$13,0)+IF(Input!$K$14=2,K6031*Input!$J$14,0)+IF(Input!$K$15=2,L6031*Input!$J$15,0)+IF(Input!$K$16=2,M6031*Input!$J$16,0)</f>
        <v>7.0941922731554696E-2</v>
      </c>
      <c r="P6031" s="58">
        <f>IF(Input!$K$13=3,J6031*Input!$J$13,0)+IF(Input!$K$14=3,K6031*Input!$J$14,0)+IF(Input!$K$15=3,L6031*Input!$J$15,0)+IF(Input!$K$16=3,M6031*Input!$J$16,0)</f>
        <v>0</v>
      </c>
      <c r="Q6031" s="71">
        <f>IF(Input!$K$13=4,J6031*Input!$J$13,0)+IF(Input!$K$14=4,K6031*Input!$J$14,0)+IF(Input!$K$15=4,L6031*Input!$J$15,0)+IF(Input!$K$16=4,M6031*Input!$J$16,0)</f>
        <v>0</v>
      </c>
    </row>
    <row r="6032" spans="8:17" x14ac:dyDescent="0.25">
      <c r="H6032" s="43">
        <v>6025</v>
      </c>
      <c r="I6032" s="55">
        <f>Bühler!I6058</f>
        <v>4.0554459411945874E-2</v>
      </c>
      <c r="J6032" s="58">
        <f>Bühler!J6058</f>
        <v>4.2252413472919024</v>
      </c>
      <c r="K6032" s="58">
        <f>Bühler!K6058</f>
        <v>0.23948655843872374</v>
      </c>
      <c r="L6032" s="58">
        <f>Bühler!L6058</f>
        <v>0.11974327921936187</v>
      </c>
      <c r="M6032" s="57">
        <f>Bühler!M6058</f>
        <v>0</v>
      </c>
      <c r="N6032" s="55">
        <f>IF(Input!$K$13=1,J6032*Input!$J$13,0)+IF(Input!$K$14=1,K6032*Input!$J$14,0)+IF(Input!$K$15=1,L6032*Input!$J$15,0)+IF(Input!$K$16=1,M6032*Input!$J$16,0)</f>
        <v>0.50702896167502831</v>
      </c>
      <c r="O6032" s="58">
        <f>IF(Input!$K$13=2,J6032*Input!$J$13,0)+IF(Input!$K$14=2,K6032*Input!$J$14,0)+IF(Input!$K$15=2,L6032*Input!$J$15,0)+IF(Input!$K$16=2,M6032*Input!$J$16,0)</f>
        <v>3.2330685389227704E-2</v>
      </c>
      <c r="P6032" s="58">
        <f>IF(Input!$K$13=3,J6032*Input!$J$13,0)+IF(Input!$K$14=3,K6032*Input!$J$14,0)+IF(Input!$K$15=3,L6032*Input!$J$15,0)+IF(Input!$K$16=3,M6032*Input!$J$16,0)</f>
        <v>0</v>
      </c>
      <c r="Q6032" s="71">
        <f>IF(Input!$K$13=4,J6032*Input!$J$13,0)+IF(Input!$K$14=4,K6032*Input!$J$14,0)+IF(Input!$K$15=4,L6032*Input!$J$15,0)+IF(Input!$K$16=4,M6032*Input!$J$16,0)</f>
        <v>0</v>
      </c>
    </row>
    <row r="6033" spans="8:17" x14ac:dyDescent="0.25">
      <c r="H6033" s="43">
        <v>6026</v>
      </c>
      <c r="I6033" s="55">
        <f>Bühler!I6059</f>
        <v>7.9177754089989588E-2</v>
      </c>
      <c r="J6033" s="58">
        <f>Bühler!J6059</f>
        <v>3.8514646275504556</v>
      </c>
      <c r="K6033" s="58">
        <f>Bühler!K6059</f>
        <v>0.21553790259485134</v>
      </c>
      <c r="L6033" s="58">
        <f>Bühler!L6059</f>
        <v>0.10776895129742567</v>
      </c>
      <c r="M6033" s="57">
        <f>Bühler!M6059</f>
        <v>0</v>
      </c>
      <c r="N6033" s="55">
        <f>IF(Input!$K$13=1,J6033*Input!$J$13,0)+IF(Input!$K$14=1,K6033*Input!$J$14,0)+IF(Input!$K$15=1,L6033*Input!$J$15,0)+IF(Input!$K$16=1,M6033*Input!$J$16,0)</f>
        <v>0.46217575530605465</v>
      </c>
      <c r="O6033" s="58">
        <f>IF(Input!$K$13=2,J6033*Input!$J$13,0)+IF(Input!$K$14=2,K6033*Input!$J$14,0)+IF(Input!$K$15=2,L6033*Input!$J$15,0)+IF(Input!$K$16=2,M6033*Input!$J$16,0)</f>
        <v>2.909761685030493E-2</v>
      </c>
      <c r="P6033" s="58">
        <f>IF(Input!$K$13=3,J6033*Input!$J$13,0)+IF(Input!$K$14=3,K6033*Input!$J$14,0)+IF(Input!$K$15=3,L6033*Input!$J$15,0)+IF(Input!$K$16=3,M6033*Input!$J$16,0)</f>
        <v>0</v>
      </c>
      <c r="Q6033" s="71">
        <f>IF(Input!$K$13=4,J6033*Input!$J$13,0)+IF(Input!$K$14=4,K6033*Input!$J$14,0)+IF(Input!$K$15=4,L6033*Input!$J$15,0)+IF(Input!$K$16=4,M6033*Input!$J$16,0)</f>
        <v>0</v>
      </c>
    </row>
    <row r="6034" spans="8:17" x14ac:dyDescent="0.25">
      <c r="H6034" s="43">
        <v>6027</v>
      </c>
      <c r="I6034" s="55">
        <f>Bühler!I6060</f>
        <v>7.9177754089989588E-2</v>
      </c>
      <c r="J6034" s="58">
        <f>Bühler!J6060</f>
        <v>3.8514646275504556</v>
      </c>
      <c r="K6034" s="58">
        <f>Bühler!K6060</f>
        <v>0.21553790259485134</v>
      </c>
      <c r="L6034" s="58">
        <f>Bühler!L6060</f>
        <v>0.10776895129742567</v>
      </c>
      <c r="M6034" s="57">
        <f>Bühler!M6060</f>
        <v>0</v>
      </c>
      <c r="N6034" s="55">
        <f>IF(Input!$K$13=1,J6034*Input!$J$13,0)+IF(Input!$K$14=1,K6034*Input!$J$14,0)+IF(Input!$K$15=1,L6034*Input!$J$15,0)+IF(Input!$K$16=1,M6034*Input!$J$16,0)</f>
        <v>0.46217575530605465</v>
      </c>
      <c r="O6034" s="58">
        <f>IF(Input!$K$13=2,J6034*Input!$J$13,0)+IF(Input!$K$14=2,K6034*Input!$J$14,0)+IF(Input!$K$15=2,L6034*Input!$J$15,0)+IF(Input!$K$16=2,M6034*Input!$J$16,0)</f>
        <v>2.909761685030493E-2</v>
      </c>
      <c r="P6034" s="58">
        <f>IF(Input!$K$13=3,J6034*Input!$J$13,0)+IF(Input!$K$14=3,K6034*Input!$J$14,0)+IF(Input!$K$15=3,L6034*Input!$J$15,0)+IF(Input!$K$16=3,M6034*Input!$J$16,0)</f>
        <v>0</v>
      </c>
      <c r="Q6034" s="71">
        <f>IF(Input!$K$13=4,J6034*Input!$J$13,0)+IF(Input!$K$14=4,K6034*Input!$J$14,0)+IF(Input!$K$15=4,L6034*Input!$J$15,0)+IF(Input!$K$16=4,M6034*Input!$J$16,0)</f>
        <v>0</v>
      </c>
    </row>
    <row r="6035" spans="8:17" x14ac:dyDescent="0.25">
      <c r="H6035" s="43">
        <v>6028</v>
      </c>
      <c r="I6035" s="55">
        <f>Bühler!I6061</f>
        <v>7.9177754089989588E-2</v>
      </c>
      <c r="J6035" s="58">
        <f>Bühler!J6061</f>
        <v>3.8514646275504556</v>
      </c>
      <c r="K6035" s="58">
        <f>Bühler!K6061</f>
        <v>0.21553790259485134</v>
      </c>
      <c r="L6035" s="58">
        <f>Bühler!L6061</f>
        <v>0.10776895129742567</v>
      </c>
      <c r="M6035" s="57">
        <f>Bühler!M6061</f>
        <v>0</v>
      </c>
      <c r="N6035" s="55">
        <f>IF(Input!$K$13=1,J6035*Input!$J$13,0)+IF(Input!$K$14=1,K6035*Input!$J$14,0)+IF(Input!$K$15=1,L6035*Input!$J$15,0)+IF(Input!$K$16=1,M6035*Input!$J$16,0)</f>
        <v>0.46217575530605465</v>
      </c>
      <c r="O6035" s="58">
        <f>IF(Input!$K$13=2,J6035*Input!$J$13,0)+IF(Input!$K$14=2,K6035*Input!$J$14,0)+IF(Input!$K$15=2,L6035*Input!$J$15,0)+IF(Input!$K$16=2,M6035*Input!$J$16,0)</f>
        <v>2.909761685030493E-2</v>
      </c>
      <c r="P6035" s="58">
        <f>IF(Input!$K$13=3,J6035*Input!$J$13,0)+IF(Input!$K$14=3,K6035*Input!$J$14,0)+IF(Input!$K$15=3,L6035*Input!$J$15,0)+IF(Input!$K$16=3,M6035*Input!$J$16,0)</f>
        <v>0</v>
      </c>
      <c r="Q6035" s="71">
        <f>IF(Input!$K$13=4,J6035*Input!$J$13,0)+IF(Input!$K$14=4,K6035*Input!$J$14,0)+IF(Input!$K$15=4,L6035*Input!$J$15,0)+IF(Input!$K$16=4,M6035*Input!$J$16,0)</f>
        <v>0</v>
      </c>
    </row>
    <row r="6036" spans="8:17" x14ac:dyDescent="0.25">
      <c r="H6036" s="43">
        <v>6029</v>
      </c>
      <c r="I6036" s="55">
        <f>Bühler!I6062</f>
        <v>7.9177754089989588E-2</v>
      </c>
      <c r="J6036" s="58">
        <f>Bühler!J6062</f>
        <v>3.8514646275504556</v>
      </c>
      <c r="K6036" s="58">
        <f>Bühler!K6062</f>
        <v>0.21553790259485134</v>
      </c>
      <c r="L6036" s="58">
        <f>Bühler!L6062</f>
        <v>0.10776895129742567</v>
      </c>
      <c r="M6036" s="57">
        <f>Bühler!M6062</f>
        <v>0</v>
      </c>
      <c r="N6036" s="55">
        <f>IF(Input!$K$13=1,J6036*Input!$J$13,0)+IF(Input!$K$14=1,K6036*Input!$J$14,0)+IF(Input!$K$15=1,L6036*Input!$J$15,0)+IF(Input!$K$16=1,M6036*Input!$J$16,0)</f>
        <v>0.46217575530605465</v>
      </c>
      <c r="O6036" s="58">
        <f>IF(Input!$K$13=2,J6036*Input!$J$13,0)+IF(Input!$K$14=2,K6036*Input!$J$14,0)+IF(Input!$K$15=2,L6036*Input!$J$15,0)+IF(Input!$K$16=2,M6036*Input!$J$16,0)</f>
        <v>2.909761685030493E-2</v>
      </c>
      <c r="P6036" s="58">
        <f>IF(Input!$K$13=3,J6036*Input!$J$13,0)+IF(Input!$K$14=3,K6036*Input!$J$14,0)+IF(Input!$K$15=3,L6036*Input!$J$15,0)+IF(Input!$K$16=3,M6036*Input!$J$16,0)</f>
        <v>0</v>
      </c>
      <c r="Q6036" s="71">
        <f>IF(Input!$K$13=4,J6036*Input!$J$13,0)+IF(Input!$K$14=4,K6036*Input!$J$14,0)+IF(Input!$K$15=4,L6036*Input!$J$15,0)+IF(Input!$K$16=4,M6036*Input!$J$16,0)</f>
        <v>0</v>
      </c>
    </row>
    <row r="6037" spans="8:17" x14ac:dyDescent="0.25">
      <c r="H6037" s="43">
        <v>6030</v>
      </c>
      <c r="I6037" s="55">
        <f>Bühler!I6063</f>
        <v>9.8489401429011442E-2</v>
      </c>
      <c r="J6037" s="58">
        <f>Bühler!J6063</f>
        <v>3.8522692795229148</v>
      </c>
      <c r="K6037" s="58">
        <f>Bühler!K6063</f>
        <v>0.21553790259485134</v>
      </c>
      <c r="L6037" s="58">
        <f>Bühler!L6063</f>
        <v>0.10776895129742567</v>
      </c>
      <c r="M6037" s="57">
        <f>Bühler!M6063</f>
        <v>0</v>
      </c>
      <c r="N6037" s="55">
        <f>IF(Input!$K$13=1,J6037*Input!$J$13,0)+IF(Input!$K$14=1,K6037*Input!$J$14,0)+IF(Input!$K$15=1,L6037*Input!$J$15,0)+IF(Input!$K$16=1,M6037*Input!$J$16,0)</f>
        <v>0.46227231354274978</v>
      </c>
      <c r="O6037" s="58">
        <f>IF(Input!$K$13=2,J6037*Input!$J$13,0)+IF(Input!$K$14=2,K6037*Input!$J$14,0)+IF(Input!$K$15=2,L6037*Input!$J$15,0)+IF(Input!$K$16=2,M6037*Input!$J$16,0)</f>
        <v>2.909761685030493E-2</v>
      </c>
      <c r="P6037" s="58">
        <f>IF(Input!$K$13=3,J6037*Input!$J$13,0)+IF(Input!$K$14=3,K6037*Input!$J$14,0)+IF(Input!$K$15=3,L6037*Input!$J$15,0)+IF(Input!$K$16=3,M6037*Input!$J$16,0)</f>
        <v>0</v>
      </c>
      <c r="Q6037" s="71">
        <f>IF(Input!$K$13=4,J6037*Input!$J$13,0)+IF(Input!$K$14=4,K6037*Input!$J$14,0)+IF(Input!$K$15=4,L6037*Input!$J$15,0)+IF(Input!$K$16=4,M6037*Input!$J$16,0)</f>
        <v>0</v>
      </c>
    </row>
    <row r="6038" spans="8:17" x14ac:dyDescent="0.25">
      <c r="H6038" s="43">
        <v>6031</v>
      </c>
      <c r="I6038" s="55">
        <f>Bühler!I6064</f>
        <v>0.12359454296973985</v>
      </c>
      <c r="J6038" s="58">
        <f>Bühler!J6064</f>
        <v>3.8533153270871119</v>
      </c>
      <c r="K6038" s="58">
        <f>Bühler!K6064</f>
        <v>0.21553790259485134</v>
      </c>
      <c r="L6038" s="58">
        <f>Bühler!L6064</f>
        <v>0.10776895129742567</v>
      </c>
      <c r="M6038" s="57">
        <f>Bühler!M6064</f>
        <v>0</v>
      </c>
      <c r="N6038" s="55">
        <f>IF(Input!$K$13=1,J6038*Input!$J$13,0)+IF(Input!$K$14=1,K6038*Input!$J$14,0)+IF(Input!$K$15=1,L6038*Input!$J$15,0)+IF(Input!$K$16=1,M6038*Input!$J$16,0)</f>
        <v>0.46239783925045341</v>
      </c>
      <c r="O6038" s="58">
        <f>IF(Input!$K$13=2,J6038*Input!$J$13,0)+IF(Input!$K$14=2,K6038*Input!$J$14,0)+IF(Input!$K$15=2,L6038*Input!$J$15,0)+IF(Input!$K$16=2,M6038*Input!$J$16,0)</f>
        <v>2.909761685030493E-2</v>
      </c>
      <c r="P6038" s="58">
        <f>IF(Input!$K$13=3,J6038*Input!$J$13,0)+IF(Input!$K$14=3,K6038*Input!$J$14,0)+IF(Input!$K$15=3,L6038*Input!$J$15,0)+IF(Input!$K$16=3,M6038*Input!$J$16,0)</f>
        <v>0</v>
      </c>
      <c r="Q6038" s="71">
        <f>IF(Input!$K$13=4,J6038*Input!$J$13,0)+IF(Input!$K$14=4,K6038*Input!$J$14,0)+IF(Input!$K$15=4,L6038*Input!$J$15,0)+IF(Input!$K$16=4,M6038*Input!$J$16,0)</f>
        <v>0</v>
      </c>
    </row>
    <row r="6039" spans="8:17" x14ac:dyDescent="0.25">
      <c r="H6039" s="43">
        <v>6032</v>
      </c>
      <c r="I6039" s="55">
        <f>Bühler!I6065</f>
        <v>0.14097502557485947</v>
      </c>
      <c r="J6039" s="58">
        <f>Bühler!J6065</f>
        <v>3.8540395138623254</v>
      </c>
      <c r="K6039" s="58">
        <f>Bühler!K6065</f>
        <v>0.21553790259485134</v>
      </c>
      <c r="L6039" s="58">
        <f>Bühler!L6065</f>
        <v>0.10776895129742567</v>
      </c>
      <c r="M6039" s="57">
        <f>Bühler!M6065</f>
        <v>0</v>
      </c>
      <c r="N6039" s="55">
        <f>IF(Input!$K$13=1,J6039*Input!$J$13,0)+IF(Input!$K$14=1,K6039*Input!$J$14,0)+IF(Input!$K$15=1,L6039*Input!$J$15,0)+IF(Input!$K$16=1,M6039*Input!$J$16,0)</f>
        <v>0.46248474166347903</v>
      </c>
      <c r="O6039" s="58">
        <f>IF(Input!$K$13=2,J6039*Input!$J$13,0)+IF(Input!$K$14=2,K6039*Input!$J$14,0)+IF(Input!$K$15=2,L6039*Input!$J$15,0)+IF(Input!$K$16=2,M6039*Input!$J$16,0)</f>
        <v>2.909761685030493E-2</v>
      </c>
      <c r="P6039" s="58">
        <f>IF(Input!$K$13=3,J6039*Input!$J$13,0)+IF(Input!$K$14=3,K6039*Input!$J$14,0)+IF(Input!$K$15=3,L6039*Input!$J$15,0)+IF(Input!$K$16=3,M6039*Input!$J$16,0)</f>
        <v>0</v>
      </c>
      <c r="Q6039" s="71">
        <f>IF(Input!$K$13=4,J6039*Input!$J$13,0)+IF(Input!$K$14=4,K6039*Input!$J$14,0)+IF(Input!$K$15=4,L6039*Input!$J$15,0)+IF(Input!$K$16=4,M6039*Input!$J$16,0)</f>
        <v>0</v>
      </c>
    </row>
    <row r="6040" spans="8:17" x14ac:dyDescent="0.25">
      <c r="H6040" s="43">
        <v>6033</v>
      </c>
      <c r="I6040" s="55">
        <f>Bühler!I6066</f>
        <v>0.14097502557485947</v>
      </c>
      <c r="J6040" s="58">
        <f>Bühler!J6066</f>
        <v>3.8540395138623254</v>
      </c>
      <c r="K6040" s="58">
        <f>Bühler!K6066</f>
        <v>0.21553790259485134</v>
      </c>
      <c r="L6040" s="58">
        <f>Bühler!L6066</f>
        <v>0.10776895129742567</v>
      </c>
      <c r="M6040" s="57">
        <f>Bühler!M6066</f>
        <v>0</v>
      </c>
      <c r="N6040" s="55">
        <f>IF(Input!$K$13=1,J6040*Input!$J$13,0)+IF(Input!$K$14=1,K6040*Input!$J$14,0)+IF(Input!$K$15=1,L6040*Input!$J$15,0)+IF(Input!$K$16=1,M6040*Input!$J$16,0)</f>
        <v>0.46248474166347903</v>
      </c>
      <c r="O6040" s="58">
        <f>IF(Input!$K$13=2,J6040*Input!$J$13,0)+IF(Input!$K$14=2,K6040*Input!$J$14,0)+IF(Input!$K$15=2,L6040*Input!$J$15,0)+IF(Input!$K$16=2,M6040*Input!$J$16,0)</f>
        <v>2.909761685030493E-2</v>
      </c>
      <c r="P6040" s="58">
        <f>IF(Input!$K$13=3,J6040*Input!$J$13,0)+IF(Input!$K$14=3,K6040*Input!$J$14,0)+IF(Input!$K$15=3,L6040*Input!$J$15,0)+IF(Input!$K$16=3,M6040*Input!$J$16,0)</f>
        <v>0</v>
      </c>
      <c r="Q6040" s="71">
        <f>IF(Input!$K$13=4,J6040*Input!$J$13,0)+IF(Input!$K$14=4,K6040*Input!$J$14,0)+IF(Input!$K$15=4,L6040*Input!$J$15,0)+IF(Input!$K$16=4,M6040*Input!$J$16,0)</f>
        <v>0</v>
      </c>
    </row>
    <row r="6041" spans="8:17" x14ac:dyDescent="0.25">
      <c r="H6041" s="43">
        <v>6034</v>
      </c>
      <c r="I6041" s="55">
        <f>Bühler!I6067</f>
        <v>0.14097502557485947</v>
      </c>
      <c r="J6041" s="58">
        <f>Bühler!J6067</f>
        <v>3.8540395138623254</v>
      </c>
      <c r="K6041" s="58">
        <f>Bühler!K6067</f>
        <v>0.21553790259485134</v>
      </c>
      <c r="L6041" s="58">
        <f>Bühler!L6067</f>
        <v>0.10776895129742567</v>
      </c>
      <c r="M6041" s="57">
        <f>Bühler!M6067</f>
        <v>0</v>
      </c>
      <c r="N6041" s="55">
        <f>IF(Input!$K$13=1,J6041*Input!$J$13,0)+IF(Input!$K$14=1,K6041*Input!$J$14,0)+IF(Input!$K$15=1,L6041*Input!$J$15,0)+IF(Input!$K$16=1,M6041*Input!$J$16,0)</f>
        <v>0.46248474166347903</v>
      </c>
      <c r="O6041" s="58">
        <f>IF(Input!$K$13=2,J6041*Input!$J$13,0)+IF(Input!$K$14=2,K6041*Input!$J$14,0)+IF(Input!$K$15=2,L6041*Input!$J$15,0)+IF(Input!$K$16=2,M6041*Input!$J$16,0)</f>
        <v>2.909761685030493E-2</v>
      </c>
      <c r="P6041" s="58">
        <f>IF(Input!$K$13=3,J6041*Input!$J$13,0)+IF(Input!$K$14=3,K6041*Input!$J$14,0)+IF(Input!$K$15=3,L6041*Input!$J$15,0)+IF(Input!$K$16=3,M6041*Input!$J$16,0)</f>
        <v>0</v>
      </c>
      <c r="Q6041" s="71">
        <f>IF(Input!$K$13=4,J6041*Input!$J$13,0)+IF(Input!$K$14=4,K6041*Input!$J$14,0)+IF(Input!$K$15=4,L6041*Input!$J$15,0)+IF(Input!$K$16=4,M6041*Input!$J$16,0)</f>
        <v>0</v>
      </c>
    </row>
    <row r="6042" spans="8:17" x14ac:dyDescent="0.25">
      <c r="H6042" s="43">
        <v>6035</v>
      </c>
      <c r="I6042" s="55">
        <f>Bühler!I6068</f>
        <v>0.14097502557485947</v>
      </c>
      <c r="J6042" s="58">
        <f>Bühler!J6068</f>
        <v>3.8540395138623254</v>
      </c>
      <c r="K6042" s="58">
        <f>Bühler!K6068</f>
        <v>0.21553790259485134</v>
      </c>
      <c r="L6042" s="58">
        <f>Bühler!L6068</f>
        <v>0.10776895129742567</v>
      </c>
      <c r="M6042" s="57">
        <f>Bühler!M6068</f>
        <v>0</v>
      </c>
      <c r="N6042" s="55">
        <f>IF(Input!$K$13=1,J6042*Input!$J$13,0)+IF(Input!$K$14=1,K6042*Input!$J$14,0)+IF(Input!$K$15=1,L6042*Input!$J$15,0)+IF(Input!$K$16=1,M6042*Input!$J$16,0)</f>
        <v>0.46248474166347903</v>
      </c>
      <c r="O6042" s="58">
        <f>IF(Input!$K$13=2,J6042*Input!$J$13,0)+IF(Input!$K$14=2,K6042*Input!$J$14,0)+IF(Input!$K$15=2,L6042*Input!$J$15,0)+IF(Input!$K$16=2,M6042*Input!$J$16,0)</f>
        <v>2.909761685030493E-2</v>
      </c>
      <c r="P6042" s="58">
        <f>IF(Input!$K$13=3,J6042*Input!$J$13,0)+IF(Input!$K$14=3,K6042*Input!$J$14,0)+IF(Input!$K$15=3,L6042*Input!$J$15,0)+IF(Input!$K$16=3,M6042*Input!$J$16,0)</f>
        <v>0</v>
      </c>
      <c r="Q6042" s="71">
        <f>IF(Input!$K$13=4,J6042*Input!$J$13,0)+IF(Input!$K$14=4,K6042*Input!$J$14,0)+IF(Input!$K$15=4,L6042*Input!$J$15,0)+IF(Input!$K$16=4,M6042*Input!$J$16,0)</f>
        <v>0</v>
      </c>
    </row>
    <row r="6043" spans="8:17" x14ac:dyDescent="0.25">
      <c r="H6043" s="43">
        <v>6036</v>
      </c>
      <c r="I6043" s="55">
        <f>Bühler!I6069</f>
        <v>0.14097502557485947</v>
      </c>
      <c r="J6043" s="58">
        <f>Bühler!J6069</f>
        <v>3.8540395138623254</v>
      </c>
      <c r="K6043" s="58">
        <f>Bühler!K6069</f>
        <v>0.21553790259485134</v>
      </c>
      <c r="L6043" s="58">
        <f>Bühler!L6069</f>
        <v>0.10776895129742567</v>
      </c>
      <c r="M6043" s="57">
        <f>Bühler!M6069</f>
        <v>0</v>
      </c>
      <c r="N6043" s="55">
        <f>IF(Input!$K$13=1,J6043*Input!$J$13,0)+IF(Input!$K$14=1,K6043*Input!$J$14,0)+IF(Input!$K$15=1,L6043*Input!$J$15,0)+IF(Input!$K$16=1,M6043*Input!$J$16,0)</f>
        <v>0.46248474166347903</v>
      </c>
      <c r="O6043" s="58">
        <f>IF(Input!$K$13=2,J6043*Input!$J$13,0)+IF(Input!$K$14=2,K6043*Input!$J$14,0)+IF(Input!$K$15=2,L6043*Input!$J$15,0)+IF(Input!$K$16=2,M6043*Input!$J$16,0)</f>
        <v>2.909761685030493E-2</v>
      </c>
      <c r="P6043" s="58">
        <f>IF(Input!$K$13=3,J6043*Input!$J$13,0)+IF(Input!$K$14=3,K6043*Input!$J$14,0)+IF(Input!$K$15=3,L6043*Input!$J$15,0)+IF(Input!$K$16=3,M6043*Input!$J$16,0)</f>
        <v>0</v>
      </c>
      <c r="Q6043" s="71">
        <f>IF(Input!$K$13=4,J6043*Input!$J$13,0)+IF(Input!$K$14=4,K6043*Input!$J$14,0)+IF(Input!$K$15=4,L6043*Input!$J$15,0)+IF(Input!$K$16=4,M6043*Input!$J$16,0)</f>
        <v>0</v>
      </c>
    </row>
    <row r="6044" spans="8:17" x14ac:dyDescent="0.25">
      <c r="H6044" s="43">
        <v>6037</v>
      </c>
      <c r="I6044" s="55">
        <f>Bühler!I6070</f>
        <v>0.14097502557485947</v>
      </c>
      <c r="J6044" s="58">
        <f>Bühler!J6070</f>
        <v>3.8540395138623254</v>
      </c>
      <c r="K6044" s="58">
        <f>Bühler!K6070</f>
        <v>0.21553790259485134</v>
      </c>
      <c r="L6044" s="58">
        <f>Bühler!L6070</f>
        <v>0.10776895129742567</v>
      </c>
      <c r="M6044" s="57">
        <f>Bühler!M6070</f>
        <v>0</v>
      </c>
      <c r="N6044" s="55">
        <f>IF(Input!$K$13=1,J6044*Input!$J$13,0)+IF(Input!$K$14=1,K6044*Input!$J$14,0)+IF(Input!$K$15=1,L6044*Input!$J$15,0)+IF(Input!$K$16=1,M6044*Input!$J$16,0)</f>
        <v>0.46248474166347903</v>
      </c>
      <c r="O6044" s="58">
        <f>IF(Input!$K$13=2,J6044*Input!$J$13,0)+IF(Input!$K$14=2,K6044*Input!$J$14,0)+IF(Input!$K$15=2,L6044*Input!$J$15,0)+IF(Input!$K$16=2,M6044*Input!$J$16,0)</f>
        <v>2.909761685030493E-2</v>
      </c>
      <c r="P6044" s="58">
        <f>IF(Input!$K$13=3,J6044*Input!$J$13,0)+IF(Input!$K$14=3,K6044*Input!$J$14,0)+IF(Input!$K$15=3,L6044*Input!$J$15,0)+IF(Input!$K$16=3,M6044*Input!$J$16,0)</f>
        <v>0</v>
      </c>
      <c r="Q6044" s="71">
        <f>IF(Input!$K$13=4,J6044*Input!$J$13,0)+IF(Input!$K$14=4,K6044*Input!$J$14,0)+IF(Input!$K$15=4,L6044*Input!$J$15,0)+IF(Input!$K$16=4,M6044*Input!$J$16,0)</f>
        <v>0</v>
      </c>
    </row>
    <row r="6045" spans="8:17" x14ac:dyDescent="0.25">
      <c r="H6045" s="43">
        <v>6038</v>
      </c>
      <c r="I6045" s="55">
        <f>Bühler!I6071</f>
        <v>0.14097502557485947</v>
      </c>
      <c r="J6045" s="58">
        <f>Bühler!J6071</f>
        <v>3.8540395138623254</v>
      </c>
      <c r="K6045" s="58">
        <f>Bühler!K6071</f>
        <v>0.21553790259485134</v>
      </c>
      <c r="L6045" s="58">
        <f>Bühler!L6071</f>
        <v>0.10776895129742567</v>
      </c>
      <c r="M6045" s="57">
        <f>Bühler!M6071</f>
        <v>0</v>
      </c>
      <c r="N6045" s="55">
        <f>IF(Input!$K$13=1,J6045*Input!$J$13,0)+IF(Input!$K$14=1,K6045*Input!$J$14,0)+IF(Input!$K$15=1,L6045*Input!$J$15,0)+IF(Input!$K$16=1,M6045*Input!$J$16,0)</f>
        <v>0.46248474166347903</v>
      </c>
      <c r="O6045" s="58">
        <f>IF(Input!$K$13=2,J6045*Input!$J$13,0)+IF(Input!$K$14=2,K6045*Input!$J$14,0)+IF(Input!$K$15=2,L6045*Input!$J$15,0)+IF(Input!$K$16=2,M6045*Input!$J$16,0)</f>
        <v>2.909761685030493E-2</v>
      </c>
      <c r="P6045" s="58">
        <f>IF(Input!$K$13=3,J6045*Input!$J$13,0)+IF(Input!$K$14=3,K6045*Input!$J$14,0)+IF(Input!$K$15=3,L6045*Input!$J$15,0)+IF(Input!$K$16=3,M6045*Input!$J$16,0)</f>
        <v>0</v>
      </c>
      <c r="Q6045" s="71">
        <f>IF(Input!$K$13=4,J6045*Input!$J$13,0)+IF(Input!$K$14=4,K6045*Input!$J$14,0)+IF(Input!$K$15=4,L6045*Input!$J$15,0)+IF(Input!$K$16=4,M6045*Input!$J$16,0)</f>
        <v>0</v>
      </c>
    </row>
    <row r="6046" spans="8:17" x14ac:dyDescent="0.25">
      <c r="H6046" s="43">
        <v>6039</v>
      </c>
      <c r="I6046" s="55">
        <f>Bühler!I6072</f>
        <v>0.14097502557485947</v>
      </c>
      <c r="J6046" s="58">
        <f>Bühler!J6072</f>
        <v>3.8540395138623254</v>
      </c>
      <c r="K6046" s="58">
        <f>Bühler!K6072</f>
        <v>0.21553790259485134</v>
      </c>
      <c r="L6046" s="58">
        <f>Bühler!L6072</f>
        <v>0.10776895129742567</v>
      </c>
      <c r="M6046" s="57">
        <f>Bühler!M6072</f>
        <v>0</v>
      </c>
      <c r="N6046" s="55">
        <f>IF(Input!$K$13=1,J6046*Input!$J$13,0)+IF(Input!$K$14=1,K6046*Input!$J$14,0)+IF(Input!$K$15=1,L6046*Input!$J$15,0)+IF(Input!$K$16=1,M6046*Input!$J$16,0)</f>
        <v>0.46248474166347903</v>
      </c>
      <c r="O6046" s="58">
        <f>IF(Input!$K$13=2,J6046*Input!$J$13,0)+IF(Input!$K$14=2,K6046*Input!$J$14,0)+IF(Input!$K$15=2,L6046*Input!$J$15,0)+IF(Input!$K$16=2,M6046*Input!$J$16,0)</f>
        <v>2.909761685030493E-2</v>
      </c>
      <c r="P6046" s="58">
        <f>IF(Input!$K$13=3,J6046*Input!$J$13,0)+IF(Input!$K$14=3,K6046*Input!$J$14,0)+IF(Input!$K$15=3,L6046*Input!$J$15,0)+IF(Input!$K$16=3,M6046*Input!$J$16,0)</f>
        <v>0</v>
      </c>
      <c r="Q6046" s="71">
        <f>IF(Input!$K$13=4,J6046*Input!$J$13,0)+IF(Input!$K$14=4,K6046*Input!$J$14,0)+IF(Input!$K$15=4,L6046*Input!$J$15,0)+IF(Input!$K$16=4,M6046*Input!$J$16,0)</f>
        <v>0</v>
      </c>
    </row>
    <row r="6047" spans="8:17" x14ac:dyDescent="0.25">
      <c r="H6047" s="43">
        <v>6040</v>
      </c>
      <c r="I6047" s="55">
        <f>Bühler!I6073</f>
        <v>0.12745687243754417</v>
      </c>
      <c r="J6047" s="58">
        <f>Bühler!J6073</f>
        <v>3.8534762574816037</v>
      </c>
      <c r="K6047" s="58">
        <f>Bühler!K6073</f>
        <v>0.21553790259485134</v>
      </c>
      <c r="L6047" s="58">
        <f>Bühler!L6073</f>
        <v>0.10776895129742567</v>
      </c>
      <c r="M6047" s="57">
        <f>Bühler!M6073</f>
        <v>0</v>
      </c>
      <c r="N6047" s="55">
        <f>IF(Input!$K$13=1,J6047*Input!$J$13,0)+IF(Input!$K$14=1,K6047*Input!$J$14,0)+IF(Input!$K$15=1,L6047*Input!$J$15,0)+IF(Input!$K$16=1,M6047*Input!$J$16,0)</f>
        <v>0.46241715089779245</v>
      </c>
      <c r="O6047" s="58">
        <f>IF(Input!$K$13=2,J6047*Input!$J$13,0)+IF(Input!$K$14=2,K6047*Input!$J$14,0)+IF(Input!$K$15=2,L6047*Input!$J$15,0)+IF(Input!$K$16=2,M6047*Input!$J$16,0)</f>
        <v>2.909761685030493E-2</v>
      </c>
      <c r="P6047" s="58">
        <f>IF(Input!$K$13=3,J6047*Input!$J$13,0)+IF(Input!$K$14=3,K6047*Input!$J$14,0)+IF(Input!$K$15=3,L6047*Input!$J$15,0)+IF(Input!$K$16=3,M6047*Input!$J$16,0)</f>
        <v>0</v>
      </c>
      <c r="Q6047" s="71">
        <f>IF(Input!$K$13=4,J6047*Input!$J$13,0)+IF(Input!$K$14=4,K6047*Input!$J$14,0)+IF(Input!$K$15=4,L6047*Input!$J$15,0)+IF(Input!$K$16=4,M6047*Input!$J$16,0)</f>
        <v>0</v>
      </c>
    </row>
    <row r="6048" spans="8:17" x14ac:dyDescent="0.25">
      <c r="H6048" s="43">
        <v>6041</v>
      </c>
      <c r="I6048" s="55">
        <f>Bühler!I6074</f>
        <v>0.11586988403413109</v>
      </c>
      <c r="J6048" s="58">
        <f>Bühler!J6074</f>
        <v>3.8529934662981282</v>
      </c>
      <c r="K6048" s="58">
        <f>Bühler!K6074</f>
        <v>0.21553790259485134</v>
      </c>
      <c r="L6048" s="58">
        <f>Bühler!L6074</f>
        <v>0.10776895129742567</v>
      </c>
      <c r="M6048" s="57">
        <f>Bühler!M6074</f>
        <v>0</v>
      </c>
      <c r="N6048" s="55">
        <f>IF(Input!$K$13=1,J6048*Input!$J$13,0)+IF(Input!$K$14=1,K6048*Input!$J$14,0)+IF(Input!$K$15=1,L6048*Input!$J$15,0)+IF(Input!$K$16=1,M6048*Input!$J$16,0)</f>
        <v>0.46235921595577539</v>
      </c>
      <c r="O6048" s="58">
        <f>IF(Input!$K$13=2,J6048*Input!$J$13,0)+IF(Input!$K$14=2,K6048*Input!$J$14,0)+IF(Input!$K$15=2,L6048*Input!$J$15,0)+IF(Input!$K$16=2,M6048*Input!$J$16,0)</f>
        <v>2.909761685030493E-2</v>
      </c>
      <c r="P6048" s="58">
        <f>IF(Input!$K$13=3,J6048*Input!$J$13,0)+IF(Input!$K$14=3,K6048*Input!$J$14,0)+IF(Input!$K$15=3,L6048*Input!$J$15,0)+IF(Input!$K$16=3,M6048*Input!$J$16,0)</f>
        <v>0</v>
      </c>
      <c r="Q6048" s="71">
        <f>IF(Input!$K$13=4,J6048*Input!$J$13,0)+IF(Input!$K$14=4,K6048*Input!$J$14,0)+IF(Input!$K$15=4,L6048*Input!$J$15,0)+IF(Input!$K$16=4,M6048*Input!$J$16,0)</f>
        <v>0</v>
      </c>
    </row>
    <row r="6049" spans="8:17" x14ac:dyDescent="0.25">
      <c r="H6049" s="43">
        <v>6042</v>
      </c>
      <c r="I6049" s="55">
        <f>Bühler!I6075</f>
        <v>0.10428289563071799</v>
      </c>
      <c r="J6049" s="58">
        <f>Bühler!J6075</f>
        <v>3.8525106751146527</v>
      </c>
      <c r="K6049" s="58">
        <f>Bühler!K6075</f>
        <v>0.21553790259485134</v>
      </c>
      <c r="L6049" s="58">
        <f>Bühler!L6075</f>
        <v>0.10776895129742567</v>
      </c>
      <c r="M6049" s="57">
        <f>Bühler!M6075</f>
        <v>0</v>
      </c>
      <c r="N6049" s="55">
        <f>IF(Input!$K$13=1,J6049*Input!$J$13,0)+IF(Input!$K$14=1,K6049*Input!$J$14,0)+IF(Input!$K$15=1,L6049*Input!$J$15,0)+IF(Input!$K$16=1,M6049*Input!$J$16,0)</f>
        <v>0.46230128101375834</v>
      </c>
      <c r="O6049" s="58">
        <f>IF(Input!$K$13=2,J6049*Input!$J$13,0)+IF(Input!$K$14=2,K6049*Input!$J$14,0)+IF(Input!$K$15=2,L6049*Input!$J$15,0)+IF(Input!$K$16=2,M6049*Input!$J$16,0)</f>
        <v>2.909761685030493E-2</v>
      </c>
      <c r="P6049" s="58">
        <f>IF(Input!$K$13=3,J6049*Input!$J$13,0)+IF(Input!$K$14=3,K6049*Input!$J$14,0)+IF(Input!$K$15=3,L6049*Input!$J$15,0)+IF(Input!$K$16=3,M6049*Input!$J$16,0)</f>
        <v>0</v>
      </c>
      <c r="Q6049" s="71">
        <f>IF(Input!$K$13=4,J6049*Input!$J$13,0)+IF(Input!$K$14=4,K6049*Input!$J$14,0)+IF(Input!$K$15=4,L6049*Input!$J$15,0)+IF(Input!$K$16=4,M6049*Input!$J$16,0)</f>
        <v>0</v>
      </c>
    </row>
    <row r="6050" spans="8:17" x14ac:dyDescent="0.25">
      <c r="H6050" s="43">
        <v>6043</v>
      </c>
      <c r="I6050" s="55">
        <f>Bühler!I6076</f>
        <v>0.1004205661629136</v>
      </c>
      <c r="J6050" s="58">
        <f>Bühler!J6076</f>
        <v>3.8523497447201609</v>
      </c>
      <c r="K6050" s="58">
        <f>Bühler!K6076</f>
        <v>0.21553790259485134</v>
      </c>
      <c r="L6050" s="58">
        <f>Bühler!L6076</f>
        <v>0.10776895129742567</v>
      </c>
      <c r="M6050" s="57">
        <f>Bühler!M6076</f>
        <v>0</v>
      </c>
      <c r="N6050" s="55">
        <f>IF(Input!$K$13=1,J6050*Input!$J$13,0)+IF(Input!$K$14=1,K6050*Input!$J$14,0)+IF(Input!$K$15=1,L6050*Input!$J$15,0)+IF(Input!$K$16=1,M6050*Input!$J$16,0)</f>
        <v>0.4622819693664193</v>
      </c>
      <c r="O6050" s="58">
        <f>IF(Input!$K$13=2,J6050*Input!$J$13,0)+IF(Input!$K$14=2,K6050*Input!$J$14,0)+IF(Input!$K$15=2,L6050*Input!$J$15,0)+IF(Input!$K$16=2,M6050*Input!$J$16,0)</f>
        <v>2.909761685030493E-2</v>
      </c>
      <c r="P6050" s="58">
        <f>IF(Input!$K$13=3,J6050*Input!$J$13,0)+IF(Input!$K$14=3,K6050*Input!$J$14,0)+IF(Input!$K$15=3,L6050*Input!$J$15,0)+IF(Input!$K$16=3,M6050*Input!$J$16,0)</f>
        <v>0</v>
      </c>
      <c r="Q6050" s="71">
        <f>IF(Input!$K$13=4,J6050*Input!$J$13,0)+IF(Input!$K$14=4,K6050*Input!$J$14,0)+IF(Input!$K$15=4,L6050*Input!$J$15,0)+IF(Input!$K$16=4,M6050*Input!$J$16,0)</f>
        <v>0</v>
      </c>
    </row>
    <row r="6051" spans="8:17" x14ac:dyDescent="0.25">
      <c r="H6051" s="43">
        <v>6044</v>
      </c>
      <c r="I6051" s="55">
        <f>Bühler!I6077</f>
        <v>8.1108918823891749E-2</v>
      </c>
      <c r="J6051" s="58">
        <f>Bühler!J6077</f>
        <v>3.8515450927477017</v>
      </c>
      <c r="K6051" s="58">
        <f>Bühler!K6077</f>
        <v>0.21553790259485134</v>
      </c>
      <c r="L6051" s="58">
        <f>Bühler!L6077</f>
        <v>0.10776895129742567</v>
      </c>
      <c r="M6051" s="57">
        <f>Bühler!M6077</f>
        <v>0</v>
      </c>
      <c r="N6051" s="55">
        <f>IF(Input!$K$13=1,J6051*Input!$J$13,0)+IF(Input!$K$14=1,K6051*Input!$J$14,0)+IF(Input!$K$15=1,L6051*Input!$J$15,0)+IF(Input!$K$16=1,M6051*Input!$J$16,0)</f>
        <v>0.46218541112972417</v>
      </c>
      <c r="O6051" s="58">
        <f>IF(Input!$K$13=2,J6051*Input!$J$13,0)+IF(Input!$K$14=2,K6051*Input!$J$14,0)+IF(Input!$K$15=2,L6051*Input!$J$15,0)+IF(Input!$K$16=2,M6051*Input!$J$16,0)</f>
        <v>2.909761685030493E-2</v>
      </c>
      <c r="P6051" s="58">
        <f>IF(Input!$K$13=3,J6051*Input!$J$13,0)+IF(Input!$K$14=3,K6051*Input!$J$14,0)+IF(Input!$K$15=3,L6051*Input!$J$15,0)+IF(Input!$K$16=3,M6051*Input!$J$16,0)</f>
        <v>0</v>
      </c>
      <c r="Q6051" s="71">
        <f>IF(Input!$K$13=4,J6051*Input!$J$13,0)+IF(Input!$K$14=4,K6051*Input!$J$14,0)+IF(Input!$K$15=4,L6051*Input!$J$15,0)+IF(Input!$K$16=4,M6051*Input!$J$16,0)</f>
        <v>0</v>
      </c>
    </row>
    <row r="6052" spans="8:17" x14ac:dyDescent="0.25">
      <c r="H6052" s="43">
        <v>6045</v>
      </c>
      <c r="I6052" s="55">
        <f>Bühler!I6078</f>
        <v>5.9866106750967728E-2</v>
      </c>
      <c r="J6052" s="58">
        <f>Bühler!J6078</f>
        <v>3.8506599755779964</v>
      </c>
      <c r="K6052" s="58">
        <f>Bühler!K6078</f>
        <v>0.21553790259485134</v>
      </c>
      <c r="L6052" s="58">
        <f>Bühler!L6078</f>
        <v>0.10776895129742567</v>
      </c>
      <c r="M6052" s="57">
        <f>Bühler!M6078</f>
        <v>0</v>
      </c>
      <c r="N6052" s="55">
        <f>IF(Input!$K$13=1,J6052*Input!$J$13,0)+IF(Input!$K$14=1,K6052*Input!$J$14,0)+IF(Input!$K$15=1,L6052*Input!$J$15,0)+IF(Input!$K$16=1,M6052*Input!$J$16,0)</f>
        <v>0.46207919706935957</v>
      </c>
      <c r="O6052" s="58">
        <f>IF(Input!$K$13=2,J6052*Input!$J$13,0)+IF(Input!$K$14=2,K6052*Input!$J$14,0)+IF(Input!$K$15=2,L6052*Input!$J$15,0)+IF(Input!$K$16=2,M6052*Input!$J$16,0)</f>
        <v>2.909761685030493E-2</v>
      </c>
      <c r="P6052" s="58">
        <f>IF(Input!$K$13=3,J6052*Input!$J$13,0)+IF(Input!$K$14=3,K6052*Input!$J$14,0)+IF(Input!$K$15=3,L6052*Input!$J$15,0)+IF(Input!$K$16=3,M6052*Input!$J$16,0)</f>
        <v>0</v>
      </c>
      <c r="Q6052" s="71">
        <f>IF(Input!$K$13=4,J6052*Input!$J$13,0)+IF(Input!$K$14=4,K6052*Input!$J$14,0)+IF(Input!$K$15=4,L6052*Input!$J$15,0)+IF(Input!$K$16=4,M6052*Input!$J$16,0)</f>
        <v>0</v>
      </c>
    </row>
    <row r="6053" spans="8:17" x14ac:dyDescent="0.25">
      <c r="H6053" s="43">
        <v>6046</v>
      </c>
      <c r="I6053" s="55">
        <f>Bühler!I6079</f>
        <v>5.9866106750967728E-2</v>
      </c>
      <c r="J6053" s="58">
        <f>Bühler!J6079</f>
        <v>3.8506599755779964</v>
      </c>
      <c r="K6053" s="58">
        <f>Bühler!K6079</f>
        <v>0.21553790259485134</v>
      </c>
      <c r="L6053" s="58">
        <f>Bühler!L6079</f>
        <v>0.10776895129742567</v>
      </c>
      <c r="M6053" s="57">
        <f>Bühler!M6079</f>
        <v>0</v>
      </c>
      <c r="N6053" s="55">
        <f>IF(Input!$K$13=1,J6053*Input!$J$13,0)+IF(Input!$K$14=1,K6053*Input!$J$14,0)+IF(Input!$K$15=1,L6053*Input!$J$15,0)+IF(Input!$K$16=1,M6053*Input!$J$16,0)</f>
        <v>0.46207919706935957</v>
      </c>
      <c r="O6053" s="58">
        <f>IF(Input!$K$13=2,J6053*Input!$J$13,0)+IF(Input!$K$14=2,K6053*Input!$J$14,0)+IF(Input!$K$15=2,L6053*Input!$J$15,0)+IF(Input!$K$16=2,M6053*Input!$J$16,0)</f>
        <v>2.909761685030493E-2</v>
      </c>
      <c r="P6053" s="58">
        <f>IF(Input!$K$13=3,J6053*Input!$J$13,0)+IF(Input!$K$14=3,K6053*Input!$J$14,0)+IF(Input!$K$15=3,L6053*Input!$J$15,0)+IF(Input!$K$16=3,M6053*Input!$J$16,0)</f>
        <v>0</v>
      </c>
      <c r="Q6053" s="71">
        <f>IF(Input!$K$13=4,J6053*Input!$J$13,0)+IF(Input!$K$14=4,K6053*Input!$J$14,0)+IF(Input!$K$15=4,L6053*Input!$J$15,0)+IF(Input!$K$16=4,M6053*Input!$J$16,0)</f>
        <v>0</v>
      </c>
    </row>
    <row r="6054" spans="8:17" x14ac:dyDescent="0.25">
      <c r="H6054" s="43">
        <v>6047</v>
      </c>
      <c r="I6054" s="55">
        <f>Bühler!I6080</f>
        <v>5.9866106750967728E-2</v>
      </c>
      <c r="J6054" s="58">
        <f>Bühler!J6080</f>
        <v>3.8506599755779964</v>
      </c>
      <c r="K6054" s="58">
        <f>Bühler!K6080</f>
        <v>0.21553790259485134</v>
      </c>
      <c r="L6054" s="58">
        <f>Bühler!L6080</f>
        <v>0.10776895129742567</v>
      </c>
      <c r="M6054" s="57">
        <f>Bühler!M6080</f>
        <v>0</v>
      </c>
      <c r="N6054" s="55">
        <f>IF(Input!$K$13=1,J6054*Input!$J$13,0)+IF(Input!$K$14=1,K6054*Input!$J$14,0)+IF(Input!$K$15=1,L6054*Input!$J$15,0)+IF(Input!$K$16=1,M6054*Input!$J$16,0)</f>
        <v>0.46207919706935957</v>
      </c>
      <c r="O6054" s="58">
        <f>IF(Input!$K$13=2,J6054*Input!$J$13,0)+IF(Input!$K$14=2,K6054*Input!$J$14,0)+IF(Input!$K$15=2,L6054*Input!$J$15,0)+IF(Input!$K$16=2,M6054*Input!$J$16,0)</f>
        <v>2.909761685030493E-2</v>
      </c>
      <c r="P6054" s="58">
        <f>IF(Input!$K$13=3,J6054*Input!$J$13,0)+IF(Input!$K$14=3,K6054*Input!$J$14,0)+IF(Input!$K$15=3,L6054*Input!$J$15,0)+IF(Input!$K$16=3,M6054*Input!$J$16,0)</f>
        <v>0</v>
      </c>
      <c r="Q6054" s="71">
        <f>IF(Input!$K$13=4,J6054*Input!$J$13,0)+IF(Input!$K$14=4,K6054*Input!$J$14,0)+IF(Input!$K$15=4,L6054*Input!$J$15,0)+IF(Input!$K$16=4,M6054*Input!$J$16,0)</f>
        <v>0</v>
      </c>
    </row>
    <row r="6055" spans="8:17" x14ac:dyDescent="0.25">
      <c r="H6055" s="43">
        <v>6048</v>
      </c>
      <c r="I6055" s="55">
        <f>Bühler!I6081</f>
        <v>5.9866106750967728E-2</v>
      </c>
      <c r="J6055" s="58">
        <f>Bühler!J6081</f>
        <v>3.8506599755779964</v>
      </c>
      <c r="K6055" s="58">
        <f>Bühler!K6081</f>
        <v>0.21553790259485134</v>
      </c>
      <c r="L6055" s="58">
        <f>Bühler!L6081</f>
        <v>0.10776895129742567</v>
      </c>
      <c r="M6055" s="57">
        <f>Bühler!M6081</f>
        <v>0</v>
      </c>
      <c r="N6055" s="55">
        <f>IF(Input!$K$13=1,J6055*Input!$J$13,0)+IF(Input!$K$14=1,K6055*Input!$J$14,0)+IF(Input!$K$15=1,L6055*Input!$J$15,0)+IF(Input!$K$16=1,M6055*Input!$J$16,0)</f>
        <v>0.46207919706935957</v>
      </c>
      <c r="O6055" s="58">
        <f>IF(Input!$K$13=2,J6055*Input!$J$13,0)+IF(Input!$K$14=2,K6055*Input!$J$14,0)+IF(Input!$K$15=2,L6055*Input!$J$15,0)+IF(Input!$K$16=2,M6055*Input!$J$16,0)</f>
        <v>2.909761685030493E-2</v>
      </c>
      <c r="P6055" s="58">
        <f>IF(Input!$K$13=3,J6055*Input!$J$13,0)+IF(Input!$K$14=3,K6055*Input!$J$14,0)+IF(Input!$K$15=3,L6055*Input!$J$15,0)+IF(Input!$K$16=3,M6055*Input!$J$16,0)</f>
        <v>0</v>
      </c>
      <c r="Q6055" s="71">
        <f>IF(Input!$K$13=4,J6055*Input!$J$13,0)+IF(Input!$K$14=4,K6055*Input!$J$14,0)+IF(Input!$K$15=4,L6055*Input!$J$15,0)+IF(Input!$K$16=4,M6055*Input!$J$16,0)</f>
        <v>0</v>
      </c>
    </row>
    <row r="6056" spans="8:17" x14ac:dyDescent="0.25">
      <c r="H6056" s="43">
        <v>6049</v>
      </c>
      <c r="I6056" s="55">
        <f>Bühler!I6082</f>
        <v>8.0437926757833927E-2</v>
      </c>
      <c r="J6056" s="58">
        <f>Bühler!J6082</f>
        <v>3.9094397342472766</v>
      </c>
      <c r="K6056" s="58">
        <f>Bühler!K6082</f>
        <v>0.21675897536485728</v>
      </c>
      <c r="L6056" s="58">
        <f>Bühler!L6082</f>
        <v>0.10837948768242864</v>
      </c>
      <c r="M6056" s="57">
        <f>Bühler!M6082</f>
        <v>0</v>
      </c>
      <c r="N6056" s="55">
        <f>IF(Input!$K$13=1,J6056*Input!$J$13,0)+IF(Input!$K$14=1,K6056*Input!$J$14,0)+IF(Input!$K$15=1,L6056*Input!$J$15,0)+IF(Input!$K$16=1,M6056*Input!$J$16,0)</f>
        <v>0.46913276810967319</v>
      </c>
      <c r="O6056" s="58">
        <f>IF(Input!$K$13=2,J6056*Input!$J$13,0)+IF(Input!$K$14=2,K6056*Input!$J$14,0)+IF(Input!$K$15=2,L6056*Input!$J$15,0)+IF(Input!$K$16=2,M6056*Input!$J$16,0)</f>
        <v>2.9262461674255731E-2</v>
      </c>
      <c r="P6056" s="58">
        <f>IF(Input!$K$13=3,J6056*Input!$J$13,0)+IF(Input!$K$14=3,K6056*Input!$J$14,0)+IF(Input!$K$15=3,L6056*Input!$J$15,0)+IF(Input!$K$16=3,M6056*Input!$J$16,0)</f>
        <v>0</v>
      </c>
      <c r="Q6056" s="71">
        <f>IF(Input!$K$13=4,J6056*Input!$J$13,0)+IF(Input!$K$14=4,K6056*Input!$J$14,0)+IF(Input!$K$15=4,L6056*Input!$J$15,0)+IF(Input!$K$16=4,M6056*Input!$J$16,0)</f>
        <v>0</v>
      </c>
    </row>
    <row r="6057" spans="8:17" x14ac:dyDescent="0.25">
      <c r="H6057" s="43">
        <v>6050</v>
      </c>
      <c r="I6057" s="55">
        <f>Bühler!I6083</f>
        <v>9.3411785912323256E-2</v>
      </c>
      <c r="J6057" s="58">
        <f>Bühler!J6083</f>
        <v>3.9099803117120469</v>
      </c>
      <c r="K6057" s="58">
        <f>Bühler!K6083</f>
        <v>0.21675897536485728</v>
      </c>
      <c r="L6057" s="58">
        <f>Bühler!L6083</f>
        <v>0.10837948768242864</v>
      </c>
      <c r="M6057" s="57">
        <f>Bühler!M6083</f>
        <v>0</v>
      </c>
      <c r="N6057" s="55">
        <f>IF(Input!$K$13=1,J6057*Input!$J$13,0)+IF(Input!$K$14=1,K6057*Input!$J$14,0)+IF(Input!$K$15=1,L6057*Input!$J$15,0)+IF(Input!$K$16=1,M6057*Input!$J$16,0)</f>
        <v>0.46919763740544562</v>
      </c>
      <c r="O6057" s="58">
        <f>IF(Input!$K$13=2,J6057*Input!$J$13,0)+IF(Input!$K$14=2,K6057*Input!$J$14,0)+IF(Input!$K$15=2,L6057*Input!$J$15,0)+IF(Input!$K$16=2,M6057*Input!$J$16,0)</f>
        <v>2.9262461674255731E-2</v>
      </c>
      <c r="P6057" s="58">
        <f>IF(Input!$K$13=3,J6057*Input!$J$13,0)+IF(Input!$K$14=3,K6057*Input!$J$14,0)+IF(Input!$K$15=3,L6057*Input!$J$15,0)+IF(Input!$K$16=3,M6057*Input!$J$16,0)</f>
        <v>0</v>
      </c>
      <c r="Q6057" s="71">
        <f>IF(Input!$K$13=4,J6057*Input!$J$13,0)+IF(Input!$K$14=4,K6057*Input!$J$14,0)+IF(Input!$K$15=4,L6057*Input!$J$15,0)+IF(Input!$K$16=4,M6057*Input!$J$16,0)</f>
        <v>0</v>
      </c>
    </row>
    <row r="6058" spans="8:17" x14ac:dyDescent="0.25">
      <c r="H6058" s="43">
        <v>6051</v>
      </c>
      <c r="I6058" s="55">
        <f>Bühler!I6084</f>
        <v>9.3411785912323256E-2</v>
      </c>
      <c r="J6058" s="58">
        <f>Bühler!J6084</f>
        <v>3.9099803117120469</v>
      </c>
      <c r="K6058" s="58">
        <f>Bühler!K6084</f>
        <v>0.21675897536485728</v>
      </c>
      <c r="L6058" s="58">
        <f>Bühler!L6084</f>
        <v>0.10837948768242864</v>
      </c>
      <c r="M6058" s="57">
        <f>Bühler!M6084</f>
        <v>0</v>
      </c>
      <c r="N6058" s="55">
        <f>IF(Input!$K$13=1,J6058*Input!$J$13,0)+IF(Input!$K$14=1,K6058*Input!$J$14,0)+IF(Input!$K$15=1,L6058*Input!$J$15,0)+IF(Input!$K$16=1,M6058*Input!$J$16,0)</f>
        <v>0.46919763740544562</v>
      </c>
      <c r="O6058" s="58">
        <f>IF(Input!$K$13=2,J6058*Input!$J$13,0)+IF(Input!$K$14=2,K6058*Input!$J$14,0)+IF(Input!$K$15=2,L6058*Input!$J$15,0)+IF(Input!$K$16=2,M6058*Input!$J$16,0)</f>
        <v>2.9262461674255731E-2</v>
      </c>
      <c r="P6058" s="58">
        <f>IF(Input!$K$13=3,J6058*Input!$J$13,0)+IF(Input!$K$14=3,K6058*Input!$J$14,0)+IF(Input!$K$15=3,L6058*Input!$J$15,0)+IF(Input!$K$16=3,M6058*Input!$J$16,0)</f>
        <v>0</v>
      </c>
      <c r="Q6058" s="71">
        <f>IF(Input!$K$13=4,J6058*Input!$J$13,0)+IF(Input!$K$14=4,K6058*Input!$J$14,0)+IF(Input!$K$15=4,L6058*Input!$J$15,0)+IF(Input!$K$16=4,M6058*Input!$J$16,0)</f>
        <v>0</v>
      </c>
    </row>
    <row r="6059" spans="8:17" x14ac:dyDescent="0.25">
      <c r="H6059" s="43">
        <v>6052</v>
      </c>
      <c r="I6059" s="55">
        <f>Bühler!I6085</f>
        <v>9.3411785912323256E-2</v>
      </c>
      <c r="J6059" s="58">
        <f>Bühler!J6085</f>
        <v>3.9099803117120469</v>
      </c>
      <c r="K6059" s="58">
        <f>Bühler!K6085</f>
        <v>0.21675897536485728</v>
      </c>
      <c r="L6059" s="58">
        <f>Bühler!L6085</f>
        <v>0.10837948768242864</v>
      </c>
      <c r="M6059" s="57">
        <f>Bühler!M6085</f>
        <v>0</v>
      </c>
      <c r="N6059" s="55">
        <f>IF(Input!$K$13=1,J6059*Input!$J$13,0)+IF(Input!$K$14=1,K6059*Input!$J$14,0)+IF(Input!$K$15=1,L6059*Input!$J$15,0)+IF(Input!$K$16=1,M6059*Input!$J$16,0)</f>
        <v>0.46919763740544562</v>
      </c>
      <c r="O6059" s="58">
        <f>IF(Input!$K$13=2,J6059*Input!$J$13,0)+IF(Input!$K$14=2,K6059*Input!$J$14,0)+IF(Input!$K$15=2,L6059*Input!$J$15,0)+IF(Input!$K$16=2,M6059*Input!$J$16,0)</f>
        <v>2.9262461674255731E-2</v>
      </c>
      <c r="P6059" s="58">
        <f>IF(Input!$K$13=3,J6059*Input!$J$13,0)+IF(Input!$K$14=3,K6059*Input!$J$14,0)+IF(Input!$K$15=3,L6059*Input!$J$15,0)+IF(Input!$K$16=3,M6059*Input!$J$16,0)</f>
        <v>0</v>
      </c>
      <c r="Q6059" s="71">
        <f>IF(Input!$K$13=4,J6059*Input!$J$13,0)+IF(Input!$K$14=4,K6059*Input!$J$14,0)+IF(Input!$K$15=4,L6059*Input!$J$15,0)+IF(Input!$K$16=4,M6059*Input!$J$16,0)</f>
        <v>0</v>
      </c>
    </row>
    <row r="6060" spans="8:17" x14ac:dyDescent="0.25">
      <c r="H6060" s="43">
        <v>6053</v>
      </c>
      <c r="I6060" s="55">
        <f>Bühler!I6086</f>
        <v>9.3411785912323256E-2</v>
      </c>
      <c r="J6060" s="58">
        <f>Bühler!J6086</f>
        <v>3.9099803117120469</v>
      </c>
      <c r="K6060" s="58">
        <f>Bühler!K6086</f>
        <v>0.21675897536485728</v>
      </c>
      <c r="L6060" s="58">
        <f>Bühler!L6086</f>
        <v>0.10837948768242864</v>
      </c>
      <c r="M6060" s="57">
        <f>Bühler!M6086</f>
        <v>0</v>
      </c>
      <c r="N6060" s="55">
        <f>IF(Input!$K$13=1,J6060*Input!$J$13,0)+IF(Input!$K$14=1,K6060*Input!$J$14,0)+IF(Input!$K$15=1,L6060*Input!$J$15,0)+IF(Input!$K$16=1,M6060*Input!$J$16,0)</f>
        <v>0.46919763740544562</v>
      </c>
      <c r="O6060" s="58">
        <f>IF(Input!$K$13=2,J6060*Input!$J$13,0)+IF(Input!$K$14=2,K6060*Input!$J$14,0)+IF(Input!$K$15=2,L6060*Input!$J$15,0)+IF(Input!$K$16=2,M6060*Input!$J$16,0)</f>
        <v>2.9262461674255731E-2</v>
      </c>
      <c r="P6060" s="58">
        <f>IF(Input!$K$13=3,J6060*Input!$J$13,0)+IF(Input!$K$14=3,K6060*Input!$J$14,0)+IF(Input!$K$15=3,L6060*Input!$J$15,0)+IF(Input!$K$16=3,M6060*Input!$J$16,0)</f>
        <v>0</v>
      </c>
      <c r="Q6060" s="71">
        <f>IF(Input!$K$13=4,J6060*Input!$J$13,0)+IF(Input!$K$14=4,K6060*Input!$J$14,0)+IF(Input!$K$15=4,L6060*Input!$J$15,0)+IF(Input!$K$16=4,M6060*Input!$J$16,0)</f>
        <v>0</v>
      </c>
    </row>
    <row r="6061" spans="8:17" x14ac:dyDescent="0.25">
      <c r="H6061" s="43">
        <v>6054</v>
      </c>
      <c r="I6061" s="55">
        <f>Bühler!I6087</f>
        <v>0.11676473239040408</v>
      </c>
      <c r="J6061" s="58">
        <f>Bühler!J6087</f>
        <v>3.9109533511486334</v>
      </c>
      <c r="K6061" s="58">
        <f>Bühler!K6087</f>
        <v>0.21675897536485728</v>
      </c>
      <c r="L6061" s="58">
        <f>Bühler!L6087</f>
        <v>0.10837948768242864</v>
      </c>
      <c r="M6061" s="57">
        <f>Bühler!M6087</f>
        <v>0</v>
      </c>
      <c r="N6061" s="55">
        <f>IF(Input!$K$13=1,J6061*Input!$J$13,0)+IF(Input!$K$14=1,K6061*Input!$J$14,0)+IF(Input!$K$15=1,L6061*Input!$J$15,0)+IF(Input!$K$16=1,M6061*Input!$J$16,0)</f>
        <v>0.46931440213783598</v>
      </c>
      <c r="O6061" s="58">
        <f>IF(Input!$K$13=2,J6061*Input!$J$13,0)+IF(Input!$K$14=2,K6061*Input!$J$14,0)+IF(Input!$K$15=2,L6061*Input!$J$15,0)+IF(Input!$K$16=2,M6061*Input!$J$16,0)</f>
        <v>2.9262461674255731E-2</v>
      </c>
      <c r="P6061" s="58">
        <f>IF(Input!$K$13=3,J6061*Input!$J$13,0)+IF(Input!$K$14=3,K6061*Input!$J$14,0)+IF(Input!$K$15=3,L6061*Input!$J$15,0)+IF(Input!$K$16=3,M6061*Input!$J$16,0)</f>
        <v>0</v>
      </c>
      <c r="Q6061" s="71">
        <f>IF(Input!$K$13=4,J6061*Input!$J$13,0)+IF(Input!$K$14=4,K6061*Input!$J$14,0)+IF(Input!$K$15=4,L6061*Input!$J$15,0)+IF(Input!$K$16=4,M6061*Input!$J$16,0)</f>
        <v>0</v>
      </c>
    </row>
    <row r="6062" spans="8:17" x14ac:dyDescent="0.25">
      <c r="H6062" s="43">
        <v>6055</v>
      </c>
      <c r="I6062" s="55">
        <f>Bühler!I6088</f>
        <v>0.13752290703758704</v>
      </c>
      <c r="J6062" s="58">
        <f>Bühler!J6088</f>
        <v>3.9118182750922661</v>
      </c>
      <c r="K6062" s="58">
        <f>Bühler!K6088</f>
        <v>0.21675897536485728</v>
      </c>
      <c r="L6062" s="58">
        <f>Bühler!L6088</f>
        <v>0.10837948768242864</v>
      </c>
      <c r="M6062" s="57">
        <f>Bühler!M6088</f>
        <v>0</v>
      </c>
      <c r="N6062" s="55">
        <f>IF(Input!$K$13=1,J6062*Input!$J$13,0)+IF(Input!$K$14=1,K6062*Input!$J$14,0)+IF(Input!$K$15=1,L6062*Input!$J$15,0)+IF(Input!$K$16=1,M6062*Input!$J$16,0)</f>
        <v>0.4694181930110719</v>
      </c>
      <c r="O6062" s="58">
        <f>IF(Input!$K$13=2,J6062*Input!$J$13,0)+IF(Input!$K$14=2,K6062*Input!$J$14,0)+IF(Input!$K$15=2,L6062*Input!$J$15,0)+IF(Input!$K$16=2,M6062*Input!$J$16,0)</f>
        <v>2.9262461674255731E-2</v>
      </c>
      <c r="P6062" s="58">
        <f>IF(Input!$K$13=3,J6062*Input!$J$13,0)+IF(Input!$K$14=3,K6062*Input!$J$14,0)+IF(Input!$K$15=3,L6062*Input!$J$15,0)+IF(Input!$K$16=3,M6062*Input!$J$16,0)</f>
        <v>0</v>
      </c>
      <c r="Q6062" s="71">
        <f>IF(Input!$K$13=4,J6062*Input!$J$13,0)+IF(Input!$K$14=4,K6062*Input!$J$14,0)+IF(Input!$K$15=4,L6062*Input!$J$15,0)+IF(Input!$K$16=4,M6062*Input!$J$16,0)</f>
        <v>0</v>
      </c>
    </row>
    <row r="6063" spans="8:17" x14ac:dyDescent="0.25">
      <c r="H6063" s="43">
        <v>6056</v>
      </c>
      <c r="I6063" s="55">
        <f>Bühler!I6089</f>
        <v>0.16347062534656573</v>
      </c>
      <c r="J6063" s="58">
        <f>Bühler!J6089</f>
        <v>3.912899430021807</v>
      </c>
      <c r="K6063" s="58">
        <f>Bühler!K6089</f>
        <v>0.21675897536485728</v>
      </c>
      <c r="L6063" s="58">
        <f>Bühler!L6089</f>
        <v>0.10837948768242864</v>
      </c>
      <c r="M6063" s="57">
        <f>Bühler!M6089</f>
        <v>0</v>
      </c>
      <c r="N6063" s="55">
        <f>IF(Input!$K$13=1,J6063*Input!$J$13,0)+IF(Input!$K$14=1,K6063*Input!$J$14,0)+IF(Input!$K$15=1,L6063*Input!$J$15,0)+IF(Input!$K$16=1,M6063*Input!$J$16,0)</f>
        <v>0.46954793160261682</v>
      </c>
      <c r="O6063" s="58">
        <f>IF(Input!$K$13=2,J6063*Input!$J$13,0)+IF(Input!$K$14=2,K6063*Input!$J$14,0)+IF(Input!$K$15=2,L6063*Input!$J$15,0)+IF(Input!$K$16=2,M6063*Input!$J$16,0)</f>
        <v>2.9262461674255731E-2</v>
      </c>
      <c r="P6063" s="58">
        <f>IF(Input!$K$13=3,J6063*Input!$J$13,0)+IF(Input!$K$14=3,K6063*Input!$J$14,0)+IF(Input!$K$15=3,L6063*Input!$J$15,0)+IF(Input!$K$16=3,M6063*Input!$J$16,0)</f>
        <v>0</v>
      </c>
      <c r="Q6063" s="71">
        <f>IF(Input!$K$13=4,J6063*Input!$J$13,0)+IF(Input!$K$14=4,K6063*Input!$J$14,0)+IF(Input!$K$15=4,L6063*Input!$J$15,0)+IF(Input!$K$16=4,M6063*Input!$J$16,0)</f>
        <v>0</v>
      </c>
    </row>
    <row r="6064" spans="8:17" x14ac:dyDescent="0.25">
      <c r="H6064" s="43">
        <v>6057</v>
      </c>
      <c r="I6064" s="55">
        <f>Bühler!I6090</f>
        <v>0.16347062534656573</v>
      </c>
      <c r="J6064" s="58">
        <f>Bühler!J6090</f>
        <v>3.912899430021807</v>
      </c>
      <c r="K6064" s="58">
        <f>Bühler!K6090</f>
        <v>0.21675897536485728</v>
      </c>
      <c r="L6064" s="58">
        <f>Bühler!L6090</f>
        <v>0.10837948768242864</v>
      </c>
      <c r="M6064" s="57">
        <f>Bühler!M6090</f>
        <v>0</v>
      </c>
      <c r="N6064" s="55">
        <f>IF(Input!$K$13=1,J6064*Input!$J$13,0)+IF(Input!$K$14=1,K6064*Input!$J$14,0)+IF(Input!$K$15=1,L6064*Input!$J$15,0)+IF(Input!$K$16=1,M6064*Input!$J$16,0)</f>
        <v>0.46954793160261682</v>
      </c>
      <c r="O6064" s="58">
        <f>IF(Input!$K$13=2,J6064*Input!$J$13,0)+IF(Input!$K$14=2,K6064*Input!$J$14,0)+IF(Input!$K$15=2,L6064*Input!$J$15,0)+IF(Input!$K$16=2,M6064*Input!$J$16,0)</f>
        <v>2.9262461674255731E-2</v>
      </c>
      <c r="P6064" s="58">
        <f>IF(Input!$K$13=3,J6064*Input!$J$13,0)+IF(Input!$K$14=3,K6064*Input!$J$14,0)+IF(Input!$K$15=3,L6064*Input!$J$15,0)+IF(Input!$K$16=3,M6064*Input!$J$16,0)</f>
        <v>0</v>
      </c>
      <c r="Q6064" s="71">
        <f>IF(Input!$K$13=4,J6064*Input!$J$13,0)+IF(Input!$K$14=4,K6064*Input!$J$14,0)+IF(Input!$K$15=4,L6064*Input!$J$15,0)+IF(Input!$K$16=4,M6064*Input!$J$16,0)</f>
        <v>0</v>
      </c>
    </row>
    <row r="6065" spans="8:17" x14ac:dyDescent="0.25">
      <c r="H6065" s="43">
        <v>6058</v>
      </c>
      <c r="I6065" s="55">
        <f>Bühler!I6091</f>
        <v>0.16347062534656573</v>
      </c>
      <c r="J6065" s="58">
        <f>Bühler!J6091</f>
        <v>3.912899430021807</v>
      </c>
      <c r="K6065" s="58">
        <f>Bühler!K6091</f>
        <v>0.21675897536485728</v>
      </c>
      <c r="L6065" s="58">
        <f>Bühler!L6091</f>
        <v>0.10837948768242864</v>
      </c>
      <c r="M6065" s="57">
        <f>Bühler!M6091</f>
        <v>0</v>
      </c>
      <c r="N6065" s="55">
        <f>IF(Input!$K$13=1,J6065*Input!$J$13,0)+IF(Input!$K$14=1,K6065*Input!$J$14,0)+IF(Input!$K$15=1,L6065*Input!$J$15,0)+IF(Input!$K$16=1,M6065*Input!$J$16,0)</f>
        <v>0.46954793160261682</v>
      </c>
      <c r="O6065" s="58">
        <f>IF(Input!$K$13=2,J6065*Input!$J$13,0)+IF(Input!$K$14=2,K6065*Input!$J$14,0)+IF(Input!$K$15=2,L6065*Input!$J$15,0)+IF(Input!$K$16=2,M6065*Input!$J$16,0)</f>
        <v>2.9262461674255731E-2</v>
      </c>
      <c r="P6065" s="58">
        <f>IF(Input!$K$13=3,J6065*Input!$J$13,0)+IF(Input!$K$14=3,K6065*Input!$J$14,0)+IF(Input!$K$15=3,L6065*Input!$J$15,0)+IF(Input!$K$16=3,M6065*Input!$J$16,0)</f>
        <v>0</v>
      </c>
      <c r="Q6065" s="71">
        <f>IF(Input!$K$13=4,J6065*Input!$J$13,0)+IF(Input!$K$14=4,K6065*Input!$J$14,0)+IF(Input!$K$15=4,L6065*Input!$J$15,0)+IF(Input!$K$16=4,M6065*Input!$J$16,0)</f>
        <v>0</v>
      </c>
    </row>
    <row r="6066" spans="8:17" x14ac:dyDescent="0.25">
      <c r="H6066" s="43">
        <v>6059</v>
      </c>
      <c r="I6066" s="55">
        <f>Bühler!I6092</f>
        <v>0.16347062534656573</v>
      </c>
      <c r="J6066" s="58">
        <f>Bühler!J6092</f>
        <v>3.912899430021807</v>
      </c>
      <c r="K6066" s="58">
        <f>Bühler!K6092</f>
        <v>0.21675897536485728</v>
      </c>
      <c r="L6066" s="58">
        <f>Bühler!L6092</f>
        <v>0.10837948768242864</v>
      </c>
      <c r="M6066" s="57">
        <f>Bühler!M6092</f>
        <v>0</v>
      </c>
      <c r="N6066" s="55">
        <f>IF(Input!$K$13=1,J6066*Input!$J$13,0)+IF(Input!$K$14=1,K6066*Input!$J$14,0)+IF(Input!$K$15=1,L6066*Input!$J$15,0)+IF(Input!$K$16=1,M6066*Input!$J$16,0)</f>
        <v>0.46954793160261682</v>
      </c>
      <c r="O6066" s="58">
        <f>IF(Input!$K$13=2,J6066*Input!$J$13,0)+IF(Input!$K$14=2,K6066*Input!$J$14,0)+IF(Input!$K$15=2,L6066*Input!$J$15,0)+IF(Input!$K$16=2,M6066*Input!$J$16,0)</f>
        <v>2.9262461674255731E-2</v>
      </c>
      <c r="P6066" s="58">
        <f>IF(Input!$K$13=3,J6066*Input!$J$13,0)+IF(Input!$K$14=3,K6066*Input!$J$14,0)+IF(Input!$K$15=3,L6066*Input!$J$15,0)+IF(Input!$K$16=3,M6066*Input!$J$16,0)</f>
        <v>0</v>
      </c>
      <c r="Q6066" s="71">
        <f>IF(Input!$K$13=4,J6066*Input!$J$13,0)+IF(Input!$K$14=4,K6066*Input!$J$14,0)+IF(Input!$K$15=4,L6066*Input!$J$15,0)+IF(Input!$K$16=4,M6066*Input!$J$16,0)</f>
        <v>0</v>
      </c>
    </row>
    <row r="6067" spans="8:17" x14ac:dyDescent="0.25">
      <c r="H6067" s="43">
        <v>6060</v>
      </c>
      <c r="I6067" s="55">
        <f>Bühler!I6093</f>
        <v>0.16347062534656573</v>
      </c>
      <c r="J6067" s="58">
        <f>Bühler!J6093</f>
        <v>3.912899430021807</v>
      </c>
      <c r="K6067" s="58">
        <f>Bühler!K6093</f>
        <v>0.21675897536485728</v>
      </c>
      <c r="L6067" s="58">
        <f>Bühler!L6093</f>
        <v>0.10837948768242864</v>
      </c>
      <c r="M6067" s="57">
        <f>Bühler!M6093</f>
        <v>0</v>
      </c>
      <c r="N6067" s="55">
        <f>IF(Input!$K$13=1,J6067*Input!$J$13,0)+IF(Input!$K$14=1,K6067*Input!$J$14,0)+IF(Input!$K$15=1,L6067*Input!$J$15,0)+IF(Input!$K$16=1,M6067*Input!$J$16,0)</f>
        <v>0.46954793160261682</v>
      </c>
      <c r="O6067" s="58">
        <f>IF(Input!$K$13=2,J6067*Input!$J$13,0)+IF(Input!$K$14=2,K6067*Input!$J$14,0)+IF(Input!$K$15=2,L6067*Input!$J$15,0)+IF(Input!$K$16=2,M6067*Input!$J$16,0)</f>
        <v>2.9262461674255731E-2</v>
      </c>
      <c r="P6067" s="58">
        <f>IF(Input!$K$13=3,J6067*Input!$J$13,0)+IF(Input!$K$14=3,K6067*Input!$J$14,0)+IF(Input!$K$15=3,L6067*Input!$J$15,0)+IF(Input!$K$16=3,M6067*Input!$J$16,0)</f>
        <v>0</v>
      </c>
      <c r="Q6067" s="71">
        <f>IF(Input!$K$13=4,J6067*Input!$J$13,0)+IF(Input!$K$14=4,K6067*Input!$J$14,0)+IF(Input!$K$15=4,L6067*Input!$J$15,0)+IF(Input!$K$16=4,M6067*Input!$J$16,0)</f>
        <v>0</v>
      </c>
    </row>
    <row r="6068" spans="8:17" x14ac:dyDescent="0.25">
      <c r="H6068" s="43">
        <v>6061</v>
      </c>
      <c r="I6068" s="55">
        <f>Bühler!I6094</f>
        <v>0.16347062534656573</v>
      </c>
      <c r="J6068" s="58">
        <f>Bühler!J6094</f>
        <v>3.912899430021807</v>
      </c>
      <c r="K6068" s="58">
        <f>Bühler!K6094</f>
        <v>0.21675897536485728</v>
      </c>
      <c r="L6068" s="58">
        <f>Bühler!L6094</f>
        <v>0.10837948768242864</v>
      </c>
      <c r="M6068" s="57">
        <f>Bühler!M6094</f>
        <v>0</v>
      </c>
      <c r="N6068" s="55">
        <f>IF(Input!$K$13=1,J6068*Input!$J$13,0)+IF(Input!$K$14=1,K6068*Input!$J$14,0)+IF(Input!$K$15=1,L6068*Input!$J$15,0)+IF(Input!$K$16=1,M6068*Input!$J$16,0)</f>
        <v>0.46954793160261682</v>
      </c>
      <c r="O6068" s="58">
        <f>IF(Input!$K$13=2,J6068*Input!$J$13,0)+IF(Input!$K$14=2,K6068*Input!$J$14,0)+IF(Input!$K$15=2,L6068*Input!$J$15,0)+IF(Input!$K$16=2,M6068*Input!$J$16,0)</f>
        <v>2.9262461674255731E-2</v>
      </c>
      <c r="P6068" s="58">
        <f>IF(Input!$K$13=3,J6068*Input!$J$13,0)+IF(Input!$K$14=3,K6068*Input!$J$14,0)+IF(Input!$K$15=3,L6068*Input!$J$15,0)+IF(Input!$K$16=3,M6068*Input!$J$16,0)</f>
        <v>0</v>
      </c>
      <c r="Q6068" s="71">
        <f>IF(Input!$K$13=4,J6068*Input!$J$13,0)+IF(Input!$K$14=4,K6068*Input!$J$14,0)+IF(Input!$K$15=4,L6068*Input!$J$15,0)+IF(Input!$K$16=4,M6068*Input!$J$16,0)</f>
        <v>0</v>
      </c>
    </row>
    <row r="6069" spans="8:17" x14ac:dyDescent="0.25">
      <c r="H6069" s="43">
        <v>6062</v>
      </c>
      <c r="I6069" s="55">
        <f>Bühler!I6095</f>
        <v>0.16347062534656573</v>
      </c>
      <c r="J6069" s="58">
        <f>Bühler!J6095</f>
        <v>3.912899430021807</v>
      </c>
      <c r="K6069" s="58">
        <f>Bühler!K6095</f>
        <v>0.21675897536485728</v>
      </c>
      <c r="L6069" s="58">
        <f>Bühler!L6095</f>
        <v>0.10837948768242864</v>
      </c>
      <c r="M6069" s="57">
        <f>Bühler!M6095</f>
        <v>0</v>
      </c>
      <c r="N6069" s="55">
        <f>IF(Input!$K$13=1,J6069*Input!$J$13,0)+IF(Input!$K$14=1,K6069*Input!$J$14,0)+IF(Input!$K$15=1,L6069*Input!$J$15,0)+IF(Input!$K$16=1,M6069*Input!$J$16,0)</f>
        <v>0.46954793160261682</v>
      </c>
      <c r="O6069" s="58">
        <f>IF(Input!$K$13=2,J6069*Input!$J$13,0)+IF(Input!$K$14=2,K6069*Input!$J$14,0)+IF(Input!$K$15=2,L6069*Input!$J$15,0)+IF(Input!$K$16=2,M6069*Input!$J$16,0)</f>
        <v>2.9262461674255731E-2</v>
      </c>
      <c r="P6069" s="58">
        <f>IF(Input!$K$13=3,J6069*Input!$J$13,0)+IF(Input!$K$14=3,K6069*Input!$J$14,0)+IF(Input!$K$15=3,L6069*Input!$J$15,0)+IF(Input!$K$16=3,M6069*Input!$J$16,0)</f>
        <v>0</v>
      </c>
      <c r="Q6069" s="71">
        <f>IF(Input!$K$13=4,J6069*Input!$J$13,0)+IF(Input!$K$14=4,K6069*Input!$J$14,0)+IF(Input!$K$15=4,L6069*Input!$J$15,0)+IF(Input!$K$16=4,M6069*Input!$J$16,0)</f>
        <v>0</v>
      </c>
    </row>
    <row r="6070" spans="8:17" x14ac:dyDescent="0.25">
      <c r="H6070" s="43">
        <v>6063</v>
      </c>
      <c r="I6070" s="55">
        <f>Bühler!I6096</f>
        <v>0.16347062534656573</v>
      </c>
      <c r="J6070" s="58">
        <f>Bühler!J6096</f>
        <v>3.912899430021807</v>
      </c>
      <c r="K6070" s="58">
        <f>Bühler!K6096</f>
        <v>0.21675897536485728</v>
      </c>
      <c r="L6070" s="58">
        <f>Bühler!L6096</f>
        <v>0.10837948768242864</v>
      </c>
      <c r="M6070" s="57">
        <f>Bühler!M6096</f>
        <v>0</v>
      </c>
      <c r="N6070" s="55">
        <f>IF(Input!$K$13=1,J6070*Input!$J$13,0)+IF(Input!$K$14=1,K6070*Input!$J$14,0)+IF(Input!$K$15=1,L6070*Input!$J$15,0)+IF(Input!$K$16=1,M6070*Input!$J$16,0)</f>
        <v>0.46954793160261682</v>
      </c>
      <c r="O6070" s="58">
        <f>IF(Input!$K$13=2,J6070*Input!$J$13,0)+IF(Input!$K$14=2,K6070*Input!$J$14,0)+IF(Input!$K$15=2,L6070*Input!$J$15,0)+IF(Input!$K$16=2,M6070*Input!$J$16,0)</f>
        <v>2.9262461674255731E-2</v>
      </c>
      <c r="P6070" s="58">
        <f>IF(Input!$K$13=3,J6070*Input!$J$13,0)+IF(Input!$K$14=3,K6070*Input!$J$14,0)+IF(Input!$K$15=3,L6070*Input!$J$15,0)+IF(Input!$K$16=3,M6070*Input!$J$16,0)</f>
        <v>0</v>
      </c>
      <c r="Q6070" s="71">
        <f>IF(Input!$K$13=4,J6070*Input!$J$13,0)+IF(Input!$K$14=4,K6070*Input!$J$14,0)+IF(Input!$K$15=4,L6070*Input!$J$15,0)+IF(Input!$K$16=4,M6070*Input!$J$16,0)</f>
        <v>0</v>
      </c>
    </row>
    <row r="6071" spans="8:17" x14ac:dyDescent="0.25">
      <c r="H6071" s="43">
        <v>6064</v>
      </c>
      <c r="I6071" s="55">
        <f>Bühler!I6097</f>
        <v>0.14530722253028064</v>
      </c>
      <c r="J6071" s="58">
        <f>Bühler!J6097</f>
        <v>3.9121426215711286</v>
      </c>
      <c r="K6071" s="58">
        <f>Bühler!K6097</f>
        <v>0.21675897536485728</v>
      </c>
      <c r="L6071" s="58">
        <f>Bühler!L6097</f>
        <v>0.10837948768242864</v>
      </c>
      <c r="M6071" s="57">
        <f>Bühler!M6097</f>
        <v>0</v>
      </c>
      <c r="N6071" s="55">
        <f>IF(Input!$K$13=1,J6071*Input!$J$13,0)+IF(Input!$K$14=1,K6071*Input!$J$14,0)+IF(Input!$K$15=1,L6071*Input!$J$15,0)+IF(Input!$K$16=1,M6071*Input!$J$16,0)</f>
        <v>0.4694571145885354</v>
      </c>
      <c r="O6071" s="58">
        <f>IF(Input!$K$13=2,J6071*Input!$J$13,0)+IF(Input!$K$14=2,K6071*Input!$J$14,0)+IF(Input!$K$15=2,L6071*Input!$J$15,0)+IF(Input!$K$16=2,M6071*Input!$J$16,0)</f>
        <v>2.9262461674255731E-2</v>
      </c>
      <c r="P6071" s="58">
        <f>IF(Input!$K$13=3,J6071*Input!$J$13,0)+IF(Input!$K$14=3,K6071*Input!$J$14,0)+IF(Input!$K$15=3,L6071*Input!$J$15,0)+IF(Input!$K$16=3,M6071*Input!$J$16,0)</f>
        <v>0</v>
      </c>
      <c r="Q6071" s="71">
        <f>IF(Input!$K$13=4,J6071*Input!$J$13,0)+IF(Input!$K$14=4,K6071*Input!$J$14,0)+IF(Input!$K$15=4,L6071*Input!$J$15,0)+IF(Input!$K$16=4,M6071*Input!$J$16,0)</f>
        <v>0</v>
      </c>
    </row>
    <row r="6072" spans="8:17" x14ac:dyDescent="0.25">
      <c r="H6072" s="43">
        <v>6065</v>
      </c>
      <c r="I6072" s="55">
        <f>Bühler!I6098</f>
        <v>0.14271245069938274</v>
      </c>
      <c r="J6072" s="58">
        <f>Bühler!J6098</f>
        <v>3.9120345060781743</v>
      </c>
      <c r="K6072" s="58">
        <f>Bühler!K6098</f>
        <v>0.21675897536485728</v>
      </c>
      <c r="L6072" s="58">
        <f>Bühler!L6098</f>
        <v>0.10837948768242864</v>
      </c>
      <c r="M6072" s="57">
        <f>Bühler!M6098</f>
        <v>0</v>
      </c>
      <c r="N6072" s="55">
        <f>IF(Input!$K$13=1,J6072*Input!$J$13,0)+IF(Input!$K$14=1,K6072*Input!$J$14,0)+IF(Input!$K$15=1,L6072*Input!$J$15,0)+IF(Input!$K$16=1,M6072*Input!$J$16,0)</f>
        <v>0.4694441407293809</v>
      </c>
      <c r="O6072" s="58">
        <f>IF(Input!$K$13=2,J6072*Input!$J$13,0)+IF(Input!$K$14=2,K6072*Input!$J$14,0)+IF(Input!$K$15=2,L6072*Input!$J$15,0)+IF(Input!$K$16=2,M6072*Input!$J$16,0)</f>
        <v>2.9262461674255731E-2</v>
      </c>
      <c r="P6072" s="58">
        <f>IF(Input!$K$13=3,J6072*Input!$J$13,0)+IF(Input!$K$14=3,K6072*Input!$J$14,0)+IF(Input!$K$15=3,L6072*Input!$J$15,0)+IF(Input!$K$16=3,M6072*Input!$J$16,0)</f>
        <v>0</v>
      </c>
      <c r="Q6072" s="71">
        <f>IF(Input!$K$13=4,J6072*Input!$J$13,0)+IF(Input!$K$14=4,K6072*Input!$J$14,0)+IF(Input!$K$15=4,L6072*Input!$J$15,0)+IF(Input!$K$16=4,M6072*Input!$J$16,0)</f>
        <v>0</v>
      </c>
    </row>
    <row r="6073" spans="8:17" x14ac:dyDescent="0.25">
      <c r="H6073" s="43">
        <v>6066</v>
      </c>
      <c r="I6073" s="55">
        <f>Bühler!I6099</f>
        <v>0.12195427605219984</v>
      </c>
      <c r="J6073" s="58">
        <f>Bühler!J6099</f>
        <v>3.9111695821345416</v>
      </c>
      <c r="K6073" s="58">
        <f>Bühler!K6099</f>
        <v>0.21675897536485728</v>
      </c>
      <c r="L6073" s="58">
        <f>Bühler!L6099</f>
        <v>0.10837948768242864</v>
      </c>
      <c r="M6073" s="57">
        <f>Bühler!M6099</f>
        <v>0</v>
      </c>
      <c r="N6073" s="55">
        <f>IF(Input!$K$13=1,J6073*Input!$J$13,0)+IF(Input!$K$14=1,K6073*Input!$J$14,0)+IF(Input!$K$15=1,L6073*Input!$J$15,0)+IF(Input!$K$16=1,M6073*Input!$J$16,0)</f>
        <v>0.46934034985614498</v>
      </c>
      <c r="O6073" s="58">
        <f>IF(Input!$K$13=2,J6073*Input!$J$13,0)+IF(Input!$K$14=2,K6073*Input!$J$14,0)+IF(Input!$K$15=2,L6073*Input!$J$15,0)+IF(Input!$K$16=2,M6073*Input!$J$16,0)</f>
        <v>2.9262461674255731E-2</v>
      </c>
      <c r="P6073" s="58">
        <f>IF(Input!$K$13=3,J6073*Input!$J$13,0)+IF(Input!$K$14=3,K6073*Input!$J$14,0)+IF(Input!$K$15=3,L6073*Input!$J$15,0)+IF(Input!$K$16=3,M6073*Input!$J$16,0)</f>
        <v>0</v>
      </c>
      <c r="Q6073" s="71">
        <f>IF(Input!$K$13=4,J6073*Input!$J$13,0)+IF(Input!$K$14=4,K6073*Input!$J$14,0)+IF(Input!$K$15=4,L6073*Input!$J$15,0)+IF(Input!$K$16=4,M6073*Input!$J$16,0)</f>
        <v>0</v>
      </c>
    </row>
    <row r="6074" spans="8:17" x14ac:dyDescent="0.25">
      <c r="H6074" s="43">
        <v>6067</v>
      </c>
      <c r="I6074" s="55">
        <f>Bühler!I6100</f>
        <v>0.11416996055950622</v>
      </c>
      <c r="J6074" s="58">
        <f>Bühler!J6100</f>
        <v>3.9108452356556795</v>
      </c>
      <c r="K6074" s="58">
        <f>Bühler!K6100</f>
        <v>0.21675897536485728</v>
      </c>
      <c r="L6074" s="58">
        <f>Bühler!L6100</f>
        <v>0.10837948768242864</v>
      </c>
      <c r="M6074" s="57">
        <f>Bühler!M6100</f>
        <v>0</v>
      </c>
      <c r="N6074" s="55">
        <f>IF(Input!$K$13=1,J6074*Input!$J$13,0)+IF(Input!$K$14=1,K6074*Input!$J$14,0)+IF(Input!$K$15=1,L6074*Input!$J$15,0)+IF(Input!$K$16=1,M6074*Input!$J$16,0)</f>
        <v>0.46930142827868154</v>
      </c>
      <c r="O6074" s="58">
        <f>IF(Input!$K$13=2,J6074*Input!$J$13,0)+IF(Input!$K$14=2,K6074*Input!$J$14,0)+IF(Input!$K$15=2,L6074*Input!$J$15,0)+IF(Input!$K$16=2,M6074*Input!$J$16,0)</f>
        <v>2.9262461674255731E-2</v>
      </c>
      <c r="P6074" s="58">
        <f>IF(Input!$K$13=3,J6074*Input!$J$13,0)+IF(Input!$K$14=3,K6074*Input!$J$14,0)+IF(Input!$K$15=3,L6074*Input!$J$15,0)+IF(Input!$K$16=3,M6074*Input!$J$16,0)</f>
        <v>0</v>
      </c>
      <c r="Q6074" s="71">
        <f>IF(Input!$K$13=4,J6074*Input!$J$13,0)+IF(Input!$K$14=4,K6074*Input!$J$14,0)+IF(Input!$K$15=4,L6074*Input!$J$15,0)+IF(Input!$K$16=4,M6074*Input!$J$16,0)</f>
        <v>0</v>
      </c>
    </row>
    <row r="6075" spans="8:17" x14ac:dyDescent="0.25">
      <c r="H6075" s="43">
        <v>6068</v>
      </c>
      <c r="I6075" s="55">
        <f>Bühler!I6101</f>
        <v>9.6006557743221144E-2</v>
      </c>
      <c r="J6075" s="58">
        <f>Bühler!J6101</f>
        <v>3.9100884272050012</v>
      </c>
      <c r="K6075" s="58">
        <f>Bühler!K6101</f>
        <v>0.21675897536485728</v>
      </c>
      <c r="L6075" s="58">
        <f>Bühler!L6101</f>
        <v>0.10837948768242864</v>
      </c>
      <c r="M6075" s="57">
        <f>Bühler!M6101</f>
        <v>0</v>
      </c>
      <c r="N6075" s="55">
        <f>IF(Input!$K$13=1,J6075*Input!$J$13,0)+IF(Input!$K$14=1,K6075*Input!$J$14,0)+IF(Input!$K$15=1,L6075*Input!$J$15,0)+IF(Input!$K$16=1,M6075*Input!$J$16,0)</f>
        <v>0.46921061126460012</v>
      </c>
      <c r="O6075" s="58">
        <f>IF(Input!$K$13=2,J6075*Input!$J$13,0)+IF(Input!$K$14=2,K6075*Input!$J$14,0)+IF(Input!$K$15=2,L6075*Input!$J$15,0)+IF(Input!$K$16=2,M6075*Input!$J$16,0)</f>
        <v>2.9262461674255731E-2</v>
      </c>
      <c r="P6075" s="58">
        <f>IF(Input!$K$13=3,J6075*Input!$J$13,0)+IF(Input!$K$14=3,K6075*Input!$J$14,0)+IF(Input!$K$15=3,L6075*Input!$J$15,0)+IF(Input!$K$16=3,M6075*Input!$J$16,0)</f>
        <v>0</v>
      </c>
      <c r="Q6075" s="71">
        <f>IF(Input!$K$13=4,J6075*Input!$J$13,0)+IF(Input!$K$14=4,K6075*Input!$J$14,0)+IF(Input!$K$15=4,L6075*Input!$J$15,0)+IF(Input!$K$16=4,M6075*Input!$J$16,0)</f>
        <v>0</v>
      </c>
    </row>
    <row r="6076" spans="8:17" x14ac:dyDescent="0.25">
      <c r="H6076" s="43">
        <v>6069</v>
      </c>
      <c r="I6076" s="55">
        <f>Bühler!I6102</f>
        <v>8.0437926757833927E-2</v>
      </c>
      <c r="J6076" s="58">
        <f>Bühler!J6102</f>
        <v>3.9094397342472766</v>
      </c>
      <c r="K6076" s="58">
        <f>Bühler!K6102</f>
        <v>0.21675897536485728</v>
      </c>
      <c r="L6076" s="58">
        <f>Bühler!L6102</f>
        <v>0.10837948768242864</v>
      </c>
      <c r="M6076" s="57">
        <f>Bühler!M6102</f>
        <v>0</v>
      </c>
      <c r="N6076" s="55">
        <f>IF(Input!$K$13=1,J6076*Input!$J$13,0)+IF(Input!$K$14=1,K6076*Input!$J$14,0)+IF(Input!$K$15=1,L6076*Input!$J$15,0)+IF(Input!$K$16=1,M6076*Input!$J$16,0)</f>
        <v>0.46913276810967319</v>
      </c>
      <c r="O6076" s="58">
        <f>IF(Input!$K$13=2,J6076*Input!$J$13,0)+IF(Input!$K$14=2,K6076*Input!$J$14,0)+IF(Input!$K$15=2,L6076*Input!$J$15,0)+IF(Input!$K$16=2,M6076*Input!$J$16,0)</f>
        <v>2.9262461674255731E-2</v>
      </c>
      <c r="P6076" s="58">
        <f>IF(Input!$K$13=3,J6076*Input!$J$13,0)+IF(Input!$K$14=3,K6076*Input!$J$14,0)+IF(Input!$K$15=3,L6076*Input!$J$15,0)+IF(Input!$K$16=3,M6076*Input!$J$16,0)</f>
        <v>0</v>
      </c>
      <c r="Q6076" s="71">
        <f>IF(Input!$K$13=4,J6076*Input!$J$13,0)+IF(Input!$K$14=4,K6076*Input!$J$14,0)+IF(Input!$K$15=4,L6076*Input!$J$15,0)+IF(Input!$K$16=4,M6076*Input!$J$16,0)</f>
        <v>0</v>
      </c>
    </row>
    <row r="6077" spans="8:17" x14ac:dyDescent="0.25">
      <c r="H6077" s="43">
        <v>6070</v>
      </c>
      <c r="I6077" s="55">
        <f>Bühler!I6103</f>
        <v>7.0058839434242459E-2</v>
      </c>
      <c r="J6077" s="58">
        <f>Bühler!J6103</f>
        <v>3.9090072722754603</v>
      </c>
      <c r="K6077" s="58">
        <f>Bühler!K6103</f>
        <v>0.21675897536485728</v>
      </c>
      <c r="L6077" s="58">
        <f>Bühler!L6103</f>
        <v>0.10837948768242864</v>
      </c>
      <c r="M6077" s="57">
        <f>Bühler!M6103</f>
        <v>0</v>
      </c>
      <c r="N6077" s="55">
        <f>IF(Input!$K$13=1,J6077*Input!$J$13,0)+IF(Input!$K$14=1,K6077*Input!$J$14,0)+IF(Input!$K$15=1,L6077*Input!$J$15,0)+IF(Input!$K$16=1,M6077*Input!$J$16,0)</f>
        <v>0.4690808726730552</v>
      </c>
      <c r="O6077" s="58">
        <f>IF(Input!$K$13=2,J6077*Input!$J$13,0)+IF(Input!$K$14=2,K6077*Input!$J$14,0)+IF(Input!$K$15=2,L6077*Input!$J$15,0)+IF(Input!$K$16=2,M6077*Input!$J$16,0)</f>
        <v>2.9262461674255731E-2</v>
      </c>
      <c r="P6077" s="58">
        <f>IF(Input!$K$13=3,J6077*Input!$J$13,0)+IF(Input!$K$14=3,K6077*Input!$J$14,0)+IF(Input!$K$15=3,L6077*Input!$J$15,0)+IF(Input!$K$16=3,M6077*Input!$J$16,0)</f>
        <v>0</v>
      </c>
      <c r="Q6077" s="71">
        <f>IF(Input!$K$13=4,J6077*Input!$J$13,0)+IF(Input!$K$14=4,K6077*Input!$J$14,0)+IF(Input!$K$15=4,L6077*Input!$J$15,0)+IF(Input!$K$16=4,M6077*Input!$J$16,0)</f>
        <v>0</v>
      </c>
    </row>
    <row r="6078" spans="8:17" x14ac:dyDescent="0.25">
      <c r="H6078" s="43">
        <v>6071</v>
      </c>
      <c r="I6078" s="55">
        <f>Bühler!I6104</f>
        <v>7.0058839434242459E-2</v>
      </c>
      <c r="J6078" s="58">
        <f>Bühler!J6104</f>
        <v>3.9090072722754603</v>
      </c>
      <c r="K6078" s="58">
        <f>Bühler!K6104</f>
        <v>0.21675897536485728</v>
      </c>
      <c r="L6078" s="58">
        <f>Bühler!L6104</f>
        <v>0.10837948768242864</v>
      </c>
      <c r="M6078" s="57">
        <f>Bühler!M6104</f>
        <v>0</v>
      </c>
      <c r="N6078" s="55">
        <f>IF(Input!$K$13=1,J6078*Input!$J$13,0)+IF(Input!$K$14=1,K6078*Input!$J$14,0)+IF(Input!$K$15=1,L6078*Input!$J$15,0)+IF(Input!$K$16=1,M6078*Input!$J$16,0)</f>
        <v>0.4690808726730552</v>
      </c>
      <c r="O6078" s="58">
        <f>IF(Input!$K$13=2,J6078*Input!$J$13,0)+IF(Input!$K$14=2,K6078*Input!$J$14,0)+IF(Input!$K$15=2,L6078*Input!$J$15,0)+IF(Input!$K$16=2,M6078*Input!$J$16,0)</f>
        <v>2.9262461674255731E-2</v>
      </c>
      <c r="P6078" s="58">
        <f>IF(Input!$K$13=3,J6078*Input!$J$13,0)+IF(Input!$K$14=3,K6078*Input!$J$14,0)+IF(Input!$K$15=3,L6078*Input!$J$15,0)+IF(Input!$K$16=3,M6078*Input!$J$16,0)</f>
        <v>0</v>
      </c>
      <c r="Q6078" s="71">
        <f>IF(Input!$K$13=4,J6078*Input!$J$13,0)+IF(Input!$K$14=4,K6078*Input!$J$14,0)+IF(Input!$K$15=4,L6078*Input!$J$15,0)+IF(Input!$K$16=4,M6078*Input!$J$16,0)</f>
        <v>0</v>
      </c>
    </row>
    <row r="6079" spans="8:17" x14ac:dyDescent="0.25">
      <c r="H6079" s="43">
        <v>6072</v>
      </c>
      <c r="I6079" s="55">
        <f>Bühler!I6105</f>
        <v>7.0058839434242459E-2</v>
      </c>
      <c r="J6079" s="58">
        <f>Bühler!J6105</f>
        <v>3.9090072722754603</v>
      </c>
      <c r="K6079" s="58">
        <f>Bühler!K6105</f>
        <v>0.21675897536485728</v>
      </c>
      <c r="L6079" s="58">
        <f>Bühler!L6105</f>
        <v>0.10837948768242864</v>
      </c>
      <c r="M6079" s="57">
        <f>Bühler!M6105</f>
        <v>0</v>
      </c>
      <c r="N6079" s="55">
        <f>IF(Input!$K$13=1,J6079*Input!$J$13,0)+IF(Input!$K$14=1,K6079*Input!$J$14,0)+IF(Input!$K$15=1,L6079*Input!$J$15,0)+IF(Input!$K$16=1,M6079*Input!$J$16,0)</f>
        <v>0.4690808726730552</v>
      </c>
      <c r="O6079" s="58">
        <f>IF(Input!$K$13=2,J6079*Input!$J$13,0)+IF(Input!$K$14=2,K6079*Input!$J$14,0)+IF(Input!$K$15=2,L6079*Input!$J$15,0)+IF(Input!$K$16=2,M6079*Input!$J$16,0)</f>
        <v>2.9262461674255731E-2</v>
      </c>
      <c r="P6079" s="58">
        <f>IF(Input!$K$13=3,J6079*Input!$J$13,0)+IF(Input!$K$14=3,K6079*Input!$J$14,0)+IF(Input!$K$15=3,L6079*Input!$J$15,0)+IF(Input!$K$16=3,M6079*Input!$J$16,0)</f>
        <v>0</v>
      </c>
      <c r="Q6079" s="71">
        <f>IF(Input!$K$13=4,J6079*Input!$J$13,0)+IF(Input!$K$14=4,K6079*Input!$J$14,0)+IF(Input!$K$15=4,L6079*Input!$J$15,0)+IF(Input!$K$16=4,M6079*Input!$J$16,0)</f>
        <v>0</v>
      </c>
    </row>
    <row r="6080" spans="8:17" x14ac:dyDescent="0.25">
      <c r="H6080" s="43">
        <v>6073</v>
      </c>
      <c r="I6080" s="55">
        <f>Bühler!I6106</f>
        <v>0</v>
      </c>
      <c r="J6080" s="58">
        <f>Bühler!J6106</f>
        <v>6.2367566159024053</v>
      </c>
      <c r="K6080" s="58">
        <f>Bühler!K6106</f>
        <v>0.53742643329636319</v>
      </c>
      <c r="L6080" s="58">
        <f>Bühler!L6106</f>
        <v>0.2687132166481816</v>
      </c>
      <c r="M6080" s="57">
        <f>Bühler!M6106</f>
        <v>0</v>
      </c>
      <c r="N6080" s="55">
        <f>IF(Input!$K$13=1,J6080*Input!$J$13,0)+IF(Input!$K$14=1,K6080*Input!$J$14,0)+IF(Input!$K$15=1,L6080*Input!$J$15,0)+IF(Input!$K$16=1,M6080*Input!$J$16,0)</f>
        <v>0.74841079390828857</v>
      </c>
      <c r="O6080" s="58">
        <f>IF(Input!$K$13=2,J6080*Input!$J$13,0)+IF(Input!$K$14=2,K6080*Input!$J$14,0)+IF(Input!$K$15=2,L6080*Input!$J$15,0)+IF(Input!$K$16=2,M6080*Input!$J$16,0)</f>
        <v>7.2552568495009018E-2</v>
      </c>
      <c r="P6080" s="58">
        <f>IF(Input!$K$13=3,J6080*Input!$J$13,0)+IF(Input!$K$14=3,K6080*Input!$J$14,0)+IF(Input!$K$15=3,L6080*Input!$J$15,0)+IF(Input!$K$16=3,M6080*Input!$J$16,0)</f>
        <v>0</v>
      </c>
      <c r="Q6080" s="71">
        <f>IF(Input!$K$13=4,J6080*Input!$J$13,0)+IF(Input!$K$14=4,K6080*Input!$J$14,0)+IF(Input!$K$15=4,L6080*Input!$J$15,0)+IF(Input!$K$16=4,M6080*Input!$J$16,0)</f>
        <v>0</v>
      </c>
    </row>
    <row r="6081" spans="8:17" x14ac:dyDescent="0.25">
      <c r="H6081" s="43">
        <v>6074</v>
      </c>
      <c r="I6081" s="55">
        <f>Bühler!I6107</f>
        <v>0</v>
      </c>
      <c r="J6081" s="58">
        <f>Bühler!J6107</f>
        <v>6.2367566159024053</v>
      </c>
      <c r="K6081" s="58">
        <f>Bühler!K6107</f>
        <v>0.53742643329636319</v>
      </c>
      <c r="L6081" s="58">
        <f>Bühler!L6107</f>
        <v>0.2687132166481816</v>
      </c>
      <c r="M6081" s="57">
        <f>Bühler!M6107</f>
        <v>0</v>
      </c>
      <c r="N6081" s="55">
        <f>IF(Input!$K$13=1,J6081*Input!$J$13,0)+IF(Input!$K$14=1,K6081*Input!$J$14,0)+IF(Input!$K$15=1,L6081*Input!$J$15,0)+IF(Input!$K$16=1,M6081*Input!$J$16,0)</f>
        <v>0.74841079390828857</v>
      </c>
      <c r="O6081" s="58">
        <f>IF(Input!$K$13=2,J6081*Input!$J$13,0)+IF(Input!$K$14=2,K6081*Input!$J$14,0)+IF(Input!$K$15=2,L6081*Input!$J$15,0)+IF(Input!$K$16=2,M6081*Input!$J$16,0)</f>
        <v>7.2552568495009018E-2</v>
      </c>
      <c r="P6081" s="58">
        <f>IF(Input!$K$13=3,J6081*Input!$J$13,0)+IF(Input!$K$14=3,K6081*Input!$J$14,0)+IF(Input!$K$15=3,L6081*Input!$J$15,0)+IF(Input!$K$16=3,M6081*Input!$J$16,0)</f>
        <v>0</v>
      </c>
      <c r="Q6081" s="71">
        <f>IF(Input!$K$13=4,J6081*Input!$J$13,0)+IF(Input!$K$14=4,K6081*Input!$J$14,0)+IF(Input!$K$15=4,L6081*Input!$J$15,0)+IF(Input!$K$16=4,M6081*Input!$J$16,0)</f>
        <v>0</v>
      </c>
    </row>
    <row r="6082" spans="8:17" x14ac:dyDescent="0.25">
      <c r="H6082" s="43">
        <v>6075</v>
      </c>
      <c r="I6082" s="55">
        <f>Bühler!I6108</f>
        <v>0</v>
      </c>
      <c r="J6082" s="58">
        <f>Bühler!J6108</f>
        <v>6.2367566159024053</v>
      </c>
      <c r="K6082" s="58">
        <f>Bühler!K6108</f>
        <v>0.53742643329636319</v>
      </c>
      <c r="L6082" s="58">
        <f>Bühler!L6108</f>
        <v>0.2687132166481816</v>
      </c>
      <c r="M6082" s="57">
        <f>Bühler!M6108</f>
        <v>0</v>
      </c>
      <c r="N6082" s="55">
        <f>IF(Input!$K$13=1,J6082*Input!$J$13,0)+IF(Input!$K$14=1,K6082*Input!$J$14,0)+IF(Input!$K$15=1,L6082*Input!$J$15,0)+IF(Input!$K$16=1,M6082*Input!$J$16,0)</f>
        <v>0.74841079390828857</v>
      </c>
      <c r="O6082" s="58">
        <f>IF(Input!$K$13=2,J6082*Input!$J$13,0)+IF(Input!$K$14=2,K6082*Input!$J$14,0)+IF(Input!$K$15=2,L6082*Input!$J$15,0)+IF(Input!$K$16=2,M6082*Input!$J$16,0)</f>
        <v>7.2552568495009018E-2</v>
      </c>
      <c r="P6082" s="58">
        <f>IF(Input!$K$13=3,J6082*Input!$J$13,0)+IF(Input!$K$14=3,K6082*Input!$J$14,0)+IF(Input!$K$15=3,L6082*Input!$J$15,0)+IF(Input!$K$16=3,M6082*Input!$J$16,0)</f>
        <v>0</v>
      </c>
      <c r="Q6082" s="71">
        <f>IF(Input!$K$13=4,J6082*Input!$J$13,0)+IF(Input!$K$14=4,K6082*Input!$J$14,0)+IF(Input!$K$15=4,L6082*Input!$J$15,0)+IF(Input!$K$16=4,M6082*Input!$J$16,0)</f>
        <v>0</v>
      </c>
    </row>
    <row r="6083" spans="8:17" x14ac:dyDescent="0.25">
      <c r="H6083" s="43">
        <v>6076</v>
      </c>
      <c r="I6083" s="55">
        <f>Bühler!I6109</f>
        <v>0</v>
      </c>
      <c r="J6083" s="58">
        <f>Bühler!J6109</f>
        <v>6.2367566159024053</v>
      </c>
      <c r="K6083" s="58">
        <f>Bühler!K6109</f>
        <v>0.53742643329636319</v>
      </c>
      <c r="L6083" s="58">
        <f>Bühler!L6109</f>
        <v>0.2687132166481816</v>
      </c>
      <c r="M6083" s="57">
        <f>Bühler!M6109</f>
        <v>0</v>
      </c>
      <c r="N6083" s="55">
        <f>IF(Input!$K$13=1,J6083*Input!$J$13,0)+IF(Input!$K$14=1,K6083*Input!$J$14,0)+IF(Input!$K$15=1,L6083*Input!$J$15,0)+IF(Input!$K$16=1,M6083*Input!$J$16,0)</f>
        <v>0.74841079390828857</v>
      </c>
      <c r="O6083" s="58">
        <f>IF(Input!$K$13=2,J6083*Input!$J$13,0)+IF(Input!$K$14=2,K6083*Input!$J$14,0)+IF(Input!$K$15=2,L6083*Input!$J$15,0)+IF(Input!$K$16=2,M6083*Input!$J$16,0)</f>
        <v>7.2552568495009018E-2</v>
      </c>
      <c r="P6083" s="58">
        <f>IF(Input!$K$13=3,J6083*Input!$J$13,0)+IF(Input!$K$14=3,K6083*Input!$J$14,0)+IF(Input!$K$15=3,L6083*Input!$J$15,0)+IF(Input!$K$16=3,M6083*Input!$J$16,0)</f>
        <v>0</v>
      </c>
      <c r="Q6083" s="71">
        <f>IF(Input!$K$13=4,J6083*Input!$J$13,0)+IF(Input!$K$14=4,K6083*Input!$J$14,0)+IF(Input!$K$15=4,L6083*Input!$J$15,0)+IF(Input!$K$16=4,M6083*Input!$J$16,0)</f>
        <v>0</v>
      </c>
    </row>
    <row r="6084" spans="8:17" x14ac:dyDescent="0.25">
      <c r="H6084" s="43">
        <v>6077</v>
      </c>
      <c r="I6084" s="55">
        <f>Bühler!I6110</f>
        <v>0</v>
      </c>
      <c r="J6084" s="58">
        <f>Bühler!J6110</f>
        <v>6.2367566159024053</v>
      </c>
      <c r="K6084" s="58">
        <f>Bühler!K6110</f>
        <v>0.53742643329636319</v>
      </c>
      <c r="L6084" s="58">
        <f>Bühler!L6110</f>
        <v>0.2687132166481816</v>
      </c>
      <c r="M6084" s="57">
        <f>Bühler!M6110</f>
        <v>0</v>
      </c>
      <c r="N6084" s="55">
        <f>IF(Input!$K$13=1,J6084*Input!$J$13,0)+IF(Input!$K$14=1,K6084*Input!$J$14,0)+IF(Input!$K$15=1,L6084*Input!$J$15,0)+IF(Input!$K$16=1,M6084*Input!$J$16,0)</f>
        <v>0.74841079390828857</v>
      </c>
      <c r="O6084" s="58">
        <f>IF(Input!$K$13=2,J6084*Input!$J$13,0)+IF(Input!$K$14=2,K6084*Input!$J$14,0)+IF(Input!$K$15=2,L6084*Input!$J$15,0)+IF(Input!$K$16=2,M6084*Input!$J$16,0)</f>
        <v>7.2552568495009018E-2</v>
      </c>
      <c r="P6084" s="58">
        <f>IF(Input!$K$13=3,J6084*Input!$J$13,0)+IF(Input!$K$14=3,K6084*Input!$J$14,0)+IF(Input!$K$15=3,L6084*Input!$J$15,0)+IF(Input!$K$16=3,M6084*Input!$J$16,0)</f>
        <v>0</v>
      </c>
      <c r="Q6084" s="71">
        <f>IF(Input!$K$13=4,J6084*Input!$J$13,0)+IF(Input!$K$14=4,K6084*Input!$J$14,0)+IF(Input!$K$15=4,L6084*Input!$J$15,0)+IF(Input!$K$16=4,M6084*Input!$J$16,0)</f>
        <v>0</v>
      </c>
    </row>
    <row r="6085" spans="8:17" x14ac:dyDescent="0.25">
      <c r="H6085" s="43">
        <v>6078</v>
      </c>
      <c r="I6085" s="55">
        <f>Bühler!I6111</f>
        <v>0</v>
      </c>
      <c r="J6085" s="58">
        <f>Bühler!J6111</f>
        <v>6.2367566159024053</v>
      </c>
      <c r="K6085" s="58">
        <f>Bühler!K6111</f>
        <v>0.53742643329636319</v>
      </c>
      <c r="L6085" s="58">
        <f>Bühler!L6111</f>
        <v>0.2687132166481816</v>
      </c>
      <c r="M6085" s="57">
        <f>Bühler!M6111</f>
        <v>0</v>
      </c>
      <c r="N6085" s="55">
        <f>IF(Input!$K$13=1,J6085*Input!$J$13,0)+IF(Input!$K$14=1,K6085*Input!$J$14,0)+IF(Input!$K$15=1,L6085*Input!$J$15,0)+IF(Input!$K$16=1,M6085*Input!$J$16,0)</f>
        <v>0.74841079390828857</v>
      </c>
      <c r="O6085" s="58">
        <f>IF(Input!$K$13=2,J6085*Input!$J$13,0)+IF(Input!$K$14=2,K6085*Input!$J$14,0)+IF(Input!$K$15=2,L6085*Input!$J$15,0)+IF(Input!$K$16=2,M6085*Input!$J$16,0)</f>
        <v>7.2552568495009018E-2</v>
      </c>
      <c r="P6085" s="58">
        <f>IF(Input!$K$13=3,J6085*Input!$J$13,0)+IF(Input!$K$14=3,K6085*Input!$J$14,0)+IF(Input!$K$15=3,L6085*Input!$J$15,0)+IF(Input!$K$16=3,M6085*Input!$J$16,0)</f>
        <v>0</v>
      </c>
      <c r="Q6085" s="71">
        <f>IF(Input!$K$13=4,J6085*Input!$J$13,0)+IF(Input!$K$14=4,K6085*Input!$J$14,0)+IF(Input!$K$15=4,L6085*Input!$J$15,0)+IF(Input!$K$16=4,M6085*Input!$J$16,0)</f>
        <v>0</v>
      </c>
    </row>
    <row r="6086" spans="8:17" x14ac:dyDescent="0.25">
      <c r="H6086" s="43">
        <v>6079</v>
      </c>
      <c r="I6086" s="55">
        <f>Bühler!I6112</f>
        <v>0</v>
      </c>
      <c r="J6086" s="58">
        <f>Bühler!J6112</f>
        <v>6.2367566159024053</v>
      </c>
      <c r="K6086" s="58">
        <f>Bühler!K6112</f>
        <v>0.53742643329636319</v>
      </c>
      <c r="L6086" s="58">
        <f>Bühler!L6112</f>
        <v>0.2687132166481816</v>
      </c>
      <c r="M6086" s="57">
        <f>Bühler!M6112</f>
        <v>0</v>
      </c>
      <c r="N6086" s="55">
        <f>IF(Input!$K$13=1,J6086*Input!$J$13,0)+IF(Input!$K$14=1,K6086*Input!$J$14,0)+IF(Input!$K$15=1,L6086*Input!$J$15,0)+IF(Input!$K$16=1,M6086*Input!$J$16,0)</f>
        <v>0.74841079390828857</v>
      </c>
      <c r="O6086" s="58">
        <f>IF(Input!$K$13=2,J6086*Input!$J$13,0)+IF(Input!$K$14=2,K6086*Input!$J$14,0)+IF(Input!$K$15=2,L6086*Input!$J$15,0)+IF(Input!$K$16=2,M6086*Input!$J$16,0)</f>
        <v>7.2552568495009018E-2</v>
      </c>
      <c r="P6086" s="58">
        <f>IF(Input!$K$13=3,J6086*Input!$J$13,0)+IF(Input!$K$14=3,K6086*Input!$J$14,0)+IF(Input!$K$15=3,L6086*Input!$J$15,0)+IF(Input!$K$16=3,M6086*Input!$J$16,0)</f>
        <v>0</v>
      </c>
      <c r="Q6086" s="71">
        <f>IF(Input!$K$13=4,J6086*Input!$J$13,0)+IF(Input!$K$14=4,K6086*Input!$J$14,0)+IF(Input!$K$15=4,L6086*Input!$J$15,0)+IF(Input!$K$16=4,M6086*Input!$J$16,0)</f>
        <v>0</v>
      </c>
    </row>
    <row r="6087" spans="8:17" x14ac:dyDescent="0.25">
      <c r="H6087" s="43">
        <v>6080</v>
      </c>
      <c r="I6087" s="55">
        <f>Bühler!I6113</f>
        <v>0</v>
      </c>
      <c r="J6087" s="58">
        <f>Bühler!J6113</f>
        <v>26.568583183744245</v>
      </c>
      <c r="K6087" s="58">
        <f>Bühler!K6113</f>
        <v>2.2894366058425071</v>
      </c>
      <c r="L6087" s="58">
        <f>Bühler!L6113</f>
        <v>1.1447183029212535</v>
      </c>
      <c r="M6087" s="57">
        <f>Bühler!M6113</f>
        <v>0</v>
      </c>
      <c r="N6087" s="55">
        <f>IF(Input!$K$13=1,J6087*Input!$J$13,0)+IF(Input!$K$14=1,K6087*Input!$J$14,0)+IF(Input!$K$15=1,L6087*Input!$J$15,0)+IF(Input!$K$16=1,M6087*Input!$J$16,0)</f>
        <v>3.1882299820493092</v>
      </c>
      <c r="O6087" s="58">
        <f>IF(Input!$K$13=2,J6087*Input!$J$13,0)+IF(Input!$K$14=2,K6087*Input!$J$14,0)+IF(Input!$K$15=2,L6087*Input!$J$15,0)+IF(Input!$K$16=2,M6087*Input!$J$16,0)</f>
        <v>0.30907394178873848</v>
      </c>
      <c r="P6087" s="58">
        <f>IF(Input!$K$13=3,J6087*Input!$J$13,0)+IF(Input!$K$14=3,K6087*Input!$J$14,0)+IF(Input!$K$15=3,L6087*Input!$J$15,0)+IF(Input!$K$16=3,M6087*Input!$J$16,0)</f>
        <v>0</v>
      </c>
      <c r="Q6087" s="71">
        <f>IF(Input!$K$13=4,J6087*Input!$J$13,0)+IF(Input!$K$14=4,K6087*Input!$J$14,0)+IF(Input!$K$15=4,L6087*Input!$J$15,0)+IF(Input!$K$16=4,M6087*Input!$J$16,0)</f>
        <v>0</v>
      </c>
    </row>
    <row r="6088" spans="8:17" x14ac:dyDescent="0.25">
      <c r="H6088" s="43">
        <v>6081</v>
      </c>
      <c r="I6088" s="55">
        <f>Bühler!I6114</f>
        <v>0</v>
      </c>
      <c r="J6088" s="58">
        <f>Bühler!J6114</f>
        <v>29.889656081712275</v>
      </c>
      <c r="K6088" s="58">
        <f>Bühler!K6114</f>
        <v>2.5756161815728209</v>
      </c>
      <c r="L6088" s="58">
        <f>Bühler!L6114</f>
        <v>1.2878080907864105</v>
      </c>
      <c r="M6088" s="57">
        <f>Bühler!M6114</f>
        <v>0</v>
      </c>
      <c r="N6088" s="55">
        <f>IF(Input!$K$13=1,J6088*Input!$J$13,0)+IF(Input!$K$14=1,K6088*Input!$J$14,0)+IF(Input!$K$15=1,L6088*Input!$J$15,0)+IF(Input!$K$16=1,M6088*Input!$J$16,0)</f>
        <v>3.5867587298054731</v>
      </c>
      <c r="O6088" s="58">
        <f>IF(Input!$K$13=2,J6088*Input!$J$13,0)+IF(Input!$K$14=2,K6088*Input!$J$14,0)+IF(Input!$K$15=2,L6088*Input!$J$15,0)+IF(Input!$K$16=2,M6088*Input!$J$16,0)</f>
        <v>0.34770818451233076</v>
      </c>
      <c r="P6088" s="58">
        <f>IF(Input!$K$13=3,J6088*Input!$J$13,0)+IF(Input!$K$14=3,K6088*Input!$J$14,0)+IF(Input!$K$15=3,L6088*Input!$J$15,0)+IF(Input!$K$16=3,M6088*Input!$J$16,0)</f>
        <v>0</v>
      </c>
      <c r="Q6088" s="71">
        <f>IF(Input!$K$13=4,J6088*Input!$J$13,0)+IF(Input!$K$14=4,K6088*Input!$J$14,0)+IF(Input!$K$15=4,L6088*Input!$J$15,0)+IF(Input!$K$16=4,M6088*Input!$J$16,0)</f>
        <v>0</v>
      </c>
    </row>
    <row r="6089" spans="8:17" x14ac:dyDescent="0.25">
      <c r="H6089" s="43">
        <v>6082</v>
      </c>
      <c r="I6089" s="55">
        <f>Bühler!I6115</f>
        <v>0</v>
      </c>
      <c r="J6089" s="58">
        <f>Bühler!J6115</f>
        <v>33.210728979680312</v>
      </c>
      <c r="K6089" s="58">
        <f>Bühler!K6115</f>
        <v>2.8617957573031343</v>
      </c>
      <c r="L6089" s="58">
        <f>Bühler!L6115</f>
        <v>1.4308978786515671</v>
      </c>
      <c r="M6089" s="57">
        <f>Bühler!M6115</f>
        <v>0</v>
      </c>
      <c r="N6089" s="55">
        <f>IF(Input!$K$13=1,J6089*Input!$J$13,0)+IF(Input!$K$14=1,K6089*Input!$J$14,0)+IF(Input!$K$15=1,L6089*Input!$J$15,0)+IF(Input!$K$16=1,M6089*Input!$J$16,0)</f>
        <v>3.9852874775616374</v>
      </c>
      <c r="O6089" s="58">
        <f>IF(Input!$K$13=2,J6089*Input!$J$13,0)+IF(Input!$K$14=2,K6089*Input!$J$14,0)+IF(Input!$K$15=2,L6089*Input!$J$15,0)+IF(Input!$K$16=2,M6089*Input!$J$16,0)</f>
        <v>0.38634242723592316</v>
      </c>
      <c r="P6089" s="58">
        <f>IF(Input!$K$13=3,J6089*Input!$J$13,0)+IF(Input!$K$14=3,K6089*Input!$J$14,0)+IF(Input!$K$15=3,L6089*Input!$J$15,0)+IF(Input!$K$16=3,M6089*Input!$J$16,0)</f>
        <v>0</v>
      </c>
      <c r="Q6089" s="71">
        <f>IF(Input!$K$13=4,J6089*Input!$J$13,0)+IF(Input!$K$14=4,K6089*Input!$J$14,0)+IF(Input!$K$15=4,L6089*Input!$J$15,0)+IF(Input!$K$16=4,M6089*Input!$J$16,0)</f>
        <v>0</v>
      </c>
    </row>
    <row r="6090" spans="8:17" x14ac:dyDescent="0.25">
      <c r="H6090" s="43">
        <v>6083</v>
      </c>
      <c r="I6090" s="55">
        <f>Bühler!I6116</f>
        <v>0</v>
      </c>
      <c r="J6090" s="58">
        <f>Bühler!J6116</f>
        <v>33.210728979680312</v>
      </c>
      <c r="K6090" s="58">
        <f>Bühler!K6116</f>
        <v>2.8617957573031343</v>
      </c>
      <c r="L6090" s="58">
        <f>Bühler!L6116</f>
        <v>1.4308978786515671</v>
      </c>
      <c r="M6090" s="57">
        <f>Bühler!M6116</f>
        <v>0</v>
      </c>
      <c r="N6090" s="55">
        <f>IF(Input!$K$13=1,J6090*Input!$J$13,0)+IF(Input!$K$14=1,K6090*Input!$J$14,0)+IF(Input!$K$15=1,L6090*Input!$J$15,0)+IF(Input!$K$16=1,M6090*Input!$J$16,0)</f>
        <v>3.9852874775616374</v>
      </c>
      <c r="O6090" s="58">
        <f>IF(Input!$K$13=2,J6090*Input!$J$13,0)+IF(Input!$K$14=2,K6090*Input!$J$14,0)+IF(Input!$K$15=2,L6090*Input!$J$15,0)+IF(Input!$K$16=2,M6090*Input!$J$16,0)</f>
        <v>0.38634242723592316</v>
      </c>
      <c r="P6090" s="58">
        <f>IF(Input!$K$13=3,J6090*Input!$J$13,0)+IF(Input!$K$14=3,K6090*Input!$J$14,0)+IF(Input!$K$15=3,L6090*Input!$J$15,0)+IF(Input!$K$16=3,M6090*Input!$J$16,0)</f>
        <v>0</v>
      </c>
      <c r="Q6090" s="71">
        <f>IF(Input!$K$13=4,J6090*Input!$J$13,0)+IF(Input!$K$14=4,K6090*Input!$J$14,0)+IF(Input!$K$15=4,L6090*Input!$J$15,0)+IF(Input!$K$16=4,M6090*Input!$J$16,0)</f>
        <v>0</v>
      </c>
    </row>
    <row r="6091" spans="8:17" x14ac:dyDescent="0.25">
      <c r="H6091" s="43">
        <v>6084</v>
      </c>
      <c r="I6091" s="55">
        <f>Bühler!I6117</f>
        <v>0</v>
      </c>
      <c r="J6091" s="58">
        <f>Bühler!J6117</f>
        <v>39.852874775616371</v>
      </c>
      <c r="K6091" s="58">
        <f>Bühler!K6117</f>
        <v>3.4341549087637611</v>
      </c>
      <c r="L6091" s="58">
        <f>Bühler!L6117</f>
        <v>1.7170774543818805</v>
      </c>
      <c r="M6091" s="57">
        <f>Bühler!M6117</f>
        <v>0</v>
      </c>
      <c r="N6091" s="55">
        <f>IF(Input!$K$13=1,J6091*Input!$J$13,0)+IF(Input!$K$14=1,K6091*Input!$J$14,0)+IF(Input!$K$15=1,L6091*Input!$J$15,0)+IF(Input!$K$16=1,M6091*Input!$J$16,0)</f>
        <v>4.7823449730739647</v>
      </c>
      <c r="O6091" s="58">
        <f>IF(Input!$K$13=2,J6091*Input!$J$13,0)+IF(Input!$K$14=2,K6091*Input!$J$14,0)+IF(Input!$K$15=2,L6091*Input!$J$15,0)+IF(Input!$K$16=2,M6091*Input!$J$16,0)</f>
        <v>0.46361091268310772</v>
      </c>
      <c r="P6091" s="58">
        <f>IF(Input!$K$13=3,J6091*Input!$J$13,0)+IF(Input!$K$14=3,K6091*Input!$J$14,0)+IF(Input!$K$15=3,L6091*Input!$J$15,0)+IF(Input!$K$16=3,M6091*Input!$J$16,0)</f>
        <v>0</v>
      </c>
      <c r="Q6091" s="71">
        <f>IF(Input!$K$13=4,J6091*Input!$J$13,0)+IF(Input!$K$14=4,K6091*Input!$J$14,0)+IF(Input!$K$15=4,L6091*Input!$J$15,0)+IF(Input!$K$16=4,M6091*Input!$J$16,0)</f>
        <v>0</v>
      </c>
    </row>
    <row r="6092" spans="8:17" x14ac:dyDescent="0.25">
      <c r="H6092" s="43">
        <v>6085</v>
      </c>
      <c r="I6092" s="55">
        <f>Bühler!I6118</f>
        <v>0</v>
      </c>
      <c r="J6092" s="58">
        <f>Bühler!J6118</f>
        <v>39.852874775616371</v>
      </c>
      <c r="K6092" s="58">
        <f>Bühler!K6118</f>
        <v>3.4341549087637611</v>
      </c>
      <c r="L6092" s="58">
        <f>Bühler!L6118</f>
        <v>1.7170774543818805</v>
      </c>
      <c r="M6092" s="57">
        <f>Bühler!M6118</f>
        <v>0</v>
      </c>
      <c r="N6092" s="55">
        <f>IF(Input!$K$13=1,J6092*Input!$J$13,0)+IF(Input!$K$14=1,K6092*Input!$J$14,0)+IF(Input!$K$15=1,L6092*Input!$J$15,0)+IF(Input!$K$16=1,M6092*Input!$J$16,0)</f>
        <v>4.7823449730739647</v>
      </c>
      <c r="O6092" s="58">
        <f>IF(Input!$K$13=2,J6092*Input!$J$13,0)+IF(Input!$K$14=2,K6092*Input!$J$14,0)+IF(Input!$K$15=2,L6092*Input!$J$15,0)+IF(Input!$K$16=2,M6092*Input!$J$16,0)</f>
        <v>0.46361091268310772</v>
      </c>
      <c r="P6092" s="58">
        <f>IF(Input!$K$13=3,J6092*Input!$J$13,0)+IF(Input!$K$14=3,K6092*Input!$J$14,0)+IF(Input!$K$15=3,L6092*Input!$J$15,0)+IF(Input!$K$16=3,M6092*Input!$J$16,0)</f>
        <v>0</v>
      </c>
      <c r="Q6092" s="71">
        <f>IF(Input!$K$13=4,J6092*Input!$J$13,0)+IF(Input!$K$14=4,K6092*Input!$J$14,0)+IF(Input!$K$15=4,L6092*Input!$J$15,0)+IF(Input!$K$16=4,M6092*Input!$J$16,0)</f>
        <v>0</v>
      </c>
    </row>
    <row r="6093" spans="8:17" x14ac:dyDescent="0.25">
      <c r="H6093" s="43">
        <v>6086</v>
      </c>
      <c r="I6093" s="55">
        <f>Bühler!I6119</f>
        <v>0</v>
      </c>
      <c r="J6093" s="58">
        <f>Bühler!J6119</f>
        <v>26.568583183744245</v>
      </c>
      <c r="K6093" s="58">
        <f>Bühler!K6119</f>
        <v>2.2894366058425071</v>
      </c>
      <c r="L6093" s="58">
        <f>Bühler!L6119</f>
        <v>1.1447183029212535</v>
      </c>
      <c r="M6093" s="57">
        <f>Bühler!M6119</f>
        <v>0</v>
      </c>
      <c r="N6093" s="55">
        <f>IF(Input!$K$13=1,J6093*Input!$J$13,0)+IF(Input!$K$14=1,K6093*Input!$J$14,0)+IF(Input!$K$15=1,L6093*Input!$J$15,0)+IF(Input!$K$16=1,M6093*Input!$J$16,0)</f>
        <v>3.1882299820493092</v>
      </c>
      <c r="O6093" s="58">
        <f>IF(Input!$K$13=2,J6093*Input!$J$13,0)+IF(Input!$K$14=2,K6093*Input!$J$14,0)+IF(Input!$K$15=2,L6093*Input!$J$15,0)+IF(Input!$K$16=2,M6093*Input!$J$16,0)</f>
        <v>0.30907394178873848</v>
      </c>
      <c r="P6093" s="58">
        <f>IF(Input!$K$13=3,J6093*Input!$J$13,0)+IF(Input!$K$14=3,K6093*Input!$J$14,0)+IF(Input!$K$15=3,L6093*Input!$J$15,0)+IF(Input!$K$16=3,M6093*Input!$J$16,0)</f>
        <v>0</v>
      </c>
      <c r="Q6093" s="71">
        <f>IF(Input!$K$13=4,J6093*Input!$J$13,0)+IF(Input!$K$14=4,K6093*Input!$J$14,0)+IF(Input!$K$15=4,L6093*Input!$J$15,0)+IF(Input!$K$16=4,M6093*Input!$J$16,0)</f>
        <v>0</v>
      </c>
    </row>
    <row r="6094" spans="8:17" x14ac:dyDescent="0.25">
      <c r="H6094" s="43">
        <v>6087</v>
      </c>
      <c r="I6094" s="55">
        <f>Bühler!I6120</f>
        <v>0</v>
      </c>
      <c r="J6094" s="58">
        <f>Bühler!J6120</f>
        <v>39.852874775616371</v>
      </c>
      <c r="K6094" s="58">
        <f>Bühler!K6120</f>
        <v>3.4341549087637611</v>
      </c>
      <c r="L6094" s="58">
        <f>Bühler!L6120</f>
        <v>1.7170774543818805</v>
      </c>
      <c r="M6094" s="57">
        <f>Bühler!M6120</f>
        <v>0</v>
      </c>
      <c r="N6094" s="55">
        <f>IF(Input!$K$13=1,J6094*Input!$J$13,0)+IF(Input!$K$14=1,K6094*Input!$J$14,0)+IF(Input!$K$15=1,L6094*Input!$J$15,0)+IF(Input!$K$16=1,M6094*Input!$J$16,0)</f>
        <v>4.7823449730739647</v>
      </c>
      <c r="O6094" s="58">
        <f>IF(Input!$K$13=2,J6094*Input!$J$13,0)+IF(Input!$K$14=2,K6094*Input!$J$14,0)+IF(Input!$K$15=2,L6094*Input!$J$15,0)+IF(Input!$K$16=2,M6094*Input!$J$16,0)</f>
        <v>0.46361091268310772</v>
      </c>
      <c r="P6094" s="58">
        <f>IF(Input!$K$13=3,J6094*Input!$J$13,0)+IF(Input!$K$14=3,K6094*Input!$J$14,0)+IF(Input!$K$15=3,L6094*Input!$J$15,0)+IF(Input!$K$16=3,M6094*Input!$J$16,0)</f>
        <v>0</v>
      </c>
      <c r="Q6094" s="71">
        <f>IF(Input!$K$13=4,J6094*Input!$J$13,0)+IF(Input!$K$14=4,K6094*Input!$J$14,0)+IF(Input!$K$15=4,L6094*Input!$J$15,0)+IF(Input!$K$16=4,M6094*Input!$J$16,0)</f>
        <v>0</v>
      </c>
    </row>
    <row r="6095" spans="8:17" x14ac:dyDescent="0.25">
      <c r="H6095" s="43">
        <v>6088</v>
      </c>
      <c r="I6095" s="55">
        <f>Bühler!I6121</f>
        <v>0</v>
      </c>
      <c r="J6095" s="58">
        <f>Bühler!J6121</f>
        <v>39.852874775616371</v>
      </c>
      <c r="K6095" s="58">
        <f>Bühler!K6121</f>
        <v>3.4341549087637611</v>
      </c>
      <c r="L6095" s="58">
        <f>Bühler!L6121</f>
        <v>1.7170774543818805</v>
      </c>
      <c r="M6095" s="57">
        <f>Bühler!M6121</f>
        <v>0</v>
      </c>
      <c r="N6095" s="55">
        <f>IF(Input!$K$13=1,J6095*Input!$J$13,0)+IF(Input!$K$14=1,K6095*Input!$J$14,0)+IF(Input!$K$15=1,L6095*Input!$J$15,0)+IF(Input!$K$16=1,M6095*Input!$J$16,0)</f>
        <v>4.7823449730739647</v>
      </c>
      <c r="O6095" s="58">
        <f>IF(Input!$K$13=2,J6095*Input!$J$13,0)+IF(Input!$K$14=2,K6095*Input!$J$14,0)+IF(Input!$K$15=2,L6095*Input!$J$15,0)+IF(Input!$K$16=2,M6095*Input!$J$16,0)</f>
        <v>0.46361091268310772</v>
      </c>
      <c r="P6095" s="58">
        <f>IF(Input!$K$13=3,J6095*Input!$J$13,0)+IF(Input!$K$14=3,K6095*Input!$J$14,0)+IF(Input!$K$15=3,L6095*Input!$J$15,0)+IF(Input!$K$16=3,M6095*Input!$J$16,0)</f>
        <v>0</v>
      </c>
      <c r="Q6095" s="71">
        <f>IF(Input!$K$13=4,J6095*Input!$J$13,0)+IF(Input!$K$14=4,K6095*Input!$J$14,0)+IF(Input!$K$15=4,L6095*Input!$J$15,0)+IF(Input!$K$16=4,M6095*Input!$J$16,0)</f>
        <v>0</v>
      </c>
    </row>
    <row r="6096" spans="8:17" x14ac:dyDescent="0.25">
      <c r="H6096" s="43">
        <v>6089</v>
      </c>
      <c r="I6096" s="55">
        <f>Bühler!I6122</f>
        <v>0</v>
      </c>
      <c r="J6096" s="58">
        <f>Bühler!J6122</f>
        <v>23.247510285776212</v>
      </c>
      <c r="K6096" s="58">
        <f>Bühler!K6122</f>
        <v>2.0032570301121937</v>
      </c>
      <c r="L6096" s="58">
        <f>Bühler!L6122</f>
        <v>1.0016285150560968</v>
      </c>
      <c r="M6096" s="57">
        <f>Bühler!M6122</f>
        <v>0</v>
      </c>
      <c r="N6096" s="55">
        <f>IF(Input!$K$13=1,J6096*Input!$J$13,0)+IF(Input!$K$14=1,K6096*Input!$J$14,0)+IF(Input!$K$15=1,L6096*Input!$J$15,0)+IF(Input!$K$16=1,M6096*Input!$J$16,0)</f>
        <v>2.7897012342931453</v>
      </c>
      <c r="O6096" s="58">
        <f>IF(Input!$K$13=2,J6096*Input!$J$13,0)+IF(Input!$K$14=2,K6096*Input!$J$14,0)+IF(Input!$K$15=2,L6096*Input!$J$15,0)+IF(Input!$K$16=2,M6096*Input!$J$16,0)</f>
        <v>0.27043969906514614</v>
      </c>
      <c r="P6096" s="58">
        <f>IF(Input!$K$13=3,J6096*Input!$J$13,0)+IF(Input!$K$14=3,K6096*Input!$J$14,0)+IF(Input!$K$15=3,L6096*Input!$J$15,0)+IF(Input!$K$16=3,M6096*Input!$J$16,0)</f>
        <v>0</v>
      </c>
      <c r="Q6096" s="71">
        <f>IF(Input!$K$13=4,J6096*Input!$J$13,0)+IF(Input!$K$14=4,K6096*Input!$J$14,0)+IF(Input!$K$15=4,L6096*Input!$J$15,0)+IF(Input!$K$16=4,M6096*Input!$J$16,0)</f>
        <v>0</v>
      </c>
    </row>
    <row r="6097" spans="8:17" x14ac:dyDescent="0.25">
      <c r="H6097" s="43">
        <v>6090</v>
      </c>
      <c r="I6097" s="55">
        <f>Bühler!I6123</f>
        <v>0</v>
      </c>
      <c r="J6097" s="58">
        <f>Bühler!J6123</f>
        <v>6.6421457959360612</v>
      </c>
      <c r="K6097" s="58">
        <f>Bühler!K6123</f>
        <v>0.57235915146062677</v>
      </c>
      <c r="L6097" s="58">
        <f>Bühler!L6123</f>
        <v>0.28617957573031338</v>
      </c>
      <c r="M6097" s="57">
        <f>Bühler!M6123</f>
        <v>0</v>
      </c>
      <c r="N6097" s="55">
        <f>IF(Input!$K$13=1,J6097*Input!$J$13,0)+IF(Input!$K$14=1,K6097*Input!$J$14,0)+IF(Input!$K$15=1,L6097*Input!$J$15,0)+IF(Input!$K$16=1,M6097*Input!$J$16,0)</f>
        <v>0.7970574955123273</v>
      </c>
      <c r="O6097" s="58">
        <f>IF(Input!$K$13=2,J6097*Input!$J$13,0)+IF(Input!$K$14=2,K6097*Input!$J$14,0)+IF(Input!$K$15=2,L6097*Input!$J$15,0)+IF(Input!$K$16=2,M6097*Input!$J$16,0)</f>
        <v>7.7268485447184621E-2</v>
      </c>
      <c r="P6097" s="58">
        <f>IF(Input!$K$13=3,J6097*Input!$J$13,0)+IF(Input!$K$14=3,K6097*Input!$J$14,0)+IF(Input!$K$15=3,L6097*Input!$J$15,0)+IF(Input!$K$16=3,M6097*Input!$J$16,0)</f>
        <v>0</v>
      </c>
      <c r="Q6097" s="71">
        <f>IF(Input!$K$13=4,J6097*Input!$J$13,0)+IF(Input!$K$14=4,K6097*Input!$J$14,0)+IF(Input!$K$15=4,L6097*Input!$J$15,0)+IF(Input!$K$16=4,M6097*Input!$J$16,0)</f>
        <v>0</v>
      </c>
    </row>
    <row r="6098" spans="8:17" x14ac:dyDescent="0.25">
      <c r="H6098" s="43">
        <v>6091</v>
      </c>
      <c r="I6098" s="55">
        <f>Bühler!I6124</f>
        <v>0</v>
      </c>
      <c r="J6098" s="58">
        <f>Bühler!J6124</f>
        <v>6.5485944466975248</v>
      </c>
      <c r="K6098" s="58">
        <f>Bühler!K6124</f>
        <v>0.56429775496118129</v>
      </c>
      <c r="L6098" s="58">
        <f>Bühler!L6124</f>
        <v>0.28214887748059064</v>
      </c>
      <c r="M6098" s="57">
        <f>Bühler!M6124</f>
        <v>0</v>
      </c>
      <c r="N6098" s="55">
        <f>IF(Input!$K$13=1,J6098*Input!$J$13,0)+IF(Input!$K$14=1,K6098*Input!$J$14,0)+IF(Input!$K$15=1,L6098*Input!$J$15,0)+IF(Input!$K$16=1,M6098*Input!$J$16,0)</f>
        <v>0.78583133360370294</v>
      </c>
      <c r="O6098" s="58">
        <f>IF(Input!$K$13=2,J6098*Input!$J$13,0)+IF(Input!$K$14=2,K6098*Input!$J$14,0)+IF(Input!$K$15=2,L6098*Input!$J$15,0)+IF(Input!$K$16=2,M6098*Input!$J$16,0)</f>
        <v>7.6180196919759469E-2</v>
      </c>
      <c r="P6098" s="58">
        <f>IF(Input!$K$13=3,J6098*Input!$J$13,0)+IF(Input!$K$14=3,K6098*Input!$J$14,0)+IF(Input!$K$15=3,L6098*Input!$J$15,0)+IF(Input!$K$16=3,M6098*Input!$J$16,0)</f>
        <v>0</v>
      </c>
      <c r="Q6098" s="71">
        <f>IF(Input!$K$13=4,J6098*Input!$J$13,0)+IF(Input!$K$14=4,K6098*Input!$J$14,0)+IF(Input!$K$15=4,L6098*Input!$J$15,0)+IF(Input!$K$16=4,M6098*Input!$J$16,0)</f>
        <v>0</v>
      </c>
    </row>
    <row r="6099" spans="8:17" x14ac:dyDescent="0.25">
      <c r="H6099" s="43">
        <v>6092</v>
      </c>
      <c r="I6099" s="55">
        <f>Bühler!I6125</f>
        <v>0</v>
      </c>
      <c r="J6099" s="58">
        <f>Bühler!J6125</f>
        <v>6.5485944466975248</v>
      </c>
      <c r="K6099" s="58">
        <f>Bühler!K6125</f>
        <v>0.56429775496118129</v>
      </c>
      <c r="L6099" s="58">
        <f>Bühler!L6125</f>
        <v>0.28214887748059064</v>
      </c>
      <c r="M6099" s="57">
        <f>Bühler!M6125</f>
        <v>0</v>
      </c>
      <c r="N6099" s="55">
        <f>IF(Input!$K$13=1,J6099*Input!$J$13,0)+IF(Input!$K$14=1,K6099*Input!$J$14,0)+IF(Input!$K$15=1,L6099*Input!$J$15,0)+IF(Input!$K$16=1,M6099*Input!$J$16,0)</f>
        <v>0.78583133360370294</v>
      </c>
      <c r="O6099" s="58">
        <f>IF(Input!$K$13=2,J6099*Input!$J$13,0)+IF(Input!$K$14=2,K6099*Input!$J$14,0)+IF(Input!$K$15=2,L6099*Input!$J$15,0)+IF(Input!$K$16=2,M6099*Input!$J$16,0)</f>
        <v>7.6180196919759469E-2</v>
      </c>
      <c r="P6099" s="58">
        <f>IF(Input!$K$13=3,J6099*Input!$J$13,0)+IF(Input!$K$14=3,K6099*Input!$J$14,0)+IF(Input!$K$15=3,L6099*Input!$J$15,0)+IF(Input!$K$16=3,M6099*Input!$J$16,0)</f>
        <v>0</v>
      </c>
      <c r="Q6099" s="71">
        <f>IF(Input!$K$13=4,J6099*Input!$J$13,0)+IF(Input!$K$14=4,K6099*Input!$J$14,0)+IF(Input!$K$15=4,L6099*Input!$J$15,0)+IF(Input!$K$16=4,M6099*Input!$J$16,0)</f>
        <v>0</v>
      </c>
    </row>
    <row r="6100" spans="8:17" x14ac:dyDescent="0.25">
      <c r="H6100" s="43">
        <v>6093</v>
      </c>
      <c r="I6100" s="55">
        <f>Bühler!I6126</f>
        <v>0</v>
      </c>
      <c r="J6100" s="58">
        <f>Bühler!J6126</f>
        <v>6.5485944466975248</v>
      </c>
      <c r="K6100" s="58">
        <f>Bühler!K6126</f>
        <v>0.56429775496118129</v>
      </c>
      <c r="L6100" s="58">
        <f>Bühler!L6126</f>
        <v>0.28214887748059064</v>
      </c>
      <c r="M6100" s="57">
        <f>Bühler!M6126</f>
        <v>0</v>
      </c>
      <c r="N6100" s="55">
        <f>IF(Input!$K$13=1,J6100*Input!$J$13,0)+IF(Input!$K$14=1,K6100*Input!$J$14,0)+IF(Input!$K$15=1,L6100*Input!$J$15,0)+IF(Input!$K$16=1,M6100*Input!$J$16,0)</f>
        <v>0.78583133360370294</v>
      </c>
      <c r="O6100" s="58">
        <f>IF(Input!$K$13=2,J6100*Input!$J$13,0)+IF(Input!$K$14=2,K6100*Input!$J$14,0)+IF(Input!$K$15=2,L6100*Input!$J$15,0)+IF(Input!$K$16=2,M6100*Input!$J$16,0)</f>
        <v>7.6180196919759469E-2</v>
      </c>
      <c r="P6100" s="58">
        <f>IF(Input!$K$13=3,J6100*Input!$J$13,0)+IF(Input!$K$14=3,K6100*Input!$J$14,0)+IF(Input!$K$15=3,L6100*Input!$J$15,0)+IF(Input!$K$16=3,M6100*Input!$J$16,0)</f>
        <v>0</v>
      </c>
      <c r="Q6100" s="71">
        <f>IF(Input!$K$13=4,J6100*Input!$J$13,0)+IF(Input!$K$14=4,K6100*Input!$J$14,0)+IF(Input!$K$15=4,L6100*Input!$J$15,0)+IF(Input!$K$16=4,M6100*Input!$J$16,0)</f>
        <v>0</v>
      </c>
    </row>
    <row r="6101" spans="8:17" x14ac:dyDescent="0.25">
      <c r="H6101" s="43">
        <v>6094</v>
      </c>
      <c r="I6101" s="55">
        <f>Bühler!I6127</f>
        <v>0</v>
      </c>
      <c r="J6101" s="58">
        <f>Bühler!J6127</f>
        <v>6.5485944466975248</v>
      </c>
      <c r="K6101" s="58">
        <f>Bühler!K6127</f>
        <v>0.56429775496118129</v>
      </c>
      <c r="L6101" s="58">
        <f>Bühler!L6127</f>
        <v>0.28214887748059064</v>
      </c>
      <c r="M6101" s="57">
        <f>Bühler!M6127</f>
        <v>0</v>
      </c>
      <c r="N6101" s="55">
        <f>IF(Input!$K$13=1,J6101*Input!$J$13,0)+IF(Input!$K$14=1,K6101*Input!$J$14,0)+IF(Input!$K$15=1,L6101*Input!$J$15,0)+IF(Input!$K$16=1,M6101*Input!$J$16,0)</f>
        <v>0.78583133360370294</v>
      </c>
      <c r="O6101" s="58">
        <f>IF(Input!$K$13=2,J6101*Input!$J$13,0)+IF(Input!$K$14=2,K6101*Input!$J$14,0)+IF(Input!$K$15=2,L6101*Input!$J$15,0)+IF(Input!$K$16=2,M6101*Input!$J$16,0)</f>
        <v>7.6180196919759469E-2</v>
      </c>
      <c r="P6101" s="58">
        <f>IF(Input!$K$13=3,J6101*Input!$J$13,0)+IF(Input!$K$14=3,K6101*Input!$J$14,0)+IF(Input!$K$15=3,L6101*Input!$J$15,0)+IF(Input!$K$16=3,M6101*Input!$J$16,0)</f>
        <v>0</v>
      </c>
      <c r="Q6101" s="71">
        <f>IF(Input!$K$13=4,J6101*Input!$J$13,0)+IF(Input!$K$14=4,K6101*Input!$J$14,0)+IF(Input!$K$15=4,L6101*Input!$J$15,0)+IF(Input!$K$16=4,M6101*Input!$J$16,0)</f>
        <v>0</v>
      </c>
    </row>
    <row r="6102" spans="8:17" x14ac:dyDescent="0.25">
      <c r="H6102" s="43">
        <v>6095</v>
      </c>
      <c r="I6102" s="55">
        <f>Bühler!I6128</f>
        <v>0</v>
      </c>
      <c r="J6102" s="58">
        <f>Bühler!J6128</f>
        <v>6.5485944466975248</v>
      </c>
      <c r="K6102" s="58">
        <f>Bühler!K6128</f>
        <v>0.56429775496118129</v>
      </c>
      <c r="L6102" s="58">
        <f>Bühler!L6128</f>
        <v>0.28214887748059064</v>
      </c>
      <c r="M6102" s="57">
        <f>Bühler!M6128</f>
        <v>0</v>
      </c>
      <c r="N6102" s="55">
        <f>IF(Input!$K$13=1,J6102*Input!$J$13,0)+IF(Input!$K$14=1,K6102*Input!$J$14,0)+IF(Input!$K$15=1,L6102*Input!$J$15,0)+IF(Input!$K$16=1,M6102*Input!$J$16,0)</f>
        <v>0.78583133360370294</v>
      </c>
      <c r="O6102" s="58">
        <f>IF(Input!$K$13=2,J6102*Input!$J$13,0)+IF(Input!$K$14=2,K6102*Input!$J$14,0)+IF(Input!$K$15=2,L6102*Input!$J$15,0)+IF(Input!$K$16=2,M6102*Input!$J$16,0)</f>
        <v>7.6180196919759469E-2</v>
      </c>
      <c r="P6102" s="58">
        <f>IF(Input!$K$13=3,J6102*Input!$J$13,0)+IF(Input!$K$14=3,K6102*Input!$J$14,0)+IF(Input!$K$15=3,L6102*Input!$J$15,0)+IF(Input!$K$16=3,M6102*Input!$J$16,0)</f>
        <v>0</v>
      </c>
      <c r="Q6102" s="71">
        <f>IF(Input!$K$13=4,J6102*Input!$J$13,0)+IF(Input!$K$14=4,K6102*Input!$J$14,0)+IF(Input!$K$15=4,L6102*Input!$J$15,0)+IF(Input!$K$16=4,M6102*Input!$J$16,0)</f>
        <v>0</v>
      </c>
    </row>
    <row r="6103" spans="8:17" x14ac:dyDescent="0.25">
      <c r="H6103" s="43">
        <v>6096</v>
      </c>
      <c r="I6103" s="55">
        <f>Bühler!I6129</f>
        <v>0</v>
      </c>
      <c r="J6103" s="58">
        <f>Bühler!J6129</f>
        <v>6.5485944466975248</v>
      </c>
      <c r="K6103" s="58">
        <f>Bühler!K6129</f>
        <v>0.56429775496118129</v>
      </c>
      <c r="L6103" s="58">
        <f>Bühler!L6129</f>
        <v>0.28214887748059064</v>
      </c>
      <c r="M6103" s="57">
        <f>Bühler!M6129</f>
        <v>0</v>
      </c>
      <c r="N6103" s="55">
        <f>IF(Input!$K$13=1,J6103*Input!$J$13,0)+IF(Input!$K$14=1,K6103*Input!$J$14,0)+IF(Input!$K$15=1,L6103*Input!$J$15,0)+IF(Input!$K$16=1,M6103*Input!$J$16,0)</f>
        <v>0.78583133360370294</v>
      </c>
      <c r="O6103" s="58">
        <f>IF(Input!$K$13=2,J6103*Input!$J$13,0)+IF(Input!$K$14=2,K6103*Input!$J$14,0)+IF(Input!$K$15=2,L6103*Input!$J$15,0)+IF(Input!$K$16=2,M6103*Input!$J$16,0)</f>
        <v>7.6180196919759469E-2</v>
      </c>
      <c r="P6103" s="58">
        <f>IF(Input!$K$13=3,J6103*Input!$J$13,0)+IF(Input!$K$14=3,K6103*Input!$J$14,0)+IF(Input!$K$15=3,L6103*Input!$J$15,0)+IF(Input!$K$16=3,M6103*Input!$J$16,0)</f>
        <v>0</v>
      </c>
      <c r="Q6103" s="71">
        <f>IF(Input!$K$13=4,J6103*Input!$J$13,0)+IF(Input!$K$14=4,K6103*Input!$J$14,0)+IF(Input!$K$15=4,L6103*Input!$J$15,0)+IF(Input!$K$16=4,M6103*Input!$J$16,0)</f>
        <v>0</v>
      </c>
    </row>
    <row r="6104" spans="8:17" x14ac:dyDescent="0.25">
      <c r="H6104" s="43">
        <v>6097</v>
      </c>
      <c r="I6104" s="55">
        <f>Bühler!I6130</f>
        <v>0</v>
      </c>
      <c r="J6104" s="58">
        <f>Bühler!J6130</f>
        <v>4.1272719119248134</v>
      </c>
      <c r="K6104" s="58">
        <f>Bühler!K6130</f>
        <v>0.35770070402255755</v>
      </c>
      <c r="L6104" s="58">
        <f>Bühler!L6130</f>
        <v>0.17885035201127877</v>
      </c>
      <c r="M6104" s="57">
        <f>Bühler!M6130</f>
        <v>0</v>
      </c>
      <c r="N6104" s="55">
        <f>IF(Input!$K$13=1,J6104*Input!$J$13,0)+IF(Input!$K$14=1,K6104*Input!$J$14,0)+IF(Input!$K$15=1,L6104*Input!$J$15,0)+IF(Input!$K$16=1,M6104*Input!$J$16,0)</f>
        <v>0.49527262943097761</v>
      </c>
      <c r="O6104" s="58">
        <f>IF(Input!$K$13=2,J6104*Input!$J$13,0)+IF(Input!$K$14=2,K6104*Input!$J$14,0)+IF(Input!$K$15=2,L6104*Input!$J$15,0)+IF(Input!$K$16=2,M6104*Input!$J$16,0)</f>
        <v>4.8289595043045266E-2</v>
      </c>
      <c r="P6104" s="58">
        <f>IF(Input!$K$13=3,J6104*Input!$J$13,0)+IF(Input!$K$14=3,K6104*Input!$J$14,0)+IF(Input!$K$15=3,L6104*Input!$J$15,0)+IF(Input!$K$16=3,M6104*Input!$J$16,0)</f>
        <v>0</v>
      </c>
      <c r="Q6104" s="71">
        <f>IF(Input!$K$13=4,J6104*Input!$J$13,0)+IF(Input!$K$14=4,K6104*Input!$J$14,0)+IF(Input!$K$15=4,L6104*Input!$J$15,0)+IF(Input!$K$16=4,M6104*Input!$J$16,0)</f>
        <v>0</v>
      </c>
    </row>
    <row r="6105" spans="8:17" x14ac:dyDescent="0.25">
      <c r="H6105" s="43">
        <v>6098</v>
      </c>
      <c r="I6105" s="55">
        <f>Bühler!I6131</f>
        <v>0</v>
      </c>
      <c r="J6105" s="58">
        <f>Bühler!J6131</f>
        <v>6.2891762467425734</v>
      </c>
      <c r="K6105" s="58">
        <f>Bühler!K6131</f>
        <v>0.54506773946294496</v>
      </c>
      <c r="L6105" s="58">
        <f>Bühler!L6131</f>
        <v>0.27253386973147248</v>
      </c>
      <c r="M6105" s="57">
        <f>Bühler!M6131</f>
        <v>0</v>
      </c>
      <c r="N6105" s="55">
        <f>IF(Input!$K$13=1,J6105*Input!$J$13,0)+IF(Input!$K$14=1,K6105*Input!$J$14,0)+IF(Input!$K$15=1,L6105*Input!$J$15,0)+IF(Input!$K$16=1,M6105*Input!$J$16,0)</f>
        <v>0.75470114960910872</v>
      </c>
      <c r="O6105" s="58">
        <f>IF(Input!$K$13=2,J6105*Input!$J$13,0)+IF(Input!$K$14=2,K6105*Input!$J$14,0)+IF(Input!$K$15=2,L6105*Input!$J$15,0)+IF(Input!$K$16=2,M6105*Input!$J$16,0)</f>
        <v>7.3584144827497561E-2</v>
      </c>
      <c r="P6105" s="58">
        <f>IF(Input!$K$13=3,J6105*Input!$J$13,0)+IF(Input!$K$14=3,K6105*Input!$J$14,0)+IF(Input!$K$15=3,L6105*Input!$J$15,0)+IF(Input!$K$16=3,M6105*Input!$J$16,0)</f>
        <v>0</v>
      </c>
      <c r="Q6105" s="71">
        <f>IF(Input!$K$13=4,J6105*Input!$J$13,0)+IF(Input!$K$14=4,K6105*Input!$J$14,0)+IF(Input!$K$15=4,L6105*Input!$J$15,0)+IF(Input!$K$16=4,M6105*Input!$J$16,0)</f>
        <v>0</v>
      </c>
    </row>
    <row r="6106" spans="8:17" x14ac:dyDescent="0.25">
      <c r="H6106" s="43">
        <v>6099</v>
      </c>
      <c r="I6106" s="55">
        <f>Bühler!I6132</f>
        <v>0</v>
      </c>
      <c r="J6106" s="58">
        <f>Bühler!J6132</f>
        <v>6.2891762467425734</v>
      </c>
      <c r="K6106" s="58">
        <f>Bühler!K6132</f>
        <v>0.54506773946294496</v>
      </c>
      <c r="L6106" s="58">
        <f>Bühler!L6132</f>
        <v>0.27253386973147248</v>
      </c>
      <c r="M6106" s="57">
        <f>Bühler!M6132</f>
        <v>0</v>
      </c>
      <c r="N6106" s="55">
        <f>IF(Input!$K$13=1,J6106*Input!$J$13,0)+IF(Input!$K$14=1,K6106*Input!$J$14,0)+IF(Input!$K$15=1,L6106*Input!$J$15,0)+IF(Input!$K$16=1,M6106*Input!$J$16,0)</f>
        <v>0.75470114960910872</v>
      </c>
      <c r="O6106" s="58">
        <f>IF(Input!$K$13=2,J6106*Input!$J$13,0)+IF(Input!$K$14=2,K6106*Input!$J$14,0)+IF(Input!$K$15=2,L6106*Input!$J$15,0)+IF(Input!$K$16=2,M6106*Input!$J$16,0)</f>
        <v>7.3584144827497561E-2</v>
      </c>
      <c r="P6106" s="58">
        <f>IF(Input!$K$13=3,J6106*Input!$J$13,0)+IF(Input!$K$14=3,K6106*Input!$J$14,0)+IF(Input!$K$15=3,L6106*Input!$J$15,0)+IF(Input!$K$16=3,M6106*Input!$J$16,0)</f>
        <v>0</v>
      </c>
      <c r="Q6106" s="71">
        <f>IF(Input!$K$13=4,J6106*Input!$J$13,0)+IF(Input!$K$14=4,K6106*Input!$J$14,0)+IF(Input!$K$15=4,L6106*Input!$J$15,0)+IF(Input!$K$16=4,M6106*Input!$J$16,0)</f>
        <v>0</v>
      </c>
    </row>
    <row r="6107" spans="8:17" x14ac:dyDescent="0.25">
      <c r="H6107" s="43">
        <v>6100</v>
      </c>
      <c r="I6107" s="55">
        <f>Bühler!I6133</f>
        <v>0</v>
      </c>
      <c r="J6107" s="58">
        <f>Bühler!J6133</f>
        <v>6.2891762467425734</v>
      </c>
      <c r="K6107" s="58">
        <f>Bühler!K6133</f>
        <v>0.54506773946294496</v>
      </c>
      <c r="L6107" s="58">
        <f>Bühler!L6133</f>
        <v>0.27253386973147248</v>
      </c>
      <c r="M6107" s="57">
        <f>Bühler!M6133</f>
        <v>0</v>
      </c>
      <c r="N6107" s="55">
        <f>IF(Input!$K$13=1,J6107*Input!$J$13,0)+IF(Input!$K$14=1,K6107*Input!$J$14,0)+IF(Input!$K$15=1,L6107*Input!$J$15,0)+IF(Input!$K$16=1,M6107*Input!$J$16,0)</f>
        <v>0.75470114960910872</v>
      </c>
      <c r="O6107" s="58">
        <f>IF(Input!$K$13=2,J6107*Input!$J$13,0)+IF(Input!$K$14=2,K6107*Input!$J$14,0)+IF(Input!$K$15=2,L6107*Input!$J$15,0)+IF(Input!$K$16=2,M6107*Input!$J$16,0)</f>
        <v>7.3584144827497561E-2</v>
      </c>
      <c r="P6107" s="58">
        <f>IF(Input!$K$13=3,J6107*Input!$J$13,0)+IF(Input!$K$14=3,K6107*Input!$J$14,0)+IF(Input!$K$15=3,L6107*Input!$J$15,0)+IF(Input!$K$16=3,M6107*Input!$J$16,0)</f>
        <v>0</v>
      </c>
      <c r="Q6107" s="71">
        <f>IF(Input!$K$13=4,J6107*Input!$J$13,0)+IF(Input!$K$14=4,K6107*Input!$J$14,0)+IF(Input!$K$15=4,L6107*Input!$J$15,0)+IF(Input!$K$16=4,M6107*Input!$J$16,0)</f>
        <v>0</v>
      </c>
    </row>
    <row r="6108" spans="8:17" x14ac:dyDescent="0.25">
      <c r="H6108" s="43">
        <v>6101</v>
      </c>
      <c r="I6108" s="55">
        <f>Bühler!I6134</f>
        <v>0</v>
      </c>
      <c r="J6108" s="58">
        <f>Bühler!J6134</f>
        <v>6.2891762467425734</v>
      </c>
      <c r="K6108" s="58">
        <f>Bühler!K6134</f>
        <v>0.54506773946294496</v>
      </c>
      <c r="L6108" s="58">
        <f>Bühler!L6134</f>
        <v>0.27253386973147248</v>
      </c>
      <c r="M6108" s="57">
        <f>Bühler!M6134</f>
        <v>0</v>
      </c>
      <c r="N6108" s="55">
        <f>IF(Input!$K$13=1,J6108*Input!$J$13,0)+IF(Input!$K$14=1,K6108*Input!$J$14,0)+IF(Input!$K$15=1,L6108*Input!$J$15,0)+IF(Input!$K$16=1,M6108*Input!$J$16,0)</f>
        <v>0.75470114960910872</v>
      </c>
      <c r="O6108" s="58">
        <f>IF(Input!$K$13=2,J6108*Input!$J$13,0)+IF(Input!$K$14=2,K6108*Input!$J$14,0)+IF(Input!$K$15=2,L6108*Input!$J$15,0)+IF(Input!$K$16=2,M6108*Input!$J$16,0)</f>
        <v>7.3584144827497561E-2</v>
      </c>
      <c r="P6108" s="58">
        <f>IF(Input!$K$13=3,J6108*Input!$J$13,0)+IF(Input!$K$14=3,K6108*Input!$J$14,0)+IF(Input!$K$15=3,L6108*Input!$J$15,0)+IF(Input!$K$16=3,M6108*Input!$J$16,0)</f>
        <v>0</v>
      </c>
      <c r="Q6108" s="71">
        <f>IF(Input!$K$13=4,J6108*Input!$J$13,0)+IF(Input!$K$14=4,K6108*Input!$J$14,0)+IF(Input!$K$15=4,L6108*Input!$J$15,0)+IF(Input!$K$16=4,M6108*Input!$J$16,0)</f>
        <v>0</v>
      </c>
    </row>
    <row r="6109" spans="8:17" x14ac:dyDescent="0.25">
      <c r="H6109" s="43">
        <v>6102</v>
      </c>
      <c r="I6109" s="55">
        <f>Bühler!I6135</f>
        <v>0</v>
      </c>
      <c r="J6109" s="58">
        <f>Bühler!J6135</f>
        <v>6.2891762467425734</v>
      </c>
      <c r="K6109" s="58">
        <f>Bühler!K6135</f>
        <v>0.54506773946294496</v>
      </c>
      <c r="L6109" s="58">
        <f>Bühler!L6135</f>
        <v>0.27253386973147248</v>
      </c>
      <c r="M6109" s="57">
        <f>Bühler!M6135</f>
        <v>0</v>
      </c>
      <c r="N6109" s="55">
        <f>IF(Input!$K$13=1,J6109*Input!$J$13,0)+IF(Input!$K$14=1,K6109*Input!$J$14,0)+IF(Input!$K$15=1,L6109*Input!$J$15,0)+IF(Input!$K$16=1,M6109*Input!$J$16,0)</f>
        <v>0.75470114960910872</v>
      </c>
      <c r="O6109" s="58">
        <f>IF(Input!$K$13=2,J6109*Input!$J$13,0)+IF(Input!$K$14=2,K6109*Input!$J$14,0)+IF(Input!$K$15=2,L6109*Input!$J$15,0)+IF(Input!$K$16=2,M6109*Input!$J$16,0)</f>
        <v>7.3584144827497561E-2</v>
      </c>
      <c r="P6109" s="58">
        <f>IF(Input!$K$13=3,J6109*Input!$J$13,0)+IF(Input!$K$14=3,K6109*Input!$J$14,0)+IF(Input!$K$15=3,L6109*Input!$J$15,0)+IF(Input!$K$16=3,M6109*Input!$J$16,0)</f>
        <v>0</v>
      </c>
      <c r="Q6109" s="71">
        <f>IF(Input!$K$13=4,J6109*Input!$J$13,0)+IF(Input!$K$14=4,K6109*Input!$J$14,0)+IF(Input!$K$15=4,L6109*Input!$J$15,0)+IF(Input!$K$16=4,M6109*Input!$J$16,0)</f>
        <v>0</v>
      </c>
    </row>
    <row r="6110" spans="8:17" x14ac:dyDescent="0.25">
      <c r="H6110" s="43">
        <v>6103</v>
      </c>
      <c r="I6110" s="55">
        <f>Bühler!I6136</f>
        <v>0</v>
      </c>
      <c r="J6110" s="58">
        <f>Bühler!J6136</f>
        <v>6.2891762467425734</v>
      </c>
      <c r="K6110" s="58">
        <f>Bühler!K6136</f>
        <v>0.54506773946294496</v>
      </c>
      <c r="L6110" s="58">
        <f>Bühler!L6136</f>
        <v>0.27253386973147248</v>
      </c>
      <c r="M6110" s="57">
        <f>Bühler!M6136</f>
        <v>0</v>
      </c>
      <c r="N6110" s="55">
        <f>IF(Input!$K$13=1,J6110*Input!$J$13,0)+IF(Input!$K$14=1,K6110*Input!$J$14,0)+IF(Input!$K$15=1,L6110*Input!$J$15,0)+IF(Input!$K$16=1,M6110*Input!$J$16,0)</f>
        <v>0.75470114960910872</v>
      </c>
      <c r="O6110" s="58">
        <f>IF(Input!$K$13=2,J6110*Input!$J$13,0)+IF(Input!$K$14=2,K6110*Input!$J$14,0)+IF(Input!$K$15=2,L6110*Input!$J$15,0)+IF(Input!$K$16=2,M6110*Input!$J$16,0)</f>
        <v>7.3584144827497561E-2</v>
      </c>
      <c r="P6110" s="58">
        <f>IF(Input!$K$13=3,J6110*Input!$J$13,0)+IF(Input!$K$14=3,K6110*Input!$J$14,0)+IF(Input!$K$15=3,L6110*Input!$J$15,0)+IF(Input!$K$16=3,M6110*Input!$J$16,0)</f>
        <v>0</v>
      </c>
      <c r="Q6110" s="71">
        <f>IF(Input!$K$13=4,J6110*Input!$J$13,0)+IF(Input!$K$14=4,K6110*Input!$J$14,0)+IF(Input!$K$15=4,L6110*Input!$J$15,0)+IF(Input!$K$16=4,M6110*Input!$J$16,0)</f>
        <v>0</v>
      </c>
    </row>
    <row r="6111" spans="8:17" x14ac:dyDescent="0.25">
      <c r="H6111" s="43">
        <v>6104</v>
      </c>
      <c r="I6111" s="55">
        <f>Bühler!I6137</f>
        <v>0</v>
      </c>
      <c r="J6111" s="58">
        <f>Bühler!J6137</f>
        <v>26.512808615174158</v>
      </c>
      <c r="K6111" s="58">
        <f>Bühler!K6137</f>
        <v>2.2978011891734771</v>
      </c>
      <c r="L6111" s="58">
        <f>Bühler!L6137</f>
        <v>1.1489005945867385</v>
      </c>
      <c r="M6111" s="57">
        <f>Bühler!M6137</f>
        <v>0</v>
      </c>
      <c r="N6111" s="55">
        <f>IF(Input!$K$13=1,J6111*Input!$J$13,0)+IF(Input!$K$14=1,K6111*Input!$J$14,0)+IF(Input!$K$15=1,L6111*Input!$J$15,0)+IF(Input!$K$16=1,M6111*Input!$J$16,0)</f>
        <v>3.181537033820899</v>
      </c>
      <c r="O6111" s="58">
        <f>IF(Input!$K$13=2,J6111*Input!$J$13,0)+IF(Input!$K$14=2,K6111*Input!$J$14,0)+IF(Input!$K$15=2,L6111*Input!$J$15,0)+IF(Input!$K$16=2,M6111*Input!$J$16,0)</f>
        <v>0.3102031605384194</v>
      </c>
      <c r="P6111" s="58">
        <f>IF(Input!$K$13=3,J6111*Input!$J$13,0)+IF(Input!$K$14=3,K6111*Input!$J$14,0)+IF(Input!$K$15=3,L6111*Input!$J$15,0)+IF(Input!$K$16=3,M6111*Input!$J$16,0)</f>
        <v>0</v>
      </c>
      <c r="Q6111" s="71">
        <f>IF(Input!$K$13=4,J6111*Input!$J$13,0)+IF(Input!$K$14=4,K6111*Input!$J$14,0)+IF(Input!$K$15=4,L6111*Input!$J$15,0)+IF(Input!$K$16=4,M6111*Input!$J$16,0)</f>
        <v>0</v>
      </c>
    </row>
    <row r="6112" spans="8:17" x14ac:dyDescent="0.25">
      <c r="H6112" s="43">
        <v>6105</v>
      </c>
      <c r="I6112" s="55">
        <f>Bühler!I6138</f>
        <v>0</v>
      </c>
      <c r="J6112" s="58">
        <f>Bühler!J6138</f>
        <v>29.58271277061538</v>
      </c>
      <c r="K6112" s="58">
        <f>Bühler!K6138</f>
        <v>2.5638623794988269</v>
      </c>
      <c r="L6112" s="58">
        <f>Bühler!L6138</f>
        <v>1.2819311897494134</v>
      </c>
      <c r="M6112" s="57">
        <f>Bühler!M6138</f>
        <v>0</v>
      </c>
      <c r="N6112" s="55">
        <f>IF(Input!$K$13=1,J6112*Input!$J$13,0)+IF(Input!$K$14=1,K6112*Input!$J$14,0)+IF(Input!$K$15=1,L6112*Input!$J$15,0)+IF(Input!$K$16=1,M6112*Input!$J$16,0)</f>
        <v>3.5499255324738455</v>
      </c>
      <c r="O6112" s="58">
        <f>IF(Input!$K$13=2,J6112*Input!$J$13,0)+IF(Input!$K$14=2,K6112*Input!$J$14,0)+IF(Input!$K$15=2,L6112*Input!$J$15,0)+IF(Input!$K$16=2,M6112*Input!$J$16,0)</f>
        <v>0.34612142123234163</v>
      </c>
      <c r="P6112" s="58">
        <f>IF(Input!$K$13=3,J6112*Input!$J$13,0)+IF(Input!$K$14=3,K6112*Input!$J$14,0)+IF(Input!$K$15=3,L6112*Input!$J$15,0)+IF(Input!$K$16=3,M6112*Input!$J$16,0)</f>
        <v>0</v>
      </c>
      <c r="Q6112" s="71">
        <f>IF(Input!$K$13=4,J6112*Input!$J$13,0)+IF(Input!$K$14=4,K6112*Input!$J$14,0)+IF(Input!$K$15=4,L6112*Input!$J$15,0)+IF(Input!$K$16=4,M6112*Input!$J$16,0)</f>
        <v>0</v>
      </c>
    </row>
    <row r="6113" spans="8:17" x14ac:dyDescent="0.25">
      <c r="H6113" s="43">
        <v>6106</v>
      </c>
      <c r="I6113" s="55">
        <f>Bühler!I6139</f>
        <v>0</v>
      </c>
      <c r="J6113" s="58">
        <f>Bühler!J6139</f>
        <v>32.652616926056602</v>
      </c>
      <c r="K6113" s="58">
        <f>Bühler!K6139</f>
        <v>2.8299235698241776</v>
      </c>
      <c r="L6113" s="58">
        <f>Bühler!L6139</f>
        <v>1.4149617849120888</v>
      </c>
      <c r="M6113" s="57">
        <f>Bühler!M6139</f>
        <v>0</v>
      </c>
      <c r="N6113" s="55">
        <f>IF(Input!$K$13=1,J6113*Input!$J$13,0)+IF(Input!$K$14=1,K6113*Input!$J$14,0)+IF(Input!$K$15=1,L6113*Input!$J$15,0)+IF(Input!$K$16=1,M6113*Input!$J$16,0)</f>
        <v>3.9183140311267923</v>
      </c>
      <c r="O6113" s="58">
        <f>IF(Input!$K$13=2,J6113*Input!$J$13,0)+IF(Input!$K$14=2,K6113*Input!$J$14,0)+IF(Input!$K$15=2,L6113*Input!$J$15,0)+IF(Input!$K$16=2,M6113*Input!$J$16,0)</f>
        <v>0.38203968192626397</v>
      </c>
      <c r="P6113" s="58">
        <f>IF(Input!$K$13=3,J6113*Input!$J$13,0)+IF(Input!$K$14=3,K6113*Input!$J$14,0)+IF(Input!$K$15=3,L6113*Input!$J$15,0)+IF(Input!$K$16=3,M6113*Input!$J$16,0)</f>
        <v>0</v>
      </c>
      <c r="Q6113" s="71">
        <f>IF(Input!$K$13=4,J6113*Input!$J$13,0)+IF(Input!$K$14=4,K6113*Input!$J$14,0)+IF(Input!$K$15=4,L6113*Input!$J$15,0)+IF(Input!$K$16=4,M6113*Input!$J$16,0)</f>
        <v>0</v>
      </c>
    </row>
    <row r="6114" spans="8:17" x14ac:dyDescent="0.25">
      <c r="H6114" s="43">
        <v>6107</v>
      </c>
      <c r="I6114" s="55">
        <f>Bühler!I6140</f>
        <v>0</v>
      </c>
      <c r="J6114" s="58">
        <f>Bühler!J6140</f>
        <v>32.652616926056602</v>
      </c>
      <c r="K6114" s="58">
        <f>Bühler!K6140</f>
        <v>2.8299235698241776</v>
      </c>
      <c r="L6114" s="58">
        <f>Bühler!L6140</f>
        <v>1.4149617849120888</v>
      </c>
      <c r="M6114" s="57">
        <f>Bühler!M6140</f>
        <v>0</v>
      </c>
      <c r="N6114" s="55">
        <f>IF(Input!$K$13=1,J6114*Input!$J$13,0)+IF(Input!$K$14=1,K6114*Input!$J$14,0)+IF(Input!$K$15=1,L6114*Input!$J$15,0)+IF(Input!$K$16=1,M6114*Input!$J$16,0)</f>
        <v>3.9183140311267923</v>
      </c>
      <c r="O6114" s="58">
        <f>IF(Input!$K$13=2,J6114*Input!$J$13,0)+IF(Input!$K$14=2,K6114*Input!$J$14,0)+IF(Input!$K$15=2,L6114*Input!$J$15,0)+IF(Input!$K$16=2,M6114*Input!$J$16,0)</f>
        <v>0.38203968192626397</v>
      </c>
      <c r="P6114" s="58">
        <f>IF(Input!$K$13=3,J6114*Input!$J$13,0)+IF(Input!$K$14=3,K6114*Input!$J$14,0)+IF(Input!$K$15=3,L6114*Input!$J$15,0)+IF(Input!$K$16=3,M6114*Input!$J$16,0)</f>
        <v>0</v>
      </c>
      <c r="Q6114" s="71">
        <f>IF(Input!$K$13=4,J6114*Input!$J$13,0)+IF(Input!$K$14=4,K6114*Input!$J$14,0)+IF(Input!$K$15=4,L6114*Input!$J$15,0)+IF(Input!$K$16=4,M6114*Input!$J$16,0)</f>
        <v>0</v>
      </c>
    </row>
    <row r="6115" spans="8:17" x14ac:dyDescent="0.25">
      <c r="H6115" s="43">
        <v>6108</v>
      </c>
      <c r="I6115" s="55">
        <f>Bühler!I6141</f>
        <v>0</v>
      </c>
      <c r="J6115" s="58">
        <f>Bühler!J6141</f>
        <v>39.071507432888239</v>
      </c>
      <c r="K6115" s="58">
        <f>Bühler!K6141</f>
        <v>3.3862333314135453</v>
      </c>
      <c r="L6115" s="58">
        <f>Bühler!L6141</f>
        <v>1.6931166657067727</v>
      </c>
      <c r="M6115" s="57">
        <f>Bühler!M6141</f>
        <v>0</v>
      </c>
      <c r="N6115" s="55">
        <f>IF(Input!$K$13=1,J6115*Input!$J$13,0)+IF(Input!$K$14=1,K6115*Input!$J$14,0)+IF(Input!$K$15=1,L6115*Input!$J$15,0)+IF(Input!$K$16=1,M6115*Input!$J$16,0)</f>
        <v>4.6885808919465886</v>
      </c>
      <c r="O6115" s="58">
        <f>IF(Input!$K$13=2,J6115*Input!$J$13,0)+IF(Input!$K$14=2,K6115*Input!$J$14,0)+IF(Input!$K$15=2,L6115*Input!$J$15,0)+IF(Input!$K$16=2,M6115*Input!$J$16,0)</f>
        <v>0.45714149974082863</v>
      </c>
      <c r="P6115" s="58">
        <f>IF(Input!$K$13=3,J6115*Input!$J$13,0)+IF(Input!$K$14=3,K6115*Input!$J$14,0)+IF(Input!$K$15=3,L6115*Input!$J$15,0)+IF(Input!$K$16=3,M6115*Input!$J$16,0)</f>
        <v>0</v>
      </c>
      <c r="Q6115" s="71">
        <f>IF(Input!$K$13=4,J6115*Input!$J$13,0)+IF(Input!$K$14=4,K6115*Input!$J$14,0)+IF(Input!$K$15=4,L6115*Input!$J$15,0)+IF(Input!$K$16=4,M6115*Input!$J$16,0)</f>
        <v>0</v>
      </c>
    </row>
    <row r="6116" spans="8:17" x14ac:dyDescent="0.25">
      <c r="H6116" s="43">
        <v>6109</v>
      </c>
      <c r="I6116" s="55">
        <f>Bühler!I6142</f>
        <v>0</v>
      </c>
      <c r="J6116" s="58">
        <f>Bühler!J6142</f>
        <v>39.071507432888239</v>
      </c>
      <c r="K6116" s="58">
        <f>Bühler!K6142</f>
        <v>3.3862333314135453</v>
      </c>
      <c r="L6116" s="58">
        <f>Bühler!L6142</f>
        <v>1.6931166657067727</v>
      </c>
      <c r="M6116" s="57">
        <f>Bühler!M6142</f>
        <v>0</v>
      </c>
      <c r="N6116" s="55">
        <f>IF(Input!$K$13=1,J6116*Input!$J$13,0)+IF(Input!$K$14=1,K6116*Input!$J$14,0)+IF(Input!$K$15=1,L6116*Input!$J$15,0)+IF(Input!$K$16=1,M6116*Input!$J$16,0)</f>
        <v>4.6885808919465886</v>
      </c>
      <c r="O6116" s="58">
        <f>IF(Input!$K$13=2,J6116*Input!$J$13,0)+IF(Input!$K$14=2,K6116*Input!$J$14,0)+IF(Input!$K$15=2,L6116*Input!$J$15,0)+IF(Input!$K$16=2,M6116*Input!$J$16,0)</f>
        <v>0.45714149974082863</v>
      </c>
      <c r="P6116" s="58">
        <f>IF(Input!$K$13=3,J6116*Input!$J$13,0)+IF(Input!$K$14=3,K6116*Input!$J$14,0)+IF(Input!$K$15=3,L6116*Input!$J$15,0)+IF(Input!$K$16=3,M6116*Input!$J$16,0)</f>
        <v>0</v>
      </c>
      <c r="Q6116" s="71">
        <f>IF(Input!$K$13=4,J6116*Input!$J$13,0)+IF(Input!$K$14=4,K6116*Input!$J$14,0)+IF(Input!$K$15=4,L6116*Input!$J$15,0)+IF(Input!$K$16=4,M6116*Input!$J$16,0)</f>
        <v>0</v>
      </c>
    </row>
    <row r="6117" spans="8:17" x14ac:dyDescent="0.25">
      <c r="H6117" s="43">
        <v>6110</v>
      </c>
      <c r="I6117" s="55">
        <f>Bühler!I6143</f>
        <v>0</v>
      </c>
      <c r="J6117" s="58">
        <f>Bühler!J6143</f>
        <v>25.954644223275757</v>
      </c>
      <c r="K6117" s="58">
        <f>Bühler!K6143</f>
        <v>2.2494264272961408</v>
      </c>
      <c r="L6117" s="58">
        <f>Bühler!L6143</f>
        <v>1.1247132136480704</v>
      </c>
      <c r="M6117" s="57">
        <f>Bühler!M6143</f>
        <v>0</v>
      </c>
      <c r="N6117" s="55">
        <f>IF(Input!$K$13=1,J6117*Input!$J$13,0)+IF(Input!$K$14=1,K6117*Input!$J$14,0)+IF(Input!$K$15=1,L6117*Input!$J$15,0)+IF(Input!$K$16=1,M6117*Input!$J$16,0)</f>
        <v>3.114557306793091</v>
      </c>
      <c r="O6117" s="58">
        <f>IF(Input!$K$13=2,J6117*Input!$J$13,0)+IF(Input!$K$14=2,K6117*Input!$J$14,0)+IF(Input!$K$15=2,L6117*Input!$J$15,0)+IF(Input!$K$16=2,M6117*Input!$J$16,0)</f>
        <v>0.30367256768497897</v>
      </c>
      <c r="P6117" s="58">
        <f>IF(Input!$K$13=3,J6117*Input!$J$13,0)+IF(Input!$K$14=3,K6117*Input!$J$14,0)+IF(Input!$K$15=3,L6117*Input!$J$15,0)+IF(Input!$K$16=3,M6117*Input!$J$16,0)</f>
        <v>0</v>
      </c>
      <c r="Q6117" s="71">
        <f>IF(Input!$K$13=4,J6117*Input!$J$13,0)+IF(Input!$K$14=4,K6117*Input!$J$14,0)+IF(Input!$K$15=4,L6117*Input!$J$15,0)+IF(Input!$K$16=4,M6117*Input!$J$16,0)</f>
        <v>0</v>
      </c>
    </row>
    <row r="6118" spans="8:17" x14ac:dyDescent="0.25">
      <c r="H6118" s="43">
        <v>6111</v>
      </c>
      <c r="I6118" s="55">
        <f>Bühler!I6144</f>
        <v>0</v>
      </c>
      <c r="J6118" s="58">
        <f>Bühler!J6144</f>
        <v>39.071507432888239</v>
      </c>
      <c r="K6118" s="58">
        <f>Bühler!K6144</f>
        <v>3.3862333314135453</v>
      </c>
      <c r="L6118" s="58">
        <f>Bühler!L6144</f>
        <v>1.6931166657067727</v>
      </c>
      <c r="M6118" s="57">
        <f>Bühler!M6144</f>
        <v>0</v>
      </c>
      <c r="N6118" s="55">
        <f>IF(Input!$K$13=1,J6118*Input!$J$13,0)+IF(Input!$K$14=1,K6118*Input!$J$14,0)+IF(Input!$K$15=1,L6118*Input!$J$15,0)+IF(Input!$K$16=1,M6118*Input!$J$16,0)</f>
        <v>4.6885808919465886</v>
      </c>
      <c r="O6118" s="58">
        <f>IF(Input!$K$13=2,J6118*Input!$J$13,0)+IF(Input!$K$14=2,K6118*Input!$J$14,0)+IF(Input!$K$15=2,L6118*Input!$J$15,0)+IF(Input!$K$16=2,M6118*Input!$J$16,0)</f>
        <v>0.45714149974082863</v>
      </c>
      <c r="P6118" s="58">
        <f>IF(Input!$K$13=3,J6118*Input!$J$13,0)+IF(Input!$K$14=3,K6118*Input!$J$14,0)+IF(Input!$K$15=3,L6118*Input!$J$15,0)+IF(Input!$K$16=3,M6118*Input!$J$16,0)</f>
        <v>0</v>
      </c>
      <c r="Q6118" s="71">
        <f>IF(Input!$K$13=4,J6118*Input!$J$13,0)+IF(Input!$K$14=4,K6118*Input!$J$14,0)+IF(Input!$K$15=4,L6118*Input!$J$15,0)+IF(Input!$K$16=4,M6118*Input!$J$16,0)</f>
        <v>0</v>
      </c>
    </row>
    <row r="6119" spans="8:17" x14ac:dyDescent="0.25">
      <c r="H6119" s="43">
        <v>6112</v>
      </c>
      <c r="I6119" s="55">
        <f>Bühler!I6145</f>
        <v>0</v>
      </c>
      <c r="J6119" s="58">
        <f>Bühler!J6145</f>
        <v>39.071507432888239</v>
      </c>
      <c r="K6119" s="58">
        <f>Bühler!K6145</f>
        <v>3.3862333314135453</v>
      </c>
      <c r="L6119" s="58">
        <f>Bühler!L6145</f>
        <v>1.6931166657067727</v>
      </c>
      <c r="M6119" s="57">
        <f>Bühler!M6145</f>
        <v>0</v>
      </c>
      <c r="N6119" s="55">
        <f>IF(Input!$K$13=1,J6119*Input!$J$13,0)+IF(Input!$K$14=1,K6119*Input!$J$14,0)+IF(Input!$K$15=1,L6119*Input!$J$15,0)+IF(Input!$K$16=1,M6119*Input!$J$16,0)</f>
        <v>4.6885808919465886</v>
      </c>
      <c r="O6119" s="58">
        <f>IF(Input!$K$13=2,J6119*Input!$J$13,0)+IF(Input!$K$14=2,K6119*Input!$J$14,0)+IF(Input!$K$15=2,L6119*Input!$J$15,0)+IF(Input!$K$16=2,M6119*Input!$J$16,0)</f>
        <v>0.45714149974082863</v>
      </c>
      <c r="P6119" s="58">
        <f>IF(Input!$K$13=3,J6119*Input!$J$13,0)+IF(Input!$K$14=3,K6119*Input!$J$14,0)+IF(Input!$K$15=3,L6119*Input!$J$15,0)+IF(Input!$K$16=3,M6119*Input!$J$16,0)</f>
        <v>0</v>
      </c>
      <c r="Q6119" s="71">
        <f>IF(Input!$K$13=4,J6119*Input!$J$13,0)+IF(Input!$K$14=4,K6119*Input!$J$14,0)+IF(Input!$K$15=4,L6119*Input!$J$15,0)+IF(Input!$K$16=4,M6119*Input!$J$16,0)</f>
        <v>0</v>
      </c>
    </row>
    <row r="6120" spans="8:17" x14ac:dyDescent="0.25">
      <c r="H6120" s="43">
        <v>6113</v>
      </c>
      <c r="I6120" s="55">
        <f>Bühler!I6146</f>
        <v>0</v>
      </c>
      <c r="J6120" s="58">
        <f>Bühler!J6146</f>
        <v>23.024281165809143</v>
      </c>
      <c r="K6120" s="58">
        <f>Bühler!K6146</f>
        <v>1.9954589274401251</v>
      </c>
      <c r="L6120" s="58">
        <f>Bühler!L6146</f>
        <v>0.99772946372006255</v>
      </c>
      <c r="M6120" s="57">
        <f>Bühler!M6146</f>
        <v>0</v>
      </c>
      <c r="N6120" s="55">
        <f>IF(Input!$K$13=1,J6120*Input!$J$13,0)+IF(Input!$K$14=1,K6120*Input!$J$14,0)+IF(Input!$K$15=1,L6120*Input!$J$15,0)+IF(Input!$K$16=1,M6120*Input!$J$16,0)</f>
        <v>2.7629137398970971</v>
      </c>
      <c r="O6120" s="58">
        <f>IF(Input!$K$13=2,J6120*Input!$J$13,0)+IF(Input!$K$14=2,K6120*Input!$J$14,0)+IF(Input!$K$15=2,L6120*Input!$J$15,0)+IF(Input!$K$16=2,M6120*Input!$J$16,0)</f>
        <v>0.26938695520441691</v>
      </c>
      <c r="P6120" s="58">
        <f>IF(Input!$K$13=3,J6120*Input!$J$13,0)+IF(Input!$K$14=3,K6120*Input!$J$14,0)+IF(Input!$K$15=3,L6120*Input!$J$15,0)+IF(Input!$K$16=3,M6120*Input!$J$16,0)</f>
        <v>0</v>
      </c>
      <c r="Q6120" s="71">
        <f>IF(Input!$K$13=4,J6120*Input!$J$13,0)+IF(Input!$K$14=4,K6120*Input!$J$14,0)+IF(Input!$K$15=4,L6120*Input!$J$15,0)+IF(Input!$K$16=4,M6120*Input!$J$16,0)</f>
        <v>0</v>
      </c>
    </row>
    <row r="6121" spans="8:17" x14ac:dyDescent="0.25">
      <c r="H6121" s="43">
        <v>6114</v>
      </c>
      <c r="I6121" s="55">
        <f>Bühler!I6147</f>
        <v>0</v>
      </c>
      <c r="J6121" s="58">
        <f>Bühler!J6147</f>
        <v>9.8268378855352712</v>
      </c>
      <c r="K6121" s="58">
        <f>Bühler!K6147</f>
        <v>0.85166834291085147</v>
      </c>
      <c r="L6121" s="58">
        <f>Bühler!L6147</f>
        <v>0.42583417145542574</v>
      </c>
      <c r="M6121" s="57">
        <f>Bühler!M6147</f>
        <v>0</v>
      </c>
      <c r="N6121" s="55">
        <f>IF(Input!$K$13=1,J6121*Input!$J$13,0)+IF(Input!$K$14=1,K6121*Input!$J$14,0)+IF(Input!$K$15=1,L6121*Input!$J$15,0)+IF(Input!$K$16=1,M6121*Input!$J$16,0)</f>
        <v>1.1792205462642324</v>
      </c>
      <c r="O6121" s="58">
        <f>IF(Input!$K$13=2,J6121*Input!$J$13,0)+IF(Input!$K$14=2,K6121*Input!$J$14,0)+IF(Input!$K$15=2,L6121*Input!$J$15,0)+IF(Input!$K$16=2,M6121*Input!$J$16,0)</f>
        <v>0.11497522629296494</v>
      </c>
      <c r="P6121" s="58">
        <f>IF(Input!$K$13=3,J6121*Input!$J$13,0)+IF(Input!$K$14=3,K6121*Input!$J$14,0)+IF(Input!$K$15=3,L6121*Input!$J$15,0)+IF(Input!$K$16=3,M6121*Input!$J$16,0)</f>
        <v>0</v>
      </c>
      <c r="Q6121" s="71">
        <f>IF(Input!$K$13=4,J6121*Input!$J$13,0)+IF(Input!$K$14=4,K6121*Input!$J$14,0)+IF(Input!$K$15=4,L6121*Input!$J$15,0)+IF(Input!$K$16=4,M6121*Input!$J$16,0)</f>
        <v>0</v>
      </c>
    </row>
    <row r="6122" spans="8:17" x14ac:dyDescent="0.25">
      <c r="H6122" s="43">
        <v>6115</v>
      </c>
      <c r="I6122" s="55">
        <f>Bühler!I6148</f>
        <v>0</v>
      </c>
      <c r="J6122" s="58">
        <f>Bühler!J6148</f>
        <v>6.4857130044532791</v>
      </c>
      <c r="K6122" s="58">
        <f>Bühler!K6148</f>
        <v>0.56210110632116195</v>
      </c>
      <c r="L6122" s="58">
        <f>Bühler!L6148</f>
        <v>0.28105055316058097</v>
      </c>
      <c r="M6122" s="57">
        <f>Bühler!M6148</f>
        <v>0</v>
      </c>
      <c r="N6122" s="55">
        <f>IF(Input!$K$13=1,J6122*Input!$J$13,0)+IF(Input!$K$14=1,K6122*Input!$J$14,0)+IF(Input!$K$15=1,L6122*Input!$J$15,0)+IF(Input!$K$16=1,M6122*Input!$J$16,0)</f>
        <v>0.77828556053439346</v>
      </c>
      <c r="O6122" s="58">
        <f>IF(Input!$K$13=2,J6122*Input!$J$13,0)+IF(Input!$K$14=2,K6122*Input!$J$14,0)+IF(Input!$K$15=2,L6122*Input!$J$15,0)+IF(Input!$K$16=2,M6122*Input!$J$16,0)</f>
        <v>7.5883649353356869E-2</v>
      </c>
      <c r="P6122" s="58">
        <f>IF(Input!$K$13=3,J6122*Input!$J$13,0)+IF(Input!$K$14=3,K6122*Input!$J$14,0)+IF(Input!$K$15=3,L6122*Input!$J$15,0)+IF(Input!$K$16=3,M6122*Input!$J$16,0)</f>
        <v>0</v>
      </c>
      <c r="Q6122" s="71">
        <f>IF(Input!$K$13=4,J6122*Input!$J$13,0)+IF(Input!$K$14=4,K6122*Input!$J$14,0)+IF(Input!$K$15=4,L6122*Input!$J$15,0)+IF(Input!$K$16=4,M6122*Input!$J$16,0)</f>
        <v>0</v>
      </c>
    </row>
    <row r="6123" spans="8:17" x14ac:dyDescent="0.25">
      <c r="H6123" s="43">
        <v>6116</v>
      </c>
      <c r="I6123" s="55">
        <f>Bühler!I6149</f>
        <v>0</v>
      </c>
      <c r="J6123" s="58">
        <f>Bühler!J6149</f>
        <v>6.4857130044532791</v>
      </c>
      <c r="K6123" s="58">
        <f>Bühler!K6149</f>
        <v>0.56210110632116195</v>
      </c>
      <c r="L6123" s="58">
        <f>Bühler!L6149</f>
        <v>0.28105055316058097</v>
      </c>
      <c r="M6123" s="57">
        <f>Bühler!M6149</f>
        <v>0</v>
      </c>
      <c r="N6123" s="55">
        <f>IF(Input!$K$13=1,J6123*Input!$J$13,0)+IF(Input!$K$14=1,K6123*Input!$J$14,0)+IF(Input!$K$15=1,L6123*Input!$J$15,0)+IF(Input!$K$16=1,M6123*Input!$J$16,0)</f>
        <v>0.77828556053439346</v>
      </c>
      <c r="O6123" s="58">
        <f>IF(Input!$K$13=2,J6123*Input!$J$13,0)+IF(Input!$K$14=2,K6123*Input!$J$14,0)+IF(Input!$K$15=2,L6123*Input!$J$15,0)+IF(Input!$K$16=2,M6123*Input!$J$16,0)</f>
        <v>7.5883649353356869E-2</v>
      </c>
      <c r="P6123" s="58">
        <f>IF(Input!$K$13=3,J6123*Input!$J$13,0)+IF(Input!$K$14=3,K6123*Input!$J$14,0)+IF(Input!$K$15=3,L6123*Input!$J$15,0)+IF(Input!$K$16=3,M6123*Input!$J$16,0)</f>
        <v>0</v>
      </c>
      <c r="Q6123" s="71">
        <f>IF(Input!$K$13=4,J6123*Input!$J$13,0)+IF(Input!$K$14=4,K6123*Input!$J$14,0)+IF(Input!$K$15=4,L6123*Input!$J$15,0)+IF(Input!$K$16=4,M6123*Input!$J$16,0)</f>
        <v>0</v>
      </c>
    </row>
    <row r="6124" spans="8:17" x14ac:dyDescent="0.25">
      <c r="H6124" s="43">
        <v>6117</v>
      </c>
      <c r="I6124" s="55">
        <f>Bühler!I6150</f>
        <v>0</v>
      </c>
      <c r="J6124" s="58">
        <f>Bühler!J6150</f>
        <v>6.4857130044532791</v>
      </c>
      <c r="K6124" s="58">
        <f>Bühler!K6150</f>
        <v>0.56210110632116195</v>
      </c>
      <c r="L6124" s="58">
        <f>Bühler!L6150</f>
        <v>0.28105055316058097</v>
      </c>
      <c r="M6124" s="57">
        <f>Bühler!M6150</f>
        <v>0</v>
      </c>
      <c r="N6124" s="55">
        <f>IF(Input!$K$13=1,J6124*Input!$J$13,0)+IF(Input!$K$14=1,K6124*Input!$J$14,0)+IF(Input!$K$15=1,L6124*Input!$J$15,0)+IF(Input!$K$16=1,M6124*Input!$J$16,0)</f>
        <v>0.77828556053439346</v>
      </c>
      <c r="O6124" s="58">
        <f>IF(Input!$K$13=2,J6124*Input!$J$13,0)+IF(Input!$K$14=2,K6124*Input!$J$14,0)+IF(Input!$K$15=2,L6124*Input!$J$15,0)+IF(Input!$K$16=2,M6124*Input!$J$16,0)</f>
        <v>7.5883649353356869E-2</v>
      </c>
      <c r="P6124" s="58">
        <f>IF(Input!$K$13=3,J6124*Input!$J$13,0)+IF(Input!$K$14=3,K6124*Input!$J$14,0)+IF(Input!$K$15=3,L6124*Input!$J$15,0)+IF(Input!$K$16=3,M6124*Input!$J$16,0)</f>
        <v>0</v>
      </c>
      <c r="Q6124" s="71">
        <f>IF(Input!$K$13=4,J6124*Input!$J$13,0)+IF(Input!$K$14=4,K6124*Input!$J$14,0)+IF(Input!$K$15=4,L6124*Input!$J$15,0)+IF(Input!$K$16=4,M6124*Input!$J$16,0)</f>
        <v>0</v>
      </c>
    </row>
    <row r="6125" spans="8:17" x14ac:dyDescent="0.25">
      <c r="H6125" s="43">
        <v>6118</v>
      </c>
      <c r="I6125" s="55">
        <f>Bühler!I6151</f>
        <v>0</v>
      </c>
      <c r="J6125" s="58">
        <f>Bühler!J6151</f>
        <v>6.4857130044532791</v>
      </c>
      <c r="K6125" s="58">
        <f>Bühler!K6151</f>
        <v>0.56210110632116195</v>
      </c>
      <c r="L6125" s="58">
        <f>Bühler!L6151</f>
        <v>0.28105055316058097</v>
      </c>
      <c r="M6125" s="57">
        <f>Bühler!M6151</f>
        <v>0</v>
      </c>
      <c r="N6125" s="55">
        <f>IF(Input!$K$13=1,J6125*Input!$J$13,0)+IF(Input!$K$14=1,K6125*Input!$J$14,0)+IF(Input!$K$15=1,L6125*Input!$J$15,0)+IF(Input!$K$16=1,M6125*Input!$J$16,0)</f>
        <v>0.77828556053439346</v>
      </c>
      <c r="O6125" s="58">
        <f>IF(Input!$K$13=2,J6125*Input!$J$13,0)+IF(Input!$K$14=2,K6125*Input!$J$14,0)+IF(Input!$K$15=2,L6125*Input!$J$15,0)+IF(Input!$K$16=2,M6125*Input!$J$16,0)</f>
        <v>7.5883649353356869E-2</v>
      </c>
      <c r="P6125" s="58">
        <f>IF(Input!$K$13=3,J6125*Input!$J$13,0)+IF(Input!$K$14=3,K6125*Input!$J$14,0)+IF(Input!$K$15=3,L6125*Input!$J$15,0)+IF(Input!$K$16=3,M6125*Input!$J$16,0)</f>
        <v>0</v>
      </c>
      <c r="Q6125" s="71">
        <f>IF(Input!$K$13=4,J6125*Input!$J$13,0)+IF(Input!$K$14=4,K6125*Input!$J$14,0)+IF(Input!$K$15=4,L6125*Input!$J$15,0)+IF(Input!$K$16=4,M6125*Input!$J$16,0)</f>
        <v>0</v>
      </c>
    </row>
    <row r="6126" spans="8:17" x14ac:dyDescent="0.25">
      <c r="H6126" s="43">
        <v>6119</v>
      </c>
      <c r="I6126" s="55">
        <f>Bühler!I6152</f>
        <v>0</v>
      </c>
      <c r="J6126" s="58">
        <f>Bühler!J6152</f>
        <v>6.4857130044532791</v>
      </c>
      <c r="K6126" s="58">
        <f>Bühler!K6152</f>
        <v>0.56210110632116195</v>
      </c>
      <c r="L6126" s="58">
        <f>Bühler!L6152</f>
        <v>0.28105055316058097</v>
      </c>
      <c r="M6126" s="57">
        <f>Bühler!M6152</f>
        <v>0</v>
      </c>
      <c r="N6126" s="55">
        <f>IF(Input!$K$13=1,J6126*Input!$J$13,0)+IF(Input!$K$14=1,K6126*Input!$J$14,0)+IF(Input!$K$15=1,L6126*Input!$J$15,0)+IF(Input!$K$16=1,M6126*Input!$J$16,0)</f>
        <v>0.77828556053439346</v>
      </c>
      <c r="O6126" s="58">
        <f>IF(Input!$K$13=2,J6126*Input!$J$13,0)+IF(Input!$K$14=2,K6126*Input!$J$14,0)+IF(Input!$K$15=2,L6126*Input!$J$15,0)+IF(Input!$K$16=2,M6126*Input!$J$16,0)</f>
        <v>7.5883649353356869E-2</v>
      </c>
      <c r="P6126" s="58">
        <f>IF(Input!$K$13=3,J6126*Input!$J$13,0)+IF(Input!$K$14=3,K6126*Input!$J$14,0)+IF(Input!$K$15=3,L6126*Input!$J$15,0)+IF(Input!$K$16=3,M6126*Input!$J$16,0)</f>
        <v>0</v>
      </c>
      <c r="Q6126" s="71">
        <f>IF(Input!$K$13=4,J6126*Input!$J$13,0)+IF(Input!$K$14=4,K6126*Input!$J$14,0)+IF(Input!$K$15=4,L6126*Input!$J$15,0)+IF(Input!$K$16=4,M6126*Input!$J$16,0)</f>
        <v>0</v>
      </c>
    </row>
    <row r="6127" spans="8:17" x14ac:dyDescent="0.25">
      <c r="H6127" s="43">
        <v>6120</v>
      </c>
      <c r="I6127" s="55">
        <f>Bühler!I6153</f>
        <v>0</v>
      </c>
      <c r="J6127" s="58">
        <f>Bühler!J6153</f>
        <v>6.4857130044532791</v>
      </c>
      <c r="K6127" s="58">
        <f>Bühler!K6153</f>
        <v>0.56210110632116195</v>
      </c>
      <c r="L6127" s="58">
        <f>Bühler!L6153</f>
        <v>0.28105055316058097</v>
      </c>
      <c r="M6127" s="57">
        <f>Bühler!M6153</f>
        <v>0</v>
      </c>
      <c r="N6127" s="55">
        <f>IF(Input!$K$13=1,J6127*Input!$J$13,0)+IF(Input!$K$14=1,K6127*Input!$J$14,0)+IF(Input!$K$15=1,L6127*Input!$J$15,0)+IF(Input!$K$16=1,M6127*Input!$J$16,0)</f>
        <v>0.77828556053439346</v>
      </c>
      <c r="O6127" s="58">
        <f>IF(Input!$K$13=2,J6127*Input!$J$13,0)+IF(Input!$K$14=2,K6127*Input!$J$14,0)+IF(Input!$K$15=2,L6127*Input!$J$15,0)+IF(Input!$K$16=2,M6127*Input!$J$16,0)</f>
        <v>7.5883649353356869E-2</v>
      </c>
      <c r="P6127" s="58">
        <f>IF(Input!$K$13=3,J6127*Input!$J$13,0)+IF(Input!$K$14=3,K6127*Input!$J$14,0)+IF(Input!$K$15=3,L6127*Input!$J$15,0)+IF(Input!$K$16=3,M6127*Input!$J$16,0)</f>
        <v>0</v>
      </c>
      <c r="Q6127" s="71">
        <f>IF(Input!$K$13=4,J6127*Input!$J$13,0)+IF(Input!$K$14=4,K6127*Input!$J$14,0)+IF(Input!$K$15=4,L6127*Input!$J$15,0)+IF(Input!$K$16=4,M6127*Input!$J$16,0)</f>
        <v>0</v>
      </c>
    </row>
    <row r="6128" spans="8:17" x14ac:dyDescent="0.25">
      <c r="H6128" s="43">
        <v>6121</v>
      </c>
      <c r="I6128" s="55">
        <f>Bühler!I6154</f>
        <v>0</v>
      </c>
      <c r="J6128" s="58">
        <f>Bühler!J6154</f>
        <v>6.4084337398606728</v>
      </c>
      <c r="K6128" s="58">
        <f>Bühler!K6154</f>
        <v>0.55647973961855934</v>
      </c>
      <c r="L6128" s="58">
        <f>Bühler!L6154</f>
        <v>0.27823986980927967</v>
      </c>
      <c r="M6128" s="57">
        <f>Bühler!M6154</f>
        <v>0</v>
      </c>
      <c r="N6128" s="55">
        <f>IF(Input!$K$13=1,J6128*Input!$J$13,0)+IF(Input!$K$14=1,K6128*Input!$J$14,0)+IF(Input!$K$15=1,L6128*Input!$J$15,0)+IF(Input!$K$16=1,M6128*Input!$J$16,0)</f>
        <v>0.76901204878328067</v>
      </c>
      <c r="O6128" s="58">
        <f>IF(Input!$K$13=2,J6128*Input!$J$13,0)+IF(Input!$K$14=2,K6128*Input!$J$14,0)+IF(Input!$K$15=2,L6128*Input!$J$15,0)+IF(Input!$K$16=2,M6128*Input!$J$16,0)</f>
        <v>7.5124764848505513E-2</v>
      </c>
      <c r="P6128" s="58">
        <f>IF(Input!$K$13=3,J6128*Input!$J$13,0)+IF(Input!$K$14=3,K6128*Input!$J$14,0)+IF(Input!$K$15=3,L6128*Input!$J$15,0)+IF(Input!$K$16=3,M6128*Input!$J$16,0)</f>
        <v>0</v>
      </c>
      <c r="Q6128" s="71">
        <f>IF(Input!$K$13=4,J6128*Input!$J$13,0)+IF(Input!$K$14=4,K6128*Input!$J$14,0)+IF(Input!$K$15=4,L6128*Input!$J$15,0)+IF(Input!$K$16=4,M6128*Input!$J$16,0)</f>
        <v>0</v>
      </c>
    </row>
    <row r="6129" spans="8:17" x14ac:dyDescent="0.25">
      <c r="H6129" s="43">
        <v>6122</v>
      </c>
      <c r="I6129" s="55">
        <f>Bühler!I6155</f>
        <v>0</v>
      </c>
      <c r="J6129" s="58">
        <f>Bühler!J6155</f>
        <v>6.4084337398606728</v>
      </c>
      <c r="K6129" s="58">
        <f>Bühler!K6155</f>
        <v>0.55647973961855934</v>
      </c>
      <c r="L6129" s="58">
        <f>Bühler!L6155</f>
        <v>0.27823986980927967</v>
      </c>
      <c r="M6129" s="57">
        <f>Bühler!M6155</f>
        <v>0</v>
      </c>
      <c r="N6129" s="55">
        <f>IF(Input!$K$13=1,J6129*Input!$J$13,0)+IF(Input!$K$14=1,K6129*Input!$J$14,0)+IF(Input!$K$15=1,L6129*Input!$J$15,0)+IF(Input!$K$16=1,M6129*Input!$J$16,0)</f>
        <v>0.76901204878328067</v>
      </c>
      <c r="O6129" s="58">
        <f>IF(Input!$K$13=2,J6129*Input!$J$13,0)+IF(Input!$K$14=2,K6129*Input!$J$14,0)+IF(Input!$K$15=2,L6129*Input!$J$15,0)+IF(Input!$K$16=2,M6129*Input!$J$16,0)</f>
        <v>7.5124764848505513E-2</v>
      </c>
      <c r="P6129" s="58">
        <f>IF(Input!$K$13=3,J6129*Input!$J$13,0)+IF(Input!$K$14=3,K6129*Input!$J$14,0)+IF(Input!$K$15=3,L6129*Input!$J$15,0)+IF(Input!$K$16=3,M6129*Input!$J$16,0)</f>
        <v>0</v>
      </c>
      <c r="Q6129" s="71">
        <f>IF(Input!$K$13=4,J6129*Input!$J$13,0)+IF(Input!$K$14=4,K6129*Input!$J$14,0)+IF(Input!$K$15=4,L6129*Input!$J$15,0)+IF(Input!$K$16=4,M6129*Input!$J$16,0)</f>
        <v>0</v>
      </c>
    </row>
    <row r="6130" spans="8:17" x14ac:dyDescent="0.25">
      <c r="H6130" s="43">
        <v>6123</v>
      </c>
      <c r="I6130" s="55">
        <f>Bühler!I6156</f>
        <v>0</v>
      </c>
      <c r="J6130" s="58">
        <f>Bühler!J6156</f>
        <v>6.4084337398606728</v>
      </c>
      <c r="K6130" s="58">
        <f>Bühler!K6156</f>
        <v>0.55647973961855934</v>
      </c>
      <c r="L6130" s="58">
        <f>Bühler!L6156</f>
        <v>0.27823986980927967</v>
      </c>
      <c r="M6130" s="57">
        <f>Bühler!M6156</f>
        <v>0</v>
      </c>
      <c r="N6130" s="55">
        <f>IF(Input!$K$13=1,J6130*Input!$J$13,0)+IF(Input!$K$14=1,K6130*Input!$J$14,0)+IF(Input!$K$15=1,L6130*Input!$J$15,0)+IF(Input!$K$16=1,M6130*Input!$J$16,0)</f>
        <v>0.76901204878328067</v>
      </c>
      <c r="O6130" s="58">
        <f>IF(Input!$K$13=2,J6130*Input!$J$13,0)+IF(Input!$K$14=2,K6130*Input!$J$14,0)+IF(Input!$K$15=2,L6130*Input!$J$15,0)+IF(Input!$K$16=2,M6130*Input!$J$16,0)</f>
        <v>7.5124764848505513E-2</v>
      </c>
      <c r="P6130" s="58">
        <f>IF(Input!$K$13=3,J6130*Input!$J$13,0)+IF(Input!$K$14=3,K6130*Input!$J$14,0)+IF(Input!$K$15=3,L6130*Input!$J$15,0)+IF(Input!$K$16=3,M6130*Input!$J$16,0)</f>
        <v>0</v>
      </c>
      <c r="Q6130" s="71">
        <f>IF(Input!$K$13=4,J6130*Input!$J$13,0)+IF(Input!$K$14=4,K6130*Input!$J$14,0)+IF(Input!$K$15=4,L6130*Input!$J$15,0)+IF(Input!$K$16=4,M6130*Input!$J$16,0)</f>
        <v>0</v>
      </c>
    </row>
    <row r="6131" spans="8:17" x14ac:dyDescent="0.25">
      <c r="H6131" s="43">
        <v>6124</v>
      </c>
      <c r="I6131" s="55">
        <f>Bühler!I6157</f>
        <v>0</v>
      </c>
      <c r="J6131" s="58">
        <f>Bühler!J6157</f>
        <v>6.4084337398606728</v>
      </c>
      <c r="K6131" s="58">
        <f>Bühler!K6157</f>
        <v>0.55647973961855934</v>
      </c>
      <c r="L6131" s="58">
        <f>Bühler!L6157</f>
        <v>0.27823986980927967</v>
      </c>
      <c r="M6131" s="57">
        <f>Bühler!M6157</f>
        <v>0</v>
      </c>
      <c r="N6131" s="55">
        <f>IF(Input!$K$13=1,J6131*Input!$J$13,0)+IF(Input!$K$14=1,K6131*Input!$J$14,0)+IF(Input!$K$15=1,L6131*Input!$J$15,0)+IF(Input!$K$16=1,M6131*Input!$J$16,0)</f>
        <v>0.76901204878328067</v>
      </c>
      <c r="O6131" s="58">
        <f>IF(Input!$K$13=2,J6131*Input!$J$13,0)+IF(Input!$K$14=2,K6131*Input!$J$14,0)+IF(Input!$K$15=2,L6131*Input!$J$15,0)+IF(Input!$K$16=2,M6131*Input!$J$16,0)</f>
        <v>7.5124764848505513E-2</v>
      </c>
      <c r="P6131" s="58">
        <f>IF(Input!$K$13=3,J6131*Input!$J$13,0)+IF(Input!$K$14=3,K6131*Input!$J$14,0)+IF(Input!$K$15=3,L6131*Input!$J$15,0)+IF(Input!$K$16=3,M6131*Input!$J$16,0)</f>
        <v>0</v>
      </c>
      <c r="Q6131" s="71">
        <f>IF(Input!$K$13=4,J6131*Input!$J$13,0)+IF(Input!$K$14=4,K6131*Input!$J$14,0)+IF(Input!$K$15=4,L6131*Input!$J$15,0)+IF(Input!$K$16=4,M6131*Input!$J$16,0)</f>
        <v>0</v>
      </c>
    </row>
    <row r="6132" spans="8:17" x14ac:dyDescent="0.25">
      <c r="H6132" s="43">
        <v>6125</v>
      </c>
      <c r="I6132" s="55">
        <f>Bühler!I6158</f>
        <v>0</v>
      </c>
      <c r="J6132" s="58">
        <f>Bühler!J6158</f>
        <v>6.4084337398606728</v>
      </c>
      <c r="K6132" s="58">
        <f>Bühler!K6158</f>
        <v>0.55647973961855934</v>
      </c>
      <c r="L6132" s="58">
        <f>Bühler!L6158</f>
        <v>0.27823986980927967</v>
      </c>
      <c r="M6132" s="57">
        <f>Bühler!M6158</f>
        <v>0</v>
      </c>
      <c r="N6132" s="55">
        <f>IF(Input!$K$13=1,J6132*Input!$J$13,0)+IF(Input!$K$14=1,K6132*Input!$J$14,0)+IF(Input!$K$15=1,L6132*Input!$J$15,0)+IF(Input!$K$16=1,M6132*Input!$J$16,0)</f>
        <v>0.76901204878328067</v>
      </c>
      <c r="O6132" s="58">
        <f>IF(Input!$K$13=2,J6132*Input!$J$13,0)+IF(Input!$K$14=2,K6132*Input!$J$14,0)+IF(Input!$K$15=2,L6132*Input!$J$15,0)+IF(Input!$K$16=2,M6132*Input!$J$16,0)</f>
        <v>7.5124764848505513E-2</v>
      </c>
      <c r="P6132" s="58">
        <f>IF(Input!$K$13=3,J6132*Input!$J$13,0)+IF(Input!$K$14=3,K6132*Input!$J$14,0)+IF(Input!$K$15=3,L6132*Input!$J$15,0)+IF(Input!$K$16=3,M6132*Input!$J$16,0)</f>
        <v>0</v>
      </c>
      <c r="Q6132" s="71">
        <f>IF(Input!$K$13=4,J6132*Input!$J$13,0)+IF(Input!$K$14=4,K6132*Input!$J$14,0)+IF(Input!$K$15=4,L6132*Input!$J$15,0)+IF(Input!$K$16=4,M6132*Input!$J$16,0)</f>
        <v>0</v>
      </c>
    </row>
    <row r="6133" spans="8:17" x14ac:dyDescent="0.25">
      <c r="H6133" s="43">
        <v>6126</v>
      </c>
      <c r="I6133" s="55">
        <f>Bühler!I6159</f>
        <v>0</v>
      </c>
      <c r="J6133" s="58">
        <f>Bühler!J6159</f>
        <v>6.4084337398606728</v>
      </c>
      <c r="K6133" s="58">
        <f>Bühler!K6159</f>
        <v>0.55647973961855934</v>
      </c>
      <c r="L6133" s="58">
        <f>Bühler!L6159</f>
        <v>0.27823986980927967</v>
      </c>
      <c r="M6133" s="57">
        <f>Bühler!M6159</f>
        <v>0</v>
      </c>
      <c r="N6133" s="55">
        <f>IF(Input!$K$13=1,J6133*Input!$J$13,0)+IF(Input!$K$14=1,K6133*Input!$J$14,0)+IF(Input!$K$15=1,L6133*Input!$J$15,0)+IF(Input!$K$16=1,M6133*Input!$J$16,0)</f>
        <v>0.76901204878328067</v>
      </c>
      <c r="O6133" s="58">
        <f>IF(Input!$K$13=2,J6133*Input!$J$13,0)+IF(Input!$K$14=2,K6133*Input!$J$14,0)+IF(Input!$K$15=2,L6133*Input!$J$15,0)+IF(Input!$K$16=2,M6133*Input!$J$16,0)</f>
        <v>7.5124764848505513E-2</v>
      </c>
      <c r="P6133" s="58">
        <f>IF(Input!$K$13=3,J6133*Input!$J$13,0)+IF(Input!$K$14=3,K6133*Input!$J$14,0)+IF(Input!$K$15=3,L6133*Input!$J$15,0)+IF(Input!$K$16=3,M6133*Input!$J$16,0)</f>
        <v>0</v>
      </c>
      <c r="Q6133" s="71">
        <f>IF(Input!$K$13=4,J6133*Input!$J$13,0)+IF(Input!$K$14=4,K6133*Input!$J$14,0)+IF(Input!$K$15=4,L6133*Input!$J$15,0)+IF(Input!$K$16=4,M6133*Input!$J$16,0)</f>
        <v>0</v>
      </c>
    </row>
    <row r="6134" spans="8:17" x14ac:dyDescent="0.25">
      <c r="H6134" s="43">
        <v>6127</v>
      </c>
      <c r="I6134" s="55">
        <f>Bühler!I6160</f>
        <v>0</v>
      </c>
      <c r="J6134" s="58">
        <f>Bühler!J6160</f>
        <v>6.4084337398606728</v>
      </c>
      <c r="K6134" s="58">
        <f>Bühler!K6160</f>
        <v>0.55647973961855934</v>
      </c>
      <c r="L6134" s="58">
        <f>Bühler!L6160</f>
        <v>0.27823986980927967</v>
      </c>
      <c r="M6134" s="57">
        <f>Bühler!M6160</f>
        <v>0</v>
      </c>
      <c r="N6134" s="55">
        <f>IF(Input!$K$13=1,J6134*Input!$J$13,0)+IF(Input!$K$14=1,K6134*Input!$J$14,0)+IF(Input!$K$15=1,L6134*Input!$J$15,0)+IF(Input!$K$16=1,M6134*Input!$J$16,0)</f>
        <v>0.76901204878328067</v>
      </c>
      <c r="O6134" s="58">
        <f>IF(Input!$K$13=2,J6134*Input!$J$13,0)+IF(Input!$K$14=2,K6134*Input!$J$14,0)+IF(Input!$K$15=2,L6134*Input!$J$15,0)+IF(Input!$K$16=2,M6134*Input!$J$16,0)</f>
        <v>7.5124764848505513E-2</v>
      </c>
      <c r="P6134" s="58">
        <f>IF(Input!$K$13=3,J6134*Input!$J$13,0)+IF(Input!$K$14=3,K6134*Input!$J$14,0)+IF(Input!$K$15=3,L6134*Input!$J$15,0)+IF(Input!$K$16=3,M6134*Input!$J$16,0)</f>
        <v>0</v>
      </c>
      <c r="Q6134" s="71">
        <f>IF(Input!$K$13=4,J6134*Input!$J$13,0)+IF(Input!$K$14=4,K6134*Input!$J$14,0)+IF(Input!$K$15=4,L6134*Input!$J$15,0)+IF(Input!$K$16=4,M6134*Input!$J$16,0)</f>
        <v>0</v>
      </c>
    </row>
    <row r="6135" spans="8:17" x14ac:dyDescent="0.25">
      <c r="H6135" s="43">
        <v>6128</v>
      </c>
      <c r="I6135" s="55">
        <f>Bühler!I6161</f>
        <v>0</v>
      </c>
      <c r="J6135" s="58">
        <f>Bühler!J6161</f>
        <v>26.196900348703174</v>
      </c>
      <c r="K6135" s="58">
        <f>Bühler!K6161</f>
        <v>2.2748217234710193</v>
      </c>
      <c r="L6135" s="58">
        <f>Bühler!L6161</f>
        <v>1.1374108617355096</v>
      </c>
      <c r="M6135" s="57">
        <f>Bühler!M6161</f>
        <v>0</v>
      </c>
      <c r="N6135" s="55">
        <f>IF(Input!$K$13=1,J6135*Input!$J$13,0)+IF(Input!$K$14=1,K6135*Input!$J$14,0)+IF(Input!$K$15=1,L6135*Input!$J$15,0)+IF(Input!$K$16=1,M6135*Input!$J$16,0)</f>
        <v>3.1436280418443809</v>
      </c>
      <c r="O6135" s="58">
        <f>IF(Input!$K$13=2,J6135*Input!$J$13,0)+IF(Input!$K$14=2,K6135*Input!$J$14,0)+IF(Input!$K$15=2,L6135*Input!$J$15,0)+IF(Input!$K$16=2,M6135*Input!$J$16,0)</f>
        <v>0.30710093266858762</v>
      </c>
      <c r="P6135" s="58">
        <f>IF(Input!$K$13=3,J6135*Input!$J$13,0)+IF(Input!$K$14=3,K6135*Input!$J$14,0)+IF(Input!$K$15=3,L6135*Input!$J$15,0)+IF(Input!$K$16=3,M6135*Input!$J$16,0)</f>
        <v>0</v>
      </c>
      <c r="Q6135" s="71">
        <f>IF(Input!$K$13=4,J6135*Input!$J$13,0)+IF(Input!$K$14=4,K6135*Input!$J$14,0)+IF(Input!$K$15=4,L6135*Input!$J$15,0)+IF(Input!$K$16=4,M6135*Input!$J$16,0)</f>
        <v>0</v>
      </c>
    </row>
    <row r="6136" spans="8:17" x14ac:dyDescent="0.25">
      <c r="H6136" s="43">
        <v>6129</v>
      </c>
      <c r="I6136" s="55">
        <f>Bühler!I6162</f>
        <v>0</v>
      </c>
      <c r="J6136" s="58">
        <f>Bühler!J6162</f>
        <v>29.230225652237223</v>
      </c>
      <c r="K6136" s="58">
        <f>Bühler!K6162</f>
        <v>2.5382221335571375</v>
      </c>
      <c r="L6136" s="58">
        <f>Bühler!L6162</f>
        <v>1.2691110667785688</v>
      </c>
      <c r="M6136" s="57">
        <f>Bühler!M6162</f>
        <v>0</v>
      </c>
      <c r="N6136" s="55">
        <f>IF(Input!$K$13=1,J6136*Input!$J$13,0)+IF(Input!$K$14=1,K6136*Input!$J$14,0)+IF(Input!$K$15=1,L6136*Input!$J$15,0)+IF(Input!$K$16=1,M6136*Input!$J$16,0)</f>
        <v>3.5076270782684666</v>
      </c>
      <c r="O6136" s="58">
        <f>IF(Input!$K$13=2,J6136*Input!$J$13,0)+IF(Input!$K$14=2,K6136*Input!$J$14,0)+IF(Input!$K$15=2,L6136*Input!$J$15,0)+IF(Input!$K$16=2,M6136*Input!$J$16,0)</f>
        <v>0.34265998803021358</v>
      </c>
      <c r="P6136" s="58">
        <f>IF(Input!$K$13=3,J6136*Input!$J$13,0)+IF(Input!$K$14=3,K6136*Input!$J$14,0)+IF(Input!$K$15=3,L6136*Input!$J$15,0)+IF(Input!$K$16=3,M6136*Input!$J$16,0)</f>
        <v>0</v>
      </c>
      <c r="Q6136" s="71">
        <f>IF(Input!$K$13=4,J6136*Input!$J$13,0)+IF(Input!$K$14=4,K6136*Input!$J$14,0)+IF(Input!$K$15=4,L6136*Input!$J$15,0)+IF(Input!$K$16=4,M6136*Input!$J$16,0)</f>
        <v>0</v>
      </c>
    </row>
    <row r="6137" spans="8:17" x14ac:dyDescent="0.25">
      <c r="H6137" s="43">
        <v>6130</v>
      </c>
      <c r="I6137" s="55">
        <f>Bühler!I6163</f>
        <v>0</v>
      </c>
      <c r="J6137" s="58">
        <f>Bühler!J6163</f>
        <v>32.263550955771279</v>
      </c>
      <c r="K6137" s="58">
        <f>Bühler!K6163</f>
        <v>2.8016225436432558</v>
      </c>
      <c r="L6137" s="58">
        <f>Bühler!L6163</f>
        <v>1.4008112718216279</v>
      </c>
      <c r="M6137" s="57">
        <f>Bühler!M6163</f>
        <v>0</v>
      </c>
      <c r="N6137" s="55">
        <f>IF(Input!$K$13=1,J6137*Input!$J$13,0)+IF(Input!$K$14=1,K6137*Input!$J$14,0)+IF(Input!$K$15=1,L6137*Input!$J$15,0)+IF(Input!$K$16=1,M6137*Input!$J$16,0)</f>
        <v>3.8716261146925532</v>
      </c>
      <c r="O6137" s="58">
        <f>IF(Input!$K$13=2,J6137*Input!$J$13,0)+IF(Input!$K$14=2,K6137*Input!$J$14,0)+IF(Input!$K$15=2,L6137*Input!$J$15,0)+IF(Input!$K$16=2,M6137*Input!$J$16,0)</f>
        <v>0.37821904339183954</v>
      </c>
      <c r="P6137" s="58">
        <f>IF(Input!$K$13=3,J6137*Input!$J$13,0)+IF(Input!$K$14=3,K6137*Input!$J$14,0)+IF(Input!$K$15=3,L6137*Input!$J$15,0)+IF(Input!$K$16=3,M6137*Input!$J$16,0)</f>
        <v>0</v>
      </c>
      <c r="Q6137" s="71">
        <f>IF(Input!$K$13=4,J6137*Input!$J$13,0)+IF(Input!$K$14=4,K6137*Input!$J$14,0)+IF(Input!$K$15=4,L6137*Input!$J$15,0)+IF(Input!$K$16=4,M6137*Input!$J$16,0)</f>
        <v>0</v>
      </c>
    </row>
    <row r="6138" spans="8:17" x14ac:dyDescent="0.25">
      <c r="H6138" s="43">
        <v>6131</v>
      </c>
      <c r="I6138" s="55">
        <f>Bühler!I6164</f>
        <v>0</v>
      </c>
      <c r="J6138" s="58">
        <f>Bühler!J6164</f>
        <v>32.263550955771279</v>
      </c>
      <c r="K6138" s="58">
        <f>Bühler!K6164</f>
        <v>2.8016225436432558</v>
      </c>
      <c r="L6138" s="58">
        <f>Bühler!L6164</f>
        <v>1.4008112718216279</v>
      </c>
      <c r="M6138" s="57">
        <f>Bühler!M6164</f>
        <v>0</v>
      </c>
      <c r="N6138" s="55">
        <f>IF(Input!$K$13=1,J6138*Input!$J$13,0)+IF(Input!$K$14=1,K6138*Input!$J$14,0)+IF(Input!$K$15=1,L6138*Input!$J$15,0)+IF(Input!$K$16=1,M6138*Input!$J$16,0)</f>
        <v>3.8716261146925532</v>
      </c>
      <c r="O6138" s="58">
        <f>IF(Input!$K$13=2,J6138*Input!$J$13,0)+IF(Input!$K$14=2,K6138*Input!$J$14,0)+IF(Input!$K$15=2,L6138*Input!$J$15,0)+IF(Input!$K$16=2,M6138*Input!$J$16,0)</f>
        <v>0.37821904339183954</v>
      </c>
      <c r="P6138" s="58">
        <f>IF(Input!$K$13=3,J6138*Input!$J$13,0)+IF(Input!$K$14=3,K6138*Input!$J$14,0)+IF(Input!$K$15=3,L6138*Input!$J$15,0)+IF(Input!$K$16=3,M6138*Input!$J$16,0)</f>
        <v>0</v>
      </c>
      <c r="Q6138" s="71">
        <f>IF(Input!$K$13=4,J6138*Input!$J$13,0)+IF(Input!$K$14=4,K6138*Input!$J$14,0)+IF(Input!$K$15=4,L6138*Input!$J$15,0)+IF(Input!$K$16=4,M6138*Input!$J$16,0)</f>
        <v>0</v>
      </c>
    </row>
    <row r="6139" spans="8:17" x14ac:dyDescent="0.25">
      <c r="H6139" s="43">
        <v>6132</v>
      </c>
      <c r="I6139" s="55">
        <f>Bühler!I6165</f>
        <v>0</v>
      </c>
      <c r="J6139" s="58">
        <f>Bühler!J6165</f>
        <v>38.605958408615201</v>
      </c>
      <c r="K6139" s="58">
        <f>Bühler!K6165</f>
        <v>3.3523688556415023</v>
      </c>
      <c r="L6139" s="58">
        <f>Bühler!L6165</f>
        <v>1.6761844278207512</v>
      </c>
      <c r="M6139" s="57">
        <f>Bühler!M6165</f>
        <v>0</v>
      </c>
      <c r="N6139" s="55">
        <f>IF(Input!$K$13=1,J6139*Input!$J$13,0)+IF(Input!$K$14=1,K6139*Input!$J$14,0)+IF(Input!$K$15=1,L6139*Input!$J$15,0)+IF(Input!$K$16=1,M6139*Input!$J$16,0)</f>
        <v>4.6327150090338236</v>
      </c>
      <c r="O6139" s="58">
        <f>IF(Input!$K$13=2,J6139*Input!$J$13,0)+IF(Input!$K$14=2,K6139*Input!$J$14,0)+IF(Input!$K$15=2,L6139*Input!$J$15,0)+IF(Input!$K$16=2,M6139*Input!$J$16,0)</f>
        <v>0.45256979551160281</v>
      </c>
      <c r="P6139" s="58">
        <f>IF(Input!$K$13=3,J6139*Input!$J$13,0)+IF(Input!$K$14=3,K6139*Input!$J$14,0)+IF(Input!$K$15=3,L6139*Input!$J$15,0)+IF(Input!$K$16=3,M6139*Input!$J$16,0)</f>
        <v>0</v>
      </c>
      <c r="Q6139" s="71">
        <f>IF(Input!$K$13=4,J6139*Input!$J$13,0)+IF(Input!$K$14=4,K6139*Input!$J$14,0)+IF(Input!$K$15=4,L6139*Input!$J$15,0)+IF(Input!$K$16=4,M6139*Input!$J$16,0)</f>
        <v>0</v>
      </c>
    </row>
    <row r="6140" spans="8:17" x14ac:dyDescent="0.25">
      <c r="H6140" s="43">
        <v>6133</v>
      </c>
      <c r="I6140" s="55">
        <f>Bühler!I6166</f>
        <v>0</v>
      </c>
      <c r="J6140" s="58">
        <f>Bühler!J6166</f>
        <v>38.605958408615201</v>
      </c>
      <c r="K6140" s="58">
        <f>Bühler!K6166</f>
        <v>3.3523688556415023</v>
      </c>
      <c r="L6140" s="58">
        <f>Bühler!L6166</f>
        <v>1.6761844278207512</v>
      </c>
      <c r="M6140" s="57">
        <f>Bühler!M6166</f>
        <v>0</v>
      </c>
      <c r="N6140" s="55">
        <f>IF(Input!$K$13=1,J6140*Input!$J$13,0)+IF(Input!$K$14=1,K6140*Input!$J$14,0)+IF(Input!$K$15=1,L6140*Input!$J$15,0)+IF(Input!$K$16=1,M6140*Input!$J$16,0)</f>
        <v>4.6327150090338236</v>
      </c>
      <c r="O6140" s="58">
        <f>IF(Input!$K$13=2,J6140*Input!$J$13,0)+IF(Input!$K$14=2,K6140*Input!$J$14,0)+IF(Input!$K$15=2,L6140*Input!$J$15,0)+IF(Input!$K$16=2,M6140*Input!$J$16,0)</f>
        <v>0.45256979551160281</v>
      </c>
      <c r="P6140" s="58">
        <f>IF(Input!$K$13=3,J6140*Input!$J$13,0)+IF(Input!$K$14=3,K6140*Input!$J$14,0)+IF(Input!$K$15=3,L6140*Input!$J$15,0)+IF(Input!$K$16=3,M6140*Input!$J$16,0)</f>
        <v>0</v>
      </c>
      <c r="Q6140" s="71">
        <f>IF(Input!$K$13=4,J6140*Input!$J$13,0)+IF(Input!$K$14=4,K6140*Input!$J$14,0)+IF(Input!$K$15=4,L6140*Input!$J$15,0)+IF(Input!$K$16=4,M6140*Input!$J$16,0)</f>
        <v>0</v>
      </c>
    </row>
    <row r="6141" spans="8:17" x14ac:dyDescent="0.25">
      <c r="H6141" s="43">
        <v>6134</v>
      </c>
      <c r="I6141" s="55">
        <f>Bühler!I6167</f>
        <v>0</v>
      </c>
      <c r="J6141" s="58">
        <f>Bühler!J6167</f>
        <v>25.645386657151526</v>
      </c>
      <c r="K6141" s="58">
        <f>Bühler!K6167</f>
        <v>2.2269307398189979</v>
      </c>
      <c r="L6141" s="58">
        <f>Bühler!L6167</f>
        <v>1.113465369909499</v>
      </c>
      <c r="M6141" s="57">
        <f>Bühler!M6167</f>
        <v>0</v>
      </c>
      <c r="N6141" s="55">
        <f>IF(Input!$K$13=1,J6141*Input!$J$13,0)+IF(Input!$K$14=1,K6141*Input!$J$14,0)+IF(Input!$K$15=1,L6141*Input!$J$15,0)+IF(Input!$K$16=1,M6141*Input!$J$16,0)</f>
        <v>3.0774463988581831</v>
      </c>
      <c r="O6141" s="58">
        <f>IF(Input!$K$13=2,J6141*Input!$J$13,0)+IF(Input!$K$14=2,K6141*Input!$J$14,0)+IF(Input!$K$15=2,L6141*Input!$J$15,0)+IF(Input!$K$16=2,M6141*Input!$J$16,0)</f>
        <v>0.30063564987556468</v>
      </c>
      <c r="P6141" s="58">
        <f>IF(Input!$K$13=3,J6141*Input!$J$13,0)+IF(Input!$K$14=3,K6141*Input!$J$14,0)+IF(Input!$K$15=3,L6141*Input!$J$15,0)+IF(Input!$K$16=3,M6141*Input!$J$16,0)</f>
        <v>0</v>
      </c>
      <c r="Q6141" s="71">
        <f>IF(Input!$K$13=4,J6141*Input!$J$13,0)+IF(Input!$K$14=4,K6141*Input!$J$14,0)+IF(Input!$K$15=4,L6141*Input!$J$15,0)+IF(Input!$K$16=4,M6141*Input!$J$16,0)</f>
        <v>0</v>
      </c>
    </row>
    <row r="6142" spans="8:17" x14ac:dyDescent="0.25">
      <c r="H6142" s="43">
        <v>6135</v>
      </c>
      <c r="I6142" s="55">
        <f>Bühler!I6168</f>
        <v>0</v>
      </c>
      <c r="J6142" s="58">
        <f>Bühler!J6168</f>
        <v>38.605958408615201</v>
      </c>
      <c r="K6142" s="58">
        <f>Bühler!K6168</f>
        <v>3.3523688556415023</v>
      </c>
      <c r="L6142" s="58">
        <f>Bühler!L6168</f>
        <v>1.6761844278207512</v>
      </c>
      <c r="M6142" s="57">
        <f>Bühler!M6168</f>
        <v>0</v>
      </c>
      <c r="N6142" s="55">
        <f>IF(Input!$K$13=1,J6142*Input!$J$13,0)+IF(Input!$K$14=1,K6142*Input!$J$14,0)+IF(Input!$K$15=1,L6142*Input!$J$15,0)+IF(Input!$K$16=1,M6142*Input!$J$16,0)</f>
        <v>4.6327150090338236</v>
      </c>
      <c r="O6142" s="58">
        <f>IF(Input!$K$13=2,J6142*Input!$J$13,0)+IF(Input!$K$14=2,K6142*Input!$J$14,0)+IF(Input!$K$15=2,L6142*Input!$J$15,0)+IF(Input!$K$16=2,M6142*Input!$J$16,0)</f>
        <v>0.45256979551160281</v>
      </c>
      <c r="P6142" s="58">
        <f>IF(Input!$K$13=3,J6142*Input!$J$13,0)+IF(Input!$K$14=3,K6142*Input!$J$14,0)+IF(Input!$K$15=3,L6142*Input!$J$15,0)+IF(Input!$K$16=3,M6142*Input!$J$16,0)</f>
        <v>0</v>
      </c>
      <c r="Q6142" s="71">
        <f>IF(Input!$K$13=4,J6142*Input!$J$13,0)+IF(Input!$K$14=4,K6142*Input!$J$14,0)+IF(Input!$K$15=4,L6142*Input!$J$15,0)+IF(Input!$K$16=4,M6142*Input!$J$16,0)</f>
        <v>0</v>
      </c>
    </row>
    <row r="6143" spans="8:17" x14ac:dyDescent="0.25">
      <c r="H6143" s="43">
        <v>6136</v>
      </c>
      <c r="I6143" s="55">
        <f>Bühler!I6169</f>
        <v>0</v>
      </c>
      <c r="J6143" s="58">
        <f>Bühler!J6169</f>
        <v>38.605958408615201</v>
      </c>
      <c r="K6143" s="58">
        <f>Bühler!K6169</f>
        <v>3.3523688556415023</v>
      </c>
      <c r="L6143" s="58">
        <f>Bühler!L6169</f>
        <v>1.6761844278207512</v>
      </c>
      <c r="M6143" s="57">
        <f>Bühler!M6169</f>
        <v>0</v>
      </c>
      <c r="N6143" s="55">
        <f>IF(Input!$K$13=1,J6143*Input!$J$13,0)+IF(Input!$K$14=1,K6143*Input!$J$14,0)+IF(Input!$K$15=1,L6143*Input!$J$15,0)+IF(Input!$K$16=1,M6143*Input!$J$16,0)</f>
        <v>4.6327150090338236</v>
      </c>
      <c r="O6143" s="58">
        <f>IF(Input!$K$13=2,J6143*Input!$J$13,0)+IF(Input!$K$14=2,K6143*Input!$J$14,0)+IF(Input!$K$15=2,L6143*Input!$J$15,0)+IF(Input!$K$16=2,M6143*Input!$J$16,0)</f>
        <v>0.45256979551160281</v>
      </c>
      <c r="P6143" s="58">
        <f>IF(Input!$K$13=3,J6143*Input!$J$13,0)+IF(Input!$K$14=3,K6143*Input!$J$14,0)+IF(Input!$K$15=3,L6143*Input!$J$15,0)+IF(Input!$K$16=3,M6143*Input!$J$16,0)</f>
        <v>0</v>
      </c>
      <c r="Q6143" s="71">
        <f>IF(Input!$K$13=4,J6143*Input!$J$13,0)+IF(Input!$K$14=4,K6143*Input!$J$14,0)+IF(Input!$K$15=4,L6143*Input!$J$15,0)+IF(Input!$K$16=4,M6143*Input!$J$16,0)</f>
        <v>0</v>
      </c>
    </row>
    <row r="6144" spans="8:17" x14ac:dyDescent="0.25">
      <c r="H6144" s="43">
        <v>6137</v>
      </c>
      <c r="I6144" s="55">
        <f>Bühler!I6170</f>
        <v>0</v>
      </c>
      <c r="J6144" s="58">
        <f>Bühler!J6170</f>
        <v>22.749939776505393</v>
      </c>
      <c r="K6144" s="58">
        <f>Bühler!K6170</f>
        <v>1.9755030756458858</v>
      </c>
      <c r="L6144" s="58">
        <f>Bühler!L6170</f>
        <v>0.98775153782294289</v>
      </c>
      <c r="M6144" s="57">
        <f>Bühler!M6170</f>
        <v>0</v>
      </c>
      <c r="N6144" s="55">
        <f>IF(Input!$K$13=1,J6144*Input!$J$13,0)+IF(Input!$K$14=1,K6144*Input!$J$14,0)+IF(Input!$K$15=1,L6144*Input!$J$15,0)+IF(Input!$K$16=1,M6144*Input!$J$16,0)</f>
        <v>2.7299927731806468</v>
      </c>
      <c r="O6144" s="58">
        <f>IF(Input!$K$13=2,J6144*Input!$J$13,0)+IF(Input!$K$14=2,K6144*Input!$J$14,0)+IF(Input!$K$15=2,L6144*Input!$J$15,0)+IF(Input!$K$16=2,M6144*Input!$J$16,0)</f>
        <v>0.26669291521219457</v>
      </c>
      <c r="P6144" s="58">
        <f>IF(Input!$K$13=3,J6144*Input!$J$13,0)+IF(Input!$K$14=3,K6144*Input!$J$14,0)+IF(Input!$K$15=3,L6144*Input!$J$15,0)+IF(Input!$K$16=3,M6144*Input!$J$16,0)</f>
        <v>0</v>
      </c>
      <c r="Q6144" s="71">
        <f>IF(Input!$K$13=4,J6144*Input!$J$13,0)+IF(Input!$K$14=4,K6144*Input!$J$14,0)+IF(Input!$K$15=4,L6144*Input!$J$15,0)+IF(Input!$K$16=4,M6144*Input!$J$16,0)</f>
        <v>0</v>
      </c>
    </row>
    <row r="6145" spans="8:17" x14ac:dyDescent="0.25">
      <c r="H6145" s="43">
        <v>6138</v>
      </c>
      <c r="I6145" s="55">
        <f>Bühler!I6171</f>
        <v>0</v>
      </c>
      <c r="J6145" s="58">
        <f>Bühler!J6171</f>
        <v>9.7097480906979889</v>
      </c>
      <c r="K6145" s="58">
        <f>Bühler!K6171</f>
        <v>0.84315112063418074</v>
      </c>
      <c r="L6145" s="58">
        <f>Bühler!L6171</f>
        <v>0.42157556031709037</v>
      </c>
      <c r="M6145" s="57">
        <f>Bühler!M6171</f>
        <v>0</v>
      </c>
      <c r="N6145" s="55">
        <f>IF(Input!$K$13=1,J6145*Input!$J$13,0)+IF(Input!$K$14=1,K6145*Input!$J$14,0)+IF(Input!$K$15=1,L6145*Input!$J$15,0)+IF(Input!$K$16=1,M6145*Input!$J$16,0)</f>
        <v>1.1651697708837587</v>
      </c>
      <c r="O6145" s="58">
        <f>IF(Input!$K$13=2,J6145*Input!$J$13,0)+IF(Input!$K$14=2,K6145*Input!$J$14,0)+IF(Input!$K$15=2,L6145*Input!$J$15,0)+IF(Input!$K$16=2,M6145*Input!$J$16,0)</f>
        <v>0.1138254012856144</v>
      </c>
      <c r="P6145" s="58">
        <f>IF(Input!$K$13=3,J6145*Input!$J$13,0)+IF(Input!$K$14=3,K6145*Input!$J$14,0)+IF(Input!$K$15=3,L6145*Input!$J$15,0)+IF(Input!$K$16=3,M6145*Input!$J$16,0)</f>
        <v>0</v>
      </c>
      <c r="Q6145" s="71">
        <f>IF(Input!$K$13=4,J6145*Input!$J$13,0)+IF(Input!$K$14=4,K6145*Input!$J$14,0)+IF(Input!$K$15=4,L6145*Input!$J$15,0)+IF(Input!$K$16=4,M6145*Input!$J$16,0)</f>
        <v>0</v>
      </c>
    </row>
    <row r="6146" spans="8:17" x14ac:dyDescent="0.25">
      <c r="H6146" s="43">
        <v>6139</v>
      </c>
      <c r="I6146" s="55">
        <f>Bühler!I6172</f>
        <v>0</v>
      </c>
      <c r="J6146" s="58">
        <f>Bühler!J6172</f>
        <v>6.4084337398606728</v>
      </c>
      <c r="K6146" s="58">
        <f>Bühler!K6172</f>
        <v>0.55647973961855934</v>
      </c>
      <c r="L6146" s="58">
        <f>Bühler!L6172</f>
        <v>0.27823986980927967</v>
      </c>
      <c r="M6146" s="57">
        <f>Bühler!M6172</f>
        <v>0</v>
      </c>
      <c r="N6146" s="55">
        <f>IF(Input!$K$13=1,J6146*Input!$J$13,0)+IF(Input!$K$14=1,K6146*Input!$J$14,0)+IF(Input!$K$15=1,L6146*Input!$J$15,0)+IF(Input!$K$16=1,M6146*Input!$J$16,0)</f>
        <v>0.76901204878328067</v>
      </c>
      <c r="O6146" s="58">
        <f>IF(Input!$K$13=2,J6146*Input!$J$13,0)+IF(Input!$K$14=2,K6146*Input!$J$14,0)+IF(Input!$K$15=2,L6146*Input!$J$15,0)+IF(Input!$K$16=2,M6146*Input!$J$16,0)</f>
        <v>7.5124764848505513E-2</v>
      </c>
      <c r="P6146" s="58">
        <f>IF(Input!$K$13=3,J6146*Input!$J$13,0)+IF(Input!$K$14=3,K6146*Input!$J$14,0)+IF(Input!$K$15=3,L6146*Input!$J$15,0)+IF(Input!$K$16=3,M6146*Input!$J$16,0)</f>
        <v>0</v>
      </c>
      <c r="Q6146" s="71">
        <f>IF(Input!$K$13=4,J6146*Input!$J$13,0)+IF(Input!$K$14=4,K6146*Input!$J$14,0)+IF(Input!$K$15=4,L6146*Input!$J$15,0)+IF(Input!$K$16=4,M6146*Input!$J$16,0)</f>
        <v>0</v>
      </c>
    </row>
    <row r="6147" spans="8:17" x14ac:dyDescent="0.25">
      <c r="H6147" s="43">
        <v>6140</v>
      </c>
      <c r="I6147" s="55">
        <f>Bühler!I6173</f>
        <v>0</v>
      </c>
      <c r="J6147" s="58">
        <f>Bühler!J6173</f>
        <v>6.4084337398606728</v>
      </c>
      <c r="K6147" s="58">
        <f>Bühler!K6173</f>
        <v>0.55647973961855934</v>
      </c>
      <c r="L6147" s="58">
        <f>Bühler!L6173</f>
        <v>0.27823986980927967</v>
      </c>
      <c r="M6147" s="57">
        <f>Bühler!M6173</f>
        <v>0</v>
      </c>
      <c r="N6147" s="55">
        <f>IF(Input!$K$13=1,J6147*Input!$J$13,0)+IF(Input!$K$14=1,K6147*Input!$J$14,0)+IF(Input!$K$15=1,L6147*Input!$J$15,0)+IF(Input!$K$16=1,M6147*Input!$J$16,0)</f>
        <v>0.76901204878328067</v>
      </c>
      <c r="O6147" s="58">
        <f>IF(Input!$K$13=2,J6147*Input!$J$13,0)+IF(Input!$K$14=2,K6147*Input!$J$14,0)+IF(Input!$K$15=2,L6147*Input!$J$15,0)+IF(Input!$K$16=2,M6147*Input!$J$16,0)</f>
        <v>7.5124764848505513E-2</v>
      </c>
      <c r="P6147" s="58">
        <f>IF(Input!$K$13=3,J6147*Input!$J$13,0)+IF(Input!$K$14=3,K6147*Input!$J$14,0)+IF(Input!$K$15=3,L6147*Input!$J$15,0)+IF(Input!$K$16=3,M6147*Input!$J$16,0)</f>
        <v>0</v>
      </c>
      <c r="Q6147" s="71">
        <f>IF(Input!$K$13=4,J6147*Input!$J$13,0)+IF(Input!$K$14=4,K6147*Input!$J$14,0)+IF(Input!$K$15=4,L6147*Input!$J$15,0)+IF(Input!$K$16=4,M6147*Input!$J$16,0)</f>
        <v>0</v>
      </c>
    </row>
    <row r="6148" spans="8:17" x14ac:dyDescent="0.25">
      <c r="H6148" s="43">
        <v>6141</v>
      </c>
      <c r="I6148" s="55">
        <f>Bühler!I6174</f>
        <v>0</v>
      </c>
      <c r="J6148" s="58">
        <f>Bühler!J6174</f>
        <v>6.4084337398606728</v>
      </c>
      <c r="K6148" s="58">
        <f>Bühler!K6174</f>
        <v>0.55647973961855934</v>
      </c>
      <c r="L6148" s="58">
        <f>Bühler!L6174</f>
        <v>0.27823986980927967</v>
      </c>
      <c r="M6148" s="57">
        <f>Bühler!M6174</f>
        <v>0</v>
      </c>
      <c r="N6148" s="55">
        <f>IF(Input!$K$13=1,J6148*Input!$J$13,0)+IF(Input!$K$14=1,K6148*Input!$J$14,0)+IF(Input!$K$15=1,L6148*Input!$J$15,0)+IF(Input!$K$16=1,M6148*Input!$J$16,0)</f>
        <v>0.76901204878328067</v>
      </c>
      <c r="O6148" s="58">
        <f>IF(Input!$K$13=2,J6148*Input!$J$13,0)+IF(Input!$K$14=2,K6148*Input!$J$14,0)+IF(Input!$K$15=2,L6148*Input!$J$15,0)+IF(Input!$K$16=2,M6148*Input!$J$16,0)</f>
        <v>7.5124764848505513E-2</v>
      </c>
      <c r="P6148" s="58">
        <f>IF(Input!$K$13=3,J6148*Input!$J$13,0)+IF(Input!$K$14=3,K6148*Input!$J$14,0)+IF(Input!$K$15=3,L6148*Input!$J$15,0)+IF(Input!$K$16=3,M6148*Input!$J$16,0)</f>
        <v>0</v>
      </c>
      <c r="Q6148" s="71">
        <f>IF(Input!$K$13=4,J6148*Input!$J$13,0)+IF(Input!$K$14=4,K6148*Input!$J$14,0)+IF(Input!$K$15=4,L6148*Input!$J$15,0)+IF(Input!$K$16=4,M6148*Input!$J$16,0)</f>
        <v>0</v>
      </c>
    </row>
    <row r="6149" spans="8:17" x14ac:dyDescent="0.25">
      <c r="H6149" s="43">
        <v>6142</v>
      </c>
      <c r="I6149" s="55">
        <f>Bühler!I6175</f>
        <v>0</v>
      </c>
      <c r="J6149" s="58">
        <f>Bühler!J6175</f>
        <v>6.4084337398606728</v>
      </c>
      <c r="K6149" s="58">
        <f>Bühler!K6175</f>
        <v>0.55647973961855934</v>
      </c>
      <c r="L6149" s="58">
        <f>Bühler!L6175</f>
        <v>0.27823986980927967</v>
      </c>
      <c r="M6149" s="57">
        <f>Bühler!M6175</f>
        <v>0</v>
      </c>
      <c r="N6149" s="55">
        <f>IF(Input!$K$13=1,J6149*Input!$J$13,0)+IF(Input!$K$14=1,K6149*Input!$J$14,0)+IF(Input!$K$15=1,L6149*Input!$J$15,0)+IF(Input!$K$16=1,M6149*Input!$J$16,0)</f>
        <v>0.76901204878328067</v>
      </c>
      <c r="O6149" s="58">
        <f>IF(Input!$K$13=2,J6149*Input!$J$13,0)+IF(Input!$K$14=2,K6149*Input!$J$14,0)+IF(Input!$K$15=2,L6149*Input!$J$15,0)+IF(Input!$K$16=2,M6149*Input!$J$16,0)</f>
        <v>7.5124764848505513E-2</v>
      </c>
      <c r="P6149" s="58">
        <f>IF(Input!$K$13=3,J6149*Input!$J$13,0)+IF(Input!$K$14=3,K6149*Input!$J$14,0)+IF(Input!$K$15=3,L6149*Input!$J$15,0)+IF(Input!$K$16=3,M6149*Input!$J$16,0)</f>
        <v>0</v>
      </c>
      <c r="Q6149" s="71">
        <f>IF(Input!$K$13=4,J6149*Input!$J$13,0)+IF(Input!$K$14=4,K6149*Input!$J$14,0)+IF(Input!$K$15=4,L6149*Input!$J$15,0)+IF(Input!$K$16=4,M6149*Input!$J$16,0)</f>
        <v>0</v>
      </c>
    </row>
    <row r="6150" spans="8:17" x14ac:dyDescent="0.25">
      <c r="H6150" s="43">
        <v>6143</v>
      </c>
      <c r="I6150" s="55">
        <f>Bühler!I6176</f>
        <v>0</v>
      </c>
      <c r="J6150" s="58">
        <f>Bühler!J6176</f>
        <v>6.4084337398606728</v>
      </c>
      <c r="K6150" s="58">
        <f>Bühler!K6176</f>
        <v>0.55647973961855934</v>
      </c>
      <c r="L6150" s="58">
        <f>Bühler!L6176</f>
        <v>0.27823986980927967</v>
      </c>
      <c r="M6150" s="57">
        <f>Bühler!M6176</f>
        <v>0</v>
      </c>
      <c r="N6150" s="55">
        <f>IF(Input!$K$13=1,J6150*Input!$J$13,0)+IF(Input!$K$14=1,K6150*Input!$J$14,0)+IF(Input!$K$15=1,L6150*Input!$J$15,0)+IF(Input!$K$16=1,M6150*Input!$J$16,0)</f>
        <v>0.76901204878328067</v>
      </c>
      <c r="O6150" s="58">
        <f>IF(Input!$K$13=2,J6150*Input!$J$13,0)+IF(Input!$K$14=2,K6150*Input!$J$14,0)+IF(Input!$K$15=2,L6150*Input!$J$15,0)+IF(Input!$K$16=2,M6150*Input!$J$16,0)</f>
        <v>7.5124764848505513E-2</v>
      </c>
      <c r="P6150" s="58">
        <f>IF(Input!$K$13=3,J6150*Input!$J$13,0)+IF(Input!$K$14=3,K6150*Input!$J$14,0)+IF(Input!$K$15=3,L6150*Input!$J$15,0)+IF(Input!$K$16=3,M6150*Input!$J$16,0)</f>
        <v>0</v>
      </c>
      <c r="Q6150" s="71">
        <f>IF(Input!$K$13=4,J6150*Input!$J$13,0)+IF(Input!$K$14=4,K6150*Input!$J$14,0)+IF(Input!$K$15=4,L6150*Input!$J$15,0)+IF(Input!$K$16=4,M6150*Input!$J$16,0)</f>
        <v>0</v>
      </c>
    </row>
    <row r="6151" spans="8:17" x14ac:dyDescent="0.25">
      <c r="H6151" s="43">
        <v>6144</v>
      </c>
      <c r="I6151" s="55">
        <f>Bühler!I6177</f>
        <v>0</v>
      </c>
      <c r="J6151" s="58">
        <f>Bühler!J6177</f>
        <v>6.4084337398606728</v>
      </c>
      <c r="K6151" s="58">
        <f>Bühler!K6177</f>
        <v>0.55647973961855934</v>
      </c>
      <c r="L6151" s="58">
        <f>Bühler!L6177</f>
        <v>0.27823986980927967</v>
      </c>
      <c r="M6151" s="57">
        <f>Bühler!M6177</f>
        <v>0</v>
      </c>
      <c r="N6151" s="55">
        <f>IF(Input!$K$13=1,J6151*Input!$J$13,0)+IF(Input!$K$14=1,K6151*Input!$J$14,0)+IF(Input!$K$15=1,L6151*Input!$J$15,0)+IF(Input!$K$16=1,M6151*Input!$J$16,0)</f>
        <v>0.76901204878328067</v>
      </c>
      <c r="O6151" s="58">
        <f>IF(Input!$K$13=2,J6151*Input!$J$13,0)+IF(Input!$K$14=2,K6151*Input!$J$14,0)+IF(Input!$K$15=2,L6151*Input!$J$15,0)+IF(Input!$K$16=2,M6151*Input!$J$16,0)</f>
        <v>7.5124764848505513E-2</v>
      </c>
      <c r="P6151" s="58">
        <f>IF(Input!$K$13=3,J6151*Input!$J$13,0)+IF(Input!$K$14=3,K6151*Input!$J$14,0)+IF(Input!$K$15=3,L6151*Input!$J$15,0)+IF(Input!$K$16=3,M6151*Input!$J$16,0)</f>
        <v>0</v>
      </c>
      <c r="Q6151" s="71">
        <f>IF(Input!$K$13=4,J6151*Input!$J$13,0)+IF(Input!$K$14=4,K6151*Input!$J$14,0)+IF(Input!$K$15=4,L6151*Input!$J$15,0)+IF(Input!$K$16=4,M6151*Input!$J$16,0)</f>
        <v>0</v>
      </c>
    </row>
    <row r="6152" spans="8:17" x14ac:dyDescent="0.25">
      <c r="H6152" s="43">
        <v>6145</v>
      </c>
      <c r="I6152" s="55">
        <f>Bühler!I6178</f>
        <v>0.1230305528836876</v>
      </c>
      <c r="J6152" s="58">
        <f>Bühler!J6178</f>
        <v>6.9285487747013494</v>
      </c>
      <c r="K6152" s="58">
        <f>Bühler!K6178</f>
        <v>0.571709436969975</v>
      </c>
      <c r="L6152" s="58">
        <f>Bühler!L6178</f>
        <v>0.2858547184849875</v>
      </c>
      <c r="M6152" s="57">
        <f>Bühler!M6178</f>
        <v>0</v>
      </c>
      <c r="N6152" s="55">
        <f>IF(Input!$K$13=1,J6152*Input!$J$13,0)+IF(Input!$K$14=1,K6152*Input!$J$14,0)+IF(Input!$K$15=1,L6152*Input!$J$15,0)+IF(Input!$K$16=1,M6152*Input!$J$16,0)</f>
        <v>0.83142585296416194</v>
      </c>
      <c r="O6152" s="58">
        <f>IF(Input!$K$13=2,J6152*Input!$J$13,0)+IF(Input!$K$14=2,K6152*Input!$J$14,0)+IF(Input!$K$15=2,L6152*Input!$J$15,0)+IF(Input!$K$16=2,M6152*Input!$J$16,0)</f>
        <v>7.7180773990946624E-2</v>
      </c>
      <c r="P6152" s="58">
        <f>IF(Input!$K$13=3,J6152*Input!$J$13,0)+IF(Input!$K$14=3,K6152*Input!$J$14,0)+IF(Input!$K$15=3,L6152*Input!$J$15,0)+IF(Input!$K$16=3,M6152*Input!$J$16,0)</f>
        <v>0</v>
      </c>
      <c r="Q6152" s="71">
        <f>IF(Input!$K$13=4,J6152*Input!$J$13,0)+IF(Input!$K$14=4,K6152*Input!$J$14,0)+IF(Input!$K$15=4,L6152*Input!$J$15,0)+IF(Input!$K$16=4,M6152*Input!$J$16,0)</f>
        <v>0</v>
      </c>
    </row>
    <row r="6153" spans="8:17" x14ac:dyDescent="0.25">
      <c r="H6153" s="43">
        <v>6146</v>
      </c>
      <c r="I6153" s="55">
        <f>Bühler!I6179</f>
        <v>0.1230305528836876</v>
      </c>
      <c r="J6153" s="58">
        <f>Bühler!J6179</f>
        <v>6.9285487747013494</v>
      </c>
      <c r="K6153" s="58">
        <f>Bühler!K6179</f>
        <v>0.571709436969975</v>
      </c>
      <c r="L6153" s="58">
        <f>Bühler!L6179</f>
        <v>0.2858547184849875</v>
      </c>
      <c r="M6153" s="57">
        <f>Bühler!M6179</f>
        <v>0</v>
      </c>
      <c r="N6153" s="55">
        <f>IF(Input!$K$13=1,J6153*Input!$J$13,0)+IF(Input!$K$14=1,K6153*Input!$J$14,0)+IF(Input!$K$15=1,L6153*Input!$J$15,0)+IF(Input!$K$16=1,M6153*Input!$J$16,0)</f>
        <v>0.83142585296416194</v>
      </c>
      <c r="O6153" s="58">
        <f>IF(Input!$K$13=2,J6153*Input!$J$13,0)+IF(Input!$K$14=2,K6153*Input!$J$14,0)+IF(Input!$K$15=2,L6153*Input!$J$15,0)+IF(Input!$K$16=2,M6153*Input!$J$16,0)</f>
        <v>7.7180773990946624E-2</v>
      </c>
      <c r="P6153" s="58">
        <f>IF(Input!$K$13=3,J6153*Input!$J$13,0)+IF(Input!$K$14=3,K6153*Input!$J$14,0)+IF(Input!$K$15=3,L6153*Input!$J$15,0)+IF(Input!$K$16=3,M6153*Input!$J$16,0)</f>
        <v>0</v>
      </c>
      <c r="Q6153" s="71">
        <f>IF(Input!$K$13=4,J6153*Input!$J$13,0)+IF(Input!$K$14=4,K6153*Input!$J$14,0)+IF(Input!$K$15=4,L6153*Input!$J$15,0)+IF(Input!$K$16=4,M6153*Input!$J$16,0)</f>
        <v>0</v>
      </c>
    </row>
    <row r="6154" spans="8:17" x14ac:dyDescent="0.25">
      <c r="H6154" s="43">
        <v>6147</v>
      </c>
      <c r="I6154" s="55">
        <f>Bühler!I6180</f>
        <v>0.1230305528836876</v>
      </c>
      <c r="J6154" s="58">
        <f>Bühler!J6180</f>
        <v>6.9285487747013494</v>
      </c>
      <c r="K6154" s="58">
        <f>Bühler!K6180</f>
        <v>0.571709436969975</v>
      </c>
      <c r="L6154" s="58">
        <f>Bühler!L6180</f>
        <v>0.2858547184849875</v>
      </c>
      <c r="M6154" s="57">
        <f>Bühler!M6180</f>
        <v>0</v>
      </c>
      <c r="N6154" s="55">
        <f>IF(Input!$K$13=1,J6154*Input!$J$13,0)+IF(Input!$K$14=1,K6154*Input!$J$14,0)+IF(Input!$K$15=1,L6154*Input!$J$15,0)+IF(Input!$K$16=1,M6154*Input!$J$16,0)</f>
        <v>0.83142585296416194</v>
      </c>
      <c r="O6154" s="58">
        <f>IF(Input!$K$13=2,J6154*Input!$J$13,0)+IF(Input!$K$14=2,K6154*Input!$J$14,0)+IF(Input!$K$15=2,L6154*Input!$J$15,0)+IF(Input!$K$16=2,M6154*Input!$J$16,0)</f>
        <v>7.7180773990946624E-2</v>
      </c>
      <c r="P6154" s="58">
        <f>IF(Input!$K$13=3,J6154*Input!$J$13,0)+IF(Input!$K$14=3,K6154*Input!$J$14,0)+IF(Input!$K$15=3,L6154*Input!$J$15,0)+IF(Input!$K$16=3,M6154*Input!$J$16,0)</f>
        <v>0</v>
      </c>
      <c r="Q6154" s="71">
        <f>IF(Input!$K$13=4,J6154*Input!$J$13,0)+IF(Input!$K$14=4,K6154*Input!$J$14,0)+IF(Input!$K$15=4,L6154*Input!$J$15,0)+IF(Input!$K$16=4,M6154*Input!$J$16,0)</f>
        <v>0</v>
      </c>
    </row>
    <row r="6155" spans="8:17" x14ac:dyDescent="0.25">
      <c r="H6155" s="43">
        <v>6148</v>
      </c>
      <c r="I6155" s="55">
        <f>Bühler!I6181</f>
        <v>0.1230305528836876</v>
      </c>
      <c r="J6155" s="58">
        <f>Bühler!J6181</f>
        <v>6.9285487747013494</v>
      </c>
      <c r="K6155" s="58">
        <f>Bühler!K6181</f>
        <v>0.571709436969975</v>
      </c>
      <c r="L6155" s="58">
        <f>Bühler!L6181</f>
        <v>0.2858547184849875</v>
      </c>
      <c r="M6155" s="57">
        <f>Bühler!M6181</f>
        <v>0</v>
      </c>
      <c r="N6155" s="55">
        <f>IF(Input!$K$13=1,J6155*Input!$J$13,0)+IF(Input!$K$14=1,K6155*Input!$J$14,0)+IF(Input!$K$15=1,L6155*Input!$J$15,0)+IF(Input!$K$16=1,M6155*Input!$J$16,0)</f>
        <v>0.83142585296416194</v>
      </c>
      <c r="O6155" s="58">
        <f>IF(Input!$K$13=2,J6155*Input!$J$13,0)+IF(Input!$K$14=2,K6155*Input!$J$14,0)+IF(Input!$K$15=2,L6155*Input!$J$15,0)+IF(Input!$K$16=2,M6155*Input!$J$16,0)</f>
        <v>7.7180773990946624E-2</v>
      </c>
      <c r="P6155" s="58">
        <f>IF(Input!$K$13=3,J6155*Input!$J$13,0)+IF(Input!$K$14=3,K6155*Input!$J$14,0)+IF(Input!$K$15=3,L6155*Input!$J$15,0)+IF(Input!$K$16=3,M6155*Input!$J$16,0)</f>
        <v>0</v>
      </c>
      <c r="Q6155" s="71">
        <f>IF(Input!$K$13=4,J6155*Input!$J$13,0)+IF(Input!$K$14=4,K6155*Input!$J$14,0)+IF(Input!$K$15=4,L6155*Input!$J$15,0)+IF(Input!$K$16=4,M6155*Input!$J$16,0)</f>
        <v>0</v>
      </c>
    </row>
    <row r="6156" spans="8:17" x14ac:dyDescent="0.25">
      <c r="H6156" s="43">
        <v>6149</v>
      </c>
      <c r="I6156" s="55">
        <f>Bühler!I6182</f>
        <v>0.1230305528836876</v>
      </c>
      <c r="J6156" s="58">
        <f>Bühler!J6182</f>
        <v>6.9285487747013494</v>
      </c>
      <c r="K6156" s="58">
        <f>Bühler!K6182</f>
        <v>0.571709436969975</v>
      </c>
      <c r="L6156" s="58">
        <f>Bühler!L6182</f>
        <v>0.2858547184849875</v>
      </c>
      <c r="M6156" s="57">
        <f>Bühler!M6182</f>
        <v>0</v>
      </c>
      <c r="N6156" s="55">
        <f>IF(Input!$K$13=1,J6156*Input!$J$13,0)+IF(Input!$K$14=1,K6156*Input!$J$14,0)+IF(Input!$K$15=1,L6156*Input!$J$15,0)+IF(Input!$K$16=1,M6156*Input!$J$16,0)</f>
        <v>0.83142585296416194</v>
      </c>
      <c r="O6156" s="58">
        <f>IF(Input!$K$13=2,J6156*Input!$J$13,0)+IF(Input!$K$14=2,K6156*Input!$J$14,0)+IF(Input!$K$15=2,L6156*Input!$J$15,0)+IF(Input!$K$16=2,M6156*Input!$J$16,0)</f>
        <v>7.7180773990946624E-2</v>
      </c>
      <c r="P6156" s="58">
        <f>IF(Input!$K$13=3,J6156*Input!$J$13,0)+IF(Input!$K$14=3,K6156*Input!$J$14,0)+IF(Input!$K$15=3,L6156*Input!$J$15,0)+IF(Input!$K$16=3,M6156*Input!$J$16,0)</f>
        <v>0</v>
      </c>
      <c r="Q6156" s="71">
        <f>IF(Input!$K$13=4,J6156*Input!$J$13,0)+IF(Input!$K$14=4,K6156*Input!$J$14,0)+IF(Input!$K$15=4,L6156*Input!$J$15,0)+IF(Input!$K$16=4,M6156*Input!$J$16,0)</f>
        <v>0</v>
      </c>
    </row>
    <row r="6157" spans="8:17" x14ac:dyDescent="0.25">
      <c r="H6157" s="43">
        <v>6150</v>
      </c>
      <c r="I6157" s="55">
        <f>Bühler!I6183</f>
        <v>0.1230305528836876</v>
      </c>
      <c r="J6157" s="58">
        <f>Bühler!J6183</f>
        <v>6.9285487747013494</v>
      </c>
      <c r="K6157" s="58">
        <f>Bühler!K6183</f>
        <v>0.571709436969975</v>
      </c>
      <c r="L6157" s="58">
        <f>Bühler!L6183</f>
        <v>0.2858547184849875</v>
      </c>
      <c r="M6157" s="57">
        <f>Bühler!M6183</f>
        <v>0</v>
      </c>
      <c r="N6157" s="55">
        <f>IF(Input!$K$13=1,J6157*Input!$J$13,0)+IF(Input!$K$14=1,K6157*Input!$J$14,0)+IF(Input!$K$15=1,L6157*Input!$J$15,0)+IF(Input!$K$16=1,M6157*Input!$J$16,0)</f>
        <v>0.83142585296416194</v>
      </c>
      <c r="O6157" s="58">
        <f>IF(Input!$K$13=2,J6157*Input!$J$13,0)+IF(Input!$K$14=2,K6157*Input!$J$14,0)+IF(Input!$K$15=2,L6157*Input!$J$15,0)+IF(Input!$K$16=2,M6157*Input!$J$16,0)</f>
        <v>7.7180773990946624E-2</v>
      </c>
      <c r="P6157" s="58">
        <f>IF(Input!$K$13=3,J6157*Input!$J$13,0)+IF(Input!$K$14=3,K6157*Input!$J$14,0)+IF(Input!$K$15=3,L6157*Input!$J$15,0)+IF(Input!$K$16=3,M6157*Input!$J$16,0)</f>
        <v>0</v>
      </c>
      <c r="Q6157" s="71">
        <f>IF(Input!$K$13=4,J6157*Input!$J$13,0)+IF(Input!$K$14=4,K6157*Input!$J$14,0)+IF(Input!$K$15=4,L6157*Input!$J$15,0)+IF(Input!$K$16=4,M6157*Input!$J$16,0)</f>
        <v>0</v>
      </c>
    </row>
    <row r="6158" spans="8:17" x14ac:dyDescent="0.25">
      <c r="H6158" s="43">
        <v>6151</v>
      </c>
      <c r="I6158" s="55">
        <f>Bühler!I6184</f>
        <v>0.1230305528836876</v>
      </c>
      <c r="J6158" s="58">
        <f>Bühler!J6184</f>
        <v>6.9285487747013494</v>
      </c>
      <c r="K6158" s="58">
        <f>Bühler!K6184</f>
        <v>0.571709436969975</v>
      </c>
      <c r="L6158" s="58">
        <f>Bühler!L6184</f>
        <v>0.2858547184849875</v>
      </c>
      <c r="M6158" s="57">
        <f>Bühler!M6184</f>
        <v>0</v>
      </c>
      <c r="N6158" s="55">
        <f>IF(Input!$K$13=1,J6158*Input!$J$13,0)+IF(Input!$K$14=1,K6158*Input!$J$14,0)+IF(Input!$K$15=1,L6158*Input!$J$15,0)+IF(Input!$K$16=1,M6158*Input!$J$16,0)</f>
        <v>0.83142585296416194</v>
      </c>
      <c r="O6158" s="58">
        <f>IF(Input!$K$13=2,J6158*Input!$J$13,0)+IF(Input!$K$14=2,K6158*Input!$J$14,0)+IF(Input!$K$15=2,L6158*Input!$J$15,0)+IF(Input!$K$16=2,M6158*Input!$J$16,0)</f>
        <v>7.7180773990946624E-2</v>
      </c>
      <c r="P6158" s="58">
        <f>IF(Input!$K$13=3,J6158*Input!$J$13,0)+IF(Input!$K$14=3,K6158*Input!$J$14,0)+IF(Input!$K$15=3,L6158*Input!$J$15,0)+IF(Input!$K$16=3,M6158*Input!$J$16,0)</f>
        <v>0</v>
      </c>
      <c r="Q6158" s="71">
        <f>IF(Input!$K$13=4,J6158*Input!$J$13,0)+IF(Input!$K$14=4,K6158*Input!$J$14,0)+IF(Input!$K$15=4,L6158*Input!$J$15,0)+IF(Input!$K$16=4,M6158*Input!$J$16,0)</f>
        <v>0</v>
      </c>
    </row>
    <row r="6159" spans="8:17" x14ac:dyDescent="0.25">
      <c r="H6159" s="43">
        <v>6152</v>
      </c>
      <c r="I6159" s="55">
        <f>Bühler!I6185</f>
        <v>0.33894917319455925</v>
      </c>
      <c r="J6159" s="58">
        <f>Bühler!J6185</f>
        <v>28.145417351502239</v>
      </c>
      <c r="K6159" s="58">
        <f>Bühler!K6185</f>
        <v>2.3370788802196856</v>
      </c>
      <c r="L6159" s="58">
        <f>Bühler!L6185</f>
        <v>1.1685394401098428</v>
      </c>
      <c r="M6159" s="57">
        <f>Bühler!M6185</f>
        <v>0</v>
      </c>
      <c r="N6159" s="55">
        <f>IF(Input!$K$13=1,J6159*Input!$J$13,0)+IF(Input!$K$14=1,K6159*Input!$J$14,0)+IF(Input!$K$15=1,L6159*Input!$J$15,0)+IF(Input!$K$16=1,M6159*Input!$J$16,0)</f>
        <v>3.3774500821802684</v>
      </c>
      <c r="O6159" s="58">
        <f>IF(Input!$K$13=2,J6159*Input!$J$13,0)+IF(Input!$K$14=2,K6159*Input!$J$14,0)+IF(Input!$K$15=2,L6159*Input!$J$15,0)+IF(Input!$K$16=2,M6159*Input!$J$16,0)</f>
        <v>0.31550564882965754</v>
      </c>
      <c r="P6159" s="58">
        <f>IF(Input!$K$13=3,J6159*Input!$J$13,0)+IF(Input!$K$14=3,K6159*Input!$J$14,0)+IF(Input!$K$15=3,L6159*Input!$J$15,0)+IF(Input!$K$16=3,M6159*Input!$J$16,0)</f>
        <v>0</v>
      </c>
      <c r="Q6159" s="71">
        <f>IF(Input!$K$13=4,J6159*Input!$J$13,0)+IF(Input!$K$14=4,K6159*Input!$J$14,0)+IF(Input!$K$15=4,L6159*Input!$J$15,0)+IF(Input!$K$16=4,M6159*Input!$J$16,0)</f>
        <v>0</v>
      </c>
    </row>
    <row r="6160" spans="8:17" x14ac:dyDescent="0.25">
      <c r="H6160" s="43">
        <v>6153</v>
      </c>
      <c r="I6160" s="55">
        <f>Bühler!I6186</f>
        <v>0.37819591956445558</v>
      </c>
      <c r="J6160" s="58">
        <f>Bühler!J6186</f>
        <v>31.404360413255137</v>
      </c>
      <c r="K6160" s="58">
        <f>Bühler!K6186</f>
        <v>2.6076880137188074</v>
      </c>
      <c r="L6160" s="58">
        <f>Bühler!L6186</f>
        <v>1.3038440068594037</v>
      </c>
      <c r="M6160" s="57">
        <f>Bühler!M6186</f>
        <v>0</v>
      </c>
      <c r="N6160" s="55">
        <f>IF(Input!$K$13=1,J6160*Input!$J$13,0)+IF(Input!$K$14=1,K6160*Input!$J$14,0)+IF(Input!$K$15=1,L6160*Input!$J$15,0)+IF(Input!$K$16=1,M6160*Input!$J$16,0)</f>
        <v>3.7685232495906162</v>
      </c>
      <c r="O6160" s="58">
        <f>IF(Input!$K$13=2,J6160*Input!$J$13,0)+IF(Input!$K$14=2,K6160*Input!$J$14,0)+IF(Input!$K$15=2,L6160*Input!$J$15,0)+IF(Input!$K$16=2,M6160*Input!$J$16,0)</f>
        <v>0.35203788185203899</v>
      </c>
      <c r="P6160" s="58">
        <f>IF(Input!$K$13=3,J6160*Input!$J$13,0)+IF(Input!$K$14=3,K6160*Input!$J$14,0)+IF(Input!$K$15=3,L6160*Input!$J$15,0)+IF(Input!$K$16=3,M6160*Input!$J$16,0)</f>
        <v>0</v>
      </c>
      <c r="Q6160" s="71">
        <f>IF(Input!$K$13=4,J6160*Input!$J$13,0)+IF(Input!$K$14=4,K6160*Input!$J$14,0)+IF(Input!$K$15=4,L6160*Input!$J$15,0)+IF(Input!$K$16=4,M6160*Input!$J$16,0)</f>
        <v>0</v>
      </c>
    </row>
    <row r="6161" spans="8:17" x14ac:dyDescent="0.25">
      <c r="H6161" s="43">
        <v>6154</v>
      </c>
      <c r="I6161" s="55">
        <f>Bühler!I6187</f>
        <v>0.41744266593435203</v>
      </c>
      <c r="J6161" s="58">
        <f>Bühler!J6187</f>
        <v>34.663303475008021</v>
      </c>
      <c r="K6161" s="58">
        <f>Bühler!K6187</f>
        <v>2.8782971472179288</v>
      </c>
      <c r="L6161" s="58">
        <f>Bühler!L6187</f>
        <v>1.4391485736089644</v>
      </c>
      <c r="M6161" s="57">
        <f>Bühler!M6187</f>
        <v>0</v>
      </c>
      <c r="N6161" s="55">
        <f>IF(Input!$K$13=1,J6161*Input!$J$13,0)+IF(Input!$K$14=1,K6161*Input!$J$14,0)+IF(Input!$K$15=1,L6161*Input!$J$15,0)+IF(Input!$K$16=1,M6161*Input!$J$16,0)</f>
        <v>4.1595964170009623</v>
      </c>
      <c r="O6161" s="58">
        <f>IF(Input!$K$13=2,J6161*Input!$J$13,0)+IF(Input!$K$14=2,K6161*Input!$J$14,0)+IF(Input!$K$15=2,L6161*Input!$J$15,0)+IF(Input!$K$16=2,M6161*Input!$J$16,0)</f>
        <v>0.38857011487442039</v>
      </c>
      <c r="P6161" s="58">
        <f>IF(Input!$K$13=3,J6161*Input!$J$13,0)+IF(Input!$K$14=3,K6161*Input!$J$14,0)+IF(Input!$K$15=3,L6161*Input!$J$15,0)+IF(Input!$K$16=3,M6161*Input!$J$16,0)</f>
        <v>0</v>
      </c>
      <c r="Q6161" s="71">
        <f>IF(Input!$K$13=4,J6161*Input!$J$13,0)+IF(Input!$K$14=4,K6161*Input!$J$14,0)+IF(Input!$K$15=4,L6161*Input!$J$15,0)+IF(Input!$K$16=4,M6161*Input!$J$16,0)</f>
        <v>0</v>
      </c>
    </row>
    <row r="6162" spans="8:17" x14ac:dyDescent="0.25">
      <c r="H6162" s="43">
        <v>6155</v>
      </c>
      <c r="I6162" s="55">
        <f>Bühler!I6188</f>
        <v>0.41744266593435203</v>
      </c>
      <c r="J6162" s="58">
        <f>Bühler!J6188</f>
        <v>34.663303475008021</v>
      </c>
      <c r="K6162" s="58">
        <f>Bühler!K6188</f>
        <v>2.8782971472179288</v>
      </c>
      <c r="L6162" s="58">
        <f>Bühler!L6188</f>
        <v>1.4391485736089644</v>
      </c>
      <c r="M6162" s="57">
        <f>Bühler!M6188</f>
        <v>0</v>
      </c>
      <c r="N6162" s="55">
        <f>IF(Input!$K$13=1,J6162*Input!$J$13,0)+IF(Input!$K$14=1,K6162*Input!$J$14,0)+IF(Input!$K$15=1,L6162*Input!$J$15,0)+IF(Input!$K$16=1,M6162*Input!$J$16,0)</f>
        <v>4.1595964170009623</v>
      </c>
      <c r="O6162" s="58">
        <f>IF(Input!$K$13=2,J6162*Input!$J$13,0)+IF(Input!$K$14=2,K6162*Input!$J$14,0)+IF(Input!$K$15=2,L6162*Input!$J$15,0)+IF(Input!$K$16=2,M6162*Input!$J$16,0)</f>
        <v>0.38857011487442039</v>
      </c>
      <c r="P6162" s="58">
        <f>IF(Input!$K$13=3,J6162*Input!$J$13,0)+IF(Input!$K$14=3,K6162*Input!$J$14,0)+IF(Input!$K$15=3,L6162*Input!$J$15,0)+IF(Input!$K$16=3,M6162*Input!$J$16,0)</f>
        <v>0</v>
      </c>
      <c r="Q6162" s="71">
        <f>IF(Input!$K$13=4,J6162*Input!$J$13,0)+IF(Input!$K$14=4,K6162*Input!$J$14,0)+IF(Input!$K$15=4,L6162*Input!$J$15,0)+IF(Input!$K$16=4,M6162*Input!$J$16,0)</f>
        <v>0</v>
      </c>
    </row>
    <row r="6163" spans="8:17" x14ac:dyDescent="0.25">
      <c r="H6163" s="43">
        <v>6156</v>
      </c>
      <c r="I6163" s="55">
        <f>Bühler!I6189</f>
        <v>0.49950404470777149</v>
      </c>
      <c r="J6163" s="58">
        <f>Bühler!J6189</f>
        <v>41.477457149582243</v>
      </c>
      <c r="K6163" s="58">
        <f>Bühler!K6189</f>
        <v>3.444116244534273</v>
      </c>
      <c r="L6163" s="58">
        <f>Bühler!L6189</f>
        <v>1.7220581222671365</v>
      </c>
      <c r="M6163" s="57">
        <f>Bühler!M6189</f>
        <v>0</v>
      </c>
      <c r="N6163" s="55">
        <f>IF(Input!$K$13=1,J6163*Input!$J$13,0)+IF(Input!$K$14=1,K6163*Input!$J$14,0)+IF(Input!$K$15=1,L6163*Input!$J$15,0)+IF(Input!$K$16=1,M6163*Input!$J$16,0)</f>
        <v>4.977294857949869</v>
      </c>
      <c r="O6163" s="58">
        <f>IF(Input!$K$13=2,J6163*Input!$J$13,0)+IF(Input!$K$14=2,K6163*Input!$J$14,0)+IF(Input!$K$15=2,L6163*Input!$J$15,0)+IF(Input!$K$16=2,M6163*Input!$J$16,0)</f>
        <v>0.4649556930121268</v>
      </c>
      <c r="P6163" s="58">
        <f>IF(Input!$K$13=3,J6163*Input!$J$13,0)+IF(Input!$K$14=3,K6163*Input!$J$14,0)+IF(Input!$K$15=3,L6163*Input!$J$15,0)+IF(Input!$K$16=3,M6163*Input!$J$16,0)</f>
        <v>0</v>
      </c>
      <c r="Q6163" s="71">
        <f>IF(Input!$K$13=4,J6163*Input!$J$13,0)+IF(Input!$K$14=4,K6163*Input!$J$14,0)+IF(Input!$K$15=4,L6163*Input!$J$15,0)+IF(Input!$K$16=4,M6163*Input!$J$16,0)</f>
        <v>0</v>
      </c>
    </row>
    <row r="6164" spans="8:17" x14ac:dyDescent="0.25">
      <c r="H6164" s="43">
        <v>6157</v>
      </c>
      <c r="I6164" s="55">
        <f>Bühler!I6190</f>
        <v>0.49950404470777149</v>
      </c>
      <c r="J6164" s="58">
        <f>Bühler!J6190</f>
        <v>41.477457149582243</v>
      </c>
      <c r="K6164" s="58">
        <f>Bühler!K6190</f>
        <v>3.444116244534273</v>
      </c>
      <c r="L6164" s="58">
        <f>Bühler!L6190</f>
        <v>1.7220581222671365</v>
      </c>
      <c r="M6164" s="57">
        <f>Bühler!M6190</f>
        <v>0</v>
      </c>
      <c r="N6164" s="55">
        <f>IF(Input!$K$13=1,J6164*Input!$J$13,0)+IF(Input!$K$14=1,K6164*Input!$J$14,0)+IF(Input!$K$15=1,L6164*Input!$J$15,0)+IF(Input!$K$16=1,M6164*Input!$J$16,0)</f>
        <v>4.977294857949869</v>
      </c>
      <c r="O6164" s="58">
        <f>IF(Input!$K$13=2,J6164*Input!$J$13,0)+IF(Input!$K$14=2,K6164*Input!$J$14,0)+IF(Input!$K$15=2,L6164*Input!$J$15,0)+IF(Input!$K$16=2,M6164*Input!$J$16,0)</f>
        <v>0.4649556930121268</v>
      </c>
      <c r="P6164" s="58">
        <f>IF(Input!$K$13=3,J6164*Input!$J$13,0)+IF(Input!$K$14=3,K6164*Input!$J$14,0)+IF(Input!$K$15=3,L6164*Input!$J$15,0)+IF(Input!$K$16=3,M6164*Input!$J$16,0)</f>
        <v>0</v>
      </c>
      <c r="Q6164" s="71">
        <f>IF(Input!$K$13=4,J6164*Input!$J$13,0)+IF(Input!$K$14=4,K6164*Input!$J$14,0)+IF(Input!$K$15=4,L6164*Input!$J$15,0)+IF(Input!$K$16=4,M6164*Input!$J$16,0)</f>
        <v>0</v>
      </c>
    </row>
    <row r="6165" spans="8:17" x14ac:dyDescent="0.25">
      <c r="H6165" s="43">
        <v>6158</v>
      </c>
      <c r="I6165" s="55">
        <f>Bühler!I6191</f>
        <v>0.33181340112730534</v>
      </c>
      <c r="J6165" s="58">
        <f>Bühler!J6191</f>
        <v>27.55288224936535</v>
      </c>
      <c r="K6165" s="58">
        <f>Bühler!K6191</f>
        <v>2.2878772195834816</v>
      </c>
      <c r="L6165" s="58">
        <f>Bühler!L6191</f>
        <v>1.1439386097917408</v>
      </c>
      <c r="M6165" s="57">
        <f>Bühler!M6191</f>
        <v>0</v>
      </c>
      <c r="N6165" s="55">
        <f>IF(Input!$K$13=1,J6165*Input!$J$13,0)+IF(Input!$K$14=1,K6165*Input!$J$14,0)+IF(Input!$K$15=1,L6165*Input!$J$15,0)+IF(Input!$K$16=1,M6165*Input!$J$16,0)</f>
        <v>3.3063458699238417</v>
      </c>
      <c r="O6165" s="58">
        <f>IF(Input!$K$13=2,J6165*Input!$J$13,0)+IF(Input!$K$14=2,K6165*Input!$J$14,0)+IF(Input!$K$15=2,L6165*Input!$J$15,0)+IF(Input!$K$16=2,M6165*Input!$J$16,0)</f>
        <v>0.30886342464377003</v>
      </c>
      <c r="P6165" s="58">
        <f>IF(Input!$K$13=3,J6165*Input!$J$13,0)+IF(Input!$K$14=3,K6165*Input!$J$14,0)+IF(Input!$K$15=3,L6165*Input!$J$15,0)+IF(Input!$K$16=3,M6165*Input!$J$16,0)</f>
        <v>0</v>
      </c>
      <c r="Q6165" s="71">
        <f>IF(Input!$K$13=4,J6165*Input!$J$13,0)+IF(Input!$K$14=4,K6165*Input!$J$14,0)+IF(Input!$K$15=4,L6165*Input!$J$15,0)+IF(Input!$K$16=4,M6165*Input!$J$16,0)</f>
        <v>0</v>
      </c>
    </row>
    <row r="6166" spans="8:17" x14ac:dyDescent="0.25">
      <c r="H6166" s="43">
        <v>6159</v>
      </c>
      <c r="I6166" s="55">
        <f>Bühler!I6192</f>
        <v>0.49950404470777149</v>
      </c>
      <c r="J6166" s="58">
        <f>Bühler!J6192</f>
        <v>41.477457149582243</v>
      </c>
      <c r="K6166" s="58">
        <f>Bühler!K6192</f>
        <v>3.444116244534273</v>
      </c>
      <c r="L6166" s="58">
        <f>Bühler!L6192</f>
        <v>1.7220581222671365</v>
      </c>
      <c r="M6166" s="57">
        <f>Bühler!M6192</f>
        <v>0</v>
      </c>
      <c r="N6166" s="55">
        <f>IF(Input!$K$13=1,J6166*Input!$J$13,0)+IF(Input!$K$14=1,K6166*Input!$J$14,0)+IF(Input!$K$15=1,L6166*Input!$J$15,0)+IF(Input!$K$16=1,M6166*Input!$J$16,0)</f>
        <v>4.977294857949869</v>
      </c>
      <c r="O6166" s="58">
        <f>IF(Input!$K$13=2,J6166*Input!$J$13,0)+IF(Input!$K$14=2,K6166*Input!$J$14,0)+IF(Input!$K$15=2,L6166*Input!$J$15,0)+IF(Input!$K$16=2,M6166*Input!$J$16,0)</f>
        <v>0.4649556930121268</v>
      </c>
      <c r="P6166" s="58">
        <f>IF(Input!$K$13=3,J6166*Input!$J$13,0)+IF(Input!$K$14=3,K6166*Input!$J$14,0)+IF(Input!$K$15=3,L6166*Input!$J$15,0)+IF(Input!$K$16=3,M6166*Input!$J$16,0)</f>
        <v>0</v>
      </c>
      <c r="Q6166" s="71">
        <f>IF(Input!$K$13=4,J6166*Input!$J$13,0)+IF(Input!$K$14=4,K6166*Input!$J$14,0)+IF(Input!$K$15=4,L6166*Input!$J$15,0)+IF(Input!$K$16=4,M6166*Input!$J$16,0)</f>
        <v>0</v>
      </c>
    </row>
    <row r="6167" spans="8:17" x14ac:dyDescent="0.25">
      <c r="H6167" s="43">
        <v>6160</v>
      </c>
      <c r="I6167" s="55">
        <f>Bühler!I6193</f>
        <v>0.49950404470777149</v>
      </c>
      <c r="J6167" s="58">
        <f>Bühler!J6193</f>
        <v>41.477457149582243</v>
      </c>
      <c r="K6167" s="58">
        <f>Bühler!K6193</f>
        <v>3.444116244534273</v>
      </c>
      <c r="L6167" s="58">
        <f>Bühler!L6193</f>
        <v>1.7220581222671365</v>
      </c>
      <c r="M6167" s="57">
        <f>Bühler!M6193</f>
        <v>0</v>
      </c>
      <c r="N6167" s="55">
        <f>IF(Input!$K$13=1,J6167*Input!$J$13,0)+IF(Input!$K$14=1,K6167*Input!$J$14,0)+IF(Input!$K$15=1,L6167*Input!$J$15,0)+IF(Input!$K$16=1,M6167*Input!$J$16,0)</f>
        <v>4.977294857949869</v>
      </c>
      <c r="O6167" s="58">
        <f>IF(Input!$K$13=2,J6167*Input!$J$13,0)+IF(Input!$K$14=2,K6167*Input!$J$14,0)+IF(Input!$K$15=2,L6167*Input!$J$15,0)+IF(Input!$K$16=2,M6167*Input!$J$16,0)</f>
        <v>0.4649556930121268</v>
      </c>
      <c r="P6167" s="58">
        <f>IF(Input!$K$13=3,J6167*Input!$J$13,0)+IF(Input!$K$14=3,K6167*Input!$J$14,0)+IF(Input!$K$15=3,L6167*Input!$J$15,0)+IF(Input!$K$16=3,M6167*Input!$J$16,0)</f>
        <v>0</v>
      </c>
      <c r="Q6167" s="71">
        <f>IF(Input!$K$13=4,J6167*Input!$J$13,0)+IF(Input!$K$14=4,K6167*Input!$J$14,0)+IF(Input!$K$15=4,L6167*Input!$J$15,0)+IF(Input!$K$16=4,M6167*Input!$J$16,0)</f>
        <v>0</v>
      </c>
    </row>
    <row r="6168" spans="8:17" x14ac:dyDescent="0.25">
      <c r="H6168" s="43">
        <v>6161</v>
      </c>
      <c r="I6168" s="55">
        <f>Bühler!I6194</f>
        <v>0.4173811506579102</v>
      </c>
      <c r="J6168" s="58">
        <f>Bühler!J6194</f>
        <v>24.57535606210401</v>
      </c>
      <c r="K6168" s="58">
        <f>Bühler!K6194</f>
        <v>2.029568501243411</v>
      </c>
      <c r="L6168" s="58">
        <f>Bühler!L6194</f>
        <v>1.0147842506217055</v>
      </c>
      <c r="M6168" s="57">
        <f>Bühler!M6194</f>
        <v>0</v>
      </c>
      <c r="N6168" s="55">
        <f>IF(Input!$K$13=1,J6168*Input!$J$13,0)+IF(Input!$K$14=1,K6168*Input!$J$14,0)+IF(Input!$K$15=1,L6168*Input!$J$15,0)+IF(Input!$K$16=1,M6168*Input!$J$16,0)</f>
        <v>2.9490427274524813</v>
      </c>
      <c r="O6168" s="58">
        <f>IF(Input!$K$13=2,J6168*Input!$J$13,0)+IF(Input!$K$14=2,K6168*Input!$J$14,0)+IF(Input!$K$15=2,L6168*Input!$J$15,0)+IF(Input!$K$16=2,M6168*Input!$J$16,0)</f>
        <v>0.2739917476678605</v>
      </c>
      <c r="P6168" s="58">
        <f>IF(Input!$K$13=3,J6168*Input!$J$13,0)+IF(Input!$K$14=3,K6168*Input!$J$14,0)+IF(Input!$K$15=3,L6168*Input!$J$15,0)+IF(Input!$K$16=3,M6168*Input!$J$16,0)</f>
        <v>0</v>
      </c>
      <c r="Q6168" s="71">
        <f>IF(Input!$K$13=4,J6168*Input!$J$13,0)+IF(Input!$K$14=4,K6168*Input!$J$14,0)+IF(Input!$K$15=4,L6168*Input!$J$15,0)+IF(Input!$K$16=4,M6168*Input!$J$16,0)</f>
        <v>0</v>
      </c>
    </row>
    <row r="6169" spans="8:17" x14ac:dyDescent="0.25">
      <c r="H6169" s="43">
        <v>6162</v>
      </c>
      <c r="I6169" s="55">
        <f>Bühler!I6195</f>
        <v>0.33187491640374722</v>
      </c>
      <c r="J6169" s="58">
        <f>Bühler!J6195</f>
        <v>10.655388243898033</v>
      </c>
      <c r="K6169" s="58">
        <f>Bühler!K6195</f>
        <v>0.8662264196514774</v>
      </c>
      <c r="L6169" s="58">
        <f>Bühler!L6195</f>
        <v>0.4331132098257387</v>
      </c>
      <c r="M6169" s="57">
        <f>Bühler!M6195</f>
        <v>0</v>
      </c>
      <c r="N6169" s="55">
        <f>IF(Input!$K$13=1,J6169*Input!$J$13,0)+IF(Input!$K$14=1,K6169*Input!$J$14,0)+IF(Input!$K$15=1,L6169*Input!$J$15,0)+IF(Input!$K$16=1,M6169*Input!$J$16,0)</f>
        <v>1.2786465892677639</v>
      </c>
      <c r="O6169" s="58">
        <f>IF(Input!$K$13=2,J6169*Input!$J$13,0)+IF(Input!$K$14=2,K6169*Input!$J$14,0)+IF(Input!$K$15=2,L6169*Input!$J$15,0)+IF(Input!$K$16=2,M6169*Input!$J$16,0)</f>
        <v>0.11694056665294944</v>
      </c>
      <c r="P6169" s="58">
        <f>IF(Input!$K$13=3,J6169*Input!$J$13,0)+IF(Input!$K$14=3,K6169*Input!$J$14,0)+IF(Input!$K$15=3,L6169*Input!$J$15,0)+IF(Input!$K$16=3,M6169*Input!$J$16,0)</f>
        <v>0</v>
      </c>
      <c r="Q6169" s="71">
        <f>IF(Input!$K$13=4,J6169*Input!$J$13,0)+IF(Input!$K$14=4,K6169*Input!$J$14,0)+IF(Input!$K$15=4,L6169*Input!$J$15,0)+IF(Input!$K$16=4,M6169*Input!$J$16,0)</f>
        <v>0</v>
      </c>
    </row>
    <row r="6170" spans="8:17" x14ac:dyDescent="0.25">
      <c r="H6170" s="43">
        <v>6163</v>
      </c>
      <c r="I6170" s="55">
        <f>Bühler!I6196</f>
        <v>0.1230305528836876</v>
      </c>
      <c r="J6170" s="58">
        <f>Bühler!J6196</f>
        <v>6.9285487747013494</v>
      </c>
      <c r="K6170" s="58">
        <f>Bühler!K6196</f>
        <v>0.571709436969975</v>
      </c>
      <c r="L6170" s="58">
        <f>Bühler!L6196</f>
        <v>0.2858547184849875</v>
      </c>
      <c r="M6170" s="57">
        <f>Bühler!M6196</f>
        <v>0</v>
      </c>
      <c r="N6170" s="55">
        <f>IF(Input!$K$13=1,J6170*Input!$J$13,0)+IF(Input!$K$14=1,K6170*Input!$J$14,0)+IF(Input!$K$15=1,L6170*Input!$J$15,0)+IF(Input!$K$16=1,M6170*Input!$J$16,0)</f>
        <v>0.83142585296416194</v>
      </c>
      <c r="O6170" s="58">
        <f>IF(Input!$K$13=2,J6170*Input!$J$13,0)+IF(Input!$K$14=2,K6170*Input!$J$14,0)+IF(Input!$K$15=2,L6170*Input!$J$15,0)+IF(Input!$K$16=2,M6170*Input!$J$16,0)</f>
        <v>7.7180773990946624E-2</v>
      </c>
      <c r="P6170" s="58">
        <f>IF(Input!$K$13=3,J6170*Input!$J$13,0)+IF(Input!$K$14=3,K6170*Input!$J$14,0)+IF(Input!$K$15=3,L6170*Input!$J$15,0)+IF(Input!$K$16=3,M6170*Input!$J$16,0)</f>
        <v>0</v>
      </c>
      <c r="Q6170" s="71">
        <f>IF(Input!$K$13=4,J6170*Input!$J$13,0)+IF(Input!$K$14=4,K6170*Input!$J$14,0)+IF(Input!$K$15=4,L6170*Input!$J$15,0)+IF(Input!$K$16=4,M6170*Input!$J$16,0)</f>
        <v>0</v>
      </c>
    </row>
    <row r="6171" spans="8:17" x14ac:dyDescent="0.25">
      <c r="H6171" s="43">
        <v>6164</v>
      </c>
      <c r="I6171" s="55">
        <f>Bühler!I6197</f>
        <v>0.1230305528836876</v>
      </c>
      <c r="J6171" s="58">
        <f>Bühler!J6197</f>
        <v>6.9285487747013494</v>
      </c>
      <c r="K6171" s="58">
        <f>Bühler!K6197</f>
        <v>0.571709436969975</v>
      </c>
      <c r="L6171" s="58">
        <f>Bühler!L6197</f>
        <v>0.2858547184849875</v>
      </c>
      <c r="M6171" s="57">
        <f>Bühler!M6197</f>
        <v>0</v>
      </c>
      <c r="N6171" s="55">
        <f>IF(Input!$K$13=1,J6171*Input!$J$13,0)+IF(Input!$K$14=1,K6171*Input!$J$14,0)+IF(Input!$K$15=1,L6171*Input!$J$15,0)+IF(Input!$K$16=1,M6171*Input!$J$16,0)</f>
        <v>0.83142585296416194</v>
      </c>
      <c r="O6171" s="58">
        <f>IF(Input!$K$13=2,J6171*Input!$J$13,0)+IF(Input!$K$14=2,K6171*Input!$J$14,0)+IF(Input!$K$15=2,L6171*Input!$J$15,0)+IF(Input!$K$16=2,M6171*Input!$J$16,0)</f>
        <v>7.7180773990946624E-2</v>
      </c>
      <c r="P6171" s="58">
        <f>IF(Input!$K$13=3,J6171*Input!$J$13,0)+IF(Input!$K$14=3,K6171*Input!$J$14,0)+IF(Input!$K$15=3,L6171*Input!$J$15,0)+IF(Input!$K$16=3,M6171*Input!$J$16,0)</f>
        <v>0</v>
      </c>
      <c r="Q6171" s="71">
        <f>IF(Input!$K$13=4,J6171*Input!$J$13,0)+IF(Input!$K$14=4,K6171*Input!$J$14,0)+IF(Input!$K$15=4,L6171*Input!$J$15,0)+IF(Input!$K$16=4,M6171*Input!$J$16,0)</f>
        <v>0</v>
      </c>
    </row>
    <row r="6172" spans="8:17" x14ac:dyDescent="0.25">
      <c r="H6172" s="43">
        <v>6165</v>
      </c>
      <c r="I6172" s="55">
        <f>Bühler!I6198</f>
        <v>0.1230305528836876</v>
      </c>
      <c r="J6172" s="58">
        <f>Bühler!J6198</f>
        <v>6.9285487747013494</v>
      </c>
      <c r="K6172" s="58">
        <f>Bühler!K6198</f>
        <v>0.571709436969975</v>
      </c>
      <c r="L6172" s="58">
        <f>Bühler!L6198</f>
        <v>0.2858547184849875</v>
      </c>
      <c r="M6172" s="57">
        <f>Bühler!M6198</f>
        <v>0</v>
      </c>
      <c r="N6172" s="55">
        <f>IF(Input!$K$13=1,J6172*Input!$J$13,0)+IF(Input!$K$14=1,K6172*Input!$J$14,0)+IF(Input!$K$15=1,L6172*Input!$J$15,0)+IF(Input!$K$16=1,M6172*Input!$J$16,0)</f>
        <v>0.83142585296416194</v>
      </c>
      <c r="O6172" s="58">
        <f>IF(Input!$K$13=2,J6172*Input!$J$13,0)+IF(Input!$K$14=2,K6172*Input!$J$14,0)+IF(Input!$K$15=2,L6172*Input!$J$15,0)+IF(Input!$K$16=2,M6172*Input!$J$16,0)</f>
        <v>7.7180773990946624E-2</v>
      </c>
      <c r="P6172" s="58">
        <f>IF(Input!$K$13=3,J6172*Input!$J$13,0)+IF(Input!$K$14=3,K6172*Input!$J$14,0)+IF(Input!$K$15=3,L6172*Input!$J$15,0)+IF(Input!$K$16=3,M6172*Input!$J$16,0)</f>
        <v>0</v>
      </c>
      <c r="Q6172" s="71">
        <f>IF(Input!$K$13=4,J6172*Input!$J$13,0)+IF(Input!$K$14=4,K6172*Input!$J$14,0)+IF(Input!$K$15=4,L6172*Input!$J$15,0)+IF(Input!$K$16=4,M6172*Input!$J$16,0)</f>
        <v>0</v>
      </c>
    </row>
    <row r="6173" spans="8:17" x14ac:dyDescent="0.25">
      <c r="H6173" s="43">
        <v>6166</v>
      </c>
      <c r="I6173" s="55">
        <f>Bühler!I6199</f>
        <v>0.1230305528836876</v>
      </c>
      <c r="J6173" s="58">
        <f>Bühler!J6199</f>
        <v>6.9285487747013494</v>
      </c>
      <c r="K6173" s="58">
        <f>Bühler!K6199</f>
        <v>0.571709436969975</v>
      </c>
      <c r="L6173" s="58">
        <f>Bühler!L6199</f>
        <v>0.2858547184849875</v>
      </c>
      <c r="M6173" s="57">
        <f>Bühler!M6199</f>
        <v>0</v>
      </c>
      <c r="N6173" s="55">
        <f>IF(Input!$K$13=1,J6173*Input!$J$13,0)+IF(Input!$K$14=1,K6173*Input!$J$14,0)+IF(Input!$K$15=1,L6173*Input!$J$15,0)+IF(Input!$K$16=1,M6173*Input!$J$16,0)</f>
        <v>0.83142585296416194</v>
      </c>
      <c r="O6173" s="58">
        <f>IF(Input!$K$13=2,J6173*Input!$J$13,0)+IF(Input!$K$14=2,K6173*Input!$J$14,0)+IF(Input!$K$15=2,L6173*Input!$J$15,0)+IF(Input!$K$16=2,M6173*Input!$J$16,0)</f>
        <v>7.7180773990946624E-2</v>
      </c>
      <c r="P6173" s="58">
        <f>IF(Input!$K$13=3,J6173*Input!$J$13,0)+IF(Input!$K$14=3,K6173*Input!$J$14,0)+IF(Input!$K$15=3,L6173*Input!$J$15,0)+IF(Input!$K$16=3,M6173*Input!$J$16,0)</f>
        <v>0</v>
      </c>
      <c r="Q6173" s="71">
        <f>IF(Input!$K$13=4,J6173*Input!$J$13,0)+IF(Input!$K$14=4,K6173*Input!$J$14,0)+IF(Input!$K$15=4,L6173*Input!$J$15,0)+IF(Input!$K$16=4,M6173*Input!$J$16,0)</f>
        <v>0</v>
      </c>
    </row>
    <row r="6174" spans="8:17" x14ac:dyDescent="0.25">
      <c r="H6174" s="43">
        <v>6167</v>
      </c>
      <c r="I6174" s="55">
        <f>Bühler!I6200</f>
        <v>0.1230305528836876</v>
      </c>
      <c r="J6174" s="58">
        <f>Bühler!J6200</f>
        <v>6.9285487747013494</v>
      </c>
      <c r="K6174" s="58">
        <f>Bühler!K6200</f>
        <v>0.571709436969975</v>
      </c>
      <c r="L6174" s="58">
        <f>Bühler!L6200</f>
        <v>0.2858547184849875</v>
      </c>
      <c r="M6174" s="57">
        <f>Bühler!M6200</f>
        <v>0</v>
      </c>
      <c r="N6174" s="55">
        <f>IF(Input!$K$13=1,J6174*Input!$J$13,0)+IF(Input!$K$14=1,K6174*Input!$J$14,0)+IF(Input!$K$15=1,L6174*Input!$J$15,0)+IF(Input!$K$16=1,M6174*Input!$J$16,0)</f>
        <v>0.83142585296416194</v>
      </c>
      <c r="O6174" s="58">
        <f>IF(Input!$K$13=2,J6174*Input!$J$13,0)+IF(Input!$K$14=2,K6174*Input!$J$14,0)+IF(Input!$K$15=2,L6174*Input!$J$15,0)+IF(Input!$K$16=2,M6174*Input!$J$16,0)</f>
        <v>7.7180773990946624E-2</v>
      </c>
      <c r="P6174" s="58">
        <f>IF(Input!$K$13=3,J6174*Input!$J$13,0)+IF(Input!$K$14=3,K6174*Input!$J$14,0)+IF(Input!$K$15=3,L6174*Input!$J$15,0)+IF(Input!$K$16=3,M6174*Input!$J$16,0)</f>
        <v>0</v>
      </c>
      <c r="Q6174" s="71">
        <f>IF(Input!$K$13=4,J6174*Input!$J$13,0)+IF(Input!$K$14=4,K6174*Input!$J$14,0)+IF(Input!$K$15=4,L6174*Input!$J$15,0)+IF(Input!$K$16=4,M6174*Input!$J$16,0)</f>
        <v>0</v>
      </c>
    </row>
    <row r="6175" spans="8:17" x14ac:dyDescent="0.25">
      <c r="H6175" s="43">
        <v>6168</v>
      </c>
      <c r="I6175" s="55">
        <f>Bühler!I6201</f>
        <v>0.1230305528836876</v>
      </c>
      <c r="J6175" s="58">
        <f>Bühler!J6201</f>
        <v>6.9285487747013494</v>
      </c>
      <c r="K6175" s="58">
        <f>Bühler!K6201</f>
        <v>0.571709436969975</v>
      </c>
      <c r="L6175" s="58">
        <f>Bühler!L6201</f>
        <v>0.2858547184849875</v>
      </c>
      <c r="M6175" s="57">
        <f>Bühler!M6201</f>
        <v>0</v>
      </c>
      <c r="N6175" s="55">
        <f>IF(Input!$K$13=1,J6175*Input!$J$13,0)+IF(Input!$K$14=1,K6175*Input!$J$14,0)+IF(Input!$K$15=1,L6175*Input!$J$15,0)+IF(Input!$K$16=1,M6175*Input!$J$16,0)</f>
        <v>0.83142585296416194</v>
      </c>
      <c r="O6175" s="58">
        <f>IF(Input!$K$13=2,J6175*Input!$J$13,0)+IF(Input!$K$14=2,K6175*Input!$J$14,0)+IF(Input!$K$15=2,L6175*Input!$J$15,0)+IF(Input!$K$16=2,M6175*Input!$J$16,0)</f>
        <v>7.7180773990946624E-2</v>
      </c>
      <c r="P6175" s="58">
        <f>IF(Input!$K$13=3,J6175*Input!$J$13,0)+IF(Input!$K$14=3,K6175*Input!$J$14,0)+IF(Input!$K$15=3,L6175*Input!$J$15,0)+IF(Input!$K$16=3,M6175*Input!$J$16,0)</f>
        <v>0</v>
      </c>
      <c r="Q6175" s="71">
        <f>IF(Input!$K$13=4,J6175*Input!$J$13,0)+IF(Input!$K$14=4,K6175*Input!$J$14,0)+IF(Input!$K$15=4,L6175*Input!$J$15,0)+IF(Input!$K$16=4,M6175*Input!$J$16,0)</f>
        <v>0</v>
      </c>
    </row>
    <row r="6176" spans="8:17" x14ac:dyDescent="0.25">
      <c r="H6176" s="43">
        <v>6169</v>
      </c>
      <c r="I6176" s="55">
        <f>Bühler!I6202</f>
        <v>0.20425766713481794</v>
      </c>
      <c r="J6176" s="58">
        <f>Bühler!J6202</f>
        <v>10.904177800145593</v>
      </c>
      <c r="K6176" s="58">
        <f>Bühler!K6202</f>
        <v>0.88555509476606564</v>
      </c>
      <c r="L6176" s="58">
        <f>Bühler!L6202</f>
        <v>0.44277754738303282</v>
      </c>
      <c r="M6176" s="57">
        <f>Bühler!M6202</f>
        <v>0</v>
      </c>
      <c r="N6176" s="55">
        <f>IF(Input!$K$13=1,J6176*Input!$J$13,0)+IF(Input!$K$14=1,K6176*Input!$J$14,0)+IF(Input!$K$15=1,L6176*Input!$J$15,0)+IF(Input!$K$16=1,M6176*Input!$J$16,0)</f>
        <v>1.3085013360174711</v>
      </c>
      <c r="O6176" s="58">
        <f>IF(Input!$K$13=2,J6176*Input!$J$13,0)+IF(Input!$K$14=2,K6176*Input!$J$14,0)+IF(Input!$K$15=2,L6176*Input!$J$15,0)+IF(Input!$K$16=2,M6176*Input!$J$16,0)</f>
        <v>0.11954993779341885</v>
      </c>
      <c r="P6176" s="58">
        <f>IF(Input!$K$13=3,J6176*Input!$J$13,0)+IF(Input!$K$14=3,K6176*Input!$J$14,0)+IF(Input!$K$15=3,L6176*Input!$J$15,0)+IF(Input!$K$16=3,M6176*Input!$J$16,0)</f>
        <v>0</v>
      </c>
      <c r="Q6176" s="71">
        <f>IF(Input!$K$13=4,J6176*Input!$J$13,0)+IF(Input!$K$14=4,K6176*Input!$J$14,0)+IF(Input!$K$15=4,L6176*Input!$J$15,0)+IF(Input!$K$16=4,M6176*Input!$J$16,0)</f>
        <v>0</v>
      </c>
    </row>
    <row r="6177" spans="8:17" x14ac:dyDescent="0.25">
      <c r="H6177" s="43">
        <v>6170</v>
      </c>
      <c r="I6177" s="55">
        <f>Bühler!I6203</f>
        <v>0.20425766713481794</v>
      </c>
      <c r="J6177" s="58">
        <f>Bühler!J6203</f>
        <v>6.6957631762139567</v>
      </c>
      <c r="K6177" s="58">
        <f>Bühler!K6203</f>
        <v>0.53670005743397919</v>
      </c>
      <c r="L6177" s="58">
        <f>Bühler!L6203</f>
        <v>0.2683500287169896</v>
      </c>
      <c r="M6177" s="57">
        <f>Bühler!M6203</f>
        <v>0</v>
      </c>
      <c r="N6177" s="55">
        <f>IF(Input!$K$13=1,J6177*Input!$J$13,0)+IF(Input!$K$14=1,K6177*Input!$J$14,0)+IF(Input!$K$15=1,L6177*Input!$J$15,0)+IF(Input!$K$16=1,M6177*Input!$J$16,0)</f>
        <v>0.80349158114567476</v>
      </c>
      <c r="O6177" s="58">
        <f>IF(Input!$K$13=2,J6177*Input!$J$13,0)+IF(Input!$K$14=2,K6177*Input!$J$14,0)+IF(Input!$K$15=2,L6177*Input!$J$15,0)+IF(Input!$K$16=2,M6177*Input!$J$16,0)</f>
        <v>7.2454507753587194E-2</v>
      </c>
      <c r="P6177" s="58">
        <f>IF(Input!$K$13=3,J6177*Input!$J$13,0)+IF(Input!$K$14=3,K6177*Input!$J$14,0)+IF(Input!$K$15=3,L6177*Input!$J$15,0)+IF(Input!$K$16=3,M6177*Input!$J$16,0)</f>
        <v>0</v>
      </c>
      <c r="Q6177" s="71">
        <f>IF(Input!$K$13=4,J6177*Input!$J$13,0)+IF(Input!$K$14=4,K6177*Input!$J$14,0)+IF(Input!$K$15=4,L6177*Input!$J$15,0)+IF(Input!$K$16=4,M6177*Input!$J$16,0)</f>
        <v>0</v>
      </c>
    </row>
    <row r="6178" spans="8:17" x14ac:dyDescent="0.25">
      <c r="H6178" s="43">
        <v>6171</v>
      </c>
      <c r="I6178" s="55">
        <f>Bühler!I6204</f>
        <v>0.20425766713481794</v>
      </c>
      <c r="J6178" s="58">
        <f>Bühler!J6204</f>
        <v>6.6957631762139567</v>
      </c>
      <c r="K6178" s="58">
        <f>Bühler!K6204</f>
        <v>0.53670005743397919</v>
      </c>
      <c r="L6178" s="58">
        <f>Bühler!L6204</f>
        <v>0.2683500287169896</v>
      </c>
      <c r="M6178" s="57">
        <f>Bühler!M6204</f>
        <v>0</v>
      </c>
      <c r="N6178" s="55">
        <f>IF(Input!$K$13=1,J6178*Input!$J$13,0)+IF(Input!$K$14=1,K6178*Input!$J$14,0)+IF(Input!$K$15=1,L6178*Input!$J$15,0)+IF(Input!$K$16=1,M6178*Input!$J$16,0)</f>
        <v>0.80349158114567476</v>
      </c>
      <c r="O6178" s="58">
        <f>IF(Input!$K$13=2,J6178*Input!$J$13,0)+IF(Input!$K$14=2,K6178*Input!$J$14,0)+IF(Input!$K$15=2,L6178*Input!$J$15,0)+IF(Input!$K$16=2,M6178*Input!$J$16,0)</f>
        <v>7.2454507753587194E-2</v>
      </c>
      <c r="P6178" s="58">
        <f>IF(Input!$K$13=3,J6178*Input!$J$13,0)+IF(Input!$K$14=3,K6178*Input!$J$14,0)+IF(Input!$K$15=3,L6178*Input!$J$15,0)+IF(Input!$K$16=3,M6178*Input!$J$16,0)</f>
        <v>0</v>
      </c>
      <c r="Q6178" s="71">
        <f>IF(Input!$K$13=4,J6178*Input!$J$13,0)+IF(Input!$K$14=4,K6178*Input!$J$14,0)+IF(Input!$K$15=4,L6178*Input!$J$15,0)+IF(Input!$K$16=4,M6178*Input!$J$16,0)</f>
        <v>0</v>
      </c>
    </row>
    <row r="6179" spans="8:17" x14ac:dyDescent="0.25">
      <c r="H6179" s="43">
        <v>6172</v>
      </c>
      <c r="I6179" s="55">
        <f>Bühler!I6205</f>
        <v>0.20425766713481794</v>
      </c>
      <c r="J6179" s="58">
        <f>Bühler!J6205</f>
        <v>6.6957631762139567</v>
      </c>
      <c r="K6179" s="58">
        <f>Bühler!K6205</f>
        <v>0.53670005743397919</v>
      </c>
      <c r="L6179" s="58">
        <f>Bühler!L6205</f>
        <v>0.2683500287169896</v>
      </c>
      <c r="M6179" s="57">
        <f>Bühler!M6205</f>
        <v>0</v>
      </c>
      <c r="N6179" s="55">
        <f>IF(Input!$K$13=1,J6179*Input!$J$13,0)+IF(Input!$K$14=1,K6179*Input!$J$14,0)+IF(Input!$K$15=1,L6179*Input!$J$15,0)+IF(Input!$K$16=1,M6179*Input!$J$16,0)</f>
        <v>0.80349158114567476</v>
      </c>
      <c r="O6179" s="58">
        <f>IF(Input!$K$13=2,J6179*Input!$J$13,0)+IF(Input!$K$14=2,K6179*Input!$J$14,0)+IF(Input!$K$15=2,L6179*Input!$J$15,0)+IF(Input!$K$16=2,M6179*Input!$J$16,0)</f>
        <v>7.2454507753587194E-2</v>
      </c>
      <c r="P6179" s="58">
        <f>IF(Input!$K$13=3,J6179*Input!$J$13,0)+IF(Input!$K$14=3,K6179*Input!$J$14,0)+IF(Input!$K$15=3,L6179*Input!$J$15,0)+IF(Input!$K$16=3,M6179*Input!$J$16,0)</f>
        <v>0</v>
      </c>
      <c r="Q6179" s="71">
        <f>IF(Input!$K$13=4,J6179*Input!$J$13,0)+IF(Input!$K$14=4,K6179*Input!$J$14,0)+IF(Input!$K$15=4,L6179*Input!$J$15,0)+IF(Input!$K$16=4,M6179*Input!$J$16,0)</f>
        <v>0</v>
      </c>
    </row>
    <row r="6180" spans="8:17" x14ac:dyDescent="0.25">
      <c r="H6180" s="43">
        <v>6173</v>
      </c>
      <c r="I6180" s="55">
        <f>Bühler!I6206</f>
        <v>0.20425766713481794</v>
      </c>
      <c r="J6180" s="58">
        <f>Bühler!J6206</f>
        <v>6.6957631762139567</v>
      </c>
      <c r="K6180" s="58">
        <f>Bühler!K6206</f>
        <v>0.53670005743397919</v>
      </c>
      <c r="L6180" s="58">
        <f>Bühler!L6206</f>
        <v>0.2683500287169896</v>
      </c>
      <c r="M6180" s="57">
        <f>Bühler!M6206</f>
        <v>0</v>
      </c>
      <c r="N6180" s="55">
        <f>IF(Input!$K$13=1,J6180*Input!$J$13,0)+IF(Input!$K$14=1,K6180*Input!$J$14,0)+IF(Input!$K$15=1,L6180*Input!$J$15,0)+IF(Input!$K$16=1,M6180*Input!$J$16,0)</f>
        <v>0.80349158114567476</v>
      </c>
      <c r="O6180" s="58">
        <f>IF(Input!$K$13=2,J6180*Input!$J$13,0)+IF(Input!$K$14=2,K6180*Input!$J$14,0)+IF(Input!$K$15=2,L6180*Input!$J$15,0)+IF(Input!$K$16=2,M6180*Input!$J$16,0)</f>
        <v>7.2454507753587194E-2</v>
      </c>
      <c r="P6180" s="58">
        <f>IF(Input!$K$13=3,J6180*Input!$J$13,0)+IF(Input!$K$14=3,K6180*Input!$J$14,0)+IF(Input!$K$15=3,L6180*Input!$J$15,0)+IF(Input!$K$16=3,M6180*Input!$J$16,0)</f>
        <v>0</v>
      </c>
      <c r="Q6180" s="71">
        <f>IF(Input!$K$13=4,J6180*Input!$J$13,0)+IF(Input!$K$14=4,K6180*Input!$J$14,0)+IF(Input!$K$15=4,L6180*Input!$J$15,0)+IF(Input!$K$16=4,M6180*Input!$J$16,0)</f>
        <v>0</v>
      </c>
    </row>
    <row r="6181" spans="8:17" x14ac:dyDescent="0.25">
      <c r="H6181" s="43">
        <v>6174</v>
      </c>
      <c r="I6181" s="55">
        <f>Bühler!I6207</f>
        <v>0.20425766713481794</v>
      </c>
      <c r="J6181" s="58">
        <f>Bühler!J6207</f>
        <v>6.6957631762139567</v>
      </c>
      <c r="K6181" s="58">
        <f>Bühler!K6207</f>
        <v>0.53670005743397919</v>
      </c>
      <c r="L6181" s="58">
        <f>Bühler!L6207</f>
        <v>0.2683500287169896</v>
      </c>
      <c r="M6181" s="57">
        <f>Bühler!M6207</f>
        <v>0</v>
      </c>
      <c r="N6181" s="55">
        <f>IF(Input!$K$13=1,J6181*Input!$J$13,0)+IF(Input!$K$14=1,K6181*Input!$J$14,0)+IF(Input!$K$15=1,L6181*Input!$J$15,0)+IF(Input!$K$16=1,M6181*Input!$J$16,0)</f>
        <v>0.80349158114567476</v>
      </c>
      <c r="O6181" s="58">
        <f>IF(Input!$K$13=2,J6181*Input!$J$13,0)+IF(Input!$K$14=2,K6181*Input!$J$14,0)+IF(Input!$K$15=2,L6181*Input!$J$15,0)+IF(Input!$K$16=2,M6181*Input!$J$16,0)</f>
        <v>7.2454507753587194E-2</v>
      </c>
      <c r="P6181" s="58">
        <f>IF(Input!$K$13=3,J6181*Input!$J$13,0)+IF(Input!$K$14=3,K6181*Input!$J$14,0)+IF(Input!$K$15=3,L6181*Input!$J$15,0)+IF(Input!$K$16=3,M6181*Input!$J$16,0)</f>
        <v>0</v>
      </c>
      <c r="Q6181" s="71">
        <f>IF(Input!$K$13=4,J6181*Input!$J$13,0)+IF(Input!$K$14=4,K6181*Input!$J$14,0)+IF(Input!$K$15=4,L6181*Input!$J$15,0)+IF(Input!$K$16=4,M6181*Input!$J$16,0)</f>
        <v>0</v>
      </c>
    </row>
    <row r="6182" spans="8:17" x14ac:dyDescent="0.25">
      <c r="H6182" s="43">
        <v>6175</v>
      </c>
      <c r="I6182" s="55">
        <f>Bühler!I6208</f>
        <v>0.20425766713481794</v>
      </c>
      <c r="J6182" s="58">
        <f>Bühler!J6208</f>
        <v>6.6957631762139567</v>
      </c>
      <c r="K6182" s="58">
        <f>Bühler!K6208</f>
        <v>0.53670005743397919</v>
      </c>
      <c r="L6182" s="58">
        <f>Bühler!L6208</f>
        <v>0.2683500287169896</v>
      </c>
      <c r="M6182" s="57">
        <f>Bühler!M6208</f>
        <v>0</v>
      </c>
      <c r="N6182" s="55">
        <f>IF(Input!$K$13=1,J6182*Input!$J$13,0)+IF(Input!$K$14=1,K6182*Input!$J$14,0)+IF(Input!$K$15=1,L6182*Input!$J$15,0)+IF(Input!$K$16=1,M6182*Input!$J$16,0)</f>
        <v>0.80349158114567476</v>
      </c>
      <c r="O6182" s="58">
        <f>IF(Input!$K$13=2,J6182*Input!$J$13,0)+IF(Input!$K$14=2,K6182*Input!$J$14,0)+IF(Input!$K$15=2,L6182*Input!$J$15,0)+IF(Input!$K$16=2,M6182*Input!$J$16,0)</f>
        <v>7.2454507753587194E-2</v>
      </c>
      <c r="P6182" s="58">
        <f>IF(Input!$K$13=3,J6182*Input!$J$13,0)+IF(Input!$K$14=3,K6182*Input!$J$14,0)+IF(Input!$K$15=3,L6182*Input!$J$15,0)+IF(Input!$K$16=3,M6182*Input!$J$16,0)</f>
        <v>0</v>
      </c>
      <c r="Q6182" s="71">
        <f>IF(Input!$K$13=4,J6182*Input!$J$13,0)+IF(Input!$K$14=4,K6182*Input!$J$14,0)+IF(Input!$K$15=4,L6182*Input!$J$15,0)+IF(Input!$K$16=4,M6182*Input!$J$16,0)</f>
        <v>0</v>
      </c>
    </row>
    <row r="6183" spans="8:17" x14ac:dyDescent="0.25">
      <c r="H6183" s="43">
        <v>6176</v>
      </c>
      <c r="I6183" s="55">
        <f>Bühler!I6209</f>
        <v>0.55347238836531309</v>
      </c>
      <c r="J6183" s="58">
        <f>Bühler!J6209</f>
        <v>28.180897084240019</v>
      </c>
      <c r="K6183" s="58">
        <f>Bühler!K6209</f>
        <v>2.2863422446687514</v>
      </c>
      <c r="L6183" s="58">
        <f>Bühler!L6209</f>
        <v>1.1431711223343757</v>
      </c>
      <c r="M6183" s="57">
        <f>Bühler!M6209</f>
        <v>0</v>
      </c>
      <c r="N6183" s="55">
        <f>IF(Input!$K$13=1,J6183*Input!$J$13,0)+IF(Input!$K$14=1,K6183*Input!$J$14,0)+IF(Input!$K$15=1,L6183*Input!$J$15,0)+IF(Input!$K$16=1,M6183*Input!$J$16,0)</f>
        <v>3.3817076501088024</v>
      </c>
      <c r="O6183" s="58">
        <f>IF(Input!$K$13=2,J6183*Input!$J$13,0)+IF(Input!$K$14=2,K6183*Input!$J$14,0)+IF(Input!$K$15=2,L6183*Input!$J$15,0)+IF(Input!$K$16=2,M6183*Input!$J$16,0)</f>
        <v>0.30865620303028141</v>
      </c>
      <c r="P6183" s="58">
        <f>IF(Input!$K$13=3,J6183*Input!$J$13,0)+IF(Input!$K$14=3,K6183*Input!$J$14,0)+IF(Input!$K$15=3,L6183*Input!$J$15,0)+IF(Input!$K$16=3,M6183*Input!$J$16,0)</f>
        <v>0</v>
      </c>
      <c r="Q6183" s="71">
        <f>IF(Input!$K$13=4,J6183*Input!$J$13,0)+IF(Input!$K$14=4,K6183*Input!$J$14,0)+IF(Input!$K$15=4,L6183*Input!$J$15,0)+IF(Input!$K$16=4,M6183*Input!$J$16,0)</f>
        <v>0</v>
      </c>
    </row>
    <row r="6184" spans="8:17" x14ac:dyDescent="0.25">
      <c r="H6184" s="43">
        <v>6177</v>
      </c>
      <c r="I6184" s="55">
        <f>Bühler!I6210</f>
        <v>0.69184048545664123</v>
      </c>
      <c r="J6184" s="58">
        <f>Bühler!J6210</f>
        <v>35.226121355300023</v>
      </c>
      <c r="K6184" s="58">
        <f>Bühler!K6210</f>
        <v>2.857927805835939</v>
      </c>
      <c r="L6184" s="58">
        <f>Bühler!L6210</f>
        <v>1.4289639029179695</v>
      </c>
      <c r="M6184" s="57">
        <f>Bühler!M6210</f>
        <v>0</v>
      </c>
      <c r="N6184" s="55">
        <f>IF(Input!$K$13=1,J6184*Input!$J$13,0)+IF(Input!$K$14=1,K6184*Input!$J$14,0)+IF(Input!$K$15=1,L6184*Input!$J$15,0)+IF(Input!$K$16=1,M6184*Input!$J$16,0)</f>
        <v>4.2271345626360031</v>
      </c>
      <c r="O6184" s="58">
        <f>IF(Input!$K$13=2,J6184*Input!$J$13,0)+IF(Input!$K$14=2,K6184*Input!$J$14,0)+IF(Input!$K$15=2,L6184*Input!$J$15,0)+IF(Input!$K$16=2,M6184*Input!$J$16,0)</f>
        <v>0.38582025378785173</v>
      </c>
      <c r="P6184" s="58">
        <f>IF(Input!$K$13=3,J6184*Input!$J$13,0)+IF(Input!$K$14=3,K6184*Input!$J$14,0)+IF(Input!$K$15=3,L6184*Input!$J$15,0)+IF(Input!$K$16=3,M6184*Input!$J$16,0)</f>
        <v>0</v>
      </c>
      <c r="Q6184" s="71">
        <f>IF(Input!$K$13=4,J6184*Input!$J$13,0)+IF(Input!$K$14=4,K6184*Input!$J$14,0)+IF(Input!$K$15=4,L6184*Input!$J$15,0)+IF(Input!$K$16=4,M6184*Input!$J$16,0)</f>
        <v>0</v>
      </c>
    </row>
    <row r="6185" spans="8:17" x14ac:dyDescent="0.25">
      <c r="H6185" s="43">
        <v>6178</v>
      </c>
      <c r="I6185" s="55">
        <f>Bühler!I6211</f>
        <v>0.76102453400230552</v>
      </c>
      <c r="J6185" s="58">
        <f>Bühler!J6211</f>
        <v>38.748733490830027</v>
      </c>
      <c r="K6185" s="58">
        <f>Bühler!K6211</f>
        <v>3.143720586419533</v>
      </c>
      <c r="L6185" s="58">
        <f>Bühler!L6211</f>
        <v>1.5718602932097665</v>
      </c>
      <c r="M6185" s="57">
        <f>Bühler!M6211</f>
        <v>0</v>
      </c>
      <c r="N6185" s="55">
        <f>IF(Input!$K$13=1,J6185*Input!$J$13,0)+IF(Input!$K$14=1,K6185*Input!$J$14,0)+IF(Input!$K$15=1,L6185*Input!$J$15,0)+IF(Input!$K$16=1,M6185*Input!$J$16,0)</f>
        <v>4.6498480188996032</v>
      </c>
      <c r="O6185" s="58">
        <f>IF(Input!$K$13=2,J6185*Input!$J$13,0)+IF(Input!$K$14=2,K6185*Input!$J$14,0)+IF(Input!$K$15=2,L6185*Input!$J$15,0)+IF(Input!$K$16=2,M6185*Input!$J$16,0)</f>
        <v>0.42440227916663692</v>
      </c>
      <c r="P6185" s="58">
        <f>IF(Input!$K$13=3,J6185*Input!$J$13,0)+IF(Input!$K$14=3,K6185*Input!$J$14,0)+IF(Input!$K$15=3,L6185*Input!$J$15,0)+IF(Input!$K$16=3,M6185*Input!$J$16,0)</f>
        <v>0</v>
      </c>
      <c r="Q6185" s="71">
        <f>IF(Input!$K$13=4,J6185*Input!$J$13,0)+IF(Input!$K$14=4,K6185*Input!$J$14,0)+IF(Input!$K$15=4,L6185*Input!$J$15,0)+IF(Input!$K$16=4,M6185*Input!$J$16,0)</f>
        <v>0</v>
      </c>
    </row>
    <row r="6186" spans="8:17" x14ac:dyDescent="0.25">
      <c r="H6186" s="43">
        <v>6179</v>
      </c>
      <c r="I6186" s="55">
        <f>Bühler!I6212</f>
        <v>0.76102453400230552</v>
      </c>
      <c r="J6186" s="58">
        <f>Bühler!J6212</f>
        <v>38.748733490830027</v>
      </c>
      <c r="K6186" s="58">
        <f>Bühler!K6212</f>
        <v>3.143720586419533</v>
      </c>
      <c r="L6186" s="58">
        <f>Bühler!L6212</f>
        <v>1.5718602932097665</v>
      </c>
      <c r="M6186" s="57">
        <f>Bühler!M6212</f>
        <v>0</v>
      </c>
      <c r="N6186" s="55">
        <f>IF(Input!$K$13=1,J6186*Input!$J$13,0)+IF(Input!$K$14=1,K6186*Input!$J$14,0)+IF(Input!$K$15=1,L6186*Input!$J$15,0)+IF(Input!$K$16=1,M6186*Input!$J$16,0)</f>
        <v>4.6498480188996032</v>
      </c>
      <c r="O6186" s="58">
        <f>IF(Input!$K$13=2,J6186*Input!$J$13,0)+IF(Input!$K$14=2,K6186*Input!$J$14,0)+IF(Input!$K$15=2,L6186*Input!$J$15,0)+IF(Input!$K$16=2,M6186*Input!$J$16,0)</f>
        <v>0.42440227916663692</v>
      </c>
      <c r="P6186" s="58">
        <f>IF(Input!$K$13=3,J6186*Input!$J$13,0)+IF(Input!$K$14=3,K6186*Input!$J$14,0)+IF(Input!$K$15=3,L6186*Input!$J$15,0)+IF(Input!$K$16=3,M6186*Input!$J$16,0)</f>
        <v>0</v>
      </c>
      <c r="Q6186" s="71">
        <f>IF(Input!$K$13=4,J6186*Input!$J$13,0)+IF(Input!$K$14=4,K6186*Input!$J$14,0)+IF(Input!$K$15=4,L6186*Input!$J$15,0)+IF(Input!$K$16=4,M6186*Input!$J$16,0)</f>
        <v>0</v>
      </c>
    </row>
    <row r="6187" spans="8:17" x14ac:dyDescent="0.25">
      <c r="H6187" s="43">
        <v>6180</v>
      </c>
      <c r="I6187" s="55">
        <f>Bühler!I6213</f>
        <v>0.89939263109363388</v>
      </c>
      <c r="J6187" s="58">
        <f>Bühler!J6213</f>
        <v>45.793957761890027</v>
      </c>
      <c r="K6187" s="58">
        <f>Bühler!K6213</f>
        <v>3.7153061475867202</v>
      </c>
      <c r="L6187" s="58">
        <f>Bühler!L6213</f>
        <v>1.8576530737933601</v>
      </c>
      <c r="M6187" s="57">
        <f>Bühler!M6213</f>
        <v>0</v>
      </c>
      <c r="N6187" s="55">
        <f>IF(Input!$K$13=1,J6187*Input!$J$13,0)+IF(Input!$K$14=1,K6187*Input!$J$14,0)+IF(Input!$K$15=1,L6187*Input!$J$15,0)+IF(Input!$K$16=1,M6187*Input!$J$16,0)</f>
        <v>5.4952749314268035</v>
      </c>
      <c r="O6187" s="58">
        <f>IF(Input!$K$13=2,J6187*Input!$J$13,0)+IF(Input!$K$14=2,K6187*Input!$J$14,0)+IF(Input!$K$15=2,L6187*Input!$J$15,0)+IF(Input!$K$16=2,M6187*Input!$J$16,0)</f>
        <v>0.50156632992420724</v>
      </c>
      <c r="P6187" s="58">
        <f>IF(Input!$K$13=3,J6187*Input!$J$13,0)+IF(Input!$K$14=3,K6187*Input!$J$14,0)+IF(Input!$K$15=3,L6187*Input!$J$15,0)+IF(Input!$K$16=3,M6187*Input!$J$16,0)</f>
        <v>0</v>
      </c>
      <c r="Q6187" s="71">
        <f>IF(Input!$K$13=4,J6187*Input!$J$13,0)+IF(Input!$K$14=4,K6187*Input!$J$14,0)+IF(Input!$K$15=4,L6187*Input!$J$15,0)+IF(Input!$K$16=4,M6187*Input!$J$16,0)</f>
        <v>0</v>
      </c>
    </row>
    <row r="6188" spans="8:17" x14ac:dyDescent="0.25">
      <c r="H6188" s="43">
        <v>6181</v>
      </c>
      <c r="I6188" s="55">
        <f>Bühler!I6214</f>
        <v>0.89939263109363388</v>
      </c>
      <c r="J6188" s="58">
        <f>Bühler!J6214</f>
        <v>45.793957761890027</v>
      </c>
      <c r="K6188" s="58">
        <f>Bühler!K6214</f>
        <v>3.7153061475867202</v>
      </c>
      <c r="L6188" s="58">
        <f>Bühler!L6214</f>
        <v>1.8576530737933601</v>
      </c>
      <c r="M6188" s="57">
        <f>Bühler!M6214</f>
        <v>0</v>
      </c>
      <c r="N6188" s="55">
        <f>IF(Input!$K$13=1,J6188*Input!$J$13,0)+IF(Input!$K$14=1,K6188*Input!$J$14,0)+IF(Input!$K$15=1,L6188*Input!$J$15,0)+IF(Input!$K$16=1,M6188*Input!$J$16,0)</f>
        <v>5.4952749314268035</v>
      </c>
      <c r="O6188" s="58">
        <f>IF(Input!$K$13=2,J6188*Input!$J$13,0)+IF(Input!$K$14=2,K6188*Input!$J$14,0)+IF(Input!$K$15=2,L6188*Input!$J$15,0)+IF(Input!$K$16=2,M6188*Input!$J$16,0)</f>
        <v>0.50156632992420724</v>
      </c>
      <c r="P6188" s="58">
        <f>IF(Input!$K$13=3,J6188*Input!$J$13,0)+IF(Input!$K$14=3,K6188*Input!$J$14,0)+IF(Input!$K$15=3,L6188*Input!$J$15,0)+IF(Input!$K$16=3,M6188*Input!$J$16,0)</f>
        <v>0</v>
      </c>
      <c r="Q6188" s="71">
        <f>IF(Input!$K$13=4,J6188*Input!$J$13,0)+IF(Input!$K$14=4,K6188*Input!$J$14,0)+IF(Input!$K$15=4,L6188*Input!$J$15,0)+IF(Input!$K$16=4,M6188*Input!$J$16,0)</f>
        <v>0</v>
      </c>
    </row>
    <row r="6189" spans="8:17" x14ac:dyDescent="0.25">
      <c r="H6189" s="43">
        <v>6182</v>
      </c>
      <c r="I6189" s="55">
        <f>Bühler!I6215</f>
        <v>0.62265643691097727</v>
      </c>
      <c r="J6189" s="58">
        <f>Bühler!J6215</f>
        <v>31.703509219770023</v>
      </c>
      <c r="K6189" s="58">
        <f>Bühler!K6215</f>
        <v>2.5721350252523454</v>
      </c>
      <c r="L6189" s="58">
        <f>Bühler!L6215</f>
        <v>1.2860675126261727</v>
      </c>
      <c r="M6189" s="57">
        <f>Bühler!M6215</f>
        <v>0</v>
      </c>
      <c r="N6189" s="55">
        <f>IF(Input!$K$13=1,J6189*Input!$J$13,0)+IF(Input!$K$14=1,K6189*Input!$J$14,0)+IF(Input!$K$15=1,L6189*Input!$J$15,0)+IF(Input!$K$16=1,M6189*Input!$J$16,0)</f>
        <v>3.8044211063724025</v>
      </c>
      <c r="O6189" s="58">
        <f>IF(Input!$K$13=2,J6189*Input!$J$13,0)+IF(Input!$K$14=2,K6189*Input!$J$14,0)+IF(Input!$K$15=2,L6189*Input!$J$15,0)+IF(Input!$K$16=2,M6189*Input!$J$16,0)</f>
        <v>0.3472382284090666</v>
      </c>
      <c r="P6189" s="58">
        <f>IF(Input!$K$13=3,J6189*Input!$J$13,0)+IF(Input!$K$14=3,K6189*Input!$J$14,0)+IF(Input!$K$15=3,L6189*Input!$J$15,0)+IF(Input!$K$16=3,M6189*Input!$J$16,0)</f>
        <v>0</v>
      </c>
      <c r="Q6189" s="71">
        <f>IF(Input!$K$13=4,J6189*Input!$J$13,0)+IF(Input!$K$14=4,K6189*Input!$J$14,0)+IF(Input!$K$15=4,L6189*Input!$J$15,0)+IF(Input!$K$16=4,M6189*Input!$J$16,0)</f>
        <v>0</v>
      </c>
    </row>
    <row r="6190" spans="8:17" x14ac:dyDescent="0.25">
      <c r="H6190" s="43">
        <v>6183</v>
      </c>
      <c r="I6190" s="55">
        <f>Bühler!I6216</f>
        <v>0.89939263109363388</v>
      </c>
      <c r="J6190" s="58">
        <f>Bühler!J6216</f>
        <v>45.793957761890027</v>
      </c>
      <c r="K6190" s="58">
        <f>Bühler!K6216</f>
        <v>3.7153061475867202</v>
      </c>
      <c r="L6190" s="58">
        <f>Bühler!L6216</f>
        <v>1.8576530737933601</v>
      </c>
      <c r="M6190" s="57">
        <f>Bühler!M6216</f>
        <v>0</v>
      </c>
      <c r="N6190" s="55">
        <f>IF(Input!$K$13=1,J6190*Input!$J$13,0)+IF(Input!$K$14=1,K6190*Input!$J$14,0)+IF(Input!$K$15=1,L6190*Input!$J$15,0)+IF(Input!$K$16=1,M6190*Input!$J$16,0)</f>
        <v>5.4952749314268035</v>
      </c>
      <c r="O6190" s="58">
        <f>IF(Input!$K$13=2,J6190*Input!$J$13,0)+IF(Input!$K$14=2,K6190*Input!$J$14,0)+IF(Input!$K$15=2,L6190*Input!$J$15,0)+IF(Input!$K$16=2,M6190*Input!$J$16,0)</f>
        <v>0.50156632992420724</v>
      </c>
      <c r="P6190" s="58">
        <f>IF(Input!$K$13=3,J6190*Input!$J$13,0)+IF(Input!$K$14=3,K6190*Input!$J$14,0)+IF(Input!$K$15=3,L6190*Input!$J$15,0)+IF(Input!$K$16=3,M6190*Input!$J$16,0)</f>
        <v>0</v>
      </c>
      <c r="Q6190" s="71">
        <f>IF(Input!$K$13=4,J6190*Input!$J$13,0)+IF(Input!$K$14=4,K6190*Input!$J$14,0)+IF(Input!$K$15=4,L6190*Input!$J$15,0)+IF(Input!$K$16=4,M6190*Input!$J$16,0)</f>
        <v>0</v>
      </c>
    </row>
    <row r="6191" spans="8:17" x14ac:dyDescent="0.25">
      <c r="H6191" s="43">
        <v>6184</v>
      </c>
      <c r="I6191" s="55">
        <f>Bühler!I6217</f>
        <v>0.76102453400230552</v>
      </c>
      <c r="J6191" s="58">
        <f>Bühler!J6217</f>
        <v>35.301070741224493</v>
      </c>
      <c r="K6191" s="58">
        <f>Bühler!K6217</f>
        <v>2.857927805835939</v>
      </c>
      <c r="L6191" s="58">
        <f>Bühler!L6217</f>
        <v>1.4289639029179695</v>
      </c>
      <c r="M6191" s="57">
        <f>Bühler!M6217</f>
        <v>0</v>
      </c>
      <c r="N6191" s="55">
        <f>IF(Input!$K$13=1,J6191*Input!$J$13,0)+IF(Input!$K$14=1,K6191*Input!$J$14,0)+IF(Input!$K$15=1,L6191*Input!$J$15,0)+IF(Input!$K$16=1,M6191*Input!$J$16,0)</f>
        <v>4.2361284889469388</v>
      </c>
      <c r="O6191" s="58">
        <f>IF(Input!$K$13=2,J6191*Input!$J$13,0)+IF(Input!$K$14=2,K6191*Input!$J$14,0)+IF(Input!$K$15=2,L6191*Input!$J$15,0)+IF(Input!$K$16=2,M6191*Input!$J$16,0)</f>
        <v>0.38582025378785173</v>
      </c>
      <c r="P6191" s="58">
        <f>IF(Input!$K$13=3,J6191*Input!$J$13,0)+IF(Input!$K$14=3,K6191*Input!$J$14,0)+IF(Input!$K$15=3,L6191*Input!$J$15,0)+IF(Input!$K$16=3,M6191*Input!$J$16,0)</f>
        <v>0</v>
      </c>
      <c r="Q6191" s="71">
        <f>IF(Input!$K$13=4,J6191*Input!$J$13,0)+IF(Input!$K$14=4,K6191*Input!$J$14,0)+IF(Input!$K$15=4,L6191*Input!$J$15,0)+IF(Input!$K$16=4,M6191*Input!$J$16,0)</f>
        <v>0</v>
      </c>
    </row>
    <row r="6192" spans="8:17" x14ac:dyDescent="0.25">
      <c r="H6192" s="43">
        <v>6185</v>
      </c>
      <c r="I6192" s="55">
        <f>Bühler!I6218</f>
        <v>0.65889570043489665</v>
      </c>
      <c r="J6192" s="58">
        <f>Bühler!J6218</f>
        <v>16.900013767515894</v>
      </c>
      <c r="K6192" s="58">
        <f>Bühler!K6218</f>
        <v>1.3417501435849479</v>
      </c>
      <c r="L6192" s="58">
        <f>Bühler!L6218</f>
        <v>0.67087507179247396</v>
      </c>
      <c r="M6192" s="57">
        <f>Bühler!M6218</f>
        <v>0</v>
      </c>
      <c r="N6192" s="55">
        <f>IF(Input!$K$13=1,J6192*Input!$J$13,0)+IF(Input!$K$14=1,K6192*Input!$J$14,0)+IF(Input!$K$15=1,L6192*Input!$J$15,0)+IF(Input!$K$16=1,M6192*Input!$J$16,0)</f>
        <v>2.0280016521019073</v>
      </c>
      <c r="O6192" s="58">
        <f>IF(Input!$K$13=2,J6192*Input!$J$13,0)+IF(Input!$K$14=2,K6192*Input!$J$14,0)+IF(Input!$K$15=2,L6192*Input!$J$15,0)+IF(Input!$K$16=2,M6192*Input!$J$16,0)</f>
        <v>0.18113626938396798</v>
      </c>
      <c r="P6192" s="58">
        <f>IF(Input!$K$13=3,J6192*Input!$J$13,0)+IF(Input!$K$14=3,K6192*Input!$J$14,0)+IF(Input!$K$15=3,L6192*Input!$J$15,0)+IF(Input!$K$16=3,M6192*Input!$J$16,0)</f>
        <v>0</v>
      </c>
      <c r="Q6192" s="71">
        <f>IF(Input!$K$13=4,J6192*Input!$J$13,0)+IF(Input!$K$14=4,K6192*Input!$J$14,0)+IF(Input!$K$15=4,L6192*Input!$J$15,0)+IF(Input!$K$16=4,M6192*Input!$J$16,0)</f>
        <v>0</v>
      </c>
    </row>
    <row r="6193" spans="8:17" x14ac:dyDescent="0.25">
      <c r="H6193" s="43">
        <v>6186</v>
      </c>
      <c r="I6193" s="55">
        <f>Bühler!I6219</f>
        <v>0.55347238836531309</v>
      </c>
      <c r="J6193" s="58">
        <f>Bühler!J6219</f>
        <v>11.282493748145297</v>
      </c>
      <c r="K6193" s="58">
        <f>Bühler!K6219</f>
        <v>0.88555509476606564</v>
      </c>
      <c r="L6193" s="58">
        <f>Bühler!L6219</f>
        <v>0.44277754738303282</v>
      </c>
      <c r="M6193" s="57">
        <f>Bühler!M6219</f>
        <v>0</v>
      </c>
      <c r="N6193" s="55">
        <f>IF(Input!$K$13=1,J6193*Input!$J$13,0)+IF(Input!$K$14=1,K6193*Input!$J$14,0)+IF(Input!$K$15=1,L6193*Input!$J$15,0)+IF(Input!$K$16=1,M6193*Input!$J$16,0)</f>
        <v>1.3538992497774356</v>
      </c>
      <c r="O6193" s="58">
        <f>IF(Input!$K$13=2,J6193*Input!$J$13,0)+IF(Input!$K$14=2,K6193*Input!$J$14,0)+IF(Input!$K$15=2,L6193*Input!$J$15,0)+IF(Input!$K$16=2,M6193*Input!$J$16,0)</f>
        <v>0.11954993779341885</v>
      </c>
      <c r="P6193" s="58">
        <f>IF(Input!$K$13=3,J6193*Input!$J$13,0)+IF(Input!$K$14=3,K6193*Input!$J$14,0)+IF(Input!$K$15=3,L6193*Input!$J$15,0)+IF(Input!$K$16=3,M6193*Input!$J$16,0)</f>
        <v>0</v>
      </c>
      <c r="Q6193" s="71">
        <f>IF(Input!$K$13=4,J6193*Input!$J$13,0)+IF(Input!$K$14=4,K6193*Input!$J$14,0)+IF(Input!$K$15=4,L6193*Input!$J$15,0)+IF(Input!$K$16=4,M6193*Input!$J$16,0)</f>
        <v>0</v>
      </c>
    </row>
    <row r="6194" spans="8:17" x14ac:dyDescent="0.25">
      <c r="H6194" s="43">
        <v>6187</v>
      </c>
      <c r="I6194" s="55">
        <f>Bühler!I6220</f>
        <v>0.20425766713481794</v>
      </c>
      <c r="J6194" s="58">
        <f>Bühler!J6220</f>
        <v>7.0194873780548512</v>
      </c>
      <c r="K6194" s="58">
        <f>Bühler!K6220</f>
        <v>0.56353506030567813</v>
      </c>
      <c r="L6194" s="58">
        <f>Bühler!L6220</f>
        <v>0.28176753015283906</v>
      </c>
      <c r="M6194" s="57">
        <f>Bühler!M6220</f>
        <v>0</v>
      </c>
      <c r="N6194" s="55">
        <f>IF(Input!$K$13=1,J6194*Input!$J$13,0)+IF(Input!$K$14=1,K6194*Input!$J$14,0)+IF(Input!$K$15=1,L6194*Input!$J$15,0)+IF(Input!$K$16=1,M6194*Input!$J$16,0)</f>
        <v>0.84233848536658207</v>
      </c>
      <c r="O6194" s="58">
        <f>IF(Input!$K$13=2,J6194*Input!$J$13,0)+IF(Input!$K$14=2,K6194*Input!$J$14,0)+IF(Input!$K$15=2,L6194*Input!$J$15,0)+IF(Input!$K$16=2,M6194*Input!$J$16,0)</f>
        <v>7.6077233141266548E-2</v>
      </c>
      <c r="P6194" s="58">
        <f>IF(Input!$K$13=3,J6194*Input!$J$13,0)+IF(Input!$K$14=3,K6194*Input!$J$14,0)+IF(Input!$K$15=3,L6194*Input!$J$15,0)+IF(Input!$K$16=3,M6194*Input!$J$16,0)</f>
        <v>0</v>
      </c>
      <c r="Q6194" s="71">
        <f>IF(Input!$K$13=4,J6194*Input!$J$13,0)+IF(Input!$K$14=4,K6194*Input!$J$14,0)+IF(Input!$K$15=4,L6194*Input!$J$15,0)+IF(Input!$K$16=4,M6194*Input!$J$16,0)</f>
        <v>0</v>
      </c>
    </row>
    <row r="6195" spans="8:17" x14ac:dyDescent="0.25">
      <c r="H6195" s="43">
        <v>6188</v>
      </c>
      <c r="I6195" s="55">
        <f>Bühler!I6221</f>
        <v>0.20425766713481794</v>
      </c>
      <c r="J6195" s="58">
        <f>Bühler!J6221</f>
        <v>6.6957631762139567</v>
      </c>
      <c r="K6195" s="58">
        <f>Bühler!K6221</f>
        <v>0.53670005743397919</v>
      </c>
      <c r="L6195" s="58">
        <f>Bühler!L6221</f>
        <v>0.2683500287169896</v>
      </c>
      <c r="M6195" s="57">
        <f>Bühler!M6221</f>
        <v>0</v>
      </c>
      <c r="N6195" s="55">
        <f>IF(Input!$K$13=1,J6195*Input!$J$13,0)+IF(Input!$K$14=1,K6195*Input!$J$14,0)+IF(Input!$K$15=1,L6195*Input!$J$15,0)+IF(Input!$K$16=1,M6195*Input!$J$16,0)</f>
        <v>0.80349158114567476</v>
      </c>
      <c r="O6195" s="58">
        <f>IF(Input!$K$13=2,J6195*Input!$J$13,0)+IF(Input!$K$14=2,K6195*Input!$J$14,0)+IF(Input!$K$15=2,L6195*Input!$J$15,0)+IF(Input!$K$16=2,M6195*Input!$J$16,0)</f>
        <v>7.2454507753587194E-2</v>
      </c>
      <c r="P6195" s="58">
        <f>IF(Input!$K$13=3,J6195*Input!$J$13,0)+IF(Input!$K$14=3,K6195*Input!$J$14,0)+IF(Input!$K$15=3,L6195*Input!$J$15,0)+IF(Input!$K$16=3,M6195*Input!$J$16,0)</f>
        <v>0</v>
      </c>
      <c r="Q6195" s="71">
        <f>IF(Input!$K$13=4,J6195*Input!$J$13,0)+IF(Input!$K$14=4,K6195*Input!$J$14,0)+IF(Input!$K$15=4,L6195*Input!$J$15,0)+IF(Input!$K$16=4,M6195*Input!$J$16,0)</f>
        <v>0</v>
      </c>
    </row>
    <row r="6196" spans="8:17" x14ac:dyDescent="0.25">
      <c r="H6196" s="43">
        <v>6189</v>
      </c>
      <c r="I6196" s="55">
        <f>Bühler!I6222</f>
        <v>0.20425766713481794</v>
      </c>
      <c r="J6196" s="58">
        <f>Bühler!J6222</f>
        <v>6.6957631762139567</v>
      </c>
      <c r="K6196" s="58">
        <f>Bühler!K6222</f>
        <v>0.53670005743397919</v>
      </c>
      <c r="L6196" s="58">
        <f>Bühler!L6222</f>
        <v>0.2683500287169896</v>
      </c>
      <c r="M6196" s="57">
        <f>Bühler!M6222</f>
        <v>0</v>
      </c>
      <c r="N6196" s="55">
        <f>IF(Input!$K$13=1,J6196*Input!$J$13,0)+IF(Input!$K$14=1,K6196*Input!$J$14,0)+IF(Input!$K$15=1,L6196*Input!$J$15,0)+IF(Input!$K$16=1,M6196*Input!$J$16,0)</f>
        <v>0.80349158114567476</v>
      </c>
      <c r="O6196" s="58">
        <f>IF(Input!$K$13=2,J6196*Input!$J$13,0)+IF(Input!$K$14=2,K6196*Input!$J$14,0)+IF(Input!$K$15=2,L6196*Input!$J$15,0)+IF(Input!$K$16=2,M6196*Input!$J$16,0)</f>
        <v>7.2454507753587194E-2</v>
      </c>
      <c r="P6196" s="58">
        <f>IF(Input!$K$13=3,J6196*Input!$J$13,0)+IF(Input!$K$14=3,K6196*Input!$J$14,0)+IF(Input!$K$15=3,L6196*Input!$J$15,0)+IF(Input!$K$16=3,M6196*Input!$J$16,0)</f>
        <v>0</v>
      </c>
      <c r="Q6196" s="71">
        <f>IF(Input!$K$13=4,J6196*Input!$J$13,0)+IF(Input!$K$14=4,K6196*Input!$J$14,0)+IF(Input!$K$15=4,L6196*Input!$J$15,0)+IF(Input!$K$16=4,M6196*Input!$J$16,0)</f>
        <v>0</v>
      </c>
    </row>
    <row r="6197" spans="8:17" x14ac:dyDescent="0.25">
      <c r="H6197" s="43">
        <v>6190</v>
      </c>
      <c r="I6197" s="55">
        <f>Bühler!I6223</f>
        <v>0.20425766713481794</v>
      </c>
      <c r="J6197" s="58">
        <f>Bühler!J6223</f>
        <v>6.6957631762139567</v>
      </c>
      <c r="K6197" s="58">
        <f>Bühler!K6223</f>
        <v>0.53670005743397919</v>
      </c>
      <c r="L6197" s="58">
        <f>Bühler!L6223</f>
        <v>0.2683500287169896</v>
      </c>
      <c r="M6197" s="57">
        <f>Bühler!M6223</f>
        <v>0</v>
      </c>
      <c r="N6197" s="55">
        <f>IF(Input!$K$13=1,J6197*Input!$J$13,0)+IF(Input!$K$14=1,K6197*Input!$J$14,0)+IF(Input!$K$15=1,L6197*Input!$J$15,0)+IF(Input!$K$16=1,M6197*Input!$J$16,0)</f>
        <v>0.80349158114567476</v>
      </c>
      <c r="O6197" s="58">
        <f>IF(Input!$K$13=2,J6197*Input!$J$13,0)+IF(Input!$K$14=2,K6197*Input!$J$14,0)+IF(Input!$K$15=2,L6197*Input!$J$15,0)+IF(Input!$K$16=2,M6197*Input!$J$16,0)</f>
        <v>7.2454507753587194E-2</v>
      </c>
      <c r="P6197" s="58">
        <f>IF(Input!$K$13=3,J6197*Input!$J$13,0)+IF(Input!$K$14=3,K6197*Input!$J$14,0)+IF(Input!$K$15=3,L6197*Input!$J$15,0)+IF(Input!$K$16=3,M6197*Input!$J$16,0)</f>
        <v>0</v>
      </c>
      <c r="Q6197" s="71">
        <f>IF(Input!$K$13=4,J6197*Input!$J$13,0)+IF(Input!$K$14=4,K6197*Input!$J$14,0)+IF(Input!$K$15=4,L6197*Input!$J$15,0)+IF(Input!$K$16=4,M6197*Input!$J$16,0)</f>
        <v>0</v>
      </c>
    </row>
    <row r="6198" spans="8:17" x14ac:dyDescent="0.25">
      <c r="H6198" s="43">
        <v>6191</v>
      </c>
      <c r="I6198" s="55">
        <f>Bühler!I6224</f>
        <v>0.20425766713481794</v>
      </c>
      <c r="J6198" s="58">
        <f>Bühler!J6224</f>
        <v>6.6957631762139567</v>
      </c>
      <c r="K6198" s="58">
        <f>Bühler!K6224</f>
        <v>0.53670005743397919</v>
      </c>
      <c r="L6198" s="58">
        <f>Bühler!L6224</f>
        <v>0.2683500287169896</v>
      </c>
      <c r="M6198" s="57">
        <f>Bühler!M6224</f>
        <v>0</v>
      </c>
      <c r="N6198" s="55">
        <f>IF(Input!$K$13=1,J6198*Input!$J$13,0)+IF(Input!$K$14=1,K6198*Input!$J$14,0)+IF(Input!$K$15=1,L6198*Input!$J$15,0)+IF(Input!$K$16=1,M6198*Input!$J$16,0)</f>
        <v>0.80349158114567476</v>
      </c>
      <c r="O6198" s="58">
        <f>IF(Input!$K$13=2,J6198*Input!$J$13,0)+IF(Input!$K$14=2,K6198*Input!$J$14,0)+IF(Input!$K$15=2,L6198*Input!$J$15,0)+IF(Input!$K$16=2,M6198*Input!$J$16,0)</f>
        <v>7.2454507753587194E-2</v>
      </c>
      <c r="P6198" s="58">
        <f>IF(Input!$K$13=3,J6198*Input!$J$13,0)+IF(Input!$K$14=3,K6198*Input!$J$14,0)+IF(Input!$K$15=3,L6198*Input!$J$15,0)+IF(Input!$K$16=3,M6198*Input!$J$16,0)</f>
        <v>0</v>
      </c>
      <c r="Q6198" s="71">
        <f>IF(Input!$K$13=4,J6198*Input!$J$13,0)+IF(Input!$K$14=4,K6198*Input!$J$14,0)+IF(Input!$K$15=4,L6198*Input!$J$15,0)+IF(Input!$K$16=4,M6198*Input!$J$16,0)</f>
        <v>0</v>
      </c>
    </row>
    <row r="6199" spans="8:17" x14ac:dyDescent="0.25">
      <c r="H6199" s="43">
        <v>6192</v>
      </c>
      <c r="I6199" s="55">
        <f>Bühler!I6225</f>
        <v>0.20425766713481794</v>
      </c>
      <c r="J6199" s="58">
        <f>Bühler!J6225</f>
        <v>6.6957631762139567</v>
      </c>
      <c r="K6199" s="58">
        <f>Bühler!K6225</f>
        <v>0.53670005743397919</v>
      </c>
      <c r="L6199" s="58">
        <f>Bühler!L6225</f>
        <v>0.2683500287169896</v>
      </c>
      <c r="M6199" s="57">
        <f>Bühler!M6225</f>
        <v>0</v>
      </c>
      <c r="N6199" s="55">
        <f>IF(Input!$K$13=1,J6199*Input!$J$13,0)+IF(Input!$K$14=1,K6199*Input!$J$14,0)+IF(Input!$K$15=1,L6199*Input!$J$15,0)+IF(Input!$K$16=1,M6199*Input!$J$16,0)</f>
        <v>0.80349158114567476</v>
      </c>
      <c r="O6199" s="58">
        <f>IF(Input!$K$13=2,J6199*Input!$J$13,0)+IF(Input!$K$14=2,K6199*Input!$J$14,0)+IF(Input!$K$15=2,L6199*Input!$J$15,0)+IF(Input!$K$16=2,M6199*Input!$J$16,0)</f>
        <v>7.2454507753587194E-2</v>
      </c>
      <c r="P6199" s="58">
        <f>IF(Input!$K$13=3,J6199*Input!$J$13,0)+IF(Input!$K$14=3,K6199*Input!$J$14,0)+IF(Input!$K$15=3,L6199*Input!$J$15,0)+IF(Input!$K$16=3,M6199*Input!$J$16,0)</f>
        <v>0</v>
      </c>
      <c r="Q6199" s="71">
        <f>IF(Input!$K$13=4,J6199*Input!$J$13,0)+IF(Input!$K$14=4,K6199*Input!$J$14,0)+IF(Input!$K$15=4,L6199*Input!$J$15,0)+IF(Input!$K$16=4,M6199*Input!$J$16,0)</f>
        <v>0</v>
      </c>
    </row>
    <row r="6200" spans="8:17" x14ac:dyDescent="0.25">
      <c r="H6200" s="43">
        <v>6193</v>
      </c>
      <c r="I6200" s="55">
        <f>Bühler!I6226</f>
        <v>8.4895199649983419E-2</v>
      </c>
      <c r="J6200" s="58">
        <f>Bühler!J6226</f>
        <v>4.4937601112904568</v>
      </c>
      <c r="K6200" s="58">
        <f>Bühler!K6226</f>
        <v>0.24096778165612553</v>
      </c>
      <c r="L6200" s="58">
        <f>Bühler!L6226</f>
        <v>0.12048389082806277</v>
      </c>
      <c r="M6200" s="57">
        <f>Bühler!M6226</f>
        <v>0</v>
      </c>
      <c r="N6200" s="55">
        <f>IF(Input!$K$13=1,J6200*Input!$J$13,0)+IF(Input!$K$14=1,K6200*Input!$J$14,0)+IF(Input!$K$15=1,L6200*Input!$J$15,0)+IF(Input!$K$16=1,M6200*Input!$J$16,0)</f>
        <v>0.53925121335485482</v>
      </c>
      <c r="O6200" s="58">
        <f>IF(Input!$K$13=2,J6200*Input!$J$13,0)+IF(Input!$K$14=2,K6200*Input!$J$14,0)+IF(Input!$K$15=2,L6200*Input!$J$15,0)+IF(Input!$K$16=2,M6200*Input!$J$16,0)</f>
        <v>3.2530650523576947E-2</v>
      </c>
      <c r="P6200" s="58">
        <f>IF(Input!$K$13=3,J6200*Input!$J$13,0)+IF(Input!$K$14=3,K6200*Input!$J$14,0)+IF(Input!$K$15=3,L6200*Input!$J$15,0)+IF(Input!$K$16=3,M6200*Input!$J$16,0)</f>
        <v>0</v>
      </c>
      <c r="Q6200" s="71">
        <f>IF(Input!$K$13=4,J6200*Input!$J$13,0)+IF(Input!$K$14=4,K6200*Input!$J$14,0)+IF(Input!$K$15=4,L6200*Input!$J$15,0)+IF(Input!$K$16=4,M6200*Input!$J$16,0)</f>
        <v>0</v>
      </c>
    </row>
    <row r="6201" spans="8:17" x14ac:dyDescent="0.25">
      <c r="H6201" s="43">
        <v>6194</v>
      </c>
      <c r="I6201" s="55">
        <f>Bühler!I6227</f>
        <v>0.16574777074520575</v>
      </c>
      <c r="J6201" s="58">
        <f>Bühler!J6227</f>
        <v>4.1081963617108705</v>
      </c>
      <c r="K6201" s="58">
        <f>Bühler!K6227</f>
        <v>0.216871003490513</v>
      </c>
      <c r="L6201" s="58">
        <f>Bühler!L6227</f>
        <v>0.1084355017452565</v>
      </c>
      <c r="M6201" s="57">
        <f>Bühler!M6227</f>
        <v>0</v>
      </c>
      <c r="N6201" s="55">
        <f>IF(Input!$K$13=1,J6201*Input!$J$13,0)+IF(Input!$K$14=1,K6201*Input!$J$14,0)+IF(Input!$K$15=1,L6201*Input!$J$15,0)+IF(Input!$K$16=1,M6201*Input!$J$16,0)</f>
        <v>0.49298356340530447</v>
      </c>
      <c r="O6201" s="58">
        <f>IF(Input!$K$13=2,J6201*Input!$J$13,0)+IF(Input!$K$14=2,K6201*Input!$J$14,0)+IF(Input!$K$15=2,L6201*Input!$J$15,0)+IF(Input!$K$16=2,M6201*Input!$J$16,0)</f>
        <v>2.9277585471219253E-2</v>
      </c>
      <c r="P6201" s="58">
        <f>IF(Input!$K$13=3,J6201*Input!$J$13,0)+IF(Input!$K$14=3,K6201*Input!$J$14,0)+IF(Input!$K$15=3,L6201*Input!$J$15,0)+IF(Input!$K$16=3,M6201*Input!$J$16,0)</f>
        <v>0</v>
      </c>
      <c r="Q6201" s="71">
        <f>IF(Input!$K$13=4,J6201*Input!$J$13,0)+IF(Input!$K$14=4,K6201*Input!$J$14,0)+IF(Input!$K$15=4,L6201*Input!$J$15,0)+IF(Input!$K$16=4,M6201*Input!$J$16,0)</f>
        <v>0</v>
      </c>
    </row>
    <row r="6202" spans="8:17" x14ac:dyDescent="0.25">
      <c r="H6202" s="43">
        <v>6195</v>
      </c>
      <c r="I6202" s="55">
        <f>Bühler!I6228</f>
        <v>0.16574777074520575</v>
      </c>
      <c r="J6202" s="58">
        <f>Bühler!J6228</f>
        <v>4.1081963617108705</v>
      </c>
      <c r="K6202" s="58">
        <f>Bühler!K6228</f>
        <v>0.216871003490513</v>
      </c>
      <c r="L6202" s="58">
        <f>Bühler!L6228</f>
        <v>0.1084355017452565</v>
      </c>
      <c r="M6202" s="57">
        <f>Bühler!M6228</f>
        <v>0</v>
      </c>
      <c r="N6202" s="55">
        <f>IF(Input!$K$13=1,J6202*Input!$J$13,0)+IF(Input!$K$14=1,K6202*Input!$J$14,0)+IF(Input!$K$15=1,L6202*Input!$J$15,0)+IF(Input!$K$16=1,M6202*Input!$J$16,0)</f>
        <v>0.49298356340530447</v>
      </c>
      <c r="O6202" s="58">
        <f>IF(Input!$K$13=2,J6202*Input!$J$13,0)+IF(Input!$K$14=2,K6202*Input!$J$14,0)+IF(Input!$K$15=2,L6202*Input!$J$15,0)+IF(Input!$K$16=2,M6202*Input!$J$16,0)</f>
        <v>2.9277585471219253E-2</v>
      </c>
      <c r="P6202" s="58">
        <f>IF(Input!$K$13=3,J6202*Input!$J$13,0)+IF(Input!$K$14=3,K6202*Input!$J$14,0)+IF(Input!$K$15=3,L6202*Input!$J$15,0)+IF(Input!$K$16=3,M6202*Input!$J$16,0)</f>
        <v>0</v>
      </c>
      <c r="Q6202" s="71">
        <f>IF(Input!$K$13=4,J6202*Input!$J$13,0)+IF(Input!$K$14=4,K6202*Input!$J$14,0)+IF(Input!$K$15=4,L6202*Input!$J$15,0)+IF(Input!$K$16=4,M6202*Input!$J$16,0)</f>
        <v>0</v>
      </c>
    </row>
    <row r="6203" spans="8:17" x14ac:dyDescent="0.25">
      <c r="H6203" s="43">
        <v>6196</v>
      </c>
      <c r="I6203" s="55">
        <f>Bühler!I6229</f>
        <v>0.16574777074520575</v>
      </c>
      <c r="J6203" s="58">
        <f>Bühler!J6229</f>
        <v>4.1081963617108705</v>
      </c>
      <c r="K6203" s="58">
        <f>Bühler!K6229</f>
        <v>0.216871003490513</v>
      </c>
      <c r="L6203" s="58">
        <f>Bühler!L6229</f>
        <v>0.1084355017452565</v>
      </c>
      <c r="M6203" s="57">
        <f>Bühler!M6229</f>
        <v>0</v>
      </c>
      <c r="N6203" s="55">
        <f>IF(Input!$K$13=1,J6203*Input!$J$13,0)+IF(Input!$K$14=1,K6203*Input!$J$14,0)+IF(Input!$K$15=1,L6203*Input!$J$15,0)+IF(Input!$K$16=1,M6203*Input!$J$16,0)</f>
        <v>0.49298356340530447</v>
      </c>
      <c r="O6203" s="58">
        <f>IF(Input!$K$13=2,J6203*Input!$J$13,0)+IF(Input!$K$14=2,K6203*Input!$J$14,0)+IF(Input!$K$15=2,L6203*Input!$J$15,0)+IF(Input!$K$16=2,M6203*Input!$J$16,0)</f>
        <v>2.9277585471219253E-2</v>
      </c>
      <c r="P6203" s="58">
        <f>IF(Input!$K$13=3,J6203*Input!$J$13,0)+IF(Input!$K$14=3,K6203*Input!$J$14,0)+IF(Input!$K$15=3,L6203*Input!$J$15,0)+IF(Input!$K$16=3,M6203*Input!$J$16,0)</f>
        <v>0</v>
      </c>
      <c r="Q6203" s="71">
        <f>IF(Input!$K$13=4,J6203*Input!$J$13,0)+IF(Input!$K$14=4,K6203*Input!$J$14,0)+IF(Input!$K$15=4,L6203*Input!$J$15,0)+IF(Input!$K$16=4,M6203*Input!$J$16,0)</f>
        <v>0</v>
      </c>
    </row>
    <row r="6204" spans="8:17" x14ac:dyDescent="0.25">
      <c r="H6204" s="43">
        <v>6197</v>
      </c>
      <c r="I6204" s="55">
        <f>Bühler!I6230</f>
        <v>0.16574777074520575</v>
      </c>
      <c r="J6204" s="58">
        <f>Bühler!J6230</f>
        <v>4.1081963617108705</v>
      </c>
      <c r="K6204" s="58">
        <f>Bühler!K6230</f>
        <v>0.216871003490513</v>
      </c>
      <c r="L6204" s="58">
        <f>Bühler!L6230</f>
        <v>0.1084355017452565</v>
      </c>
      <c r="M6204" s="57">
        <f>Bühler!M6230</f>
        <v>0</v>
      </c>
      <c r="N6204" s="55">
        <f>IF(Input!$K$13=1,J6204*Input!$J$13,0)+IF(Input!$K$14=1,K6204*Input!$J$14,0)+IF(Input!$K$15=1,L6204*Input!$J$15,0)+IF(Input!$K$16=1,M6204*Input!$J$16,0)</f>
        <v>0.49298356340530447</v>
      </c>
      <c r="O6204" s="58">
        <f>IF(Input!$K$13=2,J6204*Input!$J$13,0)+IF(Input!$K$14=2,K6204*Input!$J$14,0)+IF(Input!$K$15=2,L6204*Input!$J$15,0)+IF(Input!$K$16=2,M6204*Input!$J$16,0)</f>
        <v>2.9277585471219253E-2</v>
      </c>
      <c r="P6204" s="58">
        <f>IF(Input!$K$13=3,J6204*Input!$J$13,0)+IF(Input!$K$14=3,K6204*Input!$J$14,0)+IF(Input!$K$15=3,L6204*Input!$J$15,0)+IF(Input!$K$16=3,M6204*Input!$J$16,0)</f>
        <v>0</v>
      </c>
      <c r="Q6204" s="71">
        <f>IF(Input!$K$13=4,J6204*Input!$J$13,0)+IF(Input!$K$14=4,K6204*Input!$J$14,0)+IF(Input!$K$15=4,L6204*Input!$J$15,0)+IF(Input!$K$16=4,M6204*Input!$J$16,0)</f>
        <v>0</v>
      </c>
    </row>
    <row r="6205" spans="8:17" x14ac:dyDescent="0.25">
      <c r="H6205" s="43">
        <v>6198</v>
      </c>
      <c r="I6205" s="55">
        <f>Bühler!I6231</f>
        <v>0.2061740562928169</v>
      </c>
      <c r="J6205" s="58">
        <f>Bühler!J6231</f>
        <v>4.109880790275354</v>
      </c>
      <c r="K6205" s="58">
        <f>Bühler!K6231</f>
        <v>0.216871003490513</v>
      </c>
      <c r="L6205" s="58">
        <f>Bühler!L6231</f>
        <v>0.1084355017452565</v>
      </c>
      <c r="M6205" s="57">
        <f>Bühler!M6231</f>
        <v>0</v>
      </c>
      <c r="N6205" s="55">
        <f>IF(Input!$K$13=1,J6205*Input!$J$13,0)+IF(Input!$K$14=1,K6205*Input!$J$14,0)+IF(Input!$K$15=1,L6205*Input!$J$15,0)+IF(Input!$K$16=1,M6205*Input!$J$16,0)</f>
        <v>0.49318569483304248</v>
      </c>
      <c r="O6205" s="58">
        <f>IF(Input!$K$13=2,J6205*Input!$J$13,0)+IF(Input!$K$14=2,K6205*Input!$J$14,0)+IF(Input!$K$15=2,L6205*Input!$J$15,0)+IF(Input!$K$16=2,M6205*Input!$J$16,0)</f>
        <v>2.9277585471219253E-2</v>
      </c>
      <c r="P6205" s="58">
        <f>IF(Input!$K$13=3,J6205*Input!$J$13,0)+IF(Input!$K$14=3,K6205*Input!$J$14,0)+IF(Input!$K$15=3,L6205*Input!$J$15,0)+IF(Input!$K$16=3,M6205*Input!$J$16,0)</f>
        <v>0</v>
      </c>
      <c r="Q6205" s="71">
        <f>IF(Input!$K$13=4,J6205*Input!$J$13,0)+IF(Input!$K$14=4,K6205*Input!$J$14,0)+IF(Input!$K$15=4,L6205*Input!$J$15,0)+IF(Input!$K$16=4,M6205*Input!$J$16,0)</f>
        <v>0</v>
      </c>
    </row>
    <row r="6206" spans="8:17" x14ac:dyDescent="0.25">
      <c r="H6206" s="43">
        <v>6199</v>
      </c>
      <c r="I6206" s="55">
        <f>Bühler!I6232</f>
        <v>0.25872822750471136</v>
      </c>
      <c r="J6206" s="58">
        <f>Bühler!J6232</f>
        <v>4.112070547409183</v>
      </c>
      <c r="K6206" s="58">
        <f>Bühler!K6232</f>
        <v>0.216871003490513</v>
      </c>
      <c r="L6206" s="58">
        <f>Bühler!L6232</f>
        <v>0.1084355017452565</v>
      </c>
      <c r="M6206" s="57">
        <f>Bühler!M6232</f>
        <v>0</v>
      </c>
      <c r="N6206" s="55">
        <f>IF(Input!$K$13=1,J6206*Input!$J$13,0)+IF(Input!$K$14=1,K6206*Input!$J$14,0)+IF(Input!$K$15=1,L6206*Input!$J$15,0)+IF(Input!$K$16=1,M6206*Input!$J$16,0)</f>
        <v>0.49344846568910194</v>
      </c>
      <c r="O6206" s="58">
        <f>IF(Input!$K$13=2,J6206*Input!$J$13,0)+IF(Input!$K$14=2,K6206*Input!$J$14,0)+IF(Input!$K$15=2,L6206*Input!$J$15,0)+IF(Input!$K$16=2,M6206*Input!$J$16,0)</f>
        <v>2.9277585471219253E-2</v>
      </c>
      <c r="P6206" s="58">
        <f>IF(Input!$K$13=3,J6206*Input!$J$13,0)+IF(Input!$K$14=3,K6206*Input!$J$14,0)+IF(Input!$K$15=3,L6206*Input!$J$15,0)+IF(Input!$K$16=3,M6206*Input!$J$16,0)</f>
        <v>0</v>
      </c>
      <c r="Q6206" s="71">
        <f>IF(Input!$K$13=4,J6206*Input!$J$13,0)+IF(Input!$K$14=4,K6206*Input!$J$14,0)+IF(Input!$K$15=4,L6206*Input!$J$15,0)+IF(Input!$K$16=4,M6206*Input!$J$16,0)</f>
        <v>0</v>
      </c>
    </row>
    <row r="6207" spans="8:17" x14ac:dyDescent="0.25">
      <c r="H6207" s="43">
        <v>6200</v>
      </c>
      <c r="I6207" s="55">
        <f>Bühler!I6233</f>
        <v>0.29511188449756148</v>
      </c>
      <c r="J6207" s="58">
        <f>Bühler!J6233</f>
        <v>4.1135865331172186</v>
      </c>
      <c r="K6207" s="58">
        <f>Bühler!K6233</f>
        <v>0.216871003490513</v>
      </c>
      <c r="L6207" s="58">
        <f>Bühler!L6233</f>
        <v>0.1084355017452565</v>
      </c>
      <c r="M6207" s="57">
        <f>Bühler!M6233</f>
        <v>0</v>
      </c>
      <c r="N6207" s="55">
        <f>IF(Input!$K$13=1,J6207*Input!$J$13,0)+IF(Input!$K$14=1,K6207*Input!$J$14,0)+IF(Input!$K$15=1,L6207*Input!$J$15,0)+IF(Input!$K$16=1,M6207*Input!$J$16,0)</f>
        <v>0.49363038397406622</v>
      </c>
      <c r="O6207" s="58">
        <f>IF(Input!$K$13=2,J6207*Input!$J$13,0)+IF(Input!$K$14=2,K6207*Input!$J$14,0)+IF(Input!$K$15=2,L6207*Input!$J$15,0)+IF(Input!$K$16=2,M6207*Input!$J$16,0)</f>
        <v>2.9277585471219253E-2</v>
      </c>
      <c r="P6207" s="58">
        <f>IF(Input!$K$13=3,J6207*Input!$J$13,0)+IF(Input!$K$14=3,K6207*Input!$J$14,0)+IF(Input!$K$15=3,L6207*Input!$J$15,0)+IF(Input!$K$16=3,M6207*Input!$J$16,0)</f>
        <v>0</v>
      </c>
      <c r="Q6207" s="71">
        <f>IF(Input!$K$13=4,J6207*Input!$J$13,0)+IF(Input!$K$14=4,K6207*Input!$J$14,0)+IF(Input!$K$15=4,L6207*Input!$J$15,0)+IF(Input!$K$16=4,M6207*Input!$J$16,0)</f>
        <v>0</v>
      </c>
    </row>
    <row r="6208" spans="8:17" x14ac:dyDescent="0.25">
      <c r="H6208" s="43">
        <v>6201</v>
      </c>
      <c r="I6208" s="55">
        <f>Bühler!I6234</f>
        <v>0.29511188449756148</v>
      </c>
      <c r="J6208" s="58">
        <f>Bühler!J6234</f>
        <v>4.1135865331172186</v>
      </c>
      <c r="K6208" s="58">
        <f>Bühler!K6234</f>
        <v>0.216871003490513</v>
      </c>
      <c r="L6208" s="58">
        <f>Bühler!L6234</f>
        <v>0.1084355017452565</v>
      </c>
      <c r="M6208" s="57">
        <f>Bühler!M6234</f>
        <v>0</v>
      </c>
      <c r="N6208" s="55">
        <f>IF(Input!$K$13=1,J6208*Input!$J$13,0)+IF(Input!$K$14=1,K6208*Input!$J$14,0)+IF(Input!$K$15=1,L6208*Input!$J$15,0)+IF(Input!$K$16=1,M6208*Input!$J$16,0)</f>
        <v>0.49363038397406622</v>
      </c>
      <c r="O6208" s="58">
        <f>IF(Input!$K$13=2,J6208*Input!$J$13,0)+IF(Input!$K$14=2,K6208*Input!$J$14,0)+IF(Input!$K$15=2,L6208*Input!$J$15,0)+IF(Input!$K$16=2,M6208*Input!$J$16,0)</f>
        <v>2.9277585471219253E-2</v>
      </c>
      <c r="P6208" s="58">
        <f>IF(Input!$K$13=3,J6208*Input!$J$13,0)+IF(Input!$K$14=3,K6208*Input!$J$14,0)+IF(Input!$K$15=3,L6208*Input!$J$15,0)+IF(Input!$K$16=3,M6208*Input!$J$16,0)</f>
        <v>0</v>
      </c>
      <c r="Q6208" s="71">
        <f>IF(Input!$K$13=4,J6208*Input!$J$13,0)+IF(Input!$K$14=4,K6208*Input!$J$14,0)+IF(Input!$K$15=4,L6208*Input!$J$15,0)+IF(Input!$K$16=4,M6208*Input!$J$16,0)</f>
        <v>0</v>
      </c>
    </row>
    <row r="6209" spans="8:17" x14ac:dyDescent="0.25">
      <c r="H6209" s="43">
        <v>6202</v>
      </c>
      <c r="I6209" s="55">
        <f>Bühler!I6235</f>
        <v>0.29511188449756148</v>
      </c>
      <c r="J6209" s="58">
        <f>Bühler!J6235</f>
        <v>4.1135865331172186</v>
      </c>
      <c r="K6209" s="58">
        <f>Bühler!K6235</f>
        <v>0.216871003490513</v>
      </c>
      <c r="L6209" s="58">
        <f>Bühler!L6235</f>
        <v>0.1084355017452565</v>
      </c>
      <c r="M6209" s="57">
        <f>Bühler!M6235</f>
        <v>0</v>
      </c>
      <c r="N6209" s="55">
        <f>IF(Input!$K$13=1,J6209*Input!$J$13,0)+IF(Input!$K$14=1,K6209*Input!$J$14,0)+IF(Input!$K$15=1,L6209*Input!$J$15,0)+IF(Input!$K$16=1,M6209*Input!$J$16,0)</f>
        <v>0.49363038397406622</v>
      </c>
      <c r="O6209" s="58">
        <f>IF(Input!$K$13=2,J6209*Input!$J$13,0)+IF(Input!$K$14=2,K6209*Input!$J$14,0)+IF(Input!$K$15=2,L6209*Input!$J$15,0)+IF(Input!$K$16=2,M6209*Input!$J$16,0)</f>
        <v>2.9277585471219253E-2</v>
      </c>
      <c r="P6209" s="58">
        <f>IF(Input!$K$13=3,J6209*Input!$J$13,0)+IF(Input!$K$14=3,K6209*Input!$J$14,0)+IF(Input!$K$15=3,L6209*Input!$J$15,0)+IF(Input!$K$16=3,M6209*Input!$J$16,0)</f>
        <v>0</v>
      </c>
      <c r="Q6209" s="71">
        <f>IF(Input!$K$13=4,J6209*Input!$J$13,0)+IF(Input!$K$14=4,K6209*Input!$J$14,0)+IF(Input!$K$15=4,L6209*Input!$J$15,0)+IF(Input!$K$16=4,M6209*Input!$J$16,0)</f>
        <v>0</v>
      </c>
    </row>
    <row r="6210" spans="8:17" x14ac:dyDescent="0.25">
      <c r="H6210" s="43">
        <v>6203</v>
      </c>
      <c r="I6210" s="55">
        <f>Bühler!I6236</f>
        <v>0.29511188449756148</v>
      </c>
      <c r="J6210" s="58">
        <f>Bühler!J6236</f>
        <v>4.1135865331172186</v>
      </c>
      <c r="K6210" s="58">
        <f>Bühler!K6236</f>
        <v>0.216871003490513</v>
      </c>
      <c r="L6210" s="58">
        <f>Bühler!L6236</f>
        <v>0.1084355017452565</v>
      </c>
      <c r="M6210" s="57">
        <f>Bühler!M6236</f>
        <v>0</v>
      </c>
      <c r="N6210" s="55">
        <f>IF(Input!$K$13=1,J6210*Input!$J$13,0)+IF(Input!$K$14=1,K6210*Input!$J$14,0)+IF(Input!$K$15=1,L6210*Input!$J$15,0)+IF(Input!$K$16=1,M6210*Input!$J$16,0)</f>
        <v>0.49363038397406622</v>
      </c>
      <c r="O6210" s="58">
        <f>IF(Input!$K$13=2,J6210*Input!$J$13,0)+IF(Input!$K$14=2,K6210*Input!$J$14,0)+IF(Input!$K$15=2,L6210*Input!$J$15,0)+IF(Input!$K$16=2,M6210*Input!$J$16,0)</f>
        <v>2.9277585471219253E-2</v>
      </c>
      <c r="P6210" s="58">
        <f>IF(Input!$K$13=3,J6210*Input!$J$13,0)+IF(Input!$K$14=3,K6210*Input!$J$14,0)+IF(Input!$K$15=3,L6210*Input!$J$15,0)+IF(Input!$K$16=3,M6210*Input!$J$16,0)</f>
        <v>0</v>
      </c>
      <c r="Q6210" s="71">
        <f>IF(Input!$K$13=4,J6210*Input!$J$13,0)+IF(Input!$K$14=4,K6210*Input!$J$14,0)+IF(Input!$K$15=4,L6210*Input!$J$15,0)+IF(Input!$K$16=4,M6210*Input!$J$16,0)</f>
        <v>0</v>
      </c>
    </row>
    <row r="6211" spans="8:17" x14ac:dyDescent="0.25">
      <c r="H6211" s="43">
        <v>6204</v>
      </c>
      <c r="I6211" s="55">
        <f>Bühler!I6237</f>
        <v>0.29511188449756148</v>
      </c>
      <c r="J6211" s="58">
        <f>Bühler!J6237</f>
        <v>4.1135865331172186</v>
      </c>
      <c r="K6211" s="58">
        <f>Bühler!K6237</f>
        <v>0.216871003490513</v>
      </c>
      <c r="L6211" s="58">
        <f>Bühler!L6237</f>
        <v>0.1084355017452565</v>
      </c>
      <c r="M6211" s="57">
        <f>Bühler!M6237</f>
        <v>0</v>
      </c>
      <c r="N6211" s="55">
        <f>IF(Input!$K$13=1,J6211*Input!$J$13,0)+IF(Input!$K$14=1,K6211*Input!$J$14,0)+IF(Input!$K$15=1,L6211*Input!$J$15,0)+IF(Input!$K$16=1,M6211*Input!$J$16,0)</f>
        <v>0.49363038397406622</v>
      </c>
      <c r="O6211" s="58">
        <f>IF(Input!$K$13=2,J6211*Input!$J$13,0)+IF(Input!$K$14=2,K6211*Input!$J$14,0)+IF(Input!$K$15=2,L6211*Input!$J$15,0)+IF(Input!$K$16=2,M6211*Input!$J$16,0)</f>
        <v>2.9277585471219253E-2</v>
      </c>
      <c r="P6211" s="58">
        <f>IF(Input!$K$13=3,J6211*Input!$J$13,0)+IF(Input!$K$14=3,K6211*Input!$J$14,0)+IF(Input!$K$15=3,L6211*Input!$J$15,0)+IF(Input!$K$16=3,M6211*Input!$J$16,0)</f>
        <v>0</v>
      </c>
      <c r="Q6211" s="71">
        <f>IF(Input!$K$13=4,J6211*Input!$J$13,0)+IF(Input!$K$14=4,K6211*Input!$J$14,0)+IF(Input!$K$15=4,L6211*Input!$J$15,0)+IF(Input!$K$16=4,M6211*Input!$J$16,0)</f>
        <v>0</v>
      </c>
    </row>
    <row r="6212" spans="8:17" x14ac:dyDescent="0.25">
      <c r="H6212" s="43">
        <v>6205</v>
      </c>
      <c r="I6212" s="55">
        <f>Bühler!I6238</f>
        <v>0.29511188449756148</v>
      </c>
      <c r="J6212" s="58">
        <f>Bühler!J6238</f>
        <v>4.1135865331172186</v>
      </c>
      <c r="K6212" s="58">
        <f>Bühler!K6238</f>
        <v>0.216871003490513</v>
      </c>
      <c r="L6212" s="58">
        <f>Bühler!L6238</f>
        <v>0.1084355017452565</v>
      </c>
      <c r="M6212" s="57">
        <f>Bühler!M6238</f>
        <v>0</v>
      </c>
      <c r="N6212" s="55">
        <f>IF(Input!$K$13=1,J6212*Input!$J$13,0)+IF(Input!$K$14=1,K6212*Input!$J$14,0)+IF(Input!$K$15=1,L6212*Input!$J$15,0)+IF(Input!$K$16=1,M6212*Input!$J$16,0)</f>
        <v>0.49363038397406622</v>
      </c>
      <c r="O6212" s="58">
        <f>IF(Input!$K$13=2,J6212*Input!$J$13,0)+IF(Input!$K$14=2,K6212*Input!$J$14,0)+IF(Input!$K$15=2,L6212*Input!$J$15,0)+IF(Input!$K$16=2,M6212*Input!$J$16,0)</f>
        <v>2.9277585471219253E-2</v>
      </c>
      <c r="P6212" s="58">
        <f>IF(Input!$K$13=3,J6212*Input!$J$13,0)+IF(Input!$K$14=3,K6212*Input!$J$14,0)+IF(Input!$K$15=3,L6212*Input!$J$15,0)+IF(Input!$K$16=3,M6212*Input!$J$16,0)</f>
        <v>0</v>
      </c>
      <c r="Q6212" s="71">
        <f>IF(Input!$K$13=4,J6212*Input!$J$13,0)+IF(Input!$K$14=4,K6212*Input!$J$14,0)+IF(Input!$K$15=4,L6212*Input!$J$15,0)+IF(Input!$K$16=4,M6212*Input!$J$16,0)</f>
        <v>0</v>
      </c>
    </row>
    <row r="6213" spans="8:17" x14ac:dyDescent="0.25">
      <c r="H6213" s="43">
        <v>6206</v>
      </c>
      <c r="I6213" s="55">
        <f>Bühler!I6239</f>
        <v>0.29511188449756148</v>
      </c>
      <c r="J6213" s="58">
        <f>Bühler!J6239</f>
        <v>4.1135865331172186</v>
      </c>
      <c r="K6213" s="58">
        <f>Bühler!K6239</f>
        <v>0.216871003490513</v>
      </c>
      <c r="L6213" s="58">
        <f>Bühler!L6239</f>
        <v>0.1084355017452565</v>
      </c>
      <c r="M6213" s="57">
        <f>Bühler!M6239</f>
        <v>0</v>
      </c>
      <c r="N6213" s="55">
        <f>IF(Input!$K$13=1,J6213*Input!$J$13,0)+IF(Input!$K$14=1,K6213*Input!$J$14,0)+IF(Input!$K$15=1,L6213*Input!$J$15,0)+IF(Input!$K$16=1,M6213*Input!$J$16,0)</f>
        <v>0.49363038397406622</v>
      </c>
      <c r="O6213" s="58">
        <f>IF(Input!$K$13=2,J6213*Input!$J$13,0)+IF(Input!$K$14=2,K6213*Input!$J$14,0)+IF(Input!$K$15=2,L6213*Input!$J$15,0)+IF(Input!$K$16=2,M6213*Input!$J$16,0)</f>
        <v>2.9277585471219253E-2</v>
      </c>
      <c r="P6213" s="58">
        <f>IF(Input!$K$13=3,J6213*Input!$J$13,0)+IF(Input!$K$14=3,K6213*Input!$J$14,0)+IF(Input!$K$15=3,L6213*Input!$J$15,0)+IF(Input!$K$16=3,M6213*Input!$J$16,0)</f>
        <v>0</v>
      </c>
      <c r="Q6213" s="71">
        <f>IF(Input!$K$13=4,J6213*Input!$J$13,0)+IF(Input!$K$14=4,K6213*Input!$J$14,0)+IF(Input!$K$15=4,L6213*Input!$J$15,0)+IF(Input!$K$16=4,M6213*Input!$J$16,0)</f>
        <v>0</v>
      </c>
    </row>
    <row r="6214" spans="8:17" x14ac:dyDescent="0.25">
      <c r="H6214" s="43">
        <v>6207</v>
      </c>
      <c r="I6214" s="55">
        <f>Bühler!I6240</f>
        <v>0.29511188449756148</v>
      </c>
      <c r="J6214" s="58">
        <f>Bühler!J6240</f>
        <v>4.1135865331172186</v>
      </c>
      <c r="K6214" s="58">
        <f>Bühler!K6240</f>
        <v>0.216871003490513</v>
      </c>
      <c r="L6214" s="58">
        <f>Bühler!L6240</f>
        <v>0.1084355017452565</v>
      </c>
      <c r="M6214" s="57">
        <f>Bühler!M6240</f>
        <v>0</v>
      </c>
      <c r="N6214" s="55">
        <f>IF(Input!$K$13=1,J6214*Input!$J$13,0)+IF(Input!$K$14=1,K6214*Input!$J$14,0)+IF(Input!$K$15=1,L6214*Input!$J$15,0)+IF(Input!$K$16=1,M6214*Input!$J$16,0)</f>
        <v>0.49363038397406622</v>
      </c>
      <c r="O6214" s="58">
        <f>IF(Input!$K$13=2,J6214*Input!$J$13,0)+IF(Input!$K$14=2,K6214*Input!$J$14,0)+IF(Input!$K$15=2,L6214*Input!$J$15,0)+IF(Input!$K$16=2,M6214*Input!$J$16,0)</f>
        <v>2.9277585471219253E-2</v>
      </c>
      <c r="P6214" s="58">
        <f>IF(Input!$K$13=3,J6214*Input!$J$13,0)+IF(Input!$K$14=3,K6214*Input!$J$14,0)+IF(Input!$K$15=3,L6214*Input!$J$15,0)+IF(Input!$K$16=3,M6214*Input!$J$16,0)</f>
        <v>0</v>
      </c>
      <c r="Q6214" s="71">
        <f>IF(Input!$K$13=4,J6214*Input!$J$13,0)+IF(Input!$K$14=4,K6214*Input!$J$14,0)+IF(Input!$K$15=4,L6214*Input!$J$15,0)+IF(Input!$K$16=4,M6214*Input!$J$16,0)</f>
        <v>0</v>
      </c>
    </row>
    <row r="6215" spans="8:17" x14ac:dyDescent="0.25">
      <c r="H6215" s="43">
        <v>6208</v>
      </c>
      <c r="I6215" s="55">
        <f>Bühler!I6241</f>
        <v>0.2668134846142336</v>
      </c>
      <c r="J6215" s="58">
        <f>Bühler!J6241</f>
        <v>4.1124074331220797</v>
      </c>
      <c r="K6215" s="58">
        <f>Bühler!K6241</f>
        <v>0.216871003490513</v>
      </c>
      <c r="L6215" s="58">
        <f>Bühler!L6241</f>
        <v>0.1084355017452565</v>
      </c>
      <c r="M6215" s="57">
        <f>Bühler!M6241</f>
        <v>0</v>
      </c>
      <c r="N6215" s="55">
        <f>IF(Input!$K$13=1,J6215*Input!$J$13,0)+IF(Input!$K$14=1,K6215*Input!$J$14,0)+IF(Input!$K$15=1,L6215*Input!$J$15,0)+IF(Input!$K$16=1,M6215*Input!$J$16,0)</f>
        <v>0.49348889197464957</v>
      </c>
      <c r="O6215" s="58">
        <f>IF(Input!$K$13=2,J6215*Input!$J$13,0)+IF(Input!$K$14=2,K6215*Input!$J$14,0)+IF(Input!$K$15=2,L6215*Input!$J$15,0)+IF(Input!$K$16=2,M6215*Input!$J$16,0)</f>
        <v>2.9277585471219253E-2</v>
      </c>
      <c r="P6215" s="58">
        <f>IF(Input!$K$13=3,J6215*Input!$J$13,0)+IF(Input!$K$14=3,K6215*Input!$J$14,0)+IF(Input!$K$15=3,L6215*Input!$J$15,0)+IF(Input!$K$16=3,M6215*Input!$J$16,0)</f>
        <v>0</v>
      </c>
      <c r="Q6215" s="71">
        <f>IF(Input!$K$13=4,J6215*Input!$J$13,0)+IF(Input!$K$14=4,K6215*Input!$J$14,0)+IF(Input!$K$15=4,L6215*Input!$J$15,0)+IF(Input!$K$16=4,M6215*Input!$J$16,0)</f>
        <v>0</v>
      </c>
    </row>
    <row r="6216" spans="8:17" x14ac:dyDescent="0.25">
      <c r="H6216" s="43">
        <v>6209</v>
      </c>
      <c r="I6216" s="55">
        <f>Bühler!I6242</f>
        <v>0.24255771328566691</v>
      </c>
      <c r="J6216" s="58">
        <f>Bühler!J6242</f>
        <v>4.1113967759833896</v>
      </c>
      <c r="K6216" s="58">
        <f>Bühler!K6242</f>
        <v>0.216871003490513</v>
      </c>
      <c r="L6216" s="58">
        <f>Bühler!L6242</f>
        <v>0.1084355017452565</v>
      </c>
      <c r="M6216" s="57">
        <f>Bühler!M6242</f>
        <v>0</v>
      </c>
      <c r="N6216" s="55">
        <f>IF(Input!$K$13=1,J6216*Input!$J$13,0)+IF(Input!$K$14=1,K6216*Input!$J$14,0)+IF(Input!$K$15=1,L6216*Input!$J$15,0)+IF(Input!$K$16=1,M6216*Input!$J$16,0)</f>
        <v>0.49336761311800675</v>
      </c>
      <c r="O6216" s="58">
        <f>IF(Input!$K$13=2,J6216*Input!$J$13,0)+IF(Input!$K$14=2,K6216*Input!$J$14,0)+IF(Input!$K$15=2,L6216*Input!$J$15,0)+IF(Input!$K$16=2,M6216*Input!$J$16,0)</f>
        <v>2.9277585471219253E-2</v>
      </c>
      <c r="P6216" s="58">
        <f>IF(Input!$K$13=3,J6216*Input!$J$13,0)+IF(Input!$K$14=3,K6216*Input!$J$14,0)+IF(Input!$K$15=3,L6216*Input!$J$15,0)+IF(Input!$K$16=3,M6216*Input!$J$16,0)</f>
        <v>0</v>
      </c>
      <c r="Q6216" s="71">
        <f>IF(Input!$K$13=4,J6216*Input!$J$13,0)+IF(Input!$K$14=4,K6216*Input!$J$14,0)+IF(Input!$K$15=4,L6216*Input!$J$15,0)+IF(Input!$K$16=4,M6216*Input!$J$16,0)</f>
        <v>0</v>
      </c>
    </row>
    <row r="6217" spans="8:17" x14ac:dyDescent="0.25">
      <c r="H6217" s="43">
        <v>6210</v>
      </c>
      <c r="I6217" s="55">
        <f>Bühler!I6243</f>
        <v>0.21830194195710026</v>
      </c>
      <c r="J6217" s="58">
        <f>Bühler!J6243</f>
        <v>4.1103861188446995</v>
      </c>
      <c r="K6217" s="58">
        <f>Bühler!K6243</f>
        <v>0.216871003490513</v>
      </c>
      <c r="L6217" s="58">
        <f>Bühler!L6243</f>
        <v>0.1084355017452565</v>
      </c>
      <c r="M6217" s="57">
        <f>Bühler!M6243</f>
        <v>0</v>
      </c>
      <c r="N6217" s="55">
        <f>IF(Input!$K$13=1,J6217*Input!$J$13,0)+IF(Input!$K$14=1,K6217*Input!$J$14,0)+IF(Input!$K$15=1,L6217*Input!$J$15,0)+IF(Input!$K$16=1,M6217*Input!$J$16,0)</f>
        <v>0.49324633426136394</v>
      </c>
      <c r="O6217" s="58">
        <f>IF(Input!$K$13=2,J6217*Input!$J$13,0)+IF(Input!$K$14=2,K6217*Input!$J$14,0)+IF(Input!$K$15=2,L6217*Input!$J$15,0)+IF(Input!$K$16=2,M6217*Input!$J$16,0)</f>
        <v>2.9277585471219253E-2</v>
      </c>
      <c r="P6217" s="58">
        <f>IF(Input!$K$13=3,J6217*Input!$J$13,0)+IF(Input!$K$14=3,K6217*Input!$J$14,0)+IF(Input!$K$15=3,L6217*Input!$J$15,0)+IF(Input!$K$16=3,M6217*Input!$J$16,0)</f>
        <v>0</v>
      </c>
      <c r="Q6217" s="71">
        <f>IF(Input!$K$13=4,J6217*Input!$J$13,0)+IF(Input!$K$14=4,K6217*Input!$J$14,0)+IF(Input!$K$15=4,L6217*Input!$J$15,0)+IF(Input!$K$16=4,M6217*Input!$J$16,0)</f>
        <v>0</v>
      </c>
    </row>
    <row r="6218" spans="8:17" x14ac:dyDescent="0.25">
      <c r="H6218" s="43">
        <v>6211</v>
      </c>
      <c r="I6218" s="55">
        <f>Bühler!I6244</f>
        <v>0.21021668484757799</v>
      </c>
      <c r="J6218" s="58">
        <f>Bühler!J6244</f>
        <v>4.1100492331318028</v>
      </c>
      <c r="K6218" s="58">
        <f>Bühler!K6244</f>
        <v>0.216871003490513</v>
      </c>
      <c r="L6218" s="58">
        <f>Bühler!L6244</f>
        <v>0.1084355017452565</v>
      </c>
      <c r="M6218" s="57">
        <f>Bühler!M6244</f>
        <v>0</v>
      </c>
      <c r="N6218" s="55">
        <f>IF(Input!$K$13=1,J6218*Input!$J$13,0)+IF(Input!$K$14=1,K6218*Input!$J$14,0)+IF(Input!$K$15=1,L6218*Input!$J$15,0)+IF(Input!$K$16=1,M6218*Input!$J$16,0)</f>
        <v>0.49320590797581632</v>
      </c>
      <c r="O6218" s="58">
        <f>IF(Input!$K$13=2,J6218*Input!$J$13,0)+IF(Input!$K$14=2,K6218*Input!$J$14,0)+IF(Input!$K$15=2,L6218*Input!$J$15,0)+IF(Input!$K$16=2,M6218*Input!$J$16,0)</f>
        <v>2.9277585471219253E-2</v>
      </c>
      <c r="P6218" s="58">
        <f>IF(Input!$K$13=3,J6218*Input!$J$13,0)+IF(Input!$K$14=3,K6218*Input!$J$14,0)+IF(Input!$K$15=3,L6218*Input!$J$15,0)+IF(Input!$K$16=3,M6218*Input!$J$16,0)</f>
        <v>0</v>
      </c>
      <c r="Q6218" s="71">
        <f>IF(Input!$K$13=4,J6218*Input!$J$13,0)+IF(Input!$K$14=4,K6218*Input!$J$14,0)+IF(Input!$K$15=4,L6218*Input!$J$15,0)+IF(Input!$K$16=4,M6218*Input!$J$16,0)</f>
        <v>0</v>
      </c>
    </row>
    <row r="6219" spans="8:17" x14ac:dyDescent="0.25">
      <c r="H6219" s="43">
        <v>6212</v>
      </c>
      <c r="I6219" s="55">
        <f>Bühler!I6245</f>
        <v>0.16979039929996684</v>
      </c>
      <c r="J6219" s="58">
        <f>Bühler!J6245</f>
        <v>4.1083648045673185</v>
      </c>
      <c r="K6219" s="58">
        <f>Bühler!K6245</f>
        <v>0.216871003490513</v>
      </c>
      <c r="L6219" s="58">
        <f>Bühler!L6245</f>
        <v>0.1084355017452565</v>
      </c>
      <c r="M6219" s="57">
        <f>Bühler!M6245</f>
        <v>0</v>
      </c>
      <c r="N6219" s="55">
        <f>IF(Input!$K$13=1,J6219*Input!$J$13,0)+IF(Input!$K$14=1,K6219*Input!$J$14,0)+IF(Input!$K$15=1,L6219*Input!$J$15,0)+IF(Input!$K$16=1,M6219*Input!$J$16,0)</f>
        <v>0.4930037765480782</v>
      </c>
      <c r="O6219" s="58">
        <f>IF(Input!$K$13=2,J6219*Input!$J$13,0)+IF(Input!$K$14=2,K6219*Input!$J$14,0)+IF(Input!$K$15=2,L6219*Input!$J$15,0)+IF(Input!$K$16=2,M6219*Input!$J$16,0)</f>
        <v>2.9277585471219253E-2</v>
      </c>
      <c r="P6219" s="58">
        <f>IF(Input!$K$13=3,J6219*Input!$J$13,0)+IF(Input!$K$14=3,K6219*Input!$J$14,0)+IF(Input!$K$15=3,L6219*Input!$J$15,0)+IF(Input!$K$16=3,M6219*Input!$J$16,0)</f>
        <v>0</v>
      </c>
      <c r="Q6219" s="71">
        <f>IF(Input!$K$13=4,J6219*Input!$J$13,0)+IF(Input!$K$14=4,K6219*Input!$J$14,0)+IF(Input!$K$15=4,L6219*Input!$J$15,0)+IF(Input!$K$16=4,M6219*Input!$J$16,0)</f>
        <v>0</v>
      </c>
    </row>
    <row r="6220" spans="8:17" x14ac:dyDescent="0.25">
      <c r="H6220" s="43">
        <v>6213</v>
      </c>
      <c r="I6220" s="55">
        <f>Bühler!I6246</f>
        <v>0.12532148519759459</v>
      </c>
      <c r="J6220" s="58">
        <f>Bühler!J6246</f>
        <v>4.1065119331463871</v>
      </c>
      <c r="K6220" s="58">
        <f>Bühler!K6246</f>
        <v>0.216871003490513</v>
      </c>
      <c r="L6220" s="58">
        <f>Bühler!L6246</f>
        <v>0.1084355017452565</v>
      </c>
      <c r="M6220" s="57">
        <f>Bühler!M6246</f>
        <v>0</v>
      </c>
      <c r="N6220" s="55">
        <f>IF(Input!$K$13=1,J6220*Input!$J$13,0)+IF(Input!$K$14=1,K6220*Input!$J$14,0)+IF(Input!$K$15=1,L6220*Input!$J$15,0)+IF(Input!$K$16=1,M6220*Input!$J$16,0)</f>
        <v>0.49278143197756641</v>
      </c>
      <c r="O6220" s="58">
        <f>IF(Input!$K$13=2,J6220*Input!$J$13,0)+IF(Input!$K$14=2,K6220*Input!$J$14,0)+IF(Input!$K$15=2,L6220*Input!$J$15,0)+IF(Input!$K$16=2,M6220*Input!$J$16,0)</f>
        <v>2.9277585471219253E-2</v>
      </c>
      <c r="P6220" s="58">
        <f>IF(Input!$K$13=3,J6220*Input!$J$13,0)+IF(Input!$K$14=3,K6220*Input!$J$14,0)+IF(Input!$K$15=3,L6220*Input!$J$15,0)+IF(Input!$K$16=3,M6220*Input!$J$16,0)</f>
        <v>0</v>
      </c>
      <c r="Q6220" s="71">
        <f>IF(Input!$K$13=4,J6220*Input!$J$13,0)+IF(Input!$K$14=4,K6220*Input!$J$14,0)+IF(Input!$K$15=4,L6220*Input!$J$15,0)+IF(Input!$K$16=4,M6220*Input!$J$16,0)</f>
        <v>0</v>
      </c>
    </row>
    <row r="6221" spans="8:17" x14ac:dyDescent="0.25">
      <c r="H6221" s="43">
        <v>6214</v>
      </c>
      <c r="I6221" s="55">
        <f>Bühler!I6247</f>
        <v>0.12532148519759459</v>
      </c>
      <c r="J6221" s="58">
        <f>Bühler!J6247</f>
        <v>4.1065119331463871</v>
      </c>
      <c r="K6221" s="58">
        <f>Bühler!K6247</f>
        <v>0.216871003490513</v>
      </c>
      <c r="L6221" s="58">
        <f>Bühler!L6247</f>
        <v>0.1084355017452565</v>
      </c>
      <c r="M6221" s="57">
        <f>Bühler!M6247</f>
        <v>0</v>
      </c>
      <c r="N6221" s="55">
        <f>IF(Input!$K$13=1,J6221*Input!$J$13,0)+IF(Input!$K$14=1,K6221*Input!$J$14,0)+IF(Input!$K$15=1,L6221*Input!$J$15,0)+IF(Input!$K$16=1,M6221*Input!$J$16,0)</f>
        <v>0.49278143197756641</v>
      </c>
      <c r="O6221" s="58">
        <f>IF(Input!$K$13=2,J6221*Input!$J$13,0)+IF(Input!$K$14=2,K6221*Input!$J$14,0)+IF(Input!$K$15=2,L6221*Input!$J$15,0)+IF(Input!$K$16=2,M6221*Input!$J$16,0)</f>
        <v>2.9277585471219253E-2</v>
      </c>
      <c r="P6221" s="58">
        <f>IF(Input!$K$13=3,J6221*Input!$J$13,0)+IF(Input!$K$14=3,K6221*Input!$J$14,0)+IF(Input!$K$15=3,L6221*Input!$J$15,0)+IF(Input!$K$16=3,M6221*Input!$J$16,0)</f>
        <v>0</v>
      </c>
      <c r="Q6221" s="71">
        <f>IF(Input!$K$13=4,J6221*Input!$J$13,0)+IF(Input!$K$14=4,K6221*Input!$J$14,0)+IF(Input!$K$15=4,L6221*Input!$J$15,0)+IF(Input!$K$16=4,M6221*Input!$J$16,0)</f>
        <v>0</v>
      </c>
    </row>
    <row r="6222" spans="8:17" x14ac:dyDescent="0.25">
      <c r="H6222" s="43">
        <v>6215</v>
      </c>
      <c r="I6222" s="55">
        <f>Bühler!I6248</f>
        <v>0.12532148519759459</v>
      </c>
      <c r="J6222" s="58">
        <f>Bühler!J6248</f>
        <v>4.1065119331463871</v>
      </c>
      <c r="K6222" s="58">
        <f>Bühler!K6248</f>
        <v>0.216871003490513</v>
      </c>
      <c r="L6222" s="58">
        <f>Bühler!L6248</f>
        <v>0.1084355017452565</v>
      </c>
      <c r="M6222" s="57">
        <f>Bühler!M6248</f>
        <v>0</v>
      </c>
      <c r="N6222" s="55">
        <f>IF(Input!$K$13=1,J6222*Input!$J$13,0)+IF(Input!$K$14=1,K6222*Input!$J$14,0)+IF(Input!$K$15=1,L6222*Input!$J$15,0)+IF(Input!$K$16=1,M6222*Input!$J$16,0)</f>
        <v>0.49278143197756641</v>
      </c>
      <c r="O6222" s="58">
        <f>IF(Input!$K$13=2,J6222*Input!$J$13,0)+IF(Input!$K$14=2,K6222*Input!$J$14,0)+IF(Input!$K$15=2,L6222*Input!$J$15,0)+IF(Input!$K$16=2,M6222*Input!$J$16,0)</f>
        <v>2.9277585471219253E-2</v>
      </c>
      <c r="P6222" s="58">
        <f>IF(Input!$K$13=3,J6222*Input!$J$13,0)+IF(Input!$K$14=3,K6222*Input!$J$14,0)+IF(Input!$K$15=3,L6222*Input!$J$15,0)+IF(Input!$K$16=3,M6222*Input!$J$16,0)</f>
        <v>0</v>
      </c>
      <c r="Q6222" s="71">
        <f>IF(Input!$K$13=4,J6222*Input!$J$13,0)+IF(Input!$K$14=4,K6222*Input!$J$14,0)+IF(Input!$K$15=4,L6222*Input!$J$15,0)+IF(Input!$K$16=4,M6222*Input!$J$16,0)</f>
        <v>0</v>
      </c>
    </row>
    <row r="6223" spans="8:17" x14ac:dyDescent="0.25">
      <c r="H6223" s="43">
        <v>6216</v>
      </c>
      <c r="I6223" s="55">
        <f>Bühler!I6249</f>
        <v>0.12532148519759459</v>
      </c>
      <c r="J6223" s="58">
        <f>Bühler!J6249</f>
        <v>4.1065119331463871</v>
      </c>
      <c r="K6223" s="58">
        <f>Bühler!K6249</f>
        <v>0.216871003490513</v>
      </c>
      <c r="L6223" s="58">
        <f>Bühler!L6249</f>
        <v>0.1084355017452565</v>
      </c>
      <c r="M6223" s="57">
        <f>Bühler!M6249</f>
        <v>0</v>
      </c>
      <c r="N6223" s="55">
        <f>IF(Input!$K$13=1,J6223*Input!$J$13,0)+IF(Input!$K$14=1,K6223*Input!$J$14,0)+IF(Input!$K$15=1,L6223*Input!$J$15,0)+IF(Input!$K$16=1,M6223*Input!$J$16,0)</f>
        <v>0.49278143197756641</v>
      </c>
      <c r="O6223" s="58">
        <f>IF(Input!$K$13=2,J6223*Input!$J$13,0)+IF(Input!$K$14=2,K6223*Input!$J$14,0)+IF(Input!$K$15=2,L6223*Input!$J$15,0)+IF(Input!$K$16=2,M6223*Input!$J$16,0)</f>
        <v>2.9277585471219253E-2</v>
      </c>
      <c r="P6223" s="58">
        <f>IF(Input!$K$13=3,J6223*Input!$J$13,0)+IF(Input!$K$14=3,K6223*Input!$J$14,0)+IF(Input!$K$15=3,L6223*Input!$J$15,0)+IF(Input!$K$16=3,M6223*Input!$J$16,0)</f>
        <v>0</v>
      </c>
      <c r="Q6223" s="71">
        <f>IF(Input!$K$13=4,J6223*Input!$J$13,0)+IF(Input!$K$14=4,K6223*Input!$J$14,0)+IF(Input!$K$15=4,L6223*Input!$J$15,0)+IF(Input!$K$16=4,M6223*Input!$J$16,0)</f>
        <v>0</v>
      </c>
    </row>
    <row r="6224" spans="8:17" x14ac:dyDescent="0.25">
      <c r="H6224" s="43">
        <v>6217</v>
      </c>
      <c r="I6224" s="55">
        <f>Bühler!I6250</f>
        <v>0.12176662808199451</v>
      </c>
      <c r="J6224" s="58">
        <f>Bühler!J6250</f>
        <v>4.0521001474093223</v>
      </c>
      <c r="K6224" s="58">
        <f>Bühler!K6250</f>
        <v>0.21750301573100586</v>
      </c>
      <c r="L6224" s="58">
        <f>Bühler!L6250</f>
        <v>0.10875150786550293</v>
      </c>
      <c r="M6224" s="57">
        <f>Bühler!M6250</f>
        <v>0</v>
      </c>
      <c r="N6224" s="55">
        <f>IF(Input!$K$13=1,J6224*Input!$J$13,0)+IF(Input!$K$14=1,K6224*Input!$J$14,0)+IF(Input!$K$15=1,L6224*Input!$J$15,0)+IF(Input!$K$16=1,M6224*Input!$J$16,0)</f>
        <v>0.48625201768911869</v>
      </c>
      <c r="O6224" s="58">
        <f>IF(Input!$K$13=2,J6224*Input!$J$13,0)+IF(Input!$K$14=2,K6224*Input!$J$14,0)+IF(Input!$K$15=2,L6224*Input!$J$15,0)+IF(Input!$K$16=2,M6224*Input!$J$16,0)</f>
        <v>2.9362907123685791E-2</v>
      </c>
      <c r="P6224" s="58">
        <f>IF(Input!$K$13=3,J6224*Input!$J$13,0)+IF(Input!$K$14=3,K6224*Input!$J$14,0)+IF(Input!$K$15=3,L6224*Input!$J$15,0)+IF(Input!$K$16=3,M6224*Input!$J$16,0)</f>
        <v>0</v>
      </c>
      <c r="Q6224" s="71">
        <f>IF(Input!$K$13=4,J6224*Input!$J$13,0)+IF(Input!$K$14=4,K6224*Input!$J$14,0)+IF(Input!$K$15=4,L6224*Input!$J$15,0)+IF(Input!$K$16=4,M6224*Input!$J$16,0)</f>
        <v>0</v>
      </c>
    </row>
    <row r="6225" spans="8:17" x14ac:dyDescent="0.25">
      <c r="H6225" s="43">
        <v>6218</v>
      </c>
      <c r="I6225" s="55">
        <f>Bühler!I6251</f>
        <v>0.14140640680489683</v>
      </c>
      <c r="J6225" s="58">
        <f>Bühler!J6251</f>
        <v>4.0529184715227773</v>
      </c>
      <c r="K6225" s="58">
        <f>Bühler!K6251</f>
        <v>0.21750301573100586</v>
      </c>
      <c r="L6225" s="58">
        <f>Bühler!L6251</f>
        <v>0.10875150786550293</v>
      </c>
      <c r="M6225" s="57">
        <f>Bühler!M6251</f>
        <v>0</v>
      </c>
      <c r="N6225" s="55">
        <f>IF(Input!$K$13=1,J6225*Input!$J$13,0)+IF(Input!$K$14=1,K6225*Input!$J$14,0)+IF(Input!$K$15=1,L6225*Input!$J$15,0)+IF(Input!$K$16=1,M6225*Input!$J$16,0)</f>
        <v>0.48635021658273325</v>
      </c>
      <c r="O6225" s="58">
        <f>IF(Input!$K$13=2,J6225*Input!$J$13,0)+IF(Input!$K$14=2,K6225*Input!$J$14,0)+IF(Input!$K$15=2,L6225*Input!$J$15,0)+IF(Input!$K$16=2,M6225*Input!$J$16,0)</f>
        <v>2.9362907123685791E-2</v>
      </c>
      <c r="P6225" s="58">
        <f>IF(Input!$K$13=3,J6225*Input!$J$13,0)+IF(Input!$K$14=3,K6225*Input!$J$14,0)+IF(Input!$K$15=3,L6225*Input!$J$15,0)+IF(Input!$K$16=3,M6225*Input!$J$16,0)</f>
        <v>0</v>
      </c>
      <c r="Q6225" s="71">
        <f>IF(Input!$K$13=4,J6225*Input!$J$13,0)+IF(Input!$K$14=4,K6225*Input!$J$14,0)+IF(Input!$K$15=4,L6225*Input!$J$15,0)+IF(Input!$K$16=4,M6225*Input!$J$16,0)</f>
        <v>0</v>
      </c>
    </row>
    <row r="6226" spans="8:17" x14ac:dyDescent="0.25">
      <c r="H6226" s="43">
        <v>6219</v>
      </c>
      <c r="I6226" s="55">
        <f>Bühler!I6252</f>
        <v>0.14140640680489683</v>
      </c>
      <c r="J6226" s="58">
        <f>Bühler!J6252</f>
        <v>4.0529184715227773</v>
      </c>
      <c r="K6226" s="58">
        <f>Bühler!K6252</f>
        <v>0.21750301573100586</v>
      </c>
      <c r="L6226" s="58">
        <f>Bühler!L6252</f>
        <v>0.10875150786550293</v>
      </c>
      <c r="M6226" s="57">
        <f>Bühler!M6252</f>
        <v>0</v>
      </c>
      <c r="N6226" s="55">
        <f>IF(Input!$K$13=1,J6226*Input!$J$13,0)+IF(Input!$K$14=1,K6226*Input!$J$14,0)+IF(Input!$K$15=1,L6226*Input!$J$15,0)+IF(Input!$K$16=1,M6226*Input!$J$16,0)</f>
        <v>0.48635021658273325</v>
      </c>
      <c r="O6226" s="58">
        <f>IF(Input!$K$13=2,J6226*Input!$J$13,0)+IF(Input!$K$14=2,K6226*Input!$J$14,0)+IF(Input!$K$15=2,L6226*Input!$J$15,0)+IF(Input!$K$16=2,M6226*Input!$J$16,0)</f>
        <v>2.9362907123685791E-2</v>
      </c>
      <c r="P6226" s="58">
        <f>IF(Input!$K$13=3,J6226*Input!$J$13,0)+IF(Input!$K$14=3,K6226*Input!$J$14,0)+IF(Input!$K$15=3,L6226*Input!$J$15,0)+IF(Input!$K$16=3,M6226*Input!$J$16,0)</f>
        <v>0</v>
      </c>
      <c r="Q6226" s="71">
        <f>IF(Input!$K$13=4,J6226*Input!$J$13,0)+IF(Input!$K$14=4,K6226*Input!$J$14,0)+IF(Input!$K$15=4,L6226*Input!$J$15,0)+IF(Input!$K$16=4,M6226*Input!$J$16,0)</f>
        <v>0</v>
      </c>
    </row>
    <row r="6227" spans="8:17" x14ac:dyDescent="0.25">
      <c r="H6227" s="43">
        <v>6220</v>
      </c>
      <c r="I6227" s="55">
        <f>Bühler!I6253</f>
        <v>0.14140640680489683</v>
      </c>
      <c r="J6227" s="58">
        <f>Bühler!J6253</f>
        <v>4.0529184715227773</v>
      </c>
      <c r="K6227" s="58">
        <f>Bühler!K6253</f>
        <v>0.21750301573100586</v>
      </c>
      <c r="L6227" s="58">
        <f>Bühler!L6253</f>
        <v>0.10875150786550293</v>
      </c>
      <c r="M6227" s="57">
        <f>Bühler!M6253</f>
        <v>0</v>
      </c>
      <c r="N6227" s="55">
        <f>IF(Input!$K$13=1,J6227*Input!$J$13,0)+IF(Input!$K$14=1,K6227*Input!$J$14,0)+IF(Input!$K$15=1,L6227*Input!$J$15,0)+IF(Input!$K$16=1,M6227*Input!$J$16,0)</f>
        <v>0.48635021658273325</v>
      </c>
      <c r="O6227" s="58">
        <f>IF(Input!$K$13=2,J6227*Input!$J$13,0)+IF(Input!$K$14=2,K6227*Input!$J$14,0)+IF(Input!$K$15=2,L6227*Input!$J$15,0)+IF(Input!$K$16=2,M6227*Input!$J$16,0)</f>
        <v>2.9362907123685791E-2</v>
      </c>
      <c r="P6227" s="58">
        <f>IF(Input!$K$13=3,J6227*Input!$J$13,0)+IF(Input!$K$14=3,K6227*Input!$J$14,0)+IF(Input!$K$15=3,L6227*Input!$J$15,0)+IF(Input!$K$16=3,M6227*Input!$J$16,0)</f>
        <v>0</v>
      </c>
      <c r="Q6227" s="71">
        <f>IF(Input!$K$13=4,J6227*Input!$J$13,0)+IF(Input!$K$14=4,K6227*Input!$J$14,0)+IF(Input!$K$15=4,L6227*Input!$J$15,0)+IF(Input!$K$16=4,M6227*Input!$J$16,0)</f>
        <v>0</v>
      </c>
    </row>
    <row r="6228" spans="8:17" x14ac:dyDescent="0.25">
      <c r="H6228" s="43">
        <v>6221</v>
      </c>
      <c r="I6228" s="55">
        <f>Bühler!I6254</f>
        <v>0.14140640680489683</v>
      </c>
      <c r="J6228" s="58">
        <f>Bühler!J6254</f>
        <v>4.0529184715227773</v>
      </c>
      <c r="K6228" s="58">
        <f>Bühler!K6254</f>
        <v>0.21750301573100586</v>
      </c>
      <c r="L6228" s="58">
        <f>Bühler!L6254</f>
        <v>0.10875150786550293</v>
      </c>
      <c r="M6228" s="57">
        <f>Bühler!M6254</f>
        <v>0</v>
      </c>
      <c r="N6228" s="55">
        <f>IF(Input!$K$13=1,J6228*Input!$J$13,0)+IF(Input!$K$14=1,K6228*Input!$J$14,0)+IF(Input!$K$15=1,L6228*Input!$J$15,0)+IF(Input!$K$16=1,M6228*Input!$J$16,0)</f>
        <v>0.48635021658273325</v>
      </c>
      <c r="O6228" s="58">
        <f>IF(Input!$K$13=2,J6228*Input!$J$13,0)+IF(Input!$K$14=2,K6228*Input!$J$14,0)+IF(Input!$K$15=2,L6228*Input!$J$15,0)+IF(Input!$K$16=2,M6228*Input!$J$16,0)</f>
        <v>2.9362907123685791E-2</v>
      </c>
      <c r="P6228" s="58">
        <f>IF(Input!$K$13=3,J6228*Input!$J$13,0)+IF(Input!$K$14=3,K6228*Input!$J$14,0)+IF(Input!$K$15=3,L6228*Input!$J$15,0)+IF(Input!$K$16=3,M6228*Input!$J$16,0)</f>
        <v>0</v>
      </c>
      <c r="Q6228" s="71">
        <f>IF(Input!$K$13=4,J6228*Input!$J$13,0)+IF(Input!$K$14=4,K6228*Input!$J$14,0)+IF(Input!$K$15=4,L6228*Input!$J$15,0)+IF(Input!$K$16=4,M6228*Input!$J$16,0)</f>
        <v>0</v>
      </c>
    </row>
    <row r="6229" spans="8:17" x14ac:dyDescent="0.25">
      <c r="H6229" s="43">
        <v>6222</v>
      </c>
      <c r="I6229" s="55">
        <f>Bühler!I6255</f>
        <v>0.17675800850612108</v>
      </c>
      <c r="J6229" s="58">
        <f>Bühler!J6255</f>
        <v>4.0543914549269946</v>
      </c>
      <c r="K6229" s="58">
        <f>Bühler!K6255</f>
        <v>0.21750301573100586</v>
      </c>
      <c r="L6229" s="58">
        <f>Bühler!L6255</f>
        <v>0.10875150786550293</v>
      </c>
      <c r="M6229" s="57">
        <f>Bühler!M6255</f>
        <v>0</v>
      </c>
      <c r="N6229" s="55">
        <f>IF(Input!$K$13=1,J6229*Input!$J$13,0)+IF(Input!$K$14=1,K6229*Input!$J$14,0)+IF(Input!$K$15=1,L6229*Input!$J$15,0)+IF(Input!$K$16=1,M6229*Input!$J$16,0)</f>
        <v>0.48652697459123934</v>
      </c>
      <c r="O6229" s="58">
        <f>IF(Input!$K$13=2,J6229*Input!$J$13,0)+IF(Input!$K$14=2,K6229*Input!$J$14,0)+IF(Input!$K$15=2,L6229*Input!$J$15,0)+IF(Input!$K$16=2,M6229*Input!$J$16,0)</f>
        <v>2.9362907123685791E-2</v>
      </c>
      <c r="P6229" s="58">
        <f>IF(Input!$K$13=3,J6229*Input!$J$13,0)+IF(Input!$K$14=3,K6229*Input!$J$14,0)+IF(Input!$K$15=3,L6229*Input!$J$15,0)+IF(Input!$K$16=3,M6229*Input!$J$16,0)</f>
        <v>0</v>
      </c>
      <c r="Q6229" s="71">
        <f>IF(Input!$K$13=4,J6229*Input!$J$13,0)+IF(Input!$K$14=4,K6229*Input!$J$14,0)+IF(Input!$K$15=4,L6229*Input!$J$15,0)+IF(Input!$K$16=4,M6229*Input!$J$16,0)</f>
        <v>0</v>
      </c>
    </row>
    <row r="6230" spans="8:17" x14ac:dyDescent="0.25">
      <c r="H6230" s="43">
        <v>6223</v>
      </c>
      <c r="I6230" s="55">
        <f>Bühler!I6256</f>
        <v>0.20818165446276482</v>
      </c>
      <c r="J6230" s="58">
        <f>Bühler!J6256</f>
        <v>4.0557007735085211</v>
      </c>
      <c r="K6230" s="58">
        <f>Bühler!K6256</f>
        <v>0.21750301573100586</v>
      </c>
      <c r="L6230" s="58">
        <f>Bühler!L6256</f>
        <v>0.10875150786550293</v>
      </c>
      <c r="M6230" s="57">
        <f>Bühler!M6256</f>
        <v>0</v>
      </c>
      <c r="N6230" s="55">
        <f>IF(Input!$K$13=1,J6230*Input!$J$13,0)+IF(Input!$K$14=1,K6230*Input!$J$14,0)+IF(Input!$K$15=1,L6230*Input!$J$15,0)+IF(Input!$K$16=1,M6230*Input!$J$16,0)</f>
        <v>0.48668409282102254</v>
      </c>
      <c r="O6230" s="58">
        <f>IF(Input!$K$13=2,J6230*Input!$J$13,0)+IF(Input!$K$14=2,K6230*Input!$J$14,0)+IF(Input!$K$15=2,L6230*Input!$J$15,0)+IF(Input!$K$16=2,M6230*Input!$J$16,0)</f>
        <v>2.9362907123685791E-2</v>
      </c>
      <c r="P6230" s="58">
        <f>IF(Input!$K$13=3,J6230*Input!$J$13,0)+IF(Input!$K$14=3,K6230*Input!$J$14,0)+IF(Input!$K$15=3,L6230*Input!$J$15,0)+IF(Input!$K$16=3,M6230*Input!$J$16,0)</f>
        <v>0</v>
      </c>
      <c r="Q6230" s="71">
        <f>IF(Input!$K$13=4,J6230*Input!$J$13,0)+IF(Input!$K$14=4,K6230*Input!$J$14,0)+IF(Input!$K$15=4,L6230*Input!$J$15,0)+IF(Input!$K$16=4,M6230*Input!$J$16,0)</f>
        <v>0</v>
      </c>
    </row>
    <row r="6231" spans="8:17" x14ac:dyDescent="0.25">
      <c r="H6231" s="43">
        <v>6224</v>
      </c>
      <c r="I6231" s="55">
        <f>Bühler!I6257</f>
        <v>0.24746121190856948</v>
      </c>
      <c r="J6231" s="58">
        <f>Bühler!J6257</f>
        <v>4.0573374217354301</v>
      </c>
      <c r="K6231" s="58">
        <f>Bühler!K6257</f>
        <v>0.21750301573100586</v>
      </c>
      <c r="L6231" s="58">
        <f>Bühler!L6257</f>
        <v>0.10875150786550293</v>
      </c>
      <c r="M6231" s="57">
        <f>Bühler!M6257</f>
        <v>0</v>
      </c>
      <c r="N6231" s="55">
        <f>IF(Input!$K$13=1,J6231*Input!$J$13,0)+IF(Input!$K$14=1,K6231*Input!$J$14,0)+IF(Input!$K$15=1,L6231*Input!$J$15,0)+IF(Input!$K$16=1,M6231*Input!$J$16,0)</f>
        <v>0.48688049060825161</v>
      </c>
      <c r="O6231" s="58">
        <f>IF(Input!$K$13=2,J6231*Input!$J$13,0)+IF(Input!$K$14=2,K6231*Input!$J$14,0)+IF(Input!$K$15=2,L6231*Input!$J$15,0)+IF(Input!$K$16=2,M6231*Input!$J$16,0)</f>
        <v>2.9362907123685791E-2</v>
      </c>
      <c r="P6231" s="58">
        <f>IF(Input!$K$13=3,J6231*Input!$J$13,0)+IF(Input!$K$14=3,K6231*Input!$J$14,0)+IF(Input!$K$15=3,L6231*Input!$J$15,0)+IF(Input!$K$16=3,M6231*Input!$J$16,0)</f>
        <v>0</v>
      </c>
      <c r="Q6231" s="71">
        <f>IF(Input!$K$13=4,J6231*Input!$J$13,0)+IF(Input!$K$14=4,K6231*Input!$J$14,0)+IF(Input!$K$15=4,L6231*Input!$J$15,0)+IF(Input!$K$16=4,M6231*Input!$J$16,0)</f>
        <v>0</v>
      </c>
    </row>
    <row r="6232" spans="8:17" x14ac:dyDescent="0.25">
      <c r="H6232" s="43">
        <v>6225</v>
      </c>
      <c r="I6232" s="55">
        <f>Bühler!I6258</f>
        <v>0.24746121190856948</v>
      </c>
      <c r="J6232" s="58">
        <f>Bühler!J6258</f>
        <v>4.0573374217354301</v>
      </c>
      <c r="K6232" s="58">
        <f>Bühler!K6258</f>
        <v>0.21750301573100586</v>
      </c>
      <c r="L6232" s="58">
        <f>Bühler!L6258</f>
        <v>0.10875150786550293</v>
      </c>
      <c r="M6232" s="57">
        <f>Bühler!M6258</f>
        <v>0</v>
      </c>
      <c r="N6232" s="55">
        <f>IF(Input!$K$13=1,J6232*Input!$J$13,0)+IF(Input!$K$14=1,K6232*Input!$J$14,0)+IF(Input!$K$15=1,L6232*Input!$J$15,0)+IF(Input!$K$16=1,M6232*Input!$J$16,0)</f>
        <v>0.48688049060825161</v>
      </c>
      <c r="O6232" s="58">
        <f>IF(Input!$K$13=2,J6232*Input!$J$13,0)+IF(Input!$K$14=2,K6232*Input!$J$14,0)+IF(Input!$K$15=2,L6232*Input!$J$15,0)+IF(Input!$K$16=2,M6232*Input!$J$16,0)</f>
        <v>2.9362907123685791E-2</v>
      </c>
      <c r="P6232" s="58">
        <f>IF(Input!$K$13=3,J6232*Input!$J$13,0)+IF(Input!$K$14=3,K6232*Input!$J$14,0)+IF(Input!$K$15=3,L6232*Input!$J$15,0)+IF(Input!$K$16=3,M6232*Input!$J$16,0)</f>
        <v>0</v>
      </c>
      <c r="Q6232" s="71">
        <f>IF(Input!$K$13=4,J6232*Input!$J$13,0)+IF(Input!$K$14=4,K6232*Input!$J$14,0)+IF(Input!$K$15=4,L6232*Input!$J$15,0)+IF(Input!$K$16=4,M6232*Input!$J$16,0)</f>
        <v>0</v>
      </c>
    </row>
    <row r="6233" spans="8:17" x14ac:dyDescent="0.25">
      <c r="H6233" s="43">
        <v>6226</v>
      </c>
      <c r="I6233" s="55">
        <f>Bühler!I6259</f>
        <v>0.24746121190856948</v>
      </c>
      <c r="J6233" s="58">
        <f>Bühler!J6259</f>
        <v>4.0573374217354301</v>
      </c>
      <c r="K6233" s="58">
        <f>Bühler!K6259</f>
        <v>0.21750301573100586</v>
      </c>
      <c r="L6233" s="58">
        <f>Bühler!L6259</f>
        <v>0.10875150786550293</v>
      </c>
      <c r="M6233" s="57">
        <f>Bühler!M6259</f>
        <v>0</v>
      </c>
      <c r="N6233" s="55">
        <f>IF(Input!$K$13=1,J6233*Input!$J$13,0)+IF(Input!$K$14=1,K6233*Input!$J$14,0)+IF(Input!$K$15=1,L6233*Input!$J$15,0)+IF(Input!$K$16=1,M6233*Input!$J$16,0)</f>
        <v>0.48688049060825161</v>
      </c>
      <c r="O6233" s="58">
        <f>IF(Input!$K$13=2,J6233*Input!$J$13,0)+IF(Input!$K$14=2,K6233*Input!$J$14,0)+IF(Input!$K$15=2,L6233*Input!$J$15,0)+IF(Input!$K$16=2,M6233*Input!$J$16,0)</f>
        <v>2.9362907123685791E-2</v>
      </c>
      <c r="P6233" s="58">
        <f>IF(Input!$K$13=3,J6233*Input!$J$13,0)+IF(Input!$K$14=3,K6233*Input!$J$14,0)+IF(Input!$K$15=3,L6233*Input!$J$15,0)+IF(Input!$K$16=3,M6233*Input!$J$16,0)</f>
        <v>0</v>
      </c>
      <c r="Q6233" s="71">
        <f>IF(Input!$K$13=4,J6233*Input!$J$13,0)+IF(Input!$K$14=4,K6233*Input!$J$14,0)+IF(Input!$K$15=4,L6233*Input!$J$15,0)+IF(Input!$K$16=4,M6233*Input!$J$16,0)</f>
        <v>0</v>
      </c>
    </row>
    <row r="6234" spans="8:17" x14ac:dyDescent="0.25">
      <c r="H6234" s="43">
        <v>6227</v>
      </c>
      <c r="I6234" s="55">
        <f>Bühler!I6260</f>
        <v>0.24746121190856948</v>
      </c>
      <c r="J6234" s="58">
        <f>Bühler!J6260</f>
        <v>4.0573374217354301</v>
      </c>
      <c r="K6234" s="58">
        <f>Bühler!K6260</f>
        <v>0.21750301573100586</v>
      </c>
      <c r="L6234" s="58">
        <f>Bühler!L6260</f>
        <v>0.10875150786550293</v>
      </c>
      <c r="M6234" s="57">
        <f>Bühler!M6260</f>
        <v>0</v>
      </c>
      <c r="N6234" s="55">
        <f>IF(Input!$K$13=1,J6234*Input!$J$13,0)+IF(Input!$K$14=1,K6234*Input!$J$14,0)+IF(Input!$K$15=1,L6234*Input!$J$15,0)+IF(Input!$K$16=1,M6234*Input!$J$16,0)</f>
        <v>0.48688049060825161</v>
      </c>
      <c r="O6234" s="58">
        <f>IF(Input!$K$13=2,J6234*Input!$J$13,0)+IF(Input!$K$14=2,K6234*Input!$J$14,0)+IF(Input!$K$15=2,L6234*Input!$J$15,0)+IF(Input!$K$16=2,M6234*Input!$J$16,0)</f>
        <v>2.9362907123685791E-2</v>
      </c>
      <c r="P6234" s="58">
        <f>IF(Input!$K$13=3,J6234*Input!$J$13,0)+IF(Input!$K$14=3,K6234*Input!$J$14,0)+IF(Input!$K$15=3,L6234*Input!$J$15,0)+IF(Input!$K$16=3,M6234*Input!$J$16,0)</f>
        <v>0</v>
      </c>
      <c r="Q6234" s="71">
        <f>IF(Input!$K$13=4,J6234*Input!$J$13,0)+IF(Input!$K$14=4,K6234*Input!$J$14,0)+IF(Input!$K$15=4,L6234*Input!$J$15,0)+IF(Input!$K$16=4,M6234*Input!$J$16,0)</f>
        <v>0</v>
      </c>
    </row>
    <row r="6235" spans="8:17" x14ac:dyDescent="0.25">
      <c r="H6235" s="43">
        <v>6228</v>
      </c>
      <c r="I6235" s="55">
        <f>Bühler!I6261</f>
        <v>0.24746121190856948</v>
      </c>
      <c r="J6235" s="58">
        <f>Bühler!J6261</f>
        <v>4.0573374217354301</v>
      </c>
      <c r="K6235" s="58">
        <f>Bühler!K6261</f>
        <v>0.21750301573100586</v>
      </c>
      <c r="L6235" s="58">
        <f>Bühler!L6261</f>
        <v>0.10875150786550293</v>
      </c>
      <c r="M6235" s="57">
        <f>Bühler!M6261</f>
        <v>0</v>
      </c>
      <c r="N6235" s="55">
        <f>IF(Input!$K$13=1,J6235*Input!$J$13,0)+IF(Input!$K$14=1,K6235*Input!$J$14,0)+IF(Input!$K$15=1,L6235*Input!$J$15,0)+IF(Input!$K$16=1,M6235*Input!$J$16,0)</f>
        <v>0.48688049060825161</v>
      </c>
      <c r="O6235" s="58">
        <f>IF(Input!$K$13=2,J6235*Input!$J$13,0)+IF(Input!$K$14=2,K6235*Input!$J$14,0)+IF(Input!$K$15=2,L6235*Input!$J$15,0)+IF(Input!$K$16=2,M6235*Input!$J$16,0)</f>
        <v>2.9362907123685791E-2</v>
      </c>
      <c r="P6235" s="58">
        <f>IF(Input!$K$13=3,J6235*Input!$J$13,0)+IF(Input!$K$14=3,K6235*Input!$J$14,0)+IF(Input!$K$15=3,L6235*Input!$J$15,0)+IF(Input!$K$16=3,M6235*Input!$J$16,0)</f>
        <v>0</v>
      </c>
      <c r="Q6235" s="71">
        <f>IF(Input!$K$13=4,J6235*Input!$J$13,0)+IF(Input!$K$14=4,K6235*Input!$J$14,0)+IF(Input!$K$15=4,L6235*Input!$J$15,0)+IF(Input!$K$16=4,M6235*Input!$J$16,0)</f>
        <v>0</v>
      </c>
    </row>
    <row r="6236" spans="8:17" x14ac:dyDescent="0.25">
      <c r="H6236" s="43">
        <v>6229</v>
      </c>
      <c r="I6236" s="55">
        <f>Bühler!I6262</f>
        <v>0.24746121190856948</v>
      </c>
      <c r="J6236" s="58">
        <f>Bühler!J6262</f>
        <v>4.0573374217354301</v>
      </c>
      <c r="K6236" s="58">
        <f>Bühler!K6262</f>
        <v>0.21750301573100586</v>
      </c>
      <c r="L6236" s="58">
        <f>Bühler!L6262</f>
        <v>0.10875150786550293</v>
      </c>
      <c r="M6236" s="57">
        <f>Bühler!M6262</f>
        <v>0</v>
      </c>
      <c r="N6236" s="55">
        <f>IF(Input!$K$13=1,J6236*Input!$J$13,0)+IF(Input!$K$14=1,K6236*Input!$J$14,0)+IF(Input!$K$15=1,L6236*Input!$J$15,0)+IF(Input!$K$16=1,M6236*Input!$J$16,0)</f>
        <v>0.48688049060825161</v>
      </c>
      <c r="O6236" s="58">
        <f>IF(Input!$K$13=2,J6236*Input!$J$13,0)+IF(Input!$K$14=2,K6236*Input!$J$14,0)+IF(Input!$K$15=2,L6236*Input!$J$15,0)+IF(Input!$K$16=2,M6236*Input!$J$16,0)</f>
        <v>2.9362907123685791E-2</v>
      </c>
      <c r="P6236" s="58">
        <f>IF(Input!$K$13=3,J6236*Input!$J$13,0)+IF(Input!$K$14=3,K6236*Input!$J$14,0)+IF(Input!$K$15=3,L6236*Input!$J$15,0)+IF(Input!$K$16=3,M6236*Input!$J$16,0)</f>
        <v>0</v>
      </c>
      <c r="Q6236" s="71">
        <f>IF(Input!$K$13=4,J6236*Input!$J$13,0)+IF(Input!$K$14=4,K6236*Input!$J$14,0)+IF(Input!$K$15=4,L6236*Input!$J$15,0)+IF(Input!$K$16=4,M6236*Input!$J$16,0)</f>
        <v>0</v>
      </c>
    </row>
    <row r="6237" spans="8:17" x14ac:dyDescent="0.25">
      <c r="H6237" s="43">
        <v>6230</v>
      </c>
      <c r="I6237" s="55">
        <f>Bühler!I6263</f>
        <v>0.24746121190856948</v>
      </c>
      <c r="J6237" s="58">
        <f>Bühler!J6263</f>
        <v>4.0573374217354301</v>
      </c>
      <c r="K6237" s="58">
        <f>Bühler!K6263</f>
        <v>0.21750301573100586</v>
      </c>
      <c r="L6237" s="58">
        <f>Bühler!L6263</f>
        <v>0.10875150786550293</v>
      </c>
      <c r="M6237" s="57">
        <f>Bühler!M6263</f>
        <v>0</v>
      </c>
      <c r="N6237" s="55">
        <f>IF(Input!$K$13=1,J6237*Input!$J$13,0)+IF(Input!$K$14=1,K6237*Input!$J$14,0)+IF(Input!$K$15=1,L6237*Input!$J$15,0)+IF(Input!$K$16=1,M6237*Input!$J$16,0)</f>
        <v>0.48688049060825161</v>
      </c>
      <c r="O6237" s="58">
        <f>IF(Input!$K$13=2,J6237*Input!$J$13,0)+IF(Input!$K$14=2,K6237*Input!$J$14,0)+IF(Input!$K$15=2,L6237*Input!$J$15,0)+IF(Input!$K$16=2,M6237*Input!$J$16,0)</f>
        <v>2.9362907123685791E-2</v>
      </c>
      <c r="P6237" s="58">
        <f>IF(Input!$K$13=3,J6237*Input!$J$13,0)+IF(Input!$K$14=3,K6237*Input!$J$14,0)+IF(Input!$K$15=3,L6237*Input!$J$15,0)+IF(Input!$K$16=3,M6237*Input!$J$16,0)</f>
        <v>0</v>
      </c>
      <c r="Q6237" s="71">
        <f>IF(Input!$K$13=4,J6237*Input!$J$13,0)+IF(Input!$K$14=4,K6237*Input!$J$14,0)+IF(Input!$K$15=4,L6237*Input!$J$15,0)+IF(Input!$K$16=4,M6237*Input!$J$16,0)</f>
        <v>0</v>
      </c>
    </row>
    <row r="6238" spans="8:17" x14ac:dyDescent="0.25">
      <c r="H6238" s="43">
        <v>6231</v>
      </c>
      <c r="I6238" s="55">
        <f>Bühler!I6264</f>
        <v>0.24746121190856948</v>
      </c>
      <c r="J6238" s="58">
        <f>Bühler!J6264</f>
        <v>4.0573374217354301</v>
      </c>
      <c r="K6238" s="58">
        <f>Bühler!K6264</f>
        <v>0.21750301573100586</v>
      </c>
      <c r="L6238" s="58">
        <f>Bühler!L6264</f>
        <v>0.10875150786550293</v>
      </c>
      <c r="M6238" s="57">
        <f>Bühler!M6264</f>
        <v>0</v>
      </c>
      <c r="N6238" s="55">
        <f>IF(Input!$K$13=1,J6238*Input!$J$13,0)+IF(Input!$K$14=1,K6238*Input!$J$14,0)+IF(Input!$K$15=1,L6238*Input!$J$15,0)+IF(Input!$K$16=1,M6238*Input!$J$16,0)</f>
        <v>0.48688049060825161</v>
      </c>
      <c r="O6238" s="58">
        <f>IF(Input!$K$13=2,J6238*Input!$J$13,0)+IF(Input!$K$14=2,K6238*Input!$J$14,0)+IF(Input!$K$15=2,L6238*Input!$J$15,0)+IF(Input!$K$16=2,M6238*Input!$J$16,0)</f>
        <v>2.9362907123685791E-2</v>
      </c>
      <c r="P6238" s="58">
        <f>IF(Input!$K$13=3,J6238*Input!$J$13,0)+IF(Input!$K$14=3,K6238*Input!$J$14,0)+IF(Input!$K$15=3,L6238*Input!$J$15,0)+IF(Input!$K$16=3,M6238*Input!$J$16,0)</f>
        <v>0</v>
      </c>
      <c r="Q6238" s="71">
        <f>IF(Input!$K$13=4,J6238*Input!$J$13,0)+IF(Input!$K$14=4,K6238*Input!$J$14,0)+IF(Input!$K$15=4,L6238*Input!$J$15,0)+IF(Input!$K$16=4,M6238*Input!$J$16,0)</f>
        <v>0</v>
      </c>
    </row>
    <row r="6239" spans="8:17" x14ac:dyDescent="0.25">
      <c r="H6239" s="43">
        <v>6232</v>
      </c>
      <c r="I6239" s="55">
        <f>Bühler!I6265</f>
        <v>0.21996552169650621</v>
      </c>
      <c r="J6239" s="58">
        <f>Bühler!J6265</f>
        <v>4.0561917679765935</v>
      </c>
      <c r="K6239" s="58">
        <f>Bühler!K6265</f>
        <v>0.21750301573100586</v>
      </c>
      <c r="L6239" s="58">
        <f>Bühler!L6265</f>
        <v>0.10875150786550293</v>
      </c>
      <c r="M6239" s="57">
        <f>Bühler!M6265</f>
        <v>0</v>
      </c>
      <c r="N6239" s="55">
        <f>IF(Input!$K$13=1,J6239*Input!$J$13,0)+IF(Input!$K$14=1,K6239*Input!$J$14,0)+IF(Input!$K$15=1,L6239*Input!$J$15,0)+IF(Input!$K$16=1,M6239*Input!$J$16,0)</f>
        <v>0.48674301215719118</v>
      </c>
      <c r="O6239" s="58">
        <f>IF(Input!$K$13=2,J6239*Input!$J$13,0)+IF(Input!$K$14=2,K6239*Input!$J$14,0)+IF(Input!$K$15=2,L6239*Input!$J$15,0)+IF(Input!$K$16=2,M6239*Input!$J$16,0)</f>
        <v>2.9362907123685791E-2</v>
      </c>
      <c r="P6239" s="58">
        <f>IF(Input!$K$13=3,J6239*Input!$J$13,0)+IF(Input!$K$14=3,K6239*Input!$J$14,0)+IF(Input!$K$15=3,L6239*Input!$J$15,0)+IF(Input!$K$16=3,M6239*Input!$J$16,0)</f>
        <v>0</v>
      </c>
      <c r="Q6239" s="71">
        <f>IF(Input!$K$13=4,J6239*Input!$J$13,0)+IF(Input!$K$14=4,K6239*Input!$J$14,0)+IF(Input!$K$15=4,L6239*Input!$J$15,0)+IF(Input!$K$16=4,M6239*Input!$J$16,0)</f>
        <v>0</v>
      </c>
    </row>
    <row r="6240" spans="8:17" x14ac:dyDescent="0.25">
      <c r="H6240" s="43">
        <v>6233</v>
      </c>
      <c r="I6240" s="55">
        <f>Bühler!I6266</f>
        <v>0.21603756595192572</v>
      </c>
      <c r="J6240" s="58">
        <f>Bühler!J6266</f>
        <v>4.0560281031539027</v>
      </c>
      <c r="K6240" s="58">
        <f>Bühler!K6266</f>
        <v>0.21750301573100586</v>
      </c>
      <c r="L6240" s="58">
        <f>Bühler!L6266</f>
        <v>0.10875150786550293</v>
      </c>
      <c r="M6240" s="57">
        <f>Bühler!M6266</f>
        <v>0</v>
      </c>
      <c r="N6240" s="55">
        <f>IF(Input!$K$13=1,J6240*Input!$J$13,0)+IF(Input!$K$14=1,K6240*Input!$J$14,0)+IF(Input!$K$15=1,L6240*Input!$J$15,0)+IF(Input!$K$16=1,M6240*Input!$J$16,0)</f>
        <v>0.4867233723784683</v>
      </c>
      <c r="O6240" s="58">
        <f>IF(Input!$K$13=2,J6240*Input!$J$13,0)+IF(Input!$K$14=2,K6240*Input!$J$14,0)+IF(Input!$K$15=2,L6240*Input!$J$15,0)+IF(Input!$K$16=2,M6240*Input!$J$16,0)</f>
        <v>2.9362907123685791E-2</v>
      </c>
      <c r="P6240" s="58">
        <f>IF(Input!$K$13=3,J6240*Input!$J$13,0)+IF(Input!$K$14=3,K6240*Input!$J$14,0)+IF(Input!$K$15=3,L6240*Input!$J$15,0)+IF(Input!$K$16=3,M6240*Input!$J$16,0)</f>
        <v>0</v>
      </c>
      <c r="Q6240" s="71">
        <f>IF(Input!$K$13=4,J6240*Input!$J$13,0)+IF(Input!$K$14=4,K6240*Input!$J$14,0)+IF(Input!$K$15=4,L6240*Input!$J$15,0)+IF(Input!$K$16=4,M6240*Input!$J$16,0)</f>
        <v>0</v>
      </c>
    </row>
    <row r="6241" spans="8:17" x14ac:dyDescent="0.25">
      <c r="H6241" s="43">
        <v>6234</v>
      </c>
      <c r="I6241" s="55">
        <f>Bühler!I6267</f>
        <v>0.18461391999528201</v>
      </c>
      <c r="J6241" s="58">
        <f>Bühler!J6267</f>
        <v>4.0547187845723762</v>
      </c>
      <c r="K6241" s="58">
        <f>Bühler!K6267</f>
        <v>0.21750301573100586</v>
      </c>
      <c r="L6241" s="58">
        <f>Bühler!L6267</f>
        <v>0.10875150786550293</v>
      </c>
      <c r="M6241" s="57">
        <f>Bühler!M6267</f>
        <v>0</v>
      </c>
      <c r="N6241" s="55">
        <f>IF(Input!$K$13=1,J6241*Input!$J$13,0)+IF(Input!$K$14=1,K6241*Input!$J$14,0)+IF(Input!$K$15=1,L6241*Input!$J$15,0)+IF(Input!$K$16=1,M6241*Input!$J$16,0)</f>
        <v>0.48656625414868515</v>
      </c>
      <c r="O6241" s="58">
        <f>IF(Input!$K$13=2,J6241*Input!$J$13,0)+IF(Input!$K$14=2,K6241*Input!$J$14,0)+IF(Input!$K$15=2,L6241*Input!$J$15,0)+IF(Input!$K$16=2,M6241*Input!$J$16,0)</f>
        <v>2.9362907123685791E-2</v>
      </c>
      <c r="P6241" s="58">
        <f>IF(Input!$K$13=3,J6241*Input!$J$13,0)+IF(Input!$K$14=3,K6241*Input!$J$14,0)+IF(Input!$K$15=3,L6241*Input!$J$15,0)+IF(Input!$K$16=3,M6241*Input!$J$16,0)</f>
        <v>0</v>
      </c>
      <c r="Q6241" s="71">
        <f>IF(Input!$K$13=4,J6241*Input!$J$13,0)+IF(Input!$K$14=4,K6241*Input!$J$14,0)+IF(Input!$K$15=4,L6241*Input!$J$15,0)+IF(Input!$K$16=4,M6241*Input!$J$16,0)</f>
        <v>0</v>
      </c>
    </row>
    <row r="6242" spans="8:17" x14ac:dyDescent="0.25">
      <c r="H6242" s="43">
        <v>6235</v>
      </c>
      <c r="I6242" s="55">
        <f>Bühler!I6268</f>
        <v>0.17283005276154059</v>
      </c>
      <c r="J6242" s="58">
        <f>Bühler!J6268</f>
        <v>4.0542277901043038</v>
      </c>
      <c r="K6242" s="58">
        <f>Bühler!K6268</f>
        <v>0.21750301573100586</v>
      </c>
      <c r="L6242" s="58">
        <f>Bühler!L6268</f>
        <v>0.10875150786550293</v>
      </c>
      <c r="M6242" s="57">
        <f>Bühler!M6268</f>
        <v>0</v>
      </c>
      <c r="N6242" s="55">
        <f>IF(Input!$K$13=1,J6242*Input!$J$13,0)+IF(Input!$K$14=1,K6242*Input!$J$14,0)+IF(Input!$K$15=1,L6242*Input!$J$15,0)+IF(Input!$K$16=1,M6242*Input!$J$16,0)</f>
        <v>0.48650733481251646</v>
      </c>
      <c r="O6242" s="58">
        <f>IF(Input!$K$13=2,J6242*Input!$J$13,0)+IF(Input!$K$14=2,K6242*Input!$J$14,0)+IF(Input!$K$15=2,L6242*Input!$J$15,0)+IF(Input!$K$16=2,M6242*Input!$J$16,0)</f>
        <v>2.9362907123685791E-2</v>
      </c>
      <c r="P6242" s="58">
        <f>IF(Input!$K$13=3,J6242*Input!$J$13,0)+IF(Input!$K$14=3,K6242*Input!$J$14,0)+IF(Input!$K$15=3,L6242*Input!$J$15,0)+IF(Input!$K$16=3,M6242*Input!$J$16,0)</f>
        <v>0</v>
      </c>
      <c r="Q6242" s="71">
        <f>IF(Input!$K$13=4,J6242*Input!$J$13,0)+IF(Input!$K$14=4,K6242*Input!$J$14,0)+IF(Input!$K$15=4,L6242*Input!$J$15,0)+IF(Input!$K$16=4,M6242*Input!$J$16,0)</f>
        <v>0</v>
      </c>
    </row>
    <row r="6243" spans="8:17" x14ac:dyDescent="0.25">
      <c r="H6243" s="43">
        <v>6236</v>
      </c>
      <c r="I6243" s="55">
        <f>Bühler!I6269</f>
        <v>0.14533436254947732</v>
      </c>
      <c r="J6243" s="58">
        <f>Bühler!J6269</f>
        <v>4.0530821363454681</v>
      </c>
      <c r="K6243" s="58">
        <f>Bühler!K6269</f>
        <v>0.21750301573100586</v>
      </c>
      <c r="L6243" s="58">
        <f>Bühler!L6269</f>
        <v>0.10875150786550293</v>
      </c>
      <c r="M6243" s="57">
        <f>Bühler!M6269</f>
        <v>0</v>
      </c>
      <c r="N6243" s="55">
        <f>IF(Input!$K$13=1,J6243*Input!$J$13,0)+IF(Input!$K$14=1,K6243*Input!$J$14,0)+IF(Input!$K$15=1,L6243*Input!$J$15,0)+IF(Input!$K$16=1,M6243*Input!$J$16,0)</f>
        <v>0.48636985636145613</v>
      </c>
      <c r="O6243" s="58">
        <f>IF(Input!$K$13=2,J6243*Input!$J$13,0)+IF(Input!$K$14=2,K6243*Input!$J$14,0)+IF(Input!$K$15=2,L6243*Input!$J$15,0)+IF(Input!$K$16=2,M6243*Input!$J$16,0)</f>
        <v>2.9362907123685791E-2</v>
      </c>
      <c r="P6243" s="58">
        <f>IF(Input!$K$13=3,J6243*Input!$J$13,0)+IF(Input!$K$14=3,K6243*Input!$J$14,0)+IF(Input!$K$15=3,L6243*Input!$J$15,0)+IF(Input!$K$16=3,M6243*Input!$J$16,0)</f>
        <v>0</v>
      </c>
      <c r="Q6243" s="71">
        <f>IF(Input!$K$13=4,J6243*Input!$J$13,0)+IF(Input!$K$14=4,K6243*Input!$J$14,0)+IF(Input!$K$15=4,L6243*Input!$J$15,0)+IF(Input!$K$16=4,M6243*Input!$J$16,0)</f>
        <v>0</v>
      </c>
    </row>
    <row r="6244" spans="8:17" x14ac:dyDescent="0.25">
      <c r="H6244" s="43">
        <v>6237</v>
      </c>
      <c r="I6244" s="55">
        <f>Bühler!I6270</f>
        <v>0.12176662808199451</v>
      </c>
      <c r="J6244" s="58">
        <f>Bühler!J6270</f>
        <v>4.0521001474093223</v>
      </c>
      <c r="K6244" s="58">
        <f>Bühler!K6270</f>
        <v>0.21750301573100586</v>
      </c>
      <c r="L6244" s="58">
        <f>Bühler!L6270</f>
        <v>0.10875150786550293</v>
      </c>
      <c r="M6244" s="57">
        <f>Bühler!M6270</f>
        <v>0</v>
      </c>
      <c r="N6244" s="55">
        <f>IF(Input!$K$13=1,J6244*Input!$J$13,0)+IF(Input!$K$14=1,K6244*Input!$J$14,0)+IF(Input!$K$15=1,L6244*Input!$J$15,0)+IF(Input!$K$16=1,M6244*Input!$J$16,0)</f>
        <v>0.48625201768911869</v>
      </c>
      <c r="O6244" s="58">
        <f>IF(Input!$K$13=2,J6244*Input!$J$13,0)+IF(Input!$K$14=2,K6244*Input!$J$14,0)+IF(Input!$K$15=2,L6244*Input!$J$15,0)+IF(Input!$K$16=2,M6244*Input!$J$16,0)</f>
        <v>2.9362907123685791E-2</v>
      </c>
      <c r="P6244" s="58">
        <f>IF(Input!$K$13=3,J6244*Input!$J$13,0)+IF(Input!$K$14=3,K6244*Input!$J$14,0)+IF(Input!$K$15=3,L6244*Input!$J$15,0)+IF(Input!$K$16=3,M6244*Input!$J$16,0)</f>
        <v>0</v>
      </c>
      <c r="Q6244" s="71">
        <f>IF(Input!$K$13=4,J6244*Input!$J$13,0)+IF(Input!$K$14=4,K6244*Input!$J$14,0)+IF(Input!$K$15=4,L6244*Input!$J$15,0)+IF(Input!$K$16=4,M6244*Input!$J$16,0)</f>
        <v>0</v>
      </c>
    </row>
    <row r="6245" spans="8:17" x14ac:dyDescent="0.25">
      <c r="H6245" s="43">
        <v>6238</v>
      </c>
      <c r="I6245" s="55">
        <f>Bühler!I6271</f>
        <v>0.10605480510367264</v>
      </c>
      <c r="J6245" s="58">
        <f>Bühler!J6271</f>
        <v>4.0514454881185591</v>
      </c>
      <c r="K6245" s="58">
        <f>Bühler!K6271</f>
        <v>0.21750301573100586</v>
      </c>
      <c r="L6245" s="58">
        <f>Bühler!L6271</f>
        <v>0.10875150786550293</v>
      </c>
      <c r="M6245" s="57">
        <f>Bühler!M6271</f>
        <v>0</v>
      </c>
      <c r="N6245" s="55">
        <f>IF(Input!$K$13=1,J6245*Input!$J$13,0)+IF(Input!$K$14=1,K6245*Input!$J$14,0)+IF(Input!$K$15=1,L6245*Input!$J$15,0)+IF(Input!$K$16=1,M6245*Input!$J$16,0)</f>
        <v>0.48617345857422706</v>
      </c>
      <c r="O6245" s="58">
        <f>IF(Input!$K$13=2,J6245*Input!$J$13,0)+IF(Input!$K$14=2,K6245*Input!$J$14,0)+IF(Input!$K$15=2,L6245*Input!$J$15,0)+IF(Input!$K$16=2,M6245*Input!$J$16,0)</f>
        <v>2.9362907123685791E-2</v>
      </c>
      <c r="P6245" s="58">
        <f>IF(Input!$K$13=3,J6245*Input!$J$13,0)+IF(Input!$K$14=3,K6245*Input!$J$14,0)+IF(Input!$K$15=3,L6245*Input!$J$15,0)+IF(Input!$K$16=3,M6245*Input!$J$16,0)</f>
        <v>0</v>
      </c>
      <c r="Q6245" s="71">
        <f>IF(Input!$K$13=4,J6245*Input!$J$13,0)+IF(Input!$K$14=4,K6245*Input!$J$14,0)+IF(Input!$K$15=4,L6245*Input!$J$15,0)+IF(Input!$K$16=4,M6245*Input!$J$16,0)</f>
        <v>0</v>
      </c>
    </row>
    <row r="6246" spans="8:17" x14ac:dyDescent="0.25">
      <c r="H6246" s="43">
        <v>6239</v>
      </c>
      <c r="I6246" s="55">
        <f>Bühler!I6272</f>
        <v>0.10605480510367264</v>
      </c>
      <c r="J6246" s="58">
        <f>Bühler!J6272</f>
        <v>4.0514454881185591</v>
      </c>
      <c r="K6246" s="58">
        <f>Bühler!K6272</f>
        <v>0.21750301573100586</v>
      </c>
      <c r="L6246" s="58">
        <f>Bühler!L6272</f>
        <v>0.10875150786550293</v>
      </c>
      <c r="M6246" s="57">
        <f>Bühler!M6272</f>
        <v>0</v>
      </c>
      <c r="N6246" s="55">
        <f>IF(Input!$K$13=1,J6246*Input!$J$13,0)+IF(Input!$K$14=1,K6246*Input!$J$14,0)+IF(Input!$K$15=1,L6246*Input!$J$15,0)+IF(Input!$K$16=1,M6246*Input!$J$16,0)</f>
        <v>0.48617345857422706</v>
      </c>
      <c r="O6246" s="58">
        <f>IF(Input!$K$13=2,J6246*Input!$J$13,0)+IF(Input!$K$14=2,K6246*Input!$J$14,0)+IF(Input!$K$15=2,L6246*Input!$J$15,0)+IF(Input!$K$16=2,M6246*Input!$J$16,0)</f>
        <v>2.9362907123685791E-2</v>
      </c>
      <c r="P6246" s="58">
        <f>IF(Input!$K$13=3,J6246*Input!$J$13,0)+IF(Input!$K$14=3,K6246*Input!$J$14,0)+IF(Input!$K$15=3,L6246*Input!$J$15,0)+IF(Input!$K$16=3,M6246*Input!$J$16,0)</f>
        <v>0</v>
      </c>
      <c r="Q6246" s="71">
        <f>IF(Input!$K$13=4,J6246*Input!$J$13,0)+IF(Input!$K$14=4,K6246*Input!$J$14,0)+IF(Input!$K$15=4,L6246*Input!$J$15,0)+IF(Input!$K$16=4,M6246*Input!$J$16,0)</f>
        <v>0</v>
      </c>
    </row>
    <row r="6247" spans="8:17" x14ac:dyDescent="0.25">
      <c r="H6247" s="43">
        <v>6240</v>
      </c>
      <c r="I6247" s="55">
        <f>Bühler!I6273</f>
        <v>0.10605480510367264</v>
      </c>
      <c r="J6247" s="58">
        <f>Bühler!J6273</f>
        <v>4.0514454881185591</v>
      </c>
      <c r="K6247" s="58">
        <f>Bühler!K6273</f>
        <v>0.21750301573100586</v>
      </c>
      <c r="L6247" s="58">
        <f>Bühler!L6273</f>
        <v>0.10875150786550293</v>
      </c>
      <c r="M6247" s="57">
        <f>Bühler!M6273</f>
        <v>0</v>
      </c>
      <c r="N6247" s="55">
        <f>IF(Input!$K$13=1,J6247*Input!$J$13,0)+IF(Input!$K$14=1,K6247*Input!$J$14,0)+IF(Input!$K$15=1,L6247*Input!$J$15,0)+IF(Input!$K$16=1,M6247*Input!$J$16,0)</f>
        <v>0.48617345857422706</v>
      </c>
      <c r="O6247" s="58">
        <f>IF(Input!$K$13=2,J6247*Input!$J$13,0)+IF(Input!$K$14=2,K6247*Input!$J$14,0)+IF(Input!$K$15=2,L6247*Input!$J$15,0)+IF(Input!$K$16=2,M6247*Input!$J$16,0)</f>
        <v>2.9362907123685791E-2</v>
      </c>
      <c r="P6247" s="58">
        <f>IF(Input!$K$13=3,J6247*Input!$J$13,0)+IF(Input!$K$14=3,K6247*Input!$J$14,0)+IF(Input!$K$15=3,L6247*Input!$J$15,0)+IF(Input!$K$16=3,M6247*Input!$J$16,0)</f>
        <v>0</v>
      </c>
      <c r="Q6247" s="71">
        <f>IF(Input!$K$13=4,J6247*Input!$J$13,0)+IF(Input!$K$14=4,K6247*Input!$J$14,0)+IF(Input!$K$15=4,L6247*Input!$J$15,0)+IF(Input!$K$16=4,M6247*Input!$J$16,0)</f>
        <v>0</v>
      </c>
    </row>
    <row r="6248" spans="8:17" x14ac:dyDescent="0.25">
      <c r="H6248" s="43">
        <v>6241</v>
      </c>
      <c r="I6248" s="55">
        <f>Bühler!I6274</f>
        <v>3.6475432750246908E-2</v>
      </c>
      <c r="J6248" s="58">
        <f>Bühler!J6274</f>
        <v>6.4181998841096561</v>
      </c>
      <c r="K6248" s="58">
        <f>Bühler!K6274</f>
        <v>0.54301419267124973</v>
      </c>
      <c r="L6248" s="58">
        <f>Bühler!L6274</f>
        <v>0.27150709633562486</v>
      </c>
      <c r="M6248" s="57">
        <f>Bühler!M6274</f>
        <v>0</v>
      </c>
      <c r="N6248" s="55">
        <f>IF(Input!$K$13=1,J6248*Input!$J$13,0)+IF(Input!$K$14=1,K6248*Input!$J$14,0)+IF(Input!$K$15=1,L6248*Input!$J$15,0)+IF(Input!$K$16=1,M6248*Input!$J$16,0)</f>
        <v>0.77018398609315875</v>
      </c>
      <c r="O6248" s="58">
        <f>IF(Input!$K$13=2,J6248*Input!$J$13,0)+IF(Input!$K$14=2,K6248*Input!$J$14,0)+IF(Input!$K$15=2,L6248*Input!$J$15,0)+IF(Input!$K$16=2,M6248*Input!$J$16,0)</f>
        <v>7.33069160106187E-2</v>
      </c>
      <c r="P6248" s="58">
        <f>IF(Input!$K$13=3,J6248*Input!$J$13,0)+IF(Input!$K$14=3,K6248*Input!$J$14,0)+IF(Input!$K$15=3,L6248*Input!$J$15,0)+IF(Input!$K$16=3,M6248*Input!$J$16,0)</f>
        <v>0</v>
      </c>
      <c r="Q6248" s="71">
        <f>IF(Input!$K$13=4,J6248*Input!$J$13,0)+IF(Input!$K$14=4,K6248*Input!$J$14,0)+IF(Input!$K$15=4,L6248*Input!$J$15,0)+IF(Input!$K$16=4,M6248*Input!$J$16,0)</f>
        <v>0</v>
      </c>
    </row>
    <row r="6249" spans="8:17" x14ac:dyDescent="0.25">
      <c r="H6249" s="43">
        <v>6242</v>
      </c>
      <c r="I6249" s="55">
        <f>Bühler!I6275</f>
        <v>3.6475432750246908E-2</v>
      </c>
      <c r="J6249" s="58">
        <f>Bühler!J6275</f>
        <v>6.4181998841096561</v>
      </c>
      <c r="K6249" s="58">
        <f>Bühler!K6275</f>
        <v>0.54301419267124973</v>
      </c>
      <c r="L6249" s="58">
        <f>Bühler!L6275</f>
        <v>0.27150709633562486</v>
      </c>
      <c r="M6249" s="57">
        <f>Bühler!M6275</f>
        <v>0</v>
      </c>
      <c r="N6249" s="55">
        <f>IF(Input!$K$13=1,J6249*Input!$J$13,0)+IF(Input!$K$14=1,K6249*Input!$J$14,0)+IF(Input!$K$15=1,L6249*Input!$J$15,0)+IF(Input!$K$16=1,M6249*Input!$J$16,0)</f>
        <v>0.77018398609315875</v>
      </c>
      <c r="O6249" s="58">
        <f>IF(Input!$K$13=2,J6249*Input!$J$13,0)+IF(Input!$K$14=2,K6249*Input!$J$14,0)+IF(Input!$K$15=2,L6249*Input!$J$15,0)+IF(Input!$K$16=2,M6249*Input!$J$16,0)</f>
        <v>7.33069160106187E-2</v>
      </c>
      <c r="P6249" s="58">
        <f>IF(Input!$K$13=3,J6249*Input!$J$13,0)+IF(Input!$K$14=3,K6249*Input!$J$14,0)+IF(Input!$K$15=3,L6249*Input!$J$15,0)+IF(Input!$K$16=3,M6249*Input!$J$16,0)</f>
        <v>0</v>
      </c>
      <c r="Q6249" s="71">
        <f>IF(Input!$K$13=4,J6249*Input!$J$13,0)+IF(Input!$K$14=4,K6249*Input!$J$14,0)+IF(Input!$K$15=4,L6249*Input!$J$15,0)+IF(Input!$K$16=4,M6249*Input!$J$16,0)</f>
        <v>0</v>
      </c>
    </row>
    <row r="6250" spans="8:17" x14ac:dyDescent="0.25">
      <c r="H6250" s="43">
        <v>6243</v>
      </c>
      <c r="I6250" s="55">
        <f>Bühler!I6276</f>
        <v>3.6475432750246908E-2</v>
      </c>
      <c r="J6250" s="58">
        <f>Bühler!J6276</f>
        <v>6.4181998841096561</v>
      </c>
      <c r="K6250" s="58">
        <f>Bühler!K6276</f>
        <v>0.54301419267124973</v>
      </c>
      <c r="L6250" s="58">
        <f>Bühler!L6276</f>
        <v>0.27150709633562486</v>
      </c>
      <c r="M6250" s="57">
        <f>Bühler!M6276</f>
        <v>0</v>
      </c>
      <c r="N6250" s="55">
        <f>IF(Input!$K$13=1,J6250*Input!$J$13,0)+IF(Input!$K$14=1,K6250*Input!$J$14,0)+IF(Input!$K$15=1,L6250*Input!$J$15,0)+IF(Input!$K$16=1,M6250*Input!$J$16,0)</f>
        <v>0.77018398609315875</v>
      </c>
      <c r="O6250" s="58">
        <f>IF(Input!$K$13=2,J6250*Input!$J$13,0)+IF(Input!$K$14=2,K6250*Input!$J$14,0)+IF(Input!$K$15=2,L6250*Input!$J$15,0)+IF(Input!$K$16=2,M6250*Input!$J$16,0)</f>
        <v>7.33069160106187E-2</v>
      </c>
      <c r="P6250" s="58">
        <f>IF(Input!$K$13=3,J6250*Input!$J$13,0)+IF(Input!$K$14=3,K6250*Input!$J$14,0)+IF(Input!$K$15=3,L6250*Input!$J$15,0)+IF(Input!$K$16=3,M6250*Input!$J$16,0)</f>
        <v>0</v>
      </c>
      <c r="Q6250" s="71">
        <f>IF(Input!$K$13=4,J6250*Input!$J$13,0)+IF(Input!$K$14=4,K6250*Input!$J$14,0)+IF(Input!$K$15=4,L6250*Input!$J$15,0)+IF(Input!$K$16=4,M6250*Input!$J$16,0)</f>
        <v>0</v>
      </c>
    </row>
    <row r="6251" spans="8:17" x14ac:dyDescent="0.25">
      <c r="H6251" s="43">
        <v>6244</v>
      </c>
      <c r="I6251" s="55">
        <f>Bühler!I6277</f>
        <v>3.6475432750246908E-2</v>
      </c>
      <c r="J6251" s="58">
        <f>Bühler!J6277</f>
        <v>6.4181998841096561</v>
      </c>
      <c r="K6251" s="58">
        <f>Bühler!K6277</f>
        <v>0.54301419267124973</v>
      </c>
      <c r="L6251" s="58">
        <f>Bühler!L6277</f>
        <v>0.27150709633562486</v>
      </c>
      <c r="M6251" s="57">
        <f>Bühler!M6277</f>
        <v>0</v>
      </c>
      <c r="N6251" s="55">
        <f>IF(Input!$K$13=1,J6251*Input!$J$13,0)+IF(Input!$K$14=1,K6251*Input!$J$14,0)+IF(Input!$K$15=1,L6251*Input!$J$15,0)+IF(Input!$K$16=1,M6251*Input!$J$16,0)</f>
        <v>0.77018398609315875</v>
      </c>
      <c r="O6251" s="58">
        <f>IF(Input!$K$13=2,J6251*Input!$J$13,0)+IF(Input!$K$14=2,K6251*Input!$J$14,0)+IF(Input!$K$15=2,L6251*Input!$J$15,0)+IF(Input!$K$16=2,M6251*Input!$J$16,0)</f>
        <v>7.33069160106187E-2</v>
      </c>
      <c r="P6251" s="58">
        <f>IF(Input!$K$13=3,J6251*Input!$J$13,0)+IF(Input!$K$14=3,K6251*Input!$J$14,0)+IF(Input!$K$15=3,L6251*Input!$J$15,0)+IF(Input!$K$16=3,M6251*Input!$J$16,0)</f>
        <v>0</v>
      </c>
      <c r="Q6251" s="71">
        <f>IF(Input!$K$13=4,J6251*Input!$J$13,0)+IF(Input!$K$14=4,K6251*Input!$J$14,0)+IF(Input!$K$15=4,L6251*Input!$J$15,0)+IF(Input!$K$16=4,M6251*Input!$J$16,0)</f>
        <v>0</v>
      </c>
    </row>
    <row r="6252" spans="8:17" x14ac:dyDescent="0.25">
      <c r="H6252" s="43">
        <v>6245</v>
      </c>
      <c r="I6252" s="55">
        <f>Bühler!I6278</f>
        <v>3.6475432750246908E-2</v>
      </c>
      <c r="J6252" s="58">
        <f>Bühler!J6278</f>
        <v>6.4181998841096561</v>
      </c>
      <c r="K6252" s="58">
        <f>Bühler!K6278</f>
        <v>0.54301419267124973</v>
      </c>
      <c r="L6252" s="58">
        <f>Bühler!L6278</f>
        <v>0.27150709633562486</v>
      </c>
      <c r="M6252" s="57">
        <f>Bühler!M6278</f>
        <v>0</v>
      </c>
      <c r="N6252" s="55">
        <f>IF(Input!$K$13=1,J6252*Input!$J$13,0)+IF(Input!$K$14=1,K6252*Input!$J$14,0)+IF(Input!$K$15=1,L6252*Input!$J$15,0)+IF(Input!$K$16=1,M6252*Input!$J$16,0)</f>
        <v>0.77018398609315875</v>
      </c>
      <c r="O6252" s="58">
        <f>IF(Input!$K$13=2,J6252*Input!$J$13,0)+IF(Input!$K$14=2,K6252*Input!$J$14,0)+IF(Input!$K$15=2,L6252*Input!$J$15,0)+IF(Input!$K$16=2,M6252*Input!$J$16,0)</f>
        <v>7.33069160106187E-2</v>
      </c>
      <c r="P6252" s="58">
        <f>IF(Input!$K$13=3,J6252*Input!$J$13,0)+IF(Input!$K$14=3,K6252*Input!$J$14,0)+IF(Input!$K$15=3,L6252*Input!$J$15,0)+IF(Input!$K$16=3,M6252*Input!$J$16,0)</f>
        <v>0</v>
      </c>
      <c r="Q6252" s="71">
        <f>IF(Input!$K$13=4,J6252*Input!$J$13,0)+IF(Input!$K$14=4,K6252*Input!$J$14,0)+IF(Input!$K$15=4,L6252*Input!$J$15,0)+IF(Input!$K$16=4,M6252*Input!$J$16,0)</f>
        <v>0</v>
      </c>
    </row>
    <row r="6253" spans="8:17" x14ac:dyDescent="0.25">
      <c r="H6253" s="43">
        <v>6246</v>
      </c>
      <c r="I6253" s="55">
        <f>Bühler!I6279</f>
        <v>3.6475432750246908E-2</v>
      </c>
      <c r="J6253" s="58">
        <f>Bühler!J6279</f>
        <v>6.4181998841096561</v>
      </c>
      <c r="K6253" s="58">
        <f>Bühler!K6279</f>
        <v>0.54301419267124973</v>
      </c>
      <c r="L6253" s="58">
        <f>Bühler!L6279</f>
        <v>0.27150709633562486</v>
      </c>
      <c r="M6253" s="57">
        <f>Bühler!M6279</f>
        <v>0</v>
      </c>
      <c r="N6253" s="55">
        <f>IF(Input!$K$13=1,J6253*Input!$J$13,0)+IF(Input!$K$14=1,K6253*Input!$J$14,0)+IF(Input!$K$15=1,L6253*Input!$J$15,0)+IF(Input!$K$16=1,M6253*Input!$J$16,0)</f>
        <v>0.77018398609315875</v>
      </c>
      <c r="O6253" s="58">
        <f>IF(Input!$K$13=2,J6253*Input!$J$13,0)+IF(Input!$K$14=2,K6253*Input!$J$14,0)+IF(Input!$K$15=2,L6253*Input!$J$15,0)+IF(Input!$K$16=2,M6253*Input!$J$16,0)</f>
        <v>7.33069160106187E-2</v>
      </c>
      <c r="P6253" s="58">
        <f>IF(Input!$K$13=3,J6253*Input!$J$13,0)+IF(Input!$K$14=3,K6253*Input!$J$14,0)+IF(Input!$K$15=3,L6253*Input!$J$15,0)+IF(Input!$K$16=3,M6253*Input!$J$16,0)</f>
        <v>0</v>
      </c>
      <c r="Q6253" s="71">
        <f>IF(Input!$K$13=4,J6253*Input!$J$13,0)+IF(Input!$K$14=4,K6253*Input!$J$14,0)+IF(Input!$K$15=4,L6253*Input!$J$15,0)+IF(Input!$K$16=4,M6253*Input!$J$16,0)</f>
        <v>0</v>
      </c>
    </row>
    <row r="6254" spans="8:17" x14ac:dyDescent="0.25">
      <c r="H6254" s="43">
        <v>6247</v>
      </c>
      <c r="I6254" s="55">
        <f>Bühler!I6280</f>
        <v>3.6475432750246908E-2</v>
      </c>
      <c r="J6254" s="58">
        <f>Bühler!J6280</f>
        <v>6.4181998841096561</v>
      </c>
      <c r="K6254" s="58">
        <f>Bühler!K6280</f>
        <v>0.54301419267124973</v>
      </c>
      <c r="L6254" s="58">
        <f>Bühler!L6280</f>
        <v>0.27150709633562486</v>
      </c>
      <c r="M6254" s="57">
        <f>Bühler!M6280</f>
        <v>0</v>
      </c>
      <c r="N6254" s="55">
        <f>IF(Input!$K$13=1,J6254*Input!$J$13,0)+IF(Input!$K$14=1,K6254*Input!$J$14,0)+IF(Input!$K$15=1,L6254*Input!$J$15,0)+IF(Input!$K$16=1,M6254*Input!$J$16,0)</f>
        <v>0.77018398609315875</v>
      </c>
      <c r="O6254" s="58">
        <f>IF(Input!$K$13=2,J6254*Input!$J$13,0)+IF(Input!$K$14=2,K6254*Input!$J$14,0)+IF(Input!$K$15=2,L6254*Input!$J$15,0)+IF(Input!$K$16=2,M6254*Input!$J$16,0)</f>
        <v>7.33069160106187E-2</v>
      </c>
      <c r="P6254" s="58">
        <f>IF(Input!$K$13=3,J6254*Input!$J$13,0)+IF(Input!$K$14=3,K6254*Input!$J$14,0)+IF(Input!$K$15=3,L6254*Input!$J$15,0)+IF(Input!$K$16=3,M6254*Input!$J$16,0)</f>
        <v>0</v>
      </c>
      <c r="Q6254" s="71">
        <f>IF(Input!$K$13=4,J6254*Input!$J$13,0)+IF(Input!$K$14=4,K6254*Input!$J$14,0)+IF(Input!$K$15=4,L6254*Input!$J$15,0)+IF(Input!$K$16=4,M6254*Input!$J$16,0)</f>
        <v>0</v>
      </c>
    </row>
    <row r="6255" spans="8:17" x14ac:dyDescent="0.25">
      <c r="H6255" s="43">
        <v>6248</v>
      </c>
      <c r="I6255" s="55">
        <f>Bühler!I6281</f>
        <v>0.15866813246357403</v>
      </c>
      <c r="J6255" s="58">
        <f>Bühler!J6281</f>
        <v>27.345087861000284</v>
      </c>
      <c r="K6255" s="58">
        <f>Bühler!K6281</f>
        <v>2.3132404607795238</v>
      </c>
      <c r="L6255" s="58">
        <f>Bühler!L6281</f>
        <v>1.1566202303897619</v>
      </c>
      <c r="M6255" s="57">
        <f>Bühler!M6281</f>
        <v>0</v>
      </c>
      <c r="N6255" s="55">
        <f>IF(Input!$K$13=1,J6255*Input!$J$13,0)+IF(Input!$K$14=1,K6255*Input!$J$14,0)+IF(Input!$K$15=1,L6255*Input!$J$15,0)+IF(Input!$K$16=1,M6255*Input!$J$16,0)</f>
        <v>3.281410543320034</v>
      </c>
      <c r="O6255" s="58">
        <f>IF(Input!$K$13=2,J6255*Input!$J$13,0)+IF(Input!$K$14=2,K6255*Input!$J$14,0)+IF(Input!$K$15=2,L6255*Input!$J$15,0)+IF(Input!$K$16=2,M6255*Input!$J$16,0)</f>
        <v>0.31228746220523573</v>
      </c>
      <c r="P6255" s="58">
        <f>IF(Input!$K$13=3,J6255*Input!$J$13,0)+IF(Input!$K$14=3,K6255*Input!$J$14,0)+IF(Input!$K$15=3,L6255*Input!$J$15,0)+IF(Input!$K$16=3,M6255*Input!$J$16,0)</f>
        <v>0</v>
      </c>
      <c r="Q6255" s="71">
        <f>IF(Input!$K$13=4,J6255*Input!$J$13,0)+IF(Input!$K$14=4,K6255*Input!$J$14,0)+IF(Input!$K$15=4,L6255*Input!$J$15,0)+IF(Input!$K$16=4,M6255*Input!$J$16,0)</f>
        <v>0</v>
      </c>
    </row>
    <row r="6256" spans="8:17" x14ac:dyDescent="0.25">
      <c r="H6256" s="43">
        <v>6249</v>
      </c>
      <c r="I6256" s="55">
        <f>Bühler!I6282</f>
        <v>0.17850164902152077</v>
      </c>
      <c r="J6256" s="58">
        <f>Bühler!J6282</f>
        <v>30.763223843625319</v>
      </c>
      <c r="K6256" s="58">
        <f>Bühler!K6282</f>
        <v>2.6023955183769645</v>
      </c>
      <c r="L6256" s="58">
        <f>Bühler!L6282</f>
        <v>1.3011977591884822</v>
      </c>
      <c r="M6256" s="57">
        <f>Bühler!M6282</f>
        <v>0</v>
      </c>
      <c r="N6256" s="55">
        <f>IF(Input!$K$13=1,J6256*Input!$J$13,0)+IF(Input!$K$14=1,K6256*Input!$J$14,0)+IF(Input!$K$15=1,L6256*Input!$J$15,0)+IF(Input!$K$16=1,M6256*Input!$J$16,0)</f>
        <v>3.691586861235038</v>
      </c>
      <c r="O6256" s="58">
        <f>IF(Input!$K$13=2,J6256*Input!$J$13,0)+IF(Input!$K$14=2,K6256*Input!$J$14,0)+IF(Input!$K$15=2,L6256*Input!$J$15,0)+IF(Input!$K$16=2,M6256*Input!$J$16,0)</f>
        <v>0.35132339498089016</v>
      </c>
      <c r="P6256" s="58">
        <f>IF(Input!$K$13=3,J6256*Input!$J$13,0)+IF(Input!$K$14=3,K6256*Input!$J$14,0)+IF(Input!$K$15=3,L6256*Input!$J$15,0)+IF(Input!$K$16=3,M6256*Input!$J$16,0)</f>
        <v>0</v>
      </c>
      <c r="Q6256" s="71">
        <f>IF(Input!$K$13=4,J6256*Input!$J$13,0)+IF(Input!$K$14=4,K6256*Input!$J$14,0)+IF(Input!$K$15=4,L6256*Input!$J$15,0)+IF(Input!$K$16=4,M6256*Input!$J$16,0)</f>
        <v>0</v>
      </c>
    </row>
    <row r="6257" spans="8:17" x14ac:dyDescent="0.25">
      <c r="H6257" s="43">
        <v>6250</v>
      </c>
      <c r="I6257" s="55">
        <f>Bühler!I6283</f>
        <v>0.19833516557946754</v>
      </c>
      <c r="J6257" s="58">
        <f>Bühler!J6283</f>
        <v>34.181359826250358</v>
      </c>
      <c r="K6257" s="58">
        <f>Bühler!K6283</f>
        <v>2.8915505759744047</v>
      </c>
      <c r="L6257" s="58">
        <f>Bühler!L6283</f>
        <v>1.4457752879872023</v>
      </c>
      <c r="M6257" s="57">
        <f>Bühler!M6283</f>
        <v>0</v>
      </c>
      <c r="N6257" s="55">
        <f>IF(Input!$K$13=1,J6257*Input!$J$13,0)+IF(Input!$K$14=1,K6257*Input!$J$14,0)+IF(Input!$K$15=1,L6257*Input!$J$15,0)+IF(Input!$K$16=1,M6257*Input!$J$16,0)</f>
        <v>4.1017631791500424</v>
      </c>
      <c r="O6257" s="58">
        <f>IF(Input!$K$13=2,J6257*Input!$J$13,0)+IF(Input!$K$14=2,K6257*Input!$J$14,0)+IF(Input!$K$15=2,L6257*Input!$J$15,0)+IF(Input!$K$16=2,M6257*Input!$J$16,0)</f>
        <v>0.39035932775654458</v>
      </c>
      <c r="P6257" s="58">
        <f>IF(Input!$K$13=3,J6257*Input!$J$13,0)+IF(Input!$K$14=3,K6257*Input!$J$14,0)+IF(Input!$K$15=3,L6257*Input!$J$15,0)+IF(Input!$K$16=3,M6257*Input!$J$16,0)</f>
        <v>0</v>
      </c>
      <c r="Q6257" s="71">
        <f>IF(Input!$K$13=4,J6257*Input!$J$13,0)+IF(Input!$K$14=4,K6257*Input!$J$14,0)+IF(Input!$K$15=4,L6257*Input!$J$15,0)+IF(Input!$K$16=4,M6257*Input!$J$16,0)</f>
        <v>0</v>
      </c>
    </row>
    <row r="6258" spans="8:17" x14ac:dyDescent="0.25">
      <c r="H6258" s="43">
        <v>6251</v>
      </c>
      <c r="I6258" s="55">
        <f>Bühler!I6284</f>
        <v>0.19833516557946754</v>
      </c>
      <c r="J6258" s="58">
        <f>Bühler!J6284</f>
        <v>34.181359826250358</v>
      </c>
      <c r="K6258" s="58">
        <f>Bühler!K6284</f>
        <v>2.8915505759744047</v>
      </c>
      <c r="L6258" s="58">
        <f>Bühler!L6284</f>
        <v>1.4457752879872023</v>
      </c>
      <c r="M6258" s="57">
        <f>Bühler!M6284</f>
        <v>0</v>
      </c>
      <c r="N6258" s="55">
        <f>IF(Input!$K$13=1,J6258*Input!$J$13,0)+IF(Input!$K$14=1,K6258*Input!$J$14,0)+IF(Input!$K$15=1,L6258*Input!$J$15,0)+IF(Input!$K$16=1,M6258*Input!$J$16,0)</f>
        <v>4.1017631791500424</v>
      </c>
      <c r="O6258" s="58">
        <f>IF(Input!$K$13=2,J6258*Input!$J$13,0)+IF(Input!$K$14=2,K6258*Input!$J$14,0)+IF(Input!$K$15=2,L6258*Input!$J$15,0)+IF(Input!$K$16=2,M6258*Input!$J$16,0)</f>
        <v>0.39035932775654458</v>
      </c>
      <c r="P6258" s="58">
        <f>IF(Input!$K$13=3,J6258*Input!$J$13,0)+IF(Input!$K$14=3,K6258*Input!$J$14,0)+IF(Input!$K$15=3,L6258*Input!$J$15,0)+IF(Input!$K$16=3,M6258*Input!$J$16,0)</f>
        <v>0</v>
      </c>
      <c r="Q6258" s="71">
        <f>IF(Input!$K$13=4,J6258*Input!$J$13,0)+IF(Input!$K$14=4,K6258*Input!$J$14,0)+IF(Input!$K$15=4,L6258*Input!$J$15,0)+IF(Input!$K$16=4,M6258*Input!$J$16,0)</f>
        <v>0</v>
      </c>
    </row>
    <row r="6259" spans="8:17" x14ac:dyDescent="0.25">
      <c r="H6259" s="43">
        <v>6252</v>
      </c>
      <c r="I6259" s="55">
        <f>Bühler!I6285</f>
        <v>0.23800219869536099</v>
      </c>
      <c r="J6259" s="58">
        <f>Bühler!J6285</f>
        <v>41.01763179150042</v>
      </c>
      <c r="K6259" s="58">
        <f>Bühler!K6285</f>
        <v>3.4698606911692851</v>
      </c>
      <c r="L6259" s="58">
        <f>Bühler!L6285</f>
        <v>1.7349303455846425</v>
      </c>
      <c r="M6259" s="57">
        <f>Bühler!M6285</f>
        <v>0</v>
      </c>
      <c r="N6259" s="55">
        <f>IF(Input!$K$13=1,J6259*Input!$J$13,0)+IF(Input!$K$14=1,K6259*Input!$J$14,0)+IF(Input!$K$15=1,L6259*Input!$J$15,0)+IF(Input!$K$16=1,M6259*Input!$J$16,0)</f>
        <v>4.9221158149800504</v>
      </c>
      <c r="O6259" s="58">
        <f>IF(Input!$K$13=2,J6259*Input!$J$13,0)+IF(Input!$K$14=2,K6259*Input!$J$14,0)+IF(Input!$K$15=2,L6259*Input!$J$15,0)+IF(Input!$K$16=2,M6259*Input!$J$16,0)</f>
        <v>0.46843119330785343</v>
      </c>
      <c r="P6259" s="58">
        <f>IF(Input!$K$13=3,J6259*Input!$J$13,0)+IF(Input!$K$14=3,K6259*Input!$J$14,0)+IF(Input!$K$15=3,L6259*Input!$J$15,0)+IF(Input!$K$16=3,M6259*Input!$J$16,0)</f>
        <v>0</v>
      </c>
      <c r="Q6259" s="71">
        <f>IF(Input!$K$13=4,J6259*Input!$J$13,0)+IF(Input!$K$14=4,K6259*Input!$J$14,0)+IF(Input!$K$15=4,L6259*Input!$J$15,0)+IF(Input!$K$16=4,M6259*Input!$J$16,0)</f>
        <v>0</v>
      </c>
    </row>
    <row r="6260" spans="8:17" x14ac:dyDescent="0.25">
      <c r="H6260" s="43">
        <v>6253</v>
      </c>
      <c r="I6260" s="55">
        <f>Bühler!I6286</f>
        <v>0.23800219869536099</v>
      </c>
      <c r="J6260" s="58">
        <f>Bühler!J6286</f>
        <v>41.01763179150042</v>
      </c>
      <c r="K6260" s="58">
        <f>Bühler!K6286</f>
        <v>3.4698606911692851</v>
      </c>
      <c r="L6260" s="58">
        <f>Bühler!L6286</f>
        <v>1.7349303455846425</v>
      </c>
      <c r="M6260" s="57">
        <f>Bühler!M6286</f>
        <v>0</v>
      </c>
      <c r="N6260" s="55">
        <f>IF(Input!$K$13=1,J6260*Input!$J$13,0)+IF(Input!$K$14=1,K6260*Input!$J$14,0)+IF(Input!$K$15=1,L6260*Input!$J$15,0)+IF(Input!$K$16=1,M6260*Input!$J$16,0)</f>
        <v>4.9221158149800504</v>
      </c>
      <c r="O6260" s="58">
        <f>IF(Input!$K$13=2,J6260*Input!$J$13,0)+IF(Input!$K$14=2,K6260*Input!$J$14,0)+IF(Input!$K$15=2,L6260*Input!$J$15,0)+IF(Input!$K$16=2,M6260*Input!$J$16,0)</f>
        <v>0.46843119330785343</v>
      </c>
      <c r="P6260" s="58">
        <f>IF(Input!$K$13=3,J6260*Input!$J$13,0)+IF(Input!$K$14=3,K6260*Input!$J$14,0)+IF(Input!$K$15=3,L6260*Input!$J$15,0)+IF(Input!$K$16=3,M6260*Input!$J$16,0)</f>
        <v>0</v>
      </c>
      <c r="Q6260" s="71">
        <f>IF(Input!$K$13=4,J6260*Input!$J$13,0)+IF(Input!$K$14=4,K6260*Input!$J$14,0)+IF(Input!$K$15=4,L6260*Input!$J$15,0)+IF(Input!$K$16=4,M6260*Input!$J$16,0)</f>
        <v>0</v>
      </c>
    </row>
    <row r="6261" spans="8:17" x14ac:dyDescent="0.25">
      <c r="H6261" s="43">
        <v>6254</v>
      </c>
      <c r="I6261" s="55">
        <f>Bühler!I6287</f>
        <v>0.15866813246357403</v>
      </c>
      <c r="J6261" s="58">
        <f>Bühler!J6287</f>
        <v>27.345087861000284</v>
      </c>
      <c r="K6261" s="58">
        <f>Bühler!K6287</f>
        <v>2.3132404607795238</v>
      </c>
      <c r="L6261" s="58">
        <f>Bühler!L6287</f>
        <v>1.1566202303897619</v>
      </c>
      <c r="M6261" s="57">
        <f>Bühler!M6287</f>
        <v>0</v>
      </c>
      <c r="N6261" s="55">
        <f>IF(Input!$K$13=1,J6261*Input!$J$13,0)+IF(Input!$K$14=1,K6261*Input!$J$14,0)+IF(Input!$K$15=1,L6261*Input!$J$15,0)+IF(Input!$K$16=1,M6261*Input!$J$16,0)</f>
        <v>3.281410543320034</v>
      </c>
      <c r="O6261" s="58">
        <f>IF(Input!$K$13=2,J6261*Input!$J$13,0)+IF(Input!$K$14=2,K6261*Input!$J$14,0)+IF(Input!$K$15=2,L6261*Input!$J$15,0)+IF(Input!$K$16=2,M6261*Input!$J$16,0)</f>
        <v>0.31228746220523573</v>
      </c>
      <c r="P6261" s="58">
        <f>IF(Input!$K$13=3,J6261*Input!$J$13,0)+IF(Input!$K$14=3,K6261*Input!$J$14,0)+IF(Input!$K$15=3,L6261*Input!$J$15,0)+IF(Input!$K$16=3,M6261*Input!$J$16,0)</f>
        <v>0</v>
      </c>
      <c r="Q6261" s="71">
        <f>IF(Input!$K$13=4,J6261*Input!$J$13,0)+IF(Input!$K$14=4,K6261*Input!$J$14,0)+IF(Input!$K$15=4,L6261*Input!$J$15,0)+IF(Input!$K$16=4,M6261*Input!$J$16,0)</f>
        <v>0</v>
      </c>
    </row>
    <row r="6262" spans="8:17" x14ac:dyDescent="0.25">
      <c r="H6262" s="43">
        <v>6255</v>
      </c>
      <c r="I6262" s="55">
        <f>Bühler!I6288</f>
        <v>0.23800219869536099</v>
      </c>
      <c r="J6262" s="58">
        <f>Bühler!J6288</f>
        <v>41.01763179150042</v>
      </c>
      <c r="K6262" s="58">
        <f>Bühler!K6288</f>
        <v>3.4698606911692851</v>
      </c>
      <c r="L6262" s="58">
        <f>Bühler!L6288</f>
        <v>1.7349303455846425</v>
      </c>
      <c r="M6262" s="57">
        <f>Bühler!M6288</f>
        <v>0</v>
      </c>
      <c r="N6262" s="55">
        <f>IF(Input!$K$13=1,J6262*Input!$J$13,0)+IF(Input!$K$14=1,K6262*Input!$J$14,0)+IF(Input!$K$15=1,L6262*Input!$J$15,0)+IF(Input!$K$16=1,M6262*Input!$J$16,0)</f>
        <v>4.9221158149800504</v>
      </c>
      <c r="O6262" s="58">
        <f>IF(Input!$K$13=2,J6262*Input!$J$13,0)+IF(Input!$K$14=2,K6262*Input!$J$14,0)+IF(Input!$K$15=2,L6262*Input!$J$15,0)+IF(Input!$K$16=2,M6262*Input!$J$16,0)</f>
        <v>0.46843119330785343</v>
      </c>
      <c r="P6262" s="58">
        <f>IF(Input!$K$13=3,J6262*Input!$J$13,0)+IF(Input!$K$14=3,K6262*Input!$J$14,0)+IF(Input!$K$15=3,L6262*Input!$J$15,0)+IF(Input!$K$16=3,M6262*Input!$J$16,0)</f>
        <v>0</v>
      </c>
      <c r="Q6262" s="71">
        <f>IF(Input!$K$13=4,J6262*Input!$J$13,0)+IF(Input!$K$14=4,K6262*Input!$J$14,0)+IF(Input!$K$15=4,L6262*Input!$J$15,0)+IF(Input!$K$16=4,M6262*Input!$J$16,0)</f>
        <v>0</v>
      </c>
    </row>
    <row r="6263" spans="8:17" x14ac:dyDescent="0.25">
      <c r="H6263" s="43">
        <v>6256</v>
      </c>
      <c r="I6263" s="55">
        <f>Bühler!I6289</f>
        <v>0.23800219869536099</v>
      </c>
      <c r="J6263" s="58">
        <f>Bühler!J6289</f>
        <v>41.01763179150042</v>
      </c>
      <c r="K6263" s="58">
        <f>Bühler!K6289</f>
        <v>3.4698606911692851</v>
      </c>
      <c r="L6263" s="58">
        <f>Bühler!L6289</f>
        <v>1.7349303455846425</v>
      </c>
      <c r="M6263" s="57">
        <f>Bühler!M6289</f>
        <v>0</v>
      </c>
      <c r="N6263" s="55">
        <f>IF(Input!$K$13=1,J6263*Input!$J$13,0)+IF(Input!$K$14=1,K6263*Input!$J$14,0)+IF(Input!$K$15=1,L6263*Input!$J$15,0)+IF(Input!$K$16=1,M6263*Input!$J$16,0)</f>
        <v>4.9221158149800504</v>
      </c>
      <c r="O6263" s="58">
        <f>IF(Input!$K$13=2,J6263*Input!$J$13,0)+IF(Input!$K$14=2,K6263*Input!$J$14,0)+IF(Input!$K$15=2,L6263*Input!$J$15,0)+IF(Input!$K$16=2,M6263*Input!$J$16,0)</f>
        <v>0.46843119330785343</v>
      </c>
      <c r="P6263" s="58">
        <f>IF(Input!$K$13=3,J6263*Input!$J$13,0)+IF(Input!$K$14=3,K6263*Input!$J$14,0)+IF(Input!$K$15=3,L6263*Input!$J$15,0)+IF(Input!$K$16=3,M6263*Input!$J$16,0)</f>
        <v>0</v>
      </c>
      <c r="Q6263" s="71">
        <f>IF(Input!$K$13=4,J6263*Input!$J$13,0)+IF(Input!$K$14=4,K6263*Input!$J$14,0)+IF(Input!$K$15=4,L6263*Input!$J$15,0)+IF(Input!$K$16=4,M6263*Input!$J$16,0)</f>
        <v>0</v>
      </c>
    </row>
    <row r="6264" spans="8:17" x14ac:dyDescent="0.25">
      <c r="H6264" s="43">
        <v>6257</v>
      </c>
      <c r="I6264" s="55">
        <f>Bühler!I6290</f>
        <v>0.19833516557946754</v>
      </c>
      <c r="J6264" s="58">
        <f>Bühler!J6290</f>
        <v>23.991410807188576</v>
      </c>
      <c r="K6264" s="58">
        <f>Bühler!K6290</f>
        <v>2.0240854031820832</v>
      </c>
      <c r="L6264" s="58">
        <f>Bühler!L6290</f>
        <v>1.0120427015910416</v>
      </c>
      <c r="M6264" s="57">
        <f>Bühler!M6290</f>
        <v>0</v>
      </c>
      <c r="N6264" s="55">
        <f>IF(Input!$K$13=1,J6264*Input!$J$13,0)+IF(Input!$K$14=1,K6264*Input!$J$14,0)+IF(Input!$K$15=1,L6264*Input!$J$15,0)+IF(Input!$K$16=1,M6264*Input!$J$16,0)</f>
        <v>2.8789692968626288</v>
      </c>
      <c r="O6264" s="58">
        <f>IF(Input!$K$13=2,J6264*Input!$J$13,0)+IF(Input!$K$14=2,K6264*Input!$J$14,0)+IF(Input!$K$15=2,L6264*Input!$J$15,0)+IF(Input!$K$16=2,M6264*Input!$J$16,0)</f>
        <v>0.2732515294295812</v>
      </c>
      <c r="P6264" s="58">
        <f>IF(Input!$K$13=3,J6264*Input!$J$13,0)+IF(Input!$K$14=3,K6264*Input!$J$14,0)+IF(Input!$K$15=3,L6264*Input!$J$15,0)+IF(Input!$K$16=3,M6264*Input!$J$16,0)</f>
        <v>0</v>
      </c>
      <c r="Q6264" s="71">
        <f>IF(Input!$K$13=4,J6264*Input!$J$13,0)+IF(Input!$K$14=4,K6264*Input!$J$14,0)+IF(Input!$K$15=4,L6264*Input!$J$15,0)+IF(Input!$K$16=4,M6264*Input!$J$16,0)</f>
        <v>0</v>
      </c>
    </row>
    <row r="6265" spans="8:17" x14ac:dyDescent="0.25">
      <c r="H6265" s="43">
        <v>6258</v>
      </c>
      <c r="I6265" s="55">
        <f>Bühler!I6291</f>
        <v>0.1595800182823302</v>
      </c>
      <c r="J6265" s="58">
        <f>Bühler!J6291</f>
        <v>6.9661776991803777</v>
      </c>
      <c r="K6265" s="58">
        <f>Bühler!K6291</f>
        <v>0.57831011519488096</v>
      </c>
      <c r="L6265" s="58">
        <f>Bühler!L6291</f>
        <v>0.28915505759744048</v>
      </c>
      <c r="M6265" s="57">
        <f>Bühler!M6291</f>
        <v>0</v>
      </c>
      <c r="N6265" s="55">
        <f>IF(Input!$K$13=1,J6265*Input!$J$13,0)+IF(Input!$K$14=1,K6265*Input!$J$14,0)+IF(Input!$K$15=1,L6265*Input!$J$15,0)+IF(Input!$K$16=1,M6265*Input!$J$16,0)</f>
        <v>0.83594132390164533</v>
      </c>
      <c r="O6265" s="58">
        <f>IF(Input!$K$13=2,J6265*Input!$J$13,0)+IF(Input!$K$14=2,K6265*Input!$J$14,0)+IF(Input!$K$15=2,L6265*Input!$J$15,0)+IF(Input!$K$16=2,M6265*Input!$J$16,0)</f>
        <v>7.8071865551308933E-2</v>
      </c>
      <c r="P6265" s="58">
        <f>IF(Input!$K$13=3,J6265*Input!$J$13,0)+IF(Input!$K$14=3,K6265*Input!$J$14,0)+IF(Input!$K$15=3,L6265*Input!$J$15,0)+IF(Input!$K$16=3,M6265*Input!$J$16,0)</f>
        <v>0</v>
      </c>
      <c r="Q6265" s="71">
        <f>IF(Input!$K$13=4,J6265*Input!$J$13,0)+IF(Input!$K$14=4,K6265*Input!$J$14,0)+IF(Input!$K$15=4,L6265*Input!$J$15,0)+IF(Input!$K$16=4,M6265*Input!$J$16,0)</f>
        <v>0</v>
      </c>
    </row>
    <row r="6266" spans="8:17" x14ac:dyDescent="0.25">
      <c r="H6266" s="43">
        <v>6259</v>
      </c>
      <c r="I6266" s="55">
        <f>Bühler!I6292</f>
        <v>5.6992863672260786E-2</v>
      </c>
      <c r="J6266" s="58">
        <f>Bühler!J6292</f>
        <v>6.7593613425400152</v>
      </c>
      <c r="K6266" s="58">
        <f>Bühler!K6292</f>
        <v>0.5701649023048122</v>
      </c>
      <c r="L6266" s="58">
        <f>Bühler!L6292</f>
        <v>0.2850824511524061</v>
      </c>
      <c r="M6266" s="57">
        <f>Bühler!M6292</f>
        <v>0</v>
      </c>
      <c r="N6266" s="55">
        <f>IF(Input!$K$13=1,J6266*Input!$J$13,0)+IF(Input!$K$14=1,K6266*Input!$J$14,0)+IF(Input!$K$15=1,L6266*Input!$J$15,0)+IF(Input!$K$16=1,M6266*Input!$J$16,0)</f>
        <v>0.81112336110480177</v>
      </c>
      <c r="O6266" s="58">
        <f>IF(Input!$K$13=2,J6266*Input!$J$13,0)+IF(Input!$K$14=2,K6266*Input!$J$14,0)+IF(Input!$K$15=2,L6266*Input!$J$15,0)+IF(Input!$K$16=2,M6266*Input!$J$16,0)</f>
        <v>7.6972261811149648E-2</v>
      </c>
      <c r="P6266" s="58">
        <f>IF(Input!$K$13=3,J6266*Input!$J$13,0)+IF(Input!$K$14=3,K6266*Input!$J$14,0)+IF(Input!$K$15=3,L6266*Input!$J$15,0)+IF(Input!$K$16=3,M6266*Input!$J$16,0)</f>
        <v>0</v>
      </c>
      <c r="Q6266" s="71">
        <f>IF(Input!$K$13=4,J6266*Input!$J$13,0)+IF(Input!$K$14=4,K6266*Input!$J$14,0)+IF(Input!$K$15=4,L6266*Input!$J$15,0)+IF(Input!$K$16=4,M6266*Input!$J$16,0)</f>
        <v>0</v>
      </c>
    </row>
    <row r="6267" spans="8:17" x14ac:dyDescent="0.25">
      <c r="H6267" s="43">
        <v>6260</v>
      </c>
      <c r="I6267" s="55">
        <f>Bühler!I6293</f>
        <v>5.6992863672260786E-2</v>
      </c>
      <c r="J6267" s="58">
        <f>Bühler!J6293</f>
        <v>6.7593613425400152</v>
      </c>
      <c r="K6267" s="58">
        <f>Bühler!K6293</f>
        <v>0.5701649023048122</v>
      </c>
      <c r="L6267" s="58">
        <f>Bühler!L6293</f>
        <v>0.2850824511524061</v>
      </c>
      <c r="M6267" s="57">
        <f>Bühler!M6293</f>
        <v>0</v>
      </c>
      <c r="N6267" s="55">
        <f>IF(Input!$K$13=1,J6267*Input!$J$13,0)+IF(Input!$K$14=1,K6267*Input!$J$14,0)+IF(Input!$K$15=1,L6267*Input!$J$15,0)+IF(Input!$K$16=1,M6267*Input!$J$16,0)</f>
        <v>0.81112336110480177</v>
      </c>
      <c r="O6267" s="58">
        <f>IF(Input!$K$13=2,J6267*Input!$J$13,0)+IF(Input!$K$14=2,K6267*Input!$J$14,0)+IF(Input!$K$15=2,L6267*Input!$J$15,0)+IF(Input!$K$16=2,M6267*Input!$J$16,0)</f>
        <v>7.6972261811149648E-2</v>
      </c>
      <c r="P6267" s="58">
        <f>IF(Input!$K$13=3,J6267*Input!$J$13,0)+IF(Input!$K$14=3,K6267*Input!$J$14,0)+IF(Input!$K$15=3,L6267*Input!$J$15,0)+IF(Input!$K$16=3,M6267*Input!$J$16,0)</f>
        <v>0</v>
      </c>
      <c r="Q6267" s="71">
        <f>IF(Input!$K$13=4,J6267*Input!$J$13,0)+IF(Input!$K$14=4,K6267*Input!$J$14,0)+IF(Input!$K$15=4,L6267*Input!$J$15,0)+IF(Input!$K$16=4,M6267*Input!$J$16,0)</f>
        <v>0</v>
      </c>
    </row>
    <row r="6268" spans="8:17" x14ac:dyDescent="0.25">
      <c r="H6268" s="43">
        <v>6261</v>
      </c>
      <c r="I6268" s="55">
        <f>Bühler!I6294</f>
        <v>5.6992863672260786E-2</v>
      </c>
      <c r="J6268" s="58">
        <f>Bühler!J6294</f>
        <v>6.7593613425400152</v>
      </c>
      <c r="K6268" s="58">
        <f>Bühler!K6294</f>
        <v>0.5701649023048122</v>
      </c>
      <c r="L6268" s="58">
        <f>Bühler!L6294</f>
        <v>0.2850824511524061</v>
      </c>
      <c r="M6268" s="57">
        <f>Bühler!M6294</f>
        <v>0</v>
      </c>
      <c r="N6268" s="55">
        <f>IF(Input!$K$13=1,J6268*Input!$J$13,0)+IF(Input!$K$14=1,K6268*Input!$J$14,0)+IF(Input!$K$15=1,L6268*Input!$J$15,0)+IF(Input!$K$16=1,M6268*Input!$J$16,0)</f>
        <v>0.81112336110480177</v>
      </c>
      <c r="O6268" s="58">
        <f>IF(Input!$K$13=2,J6268*Input!$J$13,0)+IF(Input!$K$14=2,K6268*Input!$J$14,0)+IF(Input!$K$15=2,L6268*Input!$J$15,0)+IF(Input!$K$16=2,M6268*Input!$J$16,0)</f>
        <v>7.6972261811149648E-2</v>
      </c>
      <c r="P6268" s="58">
        <f>IF(Input!$K$13=3,J6268*Input!$J$13,0)+IF(Input!$K$14=3,K6268*Input!$J$14,0)+IF(Input!$K$15=3,L6268*Input!$J$15,0)+IF(Input!$K$16=3,M6268*Input!$J$16,0)</f>
        <v>0</v>
      </c>
      <c r="Q6268" s="71">
        <f>IF(Input!$K$13=4,J6268*Input!$J$13,0)+IF(Input!$K$14=4,K6268*Input!$J$14,0)+IF(Input!$K$15=4,L6268*Input!$J$15,0)+IF(Input!$K$16=4,M6268*Input!$J$16,0)</f>
        <v>0</v>
      </c>
    </row>
    <row r="6269" spans="8:17" x14ac:dyDescent="0.25">
      <c r="H6269" s="43">
        <v>6262</v>
      </c>
      <c r="I6269" s="55">
        <f>Bühler!I6295</f>
        <v>5.6992863672260786E-2</v>
      </c>
      <c r="J6269" s="58">
        <f>Bühler!J6295</f>
        <v>6.7593613425400152</v>
      </c>
      <c r="K6269" s="58">
        <f>Bühler!K6295</f>
        <v>0.5701649023048122</v>
      </c>
      <c r="L6269" s="58">
        <f>Bühler!L6295</f>
        <v>0.2850824511524061</v>
      </c>
      <c r="M6269" s="57">
        <f>Bühler!M6295</f>
        <v>0</v>
      </c>
      <c r="N6269" s="55">
        <f>IF(Input!$K$13=1,J6269*Input!$J$13,0)+IF(Input!$K$14=1,K6269*Input!$J$14,0)+IF(Input!$K$15=1,L6269*Input!$J$15,0)+IF(Input!$K$16=1,M6269*Input!$J$16,0)</f>
        <v>0.81112336110480177</v>
      </c>
      <c r="O6269" s="58">
        <f>IF(Input!$K$13=2,J6269*Input!$J$13,0)+IF(Input!$K$14=2,K6269*Input!$J$14,0)+IF(Input!$K$15=2,L6269*Input!$J$15,0)+IF(Input!$K$16=2,M6269*Input!$J$16,0)</f>
        <v>7.6972261811149648E-2</v>
      </c>
      <c r="P6269" s="58">
        <f>IF(Input!$K$13=3,J6269*Input!$J$13,0)+IF(Input!$K$14=3,K6269*Input!$J$14,0)+IF(Input!$K$15=3,L6269*Input!$J$15,0)+IF(Input!$K$16=3,M6269*Input!$J$16,0)</f>
        <v>0</v>
      </c>
      <c r="Q6269" s="71">
        <f>IF(Input!$K$13=4,J6269*Input!$J$13,0)+IF(Input!$K$14=4,K6269*Input!$J$14,0)+IF(Input!$K$15=4,L6269*Input!$J$15,0)+IF(Input!$K$16=4,M6269*Input!$J$16,0)</f>
        <v>0</v>
      </c>
    </row>
    <row r="6270" spans="8:17" x14ac:dyDescent="0.25">
      <c r="H6270" s="43">
        <v>6263</v>
      </c>
      <c r="I6270" s="55">
        <f>Bühler!I6296</f>
        <v>5.6992863672260786E-2</v>
      </c>
      <c r="J6270" s="58">
        <f>Bühler!J6296</f>
        <v>6.7593613425400152</v>
      </c>
      <c r="K6270" s="58">
        <f>Bühler!K6296</f>
        <v>0.5701649023048122</v>
      </c>
      <c r="L6270" s="58">
        <f>Bühler!L6296</f>
        <v>0.2850824511524061</v>
      </c>
      <c r="M6270" s="57">
        <f>Bühler!M6296</f>
        <v>0</v>
      </c>
      <c r="N6270" s="55">
        <f>IF(Input!$K$13=1,J6270*Input!$J$13,0)+IF(Input!$K$14=1,K6270*Input!$J$14,0)+IF(Input!$K$15=1,L6270*Input!$J$15,0)+IF(Input!$K$16=1,M6270*Input!$J$16,0)</f>
        <v>0.81112336110480177</v>
      </c>
      <c r="O6270" s="58">
        <f>IF(Input!$K$13=2,J6270*Input!$J$13,0)+IF(Input!$K$14=2,K6270*Input!$J$14,0)+IF(Input!$K$15=2,L6270*Input!$J$15,0)+IF(Input!$K$16=2,M6270*Input!$J$16,0)</f>
        <v>7.6972261811149648E-2</v>
      </c>
      <c r="P6270" s="58">
        <f>IF(Input!$K$13=3,J6270*Input!$J$13,0)+IF(Input!$K$14=3,K6270*Input!$J$14,0)+IF(Input!$K$15=3,L6270*Input!$J$15,0)+IF(Input!$K$16=3,M6270*Input!$J$16,0)</f>
        <v>0</v>
      </c>
      <c r="Q6270" s="71">
        <f>IF(Input!$K$13=4,J6270*Input!$J$13,0)+IF(Input!$K$14=4,K6270*Input!$J$14,0)+IF(Input!$K$15=4,L6270*Input!$J$15,0)+IF(Input!$K$16=4,M6270*Input!$J$16,0)</f>
        <v>0</v>
      </c>
    </row>
    <row r="6271" spans="8:17" x14ac:dyDescent="0.25">
      <c r="H6271" s="43">
        <v>6264</v>
      </c>
      <c r="I6271" s="55">
        <f>Bühler!I6297</f>
        <v>5.6992863672260786E-2</v>
      </c>
      <c r="J6271" s="58">
        <f>Bühler!J6297</f>
        <v>6.7593613425400152</v>
      </c>
      <c r="K6271" s="58">
        <f>Bühler!K6297</f>
        <v>0.5701649023048122</v>
      </c>
      <c r="L6271" s="58">
        <f>Bühler!L6297</f>
        <v>0.2850824511524061</v>
      </c>
      <c r="M6271" s="57">
        <f>Bühler!M6297</f>
        <v>0</v>
      </c>
      <c r="N6271" s="55">
        <f>IF(Input!$K$13=1,J6271*Input!$J$13,0)+IF(Input!$K$14=1,K6271*Input!$J$14,0)+IF(Input!$K$15=1,L6271*Input!$J$15,0)+IF(Input!$K$16=1,M6271*Input!$J$16,0)</f>
        <v>0.81112336110480177</v>
      </c>
      <c r="O6271" s="58">
        <f>IF(Input!$K$13=2,J6271*Input!$J$13,0)+IF(Input!$K$14=2,K6271*Input!$J$14,0)+IF(Input!$K$15=2,L6271*Input!$J$15,0)+IF(Input!$K$16=2,M6271*Input!$J$16,0)</f>
        <v>7.6972261811149648E-2</v>
      </c>
      <c r="P6271" s="58">
        <f>IF(Input!$K$13=3,J6271*Input!$J$13,0)+IF(Input!$K$14=3,K6271*Input!$J$14,0)+IF(Input!$K$15=3,L6271*Input!$J$15,0)+IF(Input!$K$16=3,M6271*Input!$J$16,0)</f>
        <v>0</v>
      </c>
      <c r="Q6271" s="71">
        <f>IF(Input!$K$13=4,J6271*Input!$J$13,0)+IF(Input!$K$14=4,K6271*Input!$J$14,0)+IF(Input!$K$15=4,L6271*Input!$J$15,0)+IF(Input!$K$16=4,M6271*Input!$J$16,0)</f>
        <v>0</v>
      </c>
    </row>
    <row r="6272" spans="8:17" x14ac:dyDescent="0.25">
      <c r="H6272" s="43">
        <v>6265</v>
      </c>
      <c r="I6272" s="55">
        <f>Bühler!I6298</f>
        <v>0.13915817995446725</v>
      </c>
      <c r="J6272" s="58">
        <f>Bühler!J6298</f>
        <v>4.5408825154502743</v>
      </c>
      <c r="K6272" s="58">
        <f>Bühler!K6298</f>
        <v>0.36804942542655411</v>
      </c>
      <c r="L6272" s="58">
        <f>Bühler!L6298</f>
        <v>0.18402471271327706</v>
      </c>
      <c r="M6272" s="57">
        <f>Bühler!M6298</f>
        <v>0</v>
      </c>
      <c r="N6272" s="55">
        <f>IF(Input!$K$13=1,J6272*Input!$J$13,0)+IF(Input!$K$14=1,K6272*Input!$J$14,0)+IF(Input!$K$15=1,L6272*Input!$J$15,0)+IF(Input!$K$16=1,M6272*Input!$J$16,0)</f>
        <v>0.54490590185403287</v>
      </c>
      <c r="O6272" s="58">
        <f>IF(Input!$K$13=2,J6272*Input!$J$13,0)+IF(Input!$K$14=2,K6272*Input!$J$14,0)+IF(Input!$K$15=2,L6272*Input!$J$15,0)+IF(Input!$K$16=2,M6272*Input!$J$16,0)</f>
        <v>4.9686672432584802E-2</v>
      </c>
      <c r="P6272" s="58">
        <f>IF(Input!$K$13=3,J6272*Input!$J$13,0)+IF(Input!$K$14=3,K6272*Input!$J$14,0)+IF(Input!$K$15=3,L6272*Input!$J$15,0)+IF(Input!$K$16=3,M6272*Input!$J$16,0)</f>
        <v>0</v>
      </c>
      <c r="Q6272" s="71">
        <f>IF(Input!$K$13=4,J6272*Input!$J$13,0)+IF(Input!$K$14=4,K6272*Input!$J$14,0)+IF(Input!$K$15=4,L6272*Input!$J$15,0)+IF(Input!$K$16=4,M6272*Input!$J$16,0)</f>
        <v>0</v>
      </c>
    </row>
    <row r="6273" spans="8:17" x14ac:dyDescent="0.25">
      <c r="H6273" s="43">
        <v>6266</v>
      </c>
      <c r="I6273" s="55">
        <f>Bühler!I6299</f>
        <v>0.13915817995446725</v>
      </c>
      <c r="J6273" s="58">
        <f>Bühler!J6299</f>
        <v>6.8404732785691129</v>
      </c>
      <c r="K6273" s="58">
        <f>Bühler!K6299</f>
        <v>0.56083721969760625</v>
      </c>
      <c r="L6273" s="58">
        <f>Bühler!L6299</f>
        <v>0.28041860984880312</v>
      </c>
      <c r="M6273" s="57">
        <f>Bühler!M6299</f>
        <v>0</v>
      </c>
      <c r="N6273" s="55">
        <f>IF(Input!$K$13=1,J6273*Input!$J$13,0)+IF(Input!$K$14=1,K6273*Input!$J$14,0)+IF(Input!$K$15=1,L6273*Input!$J$15,0)+IF(Input!$K$16=1,M6273*Input!$J$16,0)</f>
        <v>0.82085679342829354</v>
      </c>
      <c r="O6273" s="58">
        <f>IF(Input!$K$13=2,J6273*Input!$J$13,0)+IF(Input!$K$14=2,K6273*Input!$J$14,0)+IF(Input!$K$15=2,L6273*Input!$J$15,0)+IF(Input!$K$16=2,M6273*Input!$J$16,0)</f>
        <v>7.5713024659176842E-2</v>
      </c>
      <c r="P6273" s="58">
        <f>IF(Input!$K$13=3,J6273*Input!$J$13,0)+IF(Input!$K$14=3,K6273*Input!$J$14,0)+IF(Input!$K$15=3,L6273*Input!$J$15,0)+IF(Input!$K$16=3,M6273*Input!$J$16,0)</f>
        <v>0</v>
      </c>
      <c r="Q6273" s="71">
        <f>IF(Input!$K$13=4,J6273*Input!$J$13,0)+IF(Input!$K$14=4,K6273*Input!$J$14,0)+IF(Input!$K$15=4,L6273*Input!$J$15,0)+IF(Input!$K$16=4,M6273*Input!$J$16,0)</f>
        <v>0</v>
      </c>
    </row>
    <row r="6274" spans="8:17" x14ac:dyDescent="0.25">
      <c r="H6274" s="43">
        <v>6267</v>
      </c>
      <c r="I6274" s="55">
        <f>Bühler!I6300</f>
        <v>0.13915817995446725</v>
      </c>
      <c r="J6274" s="58">
        <f>Bühler!J6300</f>
        <v>6.8404732785691129</v>
      </c>
      <c r="K6274" s="58">
        <f>Bühler!K6300</f>
        <v>0.56083721969760625</v>
      </c>
      <c r="L6274" s="58">
        <f>Bühler!L6300</f>
        <v>0.28041860984880312</v>
      </c>
      <c r="M6274" s="57">
        <f>Bühler!M6300</f>
        <v>0</v>
      </c>
      <c r="N6274" s="55">
        <f>IF(Input!$K$13=1,J6274*Input!$J$13,0)+IF(Input!$K$14=1,K6274*Input!$J$14,0)+IF(Input!$K$15=1,L6274*Input!$J$15,0)+IF(Input!$K$16=1,M6274*Input!$J$16,0)</f>
        <v>0.82085679342829354</v>
      </c>
      <c r="O6274" s="58">
        <f>IF(Input!$K$13=2,J6274*Input!$J$13,0)+IF(Input!$K$14=2,K6274*Input!$J$14,0)+IF(Input!$K$15=2,L6274*Input!$J$15,0)+IF(Input!$K$16=2,M6274*Input!$J$16,0)</f>
        <v>7.5713024659176842E-2</v>
      </c>
      <c r="P6274" s="58">
        <f>IF(Input!$K$13=3,J6274*Input!$J$13,0)+IF(Input!$K$14=3,K6274*Input!$J$14,0)+IF(Input!$K$15=3,L6274*Input!$J$15,0)+IF(Input!$K$16=3,M6274*Input!$J$16,0)</f>
        <v>0</v>
      </c>
      <c r="Q6274" s="71">
        <f>IF(Input!$K$13=4,J6274*Input!$J$13,0)+IF(Input!$K$14=4,K6274*Input!$J$14,0)+IF(Input!$K$15=4,L6274*Input!$J$15,0)+IF(Input!$K$16=4,M6274*Input!$J$16,0)</f>
        <v>0</v>
      </c>
    </row>
    <row r="6275" spans="8:17" x14ac:dyDescent="0.25">
      <c r="H6275" s="43">
        <v>6268</v>
      </c>
      <c r="I6275" s="55">
        <f>Bühler!I6301</f>
        <v>0.13915817995446725</v>
      </c>
      <c r="J6275" s="58">
        <f>Bühler!J6301</f>
        <v>6.8404732785691129</v>
      </c>
      <c r="K6275" s="58">
        <f>Bühler!K6301</f>
        <v>0.56083721969760625</v>
      </c>
      <c r="L6275" s="58">
        <f>Bühler!L6301</f>
        <v>0.28041860984880312</v>
      </c>
      <c r="M6275" s="57">
        <f>Bühler!M6301</f>
        <v>0</v>
      </c>
      <c r="N6275" s="55">
        <f>IF(Input!$K$13=1,J6275*Input!$J$13,0)+IF(Input!$K$14=1,K6275*Input!$J$14,0)+IF(Input!$K$15=1,L6275*Input!$J$15,0)+IF(Input!$K$16=1,M6275*Input!$J$16,0)</f>
        <v>0.82085679342829354</v>
      </c>
      <c r="O6275" s="58">
        <f>IF(Input!$K$13=2,J6275*Input!$J$13,0)+IF(Input!$K$14=2,K6275*Input!$J$14,0)+IF(Input!$K$15=2,L6275*Input!$J$15,0)+IF(Input!$K$16=2,M6275*Input!$J$16,0)</f>
        <v>7.5713024659176842E-2</v>
      </c>
      <c r="P6275" s="58">
        <f>IF(Input!$K$13=3,J6275*Input!$J$13,0)+IF(Input!$K$14=3,K6275*Input!$J$14,0)+IF(Input!$K$15=3,L6275*Input!$J$15,0)+IF(Input!$K$16=3,M6275*Input!$J$16,0)</f>
        <v>0</v>
      </c>
      <c r="Q6275" s="71">
        <f>IF(Input!$K$13=4,J6275*Input!$J$13,0)+IF(Input!$K$14=4,K6275*Input!$J$14,0)+IF(Input!$K$15=4,L6275*Input!$J$15,0)+IF(Input!$K$16=4,M6275*Input!$J$16,0)</f>
        <v>0</v>
      </c>
    </row>
    <row r="6276" spans="8:17" x14ac:dyDescent="0.25">
      <c r="H6276" s="43">
        <v>6269</v>
      </c>
      <c r="I6276" s="55">
        <f>Bühler!I6302</f>
        <v>0.13915817995446725</v>
      </c>
      <c r="J6276" s="58">
        <f>Bühler!J6302</f>
        <v>6.8404732785691129</v>
      </c>
      <c r="K6276" s="58">
        <f>Bühler!K6302</f>
        <v>0.56083721969760625</v>
      </c>
      <c r="L6276" s="58">
        <f>Bühler!L6302</f>
        <v>0.28041860984880312</v>
      </c>
      <c r="M6276" s="57">
        <f>Bühler!M6302</f>
        <v>0</v>
      </c>
      <c r="N6276" s="55">
        <f>IF(Input!$K$13=1,J6276*Input!$J$13,0)+IF(Input!$K$14=1,K6276*Input!$J$14,0)+IF(Input!$K$15=1,L6276*Input!$J$15,0)+IF(Input!$K$16=1,M6276*Input!$J$16,0)</f>
        <v>0.82085679342829354</v>
      </c>
      <c r="O6276" s="58">
        <f>IF(Input!$K$13=2,J6276*Input!$J$13,0)+IF(Input!$K$14=2,K6276*Input!$J$14,0)+IF(Input!$K$15=2,L6276*Input!$J$15,0)+IF(Input!$K$16=2,M6276*Input!$J$16,0)</f>
        <v>7.5713024659176842E-2</v>
      </c>
      <c r="P6276" s="58">
        <f>IF(Input!$K$13=3,J6276*Input!$J$13,0)+IF(Input!$K$14=3,K6276*Input!$J$14,0)+IF(Input!$K$15=3,L6276*Input!$J$15,0)+IF(Input!$K$16=3,M6276*Input!$J$16,0)</f>
        <v>0</v>
      </c>
      <c r="Q6276" s="71">
        <f>IF(Input!$K$13=4,J6276*Input!$J$13,0)+IF(Input!$K$14=4,K6276*Input!$J$14,0)+IF(Input!$K$15=4,L6276*Input!$J$15,0)+IF(Input!$K$16=4,M6276*Input!$J$16,0)</f>
        <v>0</v>
      </c>
    </row>
    <row r="6277" spans="8:17" x14ac:dyDescent="0.25">
      <c r="H6277" s="43">
        <v>6270</v>
      </c>
      <c r="I6277" s="55">
        <f>Bühler!I6303</f>
        <v>0.13915817995446725</v>
      </c>
      <c r="J6277" s="58">
        <f>Bühler!J6303</f>
        <v>6.8404732785691129</v>
      </c>
      <c r="K6277" s="58">
        <f>Bühler!K6303</f>
        <v>0.56083721969760625</v>
      </c>
      <c r="L6277" s="58">
        <f>Bühler!L6303</f>
        <v>0.28041860984880312</v>
      </c>
      <c r="M6277" s="57">
        <f>Bühler!M6303</f>
        <v>0</v>
      </c>
      <c r="N6277" s="55">
        <f>IF(Input!$K$13=1,J6277*Input!$J$13,0)+IF(Input!$K$14=1,K6277*Input!$J$14,0)+IF(Input!$K$15=1,L6277*Input!$J$15,0)+IF(Input!$K$16=1,M6277*Input!$J$16,0)</f>
        <v>0.82085679342829354</v>
      </c>
      <c r="O6277" s="58">
        <f>IF(Input!$K$13=2,J6277*Input!$J$13,0)+IF(Input!$K$14=2,K6277*Input!$J$14,0)+IF(Input!$K$15=2,L6277*Input!$J$15,0)+IF(Input!$K$16=2,M6277*Input!$J$16,0)</f>
        <v>7.5713024659176842E-2</v>
      </c>
      <c r="P6277" s="58">
        <f>IF(Input!$K$13=3,J6277*Input!$J$13,0)+IF(Input!$K$14=3,K6277*Input!$J$14,0)+IF(Input!$K$15=3,L6277*Input!$J$15,0)+IF(Input!$K$16=3,M6277*Input!$J$16,0)</f>
        <v>0</v>
      </c>
      <c r="Q6277" s="71">
        <f>IF(Input!$K$13=4,J6277*Input!$J$13,0)+IF(Input!$K$14=4,K6277*Input!$J$14,0)+IF(Input!$K$15=4,L6277*Input!$J$15,0)+IF(Input!$K$16=4,M6277*Input!$J$16,0)</f>
        <v>0</v>
      </c>
    </row>
    <row r="6278" spans="8:17" x14ac:dyDescent="0.25">
      <c r="H6278" s="43">
        <v>6271</v>
      </c>
      <c r="I6278" s="55">
        <f>Bühler!I6304</f>
        <v>0.13915817995446725</v>
      </c>
      <c r="J6278" s="58">
        <f>Bühler!J6304</f>
        <v>6.8404732785691129</v>
      </c>
      <c r="K6278" s="58">
        <f>Bühler!K6304</f>
        <v>0.56083721969760625</v>
      </c>
      <c r="L6278" s="58">
        <f>Bühler!L6304</f>
        <v>0.28041860984880312</v>
      </c>
      <c r="M6278" s="57">
        <f>Bühler!M6304</f>
        <v>0</v>
      </c>
      <c r="N6278" s="55">
        <f>IF(Input!$K$13=1,J6278*Input!$J$13,0)+IF(Input!$K$14=1,K6278*Input!$J$14,0)+IF(Input!$K$15=1,L6278*Input!$J$15,0)+IF(Input!$K$16=1,M6278*Input!$J$16,0)</f>
        <v>0.82085679342829354</v>
      </c>
      <c r="O6278" s="58">
        <f>IF(Input!$K$13=2,J6278*Input!$J$13,0)+IF(Input!$K$14=2,K6278*Input!$J$14,0)+IF(Input!$K$15=2,L6278*Input!$J$15,0)+IF(Input!$K$16=2,M6278*Input!$J$16,0)</f>
        <v>7.5713024659176842E-2</v>
      </c>
      <c r="P6278" s="58">
        <f>IF(Input!$K$13=3,J6278*Input!$J$13,0)+IF(Input!$K$14=3,K6278*Input!$J$14,0)+IF(Input!$K$15=3,L6278*Input!$J$15,0)+IF(Input!$K$16=3,M6278*Input!$J$16,0)</f>
        <v>0</v>
      </c>
      <c r="Q6278" s="71">
        <f>IF(Input!$K$13=4,J6278*Input!$J$13,0)+IF(Input!$K$14=4,K6278*Input!$J$14,0)+IF(Input!$K$15=4,L6278*Input!$J$15,0)+IF(Input!$K$16=4,M6278*Input!$J$16,0)</f>
        <v>0</v>
      </c>
    </row>
    <row r="6279" spans="8:17" x14ac:dyDescent="0.25">
      <c r="H6279" s="43">
        <v>6272</v>
      </c>
      <c r="I6279" s="55">
        <f>Bühler!I6305</f>
        <v>0.40086533773980398</v>
      </c>
      <c r="J6279" s="58">
        <f>Bühler!J6305</f>
        <v>28.635615686617935</v>
      </c>
      <c r="K6279" s="58">
        <f>Bühler!K6305</f>
        <v>2.3642794042877209</v>
      </c>
      <c r="L6279" s="58">
        <f>Bühler!L6305</f>
        <v>1.1821397021438604</v>
      </c>
      <c r="M6279" s="57">
        <f>Bühler!M6305</f>
        <v>0</v>
      </c>
      <c r="N6279" s="55">
        <f>IF(Input!$K$13=1,J6279*Input!$J$13,0)+IF(Input!$K$14=1,K6279*Input!$J$14,0)+IF(Input!$K$15=1,L6279*Input!$J$15,0)+IF(Input!$K$16=1,M6279*Input!$J$16,0)</f>
        <v>3.4362738823941523</v>
      </c>
      <c r="O6279" s="58">
        <f>IF(Input!$K$13=2,J6279*Input!$J$13,0)+IF(Input!$K$14=2,K6279*Input!$J$14,0)+IF(Input!$K$15=2,L6279*Input!$J$15,0)+IF(Input!$K$16=2,M6279*Input!$J$16,0)</f>
        <v>0.31917771957884233</v>
      </c>
      <c r="P6279" s="58">
        <f>IF(Input!$K$13=3,J6279*Input!$J$13,0)+IF(Input!$K$14=3,K6279*Input!$J$14,0)+IF(Input!$K$15=3,L6279*Input!$J$15,0)+IF(Input!$K$16=3,M6279*Input!$J$16,0)</f>
        <v>0</v>
      </c>
      <c r="Q6279" s="71">
        <f>IF(Input!$K$13=4,J6279*Input!$J$13,0)+IF(Input!$K$14=4,K6279*Input!$J$14,0)+IF(Input!$K$15=4,L6279*Input!$J$15,0)+IF(Input!$K$16=4,M6279*Input!$J$16,0)</f>
        <v>0</v>
      </c>
    </row>
    <row r="6280" spans="8:17" x14ac:dyDescent="0.25">
      <c r="H6280" s="43">
        <v>6273</v>
      </c>
      <c r="I6280" s="55">
        <f>Bühler!I6306</f>
        <v>0.44728132421493921</v>
      </c>
      <c r="J6280" s="58">
        <f>Bühler!J6306</f>
        <v>31.951318555594753</v>
      </c>
      <c r="K6280" s="58">
        <f>Bühler!K6306</f>
        <v>2.6380380721526149</v>
      </c>
      <c r="L6280" s="58">
        <f>Bühler!L6306</f>
        <v>1.3190190360763074</v>
      </c>
      <c r="M6280" s="57">
        <f>Bühler!M6306</f>
        <v>0</v>
      </c>
      <c r="N6280" s="55">
        <f>IF(Input!$K$13=1,J6280*Input!$J$13,0)+IF(Input!$K$14=1,K6280*Input!$J$14,0)+IF(Input!$K$15=1,L6280*Input!$J$15,0)+IF(Input!$K$16=1,M6280*Input!$J$16,0)</f>
        <v>3.8341582266713701</v>
      </c>
      <c r="O6280" s="58">
        <f>IF(Input!$K$13=2,J6280*Input!$J$13,0)+IF(Input!$K$14=2,K6280*Input!$J$14,0)+IF(Input!$K$15=2,L6280*Input!$J$15,0)+IF(Input!$K$16=2,M6280*Input!$J$16,0)</f>
        <v>0.35613513974060301</v>
      </c>
      <c r="P6280" s="58">
        <f>IF(Input!$K$13=3,J6280*Input!$J$13,0)+IF(Input!$K$14=3,K6280*Input!$J$14,0)+IF(Input!$K$15=3,L6280*Input!$J$15,0)+IF(Input!$K$16=3,M6280*Input!$J$16,0)</f>
        <v>0</v>
      </c>
      <c r="Q6280" s="71">
        <f>IF(Input!$K$13=4,J6280*Input!$J$13,0)+IF(Input!$K$14=4,K6280*Input!$J$14,0)+IF(Input!$K$15=4,L6280*Input!$J$15,0)+IF(Input!$K$16=4,M6280*Input!$J$16,0)</f>
        <v>0</v>
      </c>
    </row>
    <row r="6281" spans="8:17" x14ac:dyDescent="0.25">
      <c r="H6281" s="43">
        <v>6274</v>
      </c>
      <c r="I6281" s="55">
        <f>Bühler!I6307</f>
        <v>0.49369731069007439</v>
      </c>
      <c r="J6281" s="58">
        <f>Bühler!J6307</f>
        <v>35.267021424571574</v>
      </c>
      <c r="K6281" s="58">
        <f>Bühler!K6307</f>
        <v>2.9117967400175093</v>
      </c>
      <c r="L6281" s="58">
        <f>Bühler!L6307</f>
        <v>1.4558983700087547</v>
      </c>
      <c r="M6281" s="57">
        <f>Bühler!M6307</f>
        <v>0</v>
      </c>
      <c r="N6281" s="55">
        <f>IF(Input!$K$13=1,J6281*Input!$J$13,0)+IF(Input!$K$14=1,K6281*Input!$J$14,0)+IF(Input!$K$15=1,L6281*Input!$J$15,0)+IF(Input!$K$16=1,M6281*Input!$J$16,0)</f>
        <v>4.2320425709485887</v>
      </c>
      <c r="O6281" s="58">
        <f>IF(Input!$K$13=2,J6281*Input!$J$13,0)+IF(Input!$K$14=2,K6281*Input!$J$14,0)+IF(Input!$K$15=2,L6281*Input!$J$15,0)+IF(Input!$K$16=2,M6281*Input!$J$16,0)</f>
        <v>0.39309255990236375</v>
      </c>
      <c r="P6281" s="58">
        <f>IF(Input!$K$13=3,J6281*Input!$J$13,0)+IF(Input!$K$14=3,K6281*Input!$J$14,0)+IF(Input!$K$15=3,L6281*Input!$J$15,0)+IF(Input!$K$16=3,M6281*Input!$J$16,0)</f>
        <v>0</v>
      </c>
      <c r="Q6281" s="71">
        <f>IF(Input!$K$13=4,J6281*Input!$J$13,0)+IF(Input!$K$14=4,K6281*Input!$J$14,0)+IF(Input!$K$15=4,L6281*Input!$J$15,0)+IF(Input!$K$16=4,M6281*Input!$J$16,0)</f>
        <v>0</v>
      </c>
    </row>
    <row r="6282" spans="8:17" x14ac:dyDescent="0.25">
      <c r="H6282" s="43">
        <v>6275</v>
      </c>
      <c r="I6282" s="55">
        <f>Bühler!I6308</f>
        <v>0.49369731069007439</v>
      </c>
      <c r="J6282" s="58">
        <f>Bühler!J6308</f>
        <v>35.267021424571574</v>
      </c>
      <c r="K6282" s="58">
        <f>Bühler!K6308</f>
        <v>2.9117967400175093</v>
      </c>
      <c r="L6282" s="58">
        <f>Bühler!L6308</f>
        <v>1.4558983700087547</v>
      </c>
      <c r="M6282" s="57">
        <f>Bühler!M6308</f>
        <v>0</v>
      </c>
      <c r="N6282" s="55">
        <f>IF(Input!$K$13=1,J6282*Input!$J$13,0)+IF(Input!$K$14=1,K6282*Input!$J$14,0)+IF(Input!$K$15=1,L6282*Input!$J$15,0)+IF(Input!$K$16=1,M6282*Input!$J$16,0)</f>
        <v>4.2320425709485887</v>
      </c>
      <c r="O6282" s="58">
        <f>IF(Input!$K$13=2,J6282*Input!$J$13,0)+IF(Input!$K$14=2,K6282*Input!$J$14,0)+IF(Input!$K$15=2,L6282*Input!$J$15,0)+IF(Input!$K$16=2,M6282*Input!$J$16,0)</f>
        <v>0.39309255990236375</v>
      </c>
      <c r="P6282" s="58">
        <f>IF(Input!$K$13=3,J6282*Input!$J$13,0)+IF(Input!$K$14=3,K6282*Input!$J$14,0)+IF(Input!$K$15=3,L6282*Input!$J$15,0)+IF(Input!$K$16=3,M6282*Input!$J$16,0)</f>
        <v>0</v>
      </c>
      <c r="Q6282" s="71">
        <f>IF(Input!$K$13=4,J6282*Input!$J$13,0)+IF(Input!$K$14=4,K6282*Input!$J$14,0)+IF(Input!$K$15=4,L6282*Input!$J$15,0)+IF(Input!$K$16=4,M6282*Input!$J$16,0)</f>
        <v>0</v>
      </c>
    </row>
    <row r="6283" spans="8:17" x14ac:dyDescent="0.25">
      <c r="H6283" s="43">
        <v>6276</v>
      </c>
      <c r="I6283" s="55">
        <f>Bühler!I6309</f>
        <v>0.59074891877444802</v>
      </c>
      <c r="J6283" s="58">
        <f>Bühler!J6309</f>
        <v>42.199854696068549</v>
      </c>
      <c r="K6283" s="58">
        <f>Bühler!K6309</f>
        <v>3.4842012273713787</v>
      </c>
      <c r="L6283" s="58">
        <f>Bühler!L6309</f>
        <v>1.7421006136856894</v>
      </c>
      <c r="M6283" s="57">
        <f>Bühler!M6309</f>
        <v>0</v>
      </c>
      <c r="N6283" s="55">
        <f>IF(Input!$K$13=1,J6283*Input!$J$13,0)+IF(Input!$K$14=1,K6283*Input!$J$14,0)+IF(Input!$K$15=1,L6283*Input!$J$15,0)+IF(Input!$K$16=1,M6283*Input!$J$16,0)</f>
        <v>5.0639825635282261</v>
      </c>
      <c r="O6283" s="58">
        <f>IF(Input!$K$13=2,J6283*Input!$J$13,0)+IF(Input!$K$14=2,K6283*Input!$J$14,0)+IF(Input!$K$15=2,L6283*Input!$J$15,0)+IF(Input!$K$16=2,M6283*Input!$J$16,0)</f>
        <v>0.47036716569513615</v>
      </c>
      <c r="P6283" s="58">
        <f>IF(Input!$K$13=3,J6283*Input!$J$13,0)+IF(Input!$K$14=3,K6283*Input!$J$14,0)+IF(Input!$K$15=3,L6283*Input!$J$15,0)+IF(Input!$K$16=3,M6283*Input!$J$16,0)</f>
        <v>0</v>
      </c>
      <c r="Q6283" s="71">
        <f>IF(Input!$K$13=4,J6283*Input!$J$13,0)+IF(Input!$K$14=4,K6283*Input!$J$14,0)+IF(Input!$K$15=4,L6283*Input!$J$15,0)+IF(Input!$K$16=4,M6283*Input!$J$16,0)</f>
        <v>0</v>
      </c>
    </row>
    <row r="6284" spans="8:17" x14ac:dyDescent="0.25">
      <c r="H6284" s="43">
        <v>6277</v>
      </c>
      <c r="I6284" s="55">
        <f>Bühler!I6310</f>
        <v>0.59074891877444802</v>
      </c>
      <c r="J6284" s="58">
        <f>Bühler!J6310</f>
        <v>42.199854696068549</v>
      </c>
      <c r="K6284" s="58">
        <f>Bühler!K6310</f>
        <v>3.4842012273713787</v>
      </c>
      <c r="L6284" s="58">
        <f>Bühler!L6310</f>
        <v>1.7421006136856894</v>
      </c>
      <c r="M6284" s="57">
        <f>Bühler!M6310</f>
        <v>0</v>
      </c>
      <c r="N6284" s="55">
        <f>IF(Input!$K$13=1,J6284*Input!$J$13,0)+IF(Input!$K$14=1,K6284*Input!$J$14,0)+IF(Input!$K$15=1,L6284*Input!$J$15,0)+IF(Input!$K$16=1,M6284*Input!$J$16,0)</f>
        <v>5.0639825635282261</v>
      </c>
      <c r="O6284" s="58">
        <f>IF(Input!$K$13=2,J6284*Input!$J$13,0)+IF(Input!$K$14=2,K6284*Input!$J$14,0)+IF(Input!$K$15=2,L6284*Input!$J$15,0)+IF(Input!$K$16=2,M6284*Input!$J$16,0)</f>
        <v>0.47036716569513615</v>
      </c>
      <c r="P6284" s="58">
        <f>IF(Input!$K$13=3,J6284*Input!$J$13,0)+IF(Input!$K$14=3,K6284*Input!$J$14,0)+IF(Input!$K$15=3,L6284*Input!$J$15,0)+IF(Input!$K$16=3,M6284*Input!$J$16,0)</f>
        <v>0</v>
      </c>
      <c r="Q6284" s="71">
        <f>IF(Input!$K$13=4,J6284*Input!$J$13,0)+IF(Input!$K$14=4,K6284*Input!$J$14,0)+IF(Input!$K$15=4,L6284*Input!$J$15,0)+IF(Input!$K$16=4,M6284*Input!$J$16,0)</f>
        <v>0</v>
      </c>
    </row>
    <row r="6285" spans="8:17" x14ac:dyDescent="0.25">
      <c r="H6285" s="43">
        <v>6278</v>
      </c>
      <c r="I6285" s="55">
        <f>Bühler!I6311</f>
        <v>0.39242606747159758</v>
      </c>
      <c r="J6285" s="58">
        <f>Bühler!J6311</f>
        <v>28.032760619531249</v>
      </c>
      <c r="K6285" s="58">
        <f>Bühler!K6311</f>
        <v>2.3145051010395585</v>
      </c>
      <c r="L6285" s="58">
        <f>Bühler!L6311</f>
        <v>1.1572525505197793</v>
      </c>
      <c r="M6285" s="57">
        <f>Bühler!M6311</f>
        <v>0</v>
      </c>
      <c r="N6285" s="55">
        <f>IF(Input!$K$13=1,J6285*Input!$J$13,0)+IF(Input!$K$14=1,K6285*Input!$J$14,0)+IF(Input!$K$15=1,L6285*Input!$J$15,0)+IF(Input!$K$16=1,M6285*Input!$J$16,0)</f>
        <v>3.3639312743437499</v>
      </c>
      <c r="O6285" s="58">
        <f>IF(Input!$K$13=2,J6285*Input!$J$13,0)+IF(Input!$K$14=2,K6285*Input!$J$14,0)+IF(Input!$K$15=2,L6285*Input!$J$15,0)+IF(Input!$K$16=2,M6285*Input!$J$16,0)</f>
        <v>0.31245818864034036</v>
      </c>
      <c r="P6285" s="58">
        <f>IF(Input!$K$13=3,J6285*Input!$J$13,0)+IF(Input!$K$14=3,K6285*Input!$J$14,0)+IF(Input!$K$15=3,L6285*Input!$J$15,0)+IF(Input!$K$16=3,M6285*Input!$J$16,0)</f>
        <v>0</v>
      </c>
      <c r="Q6285" s="71">
        <f>IF(Input!$K$13=4,J6285*Input!$J$13,0)+IF(Input!$K$14=4,K6285*Input!$J$14,0)+IF(Input!$K$15=4,L6285*Input!$J$15,0)+IF(Input!$K$16=4,M6285*Input!$J$16,0)</f>
        <v>0</v>
      </c>
    </row>
    <row r="6286" spans="8:17" x14ac:dyDescent="0.25">
      <c r="H6286" s="43">
        <v>6279</v>
      </c>
      <c r="I6286" s="55">
        <f>Bühler!I6312</f>
        <v>0.59074891877444802</v>
      </c>
      <c r="J6286" s="58">
        <f>Bühler!J6312</f>
        <v>42.199854696068549</v>
      </c>
      <c r="K6286" s="58">
        <f>Bühler!K6312</f>
        <v>3.4842012273713787</v>
      </c>
      <c r="L6286" s="58">
        <f>Bühler!L6312</f>
        <v>1.7421006136856894</v>
      </c>
      <c r="M6286" s="57">
        <f>Bühler!M6312</f>
        <v>0</v>
      </c>
      <c r="N6286" s="55">
        <f>IF(Input!$K$13=1,J6286*Input!$J$13,0)+IF(Input!$K$14=1,K6286*Input!$J$14,0)+IF(Input!$K$15=1,L6286*Input!$J$15,0)+IF(Input!$K$16=1,M6286*Input!$J$16,0)</f>
        <v>5.0639825635282261</v>
      </c>
      <c r="O6286" s="58">
        <f>IF(Input!$K$13=2,J6286*Input!$J$13,0)+IF(Input!$K$14=2,K6286*Input!$J$14,0)+IF(Input!$K$15=2,L6286*Input!$J$15,0)+IF(Input!$K$16=2,M6286*Input!$J$16,0)</f>
        <v>0.47036716569513615</v>
      </c>
      <c r="P6286" s="58">
        <f>IF(Input!$K$13=3,J6286*Input!$J$13,0)+IF(Input!$K$14=3,K6286*Input!$J$14,0)+IF(Input!$K$15=3,L6286*Input!$J$15,0)+IF(Input!$K$16=3,M6286*Input!$J$16,0)</f>
        <v>0</v>
      </c>
      <c r="Q6286" s="71">
        <f>IF(Input!$K$13=4,J6286*Input!$J$13,0)+IF(Input!$K$14=4,K6286*Input!$J$14,0)+IF(Input!$K$15=4,L6286*Input!$J$15,0)+IF(Input!$K$16=4,M6286*Input!$J$16,0)</f>
        <v>0</v>
      </c>
    </row>
    <row r="6287" spans="8:17" x14ac:dyDescent="0.25">
      <c r="H6287" s="43">
        <v>6280</v>
      </c>
      <c r="I6287" s="55">
        <f>Bühler!I6313</f>
        <v>0.59074891877444802</v>
      </c>
      <c r="J6287" s="58">
        <f>Bühler!J6313</f>
        <v>42.199854696068549</v>
      </c>
      <c r="K6287" s="58">
        <f>Bühler!K6313</f>
        <v>3.4842012273713787</v>
      </c>
      <c r="L6287" s="58">
        <f>Bühler!L6313</f>
        <v>1.7421006136856894</v>
      </c>
      <c r="M6287" s="57">
        <f>Bühler!M6313</f>
        <v>0</v>
      </c>
      <c r="N6287" s="55">
        <f>IF(Input!$K$13=1,J6287*Input!$J$13,0)+IF(Input!$K$14=1,K6287*Input!$J$14,0)+IF(Input!$K$15=1,L6287*Input!$J$15,0)+IF(Input!$K$16=1,M6287*Input!$J$16,0)</f>
        <v>5.0639825635282261</v>
      </c>
      <c r="O6287" s="58">
        <f>IF(Input!$K$13=2,J6287*Input!$J$13,0)+IF(Input!$K$14=2,K6287*Input!$J$14,0)+IF(Input!$K$15=2,L6287*Input!$J$15,0)+IF(Input!$K$16=2,M6287*Input!$J$16,0)</f>
        <v>0.47036716569513615</v>
      </c>
      <c r="P6287" s="58">
        <f>IF(Input!$K$13=3,J6287*Input!$J$13,0)+IF(Input!$K$14=3,K6287*Input!$J$14,0)+IF(Input!$K$15=3,L6287*Input!$J$15,0)+IF(Input!$K$16=3,M6287*Input!$J$16,0)</f>
        <v>0</v>
      </c>
      <c r="Q6287" s="71">
        <f>IF(Input!$K$13=4,J6287*Input!$J$13,0)+IF(Input!$K$14=4,K6287*Input!$J$14,0)+IF(Input!$K$15=4,L6287*Input!$J$15,0)+IF(Input!$K$16=4,M6287*Input!$J$16,0)</f>
        <v>0</v>
      </c>
    </row>
    <row r="6288" spans="8:17" x14ac:dyDescent="0.25">
      <c r="H6288" s="43">
        <v>6281</v>
      </c>
      <c r="I6288" s="55">
        <f>Bühler!I6314</f>
        <v>0.49378709016101274</v>
      </c>
      <c r="J6288" s="58">
        <f>Bühler!J6314</f>
        <v>25.025577641556737</v>
      </c>
      <c r="K6288" s="58">
        <f>Bühler!K6314</f>
        <v>2.0531900089867055</v>
      </c>
      <c r="L6288" s="58">
        <f>Bühler!L6314</f>
        <v>1.0265950044933527</v>
      </c>
      <c r="M6288" s="57">
        <f>Bühler!M6314</f>
        <v>0</v>
      </c>
      <c r="N6288" s="55">
        <f>IF(Input!$K$13=1,J6288*Input!$J$13,0)+IF(Input!$K$14=1,K6288*Input!$J$14,0)+IF(Input!$K$15=1,L6288*Input!$J$15,0)+IF(Input!$K$16=1,M6288*Input!$J$16,0)</f>
        <v>3.0030693169868083</v>
      </c>
      <c r="O6288" s="58">
        <f>IF(Input!$K$13=2,J6288*Input!$J$13,0)+IF(Input!$K$14=2,K6288*Input!$J$14,0)+IF(Input!$K$15=2,L6288*Input!$J$15,0)+IF(Input!$K$16=2,M6288*Input!$J$16,0)</f>
        <v>0.27718065121320523</v>
      </c>
      <c r="P6288" s="58">
        <f>IF(Input!$K$13=3,J6288*Input!$J$13,0)+IF(Input!$K$14=3,K6288*Input!$J$14,0)+IF(Input!$K$15=3,L6288*Input!$J$15,0)+IF(Input!$K$16=3,M6288*Input!$J$16,0)</f>
        <v>0</v>
      </c>
      <c r="Q6288" s="71">
        <f>IF(Input!$K$13=4,J6288*Input!$J$13,0)+IF(Input!$K$14=4,K6288*Input!$J$14,0)+IF(Input!$K$15=4,L6288*Input!$J$15,0)+IF(Input!$K$16=4,M6288*Input!$J$16,0)</f>
        <v>0</v>
      </c>
    </row>
    <row r="6289" spans="8:17" x14ac:dyDescent="0.25">
      <c r="H6289" s="43">
        <v>6282</v>
      </c>
      <c r="I6289" s="55">
        <f>Bühler!I6315</f>
        <v>0.39233628800065923</v>
      </c>
      <c r="J6289" s="58">
        <f>Bühler!J6315</f>
        <v>10.877716265571197</v>
      </c>
      <c r="K6289" s="58">
        <f>Bühler!K6315</f>
        <v>0.87630815577750987</v>
      </c>
      <c r="L6289" s="58">
        <f>Bühler!L6315</f>
        <v>0.43815407788875493</v>
      </c>
      <c r="M6289" s="57">
        <f>Bühler!M6315</f>
        <v>0</v>
      </c>
      <c r="N6289" s="55">
        <f>IF(Input!$K$13=1,J6289*Input!$J$13,0)+IF(Input!$K$14=1,K6289*Input!$J$14,0)+IF(Input!$K$15=1,L6289*Input!$J$15,0)+IF(Input!$K$16=1,M6289*Input!$J$16,0)</f>
        <v>1.3053259518685436</v>
      </c>
      <c r="O6289" s="58">
        <f>IF(Input!$K$13=2,J6289*Input!$J$13,0)+IF(Input!$K$14=2,K6289*Input!$J$14,0)+IF(Input!$K$15=2,L6289*Input!$J$15,0)+IF(Input!$K$16=2,M6289*Input!$J$16,0)</f>
        <v>0.11830160102996383</v>
      </c>
      <c r="P6289" s="58">
        <f>IF(Input!$K$13=3,J6289*Input!$J$13,0)+IF(Input!$K$14=3,K6289*Input!$J$14,0)+IF(Input!$K$15=3,L6289*Input!$J$15,0)+IF(Input!$K$16=3,M6289*Input!$J$16,0)</f>
        <v>0</v>
      </c>
      <c r="Q6289" s="71">
        <f>IF(Input!$K$13=4,J6289*Input!$J$13,0)+IF(Input!$K$14=4,K6289*Input!$J$14,0)+IF(Input!$K$15=4,L6289*Input!$J$15,0)+IF(Input!$K$16=4,M6289*Input!$J$16,0)</f>
        <v>0</v>
      </c>
    </row>
    <row r="6290" spans="8:17" x14ac:dyDescent="0.25">
      <c r="H6290" s="43">
        <v>6283</v>
      </c>
      <c r="I6290" s="55">
        <f>Bühler!I6316</f>
        <v>0.13915817995446725</v>
      </c>
      <c r="J6290" s="58">
        <f>Bühler!J6316</f>
        <v>7.0495269843071897</v>
      </c>
      <c r="K6290" s="58">
        <f>Bühler!K6316</f>
        <v>0.57836338281315647</v>
      </c>
      <c r="L6290" s="58">
        <f>Bühler!L6316</f>
        <v>0.28918169140657823</v>
      </c>
      <c r="M6290" s="57">
        <f>Bühler!M6316</f>
        <v>0</v>
      </c>
      <c r="N6290" s="55">
        <f>IF(Input!$K$13=1,J6290*Input!$J$13,0)+IF(Input!$K$14=1,K6290*Input!$J$14,0)+IF(Input!$K$15=1,L6290*Input!$J$15,0)+IF(Input!$K$16=1,M6290*Input!$J$16,0)</f>
        <v>0.84594323811686278</v>
      </c>
      <c r="O6290" s="58">
        <f>IF(Input!$K$13=2,J6290*Input!$J$13,0)+IF(Input!$K$14=2,K6290*Input!$J$14,0)+IF(Input!$K$15=2,L6290*Input!$J$15,0)+IF(Input!$K$16=2,M6290*Input!$J$16,0)</f>
        <v>7.8079056679776118E-2</v>
      </c>
      <c r="P6290" s="58">
        <f>IF(Input!$K$13=3,J6290*Input!$J$13,0)+IF(Input!$K$14=3,K6290*Input!$J$14,0)+IF(Input!$K$15=3,L6290*Input!$J$15,0)+IF(Input!$K$16=3,M6290*Input!$J$16,0)</f>
        <v>0</v>
      </c>
      <c r="Q6290" s="71">
        <f>IF(Input!$K$13=4,J6290*Input!$J$13,0)+IF(Input!$K$14=4,K6290*Input!$J$14,0)+IF(Input!$K$15=4,L6290*Input!$J$15,0)+IF(Input!$K$16=4,M6290*Input!$J$16,0)</f>
        <v>0</v>
      </c>
    </row>
    <row r="6291" spans="8:17" x14ac:dyDescent="0.25">
      <c r="H6291" s="43">
        <v>6284</v>
      </c>
      <c r="I6291" s="55">
        <f>Bühler!I6317</f>
        <v>0.13915817995446725</v>
      </c>
      <c r="J6291" s="58">
        <f>Bühler!J6317</f>
        <v>7.0495269843071897</v>
      </c>
      <c r="K6291" s="58">
        <f>Bühler!K6317</f>
        <v>0.57836338281315647</v>
      </c>
      <c r="L6291" s="58">
        <f>Bühler!L6317</f>
        <v>0.28918169140657823</v>
      </c>
      <c r="M6291" s="57">
        <f>Bühler!M6317</f>
        <v>0</v>
      </c>
      <c r="N6291" s="55">
        <f>IF(Input!$K$13=1,J6291*Input!$J$13,0)+IF(Input!$K$14=1,K6291*Input!$J$14,0)+IF(Input!$K$15=1,L6291*Input!$J$15,0)+IF(Input!$K$16=1,M6291*Input!$J$16,0)</f>
        <v>0.84594323811686278</v>
      </c>
      <c r="O6291" s="58">
        <f>IF(Input!$K$13=2,J6291*Input!$J$13,0)+IF(Input!$K$14=2,K6291*Input!$J$14,0)+IF(Input!$K$15=2,L6291*Input!$J$15,0)+IF(Input!$K$16=2,M6291*Input!$J$16,0)</f>
        <v>7.8079056679776118E-2</v>
      </c>
      <c r="P6291" s="58">
        <f>IF(Input!$K$13=3,J6291*Input!$J$13,0)+IF(Input!$K$14=3,K6291*Input!$J$14,0)+IF(Input!$K$15=3,L6291*Input!$J$15,0)+IF(Input!$K$16=3,M6291*Input!$J$16,0)</f>
        <v>0</v>
      </c>
      <c r="Q6291" s="71">
        <f>IF(Input!$K$13=4,J6291*Input!$J$13,0)+IF(Input!$K$14=4,K6291*Input!$J$14,0)+IF(Input!$K$15=4,L6291*Input!$J$15,0)+IF(Input!$K$16=4,M6291*Input!$J$16,0)</f>
        <v>0</v>
      </c>
    </row>
    <row r="6292" spans="8:17" x14ac:dyDescent="0.25">
      <c r="H6292" s="43">
        <v>6285</v>
      </c>
      <c r="I6292" s="55">
        <f>Bühler!I6318</f>
        <v>0.13915817995446725</v>
      </c>
      <c r="J6292" s="58">
        <f>Bühler!J6318</f>
        <v>7.0495269843071897</v>
      </c>
      <c r="K6292" s="58">
        <f>Bühler!K6318</f>
        <v>0.57836338281315647</v>
      </c>
      <c r="L6292" s="58">
        <f>Bühler!L6318</f>
        <v>0.28918169140657823</v>
      </c>
      <c r="M6292" s="57">
        <f>Bühler!M6318</f>
        <v>0</v>
      </c>
      <c r="N6292" s="55">
        <f>IF(Input!$K$13=1,J6292*Input!$J$13,0)+IF(Input!$K$14=1,K6292*Input!$J$14,0)+IF(Input!$K$15=1,L6292*Input!$J$15,0)+IF(Input!$K$16=1,M6292*Input!$J$16,0)</f>
        <v>0.84594323811686278</v>
      </c>
      <c r="O6292" s="58">
        <f>IF(Input!$K$13=2,J6292*Input!$J$13,0)+IF(Input!$K$14=2,K6292*Input!$J$14,0)+IF(Input!$K$15=2,L6292*Input!$J$15,0)+IF(Input!$K$16=2,M6292*Input!$J$16,0)</f>
        <v>7.8079056679776118E-2</v>
      </c>
      <c r="P6292" s="58">
        <f>IF(Input!$K$13=3,J6292*Input!$J$13,0)+IF(Input!$K$14=3,K6292*Input!$J$14,0)+IF(Input!$K$15=3,L6292*Input!$J$15,0)+IF(Input!$K$16=3,M6292*Input!$J$16,0)</f>
        <v>0</v>
      </c>
      <c r="Q6292" s="71">
        <f>IF(Input!$K$13=4,J6292*Input!$J$13,0)+IF(Input!$K$14=4,K6292*Input!$J$14,0)+IF(Input!$K$15=4,L6292*Input!$J$15,0)+IF(Input!$K$16=4,M6292*Input!$J$16,0)</f>
        <v>0</v>
      </c>
    </row>
    <row r="6293" spans="8:17" x14ac:dyDescent="0.25">
      <c r="H6293" s="43">
        <v>6286</v>
      </c>
      <c r="I6293" s="55">
        <f>Bühler!I6319</f>
        <v>0.13915817995446725</v>
      </c>
      <c r="J6293" s="58">
        <f>Bühler!J6319</f>
        <v>7.0495269843071897</v>
      </c>
      <c r="K6293" s="58">
        <f>Bühler!K6319</f>
        <v>0.57836338281315647</v>
      </c>
      <c r="L6293" s="58">
        <f>Bühler!L6319</f>
        <v>0.28918169140657823</v>
      </c>
      <c r="M6293" s="57">
        <f>Bühler!M6319</f>
        <v>0</v>
      </c>
      <c r="N6293" s="55">
        <f>IF(Input!$K$13=1,J6293*Input!$J$13,0)+IF(Input!$K$14=1,K6293*Input!$J$14,0)+IF(Input!$K$15=1,L6293*Input!$J$15,0)+IF(Input!$K$16=1,M6293*Input!$J$16,0)</f>
        <v>0.84594323811686278</v>
      </c>
      <c r="O6293" s="58">
        <f>IF(Input!$K$13=2,J6293*Input!$J$13,0)+IF(Input!$K$14=2,K6293*Input!$J$14,0)+IF(Input!$K$15=2,L6293*Input!$J$15,0)+IF(Input!$K$16=2,M6293*Input!$J$16,0)</f>
        <v>7.8079056679776118E-2</v>
      </c>
      <c r="P6293" s="58">
        <f>IF(Input!$K$13=3,J6293*Input!$J$13,0)+IF(Input!$K$14=3,K6293*Input!$J$14,0)+IF(Input!$K$15=3,L6293*Input!$J$15,0)+IF(Input!$K$16=3,M6293*Input!$J$16,0)</f>
        <v>0</v>
      </c>
      <c r="Q6293" s="71">
        <f>IF(Input!$K$13=4,J6293*Input!$J$13,0)+IF(Input!$K$14=4,K6293*Input!$J$14,0)+IF(Input!$K$15=4,L6293*Input!$J$15,0)+IF(Input!$K$16=4,M6293*Input!$J$16,0)</f>
        <v>0</v>
      </c>
    </row>
    <row r="6294" spans="8:17" x14ac:dyDescent="0.25">
      <c r="H6294" s="43">
        <v>6287</v>
      </c>
      <c r="I6294" s="55">
        <f>Bühler!I6320</f>
        <v>0.13915817995446725</v>
      </c>
      <c r="J6294" s="58">
        <f>Bühler!J6320</f>
        <v>7.0495269843071897</v>
      </c>
      <c r="K6294" s="58">
        <f>Bühler!K6320</f>
        <v>0.57836338281315647</v>
      </c>
      <c r="L6294" s="58">
        <f>Bühler!L6320</f>
        <v>0.28918169140657823</v>
      </c>
      <c r="M6294" s="57">
        <f>Bühler!M6320</f>
        <v>0</v>
      </c>
      <c r="N6294" s="55">
        <f>IF(Input!$K$13=1,J6294*Input!$J$13,0)+IF(Input!$K$14=1,K6294*Input!$J$14,0)+IF(Input!$K$15=1,L6294*Input!$J$15,0)+IF(Input!$K$16=1,M6294*Input!$J$16,0)</f>
        <v>0.84594323811686278</v>
      </c>
      <c r="O6294" s="58">
        <f>IF(Input!$K$13=2,J6294*Input!$J$13,0)+IF(Input!$K$14=2,K6294*Input!$J$14,0)+IF(Input!$K$15=2,L6294*Input!$J$15,0)+IF(Input!$K$16=2,M6294*Input!$J$16,0)</f>
        <v>7.8079056679776118E-2</v>
      </c>
      <c r="P6294" s="58">
        <f>IF(Input!$K$13=3,J6294*Input!$J$13,0)+IF(Input!$K$14=3,K6294*Input!$J$14,0)+IF(Input!$K$15=3,L6294*Input!$J$15,0)+IF(Input!$K$16=3,M6294*Input!$J$16,0)</f>
        <v>0</v>
      </c>
      <c r="Q6294" s="71">
        <f>IF(Input!$K$13=4,J6294*Input!$J$13,0)+IF(Input!$K$14=4,K6294*Input!$J$14,0)+IF(Input!$K$15=4,L6294*Input!$J$15,0)+IF(Input!$K$16=4,M6294*Input!$J$16,0)</f>
        <v>0</v>
      </c>
    </row>
    <row r="6295" spans="8:17" x14ac:dyDescent="0.25">
      <c r="H6295" s="43">
        <v>6288</v>
      </c>
      <c r="I6295" s="55">
        <f>Bühler!I6321</f>
        <v>0.13915817995446725</v>
      </c>
      <c r="J6295" s="58">
        <f>Bühler!J6321</f>
        <v>7.0495269843071897</v>
      </c>
      <c r="K6295" s="58">
        <f>Bühler!K6321</f>
        <v>0.57836338281315647</v>
      </c>
      <c r="L6295" s="58">
        <f>Bühler!L6321</f>
        <v>0.28918169140657823</v>
      </c>
      <c r="M6295" s="57">
        <f>Bühler!M6321</f>
        <v>0</v>
      </c>
      <c r="N6295" s="55">
        <f>IF(Input!$K$13=1,J6295*Input!$J$13,0)+IF(Input!$K$14=1,K6295*Input!$J$14,0)+IF(Input!$K$15=1,L6295*Input!$J$15,0)+IF(Input!$K$16=1,M6295*Input!$J$16,0)</f>
        <v>0.84594323811686278</v>
      </c>
      <c r="O6295" s="58">
        <f>IF(Input!$K$13=2,J6295*Input!$J$13,0)+IF(Input!$K$14=2,K6295*Input!$J$14,0)+IF(Input!$K$15=2,L6295*Input!$J$15,0)+IF(Input!$K$16=2,M6295*Input!$J$16,0)</f>
        <v>7.8079056679776118E-2</v>
      </c>
      <c r="P6295" s="58">
        <f>IF(Input!$K$13=3,J6295*Input!$J$13,0)+IF(Input!$K$14=3,K6295*Input!$J$14,0)+IF(Input!$K$15=3,L6295*Input!$J$15,0)+IF(Input!$K$16=3,M6295*Input!$J$16,0)</f>
        <v>0</v>
      </c>
      <c r="Q6295" s="71">
        <f>IF(Input!$K$13=4,J6295*Input!$J$13,0)+IF(Input!$K$14=4,K6295*Input!$J$14,0)+IF(Input!$K$15=4,L6295*Input!$J$15,0)+IF(Input!$K$16=4,M6295*Input!$J$16,0)</f>
        <v>0</v>
      </c>
    </row>
    <row r="6296" spans="8:17" x14ac:dyDescent="0.25">
      <c r="H6296" s="43">
        <v>6289</v>
      </c>
      <c r="I6296" s="55">
        <f>Bühler!I6322</f>
        <v>0.12824178804589634</v>
      </c>
      <c r="J6296" s="58">
        <f>Bühler!J6322</f>
        <v>6.9455716893393307</v>
      </c>
      <c r="K6296" s="58">
        <f>Bühler!K6322</f>
        <v>0.57215736924501659</v>
      </c>
      <c r="L6296" s="58">
        <f>Bühler!L6322</f>
        <v>0.28607868462250829</v>
      </c>
      <c r="M6296" s="57">
        <f>Bühler!M6322</f>
        <v>0</v>
      </c>
      <c r="N6296" s="55">
        <f>IF(Input!$K$13=1,J6296*Input!$J$13,0)+IF(Input!$K$14=1,K6296*Input!$J$14,0)+IF(Input!$K$15=1,L6296*Input!$J$15,0)+IF(Input!$K$16=1,M6296*Input!$J$16,0)</f>
        <v>0.83346860272071965</v>
      </c>
      <c r="O6296" s="58">
        <f>IF(Input!$K$13=2,J6296*Input!$J$13,0)+IF(Input!$K$14=2,K6296*Input!$J$14,0)+IF(Input!$K$15=2,L6296*Input!$J$15,0)+IF(Input!$K$16=2,M6296*Input!$J$16,0)</f>
        <v>7.7241244848077234E-2</v>
      </c>
      <c r="P6296" s="58">
        <f>IF(Input!$K$13=3,J6296*Input!$J$13,0)+IF(Input!$K$14=3,K6296*Input!$J$14,0)+IF(Input!$K$15=3,L6296*Input!$J$15,0)+IF(Input!$K$16=3,M6296*Input!$J$16,0)</f>
        <v>0</v>
      </c>
      <c r="Q6296" s="71">
        <f>IF(Input!$K$13=4,J6296*Input!$J$13,0)+IF(Input!$K$14=4,K6296*Input!$J$14,0)+IF(Input!$K$15=4,L6296*Input!$J$15,0)+IF(Input!$K$16=4,M6296*Input!$J$16,0)</f>
        <v>0</v>
      </c>
    </row>
    <row r="6297" spans="8:17" x14ac:dyDescent="0.25">
      <c r="H6297" s="43">
        <v>6290</v>
      </c>
      <c r="I6297" s="55">
        <f>Bühler!I6323</f>
        <v>0.12824178804589634</v>
      </c>
      <c r="J6297" s="58">
        <f>Bühler!J6323</f>
        <v>6.9455716893393307</v>
      </c>
      <c r="K6297" s="58">
        <f>Bühler!K6323</f>
        <v>0.57215736924501659</v>
      </c>
      <c r="L6297" s="58">
        <f>Bühler!L6323</f>
        <v>0.28607868462250829</v>
      </c>
      <c r="M6297" s="57">
        <f>Bühler!M6323</f>
        <v>0</v>
      </c>
      <c r="N6297" s="55">
        <f>IF(Input!$K$13=1,J6297*Input!$J$13,0)+IF(Input!$K$14=1,K6297*Input!$J$14,0)+IF(Input!$K$15=1,L6297*Input!$J$15,0)+IF(Input!$K$16=1,M6297*Input!$J$16,0)</f>
        <v>0.83346860272071965</v>
      </c>
      <c r="O6297" s="58">
        <f>IF(Input!$K$13=2,J6297*Input!$J$13,0)+IF(Input!$K$14=2,K6297*Input!$J$14,0)+IF(Input!$K$15=2,L6297*Input!$J$15,0)+IF(Input!$K$16=2,M6297*Input!$J$16,0)</f>
        <v>7.7241244848077234E-2</v>
      </c>
      <c r="P6297" s="58">
        <f>IF(Input!$K$13=3,J6297*Input!$J$13,0)+IF(Input!$K$14=3,K6297*Input!$J$14,0)+IF(Input!$K$15=3,L6297*Input!$J$15,0)+IF(Input!$K$16=3,M6297*Input!$J$16,0)</f>
        <v>0</v>
      </c>
      <c r="Q6297" s="71">
        <f>IF(Input!$K$13=4,J6297*Input!$J$13,0)+IF(Input!$K$14=4,K6297*Input!$J$14,0)+IF(Input!$K$15=4,L6297*Input!$J$15,0)+IF(Input!$K$16=4,M6297*Input!$J$16,0)</f>
        <v>0</v>
      </c>
    </row>
    <row r="6298" spans="8:17" x14ac:dyDescent="0.25">
      <c r="H6298" s="43">
        <v>6291</v>
      </c>
      <c r="I6298" s="55">
        <f>Bühler!I6324</f>
        <v>0.12824178804589634</v>
      </c>
      <c r="J6298" s="58">
        <f>Bühler!J6324</f>
        <v>6.9455716893393307</v>
      </c>
      <c r="K6298" s="58">
        <f>Bühler!K6324</f>
        <v>0.57215736924501659</v>
      </c>
      <c r="L6298" s="58">
        <f>Bühler!L6324</f>
        <v>0.28607868462250829</v>
      </c>
      <c r="M6298" s="57">
        <f>Bühler!M6324</f>
        <v>0</v>
      </c>
      <c r="N6298" s="55">
        <f>IF(Input!$K$13=1,J6298*Input!$J$13,0)+IF(Input!$K$14=1,K6298*Input!$J$14,0)+IF(Input!$K$15=1,L6298*Input!$J$15,0)+IF(Input!$K$16=1,M6298*Input!$J$16,0)</f>
        <v>0.83346860272071965</v>
      </c>
      <c r="O6298" s="58">
        <f>IF(Input!$K$13=2,J6298*Input!$J$13,0)+IF(Input!$K$14=2,K6298*Input!$J$14,0)+IF(Input!$K$15=2,L6298*Input!$J$15,0)+IF(Input!$K$16=2,M6298*Input!$J$16,0)</f>
        <v>7.7241244848077234E-2</v>
      </c>
      <c r="P6298" s="58">
        <f>IF(Input!$K$13=3,J6298*Input!$J$13,0)+IF(Input!$K$14=3,K6298*Input!$J$14,0)+IF(Input!$K$15=3,L6298*Input!$J$15,0)+IF(Input!$K$16=3,M6298*Input!$J$16,0)</f>
        <v>0</v>
      </c>
      <c r="Q6298" s="71">
        <f>IF(Input!$K$13=4,J6298*Input!$J$13,0)+IF(Input!$K$14=4,K6298*Input!$J$14,0)+IF(Input!$K$15=4,L6298*Input!$J$15,0)+IF(Input!$K$16=4,M6298*Input!$J$16,0)</f>
        <v>0</v>
      </c>
    </row>
    <row r="6299" spans="8:17" x14ac:dyDescent="0.25">
      <c r="H6299" s="43">
        <v>6292</v>
      </c>
      <c r="I6299" s="55">
        <f>Bühler!I6325</f>
        <v>0.12824178804589634</v>
      </c>
      <c r="J6299" s="58">
        <f>Bühler!J6325</f>
        <v>6.9455716893393307</v>
      </c>
      <c r="K6299" s="58">
        <f>Bühler!K6325</f>
        <v>0.57215736924501659</v>
      </c>
      <c r="L6299" s="58">
        <f>Bühler!L6325</f>
        <v>0.28607868462250829</v>
      </c>
      <c r="M6299" s="57">
        <f>Bühler!M6325</f>
        <v>0</v>
      </c>
      <c r="N6299" s="55">
        <f>IF(Input!$K$13=1,J6299*Input!$J$13,0)+IF(Input!$K$14=1,K6299*Input!$J$14,0)+IF(Input!$K$15=1,L6299*Input!$J$15,0)+IF(Input!$K$16=1,M6299*Input!$J$16,0)</f>
        <v>0.83346860272071965</v>
      </c>
      <c r="O6299" s="58">
        <f>IF(Input!$K$13=2,J6299*Input!$J$13,0)+IF(Input!$K$14=2,K6299*Input!$J$14,0)+IF(Input!$K$15=2,L6299*Input!$J$15,0)+IF(Input!$K$16=2,M6299*Input!$J$16,0)</f>
        <v>7.7241244848077234E-2</v>
      </c>
      <c r="P6299" s="58">
        <f>IF(Input!$K$13=3,J6299*Input!$J$13,0)+IF(Input!$K$14=3,K6299*Input!$J$14,0)+IF(Input!$K$15=3,L6299*Input!$J$15,0)+IF(Input!$K$16=3,M6299*Input!$J$16,0)</f>
        <v>0</v>
      </c>
      <c r="Q6299" s="71">
        <f>IF(Input!$K$13=4,J6299*Input!$J$13,0)+IF(Input!$K$14=4,K6299*Input!$J$14,0)+IF(Input!$K$15=4,L6299*Input!$J$15,0)+IF(Input!$K$16=4,M6299*Input!$J$16,0)</f>
        <v>0</v>
      </c>
    </row>
    <row r="6300" spans="8:17" x14ac:dyDescent="0.25">
      <c r="H6300" s="43">
        <v>6293</v>
      </c>
      <c r="I6300" s="55">
        <f>Bühler!I6326</f>
        <v>0.12824178804589634</v>
      </c>
      <c r="J6300" s="58">
        <f>Bühler!J6326</f>
        <v>6.9455716893393307</v>
      </c>
      <c r="K6300" s="58">
        <f>Bühler!K6326</f>
        <v>0.57215736924501659</v>
      </c>
      <c r="L6300" s="58">
        <f>Bühler!L6326</f>
        <v>0.28607868462250829</v>
      </c>
      <c r="M6300" s="57">
        <f>Bühler!M6326</f>
        <v>0</v>
      </c>
      <c r="N6300" s="55">
        <f>IF(Input!$K$13=1,J6300*Input!$J$13,0)+IF(Input!$K$14=1,K6300*Input!$J$14,0)+IF(Input!$K$15=1,L6300*Input!$J$15,0)+IF(Input!$K$16=1,M6300*Input!$J$16,0)</f>
        <v>0.83346860272071965</v>
      </c>
      <c r="O6300" s="58">
        <f>IF(Input!$K$13=2,J6300*Input!$J$13,0)+IF(Input!$K$14=2,K6300*Input!$J$14,0)+IF(Input!$K$15=2,L6300*Input!$J$15,0)+IF(Input!$K$16=2,M6300*Input!$J$16,0)</f>
        <v>7.7241244848077234E-2</v>
      </c>
      <c r="P6300" s="58">
        <f>IF(Input!$K$13=3,J6300*Input!$J$13,0)+IF(Input!$K$14=3,K6300*Input!$J$14,0)+IF(Input!$K$15=3,L6300*Input!$J$15,0)+IF(Input!$K$16=3,M6300*Input!$J$16,0)</f>
        <v>0</v>
      </c>
      <c r="Q6300" s="71">
        <f>IF(Input!$K$13=4,J6300*Input!$J$13,0)+IF(Input!$K$14=4,K6300*Input!$J$14,0)+IF(Input!$K$15=4,L6300*Input!$J$15,0)+IF(Input!$K$16=4,M6300*Input!$J$16,0)</f>
        <v>0</v>
      </c>
    </row>
    <row r="6301" spans="8:17" x14ac:dyDescent="0.25">
      <c r="H6301" s="43">
        <v>6294</v>
      </c>
      <c r="I6301" s="55">
        <f>Bühler!I6327</f>
        <v>0.12824178804589634</v>
      </c>
      <c r="J6301" s="58">
        <f>Bühler!J6327</f>
        <v>6.9455716893393307</v>
      </c>
      <c r="K6301" s="58">
        <f>Bühler!K6327</f>
        <v>0.57215736924501659</v>
      </c>
      <c r="L6301" s="58">
        <f>Bühler!L6327</f>
        <v>0.28607868462250829</v>
      </c>
      <c r="M6301" s="57">
        <f>Bühler!M6327</f>
        <v>0</v>
      </c>
      <c r="N6301" s="55">
        <f>IF(Input!$K$13=1,J6301*Input!$J$13,0)+IF(Input!$K$14=1,K6301*Input!$J$14,0)+IF(Input!$K$15=1,L6301*Input!$J$15,0)+IF(Input!$K$16=1,M6301*Input!$J$16,0)</f>
        <v>0.83346860272071965</v>
      </c>
      <c r="O6301" s="58">
        <f>IF(Input!$K$13=2,J6301*Input!$J$13,0)+IF(Input!$K$14=2,K6301*Input!$J$14,0)+IF(Input!$K$15=2,L6301*Input!$J$15,0)+IF(Input!$K$16=2,M6301*Input!$J$16,0)</f>
        <v>7.7241244848077234E-2</v>
      </c>
      <c r="P6301" s="58">
        <f>IF(Input!$K$13=3,J6301*Input!$J$13,0)+IF(Input!$K$14=3,K6301*Input!$J$14,0)+IF(Input!$K$15=3,L6301*Input!$J$15,0)+IF(Input!$K$16=3,M6301*Input!$J$16,0)</f>
        <v>0</v>
      </c>
      <c r="Q6301" s="71">
        <f>IF(Input!$K$13=4,J6301*Input!$J$13,0)+IF(Input!$K$14=4,K6301*Input!$J$14,0)+IF(Input!$K$15=4,L6301*Input!$J$15,0)+IF(Input!$K$16=4,M6301*Input!$J$16,0)</f>
        <v>0</v>
      </c>
    </row>
    <row r="6302" spans="8:17" x14ac:dyDescent="0.25">
      <c r="H6302" s="43">
        <v>6295</v>
      </c>
      <c r="I6302" s="55">
        <f>Bühler!I6328</f>
        <v>0.12824178804589634</v>
      </c>
      <c r="J6302" s="58">
        <f>Bühler!J6328</f>
        <v>6.9455716893393307</v>
      </c>
      <c r="K6302" s="58">
        <f>Bühler!K6328</f>
        <v>0.57215736924501659</v>
      </c>
      <c r="L6302" s="58">
        <f>Bühler!L6328</f>
        <v>0.28607868462250829</v>
      </c>
      <c r="M6302" s="57">
        <f>Bühler!M6328</f>
        <v>0</v>
      </c>
      <c r="N6302" s="55">
        <f>IF(Input!$K$13=1,J6302*Input!$J$13,0)+IF(Input!$K$14=1,K6302*Input!$J$14,0)+IF(Input!$K$15=1,L6302*Input!$J$15,0)+IF(Input!$K$16=1,M6302*Input!$J$16,0)</f>
        <v>0.83346860272071965</v>
      </c>
      <c r="O6302" s="58">
        <f>IF(Input!$K$13=2,J6302*Input!$J$13,0)+IF(Input!$K$14=2,K6302*Input!$J$14,0)+IF(Input!$K$15=2,L6302*Input!$J$15,0)+IF(Input!$K$16=2,M6302*Input!$J$16,0)</f>
        <v>7.7241244848077234E-2</v>
      </c>
      <c r="P6302" s="58">
        <f>IF(Input!$K$13=3,J6302*Input!$J$13,0)+IF(Input!$K$14=3,K6302*Input!$J$14,0)+IF(Input!$K$15=3,L6302*Input!$J$15,0)+IF(Input!$K$16=3,M6302*Input!$J$16,0)</f>
        <v>0</v>
      </c>
      <c r="Q6302" s="71">
        <f>IF(Input!$K$13=4,J6302*Input!$J$13,0)+IF(Input!$K$14=4,K6302*Input!$J$14,0)+IF(Input!$K$15=4,L6302*Input!$J$15,0)+IF(Input!$K$16=4,M6302*Input!$J$16,0)</f>
        <v>0</v>
      </c>
    </row>
    <row r="6303" spans="8:17" x14ac:dyDescent="0.25">
      <c r="H6303" s="43">
        <v>6296</v>
      </c>
      <c r="I6303" s="55">
        <f>Bühler!I6329</f>
        <v>0.35330612606644435</v>
      </c>
      <c r="J6303" s="58">
        <f>Bühler!J6329</f>
        <v>28.207480189618501</v>
      </c>
      <c r="K6303" s="58">
        <f>Bühler!K6329</f>
        <v>2.3389099730652347</v>
      </c>
      <c r="L6303" s="58">
        <f>Bühler!L6329</f>
        <v>1.1694549865326174</v>
      </c>
      <c r="M6303" s="57">
        <f>Bühler!M6329</f>
        <v>0</v>
      </c>
      <c r="N6303" s="55">
        <f>IF(Input!$K$13=1,J6303*Input!$J$13,0)+IF(Input!$K$14=1,K6303*Input!$J$14,0)+IF(Input!$K$15=1,L6303*Input!$J$15,0)+IF(Input!$K$16=1,M6303*Input!$J$16,0)</f>
        <v>3.3848976227542198</v>
      </c>
      <c r="O6303" s="58">
        <f>IF(Input!$K$13=2,J6303*Input!$J$13,0)+IF(Input!$K$14=2,K6303*Input!$J$14,0)+IF(Input!$K$15=2,L6303*Input!$J$15,0)+IF(Input!$K$16=2,M6303*Input!$J$16,0)</f>
        <v>0.31575284636380668</v>
      </c>
      <c r="P6303" s="58">
        <f>IF(Input!$K$13=3,J6303*Input!$J$13,0)+IF(Input!$K$14=3,K6303*Input!$J$14,0)+IF(Input!$K$15=3,L6303*Input!$J$15,0)+IF(Input!$K$16=3,M6303*Input!$J$16,0)</f>
        <v>0</v>
      </c>
      <c r="Q6303" s="71">
        <f>IF(Input!$K$13=4,J6303*Input!$J$13,0)+IF(Input!$K$14=4,K6303*Input!$J$14,0)+IF(Input!$K$15=4,L6303*Input!$J$15,0)+IF(Input!$K$16=4,M6303*Input!$J$16,0)</f>
        <v>0</v>
      </c>
    </row>
    <row r="6304" spans="8:17" x14ac:dyDescent="0.25">
      <c r="H6304" s="43">
        <v>6297</v>
      </c>
      <c r="I6304" s="55">
        <f>Bühler!I6330</f>
        <v>0.39421525645308536</v>
      </c>
      <c r="J6304" s="58">
        <f>Bühler!J6330</f>
        <v>31.473609474732218</v>
      </c>
      <c r="K6304" s="58">
        <f>Bühler!K6330</f>
        <v>2.6097311278412088</v>
      </c>
      <c r="L6304" s="58">
        <f>Bühler!L6330</f>
        <v>1.3048655639206044</v>
      </c>
      <c r="M6304" s="57">
        <f>Bühler!M6330</f>
        <v>0</v>
      </c>
      <c r="N6304" s="55">
        <f>IF(Input!$K$13=1,J6304*Input!$J$13,0)+IF(Input!$K$14=1,K6304*Input!$J$14,0)+IF(Input!$K$15=1,L6304*Input!$J$15,0)+IF(Input!$K$16=1,M6304*Input!$J$16,0)</f>
        <v>3.7768331369678658</v>
      </c>
      <c r="O6304" s="58">
        <f>IF(Input!$K$13=2,J6304*Input!$J$13,0)+IF(Input!$K$14=2,K6304*Input!$J$14,0)+IF(Input!$K$15=2,L6304*Input!$J$15,0)+IF(Input!$K$16=2,M6304*Input!$J$16,0)</f>
        <v>0.35231370225856318</v>
      </c>
      <c r="P6304" s="58">
        <f>IF(Input!$K$13=3,J6304*Input!$J$13,0)+IF(Input!$K$14=3,K6304*Input!$J$14,0)+IF(Input!$K$15=3,L6304*Input!$J$15,0)+IF(Input!$K$16=3,M6304*Input!$J$16,0)</f>
        <v>0</v>
      </c>
      <c r="Q6304" s="71">
        <f>IF(Input!$K$13=4,J6304*Input!$J$13,0)+IF(Input!$K$14=4,K6304*Input!$J$14,0)+IF(Input!$K$15=4,L6304*Input!$J$15,0)+IF(Input!$K$16=4,M6304*Input!$J$16,0)</f>
        <v>0</v>
      </c>
    </row>
    <row r="6305" spans="8:17" x14ac:dyDescent="0.25">
      <c r="H6305" s="43">
        <v>6298</v>
      </c>
      <c r="I6305" s="55">
        <f>Bühler!I6331</f>
        <v>0.43512438683972626</v>
      </c>
      <c r="J6305" s="58">
        <f>Bühler!J6331</f>
        <v>34.739738759845942</v>
      </c>
      <c r="K6305" s="58">
        <f>Bühler!K6331</f>
        <v>2.8805522826171841</v>
      </c>
      <c r="L6305" s="58">
        <f>Bühler!L6331</f>
        <v>1.4402761413085921</v>
      </c>
      <c r="M6305" s="57">
        <f>Bühler!M6331</f>
        <v>0</v>
      </c>
      <c r="N6305" s="55">
        <f>IF(Input!$K$13=1,J6305*Input!$J$13,0)+IF(Input!$K$14=1,K6305*Input!$J$14,0)+IF(Input!$K$15=1,L6305*Input!$J$15,0)+IF(Input!$K$16=1,M6305*Input!$J$16,0)</f>
        <v>4.1687686511815132</v>
      </c>
      <c r="O6305" s="58">
        <f>IF(Input!$K$13=2,J6305*Input!$J$13,0)+IF(Input!$K$14=2,K6305*Input!$J$14,0)+IF(Input!$K$15=2,L6305*Input!$J$15,0)+IF(Input!$K$16=2,M6305*Input!$J$16,0)</f>
        <v>0.38887455815331984</v>
      </c>
      <c r="P6305" s="58">
        <f>IF(Input!$K$13=3,J6305*Input!$J$13,0)+IF(Input!$K$14=3,K6305*Input!$J$14,0)+IF(Input!$K$15=3,L6305*Input!$J$15,0)+IF(Input!$K$16=3,M6305*Input!$J$16,0)</f>
        <v>0</v>
      </c>
      <c r="Q6305" s="71">
        <f>IF(Input!$K$13=4,J6305*Input!$J$13,0)+IF(Input!$K$14=4,K6305*Input!$J$14,0)+IF(Input!$K$15=4,L6305*Input!$J$15,0)+IF(Input!$K$16=4,M6305*Input!$J$16,0)</f>
        <v>0</v>
      </c>
    </row>
    <row r="6306" spans="8:17" x14ac:dyDescent="0.25">
      <c r="H6306" s="43">
        <v>6299</v>
      </c>
      <c r="I6306" s="55">
        <f>Bühler!I6332</f>
        <v>0.43512438683972626</v>
      </c>
      <c r="J6306" s="58">
        <f>Bühler!J6332</f>
        <v>34.739738759845942</v>
      </c>
      <c r="K6306" s="58">
        <f>Bühler!K6332</f>
        <v>2.8805522826171841</v>
      </c>
      <c r="L6306" s="58">
        <f>Bühler!L6332</f>
        <v>1.4402761413085921</v>
      </c>
      <c r="M6306" s="57">
        <f>Bühler!M6332</f>
        <v>0</v>
      </c>
      <c r="N6306" s="55">
        <f>IF(Input!$K$13=1,J6306*Input!$J$13,0)+IF(Input!$K$14=1,K6306*Input!$J$14,0)+IF(Input!$K$15=1,L6306*Input!$J$15,0)+IF(Input!$K$16=1,M6306*Input!$J$16,0)</f>
        <v>4.1687686511815132</v>
      </c>
      <c r="O6306" s="58">
        <f>IF(Input!$K$13=2,J6306*Input!$J$13,0)+IF(Input!$K$14=2,K6306*Input!$J$14,0)+IF(Input!$K$15=2,L6306*Input!$J$15,0)+IF(Input!$K$16=2,M6306*Input!$J$16,0)</f>
        <v>0.38887455815331984</v>
      </c>
      <c r="P6306" s="58">
        <f>IF(Input!$K$13=3,J6306*Input!$J$13,0)+IF(Input!$K$14=3,K6306*Input!$J$14,0)+IF(Input!$K$15=3,L6306*Input!$J$15,0)+IF(Input!$K$16=3,M6306*Input!$J$16,0)</f>
        <v>0</v>
      </c>
      <c r="Q6306" s="71">
        <f>IF(Input!$K$13=4,J6306*Input!$J$13,0)+IF(Input!$K$14=4,K6306*Input!$J$14,0)+IF(Input!$K$15=4,L6306*Input!$J$15,0)+IF(Input!$K$16=4,M6306*Input!$J$16,0)</f>
        <v>0</v>
      </c>
    </row>
    <row r="6307" spans="8:17" x14ac:dyDescent="0.25">
      <c r="H6307" s="43">
        <v>6300</v>
      </c>
      <c r="I6307" s="55">
        <f>Bühler!I6333</f>
        <v>0.52066165946633913</v>
      </c>
      <c r="J6307" s="58">
        <f>Bühler!J6333</f>
        <v>41.568918174174627</v>
      </c>
      <c r="K6307" s="58">
        <f>Bühler!K6333</f>
        <v>3.446814697148767</v>
      </c>
      <c r="L6307" s="58">
        <f>Bühler!L6333</f>
        <v>1.7234073485743835</v>
      </c>
      <c r="M6307" s="57">
        <f>Bühler!M6333</f>
        <v>0</v>
      </c>
      <c r="N6307" s="55">
        <f>IF(Input!$K$13=1,J6307*Input!$J$13,0)+IF(Input!$K$14=1,K6307*Input!$J$14,0)+IF(Input!$K$15=1,L6307*Input!$J$15,0)+IF(Input!$K$16=1,M6307*Input!$J$16,0)</f>
        <v>4.9882701809009546</v>
      </c>
      <c r="O6307" s="58">
        <f>IF(Input!$K$13=2,J6307*Input!$J$13,0)+IF(Input!$K$14=2,K6307*Input!$J$14,0)+IF(Input!$K$15=2,L6307*Input!$J$15,0)+IF(Input!$K$16=2,M6307*Input!$J$16,0)</f>
        <v>0.46531998411508357</v>
      </c>
      <c r="P6307" s="58">
        <f>IF(Input!$K$13=3,J6307*Input!$J$13,0)+IF(Input!$K$14=3,K6307*Input!$J$14,0)+IF(Input!$K$15=3,L6307*Input!$J$15,0)+IF(Input!$K$16=3,M6307*Input!$J$16,0)</f>
        <v>0</v>
      </c>
      <c r="Q6307" s="71">
        <f>IF(Input!$K$13=4,J6307*Input!$J$13,0)+IF(Input!$K$14=4,K6307*Input!$J$14,0)+IF(Input!$K$15=4,L6307*Input!$J$15,0)+IF(Input!$K$16=4,M6307*Input!$J$16,0)</f>
        <v>0</v>
      </c>
    </row>
    <row r="6308" spans="8:17" x14ac:dyDescent="0.25">
      <c r="H6308" s="43">
        <v>6301</v>
      </c>
      <c r="I6308" s="55">
        <f>Bühler!I6334</f>
        <v>0.52066165946633913</v>
      </c>
      <c r="J6308" s="58">
        <f>Bühler!J6334</f>
        <v>41.568918174174627</v>
      </c>
      <c r="K6308" s="58">
        <f>Bühler!K6334</f>
        <v>3.446814697148767</v>
      </c>
      <c r="L6308" s="58">
        <f>Bühler!L6334</f>
        <v>1.7234073485743835</v>
      </c>
      <c r="M6308" s="57">
        <f>Bühler!M6334</f>
        <v>0</v>
      </c>
      <c r="N6308" s="55">
        <f>IF(Input!$K$13=1,J6308*Input!$J$13,0)+IF(Input!$K$14=1,K6308*Input!$J$14,0)+IF(Input!$K$15=1,L6308*Input!$J$15,0)+IF(Input!$K$16=1,M6308*Input!$J$16,0)</f>
        <v>4.9882701809009546</v>
      </c>
      <c r="O6308" s="58">
        <f>IF(Input!$K$13=2,J6308*Input!$J$13,0)+IF(Input!$K$14=2,K6308*Input!$J$14,0)+IF(Input!$K$15=2,L6308*Input!$J$15,0)+IF(Input!$K$16=2,M6308*Input!$J$16,0)</f>
        <v>0.46531998411508357</v>
      </c>
      <c r="P6308" s="58">
        <f>IF(Input!$K$13=3,J6308*Input!$J$13,0)+IF(Input!$K$14=3,K6308*Input!$J$14,0)+IF(Input!$K$15=3,L6308*Input!$J$15,0)+IF(Input!$K$16=3,M6308*Input!$J$16,0)</f>
        <v>0</v>
      </c>
      <c r="Q6308" s="71">
        <f>IF(Input!$K$13=4,J6308*Input!$J$13,0)+IF(Input!$K$14=4,K6308*Input!$J$14,0)+IF(Input!$K$15=4,L6308*Input!$J$15,0)+IF(Input!$K$16=4,M6308*Input!$J$16,0)</f>
        <v>0</v>
      </c>
    </row>
    <row r="6309" spans="8:17" x14ac:dyDescent="0.25">
      <c r="H6309" s="43">
        <v>6302</v>
      </c>
      <c r="I6309" s="55">
        <f>Bühler!I6335</f>
        <v>0.34586810235978249</v>
      </c>
      <c r="J6309" s="58">
        <f>Bühler!J6335</f>
        <v>27.613638501416002</v>
      </c>
      <c r="K6309" s="58">
        <f>Bühler!K6335</f>
        <v>2.2896697631059664</v>
      </c>
      <c r="L6309" s="58">
        <f>Bühler!L6335</f>
        <v>1.1448348815529832</v>
      </c>
      <c r="M6309" s="57">
        <f>Bühler!M6335</f>
        <v>0</v>
      </c>
      <c r="N6309" s="55">
        <f>IF(Input!$K$13=1,J6309*Input!$J$13,0)+IF(Input!$K$14=1,K6309*Input!$J$14,0)+IF(Input!$K$15=1,L6309*Input!$J$15,0)+IF(Input!$K$16=1,M6309*Input!$J$16,0)</f>
        <v>3.3136366201699201</v>
      </c>
      <c r="O6309" s="58">
        <f>IF(Input!$K$13=2,J6309*Input!$J$13,0)+IF(Input!$K$14=2,K6309*Input!$J$14,0)+IF(Input!$K$15=2,L6309*Input!$J$15,0)+IF(Input!$K$16=2,M6309*Input!$J$16,0)</f>
        <v>0.30910541801930547</v>
      </c>
      <c r="P6309" s="58">
        <f>IF(Input!$K$13=3,J6309*Input!$J$13,0)+IF(Input!$K$14=3,K6309*Input!$J$14,0)+IF(Input!$K$15=3,L6309*Input!$J$15,0)+IF(Input!$K$16=3,M6309*Input!$J$16,0)</f>
        <v>0</v>
      </c>
      <c r="Q6309" s="71">
        <f>IF(Input!$K$13=4,J6309*Input!$J$13,0)+IF(Input!$K$14=4,K6309*Input!$J$14,0)+IF(Input!$K$15=4,L6309*Input!$J$15,0)+IF(Input!$K$16=4,M6309*Input!$J$16,0)</f>
        <v>0</v>
      </c>
    </row>
    <row r="6310" spans="8:17" x14ac:dyDescent="0.25">
      <c r="H6310" s="43">
        <v>6303</v>
      </c>
      <c r="I6310" s="55">
        <f>Bühler!I6336</f>
        <v>0.52066165946633913</v>
      </c>
      <c r="J6310" s="58">
        <f>Bühler!J6336</f>
        <v>41.568918174174627</v>
      </c>
      <c r="K6310" s="58">
        <f>Bühler!K6336</f>
        <v>3.446814697148767</v>
      </c>
      <c r="L6310" s="58">
        <f>Bühler!L6336</f>
        <v>1.7234073485743835</v>
      </c>
      <c r="M6310" s="57">
        <f>Bühler!M6336</f>
        <v>0</v>
      </c>
      <c r="N6310" s="55">
        <f>IF(Input!$K$13=1,J6310*Input!$J$13,0)+IF(Input!$K$14=1,K6310*Input!$J$14,0)+IF(Input!$K$15=1,L6310*Input!$J$15,0)+IF(Input!$K$16=1,M6310*Input!$J$16,0)</f>
        <v>4.9882701809009546</v>
      </c>
      <c r="O6310" s="58">
        <f>IF(Input!$K$13=2,J6310*Input!$J$13,0)+IF(Input!$K$14=2,K6310*Input!$J$14,0)+IF(Input!$K$15=2,L6310*Input!$J$15,0)+IF(Input!$K$16=2,M6310*Input!$J$16,0)</f>
        <v>0.46531998411508357</v>
      </c>
      <c r="P6310" s="58">
        <f>IF(Input!$K$13=3,J6310*Input!$J$13,0)+IF(Input!$K$14=3,K6310*Input!$J$14,0)+IF(Input!$K$15=3,L6310*Input!$J$15,0)+IF(Input!$K$16=3,M6310*Input!$J$16,0)</f>
        <v>0</v>
      </c>
      <c r="Q6310" s="71">
        <f>IF(Input!$K$13=4,J6310*Input!$J$13,0)+IF(Input!$K$14=4,K6310*Input!$J$14,0)+IF(Input!$K$15=4,L6310*Input!$J$15,0)+IF(Input!$K$16=4,M6310*Input!$J$16,0)</f>
        <v>0</v>
      </c>
    </row>
    <row r="6311" spans="8:17" x14ac:dyDescent="0.25">
      <c r="H6311" s="43">
        <v>6304</v>
      </c>
      <c r="I6311" s="55">
        <f>Bühler!I6337</f>
        <v>0.52066165946633913</v>
      </c>
      <c r="J6311" s="58">
        <f>Bühler!J6337</f>
        <v>41.568918174174627</v>
      </c>
      <c r="K6311" s="58">
        <f>Bühler!K6337</f>
        <v>3.446814697148767</v>
      </c>
      <c r="L6311" s="58">
        <f>Bühler!L6337</f>
        <v>1.7234073485743835</v>
      </c>
      <c r="M6311" s="57">
        <f>Bühler!M6337</f>
        <v>0</v>
      </c>
      <c r="N6311" s="55">
        <f>IF(Input!$K$13=1,J6311*Input!$J$13,0)+IF(Input!$K$14=1,K6311*Input!$J$14,0)+IF(Input!$K$15=1,L6311*Input!$J$15,0)+IF(Input!$K$16=1,M6311*Input!$J$16,0)</f>
        <v>4.9882701809009546</v>
      </c>
      <c r="O6311" s="58">
        <f>IF(Input!$K$13=2,J6311*Input!$J$13,0)+IF(Input!$K$14=2,K6311*Input!$J$14,0)+IF(Input!$K$15=2,L6311*Input!$J$15,0)+IF(Input!$K$16=2,M6311*Input!$J$16,0)</f>
        <v>0.46531998411508357</v>
      </c>
      <c r="P6311" s="58">
        <f>IF(Input!$K$13=3,J6311*Input!$J$13,0)+IF(Input!$K$14=3,K6311*Input!$J$14,0)+IF(Input!$K$15=3,L6311*Input!$J$15,0)+IF(Input!$K$16=3,M6311*Input!$J$16,0)</f>
        <v>0</v>
      </c>
      <c r="Q6311" s="71">
        <f>IF(Input!$K$13=4,J6311*Input!$J$13,0)+IF(Input!$K$14=4,K6311*Input!$J$14,0)+IF(Input!$K$15=4,L6311*Input!$J$15,0)+IF(Input!$K$16=4,M6311*Input!$J$16,0)</f>
        <v>0</v>
      </c>
    </row>
    <row r="6312" spans="8:17" x14ac:dyDescent="0.25">
      <c r="H6312" s="43">
        <v>6305</v>
      </c>
      <c r="I6312" s="55">
        <f>Bühler!I6338</f>
        <v>0.43506026594570341</v>
      </c>
      <c r="J6312" s="58">
        <f>Bühler!J6338</f>
        <v>24.634898242069294</v>
      </c>
      <c r="K6312" s="58">
        <f>Bühler!K6338</f>
        <v>2.0311586608198091</v>
      </c>
      <c r="L6312" s="58">
        <f>Bühler!L6338</f>
        <v>1.0155793304099046</v>
      </c>
      <c r="M6312" s="57">
        <f>Bühler!M6338</f>
        <v>0</v>
      </c>
      <c r="N6312" s="55">
        <f>IF(Input!$K$13=1,J6312*Input!$J$13,0)+IF(Input!$K$14=1,K6312*Input!$J$14,0)+IF(Input!$K$15=1,L6312*Input!$J$15,0)+IF(Input!$K$16=1,M6312*Input!$J$16,0)</f>
        <v>2.956187789048315</v>
      </c>
      <c r="O6312" s="58">
        <f>IF(Input!$K$13=2,J6312*Input!$J$13,0)+IF(Input!$K$14=2,K6312*Input!$J$14,0)+IF(Input!$K$15=2,L6312*Input!$J$15,0)+IF(Input!$K$16=2,M6312*Input!$J$16,0)</f>
        <v>0.27420641921067423</v>
      </c>
      <c r="P6312" s="58">
        <f>IF(Input!$K$13=3,J6312*Input!$J$13,0)+IF(Input!$K$14=3,K6312*Input!$J$14,0)+IF(Input!$K$15=3,L6312*Input!$J$15,0)+IF(Input!$K$16=3,M6312*Input!$J$16,0)</f>
        <v>0</v>
      </c>
      <c r="Q6312" s="71">
        <f>IF(Input!$K$13=4,J6312*Input!$J$13,0)+IF(Input!$K$14=4,K6312*Input!$J$14,0)+IF(Input!$K$15=4,L6312*Input!$J$15,0)+IF(Input!$K$16=4,M6312*Input!$J$16,0)</f>
        <v>0</v>
      </c>
    </row>
    <row r="6313" spans="8:17" x14ac:dyDescent="0.25">
      <c r="H6313" s="43">
        <v>6306</v>
      </c>
      <c r="I6313" s="55">
        <f>Bühler!I6339</f>
        <v>0.3459322232538054</v>
      </c>
      <c r="J6313" s="58">
        <f>Bühler!J6339</f>
        <v>10.687855492802143</v>
      </c>
      <c r="K6313" s="58">
        <f>Bühler!K6339</f>
        <v>0.86690510491669182</v>
      </c>
      <c r="L6313" s="58">
        <f>Bühler!L6339</f>
        <v>0.43345255245834591</v>
      </c>
      <c r="M6313" s="57">
        <f>Bühler!M6339</f>
        <v>0</v>
      </c>
      <c r="N6313" s="55">
        <f>IF(Input!$K$13=1,J6313*Input!$J$13,0)+IF(Input!$K$14=1,K6313*Input!$J$14,0)+IF(Input!$K$15=1,L6313*Input!$J$15,0)+IF(Input!$K$16=1,M6313*Input!$J$16,0)</f>
        <v>1.2825426591362572</v>
      </c>
      <c r="O6313" s="58">
        <f>IF(Input!$K$13=2,J6313*Input!$J$13,0)+IF(Input!$K$14=2,K6313*Input!$J$14,0)+IF(Input!$K$15=2,L6313*Input!$J$15,0)+IF(Input!$K$16=2,M6313*Input!$J$16,0)</f>
        <v>0.11703218916375339</v>
      </c>
      <c r="P6313" s="58">
        <f>IF(Input!$K$13=3,J6313*Input!$J$13,0)+IF(Input!$K$14=3,K6313*Input!$J$14,0)+IF(Input!$K$15=3,L6313*Input!$J$15,0)+IF(Input!$K$16=3,M6313*Input!$J$16,0)</f>
        <v>0</v>
      </c>
      <c r="Q6313" s="71">
        <f>IF(Input!$K$13=4,J6313*Input!$J$13,0)+IF(Input!$K$14=4,K6313*Input!$J$14,0)+IF(Input!$K$15=4,L6313*Input!$J$15,0)+IF(Input!$K$16=4,M6313*Input!$J$16,0)</f>
        <v>0</v>
      </c>
    </row>
    <row r="6314" spans="8:17" x14ac:dyDescent="0.25">
      <c r="H6314" s="43">
        <v>6307</v>
      </c>
      <c r="I6314" s="55">
        <f>Bühler!I6340</f>
        <v>0.12824178804589634</v>
      </c>
      <c r="J6314" s="58">
        <f>Bühler!J6340</f>
        <v>6.9455716893393307</v>
      </c>
      <c r="K6314" s="58">
        <f>Bühler!K6340</f>
        <v>0.57215736924501659</v>
      </c>
      <c r="L6314" s="58">
        <f>Bühler!L6340</f>
        <v>0.28607868462250829</v>
      </c>
      <c r="M6314" s="57">
        <f>Bühler!M6340</f>
        <v>0</v>
      </c>
      <c r="N6314" s="55">
        <f>IF(Input!$K$13=1,J6314*Input!$J$13,0)+IF(Input!$K$14=1,K6314*Input!$J$14,0)+IF(Input!$K$15=1,L6314*Input!$J$15,0)+IF(Input!$K$16=1,M6314*Input!$J$16,0)</f>
        <v>0.83346860272071965</v>
      </c>
      <c r="O6314" s="58">
        <f>IF(Input!$K$13=2,J6314*Input!$J$13,0)+IF(Input!$K$14=2,K6314*Input!$J$14,0)+IF(Input!$K$15=2,L6314*Input!$J$15,0)+IF(Input!$K$16=2,M6314*Input!$J$16,0)</f>
        <v>7.7241244848077234E-2</v>
      </c>
      <c r="P6314" s="58">
        <f>IF(Input!$K$13=3,J6314*Input!$J$13,0)+IF(Input!$K$14=3,K6314*Input!$J$14,0)+IF(Input!$K$15=3,L6314*Input!$J$15,0)+IF(Input!$K$16=3,M6314*Input!$J$16,0)</f>
        <v>0</v>
      </c>
      <c r="Q6314" s="71">
        <f>IF(Input!$K$13=4,J6314*Input!$J$13,0)+IF(Input!$K$14=4,K6314*Input!$J$14,0)+IF(Input!$K$15=4,L6314*Input!$J$15,0)+IF(Input!$K$16=4,M6314*Input!$J$16,0)</f>
        <v>0</v>
      </c>
    </row>
    <row r="6315" spans="8:17" x14ac:dyDescent="0.25">
      <c r="H6315" s="43">
        <v>6308</v>
      </c>
      <c r="I6315" s="55">
        <f>Bühler!I6341</f>
        <v>0.12824178804589634</v>
      </c>
      <c r="J6315" s="58">
        <f>Bühler!J6341</f>
        <v>6.9455716893393307</v>
      </c>
      <c r="K6315" s="58">
        <f>Bühler!K6341</f>
        <v>0.57215736924501659</v>
      </c>
      <c r="L6315" s="58">
        <f>Bühler!L6341</f>
        <v>0.28607868462250829</v>
      </c>
      <c r="M6315" s="57">
        <f>Bühler!M6341</f>
        <v>0</v>
      </c>
      <c r="N6315" s="55">
        <f>IF(Input!$K$13=1,J6315*Input!$J$13,0)+IF(Input!$K$14=1,K6315*Input!$J$14,0)+IF(Input!$K$15=1,L6315*Input!$J$15,0)+IF(Input!$K$16=1,M6315*Input!$J$16,0)</f>
        <v>0.83346860272071965</v>
      </c>
      <c r="O6315" s="58">
        <f>IF(Input!$K$13=2,J6315*Input!$J$13,0)+IF(Input!$K$14=2,K6315*Input!$J$14,0)+IF(Input!$K$15=2,L6315*Input!$J$15,0)+IF(Input!$K$16=2,M6315*Input!$J$16,0)</f>
        <v>7.7241244848077234E-2</v>
      </c>
      <c r="P6315" s="58">
        <f>IF(Input!$K$13=3,J6315*Input!$J$13,0)+IF(Input!$K$14=3,K6315*Input!$J$14,0)+IF(Input!$K$15=3,L6315*Input!$J$15,0)+IF(Input!$K$16=3,M6315*Input!$J$16,0)</f>
        <v>0</v>
      </c>
      <c r="Q6315" s="71">
        <f>IF(Input!$K$13=4,J6315*Input!$J$13,0)+IF(Input!$K$14=4,K6315*Input!$J$14,0)+IF(Input!$K$15=4,L6315*Input!$J$15,0)+IF(Input!$K$16=4,M6315*Input!$J$16,0)</f>
        <v>0</v>
      </c>
    </row>
    <row r="6316" spans="8:17" x14ac:dyDescent="0.25">
      <c r="H6316" s="43">
        <v>6309</v>
      </c>
      <c r="I6316" s="55">
        <f>Bühler!I6342</f>
        <v>0.12824178804589634</v>
      </c>
      <c r="J6316" s="58">
        <f>Bühler!J6342</f>
        <v>6.9455716893393307</v>
      </c>
      <c r="K6316" s="58">
        <f>Bühler!K6342</f>
        <v>0.57215736924501659</v>
      </c>
      <c r="L6316" s="58">
        <f>Bühler!L6342</f>
        <v>0.28607868462250829</v>
      </c>
      <c r="M6316" s="57">
        <f>Bühler!M6342</f>
        <v>0</v>
      </c>
      <c r="N6316" s="55">
        <f>IF(Input!$K$13=1,J6316*Input!$J$13,0)+IF(Input!$K$14=1,K6316*Input!$J$14,0)+IF(Input!$K$15=1,L6316*Input!$J$15,0)+IF(Input!$K$16=1,M6316*Input!$J$16,0)</f>
        <v>0.83346860272071965</v>
      </c>
      <c r="O6316" s="58">
        <f>IF(Input!$K$13=2,J6316*Input!$J$13,0)+IF(Input!$K$14=2,K6316*Input!$J$14,0)+IF(Input!$K$15=2,L6316*Input!$J$15,0)+IF(Input!$K$16=2,M6316*Input!$J$16,0)</f>
        <v>7.7241244848077234E-2</v>
      </c>
      <c r="P6316" s="58">
        <f>IF(Input!$K$13=3,J6316*Input!$J$13,0)+IF(Input!$K$14=3,K6316*Input!$J$14,0)+IF(Input!$K$15=3,L6316*Input!$J$15,0)+IF(Input!$K$16=3,M6316*Input!$J$16,0)</f>
        <v>0</v>
      </c>
      <c r="Q6316" s="71">
        <f>IF(Input!$K$13=4,J6316*Input!$J$13,0)+IF(Input!$K$14=4,K6316*Input!$J$14,0)+IF(Input!$K$15=4,L6316*Input!$J$15,0)+IF(Input!$K$16=4,M6316*Input!$J$16,0)</f>
        <v>0</v>
      </c>
    </row>
    <row r="6317" spans="8:17" x14ac:dyDescent="0.25">
      <c r="H6317" s="43">
        <v>6310</v>
      </c>
      <c r="I6317" s="55">
        <f>Bühler!I6343</f>
        <v>0.12824178804589634</v>
      </c>
      <c r="J6317" s="58">
        <f>Bühler!J6343</f>
        <v>6.9455716893393307</v>
      </c>
      <c r="K6317" s="58">
        <f>Bühler!K6343</f>
        <v>0.57215736924501659</v>
      </c>
      <c r="L6317" s="58">
        <f>Bühler!L6343</f>
        <v>0.28607868462250829</v>
      </c>
      <c r="M6317" s="57">
        <f>Bühler!M6343</f>
        <v>0</v>
      </c>
      <c r="N6317" s="55">
        <f>IF(Input!$K$13=1,J6317*Input!$J$13,0)+IF(Input!$K$14=1,K6317*Input!$J$14,0)+IF(Input!$K$15=1,L6317*Input!$J$15,0)+IF(Input!$K$16=1,M6317*Input!$J$16,0)</f>
        <v>0.83346860272071965</v>
      </c>
      <c r="O6317" s="58">
        <f>IF(Input!$K$13=2,J6317*Input!$J$13,0)+IF(Input!$K$14=2,K6317*Input!$J$14,0)+IF(Input!$K$15=2,L6317*Input!$J$15,0)+IF(Input!$K$16=2,M6317*Input!$J$16,0)</f>
        <v>7.7241244848077234E-2</v>
      </c>
      <c r="P6317" s="58">
        <f>IF(Input!$K$13=3,J6317*Input!$J$13,0)+IF(Input!$K$14=3,K6317*Input!$J$14,0)+IF(Input!$K$15=3,L6317*Input!$J$15,0)+IF(Input!$K$16=3,M6317*Input!$J$16,0)</f>
        <v>0</v>
      </c>
      <c r="Q6317" s="71">
        <f>IF(Input!$K$13=4,J6317*Input!$J$13,0)+IF(Input!$K$14=4,K6317*Input!$J$14,0)+IF(Input!$K$15=4,L6317*Input!$J$15,0)+IF(Input!$K$16=4,M6317*Input!$J$16,0)</f>
        <v>0</v>
      </c>
    </row>
    <row r="6318" spans="8:17" x14ac:dyDescent="0.25">
      <c r="H6318" s="43">
        <v>6311</v>
      </c>
      <c r="I6318" s="55">
        <f>Bühler!I6344</f>
        <v>0.12824178804589634</v>
      </c>
      <c r="J6318" s="58">
        <f>Bühler!J6344</f>
        <v>6.9455716893393307</v>
      </c>
      <c r="K6318" s="58">
        <f>Bühler!K6344</f>
        <v>0.57215736924501659</v>
      </c>
      <c r="L6318" s="58">
        <f>Bühler!L6344</f>
        <v>0.28607868462250829</v>
      </c>
      <c r="M6318" s="57">
        <f>Bühler!M6344</f>
        <v>0</v>
      </c>
      <c r="N6318" s="55">
        <f>IF(Input!$K$13=1,J6318*Input!$J$13,0)+IF(Input!$K$14=1,K6318*Input!$J$14,0)+IF(Input!$K$15=1,L6318*Input!$J$15,0)+IF(Input!$K$16=1,M6318*Input!$J$16,0)</f>
        <v>0.83346860272071965</v>
      </c>
      <c r="O6318" s="58">
        <f>IF(Input!$K$13=2,J6318*Input!$J$13,0)+IF(Input!$K$14=2,K6318*Input!$J$14,0)+IF(Input!$K$15=2,L6318*Input!$J$15,0)+IF(Input!$K$16=2,M6318*Input!$J$16,0)</f>
        <v>7.7241244848077234E-2</v>
      </c>
      <c r="P6318" s="58">
        <f>IF(Input!$K$13=3,J6318*Input!$J$13,0)+IF(Input!$K$14=3,K6318*Input!$J$14,0)+IF(Input!$K$15=3,L6318*Input!$J$15,0)+IF(Input!$K$16=3,M6318*Input!$J$16,0)</f>
        <v>0</v>
      </c>
      <c r="Q6318" s="71">
        <f>IF(Input!$K$13=4,J6318*Input!$J$13,0)+IF(Input!$K$14=4,K6318*Input!$J$14,0)+IF(Input!$K$15=4,L6318*Input!$J$15,0)+IF(Input!$K$16=4,M6318*Input!$J$16,0)</f>
        <v>0</v>
      </c>
    </row>
    <row r="6319" spans="8:17" x14ac:dyDescent="0.25">
      <c r="H6319" s="43">
        <v>6312</v>
      </c>
      <c r="I6319" s="55">
        <f>Bühler!I6345</f>
        <v>0.12824178804589634</v>
      </c>
      <c r="J6319" s="58">
        <f>Bühler!J6345</f>
        <v>6.9455716893393307</v>
      </c>
      <c r="K6319" s="58">
        <f>Bühler!K6345</f>
        <v>0.57215736924501659</v>
      </c>
      <c r="L6319" s="58">
        <f>Bühler!L6345</f>
        <v>0.28607868462250829</v>
      </c>
      <c r="M6319" s="57">
        <f>Bühler!M6345</f>
        <v>0</v>
      </c>
      <c r="N6319" s="55">
        <f>IF(Input!$K$13=1,J6319*Input!$J$13,0)+IF(Input!$K$14=1,K6319*Input!$J$14,0)+IF(Input!$K$15=1,L6319*Input!$J$15,0)+IF(Input!$K$16=1,M6319*Input!$J$16,0)</f>
        <v>0.83346860272071965</v>
      </c>
      <c r="O6319" s="58">
        <f>IF(Input!$K$13=2,J6319*Input!$J$13,0)+IF(Input!$K$14=2,K6319*Input!$J$14,0)+IF(Input!$K$15=2,L6319*Input!$J$15,0)+IF(Input!$K$16=2,M6319*Input!$J$16,0)</f>
        <v>7.7241244848077234E-2</v>
      </c>
      <c r="P6319" s="58">
        <f>IF(Input!$K$13=3,J6319*Input!$J$13,0)+IF(Input!$K$14=3,K6319*Input!$J$14,0)+IF(Input!$K$15=3,L6319*Input!$J$15,0)+IF(Input!$K$16=3,M6319*Input!$J$16,0)</f>
        <v>0</v>
      </c>
      <c r="Q6319" s="71">
        <f>IF(Input!$K$13=4,J6319*Input!$J$13,0)+IF(Input!$K$14=4,K6319*Input!$J$14,0)+IF(Input!$K$15=4,L6319*Input!$J$15,0)+IF(Input!$K$16=4,M6319*Input!$J$16,0)</f>
        <v>0</v>
      </c>
    </row>
    <row r="6320" spans="8:17" x14ac:dyDescent="0.25">
      <c r="H6320" s="43">
        <v>6313</v>
      </c>
      <c r="I6320" s="55">
        <f>Bühler!I6346</f>
        <v>4.4862025450554469E-2</v>
      </c>
      <c r="J6320" s="58">
        <f>Bühler!J6346</f>
        <v>6.6732050551316249</v>
      </c>
      <c r="K6320" s="58">
        <f>Bühler!K6346</f>
        <v>0.56499045284435045</v>
      </c>
      <c r="L6320" s="58">
        <f>Bühler!L6346</f>
        <v>0.28249522642217523</v>
      </c>
      <c r="M6320" s="57">
        <f>Bühler!M6346</f>
        <v>0</v>
      </c>
      <c r="N6320" s="55">
        <f>IF(Input!$K$13=1,J6320*Input!$J$13,0)+IF(Input!$K$14=1,K6320*Input!$J$14,0)+IF(Input!$K$15=1,L6320*Input!$J$15,0)+IF(Input!$K$16=1,M6320*Input!$J$16,0)</f>
        <v>0.80078460661579498</v>
      </c>
      <c r="O6320" s="58">
        <f>IF(Input!$K$13=2,J6320*Input!$J$13,0)+IF(Input!$K$14=2,K6320*Input!$J$14,0)+IF(Input!$K$15=2,L6320*Input!$J$15,0)+IF(Input!$K$16=2,M6320*Input!$J$16,0)</f>
        <v>7.6273711133987315E-2</v>
      </c>
      <c r="P6320" s="58">
        <f>IF(Input!$K$13=3,J6320*Input!$J$13,0)+IF(Input!$K$14=3,K6320*Input!$J$14,0)+IF(Input!$K$15=3,L6320*Input!$J$15,0)+IF(Input!$K$16=3,M6320*Input!$J$16,0)</f>
        <v>0</v>
      </c>
      <c r="Q6320" s="71">
        <f>IF(Input!$K$13=4,J6320*Input!$J$13,0)+IF(Input!$K$14=4,K6320*Input!$J$14,0)+IF(Input!$K$15=4,L6320*Input!$J$15,0)+IF(Input!$K$16=4,M6320*Input!$J$16,0)</f>
        <v>0</v>
      </c>
    </row>
    <row r="6321" spans="8:17" x14ac:dyDescent="0.25">
      <c r="H6321" s="43">
        <v>6314</v>
      </c>
      <c r="I6321" s="55">
        <f>Bühler!I6347</f>
        <v>4.4862025450554469E-2</v>
      </c>
      <c r="J6321" s="58">
        <f>Bühler!J6347</f>
        <v>6.6732050551316249</v>
      </c>
      <c r="K6321" s="58">
        <f>Bühler!K6347</f>
        <v>0.56499045284435045</v>
      </c>
      <c r="L6321" s="58">
        <f>Bühler!L6347</f>
        <v>0.28249522642217523</v>
      </c>
      <c r="M6321" s="57">
        <f>Bühler!M6347</f>
        <v>0</v>
      </c>
      <c r="N6321" s="55">
        <f>IF(Input!$K$13=1,J6321*Input!$J$13,0)+IF(Input!$K$14=1,K6321*Input!$J$14,0)+IF(Input!$K$15=1,L6321*Input!$J$15,0)+IF(Input!$K$16=1,M6321*Input!$J$16,0)</f>
        <v>0.80078460661579498</v>
      </c>
      <c r="O6321" s="58">
        <f>IF(Input!$K$13=2,J6321*Input!$J$13,0)+IF(Input!$K$14=2,K6321*Input!$J$14,0)+IF(Input!$K$15=2,L6321*Input!$J$15,0)+IF(Input!$K$16=2,M6321*Input!$J$16,0)</f>
        <v>7.6273711133987315E-2</v>
      </c>
      <c r="P6321" s="58">
        <f>IF(Input!$K$13=3,J6321*Input!$J$13,0)+IF(Input!$K$14=3,K6321*Input!$J$14,0)+IF(Input!$K$15=3,L6321*Input!$J$15,0)+IF(Input!$K$16=3,M6321*Input!$J$16,0)</f>
        <v>0</v>
      </c>
      <c r="Q6321" s="71">
        <f>IF(Input!$K$13=4,J6321*Input!$J$13,0)+IF(Input!$K$14=4,K6321*Input!$J$14,0)+IF(Input!$K$15=4,L6321*Input!$J$15,0)+IF(Input!$K$16=4,M6321*Input!$J$16,0)</f>
        <v>0</v>
      </c>
    </row>
    <row r="6322" spans="8:17" x14ac:dyDescent="0.25">
      <c r="H6322" s="43">
        <v>6315</v>
      </c>
      <c r="I6322" s="55">
        <f>Bühler!I6348</f>
        <v>4.4862025450554469E-2</v>
      </c>
      <c r="J6322" s="58">
        <f>Bühler!J6348</f>
        <v>6.6732050551316249</v>
      </c>
      <c r="K6322" s="58">
        <f>Bühler!K6348</f>
        <v>0.56499045284435045</v>
      </c>
      <c r="L6322" s="58">
        <f>Bühler!L6348</f>
        <v>0.28249522642217523</v>
      </c>
      <c r="M6322" s="57">
        <f>Bühler!M6348</f>
        <v>0</v>
      </c>
      <c r="N6322" s="55">
        <f>IF(Input!$K$13=1,J6322*Input!$J$13,0)+IF(Input!$K$14=1,K6322*Input!$J$14,0)+IF(Input!$K$15=1,L6322*Input!$J$15,0)+IF(Input!$K$16=1,M6322*Input!$J$16,0)</f>
        <v>0.80078460661579498</v>
      </c>
      <c r="O6322" s="58">
        <f>IF(Input!$K$13=2,J6322*Input!$J$13,0)+IF(Input!$K$14=2,K6322*Input!$J$14,0)+IF(Input!$K$15=2,L6322*Input!$J$15,0)+IF(Input!$K$16=2,M6322*Input!$J$16,0)</f>
        <v>7.6273711133987315E-2</v>
      </c>
      <c r="P6322" s="58">
        <f>IF(Input!$K$13=3,J6322*Input!$J$13,0)+IF(Input!$K$14=3,K6322*Input!$J$14,0)+IF(Input!$K$15=3,L6322*Input!$J$15,0)+IF(Input!$K$16=3,M6322*Input!$J$16,0)</f>
        <v>0</v>
      </c>
      <c r="Q6322" s="71">
        <f>IF(Input!$K$13=4,J6322*Input!$J$13,0)+IF(Input!$K$14=4,K6322*Input!$J$14,0)+IF(Input!$K$15=4,L6322*Input!$J$15,0)+IF(Input!$K$16=4,M6322*Input!$J$16,0)</f>
        <v>0</v>
      </c>
    </row>
    <row r="6323" spans="8:17" x14ac:dyDescent="0.25">
      <c r="H6323" s="43">
        <v>6316</v>
      </c>
      <c r="I6323" s="55">
        <f>Bühler!I6349</f>
        <v>4.4862025450554469E-2</v>
      </c>
      <c r="J6323" s="58">
        <f>Bühler!J6349</f>
        <v>6.6732050551316249</v>
      </c>
      <c r="K6323" s="58">
        <f>Bühler!K6349</f>
        <v>0.56499045284435045</v>
      </c>
      <c r="L6323" s="58">
        <f>Bühler!L6349</f>
        <v>0.28249522642217523</v>
      </c>
      <c r="M6323" s="57">
        <f>Bühler!M6349</f>
        <v>0</v>
      </c>
      <c r="N6323" s="55">
        <f>IF(Input!$K$13=1,J6323*Input!$J$13,0)+IF(Input!$K$14=1,K6323*Input!$J$14,0)+IF(Input!$K$15=1,L6323*Input!$J$15,0)+IF(Input!$K$16=1,M6323*Input!$J$16,0)</f>
        <v>0.80078460661579498</v>
      </c>
      <c r="O6323" s="58">
        <f>IF(Input!$K$13=2,J6323*Input!$J$13,0)+IF(Input!$K$14=2,K6323*Input!$J$14,0)+IF(Input!$K$15=2,L6323*Input!$J$15,0)+IF(Input!$K$16=2,M6323*Input!$J$16,0)</f>
        <v>7.6273711133987315E-2</v>
      </c>
      <c r="P6323" s="58">
        <f>IF(Input!$K$13=3,J6323*Input!$J$13,0)+IF(Input!$K$14=3,K6323*Input!$J$14,0)+IF(Input!$K$15=3,L6323*Input!$J$15,0)+IF(Input!$K$16=3,M6323*Input!$J$16,0)</f>
        <v>0</v>
      </c>
      <c r="Q6323" s="71">
        <f>IF(Input!$K$13=4,J6323*Input!$J$13,0)+IF(Input!$K$14=4,K6323*Input!$J$14,0)+IF(Input!$K$15=4,L6323*Input!$J$15,0)+IF(Input!$K$16=4,M6323*Input!$J$16,0)</f>
        <v>0</v>
      </c>
    </row>
    <row r="6324" spans="8:17" x14ac:dyDescent="0.25">
      <c r="H6324" s="43">
        <v>6317</v>
      </c>
      <c r="I6324" s="55">
        <f>Bühler!I6350</f>
        <v>4.4862025450554469E-2</v>
      </c>
      <c r="J6324" s="58">
        <f>Bühler!J6350</f>
        <v>6.6732050551316249</v>
      </c>
      <c r="K6324" s="58">
        <f>Bühler!K6350</f>
        <v>0.56499045284435045</v>
      </c>
      <c r="L6324" s="58">
        <f>Bühler!L6350</f>
        <v>0.28249522642217523</v>
      </c>
      <c r="M6324" s="57">
        <f>Bühler!M6350</f>
        <v>0</v>
      </c>
      <c r="N6324" s="55">
        <f>IF(Input!$K$13=1,J6324*Input!$J$13,0)+IF(Input!$K$14=1,K6324*Input!$J$14,0)+IF(Input!$K$15=1,L6324*Input!$J$15,0)+IF(Input!$K$16=1,M6324*Input!$J$16,0)</f>
        <v>0.80078460661579498</v>
      </c>
      <c r="O6324" s="58">
        <f>IF(Input!$K$13=2,J6324*Input!$J$13,0)+IF(Input!$K$14=2,K6324*Input!$J$14,0)+IF(Input!$K$15=2,L6324*Input!$J$15,0)+IF(Input!$K$16=2,M6324*Input!$J$16,0)</f>
        <v>7.6273711133987315E-2</v>
      </c>
      <c r="P6324" s="58">
        <f>IF(Input!$K$13=3,J6324*Input!$J$13,0)+IF(Input!$K$14=3,K6324*Input!$J$14,0)+IF(Input!$K$15=3,L6324*Input!$J$15,0)+IF(Input!$K$16=3,M6324*Input!$J$16,0)</f>
        <v>0</v>
      </c>
      <c r="Q6324" s="71">
        <f>IF(Input!$K$13=4,J6324*Input!$J$13,0)+IF(Input!$K$14=4,K6324*Input!$J$14,0)+IF(Input!$K$15=4,L6324*Input!$J$15,0)+IF(Input!$K$16=4,M6324*Input!$J$16,0)</f>
        <v>0</v>
      </c>
    </row>
    <row r="6325" spans="8:17" x14ac:dyDescent="0.25">
      <c r="H6325" s="43">
        <v>6318</v>
      </c>
      <c r="I6325" s="55">
        <f>Bühler!I6351</f>
        <v>4.4862025450554469E-2</v>
      </c>
      <c r="J6325" s="58">
        <f>Bühler!J6351</f>
        <v>6.6732050551316249</v>
      </c>
      <c r="K6325" s="58">
        <f>Bühler!K6351</f>
        <v>0.56499045284435045</v>
      </c>
      <c r="L6325" s="58">
        <f>Bühler!L6351</f>
        <v>0.28249522642217523</v>
      </c>
      <c r="M6325" s="57">
        <f>Bühler!M6351</f>
        <v>0</v>
      </c>
      <c r="N6325" s="55">
        <f>IF(Input!$K$13=1,J6325*Input!$J$13,0)+IF(Input!$K$14=1,K6325*Input!$J$14,0)+IF(Input!$K$15=1,L6325*Input!$J$15,0)+IF(Input!$K$16=1,M6325*Input!$J$16,0)</f>
        <v>0.80078460661579498</v>
      </c>
      <c r="O6325" s="58">
        <f>IF(Input!$K$13=2,J6325*Input!$J$13,0)+IF(Input!$K$14=2,K6325*Input!$J$14,0)+IF(Input!$K$15=2,L6325*Input!$J$15,0)+IF(Input!$K$16=2,M6325*Input!$J$16,0)</f>
        <v>7.6273711133987315E-2</v>
      </c>
      <c r="P6325" s="58">
        <f>IF(Input!$K$13=3,J6325*Input!$J$13,0)+IF(Input!$K$14=3,K6325*Input!$J$14,0)+IF(Input!$K$15=3,L6325*Input!$J$15,0)+IF(Input!$K$16=3,M6325*Input!$J$16,0)</f>
        <v>0</v>
      </c>
      <c r="Q6325" s="71">
        <f>IF(Input!$K$13=4,J6325*Input!$J$13,0)+IF(Input!$K$14=4,K6325*Input!$J$14,0)+IF(Input!$K$15=4,L6325*Input!$J$15,0)+IF(Input!$K$16=4,M6325*Input!$J$16,0)</f>
        <v>0</v>
      </c>
    </row>
    <row r="6326" spans="8:17" x14ac:dyDescent="0.25">
      <c r="H6326" s="43">
        <v>6319</v>
      </c>
      <c r="I6326" s="55">
        <f>Bühler!I6352</f>
        <v>4.4862025450554469E-2</v>
      </c>
      <c r="J6326" s="58">
        <f>Bühler!J6352</f>
        <v>6.6732050551316249</v>
      </c>
      <c r="K6326" s="58">
        <f>Bühler!K6352</f>
        <v>0.56499045284435045</v>
      </c>
      <c r="L6326" s="58">
        <f>Bühler!L6352</f>
        <v>0.28249522642217523</v>
      </c>
      <c r="M6326" s="57">
        <f>Bühler!M6352</f>
        <v>0</v>
      </c>
      <c r="N6326" s="55">
        <f>IF(Input!$K$13=1,J6326*Input!$J$13,0)+IF(Input!$K$14=1,K6326*Input!$J$14,0)+IF(Input!$K$15=1,L6326*Input!$J$15,0)+IF(Input!$K$16=1,M6326*Input!$J$16,0)</f>
        <v>0.80078460661579498</v>
      </c>
      <c r="O6326" s="58">
        <f>IF(Input!$K$13=2,J6326*Input!$J$13,0)+IF(Input!$K$14=2,K6326*Input!$J$14,0)+IF(Input!$K$15=2,L6326*Input!$J$15,0)+IF(Input!$K$16=2,M6326*Input!$J$16,0)</f>
        <v>7.6273711133987315E-2</v>
      </c>
      <c r="P6326" s="58">
        <f>IF(Input!$K$13=3,J6326*Input!$J$13,0)+IF(Input!$K$14=3,K6326*Input!$J$14,0)+IF(Input!$K$15=3,L6326*Input!$J$15,0)+IF(Input!$K$16=3,M6326*Input!$J$16,0)</f>
        <v>0</v>
      </c>
      <c r="Q6326" s="71">
        <f>IF(Input!$K$13=4,J6326*Input!$J$13,0)+IF(Input!$K$14=4,K6326*Input!$J$14,0)+IF(Input!$K$15=4,L6326*Input!$J$15,0)+IF(Input!$K$16=4,M6326*Input!$J$16,0)</f>
        <v>0</v>
      </c>
    </row>
    <row r="6327" spans="8:17" x14ac:dyDescent="0.25">
      <c r="H6327" s="43">
        <v>6320</v>
      </c>
      <c r="I6327" s="55">
        <f>Bühler!I6353</f>
        <v>0.12359488011627755</v>
      </c>
      <c r="J6327" s="58">
        <f>Bühler!J6353</f>
        <v>27.214474779758387</v>
      </c>
      <c r="K6327" s="58">
        <f>Bühler!K6353</f>
        <v>2.3096124875364508</v>
      </c>
      <c r="L6327" s="58">
        <f>Bühler!L6353</f>
        <v>1.1548062437682254</v>
      </c>
      <c r="M6327" s="57">
        <f>Bühler!M6353</f>
        <v>0</v>
      </c>
      <c r="N6327" s="55">
        <f>IF(Input!$K$13=1,J6327*Input!$J$13,0)+IF(Input!$K$14=1,K6327*Input!$J$14,0)+IF(Input!$K$15=1,L6327*Input!$J$15,0)+IF(Input!$K$16=1,M6327*Input!$J$16,0)</f>
        <v>3.2657369735710065</v>
      </c>
      <c r="O6327" s="58">
        <f>IF(Input!$K$13=2,J6327*Input!$J$13,0)+IF(Input!$K$14=2,K6327*Input!$J$14,0)+IF(Input!$K$15=2,L6327*Input!$J$15,0)+IF(Input!$K$16=2,M6327*Input!$J$16,0)</f>
        <v>0.31179768581742084</v>
      </c>
      <c r="P6327" s="58">
        <f>IF(Input!$K$13=3,J6327*Input!$J$13,0)+IF(Input!$K$14=3,K6327*Input!$J$14,0)+IF(Input!$K$15=3,L6327*Input!$J$15,0)+IF(Input!$K$16=3,M6327*Input!$J$16,0)</f>
        <v>0</v>
      </c>
      <c r="Q6327" s="71">
        <f>IF(Input!$K$13=4,J6327*Input!$J$13,0)+IF(Input!$K$14=4,K6327*Input!$J$14,0)+IF(Input!$K$15=4,L6327*Input!$J$15,0)+IF(Input!$K$16=4,M6327*Input!$J$16,0)</f>
        <v>0</v>
      </c>
    </row>
    <row r="6328" spans="8:17" x14ac:dyDescent="0.25">
      <c r="H6328" s="43">
        <v>6321</v>
      </c>
      <c r="I6328" s="55">
        <f>Bühler!I6354</f>
        <v>0.13790586623500445</v>
      </c>
      <c r="J6328" s="58">
        <f>Bühler!J6354</f>
        <v>30.365624491098828</v>
      </c>
      <c r="K6328" s="58">
        <f>Bühler!K6354</f>
        <v>2.577041301882776</v>
      </c>
      <c r="L6328" s="58">
        <f>Bühler!L6354</f>
        <v>1.288520650941388</v>
      </c>
      <c r="M6328" s="57">
        <f>Bühler!M6354</f>
        <v>0</v>
      </c>
      <c r="N6328" s="55">
        <f>IF(Input!$K$13=1,J6328*Input!$J$13,0)+IF(Input!$K$14=1,K6328*Input!$J$14,0)+IF(Input!$K$15=1,L6328*Input!$J$15,0)+IF(Input!$K$16=1,M6328*Input!$J$16,0)</f>
        <v>3.6438749389318592</v>
      </c>
      <c r="O6328" s="58">
        <f>IF(Input!$K$13=2,J6328*Input!$J$13,0)+IF(Input!$K$14=2,K6328*Input!$J$14,0)+IF(Input!$K$15=2,L6328*Input!$J$15,0)+IF(Input!$K$16=2,M6328*Input!$J$16,0)</f>
        <v>0.34790057575417477</v>
      </c>
      <c r="P6328" s="58">
        <f>IF(Input!$K$13=3,J6328*Input!$J$13,0)+IF(Input!$K$14=3,K6328*Input!$J$14,0)+IF(Input!$K$15=3,L6328*Input!$J$15,0)+IF(Input!$K$16=3,M6328*Input!$J$16,0)</f>
        <v>0</v>
      </c>
      <c r="Q6328" s="71">
        <f>IF(Input!$K$13=4,J6328*Input!$J$13,0)+IF(Input!$K$14=4,K6328*Input!$J$14,0)+IF(Input!$K$15=4,L6328*Input!$J$15,0)+IF(Input!$K$16=4,M6328*Input!$J$16,0)</f>
        <v>0</v>
      </c>
    </row>
    <row r="6329" spans="8:17" x14ac:dyDescent="0.25">
      <c r="H6329" s="43">
        <v>6322</v>
      </c>
      <c r="I6329" s="55">
        <f>Bühler!I6355</f>
        <v>0.15221685235373131</v>
      </c>
      <c r="J6329" s="58">
        <f>Bühler!J6355</f>
        <v>33.516774202439272</v>
      </c>
      <c r="K6329" s="58">
        <f>Bühler!K6355</f>
        <v>2.8444701162291022</v>
      </c>
      <c r="L6329" s="58">
        <f>Bühler!L6355</f>
        <v>1.4222350581145511</v>
      </c>
      <c r="M6329" s="57">
        <f>Bühler!M6355</f>
        <v>0</v>
      </c>
      <c r="N6329" s="55">
        <f>IF(Input!$K$13=1,J6329*Input!$J$13,0)+IF(Input!$K$14=1,K6329*Input!$J$14,0)+IF(Input!$K$15=1,L6329*Input!$J$15,0)+IF(Input!$K$16=1,M6329*Input!$J$16,0)</f>
        <v>4.0220129042927129</v>
      </c>
      <c r="O6329" s="58">
        <f>IF(Input!$K$13=2,J6329*Input!$J$13,0)+IF(Input!$K$14=2,K6329*Input!$J$14,0)+IF(Input!$K$15=2,L6329*Input!$J$15,0)+IF(Input!$K$16=2,M6329*Input!$J$16,0)</f>
        <v>0.3840034656909288</v>
      </c>
      <c r="P6329" s="58">
        <f>IF(Input!$K$13=3,J6329*Input!$J$13,0)+IF(Input!$K$14=3,K6329*Input!$J$14,0)+IF(Input!$K$15=3,L6329*Input!$J$15,0)+IF(Input!$K$16=3,M6329*Input!$J$16,0)</f>
        <v>0</v>
      </c>
      <c r="Q6329" s="71">
        <f>IF(Input!$K$13=4,J6329*Input!$J$13,0)+IF(Input!$K$14=4,K6329*Input!$J$14,0)+IF(Input!$K$15=4,L6329*Input!$J$15,0)+IF(Input!$K$16=4,M6329*Input!$J$16,0)</f>
        <v>0</v>
      </c>
    </row>
    <row r="6330" spans="8:17" x14ac:dyDescent="0.25">
      <c r="H6330" s="43">
        <v>6323</v>
      </c>
      <c r="I6330" s="55">
        <f>Bühler!I6356</f>
        <v>0.15221685235373131</v>
      </c>
      <c r="J6330" s="58">
        <f>Bühler!J6356</f>
        <v>33.516774202439272</v>
      </c>
      <c r="K6330" s="58">
        <f>Bühler!K6356</f>
        <v>2.8444701162291022</v>
      </c>
      <c r="L6330" s="58">
        <f>Bühler!L6356</f>
        <v>1.4222350581145511</v>
      </c>
      <c r="M6330" s="57">
        <f>Bühler!M6356</f>
        <v>0</v>
      </c>
      <c r="N6330" s="55">
        <f>IF(Input!$K$13=1,J6330*Input!$J$13,0)+IF(Input!$K$14=1,K6330*Input!$J$14,0)+IF(Input!$K$15=1,L6330*Input!$J$15,0)+IF(Input!$K$16=1,M6330*Input!$J$16,0)</f>
        <v>4.0220129042927129</v>
      </c>
      <c r="O6330" s="58">
        <f>IF(Input!$K$13=2,J6330*Input!$J$13,0)+IF(Input!$K$14=2,K6330*Input!$J$14,0)+IF(Input!$K$15=2,L6330*Input!$J$15,0)+IF(Input!$K$16=2,M6330*Input!$J$16,0)</f>
        <v>0.3840034656909288</v>
      </c>
      <c r="P6330" s="58">
        <f>IF(Input!$K$13=3,J6330*Input!$J$13,0)+IF(Input!$K$14=3,K6330*Input!$J$14,0)+IF(Input!$K$15=3,L6330*Input!$J$15,0)+IF(Input!$K$16=3,M6330*Input!$J$16,0)</f>
        <v>0</v>
      </c>
      <c r="Q6330" s="71">
        <f>IF(Input!$K$13=4,J6330*Input!$J$13,0)+IF(Input!$K$14=4,K6330*Input!$J$14,0)+IF(Input!$K$15=4,L6330*Input!$J$15,0)+IF(Input!$K$16=4,M6330*Input!$J$16,0)</f>
        <v>0</v>
      </c>
    </row>
    <row r="6331" spans="8:17" x14ac:dyDescent="0.25">
      <c r="H6331" s="43">
        <v>6324</v>
      </c>
      <c r="I6331" s="55">
        <f>Bühler!I6357</f>
        <v>0.1821398233292511</v>
      </c>
      <c r="J6331" s="58">
        <f>Bühler!J6357</f>
        <v>40.105541780696569</v>
      </c>
      <c r="K6331" s="58">
        <f>Bühler!K6357</f>
        <v>3.4036394553168745</v>
      </c>
      <c r="L6331" s="58">
        <f>Bühler!L6357</f>
        <v>1.7018197276584373</v>
      </c>
      <c r="M6331" s="57">
        <f>Bühler!M6357</f>
        <v>0</v>
      </c>
      <c r="N6331" s="55">
        <f>IF(Input!$K$13=1,J6331*Input!$J$13,0)+IF(Input!$K$14=1,K6331*Input!$J$14,0)+IF(Input!$K$15=1,L6331*Input!$J$15,0)+IF(Input!$K$16=1,M6331*Input!$J$16,0)</f>
        <v>4.8126650136835885</v>
      </c>
      <c r="O6331" s="58">
        <f>IF(Input!$K$13=2,J6331*Input!$J$13,0)+IF(Input!$K$14=2,K6331*Input!$J$14,0)+IF(Input!$K$15=2,L6331*Input!$J$15,0)+IF(Input!$K$16=2,M6331*Input!$J$16,0)</f>
        <v>0.45949132646777802</v>
      </c>
      <c r="P6331" s="58">
        <f>IF(Input!$K$13=3,J6331*Input!$J$13,0)+IF(Input!$K$14=3,K6331*Input!$J$14,0)+IF(Input!$K$15=3,L6331*Input!$J$15,0)+IF(Input!$K$16=3,M6331*Input!$J$16,0)</f>
        <v>0</v>
      </c>
      <c r="Q6331" s="71">
        <f>IF(Input!$K$13=4,J6331*Input!$J$13,0)+IF(Input!$K$14=4,K6331*Input!$J$14,0)+IF(Input!$K$15=4,L6331*Input!$J$15,0)+IF(Input!$K$16=4,M6331*Input!$J$16,0)</f>
        <v>0</v>
      </c>
    </row>
    <row r="6332" spans="8:17" x14ac:dyDescent="0.25">
      <c r="H6332" s="43">
        <v>6325</v>
      </c>
      <c r="I6332" s="55">
        <f>Bühler!I6358</f>
        <v>0.1821398233292511</v>
      </c>
      <c r="J6332" s="58">
        <f>Bühler!J6358</f>
        <v>40.105541780696569</v>
      </c>
      <c r="K6332" s="58">
        <f>Bühler!K6358</f>
        <v>3.4036394553168745</v>
      </c>
      <c r="L6332" s="58">
        <f>Bühler!L6358</f>
        <v>1.7018197276584373</v>
      </c>
      <c r="M6332" s="57">
        <f>Bühler!M6358</f>
        <v>0</v>
      </c>
      <c r="N6332" s="55">
        <f>IF(Input!$K$13=1,J6332*Input!$J$13,0)+IF(Input!$K$14=1,K6332*Input!$J$14,0)+IF(Input!$K$15=1,L6332*Input!$J$15,0)+IF(Input!$K$16=1,M6332*Input!$J$16,0)</f>
        <v>4.8126650136835885</v>
      </c>
      <c r="O6332" s="58">
        <f>IF(Input!$K$13=2,J6332*Input!$J$13,0)+IF(Input!$K$14=2,K6332*Input!$J$14,0)+IF(Input!$K$15=2,L6332*Input!$J$15,0)+IF(Input!$K$16=2,M6332*Input!$J$16,0)</f>
        <v>0.45949132646777802</v>
      </c>
      <c r="P6332" s="58">
        <f>IF(Input!$K$13=3,J6332*Input!$J$13,0)+IF(Input!$K$14=3,K6332*Input!$J$14,0)+IF(Input!$K$15=3,L6332*Input!$J$15,0)+IF(Input!$K$16=3,M6332*Input!$J$16,0)</f>
        <v>0</v>
      </c>
      <c r="Q6332" s="71">
        <f>IF(Input!$K$13=4,J6332*Input!$J$13,0)+IF(Input!$K$14=4,K6332*Input!$J$14,0)+IF(Input!$K$15=4,L6332*Input!$J$15,0)+IF(Input!$K$16=4,M6332*Input!$J$16,0)</f>
        <v>0</v>
      </c>
    </row>
    <row r="6333" spans="8:17" x14ac:dyDescent="0.25">
      <c r="H6333" s="43">
        <v>6326</v>
      </c>
      <c r="I6333" s="55">
        <f>Bühler!I6359</f>
        <v>0.12099288264014539</v>
      </c>
      <c r="J6333" s="58">
        <f>Bühler!J6359</f>
        <v>26.641538468605578</v>
      </c>
      <c r="K6333" s="58">
        <f>Bühler!K6359</f>
        <v>2.2609890667462094</v>
      </c>
      <c r="L6333" s="58">
        <f>Bühler!L6359</f>
        <v>1.1304945333731047</v>
      </c>
      <c r="M6333" s="57">
        <f>Bühler!M6359</f>
        <v>0</v>
      </c>
      <c r="N6333" s="55">
        <f>IF(Input!$K$13=1,J6333*Input!$J$13,0)+IF(Input!$K$14=1,K6333*Input!$J$14,0)+IF(Input!$K$15=1,L6333*Input!$J$15,0)+IF(Input!$K$16=1,M6333*Input!$J$16,0)</f>
        <v>3.1969846162326694</v>
      </c>
      <c r="O6333" s="58">
        <f>IF(Input!$K$13=2,J6333*Input!$J$13,0)+IF(Input!$K$14=2,K6333*Input!$J$14,0)+IF(Input!$K$15=2,L6333*Input!$J$15,0)+IF(Input!$K$16=2,M6333*Input!$J$16,0)</f>
        <v>0.30523352401073822</v>
      </c>
      <c r="P6333" s="58">
        <f>IF(Input!$K$13=3,J6333*Input!$J$13,0)+IF(Input!$K$14=3,K6333*Input!$J$14,0)+IF(Input!$K$15=3,L6333*Input!$J$15,0)+IF(Input!$K$16=3,M6333*Input!$J$16,0)</f>
        <v>0</v>
      </c>
      <c r="Q6333" s="71">
        <f>IF(Input!$K$13=4,J6333*Input!$J$13,0)+IF(Input!$K$14=4,K6333*Input!$J$14,0)+IF(Input!$K$15=4,L6333*Input!$J$15,0)+IF(Input!$K$16=4,M6333*Input!$J$16,0)</f>
        <v>0</v>
      </c>
    </row>
    <row r="6334" spans="8:17" x14ac:dyDescent="0.25">
      <c r="H6334" s="43">
        <v>6327</v>
      </c>
      <c r="I6334" s="55">
        <f>Bühler!I6360</f>
        <v>0.1821398233292511</v>
      </c>
      <c r="J6334" s="58">
        <f>Bühler!J6360</f>
        <v>40.105541780696569</v>
      </c>
      <c r="K6334" s="58">
        <f>Bühler!K6360</f>
        <v>3.4036394553168745</v>
      </c>
      <c r="L6334" s="58">
        <f>Bühler!L6360</f>
        <v>1.7018197276584373</v>
      </c>
      <c r="M6334" s="57">
        <f>Bühler!M6360</f>
        <v>0</v>
      </c>
      <c r="N6334" s="55">
        <f>IF(Input!$K$13=1,J6334*Input!$J$13,0)+IF(Input!$K$14=1,K6334*Input!$J$14,0)+IF(Input!$K$15=1,L6334*Input!$J$15,0)+IF(Input!$K$16=1,M6334*Input!$J$16,0)</f>
        <v>4.8126650136835885</v>
      </c>
      <c r="O6334" s="58">
        <f>IF(Input!$K$13=2,J6334*Input!$J$13,0)+IF(Input!$K$14=2,K6334*Input!$J$14,0)+IF(Input!$K$15=2,L6334*Input!$J$15,0)+IF(Input!$K$16=2,M6334*Input!$J$16,0)</f>
        <v>0.45949132646777802</v>
      </c>
      <c r="P6334" s="58">
        <f>IF(Input!$K$13=3,J6334*Input!$J$13,0)+IF(Input!$K$14=3,K6334*Input!$J$14,0)+IF(Input!$K$15=3,L6334*Input!$J$15,0)+IF(Input!$K$16=3,M6334*Input!$J$16,0)</f>
        <v>0</v>
      </c>
      <c r="Q6334" s="71">
        <f>IF(Input!$K$13=4,J6334*Input!$J$13,0)+IF(Input!$K$14=4,K6334*Input!$J$14,0)+IF(Input!$K$15=4,L6334*Input!$J$15,0)+IF(Input!$K$16=4,M6334*Input!$J$16,0)</f>
        <v>0</v>
      </c>
    </row>
    <row r="6335" spans="8:17" x14ac:dyDescent="0.25">
      <c r="H6335" s="43">
        <v>6328</v>
      </c>
      <c r="I6335" s="55">
        <f>Bühler!I6361</f>
        <v>0.1821398233292511</v>
      </c>
      <c r="J6335" s="58">
        <f>Bühler!J6361</f>
        <v>40.105541780696569</v>
      </c>
      <c r="K6335" s="58">
        <f>Bühler!K6361</f>
        <v>3.4036394553168745</v>
      </c>
      <c r="L6335" s="58">
        <f>Bühler!L6361</f>
        <v>1.7018197276584373</v>
      </c>
      <c r="M6335" s="57">
        <f>Bühler!M6361</f>
        <v>0</v>
      </c>
      <c r="N6335" s="55">
        <f>IF(Input!$K$13=1,J6335*Input!$J$13,0)+IF(Input!$K$14=1,K6335*Input!$J$14,0)+IF(Input!$K$15=1,L6335*Input!$J$15,0)+IF(Input!$K$16=1,M6335*Input!$J$16,0)</f>
        <v>4.8126650136835885</v>
      </c>
      <c r="O6335" s="58">
        <f>IF(Input!$K$13=2,J6335*Input!$J$13,0)+IF(Input!$K$14=2,K6335*Input!$J$14,0)+IF(Input!$K$15=2,L6335*Input!$J$15,0)+IF(Input!$K$16=2,M6335*Input!$J$16,0)</f>
        <v>0.45949132646777802</v>
      </c>
      <c r="P6335" s="58">
        <f>IF(Input!$K$13=3,J6335*Input!$J$13,0)+IF(Input!$K$14=3,K6335*Input!$J$14,0)+IF(Input!$K$15=3,L6335*Input!$J$15,0)+IF(Input!$K$16=3,M6335*Input!$J$16,0)</f>
        <v>0</v>
      </c>
      <c r="Q6335" s="71">
        <f>IF(Input!$K$13=4,J6335*Input!$J$13,0)+IF(Input!$K$14=4,K6335*Input!$J$14,0)+IF(Input!$K$15=4,L6335*Input!$J$15,0)+IF(Input!$K$16=4,M6335*Input!$J$16,0)</f>
        <v>0</v>
      </c>
    </row>
    <row r="6336" spans="8:17" x14ac:dyDescent="0.25">
      <c r="H6336" s="43">
        <v>6329</v>
      </c>
      <c r="I6336" s="55">
        <f>Bühler!I6362</f>
        <v>0.15219442134100605</v>
      </c>
      <c r="J6336" s="58">
        <f>Bühler!J6362</f>
        <v>23.682223362624768</v>
      </c>
      <c r="K6336" s="58">
        <f>Bühler!K6362</f>
        <v>2.0057161075974439</v>
      </c>
      <c r="L6336" s="58">
        <f>Bühler!L6362</f>
        <v>1.0028580537987219</v>
      </c>
      <c r="M6336" s="57">
        <f>Bühler!M6362</f>
        <v>0</v>
      </c>
      <c r="N6336" s="55">
        <f>IF(Input!$K$13=1,J6336*Input!$J$13,0)+IF(Input!$K$14=1,K6336*Input!$J$14,0)+IF(Input!$K$15=1,L6336*Input!$J$15,0)+IF(Input!$K$16=1,M6336*Input!$J$16,0)</f>
        <v>2.8418668035149719</v>
      </c>
      <c r="O6336" s="58">
        <f>IF(Input!$K$13=2,J6336*Input!$J$13,0)+IF(Input!$K$14=2,K6336*Input!$J$14,0)+IF(Input!$K$15=2,L6336*Input!$J$15,0)+IF(Input!$K$16=2,M6336*Input!$J$16,0)</f>
        <v>0.27077167452565493</v>
      </c>
      <c r="P6336" s="58">
        <f>IF(Input!$K$13=3,J6336*Input!$J$13,0)+IF(Input!$K$14=3,K6336*Input!$J$14,0)+IF(Input!$K$15=3,L6336*Input!$J$15,0)+IF(Input!$K$16=3,M6336*Input!$J$16,0)</f>
        <v>0</v>
      </c>
      <c r="Q6336" s="71">
        <f>IF(Input!$K$13=4,J6336*Input!$J$13,0)+IF(Input!$K$14=4,K6336*Input!$J$14,0)+IF(Input!$K$15=4,L6336*Input!$J$15,0)+IF(Input!$K$16=4,M6336*Input!$J$16,0)</f>
        <v>0</v>
      </c>
    </row>
    <row r="6337" spans="8:17" x14ac:dyDescent="0.25">
      <c r="H6337" s="43">
        <v>6330</v>
      </c>
      <c r="I6337" s="55">
        <f>Bühler!I6363</f>
        <v>0.12101531365287067</v>
      </c>
      <c r="J6337" s="58">
        <f>Bühler!J6363</f>
        <v>10.168379510336354</v>
      </c>
      <c r="K6337" s="58">
        <f>Bühler!K6363</f>
        <v>0.85604614067325835</v>
      </c>
      <c r="L6337" s="58">
        <f>Bühler!L6363</f>
        <v>0.42802307033662917</v>
      </c>
      <c r="M6337" s="57">
        <f>Bühler!M6363</f>
        <v>0</v>
      </c>
      <c r="N6337" s="55">
        <f>IF(Input!$K$13=1,J6337*Input!$J$13,0)+IF(Input!$K$14=1,K6337*Input!$J$14,0)+IF(Input!$K$15=1,L6337*Input!$J$15,0)+IF(Input!$K$16=1,M6337*Input!$J$16,0)</f>
        <v>1.2202055412403625</v>
      </c>
      <c r="O6337" s="58">
        <f>IF(Input!$K$13=2,J6337*Input!$J$13,0)+IF(Input!$K$14=2,K6337*Input!$J$14,0)+IF(Input!$K$15=2,L6337*Input!$J$15,0)+IF(Input!$K$16=2,M6337*Input!$J$16,0)</f>
        <v>0.11556622899088988</v>
      </c>
      <c r="P6337" s="58">
        <f>IF(Input!$K$13=3,J6337*Input!$J$13,0)+IF(Input!$K$14=3,K6337*Input!$J$14,0)+IF(Input!$K$15=3,L6337*Input!$J$15,0)+IF(Input!$K$16=3,M6337*Input!$J$16,0)</f>
        <v>0</v>
      </c>
      <c r="Q6337" s="71">
        <f>IF(Input!$K$13=4,J6337*Input!$J$13,0)+IF(Input!$K$14=4,K6337*Input!$J$14,0)+IF(Input!$K$15=4,L6337*Input!$J$15,0)+IF(Input!$K$16=4,M6337*Input!$J$16,0)</f>
        <v>0</v>
      </c>
    </row>
    <row r="6338" spans="8:17" x14ac:dyDescent="0.25">
      <c r="H6338" s="43">
        <v>6331</v>
      </c>
      <c r="I6338" s="55">
        <f>Bühler!I6364</f>
        <v>4.4862025450554469E-2</v>
      </c>
      <c r="J6338" s="58">
        <f>Bühler!J6364</f>
        <v>6.6732050551316249</v>
      </c>
      <c r="K6338" s="58">
        <f>Bühler!K6364</f>
        <v>0.56499045284435045</v>
      </c>
      <c r="L6338" s="58">
        <f>Bühler!L6364</f>
        <v>0.28249522642217523</v>
      </c>
      <c r="M6338" s="57">
        <f>Bühler!M6364</f>
        <v>0</v>
      </c>
      <c r="N6338" s="55">
        <f>IF(Input!$K$13=1,J6338*Input!$J$13,0)+IF(Input!$K$14=1,K6338*Input!$J$14,0)+IF(Input!$K$15=1,L6338*Input!$J$15,0)+IF(Input!$K$16=1,M6338*Input!$J$16,0)</f>
        <v>0.80078460661579498</v>
      </c>
      <c r="O6338" s="58">
        <f>IF(Input!$K$13=2,J6338*Input!$J$13,0)+IF(Input!$K$14=2,K6338*Input!$J$14,0)+IF(Input!$K$15=2,L6338*Input!$J$15,0)+IF(Input!$K$16=2,M6338*Input!$J$16,0)</f>
        <v>7.6273711133987315E-2</v>
      </c>
      <c r="P6338" s="58">
        <f>IF(Input!$K$13=3,J6338*Input!$J$13,0)+IF(Input!$K$14=3,K6338*Input!$J$14,0)+IF(Input!$K$15=3,L6338*Input!$J$15,0)+IF(Input!$K$16=3,M6338*Input!$J$16,0)</f>
        <v>0</v>
      </c>
      <c r="Q6338" s="71">
        <f>IF(Input!$K$13=4,J6338*Input!$J$13,0)+IF(Input!$K$14=4,K6338*Input!$J$14,0)+IF(Input!$K$15=4,L6338*Input!$J$15,0)+IF(Input!$K$16=4,M6338*Input!$J$16,0)</f>
        <v>0</v>
      </c>
    </row>
    <row r="6339" spans="8:17" x14ac:dyDescent="0.25">
      <c r="H6339" s="43">
        <v>6332</v>
      </c>
      <c r="I6339" s="55">
        <f>Bühler!I6365</f>
        <v>4.4862025450554469E-2</v>
      </c>
      <c r="J6339" s="58">
        <f>Bühler!J6365</f>
        <v>6.6732050551316249</v>
      </c>
      <c r="K6339" s="58">
        <f>Bühler!K6365</f>
        <v>0.56499045284435045</v>
      </c>
      <c r="L6339" s="58">
        <f>Bühler!L6365</f>
        <v>0.28249522642217523</v>
      </c>
      <c r="M6339" s="57">
        <f>Bühler!M6365</f>
        <v>0</v>
      </c>
      <c r="N6339" s="55">
        <f>IF(Input!$K$13=1,J6339*Input!$J$13,0)+IF(Input!$K$14=1,K6339*Input!$J$14,0)+IF(Input!$K$15=1,L6339*Input!$J$15,0)+IF(Input!$K$16=1,M6339*Input!$J$16,0)</f>
        <v>0.80078460661579498</v>
      </c>
      <c r="O6339" s="58">
        <f>IF(Input!$K$13=2,J6339*Input!$J$13,0)+IF(Input!$K$14=2,K6339*Input!$J$14,0)+IF(Input!$K$15=2,L6339*Input!$J$15,0)+IF(Input!$K$16=2,M6339*Input!$J$16,0)</f>
        <v>7.6273711133987315E-2</v>
      </c>
      <c r="P6339" s="58">
        <f>IF(Input!$K$13=3,J6339*Input!$J$13,0)+IF(Input!$K$14=3,K6339*Input!$J$14,0)+IF(Input!$K$15=3,L6339*Input!$J$15,0)+IF(Input!$K$16=3,M6339*Input!$J$16,0)</f>
        <v>0</v>
      </c>
      <c r="Q6339" s="71">
        <f>IF(Input!$K$13=4,J6339*Input!$J$13,0)+IF(Input!$K$14=4,K6339*Input!$J$14,0)+IF(Input!$K$15=4,L6339*Input!$J$15,0)+IF(Input!$K$16=4,M6339*Input!$J$16,0)</f>
        <v>0</v>
      </c>
    </row>
    <row r="6340" spans="8:17" x14ac:dyDescent="0.25">
      <c r="H6340" s="43">
        <v>6333</v>
      </c>
      <c r="I6340" s="55">
        <f>Bühler!I6366</f>
        <v>4.4862025450554469E-2</v>
      </c>
      <c r="J6340" s="58">
        <f>Bühler!J6366</f>
        <v>6.6732050551316249</v>
      </c>
      <c r="K6340" s="58">
        <f>Bühler!K6366</f>
        <v>0.56499045284435045</v>
      </c>
      <c r="L6340" s="58">
        <f>Bühler!L6366</f>
        <v>0.28249522642217523</v>
      </c>
      <c r="M6340" s="57">
        <f>Bühler!M6366</f>
        <v>0</v>
      </c>
      <c r="N6340" s="55">
        <f>IF(Input!$K$13=1,J6340*Input!$J$13,0)+IF(Input!$K$14=1,K6340*Input!$J$14,0)+IF(Input!$K$15=1,L6340*Input!$J$15,0)+IF(Input!$K$16=1,M6340*Input!$J$16,0)</f>
        <v>0.80078460661579498</v>
      </c>
      <c r="O6340" s="58">
        <f>IF(Input!$K$13=2,J6340*Input!$J$13,0)+IF(Input!$K$14=2,K6340*Input!$J$14,0)+IF(Input!$K$15=2,L6340*Input!$J$15,0)+IF(Input!$K$16=2,M6340*Input!$J$16,0)</f>
        <v>7.6273711133987315E-2</v>
      </c>
      <c r="P6340" s="58">
        <f>IF(Input!$K$13=3,J6340*Input!$J$13,0)+IF(Input!$K$14=3,K6340*Input!$J$14,0)+IF(Input!$K$15=3,L6340*Input!$J$15,0)+IF(Input!$K$16=3,M6340*Input!$J$16,0)</f>
        <v>0</v>
      </c>
      <c r="Q6340" s="71">
        <f>IF(Input!$K$13=4,J6340*Input!$J$13,0)+IF(Input!$K$14=4,K6340*Input!$J$14,0)+IF(Input!$K$15=4,L6340*Input!$J$15,0)+IF(Input!$K$16=4,M6340*Input!$J$16,0)</f>
        <v>0</v>
      </c>
    </row>
    <row r="6341" spans="8:17" x14ac:dyDescent="0.25">
      <c r="H6341" s="43">
        <v>6334</v>
      </c>
      <c r="I6341" s="55">
        <f>Bühler!I6367</f>
        <v>4.4862025450554469E-2</v>
      </c>
      <c r="J6341" s="58">
        <f>Bühler!J6367</f>
        <v>6.6732050551316249</v>
      </c>
      <c r="K6341" s="58">
        <f>Bühler!K6367</f>
        <v>0.56499045284435045</v>
      </c>
      <c r="L6341" s="58">
        <f>Bühler!L6367</f>
        <v>0.28249522642217523</v>
      </c>
      <c r="M6341" s="57">
        <f>Bühler!M6367</f>
        <v>0</v>
      </c>
      <c r="N6341" s="55">
        <f>IF(Input!$K$13=1,J6341*Input!$J$13,0)+IF(Input!$K$14=1,K6341*Input!$J$14,0)+IF(Input!$K$15=1,L6341*Input!$J$15,0)+IF(Input!$K$16=1,M6341*Input!$J$16,0)</f>
        <v>0.80078460661579498</v>
      </c>
      <c r="O6341" s="58">
        <f>IF(Input!$K$13=2,J6341*Input!$J$13,0)+IF(Input!$K$14=2,K6341*Input!$J$14,0)+IF(Input!$K$15=2,L6341*Input!$J$15,0)+IF(Input!$K$16=2,M6341*Input!$J$16,0)</f>
        <v>7.6273711133987315E-2</v>
      </c>
      <c r="P6341" s="58">
        <f>IF(Input!$K$13=3,J6341*Input!$J$13,0)+IF(Input!$K$14=3,K6341*Input!$J$14,0)+IF(Input!$K$15=3,L6341*Input!$J$15,0)+IF(Input!$K$16=3,M6341*Input!$J$16,0)</f>
        <v>0</v>
      </c>
      <c r="Q6341" s="71">
        <f>IF(Input!$K$13=4,J6341*Input!$J$13,0)+IF(Input!$K$14=4,K6341*Input!$J$14,0)+IF(Input!$K$15=4,L6341*Input!$J$15,0)+IF(Input!$K$16=4,M6341*Input!$J$16,0)</f>
        <v>0</v>
      </c>
    </row>
    <row r="6342" spans="8:17" x14ac:dyDescent="0.25">
      <c r="H6342" s="43">
        <v>6335</v>
      </c>
      <c r="I6342" s="55">
        <f>Bühler!I6368</f>
        <v>4.4862025450554469E-2</v>
      </c>
      <c r="J6342" s="58">
        <f>Bühler!J6368</f>
        <v>6.6732050551316249</v>
      </c>
      <c r="K6342" s="58">
        <f>Bühler!K6368</f>
        <v>0.56499045284435045</v>
      </c>
      <c r="L6342" s="58">
        <f>Bühler!L6368</f>
        <v>0.28249522642217523</v>
      </c>
      <c r="M6342" s="57">
        <f>Bühler!M6368</f>
        <v>0</v>
      </c>
      <c r="N6342" s="55">
        <f>IF(Input!$K$13=1,J6342*Input!$J$13,0)+IF(Input!$K$14=1,K6342*Input!$J$14,0)+IF(Input!$K$15=1,L6342*Input!$J$15,0)+IF(Input!$K$16=1,M6342*Input!$J$16,0)</f>
        <v>0.80078460661579498</v>
      </c>
      <c r="O6342" s="58">
        <f>IF(Input!$K$13=2,J6342*Input!$J$13,0)+IF(Input!$K$14=2,K6342*Input!$J$14,0)+IF(Input!$K$15=2,L6342*Input!$J$15,0)+IF(Input!$K$16=2,M6342*Input!$J$16,0)</f>
        <v>7.6273711133987315E-2</v>
      </c>
      <c r="P6342" s="58">
        <f>IF(Input!$K$13=3,J6342*Input!$J$13,0)+IF(Input!$K$14=3,K6342*Input!$J$14,0)+IF(Input!$K$15=3,L6342*Input!$J$15,0)+IF(Input!$K$16=3,M6342*Input!$J$16,0)</f>
        <v>0</v>
      </c>
      <c r="Q6342" s="71">
        <f>IF(Input!$K$13=4,J6342*Input!$J$13,0)+IF(Input!$K$14=4,K6342*Input!$J$14,0)+IF(Input!$K$15=4,L6342*Input!$J$15,0)+IF(Input!$K$16=4,M6342*Input!$J$16,0)</f>
        <v>0</v>
      </c>
    </row>
    <row r="6343" spans="8:17" x14ac:dyDescent="0.25">
      <c r="H6343" s="43">
        <v>6336</v>
      </c>
      <c r="I6343" s="55">
        <f>Bühler!I6369</f>
        <v>4.4862025450554469E-2</v>
      </c>
      <c r="J6343" s="58">
        <f>Bühler!J6369</f>
        <v>6.6732050551316249</v>
      </c>
      <c r="K6343" s="58">
        <f>Bühler!K6369</f>
        <v>0.56499045284435045</v>
      </c>
      <c r="L6343" s="58">
        <f>Bühler!L6369</f>
        <v>0.28249522642217523</v>
      </c>
      <c r="M6343" s="57">
        <f>Bühler!M6369</f>
        <v>0</v>
      </c>
      <c r="N6343" s="55">
        <f>IF(Input!$K$13=1,J6343*Input!$J$13,0)+IF(Input!$K$14=1,K6343*Input!$J$14,0)+IF(Input!$K$15=1,L6343*Input!$J$15,0)+IF(Input!$K$16=1,M6343*Input!$J$16,0)</f>
        <v>0.80078460661579498</v>
      </c>
      <c r="O6343" s="58">
        <f>IF(Input!$K$13=2,J6343*Input!$J$13,0)+IF(Input!$K$14=2,K6343*Input!$J$14,0)+IF(Input!$K$15=2,L6343*Input!$J$15,0)+IF(Input!$K$16=2,M6343*Input!$J$16,0)</f>
        <v>7.6273711133987315E-2</v>
      </c>
      <c r="P6343" s="58">
        <f>IF(Input!$K$13=3,J6343*Input!$J$13,0)+IF(Input!$K$14=3,K6343*Input!$J$14,0)+IF(Input!$K$15=3,L6343*Input!$J$15,0)+IF(Input!$K$16=3,M6343*Input!$J$16,0)</f>
        <v>0</v>
      </c>
      <c r="Q6343" s="71">
        <f>IF(Input!$K$13=4,J6343*Input!$J$13,0)+IF(Input!$K$14=4,K6343*Input!$J$14,0)+IF(Input!$K$15=4,L6343*Input!$J$15,0)+IF(Input!$K$16=4,M6343*Input!$J$16,0)</f>
        <v>0</v>
      </c>
    </row>
    <row r="6344" spans="8:17" x14ac:dyDescent="0.25">
      <c r="H6344" s="43">
        <v>6337</v>
      </c>
      <c r="I6344" s="55">
        <f>Bühler!I6370</f>
        <v>8.3540123890471815E-2</v>
      </c>
      <c r="J6344" s="58">
        <f>Bühler!J6370</f>
        <v>10.356004255747676</v>
      </c>
      <c r="K6344" s="58">
        <f>Bühler!K6370</f>
        <v>0.86912207230447802</v>
      </c>
      <c r="L6344" s="58">
        <f>Bühler!L6370</f>
        <v>0.43456103615223901</v>
      </c>
      <c r="M6344" s="57">
        <f>Bühler!M6370</f>
        <v>0</v>
      </c>
      <c r="N6344" s="55">
        <f>IF(Input!$K$13=1,J6344*Input!$J$13,0)+IF(Input!$K$14=1,K6344*Input!$J$14,0)+IF(Input!$K$15=1,L6344*Input!$J$15,0)+IF(Input!$K$16=1,M6344*Input!$J$16,0)</f>
        <v>1.242720510689721</v>
      </c>
      <c r="O6344" s="58">
        <f>IF(Input!$K$13=2,J6344*Input!$J$13,0)+IF(Input!$K$14=2,K6344*Input!$J$14,0)+IF(Input!$K$15=2,L6344*Input!$J$15,0)+IF(Input!$K$16=2,M6344*Input!$J$16,0)</f>
        <v>0.11733147976110453</v>
      </c>
      <c r="P6344" s="58">
        <f>IF(Input!$K$13=3,J6344*Input!$J$13,0)+IF(Input!$K$14=3,K6344*Input!$J$14,0)+IF(Input!$K$15=3,L6344*Input!$J$15,0)+IF(Input!$K$16=3,M6344*Input!$J$16,0)</f>
        <v>0</v>
      </c>
      <c r="Q6344" s="71">
        <f>IF(Input!$K$13=4,J6344*Input!$J$13,0)+IF(Input!$K$14=4,K6344*Input!$J$14,0)+IF(Input!$K$15=4,L6344*Input!$J$15,0)+IF(Input!$K$16=4,M6344*Input!$J$16,0)</f>
        <v>0</v>
      </c>
    </row>
    <row r="6345" spans="8:17" x14ac:dyDescent="0.25">
      <c r="H6345" s="43">
        <v>6338</v>
      </c>
      <c r="I6345" s="55">
        <f>Bühler!I6371</f>
        <v>8.3540123890471815E-2</v>
      </c>
      <c r="J6345" s="58">
        <f>Bühler!J6371</f>
        <v>6.3120184401942732</v>
      </c>
      <c r="K6345" s="58">
        <f>Bühler!K6371</f>
        <v>0.52674064988150182</v>
      </c>
      <c r="L6345" s="58">
        <f>Bühler!L6371</f>
        <v>0.26337032494075091</v>
      </c>
      <c r="M6345" s="57">
        <f>Bühler!M6371</f>
        <v>0</v>
      </c>
      <c r="N6345" s="55">
        <f>IF(Input!$K$13=1,J6345*Input!$J$13,0)+IF(Input!$K$14=1,K6345*Input!$J$14,0)+IF(Input!$K$15=1,L6345*Input!$J$15,0)+IF(Input!$K$16=1,M6345*Input!$J$16,0)</f>
        <v>0.7574422128233127</v>
      </c>
      <c r="O6345" s="58">
        <f>IF(Input!$K$13=2,J6345*Input!$J$13,0)+IF(Input!$K$14=2,K6345*Input!$J$14,0)+IF(Input!$K$15=2,L6345*Input!$J$15,0)+IF(Input!$K$16=2,M6345*Input!$J$16,0)</f>
        <v>7.1109987734002747E-2</v>
      </c>
      <c r="P6345" s="58">
        <f>IF(Input!$K$13=3,J6345*Input!$J$13,0)+IF(Input!$K$14=3,K6345*Input!$J$14,0)+IF(Input!$K$15=3,L6345*Input!$J$15,0)+IF(Input!$K$16=3,M6345*Input!$J$16,0)</f>
        <v>0</v>
      </c>
      <c r="Q6345" s="71">
        <f>IF(Input!$K$13=4,J6345*Input!$J$13,0)+IF(Input!$K$14=4,K6345*Input!$J$14,0)+IF(Input!$K$15=4,L6345*Input!$J$15,0)+IF(Input!$K$16=4,M6345*Input!$J$16,0)</f>
        <v>0</v>
      </c>
    </row>
    <row r="6346" spans="8:17" x14ac:dyDescent="0.25">
      <c r="H6346" s="43">
        <v>6339</v>
      </c>
      <c r="I6346" s="55">
        <f>Bühler!I6372</f>
        <v>8.3540123890471815E-2</v>
      </c>
      <c r="J6346" s="58">
        <f>Bühler!J6372</f>
        <v>6.3120184401942732</v>
      </c>
      <c r="K6346" s="58">
        <f>Bühler!K6372</f>
        <v>0.52674064988150182</v>
      </c>
      <c r="L6346" s="58">
        <f>Bühler!L6372</f>
        <v>0.26337032494075091</v>
      </c>
      <c r="M6346" s="57">
        <f>Bühler!M6372</f>
        <v>0</v>
      </c>
      <c r="N6346" s="55">
        <f>IF(Input!$K$13=1,J6346*Input!$J$13,0)+IF(Input!$K$14=1,K6346*Input!$J$14,0)+IF(Input!$K$15=1,L6346*Input!$J$15,0)+IF(Input!$K$16=1,M6346*Input!$J$16,0)</f>
        <v>0.7574422128233127</v>
      </c>
      <c r="O6346" s="58">
        <f>IF(Input!$K$13=2,J6346*Input!$J$13,0)+IF(Input!$K$14=2,K6346*Input!$J$14,0)+IF(Input!$K$15=2,L6346*Input!$J$15,0)+IF(Input!$K$16=2,M6346*Input!$J$16,0)</f>
        <v>7.1109987734002747E-2</v>
      </c>
      <c r="P6346" s="58">
        <f>IF(Input!$K$13=3,J6346*Input!$J$13,0)+IF(Input!$K$14=3,K6346*Input!$J$14,0)+IF(Input!$K$15=3,L6346*Input!$J$15,0)+IF(Input!$K$16=3,M6346*Input!$J$16,0)</f>
        <v>0</v>
      </c>
      <c r="Q6346" s="71">
        <f>IF(Input!$K$13=4,J6346*Input!$J$13,0)+IF(Input!$K$14=4,K6346*Input!$J$14,0)+IF(Input!$K$15=4,L6346*Input!$J$15,0)+IF(Input!$K$16=4,M6346*Input!$J$16,0)</f>
        <v>0</v>
      </c>
    </row>
    <row r="6347" spans="8:17" x14ac:dyDescent="0.25">
      <c r="H6347" s="43">
        <v>6340</v>
      </c>
      <c r="I6347" s="55">
        <f>Bühler!I6373</f>
        <v>8.3540123890471815E-2</v>
      </c>
      <c r="J6347" s="58">
        <f>Bühler!J6373</f>
        <v>6.3120184401942732</v>
      </c>
      <c r="K6347" s="58">
        <f>Bühler!K6373</f>
        <v>0.52674064988150182</v>
      </c>
      <c r="L6347" s="58">
        <f>Bühler!L6373</f>
        <v>0.26337032494075091</v>
      </c>
      <c r="M6347" s="57">
        <f>Bühler!M6373</f>
        <v>0</v>
      </c>
      <c r="N6347" s="55">
        <f>IF(Input!$K$13=1,J6347*Input!$J$13,0)+IF(Input!$K$14=1,K6347*Input!$J$14,0)+IF(Input!$K$15=1,L6347*Input!$J$15,0)+IF(Input!$K$16=1,M6347*Input!$J$16,0)</f>
        <v>0.7574422128233127</v>
      </c>
      <c r="O6347" s="58">
        <f>IF(Input!$K$13=2,J6347*Input!$J$13,0)+IF(Input!$K$14=2,K6347*Input!$J$14,0)+IF(Input!$K$15=2,L6347*Input!$J$15,0)+IF(Input!$K$16=2,M6347*Input!$J$16,0)</f>
        <v>7.1109987734002747E-2</v>
      </c>
      <c r="P6347" s="58">
        <f>IF(Input!$K$13=3,J6347*Input!$J$13,0)+IF(Input!$K$14=3,K6347*Input!$J$14,0)+IF(Input!$K$15=3,L6347*Input!$J$15,0)+IF(Input!$K$16=3,M6347*Input!$J$16,0)</f>
        <v>0</v>
      </c>
      <c r="Q6347" s="71">
        <f>IF(Input!$K$13=4,J6347*Input!$J$13,0)+IF(Input!$K$14=4,K6347*Input!$J$14,0)+IF(Input!$K$15=4,L6347*Input!$J$15,0)+IF(Input!$K$16=4,M6347*Input!$J$16,0)</f>
        <v>0</v>
      </c>
    </row>
    <row r="6348" spans="8:17" x14ac:dyDescent="0.25">
      <c r="H6348" s="43">
        <v>6341</v>
      </c>
      <c r="I6348" s="55">
        <f>Bühler!I6374</f>
        <v>8.3540123890471815E-2</v>
      </c>
      <c r="J6348" s="58">
        <f>Bühler!J6374</f>
        <v>6.3120184401942732</v>
      </c>
      <c r="K6348" s="58">
        <f>Bühler!K6374</f>
        <v>0.52674064988150182</v>
      </c>
      <c r="L6348" s="58">
        <f>Bühler!L6374</f>
        <v>0.26337032494075091</v>
      </c>
      <c r="M6348" s="57">
        <f>Bühler!M6374</f>
        <v>0</v>
      </c>
      <c r="N6348" s="55">
        <f>IF(Input!$K$13=1,J6348*Input!$J$13,0)+IF(Input!$K$14=1,K6348*Input!$J$14,0)+IF(Input!$K$15=1,L6348*Input!$J$15,0)+IF(Input!$K$16=1,M6348*Input!$J$16,0)</f>
        <v>0.7574422128233127</v>
      </c>
      <c r="O6348" s="58">
        <f>IF(Input!$K$13=2,J6348*Input!$J$13,0)+IF(Input!$K$14=2,K6348*Input!$J$14,0)+IF(Input!$K$15=2,L6348*Input!$J$15,0)+IF(Input!$K$16=2,M6348*Input!$J$16,0)</f>
        <v>7.1109987734002747E-2</v>
      </c>
      <c r="P6348" s="58">
        <f>IF(Input!$K$13=3,J6348*Input!$J$13,0)+IF(Input!$K$14=3,K6348*Input!$J$14,0)+IF(Input!$K$15=3,L6348*Input!$J$15,0)+IF(Input!$K$16=3,M6348*Input!$J$16,0)</f>
        <v>0</v>
      </c>
      <c r="Q6348" s="71">
        <f>IF(Input!$K$13=4,J6348*Input!$J$13,0)+IF(Input!$K$14=4,K6348*Input!$J$14,0)+IF(Input!$K$15=4,L6348*Input!$J$15,0)+IF(Input!$K$16=4,M6348*Input!$J$16,0)</f>
        <v>0</v>
      </c>
    </row>
    <row r="6349" spans="8:17" x14ac:dyDescent="0.25">
      <c r="H6349" s="43">
        <v>6342</v>
      </c>
      <c r="I6349" s="55">
        <f>Bühler!I6375</f>
        <v>8.3540123890471815E-2</v>
      </c>
      <c r="J6349" s="58">
        <f>Bühler!J6375</f>
        <v>6.3120184401942732</v>
      </c>
      <c r="K6349" s="58">
        <f>Bühler!K6375</f>
        <v>0.52674064988150182</v>
      </c>
      <c r="L6349" s="58">
        <f>Bühler!L6375</f>
        <v>0.26337032494075091</v>
      </c>
      <c r="M6349" s="57">
        <f>Bühler!M6375</f>
        <v>0</v>
      </c>
      <c r="N6349" s="55">
        <f>IF(Input!$K$13=1,J6349*Input!$J$13,0)+IF(Input!$K$14=1,K6349*Input!$J$14,0)+IF(Input!$K$15=1,L6349*Input!$J$15,0)+IF(Input!$K$16=1,M6349*Input!$J$16,0)</f>
        <v>0.7574422128233127</v>
      </c>
      <c r="O6349" s="58">
        <f>IF(Input!$K$13=2,J6349*Input!$J$13,0)+IF(Input!$K$14=2,K6349*Input!$J$14,0)+IF(Input!$K$15=2,L6349*Input!$J$15,0)+IF(Input!$K$16=2,M6349*Input!$J$16,0)</f>
        <v>7.1109987734002747E-2</v>
      </c>
      <c r="P6349" s="58">
        <f>IF(Input!$K$13=3,J6349*Input!$J$13,0)+IF(Input!$K$14=3,K6349*Input!$J$14,0)+IF(Input!$K$15=3,L6349*Input!$J$15,0)+IF(Input!$K$16=3,M6349*Input!$J$16,0)</f>
        <v>0</v>
      </c>
      <c r="Q6349" s="71">
        <f>IF(Input!$K$13=4,J6349*Input!$J$13,0)+IF(Input!$K$14=4,K6349*Input!$J$14,0)+IF(Input!$K$15=4,L6349*Input!$J$15,0)+IF(Input!$K$16=4,M6349*Input!$J$16,0)</f>
        <v>0</v>
      </c>
    </row>
    <row r="6350" spans="8:17" x14ac:dyDescent="0.25">
      <c r="H6350" s="43">
        <v>6343</v>
      </c>
      <c r="I6350" s="55">
        <f>Bühler!I6376</f>
        <v>8.3540123890471815E-2</v>
      </c>
      <c r="J6350" s="58">
        <f>Bühler!J6376</f>
        <v>6.3120184401942732</v>
      </c>
      <c r="K6350" s="58">
        <f>Bühler!K6376</f>
        <v>0.52674064988150182</v>
      </c>
      <c r="L6350" s="58">
        <f>Bühler!L6376</f>
        <v>0.26337032494075091</v>
      </c>
      <c r="M6350" s="57">
        <f>Bühler!M6376</f>
        <v>0</v>
      </c>
      <c r="N6350" s="55">
        <f>IF(Input!$K$13=1,J6350*Input!$J$13,0)+IF(Input!$K$14=1,K6350*Input!$J$14,0)+IF(Input!$K$15=1,L6350*Input!$J$15,0)+IF(Input!$K$16=1,M6350*Input!$J$16,0)</f>
        <v>0.7574422128233127</v>
      </c>
      <c r="O6350" s="58">
        <f>IF(Input!$K$13=2,J6350*Input!$J$13,0)+IF(Input!$K$14=2,K6350*Input!$J$14,0)+IF(Input!$K$15=2,L6350*Input!$J$15,0)+IF(Input!$K$16=2,M6350*Input!$J$16,0)</f>
        <v>7.1109987734002747E-2</v>
      </c>
      <c r="P6350" s="58">
        <f>IF(Input!$K$13=3,J6350*Input!$J$13,0)+IF(Input!$K$14=3,K6350*Input!$J$14,0)+IF(Input!$K$15=3,L6350*Input!$J$15,0)+IF(Input!$K$16=3,M6350*Input!$J$16,0)</f>
        <v>0</v>
      </c>
      <c r="Q6350" s="71">
        <f>IF(Input!$K$13=4,J6350*Input!$J$13,0)+IF(Input!$K$14=4,K6350*Input!$J$14,0)+IF(Input!$K$15=4,L6350*Input!$J$15,0)+IF(Input!$K$16=4,M6350*Input!$J$16,0)</f>
        <v>0</v>
      </c>
    </row>
    <row r="6351" spans="8:17" x14ac:dyDescent="0.25">
      <c r="H6351" s="43">
        <v>6344</v>
      </c>
      <c r="I6351" s="55">
        <f>Bühler!I6377</f>
        <v>0.2263667873161172</v>
      </c>
      <c r="J6351" s="58">
        <f>Bühler!J6377</f>
        <v>26.748891569732201</v>
      </c>
      <c r="K6351" s="58">
        <f>Bühler!K6377</f>
        <v>2.2439151684951977</v>
      </c>
      <c r="L6351" s="58">
        <f>Bühler!L6377</f>
        <v>1.1219575842475988</v>
      </c>
      <c r="M6351" s="57">
        <f>Bühler!M6377</f>
        <v>0</v>
      </c>
      <c r="N6351" s="55">
        <f>IF(Input!$K$13=1,J6351*Input!$J$13,0)+IF(Input!$K$14=1,K6351*Input!$J$14,0)+IF(Input!$K$15=1,L6351*Input!$J$15,0)+IF(Input!$K$16=1,M6351*Input!$J$16,0)</f>
        <v>3.2098669883678639</v>
      </c>
      <c r="O6351" s="58">
        <f>IF(Input!$K$13=2,J6351*Input!$J$13,0)+IF(Input!$K$14=2,K6351*Input!$J$14,0)+IF(Input!$K$15=2,L6351*Input!$J$15,0)+IF(Input!$K$16=2,M6351*Input!$J$16,0)</f>
        <v>0.30292854774685163</v>
      </c>
      <c r="P6351" s="58">
        <f>IF(Input!$K$13=3,J6351*Input!$J$13,0)+IF(Input!$K$14=3,K6351*Input!$J$14,0)+IF(Input!$K$15=3,L6351*Input!$J$15,0)+IF(Input!$K$16=3,M6351*Input!$J$16,0)</f>
        <v>0</v>
      </c>
      <c r="Q6351" s="71">
        <f>IF(Input!$K$13=4,J6351*Input!$J$13,0)+IF(Input!$K$14=4,K6351*Input!$J$14,0)+IF(Input!$K$15=4,L6351*Input!$J$15,0)+IF(Input!$K$16=4,M6351*Input!$J$16,0)</f>
        <v>0</v>
      </c>
    </row>
    <row r="6352" spans="8:17" x14ac:dyDescent="0.25">
      <c r="H6352" s="43">
        <v>6345</v>
      </c>
      <c r="I6352" s="55">
        <f>Bühler!I6378</f>
        <v>0.28295848414514652</v>
      </c>
      <c r="J6352" s="58">
        <f>Bühler!J6378</f>
        <v>33.43611446216525</v>
      </c>
      <c r="K6352" s="58">
        <f>Bühler!K6378</f>
        <v>2.8048939606189971</v>
      </c>
      <c r="L6352" s="58">
        <f>Bühler!L6378</f>
        <v>1.4024469803094985</v>
      </c>
      <c r="M6352" s="57">
        <f>Bühler!M6378</f>
        <v>0</v>
      </c>
      <c r="N6352" s="55">
        <f>IF(Input!$K$13=1,J6352*Input!$J$13,0)+IF(Input!$K$14=1,K6352*Input!$J$14,0)+IF(Input!$K$15=1,L6352*Input!$J$15,0)+IF(Input!$K$16=1,M6352*Input!$J$16,0)</f>
        <v>4.0123337354598299</v>
      </c>
      <c r="O6352" s="58">
        <f>IF(Input!$K$13=2,J6352*Input!$J$13,0)+IF(Input!$K$14=2,K6352*Input!$J$14,0)+IF(Input!$K$15=2,L6352*Input!$J$15,0)+IF(Input!$K$16=2,M6352*Input!$J$16,0)</f>
        <v>0.37866068468356462</v>
      </c>
      <c r="P6352" s="58">
        <f>IF(Input!$K$13=3,J6352*Input!$J$13,0)+IF(Input!$K$14=3,K6352*Input!$J$14,0)+IF(Input!$K$15=3,L6352*Input!$J$15,0)+IF(Input!$K$16=3,M6352*Input!$J$16,0)</f>
        <v>0</v>
      </c>
      <c r="Q6352" s="71">
        <f>IF(Input!$K$13=4,J6352*Input!$J$13,0)+IF(Input!$K$14=4,K6352*Input!$J$14,0)+IF(Input!$K$15=4,L6352*Input!$J$15,0)+IF(Input!$K$16=4,M6352*Input!$J$16,0)</f>
        <v>0</v>
      </c>
    </row>
    <row r="6353" spans="8:17" x14ac:dyDescent="0.25">
      <c r="H6353" s="43">
        <v>6346</v>
      </c>
      <c r="I6353" s="55">
        <f>Bühler!I6379</f>
        <v>0.31125433255966117</v>
      </c>
      <c r="J6353" s="58">
        <f>Bühler!J6379</f>
        <v>36.779725908381771</v>
      </c>
      <c r="K6353" s="58">
        <f>Bühler!K6379</f>
        <v>3.0853833566808966</v>
      </c>
      <c r="L6353" s="58">
        <f>Bühler!L6379</f>
        <v>1.5426916783404483</v>
      </c>
      <c r="M6353" s="57">
        <f>Bühler!M6379</f>
        <v>0</v>
      </c>
      <c r="N6353" s="55">
        <f>IF(Input!$K$13=1,J6353*Input!$J$13,0)+IF(Input!$K$14=1,K6353*Input!$J$14,0)+IF(Input!$K$15=1,L6353*Input!$J$15,0)+IF(Input!$K$16=1,M6353*Input!$J$16,0)</f>
        <v>4.413567109005812</v>
      </c>
      <c r="O6353" s="58">
        <f>IF(Input!$K$13=2,J6353*Input!$J$13,0)+IF(Input!$K$14=2,K6353*Input!$J$14,0)+IF(Input!$K$15=2,L6353*Input!$J$15,0)+IF(Input!$K$16=2,M6353*Input!$J$16,0)</f>
        <v>0.416526753151921</v>
      </c>
      <c r="P6353" s="58">
        <f>IF(Input!$K$13=3,J6353*Input!$J$13,0)+IF(Input!$K$14=3,K6353*Input!$J$14,0)+IF(Input!$K$15=3,L6353*Input!$J$15,0)+IF(Input!$K$16=3,M6353*Input!$J$16,0)</f>
        <v>0</v>
      </c>
      <c r="Q6353" s="71">
        <f>IF(Input!$K$13=4,J6353*Input!$J$13,0)+IF(Input!$K$14=4,K6353*Input!$J$14,0)+IF(Input!$K$15=4,L6353*Input!$J$15,0)+IF(Input!$K$16=4,M6353*Input!$J$16,0)</f>
        <v>0</v>
      </c>
    </row>
    <row r="6354" spans="8:17" x14ac:dyDescent="0.25">
      <c r="H6354" s="43">
        <v>6347</v>
      </c>
      <c r="I6354" s="55">
        <f>Bühler!I6380</f>
        <v>0.31125433255966117</v>
      </c>
      <c r="J6354" s="58">
        <f>Bühler!J6380</f>
        <v>36.779725908381771</v>
      </c>
      <c r="K6354" s="58">
        <f>Bühler!K6380</f>
        <v>3.0853833566808966</v>
      </c>
      <c r="L6354" s="58">
        <f>Bühler!L6380</f>
        <v>1.5426916783404483</v>
      </c>
      <c r="M6354" s="57">
        <f>Bühler!M6380</f>
        <v>0</v>
      </c>
      <c r="N6354" s="55">
        <f>IF(Input!$K$13=1,J6354*Input!$J$13,0)+IF(Input!$K$14=1,K6354*Input!$J$14,0)+IF(Input!$K$15=1,L6354*Input!$J$15,0)+IF(Input!$K$16=1,M6354*Input!$J$16,0)</f>
        <v>4.413567109005812</v>
      </c>
      <c r="O6354" s="58">
        <f>IF(Input!$K$13=2,J6354*Input!$J$13,0)+IF(Input!$K$14=2,K6354*Input!$J$14,0)+IF(Input!$K$15=2,L6354*Input!$J$15,0)+IF(Input!$K$16=2,M6354*Input!$J$16,0)</f>
        <v>0.416526753151921</v>
      </c>
      <c r="P6354" s="58">
        <f>IF(Input!$K$13=3,J6354*Input!$J$13,0)+IF(Input!$K$14=3,K6354*Input!$J$14,0)+IF(Input!$K$15=3,L6354*Input!$J$15,0)+IF(Input!$K$16=3,M6354*Input!$J$16,0)</f>
        <v>0</v>
      </c>
      <c r="Q6354" s="71">
        <f>IF(Input!$K$13=4,J6354*Input!$J$13,0)+IF(Input!$K$14=4,K6354*Input!$J$14,0)+IF(Input!$K$15=4,L6354*Input!$J$15,0)+IF(Input!$K$16=4,M6354*Input!$J$16,0)</f>
        <v>0</v>
      </c>
    </row>
    <row r="6355" spans="8:17" x14ac:dyDescent="0.25">
      <c r="H6355" s="43">
        <v>6348</v>
      </c>
      <c r="I6355" s="55">
        <f>Bühler!I6381</f>
        <v>0.36784602938869049</v>
      </c>
      <c r="J6355" s="58">
        <f>Bühler!J6381</f>
        <v>43.466948800814826</v>
      </c>
      <c r="K6355" s="58">
        <f>Bühler!K6381</f>
        <v>3.646362148804696</v>
      </c>
      <c r="L6355" s="58">
        <f>Bühler!L6381</f>
        <v>1.823181074402348</v>
      </c>
      <c r="M6355" s="57">
        <f>Bühler!M6381</f>
        <v>0</v>
      </c>
      <c r="N6355" s="55">
        <f>IF(Input!$K$13=1,J6355*Input!$J$13,0)+IF(Input!$K$14=1,K6355*Input!$J$14,0)+IF(Input!$K$15=1,L6355*Input!$J$15,0)+IF(Input!$K$16=1,M6355*Input!$J$16,0)</f>
        <v>5.2160338560977788</v>
      </c>
      <c r="O6355" s="58">
        <f>IF(Input!$K$13=2,J6355*Input!$J$13,0)+IF(Input!$K$14=2,K6355*Input!$J$14,0)+IF(Input!$K$15=2,L6355*Input!$J$15,0)+IF(Input!$K$16=2,M6355*Input!$J$16,0)</f>
        <v>0.49225889008863399</v>
      </c>
      <c r="P6355" s="58">
        <f>IF(Input!$K$13=3,J6355*Input!$J$13,0)+IF(Input!$K$14=3,K6355*Input!$J$14,0)+IF(Input!$K$15=3,L6355*Input!$J$15,0)+IF(Input!$K$16=3,M6355*Input!$J$16,0)</f>
        <v>0</v>
      </c>
      <c r="Q6355" s="71">
        <f>IF(Input!$K$13=4,J6355*Input!$J$13,0)+IF(Input!$K$14=4,K6355*Input!$J$14,0)+IF(Input!$K$15=4,L6355*Input!$J$15,0)+IF(Input!$K$16=4,M6355*Input!$J$16,0)</f>
        <v>0</v>
      </c>
    </row>
    <row r="6356" spans="8:17" x14ac:dyDescent="0.25">
      <c r="H6356" s="43">
        <v>6349</v>
      </c>
      <c r="I6356" s="55">
        <f>Bühler!I6382</f>
        <v>0.36784602938869049</v>
      </c>
      <c r="J6356" s="58">
        <f>Bühler!J6382</f>
        <v>43.466948800814826</v>
      </c>
      <c r="K6356" s="58">
        <f>Bühler!K6382</f>
        <v>3.646362148804696</v>
      </c>
      <c r="L6356" s="58">
        <f>Bühler!L6382</f>
        <v>1.823181074402348</v>
      </c>
      <c r="M6356" s="57">
        <f>Bühler!M6382</f>
        <v>0</v>
      </c>
      <c r="N6356" s="55">
        <f>IF(Input!$K$13=1,J6356*Input!$J$13,0)+IF(Input!$K$14=1,K6356*Input!$J$14,0)+IF(Input!$K$15=1,L6356*Input!$J$15,0)+IF(Input!$K$16=1,M6356*Input!$J$16,0)</f>
        <v>5.2160338560977788</v>
      </c>
      <c r="O6356" s="58">
        <f>IF(Input!$K$13=2,J6356*Input!$J$13,0)+IF(Input!$K$14=2,K6356*Input!$J$14,0)+IF(Input!$K$15=2,L6356*Input!$J$15,0)+IF(Input!$K$16=2,M6356*Input!$J$16,0)</f>
        <v>0.49225889008863399</v>
      </c>
      <c r="P6356" s="58">
        <f>IF(Input!$K$13=3,J6356*Input!$J$13,0)+IF(Input!$K$14=3,K6356*Input!$J$14,0)+IF(Input!$K$15=3,L6356*Input!$J$15,0)+IF(Input!$K$16=3,M6356*Input!$J$16,0)</f>
        <v>0</v>
      </c>
      <c r="Q6356" s="71">
        <f>IF(Input!$K$13=4,J6356*Input!$J$13,0)+IF(Input!$K$14=4,K6356*Input!$J$14,0)+IF(Input!$K$15=4,L6356*Input!$J$15,0)+IF(Input!$K$16=4,M6356*Input!$J$16,0)</f>
        <v>0</v>
      </c>
    </row>
    <row r="6357" spans="8:17" x14ac:dyDescent="0.25">
      <c r="H6357" s="43">
        <v>6350</v>
      </c>
      <c r="I6357" s="55">
        <f>Bühler!I6383</f>
        <v>0.25466263573063186</v>
      </c>
      <c r="J6357" s="58">
        <f>Bühler!J6383</f>
        <v>30.092503015948726</v>
      </c>
      <c r="K6357" s="58">
        <f>Bühler!K6383</f>
        <v>2.5244045645570972</v>
      </c>
      <c r="L6357" s="58">
        <f>Bühler!L6383</f>
        <v>1.2622022822785486</v>
      </c>
      <c r="M6357" s="57">
        <f>Bühler!M6383</f>
        <v>0</v>
      </c>
      <c r="N6357" s="55">
        <f>IF(Input!$K$13=1,J6357*Input!$J$13,0)+IF(Input!$K$14=1,K6357*Input!$J$14,0)+IF(Input!$K$15=1,L6357*Input!$J$15,0)+IF(Input!$K$16=1,M6357*Input!$J$16,0)</f>
        <v>3.6111003619138469</v>
      </c>
      <c r="O6357" s="58">
        <f>IF(Input!$K$13=2,J6357*Input!$J$13,0)+IF(Input!$K$14=2,K6357*Input!$J$14,0)+IF(Input!$K$15=2,L6357*Input!$J$15,0)+IF(Input!$K$16=2,M6357*Input!$J$16,0)</f>
        <v>0.34079461621520812</v>
      </c>
      <c r="P6357" s="58">
        <f>IF(Input!$K$13=3,J6357*Input!$J$13,0)+IF(Input!$K$14=3,K6357*Input!$J$14,0)+IF(Input!$K$15=3,L6357*Input!$J$15,0)+IF(Input!$K$16=3,M6357*Input!$J$16,0)</f>
        <v>0</v>
      </c>
      <c r="Q6357" s="71">
        <f>IF(Input!$K$13=4,J6357*Input!$J$13,0)+IF(Input!$K$14=4,K6357*Input!$J$14,0)+IF(Input!$K$15=4,L6357*Input!$J$15,0)+IF(Input!$K$16=4,M6357*Input!$J$16,0)</f>
        <v>0</v>
      </c>
    </row>
    <row r="6358" spans="8:17" x14ac:dyDescent="0.25">
      <c r="H6358" s="43">
        <v>6351</v>
      </c>
      <c r="I6358" s="55">
        <f>Bühler!I6384</f>
        <v>0.36784602938869049</v>
      </c>
      <c r="J6358" s="58">
        <f>Bühler!J6384</f>
        <v>43.466948800814826</v>
      </c>
      <c r="K6358" s="58">
        <f>Bühler!K6384</f>
        <v>3.646362148804696</v>
      </c>
      <c r="L6358" s="58">
        <f>Bühler!L6384</f>
        <v>1.823181074402348</v>
      </c>
      <c r="M6358" s="57">
        <f>Bühler!M6384</f>
        <v>0</v>
      </c>
      <c r="N6358" s="55">
        <f>IF(Input!$K$13=1,J6358*Input!$J$13,0)+IF(Input!$K$14=1,K6358*Input!$J$14,0)+IF(Input!$K$15=1,L6358*Input!$J$15,0)+IF(Input!$K$16=1,M6358*Input!$J$16,0)</f>
        <v>5.2160338560977788</v>
      </c>
      <c r="O6358" s="58">
        <f>IF(Input!$K$13=2,J6358*Input!$J$13,0)+IF(Input!$K$14=2,K6358*Input!$J$14,0)+IF(Input!$K$15=2,L6358*Input!$J$15,0)+IF(Input!$K$16=2,M6358*Input!$J$16,0)</f>
        <v>0.49225889008863399</v>
      </c>
      <c r="P6358" s="58">
        <f>IF(Input!$K$13=3,J6358*Input!$J$13,0)+IF(Input!$K$14=3,K6358*Input!$J$14,0)+IF(Input!$K$15=3,L6358*Input!$J$15,0)+IF(Input!$K$16=3,M6358*Input!$J$16,0)</f>
        <v>0</v>
      </c>
      <c r="Q6358" s="71">
        <f>IF(Input!$K$13=4,J6358*Input!$J$13,0)+IF(Input!$K$14=4,K6358*Input!$J$14,0)+IF(Input!$K$15=4,L6358*Input!$J$15,0)+IF(Input!$K$16=4,M6358*Input!$J$16,0)</f>
        <v>0</v>
      </c>
    </row>
    <row r="6359" spans="8:17" x14ac:dyDescent="0.25">
      <c r="H6359" s="43">
        <v>6352</v>
      </c>
      <c r="I6359" s="55">
        <f>Bühler!I6385</f>
        <v>0.31125433255966117</v>
      </c>
      <c r="J6359" s="58">
        <f>Bühler!J6385</f>
        <v>33.466768297947638</v>
      </c>
      <c r="K6359" s="58">
        <f>Bühler!K6385</f>
        <v>2.8048939606189971</v>
      </c>
      <c r="L6359" s="58">
        <f>Bühler!L6385</f>
        <v>1.4024469803094985</v>
      </c>
      <c r="M6359" s="57">
        <f>Bühler!M6385</f>
        <v>0</v>
      </c>
      <c r="N6359" s="55">
        <f>IF(Input!$K$13=1,J6359*Input!$J$13,0)+IF(Input!$K$14=1,K6359*Input!$J$14,0)+IF(Input!$K$15=1,L6359*Input!$J$15,0)+IF(Input!$K$16=1,M6359*Input!$J$16,0)</f>
        <v>4.0160121957537163</v>
      </c>
      <c r="O6359" s="58">
        <f>IF(Input!$K$13=2,J6359*Input!$J$13,0)+IF(Input!$K$14=2,K6359*Input!$J$14,0)+IF(Input!$K$15=2,L6359*Input!$J$15,0)+IF(Input!$K$16=2,M6359*Input!$J$16,0)</f>
        <v>0.37866068468356462</v>
      </c>
      <c r="P6359" s="58">
        <f>IF(Input!$K$13=3,J6359*Input!$J$13,0)+IF(Input!$K$14=3,K6359*Input!$J$14,0)+IF(Input!$K$15=3,L6359*Input!$J$15,0)+IF(Input!$K$16=3,M6359*Input!$J$16,0)</f>
        <v>0</v>
      </c>
      <c r="Q6359" s="71">
        <f>IF(Input!$K$13=4,J6359*Input!$J$13,0)+IF(Input!$K$14=4,K6359*Input!$J$14,0)+IF(Input!$K$15=4,L6359*Input!$J$15,0)+IF(Input!$K$16=4,M6359*Input!$J$16,0)</f>
        <v>0</v>
      </c>
    </row>
    <row r="6360" spans="8:17" x14ac:dyDescent="0.25">
      <c r="H6360" s="43">
        <v>6353</v>
      </c>
      <c r="I6360" s="55">
        <f>Bühler!I6386</f>
        <v>0.26948427061442526</v>
      </c>
      <c r="J6360" s="58">
        <f>Bühler!J6386</f>
        <v>15.845732891447945</v>
      </c>
      <c r="K6360" s="58">
        <f>Bühler!K6386</f>
        <v>1.3168516247037545</v>
      </c>
      <c r="L6360" s="58">
        <f>Bühler!L6386</f>
        <v>0.65842581235187725</v>
      </c>
      <c r="M6360" s="57">
        <f>Bühler!M6386</f>
        <v>0</v>
      </c>
      <c r="N6360" s="55">
        <f>IF(Input!$K$13=1,J6360*Input!$J$13,0)+IF(Input!$K$14=1,K6360*Input!$J$14,0)+IF(Input!$K$15=1,L6360*Input!$J$15,0)+IF(Input!$K$16=1,M6360*Input!$J$16,0)</f>
        <v>1.9014879469737533</v>
      </c>
      <c r="O6360" s="58">
        <f>IF(Input!$K$13=2,J6360*Input!$J$13,0)+IF(Input!$K$14=2,K6360*Input!$J$14,0)+IF(Input!$K$15=2,L6360*Input!$J$15,0)+IF(Input!$K$16=2,M6360*Input!$J$16,0)</f>
        <v>0.17777496933500686</v>
      </c>
      <c r="P6360" s="58">
        <f>IF(Input!$K$13=3,J6360*Input!$J$13,0)+IF(Input!$K$14=3,K6360*Input!$J$14,0)+IF(Input!$K$15=3,L6360*Input!$J$15,0)+IF(Input!$K$16=3,M6360*Input!$J$16,0)</f>
        <v>0</v>
      </c>
      <c r="Q6360" s="71">
        <f>IF(Input!$K$13=4,J6360*Input!$J$13,0)+IF(Input!$K$14=4,K6360*Input!$J$14,0)+IF(Input!$K$15=4,L6360*Input!$J$15,0)+IF(Input!$K$16=4,M6360*Input!$J$16,0)</f>
        <v>0</v>
      </c>
    </row>
    <row r="6361" spans="8:17" x14ac:dyDescent="0.25">
      <c r="H6361" s="43">
        <v>6354</v>
      </c>
      <c r="I6361" s="55">
        <f>Bühler!I6387</f>
        <v>0.2263667873161172</v>
      </c>
      <c r="J6361" s="58">
        <f>Bühler!J6387</f>
        <v>10.510733141125458</v>
      </c>
      <c r="K6361" s="58">
        <f>Bühler!K6387</f>
        <v>0.86912207230447802</v>
      </c>
      <c r="L6361" s="58">
        <f>Bühler!L6387</f>
        <v>0.43456103615223901</v>
      </c>
      <c r="M6361" s="57">
        <f>Bühler!M6387</f>
        <v>0</v>
      </c>
      <c r="N6361" s="55">
        <f>IF(Input!$K$13=1,J6361*Input!$J$13,0)+IF(Input!$K$14=1,K6361*Input!$J$14,0)+IF(Input!$K$15=1,L6361*Input!$J$15,0)+IF(Input!$K$16=1,M6361*Input!$J$16,0)</f>
        <v>1.2612879769350549</v>
      </c>
      <c r="O6361" s="58">
        <f>IF(Input!$K$13=2,J6361*Input!$J$13,0)+IF(Input!$K$14=2,K6361*Input!$J$14,0)+IF(Input!$K$15=2,L6361*Input!$J$15,0)+IF(Input!$K$16=2,M6361*Input!$J$16,0)</f>
        <v>0.11733147976110453</v>
      </c>
      <c r="P6361" s="58">
        <f>IF(Input!$K$13=3,J6361*Input!$J$13,0)+IF(Input!$K$14=3,K6361*Input!$J$14,0)+IF(Input!$K$15=3,L6361*Input!$J$15,0)+IF(Input!$K$16=3,M6361*Input!$J$16,0)</f>
        <v>0</v>
      </c>
      <c r="Q6361" s="71">
        <f>IF(Input!$K$13=4,J6361*Input!$J$13,0)+IF(Input!$K$14=4,K6361*Input!$J$14,0)+IF(Input!$K$15=4,L6361*Input!$J$15,0)+IF(Input!$K$16=4,M6361*Input!$J$16,0)</f>
        <v>0</v>
      </c>
    </row>
    <row r="6362" spans="8:17" x14ac:dyDescent="0.25">
      <c r="H6362" s="43">
        <v>6355</v>
      </c>
      <c r="I6362" s="55">
        <f>Bühler!I6388</f>
        <v>8.3540123890471815E-2</v>
      </c>
      <c r="J6362" s="58">
        <f>Bühler!J6388</f>
        <v>6.6230942721599178</v>
      </c>
      <c r="K6362" s="58">
        <f>Bühler!K6388</f>
        <v>0.55307768237557675</v>
      </c>
      <c r="L6362" s="58">
        <f>Bühler!L6388</f>
        <v>0.27653884118778838</v>
      </c>
      <c r="M6362" s="57">
        <f>Bühler!M6388</f>
        <v>0</v>
      </c>
      <c r="N6362" s="55">
        <f>IF(Input!$K$13=1,J6362*Input!$J$13,0)+IF(Input!$K$14=1,K6362*Input!$J$14,0)+IF(Input!$K$15=1,L6362*Input!$J$15,0)+IF(Input!$K$16=1,M6362*Input!$J$16,0)</f>
        <v>0.7947713126591901</v>
      </c>
      <c r="O6362" s="58">
        <f>IF(Input!$K$13=2,J6362*Input!$J$13,0)+IF(Input!$K$14=2,K6362*Input!$J$14,0)+IF(Input!$K$15=2,L6362*Input!$J$15,0)+IF(Input!$K$16=2,M6362*Input!$J$16,0)</f>
        <v>7.4665487120702867E-2</v>
      </c>
      <c r="P6362" s="58">
        <f>IF(Input!$K$13=3,J6362*Input!$J$13,0)+IF(Input!$K$14=3,K6362*Input!$J$14,0)+IF(Input!$K$15=3,L6362*Input!$J$15,0)+IF(Input!$K$16=3,M6362*Input!$J$16,0)</f>
        <v>0</v>
      </c>
      <c r="Q6362" s="71">
        <f>IF(Input!$K$13=4,J6362*Input!$J$13,0)+IF(Input!$K$14=4,K6362*Input!$J$14,0)+IF(Input!$K$15=4,L6362*Input!$J$15,0)+IF(Input!$K$16=4,M6362*Input!$J$16,0)</f>
        <v>0</v>
      </c>
    </row>
    <row r="6363" spans="8:17" x14ac:dyDescent="0.25">
      <c r="H6363" s="43">
        <v>6356</v>
      </c>
      <c r="I6363" s="55">
        <f>Bühler!I6389</f>
        <v>8.3540123890471815E-2</v>
      </c>
      <c r="J6363" s="58">
        <f>Bühler!J6389</f>
        <v>6.3120184401942732</v>
      </c>
      <c r="K6363" s="58">
        <f>Bühler!K6389</f>
        <v>0.52674064988150182</v>
      </c>
      <c r="L6363" s="58">
        <f>Bühler!L6389</f>
        <v>0.26337032494075091</v>
      </c>
      <c r="M6363" s="57">
        <f>Bühler!M6389</f>
        <v>0</v>
      </c>
      <c r="N6363" s="55">
        <f>IF(Input!$K$13=1,J6363*Input!$J$13,0)+IF(Input!$K$14=1,K6363*Input!$J$14,0)+IF(Input!$K$15=1,L6363*Input!$J$15,0)+IF(Input!$K$16=1,M6363*Input!$J$16,0)</f>
        <v>0.7574422128233127</v>
      </c>
      <c r="O6363" s="58">
        <f>IF(Input!$K$13=2,J6363*Input!$J$13,0)+IF(Input!$K$14=2,K6363*Input!$J$14,0)+IF(Input!$K$15=2,L6363*Input!$J$15,0)+IF(Input!$K$16=2,M6363*Input!$J$16,0)</f>
        <v>7.1109987734002747E-2</v>
      </c>
      <c r="P6363" s="58">
        <f>IF(Input!$K$13=3,J6363*Input!$J$13,0)+IF(Input!$K$14=3,K6363*Input!$J$14,0)+IF(Input!$K$15=3,L6363*Input!$J$15,0)+IF(Input!$K$16=3,M6363*Input!$J$16,0)</f>
        <v>0</v>
      </c>
      <c r="Q6363" s="71">
        <f>IF(Input!$K$13=4,J6363*Input!$J$13,0)+IF(Input!$K$14=4,K6363*Input!$J$14,0)+IF(Input!$K$15=4,L6363*Input!$J$15,0)+IF(Input!$K$16=4,M6363*Input!$J$16,0)</f>
        <v>0</v>
      </c>
    </row>
    <row r="6364" spans="8:17" x14ac:dyDescent="0.25">
      <c r="H6364" s="43">
        <v>6357</v>
      </c>
      <c r="I6364" s="55">
        <f>Bühler!I6390</f>
        <v>8.3540123890471815E-2</v>
      </c>
      <c r="J6364" s="58">
        <f>Bühler!J6390</f>
        <v>6.3120184401942732</v>
      </c>
      <c r="K6364" s="58">
        <f>Bühler!K6390</f>
        <v>0.52674064988150182</v>
      </c>
      <c r="L6364" s="58">
        <f>Bühler!L6390</f>
        <v>0.26337032494075091</v>
      </c>
      <c r="M6364" s="57">
        <f>Bühler!M6390</f>
        <v>0</v>
      </c>
      <c r="N6364" s="55">
        <f>IF(Input!$K$13=1,J6364*Input!$J$13,0)+IF(Input!$K$14=1,K6364*Input!$J$14,0)+IF(Input!$K$15=1,L6364*Input!$J$15,0)+IF(Input!$K$16=1,M6364*Input!$J$16,0)</f>
        <v>0.7574422128233127</v>
      </c>
      <c r="O6364" s="58">
        <f>IF(Input!$K$13=2,J6364*Input!$J$13,0)+IF(Input!$K$14=2,K6364*Input!$J$14,0)+IF(Input!$K$15=2,L6364*Input!$J$15,0)+IF(Input!$K$16=2,M6364*Input!$J$16,0)</f>
        <v>7.1109987734002747E-2</v>
      </c>
      <c r="P6364" s="58">
        <f>IF(Input!$K$13=3,J6364*Input!$J$13,0)+IF(Input!$K$14=3,K6364*Input!$J$14,0)+IF(Input!$K$15=3,L6364*Input!$J$15,0)+IF(Input!$K$16=3,M6364*Input!$J$16,0)</f>
        <v>0</v>
      </c>
      <c r="Q6364" s="71">
        <f>IF(Input!$K$13=4,J6364*Input!$J$13,0)+IF(Input!$K$14=4,K6364*Input!$J$14,0)+IF(Input!$K$15=4,L6364*Input!$J$15,0)+IF(Input!$K$16=4,M6364*Input!$J$16,0)</f>
        <v>0</v>
      </c>
    </row>
    <row r="6365" spans="8:17" x14ac:dyDescent="0.25">
      <c r="H6365" s="43">
        <v>6358</v>
      </c>
      <c r="I6365" s="55">
        <f>Bühler!I6391</f>
        <v>8.3540123890471815E-2</v>
      </c>
      <c r="J6365" s="58">
        <f>Bühler!J6391</f>
        <v>6.3120184401942732</v>
      </c>
      <c r="K6365" s="58">
        <f>Bühler!K6391</f>
        <v>0.52674064988150182</v>
      </c>
      <c r="L6365" s="58">
        <f>Bühler!L6391</f>
        <v>0.26337032494075091</v>
      </c>
      <c r="M6365" s="57">
        <f>Bühler!M6391</f>
        <v>0</v>
      </c>
      <c r="N6365" s="55">
        <f>IF(Input!$K$13=1,J6365*Input!$J$13,0)+IF(Input!$K$14=1,K6365*Input!$J$14,0)+IF(Input!$K$15=1,L6365*Input!$J$15,0)+IF(Input!$K$16=1,M6365*Input!$J$16,0)</f>
        <v>0.7574422128233127</v>
      </c>
      <c r="O6365" s="58">
        <f>IF(Input!$K$13=2,J6365*Input!$J$13,0)+IF(Input!$K$14=2,K6365*Input!$J$14,0)+IF(Input!$K$15=2,L6365*Input!$J$15,0)+IF(Input!$K$16=2,M6365*Input!$J$16,0)</f>
        <v>7.1109987734002747E-2</v>
      </c>
      <c r="P6365" s="58">
        <f>IF(Input!$K$13=3,J6365*Input!$J$13,0)+IF(Input!$K$14=3,K6365*Input!$J$14,0)+IF(Input!$K$15=3,L6365*Input!$J$15,0)+IF(Input!$K$16=3,M6365*Input!$J$16,0)</f>
        <v>0</v>
      </c>
      <c r="Q6365" s="71">
        <f>IF(Input!$K$13=4,J6365*Input!$J$13,0)+IF(Input!$K$14=4,K6365*Input!$J$14,0)+IF(Input!$K$15=4,L6365*Input!$J$15,0)+IF(Input!$K$16=4,M6365*Input!$J$16,0)</f>
        <v>0</v>
      </c>
    </row>
    <row r="6366" spans="8:17" x14ac:dyDescent="0.25">
      <c r="H6366" s="43">
        <v>6359</v>
      </c>
      <c r="I6366" s="55">
        <f>Bühler!I6392</f>
        <v>8.3540123890471815E-2</v>
      </c>
      <c r="J6366" s="58">
        <f>Bühler!J6392</f>
        <v>6.3120184401942732</v>
      </c>
      <c r="K6366" s="58">
        <f>Bühler!K6392</f>
        <v>0.52674064988150182</v>
      </c>
      <c r="L6366" s="58">
        <f>Bühler!L6392</f>
        <v>0.26337032494075091</v>
      </c>
      <c r="M6366" s="57">
        <f>Bühler!M6392</f>
        <v>0</v>
      </c>
      <c r="N6366" s="55">
        <f>IF(Input!$K$13=1,J6366*Input!$J$13,0)+IF(Input!$K$14=1,K6366*Input!$J$14,0)+IF(Input!$K$15=1,L6366*Input!$J$15,0)+IF(Input!$K$16=1,M6366*Input!$J$16,0)</f>
        <v>0.7574422128233127</v>
      </c>
      <c r="O6366" s="58">
        <f>IF(Input!$K$13=2,J6366*Input!$J$13,0)+IF(Input!$K$14=2,K6366*Input!$J$14,0)+IF(Input!$K$15=2,L6366*Input!$J$15,0)+IF(Input!$K$16=2,M6366*Input!$J$16,0)</f>
        <v>7.1109987734002747E-2</v>
      </c>
      <c r="P6366" s="58">
        <f>IF(Input!$K$13=3,J6366*Input!$J$13,0)+IF(Input!$K$14=3,K6366*Input!$J$14,0)+IF(Input!$K$15=3,L6366*Input!$J$15,0)+IF(Input!$K$16=3,M6366*Input!$J$16,0)</f>
        <v>0</v>
      </c>
      <c r="Q6366" s="71">
        <f>IF(Input!$K$13=4,J6366*Input!$J$13,0)+IF(Input!$K$14=4,K6366*Input!$J$14,0)+IF(Input!$K$15=4,L6366*Input!$J$15,0)+IF(Input!$K$16=4,M6366*Input!$J$16,0)</f>
        <v>0</v>
      </c>
    </row>
    <row r="6367" spans="8:17" x14ac:dyDescent="0.25">
      <c r="H6367" s="43">
        <v>6360</v>
      </c>
      <c r="I6367" s="55">
        <f>Bühler!I6393</f>
        <v>8.3540123890471815E-2</v>
      </c>
      <c r="J6367" s="58">
        <f>Bühler!J6393</f>
        <v>6.3120184401942732</v>
      </c>
      <c r="K6367" s="58">
        <f>Bühler!K6393</f>
        <v>0.52674064988150182</v>
      </c>
      <c r="L6367" s="58">
        <f>Bühler!L6393</f>
        <v>0.26337032494075091</v>
      </c>
      <c r="M6367" s="57">
        <f>Bühler!M6393</f>
        <v>0</v>
      </c>
      <c r="N6367" s="55">
        <f>IF(Input!$K$13=1,J6367*Input!$J$13,0)+IF(Input!$K$14=1,K6367*Input!$J$14,0)+IF(Input!$K$15=1,L6367*Input!$J$15,0)+IF(Input!$K$16=1,M6367*Input!$J$16,0)</f>
        <v>0.7574422128233127</v>
      </c>
      <c r="O6367" s="58">
        <f>IF(Input!$K$13=2,J6367*Input!$J$13,0)+IF(Input!$K$14=2,K6367*Input!$J$14,0)+IF(Input!$K$15=2,L6367*Input!$J$15,0)+IF(Input!$K$16=2,M6367*Input!$J$16,0)</f>
        <v>7.1109987734002747E-2</v>
      </c>
      <c r="P6367" s="58">
        <f>IF(Input!$K$13=3,J6367*Input!$J$13,0)+IF(Input!$K$14=3,K6367*Input!$J$14,0)+IF(Input!$K$15=3,L6367*Input!$J$15,0)+IF(Input!$K$16=3,M6367*Input!$J$16,0)</f>
        <v>0</v>
      </c>
      <c r="Q6367" s="71">
        <f>IF(Input!$K$13=4,J6367*Input!$J$13,0)+IF(Input!$K$14=4,K6367*Input!$J$14,0)+IF(Input!$K$15=4,L6367*Input!$J$15,0)+IF(Input!$K$16=4,M6367*Input!$J$16,0)</f>
        <v>0</v>
      </c>
    </row>
    <row r="6368" spans="8:17" x14ac:dyDescent="0.25">
      <c r="H6368" s="43">
        <v>6361</v>
      </c>
      <c r="I6368" s="55">
        <f>Bühler!I6394</f>
        <v>0.18343017795673341</v>
      </c>
      <c r="J6368" s="58">
        <f>Bühler!J6394</f>
        <v>5.0904684757316883</v>
      </c>
      <c r="K6368" s="58">
        <f>Bühler!K6394</f>
        <v>0.24425938880590728</v>
      </c>
      <c r="L6368" s="58">
        <f>Bühler!L6394</f>
        <v>0.12212969440295364</v>
      </c>
      <c r="M6368" s="57">
        <f>Bühler!M6394</f>
        <v>0</v>
      </c>
      <c r="N6368" s="55">
        <f>IF(Input!$K$13=1,J6368*Input!$J$13,0)+IF(Input!$K$14=1,K6368*Input!$J$14,0)+IF(Input!$K$15=1,L6368*Input!$J$15,0)+IF(Input!$K$16=1,M6368*Input!$J$16,0)</f>
        <v>0.61085621708780258</v>
      </c>
      <c r="O6368" s="58">
        <f>IF(Input!$K$13=2,J6368*Input!$J$13,0)+IF(Input!$K$14=2,K6368*Input!$J$14,0)+IF(Input!$K$15=2,L6368*Input!$J$15,0)+IF(Input!$K$16=2,M6368*Input!$J$16,0)</f>
        <v>3.2975017488797484E-2</v>
      </c>
      <c r="P6368" s="58">
        <f>IF(Input!$K$13=3,J6368*Input!$J$13,0)+IF(Input!$K$14=3,K6368*Input!$J$14,0)+IF(Input!$K$15=3,L6368*Input!$J$15,0)+IF(Input!$K$16=3,M6368*Input!$J$16,0)</f>
        <v>0</v>
      </c>
      <c r="Q6368" s="71">
        <f>IF(Input!$K$13=4,J6368*Input!$J$13,0)+IF(Input!$K$14=4,K6368*Input!$J$14,0)+IF(Input!$K$15=4,L6368*Input!$J$15,0)+IF(Input!$K$16=4,M6368*Input!$J$16,0)</f>
        <v>0</v>
      </c>
    </row>
    <row r="6369" spans="8:17" x14ac:dyDescent="0.25">
      <c r="H6369" s="43">
        <v>6362</v>
      </c>
      <c r="I6369" s="55">
        <f>Bühler!I6395</f>
        <v>0.35812558553457485</v>
      </c>
      <c r="J6369" s="58">
        <f>Bühler!J6395</f>
        <v>4.6787113265117917</v>
      </c>
      <c r="K6369" s="58">
        <f>Bühler!K6395</f>
        <v>0.21983344992531656</v>
      </c>
      <c r="L6369" s="58">
        <f>Bühler!L6395</f>
        <v>0.10991672496265828</v>
      </c>
      <c r="M6369" s="57">
        <f>Bühler!M6395</f>
        <v>0</v>
      </c>
      <c r="N6369" s="55">
        <f>IF(Input!$K$13=1,J6369*Input!$J$13,0)+IF(Input!$K$14=1,K6369*Input!$J$14,0)+IF(Input!$K$15=1,L6369*Input!$J$15,0)+IF(Input!$K$16=1,M6369*Input!$J$16,0)</f>
        <v>0.56144535918141503</v>
      </c>
      <c r="O6369" s="58">
        <f>IF(Input!$K$13=2,J6369*Input!$J$13,0)+IF(Input!$K$14=2,K6369*Input!$J$14,0)+IF(Input!$K$15=2,L6369*Input!$J$15,0)+IF(Input!$K$16=2,M6369*Input!$J$16,0)</f>
        <v>2.9677515739917733E-2</v>
      </c>
      <c r="P6369" s="58">
        <f>IF(Input!$K$13=3,J6369*Input!$J$13,0)+IF(Input!$K$14=3,K6369*Input!$J$14,0)+IF(Input!$K$15=3,L6369*Input!$J$15,0)+IF(Input!$K$16=3,M6369*Input!$J$16,0)</f>
        <v>0</v>
      </c>
      <c r="Q6369" s="71">
        <f>IF(Input!$K$13=4,J6369*Input!$J$13,0)+IF(Input!$K$14=4,K6369*Input!$J$14,0)+IF(Input!$K$15=4,L6369*Input!$J$15,0)+IF(Input!$K$16=4,M6369*Input!$J$16,0)</f>
        <v>0</v>
      </c>
    </row>
    <row r="6370" spans="8:17" x14ac:dyDescent="0.25">
      <c r="H6370" s="43">
        <v>6363</v>
      </c>
      <c r="I6370" s="55">
        <f>Bühler!I6396</f>
        <v>0.35812558553457485</v>
      </c>
      <c r="J6370" s="58">
        <f>Bühler!J6396</f>
        <v>4.6787113265117917</v>
      </c>
      <c r="K6370" s="58">
        <f>Bühler!K6396</f>
        <v>0.21983344992531656</v>
      </c>
      <c r="L6370" s="58">
        <f>Bühler!L6396</f>
        <v>0.10991672496265828</v>
      </c>
      <c r="M6370" s="57">
        <f>Bühler!M6396</f>
        <v>0</v>
      </c>
      <c r="N6370" s="55">
        <f>IF(Input!$K$13=1,J6370*Input!$J$13,0)+IF(Input!$K$14=1,K6370*Input!$J$14,0)+IF(Input!$K$15=1,L6370*Input!$J$15,0)+IF(Input!$K$16=1,M6370*Input!$J$16,0)</f>
        <v>0.56144535918141503</v>
      </c>
      <c r="O6370" s="58">
        <f>IF(Input!$K$13=2,J6370*Input!$J$13,0)+IF(Input!$K$14=2,K6370*Input!$J$14,0)+IF(Input!$K$15=2,L6370*Input!$J$15,0)+IF(Input!$K$16=2,M6370*Input!$J$16,0)</f>
        <v>2.9677515739917733E-2</v>
      </c>
      <c r="P6370" s="58">
        <f>IF(Input!$K$13=3,J6370*Input!$J$13,0)+IF(Input!$K$14=3,K6370*Input!$J$14,0)+IF(Input!$K$15=3,L6370*Input!$J$15,0)+IF(Input!$K$16=3,M6370*Input!$J$16,0)</f>
        <v>0</v>
      </c>
      <c r="Q6370" s="71">
        <f>IF(Input!$K$13=4,J6370*Input!$J$13,0)+IF(Input!$K$14=4,K6370*Input!$J$14,0)+IF(Input!$K$15=4,L6370*Input!$J$15,0)+IF(Input!$K$16=4,M6370*Input!$J$16,0)</f>
        <v>0</v>
      </c>
    </row>
    <row r="6371" spans="8:17" x14ac:dyDescent="0.25">
      <c r="H6371" s="43">
        <v>6364</v>
      </c>
      <c r="I6371" s="55">
        <f>Bühler!I6397</f>
        <v>0.35812558553457485</v>
      </c>
      <c r="J6371" s="58">
        <f>Bühler!J6397</f>
        <v>4.6787113265117917</v>
      </c>
      <c r="K6371" s="58">
        <f>Bühler!K6397</f>
        <v>0.21983344992531656</v>
      </c>
      <c r="L6371" s="58">
        <f>Bühler!L6397</f>
        <v>0.10991672496265828</v>
      </c>
      <c r="M6371" s="57">
        <f>Bühler!M6397</f>
        <v>0</v>
      </c>
      <c r="N6371" s="55">
        <f>IF(Input!$K$13=1,J6371*Input!$J$13,0)+IF(Input!$K$14=1,K6371*Input!$J$14,0)+IF(Input!$K$15=1,L6371*Input!$J$15,0)+IF(Input!$K$16=1,M6371*Input!$J$16,0)</f>
        <v>0.56144535918141503</v>
      </c>
      <c r="O6371" s="58">
        <f>IF(Input!$K$13=2,J6371*Input!$J$13,0)+IF(Input!$K$14=2,K6371*Input!$J$14,0)+IF(Input!$K$15=2,L6371*Input!$J$15,0)+IF(Input!$K$16=2,M6371*Input!$J$16,0)</f>
        <v>2.9677515739917733E-2</v>
      </c>
      <c r="P6371" s="58">
        <f>IF(Input!$K$13=3,J6371*Input!$J$13,0)+IF(Input!$K$14=3,K6371*Input!$J$14,0)+IF(Input!$K$15=3,L6371*Input!$J$15,0)+IF(Input!$K$16=3,M6371*Input!$J$16,0)</f>
        <v>0</v>
      </c>
      <c r="Q6371" s="71">
        <f>IF(Input!$K$13=4,J6371*Input!$J$13,0)+IF(Input!$K$14=4,K6371*Input!$J$14,0)+IF(Input!$K$15=4,L6371*Input!$J$15,0)+IF(Input!$K$16=4,M6371*Input!$J$16,0)</f>
        <v>0</v>
      </c>
    </row>
    <row r="6372" spans="8:17" x14ac:dyDescent="0.25">
      <c r="H6372" s="43">
        <v>6365</v>
      </c>
      <c r="I6372" s="55">
        <f>Bühler!I6398</f>
        <v>0.35812558553457485</v>
      </c>
      <c r="J6372" s="58">
        <f>Bühler!J6398</f>
        <v>4.6787113265117917</v>
      </c>
      <c r="K6372" s="58">
        <f>Bühler!K6398</f>
        <v>0.21983344992531656</v>
      </c>
      <c r="L6372" s="58">
        <f>Bühler!L6398</f>
        <v>0.10991672496265828</v>
      </c>
      <c r="M6372" s="57">
        <f>Bühler!M6398</f>
        <v>0</v>
      </c>
      <c r="N6372" s="55">
        <f>IF(Input!$K$13=1,J6372*Input!$J$13,0)+IF(Input!$K$14=1,K6372*Input!$J$14,0)+IF(Input!$K$15=1,L6372*Input!$J$15,0)+IF(Input!$K$16=1,M6372*Input!$J$16,0)</f>
        <v>0.56144535918141503</v>
      </c>
      <c r="O6372" s="58">
        <f>IF(Input!$K$13=2,J6372*Input!$J$13,0)+IF(Input!$K$14=2,K6372*Input!$J$14,0)+IF(Input!$K$15=2,L6372*Input!$J$15,0)+IF(Input!$K$16=2,M6372*Input!$J$16,0)</f>
        <v>2.9677515739917733E-2</v>
      </c>
      <c r="P6372" s="58">
        <f>IF(Input!$K$13=3,J6372*Input!$J$13,0)+IF(Input!$K$14=3,K6372*Input!$J$14,0)+IF(Input!$K$15=3,L6372*Input!$J$15,0)+IF(Input!$K$16=3,M6372*Input!$J$16,0)</f>
        <v>0</v>
      </c>
      <c r="Q6372" s="71">
        <f>IF(Input!$K$13=4,J6372*Input!$J$13,0)+IF(Input!$K$14=4,K6372*Input!$J$14,0)+IF(Input!$K$15=4,L6372*Input!$J$15,0)+IF(Input!$K$16=4,M6372*Input!$J$16,0)</f>
        <v>0</v>
      </c>
    </row>
    <row r="6373" spans="8:17" x14ac:dyDescent="0.25">
      <c r="H6373" s="43">
        <v>6366</v>
      </c>
      <c r="I6373" s="55">
        <f>Bühler!I6399</f>
        <v>0.4454732893234955</v>
      </c>
      <c r="J6373" s="58">
        <f>Bühler!J6399</f>
        <v>4.6823508141696628</v>
      </c>
      <c r="K6373" s="58">
        <f>Bühler!K6399</f>
        <v>0.21983344992531656</v>
      </c>
      <c r="L6373" s="58">
        <f>Bühler!L6399</f>
        <v>0.10991672496265828</v>
      </c>
      <c r="M6373" s="57">
        <f>Bühler!M6399</f>
        <v>0</v>
      </c>
      <c r="N6373" s="55">
        <f>IF(Input!$K$13=1,J6373*Input!$J$13,0)+IF(Input!$K$14=1,K6373*Input!$J$14,0)+IF(Input!$K$15=1,L6373*Input!$J$15,0)+IF(Input!$K$16=1,M6373*Input!$J$16,0)</f>
        <v>0.56188209770035946</v>
      </c>
      <c r="O6373" s="58">
        <f>IF(Input!$K$13=2,J6373*Input!$J$13,0)+IF(Input!$K$14=2,K6373*Input!$J$14,0)+IF(Input!$K$15=2,L6373*Input!$J$15,0)+IF(Input!$K$16=2,M6373*Input!$J$16,0)</f>
        <v>2.9677515739917733E-2</v>
      </c>
      <c r="P6373" s="58">
        <f>IF(Input!$K$13=3,J6373*Input!$J$13,0)+IF(Input!$K$14=3,K6373*Input!$J$14,0)+IF(Input!$K$15=3,L6373*Input!$J$15,0)+IF(Input!$K$16=3,M6373*Input!$J$16,0)</f>
        <v>0</v>
      </c>
      <c r="Q6373" s="71">
        <f>IF(Input!$K$13=4,J6373*Input!$J$13,0)+IF(Input!$K$14=4,K6373*Input!$J$14,0)+IF(Input!$K$15=4,L6373*Input!$J$15,0)+IF(Input!$K$16=4,M6373*Input!$J$16,0)</f>
        <v>0</v>
      </c>
    </row>
    <row r="6374" spans="8:17" x14ac:dyDescent="0.25">
      <c r="H6374" s="43">
        <v>6367</v>
      </c>
      <c r="I6374" s="55">
        <f>Bühler!I6400</f>
        <v>0.55902530424909236</v>
      </c>
      <c r="J6374" s="58">
        <f>Bühler!J6400</f>
        <v>4.6870821481248957</v>
      </c>
      <c r="K6374" s="58">
        <f>Bühler!K6400</f>
        <v>0.21983344992531656</v>
      </c>
      <c r="L6374" s="58">
        <f>Bühler!L6400</f>
        <v>0.10991672496265828</v>
      </c>
      <c r="M6374" s="57">
        <f>Bühler!M6400</f>
        <v>0</v>
      </c>
      <c r="N6374" s="55">
        <f>IF(Input!$K$13=1,J6374*Input!$J$13,0)+IF(Input!$K$14=1,K6374*Input!$J$14,0)+IF(Input!$K$15=1,L6374*Input!$J$15,0)+IF(Input!$K$16=1,M6374*Input!$J$16,0)</f>
        <v>0.56244985777498746</v>
      </c>
      <c r="O6374" s="58">
        <f>IF(Input!$K$13=2,J6374*Input!$J$13,0)+IF(Input!$K$14=2,K6374*Input!$J$14,0)+IF(Input!$K$15=2,L6374*Input!$J$15,0)+IF(Input!$K$16=2,M6374*Input!$J$16,0)</f>
        <v>2.9677515739917733E-2</v>
      </c>
      <c r="P6374" s="58">
        <f>IF(Input!$K$13=3,J6374*Input!$J$13,0)+IF(Input!$K$14=3,K6374*Input!$J$14,0)+IF(Input!$K$15=3,L6374*Input!$J$15,0)+IF(Input!$K$16=3,M6374*Input!$J$16,0)</f>
        <v>0</v>
      </c>
      <c r="Q6374" s="71">
        <f>IF(Input!$K$13=4,J6374*Input!$J$13,0)+IF(Input!$K$14=4,K6374*Input!$J$14,0)+IF(Input!$K$15=4,L6374*Input!$J$15,0)+IF(Input!$K$16=4,M6374*Input!$J$16,0)</f>
        <v>0</v>
      </c>
    </row>
    <row r="6375" spans="8:17" x14ac:dyDescent="0.25">
      <c r="H6375" s="43">
        <v>6368</v>
      </c>
      <c r="I6375" s="55">
        <f>Bühler!I6401</f>
        <v>0.63763823765912098</v>
      </c>
      <c r="J6375" s="58">
        <f>Bühler!J6401</f>
        <v>4.6903576870169807</v>
      </c>
      <c r="K6375" s="58">
        <f>Bühler!K6401</f>
        <v>0.21983344992531656</v>
      </c>
      <c r="L6375" s="58">
        <f>Bühler!L6401</f>
        <v>0.10991672496265828</v>
      </c>
      <c r="M6375" s="57">
        <f>Bühler!M6401</f>
        <v>0</v>
      </c>
      <c r="N6375" s="55">
        <f>IF(Input!$K$13=1,J6375*Input!$J$13,0)+IF(Input!$K$14=1,K6375*Input!$J$14,0)+IF(Input!$K$15=1,L6375*Input!$J$15,0)+IF(Input!$K$16=1,M6375*Input!$J$16,0)</f>
        <v>0.56284292244203771</v>
      </c>
      <c r="O6375" s="58">
        <f>IF(Input!$K$13=2,J6375*Input!$J$13,0)+IF(Input!$K$14=2,K6375*Input!$J$14,0)+IF(Input!$K$15=2,L6375*Input!$J$15,0)+IF(Input!$K$16=2,M6375*Input!$J$16,0)</f>
        <v>2.9677515739917733E-2</v>
      </c>
      <c r="P6375" s="58">
        <f>IF(Input!$K$13=3,J6375*Input!$J$13,0)+IF(Input!$K$14=3,K6375*Input!$J$14,0)+IF(Input!$K$15=3,L6375*Input!$J$15,0)+IF(Input!$K$16=3,M6375*Input!$J$16,0)</f>
        <v>0</v>
      </c>
      <c r="Q6375" s="71">
        <f>IF(Input!$K$13=4,J6375*Input!$J$13,0)+IF(Input!$K$14=4,K6375*Input!$J$14,0)+IF(Input!$K$15=4,L6375*Input!$J$15,0)+IF(Input!$K$16=4,M6375*Input!$J$16,0)</f>
        <v>0</v>
      </c>
    </row>
    <row r="6376" spans="8:17" x14ac:dyDescent="0.25">
      <c r="H6376" s="43">
        <v>6369</v>
      </c>
      <c r="I6376" s="55">
        <f>Bühler!I6402</f>
        <v>0.63763823765912098</v>
      </c>
      <c r="J6376" s="58">
        <f>Bühler!J6402</f>
        <v>4.6903576870169807</v>
      </c>
      <c r="K6376" s="58">
        <f>Bühler!K6402</f>
        <v>0.21983344992531656</v>
      </c>
      <c r="L6376" s="58">
        <f>Bühler!L6402</f>
        <v>0.10991672496265828</v>
      </c>
      <c r="M6376" s="57">
        <f>Bühler!M6402</f>
        <v>0</v>
      </c>
      <c r="N6376" s="55">
        <f>IF(Input!$K$13=1,J6376*Input!$J$13,0)+IF(Input!$K$14=1,K6376*Input!$J$14,0)+IF(Input!$K$15=1,L6376*Input!$J$15,0)+IF(Input!$K$16=1,M6376*Input!$J$16,0)</f>
        <v>0.56284292244203771</v>
      </c>
      <c r="O6376" s="58">
        <f>IF(Input!$K$13=2,J6376*Input!$J$13,0)+IF(Input!$K$14=2,K6376*Input!$J$14,0)+IF(Input!$K$15=2,L6376*Input!$J$15,0)+IF(Input!$K$16=2,M6376*Input!$J$16,0)</f>
        <v>2.9677515739917733E-2</v>
      </c>
      <c r="P6376" s="58">
        <f>IF(Input!$K$13=3,J6376*Input!$J$13,0)+IF(Input!$K$14=3,K6376*Input!$J$14,0)+IF(Input!$K$15=3,L6376*Input!$J$15,0)+IF(Input!$K$16=3,M6376*Input!$J$16,0)</f>
        <v>0</v>
      </c>
      <c r="Q6376" s="71">
        <f>IF(Input!$K$13=4,J6376*Input!$J$13,0)+IF(Input!$K$14=4,K6376*Input!$J$14,0)+IF(Input!$K$15=4,L6376*Input!$J$15,0)+IF(Input!$K$16=4,M6376*Input!$J$16,0)</f>
        <v>0</v>
      </c>
    </row>
    <row r="6377" spans="8:17" x14ac:dyDescent="0.25">
      <c r="H6377" s="43">
        <v>6370</v>
      </c>
      <c r="I6377" s="55">
        <f>Bühler!I6403</f>
        <v>0.63763823765912098</v>
      </c>
      <c r="J6377" s="58">
        <f>Bühler!J6403</f>
        <v>4.6903576870169807</v>
      </c>
      <c r="K6377" s="58">
        <f>Bühler!K6403</f>
        <v>0.21983344992531656</v>
      </c>
      <c r="L6377" s="58">
        <f>Bühler!L6403</f>
        <v>0.10991672496265828</v>
      </c>
      <c r="M6377" s="57">
        <f>Bühler!M6403</f>
        <v>0</v>
      </c>
      <c r="N6377" s="55">
        <f>IF(Input!$K$13=1,J6377*Input!$J$13,0)+IF(Input!$K$14=1,K6377*Input!$J$14,0)+IF(Input!$K$15=1,L6377*Input!$J$15,0)+IF(Input!$K$16=1,M6377*Input!$J$16,0)</f>
        <v>0.56284292244203771</v>
      </c>
      <c r="O6377" s="58">
        <f>IF(Input!$K$13=2,J6377*Input!$J$13,0)+IF(Input!$K$14=2,K6377*Input!$J$14,0)+IF(Input!$K$15=2,L6377*Input!$J$15,0)+IF(Input!$K$16=2,M6377*Input!$J$16,0)</f>
        <v>2.9677515739917733E-2</v>
      </c>
      <c r="P6377" s="58">
        <f>IF(Input!$K$13=3,J6377*Input!$J$13,0)+IF(Input!$K$14=3,K6377*Input!$J$14,0)+IF(Input!$K$15=3,L6377*Input!$J$15,0)+IF(Input!$K$16=3,M6377*Input!$J$16,0)</f>
        <v>0</v>
      </c>
      <c r="Q6377" s="71">
        <f>IF(Input!$K$13=4,J6377*Input!$J$13,0)+IF(Input!$K$14=4,K6377*Input!$J$14,0)+IF(Input!$K$15=4,L6377*Input!$J$15,0)+IF(Input!$K$16=4,M6377*Input!$J$16,0)</f>
        <v>0</v>
      </c>
    </row>
    <row r="6378" spans="8:17" x14ac:dyDescent="0.25">
      <c r="H6378" s="43">
        <v>6371</v>
      </c>
      <c r="I6378" s="55">
        <f>Bühler!I6404</f>
        <v>0.63763823765912098</v>
      </c>
      <c r="J6378" s="58">
        <f>Bühler!J6404</f>
        <v>4.6903576870169807</v>
      </c>
      <c r="K6378" s="58">
        <f>Bühler!K6404</f>
        <v>0.21983344992531656</v>
      </c>
      <c r="L6378" s="58">
        <f>Bühler!L6404</f>
        <v>0.10991672496265828</v>
      </c>
      <c r="M6378" s="57">
        <f>Bühler!M6404</f>
        <v>0</v>
      </c>
      <c r="N6378" s="55">
        <f>IF(Input!$K$13=1,J6378*Input!$J$13,0)+IF(Input!$K$14=1,K6378*Input!$J$14,0)+IF(Input!$K$15=1,L6378*Input!$J$15,0)+IF(Input!$K$16=1,M6378*Input!$J$16,0)</f>
        <v>0.56284292244203771</v>
      </c>
      <c r="O6378" s="58">
        <f>IF(Input!$K$13=2,J6378*Input!$J$13,0)+IF(Input!$K$14=2,K6378*Input!$J$14,0)+IF(Input!$K$15=2,L6378*Input!$J$15,0)+IF(Input!$K$16=2,M6378*Input!$J$16,0)</f>
        <v>2.9677515739917733E-2</v>
      </c>
      <c r="P6378" s="58">
        <f>IF(Input!$K$13=3,J6378*Input!$J$13,0)+IF(Input!$K$14=3,K6378*Input!$J$14,0)+IF(Input!$K$15=3,L6378*Input!$J$15,0)+IF(Input!$K$16=3,M6378*Input!$J$16,0)</f>
        <v>0</v>
      </c>
      <c r="Q6378" s="71">
        <f>IF(Input!$K$13=4,J6378*Input!$J$13,0)+IF(Input!$K$14=4,K6378*Input!$J$14,0)+IF(Input!$K$15=4,L6378*Input!$J$15,0)+IF(Input!$K$16=4,M6378*Input!$J$16,0)</f>
        <v>0</v>
      </c>
    </row>
    <row r="6379" spans="8:17" x14ac:dyDescent="0.25">
      <c r="H6379" s="43">
        <v>6372</v>
      </c>
      <c r="I6379" s="55">
        <f>Bühler!I6405</f>
        <v>0.63763823765912098</v>
      </c>
      <c r="J6379" s="58">
        <f>Bühler!J6405</f>
        <v>4.6903576870169807</v>
      </c>
      <c r="K6379" s="58">
        <f>Bühler!K6405</f>
        <v>0.21983344992531656</v>
      </c>
      <c r="L6379" s="58">
        <f>Bühler!L6405</f>
        <v>0.10991672496265828</v>
      </c>
      <c r="M6379" s="57">
        <f>Bühler!M6405</f>
        <v>0</v>
      </c>
      <c r="N6379" s="55">
        <f>IF(Input!$K$13=1,J6379*Input!$J$13,0)+IF(Input!$K$14=1,K6379*Input!$J$14,0)+IF(Input!$K$15=1,L6379*Input!$J$15,0)+IF(Input!$K$16=1,M6379*Input!$J$16,0)</f>
        <v>0.56284292244203771</v>
      </c>
      <c r="O6379" s="58">
        <f>IF(Input!$K$13=2,J6379*Input!$J$13,0)+IF(Input!$K$14=2,K6379*Input!$J$14,0)+IF(Input!$K$15=2,L6379*Input!$J$15,0)+IF(Input!$K$16=2,M6379*Input!$J$16,0)</f>
        <v>2.9677515739917733E-2</v>
      </c>
      <c r="P6379" s="58">
        <f>IF(Input!$K$13=3,J6379*Input!$J$13,0)+IF(Input!$K$14=3,K6379*Input!$J$14,0)+IF(Input!$K$15=3,L6379*Input!$J$15,0)+IF(Input!$K$16=3,M6379*Input!$J$16,0)</f>
        <v>0</v>
      </c>
      <c r="Q6379" s="71">
        <f>IF(Input!$K$13=4,J6379*Input!$J$13,0)+IF(Input!$K$14=4,K6379*Input!$J$14,0)+IF(Input!$K$15=4,L6379*Input!$J$15,0)+IF(Input!$K$16=4,M6379*Input!$J$16,0)</f>
        <v>0</v>
      </c>
    </row>
    <row r="6380" spans="8:17" x14ac:dyDescent="0.25">
      <c r="H6380" s="43">
        <v>6373</v>
      </c>
      <c r="I6380" s="55">
        <f>Bühler!I6406</f>
        <v>0.63763823765912098</v>
      </c>
      <c r="J6380" s="58">
        <f>Bühler!J6406</f>
        <v>4.6903576870169807</v>
      </c>
      <c r="K6380" s="58">
        <f>Bühler!K6406</f>
        <v>0.21983344992531656</v>
      </c>
      <c r="L6380" s="58">
        <f>Bühler!L6406</f>
        <v>0.10991672496265828</v>
      </c>
      <c r="M6380" s="57">
        <f>Bühler!M6406</f>
        <v>0</v>
      </c>
      <c r="N6380" s="55">
        <f>IF(Input!$K$13=1,J6380*Input!$J$13,0)+IF(Input!$K$14=1,K6380*Input!$J$14,0)+IF(Input!$K$15=1,L6380*Input!$J$15,0)+IF(Input!$K$16=1,M6380*Input!$J$16,0)</f>
        <v>0.56284292244203771</v>
      </c>
      <c r="O6380" s="58">
        <f>IF(Input!$K$13=2,J6380*Input!$J$13,0)+IF(Input!$K$14=2,K6380*Input!$J$14,0)+IF(Input!$K$15=2,L6380*Input!$J$15,0)+IF(Input!$K$16=2,M6380*Input!$J$16,0)</f>
        <v>2.9677515739917733E-2</v>
      </c>
      <c r="P6380" s="58">
        <f>IF(Input!$K$13=3,J6380*Input!$J$13,0)+IF(Input!$K$14=3,K6380*Input!$J$14,0)+IF(Input!$K$15=3,L6380*Input!$J$15,0)+IF(Input!$K$16=3,M6380*Input!$J$16,0)</f>
        <v>0</v>
      </c>
      <c r="Q6380" s="71">
        <f>IF(Input!$K$13=4,J6380*Input!$J$13,0)+IF(Input!$K$14=4,K6380*Input!$J$14,0)+IF(Input!$K$15=4,L6380*Input!$J$15,0)+IF(Input!$K$16=4,M6380*Input!$J$16,0)</f>
        <v>0</v>
      </c>
    </row>
    <row r="6381" spans="8:17" x14ac:dyDescent="0.25">
      <c r="H6381" s="43">
        <v>6374</v>
      </c>
      <c r="I6381" s="55">
        <f>Bühler!I6407</f>
        <v>0.63763823765912098</v>
      </c>
      <c r="J6381" s="58">
        <f>Bühler!J6407</f>
        <v>4.6903576870169807</v>
      </c>
      <c r="K6381" s="58">
        <f>Bühler!K6407</f>
        <v>0.21983344992531656</v>
      </c>
      <c r="L6381" s="58">
        <f>Bühler!L6407</f>
        <v>0.10991672496265828</v>
      </c>
      <c r="M6381" s="57">
        <f>Bühler!M6407</f>
        <v>0</v>
      </c>
      <c r="N6381" s="55">
        <f>IF(Input!$K$13=1,J6381*Input!$J$13,0)+IF(Input!$K$14=1,K6381*Input!$J$14,0)+IF(Input!$K$15=1,L6381*Input!$J$15,0)+IF(Input!$K$16=1,M6381*Input!$J$16,0)</f>
        <v>0.56284292244203771</v>
      </c>
      <c r="O6381" s="58">
        <f>IF(Input!$K$13=2,J6381*Input!$J$13,0)+IF(Input!$K$14=2,K6381*Input!$J$14,0)+IF(Input!$K$15=2,L6381*Input!$J$15,0)+IF(Input!$K$16=2,M6381*Input!$J$16,0)</f>
        <v>2.9677515739917733E-2</v>
      </c>
      <c r="P6381" s="58">
        <f>IF(Input!$K$13=3,J6381*Input!$J$13,0)+IF(Input!$K$14=3,K6381*Input!$J$14,0)+IF(Input!$K$15=3,L6381*Input!$J$15,0)+IF(Input!$K$16=3,M6381*Input!$J$16,0)</f>
        <v>0</v>
      </c>
      <c r="Q6381" s="71">
        <f>IF(Input!$K$13=4,J6381*Input!$J$13,0)+IF(Input!$K$14=4,K6381*Input!$J$14,0)+IF(Input!$K$15=4,L6381*Input!$J$15,0)+IF(Input!$K$16=4,M6381*Input!$J$16,0)</f>
        <v>0</v>
      </c>
    </row>
    <row r="6382" spans="8:17" x14ac:dyDescent="0.25">
      <c r="H6382" s="43">
        <v>6375</v>
      </c>
      <c r="I6382" s="55">
        <f>Bühler!I6408</f>
        <v>0.63763823765912098</v>
      </c>
      <c r="J6382" s="58">
        <f>Bühler!J6408</f>
        <v>4.6903576870169807</v>
      </c>
      <c r="K6382" s="58">
        <f>Bühler!K6408</f>
        <v>0.21983344992531656</v>
      </c>
      <c r="L6382" s="58">
        <f>Bühler!L6408</f>
        <v>0.10991672496265828</v>
      </c>
      <c r="M6382" s="57">
        <f>Bühler!M6408</f>
        <v>0</v>
      </c>
      <c r="N6382" s="55">
        <f>IF(Input!$K$13=1,J6382*Input!$J$13,0)+IF(Input!$K$14=1,K6382*Input!$J$14,0)+IF(Input!$K$15=1,L6382*Input!$J$15,0)+IF(Input!$K$16=1,M6382*Input!$J$16,0)</f>
        <v>0.56284292244203771</v>
      </c>
      <c r="O6382" s="58">
        <f>IF(Input!$K$13=2,J6382*Input!$J$13,0)+IF(Input!$K$14=2,K6382*Input!$J$14,0)+IF(Input!$K$15=2,L6382*Input!$J$15,0)+IF(Input!$K$16=2,M6382*Input!$J$16,0)</f>
        <v>2.9677515739917733E-2</v>
      </c>
      <c r="P6382" s="58">
        <f>IF(Input!$K$13=3,J6382*Input!$J$13,0)+IF(Input!$K$14=3,K6382*Input!$J$14,0)+IF(Input!$K$15=3,L6382*Input!$J$15,0)+IF(Input!$K$16=3,M6382*Input!$J$16,0)</f>
        <v>0</v>
      </c>
      <c r="Q6382" s="71">
        <f>IF(Input!$K$13=4,J6382*Input!$J$13,0)+IF(Input!$K$14=4,K6382*Input!$J$14,0)+IF(Input!$K$15=4,L6382*Input!$J$15,0)+IF(Input!$K$16=4,M6382*Input!$J$16,0)</f>
        <v>0</v>
      </c>
    </row>
    <row r="6383" spans="8:17" x14ac:dyDescent="0.25">
      <c r="H6383" s="43">
        <v>6376</v>
      </c>
      <c r="I6383" s="55">
        <f>Bühler!I6409</f>
        <v>0.57649484500687653</v>
      </c>
      <c r="J6383" s="58">
        <f>Bühler!J6409</f>
        <v>4.6878100456564704</v>
      </c>
      <c r="K6383" s="58">
        <f>Bühler!K6409</f>
        <v>0.21983344992531656</v>
      </c>
      <c r="L6383" s="58">
        <f>Bühler!L6409</f>
        <v>0.10991672496265828</v>
      </c>
      <c r="M6383" s="57">
        <f>Bühler!M6409</f>
        <v>0</v>
      </c>
      <c r="N6383" s="55">
        <f>IF(Input!$K$13=1,J6383*Input!$J$13,0)+IF(Input!$K$14=1,K6383*Input!$J$14,0)+IF(Input!$K$15=1,L6383*Input!$J$15,0)+IF(Input!$K$16=1,M6383*Input!$J$16,0)</f>
        <v>0.56253720547877639</v>
      </c>
      <c r="O6383" s="58">
        <f>IF(Input!$K$13=2,J6383*Input!$J$13,0)+IF(Input!$K$14=2,K6383*Input!$J$14,0)+IF(Input!$K$15=2,L6383*Input!$J$15,0)+IF(Input!$K$16=2,M6383*Input!$J$16,0)</f>
        <v>2.9677515739917733E-2</v>
      </c>
      <c r="P6383" s="58">
        <f>IF(Input!$K$13=3,J6383*Input!$J$13,0)+IF(Input!$K$14=3,K6383*Input!$J$14,0)+IF(Input!$K$15=3,L6383*Input!$J$15,0)+IF(Input!$K$16=3,M6383*Input!$J$16,0)</f>
        <v>0</v>
      </c>
      <c r="Q6383" s="71">
        <f>IF(Input!$K$13=4,J6383*Input!$J$13,0)+IF(Input!$K$14=4,K6383*Input!$J$14,0)+IF(Input!$K$15=4,L6383*Input!$J$15,0)+IF(Input!$K$16=4,M6383*Input!$J$16,0)</f>
        <v>0</v>
      </c>
    </row>
    <row r="6384" spans="8:17" x14ac:dyDescent="0.25">
      <c r="H6384" s="43">
        <v>6377</v>
      </c>
      <c r="I6384" s="55">
        <f>Bühler!I6410</f>
        <v>0.52408622273352401</v>
      </c>
      <c r="J6384" s="58">
        <f>Bühler!J6410</f>
        <v>4.685626353061747</v>
      </c>
      <c r="K6384" s="58">
        <f>Bühler!K6410</f>
        <v>0.21983344992531656</v>
      </c>
      <c r="L6384" s="58">
        <f>Bühler!L6410</f>
        <v>0.10991672496265828</v>
      </c>
      <c r="M6384" s="57">
        <f>Bühler!M6410</f>
        <v>0</v>
      </c>
      <c r="N6384" s="55">
        <f>IF(Input!$K$13=1,J6384*Input!$J$13,0)+IF(Input!$K$14=1,K6384*Input!$J$14,0)+IF(Input!$K$15=1,L6384*Input!$J$15,0)+IF(Input!$K$16=1,M6384*Input!$J$16,0)</f>
        <v>0.5622751623674096</v>
      </c>
      <c r="O6384" s="58">
        <f>IF(Input!$K$13=2,J6384*Input!$J$13,0)+IF(Input!$K$14=2,K6384*Input!$J$14,0)+IF(Input!$K$15=2,L6384*Input!$J$15,0)+IF(Input!$K$16=2,M6384*Input!$J$16,0)</f>
        <v>2.9677515739917733E-2</v>
      </c>
      <c r="P6384" s="58">
        <f>IF(Input!$K$13=3,J6384*Input!$J$13,0)+IF(Input!$K$14=3,K6384*Input!$J$14,0)+IF(Input!$K$15=3,L6384*Input!$J$15,0)+IF(Input!$K$16=3,M6384*Input!$J$16,0)</f>
        <v>0</v>
      </c>
      <c r="Q6384" s="71">
        <f>IF(Input!$K$13=4,J6384*Input!$J$13,0)+IF(Input!$K$14=4,K6384*Input!$J$14,0)+IF(Input!$K$15=4,L6384*Input!$J$15,0)+IF(Input!$K$16=4,M6384*Input!$J$16,0)</f>
        <v>0</v>
      </c>
    </row>
    <row r="6385" spans="8:17" x14ac:dyDescent="0.25">
      <c r="H6385" s="43">
        <v>6378</v>
      </c>
      <c r="I6385" s="55">
        <f>Bühler!I6411</f>
        <v>0.47167760046017165</v>
      </c>
      <c r="J6385" s="58">
        <f>Bühler!J6411</f>
        <v>4.6834426604670245</v>
      </c>
      <c r="K6385" s="58">
        <f>Bühler!K6411</f>
        <v>0.21983344992531656</v>
      </c>
      <c r="L6385" s="58">
        <f>Bühler!L6411</f>
        <v>0.10991672496265828</v>
      </c>
      <c r="M6385" s="57">
        <f>Bühler!M6411</f>
        <v>0</v>
      </c>
      <c r="N6385" s="55">
        <f>IF(Input!$K$13=1,J6385*Input!$J$13,0)+IF(Input!$K$14=1,K6385*Input!$J$14,0)+IF(Input!$K$15=1,L6385*Input!$J$15,0)+IF(Input!$K$16=1,M6385*Input!$J$16,0)</f>
        <v>0.56201311925604291</v>
      </c>
      <c r="O6385" s="58">
        <f>IF(Input!$K$13=2,J6385*Input!$J$13,0)+IF(Input!$K$14=2,K6385*Input!$J$14,0)+IF(Input!$K$15=2,L6385*Input!$J$15,0)+IF(Input!$K$16=2,M6385*Input!$J$16,0)</f>
        <v>2.9677515739917733E-2</v>
      </c>
      <c r="P6385" s="58">
        <f>IF(Input!$K$13=3,J6385*Input!$J$13,0)+IF(Input!$K$14=3,K6385*Input!$J$14,0)+IF(Input!$K$15=3,L6385*Input!$J$15,0)+IF(Input!$K$16=3,M6385*Input!$J$16,0)</f>
        <v>0</v>
      </c>
      <c r="Q6385" s="71">
        <f>IF(Input!$K$13=4,J6385*Input!$J$13,0)+IF(Input!$K$14=4,K6385*Input!$J$14,0)+IF(Input!$K$15=4,L6385*Input!$J$15,0)+IF(Input!$K$16=4,M6385*Input!$J$16,0)</f>
        <v>0</v>
      </c>
    </row>
    <row r="6386" spans="8:17" x14ac:dyDescent="0.25">
      <c r="H6386" s="43">
        <v>6379</v>
      </c>
      <c r="I6386" s="55">
        <f>Bühler!I6412</f>
        <v>0.45420805970238748</v>
      </c>
      <c r="J6386" s="58">
        <f>Bühler!J6412</f>
        <v>4.6827147629354497</v>
      </c>
      <c r="K6386" s="58">
        <f>Bühler!K6412</f>
        <v>0.21983344992531656</v>
      </c>
      <c r="L6386" s="58">
        <f>Bühler!L6412</f>
        <v>0.10991672496265828</v>
      </c>
      <c r="M6386" s="57">
        <f>Bühler!M6412</f>
        <v>0</v>
      </c>
      <c r="N6386" s="55">
        <f>IF(Input!$K$13=1,J6386*Input!$J$13,0)+IF(Input!$K$14=1,K6386*Input!$J$14,0)+IF(Input!$K$15=1,L6386*Input!$J$15,0)+IF(Input!$K$16=1,M6386*Input!$J$16,0)</f>
        <v>0.56192577155225398</v>
      </c>
      <c r="O6386" s="58">
        <f>IF(Input!$K$13=2,J6386*Input!$J$13,0)+IF(Input!$K$14=2,K6386*Input!$J$14,0)+IF(Input!$K$15=2,L6386*Input!$J$15,0)+IF(Input!$K$16=2,M6386*Input!$J$16,0)</f>
        <v>2.9677515739917733E-2</v>
      </c>
      <c r="P6386" s="58">
        <f>IF(Input!$K$13=3,J6386*Input!$J$13,0)+IF(Input!$K$14=3,K6386*Input!$J$14,0)+IF(Input!$K$15=3,L6386*Input!$J$15,0)+IF(Input!$K$16=3,M6386*Input!$J$16,0)</f>
        <v>0</v>
      </c>
      <c r="Q6386" s="71">
        <f>IF(Input!$K$13=4,J6386*Input!$J$13,0)+IF(Input!$K$14=4,K6386*Input!$J$14,0)+IF(Input!$K$15=4,L6386*Input!$J$15,0)+IF(Input!$K$16=4,M6386*Input!$J$16,0)</f>
        <v>0</v>
      </c>
    </row>
    <row r="6387" spans="8:17" x14ac:dyDescent="0.25">
      <c r="H6387" s="43">
        <v>6380</v>
      </c>
      <c r="I6387" s="55">
        <f>Bühler!I6413</f>
        <v>0.36686035591346683</v>
      </c>
      <c r="J6387" s="58">
        <f>Bühler!J6413</f>
        <v>4.6790752752775786</v>
      </c>
      <c r="K6387" s="58">
        <f>Bühler!K6413</f>
        <v>0.21983344992531656</v>
      </c>
      <c r="L6387" s="58">
        <f>Bühler!L6413</f>
        <v>0.10991672496265828</v>
      </c>
      <c r="M6387" s="57">
        <f>Bühler!M6413</f>
        <v>0</v>
      </c>
      <c r="N6387" s="55">
        <f>IF(Input!$K$13=1,J6387*Input!$J$13,0)+IF(Input!$K$14=1,K6387*Input!$J$14,0)+IF(Input!$K$15=1,L6387*Input!$J$15,0)+IF(Input!$K$16=1,M6387*Input!$J$16,0)</f>
        <v>0.56148903303330944</v>
      </c>
      <c r="O6387" s="58">
        <f>IF(Input!$K$13=2,J6387*Input!$J$13,0)+IF(Input!$K$14=2,K6387*Input!$J$14,0)+IF(Input!$K$15=2,L6387*Input!$J$15,0)+IF(Input!$K$16=2,M6387*Input!$J$16,0)</f>
        <v>2.9677515739917733E-2</v>
      </c>
      <c r="P6387" s="58">
        <f>IF(Input!$K$13=3,J6387*Input!$J$13,0)+IF(Input!$K$14=3,K6387*Input!$J$14,0)+IF(Input!$K$15=3,L6387*Input!$J$15,0)+IF(Input!$K$16=3,M6387*Input!$J$16,0)</f>
        <v>0</v>
      </c>
      <c r="Q6387" s="71">
        <f>IF(Input!$K$13=4,J6387*Input!$J$13,0)+IF(Input!$K$14=4,K6387*Input!$J$14,0)+IF(Input!$K$15=4,L6387*Input!$J$15,0)+IF(Input!$K$16=4,M6387*Input!$J$16,0)</f>
        <v>0</v>
      </c>
    </row>
    <row r="6388" spans="8:17" x14ac:dyDescent="0.25">
      <c r="H6388" s="43">
        <v>6381</v>
      </c>
      <c r="I6388" s="55">
        <f>Bühler!I6414</f>
        <v>0.27077788174565409</v>
      </c>
      <c r="J6388" s="58">
        <f>Bühler!J6414</f>
        <v>4.6750718388539196</v>
      </c>
      <c r="K6388" s="58">
        <f>Bühler!K6414</f>
        <v>0.21983344992531656</v>
      </c>
      <c r="L6388" s="58">
        <f>Bühler!L6414</f>
        <v>0.10991672496265828</v>
      </c>
      <c r="M6388" s="57">
        <f>Bühler!M6414</f>
        <v>0</v>
      </c>
      <c r="N6388" s="55">
        <f>IF(Input!$K$13=1,J6388*Input!$J$13,0)+IF(Input!$K$14=1,K6388*Input!$J$14,0)+IF(Input!$K$15=1,L6388*Input!$J$15,0)+IF(Input!$K$16=1,M6388*Input!$J$16,0)</f>
        <v>0.56100862066247037</v>
      </c>
      <c r="O6388" s="58">
        <f>IF(Input!$K$13=2,J6388*Input!$J$13,0)+IF(Input!$K$14=2,K6388*Input!$J$14,0)+IF(Input!$K$15=2,L6388*Input!$J$15,0)+IF(Input!$K$16=2,M6388*Input!$J$16,0)</f>
        <v>2.9677515739917733E-2</v>
      </c>
      <c r="P6388" s="58">
        <f>IF(Input!$K$13=3,J6388*Input!$J$13,0)+IF(Input!$K$14=3,K6388*Input!$J$14,0)+IF(Input!$K$15=3,L6388*Input!$J$15,0)+IF(Input!$K$16=3,M6388*Input!$J$16,0)</f>
        <v>0</v>
      </c>
      <c r="Q6388" s="71">
        <f>IF(Input!$K$13=4,J6388*Input!$J$13,0)+IF(Input!$K$14=4,K6388*Input!$J$14,0)+IF(Input!$K$15=4,L6388*Input!$J$15,0)+IF(Input!$K$16=4,M6388*Input!$J$16,0)</f>
        <v>0</v>
      </c>
    </row>
    <row r="6389" spans="8:17" x14ac:dyDescent="0.25">
      <c r="H6389" s="43">
        <v>6382</v>
      </c>
      <c r="I6389" s="55">
        <f>Bühler!I6415</f>
        <v>0.27077788174565409</v>
      </c>
      <c r="J6389" s="58">
        <f>Bühler!J6415</f>
        <v>4.6750718388539196</v>
      </c>
      <c r="K6389" s="58">
        <f>Bühler!K6415</f>
        <v>0.21983344992531656</v>
      </c>
      <c r="L6389" s="58">
        <f>Bühler!L6415</f>
        <v>0.10991672496265828</v>
      </c>
      <c r="M6389" s="57">
        <f>Bühler!M6415</f>
        <v>0</v>
      </c>
      <c r="N6389" s="55">
        <f>IF(Input!$K$13=1,J6389*Input!$J$13,0)+IF(Input!$K$14=1,K6389*Input!$J$14,0)+IF(Input!$K$15=1,L6389*Input!$J$15,0)+IF(Input!$K$16=1,M6389*Input!$J$16,0)</f>
        <v>0.56100862066247037</v>
      </c>
      <c r="O6389" s="58">
        <f>IF(Input!$K$13=2,J6389*Input!$J$13,0)+IF(Input!$K$14=2,K6389*Input!$J$14,0)+IF(Input!$K$15=2,L6389*Input!$J$15,0)+IF(Input!$K$16=2,M6389*Input!$J$16,0)</f>
        <v>2.9677515739917733E-2</v>
      </c>
      <c r="P6389" s="58">
        <f>IF(Input!$K$13=3,J6389*Input!$J$13,0)+IF(Input!$K$14=3,K6389*Input!$J$14,0)+IF(Input!$K$15=3,L6389*Input!$J$15,0)+IF(Input!$K$16=3,M6389*Input!$J$16,0)</f>
        <v>0</v>
      </c>
      <c r="Q6389" s="71">
        <f>IF(Input!$K$13=4,J6389*Input!$J$13,0)+IF(Input!$K$14=4,K6389*Input!$J$14,0)+IF(Input!$K$15=4,L6389*Input!$J$15,0)+IF(Input!$K$16=4,M6389*Input!$J$16,0)</f>
        <v>0</v>
      </c>
    </row>
    <row r="6390" spans="8:17" x14ac:dyDescent="0.25">
      <c r="H6390" s="43">
        <v>6383</v>
      </c>
      <c r="I6390" s="55">
        <f>Bühler!I6416</f>
        <v>0.27077788174565409</v>
      </c>
      <c r="J6390" s="58">
        <f>Bühler!J6416</f>
        <v>4.6750718388539196</v>
      </c>
      <c r="K6390" s="58">
        <f>Bühler!K6416</f>
        <v>0.21983344992531656</v>
      </c>
      <c r="L6390" s="58">
        <f>Bühler!L6416</f>
        <v>0.10991672496265828</v>
      </c>
      <c r="M6390" s="57">
        <f>Bühler!M6416</f>
        <v>0</v>
      </c>
      <c r="N6390" s="55">
        <f>IF(Input!$K$13=1,J6390*Input!$J$13,0)+IF(Input!$K$14=1,K6390*Input!$J$14,0)+IF(Input!$K$15=1,L6390*Input!$J$15,0)+IF(Input!$K$16=1,M6390*Input!$J$16,0)</f>
        <v>0.56100862066247037</v>
      </c>
      <c r="O6390" s="58">
        <f>IF(Input!$K$13=2,J6390*Input!$J$13,0)+IF(Input!$K$14=2,K6390*Input!$J$14,0)+IF(Input!$K$15=2,L6390*Input!$J$15,0)+IF(Input!$K$16=2,M6390*Input!$J$16,0)</f>
        <v>2.9677515739917733E-2</v>
      </c>
      <c r="P6390" s="58">
        <f>IF(Input!$K$13=3,J6390*Input!$J$13,0)+IF(Input!$K$14=3,K6390*Input!$J$14,0)+IF(Input!$K$15=3,L6390*Input!$J$15,0)+IF(Input!$K$16=3,M6390*Input!$J$16,0)</f>
        <v>0</v>
      </c>
      <c r="Q6390" s="71">
        <f>IF(Input!$K$13=4,J6390*Input!$J$13,0)+IF(Input!$K$14=4,K6390*Input!$J$14,0)+IF(Input!$K$15=4,L6390*Input!$J$15,0)+IF(Input!$K$16=4,M6390*Input!$J$16,0)</f>
        <v>0</v>
      </c>
    </row>
    <row r="6391" spans="8:17" x14ac:dyDescent="0.25">
      <c r="H6391" s="43">
        <v>6384</v>
      </c>
      <c r="I6391" s="55">
        <f>Bühler!I6417</f>
        <v>0.27077788174565409</v>
      </c>
      <c r="J6391" s="58">
        <f>Bühler!J6417</f>
        <v>4.6750718388539196</v>
      </c>
      <c r="K6391" s="58">
        <f>Bühler!K6417</f>
        <v>0.21983344992531656</v>
      </c>
      <c r="L6391" s="58">
        <f>Bühler!L6417</f>
        <v>0.10991672496265828</v>
      </c>
      <c r="M6391" s="57">
        <f>Bühler!M6417</f>
        <v>0</v>
      </c>
      <c r="N6391" s="55">
        <f>IF(Input!$K$13=1,J6391*Input!$J$13,0)+IF(Input!$K$14=1,K6391*Input!$J$14,0)+IF(Input!$K$15=1,L6391*Input!$J$15,0)+IF(Input!$K$16=1,M6391*Input!$J$16,0)</f>
        <v>0.56100862066247037</v>
      </c>
      <c r="O6391" s="58">
        <f>IF(Input!$K$13=2,J6391*Input!$J$13,0)+IF(Input!$K$14=2,K6391*Input!$J$14,0)+IF(Input!$K$15=2,L6391*Input!$J$15,0)+IF(Input!$K$16=2,M6391*Input!$J$16,0)</f>
        <v>2.9677515739917733E-2</v>
      </c>
      <c r="P6391" s="58">
        <f>IF(Input!$K$13=3,J6391*Input!$J$13,0)+IF(Input!$K$14=3,K6391*Input!$J$14,0)+IF(Input!$K$15=3,L6391*Input!$J$15,0)+IF(Input!$K$16=3,M6391*Input!$J$16,0)</f>
        <v>0</v>
      </c>
      <c r="Q6391" s="71">
        <f>IF(Input!$K$13=4,J6391*Input!$J$13,0)+IF(Input!$K$14=4,K6391*Input!$J$14,0)+IF(Input!$K$15=4,L6391*Input!$J$15,0)+IF(Input!$K$16=4,M6391*Input!$J$16,0)</f>
        <v>0</v>
      </c>
    </row>
    <row r="6392" spans="8:17" x14ac:dyDescent="0.25">
      <c r="H6392" s="43">
        <v>6385</v>
      </c>
      <c r="I6392" s="55">
        <f>Bühler!I6418</f>
        <v>0.38213744642420588</v>
      </c>
      <c r="J6392" s="58">
        <f>Bühler!J6418</f>
        <v>5.0732088600135601</v>
      </c>
      <c r="K6392" s="58">
        <f>Bühler!K6418</f>
        <v>0.22821334246411787</v>
      </c>
      <c r="L6392" s="58">
        <f>Bühler!L6418</f>
        <v>0.11410667123205893</v>
      </c>
      <c r="M6392" s="57">
        <f>Bühler!M6418</f>
        <v>0</v>
      </c>
      <c r="N6392" s="55">
        <f>IF(Input!$K$13=1,J6392*Input!$J$13,0)+IF(Input!$K$14=1,K6392*Input!$J$14,0)+IF(Input!$K$15=1,L6392*Input!$J$15,0)+IF(Input!$K$16=1,M6392*Input!$J$16,0)</f>
        <v>0.60878506320162717</v>
      </c>
      <c r="O6392" s="58">
        <f>IF(Input!$K$13=2,J6392*Input!$J$13,0)+IF(Input!$K$14=2,K6392*Input!$J$14,0)+IF(Input!$K$15=2,L6392*Input!$J$15,0)+IF(Input!$K$16=2,M6392*Input!$J$16,0)</f>
        <v>3.0808801232655912E-2</v>
      </c>
      <c r="P6392" s="58">
        <f>IF(Input!$K$13=3,J6392*Input!$J$13,0)+IF(Input!$K$14=3,K6392*Input!$J$14,0)+IF(Input!$K$15=3,L6392*Input!$J$15,0)+IF(Input!$K$16=3,M6392*Input!$J$16,0)</f>
        <v>0</v>
      </c>
      <c r="Q6392" s="71">
        <f>IF(Input!$K$13=4,J6392*Input!$J$13,0)+IF(Input!$K$14=4,K6392*Input!$J$14,0)+IF(Input!$K$15=4,L6392*Input!$J$15,0)+IF(Input!$K$16=4,M6392*Input!$J$16,0)</f>
        <v>0</v>
      </c>
    </row>
    <row r="6393" spans="8:17" x14ac:dyDescent="0.25">
      <c r="H6393" s="43">
        <v>6386</v>
      </c>
      <c r="I6393" s="55">
        <f>Bühler!I6419</f>
        <v>0.44377251842811011</v>
      </c>
      <c r="J6393" s="58">
        <f>Bühler!J6419</f>
        <v>5.0757769880137227</v>
      </c>
      <c r="K6393" s="58">
        <f>Bühler!K6419</f>
        <v>0.22821334246411787</v>
      </c>
      <c r="L6393" s="58">
        <f>Bühler!L6419</f>
        <v>0.11410667123205893</v>
      </c>
      <c r="M6393" s="57">
        <f>Bühler!M6419</f>
        <v>0</v>
      </c>
      <c r="N6393" s="55">
        <f>IF(Input!$K$13=1,J6393*Input!$J$13,0)+IF(Input!$K$14=1,K6393*Input!$J$14,0)+IF(Input!$K$15=1,L6393*Input!$J$15,0)+IF(Input!$K$16=1,M6393*Input!$J$16,0)</f>
        <v>0.60909323856164665</v>
      </c>
      <c r="O6393" s="58">
        <f>IF(Input!$K$13=2,J6393*Input!$J$13,0)+IF(Input!$K$14=2,K6393*Input!$J$14,0)+IF(Input!$K$15=2,L6393*Input!$J$15,0)+IF(Input!$K$16=2,M6393*Input!$J$16,0)</f>
        <v>3.0808801232655912E-2</v>
      </c>
      <c r="P6393" s="58">
        <f>IF(Input!$K$13=3,J6393*Input!$J$13,0)+IF(Input!$K$14=3,K6393*Input!$J$14,0)+IF(Input!$K$15=3,L6393*Input!$J$15,0)+IF(Input!$K$16=3,M6393*Input!$J$16,0)</f>
        <v>0</v>
      </c>
      <c r="Q6393" s="71">
        <f>IF(Input!$K$13=4,J6393*Input!$J$13,0)+IF(Input!$K$14=4,K6393*Input!$J$14,0)+IF(Input!$K$15=4,L6393*Input!$J$15,0)+IF(Input!$K$16=4,M6393*Input!$J$16,0)</f>
        <v>0</v>
      </c>
    </row>
    <row r="6394" spans="8:17" x14ac:dyDescent="0.25">
      <c r="H6394" s="43">
        <v>6387</v>
      </c>
      <c r="I6394" s="55">
        <f>Bühler!I6420</f>
        <v>0.44377251842811011</v>
      </c>
      <c r="J6394" s="58">
        <f>Bühler!J6420</f>
        <v>5.0757769880137227</v>
      </c>
      <c r="K6394" s="58">
        <f>Bühler!K6420</f>
        <v>0.22821334246411787</v>
      </c>
      <c r="L6394" s="58">
        <f>Bühler!L6420</f>
        <v>0.11410667123205893</v>
      </c>
      <c r="M6394" s="57">
        <f>Bühler!M6420</f>
        <v>0</v>
      </c>
      <c r="N6394" s="55">
        <f>IF(Input!$K$13=1,J6394*Input!$J$13,0)+IF(Input!$K$14=1,K6394*Input!$J$14,0)+IF(Input!$K$15=1,L6394*Input!$J$15,0)+IF(Input!$K$16=1,M6394*Input!$J$16,0)</f>
        <v>0.60909323856164665</v>
      </c>
      <c r="O6394" s="58">
        <f>IF(Input!$K$13=2,J6394*Input!$J$13,0)+IF(Input!$K$14=2,K6394*Input!$J$14,0)+IF(Input!$K$15=2,L6394*Input!$J$15,0)+IF(Input!$K$16=2,M6394*Input!$J$16,0)</f>
        <v>3.0808801232655912E-2</v>
      </c>
      <c r="P6394" s="58">
        <f>IF(Input!$K$13=3,J6394*Input!$J$13,0)+IF(Input!$K$14=3,K6394*Input!$J$14,0)+IF(Input!$K$15=3,L6394*Input!$J$15,0)+IF(Input!$K$16=3,M6394*Input!$J$16,0)</f>
        <v>0</v>
      </c>
      <c r="Q6394" s="71">
        <f>IF(Input!$K$13=4,J6394*Input!$J$13,0)+IF(Input!$K$14=4,K6394*Input!$J$14,0)+IF(Input!$K$15=4,L6394*Input!$J$15,0)+IF(Input!$K$16=4,M6394*Input!$J$16,0)</f>
        <v>0</v>
      </c>
    </row>
    <row r="6395" spans="8:17" x14ac:dyDescent="0.25">
      <c r="H6395" s="43">
        <v>6388</v>
      </c>
      <c r="I6395" s="55">
        <f>Bühler!I6421</f>
        <v>0.44377251842811011</v>
      </c>
      <c r="J6395" s="58">
        <f>Bühler!J6421</f>
        <v>5.0757769880137227</v>
      </c>
      <c r="K6395" s="58">
        <f>Bühler!K6421</f>
        <v>0.22821334246411787</v>
      </c>
      <c r="L6395" s="58">
        <f>Bühler!L6421</f>
        <v>0.11410667123205893</v>
      </c>
      <c r="M6395" s="57">
        <f>Bühler!M6421</f>
        <v>0</v>
      </c>
      <c r="N6395" s="55">
        <f>IF(Input!$K$13=1,J6395*Input!$J$13,0)+IF(Input!$K$14=1,K6395*Input!$J$14,0)+IF(Input!$K$15=1,L6395*Input!$J$15,0)+IF(Input!$K$16=1,M6395*Input!$J$16,0)</f>
        <v>0.60909323856164665</v>
      </c>
      <c r="O6395" s="58">
        <f>IF(Input!$K$13=2,J6395*Input!$J$13,0)+IF(Input!$K$14=2,K6395*Input!$J$14,0)+IF(Input!$K$15=2,L6395*Input!$J$15,0)+IF(Input!$K$16=2,M6395*Input!$J$16,0)</f>
        <v>3.0808801232655912E-2</v>
      </c>
      <c r="P6395" s="58">
        <f>IF(Input!$K$13=3,J6395*Input!$J$13,0)+IF(Input!$K$14=3,K6395*Input!$J$14,0)+IF(Input!$K$15=3,L6395*Input!$J$15,0)+IF(Input!$K$16=3,M6395*Input!$J$16,0)</f>
        <v>0</v>
      </c>
      <c r="Q6395" s="71">
        <f>IF(Input!$K$13=4,J6395*Input!$J$13,0)+IF(Input!$K$14=4,K6395*Input!$J$14,0)+IF(Input!$K$15=4,L6395*Input!$J$15,0)+IF(Input!$K$16=4,M6395*Input!$J$16,0)</f>
        <v>0</v>
      </c>
    </row>
    <row r="6396" spans="8:17" x14ac:dyDescent="0.25">
      <c r="H6396" s="43">
        <v>6389</v>
      </c>
      <c r="I6396" s="55">
        <f>Bühler!I6422</f>
        <v>0.44377251842811011</v>
      </c>
      <c r="J6396" s="58">
        <f>Bühler!J6422</f>
        <v>5.0757769880137227</v>
      </c>
      <c r="K6396" s="58">
        <f>Bühler!K6422</f>
        <v>0.22821334246411787</v>
      </c>
      <c r="L6396" s="58">
        <f>Bühler!L6422</f>
        <v>0.11410667123205893</v>
      </c>
      <c r="M6396" s="57">
        <f>Bühler!M6422</f>
        <v>0</v>
      </c>
      <c r="N6396" s="55">
        <f>IF(Input!$K$13=1,J6396*Input!$J$13,0)+IF(Input!$K$14=1,K6396*Input!$J$14,0)+IF(Input!$K$15=1,L6396*Input!$J$15,0)+IF(Input!$K$16=1,M6396*Input!$J$16,0)</f>
        <v>0.60909323856164665</v>
      </c>
      <c r="O6396" s="58">
        <f>IF(Input!$K$13=2,J6396*Input!$J$13,0)+IF(Input!$K$14=2,K6396*Input!$J$14,0)+IF(Input!$K$15=2,L6396*Input!$J$15,0)+IF(Input!$K$16=2,M6396*Input!$J$16,0)</f>
        <v>3.0808801232655912E-2</v>
      </c>
      <c r="P6396" s="58">
        <f>IF(Input!$K$13=3,J6396*Input!$J$13,0)+IF(Input!$K$14=3,K6396*Input!$J$14,0)+IF(Input!$K$15=3,L6396*Input!$J$15,0)+IF(Input!$K$16=3,M6396*Input!$J$16,0)</f>
        <v>0</v>
      </c>
      <c r="Q6396" s="71">
        <f>IF(Input!$K$13=4,J6396*Input!$J$13,0)+IF(Input!$K$14=4,K6396*Input!$J$14,0)+IF(Input!$K$15=4,L6396*Input!$J$15,0)+IF(Input!$K$16=4,M6396*Input!$J$16,0)</f>
        <v>0</v>
      </c>
    </row>
    <row r="6397" spans="8:17" x14ac:dyDescent="0.25">
      <c r="H6397" s="43">
        <v>6390</v>
      </c>
      <c r="I6397" s="55">
        <f>Bühler!I6423</f>
        <v>0.55471564803513762</v>
      </c>
      <c r="J6397" s="58">
        <f>Bühler!J6423</f>
        <v>5.080399618414015</v>
      </c>
      <c r="K6397" s="58">
        <f>Bühler!K6423</f>
        <v>0.22821334246411787</v>
      </c>
      <c r="L6397" s="58">
        <f>Bühler!L6423</f>
        <v>0.11410667123205893</v>
      </c>
      <c r="M6397" s="57">
        <f>Bühler!M6423</f>
        <v>0</v>
      </c>
      <c r="N6397" s="55">
        <f>IF(Input!$K$13=1,J6397*Input!$J$13,0)+IF(Input!$K$14=1,K6397*Input!$J$14,0)+IF(Input!$K$15=1,L6397*Input!$J$15,0)+IF(Input!$K$16=1,M6397*Input!$J$16,0)</f>
        <v>0.60964795420968176</v>
      </c>
      <c r="O6397" s="58">
        <f>IF(Input!$K$13=2,J6397*Input!$J$13,0)+IF(Input!$K$14=2,K6397*Input!$J$14,0)+IF(Input!$K$15=2,L6397*Input!$J$15,0)+IF(Input!$K$16=2,M6397*Input!$J$16,0)</f>
        <v>3.0808801232655912E-2</v>
      </c>
      <c r="P6397" s="58">
        <f>IF(Input!$K$13=3,J6397*Input!$J$13,0)+IF(Input!$K$14=3,K6397*Input!$J$14,0)+IF(Input!$K$15=3,L6397*Input!$J$15,0)+IF(Input!$K$16=3,M6397*Input!$J$16,0)</f>
        <v>0</v>
      </c>
      <c r="Q6397" s="71">
        <f>IF(Input!$K$13=4,J6397*Input!$J$13,0)+IF(Input!$K$14=4,K6397*Input!$J$14,0)+IF(Input!$K$15=4,L6397*Input!$J$15,0)+IF(Input!$K$16=4,M6397*Input!$J$16,0)</f>
        <v>0</v>
      </c>
    </row>
    <row r="6398" spans="8:17" x14ac:dyDescent="0.25">
      <c r="H6398" s="43">
        <v>6391</v>
      </c>
      <c r="I6398" s="55">
        <f>Bühler!I6424</f>
        <v>0.65333176324138431</v>
      </c>
      <c r="J6398" s="58">
        <f>Bühler!J6424</f>
        <v>5.0845086232142753</v>
      </c>
      <c r="K6398" s="58">
        <f>Bühler!K6424</f>
        <v>0.22821334246411787</v>
      </c>
      <c r="L6398" s="58">
        <f>Bühler!L6424</f>
        <v>0.11410667123205893</v>
      </c>
      <c r="M6398" s="57">
        <f>Bühler!M6424</f>
        <v>0</v>
      </c>
      <c r="N6398" s="55">
        <f>IF(Input!$K$13=1,J6398*Input!$J$13,0)+IF(Input!$K$14=1,K6398*Input!$J$14,0)+IF(Input!$K$15=1,L6398*Input!$J$15,0)+IF(Input!$K$16=1,M6398*Input!$J$16,0)</f>
        <v>0.61014103478571302</v>
      </c>
      <c r="O6398" s="58">
        <f>IF(Input!$K$13=2,J6398*Input!$J$13,0)+IF(Input!$K$14=2,K6398*Input!$J$14,0)+IF(Input!$K$15=2,L6398*Input!$J$15,0)+IF(Input!$K$16=2,M6398*Input!$J$16,0)</f>
        <v>3.0808801232655912E-2</v>
      </c>
      <c r="P6398" s="58">
        <f>IF(Input!$K$13=3,J6398*Input!$J$13,0)+IF(Input!$K$14=3,K6398*Input!$J$14,0)+IF(Input!$K$15=3,L6398*Input!$J$15,0)+IF(Input!$K$16=3,M6398*Input!$J$16,0)</f>
        <v>0</v>
      </c>
      <c r="Q6398" s="71">
        <f>IF(Input!$K$13=4,J6398*Input!$J$13,0)+IF(Input!$K$14=4,K6398*Input!$J$14,0)+IF(Input!$K$15=4,L6398*Input!$J$15,0)+IF(Input!$K$16=4,M6398*Input!$J$16,0)</f>
        <v>0</v>
      </c>
    </row>
    <row r="6399" spans="8:17" x14ac:dyDescent="0.25">
      <c r="H6399" s="43">
        <v>6392</v>
      </c>
      <c r="I6399" s="55">
        <f>Bühler!I6425</f>
        <v>0.77660190724919265</v>
      </c>
      <c r="J6399" s="58">
        <f>Bühler!J6425</f>
        <v>5.0896448792146005</v>
      </c>
      <c r="K6399" s="58">
        <f>Bühler!K6425</f>
        <v>0.22821334246411787</v>
      </c>
      <c r="L6399" s="58">
        <f>Bühler!L6425</f>
        <v>0.11410667123205893</v>
      </c>
      <c r="M6399" s="57">
        <f>Bühler!M6425</f>
        <v>0</v>
      </c>
      <c r="N6399" s="55">
        <f>IF(Input!$K$13=1,J6399*Input!$J$13,0)+IF(Input!$K$14=1,K6399*Input!$J$14,0)+IF(Input!$K$15=1,L6399*Input!$J$15,0)+IF(Input!$K$16=1,M6399*Input!$J$16,0)</f>
        <v>0.61075738550575209</v>
      </c>
      <c r="O6399" s="58">
        <f>IF(Input!$K$13=2,J6399*Input!$J$13,0)+IF(Input!$K$14=2,K6399*Input!$J$14,0)+IF(Input!$K$15=2,L6399*Input!$J$15,0)+IF(Input!$K$16=2,M6399*Input!$J$16,0)</f>
        <v>3.0808801232655912E-2</v>
      </c>
      <c r="P6399" s="58">
        <f>IF(Input!$K$13=3,J6399*Input!$J$13,0)+IF(Input!$K$14=3,K6399*Input!$J$14,0)+IF(Input!$K$15=3,L6399*Input!$J$15,0)+IF(Input!$K$16=3,M6399*Input!$J$16,0)</f>
        <v>0</v>
      </c>
      <c r="Q6399" s="71">
        <f>IF(Input!$K$13=4,J6399*Input!$J$13,0)+IF(Input!$K$14=4,K6399*Input!$J$14,0)+IF(Input!$K$15=4,L6399*Input!$J$15,0)+IF(Input!$K$16=4,M6399*Input!$J$16,0)</f>
        <v>0</v>
      </c>
    </row>
    <row r="6400" spans="8:17" x14ac:dyDescent="0.25">
      <c r="H6400" s="43">
        <v>6393</v>
      </c>
      <c r="I6400" s="55">
        <f>Bühler!I6426</f>
        <v>0.77660190724919265</v>
      </c>
      <c r="J6400" s="58">
        <f>Bühler!J6426</f>
        <v>5.0896448792146005</v>
      </c>
      <c r="K6400" s="58">
        <f>Bühler!K6426</f>
        <v>0.22821334246411787</v>
      </c>
      <c r="L6400" s="58">
        <f>Bühler!L6426</f>
        <v>0.11410667123205893</v>
      </c>
      <c r="M6400" s="57">
        <f>Bühler!M6426</f>
        <v>0</v>
      </c>
      <c r="N6400" s="55">
        <f>IF(Input!$K$13=1,J6400*Input!$J$13,0)+IF(Input!$K$14=1,K6400*Input!$J$14,0)+IF(Input!$K$15=1,L6400*Input!$J$15,0)+IF(Input!$K$16=1,M6400*Input!$J$16,0)</f>
        <v>0.61075738550575209</v>
      </c>
      <c r="O6400" s="58">
        <f>IF(Input!$K$13=2,J6400*Input!$J$13,0)+IF(Input!$K$14=2,K6400*Input!$J$14,0)+IF(Input!$K$15=2,L6400*Input!$J$15,0)+IF(Input!$K$16=2,M6400*Input!$J$16,0)</f>
        <v>3.0808801232655912E-2</v>
      </c>
      <c r="P6400" s="58">
        <f>IF(Input!$K$13=3,J6400*Input!$J$13,0)+IF(Input!$K$14=3,K6400*Input!$J$14,0)+IF(Input!$K$15=3,L6400*Input!$J$15,0)+IF(Input!$K$16=3,M6400*Input!$J$16,0)</f>
        <v>0</v>
      </c>
      <c r="Q6400" s="71">
        <f>IF(Input!$K$13=4,J6400*Input!$J$13,0)+IF(Input!$K$14=4,K6400*Input!$J$14,0)+IF(Input!$K$15=4,L6400*Input!$J$15,0)+IF(Input!$K$16=4,M6400*Input!$J$16,0)</f>
        <v>0</v>
      </c>
    </row>
    <row r="6401" spans="8:17" x14ac:dyDescent="0.25">
      <c r="H6401" s="43">
        <v>6394</v>
      </c>
      <c r="I6401" s="55">
        <f>Bühler!I6427</f>
        <v>0.77660190724919265</v>
      </c>
      <c r="J6401" s="58">
        <f>Bühler!J6427</f>
        <v>5.0896448792146005</v>
      </c>
      <c r="K6401" s="58">
        <f>Bühler!K6427</f>
        <v>0.22821334246411787</v>
      </c>
      <c r="L6401" s="58">
        <f>Bühler!L6427</f>
        <v>0.11410667123205893</v>
      </c>
      <c r="M6401" s="57">
        <f>Bühler!M6427</f>
        <v>0</v>
      </c>
      <c r="N6401" s="55">
        <f>IF(Input!$K$13=1,J6401*Input!$J$13,0)+IF(Input!$K$14=1,K6401*Input!$J$14,0)+IF(Input!$K$15=1,L6401*Input!$J$15,0)+IF(Input!$K$16=1,M6401*Input!$J$16,0)</f>
        <v>0.61075738550575209</v>
      </c>
      <c r="O6401" s="58">
        <f>IF(Input!$K$13=2,J6401*Input!$J$13,0)+IF(Input!$K$14=2,K6401*Input!$J$14,0)+IF(Input!$K$15=2,L6401*Input!$J$15,0)+IF(Input!$K$16=2,M6401*Input!$J$16,0)</f>
        <v>3.0808801232655912E-2</v>
      </c>
      <c r="P6401" s="58">
        <f>IF(Input!$K$13=3,J6401*Input!$J$13,0)+IF(Input!$K$14=3,K6401*Input!$J$14,0)+IF(Input!$K$15=3,L6401*Input!$J$15,0)+IF(Input!$K$16=3,M6401*Input!$J$16,0)</f>
        <v>0</v>
      </c>
      <c r="Q6401" s="71">
        <f>IF(Input!$K$13=4,J6401*Input!$J$13,0)+IF(Input!$K$14=4,K6401*Input!$J$14,0)+IF(Input!$K$15=4,L6401*Input!$J$15,0)+IF(Input!$K$16=4,M6401*Input!$J$16,0)</f>
        <v>0</v>
      </c>
    </row>
    <row r="6402" spans="8:17" x14ac:dyDescent="0.25">
      <c r="H6402" s="43">
        <v>6395</v>
      </c>
      <c r="I6402" s="55">
        <f>Bühler!I6428</f>
        <v>0.77660190724919265</v>
      </c>
      <c r="J6402" s="58">
        <f>Bühler!J6428</f>
        <v>5.0896448792146005</v>
      </c>
      <c r="K6402" s="58">
        <f>Bühler!K6428</f>
        <v>0.22821334246411787</v>
      </c>
      <c r="L6402" s="58">
        <f>Bühler!L6428</f>
        <v>0.11410667123205893</v>
      </c>
      <c r="M6402" s="57">
        <f>Bühler!M6428</f>
        <v>0</v>
      </c>
      <c r="N6402" s="55">
        <f>IF(Input!$K$13=1,J6402*Input!$J$13,0)+IF(Input!$K$14=1,K6402*Input!$J$14,0)+IF(Input!$K$15=1,L6402*Input!$J$15,0)+IF(Input!$K$16=1,M6402*Input!$J$16,0)</f>
        <v>0.61075738550575209</v>
      </c>
      <c r="O6402" s="58">
        <f>IF(Input!$K$13=2,J6402*Input!$J$13,0)+IF(Input!$K$14=2,K6402*Input!$J$14,0)+IF(Input!$K$15=2,L6402*Input!$J$15,0)+IF(Input!$K$16=2,M6402*Input!$J$16,0)</f>
        <v>3.0808801232655912E-2</v>
      </c>
      <c r="P6402" s="58">
        <f>IF(Input!$K$13=3,J6402*Input!$J$13,0)+IF(Input!$K$14=3,K6402*Input!$J$14,0)+IF(Input!$K$15=3,L6402*Input!$J$15,0)+IF(Input!$K$16=3,M6402*Input!$J$16,0)</f>
        <v>0</v>
      </c>
      <c r="Q6402" s="71">
        <f>IF(Input!$K$13=4,J6402*Input!$J$13,0)+IF(Input!$K$14=4,K6402*Input!$J$14,0)+IF(Input!$K$15=4,L6402*Input!$J$15,0)+IF(Input!$K$16=4,M6402*Input!$J$16,0)</f>
        <v>0</v>
      </c>
    </row>
    <row r="6403" spans="8:17" x14ac:dyDescent="0.25">
      <c r="H6403" s="43">
        <v>6396</v>
      </c>
      <c r="I6403" s="55">
        <f>Bühler!I6429</f>
        <v>0.77660190724919265</v>
      </c>
      <c r="J6403" s="58">
        <f>Bühler!J6429</f>
        <v>5.0896448792146005</v>
      </c>
      <c r="K6403" s="58">
        <f>Bühler!K6429</f>
        <v>0.22821334246411787</v>
      </c>
      <c r="L6403" s="58">
        <f>Bühler!L6429</f>
        <v>0.11410667123205893</v>
      </c>
      <c r="M6403" s="57">
        <f>Bühler!M6429</f>
        <v>0</v>
      </c>
      <c r="N6403" s="55">
        <f>IF(Input!$K$13=1,J6403*Input!$J$13,0)+IF(Input!$K$14=1,K6403*Input!$J$14,0)+IF(Input!$K$15=1,L6403*Input!$J$15,0)+IF(Input!$K$16=1,M6403*Input!$J$16,0)</f>
        <v>0.61075738550575209</v>
      </c>
      <c r="O6403" s="58">
        <f>IF(Input!$K$13=2,J6403*Input!$J$13,0)+IF(Input!$K$14=2,K6403*Input!$J$14,0)+IF(Input!$K$15=2,L6403*Input!$J$15,0)+IF(Input!$K$16=2,M6403*Input!$J$16,0)</f>
        <v>3.0808801232655912E-2</v>
      </c>
      <c r="P6403" s="58">
        <f>IF(Input!$K$13=3,J6403*Input!$J$13,0)+IF(Input!$K$14=3,K6403*Input!$J$14,0)+IF(Input!$K$15=3,L6403*Input!$J$15,0)+IF(Input!$K$16=3,M6403*Input!$J$16,0)</f>
        <v>0</v>
      </c>
      <c r="Q6403" s="71">
        <f>IF(Input!$K$13=4,J6403*Input!$J$13,0)+IF(Input!$K$14=4,K6403*Input!$J$14,0)+IF(Input!$K$15=4,L6403*Input!$J$15,0)+IF(Input!$K$16=4,M6403*Input!$J$16,0)</f>
        <v>0</v>
      </c>
    </row>
    <row r="6404" spans="8:17" x14ac:dyDescent="0.25">
      <c r="H6404" s="43">
        <v>6397</v>
      </c>
      <c r="I6404" s="55">
        <f>Bühler!I6430</f>
        <v>0.77660190724919265</v>
      </c>
      <c r="J6404" s="58">
        <f>Bühler!J6430</f>
        <v>5.0896448792146005</v>
      </c>
      <c r="K6404" s="58">
        <f>Bühler!K6430</f>
        <v>0.22821334246411787</v>
      </c>
      <c r="L6404" s="58">
        <f>Bühler!L6430</f>
        <v>0.11410667123205893</v>
      </c>
      <c r="M6404" s="57">
        <f>Bühler!M6430</f>
        <v>0</v>
      </c>
      <c r="N6404" s="55">
        <f>IF(Input!$K$13=1,J6404*Input!$J$13,0)+IF(Input!$K$14=1,K6404*Input!$J$14,0)+IF(Input!$K$15=1,L6404*Input!$J$15,0)+IF(Input!$K$16=1,M6404*Input!$J$16,0)</f>
        <v>0.61075738550575209</v>
      </c>
      <c r="O6404" s="58">
        <f>IF(Input!$K$13=2,J6404*Input!$J$13,0)+IF(Input!$K$14=2,K6404*Input!$J$14,0)+IF(Input!$K$15=2,L6404*Input!$J$15,0)+IF(Input!$K$16=2,M6404*Input!$J$16,0)</f>
        <v>3.0808801232655912E-2</v>
      </c>
      <c r="P6404" s="58">
        <f>IF(Input!$K$13=3,J6404*Input!$J$13,0)+IF(Input!$K$14=3,K6404*Input!$J$14,0)+IF(Input!$K$15=3,L6404*Input!$J$15,0)+IF(Input!$K$16=3,M6404*Input!$J$16,0)</f>
        <v>0</v>
      </c>
      <c r="Q6404" s="71">
        <f>IF(Input!$K$13=4,J6404*Input!$J$13,0)+IF(Input!$K$14=4,K6404*Input!$J$14,0)+IF(Input!$K$15=4,L6404*Input!$J$15,0)+IF(Input!$K$16=4,M6404*Input!$J$16,0)</f>
        <v>0</v>
      </c>
    </row>
    <row r="6405" spans="8:17" x14ac:dyDescent="0.25">
      <c r="H6405" s="43">
        <v>6398</v>
      </c>
      <c r="I6405" s="55">
        <f>Bühler!I6431</f>
        <v>0.77660190724919265</v>
      </c>
      <c r="J6405" s="58">
        <f>Bühler!J6431</f>
        <v>5.0896448792146005</v>
      </c>
      <c r="K6405" s="58">
        <f>Bühler!K6431</f>
        <v>0.22821334246411787</v>
      </c>
      <c r="L6405" s="58">
        <f>Bühler!L6431</f>
        <v>0.11410667123205893</v>
      </c>
      <c r="M6405" s="57">
        <f>Bühler!M6431</f>
        <v>0</v>
      </c>
      <c r="N6405" s="55">
        <f>IF(Input!$K$13=1,J6405*Input!$J$13,0)+IF(Input!$K$14=1,K6405*Input!$J$14,0)+IF(Input!$K$15=1,L6405*Input!$J$15,0)+IF(Input!$K$16=1,M6405*Input!$J$16,0)</f>
        <v>0.61075738550575209</v>
      </c>
      <c r="O6405" s="58">
        <f>IF(Input!$K$13=2,J6405*Input!$J$13,0)+IF(Input!$K$14=2,K6405*Input!$J$14,0)+IF(Input!$K$15=2,L6405*Input!$J$15,0)+IF(Input!$K$16=2,M6405*Input!$J$16,0)</f>
        <v>3.0808801232655912E-2</v>
      </c>
      <c r="P6405" s="58">
        <f>IF(Input!$K$13=3,J6405*Input!$J$13,0)+IF(Input!$K$14=3,K6405*Input!$J$14,0)+IF(Input!$K$15=3,L6405*Input!$J$15,0)+IF(Input!$K$16=3,M6405*Input!$J$16,0)</f>
        <v>0</v>
      </c>
      <c r="Q6405" s="71">
        <f>IF(Input!$K$13=4,J6405*Input!$J$13,0)+IF(Input!$K$14=4,K6405*Input!$J$14,0)+IF(Input!$K$15=4,L6405*Input!$J$15,0)+IF(Input!$K$16=4,M6405*Input!$J$16,0)</f>
        <v>0</v>
      </c>
    </row>
    <row r="6406" spans="8:17" x14ac:dyDescent="0.25">
      <c r="H6406" s="43">
        <v>6399</v>
      </c>
      <c r="I6406" s="55">
        <f>Bühler!I6432</f>
        <v>0.77660190724919265</v>
      </c>
      <c r="J6406" s="58">
        <f>Bühler!J6432</f>
        <v>5.0896448792146005</v>
      </c>
      <c r="K6406" s="58">
        <f>Bühler!K6432</f>
        <v>0.22821334246411787</v>
      </c>
      <c r="L6406" s="58">
        <f>Bühler!L6432</f>
        <v>0.11410667123205893</v>
      </c>
      <c r="M6406" s="57">
        <f>Bühler!M6432</f>
        <v>0</v>
      </c>
      <c r="N6406" s="55">
        <f>IF(Input!$K$13=1,J6406*Input!$J$13,0)+IF(Input!$K$14=1,K6406*Input!$J$14,0)+IF(Input!$K$15=1,L6406*Input!$J$15,0)+IF(Input!$K$16=1,M6406*Input!$J$16,0)</f>
        <v>0.61075738550575209</v>
      </c>
      <c r="O6406" s="58">
        <f>IF(Input!$K$13=2,J6406*Input!$J$13,0)+IF(Input!$K$14=2,K6406*Input!$J$14,0)+IF(Input!$K$15=2,L6406*Input!$J$15,0)+IF(Input!$K$16=2,M6406*Input!$J$16,0)</f>
        <v>3.0808801232655912E-2</v>
      </c>
      <c r="P6406" s="58">
        <f>IF(Input!$K$13=3,J6406*Input!$J$13,0)+IF(Input!$K$14=3,K6406*Input!$J$14,0)+IF(Input!$K$15=3,L6406*Input!$J$15,0)+IF(Input!$K$16=3,M6406*Input!$J$16,0)</f>
        <v>0</v>
      </c>
      <c r="Q6406" s="71">
        <f>IF(Input!$K$13=4,J6406*Input!$J$13,0)+IF(Input!$K$14=4,K6406*Input!$J$14,0)+IF(Input!$K$15=4,L6406*Input!$J$15,0)+IF(Input!$K$16=4,M6406*Input!$J$16,0)</f>
        <v>0</v>
      </c>
    </row>
    <row r="6407" spans="8:17" x14ac:dyDescent="0.25">
      <c r="H6407" s="43">
        <v>6400</v>
      </c>
      <c r="I6407" s="55">
        <f>Bühler!I6433</f>
        <v>0.69031280644372683</v>
      </c>
      <c r="J6407" s="58">
        <f>Bühler!J6433</f>
        <v>5.0860495000143731</v>
      </c>
      <c r="K6407" s="58">
        <f>Bühler!K6433</f>
        <v>0.22821334246411787</v>
      </c>
      <c r="L6407" s="58">
        <f>Bühler!L6433</f>
        <v>0.11410667123205893</v>
      </c>
      <c r="M6407" s="57">
        <f>Bühler!M6433</f>
        <v>0</v>
      </c>
      <c r="N6407" s="55">
        <f>IF(Input!$K$13=1,J6407*Input!$J$13,0)+IF(Input!$K$14=1,K6407*Input!$J$14,0)+IF(Input!$K$15=1,L6407*Input!$J$15,0)+IF(Input!$K$16=1,M6407*Input!$J$16,0)</f>
        <v>0.6103259400017248</v>
      </c>
      <c r="O6407" s="58">
        <f>IF(Input!$K$13=2,J6407*Input!$J$13,0)+IF(Input!$K$14=2,K6407*Input!$J$14,0)+IF(Input!$K$15=2,L6407*Input!$J$15,0)+IF(Input!$K$16=2,M6407*Input!$J$16,0)</f>
        <v>3.0808801232655912E-2</v>
      </c>
      <c r="P6407" s="58">
        <f>IF(Input!$K$13=3,J6407*Input!$J$13,0)+IF(Input!$K$14=3,K6407*Input!$J$14,0)+IF(Input!$K$15=3,L6407*Input!$J$15,0)+IF(Input!$K$16=3,M6407*Input!$J$16,0)</f>
        <v>0</v>
      </c>
      <c r="Q6407" s="71">
        <f>IF(Input!$K$13=4,J6407*Input!$J$13,0)+IF(Input!$K$14=4,K6407*Input!$J$14,0)+IF(Input!$K$15=4,L6407*Input!$J$15,0)+IF(Input!$K$16=4,M6407*Input!$J$16,0)</f>
        <v>0</v>
      </c>
    </row>
    <row r="6408" spans="8:17" x14ac:dyDescent="0.25">
      <c r="H6408" s="43">
        <v>6401</v>
      </c>
      <c r="I6408" s="55">
        <f>Bühler!I6434</f>
        <v>0.67798579204294596</v>
      </c>
      <c r="J6408" s="58">
        <f>Bühler!J6434</f>
        <v>5.0855358744143411</v>
      </c>
      <c r="K6408" s="58">
        <f>Bühler!K6434</f>
        <v>0.22821334246411787</v>
      </c>
      <c r="L6408" s="58">
        <f>Bühler!L6434</f>
        <v>0.11410667123205893</v>
      </c>
      <c r="M6408" s="57">
        <f>Bühler!M6434</f>
        <v>0</v>
      </c>
      <c r="N6408" s="55">
        <f>IF(Input!$K$13=1,J6408*Input!$J$13,0)+IF(Input!$K$14=1,K6408*Input!$J$14,0)+IF(Input!$K$15=1,L6408*Input!$J$15,0)+IF(Input!$K$16=1,M6408*Input!$J$16,0)</f>
        <v>0.61026430492972095</v>
      </c>
      <c r="O6408" s="58">
        <f>IF(Input!$K$13=2,J6408*Input!$J$13,0)+IF(Input!$K$14=2,K6408*Input!$J$14,0)+IF(Input!$K$15=2,L6408*Input!$J$15,0)+IF(Input!$K$16=2,M6408*Input!$J$16,0)</f>
        <v>3.0808801232655912E-2</v>
      </c>
      <c r="P6408" s="58">
        <f>IF(Input!$K$13=3,J6408*Input!$J$13,0)+IF(Input!$K$14=3,K6408*Input!$J$14,0)+IF(Input!$K$15=3,L6408*Input!$J$15,0)+IF(Input!$K$16=3,M6408*Input!$J$16,0)</f>
        <v>0</v>
      </c>
      <c r="Q6408" s="71">
        <f>IF(Input!$K$13=4,J6408*Input!$J$13,0)+IF(Input!$K$14=4,K6408*Input!$J$14,0)+IF(Input!$K$15=4,L6408*Input!$J$15,0)+IF(Input!$K$16=4,M6408*Input!$J$16,0)</f>
        <v>0</v>
      </c>
    </row>
    <row r="6409" spans="8:17" x14ac:dyDescent="0.25">
      <c r="H6409" s="43">
        <v>6402</v>
      </c>
      <c r="I6409" s="55">
        <f>Bühler!I6435</f>
        <v>0.57936967683669938</v>
      </c>
      <c r="J6409" s="58">
        <f>Bühler!J6435</f>
        <v>5.0814268696140807</v>
      </c>
      <c r="K6409" s="58">
        <f>Bühler!K6435</f>
        <v>0.22821334246411787</v>
      </c>
      <c r="L6409" s="58">
        <f>Bühler!L6435</f>
        <v>0.11410667123205893</v>
      </c>
      <c r="M6409" s="57">
        <f>Bühler!M6435</f>
        <v>0</v>
      </c>
      <c r="N6409" s="55">
        <f>IF(Input!$K$13=1,J6409*Input!$J$13,0)+IF(Input!$K$14=1,K6409*Input!$J$14,0)+IF(Input!$K$15=1,L6409*Input!$J$15,0)+IF(Input!$K$16=1,M6409*Input!$J$16,0)</f>
        <v>0.60977122435368969</v>
      </c>
      <c r="O6409" s="58">
        <f>IF(Input!$K$13=2,J6409*Input!$J$13,0)+IF(Input!$K$14=2,K6409*Input!$J$14,0)+IF(Input!$K$15=2,L6409*Input!$J$15,0)+IF(Input!$K$16=2,M6409*Input!$J$16,0)</f>
        <v>3.0808801232655912E-2</v>
      </c>
      <c r="P6409" s="58">
        <f>IF(Input!$K$13=3,J6409*Input!$J$13,0)+IF(Input!$K$14=3,K6409*Input!$J$14,0)+IF(Input!$K$15=3,L6409*Input!$J$15,0)+IF(Input!$K$16=3,M6409*Input!$J$16,0)</f>
        <v>0</v>
      </c>
      <c r="Q6409" s="71">
        <f>IF(Input!$K$13=4,J6409*Input!$J$13,0)+IF(Input!$K$14=4,K6409*Input!$J$14,0)+IF(Input!$K$15=4,L6409*Input!$J$15,0)+IF(Input!$K$16=4,M6409*Input!$J$16,0)</f>
        <v>0</v>
      </c>
    </row>
    <row r="6410" spans="8:17" x14ac:dyDescent="0.25">
      <c r="H6410" s="43">
        <v>6403</v>
      </c>
      <c r="I6410" s="55">
        <f>Bühler!I6436</f>
        <v>0.54238863363435674</v>
      </c>
      <c r="J6410" s="58">
        <f>Bühler!J6436</f>
        <v>5.079885992813983</v>
      </c>
      <c r="K6410" s="58">
        <f>Bühler!K6436</f>
        <v>0.22821334246411787</v>
      </c>
      <c r="L6410" s="58">
        <f>Bühler!L6436</f>
        <v>0.11410667123205893</v>
      </c>
      <c r="M6410" s="57">
        <f>Bühler!M6436</f>
        <v>0</v>
      </c>
      <c r="N6410" s="55">
        <f>IF(Input!$K$13=1,J6410*Input!$J$13,0)+IF(Input!$K$14=1,K6410*Input!$J$14,0)+IF(Input!$K$15=1,L6410*Input!$J$15,0)+IF(Input!$K$16=1,M6410*Input!$J$16,0)</f>
        <v>0.60958631913767791</v>
      </c>
      <c r="O6410" s="58">
        <f>IF(Input!$K$13=2,J6410*Input!$J$13,0)+IF(Input!$K$14=2,K6410*Input!$J$14,0)+IF(Input!$K$15=2,L6410*Input!$J$15,0)+IF(Input!$K$16=2,M6410*Input!$J$16,0)</f>
        <v>3.0808801232655912E-2</v>
      </c>
      <c r="P6410" s="58">
        <f>IF(Input!$K$13=3,J6410*Input!$J$13,0)+IF(Input!$K$14=3,K6410*Input!$J$14,0)+IF(Input!$K$15=3,L6410*Input!$J$15,0)+IF(Input!$K$16=3,M6410*Input!$J$16,0)</f>
        <v>0</v>
      </c>
      <c r="Q6410" s="71">
        <f>IF(Input!$K$13=4,J6410*Input!$J$13,0)+IF(Input!$K$14=4,K6410*Input!$J$14,0)+IF(Input!$K$15=4,L6410*Input!$J$15,0)+IF(Input!$K$16=4,M6410*Input!$J$16,0)</f>
        <v>0</v>
      </c>
    </row>
    <row r="6411" spans="8:17" x14ac:dyDescent="0.25">
      <c r="H6411" s="43">
        <v>6404</v>
      </c>
      <c r="I6411" s="55">
        <f>Bühler!I6437</f>
        <v>0.45609953282889099</v>
      </c>
      <c r="J6411" s="58">
        <f>Bühler!J6437</f>
        <v>5.0762906136137556</v>
      </c>
      <c r="K6411" s="58">
        <f>Bühler!K6437</f>
        <v>0.22821334246411787</v>
      </c>
      <c r="L6411" s="58">
        <f>Bühler!L6437</f>
        <v>0.11410667123205893</v>
      </c>
      <c r="M6411" s="57">
        <f>Bühler!M6437</f>
        <v>0</v>
      </c>
      <c r="N6411" s="55">
        <f>IF(Input!$K$13=1,J6411*Input!$J$13,0)+IF(Input!$K$14=1,K6411*Input!$J$14,0)+IF(Input!$K$15=1,L6411*Input!$J$15,0)+IF(Input!$K$16=1,M6411*Input!$J$16,0)</f>
        <v>0.60915487363365062</v>
      </c>
      <c r="O6411" s="58">
        <f>IF(Input!$K$13=2,J6411*Input!$J$13,0)+IF(Input!$K$14=2,K6411*Input!$J$14,0)+IF(Input!$K$15=2,L6411*Input!$J$15,0)+IF(Input!$K$16=2,M6411*Input!$J$16,0)</f>
        <v>3.0808801232655912E-2</v>
      </c>
      <c r="P6411" s="58">
        <f>IF(Input!$K$13=3,J6411*Input!$J$13,0)+IF(Input!$K$14=3,K6411*Input!$J$14,0)+IF(Input!$K$15=3,L6411*Input!$J$15,0)+IF(Input!$K$16=3,M6411*Input!$J$16,0)</f>
        <v>0</v>
      </c>
      <c r="Q6411" s="71">
        <f>IF(Input!$K$13=4,J6411*Input!$J$13,0)+IF(Input!$K$14=4,K6411*Input!$J$14,0)+IF(Input!$K$15=4,L6411*Input!$J$15,0)+IF(Input!$K$16=4,M6411*Input!$J$16,0)</f>
        <v>0</v>
      </c>
    </row>
    <row r="6412" spans="8:17" x14ac:dyDescent="0.25">
      <c r="H6412" s="43">
        <v>6405</v>
      </c>
      <c r="I6412" s="55">
        <f>Bühler!I6438</f>
        <v>0.38213744642420588</v>
      </c>
      <c r="J6412" s="58">
        <f>Bühler!J6438</f>
        <v>5.0732088600135601</v>
      </c>
      <c r="K6412" s="58">
        <f>Bühler!K6438</f>
        <v>0.22821334246411787</v>
      </c>
      <c r="L6412" s="58">
        <f>Bühler!L6438</f>
        <v>0.11410667123205893</v>
      </c>
      <c r="M6412" s="57">
        <f>Bühler!M6438</f>
        <v>0</v>
      </c>
      <c r="N6412" s="55">
        <f>IF(Input!$K$13=1,J6412*Input!$J$13,0)+IF(Input!$K$14=1,K6412*Input!$J$14,0)+IF(Input!$K$15=1,L6412*Input!$J$15,0)+IF(Input!$K$16=1,M6412*Input!$J$16,0)</f>
        <v>0.60878506320162717</v>
      </c>
      <c r="O6412" s="58">
        <f>IF(Input!$K$13=2,J6412*Input!$J$13,0)+IF(Input!$K$14=2,K6412*Input!$J$14,0)+IF(Input!$K$15=2,L6412*Input!$J$15,0)+IF(Input!$K$16=2,M6412*Input!$J$16,0)</f>
        <v>3.0808801232655912E-2</v>
      </c>
      <c r="P6412" s="58">
        <f>IF(Input!$K$13=3,J6412*Input!$J$13,0)+IF(Input!$K$14=3,K6412*Input!$J$14,0)+IF(Input!$K$15=3,L6412*Input!$J$15,0)+IF(Input!$K$16=3,M6412*Input!$J$16,0)</f>
        <v>0</v>
      </c>
      <c r="Q6412" s="71">
        <f>IF(Input!$K$13=4,J6412*Input!$J$13,0)+IF(Input!$K$14=4,K6412*Input!$J$14,0)+IF(Input!$K$15=4,L6412*Input!$J$15,0)+IF(Input!$K$16=4,M6412*Input!$J$16,0)</f>
        <v>0</v>
      </c>
    </row>
    <row r="6413" spans="8:17" x14ac:dyDescent="0.25">
      <c r="H6413" s="43">
        <v>6406</v>
      </c>
      <c r="I6413" s="55">
        <f>Bühler!I6439</f>
        <v>0.33282938882108259</v>
      </c>
      <c r="J6413" s="58">
        <f>Bühler!J6439</f>
        <v>5.0711543576134295</v>
      </c>
      <c r="K6413" s="58">
        <f>Bühler!K6439</f>
        <v>0.22821334246411787</v>
      </c>
      <c r="L6413" s="58">
        <f>Bühler!L6439</f>
        <v>0.11410667123205893</v>
      </c>
      <c r="M6413" s="57">
        <f>Bühler!M6439</f>
        <v>0</v>
      </c>
      <c r="N6413" s="55">
        <f>IF(Input!$K$13=1,J6413*Input!$J$13,0)+IF(Input!$K$14=1,K6413*Input!$J$14,0)+IF(Input!$K$15=1,L6413*Input!$J$15,0)+IF(Input!$K$16=1,M6413*Input!$J$16,0)</f>
        <v>0.60853852291361155</v>
      </c>
      <c r="O6413" s="58">
        <f>IF(Input!$K$13=2,J6413*Input!$J$13,0)+IF(Input!$K$14=2,K6413*Input!$J$14,0)+IF(Input!$K$15=2,L6413*Input!$J$15,0)+IF(Input!$K$16=2,M6413*Input!$J$16,0)</f>
        <v>3.0808801232655912E-2</v>
      </c>
      <c r="P6413" s="58">
        <f>IF(Input!$K$13=3,J6413*Input!$J$13,0)+IF(Input!$K$14=3,K6413*Input!$J$14,0)+IF(Input!$K$15=3,L6413*Input!$J$15,0)+IF(Input!$K$16=3,M6413*Input!$J$16,0)</f>
        <v>0</v>
      </c>
      <c r="Q6413" s="71">
        <f>IF(Input!$K$13=4,J6413*Input!$J$13,0)+IF(Input!$K$14=4,K6413*Input!$J$14,0)+IF(Input!$K$15=4,L6413*Input!$J$15,0)+IF(Input!$K$16=4,M6413*Input!$J$16,0)</f>
        <v>0</v>
      </c>
    </row>
    <row r="6414" spans="8:17" x14ac:dyDescent="0.25">
      <c r="H6414" s="43">
        <v>6407</v>
      </c>
      <c r="I6414" s="55">
        <f>Bühler!I6440</f>
        <v>0.33282938882108259</v>
      </c>
      <c r="J6414" s="58">
        <f>Bühler!J6440</f>
        <v>5.0711543576134295</v>
      </c>
      <c r="K6414" s="58">
        <f>Bühler!K6440</f>
        <v>0.22821334246411787</v>
      </c>
      <c r="L6414" s="58">
        <f>Bühler!L6440</f>
        <v>0.11410667123205893</v>
      </c>
      <c r="M6414" s="57">
        <f>Bühler!M6440</f>
        <v>0</v>
      </c>
      <c r="N6414" s="55">
        <f>IF(Input!$K$13=1,J6414*Input!$J$13,0)+IF(Input!$K$14=1,K6414*Input!$J$14,0)+IF(Input!$K$15=1,L6414*Input!$J$15,0)+IF(Input!$K$16=1,M6414*Input!$J$16,0)</f>
        <v>0.60853852291361155</v>
      </c>
      <c r="O6414" s="58">
        <f>IF(Input!$K$13=2,J6414*Input!$J$13,0)+IF(Input!$K$14=2,K6414*Input!$J$14,0)+IF(Input!$K$15=2,L6414*Input!$J$15,0)+IF(Input!$K$16=2,M6414*Input!$J$16,0)</f>
        <v>3.0808801232655912E-2</v>
      </c>
      <c r="P6414" s="58">
        <f>IF(Input!$K$13=3,J6414*Input!$J$13,0)+IF(Input!$K$14=3,K6414*Input!$J$14,0)+IF(Input!$K$15=3,L6414*Input!$J$15,0)+IF(Input!$K$16=3,M6414*Input!$J$16,0)</f>
        <v>0</v>
      </c>
      <c r="Q6414" s="71">
        <f>IF(Input!$K$13=4,J6414*Input!$J$13,0)+IF(Input!$K$14=4,K6414*Input!$J$14,0)+IF(Input!$K$15=4,L6414*Input!$J$15,0)+IF(Input!$K$16=4,M6414*Input!$J$16,0)</f>
        <v>0</v>
      </c>
    </row>
    <row r="6415" spans="8:17" x14ac:dyDescent="0.25">
      <c r="H6415" s="43">
        <v>6408</v>
      </c>
      <c r="I6415" s="55">
        <f>Bühler!I6441</f>
        <v>0.33282938882108259</v>
      </c>
      <c r="J6415" s="58">
        <f>Bühler!J6441</f>
        <v>5.0711543576134295</v>
      </c>
      <c r="K6415" s="58">
        <f>Bühler!K6441</f>
        <v>0.22821334246411787</v>
      </c>
      <c r="L6415" s="58">
        <f>Bühler!L6441</f>
        <v>0.11410667123205893</v>
      </c>
      <c r="M6415" s="57">
        <f>Bühler!M6441</f>
        <v>0</v>
      </c>
      <c r="N6415" s="55">
        <f>IF(Input!$K$13=1,J6415*Input!$J$13,0)+IF(Input!$K$14=1,K6415*Input!$J$14,0)+IF(Input!$K$15=1,L6415*Input!$J$15,0)+IF(Input!$K$16=1,M6415*Input!$J$16,0)</f>
        <v>0.60853852291361155</v>
      </c>
      <c r="O6415" s="58">
        <f>IF(Input!$K$13=2,J6415*Input!$J$13,0)+IF(Input!$K$14=2,K6415*Input!$J$14,0)+IF(Input!$K$15=2,L6415*Input!$J$15,0)+IF(Input!$K$16=2,M6415*Input!$J$16,0)</f>
        <v>3.0808801232655912E-2</v>
      </c>
      <c r="P6415" s="58">
        <f>IF(Input!$K$13=3,J6415*Input!$J$13,0)+IF(Input!$K$14=3,K6415*Input!$J$14,0)+IF(Input!$K$15=3,L6415*Input!$J$15,0)+IF(Input!$K$16=3,M6415*Input!$J$16,0)</f>
        <v>0</v>
      </c>
      <c r="Q6415" s="71">
        <f>IF(Input!$K$13=4,J6415*Input!$J$13,0)+IF(Input!$K$14=4,K6415*Input!$J$14,0)+IF(Input!$K$15=4,L6415*Input!$J$15,0)+IF(Input!$K$16=4,M6415*Input!$J$16,0)</f>
        <v>0</v>
      </c>
    </row>
    <row r="6416" spans="8:17" x14ac:dyDescent="0.25">
      <c r="H6416" s="43">
        <v>6409</v>
      </c>
      <c r="I6416" s="55">
        <f>Bühler!I6442</f>
        <v>0.2015115543958447</v>
      </c>
      <c r="J6416" s="58">
        <f>Bühler!J6442</f>
        <v>7.1210316598104795</v>
      </c>
      <c r="K6416" s="58">
        <f>Bühler!K6442</f>
        <v>0.56364591959390753</v>
      </c>
      <c r="L6416" s="58">
        <f>Bühler!L6442</f>
        <v>0.28182295979695376</v>
      </c>
      <c r="M6416" s="57">
        <f>Bühler!M6442</f>
        <v>0</v>
      </c>
      <c r="N6416" s="55">
        <f>IF(Input!$K$13=1,J6416*Input!$J$13,0)+IF(Input!$K$14=1,K6416*Input!$J$14,0)+IF(Input!$K$15=1,L6416*Input!$J$15,0)+IF(Input!$K$16=1,M6416*Input!$J$16,0)</f>
        <v>0.85452379917725751</v>
      </c>
      <c r="O6416" s="58">
        <f>IF(Input!$K$13=2,J6416*Input!$J$13,0)+IF(Input!$K$14=2,K6416*Input!$J$14,0)+IF(Input!$K$15=2,L6416*Input!$J$15,0)+IF(Input!$K$16=2,M6416*Input!$J$16,0)</f>
        <v>7.6092199145177508E-2</v>
      </c>
      <c r="P6416" s="58">
        <f>IF(Input!$K$13=3,J6416*Input!$J$13,0)+IF(Input!$K$14=3,K6416*Input!$J$14,0)+IF(Input!$K$15=3,L6416*Input!$J$15,0)+IF(Input!$K$16=3,M6416*Input!$J$16,0)</f>
        <v>0</v>
      </c>
      <c r="Q6416" s="71">
        <f>IF(Input!$K$13=4,J6416*Input!$J$13,0)+IF(Input!$K$14=4,K6416*Input!$J$14,0)+IF(Input!$K$15=4,L6416*Input!$J$15,0)+IF(Input!$K$16=4,M6416*Input!$J$16,0)</f>
        <v>0</v>
      </c>
    </row>
    <row r="6417" spans="8:17" x14ac:dyDescent="0.25">
      <c r="H6417" s="43">
        <v>6410</v>
      </c>
      <c r="I6417" s="55">
        <f>Bühler!I6443</f>
        <v>0.2015115543958447</v>
      </c>
      <c r="J6417" s="58">
        <f>Bühler!J6443</f>
        <v>7.1210316598104795</v>
      </c>
      <c r="K6417" s="58">
        <f>Bühler!K6443</f>
        <v>0.56364591959390753</v>
      </c>
      <c r="L6417" s="58">
        <f>Bühler!L6443</f>
        <v>0.28182295979695376</v>
      </c>
      <c r="M6417" s="57">
        <f>Bühler!M6443</f>
        <v>0</v>
      </c>
      <c r="N6417" s="55">
        <f>IF(Input!$K$13=1,J6417*Input!$J$13,0)+IF(Input!$K$14=1,K6417*Input!$J$14,0)+IF(Input!$K$15=1,L6417*Input!$J$15,0)+IF(Input!$K$16=1,M6417*Input!$J$16,0)</f>
        <v>0.85452379917725751</v>
      </c>
      <c r="O6417" s="58">
        <f>IF(Input!$K$13=2,J6417*Input!$J$13,0)+IF(Input!$K$14=2,K6417*Input!$J$14,0)+IF(Input!$K$15=2,L6417*Input!$J$15,0)+IF(Input!$K$16=2,M6417*Input!$J$16,0)</f>
        <v>7.6092199145177508E-2</v>
      </c>
      <c r="P6417" s="58">
        <f>IF(Input!$K$13=3,J6417*Input!$J$13,0)+IF(Input!$K$14=3,K6417*Input!$J$14,0)+IF(Input!$K$15=3,L6417*Input!$J$15,0)+IF(Input!$K$16=3,M6417*Input!$J$16,0)</f>
        <v>0</v>
      </c>
      <c r="Q6417" s="71">
        <f>IF(Input!$K$13=4,J6417*Input!$J$13,0)+IF(Input!$K$14=4,K6417*Input!$J$14,0)+IF(Input!$K$15=4,L6417*Input!$J$15,0)+IF(Input!$K$16=4,M6417*Input!$J$16,0)</f>
        <v>0</v>
      </c>
    </row>
    <row r="6418" spans="8:17" x14ac:dyDescent="0.25">
      <c r="H6418" s="43">
        <v>6411</v>
      </c>
      <c r="I6418" s="55">
        <f>Bühler!I6444</f>
        <v>0.2015115543958447</v>
      </c>
      <c r="J6418" s="58">
        <f>Bühler!J6444</f>
        <v>7.1210316598104795</v>
      </c>
      <c r="K6418" s="58">
        <f>Bühler!K6444</f>
        <v>0.56364591959390753</v>
      </c>
      <c r="L6418" s="58">
        <f>Bühler!L6444</f>
        <v>0.28182295979695376</v>
      </c>
      <c r="M6418" s="57">
        <f>Bühler!M6444</f>
        <v>0</v>
      </c>
      <c r="N6418" s="55">
        <f>IF(Input!$K$13=1,J6418*Input!$J$13,0)+IF(Input!$K$14=1,K6418*Input!$J$14,0)+IF(Input!$K$15=1,L6418*Input!$J$15,0)+IF(Input!$K$16=1,M6418*Input!$J$16,0)</f>
        <v>0.85452379917725751</v>
      </c>
      <c r="O6418" s="58">
        <f>IF(Input!$K$13=2,J6418*Input!$J$13,0)+IF(Input!$K$14=2,K6418*Input!$J$14,0)+IF(Input!$K$15=2,L6418*Input!$J$15,0)+IF(Input!$K$16=2,M6418*Input!$J$16,0)</f>
        <v>7.6092199145177508E-2</v>
      </c>
      <c r="P6418" s="58">
        <f>IF(Input!$K$13=3,J6418*Input!$J$13,0)+IF(Input!$K$14=3,K6418*Input!$J$14,0)+IF(Input!$K$15=3,L6418*Input!$J$15,0)+IF(Input!$K$16=3,M6418*Input!$J$16,0)</f>
        <v>0</v>
      </c>
      <c r="Q6418" s="71">
        <f>IF(Input!$K$13=4,J6418*Input!$J$13,0)+IF(Input!$K$14=4,K6418*Input!$J$14,0)+IF(Input!$K$15=4,L6418*Input!$J$15,0)+IF(Input!$K$16=4,M6418*Input!$J$16,0)</f>
        <v>0</v>
      </c>
    </row>
    <row r="6419" spans="8:17" x14ac:dyDescent="0.25">
      <c r="H6419" s="43">
        <v>6412</v>
      </c>
      <c r="I6419" s="55">
        <f>Bühler!I6445</f>
        <v>0.2015115543958447</v>
      </c>
      <c r="J6419" s="58">
        <f>Bühler!J6445</f>
        <v>7.1210316598104795</v>
      </c>
      <c r="K6419" s="58">
        <f>Bühler!K6445</f>
        <v>0.56364591959390753</v>
      </c>
      <c r="L6419" s="58">
        <f>Bühler!L6445</f>
        <v>0.28182295979695376</v>
      </c>
      <c r="M6419" s="57">
        <f>Bühler!M6445</f>
        <v>0</v>
      </c>
      <c r="N6419" s="55">
        <f>IF(Input!$K$13=1,J6419*Input!$J$13,0)+IF(Input!$K$14=1,K6419*Input!$J$14,0)+IF(Input!$K$15=1,L6419*Input!$J$15,0)+IF(Input!$K$16=1,M6419*Input!$J$16,0)</f>
        <v>0.85452379917725751</v>
      </c>
      <c r="O6419" s="58">
        <f>IF(Input!$K$13=2,J6419*Input!$J$13,0)+IF(Input!$K$14=2,K6419*Input!$J$14,0)+IF(Input!$K$15=2,L6419*Input!$J$15,0)+IF(Input!$K$16=2,M6419*Input!$J$16,0)</f>
        <v>7.6092199145177508E-2</v>
      </c>
      <c r="P6419" s="58">
        <f>IF(Input!$K$13=3,J6419*Input!$J$13,0)+IF(Input!$K$14=3,K6419*Input!$J$14,0)+IF(Input!$K$15=3,L6419*Input!$J$15,0)+IF(Input!$K$16=3,M6419*Input!$J$16,0)</f>
        <v>0</v>
      </c>
      <c r="Q6419" s="71">
        <f>IF(Input!$K$13=4,J6419*Input!$J$13,0)+IF(Input!$K$14=4,K6419*Input!$J$14,0)+IF(Input!$K$15=4,L6419*Input!$J$15,0)+IF(Input!$K$16=4,M6419*Input!$J$16,0)</f>
        <v>0</v>
      </c>
    </row>
    <row r="6420" spans="8:17" x14ac:dyDescent="0.25">
      <c r="H6420" s="43">
        <v>6413</v>
      </c>
      <c r="I6420" s="55">
        <f>Bühler!I6446</f>
        <v>0.2015115543958447</v>
      </c>
      <c r="J6420" s="58">
        <f>Bühler!J6446</f>
        <v>7.1210316598104795</v>
      </c>
      <c r="K6420" s="58">
        <f>Bühler!K6446</f>
        <v>0.56364591959390753</v>
      </c>
      <c r="L6420" s="58">
        <f>Bühler!L6446</f>
        <v>0.28182295979695376</v>
      </c>
      <c r="M6420" s="57">
        <f>Bühler!M6446</f>
        <v>0</v>
      </c>
      <c r="N6420" s="55">
        <f>IF(Input!$K$13=1,J6420*Input!$J$13,0)+IF(Input!$K$14=1,K6420*Input!$J$14,0)+IF(Input!$K$15=1,L6420*Input!$J$15,0)+IF(Input!$K$16=1,M6420*Input!$J$16,0)</f>
        <v>0.85452379917725751</v>
      </c>
      <c r="O6420" s="58">
        <f>IF(Input!$K$13=2,J6420*Input!$J$13,0)+IF(Input!$K$14=2,K6420*Input!$J$14,0)+IF(Input!$K$15=2,L6420*Input!$J$15,0)+IF(Input!$K$16=2,M6420*Input!$J$16,0)</f>
        <v>7.6092199145177508E-2</v>
      </c>
      <c r="P6420" s="58">
        <f>IF(Input!$K$13=3,J6420*Input!$J$13,0)+IF(Input!$K$14=3,K6420*Input!$J$14,0)+IF(Input!$K$15=3,L6420*Input!$J$15,0)+IF(Input!$K$16=3,M6420*Input!$J$16,0)</f>
        <v>0</v>
      </c>
      <c r="Q6420" s="71">
        <f>IF(Input!$K$13=4,J6420*Input!$J$13,0)+IF(Input!$K$14=4,K6420*Input!$J$14,0)+IF(Input!$K$15=4,L6420*Input!$J$15,0)+IF(Input!$K$16=4,M6420*Input!$J$16,0)</f>
        <v>0</v>
      </c>
    </row>
    <row r="6421" spans="8:17" x14ac:dyDescent="0.25">
      <c r="H6421" s="43">
        <v>6414</v>
      </c>
      <c r="I6421" s="55">
        <f>Bühler!I6447</f>
        <v>0.2015115543958447</v>
      </c>
      <c r="J6421" s="58">
        <f>Bühler!J6447</f>
        <v>7.1210316598104795</v>
      </c>
      <c r="K6421" s="58">
        <f>Bühler!K6447</f>
        <v>0.56364591959390753</v>
      </c>
      <c r="L6421" s="58">
        <f>Bühler!L6447</f>
        <v>0.28182295979695376</v>
      </c>
      <c r="M6421" s="57">
        <f>Bühler!M6447</f>
        <v>0</v>
      </c>
      <c r="N6421" s="55">
        <f>IF(Input!$K$13=1,J6421*Input!$J$13,0)+IF(Input!$K$14=1,K6421*Input!$J$14,0)+IF(Input!$K$15=1,L6421*Input!$J$15,0)+IF(Input!$K$16=1,M6421*Input!$J$16,0)</f>
        <v>0.85452379917725751</v>
      </c>
      <c r="O6421" s="58">
        <f>IF(Input!$K$13=2,J6421*Input!$J$13,0)+IF(Input!$K$14=2,K6421*Input!$J$14,0)+IF(Input!$K$15=2,L6421*Input!$J$15,0)+IF(Input!$K$16=2,M6421*Input!$J$16,0)</f>
        <v>7.6092199145177508E-2</v>
      </c>
      <c r="P6421" s="58">
        <f>IF(Input!$K$13=3,J6421*Input!$J$13,0)+IF(Input!$K$14=3,K6421*Input!$J$14,0)+IF(Input!$K$15=3,L6421*Input!$J$15,0)+IF(Input!$K$16=3,M6421*Input!$J$16,0)</f>
        <v>0</v>
      </c>
      <c r="Q6421" s="71">
        <f>IF(Input!$K$13=4,J6421*Input!$J$13,0)+IF(Input!$K$14=4,K6421*Input!$J$14,0)+IF(Input!$K$15=4,L6421*Input!$J$15,0)+IF(Input!$K$16=4,M6421*Input!$J$16,0)</f>
        <v>0</v>
      </c>
    </row>
    <row r="6422" spans="8:17" x14ac:dyDescent="0.25">
      <c r="H6422" s="43">
        <v>6415</v>
      </c>
      <c r="I6422" s="55">
        <f>Bühler!I6448</f>
        <v>0.2015115543958447</v>
      </c>
      <c r="J6422" s="58">
        <f>Bühler!J6448</f>
        <v>7.1210316598104795</v>
      </c>
      <c r="K6422" s="58">
        <f>Bühler!K6448</f>
        <v>0.56364591959390753</v>
      </c>
      <c r="L6422" s="58">
        <f>Bühler!L6448</f>
        <v>0.28182295979695376</v>
      </c>
      <c r="M6422" s="57">
        <f>Bühler!M6448</f>
        <v>0</v>
      </c>
      <c r="N6422" s="55">
        <f>IF(Input!$K$13=1,J6422*Input!$J$13,0)+IF(Input!$K$14=1,K6422*Input!$J$14,0)+IF(Input!$K$15=1,L6422*Input!$J$15,0)+IF(Input!$K$16=1,M6422*Input!$J$16,0)</f>
        <v>0.85452379917725751</v>
      </c>
      <c r="O6422" s="58">
        <f>IF(Input!$K$13=2,J6422*Input!$J$13,0)+IF(Input!$K$14=2,K6422*Input!$J$14,0)+IF(Input!$K$15=2,L6422*Input!$J$15,0)+IF(Input!$K$16=2,M6422*Input!$J$16,0)</f>
        <v>7.6092199145177508E-2</v>
      </c>
      <c r="P6422" s="58">
        <f>IF(Input!$K$13=3,J6422*Input!$J$13,0)+IF(Input!$K$14=3,K6422*Input!$J$14,0)+IF(Input!$K$15=3,L6422*Input!$J$15,0)+IF(Input!$K$16=3,M6422*Input!$J$16,0)</f>
        <v>0</v>
      </c>
      <c r="Q6422" s="71">
        <f>IF(Input!$K$13=4,J6422*Input!$J$13,0)+IF(Input!$K$14=4,K6422*Input!$J$14,0)+IF(Input!$K$15=4,L6422*Input!$J$15,0)+IF(Input!$K$16=4,M6422*Input!$J$16,0)</f>
        <v>0</v>
      </c>
    </row>
    <row r="6423" spans="8:17" x14ac:dyDescent="0.25">
      <c r="H6423" s="43">
        <v>6416</v>
      </c>
      <c r="I6423" s="55">
        <f>Bühler!I6449</f>
        <v>0.87657526162192434</v>
      </c>
      <c r="J6423" s="58">
        <f>Bühler!J6449</f>
        <v>30.355242247346236</v>
      </c>
      <c r="K6423" s="58">
        <f>Bühler!K6449</f>
        <v>2.4011316174700452</v>
      </c>
      <c r="L6423" s="58">
        <f>Bühler!L6449</f>
        <v>1.2005658087350226</v>
      </c>
      <c r="M6423" s="57">
        <f>Bühler!M6449</f>
        <v>0</v>
      </c>
      <c r="N6423" s="55">
        <f>IF(Input!$K$13=1,J6423*Input!$J$13,0)+IF(Input!$K$14=1,K6423*Input!$J$14,0)+IF(Input!$K$15=1,L6423*Input!$J$15,0)+IF(Input!$K$16=1,M6423*Input!$J$16,0)</f>
        <v>3.6426290696815484</v>
      </c>
      <c r="O6423" s="58">
        <f>IF(Input!$K$13=2,J6423*Input!$J$13,0)+IF(Input!$K$14=2,K6423*Input!$J$14,0)+IF(Input!$K$15=2,L6423*Input!$J$15,0)+IF(Input!$K$16=2,M6423*Input!$J$16,0)</f>
        <v>0.32415276835845608</v>
      </c>
      <c r="P6423" s="58">
        <f>IF(Input!$K$13=3,J6423*Input!$J$13,0)+IF(Input!$K$14=3,K6423*Input!$J$14,0)+IF(Input!$K$15=3,L6423*Input!$J$15,0)+IF(Input!$K$16=3,M6423*Input!$J$16,0)</f>
        <v>0</v>
      </c>
      <c r="Q6423" s="71">
        <f>IF(Input!$K$13=4,J6423*Input!$J$13,0)+IF(Input!$K$14=4,K6423*Input!$J$14,0)+IF(Input!$K$15=4,L6423*Input!$J$15,0)+IF(Input!$K$16=4,M6423*Input!$J$16,0)</f>
        <v>0</v>
      </c>
    </row>
    <row r="6424" spans="8:17" x14ac:dyDescent="0.25">
      <c r="H6424" s="43">
        <v>6417</v>
      </c>
      <c r="I6424" s="55">
        <f>Bühler!I6450</f>
        <v>0.98614716932466495</v>
      </c>
      <c r="J6424" s="58">
        <f>Bühler!J6450</f>
        <v>34.149647528264516</v>
      </c>
      <c r="K6424" s="58">
        <f>Bühler!K6450</f>
        <v>2.7012730696538014</v>
      </c>
      <c r="L6424" s="58">
        <f>Bühler!L6450</f>
        <v>1.3506365348269007</v>
      </c>
      <c r="M6424" s="57">
        <f>Bühler!M6450</f>
        <v>0</v>
      </c>
      <c r="N6424" s="55">
        <f>IF(Input!$K$13=1,J6424*Input!$J$13,0)+IF(Input!$K$14=1,K6424*Input!$J$14,0)+IF(Input!$K$15=1,L6424*Input!$J$15,0)+IF(Input!$K$16=1,M6424*Input!$J$16,0)</f>
        <v>4.0979577033917423</v>
      </c>
      <c r="O6424" s="58">
        <f>IF(Input!$K$13=2,J6424*Input!$J$13,0)+IF(Input!$K$14=2,K6424*Input!$J$14,0)+IF(Input!$K$15=2,L6424*Input!$J$15,0)+IF(Input!$K$16=2,M6424*Input!$J$16,0)</f>
        <v>0.36467186440326316</v>
      </c>
      <c r="P6424" s="58">
        <f>IF(Input!$K$13=3,J6424*Input!$J$13,0)+IF(Input!$K$14=3,K6424*Input!$J$14,0)+IF(Input!$K$15=3,L6424*Input!$J$15,0)+IF(Input!$K$16=3,M6424*Input!$J$16,0)</f>
        <v>0</v>
      </c>
      <c r="Q6424" s="71">
        <f>IF(Input!$K$13=4,J6424*Input!$J$13,0)+IF(Input!$K$14=4,K6424*Input!$J$14,0)+IF(Input!$K$15=4,L6424*Input!$J$15,0)+IF(Input!$K$16=4,M6424*Input!$J$16,0)</f>
        <v>0</v>
      </c>
    </row>
    <row r="6425" spans="8:17" x14ac:dyDescent="0.25">
      <c r="H6425" s="43">
        <v>6418</v>
      </c>
      <c r="I6425" s="55">
        <f>Bühler!I6451</f>
        <v>1.0957190770274052</v>
      </c>
      <c r="J6425" s="58">
        <f>Bühler!J6451</f>
        <v>37.9440528091828</v>
      </c>
      <c r="K6425" s="58">
        <f>Bühler!K6451</f>
        <v>3.0014145218375572</v>
      </c>
      <c r="L6425" s="58">
        <f>Bühler!L6451</f>
        <v>1.5007072609187786</v>
      </c>
      <c r="M6425" s="57">
        <f>Bühler!M6451</f>
        <v>0</v>
      </c>
      <c r="N6425" s="55">
        <f>IF(Input!$K$13=1,J6425*Input!$J$13,0)+IF(Input!$K$14=1,K6425*Input!$J$14,0)+IF(Input!$K$15=1,L6425*Input!$J$15,0)+IF(Input!$K$16=1,M6425*Input!$J$16,0)</f>
        <v>4.5532863371019356</v>
      </c>
      <c r="O6425" s="58">
        <f>IF(Input!$K$13=2,J6425*Input!$J$13,0)+IF(Input!$K$14=2,K6425*Input!$J$14,0)+IF(Input!$K$15=2,L6425*Input!$J$15,0)+IF(Input!$K$16=2,M6425*Input!$J$16,0)</f>
        <v>0.40519096044807018</v>
      </c>
      <c r="P6425" s="58">
        <f>IF(Input!$K$13=3,J6425*Input!$J$13,0)+IF(Input!$K$14=3,K6425*Input!$J$14,0)+IF(Input!$K$15=3,L6425*Input!$J$15,0)+IF(Input!$K$16=3,M6425*Input!$J$16,0)</f>
        <v>0</v>
      </c>
      <c r="Q6425" s="71">
        <f>IF(Input!$K$13=4,J6425*Input!$J$13,0)+IF(Input!$K$14=4,K6425*Input!$J$14,0)+IF(Input!$K$15=4,L6425*Input!$J$15,0)+IF(Input!$K$16=4,M6425*Input!$J$16,0)</f>
        <v>0</v>
      </c>
    </row>
    <row r="6426" spans="8:17" x14ac:dyDescent="0.25">
      <c r="H6426" s="43">
        <v>6419</v>
      </c>
      <c r="I6426" s="55">
        <f>Bühler!I6452</f>
        <v>1.0957190770274052</v>
      </c>
      <c r="J6426" s="58">
        <f>Bühler!J6452</f>
        <v>37.9440528091828</v>
      </c>
      <c r="K6426" s="58">
        <f>Bühler!K6452</f>
        <v>3.0014145218375572</v>
      </c>
      <c r="L6426" s="58">
        <f>Bühler!L6452</f>
        <v>1.5007072609187786</v>
      </c>
      <c r="M6426" s="57">
        <f>Bühler!M6452</f>
        <v>0</v>
      </c>
      <c r="N6426" s="55">
        <f>IF(Input!$K$13=1,J6426*Input!$J$13,0)+IF(Input!$K$14=1,K6426*Input!$J$14,0)+IF(Input!$K$15=1,L6426*Input!$J$15,0)+IF(Input!$K$16=1,M6426*Input!$J$16,0)</f>
        <v>4.5532863371019356</v>
      </c>
      <c r="O6426" s="58">
        <f>IF(Input!$K$13=2,J6426*Input!$J$13,0)+IF(Input!$K$14=2,K6426*Input!$J$14,0)+IF(Input!$K$15=2,L6426*Input!$J$15,0)+IF(Input!$K$16=2,M6426*Input!$J$16,0)</f>
        <v>0.40519096044807018</v>
      </c>
      <c r="P6426" s="58">
        <f>IF(Input!$K$13=3,J6426*Input!$J$13,0)+IF(Input!$K$14=3,K6426*Input!$J$14,0)+IF(Input!$K$15=3,L6426*Input!$J$15,0)+IF(Input!$K$16=3,M6426*Input!$J$16,0)</f>
        <v>0</v>
      </c>
      <c r="Q6426" s="71">
        <f>IF(Input!$K$13=4,J6426*Input!$J$13,0)+IF(Input!$K$14=4,K6426*Input!$J$14,0)+IF(Input!$K$15=4,L6426*Input!$J$15,0)+IF(Input!$K$16=4,M6426*Input!$J$16,0)</f>
        <v>0</v>
      </c>
    </row>
    <row r="6427" spans="8:17" x14ac:dyDescent="0.25">
      <c r="H6427" s="43">
        <v>6420</v>
      </c>
      <c r="I6427" s="55">
        <f>Bühler!I6453</f>
        <v>1.3148628924328865</v>
      </c>
      <c r="J6427" s="58">
        <f>Bühler!J6453</f>
        <v>45.532863371019346</v>
      </c>
      <c r="K6427" s="58">
        <f>Bühler!K6453</f>
        <v>3.6016974262050678</v>
      </c>
      <c r="L6427" s="58">
        <f>Bühler!L6453</f>
        <v>1.8008487131025339</v>
      </c>
      <c r="M6427" s="57">
        <f>Bühler!M6453</f>
        <v>0</v>
      </c>
      <c r="N6427" s="55">
        <f>IF(Input!$K$13=1,J6427*Input!$J$13,0)+IF(Input!$K$14=1,K6427*Input!$J$14,0)+IF(Input!$K$15=1,L6427*Input!$J$15,0)+IF(Input!$K$16=1,M6427*Input!$J$16,0)</f>
        <v>5.4639436045223215</v>
      </c>
      <c r="O6427" s="58">
        <f>IF(Input!$K$13=2,J6427*Input!$J$13,0)+IF(Input!$K$14=2,K6427*Input!$J$14,0)+IF(Input!$K$15=2,L6427*Input!$J$15,0)+IF(Input!$K$16=2,M6427*Input!$J$16,0)</f>
        <v>0.48622915253768412</v>
      </c>
      <c r="P6427" s="58">
        <f>IF(Input!$K$13=3,J6427*Input!$J$13,0)+IF(Input!$K$14=3,K6427*Input!$J$14,0)+IF(Input!$K$15=3,L6427*Input!$J$15,0)+IF(Input!$K$16=3,M6427*Input!$J$16,0)</f>
        <v>0</v>
      </c>
      <c r="Q6427" s="71">
        <f>IF(Input!$K$13=4,J6427*Input!$J$13,0)+IF(Input!$K$14=4,K6427*Input!$J$14,0)+IF(Input!$K$15=4,L6427*Input!$J$15,0)+IF(Input!$K$16=4,M6427*Input!$J$16,0)</f>
        <v>0</v>
      </c>
    </row>
    <row r="6428" spans="8:17" x14ac:dyDescent="0.25">
      <c r="H6428" s="43">
        <v>6421</v>
      </c>
      <c r="I6428" s="55">
        <f>Bühler!I6454</f>
        <v>1.3148628924328865</v>
      </c>
      <c r="J6428" s="58">
        <f>Bühler!J6454</f>
        <v>45.532863371019346</v>
      </c>
      <c r="K6428" s="58">
        <f>Bühler!K6454</f>
        <v>3.6016974262050678</v>
      </c>
      <c r="L6428" s="58">
        <f>Bühler!L6454</f>
        <v>1.8008487131025339</v>
      </c>
      <c r="M6428" s="57">
        <f>Bühler!M6454</f>
        <v>0</v>
      </c>
      <c r="N6428" s="55">
        <f>IF(Input!$K$13=1,J6428*Input!$J$13,0)+IF(Input!$K$14=1,K6428*Input!$J$14,0)+IF(Input!$K$15=1,L6428*Input!$J$15,0)+IF(Input!$K$16=1,M6428*Input!$J$16,0)</f>
        <v>5.4639436045223215</v>
      </c>
      <c r="O6428" s="58">
        <f>IF(Input!$K$13=2,J6428*Input!$J$13,0)+IF(Input!$K$14=2,K6428*Input!$J$14,0)+IF(Input!$K$15=2,L6428*Input!$J$15,0)+IF(Input!$K$16=2,M6428*Input!$J$16,0)</f>
        <v>0.48622915253768412</v>
      </c>
      <c r="P6428" s="58">
        <f>IF(Input!$K$13=3,J6428*Input!$J$13,0)+IF(Input!$K$14=3,K6428*Input!$J$14,0)+IF(Input!$K$15=3,L6428*Input!$J$15,0)+IF(Input!$K$16=3,M6428*Input!$J$16,0)</f>
        <v>0</v>
      </c>
      <c r="Q6428" s="71">
        <f>IF(Input!$K$13=4,J6428*Input!$J$13,0)+IF(Input!$K$14=4,K6428*Input!$J$14,0)+IF(Input!$K$15=4,L6428*Input!$J$15,0)+IF(Input!$K$16=4,M6428*Input!$J$16,0)</f>
        <v>0</v>
      </c>
    </row>
    <row r="6429" spans="8:17" x14ac:dyDescent="0.25">
      <c r="H6429" s="43">
        <v>6422</v>
      </c>
      <c r="I6429" s="55">
        <f>Bühler!I6455</f>
        <v>0.87657526162192434</v>
      </c>
      <c r="J6429" s="58">
        <f>Bühler!J6455</f>
        <v>30.355242247346236</v>
      </c>
      <c r="K6429" s="58">
        <f>Bühler!K6455</f>
        <v>2.4011316174700452</v>
      </c>
      <c r="L6429" s="58">
        <f>Bühler!L6455</f>
        <v>1.2005658087350226</v>
      </c>
      <c r="M6429" s="57">
        <f>Bühler!M6455</f>
        <v>0</v>
      </c>
      <c r="N6429" s="55">
        <f>IF(Input!$K$13=1,J6429*Input!$J$13,0)+IF(Input!$K$14=1,K6429*Input!$J$14,0)+IF(Input!$K$15=1,L6429*Input!$J$15,0)+IF(Input!$K$16=1,M6429*Input!$J$16,0)</f>
        <v>3.6426290696815484</v>
      </c>
      <c r="O6429" s="58">
        <f>IF(Input!$K$13=2,J6429*Input!$J$13,0)+IF(Input!$K$14=2,K6429*Input!$J$14,0)+IF(Input!$K$15=2,L6429*Input!$J$15,0)+IF(Input!$K$16=2,M6429*Input!$J$16,0)</f>
        <v>0.32415276835845608</v>
      </c>
      <c r="P6429" s="58">
        <f>IF(Input!$K$13=3,J6429*Input!$J$13,0)+IF(Input!$K$14=3,K6429*Input!$J$14,0)+IF(Input!$K$15=3,L6429*Input!$J$15,0)+IF(Input!$K$16=3,M6429*Input!$J$16,0)</f>
        <v>0</v>
      </c>
      <c r="Q6429" s="71">
        <f>IF(Input!$K$13=4,J6429*Input!$J$13,0)+IF(Input!$K$14=4,K6429*Input!$J$14,0)+IF(Input!$K$15=4,L6429*Input!$J$15,0)+IF(Input!$K$16=4,M6429*Input!$J$16,0)</f>
        <v>0</v>
      </c>
    </row>
    <row r="6430" spans="8:17" x14ac:dyDescent="0.25">
      <c r="H6430" s="43">
        <v>6423</v>
      </c>
      <c r="I6430" s="55">
        <f>Bühler!I6456</f>
        <v>1.3148628924328865</v>
      </c>
      <c r="J6430" s="58">
        <f>Bühler!J6456</f>
        <v>45.532863371019346</v>
      </c>
      <c r="K6430" s="58">
        <f>Bühler!K6456</f>
        <v>3.6016974262050678</v>
      </c>
      <c r="L6430" s="58">
        <f>Bühler!L6456</f>
        <v>1.8008487131025339</v>
      </c>
      <c r="M6430" s="57">
        <f>Bühler!M6456</f>
        <v>0</v>
      </c>
      <c r="N6430" s="55">
        <f>IF(Input!$K$13=1,J6430*Input!$J$13,0)+IF(Input!$K$14=1,K6430*Input!$J$14,0)+IF(Input!$K$15=1,L6430*Input!$J$15,0)+IF(Input!$K$16=1,M6430*Input!$J$16,0)</f>
        <v>5.4639436045223215</v>
      </c>
      <c r="O6430" s="58">
        <f>IF(Input!$K$13=2,J6430*Input!$J$13,0)+IF(Input!$K$14=2,K6430*Input!$J$14,0)+IF(Input!$K$15=2,L6430*Input!$J$15,0)+IF(Input!$K$16=2,M6430*Input!$J$16,0)</f>
        <v>0.48622915253768412</v>
      </c>
      <c r="P6430" s="58">
        <f>IF(Input!$K$13=3,J6430*Input!$J$13,0)+IF(Input!$K$14=3,K6430*Input!$J$14,0)+IF(Input!$K$15=3,L6430*Input!$J$15,0)+IF(Input!$K$16=3,M6430*Input!$J$16,0)</f>
        <v>0</v>
      </c>
      <c r="Q6430" s="71">
        <f>IF(Input!$K$13=4,J6430*Input!$J$13,0)+IF(Input!$K$14=4,K6430*Input!$J$14,0)+IF(Input!$K$15=4,L6430*Input!$J$15,0)+IF(Input!$K$16=4,M6430*Input!$J$16,0)</f>
        <v>0</v>
      </c>
    </row>
    <row r="6431" spans="8:17" x14ac:dyDescent="0.25">
      <c r="H6431" s="43">
        <v>6424</v>
      </c>
      <c r="I6431" s="55">
        <f>Bühler!I6457</f>
        <v>1.3148628924328865</v>
      </c>
      <c r="J6431" s="58">
        <f>Bühler!J6457</f>
        <v>45.532863371019346</v>
      </c>
      <c r="K6431" s="58">
        <f>Bühler!K6457</f>
        <v>3.6016974262050678</v>
      </c>
      <c r="L6431" s="58">
        <f>Bühler!L6457</f>
        <v>1.8008487131025339</v>
      </c>
      <c r="M6431" s="57">
        <f>Bühler!M6457</f>
        <v>0</v>
      </c>
      <c r="N6431" s="55">
        <f>IF(Input!$K$13=1,J6431*Input!$J$13,0)+IF(Input!$K$14=1,K6431*Input!$J$14,0)+IF(Input!$K$15=1,L6431*Input!$J$15,0)+IF(Input!$K$16=1,M6431*Input!$J$16,0)</f>
        <v>5.4639436045223215</v>
      </c>
      <c r="O6431" s="58">
        <f>IF(Input!$K$13=2,J6431*Input!$J$13,0)+IF(Input!$K$14=2,K6431*Input!$J$14,0)+IF(Input!$K$15=2,L6431*Input!$J$15,0)+IF(Input!$K$16=2,M6431*Input!$J$16,0)</f>
        <v>0.48622915253768412</v>
      </c>
      <c r="P6431" s="58">
        <f>IF(Input!$K$13=3,J6431*Input!$J$13,0)+IF(Input!$K$14=3,K6431*Input!$J$14,0)+IF(Input!$K$15=3,L6431*Input!$J$15,0)+IF(Input!$K$16=3,M6431*Input!$J$16,0)</f>
        <v>0</v>
      </c>
      <c r="Q6431" s="71">
        <f>IF(Input!$K$13=4,J6431*Input!$J$13,0)+IF(Input!$K$14=4,K6431*Input!$J$14,0)+IF(Input!$K$15=4,L6431*Input!$J$15,0)+IF(Input!$K$16=4,M6431*Input!$J$16,0)</f>
        <v>0</v>
      </c>
    </row>
    <row r="6432" spans="8:17" x14ac:dyDescent="0.25">
      <c r="H6432" s="43">
        <v>6425</v>
      </c>
      <c r="I6432" s="55">
        <f>Bühler!I6458</f>
        <v>1.0957190770274052</v>
      </c>
      <c r="J6432" s="58">
        <f>Bühler!J6458</f>
        <v>26.91694566646186</v>
      </c>
      <c r="K6432" s="58">
        <f>Bühler!K6458</f>
        <v>2.1009901652862895</v>
      </c>
      <c r="L6432" s="58">
        <f>Bühler!L6458</f>
        <v>1.0504950826431447</v>
      </c>
      <c r="M6432" s="57">
        <f>Bühler!M6458</f>
        <v>0</v>
      </c>
      <c r="N6432" s="55">
        <f>IF(Input!$K$13=1,J6432*Input!$J$13,0)+IF(Input!$K$14=1,K6432*Input!$J$14,0)+IF(Input!$K$15=1,L6432*Input!$J$15,0)+IF(Input!$K$16=1,M6432*Input!$J$16,0)</f>
        <v>3.2300334799754231</v>
      </c>
      <c r="O6432" s="58">
        <f>IF(Input!$K$13=2,J6432*Input!$J$13,0)+IF(Input!$K$14=2,K6432*Input!$J$14,0)+IF(Input!$K$15=2,L6432*Input!$J$15,0)+IF(Input!$K$16=2,M6432*Input!$J$16,0)</f>
        <v>0.28363367231364911</v>
      </c>
      <c r="P6432" s="58">
        <f>IF(Input!$K$13=3,J6432*Input!$J$13,0)+IF(Input!$K$14=3,K6432*Input!$J$14,0)+IF(Input!$K$15=3,L6432*Input!$J$15,0)+IF(Input!$K$16=3,M6432*Input!$J$16,0)</f>
        <v>0</v>
      </c>
      <c r="Q6432" s="71">
        <f>IF(Input!$K$13=4,J6432*Input!$J$13,0)+IF(Input!$K$14=4,K6432*Input!$J$14,0)+IF(Input!$K$15=4,L6432*Input!$J$15,0)+IF(Input!$K$16=4,M6432*Input!$J$16,0)</f>
        <v>0</v>
      </c>
    </row>
    <row r="6433" spans="8:17" x14ac:dyDescent="0.25">
      <c r="H6433" s="43">
        <v>6426</v>
      </c>
      <c r="I6433" s="55">
        <f>Bühler!I6459</f>
        <v>0.88161305048182048</v>
      </c>
      <c r="J6433" s="58">
        <f>Bühler!J6459</f>
        <v>8.3064855665025945</v>
      </c>
      <c r="K6433" s="58">
        <f>Bühler!K6459</f>
        <v>0.60028290436751131</v>
      </c>
      <c r="L6433" s="58">
        <f>Bühler!L6459</f>
        <v>0.30014145218375565</v>
      </c>
      <c r="M6433" s="57">
        <f>Bühler!M6459</f>
        <v>0</v>
      </c>
      <c r="N6433" s="55">
        <f>IF(Input!$K$13=1,J6433*Input!$J$13,0)+IF(Input!$K$14=1,K6433*Input!$J$14,0)+IF(Input!$K$15=1,L6433*Input!$J$15,0)+IF(Input!$K$16=1,M6433*Input!$J$16,0)</f>
        <v>0.99677826798031133</v>
      </c>
      <c r="O6433" s="58">
        <f>IF(Input!$K$13=2,J6433*Input!$J$13,0)+IF(Input!$K$14=2,K6433*Input!$J$14,0)+IF(Input!$K$15=2,L6433*Input!$J$15,0)+IF(Input!$K$16=2,M6433*Input!$J$16,0)</f>
        <v>8.103819208961402E-2</v>
      </c>
      <c r="P6433" s="58">
        <f>IF(Input!$K$13=3,J6433*Input!$J$13,0)+IF(Input!$K$14=3,K6433*Input!$J$14,0)+IF(Input!$K$15=3,L6433*Input!$J$15,0)+IF(Input!$K$16=3,M6433*Input!$J$16,0)</f>
        <v>0</v>
      </c>
      <c r="Q6433" s="71">
        <f>IF(Input!$K$13=4,J6433*Input!$J$13,0)+IF(Input!$K$14=4,K6433*Input!$J$14,0)+IF(Input!$K$15=4,L6433*Input!$J$15,0)+IF(Input!$K$16=4,M6433*Input!$J$16,0)</f>
        <v>0</v>
      </c>
    </row>
    <row r="6434" spans="8:17" x14ac:dyDescent="0.25">
      <c r="H6434" s="43">
        <v>6427</v>
      </c>
      <c r="I6434" s="55">
        <f>Bühler!I6460</f>
        <v>0.31486180374350731</v>
      </c>
      <c r="J6434" s="58">
        <f>Bühler!J6460</f>
        <v>7.5889641370645293</v>
      </c>
      <c r="K6434" s="58">
        <f>Bühler!K6460</f>
        <v>0.59182821557360277</v>
      </c>
      <c r="L6434" s="58">
        <f>Bühler!L6460</f>
        <v>0.29591410778680138</v>
      </c>
      <c r="M6434" s="57">
        <f>Bühler!M6460</f>
        <v>0</v>
      </c>
      <c r="N6434" s="55">
        <f>IF(Input!$K$13=1,J6434*Input!$J$13,0)+IF(Input!$K$14=1,K6434*Input!$J$14,0)+IF(Input!$K$15=1,L6434*Input!$J$15,0)+IF(Input!$K$16=1,M6434*Input!$J$16,0)</f>
        <v>0.91067569644774349</v>
      </c>
      <c r="O6434" s="58">
        <f>IF(Input!$K$13=2,J6434*Input!$J$13,0)+IF(Input!$K$14=2,K6434*Input!$J$14,0)+IF(Input!$K$15=2,L6434*Input!$J$15,0)+IF(Input!$K$16=2,M6434*Input!$J$16,0)</f>
        <v>7.9896809102436378E-2</v>
      </c>
      <c r="P6434" s="58">
        <f>IF(Input!$K$13=3,J6434*Input!$J$13,0)+IF(Input!$K$14=3,K6434*Input!$J$14,0)+IF(Input!$K$15=3,L6434*Input!$J$15,0)+IF(Input!$K$16=3,M6434*Input!$J$16,0)</f>
        <v>0</v>
      </c>
      <c r="Q6434" s="71">
        <f>IF(Input!$K$13=4,J6434*Input!$J$13,0)+IF(Input!$K$14=4,K6434*Input!$J$14,0)+IF(Input!$K$15=4,L6434*Input!$J$15,0)+IF(Input!$K$16=4,M6434*Input!$J$16,0)</f>
        <v>0</v>
      </c>
    </row>
    <row r="6435" spans="8:17" x14ac:dyDescent="0.25">
      <c r="H6435" s="43">
        <v>6428</v>
      </c>
      <c r="I6435" s="55">
        <f>Bühler!I6461</f>
        <v>0.31486180374350731</v>
      </c>
      <c r="J6435" s="58">
        <f>Bühler!J6461</f>
        <v>7.5889641370645293</v>
      </c>
      <c r="K6435" s="58">
        <f>Bühler!K6461</f>
        <v>0.59182821557360277</v>
      </c>
      <c r="L6435" s="58">
        <f>Bühler!L6461</f>
        <v>0.29591410778680138</v>
      </c>
      <c r="M6435" s="57">
        <f>Bühler!M6461</f>
        <v>0</v>
      </c>
      <c r="N6435" s="55">
        <f>IF(Input!$K$13=1,J6435*Input!$J$13,0)+IF(Input!$K$14=1,K6435*Input!$J$14,0)+IF(Input!$K$15=1,L6435*Input!$J$15,0)+IF(Input!$K$16=1,M6435*Input!$J$16,0)</f>
        <v>0.91067569644774349</v>
      </c>
      <c r="O6435" s="58">
        <f>IF(Input!$K$13=2,J6435*Input!$J$13,0)+IF(Input!$K$14=2,K6435*Input!$J$14,0)+IF(Input!$K$15=2,L6435*Input!$J$15,0)+IF(Input!$K$16=2,M6435*Input!$J$16,0)</f>
        <v>7.9896809102436378E-2</v>
      </c>
      <c r="P6435" s="58">
        <f>IF(Input!$K$13=3,J6435*Input!$J$13,0)+IF(Input!$K$14=3,K6435*Input!$J$14,0)+IF(Input!$K$15=3,L6435*Input!$J$15,0)+IF(Input!$K$16=3,M6435*Input!$J$16,0)</f>
        <v>0</v>
      </c>
      <c r="Q6435" s="71">
        <f>IF(Input!$K$13=4,J6435*Input!$J$13,0)+IF(Input!$K$14=4,K6435*Input!$J$14,0)+IF(Input!$K$15=4,L6435*Input!$J$15,0)+IF(Input!$K$16=4,M6435*Input!$J$16,0)</f>
        <v>0</v>
      </c>
    </row>
    <row r="6436" spans="8:17" x14ac:dyDescent="0.25">
      <c r="H6436" s="43">
        <v>6429</v>
      </c>
      <c r="I6436" s="55">
        <f>Bühler!I6462</f>
        <v>0.31486180374350731</v>
      </c>
      <c r="J6436" s="58">
        <f>Bühler!J6462</f>
        <v>7.5889641370645293</v>
      </c>
      <c r="K6436" s="58">
        <f>Bühler!K6462</f>
        <v>0.59182821557360277</v>
      </c>
      <c r="L6436" s="58">
        <f>Bühler!L6462</f>
        <v>0.29591410778680138</v>
      </c>
      <c r="M6436" s="57">
        <f>Bühler!M6462</f>
        <v>0</v>
      </c>
      <c r="N6436" s="55">
        <f>IF(Input!$K$13=1,J6436*Input!$J$13,0)+IF(Input!$K$14=1,K6436*Input!$J$14,0)+IF(Input!$K$15=1,L6436*Input!$J$15,0)+IF(Input!$K$16=1,M6436*Input!$J$16,0)</f>
        <v>0.91067569644774349</v>
      </c>
      <c r="O6436" s="58">
        <f>IF(Input!$K$13=2,J6436*Input!$J$13,0)+IF(Input!$K$14=2,K6436*Input!$J$14,0)+IF(Input!$K$15=2,L6436*Input!$J$15,0)+IF(Input!$K$16=2,M6436*Input!$J$16,0)</f>
        <v>7.9896809102436378E-2</v>
      </c>
      <c r="P6436" s="58">
        <f>IF(Input!$K$13=3,J6436*Input!$J$13,0)+IF(Input!$K$14=3,K6436*Input!$J$14,0)+IF(Input!$K$15=3,L6436*Input!$J$15,0)+IF(Input!$K$16=3,M6436*Input!$J$16,0)</f>
        <v>0</v>
      </c>
      <c r="Q6436" s="71">
        <f>IF(Input!$K$13=4,J6436*Input!$J$13,0)+IF(Input!$K$14=4,K6436*Input!$J$14,0)+IF(Input!$K$15=4,L6436*Input!$J$15,0)+IF(Input!$K$16=4,M6436*Input!$J$16,0)</f>
        <v>0</v>
      </c>
    </row>
    <row r="6437" spans="8:17" x14ac:dyDescent="0.25">
      <c r="H6437" s="43">
        <v>6430</v>
      </c>
      <c r="I6437" s="55">
        <f>Bühler!I6463</f>
        <v>0.31486180374350731</v>
      </c>
      <c r="J6437" s="58">
        <f>Bühler!J6463</f>
        <v>7.5889641370645293</v>
      </c>
      <c r="K6437" s="58">
        <f>Bühler!K6463</f>
        <v>0.59182821557360277</v>
      </c>
      <c r="L6437" s="58">
        <f>Bühler!L6463</f>
        <v>0.29591410778680138</v>
      </c>
      <c r="M6437" s="57">
        <f>Bühler!M6463</f>
        <v>0</v>
      </c>
      <c r="N6437" s="55">
        <f>IF(Input!$K$13=1,J6437*Input!$J$13,0)+IF(Input!$K$14=1,K6437*Input!$J$14,0)+IF(Input!$K$15=1,L6437*Input!$J$15,0)+IF(Input!$K$16=1,M6437*Input!$J$16,0)</f>
        <v>0.91067569644774349</v>
      </c>
      <c r="O6437" s="58">
        <f>IF(Input!$K$13=2,J6437*Input!$J$13,0)+IF(Input!$K$14=2,K6437*Input!$J$14,0)+IF(Input!$K$15=2,L6437*Input!$J$15,0)+IF(Input!$K$16=2,M6437*Input!$J$16,0)</f>
        <v>7.9896809102436378E-2</v>
      </c>
      <c r="P6437" s="58">
        <f>IF(Input!$K$13=3,J6437*Input!$J$13,0)+IF(Input!$K$14=3,K6437*Input!$J$14,0)+IF(Input!$K$15=3,L6437*Input!$J$15,0)+IF(Input!$K$16=3,M6437*Input!$J$16,0)</f>
        <v>0</v>
      </c>
      <c r="Q6437" s="71">
        <f>IF(Input!$K$13=4,J6437*Input!$J$13,0)+IF(Input!$K$14=4,K6437*Input!$J$14,0)+IF(Input!$K$15=4,L6437*Input!$J$15,0)+IF(Input!$K$16=4,M6437*Input!$J$16,0)</f>
        <v>0</v>
      </c>
    </row>
    <row r="6438" spans="8:17" x14ac:dyDescent="0.25">
      <c r="H6438" s="43">
        <v>6431</v>
      </c>
      <c r="I6438" s="55">
        <f>Bühler!I6464</f>
        <v>0.31486180374350731</v>
      </c>
      <c r="J6438" s="58">
        <f>Bühler!J6464</f>
        <v>7.5889641370645293</v>
      </c>
      <c r="K6438" s="58">
        <f>Bühler!K6464</f>
        <v>0.59182821557360277</v>
      </c>
      <c r="L6438" s="58">
        <f>Bühler!L6464</f>
        <v>0.29591410778680138</v>
      </c>
      <c r="M6438" s="57">
        <f>Bühler!M6464</f>
        <v>0</v>
      </c>
      <c r="N6438" s="55">
        <f>IF(Input!$K$13=1,J6438*Input!$J$13,0)+IF(Input!$K$14=1,K6438*Input!$J$14,0)+IF(Input!$K$15=1,L6438*Input!$J$15,0)+IF(Input!$K$16=1,M6438*Input!$J$16,0)</f>
        <v>0.91067569644774349</v>
      </c>
      <c r="O6438" s="58">
        <f>IF(Input!$K$13=2,J6438*Input!$J$13,0)+IF(Input!$K$14=2,K6438*Input!$J$14,0)+IF(Input!$K$15=2,L6438*Input!$J$15,0)+IF(Input!$K$16=2,M6438*Input!$J$16,0)</f>
        <v>7.9896809102436378E-2</v>
      </c>
      <c r="P6438" s="58">
        <f>IF(Input!$K$13=3,J6438*Input!$J$13,0)+IF(Input!$K$14=3,K6438*Input!$J$14,0)+IF(Input!$K$15=3,L6438*Input!$J$15,0)+IF(Input!$K$16=3,M6438*Input!$J$16,0)</f>
        <v>0</v>
      </c>
      <c r="Q6438" s="71">
        <f>IF(Input!$K$13=4,J6438*Input!$J$13,0)+IF(Input!$K$14=4,K6438*Input!$J$14,0)+IF(Input!$K$15=4,L6438*Input!$J$15,0)+IF(Input!$K$16=4,M6438*Input!$J$16,0)</f>
        <v>0</v>
      </c>
    </row>
    <row r="6439" spans="8:17" x14ac:dyDescent="0.25">
      <c r="H6439" s="43">
        <v>6432</v>
      </c>
      <c r="I6439" s="55">
        <f>Bühler!I6465</f>
        <v>0.31486180374350731</v>
      </c>
      <c r="J6439" s="58">
        <f>Bühler!J6465</f>
        <v>7.5889641370645293</v>
      </c>
      <c r="K6439" s="58">
        <f>Bühler!K6465</f>
        <v>0.59182821557360277</v>
      </c>
      <c r="L6439" s="58">
        <f>Bühler!L6465</f>
        <v>0.29591410778680138</v>
      </c>
      <c r="M6439" s="57">
        <f>Bühler!M6465</f>
        <v>0</v>
      </c>
      <c r="N6439" s="55">
        <f>IF(Input!$K$13=1,J6439*Input!$J$13,0)+IF(Input!$K$14=1,K6439*Input!$J$14,0)+IF(Input!$K$15=1,L6439*Input!$J$15,0)+IF(Input!$K$16=1,M6439*Input!$J$16,0)</f>
        <v>0.91067569644774349</v>
      </c>
      <c r="O6439" s="58">
        <f>IF(Input!$K$13=2,J6439*Input!$J$13,0)+IF(Input!$K$14=2,K6439*Input!$J$14,0)+IF(Input!$K$15=2,L6439*Input!$J$15,0)+IF(Input!$K$16=2,M6439*Input!$J$16,0)</f>
        <v>7.9896809102436378E-2</v>
      </c>
      <c r="P6439" s="58">
        <f>IF(Input!$K$13=3,J6439*Input!$J$13,0)+IF(Input!$K$14=3,K6439*Input!$J$14,0)+IF(Input!$K$15=3,L6439*Input!$J$15,0)+IF(Input!$K$16=3,M6439*Input!$J$16,0)</f>
        <v>0</v>
      </c>
      <c r="Q6439" s="71">
        <f>IF(Input!$K$13=4,J6439*Input!$J$13,0)+IF(Input!$K$14=4,K6439*Input!$J$14,0)+IF(Input!$K$15=4,L6439*Input!$J$15,0)+IF(Input!$K$16=4,M6439*Input!$J$16,0)</f>
        <v>0</v>
      </c>
    </row>
    <row r="6440" spans="8:17" x14ac:dyDescent="0.25">
      <c r="H6440" s="43">
        <v>6433</v>
      </c>
      <c r="I6440" s="55">
        <f>Bühler!I6466</f>
        <v>0.15427929577514976</v>
      </c>
      <c r="J6440" s="58">
        <f>Bühler!J6466</f>
        <v>4.5791683833039123</v>
      </c>
      <c r="K6440" s="58">
        <f>Bühler!K6466</f>
        <v>0.36891181887688712</v>
      </c>
      <c r="L6440" s="58">
        <f>Bühler!L6466</f>
        <v>0.18445590943844356</v>
      </c>
      <c r="M6440" s="57">
        <f>Bühler!M6466</f>
        <v>0</v>
      </c>
      <c r="N6440" s="55">
        <f>IF(Input!$K$13=1,J6440*Input!$J$13,0)+IF(Input!$K$14=1,K6440*Input!$J$14,0)+IF(Input!$K$15=1,L6440*Input!$J$15,0)+IF(Input!$K$16=1,M6440*Input!$J$16,0)</f>
        <v>0.54950020599646943</v>
      </c>
      <c r="O6440" s="58">
        <f>IF(Input!$K$13=2,J6440*Input!$J$13,0)+IF(Input!$K$14=2,K6440*Input!$J$14,0)+IF(Input!$K$15=2,L6440*Input!$J$15,0)+IF(Input!$K$16=2,M6440*Input!$J$16,0)</f>
        <v>4.9803095548379757E-2</v>
      </c>
      <c r="P6440" s="58">
        <f>IF(Input!$K$13=3,J6440*Input!$J$13,0)+IF(Input!$K$14=3,K6440*Input!$J$14,0)+IF(Input!$K$15=3,L6440*Input!$J$15,0)+IF(Input!$K$16=3,M6440*Input!$J$16,0)</f>
        <v>0</v>
      </c>
      <c r="Q6440" s="71">
        <f>IF(Input!$K$13=4,J6440*Input!$J$13,0)+IF(Input!$K$14=4,K6440*Input!$J$14,0)+IF(Input!$K$15=4,L6440*Input!$J$15,0)+IF(Input!$K$16=4,M6440*Input!$J$16,0)</f>
        <v>0</v>
      </c>
    </row>
    <row r="6441" spans="8:17" x14ac:dyDescent="0.25">
      <c r="H6441" s="43">
        <v>6434</v>
      </c>
      <c r="I6441" s="55">
        <f>Bühler!I6467</f>
        <v>0.15427929577514976</v>
      </c>
      <c r="J6441" s="58">
        <f>Bühler!J6467</f>
        <v>6.8902330154478424</v>
      </c>
      <c r="K6441" s="58">
        <f>Bühler!K6467</f>
        <v>0.56215134305049475</v>
      </c>
      <c r="L6441" s="58">
        <f>Bühler!L6467</f>
        <v>0.28107567152524737</v>
      </c>
      <c r="M6441" s="57">
        <f>Bühler!M6467</f>
        <v>0</v>
      </c>
      <c r="N6441" s="55">
        <f>IF(Input!$K$13=1,J6441*Input!$J$13,0)+IF(Input!$K$14=1,K6441*Input!$J$14,0)+IF(Input!$K$15=1,L6441*Input!$J$15,0)+IF(Input!$K$16=1,M6441*Input!$J$16,0)</f>
        <v>0.82682796185374108</v>
      </c>
      <c r="O6441" s="58">
        <f>IF(Input!$K$13=2,J6441*Input!$J$13,0)+IF(Input!$K$14=2,K6441*Input!$J$14,0)+IF(Input!$K$15=2,L6441*Input!$J$15,0)+IF(Input!$K$16=2,M6441*Input!$J$16,0)</f>
        <v>7.5890431311816789E-2</v>
      </c>
      <c r="P6441" s="58">
        <f>IF(Input!$K$13=3,J6441*Input!$J$13,0)+IF(Input!$K$14=3,K6441*Input!$J$14,0)+IF(Input!$K$15=3,L6441*Input!$J$15,0)+IF(Input!$K$16=3,M6441*Input!$J$16,0)</f>
        <v>0</v>
      </c>
      <c r="Q6441" s="71">
        <f>IF(Input!$K$13=4,J6441*Input!$J$13,0)+IF(Input!$K$14=4,K6441*Input!$J$14,0)+IF(Input!$K$15=4,L6441*Input!$J$15,0)+IF(Input!$K$16=4,M6441*Input!$J$16,0)</f>
        <v>0</v>
      </c>
    </row>
    <row r="6442" spans="8:17" x14ac:dyDescent="0.25">
      <c r="H6442" s="43">
        <v>6435</v>
      </c>
      <c r="I6442" s="55">
        <f>Bühler!I6468</f>
        <v>0.15427929577514976</v>
      </c>
      <c r="J6442" s="58">
        <f>Bühler!J6468</f>
        <v>6.8902330154478424</v>
      </c>
      <c r="K6442" s="58">
        <f>Bühler!K6468</f>
        <v>0.56215134305049475</v>
      </c>
      <c r="L6442" s="58">
        <f>Bühler!L6468</f>
        <v>0.28107567152524737</v>
      </c>
      <c r="M6442" s="57">
        <f>Bühler!M6468</f>
        <v>0</v>
      </c>
      <c r="N6442" s="55">
        <f>IF(Input!$K$13=1,J6442*Input!$J$13,0)+IF(Input!$K$14=1,K6442*Input!$J$14,0)+IF(Input!$K$15=1,L6442*Input!$J$15,0)+IF(Input!$K$16=1,M6442*Input!$J$16,0)</f>
        <v>0.82682796185374108</v>
      </c>
      <c r="O6442" s="58">
        <f>IF(Input!$K$13=2,J6442*Input!$J$13,0)+IF(Input!$K$14=2,K6442*Input!$J$14,0)+IF(Input!$K$15=2,L6442*Input!$J$15,0)+IF(Input!$K$16=2,M6442*Input!$J$16,0)</f>
        <v>7.5890431311816789E-2</v>
      </c>
      <c r="P6442" s="58">
        <f>IF(Input!$K$13=3,J6442*Input!$J$13,0)+IF(Input!$K$14=3,K6442*Input!$J$14,0)+IF(Input!$K$15=3,L6442*Input!$J$15,0)+IF(Input!$K$16=3,M6442*Input!$J$16,0)</f>
        <v>0</v>
      </c>
      <c r="Q6442" s="71">
        <f>IF(Input!$K$13=4,J6442*Input!$J$13,0)+IF(Input!$K$14=4,K6442*Input!$J$14,0)+IF(Input!$K$15=4,L6442*Input!$J$15,0)+IF(Input!$K$16=4,M6442*Input!$J$16,0)</f>
        <v>0</v>
      </c>
    </row>
    <row r="6443" spans="8:17" x14ac:dyDescent="0.25">
      <c r="H6443" s="43">
        <v>6436</v>
      </c>
      <c r="I6443" s="55">
        <f>Bühler!I6469</f>
        <v>0.15427929577514976</v>
      </c>
      <c r="J6443" s="58">
        <f>Bühler!J6469</f>
        <v>6.8902330154478424</v>
      </c>
      <c r="K6443" s="58">
        <f>Bühler!K6469</f>
        <v>0.56215134305049475</v>
      </c>
      <c r="L6443" s="58">
        <f>Bühler!L6469</f>
        <v>0.28107567152524737</v>
      </c>
      <c r="M6443" s="57">
        <f>Bühler!M6469</f>
        <v>0</v>
      </c>
      <c r="N6443" s="55">
        <f>IF(Input!$K$13=1,J6443*Input!$J$13,0)+IF(Input!$K$14=1,K6443*Input!$J$14,0)+IF(Input!$K$15=1,L6443*Input!$J$15,0)+IF(Input!$K$16=1,M6443*Input!$J$16,0)</f>
        <v>0.82682796185374108</v>
      </c>
      <c r="O6443" s="58">
        <f>IF(Input!$K$13=2,J6443*Input!$J$13,0)+IF(Input!$K$14=2,K6443*Input!$J$14,0)+IF(Input!$K$15=2,L6443*Input!$J$15,0)+IF(Input!$K$16=2,M6443*Input!$J$16,0)</f>
        <v>7.5890431311816789E-2</v>
      </c>
      <c r="P6443" s="58">
        <f>IF(Input!$K$13=3,J6443*Input!$J$13,0)+IF(Input!$K$14=3,K6443*Input!$J$14,0)+IF(Input!$K$15=3,L6443*Input!$J$15,0)+IF(Input!$K$16=3,M6443*Input!$J$16,0)</f>
        <v>0</v>
      </c>
      <c r="Q6443" s="71">
        <f>IF(Input!$K$13=4,J6443*Input!$J$13,0)+IF(Input!$K$14=4,K6443*Input!$J$14,0)+IF(Input!$K$15=4,L6443*Input!$J$15,0)+IF(Input!$K$16=4,M6443*Input!$J$16,0)</f>
        <v>0</v>
      </c>
    </row>
    <row r="6444" spans="8:17" x14ac:dyDescent="0.25">
      <c r="H6444" s="43">
        <v>6437</v>
      </c>
      <c r="I6444" s="55">
        <f>Bühler!I6470</f>
        <v>0.15427929577514976</v>
      </c>
      <c r="J6444" s="58">
        <f>Bühler!J6470</f>
        <v>6.8902330154478424</v>
      </c>
      <c r="K6444" s="58">
        <f>Bühler!K6470</f>
        <v>0.56215134305049475</v>
      </c>
      <c r="L6444" s="58">
        <f>Bühler!L6470</f>
        <v>0.28107567152524737</v>
      </c>
      <c r="M6444" s="57">
        <f>Bühler!M6470</f>
        <v>0</v>
      </c>
      <c r="N6444" s="55">
        <f>IF(Input!$K$13=1,J6444*Input!$J$13,0)+IF(Input!$K$14=1,K6444*Input!$J$14,0)+IF(Input!$K$15=1,L6444*Input!$J$15,0)+IF(Input!$K$16=1,M6444*Input!$J$16,0)</f>
        <v>0.82682796185374108</v>
      </c>
      <c r="O6444" s="58">
        <f>IF(Input!$K$13=2,J6444*Input!$J$13,0)+IF(Input!$K$14=2,K6444*Input!$J$14,0)+IF(Input!$K$15=2,L6444*Input!$J$15,0)+IF(Input!$K$16=2,M6444*Input!$J$16,0)</f>
        <v>7.5890431311816789E-2</v>
      </c>
      <c r="P6444" s="58">
        <f>IF(Input!$K$13=3,J6444*Input!$J$13,0)+IF(Input!$K$14=3,K6444*Input!$J$14,0)+IF(Input!$K$15=3,L6444*Input!$J$15,0)+IF(Input!$K$16=3,M6444*Input!$J$16,0)</f>
        <v>0</v>
      </c>
      <c r="Q6444" s="71">
        <f>IF(Input!$K$13=4,J6444*Input!$J$13,0)+IF(Input!$K$14=4,K6444*Input!$J$14,0)+IF(Input!$K$15=4,L6444*Input!$J$15,0)+IF(Input!$K$16=4,M6444*Input!$J$16,0)</f>
        <v>0</v>
      </c>
    </row>
    <row r="6445" spans="8:17" x14ac:dyDescent="0.25">
      <c r="H6445" s="43">
        <v>6438</v>
      </c>
      <c r="I6445" s="55">
        <f>Bühler!I6471</f>
        <v>0.15427929577514976</v>
      </c>
      <c r="J6445" s="58">
        <f>Bühler!J6471</f>
        <v>6.8902330154478424</v>
      </c>
      <c r="K6445" s="58">
        <f>Bühler!K6471</f>
        <v>0.56215134305049475</v>
      </c>
      <c r="L6445" s="58">
        <f>Bühler!L6471</f>
        <v>0.28107567152524737</v>
      </c>
      <c r="M6445" s="57">
        <f>Bühler!M6471</f>
        <v>0</v>
      </c>
      <c r="N6445" s="55">
        <f>IF(Input!$K$13=1,J6445*Input!$J$13,0)+IF(Input!$K$14=1,K6445*Input!$J$14,0)+IF(Input!$K$15=1,L6445*Input!$J$15,0)+IF(Input!$K$16=1,M6445*Input!$J$16,0)</f>
        <v>0.82682796185374108</v>
      </c>
      <c r="O6445" s="58">
        <f>IF(Input!$K$13=2,J6445*Input!$J$13,0)+IF(Input!$K$14=2,K6445*Input!$J$14,0)+IF(Input!$K$15=2,L6445*Input!$J$15,0)+IF(Input!$K$16=2,M6445*Input!$J$16,0)</f>
        <v>7.5890431311816789E-2</v>
      </c>
      <c r="P6445" s="58">
        <f>IF(Input!$K$13=3,J6445*Input!$J$13,0)+IF(Input!$K$14=3,K6445*Input!$J$14,0)+IF(Input!$K$15=3,L6445*Input!$J$15,0)+IF(Input!$K$16=3,M6445*Input!$J$16,0)</f>
        <v>0</v>
      </c>
      <c r="Q6445" s="71">
        <f>IF(Input!$K$13=4,J6445*Input!$J$13,0)+IF(Input!$K$14=4,K6445*Input!$J$14,0)+IF(Input!$K$15=4,L6445*Input!$J$15,0)+IF(Input!$K$16=4,M6445*Input!$J$16,0)</f>
        <v>0</v>
      </c>
    </row>
    <row r="6446" spans="8:17" x14ac:dyDescent="0.25">
      <c r="H6446" s="43">
        <v>6439</v>
      </c>
      <c r="I6446" s="55">
        <f>Bühler!I6472</f>
        <v>0.15427929577514976</v>
      </c>
      <c r="J6446" s="58">
        <f>Bühler!J6472</f>
        <v>6.8902330154478424</v>
      </c>
      <c r="K6446" s="58">
        <f>Bühler!K6472</f>
        <v>0.56215134305049475</v>
      </c>
      <c r="L6446" s="58">
        <f>Bühler!L6472</f>
        <v>0.28107567152524737</v>
      </c>
      <c r="M6446" s="57">
        <f>Bühler!M6472</f>
        <v>0</v>
      </c>
      <c r="N6446" s="55">
        <f>IF(Input!$K$13=1,J6446*Input!$J$13,0)+IF(Input!$K$14=1,K6446*Input!$J$14,0)+IF(Input!$K$15=1,L6446*Input!$J$15,0)+IF(Input!$K$16=1,M6446*Input!$J$16,0)</f>
        <v>0.82682796185374108</v>
      </c>
      <c r="O6446" s="58">
        <f>IF(Input!$K$13=2,J6446*Input!$J$13,0)+IF(Input!$K$14=2,K6446*Input!$J$14,0)+IF(Input!$K$15=2,L6446*Input!$J$15,0)+IF(Input!$K$16=2,M6446*Input!$J$16,0)</f>
        <v>7.5890431311816789E-2</v>
      </c>
      <c r="P6446" s="58">
        <f>IF(Input!$K$13=3,J6446*Input!$J$13,0)+IF(Input!$K$14=3,K6446*Input!$J$14,0)+IF(Input!$K$15=3,L6446*Input!$J$15,0)+IF(Input!$K$16=3,M6446*Input!$J$16,0)</f>
        <v>0</v>
      </c>
      <c r="Q6446" s="71">
        <f>IF(Input!$K$13=4,J6446*Input!$J$13,0)+IF(Input!$K$14=4,K6446*Input!$J$14,0)+IF(Input!$K$15=4,L6446*Input!$J$15,0)+IF(Input!$K$16=4,M6446*Input!$J$16,0)</f>
        <v>0</v>
      </c>
    </row>
    <row r="6447" spans="8:17" x14ac:dyDescent="0.25">
      <c r="H6447" s="43">
        <v>6440</v>
      </c>
      <c r="I6447" s="55">
        <f>Bühler!I6473</f>
        <v>0.44442390686196365</v>
      </c>
      <c r="J6447" s="58">
        <f>Bühler!J6473</f>
        <v>28.823515493907976</v>
      </c>
      <c r="K6447" s="58">
        <f>Bühler!K6473</f>
        <v>2.3698192555472413</v>
      </c>
      <c r="L6447" s="58">
        <f>Bühler!L6473</f>
        <v>1.1849096277736206</v>
      </c>
      <c r="M6447" s="57">
        <f>Bühler!M6473</f>
        <v>0</v>
      </c>
      <c r="N6447" s="55">
        <f>IF(Input!$K$13=1,J6447*Input!$J$13,0)+IF(Input!$K$14=1,K6447*Input!$J$14,0)+IF(Input!$K$15=1,L6447*Input!$J$15,0)+IF(Input!$K$16=1,M6447*Input!$J$16,0)</f>
        <v>3.4588218592689572</v>
      </c>
      <c r="O6447" s="58">
        <f>IF(Input!$K$13=2,J6447*Input!$J$13,0)+IF(Input!$K$14=2,K6447*Input!$J$14,0)+IF(Input!$K$15=2,L6447*Input!$J$15,0)+IF(Input!$K$16=2,M6447*Input!$J$16,0)</f>
        <v>0.31992559949887756</v>
      </c>
      <c r="P6447" s="58">
        <f>IF(Input!$K$13=3,J6447*Input!$J$13,0)+IF(Input!$K$14=3,K6447*Input!$J$14,0)+IF(Input!$K$15=3,L6447*Input!$J$15,0)+IF(Input!$K$16=3,M6447*Input!$J$16,0)</f>
        <v>0</v>
      </c>
      <c r="Q6447" s="71">
        <f>IF(Input!$K$13=4,J6447*Input!$J$13,0)+IF(Input!$K$14=4,K6447*Input!$J$14,0)+IF(Input!$K$15=4,L6447*Input!$J$15,0)+IF(Input!$K$16=4,M6447*Input!$J$16,0)</f>
        <v>0</v>
      </c>
    </row>
    <row r="6448" spans="8:17" x14ac:dyDescent="0.25">
      <c r="H6448" s="43">
        <v>6441</v>
      </c>
      <c r="I6448" s="55">
        <f>Bühler!I6474</f>
        <v>0.49588351713019113</v>
      </c>
      <c r="J6448" s="58">
        <f>Bühler!J6474</f>
        <v>32.160975182676268</v>
      </c>
      <c r="K6448" s="58">
        <f>Bühler!K6474</f>
        <v>2.6442193798737641</v>
      </c>
      <c r="L6448" s="58">
        <f>Bühler!L6474</f>
        <v>1.322109689936882</v>
      </c>
      <c r="M6448" s="57">
        <f>Bühler!M6474</f>
        <v>0</v>
      </c>
      <c r="N6448" s="55">
        <f>IF(Input!$K$13=1,J6448*Input!$J$13,0)+IF(Input!$K$14=1,K6448*Input!$J$14,0)+IF(Input!$K$15=1,L6448*Input!$J$15,0)+IF(Input!$K$16=1,M6448*Input!$J$16,0)</f>
        <v>3.8593170219211519</v>
      </c>
      <c r="O6448" s="58">
        <f>IF(Input!$K$13=2,J6448*Input!$J$13,0)+IF(Input!$K$14=2,K6448*Input!$J$14,0)+IF(Input!$K$15=2,L6448*Input!$J$15,0)+IF(Input!$K$16=2,M6448*Input!$J$16,0)</f>
        <v>0.35696961628295815</v>
      </c>
      <c r="P6448" s="58">
        <f>IF(Input!$K$13=3,J6448*Input!$J$13,0)+IF(Input!$K$14=3,K6448*Input!$J$14,0)+IF(Input!$K$15=3,L6448*Input!$J$15,0)+IF(Input!$K$16=3,M6448*Input!$J$16,0)</f>
        <v>0</v>
      </c>
      <c r="Q6448" s="71">
        <f>IF(Input!$K$13=4,J6448*Input!$J$13,0)+IF(Input!$K$14=4,K6448*Input!$J$14,0)+IF(Input!$K$15=4,L6448*Input!$J$15,0)+IF(Input!$K$16=4,M6448*Input!$J$16,0)</f>
        <v>0</v>
      </c>
    </row>
    <row r="6449" spans="8:17" x14ac:dyDescent="0.25">
      <c r="H6449" s="43">
        <v>6442</v>
      </c>
      <c r="I6449" s="55">
        <f>Bühler!I6475</f>
        <v>0.54734312739841851</v>
      </c>
      <c r="J6449" s="58">
        <f>Bühler!J6475</f>
        <v>35.498434871444559</v>
      </c>
      <c r="K6449" s="58">
        <f>Bühler!K6475</f>
        <v>2.9186195042002874</v>
      </c>
      <c r="L6449" s="58">
        <f>Bühler!L6475</f>
        <v>1.4593097521001437</v>
      </c>
      <c r="M6449" s="57">
        <f>Bühler!M6475</f>
        <v>0</v>
      </c>
      <c r="N6449" s="55">
        <f>IF(Input!$K$13=1,J6449*Input!$J$13,0)+IF(Input!$K$14=1,K6449*Input!$J$14,0)+IF(Input!$K$15=1,L6449*Input!$J$15,0)+IF(Input!$K$16=1,M6449*Input!$J$16,0)</f>
        <v>4.259812184573347</v>
      </c>
      <c r="O6449" s="58">
        <f>IF(Input!$K$13=2,J6449*Input!$J$13,0)+IF(Input!$K$14=2,K6449*Input!$J$14,0)+IF(Input!$K$15=2,L6449*Input!$J$15,0)+IF(Input!$K$16=2,M6449*Input!$J$16,0)</f>
        <v>0.39401363306703874</v>
      </c>
      <c r="P6449" s="58">
        <f>IF(Input!$K$13=3,J6449*Input!$J$13,0)+IF(Input!$K$14=3,K6449*Input!$J$14,0)+IF(Input!$K$15=3,L6449*Input!$J$15,0)+IF(Input!$K$16=3,M6449*Input!$J$16,0)</f>
        <v>0</v>
      </c>
      <c r="Q6449" s="71">
        <f>IF(Input!$K$13=4,J6449*Input!$J$13,0)+IF(Input!$K$14=4,K6449*Input!$J$14,0)+IF(Input!$K$15=4,L6449*Input!$J$15,0)+IF(Input!$K$16=4,M6449*Input!$J$16,0)</f>
        <v>0</v>
      </c>
    </row>
    <row r="6450" spans="8:17" x14ac:dyDescent="0.25">
      <c r="H6450" s="43">
        <v>6443</v>
      </c>
      <c r="I6450" s="55">
        <f>Bühler!I6476</f>
        <v>0.54734312739841851</v>
      </c>
      <c r="J6450" s="58">
        <f>Bühler!J6476</f>
        <v>35.498434871444559</v>
      </c>
      <c r="K6450" s="58">
        <f>Bühler!K6476</f>
        <v>2.9186195042002874</v>
      </c>
      <c r="L6450" s="58">
        <f>Bühler!L6476</f>
        <v>1.4593097521001437</v>
      </c>
      <c r="M6450" s="57">
        <f>Bühler!M6476</f>
        <v>0</v>
      </c>
      <c r="N6450" s="55">
        <f>IF(Input!$K$13=1,J6450*Input!$J$13,0)+IF(Input!$K$14=1,K6450*Input!$J$14,0)+IF(Input!$K$15=1,L6450*Input!$J$15,0)+IF(Input!$K$16=1,M6450*Input!$J$16,0)</f>
        <v>4.259812184573347</v>
      </c>
      <c r="O6450" s="58">
        <f>IF(Input!$K$13=2,J6450*Input!$J$13,0)+IF(Input!$K$14=2,K6450*Input!$J$14,0)+IF(Input!$K$15=2,L6450*Input!$J$15,0)+IF(Input!$K$16=2,M6450*Input!$J$16,0)</f>
        <v>0.39401363306703874</v>
      </c>
      <c r="P6450" s="58">
        <f>IF(Input!$K$13=3,J6450*Input!$J$13,0)+IF(Input!$K$14=3,K6450*Input!$J$14,0)+IF(Input!$K$15=3,L6450*Input!$J$15,0)+IF(Input!$K$16=3,M6450*Input!$J$16,0)</f>
        <v>0</v>
      </c>
      <c r="Q6450" s="71">
        <f>IF(Input!$K$13=4,J6450*Input!$J$13,0)+IF(Input!$K$14=4,K6450*Input!$J$14,0)+IF(Input!$K$15=4,L6450*Input!$J$15,0)+IF(Input!$K$16=4,M6450*Input!$J$16,0)</f>
        <v>0</v>
      </c>
    </row>
    <row r="6451" spans="8:17" x14ac:dyDescent="0.25">
      <c r="H6451" s="43">
        <v>6444</v>
      </c>
      <c r="I6451" s="55">
        <f>Bühler!I6477</f>
        <v>0.65494049432289392</v>
      </c>
      <c r="J6451" s="58">
        <f>Bühler!J6477</f>
        <v>42.476759675232813</v>
      </c>
      <c r="K6451" s="58">
        <f>Bühler!K6477</f>
        <v>3.4923652187011984</v>
      </c>
      <c r="L6451" s="58">
        <f>Bühler!L6477</f>
        <v>1.7461826093505992</v>
      </c>
      <c r="M6451" s="57">
        <f>Bühler!M6477</f>
        <v>0</v>
      </c>
      <c r="N6451" s="55">
        <f>IF(Input!$K$13=1,J6451*Input!$J$13,0)+IF(Input!$K$14=1,K6451*Input!$J$14,0)+IF(Input!$K$15=1,L6451*Input!$J$15,0)+IF(Input!$K$16=1,M6451*Input!$J$16,0)</f>
        <v>5.0972111610279374</v>
      </c>
      <c r="O6451" s="58">
        <f>IF(Input!$K$13=2,J6451*Input!$J$13,0)+IF(Input!$K$14=2,K6451*Input!$J$14,0)+IF(Input!$K$15=2,L6451*Input!$J$15,0)+IF(Input!$K$16=2,M6451*Input!$J$16,0)</f>
        <v>0.47146930452466174</v>
      </c>
      <c r="P6451" s="58">
        <f>IF(Input!$K$13=3,J6451*Input!$J$13,0)+IF(Input!$K$14=3,K6451*Input!$J$14,0)+IF(Input!$K$15=3,L6451*Input!$J$15,0)+IF(Input!$K$16=3,M6451*Input!$J$16,0)</f>
        <v>0</v>
      </c>
      <c r="Q6451" s="71">
        <f>IF(Input!$K$13=4,J6451*Input!$J$13,0)+IF(Input!$K$14=4,K6451*Input!$J$14,0)+IF(Input!$K$15=4,L6451*Input!$J$15,0)+IF(Input!$K$16=4,M6451*Input!$J$16,0)</f>
        <v>0</v>
      </c>
    </row>
    <row r="6452" spans="8:17" x14ac:dyDescent="0.25">
      <c r="H6452" s="43">
        <v>6445</v>
      </c>
      <c r="I6452" s="55">
        <f>Bühler!I6478</f>
        <v>0.65494049432289392</v>
      </c>
      <c r="J6452" s="58">
        <f>Bühler!J6478</f>
        <v>42.476759675232813</v>
      </c>
      <c r="K6452" s="58">
        <f>Bühler!K6478</f>
        <v>3.4923652187011984</v>
      </c>
      <c r="L6452" s="58">
        <f>Bühler!L6478</f>
        <v>1.7461826093505992</v>
      </c>
      <c r="M6452" s="57">
        <f>Bühler!M6478</f>
        <v>0</v>
      </c>
      <c r="N6452" s="55">
        <f>IF(Input!$K$13=1,J6452*Input!$J$13,0)+IF(Input!$K$14=1,K6452*Input!$J$14,0)+IF(Input!$K$15=1,L6452*Input!$J$15,0)+IF(Input!$K$16=1,M6452*Input!$J$16,0)</f>
        <v>5.0972111610279374</v>
      </c>
      <c r="O6452" s="58">
        <f>IF(Input!$K$13=2,J6452*Input!$J$13,0)+IF(Input!$K$14=2,K6452*Input!$J$14,0)+IF(Input!$K$15=2,L6452*Input!$J$15,0)+IF(Input!$K$16=2,M6452*Input!$J$16,0)</f>
        <v>0.47146930452466174</v>
      </c>
      <c r="P6452" s="58">
        <f>IF(Input!$K$13=3,J6452*Input!$J$13,0)+IF(Input!$K$14=3,K6452*Input!$J$14,0)+IF(Input!$K$15=3,L6452*Input!$J$15,0)+IF(Input!$K$16=3,M6452*Input!$J$16,0)</f>
        <v>0</v>
      </c>
      <c r="Q6452" s="71">
        <f>IF(Input!$K$13=4,J6452*Input!$J$13,0)+IF(Input!$K$14=4,K6452*Input!$J$14,0)+IF(Input!$K$15=4,L6452*Input!$J$15,0)+IF(Input!$K$16=4,M6452*Input!$J$16,0)</f>
        <v>0</v>
      </c>
    </row>
    <row r="6453" spans="8:17" x14ac:dyDescent="0.25">
      <c r="H6453" s="43">
        <v>6446</v>
      </c>
      <c r="I6453" s="55">
        <f>Bühler!I6479</f>
        <v>0.43506761408592232</v>
      </c>
      <c r="J6453" s="58">
        <f>Bühler!J6479</f>
        <v>28.216704641404647</v>
      </c>
      <c r="K6453" s="58">
        <f>Bühler!K6479</f>
        <v>2.31992832385151</v>
      </c>
      <c r="L6453" s="58">
        <f>Bühler!L6479</f>
        <v>1.159964161925755</v>
      </c>
      <c r="M6453" s="57">
        <f>Bühler!M6479</f>
        <v>0</v>
      </c>
      <c r="N6453" s="55">
        <f>IF(Input!$K$13=1,J6453*Input!$J$13,0)+IF(Input!$K$14=1,K6453*Input!$J$14,0)+IF(Input!$K$15=1,L6453*Input!$J$15,0)+IF(Input!$K$16=1,M6453*Input!$J$16,0)</f>
        <v>3.3860045569685573</v>
      </c>
      <c r="O6453" s="58">
        <f>IF(Input!$K$13=2,J6453*Input!$J$13,0)+IF(Input!$K$14=2,K6453*Input!$J$14,0)+IF(Input!$K$15=2,L6453*Input!$J$15,0)+IF(Input!$K$16=2,M6453*Input!$J$16,0)</f>
        <v>0.31319032371995381</v>
      </c>
      <c r="P6453" s="58">
        <f>IF(Input!$K$13=3,J6453*Input!$J$13,0)+IF(Input!$K$14=3,K6453*Input!$J$14,0)+IF(Input!$K$15=3,L6453*Input!$J$15,0)+IF(Input!$K$16=3,M6453*Input!$J$16,0)</f>
        <v>0</v>
      </c>
      <c r="Q6453" s="71">
        <f>IF(Input!$K$13=4,J6453*Input!$J$13,0)+IF(Input!$K$14=4,K6453*Input!$J$14,0)+IF(Input!$K$15=4,L6453*Input!$J$15,0)+IF(Input!$K$16=4,M6453*Input!$J$16,0)</f>
        <v>0</v>
      </c>
    </row>
    <row r="6454" spans="8:17" x14ac:dyDescent="0.25">
      <c r="H6454" s="43">
        <v>6447</v>
      </c>
      <c r="I6454" s="55">
        <f>Bühler!I6480</f>
        <v>0.65494049432289392</v>
      </c>
      <c r="J6454" s="58">
        <f>Bühler!J6480</f>
        <v>42.476759675232813</v>
      </c>
      <c r="K6454" s="58">
        <f>Bühler!K6480</f>
        <v>3.4923652187011984</v>
      </c>
      <c r="L6454" s="58">
        <f>Bühler!L6480</f>
        <v>1.7461826093505992</v>
      </c>
      <c r="M6454" s="57">
        <f>Bühler!M6480</f>
        <v>0</v>
      </c>
      <c r="N6454" s="55">
        <f>IF(Input!$K$13=1,J6454*Input!$J$13,0)+IF(Input!$K$14=1,K6454*Input!$J$14,0)+IF(Input!$K$15=1,L6454*Input!$J$15,0)+IF(Input!$K$16=1,M6454*Input!$J$16,0)</f>
        <v>5.0972111610279374</v>
      </c>
      <c r="O6454" s="58">
        <f>IF(Input!$K$13=2,J6454*Input!$J$13,0)+IF(Input!$K$14=2,K6454*Input!$J$14,0)+IF(Input!$K$15=2,L6454*Input!$J$15,0)+IF(Input!$K$16=2,M6454*Input!$J$16,0)</f>
        <v>0.47146930452466174</v>
      </c>
      <c r="P6454" s="58">
        <f>IF(Input!$K$13=3,J6454*Input!$J$13,0)+IF(Input!$K$14=3,K6454*Input!$J$14,0)+IF(Input!$K$15=3,L6454*Input!$J$15,0)+IF(Input!$K$16=3,M6454*Input!$J$16,0)</f>
        <v>0</v>
      </c>
      <c r="Q6454" s="71">
        <f>IF(Input!$K$13=4,J6454*Input!$J$13,0)+IF(Input!$K$14=4,K6454*Input!$J$14,0)+IF(Input!$K$15=4,L6454*Input!$J$15,0)+IF(Input!$K$16=4,M6454*Input!$J$16,0)</f>
        <v>0</v>
      </c>
    </row>
    <row r="6455" spans="8:17" x14ac:dyDescent="0.25">
      <c r="H6455" s="43">
        <v>6448</v>
      </c>
      <c r="I6455" s="55">
        <f>Bühler!I6481</f>
        <v>0.65494049432289392</v>
      </c>
      <c r="J6455" s="58">
        <f>Bühler!J6481</f>
        <v>42.476759675232813</v>
      </c>
      <c r="K6455" s="58">
        <f>Bühler!K6481</f>
        <v>3.4923652187011984</v>
      </c>
      <c r="L6455" s="58">
        <f>Bühler!L6481</f>
        <v>1.7461826093505992</v>
      </c>
      <c r="M6455" s="57">
        <f>Bühler!M6481</f>
        <v>0</v>
      </c>
      <c r="N6455" s="55">
        <f>IF(Input!$K$13=1,J6455*Input!$J$13,0)+IF(Input!$K$14=1,K6455*Input!$J$14,0)+IF(Input!$K$15=1,L6455*Input!$J$15,0)+IF(Input!$K$16=1,M6455*Input!$J$16,0)</f>
        <v>5.0972111610279374</v>
      </c>
      <c r="O6455" s="58">
        <f>IF(Input!$K$13=2,J6455*Input!$J$13,0)+IF(Input!$K$14=2,K6455*Input!$J$14,0)+IF(Input!$K$15=2,L6455*Input!$J$15,0)+IF(Input!$K$16=2,M6455*Input!$J$16,0)</f>
        <v>0.47146930452466174</v>
      </c>
      <c r="P6455" s="58">
        <f>IF(Input!$K$13=3,J6455*Input!$J$13,0)+IF(Input!$K$14=3,K6455*Input!$J$14,0)+IF(Input!$K$15=3,L6455*Input!$J$15,0)+IF(Input!$K$16=3,M6455*Input!$J$16,0)</f>
        <v>0</v>
      </c>
      <c r="Q6455" s="71">
        <f>IF(Input!$K$13=4,J6455*Input!$J$13,0)+IF(Input!$K$14=4,K6455*Input!$J$14,0)+IF(Input!$K$15=4,L6455*Input!$J$15,0)+IF(Input!$K$16=4,M6455*Input!$J$16,0)</f>
        <v>0</v>
      </c>
    </row>
    <row r="6456" spans="8:17" x14ac:dyDescent="0.25">
      <c r="H6456" s="43">
        <v>6449</v>
      </c>
      <c r="I6456" s="55">
        <f>Bühler!I6482</f>
        <v>0.54744266242795081</v>
      </c>
      <c r="J6456" s="58">
        <f>Bühler!J6482</f>
        <v>25.20590121662979</v>
      </c>
      <c r="K6456" s="58">
        <f>Bühler!K6482</f>
        <v>2.0580009324489201</v>
      </c>
      <c r="L6456" s="58">
        <f>Bühler!L6482</f>
        <v>1.0290004662244601</v>
      </c>
      <c r="M6456" s="57">
        <f>Bühler!M6482</f>
        <v>0</v>
      </c>
      <c r="N6456" s="55">
        <f>IF(Input!$K$13=1,J6456*Input!$J$13,0)+IF(Input!$K$14=1,K6456*Input!$J$14,0)+IF(Input!$K$15=1,L6456*Input!$J$15,0)+IF(Input!$K$16=1,M6456*Input!$J$16,0)</f>
        <v>3.0247081459955747</v>
      </c>
      <c r="O6456" s="58">
        <f>IF(Input!$K$13=2,J6456*Input!$J$13,0)+IF(Input!$K$14=2,K6456*Input!$J$14,0)+IF(Input!$K$15=2,L6456*Input!$J$15,0)+IF(Input!$K$16=2,M6456*Input!$J$16,0)</f>
        <v>0.27783012588060418</v>
      </c>
      <c r="P6456" s="58">
        <f>IF(Input!$K$13=3,J6456*Input!$J$13,0)+IF(Input!$K$14=3,K6456*Input!$J$14,0)+IF(Input!$K$15=3,L6456*Input!$J$15,0)+IF(Input!$K$16=3,M6456*Input!$J$16,0)</f>
        <v>0</v>
      </c>
      <c r="Q6456" s="71">
        <f>IF(Input!$K$13=4,J6456*Input!$J$13,0)+IF(Input!$K$14=4,K6456*Input!$J$14,0)+IF(Input!$K$15=4,L6456*Input!$J$15,0)+IF(Input!$K$16=4,M6456*Input!$J$16,0)</f>
        <v>0</v>
      </c>
    </row>
    <row r="6457" spans="8:17" x14ac:dyDescent="0.25">
      <c r="H6457" s="43">
        <v>6450</v>
      </c>
      <c r="I6457" s="55">
        <f>Bühler!I6483</f>
        <v>0.43496807905639007</v>
      </c>
      <c r="J6457" s="58">
        <f>Bühler!J6483</f>
        <v>10.976054655995615</v>
      </c>
      <c r="K6457" s="58">
        <f>Bühler!K6483</f>
        <v>0.87836147351639804</v>
      </c>
      <c r="L6457" s="58">
        <f>Bühler!L6483</f>
        <v>0.43918073675819902</v>
      </c>
      <c r="M6457" s="57">
        <f>Bühler!M6483</f>
        <v>0</v>
      </c>
      <c r="N6457" s="55">
        <f>IF(Input!$K$13=1,J6457*Input!$J$13,0)+IF(Input!$K$14=1,K6457*Input!$J$14,0)+IF(Input!$K$15=1,L6457*Input!$J$15,0)+IF(Input!$K$16=1,M6457*Input!$J$16,0)</f>
        <v>1.3171265587194738</v>
      </c>
      <c r="O6457" s="58">
        <f>IF(Input!$K$13=2,J6457*Input!$J$13,0)+IF(Input!$K$14=2,K6457*Input!$J$14,0)+IF(Input!$K$15=2,L6457*Input!$J$15,0)+IF(Input!$K$16=2,M6457*Input!$J$16,0)</f>
        <v>0.11857879892471374</v>
      </c>
      <c r="P6457" s="58">
        <f>IF(Input!$K$13=3,J6457*Input!$J$13,0)+IF(Input!$K$14=3,K6457*Input!$J$14,0)+IF(Input!$K$15=3,L6457*Input!$J$15,0)+IF(Input!$K$16=3,M6457*Input!$J$16,0)</f>
        <v>0</v>
      </c>
      <c r="Q6457" s="71">
        <f>IF(Input!$K$13=4,J6457*Input!$J$13,0)+IF(Input!$K$14=4,K6457*Input!$J$14,0)+IF(Input!$K$15=4,L6457*Input!$J$15,0)+IF(Input!$K$16=4,M6457*Input!$J$16,0)</f>
        <v>0</v>
      </c>
    </row>
    <row r="6458" spans="8:17" x14ac:dyDescent="0.25">
      <c r="H6458" s="43">
        <v>6451</v>
      </c>
      <c r="I6458" s="55">
        <f>Bühler!I6484</f>
        <v>0.15427929577514976</v>
      </c>
      <c r="J6458" s="58">
        <f>Bühler!J6484</f>
        <v>7.1003298001881987</v>
      </c>
      <c r="K6458" s="58">
        <f>Bühler!K6484</f>
        <v>0.57971857252082271</v>
      </c>
      <c r="L6458" s="58">
        <f>Bühler!L6484</f>
        <v>0.28985928626041135</v>
      </c>
      <c r="M6458" s="57">
        <f>Bühler!M6484</f>
        <v>0</v>
      </c>
      <c r="N6458" s="55">
        <f>IF(Input!$K$13=1,J6458*Input!$J$13,0)+IF(Input!$K$14=1,K6458*Input!$J$14,0)+IF(Input!$K$15=1,L6458*Input!$J$15,0)+IF(Input!$K$16=1,M6458*Input!$J$16,0)</f>
        <v>0.85203957602258384</v>
      </c>
      <c r="O6458" s="58">
        <f>IF(Input!$K$13=2,J6458*Input!$J$13,0)+IF(Input!$K$14=2,K6458*Input!$J$14,0)+IF(Input!$K$15=2,L6458*Input!$J$15,0)+IF(Input!$K$16=2,M6458*Input!$J$16,0)</f>
        <v>7.8262007290311061E-2</v>
      </c>
      <c r="P6458" s="58">
        <f>IF(Input!$K$13=3,J6458*Input!$J$13,0)+IF(Input!$K$14=3,K6458*Input!$J$14,0)+IF(Input!$K$15=3,L6458*Input!$J$15,0)+IF(Input!$K$16=3,M6458*Input!$J$16,0)</f>
        <v>0</v>
      </c>
      <c r="Q6458" s="71">
        <f>IF(Input!$K$13=4,J6458*Input!$J$13,0)+IF(Input!$K$14=4,K6458*Input!$J$14,0)+IF(Input!$K$15=4,L6458*Input!$J$15,0)+IF(Input!$K$16=4,M6458*Input!$J$16,0)</f>
        <v>0</v>
      </c>
    </row>
    <row r="6459" spans="8:17" x14ac:dyDescent="0.25">
      <c r="H6459" s="43">
        <v>6452</v>
      </c>
      <c r="I6459" s="55">
        <f>Bühler!I6485</f>
        <v>0.15427929577514976</v>
      </c>
      <c r="J6459" s="58">
        <f>Bühler!J6485</f>
        <v>7.1003298001881987</v>
      </c>
      <c r="K6459" s="58">
        <f>Bühler!K6485</f>
        <v>0.57971857252082271</v>
      </c>
      <c r="L6459" s="58">
        <f>Bühler!L6485</f>
        <v>0.28985928626041135</v>
      </c>
      <c r="M6459" s="57">
        <f>Bühler!M6485</f>
        <v>0</v>
      </c>
      <c r="N6459" s="55">
        <f>IF(Input!$K$13=1,J6459*Input!$J$13,0)+IF(Input!$K$14=1,K6459*Input!$J$14,0)+IF(Input!$K$15=1,L6459*Input!$J$15,0)+IF(Input!$K$16=1,M6459*Input!$J$16,0)</f>
        <v>0.85203957602258384</v>
      </c>
      <c r="O6459" s="58">
        <f>IF(Input!$K$13=2,J6459*Input!$J$13,0)+IF(Input!$K$14=2,K6459*Input!$J$14,0)+IF(Input!$K$15=2,L6459*Input!$J$15,0)+IF(Input!$K$16=2,M6459*Input!$J$16,0)</f>
        <v>7.8262007290311061E-2</v>
      </c>
      <c r="P6459" s="58">
        <f>IF(Input!$K$13=3,J6459*Input!$J$13,0)+IF(Input!$K$14=3,K6459*Input!$J$14,0)+IF(Input!$K$15=3,L6459*Input!$J$15,0)+IF(Input!$K$16=3,M6459*Input!$J$16,0)</f>
        <v>0</v>
      </c>
      <c r="Q6459" s="71">
        <f>IF(Input!$K$13=4,J6459*Input!$J$13,0)+IF(Input!$K$14=4,K6459*Input!$J$14,0)+IF(Input!$K$15=4,L6459*Input!$J$15,0)+IF(Input!$K$16=4,M6459*Input!$J$16,0)</f>
        <v>0</v>
      </c>
    </row>
    <row r="6460" spans="8:17" x14ac:dyDescent="0.25">
      <c r="H6460" s="43">
        <v>6453</v>
      </c>
      <c r="I6460" s="55">
        <f>Bühler!I6486</f>
        <v>0.15427929577514976</v>
      </c>
      <c r="J6460" s="58">
        <f>Bühler!J6486</f>
        <v>7.1003298001881987</v>
      </c>
      <c r="K6460" s="58">
        <f>Bühler!K6486</f>
        <v>0.57971857252082271</v>
      </c>
      <c r="L6460" s="58">
        <f>Bühler!L6486</f>
        <v>0.28985928626041135</v>
      </c>
      <c r="M6460" s="57">
        <f>Bühler!M6486</f>
        <v>0</v>
      </c>
      <c r="N6460" s="55">
        <f>IF(Input!$K$13=1,J6460*Input!$J$13,0)+IF(Input!$K$14=1,K6460*Input!$J$14,0)+IF(Input!$K$15=1,L6460*Input!$J$15,0)+IF(Input!$K$16=1,M6460*Input!$J$16,0)</f>
        <v>0.85203957602258384</v>
      </c>
      <c r="O6460" s="58">
        <f>IF(Input!$K$13=2,J6460*Input!$J$13,0)+IF(Input!$K$14=2,K6460*Input!$J$14,0)+IF(Input!$K$15=2,L6460*Input!$J$15,0)+IF(Input!$K$16=2,M6460*Input!$J$16,0)</f>
        <v>7.8262007290311061E-2</v>
      </c>
      <c r="P6460" s="58">
        <f>IF(Input!$K$13=3,J6460*Input!$J$13,0)+IF(Input!$K$14=3,K6460*Input!$J$14,0)+IF(Input!$K$15=3,L6460*Input!$J$15,0)+IF(Input!$K$16=3,M6460*Input!$J$16,0)</f>
        <v>0</v>
      </c>
      <c r="Q6460" s="71">
        <f>IF(Input!$K$13=4,J6460*Input!$J$13,0)+IF(Input!$K$14=4,K6460*Input!$J$14,0)+IF(Input!$K$15=4,L6460*Input!$J$15,0)+IF(Input!$K$16=4,M6460*Input!$J$16,0)</f>
        <v>0</v>
      </c>
    </row>
    <row r="6461" spans="8:17" x14ac:dyDescent="0.25">
      <c r="H6461" s="43">
        <v>6454</v>
      </c>
      <c r="I6461" s="55">
        <f>Bühler!I6487</f>
        <v>0.15427929577514976</v>
      </c>
      <c r="J6461" s="58">
        <f>Bühler!J6487</f>
        <v>7.1003298001881987</v>
      </c>
      <c r="K6461" s="58">
        <f>Bühler!K6487</f>
        <v>0.57971857252082271</v>
      </c>
      <c r="L6461" s="58">
        <f>Bühler!L6487</f>
        <v>0.28985928626041135</v>
      </c>
      <c r="M6461" s="57">
        <f>Bühler!M6487</f>
        <v>0</v>
      </c>
      <c r="N6461" s="55">
        <f>IF(Input!$K$13=1,J6461*Input!$J$13,0)+IF(Input!$K$14=1,K6461*Input!$J$14,0)+IF(Input!$K$15=1,L6461*Input!$J$15,0)+IF(Input!$K$16=1,M6461*Input!$J$16,0)</f>
        <v>0.85203957602258384</v>
      </c>
      <c r="O6461" s="58">
        <f>IF(Input!$K$13=2,J6461*Input!$J$13,0)+IF(Input!$K$14=2,K6461*Input!$J$14,0)+IF(Input!$K$15=2,L6461*Input!$J$15,0)+IF(Input!$K$16=2,M6461*Input!$J$16,0)</f>
        <v>7.8262007290311061E-2</v>
      </c>
      <c r="P6461" s="58">
        <f>IF(Input!$K$13=3,J6461*Input!$J$13,0)+IF(Input!$K$14=3,K6461*Input!$J$14,0)+IF(Input!$K$15=3,L6461*Input!$J$15,0)+IF(Input!$K$16=3,M6461*Input!$J$16,0)</f>
        <v>0</v>
      </c>
      <c r="Q6461" s="71">
        <f>IF(Input!$K$13=4,J6461*Input!$J$13,0)+IF(Input!$K$14=4,K6461*Input!$J$14,0)+IF(Input!$K$15=4,L6461*Input!$J$15,0)+IF(Input!$K$16=4,M6461*Input!$J$16,0)</f>
        <v>0</v>
      </c>
    </row>
    <row r="6462" spans="8:17" x14ac:dyDescent="0.25">
      <c r="H6462" s="43">
        <v>6455</v>
      </c>
      <c r="I6462" s="55">
        <f>Bühler!I6488</f>
        <v>0.15427929577514976</v>
      </c>
      <c r="J6462" s="58">
        <f>Bühler!J6488</f>
        <v>7.1003298001881987</v>
      </c>
      <c r="K6462" s="58">
        <f>Bühler!K6488</f>
        <v>0.57971857252082271</v>
      </c>
      <c r="L6462" s="58">
        <f>Bühler!L6488</f>
        <v>0.28985928626041135</v>
      </c>
      <c r="M6462" s="57">
        <f>Bühler!M6488</f>
        <v>0</v>
      </c>
      <c r="N6462" s="55">
        <f>IF(Input!$K$13=1,J6462*Input!$J$13,0)+IF(Input!$K$14=1,K6462*Input!$J$14,0)+IF(Input!$K$15=1,L6462*Input!$J$15,0)+IF(Input!$K$16=1,M6462*Input!$J$16,0)</f>
        <v>0.85203957602258384</v>
      </c>
      <c r="O6462" s="58">
        <f>IF(Input!$K$13=2,J6462*Input!$J$13,0)+IF(Input!$K$14=2,K6462*Input!$J$14,0)+IF(Input!$K$15=2,L6462*Input!$J$15,0)+IF(Input!$K$16=2,M6462*Input!$J$16,0)</f>
        <v>7.8262007290311061E-2</v>
      </c>
      <c r="P6462" s="58">
        <f>IF(Input!$K$13=3,J6462*Input!$J$13,0)+IF(Input!$K$14=3,K6462*Input!$J$14,0)+IF(Input!$K$15=3,L6462*Input!$J$15,0)+IF(Input!$K$16=3,M6462*Input!$J$16,0)</f>
        <v>0</v>
      </c>
      <c r="Q6462" s="71">
        <f>IF(Input!$K$13=4,J6462*Input!$J$13,0)+IF(Input!$K$14=4,K6462*Input!$J$14,0)+IF(Input!$K$15=4,L6462*Input!$J$15,0)+IF(Input!$K$16=4,M6462*Input!$J$16,0)</f>
        <v>0</v>
      </c>
    </row>
    <row r="6463" spans="8:17" x14ac:dyDescent="0.25">
      <c r="H6463" s="43">
        <v>6456</v>
      </c>
      <c r="I6463" s="55">
        <f>Bühler!I6489</f>
        <v>0.15427929577514976</v>
      </c>
      <c r="J6463" s="58">
        <f>Bühler!J6489</f>
        <v>7.1003298001881987</v>
      </c>
      <c r="K6463" s="58">
        <f>Bühler!K6489</f>
        <v>0.57971857252082271</v>
      </c>
      <c r="L6463" s="58">
        <f>Bühler!L6489</f>
        <v>0.28985928626041135</v>
      </c>
      <c r="M6463" s="57">
        <f>Bühler!M6489</f>
        <v>0</v>
      </c>
      <c r="N6463" s="55">
        <f>IF(Input!$K$13=1,J6463*Input!$J$13,0)+IF(Input!$K$14=1,K6463*Input!$J$14,0)+IF(Input!$K$15=1,L6463*Input!$J$15,0)+IF(Input!$K$16=1,M6463*Input!$J$16,0)</f>
        <v>0.85203957602258384</v>
      </c>
      <c r="O6463" s="58">
        <f>IF(Input!$K$13=2,J6463*Input!$J$13,0)+IF(Input!$K$14=2,K6463*Input!$J$14,0)+IF(Input!$K$15=2,L6463*Input!$J$15,0)+IF(Input!$K$16=2,M6463*Input!$J$16,0)</f>
        <v>7.8262007290311061E-2</v>
      </c>
      <c r="P6463" s="58">
        <f>IF(Input!$K$13=3,J6463*Input!$J$13,0)+IF(Input!$K$14=3,K6463*Input!$J$14,0)+IF(Input!$K$15=3,L6463*Input!$J$15,0)+IF(Input!$K$16=3,M6463*Input!$J$16,0)</f>
        <v>0</v>
      </c>
      <c r="Q6463" s="71">
        <f>IF(Input!$K$13=4,J6463*Input!$J$13,0)+IF(Input!$K$14=4,K6463*Input!$J$14,0)+IF(Input!$K$15=4,L6463*Input!$J$15,0)+IF(Input!$K$16=4,M6463*Input!$J$16,0)</f>
        <v>0</v>
      </c>
    </row>
    <row r="6464" spans="8:17" x14ac:dyDescent="0.25">
      <c r="H6464" s="43">
        <v>6457</v>
      </c>
      <c r="I6464" s="55">
        <f>Bühler!I6490</f>
        <v>0.10739684739706089</v>
      </c>
      <c r="J6464" s="58">
        <f>Bühler!J6490</f>
        <v>6.8774800307874049</v>
      </c>
      <c r="K6464" s="58">
        <f>Bühler!K6490</f>
        <v>0.57036564014485014</v>
      </c>
      <c r="L6464" s="58">
        <f>Bühler!L6490</f>
        <v>0.28518282007242507</v>
      </c>
      <c r="M6464" s="57">
        <f>Bühler!M6490</f>
        <v>0</v>
      </c>
      <c r="N6464" s="55">
        <f>IF(Input!$K$13=1,J6464*Input!$J$13,0)+IF(Input!$K$14=1,K6464*Input!$J$14,0)+IF(Input!$K$15=1,L6464*Input!$J$15,0)+IF(Input!$K$16=1,M6464*Input!$J$16,0)</f>
        <v>0.82529760369448857</v>
      </c>
      <c r="O6464" s="58">
        <f>IF(Input!$K$13=2,J6464*Input!$J$13,0)+IF(Input!$K$14=2,K6464*Input!$J$14,0)+IF(Input!$K$15=2,L6464*Input!$J$15,0)+IF(Input!$K$16=2,M6464*Input!$J$16,0)</f>
        <v>7.6999361419554768E-2</v>
      </c>
      <c r="P6464" s="58">
        <f>IF(Input!$K$13=3,J6464*Input!$J$13,0)+IF(Input!$K$14=3,K6464*Input!$J$14,0)+IF(Input!$K$15=3,L6464*Input!$J$15,0)+IF(Input!$K$16=3,M6464*Input!$J$16,0)</f>
        <v>0</v>
      </c>
      <c r="Q6464" s="71">
        <f>IF(Input!$K$13=4,J6464*Input!$J$13,0)+IF(Input!$K$14=4,K6464*Input!$J$14,0)+IF(Input!$K$15=4,L6464*Input!$J$15,0)+IF(Input!$K$16=4,M6464*Input!$J$16,0)</f>
        <v>0</v>
      </c>
    </row>
    <row r="6465" spans="8:17" x14ac:dyDescent="0.25">
      <c r="H6465" s="43">
        <v>6458</v>
      </c>
      <c r="I6465" s="55">
        <f>Bühler!I6491</f>
        <v>0.10739684739706089</v>
      </c>
      <c r="J6465" s="58">
        <f>Bühler!J6491</f>
        <v>6.8774800307874049</v>
      </c>
      <c r="K6465" s="58">
        <f>Bühler!K6491</f>
        <v>0.57036564014485014</v>
      </c>
      <c r="L6465" s="58">
        <f>Bühler!L6491</f>
        <v>0.28518282007242507</v>
      </c>
      <c r="M6465" s="57">
        <f>Bühler!M6491</f>
        <v>0</v>
      </c>
      <c r="N6465" s="55">
        <f>IF(Input!$K$13=1,J6465*Input!$J$13,0)+IF(Input!$K$14=1,K6465*Input!$J$14,0)+IF(Input!$K$15=1,L6465*Input!$J$15,0)+IF(Input!$K$16=1,M6465*Input!$J$16,0)</f>
        <v>0.82529760369448857</v>
      </c>
      <c r="O6465" s="58">
        <f>IF(Input!$K$13=2,J6465*Input!$J$13,0)+IF(Input!$K$14=2,K6465*Input!$J$14,0)+IF(Input!$K$15=2,L6465*Input!$J$15,0)+IF(Input!$K$16=2,M6465*Input!$J$16,0)</f>
        <v>7.6999361419554768E-2</v>
      </c>
      <c r="P6465" s="58">
        <f>IF(Input!$K$13=3,J6465*Input!$J$13,0)+IF(Input!$K$14=3,K6465*Input!$J$14,0)+IF(Input!$K$15=3,L6465*Input!$J$15,0)+IF(Input!$K$16=3,M6465*Input!$J$16,0)</f>
        <v>0</v>
      </c>
      <c r="Q6465" s="71">
        <f>IF(Input!$K$13=4,J6465*Input!$J$13,0)+IF(Input!$K$14=4,K6465*Input!$J$14,0)+IF(Input!$K$15=4,L6465*Input!$J$15,0)+IF(Input!$K$16=4,M6465*Input!$J$16,0)</f>
        <v>0</v>
      </c>
    </row>
    <row r="6466" spans="8:17" x14ac:dyDescent="0.25">
      <c r="H6466" s="43">
        <v>6459</v>
      </c>
      <c r="I6466" s="55">
        <f>Bühler!I6492</f>
        <v>0.10739684739706089</v>
      </c>
      <c r="J6466" s="58">
        <f>Bühler!J6492</f>
        <v>6.8774800307874049</v>
      </c>
      <c r="K6466" s="58">
        <f>Bühler!K6492</f>
        <v>0.57036564014485014</v>
      </c>
      <c r="L6466" s="58">
        <f>Bühler!L6492</f>
        <v>0.28518282007242507</v>
      </c>
      <c r="M6466" s="57">
        <f>Bühler!M6492</f>
        <v>0</v>
      </c>
      <c r="N6466" s="55">
        <f>IF(Input!$K$13=1,J6466*Input!$J$13,0)+IF(Input!$K$14=1,K6466*Input!$J$14,0)+IF(Input!$K$15=1,L6466*Input!$J$15,0)+IF(Input!$K$16=1,M6466*Input!$J$16,0)</f>
        <v>0.82529760369448857</v>
      </c>
      <c r="O6466" s="58">
        <f>IF(Input!$K$13=2,J6466*Input!$J$13,0)+IF(Input!$K$14=2,K6466*Input!$J$14,0)+IF(Input!$K$15=2,L6466*Input!$J$15,0)+IF(Input!$K$16=2,M6466*Input!$J$16,0)</f>
        <v>7.6999361419554768E-2</v>
      </c>
      <c r="P6466" s="58">
        <f>IF(Input!$K$13=3,J6466*Input!$J$13,0)+IF(Input!$K$14=3,K6466*Input!$J$14,0)+IF(Input!$K$15=3,L6466*Input!$J$15,0)+IF(Input!$K$16=3,M6466*Input!$J$16,0)</f>
        <v>0</v>
      </c>
      <c r="Q6466" s="71">
        <f>IF(Input!$K$13=4,J6466*Input!$J$13,0)+IF(Input!$K$14=4,K6466*Input!$J$14,0)+IF(Input!$K$15=4,L6466*Input!$J$15,0)+IF(Input!$K$16=4,M6466*Input!$J$16,0)</f>
        <v>0</v>
      </c>
    </row>
    <row r="6467" spans="8:17" x14ac:dyDescent="0.25">
      <c r="H6467" s="43">
        <v>6460</v>
      </c>
      <c r="I6467" s="55">
        <f>Bühler!I6493</f>
        <v>0.10739684739706089</v>
      </c>
      <c r="J6467" s="58">
        <f>Bühler!J6493</f>
        <v>6.8774800307874049</v>
      </c>
      <c r="K6467" s="58">
        <f>Bühler!K6493</f>
        <v>0.57036564014485014</v>
      </c>
      <c r="L6467" s="58">
        <f>Bühler!L6493</f>
        <v>0.28518282007242507</v>
      </c>
      <c r="M6467" s="57">
        <f>Bühler!M6493</f>
        <v>0</v>
      </c>
      <c r="N6467" s="55">
        <f>IF(Input!$K$13=1,J6467*Input!$J$13,0)+IF(Input!$K$14=1,K6467*Input!$J$14,0)+IF(Input!$K$15=1,L6467*Input!$J$15,0)+IF(Input!$K$16=1,M6467*Input!$J$16,0)</f>
        <v>0.82529760369448857</v>
      </c>
      <c r="O6467" s="58">
        <f>IF(Input!$K$13=2,J6467*Input!$J$13,0)+IF(Input!$K$14=2,K6467*Input!$J$14,0)+IF(Input!$K$15=2,L6467*Input!$J$15,0)+IF(Input!$K$16=2,M6467*Input!$J$16,0)</f>
        <v>7.6999361419554768E-2</v>
      </c>
      <c r="P6467" s="58">
        <f>IF(Input!$K$13=3,J6467*Input!$J$13,0)+IF(Input!$K$14=3,K6467*Input!$J$14,0)+IF(Input!$K$15=3,L6467*Input!$J$15,0)+IF(Input!$K$16=3,M6467*Input!$J$16,0)</f>
        <v>0</v>
      </c>
      <c r="Q6467" s="71">
        <f>IF(Input!$K$13=4,J6467*Input!$J$13,0)+IF(Input!$K$14=4,K6467*Input!$J$14,0)+IF(Input!$K$15=4,L6467*Input!$J$15,0)+IF(Input!$K$16=4,M6467*Input!$J$16,0)</f>
        <v>0</v>
      </c>
    </row>
    <row r="6468" spans="8:17" x14ac:dyDescent="0.25">
      <c r="H6468" s="43">
        <v>6461</v>
      </c>
      <c r="I6468" s="55">
        <f>Bühler!I6494</f>
        <v>0.10739684739706089</v>
      </c>
      <c r="J6468" s="58">
        <f>Bühler!J6494</f>
        <v>6.8774800307874049</v>
      </c>
      <c r="K6468" s="58">
        <f>Bühler!K6494</f>
        <v>0.57036564014485014</v>
      </c>
      <c r="L6468" s="58">
        <f>Bühler!L6494</f>
        <v>0.28518282007242507</v>
      </c>
      <c r="M6468" s="57">
        <f>Bühler!M6494</f>
        <v>0</v>
      </c>
      <c r="N6468" s="55">
        <f>IF(Input!$K$13=1,J6468*Input!$J$13,0)+IF(Input!$K$14=1,K6468*Input!$J$14,0)+IF(Input!$K$15=1,L6468*Input!$J$15,0)+IF(Input!$K$16=1,M6468*Input!$J$16,0)</f>
        <v>0.82529760369448857</v>
      </c>
      <c r="O6468" s="58">
        <f>IF(Input!$K$13=2,J6468*Input!$J$13,0)+IF(Input!$K$14=2,K6468*Input!$J$14,0)+IF(Input!$K$15=2,L6468*Input!$J$15,0)+IF(Input!$K$16=2,M6468*Input!$J$16,0)</f>
        <v>7.6999361419554768E-2</v>
      </c>
      <c r="P6468" s="58">
        <f>IF(Input!$K$13=3,J6468*Input!$J$13,0)+IF(Input!$K$14=3,K6468*Input!$J$14,0)+IF(Input!$K$15=3,L6468*Input!$J$15,0)+IF(Input!$K$16=3,M6468*Input!$J$16,0)</f>
        <v>0</v>
      </c>
      <c r="Q6468" s="71">
        <f>IF(Input!$K$13=4,J6468*Input!$J$13,0)+IF(Input!$K$14=4,K6468*Input!$J$14,0)+IF(Input!$K$15=4,L6468*Input!$J$15,0)+IF(Input!$K$16=4,M6468*Input!$J$16,0)</f>
        <v>0</v>
      </c>
    </row>
    <row r="6469" spans="8:17" x14ac:dyDescent="0.25">
      <c r="H6469" s="43">
        <v>6462</v>
      </c>
      <c r="I6469" s="55">
        <f>Bühler!I6495</f>
        <v>0.10739684739706089</v>
      </c>
      <c r="J6469" s="58">
        <f>Bühler!J6495</f>
        <v>6.8774800307874049</v>
      </c>
      <c r="K6469" s="58">
        <f>Bühler!K6495</f>
        <v>0.57036564014485014</v>
      </c>
      <c r="L6469" s="58">
        <f>Bühler!L6495</f>
        <v>0.28518282007242507</v>
      </c>
      <c r="M6469" s="57">
        <f>Bühler!M6495</f>
        <v>0</v>
      </c>
      <c r="N6469" s="55">
        <f>IF(Input!$K$13=1,J6469*Input!$J$13,0)+IF(Input!$K$14=1,K6469*Input!$J$14,0)+IF(Input!$K$15=1,L6469*Input!$J$15,0)+IF(Input!$K$16=1,M6469*Input!$J$16,0)</f>
        <v>0.82529760369448857</v>
      </c>
      <c r="O6469" s="58">
        <f>IF(Input!$K$13=2,J6469*Input!$J$13,0)+IF(Input!$K$14=2,K6469*Input!$J$14,0)+IF(Input!$K$15=2,L6469*Input!$J$15,0)+IF(Input!$K$16=2,M6469*Input!$J$16,0)</f>
        <v>7.6999361419554768E-2</v>
      </c>
      <c r="P6469" s="58">
        <f>IF(Input!$K$13=3,J6469*Input!$J$13,0)+IF(Input!$K$14=3,K6469*Input!$J$14,0)+IF(Input!$K$15=3,L6469*Input!$J$15,0)+IF(Input!$K$16=3,M6469*Input!$J$16,0)</f>
        <v>0</v>
      </c>
      <c r="Q6469" s="71">
        <f>IF(Input!$K$13=4,J6469*Input!$J$13,0)+IF(Input!$K$14=4,K6469*Input!$J$14,0)+IF(Input!$K$15=4,L6469*Input!$J$15,0)+IF(Input!$K$16=4,M6469*Input!$J$16,0)</f>
        <v>0</v>
      </c>
    </row>
    <row r="6470" spans="8:17" x14ac:dyDescent="0.25">
      <c r="H6470" s="43">
        <v>6463</v>
      </c>
      <c r="I6470" s="55">
        <f>Bühler!I6496</f>
        <v>0.10739684739706089</v>
      </c>
      <c r="J6470" s="58">
        <f>Bühler!J6496</f>
        <v>6.8774800307874049</v>
      </c>
      <c r="K6470" s="58">
        <f>Bühler!K6496</f>
        <v>0.57036564014485014</v>
      </c>
      <c r="L6470" s="58">
        <f>Bühler!L6496</f>
        <v>0.28518282007242507</v>
      </c>
      <c r="M6470" s="57">
        <f>Bühler!M6496</f>
        <v>0</v>
      </c>
      <c r="N6470" s="55">
        <f>IF(Input!$K$13=1,J6470*Input!$J$13,0)+IF(Input!$K$14=1,K6470*Input!$J$14,0)+IF(Input!$K$15=1,L6470*Input!$J$15,0)+IF(Input!$K$16=1,M6470*Input!$J$16,0)</f>
        <v>0.82529760369448857</v>
      </c>
      <c r="O6470" s="58">
        <f>IF(Input!$K$13=2,J6470*Input!$J$13,0)+IF(Input!$K$14=2,K6470*Input!$J$14,0)+IF(Input!$K$15=2,L6470*Input!$J$15,0)+IF(Input!$K$16=2,M6470*Input!$J$16,0)</f>
        <v>7.6999361419554768E-2</v>
      </c>
      <c r="P6470" s="58">
        <f>IF(Input!$K$13=3,J6470*Input!$J$13,0)+IF(Input!$K$14=3,K6470*Input!$J$14,0)+IF(Input!$K$15=3,L6470*Input!$J$15,0)+IF(Input!$K$16=3,M6470*Input!$J$16,0)</f>
        <v>0</v>
      </c>
      <c r="Q6470" s="71">
        <f>IF(Input!$K$13=4,J6470*Input!$J$13,0)+IF(Input!$K$14=4,K6470*Input!$J$14,0)+IF(Input!$K$15=4,L6470*Input!$J$15,0)+IF(Input!$K$16=4,M6470*Input!$J$16,0)</f>
        <v>0</v>
      </c>
    </row>
    <row r="6471" spans="8:17" x14ac:dyDescent="0.25">
      <c r="H6471" s="43">
        <v>6464</v>
      </c>
      <c r="I6471" s="55">
        <f>Bühler!I6497</f>
        <v>0.29587831457890268</v>
      </c>
      <c r="J6471" s="58">
        <f>Bühler!J6497</f>
        <v>27.959228837153468</v>
      </c>
      <c r="K6471" s="58">
        <f>Bühler!K6497</f>
        <v>2.3315856016830385</v>
      </c>
      <c r="L6471" s="58">
        <f>Bühler!L6497</f>
        <v>1.1657928008415193</v>
      </c>
      <c r="M6471" s="57">
        <f>Bühler!M6497</f>
        <v>0</v>
      </c>
      <c r="N6471" s="55">
        <f>IF(Input!$K$13=1,J6471*Input!$J$13,0)+IF(Input!$K$14=1,K6471*Input!$J$14,0)+IF(Input!$K$15=1,L6471*Input!$J$15,0)+IF(Input!$K$16=1,M6471*Input!$J$16,0)</f>
        <v>3.3551074604584161</v>
      </c>
      <c r="O6471" s="58">
        <f>IF(Input!$K$13=2,J6471*Input!$J$13,0)+IF(Input!$K$14=2,K6471*Input!$J$14,0)+IF(Input!$K$15=2,L6471*Input!$J$15,0)+IF(Input!$K$16=2,M6471*Input!$J$16,0)</f>
        <v>0.31476405622721015</v>
      </c>
      <c r="P6471" s="58">
        <f>IF(Input!$K$13=3,J6471*Input!$J$13,0)+IF(Input!$K$14=3,K6471*Input!$J$14,0)+IF(Input!$K$15=3,L6471*Input!$J$15,0)+IF(Input!$K$16=3,M6471*Input!$J$16,0)</f>
        <v>0</v>
      </c>
      <c r="Q6471" s="71">
        <f>IF(Input!$K$13=4,J6471*Input!$J$13,0)+IF(Input!$K$14=4,K6471*Input!$J$14,0)+IF(Input!$K$15=4,L6471*Input!$J$15,0)+IF(Input!$K$16=4,M6471*Input!$J$16,0)</f>
        <v>0</v>
      </c>
    </row>
    <row r="6472" spans="8:17" x14ac:dyDescent="0.25">
      <c r="H6472" s="43">
        <v>6465</v>
      </c>
      <c r="I6472" s="55">
        <f>Bühler!I6498</f>
        <v>0.33013790889856509</v>
      </c>
      <c r="J6472" s="58">
        <f>Bühler!J6498</f>
        <v>31.196613228823871</v>
      </c>
      <c r="K6472" s="58">
        <f>Bühler!K6498</f>
        <v>2.6015586713516008</v>
      </c>
      <c r="L6472" s="58">
        <f>Bühler!L6498</f>
        <v>1.3007793356758004</v>
      </c>
      <c r="M6472" s="57">
        <f>Bühler!M6498</f>
        <v>0</v>
      </c>
      <c r="N6472" s="55">
        <f>IF(Input!$K$13=1,J6472*Input!$J$13,0)+IF(Input!$K$14=1,K6472*Input!$J$14,0)+IF(Input!$K$15=1,L6472*Input!$J$15,0)+IF(Input!$K$16=1,M6472*Input!$J$16,0)</f>
        <v>3.7435935874588644</v>
      </c>
      <c r="O6472" s="58">
        <f>IF(Input!$K$13=2,J6472*Input!$J$13,0)+IF(Input!$K$14=2,K6472*Input!$J$14,0)+IF(Input!$K$15=2,L6472*Input!$J$15,0)+IF(Input!$K$16=2,M6472*Input!$J$16,0)</f>
        <v>0.3512104206324661</v>
      </c>
      <c r="P6472" s="58">
        <f>IF(Input!$K$13=3,J6472*Input!$J$13,0)+IF(Input!$K$14=3,K6472*Input!$J$14,0)+IF(Input!$K$15=3,L6472*Input!$J$15,0)+IF(Input!$K$16=3,M6472*Input!$J$16,0)</f>
        <v>0</v>
      </c>
      <c r="Q6472" s="71">
        <f>IF(Input!$K$13=4,J6472*Input!$J$13,0)+IF(Input!$K$14=4,K6472*Input!$J$14,0)+IF(Input!$K$15=4,L6472*Input!$J$15,0)+IF(Input!$K$16=4,M6472*Input!$J$16,0)</f>
        <v>0</v>
      </c>
    </row>
    <row r="6473" spans="8:17" x14ac:dyDescent="0.25">
      <c r="H6473" s="43">
        <v>6466</v>
      </c>
      <c r="I6473" s="55">
        <f>Bühler!I6499</f>
        <v>0.3643975032182275</v>
      </c>
      <c r="J6473" s="58">
        <f>Bühler!J6499</f>
        <v>34.433997620494281</v>
      </c>
      <c r="K6473" s="58">
        <f>Bühler!K6499</f>
        <v>2.8715317410201635</v>
      </c>
      <c r="L6473" s="58">
        <f>Bühler!L6499</f>
        <v>1.4357658705100818</v>
      </c>
      <c r="M6473" s="57">
        <f>Bühler!M6499</f>
        <v>0</v>
      </c>
      <c r="N6473" s="55">
        <f>IF(Input!$K$13=1,J6473*Input!$J$13,0)+IF(Input!$K$14=1,K6473*Input!$J$14,0)+IF(Input!$K$15=1,L6473*Input!$J$15,0)+IF(Input!$K$16=1,M6473*Input!$J$16,0)</f>
        <v>4.132079714459314</v>
      </c>
      <c r="O6473" s="58">
        <f>IF(Input!$K$13=2,J6473*Input!$J$13,0)+IF(Input!$K$14=2,K6473*Input!$J$14,0)+IF(Input!$K$15=2,L6473*Input!$J$15,0)+IF(Input!$K$16=2,M6473*Input!$J$16,0)</f>
        <v>0.38765678503772205</v>
      </c>
      <c r="P6473" s="58">
        <f>IF(Input!$K$13=3,J6473*Input!$J$13,0)+IF(Input!$K$14=3,K6473*Input!$J$14,0)+IF(Input!$K$15=3,L6473*Input!$J$15,0)+IF(Input!$K$16=3,M6473*Input!$J$16,0)</f>
        <v>0</v>
      </c>
      <c r="Q6473" s="71">
        <f>IF(Input!$K$13=4,J6473*Input!$J$13,0)+IF(Input!$K$14=4,K6473*Input!$J$14,0)+IF(Input!$K$15=4,L6473*Input!$J$15,0)+IF(Input!$K$16=4,M6473*Input!$J$16,0)</f>
        <v>0</v>
      </c>
    </row>
    <row r="6474" spans="8:17" x14ac:dyDescent="0.25">
      <c r="H6474" s="43">
        <v>6467</v>
      </c>
      <c r="I6474" s="55">
        <f>Bühler!I6500</f>
        <v>0.3643975032182275</v>
      </c>
      <c r="J6474" s="58">
        <f>Bühler!J6500</f>
        <v>34.433997620494281</v>
      </c>
      <c r="K6474" s="58">
        <f>Bühler!K6500</f>
        <v>2.8715317410201635</v>
      </c>
      <c r="L6474" s="58">
        <f>Bühler!L6500</f>
        <v>1.4357658705100818</v>
      </c>
      <c r="M6474" s="57">
        <f>Bühler!M6500</f>
        <v>0</v>
      </c>
      <c r="N6474" s="55">
        <f>IF(Input!$K$13=1,J6474*Input!$J$13,0)+IF(Input!$K$14=1,K6474*Input!$J$14,0)+IF(Input!$K$15=1,L6474*Input!$J$15,0)+IF(Input!$K$16=1,M6474*Input!$J$16,0)</f>
        <v>4.132079714459314</v>
      </c>
      <c r="O6474" s="58">
        <f>IF(Input!$K$13=2,J6474*Input!$J$13,0)+IF(Input!$K$14=2,K6474*Input!$J$14,0)+IF(Input!$K$15=2,L6474*Input!$J$15,0)+IF(Input!$K$16=2,M6474*Input!$J$16,0)</f>
        <v>0.38765678503772205</v>
      </c>
      <c r="P6474" s="58">
        <f>IF(Input!$K$13=3,J6474*Input!$J$13,0)+IF(Input!$K$14=3,K6474*Input!$J$14,0)+IF(Input!$K$15=3,L6474*Input!$J$15,0)+IF(Input!$K$16=3,M6474*Input!$J$16,0)</f>
        <v>0</v>
      </c>
      <c r="Q6474" s="71">
        <f>IF(Input!$K$13=4,J6474*Input!$J$13,0)+IF(Input!$K$14=4,K6474*Input!$J$14,0)+IF(Input!$K$15=4,L6474*Input!$J$15,0)+IF(Input!$K$16=4,M6474*Input!$J$16,0)</f>
        <v>0</v>
      </c>
    </row>
    <row r="6475" spans="8:17" x14ac:dyDescent="0.25">
      <c r="H6475" s="43">
        <v>6468</v>
      </c>
      <c r="I6475" s="55">
        <f>Bühler!I6501</f>
        <v>0.43603120043206706</v>
      </c>
      <c r="J6475" s="58">
        <f>Bühler!J6501</f>
        <v>41.203074075805112</v>
      </c>
      <c r="K6475" s="58">
        <f>Bühler!K6501</f>
        <v>3.4360208866907938</v>
      </c>
      <c r="L6475" s="58">
        <f>Bühler!L6501</f>
        <v>1.7180104433453969</v>
      </c>
      <c r="M6475" s="57">
        <f>Bühler!M6501</f>
        <v>0</v>
      </c>
      <c r="N6475" s="55">
        <f>IF(Input!$K$13=1,J6475*Input!$J$13,0)+IF(Input!$K$14=1,K6475*Input!$J$14,0)+IF(Input!$K$15=1,L6475*Input!$J$15,0)+IF(Input!$K$16=1,M6475*Input!$J$16,0)</f>
        <v>4.9443688890966131</v>
      </c>
      <c r="O6475" s="58">
        <f>IF(Input!$K$13=2,J6475*Input!$J$13,0)+IF(Input!$K$14=2,K6475*Input!$J$14,0)+IF(Input!$K$15=2,L6475*Input!$J$15,0)+IF(Input!$K$16=2,M6475*Input!$J$16,0)</f>
        <v>0.46386281970325716</v>
      </c>
      <c r="P6475" s="58">
        <f>IF(Input!$K$13=3,J6475*Input!$J$13,0)+IF(Input!$K$14=3,K6475*Input!$J$14,0)+IF(Input!$K$15=3,L6475*Input!$J$15,0)+IF(Input!$K$16=3,M6475*Input!$J$16,0)</f>
        <v>0</v>
      </c>
      <c r="Q6475" s="71">
        <f>IF(Input!$K$13=4,J6475*Input!$J$13,0)+IF(Input!$K$14=4,K6475*Input!$J$14,0)+IF(Input!$K$15=4,L6475*Input!$J$15,0)+IF(Input!$K$16=4,M6475*Input!$J$16,0)</f>
        <v>0</v>
      </c>
    </row>
    <row r="6476" spans="8:17" x14ac:dyDescent="0.25">
      <c r="H6476" s="43">
        <v>6469</v>
      </c>
      <c r="I6476" s="55">
        <f>Bühler!I6502</f>
        <v>0.43603120043206706</v>
      </c>
      <c r="J6476" s="58">
        <f>Bühler!J6502</f>
        <v>41.203074075805112</v>
      </c>
      <c r="K6476" s="58">
        <f>Bühler!K6502</f>
        <v>3.4360208866907938</v>
      </c>
      <c r="L6476" s="58">
        <f>Bühler!L6502</f>
        <v>1.7180104433453969</v>
      </c>
      <c r="M6476" s="57">
        <f>Bühler!M6502</f>
        <v>0</v>
      </c>
      <c r="N6476" s="55">
        <f>IF(Input!$K$13=1,J6476*Input!$J$13,0)+IF(Input!$K$14=1,K6476*Input!$J$14,0)+IF(Input!$K$15=1,L6476*Input!$J$15,0)+IF(Input!$K$16=1,M6476*Input!$J$16,0)</f>
        <v>4.9443688890966131</v>
      </c>
      <c r="O6476" s="58">
        <f>IF(Input!$K$13=2,J6476*Input!$J$13,0)+IF(Input!$K$14=2,K6476*Input!$J$14,0)+IF(Input!$K$15=2,L6476*Input!$J$15,0)+IF(Input!$K$16=2,M6476*Input!$J$16,0)</f>
        <v>0.46386281970325716</v>
      </c>
      <c r="P6476" s="58">
        <f>IF(Input!$K$13=3,J6476*Input!$J$13,0)+IF(Input!$K$14=3,K6476*Input!$J$14,0)+IF(Input!$K$15=3,L6476*Input!$J$15,0)+IF(Input!$K$16=3,M6476*Input!$J$16,0)</f>
        <v>0</v>
      </c>
      <c r="Q6476" s="71">
        <f>IF(Input!$K$13=4,J6476*Input!$J$13,0)+IF(Input!$K$14=4,K6476*Input!$J$14,0)+IF(Input!$K$15=4,L6476*Input!$J$15,0)+IF(Input!$K$16=4,M6476*Input!$J$16,0)</f>
        <v>0</v>
      </c>
    </row>
    <row r="6477" spans="8:17" x14ac:dyDescent="0.25">
      <c r="H6477" s="43">
        <v>6470</v>
      </c>
      <c r="I6477" s="55">
        <f>Bühler!I6503</f>
        <v>0.28964929742987316</v>
      </c>
      <c r="J6477" s="58">
        <f>Bühler!J6503</f>
        <v>27.370613493213398</v>
      </c>
      <c r="K6477" s="58">
        <f>Bühler!K6503</f>
        <v>2.2824995890160271</v>
      </c>
      <c r="L6477" s="58">
        <f>Bühler!L6503</f>
        <v>1.1412497945080136</v>
      </c>
      <c r="M6477" s="57">
        <f>Bühler!M6503</f>
        <v>0</v>
      </c>
      <c r="N6477" s="55">
        <f>IF(Input!$K$13=1,J6477*Input!$J$13,0)+IF(Input!$K$14=1,K6477*Input!$J$14,0)+IF(Input!$K$15=1,L6477*Input!$J$15,0)+IF(Input!$K$16=1,M6477*Input!$J$16,0)</f>
        <v>3.2844736191856074</v>
      </c>
      <c r="O6477" s="58">
        <f>IF(Input!$K$13=2,J6477*Input!$J$13,0)+IF(Input!$K$14=2,K6477*Input!$J$14,0)+IF(Input!$K$15=2,L6477*Input!$J$15,0)+IF(Input!$K$16=2,M6477*Input!$J$16,0)</f>
        <v>0.30813744451716363</v>
      </c>
      <c r="P6477" s="58">
        <f>IF(Input!$K$13=3,J6477*Input!$J$13,0)+IF(Input!$K$14=3,K6477*Input!$J$14,0)+IF(Input!$K$15=3,L6477*Input!$J$15,0)+IF(Input!$K$16=3,M6477*Input!$J$16,0)</f>
        <v>0</v>
      </c>
      <c r="Q6477" s="71">
        <f>IF(Input!$K$13=4,J6477*Input!$J$13,0)+IF(Input!$K$14=4,K6477*Input!$J$14,0)+IF(Input!$K$15=4,L6477*Input!$J$15,0)+IF(Input!$K$16=4,M6477*Input!$J$16,0)</f>
        <v>0</v>
      </c>
    </row>
    <row r="6478" spans="8:17" x14ac:dyDescent="0.25">
      <c r="H6478" s="43">
        <v>6471</v>
      </c>
      <c r="I6478" s="55">
        <f>Bühler!I6504</f>
        <v>0.43603120043206706</v>
      </c>
      <c r="J6478" s="58">
        <f>Bühler!J6504</f>
        <v>41.203074075805112</v>
      </c>
      <c r="K6478" s="58">
        <f>Bühler!K6504</f>
        <v>3.4360208866907938</v>
      </c>
      <c r="L6478" s="58">
        <f>Bühler!L6504</f>
        <v>1.7180104433453969</v>
      </c>
      <c r="M6478" s="57">
        <f>Bühler!M6504</f>
        <v>0</v>
      </c>
      <c r="N6478" s="55">
        <f>IF(Input!$K$13=1,J6478*Input!$J$13,0)+IF(Input!$K$14=1,K6478*Input!$J$14,0)+IF(Input!$K$15=1,L6478*Input!$J$15,0)+IF(Input!$K$16=1,M6478*Input!$J$16,0)</f>
        <v>4.9443688890966131</v>
      </c>
      <c r="O6478" s="58">
        <f>IF(Input!$K$13=2,J6478*Input!$J$13,0)+IF(Input!$K$14=2,K6478*Input!$J$14,0)+IF(Input!$K$15=2,L6478*Input!$J$15,0)+IF(Input!$K$16=2,M6478*Input!$J$16,0)</f>
        <v>0.46386281970325716</v>
      </c>
      <c r="P6478" s="58">
        <f>IF(Input!$K$13=3,J6478*Input!$J$13,0)+IF(Input!$K$14=3,K6478*Input!$J$14,0)+IF(Input!$K$15=3,L6478*Input!$J$15,0)+IF(Input!$K$16=3,M6478*Input!$J$16,0)</f>
        <v>0</v>
      </c>
      <c r="Q6478" s="71">
        <f>IF(Input!$K$13=4,J6478*Input!$J$13,0)+IF(Input!$K$14=4,K6478*Input!$J$14,0)+IF(Input!$K$15=4,L6478*Input!$J$15,0)+IF(Input!$K$16=4,M6478*Input!$J$16,0)</f>
        <v>0</v>
      </c>
    </row>
    <row r="6479" spans="8:17" x14ac:dyDescent="0.25">
      <c r="H6479" s="43">
        <v>6472</v>
      </c>
      <c r="I6479" s="55">
        <f>Bühler!I6505</f>
        <v>0.43603120043206706</v>
      </c>
      <c r="J6479" s="58">
        <f>Bühler!J6505</f>
        <v>41.203074075805112</v>
      </c>
      <c r="K6479" s="58">
        <f>Bühler!K6505</f>
        <v>3.4360208866907938</v>
      </c>
      <c r="L6479" s="58">
        <f>Bühler!L6505</f>
        <v>1.7180104433453969</v>
      </c>
      <c r="M6479" s="57">
        <f>Bühler!M6505</f>
        <v>0</v>
      </c>
      <c r="N6479" s="55">
        <f>IF(Input!$K$13=1,J6479*Input!$J$13,0)+IF(Input!$K$14=1,K6479*Input!$J$14,0)+IF(Input!$K$15=1,L6479*Input!$J$15,0)+IF(Input!$K$16=1,M6479*Input!$J$16,0)</f>
        <v>4.9443688890966131</v>
      </c>
      <c r="O6479" s="58">
        <f>IF(Input!$K$13=2,J6479*Input!$J$13,0)+IF(Input!$K$14=2,K6479*Input!$J$14,0)+IF(Input!$K$15=2,L6479*Input!$J$15,0)+IF(Input!$K$16=2,M6479*Input!$J$16,0)</f>
        <v>0.46386281970325716</v>
      </c>
      <c r="P6479" s="58">
        <f>IF(Input!$K$13=3,J6479*Input!$J$13,0)+IF(Input!$K$14=3,K6479*Input!$J$14,0)+IF(Input!$K$15=3,L6479*Input!$J$15,0)+IF(Input!$K$16=3,M6479*Input!$J$16,0)</f>
        <v>0</v>
      </c>
      <c r="Q6479" s="71">
        <f>IF(Input!$K$13=4,J6479*Input!$J$13,0)+IF(Input!$K$14=4,K6479*Input!$J$14,0)+IF(Input!$K$15=4,L6479*Input!$J$15,0)+IF(Input!$K$16=4,M6479*Input!$J$16,0)</f>
        <v>0</v>
      </c>
    </row>
    <row r="6480" spans="8:17" x14ac:dyDescent="0.25">
      <c r="H6480" s="43">
        <v>6473</v>
      </c>
      <c r="I6480" s="55">
        <f>Bühler!I6506</f>
        <v>0.36434380479452905</v>
      </c>
      <c r="J6480" s="58">
        <f>Bühler!J6506</f>
        <v>24.396729522208158</v>
      </c>
      <c r="K6480" s="58">
        <f>Bühler!K6506</f>
        <v>2.0247980225142173</v>
      </c>
      <c r="L6480" s="58">
        <f>Bühler!L6506</f>
        <v>1.0123990112571086</v>
      </c>
      <c r="M6480" s="57">
        <f>Bühler!M6506</f>
        <v>0</v>
      </c>
      <c r="N6480" s="55">
        <f>IF(Input!$K$13=1,J6480*Input!$J$13,0)+IF(Input!$K$14=1,K6480*Input!$J$14,0)+IF(Input!$K$15=1,L6480*Input!$J$15,0)+IF(Input!$K$16=1,M6480*Input!$J$16,0)</f>
        <v>2.9276075426649788</v>
      </c>
      <c r="O6480" s="58">
        <f>IF(Input!$K$13=2,J6480*Input!$J$13,0)+IF(Input!$K$14=2,K6480*Input!$J$14,0)+IF(Input!$K$15=2,L6480*Input!$J$15,0)+IF(Input!$K$16=2,M6480*Input!$J$16,0)</f>
        <v>0.27334773303941928</v>
      </c>
      <c r="P6480" s="58">
        <f>IF(Input!$K$13=3,J6480*Input!$J$13,0)+IF(Input!$K$14=3,K6480*Input!$J$14,0)+IF(Input!$K$15=3,L6480*Input!$J$15,0)+IF(Input!$K$16=3,M6480*Input!$J$16,0)</f>
        <v>0</v>
      </c>
      <c r="Q6480" s="71">
        <f>IF(Input!$K$13=4,J6480*Input!$J$13,0)+IF(Input!$K$14=4,K6480*Input!$J$14,0)+IF(Input!$K$15=4,L6480*Input!$J$15,0)+IF(Input!$K$16=4,M6480*Input!$J$16,0)</f>
        <v>0</v>
      </c>
    </row>
    <row r="6481" spans="8:17" x14ac:dyDescent="0.25">
      <c r="H6481" s="43">
        <v>6474</v>
      </c>
      <c r="I6481" s="55">
        <f>Bühler!I6507</f>
        <v>0.28970299585357168</v>
      </c>
      <c r="J6481" s="58">
        <f>Bühler!J6507</f>
        <v>10.557986497185697</v>
      </c>
      <c r="K6481" s="58">
        <f>Bühler!K6507</f>
        <v>0.86419036385583337</v>
      </c>
      <c r="L6481" s="58">
        <f>Bühler!L6507</f>
        <v>0.43209518192791668</v>
      </c>
      <c r="M6481" s="57">
        <f>Bühler!M6507</f>
        <v>0</v>
      </c>
      <c r="N6481" s="55">
        <f>IF(Input!$K$13=1,J6481*Input!$J$13,0)+IF(Input!$K$14=1,K6481*Input!$J$14,0)+IF(Input!$K$15=1,L6481*Input!$J$15,0)+IF(Input!$K$16=1,M6481*Input!$J$16,0)</f>
        <v>1.2669583796622836</v>
      </c>
      <c r="O6481" s="58">
        <f>IF(Input!$K$13=2,J6481*Input!$J$13,0)+IF(Input!$K$14=2,K6481*Input!$J$14,0)+IF(Input!$K$15=2,L6481*Input!$J$15,0)+IF(Input!$K$16=2,M6481*Input!$J$16,0)</f>
        <v>0.11666569912053749</v>
      </c>
      <c r="P6481" s="58">
        <f>IF(Input!$K$13=3,J6481*Input!$J$13,0)+IF(Input!$K$14=3,K6481*Input!$J$14,0)+IF(Input!$K$15=3,L6481*Input!$J$15,0)+IF(Input!$K$16=3,M6481*Input!$J$16,0)</f>
        <v>0</v>
      </c>
      <c r="Q6481" s="71">
        <f>IF(Input!$K$13=4,J6481*Input!$J$13,0)+IF(Input!$K$14=4,K6481*Input!$J$14,0)+IF(Input!$K$15=4,L6481*Input!$J$15,0)+IF(Input!$K$16=4,M6481*Input!$J$16,0)</f>
        <v>0</v>
      </c>
    </row>
    <row r="6482" spans="8:17" x14ac:dyDescent="0.25">
      <c r="H6482" s="43">
        <v>6475</v>
      </c>
      <c r="I6482" s="55">
        <f>Bühler!I6508</f>
        <v>0.10739684739706089</v>
      </c>
      <c r="J6482" s="58">
        <f>Bühler!J6508</f>
        <v>6.8774800307874049</v>
      </c>
      <c r="K6482" s="58">
        <f>Bühler!K6508</f>
        <v>0.57036564014485014</v>
      </c>
      <c r="L6482" s="58">
        <f>Bühler!L6508</f>
        <v>0.28518282007242507</v>
      </c>
      <c r="M6482" s="57">
        <f>Bühler!M6508</f>
        <v>0</v>
      </c>
      <c r="N6482" s="55">
        <f>IF(Input!$K$13=1,J6482*Input!$J$13,0)+IF(Input!$K$14=1,K6482*Input!$J$14,0)+IF(Input!$K$15=1,L6482*Input!$J$15,0)+IF(Input!$K$16=1,M6482*Input!$J$16,0)</f>
        <v>0.82529760369448857</v>
      </c>
      <c r="O6482" s="58">
        <f>IF(Input!$K$13=2,J6482*Input!$J$13,0)+IF(Input!$K$14=2,K6482*Input!$J$14,0)+IF(Input!$K$15=2,L6482*Input!$J$15,0)+IF(Input!$K$16=2,M6482*Input!$J$16,0)</f>
        <v>7.6999361419554768E-2</v>
      </c>
      <c r="P6482" s="58">
        <f>IF(Input!$K$13=3,J6482*Input!$J$13,0)+IF(Input!$K$14=3,K6482*Input!$J$14,0)+IF(Input!$K$15=3,L6482*Input!$J$15,0)+IF(Input!$K$16=3,M6482*Input!$J$16,0)</f>
        <v>0</v>
      </c>
      <c r="Q6482" s="71">
        <f>IF(Input!$K$13=4,J6482*Input!$J$13,0)+IF(Input!$K$14=4,K6482*Input!$J$14,0)+IF(Input!$K$15=4,L6482*Input!$J$15,0)+IF(Input!$K$16=4,M6482*Input!$J$16,0)</f>
        <v>0</v>
      </c>
    </row>
    <row r="6483" spans="8:17" x14ac:dyDescent="0.25">
      <c r="H6483" s="43">
        <v>6476</v>
      </c>
      <c r="I6483" s="55">
        <f>Bühler!I6509</f>
        <v>0.10739684739706089</v>
      </c>
      <c r="J6483" s="58">
        <f>Bühler!J6509</f>
        <v>6.8774800307874049</v>
      </c>
      <c r="K6483" s="58">
        <f>Bühler!K6509</f>
        <v>0.57036564014485014</v>
      </c>
      <c r="L6483" s="58">
        <f>Bühler!L6509</f>
        <v>0.28518282007242507</v>
      </c>
      <c r="M6483" s="57">
        <f>Bühler!M6509</f>
        <v>0</v>
      </c>
      <c r="N6483" s="55">
        <f>IF(Input!$K$13=1,J6483*Input!$J$13,0)+IF(Input!$K$14=1,K6483*Input!$J$14,0)+IF(Input!$K$15=1,L6483*Input!$J$15,0)+IF(Input!$K$16=1,M6483*Input!$J$16,0)</f>
        <v>0.82529760369448857</v>
      </c>
      <c r="O6483" s="58">
        <f>IF(Input!$K$13=2,J6483*Input!$J$13,0)+IF(Input!$K$14=2,K6483*Input!$J$14,0)+IF(Input!$K$15=2,L6483*Input!$J$15,0)+IF(Input!$K$16=2,M6483*Input!$J$16,0)</f>
        <v>7.6999361419554768E-2</v>
      </c>
      <c r="P6483" s="58">
        <f>IF(Input!$K$13=3,J6483*Input!$J$13,0)+IF(Input!$K$14=3,K6483*Input!$J$14,0)+IF(Input!$K$15=3,L6483*Input!$J$15,0)+IF(Input!$K$16=3,M6483*Input!$J$16,0)</f>
        <v>0</v>
      </c>
      <c r="Q6483" s="71">
        <f>IF(Input!$K$13=4,J6483*Input!$J$13,0)+IF(Input!$K$14=4,K6483*Input!$J$14,0)+IF(Input!$K$15=4,L6483*Input!$J$15,0)+IF(Input!$K$16=4,M6483*Input!$J$16,0)</f>
        <v>0</v>
      </c>
    </row>
    <row r="6484" spans="8:17" x14ac:dyDescent="0.25">
      <c r="H6484" s="43">
        <v>6477</v>
      </c>
      <c r="I6484" s="55">
        <f>Bühler!I6510</f>
        <v>0.10739684739706089</v>
      </c>
      <c r="J6484" s="58">
        <f>Bühler!J6510</f>
        <v>6.8774800307874049</v>
      </c>
      <c r="K6484" s="58">
        <f>Bühler!K6510</f>
        <v>0.57036564014485014</v>
      </c>
      <c r="L6484" s="58">
        <f>Bühler!L6510</f>
        <v>0.28518282007242507</v>
      </c>
      <c r="M6484" s="57">
        <f>Bühler!M6510</f>
        <v>0</v>
      </c>
      <c r="N6484" s="55">
        <f>IF(Input!$K$13=1,J6484*Input!$J$13,0)+IF(Input!$K$14=1,K6484*Input!$J$14,0)+IF(Input!$K$15=1,L6484*Input!$J$15,0)+IF(Input!$K$16=1,M6484*Input!$J$16,0)</f>
        <v>0.82529760369448857</v>
      </c>
      <c r="O6484" s="58">
        <f>IF(Input!$K$13=2,J6484*Input!$J$13,0)+IF(Input!$K$14=2,K6484*Input!$J$14,0)+IF(Input!$K$15=2,L6484*Input!$J$15,0)+IF(Input!$K$16=2,M6484*Input!$J$16,0)</f>
        <v>7.6999361419554768E-2</v>
      </c>
      <c r="P6484" s="58">
        <f>IF(Input!$K$13=3,J6484*Input!$J$13,0)+IF(Input!$K$14=3,K6484*Input!$J$14,0)+IF(Input!$K$15=3,L6484*Input!$J$15,0)+IF(Input!$K$16=3,M6484*Input!$J$16,0)</f>
        <v>0</v>
      </c>
      <c r="Q6484" s="71">
        <f>IF(Input!$K$13=4,J6484*Input!$J$13,0)+IF(Input!$K$14=4,K6484*Input!$J$14,0)+IF(Input!$K$15=4,L6484*Input!$J$15,0)+IF(Input!$K$16=4,M6484*Input!$J$16,0)</f>
        <v>0</v>
      </c>
    </row>
    <row r="6485" spans="8:17" x14ac:dyDescent="0.25">
      <c r="H6485" s="43">
        <v>6478</v>
      </c>
      <c r="I6485" s="55">
        <f>Bühler!I6511</f>
        <v>0.10739684739706089</v>
      </c>
      <c r="J6485" s="58">
        <f>Bühler!J6511</f>
        <v>6.8774800307874049</v>
      </c>
      <c r="K6485" s="58">
        <f>Bühler!K6511</f>
        <v>0.57036564014485014</v>
      </c>
      <c r="L6485" s="58">
        <f>Bühler!L6511</f>
        <v>0.28518282007242507</v>
      </c>
      <c r="M6485" s="57">
        <f>Bühler!M6511</f>
        <v>0</v>
      </c>
      <c r="N6485" s="55">
        <f>IF(Input!$K$13=1,J6485*Input!$J$13,0)+IF(Input!$K$14=1,K6485*Input!$J$14,0)+IF(Input!$K$15=1,L6485*Input!$J$15,0)+IF(Input!$K$16=1,M6485*Input!$J$16,0)</f>
        <v>0.82529760369448857</v>
      </c>
      <c r="O6485" s="58">
        <f>IF(Input!$K$13=2,J6485*Input!$J$13,0)+IF(Input!$K$14=2,K6485*Input!$J$14,0)+IF(Input!$K$15=2,L6485*Input!$J$15,0)+IF(Input!$K$16=2,M6485*Input!$J$16,0)</f>
        <v>7.6999361419554768E-2</v>
      </c>
      <c r="P6485" s="58">
        <f>IF(Input!$K$13=3,J6485*Input!$J$13,0)+IF(Input!$K$14=3,K6485*Input!$J$14,0)+IF(Input!$K$15=3,L6485*Input!$J$15,0)+IF(Input!$K$16=3,M6485*Input!$J$16,0)</f>
        <v>0</v>
      </c>
      <c r="Q6485" s="71">
        <f>IF(Input!$K$13=4,J6485*Input!$J$13,0)+IF(Input!$K$14=4,K6485*Input!$J$14,0)+IF(Input!$K$15=4,L6485*Input!$J$15,0)+IF(Input!$K$16=4,M6485*Input!$J$16,0)</f>
        <v>0</v>
      </c>
    </row>
    <row r="6486" spans="8:17" x14ac:dyDescent="0.25">
      <c r="H6486" s="43">
        <v>6479</v>
      </c>
      <c r="I6486" s="55">
        <f>Bühler!I6512</f>
        <v>0.10739684739706089</v>
      </c>
      <c r="J6486" s="58">
        <f>Bühler!J6512</f>
        <v>6.8774800307874049</v>
      </c>
      <c r="K6486" s="58">
        <f>Bühler!K6512</f>
        <v>0.57036564014485014</v>
      </c>
      <c r="L6486" s="58">
        <f>Bühler!L6512</f>
        <v>0.28518282007242507</v>
      </c>
      <c r="M6486" s="57">
        <f>Bühler!M6512</f>
        <v>0</v>
      </c>
      <c r="N6486" s="55">
        <f>IF(Input!$K$13=1,J6486*Input!$J$13,0)+IF(Input!$K$14=1,K6486*Input!$J$14,0)+IF(Input!$K$15=1,L6486*Input!$J$15,0)+IF(Input!$K$16=1,M6486*Input!$J$16,0)</f>
        <v>0.82529760369448857</v>
      </c>
      <c r="O6486" s="58">
        <f>IF(Input!$K$13=2,J6486*Input!$J$13,0)+IF(Input!$K$14=2,K6486*Input!$J$14,0)+IF(Input!$K$15=2,L6486*Input!$J$15,0)+IF(Input!$K$16=2,M6486*Input!$J$16,0)</f>
        <v>7.6999361419554768E-2</v>
      </c>
      <c r="P6486" s="58">
        <f>IF(Input!$K$13=3,J6486*Input!$J$13,0)+IF(Input!$K$14=3,K6486*Input!$J$14,0)+IF(Input!$K$15=3,L6486*Input!$J$15,0)+IF(Input!$K$16=3,M6486*Input!$J$16,0)</f>
        <v>0</v>
      </c>
      <c r="Q6486" s="71">
        <f>IF(Input!$K$13=4,J6486*Input!$J$13,0)+IF(Input!$K$14=4,K6486*Input!$J$14,0)+IF(Input!$K$15=4,L6486*Input!$J$15,0)+IF(Input!$K$16=4,M6486*Input!$J$16,0)</f>
        <v>0</v>
      </c>
    </row>
    <row r="6487" spans="8:17" x14ac:dyDescent="0.25">
      <c r="H6487" s="43">
        <v>6480</v>
      </c>
      <c r="I6487" s="55">
        <f>Bühler!I6513</f>
        <v>0.10739684739706089</v>
      </c>
      <c r="J6487" s="58">
        <f>Bühler!J6513</f>
        <v>6.8774800307874049</v>
      </c>
      <c r="K6487" s="58">
        <f>Bühler!K6513</f>
        <v>0.57036564014485014</v>
      </c>
      <c r="L6487" s="58">
        <f>Bühler!L6513</f>
        <v>0.28518282007242507</v>
      </c>
      <c r="M6487" s="57">
        <f>Bühler!M6513</f>
        <v>0</v>
      </c>
      <c r="N6487" s="55">
        <f>IF(Input!$K$13=1,J6487*Input!$J$13,0)+IF(Input!$K$14=1,K6487*Input!$J$14,0)+IF(Input!$K$15=1,L6487*Input!$J$15,0)+IF(Input!$K$16=1,M6487*Input!$J$16,0)</f>
        <v>0.82529760369448857</v>
      </c>
      <c r="O6487" s="58">
        <f>IF(Input!$K$13=2,J6487*Input!$J$13,0)+IF(Input!$K$14=2,K6487*Input!$J$14,0)+IF(Input!$K$15=2,L6487*Input!$J$15,0)+IF(Input!$K$16=2,M6487*Input!$J$16,0)</f>
        <v>7.6999361419554768E-2</v>
      </c>
      <c r="P6487" s="58">
        <f>IF(Input!$K$13=3,J6487*Input!$J$13,0)+IF(Input!$K$14=3,K6487*Input!$J$14,0)+IF(Input!$K$15=3,L6487*Input!$J$15,0)+IF(Input!$K$16=3,M6487*Input!$J$16,0)</f>
        <v>0</v>
      </c>
      <c r="Q6487" s="71">
        <f>IF(Input!$K$13=4,J6487*Input!$J$13,0)+IF(Input!$K$14=4,K6487*Input!$J$14,0)+IF(Input!$K$15=4,L6487*Input!$J$15,0)+IF(Input!$K$16=4,M6487*Input!$J$16,0)</f>
        <v>0</v>
      </c>
    </row>
    <row r="6488" spans="8:17" x14ac:dyDescent="0.25">
      <c r="H6488" s="43">
        <v>6481</v>
      </c>
      <c r="I6488" s="55">
        <f>Bühler!I6514</f>
        <v>9.6974377072643211E-2</v>
      </c>
      <c r="J6488" s="58">
        <f>Bühler!J6514</f>
        <v>6.8434342015114424</v>
      </c>
      <c r="K6488" s="58">
        <f>Bühler!K6514</f>
        <v>0.56946977559476686</v>
      </c>
      <c r="L6488" s="58">
        <f>Bühler!L6514</f>
        <v>0.28473488779738343</v>
      </c>
      <c r="M6488" s="57">
        <f>Bühler!M6514</f>
        <v>0</v>
      </c>
      <c r="N6488" s="55">
        <f>IF(Input!$K$13=1,J6488*Input!$J$13,0)+IF(Input!$K$14=1,K6488*Input!$J$14,0)+IF(Input!$K$15=1,L6488*Input!$J$15,0)+IF(Input!$K$16=1,M6488*Input!$J$16,0)</f>
        <v>0.82121210418137303</v>
      </c>
      <c r="O6488" s="58">
        <f>IF(Input!$K$13=2,J6488*Input!$J$13,0)+IF(Input!$K$14=2,K6488*Input!$J$14,0)+IF(Input!$K$15=2,L6488*Input!$J$15,0)+IF(Input!$K$16=2,M6488*Input!$J$16,0)</f>
        <v>7.6878419705293521E-2</v>
      </c>
      <c r="P6488" s="58">
        <f>IF(Input!$K$13=3,J6488*Input!$J$13,0)+IF(Input!$K$14=3,K6488*Input!$J$14,0)+IF(Input!$K$15=3,L6488*Input!$J$15,0)+IF(Input!$K$16=3,M6488*Input!$J$16,0)</f>
        <v>0</v>
      </c>
      <c r="Q6488" s="71">
        <f>IF(Input!$K$13=4,J6488*Input!$J$13,0)+IF(Input!$K$14=4,K6488*Input!$J$14,0)+IF(Input!$K$15=4,L6488*Input!$J$15,0)+IF(Input!$K$16=4,M6488*Input!$J$16,0)</f>
        <v>0</v>
      </c>
    </row>
    <row r="6489" spans="8:17" x14ac:dyDescent="0.25">
      <c r="H6489" s="43">
        <v>6482</v>
      </c>
      <c r="I6489" s="55">
        <f>Bühler!I6515</f>
        <v>9.6974377072643211E-2</v>
      </c>
      <c r="J6489" s="58">
        <f>Bühler!J6515</f>
        <v>6.8434342015114424</v>
      </c>
      <c r="K6489" s="58">
        <f>Bühler!K6515</f>
        <v>0.56946977559476686</v>
      </c>
      <c r="L6489" s="58">
        <f>Bühler!L6515</f>
        <v>0.28473488779738343</v>
      </c>
      <c r="M6489" s="57">
        <f>Bühler!M6515</f>
        <v>0</v>
      </c>
      <c r="N6489" s="55">
        <f>IF(Input!$K$13=1,J6489*Input!$J$13,0)+IF(Input!$K$14=1,K6489*Input!$J$14,0)+IF(Input!$K$15=1,L6489*Input!$J$15,0)+IF(Input!$K$16=1,M6489*Input!$J$16,0)</f>
        <v>0.82121210418137303</v>
      </c>
      <c r="O6489" s="58">
        <f>IF(Input!$K$13=2,J6489*Input!$J$13,0)+IF(Input!$K$14=2,K6489*Input!$J$14,0)+IF(Input!$K$15=2,L6489*Input!$J$15,0)+IF(Input!$K$16=2,M6489*Input!$J$16,0)</f>
        <v>7.6878419705293521E-2</v>
      </c>
      <c r="P6489" s="58">
        <f>IF(Input!$K$13=3,J6489*Input!$J$13,0)+IF(Input!$K$14=3,K6489*Input!$J$14,0)+IF(Input!$K$15=3,L6489*Input!$J$15,0)+IF(Input!$K$16=3,M6489*Input!$J$16,0)</f>
        <v>0</v>
      </c>
      <c r="Q6489" s="71">
        <f>IF(Input!$K$13=4,J6489*Input!$J$13,0)+IF(Input!$K$14=4,K6489*Input!$J$14,0)+IF(Input!$K$15=4,L6489*Input!$J$15,0)+IF(Input!$K$16=4,M6489*Input!$J$16,0)</f>
        <v>0</v>
      </c>
    </row>
    <row r="6490" spans="8:17" x14ac:dyDescent="0.25">
      <c r="H6490" s="43">
        <v>6483</v>
      </c>
      <c r="I6490" s="55">
        <f>Bühler!I6516</f>
        <v>9.6974377072643211E-2</v>
      </c>
      <c r="J6490" s="58">
        <f>Bühler!J6516</f>
        <v>6.8434342015114424</v>
      </c>
      <c r="K6490" s="58">
        <f>Bühler!K6516</f>
        <v>0.56946977559476686</v>
      </c>
      <c r="L6490" s="58">
        <f>Bühler!L6516</f>
        <v>0.28473488779738343</v>
      </c>
      <c r="M6490" s="57">
        <f>Bühler!M6516</f>
        <v>0</v>
      </c>
      <c r="N6490" s="55">
        <f>IF(Input!$K$13=1,J6490*Input!$J$13,0)+IF(Input!$K$14=1,K6490*Input!$J$14,0)+IF(Input!$K$15=1,L6490*Input!$J$15,0)+IF(Input!$K$16=1,M6490*Input!$J$16,0)</f>
        <v>0.82121210418137303</v>
      </c>
      <c r="O6490" s="58">
        <f>IF(Input!$K$13=2,J6490*Input!$J$13,0)+IF(Input!$K$14=2,K6490*Input!$J$14,0)+IF(Input!$K$15=2,L6490*Input!$J$15,0)+IF(Input!$K$16=2,M6490*Input!$J$16,0)</f>
        <v>7.6878419705293521E-2</v>
      </c>
      <c r="P6490" s="58">
        <f>IF(Input!$K$13=3,J6490*Input!$J$13,0)+IF(Input!$K$14=3,K6490*Input!$J$14,0)+IF(Input!$K$15=3,L6490*Input!$J$15,0)+IF(Input!$K$16=3,M6490*Input!$J$16,0)</f>
        <v>0</v>
      </c>
      <c r="Q6490" s="71">
        <f>IF(Input!$K$13=4,J6490*Input!$J$13,0)+IF(Input!$K$14=4,K6490*Input!$J$14,0)+IF(Input!$K$15=4,L6490*Input!$J$15,0)+IF(Input!$K$16=4,M6490*Input!$J$16,0)</f>
        <v>0</v>
      </c>
    </row>
    <row r="6491" spans="8:17" x14ac:dyDescent="0.25">
      <c r="H6491" s="43">
        <v>6484</v>
      </c>
      <c r="I6491" s="55">
        <f>Bühler!I6517</f>
        <v>9.6974377072643211E-2</v>
      </c>
      <c r="J6491" s="58">
        <f>Bühler!J6517</f>
        <v>6.8434342015114424</v>
      </c>
      <c r="K6491" s="58">
        <f>Bühler!K6517</f>
        <v>0.56946977559476686</v>
      </c>
      <c r="L6491" s="58">
        <f>Bühler!L6517</f>
        <v>0.28473488779738343</v>
      </c>
      <c r="M6491" s="57">
        <f>Bühler!M6517</f>
        <v>0</v>
      </c>
      <c r="N6491" s="55">
        <f>IF(Input!$K$13=1,J6491*Input!$J$13,0)+IF(Input!$K$14=1,K6491*Input!$J$14,0)+IF(Input!$K$15=1,L6491*Input!$J$15,0)+IF(Input!$K$16=1,M6491*Input!$J$16,0)</f>
        <v>0.82121210418137303</v>
      </c>
      <c r="O6491" s="58">
        <f>IF(Input!$K$13=2,J6491*Input!$J$13,0)+IF(Input!$K$14=2,K6491*Input!$J$14,0)+IF(Input!$K$15=2,L6491*Input!$J$15,0)+IF(Input!$K$16=2,M6491*Input!$J$16,0)</f>
        <v>7.6878419705293521E-2</v>
      </c>
      <c r="P6491" s="58">
        <f>IF(Input!$K$13=3,J6491*Input!$J$13,0)+IF(Input!$K$14=3,K6491*Input!$J$14,0)+IF(Input!$K$15=3,L6491*Input!$J$15,0)+IF(Input!$K$16=3,M6491*Input!$J$16,0)</f>
        <v>0</v>
      </c>
      <c r="Q6491" s="71">
        <f>IF(Input!$K$13=4,J6491*Input!$J$13,0)+IF(Input!$K$14=4,K6491*Input!$J$14,0)+IF(Input!$K$15=4,L6491*Input!$J$15,0)+IF(Input!$K$16=4,M6491*Input!$J$16,0)</f>
        <v>0</v>
      </c>
    </row>
    <row r="6492" spans="8:17" x14ac:dyDescent="0.25">
      <c r="H6492" s="43">
        <v>6485</v>
      </c>
      <c r="I6492" s="55">
        <f>Bühler!I6518</f>
        <v>9.6974377072643211E-2</v>
      </c>
      <c r="J6492" s="58">
        <f>Bühler!J6518</f>
        <v>6.8434342015114424</v>
      </c>
      <c r="K6492" s="58">
        <f>Bühler!K6518</f>
        <v>0.56946977559476686</v>
      </c>
      <c r="L6492" s="58">
        <f>Bühler!L6518</f>
        <v>0.28473488779738343</v>
      </c>
      <c r="M6492" s="57">
        <f>Bühler!M6518</f>
        <v>0</v>
      </c>
      <c r="N6492" s="55">
        <f>IF(Input!$K$13=1,J6492*Input!$J$13,0)+IF(Input!$K$14=1,K6492*Input!$J$14,0)+IF(Input!$K$15=1,L6492*Input!$J$15,0)+IF(Input!$K$16=1,M6492*Input!$J$16,0)</f>
        <v>0.82121210418137303</v>
      </c>
      <c r="O6492" s="58">
        <f>IF(Input!$K$13=2,J6492*Input!$J$13,0)+IF(Input!$K$14=2,K6492*Input!$J$14,0)+IF(Input!$K$15=2,L6492*Input!$J$15,0)+IF(Input!$K$16=2,M6492*Input!$J$16,0)</f>
        <v>7.6878419705293521E-2</v>
      </c>
      <c r="P6492" s="58">
        <f>IF(Input!$K$13=3,J6492*Input!$J$13,0)+IF(Input!$K$14=3,K6492*Input!$J$14,0)+IF(Input!$K$15=3,L6492*Input!$J$15,0)+IF(Input!$K$16=3,M6492*Input!$J$16,0)</f>
        <v>0</v>
      </c>
      <c r="Q6492" s="71">
        <f>IF(Input!$K$13=4,J6492*Input!$J$13,0)+IF(Input!$K$14=4,K6492*Input!$J$14,0)+IF(Input!$K$15=4,L6492*Input!$J$15,0)+IF(Input!$K$16=4,M6492*Input!$J$16,0)</f>
        <v>0</v>
      </c>
    </row>
    <row r="6493" spans="8:17" x14ac:dyDescent="0.25">
      <c r="H6493" s="43">
        <v>6486</v>
      </c>
      <c r="I6493" s="55">
        <f>Bühler!I6519</f>
        <v>9.6974377072643211E-2</v>
      </c>
      <c r="J6493" s="58">
        <f>Bühler!J6519</f>
        <v>6.8434342015114424</v>
      </c>
      <c r="K6493" s="58">
        <f>Bühler!K6519</f>
        <v>0.56946977559476686</v>
      </c>
      <c r="L6493" s="58">
        <f>Bühler!L6519</f>
        <v>0.28473488779738343</v>
      </c>
      <c r="M6493" s="57">
        <f>Bühler!M6519</f>
        <v>0</v>
      </c>
      <c r="N6493" s="55">
        <f>IF(Input!$K$13=1,J6493*Input!$J$13,0)+IF(Input!$K$14=1,K6493*Input!$J$14,0)+IF(Input!$K$15=1,L6493*Input!$J$15,0)+IF(Input!$K$16=1,M6493*Input!$J$16,0)</f>
        <v>0.82121210418137303</v>
      </c>
      <c r="O6493" s="58">
        <f>IF(Input!$K$13=2,J6493*Input!$J$13,0)+IF(Input!$K$14=2,K6493*Input!$J$14,0)+IF(Input!$K$15=2,L6493*Input!$J$15,0)+IF(Input!$K$16=2,M6493*Input!$J$16,0)</f>
        <v>7.6878419705293521E-2</v>
      </c>
      <c r="P6493" s="58">
        <f>IF(Input!$K$13=3,J6493*Input!$J$13,0)+IF(Input!$K$14=3,K6493*Input!$J$14,0)+IF(Input!$K$15=3,L6493*Input!$J$15,0)+IF(Input!$K$16=3,M6493*Input!$J$16,0)</f>
        <v>0</v>
      </c>
      <c r="Q6493" s="71">
        <f>IF(Input!$K$13=4,J6493*Input!$J$13,0)+IF(Input!$K$14=4,K6493*Input!$J$14,0)+IF(Input!$K$15=4,L6493*Input!$J$15,0)+IF(Input!$K$16=4,M6493*Input!$J$16,0)</f>
        <v>0</v>
      </c>
    </row>
    <row r="6494" spans="8:17" x14ac:dyDescent="0.25">
      <c r="H6494" s="43">
        <v>6487</v>
      </c>
      <c r="I6494" s="55">
        <f>Bühler!I6520</f>
        <v>9.6974377072643211E-2</v>
      </c>
      <c r="J6494" s="58">
        <f>Bühler!J6520</f>
        <v>6.8434342015114424</v>
      </c>
      <c r="K6494" s="58">
        <f>Bühler!K6520</f>
        <v>0.56946977559476686</v>
      </c>
      <c r="L6494" s="58">
        <f>Bühler!L6520</f>
        <v>0.28473488779738343</v>
      </c>
      <c r="M6494" s="57">
        <f>Bühler!M6520</f>
        <v>0</v>
      </c>
      <c r="N6494" s="55">
        <f>IF(Input!$K$13=1,J6494*Input!$J$13,0)+IF(Input!$K$14=1,K6494*Input!$J$14,0)+IF(Input!$K$15=1,L6494*Input!$J$15,0)+IF(Input!$K$16=1,M6494*Input!$J$16,0)</f>
        <v>0.82121210418137303</v>
      </c>
      <c r="O6494" s="58">
        <f>IF(Input!$K$13=2,J6494*Input!$J$13,0)+IF(Input!$K$14=2,K6494*Input!$J$14,0)+IF(Input!$K$15=2,L6494*Input!$J$15,0)+IF(Input!$K$16=2,M6494*Input!$J$16,0)</f>
        <v>7.6878419705293521E-2</v>
      </c>
      <c r="P6494" s="58">
        <f>IF(Input!$K$13=3,J6494*Input!$J$13,0)+IF(Input!$K$14=3,K6494*Input!$J$14,0)+IF(Input!$K$15=3,L6494*Input!$J$15,0)+IF(Input!$K$16=3,M6494*Input!$J$16,0)</f>
        <v>0</v>
      </c>
      <c r="Q6494" s="71">
        <f>IF(Input!$K$13=4,J6494*Input!$J$13,0)+IF(Input!$K$14=4,K6494*Input!$J$14,0)+IF(Input!$K$15=4,L6494*Input!$J$15,0)+IF(Input!$K$16=4,M6494*Input!$J$16,0)</f>
        <v>0</v>
      </c>
    </row>
    <row r="6495" spans="8:17" x14ac:dyDescent="0.25">
      <c r="H6495" s="43">
        <v>6488</v>
      </c>
      <c r="I6495" s="55">
        <f>Bühler!I6521</f>
        <v>0.26716440883513204</v>
      </c>
      <c r="J6495" s="58">
        <f>Bühler!J6521</f>
        <v>27.835103160920955</v>
      </c>
      <c r="K6495" s="58">
        <f>Bühler!K6521</f>
        <v>2.3279234159919406</v>
      </c>
      <c r="L6495" s="58">
        <f>Bühler!L6521</f>
        <v>1.1639617079959703</v>
      </c>
      <c r="M6495" s="57">
        <f>Bühler!M6521</f>
        <v>0</v>
      </c>
      <c r="N6495" s="55">
        <f>IF(Input!$K$13=1,J6495*Input!$J$13,0)+IF(Input!$K$14=1,K6495*Input!$J$14,0)+IF(Input!$K$15=1,L6495*Input!$J$15,0)+IF(Input!$K$16=1,M6495*Input!$J$16,0)</f>
        <v>3.3402123793105143</v>
      </c>
      <c r="O6495" s="58">
        <f>IF(Input!$K$13=2,J6495*Input!$J$13,0)+IF(Input!$K$14=2,K6495*Input!$J$14,0)+IF(Input!$K$15=2,L6495*Input!$J$15,0)+IF(Input!$K$16=2,M6495*Input!$J$16,0)</f>
        <v>0.31426966115891197</v>
      </c>
      <c r="P6495" s="58">
        <f>IF(Input!$K$13=3,J6495*Input!$J$13,0)+IF(Input!$K$14=3,K6495*Input!$J$14,0)+IF(Input!$K$15=3,L6495*Input!$J$15,0)+IF(Input!$K$16=3,M6495*Input!$J$16,0)</f>
        <v>0</v>
      </c>
      <c r="Q6495" s="71">
        <f>IF(Input!$K$13=4,J6495*Input!$J$13,0)+IF(Input!$K$14=4,K6495*Input!$J$14,0)+IF(Input!$K$15=4,L6495*Input!$J$15,0)+IF(Input!$K$16=4,M6495*Input!$J$16,0)</f>
        <v>0</v>
      </c>
    </row>
    <row r="6496" spans="8:17" x14ac:dyDescent="0.25">
      <c r="H6496" s="43">
        <v>6489</v>
      </c>
      <c r="I6496" s="55">
        <f>Bühler!I6522</f>
        <v>0.29809923512130521</v>
      </c>
      <c r="J6496" s="58">
        <f>Bühler!J6522</f>
        <v>31.0581151058697</v>
      </c>
      <c r="K6496" s="58">
        <f>Bühler!K6522</f>
        <v>2.5974724431067973</v>
      </c>
      <c r="L6496" s="58">
        <f>Bühler!L6522</f>
        <v>1.2987362215533986</v>
      </c>
      <c r="M6496" s="57">
        <f>Bühler!M6522</f>
        <v>0</v>
      </c>
      <c r="N6496" s="55">
        <f>IF(Input!$K$13=1,J6496*Input!$J$13,0)+IF(Input!$K$14=1,K6496*Input!$J$14,0)+IF(Input!$K$15=1,L6496*Input!$J$15,0)+IF(Input!$K$16=1,M6496*Input!$J$16,0)</f>
        <v>3.7269738127043639</v>
      </c>
      <c r="O6496" s="58">
        <f>IF(Input!$K$13=2,J6496*Input!$J$13,0)+IF(Input!$K$14=2,K6496*Input!$J$14,0)+IF(Input!$K$15=2,L6496*Input!$J$15,0)+IF(Input!$K$16=2,M6496*Input!$J$16,0)</f>
        <v>0.35065877981941762</v>
      </c>
      <c r="P6496" s="58">
        <f>IF(Input!$K$13=3,J6496*Input!$J$13,0)+IF(Input!$K$14=3,K6496*Input!$J$14,0)+IF(Input!$K$15=3,L6496*Input!$J$15,0)+IF(Input!$K$16=3,M6496*Input!$J$16,0)</f>
        <v>0</v>
      </c>
      <c r="Q6496" s="71">
        <f>IF(Input!$K$13=4,J6496*Input!$J$13,0)+IF(Input!$K$14=4,K6496*Input!$J$14,0)+IF(Input!$K$15=4,L6496*Input!$J$15,0)+IF(Input!$K$16=4,M6496*Input!$J$16,0)</f>
        <v>0</v>
      </c>
    </row>
    <row r="6497" spans="8:17" x14ac:dyDescent="0.25">
      <c r="H6497" s="43">
        <v>6490</v>
      </c>
      <c r="I6497" s="55">
        <f>Bühler!I6523</f>
        <v>0.32903406140747837</v>
      </c>
      <c r="J6497" s="58">
        <f>Bühler!J6523</f>
        <v>34.281127050818448</v>
      </c>
      <c r="K6497" s="58">
        <f>Bühler!K6523</f>
        <v>2.8670214702216534</v>
      </c>
      <c r="L6497" s="58">
        <f>Bühler!L6523</f>
        <v>1.4335107351108267</v>
      </c>
      <c r="M6497" s="57">
        <f>Bühler!M6523</f>
        <v>0</v>
      </c>
      <c r="N6497" s="55">
        <f>IF(Input!$K$13=1,J6497*Input!$J$13,0)+IF(Input!$K$14=1,K6497*Input!$J$14,0)+IF(Input!$K$15=1,L6497*Input!$J$15,0)+IF(Input!$K$16=1,M6497*Input!$J$16,0)</f>
        <v>4.1137352460982139</v>
      </c>
      <c r="O6497" s="58">
        <f>IF(Input!$K$13=2,J6497*Input!$J$13,0)+IF(Input!$K$14=2,K6497*Input!$J$14,0)+IF(Input!$K$15=2,L6497*Input!$J$15,0)+IF(Input!$K$16=2,M6497*Input!$J$16,0)</f>
        <v>0.38704789847992321</v>
      </c>
      <c r="P6497" s="58">
        <f>IF(Input!$K$13=3,J6497*Input!$J$13,0)+IF(Input!$K$14=3,K6497*Input!$J$14,0)+IF(Input!$K$15=3,L6497*Input!$J$15,0)+IF(Input!$K$16=3,M6497*Input!$J$16,0)</f>
        <v>0</v>
      </c>
      <c r="Q6497" s="71">
        <f>IF(Input!$K$13=4,J6497*Input!$J$13,0)+IF(Input!$K$14=4,K6497*Input!$J$14,0)+IF(Input!$K$15=4,L6497*Input!$J$15,0)+IF(Input!$K$16=4,M6497*Input!$J$16,0)</f>
        <v>0</v>
      </c>
    </row>
    <row r="6498" spans="8:17" x14ac:dyDescent="0.25">
      <c r="H6498" s="43">
        <v>6491</v>
      </c>
      <c r="I6498" s="55">
        <f>Bühler!I6524</f>
        <v>0.32903406140747837</v>
      </c>
      <c r="J6498" s="58">
        <f>Bühler!J6524</f>
        <v>34.281127050818448</v>
      </c>
      <c r="K6498" s="58">
        <f>Bühler!K6524</f>
        <v>2.8670214702216534</v>
      </c>
      <c r="L6498" s="58">
        <f>Bühler!L6524</f>
        <v>1.4335107351108267</v>
      </c>
      <c r="M6498" s="57">
        <f>Bühler!M6524</f>
        <v>0</v>
      </c>
      <c r="N6498" s="55">
        <f>IF(Input!$K$13=1,J6498*Input!$J$13,0)+IF(Input!$K$14=1,K6498*Input!$J$14,0)+IF(Input!$K$15=1,L6498*Input!$J$15,0)+IF(Input!$K$16=1,M6498*Input!$J$16,0)</f>
        <v>4.1137352460982139</v>
      </c>
      <c r="O6498" s="58">
        <f>IF(Input!$K$13=2,J6498*Input!$J$13,0)+IF(Input!$K$14=2,K6498*Input!$J$14,0)+IF(Input!$K$15=2,L6498*Input!$J$15,0)+IF(Input!$K$16=2,M6498*Input!$J$16,0)</f>
        <v>0.38704789847992321</v>
      </c>
      <c r="P6498" s="58">
        <f>IF(Input!$K$13=3,J6498*Input!$J$13,0)+IF(Input!$K$14=3,K6498*Input!$J$14,0)+IF(Input!$K$15=3,L6498*Input!$J$15,0)+IF(Input!$K$16=3,M6498*Input!$J$16,0)</f>
        <v>0</v>
      </c>
      <c r="Q6498" s="71">
        <f>IF(Input!$K$13=4,J6498*Input!$J$13,0)+IF(Input!$K$14=4,K6498*Input!$J$14,0)+IF(Input!$K$15=4,L6498*Input!$J$15,0)+IF(Input!$K$16=4,M6498*Input!$J$16,0)</f>
        <v>0</v>
      </c>
    </row>
    <row r="6499" spans="8:17" x14ac:dyDescent="0.25">
      <c r="H6499" s="43">
        <v>6492</v>
      </c>
      <c r="I6499" s="55">
        <f>Bühler!I6525</f>
        <v>0.39371597091493138</v>
      </c>
      <c r="J6499" s="58">
        <f>Bühler!J6525</f>
        <v>41.020152026620359</v>
      </c>
      <c r="K6499" s="58">
        <f>Bühler!K6525</f>
        <v>3.4306239814618071</v>
      </c>
      <c r="L6499" s="58">
        <f>Bühler!L6525</f>
        <v>1.7153119907309036</v>
      </c>
      <c r="M6499" s="57">
        <f>Bühler!M6525</f>
        <v>0</v>
      </c>
      <c r="N6499" s="55">
        <f>IF(Input!$K$13=1,J6499*Input!$J$13,0)+IF(Input!$K$14=1,K6499*Input!$J$14,0)+IF(Input!$K$15=1,L6499*Input!$J$15,0)+IF(Input!$K$16=1,M6499*Input!$J$16,0)</f>
        <v>4.9224182431944428</v>
      </c>
      <c r="O6499" s="58">
        <f>IF(Input!$K$13=2,J6499*Input!$J$13,0)+IF(Input!$K$14=2,K6499*Input!$J$14,0)+IF(Input!$K$15=2,L6499*Input!$J$15,0)+IF(Input!$K$16=2,M6499*Input!$J$16,0)</f>
        <v>0.46313423749734395</v>
      </c>
      <c r="P6499" s="58">
        <f>IF(Input!$K$13=3,J6499*Input!$J$13,0)+IF(Input!$K$14=3,K6499*Input!$J$14,0)+IF(Input!$K$15=3,L6499*Input!$J$15,0)+IF(Input!$K$16=3,M6499*Input!$J$16,0)</f>
        <v>0</v>
      </c>
      <c r="Q6499" s="71">
        <f>IF(Input!$K$13=4,J6499*Input!$J$13,0)+IF(Input!$K$14=4,K6499*Input!$J$14,0)+IF(Input!$K$15=4,L6499*Input!$J$15,0)+IF(Input!$K$16=4,M6499*Input!$J$16,0)</f>
        <v>0</v>
      </c>
    </row>
    <row r="6500" spans="8:17" x14ac:dyDescent="0.25">
      <c r="H6500" s="43">
        <v>6493</v>
      </c>
      <c r="I6500" s="55">
        <f>Bühler!I6526</f>
        <v>0.39371597091493138</v>
      </c>
      <c r="J6500" s="58">
        <f>Bühler!J6526</f>
        <v>41.020152026620359</v>
      </c>
      <c r="K6500" s="58">
        <f>Bühler!K6526</f>
        <v>3.4306239814618071</v>
      </c>
      <c r="L6500" s="58">
        <f>Bühler!L6526</f>
        <v>1.7153119907309036</v>
      </c>
      <c r="M6500" s="57">
        <f>Bühler!M6526</f>
        <v>0</v>
      </c>
      <c r="N6500" s="55">
        <f>IF(Input!$K$13=1,J6500*Input!$J$13,0)+IF(Input!$K$14=1,K6500*Input!$J$14,0)+IF(Input!$K$15=1,L6500*Input!$J$15,0)+IF(Input!$K$16=1,M6500*Input!$J$16,0)</f>
        <v>4.9224182431944428</v>
      </c>
      <c r="O6500" s="58">
        <f>IF(Input!$K$13=2,J6500*Input!$J$13,0)+IF(Input!$K$14=2,K6500*Input!$J$14,0)+IF(Input!$K$15=2,L6500*Input!$J$15,0)+IF(Input!$K$16=2,M6500*Input!$J$16,0)</f>
        <v>0.46313423749734395</v>
      </c>
      <c r="P6500" s="58">
        <f>IF(Input!$K$13=3,J6500*Input!$J$13,0)+IF(Input!$K$14=3,K6500*Input!$J$14,0)+IF(Input!$K$15=3,L6500*Input!$J$15,0)+IF(Input!$K$16=3,M6500*Input!$J$16,0)</f>
        <v>0</v>
      </c>
      <c r="Q6500" s="71">
        <f>IF(Input!$K$13=4,J6500*Input!$J$13,0)+IF(Input!$K$14=4,K6500*Input!$J$14,0)+IF(Input!$K$15=4,L6500*Input!$J$15,0)+IF(Input!$K$16=4,M6500*Input!$J$16,0)</f>
        <v>0</v>
      </c>
    </row>
    <row r="6501" spans="8:17" x14ac:dyDescent="0.25">
      <c r="H6501" s="43">
        <v>6494</v>
      </c>
      <c r="I6501" s="55">
        <f>Bühler!I6527</f>
        <v>0.2615398949649187</v>
      </c>
      <c r="J6501" s="58">
        <f>Bühler!J6527</f>
        <v>27.24910098911209</v>
      </c>
      <c r="K6501" s="58">
        <f>Bühler!K6527</f>
        <v>2.2789145019710575</v>
      </c>
      <c r="L6501" s="58">
        <f>Bühler!L6527</f>
        <v>1.1394572509855287</v>
      </c>
      <c r="M6501" s="57">
        <f>Bühler!M6527</f>
        <v>0</v>
      </c>
      <c r="N6501" s="55">
        <f>IF(Input!$K$13=1,J6501*Input!$J$13,0)+IF(Input!$K$14=1,K6501*Input!$J$14,0)+IF(Input!$K$15=1,L6501*Input!$J$15,0)+IF(Input!$K$16=1,M6501*Input!$J$16,0)</f>
        <v>3.2698921186934506</v>
      </c>
      <c r="O6501" s="58">
        <f>IF(Input!$K$13=2,J6501*Input!$J$13,0)+IF(Input!$K$14=2,K6501*Input!$J$14,0)+IF(Input!$K$15=2,L6501*Input!$J$15,0)+IF(Input!$K$16=2,M6501*Input!$J$16,0)</f>
        <v>0.30765345776609276</v>
      </c>
      <c r="P6501" s="58">
        <f>IF(Input!$K$13=3,J6501*Input!$J$13,0)+IF(Input!$K$14=3,K6501*Input!$J$14,0)+IF(Input!$K$15=3,L6501*Input!$J$15,0)+IF(Input!$K$16=3,M6501*Input!$J$16,0)</f>
        <v>0</v>
      </c>
      <c r="Q6501" s="71">
        <f>IF(Input!$K$13=4,J6501*Input!$J$13,0)+IF(Input!$K$14=4,K6501*Input!$J$14,0)+IF(Input!$K$15=4,L6501*Input!$J$15,0)+IF(Input!$K$16=4,M6501*Input!$J$16,0)</f>
        <v>0</v>
      </c>
    </row>
    <row r="6502" spans="8:17" x14ac:dyDescent="0.25">
      <c r="H6502" s="43">
        <v>6495</v>
      </c>
      <c r="I6502" s="55">
        <f>Bühler!I6528</f>
        <v>0.39371597091493138</v>
      </c>
      <c r="J6502" s="58">
        <f>Bühler!J6528</f>
        <v>41.020152026620359</v>
      </c>
      <c r="K6502" s="58">
        <f>Bühler!K6528</f>
        <v>3.4306239814618071</v>
      </c>
      <c r="L6502" s="58">
        <f>Bühler!L6528</f>
        <v>1.7153119907309036</v>
      </c>
      <c r="M6502" s="57">
        <f>Bühler!M6528</f>
        <v>0</v>
      </c>
      <c r="N6502" s="55">
        <f>IF(Input!$K$13=1,J6502*Input!$J$13,0)+IF(Input!$K$14=1,K6502*Input!$J$14,0)+IF(Input!$K$15=1,L6502*Input!$J$15,0)+IF(Input!$K$16=1,M6502*Input!$J$16,0)</f>
        <v>4.9224182431944428</v>
      </c>
      <c r="O6502" s="58">
        <f>IF(Input!$K$13=2,J6502*Input!$J$13,0)+IF(Input!$K$14=2,K6502*Input!$J$14,0)+IF(Input!$K$15=2,L6502*Input!$J$15,0)+IF(Input!$K$16=2,M6502*Input!$J$16,0)</f>
        <v>0.46313423749734395</v>
      </c>
      <c r="P6502" s="58">
        <f>IF(Input!$K$13=3,J6502*Input!$J$13,0)+IF(Input!$K$14=3,K6502*Input!$J$14,0)+IF(Input!$K$15=3,L6502*Input!$J$15,0)+IF(Input!$K$16=3,M6502*Input!$J$16,0)</f>
        <v>0</v>
      </c>
      <c r="Q6502" s="71">
        <f>IF(Input!$K$13=4,J6502*Input!$J$13,0)+IF(Input!$K$14=4,K6502*Input!$J$14,0)+IF(Input!$K$15=4,L6502*Input!$J$15,0)+IF(Input!$K$16=4,M6502*Input!$J$16,0)</f>
        <v>0</v>
      </c>
    </row>
    <row r="6503" spans="8:17" x14ac:dyDescent="0.25">
      <c r="H6503" s="43">
        <v>6496</v>
      </c>
      <c r="I6503" s="55">
        <f>Bühler!I6529</f>
        <v>0.39371597091493138</v>
      </c>
      <c r="J6503" s="58">
        <f>Bühler!J6529</f>
        <v>41.020152026620359</v>
      </c>
      <c r="K6503" s="58">
        <f>Bühler!K6529</f>
        <v>3.4306239814618071</v>
      </c>
      <c r="L6503" s="58">
        <f>Bühler!L6529</f>
        <v>1.7153119907309036</v>
      </c>
      <c r="M6503" s="57">
        <f>Bühler!M6529</f>
        <v>0</v>
      </c>
      <c r="N6503" s="55">
        <f>IF(Input!$K$13=1,J6503*Input!$J$13,0)+IF(Input!$K$14=1,K6503*Input!$J$14,0)+IF(Input!$K$15=1,L6503*Input!$J$15,0)+IF(Input!$K$16=1,M6503*Input!$J$16,0)</f>
        <v>4.9224182431944428</v>
      </c>
      <c r="O6503" s="58">
        <f>IF(Input!$K$13=2,J6503*Input!$J$13,0)+IF(Input!$K$14=2,K6503*Input!$J$14,0)+IF(Input!$K$15=2,L6503*Input!$J$15,0)+IF(Input!$K$16=2,M6503*Input!$J$16,0)</f>
        <v>0.46313423749734395</v>
      </c>
      <c r="P6503" s="58">
        <f>IF(Input!$K$13=3,J6503*Input!$J$13,0)+IF(Input!$K$14=3,K6503*Input!$J$14,0)+IF(Input!$K$15=3,L6503*Input!$J$15,0)+IF(Input!$K$16=3,M6503*Input!$J$16,0)</f>
        <v>0</v>
      </c>
      <c r="Q6503" s="71">
        <f>IF(Input!$K$13=4,J6503*Input!$J$13,0)+IF(Input!$K$14=4,K6503*Input!$J$14,0)+IF(Input!$K$15=4,L6503*Input!$J$15,0)+IF(Input!$K$16=4,M6503*Input!$J$16,0)</f>
        <v>0</v>
      </c>
    </row>
    <row r="6504" spans="8:17" x14ac:dyDescent="0.25">
      <c r="H6504" s="43">
        <v>6497</v>
      </c>
      <c r="I6504" s="55">
        <f>Bühler!I6530</f>
        <v>0.32898557421894215</v>
      </c>
      <c r="J6504" s="58">
        <f>Bühler!J6530</f>
        <v>24.277645162277601</v>
      </c>
      <c r="K6504" s="58">
        <f>Bühler!K6530</f>
        <v>2.021617703361422</v>
      </c>
      <c r="L6504" s="58">
        <f>Bühler!L6530</f>
        <v>1.010808851680711</v>
      </c>
      <c r="M6504" s="57">
        <f>Bühler!M6530</f>
        <v>0</v>
      </c>
      <c r="N6504" s="55">
        <f>IF(Input!$K$13=1,J6504*Input!$J$13,0)+IF(Input!$K$14=1,K6504*Input!$J$14,0)+IF(Input!$K$15=1,L6504*Input!$J$15,0)+IF(Input!$K$16=1,M6504*Input!$J$16,0)</f>
        <v>2.9133174194733118</v>
      </c>
      <c r="O6504" s="58">
        <f>IF(Input!$K$13=2,J6504*Input!$J$13,0)+IF(Input!$K$14=2,K6504*Input!$J$14,0)+IF(Input!$K$15=2,L6504*Input!$J$15,0)+IF(Input!$K$16=2,M6504*Input!$J$16,0)</f>
        <v>0.27291838995379197</v>
      </c>
      <c r="P6504" s="58">
        <f>IF(Input!$K$13=3,J6504*Input!$J$13,0)+IF(Input!$K$14=3,K6504*Input!$J$14,0)+IF(Input!$K$15=3,L6504*Input!$J$15,0)+IF(Input!$K$16=3,M6504*Input!$J$16,0)</f>
        <v>0</v>
      </c>
      <c r="Q6504" s="71">
        <f>IF(Input!$K$13=4,J6504*Input!$J$13,0)+IF(Input!$K$14=4,K6504*Input!$J$14,0)+IF(Input!$K$15=4,L6504*Input!$J$15,0)+IF(Input!$K$16=4,M6504*Input!$J$16,0)</f>
        <v>0</v>
      </c>
    </row>
    <row r="6505" spans="8:17" x14ac:dyDescent="0.25">
      <c r="H6505" s="43">
        <v>6498</v>
      </c>
      <c r="I6505" s="55">
        <f>Bühler!I6531</f>
        <v>0.26158838215345503</v>
      </c>
      <c r="J6505" s="58">
        <f>Bühler!J6531</f>
        <v>10.493051999377474</v>
      </c>
      <c r="K6505" s="58">
        <f>Bühler!K6531</f>
        <v>0.86283299332540431</v>
      </c>
      <c r="L6505" s="58">
        <f>Bühler!L6531</f>
        <v>0.43141649666270215</v>
      </c>
      <c r="M6505" s="57">
        <f>Bühler!M6531</f>
        <v>0</v>
      </c>
      <c r="N6505" s="55">
        <f>IF(Input!$K$13=1,J6505*Input!$J$13,0)+IF(Input!$K$14=1,K6505*Input!$J$14,0)+IF(Input!$K$15=1,L6505*Input!$J$15,0)+IF(Input!$K$16=1,M6505*Input!$J$16,0)</f>
        <v>1.259166239925297</v>
      </c>
      <c r="O6505" s="58">
        <f>IF(Input!$K$13=2,J6505*Input!$J$13,0)+IF(Input!$K$14=2,K6505*Input!$J$14,0)+IF(Input!$K$15=2,L6505*Input!$J$15,0)+IF(Input!$K$16=2,M6505*Input!$J$16,0)</f>
        <v>0.11648245409892957</v>
      </c>
      <c r="P6505" s="58">
        <f>IF(Input!$K$13=3,J6505*Input!$J$13,0)+IF(Input!$K$14=3,K6505*Input!$J$14,0)+IF(Input!$K$15=3,L6505*Input!$J$15,0)+IF(Input!$K$16=3,M6505*Input!$J$16,0)</f>
        <v>0</v>
      </c>
      <c r="Q6505" s="71">
        <f>IF(Input!$K$13=4,J6505*Input!$J$13,0)+IF(Input!$K$14=4,K6505*Input!$J$14,0)+IF(Input!$K$15=4,L6505*Input!$J$15,0)+IF(Input!$K$16=4,M6505*Input!$J$16,0)</f>
        <v>0</v>
      </c>
    </row>
    <row r="6506" spans="8:17" x14ac:dyDescent="0.25">
      <c r="H6506" s="43">
        <v>6499</v>
      </c>
      <c r="I6506" s="55">
        <f>Bühler!I6532</f>
        <v>9.6974377072643211E-2</v>
      </c>
      <c r="J6506" s="58">
        <f>Bühler!J6532</f>
        <v>6.8434342015114424</v>
      </c>
      <c r="K6506" s="58">
        <f>Bühler!K6532</f>
        <v>0.56946977559476686</v>
      </c>
      <c r="L6506" s="58">
        <f>Bühler!L6532</f>
        <v>0.28473488779738343</v>
      </c>
      <c r="M6506" s="57">
        <f>Bühler!M6532</f>
        <v>0</v>
      </c>
      <c r="N6506" s="55">
        <f>IF(Input!$K$13=1,J6506*Input!$J$13,0)+IF(Input!$K$14=1,K6506*Input!$J$14,0)+IF(Input!$K$15=1,L6506*Input!$J$15,0)+IF(Input!$K$16=1,M6506*Input!$J$16,0)</f>
        <v>0.82121210418137303</v>
      </c>
      <c r="O6506" s="58">
        <f>IF(Input!$K$13=2,J6506*Input!$J$13,0)+IF(Input!$K$14=2,K6506*Input!$J$14,0)+IF(Input!$K$15=2,L6506*Input!$J$15,0)+IF(Input!$K$16=2,M6506*Input!$J$16,0)</f>
        <v>7.6878419705293521E-2</v>
      </c>
      <c r="P6506" s="58">
        <f>IF(Input!$K$13=3,J6506*Input!$J$13,0)+IF(Input!$K$14=3,K6506*Input!$J$14,0)+IF(Input!$K$15=3,L6506*Input!$J$15,0)+IF(Input!$K$16=3,M6506*Input!$J$16,0)</f>
        <v>0</v>
      </c>
      <c r="Q6506" s="71">
        <f>IF(Input!$K$13=4,J6506*Input!$J$13,0)+IF(Input!$K$14=4,K6506*Input!$J$14,0)+IF(Input!$K$15=4,L6506*Input!$J$15,0)+IF(Input!$K$16=4,M6506*Input!$J$16,0)</f>
        <v>0</v>
      </c>
    </row>
    <row r="6507" spans="8:17" x14ac:dyDescent="0.25">
      <c r="H6507" s="43">
        <v>6500</v>
      </c>
      <c r="I6507" s="55">
        <f>Bühler!I6533</f>
        <v>9.6974377072643211E-2</v>
      </c>
      <c r="J6507" s="58">
        <f>Bühler!J6533</f>
        <v>6.8434342015114424</v>
      </c>
      <c r="K6507" s="58">
        <f>Bühler!K6533</f>
        <v>0.56946977559476686</v>
      </c>
      <c r="L6507" s="58">
        <f>Bühler!L6533</f>
        <v>0.28473488779738343</v>
      </c>
      <c r="M6507" s="57">
        <f>Bühler!M6533</f>
        <v>0</v>
      </c>
      <c r="N6507" s="55">
        <f>IF(Input!$K$13=1,J6507*Input!$J$13,0)+IF(Input!$K$14=1,K6507*Input!$J$14,0)+IF(Input!$K$15=1,L6507*Input!$J$15,0)+IF(Input!$K$16=1,M6507*Input!$J$16,0)</f>
        <v>0.82121210418137303</v>
      </c>
      <c r="O6507" s="58">
        <f>IF(Input!$K$13=2,J6507*Input!$J$13,0)+IF(Input!$K$14=2,K6507*Input!$J$14,0)+IF(Input!$K$15=2,L6507*Input!$J$15,0)+IF(Input!$K$16=2,M6507*Input!$J$16,0)</f>
        <v>7.6878419705293521E-2</v>
      </c>
      <c r="P6507" s="58">
        <f>IF(Input!$K$13=3,J6507*Input!$J$13,0)+IF(Input!$K$14=3,K6507*Input!$J$14,0)+IF(Input!$K$15=3,L6507*Input!$J$15,0)+IF(Input!$K$16=3,M6507*Input!$J$16,0)</f>
        <v>0</v>
      </c>
      <c r="Q6507" s="71">
        <f>IF(Input!$K$13=4,J6507*Input!$J$13,0)+IF(Input!$K$14=4,K6507*Input!$J$14,0)+IF(Input!$K$15=4,L6507*Input!$J$15,0)+IF(Input!$K$16=4,M6507*Input!$J$16,0)</f>
        <v>0</v>
      </c>
    </row>
    <row r="6508" spans="8:17" x14ac:dyDescent="0.25">
      <c r="H6508" s="43">
        <v>6501</v>
      </c>
      <c r="I6508" s="55">
        <f>Bühler!I6534</f>
        <v>9.6974377072643211E-2</v>
      </c>
      <c r="J6508" s="58">
        <f>Bühler!J6534</f>
        <v>6.8434342015114424</v>
      </c>
      <c r="K6508" s="58">
        <f>Bühler!K6534</f>
        <v>0.56946977559476686</v>
      </c>
      <c r="L6508" s="58">
        <f>Bühler!L6534</f>
        <v>0.28473488779738343</v>
      </c>
      <c r="M6508" s="57">
        <f>Bühler!M6534</f>
        <v>0</v>
      </c>
      <c r="N6508" s="55">
        <f>IF(Input!$K$13=1,J6508*Input!$J$13,0)+IF(Input!$K$14=1,K6508*Input!$J$14,0)+IF(Input!$K$15=1,L6508*Input!$J$15,0)+IF(Input!$K$16=1,M6508*Input!$J$16,0)</f>
        <v>0.82121210418137303</v>
      </c>
      <c r="O6508" s="58">
        <f>IF(Input!$K$13=2,J6508*Input!$J$13,0)+IF(Input!$K$14=2,K6508*Input!$J$14,0)+IF(Input!$K$15=2,L6508*Input!$J$15,0)+IF(Input!$K$16=2,M6508*Input!$J$16,0)</f>
        <v>7.6878419705293521E-2</v>
      </c>
      <c r="P6508" s="58">
        <f>IF(Input!$K$13=3,J6508*Input!$J$13,0)+IF(Input!$K$14=3,K6508*Input!$J$14,0)+IF(Input!$K$15=3,L6508*Input!$J$15,0)+IF(Input!$K$16=3,M6508*Input!$J$16,0)</f>
        <v>0</v>
      </c>
      <c r="Q6508" s="71">
        <f>IF(Input!$K$13=4,J6508*Input!$J$13,0)+IF(Input!$K$14=4,K6508*Input!$J$14,0)+IF(Input!$K$15=4,L6508*Input!$J$15,0)+IF(Input!$K$16=4,M6508*Input!$J$16,0)</f>
        <v>0</v>
      </c>
    </row>
    <row r="6509" spans="8:17" x14ac:dyDescent="0.25">
      <c r="H6509" s="43">
        <v>6502</v>
      </c>
      <c r="I6509" s="55">
        <f>Bühler!I6535</f>
        <v>9.6974377072643211E-2</v>
      </c>
      <c r="J6509" s="58">
        <f>Bühler!J6535</f>
        <v>6.8434342015114424</v>
      </c>
      <c r="K6509" s="58">
        <f>Bühler!K6535</f>
        <v>0.56946977559476686</v>
      </c>
      <c r="L6509" s="58">
        <f>Bühler!L6535</f>
        <v>0.28473488779738343</v>
      </c>
      <c r="M6509" s="57">
        <f>Bühler!M6535</f>
        <v>0</v>
      </c>
      <c r="N6509" s="55">
        <f>IF(Input!$K$13=1,J6509*Input!$J$13,0)+IF(Input!$K$14=1,K6509*Input!$J$14,0)+IF(Input!$K$15=1,L6509*Input!$J$15,0)+IF(Input!$K$16=1,M6509*Input!$J$16,0)</f>
        <v>0.82121210418137303</v>
      </c>
      <c r="O6509" s="58">
        <f>IF(Input!$K$13=2,J6509*Input!$J$13,0)+IF(Input!$K$14=2,K6509*Input!$J$14,0)+IF(Input!$K$15=2,L6509*Input!$J$15,0)+IF(Input!$K$16=2,M6509*Input!$J$16,0)</f>
        <v>7.6878419705293521E-2</v>
      </c>
      <c r="P6509" s="58">
        <f>IF(Input!$K$13=3,J6509*Input!$J$13,0)+IF(Input!$K$14=3,K6509*Input!$J$14,0)+IF(Input!$K$15=3,L6509*Input!$J$15,0)+IF(Input!$K$16=3,M6509*Input!$J$16,0)</f>
        <v>0</v>
      </c>
      <c r="Q6509" s="71">
        <f>IF(Input!$K$13=4,J6509*Input!$J$13,0)+IF(Input!$K$14=4,K6509*Input!$J$14,0)+IF(Input!$K$15=4,L6509*Input!$J$15,0)+IF(Input!$K$16=4,M6509*Input!$J$16,0)</f>
        <v>0</v>
      </c>
    </row>
    <row r="6510" spans="8:17" x14ac:dyDescent="0.25">
      <c r="H6510" s="43">
        <v>6503</v>
      </c>
      <c r="I6510" s="55">
        <f>Bühler!I6536</f>
        <v>9.6974377072643211E-2</v>
      </c>
      <c r="J6510" s="58">
        <f>Bühler!J6536</f>
        <v>6.8434342015114424</v>
      </c>
      <c r="K6510" s="58">
        <f>Bühler!K6536</f>
        <v>0.56946977559476686</v>
      </c>
      <c r="L6510" s="58">
        <f>Bühler!L6536</f>
        <v>0.28473488779738343</v>
      </c>
      <c r="M6510" s="57">
        <f>Bühler!M6536</f>
        <v>0</v>
      </c>
      <c r="N6510" s="55">
        <f>IF(Input!$K$13=1,J6510*Input!$J$13,0)+IF(Input!$K$14=1,K6510*Input!$J$14,0)+IF(Input!$K$15=1,L6510*Input!$J$15,0)+IF(Input!$K$16=1,M6510*Input!$J$16,0)</f>
        <v>0.82121210418137303</v>
      </c>
      <c r="O6510" s="58">
        <f>IF(Input!$K$13=2,J6510*Input!$J$13,0)+IF(Input!$K$14=2,K6510*Input!$J$14,0)+IF(Input!$K$15=2,L6510*Input!$J$15,0)+IF(Input!$K$16=2,M6510*Input!$J$16,0)</f>
        <v>7.6878419705293521E-2</v>
      </c>
      <c r="P6510" s="58">
        <f>IF(Input!$K$13=3,J6510*Input!$J$13,0)+IF(Input!$K$14=3,K6510*Input!$J$14,0)+IF(Input!$K$15=3,L6510*Input!$J$15,0)+IF(Input!$K$16=3,M6510*Input!$J$16,0)</f>
        <v>0</v>
      </c>
      <c r="Q6510" s="71">
        <f>IF(Input!$K$13=4,J6510*Input!$J$13,0)+IF(Input!$K$14=4,K6510*Input!$J$14,0)+IF(Input!$K$15=4,L6510*Input!$J$15,0)+IF(Input!$K$16=4,M6510*Input!$J$16,0)</f>
        <v>0</v>
      </c>
    </row>
    <row r="6511" spans="8:17" x14ac:dyDescent="0.25">
      <c r="H6511" s="43">
        <v>6504</v>
      </c>
      <c r="I6511" s="55">
        <f>Bühler!I6537</f>
        <v>9.6974377072643211E-2</v>
      </c>
      <c r="J6511" s="58">
        <f>Bühler!J6537</f>
        <v>6.8434342015114424</v>
      </c>
      <c r="K6511" s="58">
        <f>Bühler!K6537</f>
        <v>0.56946977559476686</v>
      </c>
      <c r="L6511" s="58">
        <f>Bühler!L6537</f>
        <v>0.28473488779738343</v>
      </c>
      <c r="M6511" s="57">
        <f>Bühler!M6537</f>
        <v>0</v>
      </c>
      <c r="N6511" s="55">
        <f>IF(Input!$K$13=1,J6511*Input!$J$13,0)+IF(Input!$K$14=1,K6511*Input!$J$14,0)+IF(Input!$K$15=1,L6511*Input!$J$15,0)+IF(Input!$K$16=1,M6511*Input!$J$16,0)</f>
        <v>0.82121210418137303</v>
      </c>
      <c r="O6511" s="58">
        <f>IF(Input!$K$13=2,J6511*Input!$J$13,0)+IF(Input!$K$14=2,K6511*Input!$J$14,0)+IF(Input!$K$15=2,L6511*Input!$J$15,0)+IF(Input!$K$16=2,M6511*Input!$J$16,0)</f>
        <v>7.6878419705293521E-2</v>
      </c>
      <c r="P6511" s="58">
        <f>IF(Input!$K$13=3,J6511*Input!$J$13,0)+IF(Input!$K$14=3,K6511*Input!$J$14,0)+IF(Input!$K$15=3,L6511*Input!$J$15,0)+IF(Input!$K$16=3,M6511*Input!$J$16,0)</f>
        <v>0</v>
      </c>
      <c r="Q6511" s="71">
        <f>IF(Input!$K$13=4,J6511*Input!$J$13,0)+IF(Input!$K$14=4,K6511*Input!$J$14,0)+IF(Input!$K$15=4,L6511*Input!$J$15,0)+IF(Input!$K$16=4,M6511*Input!$J$16,0)</f>
        <v>0</v>
      </c>
    </row>
    <row r="6512" spans="8:17" x14ac:dyDescent="0.25">
      <c r="H6512" s="43">
        <v>6505</v>
      </c>
      <c r="I6512" s="55">
        <f>Bühler!I6538</f>
        <v>0.14892879314782592</v>
      </c>
      <c r="J6512" s="58">
        <f>Bühler!J6538</f>
        <v>10.652931592296547</v>
      </c>
      <c r="K6512" s="58">
        <f>Bühler!K6538</f>
        <v>0.87802329280450453</v>
      </c>
      <c r="L6512" s="58">
        <f>Bühler!L6538</f>
        <v>0.43901164640225226</v>
      </c>
      <c r="M6512" s="57">
        <f>Bühler!M6538</f>
        <v>0</v>
      </c>
      <c r="N6512" s="55">
        <f>IF(Input!$K$13=1,J6512*Input!$J$13,0)+IF(Input!$K$14=1,K6512*Input!$J$14,0)+IF(Input!$K$15=1,L6512*Input!$J$15,0)+IF(Input!$K$16=1,M6512*Input!$J$16,0)</f>
        <v>1.2783517910755855</v>
      </c>
      <c r="O6512" s="58">
        <f>IF(Input!$K$13=2,J6512*Input!$J$13,0)+IF(Input!$K$14=2,K6512*Input!$J$14,0)+IF(Input!$K$15=2,L6512*Input!$J$15,0)+IF(Input!$K$16=2,M6512*Input!$J$16,0)</f>
        <v>0.11853314452860811</v>
      </c>
      <c r="P6512" s="58">
        <f>IF(Input!$K$13=3,J6512*Input!$J$13,0)+IF(Input!$K$14=3,K6512*Input!$J$14,0)+IF(Input!$K$15=3,L6512*Input!$J$15,0)+IF(Input!$K$16=3,M6512*Input!$J$16,0)</f>
        <v>0</v>
      </c>
      <c r="Q6512" s="71">
        <f>IF(Input!$K$13=4,J6512*Input!$J$13,0)+IF(Input!$K$14=4,K6512*Input!$J$14,0)+IF(Input!$K$15=4,L6512*Input!$J$15,0)+IF(Input!$K$16=4,M6512*Input!$J$16,0)</f>
        <v>0</v>
      </c>
    </row>
    <row r="6513" spans="8:17" x14ac:dyDescent="0.25">
      <c r="H6513" s="43">
        <v>6506</v>
      </c>
      <c r="I6513" s="55">
        <f>Bühler!I6539</f>
        <v>0.14892879314782592</v>
      </c>
      <c r="J6513" s="58">
        <f>Bühler!J6539</f>
        <v>6.5198801722049344</v>
      </c>
      <c r="K6513" s="58">
        <f>Bühler!K6539</f>
        <v>0.5321353289724271</v>
      </c>
      <c r="L6513" s="58">
        <f>Bühler!L6539</f>
        <v>0.26606766448621355</v>
      </c>
      <c r="M6513" s="57">
        <f>Bühler!M6539</f>
        <v>0</v>
      </c>
      <c r="N6513" s="55">
        <f>IF(Input!$K$13=1,J6513*Input!$J$13,0)+IF(Input!$K$14=1,K6513*Input!$J$14,0)+IF(Input!$K$15=1,L6513*Input!$J$15,0)+IF(Input!$K$16=1,M6513*Input!$J$16,0)</f>
        <v>0.78238562066459205</v>
      </c>
      <c r="O6513" s="58">
        <f>IF(Input!$K$13=2,J6513*Input!$J$13,0)+IF(Input!$K$14=2,K6513*Input!$J$14,0)+IF(Input!$K$15=2,L6513*Input!$J$15,0)+IF(Input!$K$16=2,M6513*Input!$J$16,0)</f>
        <v>7.1838269411277661E-2</v>
      </c>
      <c r="P6513" s="58">
        <f>IF(Input!$K$13=3,J6513*Input!$J$13,0)+IF(Input!$K$14=3,K6513*Input!$J$14,0)+IF(Input!$K$15=3,L6513*Input!$J$15,0)+IF(Input!$K$16=3,M6513*Input!$J$16,0)</f>
        <v>0</v>
      </c>
      <c r="Q6513" s="71">
        <f>IF(Input!$K$13=4,J6513*Input!$J$13,0)+IF(Input!$K$14=4,K6513*Input!$J$14,0)+IF(Input!$K$15=4,L6513*Input!$J$15,0)+IF(Input!$K$16=4,M6513*Input!$J$16,0)</f>
        <v>0</v>
      </c>
    </row>
    <row r="6514" spans="8:17" x14ac:dyDescent="0.25">
      <c r="H6514" s="43">
        <v>6507</v>
      </c>
      <c r="I6514" s="55">
        <f>Bühler!I6540</f>
        <v>0.14892879314782592</v>
      </c>
      <c r="J6514" s="58">
        <f>Bühler!J6540</f>
        <v>6.5198801722049344</v>
      </c>
      <c r="K6514" s="58">
        <f>Bühler!K6540</f>
        <v>0.5321353289724271</v>
      </c>
      <c r="L6514" s="58">
        <f>Bühler!L6540</f>
        <v>0.26606766448621355</v>
      </c>
      <c r="M6514" s="57">
        <f>Bühler!M6540</f>
        <v>0</v>
      </c>
      <c r="N6514" s="55">
        <f>IF(Input!$K$13=1,J6514*Input!$J$13,0)+IF(Input!$K$14=1,K6514*Input!$J$14,0)+IF(Input!$K$15=1,L6514*Input!$J$15,0)+IF(Input!$K$16=1,M6514*Input!$J$16,0)</f>
        <v>0.78238562066459205</v>
      </c>
      <c r="O6514" s="58">
        <f>IF(Input!$K$13=2,J6514*Input!$J$13,0)+IF(Input!$K$14=2,K6514*Input!$J$14,0)+IF(Input!$K$15=2,L6514*Input!$J$15,0)+IF(Input!$K$16=2,M6514*Input!$J$16,0)</f>
        <v>7.1838269411277661E-2</v>
      </c>
      <c r="P6514" s="58">
        <f>IF(Input!$K$13=3,J6514*Input!$J$13,0)+IF(Input!$K$14=3,K6514*Input!$J$14,0)+IF(Input!$K$15=3,L6514*Input!$J$15,0)+IF(Input!$K$16=3,M6514*Input!$J$16,0)</f>
        <v>0</v>
      </c>
      <c r="Q6514" s="71">
        <f>IF(Input!$K$13=4,J6514*Input!$J$13,0)+IF(Input!$K$14=4,K6514*Input!$J$14,0)+IF(Input!$K$15=4,L6514*Input!$J$15,0)+IF(Input!$K$16=4,M6514*Input!$J$16,0)</f>
        <v>0</v>
      </c>
    </row>
    <row r="6515" spans="8:17" x14ac:dyDescent="0.25">
      <c r="H6515" s="43">
        <v>6508</v>
      </c>
      <c r="I6515" s="55">
        <f>Bühler!I6541</f>
        <v>0.14892879314782592</v>
      </c>
      <c r="J6515" s="58">
        <f>Bühler!J6541</f>
        <v>6.5198801722049344</v>
      </c>
      <c r="K6515" s="58">
        <f>Bühler!K6541</f>
        <v>0.5321353289724271</v>
      </c>
      <c r="L6515" s="58">
        <f>Bühler!L6541</f>
        <v>0.26606766448621355</v>
      </c>
      <c r="M6515" s="57">
        <f>Bühler!M6541</f>
        <v>0</v>
      </c>
      <c r="N6515" s="55">
        <f>IF(Input!$K$13=1,J6515*Input!$J$13,0)+IF(Input!$K$14=1,K6515*Input!$J$14,0)+IF(Input!$K$15=1,L6515*Input!$J$15,0)+IF(Input!$K$16=1,M6515*Input!$J$16,0)</f>
        <v>0.78238562066459205</v>
      </c>
      <c r="O6515" s="58">
        <f>IF(Input!$K$13=2,J6515*Input!$J$13,0)+IF(Input!$K$14=2,K6515*Input!$J$14,0)+IF(Input!$K$15=2,L6515*Input!$J$15,0)+IF(Input!$K$16=2,M6515*Input!$J$16,0)</f>
        <v>7.1838269411277661E-2</v>
      </c>
      <c r="P6515" s="58">
        <f>IF(Input!$K$13=3,J6515*Input!$J$13,0)+IF(Input!$K$14=3,K6515*Input!$J$14,0)+IF(Input!$K$15=3,L6515*Input!$J$15,0)+IF(Input!$K$16=3,M6515*Input!$J$16,0)</f>
        <v>0</v>
      </c>
      <c r="Q6515" s="71">
        <f>IF(Input!$K$13=4,J6515*Input!$J$13,0)+IF(Input!$K$14=4,K6515*Input!$J$14,0)+IF(Input!$K$15=4,L6515*Input!$J$15,0)+IF(Input!$K$16=4,M6515*Input!$J$16,0)</f>
        <v>0</v>
      </c>
    </row>
    <row r="6516" spans="8:17" x14ac:dyDescent="0.25">
      <c r="H6516" s="43">
        <v>6509</v>
      </c>
      <c r="I6516" s="55">
        <f>Bühler!I6542</f>
        <v>0.14892879314782592</v>
      </c>
      <c r="J6516" s="58">
        <f>Bühler!J6542</f>
        <v>6.5198801722049344</v>
      </c>
      <c r="K6516" s="58">
        <f>Bühler!K6542</f>
        <v>0.5321353289724271</v>
      </c>
      <c r="L6516" s="58">
        <f>Bühler!L6542</f>
        <v>0.26606766448621355</v>
      </c>
      <c r="M6516" s="57">
        <f>Bühler!M6542</f>
        <v>0</v>
      </c>
      <c r="N6516" s="55">
        <f>IF(Input!$K$13=1,J6516*Input!$J$13,0)+IF(Input!$K$14=1,K6516*Input!$J$14,0)+IF(Input!$K$15=1,L6516*Input!$J$15,0)+IF(Input!$K$16=1,M6516*Input!$J$16,0)</f>
        <v>0.78238562066459205</v>
      </c>
      <c r="O6516" s="58">
        <f>IF(Input!$K$13=2,J6516*Input!$J$13,0)+IF(Input!$K$14=2,K6516*Input!$J$14,0)+IF(Input!$K$15=2,L6516*Input!$J$15,0)+IF(Input!$K$16=2,M6516*Input!$J$16,0)</f>
        <v>7.1838269411277661E-2</v>
      </c>
      <c r="P6516" s="58">
        <f>IF(Input!$K$13=3,J6516*Input!$J$13,0)+IF(Input!$K$14=3,K6516*Input!$J$14,0)+IF(Input!$K$15=3,L6516*Input!$J$15,0)+IF(Input!$K$16=3,M6516*Input!$J$16,0)</f>
        <v>0</v>
      </c>
      <c r="Q6516" s="71">
        <f>IF(Input!$K$13=4,J6516*Input!$J$13,0)+IF(Input!$K$14=4,K6516*Input!$J$14,0)+IF(Input!$K$15=4,L6516*Input!$J$15,0)+IF(Input!$K$16=4,M6516*Input!$J$16,0)</f>
        <v>0</v>
      </c>
    </row>
    <row r="6517" spans="8:17" x14ac:dyDescent="0.25">
      <c r="H6517" s="43">
        <v>6510</v>
      </c>
      <c r="I6517" s="55">
        <f>Bühler!I6543</f>
        <v>0.14892879314782592</v>
      </c>
      <c r="J6517" s="58">
        <f>Bühler!J6543</f>
        <v>6.5198801722049344</v>
      </c>
      <c r="K6517" s="58">
        <f>Bühler!K6543</f>
        <v>0.5321353289724271</v>
      </c>
      <c r="L6517" s="58">
        <f>Bühler!L6543</f>
        <v>0.26606766448621355</v>
      </c>
      <c r="M6517" s="57">
        <f>Bühler!M6543</f>
        <v>0</v>
      </c>
      <c r="N6517" s="55">
        <f>IF(Input!$K$13=1,J6517*Input!$J$13,0)+IF(Input!$K$14=1,K6517*Input!$J$14,0)+IF(Input!$K$15=1,L6517*Input!$J$15,0)+IF(Input!$K$16=1,M6517*Input!$J$16,0)</f>
        <v>0.78238562066459205</v>
      </c>
      <c r="O6517" s="58">
        <f>IF(Input!$K$13=2,J6517*Input!$J$13,0)+IF(Input!$K$14=2,K6517*Input!$J$14,0)+IF(Input!$K$15=2,L6517*Input!$J$15,0)+IF(Input!$K$16=2,M6517*Input!$J$16,0)</f>
        <v>7.1838269411277661E-2</v>
      </c>
      <c r="P6517" s="58">
        <f>IF(Input!$K$13=3,J6517*Input!$J$13,0)+IF(Input!$K$14=3,K6517*Input!$J$14,0)+IF(Input!$K$15=3,L6517*Input!$J$15,0)+IF(Input!$K$16=3,M6517*Input!$J$16,0)</f>
        <v>0</v>
      </c>
      <c r="Q6517" s="71">
        <f>IF(Input!$K$13=4,J6517*Input!$J$13,0)+IF(Input!$K$14=4,K6517*Input!$J$14,0)+IF(Input!$K$15=4,L6517*Input!$J$15,0)+IF(Input!$K$16=4,M6517*Input!$J$16,0)</f>
        <v>0</v>
      </c>
    </row>
    <row r="6518" spans="8:17" x14ac:dyDescent="0.25">
      <c r="H6518" s="43">
        <v>6511</v>
      </c>
      <c r="I6518" s="55">
        <f>Bühler!I6544</f>
        <v>0.14892879314782592</v>
      </c>
      <c r="J6518" s="58">
        <f>Bühler!J6544</f>
        <v>6.5198801722049344</v>
      </c>
      <c r="K6518" s="58">
        <f>Bühler!K6544</f>
        <v>0.5321353289724271</v>
      </c>
      <c r="L6518" s="58">
        <f>Bühler!L6544</f>
        <v>0.26606766448621355</v>
      </c>
      <c r="M6518" s="57">
        <f>Bühler!M6544</f>
        <v>0</v>
      </c>
      <c r="N6518" s="55">
        <f>IF(Input!$K$13=1,J6518*Input!$J$13,0)+IF(Input!$K$14=1,K6518*Input!$J$14,0)+IF(Input!$K$15=1,L6518*Input!$J$15,0)+IF(Input!$K$16=1,M6518*Input!$J$16,0)</f>
        <v>0.78238562066459205</v>
      </c>
      <c r="O6518" s="58">
        <f>IF(Input!$K$13=2,J6518*Input!$J$13,0)+IF(Input!$K$14=2,K6518*Input!$J$14,0)+IF(Input!$K$15=2,L6518*Input!$J$15,0)+IF(Input!$K$16=2,M6518*Input!$J$16,0)</f>
        <v>7.1838269411277661E-2</v>
      </c>
      <c r="P6518" s="58">
        <f>IF(Input!$K$13=3,J6518*Input!$J$13,0)+IF(Input!$K$14=3,K6518*Input!$J$14,0)+IF(Input!$K$15=3,L6518*Input!$J$15,0)+IF(Input!$K$16=3,M6518*Input!$J$16,0)</f>
        <v>0</v>
      </c>
      <c r="Q6518" s="71">
        <f>IF(Input!$K$13=4,J6518*Input!$J$13,0)+IF(Input!$K$14=4,K6518*Input!$J$14,0)+IF(Input!$K$15=4,L6518*Input!$J$15,0)+IF(Input!$K$16=4,M6518*Input!$J$16,0)</f>
        <v>0</v>
      </c>
    </row>
    <row r="6519" spans="8:17" x14ac:dyDescent="0.25">
      <c r="H6519" s="43">
        <v>6512</v>
      </c>
      <c r="I6519" s="55">
        <f>Bühler!I6545</f>
        <v>0.40354898788443144</v>
      </c>
      <c r="J6519" s="58">
        <f>Bühler!J6545</f>
        <v>27.524561223423937</v>
      </c>
      <c r="K6519" s="58">
        <f>Bühler!K6545</f>
        <v>2.2668965014225391</v>
      </c>
      <c r="L6519" s="58">
        <f>Bühler!L6545</f>
        <v>1.1334482507112695</v>
      </c>
      <c r="M6519" s="57">
        <f>Bühler!M6545</f>
        <v>0</v>
      </c>
      <c r="N6519" s="55">
        <f>IF(Input!$K$13=1,J6519*Input!$J$13,0)+IF(Input!$K$14=1,K6519*Input!$J$14,0)+IF(Input!$K$15=1,L6519*Input!$J$15,0)+IF(Input!$K$16=1,M6519*Input!$J$16,0)</f>
        <v>3.3029473468108725</v>
      </c>
      <c r="O6519" s="58">
        <f>IF(Input!$K$13=2,J6519*Input!$J$13,0)+IF(Input!$K$14=2,K6519*Input!$J$14,0)+IF(Input!$K$15=2,L6519*Input!$J$15,0)+IF(Input!$K$16=2,M6519*Input!$J$16,0)</f>
        <v>0.30603102769204277</v>
      </c>
      <c r="P6519" s="58">
        <f>IF(Input!$K$13=3,J6519*Input!$J$13,0)+IF(Input!$K$14=3,K6519*Input!$J$14,0)+IF(Input!$K$15=3,L6519*Input!$J$15,0)+IF(Input!$K$16=3,M6519*Input!$J$16,0)</f>
        <v>0</v>
      </c>
      <c r="Q6519" s="71">
        <f>IF(Input!$K$13=4,J6519*Input!$J$13,0)+IF(Input!$K$14=4,K6519*Input!$J$14,0)+IF(Input!$K$15=4,L6519*Input!$J$15,0)+IF(Input!$K$16=4,M6519*Input!$J$16,0)</f>
        <v>0</v>
      </c>
    </row>
    <row r="6520" spans="8:17" x14ac:dyDescent="0.25">
      <c r="H6520" s="43">
        <v>6513</v>
      </c>
      <c r="I6520" s="55">
        <f>Bühler!I6546</f>
        <v>0.50443623485553934</v>
      </c>
      <c r="J6520" s="58">
        <f>Bühler!J6546</f>
        <v>34.405701529279924</v>
      </c>
      <c r="K6520" s="58">
        <f>Bühler!K6546</f>
        <v>2.8336206267781741</v>
      </c>
      <c r="L6520" s="58">
        <f>Bühler!L6546</f>
        <v>1.416810313389087</v>
      </c>
      <c r="M6520" s="57">
        <f>Bühler!M6546</f>
        <v>0</v>
      </c>
      <c r="N6520" s="55">
        <f>IF(Input!$K$13=1,J6520*Input!$J$13,0)+IF(Input!$K$14=1,K6520*Input!$J$14,0)+IF(Input!$K$15=1,L6520*Input!$J$15,0)+IF(Input!$K$16=1,M6520*Input!$J$16,0)</f>
        <v>4.1286841835135908</v>
      </c>
      <c r="O6520" s="58">
        <f>IF(Input!$K$13=2,J6520*Input!$J$13,0)+IF(Input!$K$14=2,K6520*Input!$J$14,0)+IF(Input!$K$15=2,L6520*Input!$J$15,0)+IF(Input!$K$16=2,M6520*Input!$J$16,0)</f>
        <v>0.38253878461505347</v>
      </c>
      <c r="P6520" s="58">
        <f>IF(Input!$K$13=3,J6520*Input!$J$13,0)+IF(Input!$K$14=3,K6520*Input!$J$14,0)+IF(Input!$K$15=3,L6520*Input!$J$15,0)+IF(Input!$K$16=3,M6520*Input!$J$16,0)</f>
        <v>0</v>
      </c>
      <c r="Q6520" s="71">
        <f>IF(Input!$K$13=4,J6520*Input!$J$13,0)+IF(Input!$K$14=4,K6520*Input!$J$14,0)+IF(Input!$K$15=4,L6520*Input!$J$15,0)+IF(Input!$K$16=4,M6520*Input!$J$16,0)</f>
        <v>0</v>
      </c>
    </row>
    <row r="6521" spans="8:17" x14ac:dyDescent="0.25">
      <c r="H6521" s="43">
        <v>6514</v>
      </c>
      <c r="I6521" s="55">
        <f>Bühler!I6547</f>
        <v>0.55487985834109332</v>
      </c>
      <c r="J6521" s="58">
        <f>Bühler!J6547</f>
        <v>37.84627168220792</v>
      </c>
      <c r="K6521" s="58">
        <f>Bühler!K6547</f>
        <v>3.116982689455992</v>
      </c>
      <c r="L6521" s="58">
        <f>Bühler!L6547</f>
        <v>1.558491344727996</v>
      </c>
      <c r="M6521" s="57">
        <f>Bühler!M6547</f>
        <v>0</v>
      </c>
      <c r="N6521" s="55">
        <f>IF(Input!$K$13=1,J6521*Input!$J$13,0)+IF(Input!$K$14=1,K6521*Input!$J$14,0)+IF(Input!$K$15=1,L6521*Input!$J$15,0)+IF(Input!$K$16=1,M6521*Input!$J$16,0)</f>
        <v>4.5415526018649501</v>
      </c>
      <c r="O6521" s="58">
        <f>IF(Input!$K$13=2,J6521*Input!$J$13,0)+IF(Input!$K$14=2,K6521*Input!$J$14,0)+IF(Input!$K$15=2,L6521*Input!$J$15,0)+IF(Input!$K$16=2,M6521*Input!$J$16,0)</f>
        <v>0.42079266307655894</v>
      </c>
      <c r="P6521" s="58">
        <f>IF(Input!$K$13=3,J6521*Input!$J$13,0)+IF(Input!$K$14=3,K6521*Input!$J$14,0)+IF(Input!$K$15=3,L6521*Input!$J$15,0)+IF(Input!$K$16=3,M6521*Input!$J$16,0)</f>
        <v>0</v>
      </c>
      <c r="Q6521" s="71">
        <f>IF(Input!$K$13=4,J6521*Input!$J$13,0)+IF(Input!$K$14=4,K6521*Input!$J$14,0)+IF(Input!$K$15=4,L6521*Input!$J$15,0)+IF(Input!$K$16=4,M6521*Input!$J$16,0)</f>
        <v>0</v>
      </c>
    </row>
    <row r="6522" spans="8:17" x14ac:dyDescent="0.25">
      <c r="H6522" s="43">
        <v>6515</v>
      </c>
      <c r="I6522" s="55">
        <f>Bühler!I6548</f>
        <v>0.55487985834109332</v>
      </c>
      <c r="J6522" s="58">
        <f>Bühler!J6548</f>
        <v>37.84627168220792</v>
      </c>
      <c r="K6522" s="58">
        <f>Bühler!K6548</f>
        <v>3.116982689455992</v>
      </c>
      <c r="L6522" s="58">
        <f>Bühler!L6548</f>
        <v>1.558491344727996</v>
      </c>
      <c r="M6522" s="57">
        <f>Bühler!M6548</f>
        <v>0</v>
      </c>
      <c r="N6522" s="55">
        <f>IF(Input!$K$13=1,J6522*Input!$J$13,0)+IF(Input!$K$14=1,K6522*Input!$J$14,0)+IF(Input!$K$15=1,L6522*Input!$J$15,0)+IF(Input!$K$16=1,M6522*Input!$J$16,0)</f>
        <v>4.5415526018649501</v>
      </c>
      <c r="O6522" s="58">
        <f>IF(Input!$K$13=2,J6522*Input!$J$13,0)+IF(Input!$K$14=2,K6522*Input!$J$14,0)+IF(Input!$K$15=2,L6522*Input!$J$15,0)+IF(Input!$K$16=2,M6522*Input!$J$16,0)</f>
        <v>0.42079266307655894</v>
      </c>
      <c r="P6522" s="58">
        <f>IF(Input!$K$13=3,J6522*Input!$J$13,0)+IF(Input!$K$14=3,K6522*Input!$J$14,0)+IF(Input!$K$15=3,L6522*Input!$J$15,0)+IF(Input!$K$16=3,M6522*Input!$J$16,0)</f>
        <v>0</v>
      </c>
      <c r="Q6522" s="71">
        <f>IF(Input!$K$13=4,J6522*Input!$J$13,0)+IF(Input!$K$14=4,K6522*Input!$J$14,0)+IF(Input!$K$15=4,L6522*Input!$J$15,0)+IF(Input!$K$16=4,M6522*Input!$J$16,0)</f>
        <v>0</v>
      </c>
    </row>
    <row r="6523" spans="8:17" x14ac:dyDescent="0.25">
      <c r="H6523" s="43">
        <v>6516</v>
      </c>
      <c r="I6523" s="55">
        <f>Bühler!I6549</f>
        <v>0.65576710531220117</v>
      </c>
      <c r="J6523" s="58">
        <f>Bühler!J6549</f>
        <v>44.727411988063899</v>
      </c>
      <c r="K6523" s="58">
        <f>Bühler!K6549</f>
        <v>3.6837068148116261</v>
      </c>
      <c r="L6523" s="58">
        <f>Bühler!L6549</f>
        <v>1.841853407405813</v>
      </c>
      <c r="M6523" s="57">
        <f>Bühler!M6549</f>
        <v>0</v>
      </c>
      <c r="N6523" s="55">
        <f>IF(Input!$K$13=1,J6523*Input!$J$13,0)+IF(Input!$K$14=1,K6523*Input!$J$14,0)+IF(Input!$K$15=1,L6523*Input!$J$15,0)+IF(Input!$K$16=1,M6523*Input!$J$16,0)</f>
        <v>5.3672894385676679</v>
      </c>
      <c r="O6523" s="58">
        <f>IF(Input!$K$13=2,J6523*Input!$J$13,0)+IF(Input!$K$14=2,K6523*Input!$J$14,0)+IF(Input!$K$15=2,L6523*Input!$J$15,0)+IF(Input!$K$16=2,M6523*Input!$J$16,0)</f>
        <v>0.49730041999956953</v>
      </c>
      <c r="P6523" s="58">
        <f>IF(Input!$K$13=3,J6523*Input!$J$13,0)+IF(Input!$K$14=3,K6523*Input!$J$14,0)+IF(Input!$K$15=3,L6523*Input!$J$15,0)+IF(Input!$K$16=3,M6523*Input!$J$16,0)</f>
        <v>0</v>
      </c>
      <c r="Q6523" s="71">
        <f>IF(Input!$K$13=4,J6523*Input!$J$13,0)+IF(Input!$K$14=4,K6523*Input!$J$14,0)+IF(Input!$K$15=4,L6523*Input!$J$15,0)+IF(Input!$K$16=4,M6523*Input!$J$16,0)</f>
        <v>0</v>
      </c>
    </row>
    <row r="6524" spans="8:17" x14ac:dyDescent="0.25">
      <c r="H6524" s="43">
        <v>6517</v>
      </c>
      <c r="I6524" s="55">
        <f>Bühler!I6550</f>
        <v>0.65576710531220117</v>
      </c>
      <c r="J6524" s="58">
        <f>Bühler!J6550</f>
        <v>44.727411988063899</v>
      </c>
      <c r="K6524" s="58">
        <f>Bühler!K6550</f>
        <v>3.6837068148116261</v>
      </c>
      <c r="L6524" s="58">
        <f>Bühler!L6550</f>
        <v>1.841853407405813</v>
      </c>
      <c r="M6524" s="57">
        <f>Bühler!M6550</f>
        <v>0</v>
      </c>
      <c r="N6524" s="55">
        <f>IF(Input!$K$13=1,J6524*Input!$J$13,0)+IF(Input!$K$14=1,K6524*Input!$J$14,0)+IF(Input!$K$15=1,L6524*Input!$J$15,0)+IF(Input!$K$16=1,M6524*Input!$J$16,0)</f>
        <v>5.3672894385676679</v>
      </c>
      <c r="O6524" s="58">
        <f>IF(Input!$K$13=2,J6524*Input!$J$13,0)+IF(Input!$K$14=2,K6524*Input!$J$14,0)+IF(Input!$K$15=2,L6524*Input!$J$15,0)+IF(Input!$K$16=2,M6524*Input!$J$16,0)</f>
        <v>0.49730041999956953</v>
      </c>
      <c r="P6524" s="58">
        <f>IF(Input!$K$13=3,J6524*Input!$J$13,0)+IF(Input!$K$14=3,K6524*Input!$J$14,0)+IF(Input!$K$15=3,L6524*Input!$J$15,0)+IF(Input!$K$16=3,M6524*Input!$J$16,0)</f>
        <v>0</v>
      </c>
      <c r="Q6524" s="71">
        <f>IF(Input!$K$13=4,J6524*Input!$J$13,0)+IF(Input!$K$14=4,K6524*Input!$J$14,0)+IF(Input!$K$15=4,L6524*Input!$J$15,0)+IF(Input!$K$16=4,M6524*Input!$J$16,0)</f>
        <v>0</v>
      </c>
    </row>
    <row r="6525" spans="8:17" x14ac:dyDescent="0.25">
      <c r="H6525" s="43">
        <v>6518</v>
      </c>
      <c r="I6525" s="55">
        <f>Bühler!I6551</f>
        <v>0.45399261136998548</v>
      </c>
      <c r="J6525" s="58">
        <f>Bühler!J6551</f>
        <v>30.96513137635193</v>
      </c>
      <c r="K6525" s="58">
        <f>Bühler!K6551</f>
        <v>2.5502585641003566</v>
      </c>
      <c r="L6525" s="58">
        <f>Bühler!L6551</f>
        <v>1.2751292820501783</v>
      </c>
      <c r="M6525" s="57">
        <f>Bühler!M6551</f>
        <v>0</v>
      </c>
      <c r="N6525" s="55">
        <f>IF(Input!$K$13=1,J6525*Input!$J$13,0)+IF(Input!$K$14=1,K6525*Input!$J$14,0)+IF(Input!$K$15=1,L6525*Input!$J$15,0)+IF(Input!$K$16=1,M6525*Input!$J$16,0)</f>
        <v>3.7158157651622314</v>
      </c>
      <c r="O6525" s="58">
        <f>IF(Input!$K$13=2,J6525*Input!$J$13,0)+IF(Input!$K$14=2,K6525*Input!$J$14,0)+IF(Input!$K$15=2,L6525*Input!$J$15,0)+IF(Input!$K$16=2,M6525*Input!$J$16,0)</f>
        <v>0.34428490615354812</v>
      </c>
      <c r="P6525" s="58">
        <f>IF(Input!$K$13=3,J6525*Input!$J$13,0)+IF(Input!$K$14=3,K6525*Input!$J$14,0)+IF(Input!$K$15=3,L6525*Input!$J$15,0)+IF(Input!$K$16=3,M6525*Input!$J$16,0)</f>
        <v>0</v>
      </c>
      <c r="Q6525" s="71">
        <f>IF(Input!$K$13=4,J6525*Input!$J$13,0)+IF(Input!$K$14=4,K6525*Input!$J$14,0)+IF(Input!$K$15=4,L6525*Input!$J$15,0)+IF(Input!$K$16=4,M6525*Input!$J$16,0)</f>
        <v>0</v>
      </c>
    </row>
    <row r="6526" spans="8:17" x14ac:dyDescent="0.25">
      <c r="H6526" s="43">
        <v>6519</v>
      </c>
      <c r="I6526" s="55">
        <f>Bühler!I6552</f>
        <v>0.65576710531220117</v>
      </c>
      <c r="J6526" s="58">
        <f>Bühler!J6552</f>
        <v>44.727411988063899</v>
      </c>
      <c r="K6526" s="58">
        <f>Bühler!K6552</f>
        <v>3.6837068148116261</v>
      </c>
      <c r="L6526" s="58">
        <f>Bühler!L6552</f>
        <v>1.841853407405813</v>
      </c>
      <c r="M6526" s="57">
        <f>Bühler!M6552</f>
        <v>0</v>
      </c>
      <c r="N6526" s="55">
        <f>IF(Input!$K$13=1,J6526*Input!$J$13,0)+IF(Input!$K$14=1,K6526*Input!$J$14,0)+IF(Input!$K$15=1,L6526*Input!$J$15,0)+IF(Input!$K$16=1,M6526*Input!$J$16,0)</f>
        <v>5.3672894385676679</v>
      </c>
      <c r="O6526" s="58">
        <f>IF(Input!$K$13=2,J6526*Input!$J$13,0)+IF(Input!$K$14=2,K6526*Input!$J$14,0)+IF(Input!$K$15=2,L6526*Input!$J$15,0)+IF(Input!$K$16=2,M6526*Input!$J$16,0)</f>
        <v>0.49730041999956953</v>
      </c>
      <c r="P6526" s="58">
        <f>IF(Input!$K$13=3,J6526*Input!$J$13,0)+IF(Input!$K$14=3,K6526*Input!$J$14,0)+IF(Input!$K$15=3,L6526*Input!$J$15,0)+IF(Input!$K$16=3,M6526*Input!$J$16,0)</f>
        <v>0</v>
      </c>
      <c r="Q6526" s="71">
        <f>IF(Input!$K$13=4,J6526*Input!$J$13,0)+IF(Input!$K$14=4,K6526*Input!$J$14,0)+IF(Input!$K$15=4,L6526*Input!$J$15,0)+IF(Input!$K$16=4,M6526*Input!$J$16,0)</f>
        <v>0</v>
      </c>
    </row>
    <row r="6527" spans="8:17" x14ac:dyDescent="0.25">
      <c r="H6527" s="43">
        <v>6520</v>
      </c>
      <c r="I6527" s="55">
        <f>Bühler!I6553</f>
        <v>0.55487985834109332</v>
      </c>
      <c r="J6527" s="58">
        <f>Bühler!J6553</f>
        <v>34.460348788055938</v>
      </c>
      <c r="K6527" s="58">
        <f>Bühler!K6553</f>
        <v>2.8336206267781741</v>
      </c>
      <c r="L6527" s="58">
        <f>Bühler!L6553</f>
        <v>1.416810313389087</v>
      </c>
      <c r="M6527" s="57">
        <f>Bühler!M6553</f>
        <v>0</v>
      </c>
      <c r="N6527" s="55">
        <f>IF(Input!$K$13=1,J6527*Input!$J$13,0)+IF(Input!$K$14=1,K6527*Input!$J$14,0)+IF(Input!$K$15=1,L6527*Input!$J$15,0)+IF(Input!$K$16=1,M6527*Input!$J$16,0)</f>
        <v>4.1352418545667122</v>
      </c>
      <c r="O6527" s="58">
        <f>IF(Input!$K$13=2,J6527*Input!$J$13,0)+IF(Input!$K$14=2,K6527*Input!$J$14,0)+IF(Input!$K$15=2,L6527*Input!$J$15,0)+IF(Input!$K$16=2,M6527*Input!$J$16,0)</f>
        <v>0.38253878461505347</v>
      </c>
      <c r="P6527" s="58">
        <f>IF(Input!$K$13=3,J6527*Input!$J$13,0)+IF(Input!$K$14=3,K6527*Input!$J$14,0)+IF(Input!$K$15=3,L6527*Input!$J$15,0)+IF(Input!$K$16=3,M6527*Input!$J$16,0)</f>
        <v>0</v>
      </c>
      <c r="Q6527" s="71">
        <f>IF(Input!$K$13=4,J6527*Input!$J$13,0)+IF(Input!$K$14=4,K6527*Input!$J$14,0)+IF(Input!$K$15=4,L6527*Input!$J$15,0)+IF(Input!$K$16=4,M6527*Input!$J$16,0)</f>
        <v>0</v>
      </c>
    </row>
    <row r="6528" spans="8:17" x14ac:dyDescent="0.25">
      <c r="H6528" s="43">
        <v>6521</v>
      </c>
      <c r="I6528" s="55">
        <f>Bühler!I6554</f>
        <v>0.48041546176718042</v>
      </c>
      <c r="J6528" s="58">
        <f>Bühler!J6554</f>
        <v>16.416801699318086</v>
      </c>
      <c r="K6528" s="58">
        <f>Bühler!K6554</f>
        <v>1.3303383224310676</v>
      </c>
      <c r="L6528" s="58">
        <f>Bühler!L6554</f>
        <v>0.66516916121553382</v>
      </c>
      <c r="M6528" s="57">
        <f>Bühler!M6554</f>
        <v>0</v>
      </c>
      <c r="N6528" s="55">
        <f>IF(Input!$K$13=1,J6528*Input!$J$13,0)+IF(Input!$K$14=1,K6528*Input!$J$14,0)+IF(Input!$K$15=1,L6528*Input!$J$15,0)+IF(Input!$K$16=1,M6528*Input!$J$16,0)</f>
        <v>1.9700162039181701</v>
      </c>
      <c r="O6528" s="58">
        <f>IF(Input!$K$13=2,J6528*Input!$J$13,0)+IF(Input!$K$14=2,K6528*Input!$J$14,0)+IF(Input!$K$15=2,L6528*Input!$J$15,0)+IF(Input!$K$16=2,M6528*Input!$J$16,0)</f>
        <v>0.17959567352819411</v>
      </c>
      <c r="P6528" s="58">
        <f>IF(Input!$K$13=3,J6528*Input!$J$13,0)+IF(Input!$K$14=3,K6528*Input!$J$14,0)+IF(Input!$K$15=3,L6528*Input!$J$15,0)+IF(Input!$K$16=3,M6528*Input!$J$16,0)</f>
        <v>0</v>
      </c>
      <c r="Q6528" s="71">
        <f>IF(Input!$K$13=4,J6528*Input!$J$13,0)+IF(Input!$K$14=4,K6528*Input!$J$14,0)+IF(Input!$K$15=4,L6528*Input!$J$15,0)+IF(Input!$K$16=4,M6528*Input!$J$16,0)</f>
        <v>0</v>
      </c>
    </row>
    <row r="6529" spans="8:17" x14ac:dyDescent="0.25">
      <c r="H6529" s="43">
        <v>6522</v>
      </c>
      <c r="I6529" s="55">
        <f>Bühler!I6555</f>
        <v>0.40354898788443144</v>
      </c>
      <c r="J6529" s="58">
        <f>Bühler!J6555</f>
        <v>10.928770136594535</v>
      </c>
      <c r="K6529" s="58">
        <f>Bühler!K6555</f>
        <v>0.87802329280450453</v>
      </c>
      <c r="L6529" s="58">
        <f>Bühler!L6555</f>
        <v>0.43901164640225226</v>
      </c>
      <c r="M6529" s="57">
        <f>Bühler!M6555</f>
        <v>0</v>
      </c>
      <c r="N6529" s="55">
        <f>IF(Input!$K$13=1,J6529*Input!$J$13,0)+IF(Input!$K$14=1,K6529*Input!$J$14,0)+IF(Input!$K$15=1,L6529*Input!$J$15,0)+IF(Input!$K$16=1,M6529*Input!$J$16,0)</f>
        <v>1.3114524163913441</v>
      </c>
      <c r="O6529" s="58">
        <f>IF(Input!$K$13=2,J6529*Input!$J$13,0)+IF(Input!$K$14=2,K6529*Input!$J$14,0)+IF(Input!$K$15=2,L6529*Input!$J$15,0)+IF(Input!$K$16=2,M6529*Input!$J$16,0)</f>
        <v>0.11853314452860811</v>
      </c>
      <c r="P6529" s="58">
        <f>IF(Input!$K$13=3,J6529*Input!$J$13,0)+IF(Input!$K$14=3,K6529*Input!$J$14,0)+IF(Input!$K$15=3,L6529*Input!$J$15,0)+IF(Input!$K$16=3,M6529*Input!$J$16,0)</f>
        <v>0</v>
      </c>
      <c r="Q6529" s="71">
        <f>IF(Input!$K$13=4,J6529*Input!$J$13,0)+IF(Input!$K$14=4,K6529*Input!$J$14,0)+IF(Input!$K$15=4,L6529*Input!$J$15,0)+IF(Input!$K$16=4,M6529*Input!$J$16,0)</f>
        <v>0</v>
      </c>
    </row>
    <row r="6530" spans="8:17" x14ac:dyDescent="0.25">
      <c r="H6530" s="43">
        <v>6523</v>
      </c>
      <c r="I6530" s="55">
        <f>Bühler!I6556</f>
        <v>0.14892879314782592</v>
      </c>
      <c r="J6530" s="58">
        <f>Bühler!J6556</f>
        <v>6.8378072045196729</v>
      </c>
      <c r="K6530" s="58">
        <f>Bühler!K6556</f>
        <v>0.55874209542104836</v>
      </c>
      <c r="L6530" s="58">
        <f>Bühler!L6556</f>
        <v>0.27937104771052418</v>
      </c>
      <c r="M6530" s="57">
        <f>Bühler!M6556</f>
        <v>0</v>
      </c>
      <c r="N6530" s="55">
        <f>IF(Input!$K$13=1,J6530*Input!$J$13,0)+IF(Input!$K$14=1,K6530*Input!$J$14,0)+IF(Input!$K$15=1,L6530*Input!$J$15,0)+IF(Input!$K$16=1,M6530*Input!$J$16,0)</f>
        <v>0.82053686454236074</v>
      </c>
      <c r="O6530" s="58">
        <f>IF(Input!$K$13=2,J6530*Input!$J$13,0)+IF(Input!$K$14=2,K6530*Input!$J$14,0)+IF(Input!$K$15=2,L6530*Input!$J$15,0)+IF(Input!$K$16=2,M6530*Input!$J$16,0)</f>
        <v>7.5430182881841529E-2</v>
      </c>
      <c r="P6530" s="58">
        <f>IF(Input!$K$13=3,J6530*Input!$J$13,0)+IF(Input!$K$14=3,K6530*Input!$J$14,0)+IF(Input!$K$15=3,L6530*Input!$J$15,0)+IF(Input!$K$16=3,M6530*Input!$J$16,0)</f>
        <v>0</v>
      </c>
      <c r="Q6530" s="71">
        <f>IF(Input!$K$13=4,J6530*Input!$J$13,0)+IF(Input!$K$14=4,K6530*Input!$J$14,0)+IF(Input!$K$15=4,L6530*Input!$J$15,0)+IF(Input!$K$16=4,M6530*Input!$J$16,0)</f>
        <v>0</v>
      </c>
    </row>
    <row r="6531" spans="8:17" x14ac:dyDescent="0.25">
      <c r="H6531" s="43">
        <v>6524</v>
      </c>
      <c r="I6531" s="55">
        <f>Bühler!I6557</f>
        <v>0.14892879314782592</v>
      </c>
      <c r="J6531" s="58">
        <f>Bühler!J6557</f>
        <v>6.5198801722049344</v>
      </c>
      <c r="K6531" s="58">
        <f>Bühler!K6557</f>
        <v>0.5321353289724271</v>
      </c>
      <c r="L6531" s="58">
        <f>Bühler!L6557</f>
        <v>0.26606766448621355</v>
      </c>
      <c r="M6531" s="57">
        <f>Bühler!M6557</f>
        <v>0</v>
      </c>
      <c r="N6531" s="55">
        <f>IF(Input!$K$13=1,J6531*Input!$J$13,0)+IF(Input!$K$14=1,K6531*Input!$J$14,0)+IF(Input!$K$15=1,L6531*Input!$J$15,0)+IF(Input!$K$16=1,M6531*Input!$J$16,0)</f>
        <v>0.78238562066459205</v>
      </c>
      <c r="O6531" s="58">
        <f>IF(Input!$K$13=2,J6531*Input!$J$13,0)+IF(Input!$K$14=2,K6531*Input!$J$14,0)+IF(Input!$K$15=2,L6531*Input!$J$15,0)+IF(Input!$K$16=2,M6531*Input!$J$16,0)</f>
        <v>7.1838269411277661E-2</v>
      </c>
      <c r="P6531" s="58">
        <f>IF(Input!$K$13=3,J6531*Input!$J$13,0)+IF(Input!$K$14=3,K6531*Input!$J$14,0)+IF(Input!$K$15=3,L6531*Input!$J$15,0)+IF(Input!$K$16=3,M6531*Input!$J$16,0)</f>
        <v>0</v>
      </c>
      <c r="Q6531" s="71">
        <f>IF(Input!$K$13=4,J6531*Input!$J$13,0)+IF(Input!$K$14=4,K6531*Input!$J$14,0)+IF(Input!$K$15=4,L6531*Input!$J$15,0)+IF(Input!$K$16=4,M6531*Input!$J$16,0)</f>
        <v>0</v>
      </c>
    </row>
    <row r="6532" spans="8:17" x14ac:dyDescent="0.25">
      <c r="H6532" s="43">
        <v>6525</v>
      </c>
      <c r="I6532" s="55">
        <f>Bühler!I6558</f>
        <v>0.14892879314782592</v>
      </c>
      <c r="J6532" s="58">
        <f>Bühler!J6558</f>
        <v>6.5198801722049344</v>
      </c>
      <c r="K6532" s="58">
        <f>Bühler!K6558</f>
        <v>0.5321353289724271</v>
      </c>
      <c r="L6532" s="58">
        <f>Bühler!L6558</f>
        <v>0.26606766448621355</v>
      </c>
      <c r="M6532" s="57">
        <f>Bühler!M6558</f>
        <v>0</v>
      </c>
      <c r="N6532" s="55">
        <f>IF(Input!$K$13=1,J6532*Input!$J$13,0)+IF(Input!$K$14=1,K6532*Input!$J$14,0)+IF(Input!$K$15=1,L6532*Input!$J$15,0)+IF(Input!$K$16=1,M6532*Input!$J$16,0)</f>
        <v>0.78238562066459205</v>
      </c>
      <c r="O6532" s="58">
        <f>IF(Input!$K$13=2,J6532*Input!$J$13,0)+IF(Input!$K$14=2,K6532*Input!$J$14,0)+IF(Input!$K$15=2,L6532*Input!$J$15,0)+IF(Input!$K$16=2,M6532*Input!$J$16,0)</f>
        <v>7.1838269411277661E-2</v>
      </c>
      <c r="P6532" s="58">
        <f>IF(Input!$K$13=3,J6532*Input!$J$13,0)+IF(Input!$K$14=3,K6532*Input!$J$14,0)+IF(Input!$K$15=3,L6532*Input!$J$15,0)+IF(Input!$K$16=3,M6532*Input!$J$16,0)</f>
        <v>0</v>
      </c>
      <c r="Q6532" s="71">
        <f>IF(Input!$K$13=4,J6532*Input!$J$13,0)+IF(Input!$K$14=4,K6532*Input!$J$14,0)+IF(Input!$K$15=4,L6532*Input!$J$15,0)+IF(Input!$K$16=4,M6532*Input!$J$16,0)</f>
        <v>0</v>
      </c>
    </row>
    <row r="6533" spans="8:17" x14ac:dyDescent="0.25">
      <c r="H6533" s="43">
        <v>6526</v>
      </c>
      <c r="I6533" s="55">
        <f>Bühler!I6559</f>
        <v>0.14892879314782592</v>
      </c>
      <c r="J6533" s="58">
        <f>Bühler!J6559</f>
        <v>6.5198801722049344</v>
      </c>
      <c r="K6533" s="58">
        <f>Bühler!K6559</f>
        <v>0.5321353289724271</v>
      </c>
      <c r="L6533" s="58">
        <f>Bühler!L6559</f>
        <v>0.26606766448621355</v>
      </c>
      <c r="M6533" s="57">
        <f>Bühler!M6559</f>
        <v>0</v>
      </c>
      <c r="N6533" s="55">
        <f>IF(Input!$K$13=1,J6533*Input!$J$13,0)+IF(Input!$K$14=1,K6533*Input!$J$14,0)+IF(Input!$K$15=1,L6533*Input!$J$15,0)+IF(Input!$K$16=1,M6533*Input!$J$16,0)</f>
        <v>0.78238562066459205</v>
      </c>
      <c r="O6533" s="58">
        <f>IF(Input!$K$13=2,J6533*Input!$J$13,0)+IF(Input!$K$14=2,K6533*Input!$J$14,0)+IF(Input!$K$15=2,L6533*Input!$J$15,0)+IF(Input!$K$16=2,M6533*Input!$J$16,0)</f>
        <v>7.1838269411277661E-2</v>
      </c>
      <c r="P6533" s="58">
        <f>IF(Input!$K$13=3,J6533*Input!$J$13,0)+IF(Input!$K$14=3,K6533*Input!$J$14,0)+IF(Input!$K$15=3,L6533*Input!$J$15,0)+IF(Input!$K$16=3,M6533*Input!$J$16,0)</f>
        <v>0</v>
      </c>
      <c r="Q6533" s="71">
        <f>IF(Input!$K$13=4,J6533*Input!$J$13,0)+IF(Input!$K$14=4,K6533*Input!$J$14,0)+IF(Input!$K$15=4,L6533*Input!$J$15,0)+IF(Input!$K$16=4,M6533*Input!$J$16,0)</f>
        <v>0</v>
      </c>
    </row>
    <row r="6534" spans="8:17" x14ac:dyDescent="0.25">
      <c r="H6534" s="43">
        <v>6527</v>
      </c>
      <c r="I6534" s="55">
        <f>Bühler!I6560</f>
        <v>0.14892879314782592</v>
      </c>
      <c r="J6534" s="58">
        <f>Bühler!J6560</f>
        <v>6.5198801722049344</v>
      </c>
      <c r="K6534" s="58">
        <f>Bühler!K6560</f>
        <v>0.5321353289724271</v>
      </c>
      <c r="L6534" s="58">
        <f>Bühler!L6560</f>
        <v>0.26606766448621355</v>
      </c>
      <c r="M6534" s="57">
        <f>Bühler!M6560</f>
        <v>0</v>
      </c>
      <c r="N6534" s="55">
        <f>IF(Input!$K$13=1,J6534*Input!$J$13,0)+IF(Input!$K$14=1,K6534*Input!$J$14,0)+IF(Input!$K$15=1,L6534*Input!$J$15,0)+IF(Input!$K$16=1,M6534*Input!$J$16,0)</f>
        <v>0.78238562066459205</v>
      </c>
      <c r="O6534" s="58">
        <f>IF(Input!$K$13=2,J6534*Input!$J$13,0)+IF(Input!$K$14=2,K6534*Input!$J$14,0)+IF(Input!$K$15=2,L6534*Input!$J$15,0)+IF(Input!$K$16=2,M6534*Input!$J$16,0)</f>
        <v>7.1838269411277661E-2</v>
      </c>
      <c r="P6534" s="58">
        <f>IF(Input!$K$13=3,J6534*Input!$J$13,0)+IF(Input!$K$14=3,K6534*Input!$J$14,0)+IF(Input!$K$15=3,L6534*Input!$J$15,0)+IF(Input!$K$16=3,M6534*Input!$J$16,0)</f>
        <v>0</v>
      </c>
      <c r="Q6534" s="71">
        <f>IF(Input!$K$13=4,J6534*Input!$J$13,0)+IF(Input!$K$14=4,K6534*Input!$J$14,0)+IF(Input!$K$15=4,L6534*Input!$J$15,0)+IF(Input!$K$16=4,M6534*Input!$J$16,0)</f>
        <v>0</v>
      </c>
    </row>
    <row r="6535" spans="8:17" x14ac:dyDescent="0.25">
      <c r="H6535" s="43">
        <v>6528</v>
      </c>
      <c r="I6535" s="55">
        <f>Bühler!I6561</f>
        <v>0.14892879314782592</v>
      </c>
      <c r="J6535" s="58">
        <f>Bühler!J6561</f>
        <v>6.5198801722049344</v>
      </c>
      <c r="K6535" s="58">
        <f>Bühler!K6561</f>
        <v>0.5321353289724271</v>
      </c>
      <c r="L6535" s="58">
        <f>Bühler!L6561</f>
        <v>0.26606766448621355</v>
      </c>
      <c r="M6535" s="57">
        <f>Bühler!M6561</f>
        <v>0</v>
      </c>
      <c r="N6535" s="55">
        <f>IF(Input!$K$13=1,J6535*Input!$J$13,0)+IF(Input!$K$14=1,K6535*Input!$J$14,0)+IF(Input!$K$15=1,L6535*Input!$J$15,0)+IF(Input!$K$16=1,M6535*Input!$J$16,0)</f>
        <v>0.78238562066459205</v>
      </c>
      <c r="O6535" s="58">
        <f>IF(Input!$K$13=2,J6535*Input!$J$13,0)+IF(Input!$K$14=2,K6535*Input!$J$14,0)+IF(Input!$K$15=2,L6535*Input!$J$15,0)+IF(Input!$K$16=2,M6535*Input!$J$16,0)</f>
        <v>7.1838269411277661E-2</v>
      </c>
      <c r="P6535" s="58">
        <f>IF(Input!$K$13=3,J6535*Input!$J$13,0)+IF(Input!$K$14=3,K6535*Input!$J$14,0)+IF(Input!$K$15=3,L6535*Input!$J$15,0)+IF(Input!$K$16=3,M6535*Input!$J$16,0)</f>
        <v>0</v>
      </c>
      <c r="Q6535" s="71">
        <f>IF(Input!$K$13=4,J6535*Input!$J$13,0)+IF(Input!$K$14=4,K6535*Input!$J$14,0)+IF(Input!$K$15=4,L6535*Input!$J$15,0)+IF(Input!$K$16=4,M6535*Input!$J$16,0)</f>
        <v>0</v>
      </c>
    </row>
    <row r="6536" spans="8:17" x14ac:dyDescent="0.25">
      <c r="H6536" s="43">
        <v>6529</v>
      </c>
      <c r="I6536" s="55">
        <f>Bühler!I6562</f>
        <v>0.13416268880335844</v>
      </c>
      <c r="J6536" s="58">
        <f>Bühler!J6562</f>
        <v>4.7921142935110721</v>
      </c>
      <c r="K6536" s="58">
        <f>Bühler!K6562</f>
        <v>0.24261358523101642</v>
      </c>
      <c r="L6536" s="58">
        <f>Bühler!L6562</f>
        <v>0.12130679261550821</v>
      </c>
      <c r="M6536" s="57">
        <f>Bühler!M6562</f>
        <v>0</v>
      </c>
      <c r="N6536" s="55">
        <f>IF(Input!$K$13=1,J6536*Input!$J$13,0)+IF(Input!$K$14=1,K6536*Input!$J$14,0)+IF(Input!$K$15=1,L6536*Input!$J$15,0)+IF(Input!$K$16=1,M6536*Input!$J$16,0)</f>
        <v>0.57505371522132864</v>
      </c>
      <c r="O6536" s="58">
        <f>IF(Input!$K$13=2,J6536*Input!$J$13,0)+IF(Input!$K$14=2,K6536*Input!$J$14,0)+IF(Input!$K$15=2,L6536*Input!$J$15,0)+IF(Input!$K$16=2,M6536*Input!$J$16,0)</f>
        <v>3.2752834006187212E-2</v>
      </c>
      <c r="P6536" s="58">
        <f>IF(Input!$K$13=3,J6536*Input!$J$13,0)+IF(Input!$K$14=3,K6536*Input!$J$14,0)+IF(Input!$K$15=3,L6536*Input!$J$15,0)+IF(Input!$K$16=3,M6536*Input!$J$16,0)</f>
        <v>0</v>
      </c>
      <c r="Q6536" s="71">
        <f>IF(Input!$K$13=4,J6536*Input!$J$13,0)+IF(Input!$K$14=4,K6536*Input!$J$14,0)+IF(Input!$K$15=4,L6536*Input!$J$15,0)+IF(Input!$K$16=4,M6536*Input!$J$16,0)</f>
        <v>0</v>
      </c>
    </row>
    <row r="6537" spans="8:17" x14ac:dyDescent="0.25">
      <c r="H6537" s="43">
        <v>6530</v>
      </c>
      <c r="I6537" s="55">
        <f>Bühler!I6563</f>
        <v>0.2619366781398903</v>
      </c>
      <c r="J6537" s="58">
        <f>Bühler!J6563</f>
        <v>4.3934538441113302</v>
      </c>
      <c r="K6537" s="58">
        <f>Bühler!K6563</f>
        <v>0.21835222670791476</v>
      </c>
      <c r="L6537" s="58">
        <f>Bühler!L6563</f>
        <v>0.10917611335395738</v>
      </c>
      <c r="M6537" s="57">
        <f>Bühler!M6563</f>
        <v>0</v>
      </c>
      <c r="N6537" s="55">
        <f>IF(Input!$K$13=1,J6537*Input!$J$13,0)+IF(Input!$K$14=1,K6537*Input!$J$14,0)+IF(Input!$K$15=1,L6537*Input!$J$15,0)+IF(Input!$K$16=1,M6537*Input!$J$16,0)</f>
        <v>0.52721446129335958</v>
      </c>
      <c r="O6537" s="58">
        <f>IF(Input!$K$13=2,J6537*Input!$J$13,0)+IF(Input!$K$14=2,K6537*Input!$J$14,0)+IF(Input!$K$15=2,L6537*Input!$J$15,0)+IF(Input!$K$16=2,M6537*Input!$J$16,0)</f>
        <v>2.9477550605568489E-2</v>
      </c>
      <c r="P6537" s="58">
        <f>IF(Input!$K$13=3,J6537*Input!$J$13,0)+IF(Input!$K$14=3,K6537*Input!$J$14,0)+IF(Input!$K$15=3,L6537*Input!$J$15,0)+IF(Input!$K$16=3,M6537*Input!$J$16,0)</f>
        <v>0</v>
      </c>
      <c r="Q6537" s="71">
        <f>IF(Input!$K$13=4,J6537*Input!$J$13,0)+IF(Input!$K$14=4,K6537*Input!$J$14,0)+IF(Input!$K$15=4,L6537*Input!$J$15,0)+IF(Input!$K$16=4,M6537*Input!$J$16,0)</f>
        <v>0</v>
      </c>
    </row>
    <row r="6538" spans="8:17" x14ac:dyDescent="0.25">
      <c r="H6538" s="43">
        <v>6531</v>
      </c>
      <c r="I6538" s="55">
        <f>Bühler!I6564</f>
        <v>0.2619366781398903</v>
      </c>
      <c r="J6538" s="58">
        <f>Bühler!J6564</f>
        <v>4.3934538441113302</v>
      </c>
      <c r="K6538" s="58">
        <f>Bühler!K6564</f>
        <v>0.21835222670791476</v>
      </c>
      <c r="L6538" s="58">
        <f>Bühler!L6564</f>
        <v>0.10917611335395738</v>
      </c>
      <c r="M6538" s="57">
        <f>Bühler!M6564</f>
        <v>0</v>
      </c>
      <c r="N6538" s="55">
        <f>IF(Input!$K$13=1,J6538*Input!$J$13,0)+IF(Input!$K$14=1,K6538*Input!$J$14,0)+IF(Input!$K$15=1,L6538*Input!$J$15,0)+IF(Input!$K$16=1,M6538*Input!$J$16,0)</f>
        <v>0.52721446129335958</v>
      </c>
      <c r="O6538" s="58">
        <f>IF(Input!$K$13=2,J6538*Input!$J$13,0)+IF(Input!$K$14=2,K6538*Input!$J$14,0)+IF(Input!$K$15=2,L6538*Input!$J$15,0)+IF(Input!$K$16=2,M6538*Input!$J$16,0)</f>
        <v>2.9477550605568489E-2</v>
      </c>
      <c r="P6538" s="58">
        <f>IF(Input!$K$13=3,J6538*Input!$J$13,0)+IF(Input!$K$14=3,K6538*Input!$J$14,0)+IF(Input!$K$15=3,L6538*Input!$J$15,0)+IF(Input!$K$16=3,M6538*Input!$J$16,0)</f>
        <v>0</v>
      </c>
      <c r="Q6538" s="71">
        <f>IF(Input!$K$13=4,J6538*Input!$J$13,0)+IF(Input!$K$14=4,K6538*Input!$J$14,0)+IF(Input!$K$15=4,L6538*Input!$J$15,0)+IF(Input!$K$16=4,M6538*Input!$J$16,0)</f>
        <v>0</v>
      </c>
    </row>
    <row r="6539" spans="8:17" x14ac:dyDescent="0.25">
      <c r="H6539" s="43">
        <v>6532</v>
      </c>
      <c r="I6539" s="55">
        <f>Bühler!I6565</f>
        <v>0.2619366781398903</v>
      </c>
      <c r="J6539" s="58">
        <f>Bühler!J6565</f>
        <v>4.3934538441113302</v>
      </c>
      <c r="K6539" s="58">
        <f>Bühler!K6565</f>
        <v>0.21835222670791476</v>
      </c>
      <c r="L6539" s="58">
        <f>Bühler!L6565</f>
        <v>0.10917611335395738</v>
      </c>
      <c r="M6539" s="57">
        <f>Bühler!M6565</f>
        <v>0</v>
      </c>
      <c r="N6539" s="55">
        <f>IF(Input!$K$13=1,J6539*Input!$J$13,0)+IF(Input!$K$14=1,K6539*Input!$J$14,0)+IF(Input!$K$15=1,L6539*Input!$J$15,0)+IF(Input!$K$16=1,M6539*Input!$J$16,0)</f>
        <v>0.52721446129335958</v>
      </c>
      <c r="O6539" s="58">
        <f>IF(Input!$K$13=2,J6539*Input!$J$13,0)+IF(Input!$K$14=2,K6539*Input!$J$14,0)+IF(Input!$K$15=2,L6539*Input!$J$15,0)+IF(Input!$K$16=2,M6539*Input!$J$16,0)</f>
        <v>2.9477550605568489E-2</v>
      </c>
      <c r="P6539" s="58">
        <f>IF(Input!$K$13=3,J6539*Input!$J$13,0)+IF(Input!$K$14=3,K6539*Input!$J$14,0)+IF(Input!$K$15=3,L6539*Input!$J$15,0)+IF(Input!$K$16=3,M6539*Input!$J$16,0)</f>
        <v>0</v>
      </c>
      <c r="Q6539" s="71">
        <f>IF(Input!$K$13=4,J6539*Input!$J$13,0)+IF(Input!$K$14=4,K6539*Input!$J$14,0)+IF(Input!$K$15=4,L6539*Input!$J$15,0)+IF(Input!$K$16=4,M6539*Input!$J$16,0)</f>
        <v>0</v>
      </c>
    </row>
    <row r="6540" spans="8:17" x14ac:dyDescent="0.25">
      <c r="H6540" s="43">
        <v>6533</v>
      </c>
      <c r="I6540" s="55">
        <f>Bühler!I6566</f>
        <v>0.2619366781398903</v>
      </c>
      <c r="J6540" s="58">
        <f>Bühler!J6566</f>
        <v>4.3934538441113302</v>
      </c>
      <c r="K6540" s="58">
        <f>Bühler!K6566</f>
        <v>0.21835222670791476</v>
      </c>
      <c r="L6540" s="58">
        <f>Bühler!L6566</f>
        <v>0.10917611335395738</v>
      </c>
      <c r="M6540" s="57">
        <f>Bühler!M6566</f>
        <v>0</v>
      </c>
      <c r="N6540" s="55">
        <f>IF(Input!$K$13=1,J6540*Input!$J$13,0)+IF(Input!$K$14=1,K6540*Input!$J$14,0)+IF(Input!$K$15=1,L6540*Input!$J$15,0)+IF(Input!$K$16=1,M6540*Input!$J$16,0)</f>
        <v>0.52721446129335958</v>
      </c>
      <c r="O6540" s="58">
        <f>IF(Input!$K$13=2,J6540*Input!$J$13,0)+IF(Input!$K$14=2,K6540*Input!$J$14,0)+IF(Input!$K$15=2,L6540*Input!$J$15,0)+IF(Input!$K$16=2,M6540*Input!$J$16,0)</f>
        <v>2.9477550605568489E-2</v>
      </c>
      <c r="P6540" s="58">
        <f>IF(Input!$K$13=3,J6540*Input!$J$13,0)+IF(Input!$K$14=3,K6540*Input!$J$14,0)+IF(Input!$K$15=3,L6540*Input!$J$15,0)+IF(Input!$K$16=3,M6540*Input!$J$16,0)</f>
        <v>0</v>
      </c>
      <c r="Q6540" s="71">
        <f>IF(Input!$K$13=4,J6540*Input!$J$13,0)+IF(Input!$K$14=4,K6540*Input!$J$14,0)+IF(Input!$K$15=4,L6540*Input!$J$15,0)+IF(Input!$K$16=4,M6540*Input!$J$16,0)</f>
        <v>0</v>
      </c>
    </row>
    <row r="6541" spans="8:17" x14ac:dyDescent="0.25">
      <c r="H6541" s="43">
        <v>6534</v>
      </c>
      <c r="I6541" s="55">
        <f>Bühler!I6567</f>
        <v>0.32582367280815622</v>
      </c>
      <c r="J6541" s="58">
        <f>Bühler!J6567</f>
        <v>4.396115802222508</v>
      </c>
      <c r="K6541" s="58">
        <f>Bühler!K6567</f>
        <v>0.21835222670791476</v>
      </c>
      <c r="L6541" s="58">
        <f>Bühler!L6567</f>
        <v>0.10917611335395738</v>
      </c>
      <c r="M6541" s="57">
        <f>Bühler!M6567</f>
        <v>0</v>
      </c>
      <c r="N6541" s="55">
        <f>IF(Input!$K$13=1,J6541*Input!$J$13,0)+IF(Input!$K$14=1,K6541*Input!$J$14,0)+IF(Input!$K$15=1,L6541*Input!$J$15,0)+IF(Input!$K$16=1,M6541*Input!$J$16,0)</f>
        <v>0.52753389626670089</v>
      </c>
      <c r="O6541" s="58">
        <f>IF(Input!$K$13=2,J6541*Input!$J$13,0)+IF(Input!$K$14=2,K6541*Input!$J$14,0)+IF(Input!$K$15=2,L6541*Input!$J$15,0)+IF(Input!$K$16=2,M6541*Input!$J$16,0)</f>
        <v>2.9477550605568489E-2</v>
      </c>
      <c r="P6541" s="58">
        <f>IF(Input!$K$13=3,J6541*Input!$J$13,0)+IF(Input!$K$14=3,K6541*Input!$J$14,0)+IF(Input!$K$15=3,L6541*Input!$J$15,0)+IF(Input!$K$16=3,M6541*Input!$J$16,0)</f>
        <v>0</v>
      </c>
      <c r="Q6541" s="71">
        <f>IF(Input!$K$13=4,J6541*Input!$J$13,0)+IF(Input!$K$14=4,K6541*Input!$J$14,0)+IF(Input!$K$15=4,L6541*Input!$J$15,0)+IF(Input!$K$16=4,M6541*Input!$J$16,0)</f>
        <v>0</v>
      </c>
    </row>
    <row r="6542" spans="8:17" x14ac:dyDescent="0.25">
      <c r="H6542" s="43">
        <v>6535</v>
      </c>
      <c r="I6542" s="55">
        <f>Bühler!I6568</f>
        <v>0.40887676587690197</v>
      </c>
      <c r="J6542" s="58">
        <f>Bühler!J6568</f>
        <v>4.3995763477670389</v>
      </c>
      <c r="K6542" s="58">
        <f>Bühler!K6568</f>
        <v>0.21835222670791476</v>
      </c>
      <c r="L6542" s="58">
        <f>Bühler!L6568</f>
        <v>0.10917611335395738</v>
      </c>
      <c r="M6542" s="57">
        <f>Bühler!M6568</f>
        <v>0</v>
      </c>
      <c r="N6542" s="55">
        <f>IF(Input!$K$13=1,J6542*Input!$J$13,0)+IF(Input!$K$14=1,K6542*Input!$J$14,0)+IF(Input!$K$15=1,L6542*Input!$J$15,0)+IF(Input!$K$16=1,M6542*Input!$J$16,0)</f>
        <v>0.52794916173204465</v>
      </c>
      <c r="O6542" s="58">
        <f>IF(Input!$K$13=2,J6542*Input!$J$13,0)+IF(Input!$K$14=2,K6542*Input!$J$14,0)+IF(Input!$K$15=2,L6542*Input!$J$15,0)+IF(Input!$K$16=2,M6542*Input!$J$16,0)</f>
        <v>2.9477550605568489E-2</v>
      </c>
      <c r="P6542" s="58">
        <f>IF(Input!$K$13=3,J6542*Input!$J$13,0)+IF(Input!$K$14=3,K6542*Input!$J$14,0)+IF(Input!$K$15=3,L6542*Input!$J$15,0)+IF(Input!$K$16=3,M6542*Input!$J$16,0)</f>
        <v>0</v>
      </c>
      <c r="Q6542" s="71">
        <f>IF(Input!$K$13=4,J6542*Input!$J$13,0)+IF(Input!$K$14=4,K6542*Input!$J$14,0)+IF(Input!$K$15=4,L6542*Input!$J$15,0)+IF(Input!$K$16=4,M6542*Input!$J$16,0)</f>
        <v>0</v>
      </c>
    </row>
    <row r="6543" spans="8:17" x14ac:dyDescent="0.25">
      <c r="H6543" s="43">
        <v>6536</v>
      </c>
      <c r="I6543" s="55">
        <f>Bühler!I6569</f>
        <v>0.46637506107834126</v>
      </c>
      <c r="J6543" s="58">
        <f>Bühler!J6569</f>
        <v>4.4019721100670992</v>
      </c>
      <c r="K6543" s="58">
        <f>Bühler!K6569</f>
        <v>0.21835222670791476</v>
      </c>
      <c r="L6543" s="58">
        <f>Bühler!L6569</f>
        <v>0.10917611335395738</v>
      </c>
      <c r="M6543" s="57">
        <f>Bühler!M6569</f>
        <v>0</v>
      </c>
      <c r="N6543" s="55">
        <f>IF(Input!$K$13=1,J6543*Input!$J$13,0)+IF(Input!$K$14=1,K6543*Input!$J$14,0)+IF(Input!$K$15=1,L6543*Input!$J$15,0)+IF(Input!$K$16=1,M6543*Input!$J$16,0)</f>
        <v>0.52823665320805191</v>
      </c>
      <c r="O6543" s="58">
        <f>IF(Input!$K$13=2,J6543*Input!$J$13,0)+IF(Input!$K$14=2,K6543*Input!$J$14,0)+IF(Input!$K$15=2,L6543*Input!$J$15,0)+IF(Input!$K$16=2,M6543*Input!$J$16,0)</f>
        <v>2.9477550605568489E-2</v>
      </c>
      <c r="P6543" s="58">
        <f>IF(Input!$K$13=3,J6543*Input!$J$13,0)+IF(Input!$K$14=3,K6543*Input!$J$14,0)+IF(Input!$K$15=3,L6543*Input!$J$15,0)+IF(Input!$K$16=3,M6543*Input!$J$16,0)</f>
        <v>0</v>
      </c>
      <c r="Q6543" s="71">
        <f>IF(Input!$K$13=4,J6543*Input!$J$13,0)+IF(Input!$K$14=4,K6543*Input!$J$14,0)+IF(Input!$K$15=4,L6543*Input!$J$15,0)+IF(Input!$K$16=4,M6543*Input!$J$16,0)</f>
        <v>0</v>
      </c>
    </row>
    <row r="6544" spans="8:17" x14ac:dyDescent="0.25">
      <c r="H6544" s="43">
        <v>6537</v>
      </c>
      <c r="I6544" s="55">
        <f>Bühler!I6570</f>
        <v>0.46637506107834126</v>
      </c>
      <c r="J6544" s="58">
        <f>Bühler!J6570</f>
        <v>4.4019721100670992</v>
      </c>
      <c r="K6544" s="58">
        <f>Bühler!K6570</f>
        <v>0.21835222670791476</v>
      </c>
      <c r="L6544" s="58">
        <f>Bühler!L6570</f>
        <v>0.10917611335395738</v>
      </c>
      <c r="M6544" s="57">
        <f>Bühler!M6570</f>
        <v>0</v>
      </c>
      <c r="N6544" s="55">
        <f>IF(Input!$K$13=1,J6544*Input!$J$13,0)+IF(Input!$K$14=1,K6544*Input!$J$14,0)+IF(Input!$K$15=1,L6544*Input!$J$15,0)+IF(Input!$K$16=1,M6544*Input!$J$16,0)</f>
        <v>0.52823665320805191</v>
      </c>
      <c r="O6544" s="58">
        <f>IF(Input!$K$13=2,J6544*Input!$J$13,0)+IF(Input!$K$14=2,K6544*Input!$J$14,0)+IF(Input!$K$15=2,L6544*Input!$J$15,0)+IF(Input!$K$16=2,M6544*Input!$J$16,0)</f>
        <v>2.9477550605568489E-2</v>
      </c>
      <c r="P6544" s="58">
        <f>IF(Input!$K$13=3,J6544*Input!$J$13,0)+IF(Input!$K$14=3,K6544*Input!$J$14,0)+IF(Input!$K$15=3,L6544*Input!$J$15,0)+IF(Input!$K$16=3,M6544*Input!$J$16,0)</f>
        <v>0</v>
      </c>
      <c r="Q6544" s="71">
        <f>IF(Input!$K$13=4,J6544*Input!$J$13,0)+IF(Input!$K$14=4,K6544*Input!$J$14,0)+IF(Input!$K$15=4,L6544*Input!$J$15,0)+IF(Input!$K$16=4,M6544*Input!$J$16,0)</f>
        <v>0</v>
      </c>
    </row>
    <row r="6545" spans="8:17" x14ac:dyDescent="0.25">
      <c r="H6545" s="43">
        <v>6538</v>
      </c>
      <c r="I6545" s="55">
        <f>Bühler!I6571</f>
        <v>0.46637506107834126</v>
      </c>
      <c r="J6545" s="58">
        <f>Bühler!J6571</f>
        <v>4.4019721100670992</v>
      </c>
      <c r="K6545" s="58">
        <f>Bühler!K6571</f>
        <v>0.21835222670791476</v>
      </c>
      <c r="L6545" s="58">
        <f>Bühler!L6571</f>
        <v>0.10917611335395738</v>
      </c>
      <c r="M6545" s="57">
        <f>Bühler!M6571</f>
        <v>0</v>
      </c>
      <c r="N6545" s="55">
        <f>IF(Input!$K$13=1,J6545*Input!$J$13,0)+IF(Input!$K$14=1,K6545*Input!$J$14,0)+IF(Input!$K$15=1,L6545*Input!$J$15,0)+IF(Input!$K$16=1,M6545*Input!$J$16,0)</f>
        <v>0.52823665320805191</v>
      </c>
      <c r="O6545" s="58">
        <f>IF(Input!$K$13=2,J6545*Input!$J$13,0)+IF(Input!$K$14=2,K6545*Input!$J$14,0)+IF(Input!$K$15=2,L6545*Input!$J$15,0)+IF(Input!$K$16=2,M6545*Input!$J$16,0)</f>
        <v>2.9477550605568489E-2</v>
      </c>
      <c r="P6545" s="58">
        <f>IF(Input!$K$13=3,J6545*Input!$J$13,0)+IF(Input!$K$14=3,K6545*Input!$J$14,0)+IF(Input!$K$15=3,L6545*Input!$J$15,0)+IF(Input!$K$16=3,M6545*Input!$J$16,0)</f>
        <v>0</v>
      </c>
      <c r="Q6545" s="71">
        <f>IF(Input!$K$13=4,J6545*Input!$J$13,0)+IF(Input!$K$14=4,K6545*Input!$J$14,0)+IF(Input!$K$15=4,L6545*Input!$J$15,0)+IF(Input!$K$16=4,M6545*Input!$J$16,0)</f>
        <v>0</v>
      </c>
    </row>
    <row r="6546" spans="8:17" x14ac:dyDescent="0.25">
      <c r="H6546" s="43">
        <v>6539</v>
      </c>
      <c r="I6546" s="55">
        <f>Bühler!I6572</f>
        <v>0.46637506107834126</v>
      </c>
      <c r="J6546" s="58">
        <f>Bühler!J6572</f>
        <v>4.4019721100670992</v>
      </c>
      <c r="K6546" s="58">
        <f>Bühler!K6572</f>
        <v>0.21835222670791476</v>
      </c>
      <c r="L6546" s="58">
        <f>Bühler!L6572</f>
        <v>0.10917611335395738</v>
      </c>
      <c r="M6546" s="57">
        <f>Bühler!M6572</f>
        <v>0</v>
      </c>
      <c r="N6546" s="55">
        <f>IF(Input!$K$13=1,J6546*Input!$J$13,0)+IF(Input!$K$14=1,K6546*Input!$J$14,0)+IF(Input!$K$15=1,L6546*Input!$J$15,0)+IF(Input!$K$16=1,M6546*Input!$J$16,0)</f>
        <v>0.52823665320805191</v>
      </c>
      <c r="O6546" s="58">
        <f>IF(Input!$K$13=2,J6546*Input!$J$13,0)+IF(Input!$K$14=2,K6546*Input!$J$14,0)+IF(Input!$K$15=2,L6546*Input!$J$15,0)+IF(Input!$K$16=2,M6546*Input!$J$16,0)</f>
        <v>2.9477550605568489E-2</v>
      </c>
      <c r="P6546" s="58">
        <f>IF(Input!$K$13=3,J6546*Input!$J$13,0)+IF(Input!$K$14=3,K6546*Input!$J$14,0)+IF(Input!$K$15=3,L6546*Input!$J$15,0)+IF(Input!$K$16=3,M6546*Input!$J$16,0)</f>
        <v>0</v>
      </c>
      <c r="Q6546" s="71">
        <f>IF(Input!$K$13=4,J6546*Input!$J$13,0)+IF(Input!$K$14=4,K6546*Input!$J$14,0)+IF(Input!$K$15=4,L6546*Input!$J$15,0)+IF(Input!$K$16=4,M6546*Input!$J$16,0)</f>
        <v>0</v>
      </c>
    </row>
    <row r="6547" spans="8:17" x14ac:dyDescent="0.25">
      <c r="H6547" s="43">
        <v>6540</v>
      </c>
      <c r="I6547" s="55">
        <f>Bühler!I6573</f>
        <v>0.46637506107834126</v>
      </c>
      <c r="J6547" s="58">
        <f>Bühler!J6573</f>
        <v>4.4019721100670992</v>
      </c>
      <c r="K6547" s="58">
        <f>Bühler!K6573</f>
        <v>0.21835222670791476</v>
      </c>
      <c r="L6547" s="58">
        <f>Bühler!L6573</f>
        <v>0.10917611335395738</v>
      </c>
      <c r="M6547" s="57">
        <f>Bühler!M6573</f>
        <v>0</v>
      </c>
      <c r="N6547" s="55">
        <f>IF(Input!$K$13=1,J6547*Input!$J$13,0)+IF(Input!$K$14=1,K6547*Input!$J$14,0)+IF(Input!$K$15=1,L6547*Input!$J$15,0)+IF(Input!$K$16=1,M6547*Input!$J$16,0)</f>
        <v>0.52823665320805191</v>
      </c>
      <c r="O6547" s="58">
        <f>IF(Input!$K$13=2,J6547*Input!$J$13,0)+IF(Input!$K$14=2,K6547*Input!$J$14,0)+IF(Input!$K$15=2,L6547*Input!$J$15,0)+IF(Input!$K$16=2,M6547*Input!$J$16,0)</f>
        <v>2.9477550605568489E-2</v>
      </c>
      <c r="P6547" s="58">
        <f>IF(Input!$K$13=3,J6547*Input!$J$13,0)+IF(Input!$K$14=3,K6547*Input!$J$14,0)+IF(Input!$K$15=3,L6547*Input!$J$15,0)+IF(Input!$K$16=3,M6547*Input!$J$16,0)</f>
        <v>0</v>
      </c>
      <c r="Q6547" s="71">
        <f>IF(Input!$K$13=4,J6547*Input!$J$13,0)+IF(Input!$K$14=4,K6547*Input!$J$14,0)+IF(Input!$K$15=4,L6547*Input!$J$15,0)+IF(Input!$K$16=4,M6547*Input!$J$16,0)</f>
        <v>0</v>
      </c>
    </row>
    <row r="6548" spans="8:17" x14ac:dyDescent="0.25">
      <c r="H6548" s="43">
        <v>6541</v>
      </c>
      <c r="I6548" s="55">
        <f>Bühler!I6574</f>
        <v>0.46637506107834126</v>
      </c>
      <c r="J6548" s="58">
        <f>Bühler!J6574</f>
        <v>4.4019721100670992</v>
      </c>
      <c r="K6548" s="58">
        <f>Bühler!K6574</f>
        <v>0.21835222670791476</v>
      </c>
      <c r="L6548" s="58">
        <f>Bühler!L6574</f>
        <v>0.10917611335395738</v>
      </c>
      <c r="M6548" s="57">
        <f>Bühler!M6574</f>
        <v>0</v>
      </c>
      <c r="N6548" s="55">
        <f>IF(Input!$K$13=1,J6548*Input!$J$13,0)+IF(Input!$K$14=1,K6548*Input!$J$14,0)+IF(Input!$K$15=1,L6548*Input!$J$15,0)+IF(Input!$K$16=1,M6548*Input!$J$16,0)</f>
        <v>0.52823665320805191</v>
      </c>
      <c r="O6548" s="58">
        <f>IF(Input!$K$13=2,J6548*Input!$J$13,0)+IF(Input!$K$14=2,K6548*Input!$J$14,0)+IF(Input!$K$15=2,L6548*Input!$J$15,0)+IF(Input!$K$16=2,M6548*Input!$J$16,0)</f>
        <v>2.9477550605568489E-2</v>
      </c>
      <c r="P6548" s="58">
        <f>IF(Input!$K$13=3,J6548*Input!$J$13,0)+IF(Input!$K$14=3,K6548*Input!$J$14,0)+IF(Input!$K$15=3,L6548*Input!$J$15,0)+IF(Input!$K$16=3,M6548*Input!$J$16,0)</f>
        <v>0</v>
      </c>
      <c r="Q6548" s="71">
        <f>IF(Input!$K$13=4,J6548*Input!$J$13,0)+IF(Input!$K$14=4,K6548*Input!$J$14,0)+IF(Input!$K$15=4,L6548*Input!$J$15,0)+IF(Input!$K$16=4,M6548*Input!$J$16,0)</f>
        <v>0</v>
      </c>
    </row>
    <row r="6549" spans="8:17" x14ac:dyDescent="0.25">
      <c r="H6549" s="43">
        <v>6542</v>
      </c>
      <c r="I6549" s="55">
        <f>Bühler!I6575</f>
        <v>0.46637506107834126</v>
      </c>
      <c r="J6549" s="58">
        <f>Bühler!J6575</f>
        <v>4.4019721100670992</v>
      </c>
      <c r="K6549" s="58">
        <f>Bühler!K6575</f>
        <v>0.21835222670791476</v>
      </c>
      <c r="L6549" s="58">
        <f>Bühler!L6575</f>
        <v>0.10917611335395738</v>
      </c>
      <c r="M6549" s="57">
        <f>Bühler!M6575</f>
        <v>0</v>
      </c>
      <c r="N6549" s="55">
        <f>IF(Input!$K$13=1,J6549*Input!$J$13,0)+IF(Input!$K$14=1,K6549*Input!$J$14,0)+IF(Input!$K$15=1,L6549*Input!$J$15,0)+IF(Input!$K$16=1,M6549*Input!$J$16,0)</f>
        <v>0.52823665320805191</v>
      </c>
      <c r="O6549" s="58">
        <f>IF(Input!$K$13=2,J6549*Input!$J$13,0)+IF(Input!$K$14=2,K6549*Input!$J$14,0)+IF(Input!$K$15=2,L6549*Input!$J$15,0)+IF(Input!$K$16=2,M6549*Input!$J$16,0)</f>
        <v>2.9477550605568489E-2</v>
      </c>
      <c r="P6549" s="58">
        <f>IF(Input!$K$13=3,J6549*Input!$J$13,0)+IF(Input!$K$14=3,K6549*Input!$J$14,0)+IF(Input!$K$15=3,L6549*Input!$J$15,0)+IF(Input!$K$16=3,M6549*Input!$J$16,0)</f>
        <v>0</v>
      </c>
      <c r="Q6549" s="71">
        <f>IF(Input!$K$13=4,J6549*Input!$J$13,0)+IF(Input!$K$14=4,K6549*Input!$J$14,0)+IF(Input!$K$15=4,L6549*Input!$J$15,0)+IF(Input!$K$16=4,M6549*Input!$J$16,0)</f>
        <v>0</v>
      </c>
    </row>
    <row r="6550" spans="8:17" x14ac:dyDescent="0.25">
      <c r="H6550" s="43">
        <v>6543</v>
      </c>
      <c r="I6550" s="55">
        <f>Bühler!I6576</f>
        <v>0.46637506107834126</v>
      </c>
      <c r="J6550" s="58">
        <f>Bühler!J6576</f>
        <v>4.4019721100670992</v>
      </c>
      <c r="K6550" s="58">
        <f>Bühler!K6576</f>
        <v>0.21835222670791476</v>
      </c>
      <c r="L6550" s="58">
        <f>Bühler!L6576</f>
        <v>0.10917611335395738</v>
      </c>
      <c r="M6550" s="57">
        <f>Bühler!M6576</f>
        <v>0</v>
      </c>
      <c r="N6550" s="55">
        <f>IF(Input!$K$13=1,J6550*Input!$J$13,0)+IF(Input!$K$14=1,K6550*Input!$J$14,0)+IF(Input!$K$15=1,L6550*Input!$J$15,0)+IF(Input!$K$16=1,M6550*Input!$J$16,0)</f>
        <v>0.52823665320805191</v>
      </c>
      <c r="O6550" s="58">
        <f>IF(Input!$K$13=2,J6550*Input!$J$13,0)+IF(Input!$K$14=2,K6550*Input!$J$14,0)+IF(Input!$K$15=2,L6550*Input!$J$15,0)+IF(Input!$K$16=2,M6550*Input!$J$16,0)</f>
        <v>2.9477550605568489E-2</v>
      </c>
      <c r="P6550" s="58">
        <f>IF(Input!$K$13=3,J6550*Input!$J$13,0)+IF(Input!$K$14=3,K6550*Input!$J$14,0)+IF(Input!$K$15=3,L6550*Input!$J$15,0)+IF(Input!$K$16=3,M6550*Input!$J$16,0)</f>
        <v>0</v>
      </c>
      <c r="Q6550" s="71">
        <f>IF(Input!$K$13=4,J6550*Input!$J$13,0)+IF(Input!$K$14=4,K6550*Input!$J$14,0)+IF(Input!$K$15=4,L6550*Input!$J$15,0)+IF(Input!$K$16=4,M6550*Input!$J$16,0)</f>
        <v>0</v>
      </c>
    </row>
    <row r="6551" spans="8:17" x14ac:dyDescent="0.25">
      <c r="H6551" s="43">
        <v>6544</v>
      </c>
      <c r="I6551" s="55">
        <f>Bühler!I6577</f>
        <v>0.42165416481055512</v>
      </c>
      <c r="J6551" s="58">
        <f>Bühler!J6577</f>
        <v>4.4001087393892746</v>
      </c>
      <c r="K6551" s="58">
        <f>Bühler!K6577</f>
        <v>0.21835222670791476</v>
      </c>
      <c r="L6551" s="58">
        <f>Bühler!L6577</f>
        <v>0.10917611335395738</v>
      </c>
      <c r="M6551" s="57">
        <f>Bühler!M6577</f>
        <v>0</v>
      </c>
      <c r="N6551" s="55">
        <f>IF(Input!$K$13=1,J6551*Input!$J$13,0)+IF(Input!$K$14=1,K6551*Input!$J$14,0)+IF(Input!$K$15=1,L6551*Input!$J$15,0)+IF(Input!$K$16=1,M6551*Input!$J$16,0)</f>
        <v>0.52801304872671295</v>
      </c>
      <c r="O6551" s="58">
        <f>IF(Input!$K$13=2,J6551*Input!$J$13,0)+IF(Input!$K$14=2,K6551*Input!$J$14,0)+IF(Input!$K$15=2,L6551*Input!$J$15,0)+IF(Input!$K$16=2,M6551*Input!$J$16,0)</f>
        <v>2.9477550605568489E-2</v>
      </c>
      <c r="P6551" s="58">
        <f>IF(Input!$K$13=3,J6551*Input!$J$13,0)+IF(Input!$K$14=3,K6551*Input!$J$14,0)+IF(Input!$K$15=3,L6551*Input!$J$15,0)+IF(Input!$K$16=3,M6551*Input!$J$16,0)</f>
        <v>0</v>
      </c>
      <c r="Q6551" s="71">
        <f>IF(Input!$K$13=4,J6551*Input!$J$13,0)+IF(Input!$K$14=4,K6551*Input!$J$14,0)+IF(Input!$K$15=4,L6551*Input!$J$15,0)+IF(Input!$K$16=4,M6551*Input!$J$16,0)</f>
        <v>0</v>
      </c>
    </row>
    <row r="6552" spans="8:17" x14ac:dyDescent="0.25">
      <c r="H6552" s="43">
        <v>6545</v>
      </c>
      <c r="I6552" s="55">
        <f>Bühler!I6578</f>
        <v>0.38332196800959562</v>
      </c>
      <c r="J6552" s="58">
        <f>Bühler!J6578</f>
        <v>4.3985115645225683</v>
      </c>
      <c r="K6552" s="58">
        <f>Bühler!K6578</f>
        <v>0.21835222670791476</v>
      </c>
      <c r="L6552" s="58">
        <f>Bühler!L6578</f>
        <v>0.10917611335395738</v>
      </c>
      <c r="M6552" s="57">
        <f>Bühler!M6578</f>
        <v>0</v>
      </c>
      <c r="N6552" s="55">
        <f>IF(Input!$K$13=1,J6552*Input!$J$13,0)+IF(Input!$K$14=1,K6552*Input!$J$14,0)+IF(Input!$K$15=1,L6552*Input!$J$15,0)+IF(Input!$K$16=1,M6552*Input!$J$16,0)</f>
        <v>0.52782138774270815</v>
      </c>
      <c r="O6552" s="58">
        <f>IF(Input!$K$13=2,J6552*Input!$J$13,0)+IF(Input!$K$14=2,K6552*Input!$J$14,0)+IF(Input!$K$15=2,L6552*Input!$J$15,0)+IF(Input!$K$16=2,M6552*Input!$J$16,0)</f>
        <v>2.9477550605568489E-2</v>
      </c>
      <c r="P6552" s="58">
        <f>IF(Input!$K$13=3,J6552*Input!$J$13,0)+IF(Input!$K$14=3,K6552*Input!$J$14,0)+IF(Input!$K$15=3,L6552*Input!$J$15,0)+IF(Input!$K$16=3,M6552*Input!$J$16,0)</f>
        <v>0</v>
      </c>
      <c r="Q6552" s="71">
        <f>IF(Input!$K$13=4,J6552*Input!$J$13,0)+IF(Input!$K$14=4,K6552*Input!$J$14,0)+IF(Input!$K$15=4,L6552*Input!$J$15,0)+IF(Input!$K$16=4,M6552*Input!$J$16,0)</f>
        <v>0</v>
      </c>
    </row>
    <row r="6553" spans="8:17" x14ac:dyDescent="0.25">
      <c r="H6553" s="43">
        <v>6546</v>
      </c>
      <c r="I6553" s="55">
        <f>Bühler!I6579</f>
        <v>0.34498977120863605</v>
      </c>
      <c r="J6553" s="58">
        <f>Bühler!J6579</f>
        <v>4.3969143896558611</v>
      </c>
      <c r="K6553" s="58">
        <f>Bühler!K6579</f>
        <v>0.21835222670791476</v>
      </c>
      <c r="L6553" s="58">
        <f>Bühler!L6579</f>
        <v>0.10917611335395738</v>
      </c>
      <c r="M6553" s="57">
        <f>Bühler!M6579</f>
        <v>0</v>
      </c>
      <c r="N6553" s="55">
        <f>IF(Input!$K$13=1,J6553*Input!$J$13,0)+IF(Input!$K$14=1,K6553*Input!$J$14,0)+IF(Input!$K$15=1,L6553*Input!$J$15,0)+IF(Input!$K$16=1,M6553*Input!$J$16,0)</f>
        <v>0.52762972675870334</v>
      </c>
      <c r="O6553" s="58">
        <f>IF(Input!$K$13=2,J6553*Input!$J$13,0)+IF(Input!$K$14=2,K6553*Input!$J$14,0)+IF(Input!$K$15=2,L6553*Input!$J$15,0)+IF(Input!$K$16=2,M6553*Input!$J$16,0)</f>
        <v>2.9477550605568489E-2</v>
      </c>
      <c r="P6553" s="58">
        <f>IF(Input!$K$13=3,J6553*Input!$J$13,0)+IF(Input!$K$14=3,K6553*Input!$J$14,0)+IF(Input!$K$15=3,L6553*Input!$J$15,0)+IF(Input!$K$16=3,M6553*Input!$J$16,0)</f>
        <v>0</v>
      </c>
      <c r="Q6553" s="71">
        <f>IF(Input!$K$13=4,J6553*Input!$J$13,0)+IF(Input!$K$14=4,K6553*Input!$J$14,0)+IF(Input!$K$15=4,L6553*Input!$J$15,0)+IF(Input!$K$16=4,M6553*Input!$J$16,0)</f>
        <v>0</v>
      </c>
    </row>
    <row r="6554" spans="8:17" x14ac:dyDescent="0.25">
      <c r="H6554" s="43">
        <v>6547</v>
      </c>
      <c r="I6554" s="55">
        <f>Bühler!I6580</f>
        <v>0.33221237227498279</v>
      </c>
      <c r="J6554" s="58">
        <f>Bühler!J6580</f>
        <v>4.3963819980336263</v>
      </c>
      <c r="K6554" s="58">
        <f>Bühler!K6580</f>
        <v>0.21835222670791476</v>
      </c>
      <c r="L6554" s="58">
        <f>Bühler!L6580</f>
        <v>0.10917611335395738</v>
      </c>
      <c r="M6554" s="57">
        <f>Bühler!M6580</f>
        <v>0</v>
      </c>
      <c r="N6554" s="55">
        <f>IF(Input!$K$13=1,J6554*Input!$J$13,0)+IF(Input!$K$14=1,K6554*Input!$J$14,0)+IF(Input!$K$15=1,L6554*Input!$J$15,0)+IF(Input!$K$16=1,M6554*Input!$J$16,0)</f>
        <v>0.52756583976403515</v>
      </c>
      <c r="O6554" s="58">
        <f>IF(Input!$K$13=2,J6554*Input!$J$13,0)+IF(Input!$K$14=2,K6554*Input!$J$14,0)+IF(Input!$K$15=2,L6554*Input!$J$15,0)+IF(Input!$K$16=2,M6554*Input!$J$16,0)</f>
        <v>2.9477550605568489E-2</v>
      </c>
      <c r="P6554" s="58">
        <f>IF(Input!$K$13=3,J6554*Input!$J$13,0)+IF(Input!$K$14=3,K6554*Input!$J$14,0)+IF(Input!$K$15=3,L6554*Input!$J$15,0)+IF(Input!$K$16=3,M6554*Input!$J$16,0)</f>
        <v>0</v>
      </c>
      <c r="Q6554" s="71">
        <f>IF(Input!$K$13=4,J6554*Input!$J$13,0)+IF(Input!$K$14=4,K6554*Input!$J$14,0)+IF(Input!$K$15=4,L6554*Input!$J$15,0)+IF(Input!$K$16=4,M6554*Input!$J$16,0)</f>
        <v>0</v>
      </c>
    </row>
    <row r="6555" spans="8:17" x14ac:dyDescent="0.25">
      <c r="H6555" s="43">
        <v>6548</v>
      </c>
      <c r="I6555" s="55">
        <f>Bühler!I6581</f>
        <v>0.26832537760671687</v>
      </c>
      <c r="J6555" s="58">
        <f>Bühler!J6581</f>
        <v>4.3937200399224485</v>
      </c>
      <c r="K6555" s="58">
        <f>Bühler!K6581</f>
        <v>0.21835222670791476</v>
      </c>
      <c r="L6555" s="58">
        <f>Bühler!L6581</f>
        <v>0.10917611335395738</v>
      </c>
      <c r="M6555" s="57">
        <f>Bühler!M6581</f>
        <v>0</v>
      </c>
      <c r="N6555" s="55">
        <f>IF(Input!$K$13=1,J6555*Input!$J$13,0)+IF(Input!$K$14=1,K6555*Input!$J$14,0)+IF(Input!$K$15=1,L6555*Input!$J$15,0)+IF(Input!$K$16=1,M6555*Input!$J$16,0)</f>
        <v>0.52724640479069385</v>
      </c>
      <c r="O6555" s="58">
        <f>IF(Input!$K$13=2,J6555*Input!$J$13,0)+IF(Input!$K$14=2,K6555*Input!$J$14,0)+IF(Input!$K$15=2,L6555*Input!$J$15,0)+IF(Input!$K$16=2,M6555*Input!$J$16,0)</f>
        <v>2.9477550605568489E-2</v>
      </c>
      <c r="P6555" s="58">
        <f>IF(Input!$K$13=3,J6555*Input!$J$13,0)+IF(Input!$K$14=3,K6555*Input!$J$14,0)+IF(Input!$K$15=3,L6555*Input!$J$15,0)+IF(Input!$K$16=3,M6555*Input!$J$16,0)</f>
        <v>0</v>
      </c>
      <c r="Q6555" s="71">
        <f>IF(Input!$K$13=4,J6555*Input!$J$13,0)+IF(Input!$K$14=4,K6555*Input!$J$14,0)+IF(Input!$K$15=4,L6555*Input!$J$15,0)+IF(Input!$K$16=4,M6555*Input!$J$16,0)</f>
        <v>0</v>
      </c>
    </row>
    <row r="6556" spans="8:17" x14ac:dyDescent="0.25">
      <c r="H6556" s="43">
        <v>6549</v>
      </c>
      <c r="I6556" s="55">
        <f>Bühler!I6582</f>
        <v>0.19804968347162438</v>
      </c>
      <c r="J6556" s="58">
        <f>Bühler!J6582</f>
        <v>4.3907918860001525</v>
      </c>
      <c r="K6556" s="58">
        <f>Bühler!K6582</f>
        <v>0.21835222670791476</v>
      </c>
      <c r="L6556" s="58">
        <f>Bühler!L6582</f>
        <v>0.10917611335395738</v>
      </c>
      <c r="M6556" s="57">
        <f>Bühler!M6582</f>
        <v>0</v>
      </c>
      <c r="N6556" s="55">
        <f>IF(Input!$K$13=1,J6556*Input!$J$13,0)+IF(Input!$K$14=1,K6556*Input!$J$14,0)+IF(Input!$K$15=1,L6556*Input!$J$15,0)+IF(Input!$K$16=1,M6556*Input!$J$16,0)</f>
        <v>0.52689502632001828</v>
      </c>
      <c r="O6556" s="58">
        <f>IF(Input!$K$13=2,J6556*Input!$J$13,0)+IF(Input!$K$14=2,K6556*Input!$J$14,0)+IF(Input!$K$15=2,L6556*Input!$J$15,0)+IF(Input!$K$16=2,M6556*Input!$J$16,0)</f>
        <v>2.9477550605568489E-2</v>
      </c>
      <c r="P6556" s="58">
        <f>IF(Input!$K$13=3,J6556*Input!$J$13,0)+IF(Input!$K$14=3,K6556*Input!$J$14,0)+IF(Input!$K$15=3,L6556*Input!$J$15,0)+IF(Input!$K$16=3,M6556*Input!$J$16,0)</f>
        <v>0</v>
      </c>
      <c r="Q6556" s="71">
        <f>IF(Input!$K$13=4,J6556*Input!$J$13,0)+IF(Input!$K$14=4,K6556*Input!$J$14,0)+IF(Input!$K$15=4,L6556*Input!$J$15,0)+IF(Input!$K$16=4,M6556*Input!$J$16,0)</f>
        <v>0</v>
      </c>
    </row>
    <row r="6557" spans="8:17" x14ac:dyDescent="0.25">
      <c r="H6557" s="43">
        <v>6550</v>
      </c>
      <c r="I6557" s="55">
        <f>Bühler!I6583</f>
        <v>0.19804968347162438</v>
      </c>
      <c r="J6557" s="58">
        <f>Bühler!J6583</f>
        <v>4.3907918860001525</v>
      </c>
      <c r="K6557" s="58">
        <f>Bühler!K6583</f>
        <v>0.21835222670791476</v>
      </c>
      <c r="L6557" s="58">
        <f>Bühler!L6583</f>
        <v>0.10917611335395738</v>
      </c>
      <c r="M6557" s="57">
        <f>Bühler!M6583</f>
        <v>0</v>
      </c>
      <c r="N6557" s="55">
        <f>IF(Input!$K$13=1,J6557*Input!$J$13,0)+IF(Input!$K$14=1,K6557*Input!$J$14,0)+IF(Input!$K$15=1,L6557*Input!$J$15,0)+IF(Input!$K$16=1,M6557*Input!$J$16,0)</f>
        <v>0.52689502632001828</v>
      </c>
      <c r="O6557" s="58">
        <f>IF(Input!$K$13=2,J6557*Input!$J$13,0)+IF(Input!$K$14=2,K6557*Input!$J$14,0)+IF(Input!$K$15=2,L6557*Input!$J$15,0)+IF(Input!$K$16=2,M6557*Input!$J$16,0)</f>
        <v>2.9477550605568489E-2</v>
      </c>
      <c r="P6557" s="58">
        <f>IF(Input!$K$13=3,J6557*Input!$J$13,0)+IF(Input!$K$14=3,K6557*Input!$J$14,0)+IF(Input!$K$15=3,L6557*Input!$J$15,0)+IF(Input!$K$16=3,M6557*Input!$J$16,0)</f>
        <v>0</v>
      </c>
      <c r="Q6557" s="71">
        <f>IF(Input!$K$13=4,J6557*Input!$J$13,0)+IF(Input!$K$14=4,K6557*Input!$J$14,0)+IF(Input!$K$15=4,L6557*Input!$J$15,0)+IF(Input!$K$16=4,M6557*Input!$J$16,0)</f>
        <v>0</v>
      </c>
    </row>
    <row r="6558" spans="8:17" x14ac:dyDescent="0.25">
      <c r="H6558" s="43">
        <v>6551</v>
      </c>
      <c r="I6558" s="55">
        <f>Bühler!I6584</f>
        <v>0.19804968347162438</v>
      </c>
      <c r="J6558" s="58">
        <f>Bühler!J6584</f>
        <v>4.3907918860001525</v>
      </c>
      <c r="K6558" s="58">
        <f>Bühler!K6584</f>
        <v>0.21835222670791476</v>
      </c>
      <c r="L6558" s="58">
        <f>Bühler!L6584</f>
        <v>0.10917611335395738</v>
      </c>
      <c r="M6558" s="57">
        <f>Bühler!M6584</f>
        <v>0</v>
      </c>
      <c r="N6558" s="55">
        <f>IF(Input!$K$13=1,J6558*Input!$J$13,0)+IF(Input!$K$14=1,K6558*Input!$J$14,0)+IF(Input!$K$15=1,L6558*Input!$J$15,0)+IF(Input!$K$16=1,M6558*Input!$J$16,0)</f>
        <v>0.52689502632001828</v>
      </c>
      <c r="O6558" s="58">
        <f>IF(Input!$K$13=2,J6558*Input!$J$13,0)+IF(Input!$K$14=2,K6558*Input!$J$14,0)+IF(Input!$K$15=2,L6558*Input!$J$15,0)+IF(Input!$K$16=2,M6558*Input!$J$16,0)</f>
        <v>2.9477550605568489E-2</v>
      </c>
      <c r="P6558" s="58">
        <f>IF(Input!$K$13=3,J6558*Input!$J$13,0)+IF(Input!$K$14=3,K6558*Input!$J$14,0)+IF(Input!$K$15=3,L6558*Input!$J$15,0)+IF(Input!$K$16=3,M6558*Input!$J$16,0)</f>
        <v>0</v>
      </c>
      <c r="Q6558" s="71">
        <f>IF(Input!$K$13=4,J6558*Input!$J$13,0)+IF(Input!$K$14=4,K6558*Input!$J$14,0)+IF(Input!$K$15=4,L6558*Input!$J$15,0)+IF(Input!$K$16=4,M6558*Input!$J$16,0)</f>
        <v>0</v>
      </c>
    </row>
    <row r="6559" spans="8:17" x14ac:dyDescent="0.25">
      <c r="H6559" s="43">
        <v>6552</v>
      </c>
      <c r="I6559" s="55">
        <f>Bühler!I6585</f>
        <v>0.19804968347162438</v>
      </c>
      <c r="J6559" s="58">
        <f>Bühler!J6585</f>
        <v>4.3907918860001525</v>
      </c>
      <c r="K6559" s="58">
        <f>Bühler!K6585</f>
        <v>0.21835222670791476</v>
      </c>
      <c r="L6559" s="58">
        <f>Bühler!L6585</f>
        <v>0.10917611335395738</v>
      </c>
      <c r="M6559" s="57">
        <f>Bühler!M6585</f>
        <v>0</v>
      </c>
      <c r="N6559" s="55">
        <f>IF(Input!$K$13=1,J6559*Input!$J$13,0)+IF(Input!$K$14=1,K6559*Input!$J$14,0)+IF(Input!$K$15=1,L6559*Input!$J$15,0)+IF(Input!$K$16=1,M6559*Input!$J$16,0)</f>
        <v>0.52689502632001828</v>
      </c>
      <c r="O6559" s="58">
        <f>IF(Input!$K$13=2,J6559*Input!$J$13,0)+IF(Input!$K$14=2,K6559*Input!$J$14,0)+IF(Input!$K$15=2,L6559*Input!$J$15,0)+IF(Input!$K$16=2,M6559*Input!$J$16,0)</f>
        <v>2.9477550605568489E-2</v>
      </c>
      <c r="P6559" s="58">
        <f>IF(Input!$K$13=3,J6559*Input!$J$13,0)+IF(Input!$K$14=3,K6559*Input!$J$14,0)+IF(Input!$K$15=3,L6559*Input!$J$15,0)+IF(Input!$K$16=3,M6559*Input!$J$16,0)</f>
        <v>0</v>
      </c>
      <c r="Q6559" s="71">
        <f>IF(Input!$K$13=4,J6559*Input!$J$13,0)+IF(Input!$K$14=4,K6559*Input!$J$14,0)+IF(Input!$K$15=4,L6559*Input!$J$15,0)+IF(Input!$K$16=4,M6559*Input!$J$16,0)</f>
        <v>0</v>
      </c>
    </row>
    <row r="6560" spans="8:17" x14ac:dyDescent="0.25">
      <c r="H6560" s="43">
        <v>6553</v>
      </c>
      <c r="I6560" s="55">
        <f>Bühler!I6586</f>
        <v>0.25401847231930819</v>
      </c>
      <c r="J6560" s="58">
        <f>Bühler!J6586</f>
        <v>4.5086134695278712</v>
      </c>
      <c r="K6560" s="58">
        <f>Bühler!K6586</f>
        <v>0.21988394490268132</v>
      </c>
      <c r="L6560" s="58">
        <f>Bühler!L6586</f>
        <v>0.10994197245134066</v>
      </c>
      <c r="M6560" s="57">
        <f>Bühler!M6586</f>
        <v>0</v>
      </c>
      <c r="N6560" s="55">
        <f>IF(Input!$K$13=1,J6560*Input!$J$13,0)+IF(Input!$K$14=1,K6560*Input!$J$14,0)+IF(Input!$K$15=1,L6560*Input!$J$15,0)+IF(Input!$K$16=1,M6560*Input!$J$16,0)</f>
        <v>0.54103361634334457</v>
      </c>
      <c r="O6560" s="58">
        <f>IF(Input!$K$13=2,J6560*Input!$J$13,0)+IF(Input!$K$14=2,K6560*Input!$J$14,0)+IF(Input!$K$15=2,L6560*Input!$J$15,0)+IF(Input!$K$16=2,M6560*Input!$J$16,0)</f>
        <v>2.9684332561861974E-2</v>
      </c>
      <c r="P6560" s="58">
        <f>IF(Input!$K$13=3,J6560*Input!$J$13,0)+IF(Input!$K$14=3,K6560*Input!$J$14,0)+IF(Input!$K$15=3,L6560*Input!$J$15,0)+IF(Input!$K$16=3,M6560*Input!$J$16,0)</f>
        <v>0</v>
      </c>
      <c r="Q6560" s="71">
        <f>IF(Input!$K$13=4,J6560*Input!$J$13,0)+IF(Input!$K$14=4,K6560*Input!$J$14,0)+IF(Input!$K$15=4,L6560*Input!$J$15,0)+IF(Input!$K$16=4,M6560*Input!$J$16,0)</f>
        <v>0</v>
      </c>
    </row>
    <row r="6561" spans="8:17" x14ac:dyDescent="0.25">
      <c r="H6561" s="43">
        <v>6554</v>
      </c>
      <c r="I6561" s="55">
        <f>Bühler!I6587</f>
        <v>0.29498919366113213</v>
      </c>
      <c r="J6561" s="58">
        <f>Bühler!J6587</f>
        <v>4.5103205829171138</v>
      </c>
      <c r="K6561" s="58">
        <f>Bühler!K6587</f>
        <v>0.21988394490268132</v>
      </c>
      <c r="L6561" s="58">
        <f>Bühler!L6587</f>
        <v>0.10994197245134066</v>
      </c>
      <c r="M6561" s="57">
        <f>Bühler!M6587</f>
        <v>0</v>
      </c>
      <c r="N6561" s="55">
        <f>IF(Input!$K$13=1,J6561*Input!$J$13,0)+IF(Input!$K$14=1,K6561*Input!$J$14,0)+IF(Input!$K$15=1,L6561*Input!$J$15,0)+IF(Input!$K$16=1,M6561*Input!$J$16,0)</f>
        <v>0.54123846995005365</v>
      </c>
      <c r="O6561" s="58">
        <f>IF(Input!$K$13=2,J6561*Input!$J$13,0)+IF(Input!$K$14=2,K6561*Input!$J$14,0)+IF(Input!$K$15=2,L6561*Input!$J$15,0)+IF(Input!$K$16=2,M6561*Input!$J$16,0)</f>
        <v>2.9684332561861974E-2</v>
      </c>
      <c r="P6561" s="58">
        <f>IF(Input!$K$13=3,J6561*Input!$J$13,0)+IF(Input!$K$14=3,K6561*Input!$J$14,0)+IF(Input!$K$15=3,L6561*Input!$J$15,0)+IF(Input!$K$16=3,M6561*Input!$J$16,0)</f>
        <v>0</v>
      </c>
      <c r="Q6561" s="71">
        <f>IF(Input!$K$13=4,J6561*Input!$J$13,0)+IF(Input!$K$14=4,K6561*Input!$J$14,0)+IF(Input!$K$15=4,L6561*Input!$J$15,0)+IF(Input!$K$16=4,M6561*Input!$J$16,0)</f>
        <v>0</v>
      </c>
    </row>
    <row r="6562" spans="8:17" x14ac:dyDescent="0.25">
      <c r="H6562" s="43">
        <v>6555</v>
      </c>
      <c r="I6562" s="55">
        <f>Bühler!I6588</f>
        <v>0.29498919366113213</v>
      </c>
      <c r="J6562" s="58">
        <f>Bühler!J6588</f>
        <v>4.5103205829171138</v>
      </c>
      <c r="K6562" s="58">
        <f>Bühler!K6588</f>
        <v>0.21988394490268132</v>
      </c>
      <c r="L6562" s="58">
        <f>Bühler!L6588</f>
        <v>0.10994197245134066</v>
      </c>
      <c r="M6562" s="57">
        <f>Bühler!M6588</f>
        <v>0</v>
      </c>
      <c r="N6562" s="55">
        <f>IF(Input!$K$13=1,J6562*Input!$J$13,0)+IF(Input!$K$14=1,K6562*Input!$J$14,0)+IF(Input!$K$15=1,L6562*Input!$J$15,0)+IF(Input!$K$16=1,M6562*Input!$J$16,0)</f>
        <v>0.54123846995005365</v>
      </c>
      <c r="O6562" s="58">
        <f>IF(Input!$K$13=2,J6562*Input!$J$13,0)+IF(Input!$K$14=2,K6562*Input!$J$14,0)+IF(Input!$K$15=2,L6562*Input!$J$15,0)+IF(Input!$K$16=2,M6562*Input!$J$16,0)</f>
        <v>2.9684332561861974E-2</v>
      </c>
      <c r="P6562" s="58">
        <f>IF(Input!$K$13=3,J6562*Input!$J$13,0)+IF(Input!$K$14=3,K6562*Input!$J$14,0)+IF(Input!$K$15=3,L6562*Input!$J$15,0)+IF(Input!$K$16=3,M6562*Input!$J$16,0)</f>
        <v>0</v>
      </c>
      <c r="Q6562" s="71">
        <f>IF(Input!$K$13=4,J6562*Input!$J$13,0)+IF(Input!$K$14=4,K6562*Input!$J$14,0)+IF(Input!$K$15=4,L6562*Input!$J$15,0)+IF(Input!$K$16=4,M6562*Input!$J$16,0)</f>
        <v>0</v>
      </c>
    </row>
    <row r="6563" spans="8:17" x14ac:dyDescent="0.25">
      <c r="H6563" s="43">
        <v>6556</v>
      </c>
      <c r="I6563" s="55">
        <f>Bühler!I6589</f>
        <v>0.29498919366113213</v>
      </c>
      <c r="J6563" s="58">
        <f>Bühler!J6589</f>
        <v>4.5103205829171138</v>
      </c>
      <c r="K6563" s="58">
        <f>Bühler!K6589</f>
        <v>0.21988394490268132</v>
      </c>
      <c r="L6563" s="58">
        <f>Bühler!L6589</f>
        <v>0.10994197245134066</v>
      </c>
      <c r="M6563" s="57">
        <f>Bühler!M6589</f>
        <v>0</v>
      </c>
      <c r="N6563" s="55">
        <f>IF(Input!$K$13=1,J6563*Input!$J$13,0)+IF(Input!$K$14=1,K6563*Input!$J$14,0)+IF(Input!$K$15=1,L6563*Input!$J$15,0)+IF(Input!$K$16=1,M6563*Input!$J$16,0)</f>
        <v>0.54123846995005365</v>
      </c>
      <c r="O6563" s="58">
        <f>IF(Input!$K$13=2,J6563*Input!$J$13,0)+IF(Input!$K$14=2,K6563*Input!$J$14,0)+IF(Input!$K$15=2,L6563*Input!$J$15,0)+IF(Input!$K$16=2,M6563*Input!$J$16,0)</f>
        <v>2.9684332561861974E-2</v>
      </c>
      <c r="P6563" s="58">
        <f>IF(Input!$K$13=3,J6563*Input!$J$13,0)+IF(Input!$K$14=3,K6563*Input!$J$14,0)+IF(Input!$K$15=3,L6563*Input!$J$15,0)+IF(Input!$K$16=3,M6563*Input!$J$16,0)</f>
        <v>0</v>
      </c>
      <c r="Q6563" s="71">
        <f>IF(Input!$K$13=4,J6563*Input!$J$13,0)+IF(Input!$K$14=4,K6563*Input!$J$14,0)+IF(Input!$K$15=4,L6563*Input!$J$15,0)+IF(Input!$K$16=4,M6563*Input!$J$16,0)</f>
        <v>0</v>
      </c>
    </row>
    <row r="6564" spans="8:17" x14ac:dyDescent="0.25">
      <c r="H6564" s="43">
        <v>6557</v>
      </c>
      <c r="I6564" s="55">
        <f>Bühler!I6590</f>
        <v>0.29498919366113213</v>
      </c>
      <c r="J6564" s="58">
        <f>Bühler!J6590</f>
        <v>4.5103205829171138</v>
      </c>
      <c r="K6564" s="58">
        <f>Bühler!K6590</f>
        <v>0.21988394490268132</v>
      </c>
      <c r="L6564" s="58">
        <f>Bühler!L6590</f>
        <v>0.10994197245134066</v>
      </c>
      <c r="M6564" s="57">
        <f>Bühler!M6590</f>
        <v>0</v>
      </c>
      <c r="N6564" s="55">
        <f>IF(Input!$K$13=1,J6564*Input!$J$13,0)+IF(Input!$K$14=1,K6564*Input!$J$14,0)+IF(Input!$K$15=1,L6564*Input!$J$15,0)+IF(Input!$K$16=1,M6564*Input!$J$16,0)</f>
        <v>0.54123846995005365</v>
      </c>
      <c r="O6564" s="58">
        <f>IF(Input!$K$13=2,J6564*Input!$J$13,0)+IF(Input!$K$14=2,K6564*Input!$J$14,0)+IF(Input!$K$15=2,L6564*Input!$J$15,0)+IF(Input!$K$16=2,M6564*Input!$J$16,0)</f>
        <v>2.9684332561861974E-2</v>
      </c>
      <c r="P6564" s="58">
        <f>IF(Input!$K$13=3,J6564*Input!$J$13,0)+IF(Input!$K$14=3,K6564*Input!$J$14,0)+IF(Input!$K$15=3,L6564*Input!$J$15,0)+IF(Input!$K$16=3,M6564*Input!$J$16,0)</f>
        <v>0</v>
      </c>
      <c r="Q6564" s="71">
        <f>IF(Input!$K$13=4,J6564*Input!$J$13,0)+IF(Input!$K$14=4,K6564*Input!$J$14,0)+IF(Input!$K$15=4,L6564*Input!$J$15,0)+IF(Input!$K$16=4,M6564*Input!$J$16,0)</f>
        <v>0</v>
      </c>
    </row>
    <row r="6565" spans="8:17" x14ac:dyDescent="0.25">
      <c r="H6565" s="43">
        <v>6558</v>
      </c>
      <c r="I6565" s="55">
        <f>Bühler!I6591</f>
        <v>0.36873649207641512</v>
      </c>
      <c r="J6565" s="58">
        <f>Bühler!J6591</f>
        <v>4.5133933870177509</v>
      </c>
      <c r="K6565" s="58">
        <f>Bühler!K6591</f>
        <v>0.21988394490268132</v>
      </c>
      <c r="L6565" s="58">
        <f>Bühler!L6591</f>
        <v>0.10994197245134066</v>
      </c>
      <c r="M6565" s="57">
        <f>Bühler!M6591</f>
        <v>0</v>
      </c>
      <c r="N6565" s="55">
        <f>IF(Input!$K$13=1,J6565*Input!$J$13,0)+IF(Input!$K$14=1,K6565*Input!$J$14,0)+IF(Input!$K$15=1,L6565*Input!$J$15,0)+IF(Input!$K$16=1,M6565*Input!$J$16,0)</f>
        <v>0.54160720644213012</v>
      </c>
      <c r="O6565" s="58">
        <f>IF(Input!$K$13=2,J6565*Input!$J$13,0)+IF(Input!$K$14=2,K6565*Input!$J$14,0)+IF(Input!$K$15=2,L6565*Input!$J$15,0)+IF(Input!$K$16=2,M6565*Input!$J$16,0)</f>
        <v>2.9684332561861974E-2</v>
      </c>
      <c r="P6565" s="58">
        <f>IF(Input!$K$13=3,J6565*Input!$J$13,0)+IF(Input!$K$14=3,K6565*Input!$J$14,0)+IF(Input!$K$15=3,L6565*Input!$J$15,0)+IF(Input!$K$16=3,M6565*Input!$J$16,0)</f>
        <v>0</v>
      </c>
      <c r="Q6565" s="71">
        <f>IF(Input!$K$13=4,J6565*Input!$J$13,0)+IF(Input!$K$14=4,K6565*Input!$J$14,0)+IF(Input!$K$15=4,L6565*Input!$J$15,0)+IF(Input!$K$16=4,M6565*Input!$J$16,0)</f>
        <v>0</v>
      </c>
    </row>
    <row r="6566" spans="8:17" x14ac:dyDescent="0.25">
      <c r="H6566" s="43">
        <v>6559</v>
      </c>
      <c r="I6566" s="55">
        <f>Bühler!I6592</f>
        <v>0.43428964622333344</v>
      </c>
      <c r="J6566" s="58">
        <f>Bühler!J6592</f>
        <v>4.5161247684405392</v>
      </c>
      <c r="K6566" s="58">
        <f>Bühler!K6592</f>
        <v>0.21988394490268132</v>
      </c>
      <c r="L6566" s="58">
        <f>Bühler!L6592</f>
        <v>0.10994197245134066</v>
      </c>
      <c r="M6566" s="57">
        <f>Bühler!M6592</f>
        <v>0</v>
      </c>
      <c r="N6566" s="55">
        <f>IF(Input!$K$13=1,J6566*Input!$J$13,0)+IF(Input!$K$14=1,K6566*Input!$J$14,0)+IF(Input!$K$15=1,L6566*Input!$J$15,0)+IF(Input!$K$16=1,M6566*Input!$J$16,0)</f>
        <v>0.54193497221286469</v>
      </c>
      <c r="O6566" s="58">
        <f>IF(Input!$K$13=2,J6566*Input!$J$13,0)+IF(Input!$K$14=2,K6566*Input!$J$14,0)+IF(Input!$K$15=2,L6566*Input!$J$15,0)+IF(Input!$K$16=2,M6566*Input!$J$16,0)</f>
        <v>2.9684332561861974E-2</v>
      </c>
      <c r="P6566" s="58">
        <f>IF(Input!$K$13=3,J6566*Input!$J$13,0)+IF(Input!$K$14=3,K6566*Input!$J$14,0)+IF(Input!$K$15=3,L6566*Input!$J$15,0)+IF(Input!$K$16=3,M6566*Input!$J$16,0)</f>
        <v>0</v>
      </c>
      <c r="Q6566" s="71">
        <f>IF(Input!$K$13=4,J6566*Input!$J$13,0)+IF(Input!$K$14=4,K6566*Input!$J$14,0)+IF(Input!$K$15=4,L6566*Input!$J$15,0)+IF(Input!$K$16=4,M6566*Input!$J$16,0)</f>
        <v>0</v>
      </c>
    </row>
    <row r="6567" spans="8:17" x14ac:dyDescent="0.25">
      <c r="H6567" s="43">
        <v>6560</v>
      </c>
      <c r="I6567" s="55">
        <f>Bühler!I6593</f>
        <v>0.51623108890698122</v>
      </c>
      <c r="J6567" s="58">
        <f>Bühler!J6593</f>
        <v>4.5195389952190244</v>
      </c>
      <c r="K6567" s="58">
        <f>Bühler!K6593</f>
        <v>0.21988394490268132</v>
      </c>
      <c r="L6567" s="58">
        <f>Bühler!L6593</f>
        <v>0.10994197245134066</v>
      </c>
      <c r="M6567" s="57">
        <f>Bühler!M6593</f>
        <v>0</v>
      </c>
      <c r="N6567" s="55">
        <f>IF(Input!$K$13=1,J6567*Input!$J$13,0)+IF(Input!$K$14=1,K6567*Input!$J$14,0)+IF(Input!$K$15=1,L6567*Input!$J$15,0)+IF(Input!$K$16=1,M6567*Input!$J$16,0)</f>
        <v>0.54234467942628295</v>
      </c>
      <c r="O6567" s="58">
        <f>IF(Input!$K$13=2,J6567*Input!$J$13,0)+IF(Input!$K$14=2,K6567*Input!$J$14,0)+IF(Input!$K$15=2,L6567*Input!$J$15,0)+IF(Input!$K$16=2,M6567*Input!$J$16,0)</f>
        <v>2.9684332561861974E-2</v>
      </c>
      <c r="P6567" s="58">
        <f>IF(Input!$K$13=3,J6567*Input!$J$13,0)+IF(Input!$K$14=3,K6567*Input!$J$14,0)+IF(Input!$K$15=3,L6567*Input!$J$15,0)+IF(Input!$K$16=3,M6567*Input!$J$16,0)</f>
        <v>0</v>
      </c>
      <c r="Q6567" s="71">
        <f>IF(Input!$K$13=4,J6567*Input!$J$13,0)+IF(Input!$K$14=4,K6567*Input!$J$14,0)+IF(Input!$K$15=4,L6567*Input!$J$15,0)+IF(Input!$K$16=4,M6567*Input!$J$16,0)</f>
        <v>0</v>
      </c>
    </row>
    <row r="6568" spans="8:17" x14ac:dyDescent="0.25">
      <c r="H6568" s="43">
        <v>6561</v>
      </c>
      <c r="I6568" s="55">
        <f>Bühler!I6594</f>
        <v>0.51623108890698122</v>
      </c>
      <c r="J6568" s="58">
        <f>Bühler!J6594</f>
        <v>4.5195389952190244</v>
      </c>
      <c r="K6568" s="58">
        <f>Bühler!K6594</f>
        <v>0.21988394490268132</v>
      </c>
      <c r="L6568" s="58">
        <f>Bühler!L6594</f>
        <v>0.10994197245134066</v>
      </c>
      <c r="M6568" s="57">
        <f>Bühler!M6594</f>
        <v>0</v>
      </c>
      <c r="N6568" s="55">
        <f>IF(Input!$K$13=1,J6568*Input!$J$13,0)+IF(Input!$K$14=1,K6568*Input!$J$14,0)+IF(Input!$K$15=1,L6568*Input!$J$15,0)+IF(Input!$K$16=1,M6568*Input!$J$16,0)</f>
        <v>0.54234467942628295</v>
      </c>
      <c r="O6568" s="58">
        <f>IF(Input!$K$13=2,J6568*Input!$J$13,0)+IF(Input!$K$14=2,K6568*Input!$J$14,0)+IF(Input!$K$15=2,L6568*Input!$J$15,0)+IF(Input!$K$16=2,M6568*Input!$J$16,0)</f>
        <v>2.9684332561861974E-2</v>
      </c>
      <c r="P6568" s="58">
        <f>IF(Input!$K$13=3,J6568*Input!$J$13,0)+IF(Input!$K$14=3,K6568*Input!$J$14,0)+IF(Input!$K$15=3,L6568*Input!$J$15,0)+IF(Input!$K$16=3,M6568*Input!$J$16,0)</f>
        <v>0</v>
      </c>
      <c r="Q6568" s="71">
        <f>IF(Input!$K$13=4,J6568*Input!$J$13,0)+IF(Input!$K$14=4,K6568*Input!$J$14,0)+IF(Input!$K$15=4,L6568*Input!$J$15,0)+IF(Input!$K$16=4,M6568*Input!$J$16,0)</f>
        <v>0</v>
      </c>
    </row>
    <row r="6569" spans="8:17" x14ac:dyDescent="0.25">
      <c r="H6569" s="43">
        <v>6562</v>
      </c>
      <c r="I6569" s="55">
        <f>Bühler!I6595</f>
        <v>0.51623108890698122</v>
      </c>
      <c r="J6569" s="58">
        <f>Bühler!J6595</f>
        <v>4.5195389952190244</v>
      </c>
      <c r="K6569" s="58">
        <f>Bühler!K6595</f>
        <v>0.21988394490268132</v>
      </c>
      <c r="L6569" s="58">
        <f>Bühler!L6595</f>
        <v>0.10994197245134066</v>
      </c>
      <c r="M6569" s="57">
        <f>Bühler!M6595</f>
        <v>0</v>
      </c>
      <c r="N6569" s="55">
        <f>IF(Input!$K$13=1,J6569*Input!$J$13,0)+IF(Input!$K$14=1,K6569*Input!$J$14,0)+IF(Input!$K$15=1,L6569*Input!$J$15,0)+IF(Input!$K$16=1,M6569*Input!$J$16,0)</f>
        <v>0.54234467942628295</v>
      </c>
      <c r="O6569" s="58">
        <f>IF(Input!$K$13=2,J6569*Input!$J$13,0)+IF(Input!$K$14=2,K6569*Input!$J$14,0)+IF(Input!$K$15=2,L6569*Input!$J$15,0)+IF(Input!$K$16=2,M6569*Input!$J$16,0)</f>
        <v>2.9684332561861974E-2</v>
      </c>
      <c r="P6569" s="58">
        <f>IF(Input!$K$13=3,J6569*Input!$J$13,0)+IF(Input!$K$14=3,K6569*Input!$J$14,0)+IF(Input!$K$15=3,L6569*Input!$J$15,0)+IF(Input!$K$16=3,M6569*Input!$J$16,0)</f>
        <v>0</v>
      </c>
      <c r="Q6569" s="71">
        <f>IF(Input!$K$13=4,J6569*Input!$J$13,0)+IF(Input!$K$14=4,K6569*Input!$J$14,0)+IF(Input!$K$15=4,L6569*Input!$J$15,0)+IF(Input!$K$16=4,M6569*Input!$J$16,0)</f>
        <v>0</v>
      </c>
    </row>
    <row r="6570" spans="8:17" x14ac:dyDescent="0.25">
      <c r="H6570" s="43">
        <v>6563</v>
      </c>
      <c r="I6570" s="55">
        <f>Bühler!I6596</f>
        <v>0.51623108890698122</v>
      </c>
      <c r="J6570" s="58">
        <f>Bühler!J6596</f>
        <v>4.5195389952190244</v>
      </c>
      <c r="K6570" s="58">
        <f>Bühler!K6596</f>
        <v>0.21988394490268132</v>
      </c>
      <c r="L6570" s="58">
        <f>Bühler!L6596</f>
        <v>0.10994197245134066</v>
      </c>
      <c r="M6570" s="57">
        <f>Bühler!M6596</f>
        <v>0</v>
      </c>
      <c r="N6570" s="55">
        <f>IF(Input!$K$13=1,J6570*Input!$J$13,0)+IF(Input!$K$14=1,K6570*Input!$J$14,0)+IF(Input!$K$15=1,L6570*Input!$J$15,0)+IF(Input!$K$16=1,M6570*Input!$J$16,0)</f>
        <v>0.54234467942628295</v>
      </c>
      <c r="O6570" s="58">
        <f>IF(Input!$K$13=2,J6570*Input!$J$13,0)+IF(Input!$K$14=2,K6570*Input!$J$14,0)+IF(Input!$K$15=2,L6570*Input!$J$15,0)+IF(Input!$K$16=2,M6570*Input!$J$16,0)</f>
        <v>2.9684332561861974E-2</v>
      </c>
      <c r="P6570" s="58">
        <f>IF(Input!$K$13=3,J6570*Input!$J$13,0)+IF(Input!$K$14=3,K6570*Input!$J$14,0)+IF(Input!$K$15=3,L6570*Input!$J$15,0)+IF(Input!$K$16=3,M6570*Input!$J$16,0)</f>
        <v>0</v>
      </c>
      <c r="Q6570" s="71">
        <f>IF(Input!$K$13=4,J6570*Input!$J$13,0)+IF(Input!$K$14=4,K6570*Input!$J$14,0)+IF(Input!$K$15=4,L6570*Input!$J$15,0)+IF(Input!$K$16=4,M6570*Input!$J$16,0)</f>
        <v>0</v>
      </c>
    </row>
    <row r="6571" spans="8:17" x14ac:dyDescent="0.25">
      <c r="H6571" s="43">
        <v>6564</v>
      </c>
      <c r="I6571" s="55">
        <f>Bühler!I6597</f>
        <v>0.51623108890698122</v>
      </c>
      <c r="J6571" s="58">
        <f>Bühler!J6597</f>
        <v>4.5195389952190244</v>
      </c>
      <c r="K6571" s="58">
        <f>Bühler!K6597</f>
        <v>0.21988394490268132</v>
      </c>
      <c r="L6571" s="58">
        <f>Bühler!L6597</f>
        <v>0.10994197245134066</v>
      </c>
      <c r="M6571" s="57">
        <f>Bühler!M6597</f>
        <v>0</v>
      </c>
      <c r="N6571" s="55">
        <f>IF(Input!$K$13=1,J6571*Input!$J$13,0)+IF(Input!$K$14=1,K6571*Input!$J$14,0)+IF(Input!$K$15=1,L6571*Input!$J$15,0)+IF(Input!$K$16=1,M6571*Input!$J$16,0)</f>
        <v>0.54234467942628295</v>
      </c>
      <c r="O6571" s="58">
        <f>IF(Input!$K$13=2,J6571*Input!$J$13,0)+IF(Input!$K$14=2,K6571*Input!$J$14,0)+IF(Input!$K$15=2,L6571*Input!$J$15,0)+IF(Input!$K$16=2,M6571*Input!$J$16,0)</f>
        <v>2.9684332561861974E-2</v>
      </c>
      <c r="P6571" s="58">
        <f>IF(Input!$K$13=3,J6571*Input!$J$13,0)+IF(Input!$K$14=3,K6571*Input!$J$14,0)+IF(Input!$K$15=3,L6571*Input!$J$15,0)+IF(Input!$K$16=3,M6571*Input!$J$16,0)</f>
        <v>0</v>
      </c>
      <c r="Q6571" s="71">
        <f>IF(Input!$K$13=4,J6571*Input!$J$13,0)+IF(Input!$K$14=4,K6571*Input!$J$14,0)+IF(Input!$K$15=4,L6571*Input!$J$15,0)+IF(Input!$K$16=4,M6571*Input!$J$16,0)</f>
        <v>0</v>
      </c>
    </row>
    <row r="6572" spans="8:17" x14ac:dyDescent="0.25">
      <c r="H6572" s="43">
        <v>6565</v>
      </c>
      <c r="I6572" s="55">
        <f>Bühler!I6598</f>
        <v>0.51623108890698122</v>
      </c>
      <c r="J6572" s="58">
        <f>Bühler!J6598</f>
        <v>4.5195389952190244</v>
      </c>
      <c r="K6572" s="58">
        <f>Bühler!K6598</f>
        <v>0.21988394490268132</v>
      </c>
      <c r="L6572" s="58">
        <f>Bühler!L6598</f>
        <v>0.10994197245134066</v>
      </c>
      <c r="M6572" s="57">
        <f>Bühler!M6598</f>
        <v>0</v>
      </c>
      <c r="N6572" s="55">
        <f>IF(Input!$K$13=1,J6572*Input!$J$13,0)+IF(Input!$K$14=1,K6572*Input!$J$14,0)+IF(Input!$K$15=1,L6572*Input!$J$15,0)+IF(Input!$K$16=1,M6572*Input!$J$16,0)</f>
        <v>0.54234467942628295</v>
      </c>
      <c r="O6572" s="58">
        <f>IF(Input!$K$13=2,J6572*Input!$J$13,0)+IF(Input!$K$14=2,K6572*Input!$J$14,0)+IF(Input!$K$15=2,L6572*Input!$J$15,0)+IF(Input!$K$16=2,M6572*Input!$J$16,0)</f>
        <v>2.9684332561861974E-2</v>
      </c>
      <c r="P6572" s="58">
        <f>IF(Input!$K$13=3,J6572*Input!$J$13,0)+IF(Input!$K$14=3,K6572*Input!$J$14,0)+IF(Input!$K$15=3,L6572*Input!$J$15,0)+IF(Input!$K$16=3,M6572*Input!$J$16,0)</f>
        <v>0</v>
      </c>
      <c r="Q6572" s="71">
        <f>IF(Input!$K$13=4,J6572*Input!$J$13,0)+IF(Input!$K$14=4,K6572*Input!$J$14,0)+IF(Input!$K$15=4,L6572*Input!$J$15,0)+IF(Input!$K$16=4,M6572*Input!$J$16,0)</f>
        <v>0</v>
      </c>
    </row>
    <row r="6573" spans="8:17" x14ac:dyDescent="0.25">
      <c r="H6573" s="43">
        <v>6566</v>
      </c>
      <c r="I6573" s="55">
        <f>Bühler!I6599</f>
        <v>0.51623108890698122</v>
      </c>
      <c r="J6573" s="58">
        <f>Bühler!J6599</f>
        <v>4.5195389952190244</v>
      </c>
      <c r="K6573" s="58">
        <f>Bühler!K6599</f>
        <v>0.21988394490268132</v>
      </c>
      <c r="L6573" s="58">
        <f>Bühler!L6599</f>
        <v>0.10994197245134066</v>
      </c>
      <c r="M6573" s="57">
        <f>Bühler!M6599</f>
        <v>0</v>
      </c>
      <c r="N6573" s="55">
        <f>IF(Input!$K$13=1,J6573*Input!$J$13,0)+IF(Input!$K$14=1,K6573*Input!$J$14,0)+IF(Input!$K$15=1,L6573*Input!$J$15,0)+IF(Input!$K$16=1,M6573*Input!$J$16,0)</f>
        <v>0.54234467942628295</v>
      </c>
      <c r="O6573" s="58">
        <f>IF(Input!$K$13=2,J6573*Input!$J$13,0)+IF(Input!$K$14=2,K6573*Input!$J$14,0)+IF(Input!$K$15=2,L6573*Input!$J$15,0)+IF(Input!$K$16=2,M6573*Input!$J$16,0)</f>
        <v>2.9684332561861974E-2</v>
      </c>
      <c r="P6573" s="58">
        <f>IF(Input!$K$13=3,J6573*Input!$J$13,0)+IF(Input!$K$14=3,K6573*Input!$J$14,0)+IF(Input!$K$15=3,L6573*Input!$J$15,0)+IF(Input!$K$16=3,M6573*Input!$J$16,0)</f>
        <v>0</v>
      </c>
      <c r="Q6573" s="71">
        <f>IF(Input!$K$13=4,J6573*Input!$J$13,0)+IF(Input!$K$14=4,K6573*Input!$J$14,0)+IF(Input!$K$15=4,L6573*Input!$J$15,0)+IF(Input!$K$16=4,M6573*Input!$J$16,0)</f>
        <v>0</v>
      </c>
    </row>
    <row r="6574" spans="8:17" x14ac:dyDescent="0.25">
      <c r="H6574" s="43">
        <v>6567</v>
      </c>
      <c r="I6574" s="55">
        <f>Bühler!I6600</f>
        <v>0.51623108890698122</v>
      </c>
      <c r="J6574" s="58">
        <f>Bühler!J6600</f>
        <v>4.5195389952190244</v>
      </c>
      <c r="K6574" s="58">
        <f>Bühler!K6600</f>
        <v>0.21988394490268132</v>
      </c>
      <c r="L6574" s="58">
        <f>Bühler!L6600</f>
        <v>0.10994197245134066</v>
      </c>
      <c r="M6574" s="57">
        <f>Bühler!M6600</f>
        <v>0</v>
      </c>
      <c r="N6574" s="55">
        <f>IF(Input!$K$13=1,J6574*Input!$J$13,0)+IF(Input!$K$14=1,K6574*Input!$J$14,0)+IF(Input!$K$15=1,L6574*Input!$J$15,0)+IF(Input!$K$16=1,M6574*Input!$J$16,0)</f>
        <v>0.54234467942628295</v>
      </c>
      <c r="O6574" s="58">
        <f>IF(Input!$K$13=2,J6574*Input!$J$13,0)+IF(Input!$K$14=2,K6574*Input!$J$14,0)+IF(Input!$K$15=2,L6574*Input!$J$15,0)+IF(Input!$K$16=2,M6574*Input!$J$16,0)</f>
        <v>2.9684332561861974E-2</v>
      </c>
      <c r="P6574" s="58">
        <f>IF(Input!$K$13=3,J6574*Input!$J$13,0)+IF(Input!$K$14=3,K6574*Input!$J$14,0)+IF(Input!$K$15=3,L6574*Input!$J$15,0)+IF(Input!$K$16=3,M6574*Input!$J$16,0)</f>
        <v>0</v>
      </c>
      <c r="Q6574" s="71">
        <f>IF(Input!$K$13=4,J6574*Input!$J$13,0)+IF(Input!$K$14=4,K6574*Input!$J$14,0)+IF(Input!$K$15=4,L6574*Input!$J$15,0)+IF(Input!$K$16=4,M6574*Input!$J$16,0)</f>
        <v>0</v>
      </c>
    </row>
    <row r="6575" spans="8:17" x14ac:dyDescent="0.25">
      <c r="H6575" s="43">
        <v>6568</v>
      </c>
      <c r="I6575" s="55">
        <f>Bühler!I6601</f>
        <v>0.45887207902842769</v>
      </c>
      <c r="J6575" s="58">
        <f>Bühler!J6601</f>
        <v>4.5171490364740849</v>
      </c>
      <c r="K6575" s="58">
        <f>Bühler!K6601</f>
        <v>0.21988394490268132</v>
      </c>
      <c r="L6575" s="58">
        <f>Bühler!L6601</f>
        <v>0.10994197245134066</v>
      </c>
      <c r="M6575" s="57">
        <f>Bühler!M6601</f>
        <v>0</v>
      </c>
      <c r="N6575" s="55">
        <f>IF(Input!$K$13=1,J6575*Input!$J$13,0)+IF(Input!$K$14=1,K6575*Input!$J$14,0)+IF(Input!$K$15=1,L6575*Input!$J$15,0)+IF(Input!$K$16=1,M6575*Input!$J$16,0)</f>
        <v>0.54205788437689018</v>
      </c>
      <c r="O6575" s="58">
        <f>IF(Input!$K$13=2,J6575*Input!$J$13,0)+IF(Input!$K$14=2,K6575*Input!$J$14,0)+IF(Input!$K$15=2,L6575*Input!$J$15,0)+IF(Input!$K$16=2,M6575*Input!$J$16,0)</f>
        <v>2.9684332561861974E-2</v>
      </c>
      <c r="P6575" s="58">
        <f>IF(Input!$K$13=3,J6575*Input!$J$13,0)+IF(Input!$K$14=3,K6575*Input!$J$14,0)+IF(Input!$K$15=3,L6575*Input!$J$15,0)+IF(Input!$K$16=3,M6575*Input!$J$16,0)</f>
        <v>0</v>
      </c>
      <c r="Q6575" s="71">
        <f>IF(Input!$K$13=4,J6575*Input!$J$13,0)+IF(Input!$K$14=4,K6575*Input!$J$14,0)+IF(Input!$K$15=4,L6575*Input!$J$15,0)+IF(Input!$K$16=4,M6575*Input!$J$16,0)</f>
        <v>0</v>
      </c>
    </row>
    <row r="6576" spans="8:17" x14ac:dyDescent="0.25">
      <c r="H6576" s="43">
        <v>6569</v>
      </c>
      <c r="I6576" s="55">
        <f>Bühler!I6602</f>
        <v>0.4506779347600629</v>
      </c>
      <c r="J6576" s="58">
        <f>Bühler!J6602</f>
        <v>4.5168076137962361</v>
      </c>
      <c r="K6576" s="58">
        <f>Bühler!K6602</f>
        <v>0.21988394490268132</v>
      </c>
      <c r="L6576" s="58">
        <f>Bühler!L6602</f>
        <v>0.10994197245134066</v>
      </c>
      <c r="M6576" s="57">
        <f>Bühler!M6602</f>
        <v>0</v>
      </c>
      <c r="N6576" s="55">
        <f>IF(Input!$K$13=1,J6576*Input!$J$13,0)+IF(Input!$K$14=1,K6576*Input!$J$14,0)+IF(Input!$K$15=1,L6576*Input!$J$15,0)+IF(Input!$K$16=1,M6576*Input!$J$16,0)</f>
        <v>0.54201691365554827</v>
      </c>
      <c r="O6576" s="58">
        <f>IF(Input!$K$13=2,J6576*Input!$J$13,0)+IF(Input!$K$14=2,K6576*Input!$J$14,0)+IF(Input!$K$15=2,L6576*Input!$J$15,0)+IF(Input!$K$16=2,M6576*Input!$J$16,0)</f>
        <v>2.9684332561861974E-2</v>
      </c>
      <c r="P6576" s="58">
        <f>IF(Input!$K$13=3,J6576*Input!$J$13,0)+IF(Input!$K$14=3,K6576*Input!$J$14,0)+IF(Input!$K$15=3,L6576*Input!$J$15,0)+IF(Input!$K$16=3,M6576*Input!$J$16,0)</f>
        <v>0</v>
      </c>
      <c r="Q6576" s="71">
        <f>IF(Input!$K$13=4,J6576*Input!$J$13,0)+IF(Input!$K$14=4,K6576*Input!$J$14,0)+IF(Input!$K$15=4,L6576*Input!$J$15,0)+IF(Input!$K$16=4,M6576*Input!$J$16,0)</f>
        <v>0</v>
      </c>
    </row>
    <row r="6577" spans="8:17" x14ac:dyDescent="0.25">
      <c r="H6577" s="43">
        <v>6570</v>
      </c>
      <c r="I6577" s="55">
        <f>Bühler!I6603</f>
        <v>0.3851247806131447</v>
      </c>
      <c r="J6577" s="58">
        <f>Bühler!J6603</f>
        <v>4.5140762323734478</v>
      </c>
      <c r="K6577" s="58">
        <f>Bühler!K6603</f>
        <v>0.21988394490268132</v>
      </c>
      <c r="L6577" s="58">
        <f>Bühler!L6603</f>
        <v>0.10994197245134066</v>
      </c>
      <c r="M6577" s="57">
        <f>Bühler!M6603</f>
        <v>0</v>
      </c>
      <c r="N6577" s="55">
        <f>IF(Input!$K$13=1,J6577*Input!$J$13,0)+IF(Input!$K$14=1,K6577*Input!$J$14,0)+IF(Input!$K$15=1,L6577*Input!$J$15,0)+IF(Input!$K$16=1,M6577*Input!$J$16,0)</f>
        <v>0.5416891478848137</v>
      </c>
      <c r="O6577" s="58">
        <f>IF(Input!$K$13=2,J6577*Input!$J$13,0)+IF(Input!$K$14=2,K6577*Input!$J$14,0)+IF(Input!$K$15=2,L6577*Input!$J$15,0)+IF(Input!$K$16=2,M6577*Input!$J$16,0)</f>
        <v>2.9684332561861974E-2</v>
      </c>
      <c r="P6577" s="58">
        <f>IF(Input!$K$13=3,J6577*Input!$J$13,0)+IF(Input!$K$14=3,K6577*Input!$J$14,0)+IF(Input!$K$15=3,L6577*Input!$J$15,0)+IF(Input!$K$16=3,M6577*Input!$J$16,0)</f>
        <v>0</v>
      </c>
      <c r="Q6577" s="71">
        <f>IF(Input!$K$13=4,J6577*Input!$J$13,0)+IF(Input!$K$14=4,K6577*Input!$J$14,0)+IF(Input!$K$15=4,L6577*Input!$J$15,0)+IF(Input!$K$16=4,M6577*Input!$J$16,0)</f>
        <v>0</v>
      </c>
    </row>
    <row r="6578" spans="8:17" x14ac:dyDescent="0.25">
      <c r="H6578" s="43">
        <v>6571</v>
      </c>
      <c r="I6578" s="55">
        <f>Bühler!I6604</f>
        <v>0.36054234780805039</v>
      </c>
      <c r="J6578" s="58">
        <f>Bühler!J6604</f>
        <v>4.5130519643399021</v>
      </c>
      <c r="K6578" s="58">
        <f>Bühler!K6604</f>
        <v>0.21988394490268132</v>
      </c>
      <c r="L6578" s="58">
        <f>Bühler!L6604</f>
        <v>0.10994197245134066</v>
      </c>
      <c r="M6578" s="57">
        <f>Bühler!M6604</f>
        <v>0</v>
      </c>
      <c r="N6578" s="55">
        <f>IF(Input!$K$13=1,J6578*Input!$J$13,0)+IF(Input!$K$14=1,K6578*Input!$J$14,0)+IF(Input!$K$15=1,L6578*Input!$J$15,0)+IF(Input!$K$16=1,M6578*Input!$J$16,0)</f>
        <v>0.54156623572078821</v>
      </c>
      <c r="O6578" s="58">
        <f>IF(Input!$K$13=2,J6578*Input!$J$13,0)+IF(Input!$K$14=2,K6578*Input!$J$14,0)+IF(Input!$K$15=2,L6578*Input!$J$15,0)+IF(Input!$K$16=2,M6578*Input!$J$16,0)</f>
        <v>2.9684332561861974E-2</v>
      </c>
      <c r="P6578" s="58">
        <f>IF(Input!$K$13=3,J6578*Input!$J$13,0)+IF(Input!$K$14=3,K6578*Input!$J$14,0)+IF(Input!$K$15=3,L6578*Input!$J$15,0)+IF(Input!$K$16=3,M6578*Input!$J$16,0)</f>
        <v>0</v>
      </c>
      <c r="Q6578" s="71">
        <f>IF(Input!$K$13=4,J6578*Input!$J$13,0)+IF(Input!$K$14=4,K6578*Input!$J$14,0)+IF(Input!$K$15=4,L6578*Input!$J$15,0)+IF(Input!$K$16=4,M6578*Input!$J$16,0)</f>
        <v>0</v>
      </c>
    </row>
    <row r="6579" spans="8:17" x14ac:dyDescent="0.25">
      <c r="H6579" s="43">
        <v>6572</v>
      </c>
      <c r="I6579" s="55">
        <f>Bühler!I6605</f>
        <v>0.30318333792949692</v>
      </c>
      <c r="J6579" s="58">
        <f>Bühler!J6605</f>
        <v>4.5106620055949627</v>
      </c>
      <c r="K6579" s="58">
        <f>Bühler!K6605</f>
        <v>0.21988394490268132</v>
      </c>
      <c r="L6579" s="58">
        <f>Bühler!L6605</f>
        <v>0.10994197245134066</v>
      </c>
      <c r="M6579" s="57">
        <f>Bühler!M6605</f>
        <v>0</v>
      </c>
      <c r="N6579" s="55">
        <f>IF(Input!$K$13=1,J6579*Input!$J$13,0)+IF(Input!$K$14=1,K6579*Input!$J$14,0)+IF(Input!$K$15=1,L6579*Input!$J$15,0)+IF(Input!$K$16=1,M6579*Input!$J$16,0)</f>
        <v>0.54127944067139555</v>
      </c>
      <c r="O6579" s="58">
        <f>IF(Input!$K$13=2,J6579*Input!$J$13,0)+IF(Input!$K$14=2,K6579*Input!$J$14,0)+IF(Input!$K$15=2,L6579*Input!$J$15,0)+IF(Input!$K$16=2,M6579*Input!$J$16,0)</f>
        <v>2.9684332561861974E-2</v>
      </c>
      <c r="P6579" s="58">
        <f>IF(Input!$K$13=3,J6579*Input!$J$13,0)+IF(Input!$K$14=3,K6579*Input!$J$14,0)+IF(Input!$K$15=3,L6579*Input!$J$15,0)+IF(Input!$K$16=3,M6579*Input!$J$16,0)</f>
        <v>0</v>
      </c>
      <c r="Q6579" s="71">
        <f>IF(Input!$K$13=4,J6579*Input!$J$13,0)+IF(Input!$K$14=4,K6579*Input!$J$14,0)+IF(Input!$K$15=4,L6579*Input!$J$15,0)+IF(Input!$K$16=4,M6579*Input!$J$16,0)</f>
        <v>0</v>
      </c>
    </row>
    <row r="6580" spans="8:17" x14ac:dyDescent="0.25">
      <c r="H6580" s="43">
        <v>6573</v>
      </c>
      <c r="I6580" s="55">
        <f>Bühler!I6606</f>
        <v>0.25401847231930819</v>
      </c>
      <c r="J6580" s="58">
        <f>Bühler!J6606</f>
        <v>4.5086134695278712</v>
      </c>
      <c r="K6580" s="58">
        <f>Bühler!K6606</f>
        <v>0.21988394490268132</v>
      </c>
      <c r="L6580" s="58">
        <f>Bühler!L6606</f>
        <v>0.10994197245134066</v>
      </c>
      <c r="M6580" s="57">
        <f>Bühler!M6606</f>
        <v>0</v>
      </c>
      <c r="N6580" s="55">
        <f>IF(Input!$K$13=1,J6580*Input!$J$13,0)+IF(Input!$K$14=1,K6580*Input!$J$14,0)+IF(Input!$K$15=1,L6580*Input!$J$15,0)+IF(Input!$K$16=1,M6580*Input!$J$16,0)</f>
        <v>0.54103361634334457</v>
      </c>
      <c r="O6580" s="58">
        <f>IF(Input!$K$13=2,J6580*Input!$J$13,0)+IF(Input!$K$14=2,K6580*Input!$J$14,0)+IF(Input!$K$15=2,L6580*Input!$J$15,0)+IF(Input!$K$16=2,M6580*Input!$J$16,0)</f>
        <v>2.9684332561861974E-2</v>
      </c>
      <c r="P6580" s="58">
        <f>IF(Input!$K$13=3,J6580*Input!$J$13,0)+IF(Input!$K$14=3,K6580*Input!$J$14,0)+IF(Input!$K$15=3,L6580*Input!$J$15,0)+IF(Input!$K$16=3,M6580*Input!$J$16,0)</f>
        <v>0</v>
      </c>
      <c r="Q6580" s="71">
        <f>IF(Input!$K$13=4,J6580*Input!$J$13,0)+IF(Input!$K$14=4,K6580*Input!$J$14,0)+IF(Input!$K$15=4,L6580*Input!$J$15,0)+IF(Input!$K$16=4,M6580*Input!$J$16,0)</f>
        <v>0</v>
      </c>
    </row>
    <row r="6581" spans="8:17" x14ac:dyDescent="0.25">
      <c r="H6581" s="43">
        <v>6574</v>
      </c>
      <c r="I6581" s="55">
        <f>Bühler!I6607</f>
        <v>0.22124189524584909</v>
      </c>
      <c r="J6581" s="58">
        <f>Bühler!J6607</f>
        <v>4.5072477788164775</v>
      </c>
      <c r="K6581" s="58">
        <f>Bühler!K6607</f>
        <v>0.21988394490268132</v>
      </c>
      <c r="L6581" s="58">
        <f>Bühler!L6607</f>
        <v>0.10994197245134066</v>
      </c>
      <c r="M6581" s="57">
        <f>Bühler!M6607</f>
        <v>0</v>
      </c>
      <c r="N6581" s="55">
        <f>IF(Input!$K$13=1,J6581*Input!$J$13,0)+IF(Input!$K$14=1,K6581*Input!$J$14,0)+IF(Input!$K$15=1,L6581*Input!$J$15,0)+IF(Input!$K$16=1,M6581*Input!$J$16,0)</f>
        <v>0.54086973345797729</v>
      </c>
      <c r="O6581" s="58">
        <f>IF(Input!$K$13=2,J6581*Input!$J$13,0)+IF(Input!$K$14=2,K6581*Input!$J$14,0)+IF(Input!$K$15=2,L6581*Input!$J$15,0)+IF(Input!$K$16=2,M6581*Input!$J$16,0)</f>
        <v>2.9684332561861974E-2</v>
      </c>
      <c r="P6581" s="58">
        <f>IF(Input!$K$13=3,J6581*Input!$J$13,0)+IF(Input!$K$14=3,K6581*Input!$J$14,0)+IF(Input!$K$15=3,L6581*Input!$J$15,0)+IF(Input!$K$16=3,M6581*Input!$J$16,0)</f>
        <v>0</v>
      </c>
      <c r="Q6581" s="71">
        <f>IF(Input!$K$13=4,J6581*Input!$J$13,0)+IF(Input!$K$14=4,K6581*Input!$J$14,0)+IF(Input!$K$15=4,L6581*Input!$J$15,0)+IF(Input!$K$16=4,M6581*Input!$J$16,0)</f>
        <v>0</v>
      </c>
    </row>
    <row r="6582" spans="8:17" x14ac:dyDescent="0.25">
      <c r="H6582" s="43">
        <v>6575</v>
      </c>
      <c r="I6582" s="55">
        <f>Bühler!I6608</f>
        <v>0.22124189524584909</v>
      </c>
      <c r="J6582" s="58">
        <f>Bühler!J6608</f>
        <v>4.5072477788164775</v>
      </c>
      <c r="K6582" s="58">
        <f>Bühler!K6608</f>
        <v>0.21988394490268132</v>
      </c>
      <c r="L6582" s="58">
        <f>Bühler!L6608</f>
        <v>0.10994197245134066</v>
      </c>
      <c r="M6582" s="57">
        <f>Bühler!M6608</f>
        <v>0</v>
      </c>
      <c r="N6582" s="55">
        <f>IF(Input!$K$13=1,J6582*Input!$J$13,0)+IF(Input!$K$14=1,K6582*Input!$J$14,0)+IF(Input!$K$15=1,L6582*Input!$J$15,0)+IF(Input!$K$16=1,M6582*Input!$J$16,0)</f>
        <v>0.54086973345797729</v>
      </c>
      <c r="O6582" s="58">
        <f>IF(Input!$K$13=2,J6582*Input!$J$13,0)+IF(Input!$K$14=2,K6582*Input!$J$14,0)+IF(Input!$K$15=2,L6582*Input!$J$15,0)+IF(Input!$K$16=2,M6582*Input!$J$16,0)</f>
        <v>2.9684332561861974E-2</v>
      </c>
      <c r="P6582" s="58">
        <f>IF(Input!$K$13=3,J6582*Input!$J$13,0)+IF(Input!$K$14=3,K6582*Input!$J$14,0)+IF(Input!$K$15=3,L6582*Input!$J$15,0)+IF(Input!$K$16=3,M6582*Input!$J$16,0)</f>
        <v>0</v>
      </c>
      <c r="Q6582" s="71">
        <f>IF(Input!$K$13=4,J6582*Input!$J$13,0)+IF(Input!$K$14=4,K6582*Input!$J$14,0)+IF(Input!$K$15=4,L6582*Input!$J$15,0)+IF(Input!$K$16=4,M6582*Input!$J$16,0)</f>
        <v>0</v>
      </c>
    </row>
    <row r="6583" spans="8:17" x14ac:dyDescent="0.25">
      <c r="H6583" s="43">
        <v>6576</v>
      </c>
      <c r="I6583" s="55">
        <f>Bühler!I6609</f>
        <v>0.22124189524584909</v>
      </c>
      <c r="J6583" s="58">
        <f>Bühler!J6609</f>
        <v>4.5072477788164775</v>
      </c>
      <c r="K6583" s="58">
        <f>Bühler!K6609</f>
        <v>0.21988394490268132</v>
      </c>
      <c r="L6583" s="58">
        <f>Bühler!L6609</f>
        <v>0.10994197245134066</v>
      </c>
      <c r="M6583" s="57">
        <f>Bühler!M6609</f>
        <v>0</v>
      </c>
      <c r="N6583" s="55">
        <f>IF(Input!$K$13=1,J6583*Input!$J$13,0)+IF(Input!$K$14=1,K6583*Input!$J$14,0)+IF(Input!$K$15=1,L6583*Input!$J$15,0)+IF(Input!$K$16=1,M6583*Input!$J$16,0)</f>
        <v>0.54086973345797729</v>
      </c>
      <c r="O6583" s="58">
        <f>IF(Input!$K$13=2,J6583*Input!$J$13,0)+IF(Input!$K$14=2,K6583*Input!$J$14,0)+IF(Input!$K$15=2,L6583*Input!$J$15,0)+IF(Input!$K$16=2,M6583*Input!$J$16,0)</f>
        <v>2.9684332561861974E-2</v>
      </c>
      <c r="P6583" s="58">
        <f>IF(Input!$K$13=3,J6583*Input!$J$13,0)+IF(Input!$K$14=3,K6583*Input!$J$14,0)+IF(Input!$K$15=3,L6583*Input!$J$15,0)+IF(Input!$K$16=3,M6583*Input!$J$16,0)</f>
        <v>0</v>
      </c>
      <c r="Q6583" s="71">
        <f>IF(Input!$K$13=4,J6583*Input!$J$13,0)+IF(Input!$K$14=4,K6583*Input!$J$14,0)+IF(Input!$K$15=4,L6583*Input!$J$15,0)+IF(Input!$K$16=4,M6583*Input!$J$16,0)</f>
        <v>0</v>
      </c>
    </row>
    <row r="6584" spans="8:17" x14ac:dyDescent="0.25">
      <c r="H6584" s="43">
        <v>6577</v>
      </c>
      <c r="I6584" s="55">
        <f>Bühler!I6610</f>
        <v>0.11899349357304576</v>
      </c>
      <c r="J6584" s="58">
        <f>Bühler!J6610</f>
        <v>6.7696157719600683</v>
      </c>
      <c r="K6584" s="58">
        <f>Bühler!K6610</f>
        <v>0.55333005613257857</v>
      </c>
      <c r="L6584" s="58">
        <f>Bühler!L6610</f>
        <v>0.27666502806628929</v>
      </c>
      <c r="M6584" s="57">
        <f>Bühler!M6610</f>
        <v>0</v>
      </c>
      <c r="N6584" s="55">
        <f>IF(Input!$K$13=1,J6584*Input!$J$13,0)+IF(Input!$K$14=1,K6584*Input!$J$14,0)+IF(Input!$K$15=1,L6584*Input!$J$15,0)+IF(Input!$K$16=1,M6584*Input!$J$16,0)</f>
        <v>0.81235389263520819</v>
      </c>
      <c r="O6584" s="58">
        <f>IF(Input!$K$13=2,J6584*Input!$J$13,0)+IF(Input!$K$14=2,K6584*Input!$J$14,0)+IF(Input!$K$15=2,L6584*Input!$J$15,0)+IF(Input!$K$16=2,M6584*Input!$J$16,0)</f>
        <v>7.4699557577898104E-2</v>
      </c>
      <c r="P6584" s="58">
        <f>IF(Input!$K$13=3,J6584*Input!$J$13,0)+IF(Input!$K$14=3,K6584*Input!$J$14,0)+IF(Input!$K$15=3,L6584*Input!$J$15,0)+IF(Input!$K$16=3,M6584*Input!$J$16,0)</f>
        <v>0</v>
      </c>
      <c r="Q6584" s="71">
        <f>IF(Input!$K$13=4,J6584*Input!$J$13,0)+IF(Input!$K$14=4,K6584*Input!$J$14,0)+IF(Input!$K$15=4,L6584*Input!$J$15,0)+IF(Input!$K$16=4,M6584*Input!$J$16,0)</f>
        <v>0</v>
      </c>
    </row>
    <row r="6585" spans="8:17" x14ac:dyDescent="0.25">
      <c r="H6585" s="43">
        <v>6578</v>
      </c>
      <c r="I6585" s="55">
        <f>Bühler!I6611</f>
        <v>0.11899349357304576</v>
      </c>
      <c r="J6585" s="58">
        <f>Bühler!J6611</f>
        <v>6.7696157719600683</v>
      </c>
      <c r="K6585" s="58">
        <f>Bühler!K6611</f>
        <v>0.55333005613257857</v>
      </c>
      <c r="L6585" s="58">
        <f>Bühler!L6611</f>
        <v>0.27666502806628929</v>
      </c>
      <c r="M6585" s="57">
        <f>Bühler!M6611</f>
        <v>0</v>
      </c>
      <c r="N6585" s="55">
        <f>IF(Input!$K$13=1,J6585*Input!$J$13,0)+IF(Input!$K$14=1,K6585*Input!$J$14,0)+IF(Input!$K$15=1,L6585*Input!$J$15,0)+IF(Input!$K$16=1,M6585*Input!$J$16,0)</f>
        <v>0.81235389263520819</v>
      </c>
      <c r="O6585" s="58">
        <f>IF(Input!$K$13=2,J6585*Input!$J$13,0)+IF(Input!$K$14=2,K6585*Input!$J$14,0)+IF(Input!$K$15=2,L6585*Input!$J$15,0)+IF(Input!$K$16=2,M6585*Input!$J$16,0)</f>
        <v>7.4699557577898104E-2</v>
      </c>
      <c r="P6585" s="58">
        <f>IF(Input!$K$13=3,J6585*Input!$J$13,0)+IF(Input!$K$14=3,K6585*Input!$J$14,0)+IF(Input!$K$15=3,L6585*Input!$J$15,0)+IF(Input!$K$16=3,M6585*Input!$J$16,0)</f>
        <v>0</v>
      </c>
      <c r="Q6585" s="71">
        <f>IF(Input!$K$13=4,J6585*Input!$J$13,0)+IF(Input!$K$14=4,K6585*Input!$J$14,0)+IF(Input!$K$15=4,L6585*Input!$J$15,0)+IF(Input!$K$16=4,M6585*Input!$J$16,0)</f>
        <v>0</v>
      </c>
    </row>
    <row r="6586" spans="8:17" x14ac:dyDescent="0.25">
      <c r="H6586" s="43">
        <v>6579</v>
      </c>
      <c r="I6586" s="55">
        <f>Bühler!I6612</f>
        <v>0.11899349357304576</v>
      </c>
      <c r="J6586" s="58">
        <f>Bühler!J6612</f>
        <v>6.7696157719600683</v>
      </c>
      <c r="K6586" s="58">
        <f>Bühler!K6612</f>
        <v>0.55333005613257857</v>
      </c>
      <c r="L6586" s="58">
        <f>Bühler!L6612</f>
        <v>0.27666502806628929</v>
      </c>
      <c r="M6586" s="57">
        <f>Bühler!M6612</f>
        <v>0</v>
      </c>
      <c r="N6586" s="55">
        <f>IF(Input!$K$13=1,J6586*Input!$J$13,0)+IF(Input!$K$14=1,K6586*Input!$J$14,0)+IF(Input!$K$15=1,L6586*Input!$J$15,0)+IF(Input!$K$16=1,M6586*Input!$J$16,0)</f>
        <v>0.81235389263520819</v>
      </c>
      <c r="O6586" s="58">
        <f>IF(Input!$K$13=2,J6586*Input!$J$13,0)+IF(Input!$K$14=2,K6586*Input!$J$14,0)+IF(Input!$K$15=2,L6586*Input!$J$15,0)+IF(Input!$K$16=2,M6586*Input!$J$16,0)</f>
        <v>7.4699557577898104E-2</v>
      </c>
      <c r="P6586" s="58">
        <f>IF(Input!$K$13=3,J6586*Input!$J$13,0)+IF(Input!$K$14=3,K6586*Input!$J$14,0)+IF(Input!$K$15=3,L6586*Input!$J$15,0)+IF(Input!$K$16=3,M6586*Input!$J$16,0)</f>
        <v>0</v>
      </c>
      <c r="Q6586" s="71">
        <f>IF(Input!$K$13=4,J6586*Input!$J$13,0)+IF(Input!$K$14=4,K6586*Input!$J$14,0)+IF(Input!$K$15=4,L6586*Input!$J$15,0)+IF(Input!$K$16=4,M6586*Input!$J$16,0)</f>
        <v>0</v>
      </c>
    </row>
    <row r="6587" spans="8:17" x14ac:dyDescent="0.25">
      <c r="H6587" s="43">
        <v>6580</v>
      </c>
      <c r="I6587" s="55">
        <f>Bühler!I6613</f>
        <v>0.11899349357304576</v>
      </c>
      <c r="J6587" s="58">
        <f>Bühler!J6613</f>
        <v>6.7696157719600683</v>
      </c>
      <c r="K6587" s="58">
        <f>Bühler!K6613</f>
        <v>0.55333005613257857</v>
      </c>
      <c r="L6587" s="58">
        <f>Bühler!L6613</f>
        <v>0.27666502806628929</v>
      </c>
      <c r="M6587" s="57">
        <f>Bühler!M6613</f>
        <v>0</v>
      </c>
      <c r="N6587" s="55">
        <f>IF(Input!$K$13=1,J6587*Input!$J$13,0)+IF(Input!$K$14=1,K6587*Input!$J$14,0)+IF(Input!$K$15=1,L6587*Input!$J$15,0)+IF(Input!$K$16=1,M6587*Input!$J$16,0)</f>
        <v>0.81235389263520819</v>
      </c>
      <c r="O6587" s="58">
        <f>IF(Input!$K$13=2,J6587*Input!$J$13,0)+IF(Input!$K$14=2,K6587*Input!$J$14,0)+IF(Input!$K$15=2,L6587*Input!$J$15,0)+IF(Input!$K$16=2,M6587*Input!$J$16,0)</f>
        <v>7.4699557577898104E-2</v>
      </c>
      <c r="P6587" s="58">
        <f>IF(Input!$K$13=3,J6587*Input!$J$13,0)+IF(Input!$K$14=3,K6587*Input!$J$14,0)+IF(Input!$K$15=3,L6587*Input!$J$15,0)+IF(Input!$K$16=3,M6587*Input!$J$16,0)</f>
        <v>0</v>
      </c>
      <c r="Q6587" s="71">
        <f>IF(Input!$K$13=4,J6587*Input!$J$13,0)+IF(Input!$K$14=4,K6587*Input!$J$14,0)+IF(Input!$K$15=4,L6587*Input!$J$15,0)+IF(Input!$K$16=4,M6587*Input!$J$16,0)</f>
        <v>0</v>
      </c>
    </row>
    <row r="6588" spans="8:17" x14ac:dyDescent="0.25">
      <c r="H6588" s="43">
        <v>6581</v>
      </c>
      <c r="I6588" s="55">
        <f>Bühler!I6614</f>
        <v>0.11899349357304576</v>
      </c>
      <c r="J6588" s="58">
        <f>Bühler!J6614</f>
        <v>6.7696157719600683</v>
      </c>
      <c r="K6588" s="58">
        <f>Bühler!K6614</f>
        <v>0.55333005613257857</v>
      </c>
      <c r="L6588" s="58">
        <f>Bühler!L6614</f>
        <v>0.27666502806628929</v>
      </c>
      <c r="M6588" s="57">
        <f>Bühler!M6614</f>
        <v>0</v>
      </c>
      <c r="N6588" s="55">
        <f>IF(Input!$K$13=1,J6588*Input!$J$13,0)+IF(Input!$K$14=1,K6588*Input!$J$14,0)+IF(Input!$K$15=1,L6588*Input!$J$15,0)+IF(Input!$K$16=1,M6588*Input!$J$16,0)</f>
        <v>0.81235389263520819</v>
      </c>
      <c r="O6588" s="58">
        <f>IF(Input!$K$13=2,J6588*Input!$J$13,0)+IF(Input!$K$14=2,K6588*Input!$J$14,0)+IF(Input!$K$15=2,L6588*Input!$J$15,0)+IF(Input!$K$16=2,M6588*Input!$J$16,0)</f>
        <v>7.4699557577898104E-2</v>
      </c>
      <c r="P6588" s="58">
        <f>IF(Input!$K$13=3,J6588*Input!$J$13,0)+IF(Input!$K$14=3,K6588*Input!$J$14,0)+IF(Input!$K$15=3,L6588*Input!$J$15,0)+IF(Input!$K$16=3,M6588*Input!$J$16,0)</f>
        <v>0</v>
      </c>
      <c r="Q6588" s="71">
        <f>IF(Input!$K$13=4,J6588*Input!$J$13,0)+IF(Input!$K$14=4,K6588*Input!$J$14,0)+IF(Input!$K$15=4,L6588*Input!$J$15,0)+IF(Input!$K$16=4,M6588*Input!$J$16,0)</f>
        <v>0</v>
      </c>
    </row>
    <row r="6589" spans="8:17" x14ac:dyDescent="0.25">
      <c r="H6589" s="43">
        <v>6582</v>
      </c>
      <c r="I6589" s="55">
        <f>Bühler!I6615</f>
        <v>0.11899349357304576</v>
      </c>
      <c r="J6589" s="58">
        <f>Bühler!J6615</f>
        <v>6.7696157719600683</v>
      </c>
      <c r="K6589" s="58">
        <f>Bühler!K6615</f>
        <v>0.55333005613257857</v>
      </c>
      <c r="L6589" s="58">
        <f>Bühler!L6615</f>
        <v>0.27666502806628929</v>
      </c>
      <c r="M6589" s="57">
        <f>Bühler!M6615</f>
        <v>0</v>
      </c>
      <c r="N6589" s="55">
        <f>IF(Input!$K$13=1,J6589*Input!$J$13,0)+IF(Input!$K$14=1,K6589*Input!$J$14,0)+IF(Input!$K$15=1,L6589*Input!$J$15,0)+IF(Input!$K$16=1,M6589*Input!$J$16,0)</f>
        <v>0.81235389263520819</v>
      </c>
      <c r="O6589" s="58">
        <f>IF(Input!$K$13=2,J6589*Input!$J$13,0)+IF(Input!$K$14=2,K6589*Input!$J$14,0)+IF(Input!$K$15=2,L6589*Input!$J$15,0)+IF(Input!$K$16=2,M6589*Input!$J$16,0)</f>
        <v>7.4699557577898104E-2</v>
      </c>
      <c r="P6589" s="58">
        <f>IF(Input!$K$13=3,J6589*Input!$J$13,0)+IF(Input!$K$14=3,K6589*Input!$J$14,0)+IF(Input!$K$15=3,L6589*Input!$J$15,0)+IF(Input!$K$16=3,M6589*Input!$J$16,0)</f>
        <v>0</v>
      </c>
      <c r="Q6589" s="71">
        <f>IF(Input!$K$13=4,J6589*Input!$J$13,0)+IF(Input!$K$14=4,K6589*Input!$J$14,0)+IF(Input!$K$15=4,L6589*Input!$J$15,0)+IF(Input!$K$16=4,M6589*Input!$J$16,0)</f>
        <v>0</v>
      </c>
    </row>
    <row r="6590" spans="8:17" x14ac:dyDescent="0.25">
      <c r="H6590" s="43">
        <v>6583</v>
      </c>
      <c r="I6590" s="55">
        <f>Bühler!I6616</f>
        <v>0.11899349357304576</v>
      </c>
      <c r="J6590" s="58">
        <f>Bühler!J6616</f>
        <v>6.7696157719600683</v>
      </c>
      <c r="K6590" s="58">
        <f>Bühler!K6616</f>
        <v>0.55333005613257857</v>
      </c>
      <c r="L6590" s="58">
        <f>Bühler!L6616</f>
        <v>0.27666502806628929</v>
      </c>
      <c r="M6590" s="57">
        <f>Bühler!M6616</f>
        <v>0</v>
      </c>
      <c r="N6590" s="55">
        <f>IF(Input!$K$13=1,J6590*Input!$J$13,0)+IF(Input!$K$14=1,K6590*Input!$J$14,0)+IF(Input!$K$15=1,L6590*Input!$J$15,0)+IF(Input!$K$16=1,M6590*Input!$J$16,0)</f>
        <v>0.81235389263520819</v>
      </c>
      <c r="O6590" s="58">
        <f>IF(Input!$K$13=2,J6590*Input!$J$13,0)+IF(Input!$K$14=2,K6590*Input!$J$14,0)+IF(Input!$K$15=2,L6590*Input!$J$15,0)+IF(Input!$K$16=2,M6590*Input!$J$16,0)</f>
        <v>7.4699557577898104E-2</v>
      </c>
      <c r="P6590" s="58">
        <f>IF(Input!$K$13=3,J6590*Input!$J$13,0)+IF(Input!$K$14=3,K6590*Input!$J$14,0)+IF(Input!$K$15=3,L6590*Input!$J$15,0)+IF(Input!$K$16=3,M6590*Input!$J$16,0)</f>
        <v>0</v>
      </c>
      <c r="Q6590" s="71">
        <f>IF(Input!$K$13=4,J6590*Input!$J$13,0)+IF(Input!$K$14=4,K6590*Input!$J$14,0)+IF(Input!$K$15=4,L6590*Input!$J$15,0)+IF(Input!$K$16=4,M6590*Input!$J$16,0)</f>
        <v>0</v>
      </c>
    </row>
    <row r="6591" spans="8:17" x14ac:dyDescent="0.25">
      <c r="H6591" s="43">
        <v>6584</v>
      </c>
      <c r="I6591" s="55">
        <f>Bühler!I6617</f>
        <v>0.51762169704274907</v>
      </c>
      <c r="J6591" s="58">
        <f>Bühler!J6617</f>
        <v>28.85016505417326</v>
      </c>
      <c r="K6591" s="58">
        <f>Bühler!K6617</f>
        <v>2.3571860391247847</v>
      </c>
      <c r="L6591" s="58">
        <f>Bühler!L6617</f>
        <v>1.1785930195623924</v>
      </c>
      <c r="M6591" s="57">
        <f>Bühler!M6617</f>
        <v>0</v>
      </c>
      <c r="N6591" s="55">
        <f>IF(Input!$K$13=1,J6591*Input!$J$13,0)+IF(Input!$K$14=1,K6591*Input!$J$14,0)+IF(Input!$K$15=1,L6591*Input!$J$15,0)+IF(Input!$K$16=1,M6591*Input!$J$16,0)</f>
        <v>3.4620198065007912</v>
      </c>
      <c r="O6591" s="58">
        <f>IF(Input!$K$13=2,J6591*Input!$J$13,0)+IF(Input!$K$14=2,K6591*Input!$J$14,0)+IF(Input!$K$15=2,L6591*Input!$J$15,0)+IF(Input!$K$16=2,M6591*Input!$J$16,0)</f>
        <v>0.31822011528184591</v>
      </c>
      <c r="P6591" s="58">
        <f>IF(Input!$K$13=3,J6591*Input!$J$13,0)+IF(Input!$K$14=3,K6591*Input!$J$14,0)+IF(Input!$K$15=3,L6591*Input!$J$15,0)+IF(Input!$K$16=3,M6591*Input!$J$16,0)</f>
        <v>0</v>
      </c>
      <c r="Q6591" s="71">
        <f>IF(Input!$K$13=4,J6591*Input!$J$13,0)+IF(Input!$K$14=4,K6591*Input!$J$14,0)+IF(Input!$K$15=4,L6591*Input!$J$15,0)+IF(Input!$K$16=4,M6591*Input!$J$16,0)</f>
        <v>0</v>
      </c>
    </row>
    <row r="6592" spans="8:17" x14ac:dyDescent="0.25">
      <c r="H6592" s="43">
        <v>6585</v>
      </c>
      <c r="I6592" s="55">
        <f>Bühler!I6618</f>
        <v>0.58232440917309258</v>
      </c>
      <c r="J6592" s="58">
        <f>Bühler!J6618</f>
        <v>32.456435685944918</v>
      </c>
      <c r="K6592" s="58">
        <f>Bühler!K6618</f>
        <v>2.6518342940153827</v>
      </c>
      <c r="L6592" s="58">
        <f>Bühler!L6618</f>
        <v>1.3259171470076914</v>
      </c>
      <c r="M6592" s="57">
        <f>Bühler!M6618</f>
        <v>0</v>
      </c>
      <c r="N6592" s="55">
        <f>IF(Input!$K$13=1,J6592*Input!$J$13,0)+IF(Input!$K$14=1,K6592*Input!$J$14,0)+IF(Input!$K$15=1,L6592*Input!$J$15,0)+IF(Input!$K$16=1,M6592*Input!$J$16,0)</f>
        <v>3.8947722823133901</v>
      </c>
      <c r="O6592" s="58">
        <f>IF(Input!$K$13=2,J6592*Input!$J$13,0)+IF(Input!$K$14=2,K6592*Input!$J$14,0)+IF(Input!$K$15=2,L6592*Input!$J$15,0)+IF(Input!$K$16=2,M6592*Input!$J$16,0)</f>
        <v>0.35799762969207666</v>
      </c>
      <c r="P6592" s="58">
        <f>IF(Input!$K$13=3,J6592*Input!$J$13,0)+IF(Input!$K$14=3,K6592*Input!$J$14,0)+IF(Input!$K$15=3,L6592*Input!$J$15,0)+IF(Input!$K$16=3,M6592*Input!$J$16,0)</f>
        <v>0</v>
      </c>
      <c r="Q6592" s="71">
        <f>IF(Input!$K$13=4,J6592*Input!$J$13,0)+IF(Input!$K$14=4,K6592*Input!$J$14,0)+IF(Input!$K$15=4,L6592*Input!$J$15,0)+IF(Input!$K$16=4,M6592*Input!$J$16,0)</f>
        <v>0</v>
      </c>
    </row>
    <row r="6593" spans="8:17" x14ac:dyDescent="0.25">
      <c r="H6593" s="43">
        <v>6586</v>
      </c>
      <c r="I6593" s="55">
        <f>Bühler!I6619</f>
        <v>0.6470271213034362</v>
      </c>
      <c r="J6593" s="58">
        <f>Bühler!J6619</f>
        <v>36.062706317716561</v>
      </c>
      <c r="K6593" s="58">
        <f>Bühler!K6619</f>
        <v>2.9464825489059803</v>
      </c>
      <c r="L6593" s="58">
        <f>Bühler!L6619</f>
        <v>1.4732412744529901</v>
      </c>
      <c r="M6593" s="57">
        <f>Bühler!M6619</f>
        <v>0</v>
      </c>
      <c r="N6593" s="55">
        <f>IF(Input!$K$13=1,J6593*Input!$J$13,0)+IF(Input!$K$14=1,K6593*Input!$J$14,0)+IF(Input!$K$15=1,L6593*Input!$J$15,0)+IF(Input!$K$16=1,M6593*Input!$J$16,0)</f>
        <v>4.3275247581259872</v>
      </c>
      <c r="O6593" s="58">
        <f>IF(Input!$K$13=2,J6593*Input!$J$13,0)+IF(Input!$K$14=2,K6593*Input!$J$14,0)+IF(Input!$K$15=2,L6593*Input!$J$15,0)+IF(Input!$K$16=2,M6593*Input!$J$16,0)</f>
        <v>0.3977751441023073</v>
      </c>
      <c r="P6593" s="58">
        <f>IF(Input!$K$13=3,J6593*Input!$J$13,0)+IF(Input!$K$14=3,K6593*Input!$J$14,0)+IF(Input!$K$15=3,L6593*Input!$J$15,0)+IF(Input!$K$16=3,M6593*Input!$J$16,0)</f>
        <v>0</v>
      </c>
      <c r="Q6593" s="71">
        <f>IF(Input!$K$13=4,J6593*Input!$J$13,0)+IF(Input!$K$14=4,K6593*Input!$J$14,0)+IF(Input!$K$15=4,L6593*Input!$J$15,0)+IF(Input!$K$16=4,M6593*Input!$J$16,0)</f>
        <v>0</v>
      </c>
    </row>
    <row r="6594" spans="8:17" x14ac:dyDescent="0.25">
      <c r="H6594" s="43">
        <v>6587</v>
      </c>
      <c r="I6594" s="55">
        <f>Bühler!I6620</f>
        <v>0.6470271213034362</v>
      </c>
      <c r="J6594" s="58">
        <f>Bühler!J6620</f>
        <v>36.062706317716561</v>
      </c>
      <c r="K6594" s="58">
        <f>Bühler!K6620</f>
        <v>2.9464825489059803</v>
      </c>
      <c r="L6594" s="58">
        <f>Bühler!L6620</f>
        <v>1.4732412744529901</v>
      </c>
      <c r="M6594" s="57">
        <f>Bühler!M6620</f>
        <v>0</v>
      </c>
      <c r="N6594" s="55">
        <f>IF(Input!$K$13=1,J6594*Input!$J$13,0)+IF(Input!$K$14=1,K6594*Input!$J$14,0)+IF(Input!$K$15=1,L6594*Input!$J$15,0)+IF(Input!$K$16=1,M6594*Input!$J$16,0)</f>
        <v>4.3275247581259872</v>
      </c>
      <c r="O6594" s="58">
        <f>IF(Input!$K$13=2,J6594*Input!$J$13,0)+IF(Input!$K$14=2,K6594*Input!$J$14,0)+IF(Input!$K$15=2,L6594*Input!$J$15,0)+IF(Input!$K$16=2,M6594*Input!$J$16,0)</f>
        <v>0.3977751441023073</v>
      </c>
      <c r="P6594" s="58">
        <f>IF(Input!$K$13=3,J6594*Input!$J$13,0)+IF(Input!$K$14=3,K6594*Input!$J$14,0)+IF(Input!$K$15=3,L6594*Input!$J$15,0)+IF(Input!$K$16=3,M6594*Input!$J$16,0)</f>
        <v>0</v>
      </c>
      <c r="Q6594" s="71">
        <f>IF(Input!$K$13=4,J6594*Input!$J$13,0)+IF(Input!$K$14=4,K6594*Input!$J$14,0)+IF(Input!$K$15=4,L6594*Input!$J$15,0)+IF(Input!$K$16=4,M6594*Input!$J$16,0)</f>
        <v>0</v>
      </c>
    </row>
    <row r="6595" spans="8:17" x14ac:dyDescent="0.25">
      <c r="H6595" s="43">
        <v>6588</v>
      </c>
      <c r="I6595" s="55">
        <f>Bühler!I6621</f>
        <v>0.77643254556412333</v>
      </c>
      <c r="J6595" s="58">
        <f>Bühler!J6621</f>
        <v>43.275247581259876</v>
      </c>
      <c r="K6595" s="58">
        <f>Bühler!K6621</f>
        <v>3.5357790586871753</v>
      </c>
      <c r="L6595" s="58">
        <f>Bühler!L6621</f>
        <v>1.7678895293435877</v>
      </c>
      <c r="M6595" s="57">
        <f>Bühler!M6621</f>
        <v>0</v>
      </c>
      <c r="N6595" s="55">
        <f>IF(Input!$K$13=1,J6595*Input!$J$13,0)+IF(Input!$K$14=1,K6595*Input!$J$14,0)+IF(Input!$K$15=1,L6595*Input!$J$15,0)+IF(Input!$K$16=1,M6595*Input!$J$16,0)</f>
        <v>5.1930297097511851</v>
      </c>
      <c r="O6595" s="58">
        <f>IF(Input!$K$13=2,J6595*Input!$J$13,0)+IF(Input!$K$14=2,K6595*Input!$J$14,0)+IF(Input!$K$15=2,L6595*Input!$J$15,0)+IF(Input!$K$16=2,M6595*Input!$J$16,0)</f>
        <v>0.47733017292276869</v>
      </c>
      <c r="P6595" s="58">
        <f>IF(Input!$K$13=3,J6595*Input!$J$13,0)+IF(Input!$K$14=3,K6595*Input!$J$14,0)+IF(Input!$K$15=3,L6595*Input!$J$15,0)+IF(Input!$K$16=3,M6595*Input!$J$16,0)</f>
        <v>0</v>
      </c>
      <c r="Q6595" s="71">
        <f>IF(Input!$K$13=4,J6595*Input!$J$13,0)+IF(Input!$K$14=4,K6595*Input!$J$14,0)+IF(Input!$K$15=4,L6595*Input!$J$15,0)+IF(Input!$K$16=4,M6595*Input!$J$16,0)</f>
        <v>0</v>
      </c>
    </row>
    <row r="6596" spans="8:17" x14ac:dyDescent="0.25">
      <c r="H6596" s="43">
        <v>6589</v>
      </c>
      <c r="I6596" s="55">
        <f>Bühler!I6622</f>
        <v>0.77643254556412333</v>
      </c>
      <c r="J6596" s="58">
        <f>Bühler!J6622</f>
        <v>43.275247581259876</v>
      </c>
      <c r="K6596" s="58">
        <f>Bühler!K6622</f>
        <v>3.5357790586871753</v>
      </c>
      <c r="L6596" s="58">
        <f>Bühler!L6622</f>
        <v>1.7678895293435877</v>
      </c>
      <c r="M6596" s="57">
        <f>Bühler!M6622</f>
        <v>0</v>
      </c>
      <c r="N6596" s="55">
        <f>IF(Input!$K$13=1,J6596*Input!$J$13,0)+IF(Input!$K$14=1,K6596*Input!$J$14,0)+IF(Input!$K$15=1,L6596*Input!$J$15,0)+IF(Input!$K$16=1,M6596*Input!$J$16,0)</f>
        <v>5.1930297097511851</v>
      </c>
      <c r="O6596" s="58">
        <f>IF(Input!$K$13=2,J6596*Input!$J$13,0)+IF(Input!$K$14=2,K6596*Input!$J$14,0)+IF(Input!$K$15=2,L6596*Input!$J$15,0)+IF(Input!$K$16=2,M6596*Input!$J$16,0)</f>
        <v>0.47733017292276869</v>
      </c>
      <c r="P6596" s="58">
        <f>IF(Input!$K$13=3,J6596*Input!$J$13,0)+IF(Input!$K$14=3,K6596*Input!$J$14,0)+IF(Input!$K$15=3,L6596*Input!$J$15,0)+IF(Input!$K$16=3,M6596*Input!$J$16,0)</f>
        <v>0</v>
      </c>
      <c r="Q6596" s="71">
        <f>IF(Input!$K$13=4,J6596*Input!$J$13,0)+IF(Input!$K$14=4,K6596*Input!$J$14,0)+IF(Input!$K$15=4,L6596*Input!$J$15,0)+IF(Input!$K$16=4,M6596*Input!$J$16,0)</f>
        <v>0</v>
      </c>
    </row>
    <row r="6597" spans="8:17" x14ac:dyDescent="0.25">
      <c r="H6597" s="43">
        <v>6590</v>
      </c>
      <c r="I6597" s="55">
        <f>Bühler!I6623</f>
        <v>0.51762169704274907</v>
      </c>
      <c r="J6597" s="58">
        <f>Bühler!J6623</f>
        <v>28.85016505417326</v>
      </c>
      <c r="K6597" s="58">
        <f>Bühler!K6623</f>
        <v>2.3571860391247847</v>
      </c>
      <c r="L6597" s="58">
        <f>Bühler!L6623</f>
        <v>1.1785930195623924</v>
      </c>
      <c r="M6597" s="57">
        <f>Bühler!M6623</f>
        <v>0</v>
      </c>
      <c r="N6597" s="55">
        <f>IF(Input!$K$13=1,J6597*Input!$J$13,0)+IF(Input!$K$14=1,K6597*Input!$J$14,0)+IF(Input!$K$15=1,L6597*Input!$J$15,0)+IF(Input!$K$16=1,M6597*Input!$J$16,0)</f>
        <v>3.4620198065007912</v>
      </c>
      <c r="O6597" s="58">
        <f>IF(Input!$K$13=2,J6597*Input!$J$13,0)+IF(Input!$K$14=2,K6597*Input!$J$14,0)+IF(Input!$K$15=2,L6597*Input!$J$15,0)+IF(Input!$K$16=2,M6597*Input!$J$16,0)</f>
        <v>0.31822011528184591</v>
      </c>
      <c r="P6597" s="58">
        <f>IF(Input!$K$13=3,J6597*Input!$J$13,0)+IF(Input!$K$14=3,K6597*Input!$J$14,0)+IF(Input!$K$15=3,L6597*Input!$J$15,0)+IF(Input!$K$16=3,M6597*Input!$J$16,0)</f>
        <v>0</v>
      </c>
      <c r="Q6597" s="71">
        <f>IF(Input!$K$13=4,J6597*Input!$J$13,0)+IF(Input!$K$14=4,K6597*Input!$J$14,0)+IF(Input!$K$15=4,L6597*Input!$J$15,0)+IF(Input!$K$16=4,M6597*Input!$J$16,0)</f>
        <v>0</v>
      </c>
    </row>
    <row r="6598" spans="8:17" x14ac:dyDescent="0.25">
      <c r="H6598" s="43">
        <v>6591</v>
      </c>
      <c r="I6598" s="55">
        <f>Bühler!I6624</f>
        <v>0.77643254556412333</v>
      </c>
      <c r="J6598" s="58">
        <f>Bühler!J6624</f>
        <v>43.275247581259876</v>
      </c>
      <c r="K6598" s="58">
        <f>Bühler!K6624</f>
        <v>3.5357790586871753</v>
      </c>
      <c r="L6598" s="58">
        <f>Bühler!L6624</f>
        <v>1.7678895293435877</v>
      </c>
      <c r="M6598" s="57">
        <f>Bühler!M6624</f>
        <v>0</v>
      </c>
      <c r="N6598" s="55">
        <f>IF(Input!$K$13=1,J6598*Input!$J$13,0)+IF(Input!$K$14=1,K6598*Input!$J$14,0)+IF(Input!$K$15=1,L6598*Input!$J$15,0)+IF(Input!$K$16=1,M6598*Input!$J$16,0)</f>
        <v>5.1930297097511851</v>
      </c>
      <c r="O6598" s="58">
        <f>IF(Input!$K$13=2,J6598*Input!$J$13,0)+IF(Input!$K$14=2,K6598*Input!$J$14,0)+IF(Input!$K$15=2,L6598*Input!$J$15,0)+IF(Input!$K$16=2,M6598*Input!$J$16,0)</f>
        <v>0.47733017292276869</v>
      </c>
      <c r="P6598" s="58">
        <f>IF(Input!$K$13=3,J6598*Input!$J$13,0)+IF(Input!$K$14=3,K6598*Input!$J$14,0)+IF(Input!$K$15=3,L6598*Input!$J$15,0)+IF(Input!$K$16=3,M6598*Input!$J$16,0)</f>
        <v>0</v>
      </c>
      <c r="Q6598" s="71">
        <f>IF(Input!$K$13=4,J6598*Input!$J$13,0)+IF(Input!$K$14=4,K6598*Input!$J$14,0)+IF(Input!$K$15=4,L6598*Input!$J$15,0)+IF(Input!$K$16=4,M6598*Input!$J$16,0)</f>
        <v>0</v>
      </c>
    </row>
    <row r="6599" spans="8:17" x14ac:dyDescent="0.25">
      <c r="H6599" s="43">
        <v>6592</v>
      </c>
      <c r="I6599" s="55">
        <f>Bühler!I6625</f>
        <v>0.77643254556412333</v>
      </c>
      <c r="J6599" s="58">
        <f>Bühler!J6625</f>
        <v>43.275247581259876</v>
      </c>
      <c r="K6599" s="58">
        <f>Bühler!K6625</f>
        <v>3.5357790586871753</v>
      </c>
      <c r="L6599" s="58">
        <f>Bühler!L6625</f>
        <v>1.7678895293435877</v>
      </c>
      <c r="M6599" s="57">
        <f>Bühler!M6625</f>
        <v>0</v>
      </c>
      <c r="N6599" s="55">
        <f>IF(Input!$K$13=1,J6599*Input!$J$13,0)+IF(Input!$K$14=1,K6599*Input!$J$14,0)+IF(Input!$K$15=1,L6599*Input!$J$15,0)+IF(Input!$K$16=1,M6599*Input!$J$16,0)</f>
        <v>5.1930297097511851</v>
      </c>
      <c r="O6599" s="58">
        <f>IF(Input!$K$13=2,J6599*Input!$J$13,0)+IF(Input!$K$14=2,K6599*Input!$J$14,0)+IF(Input!$K$15=2,L6599*Input!$J$15,0)+IF(Input!$K$16=2,M6599*Input!$J$16,0)</f>
        <v>0.47733017292276869</v>
      </c>
      <c r="P6599" s="58">
        <f>IF(Input!$K$13=3,J6599*Input!$J$13,0)+IF(Input!$K$14=3,K6599*Input!$J$14,0)+IF(Input!$K$15=3,L6599*Input!$J$15,0)+IF(Input!$K$16=3,M6599*Input!$J$16,0)</f>
        <v>0</v>
      </c>
      <c r="Q6599" s="71">
        <f>IF(Input!$K$13=4,J6599*Input!$J$13,0)+IF(Input!$K$14=4,K6599*Input!$J$14,0)+IF(Input!$K$15=4,L6599*Input!$J$15,0)+IF(Input!$K$16=4,M6599*Input!$J$16,0)</f>
        <v>0</v>
      </c>
    </row>
    <row r="6600" spans="8:17" x14ac:dyDescent="0.25">
      <c r="H6600" s="43">
        <v>6593</v>
      </c>
      <c r="I6600" s="55">
        <f>Bühler!I6626</f>
        <v>0.6470271213034362</v>
      </c>
      <c r="J6600" s="58">
        <f>Bühler!J6626</f>
        <v>25.454178236825218</v>
      </c>
      <c r="K6600" s="58">
        <f>Bühler!K6626</f>
        <v>2.0625377842341863</v>
      </c>
      <c r="L6600" s="58">
        <f>Bühler!L6626</f>
        <v>1.0312688921170932</v>
      </c>
      <c r="M6600" s="57">
        <f>Bühler!M6626</f>
        <v>0</v>
      </c>
      <c r="N6600" s="55">
        <f>IF(Input!$K$13=1,J6600*Input!$J$13,0)+IF(Input!$K$14=1,K6600*Input!$J$14,0)+IF(Input!$K$15=1,L6600*Input!$J$15,0)+IF(Input!$K$16=1,M6600*Input!$J$16,0)</f>
        <v>3.054501388419026</v>
      </c>
      <c r="O6600" s="58">
        <f>IF(Input!$K$13=2,J6600*Input!$J$13,0)+IF(Input!$K$14=2,K6600*Input!$J$14,0)+IF(Input!$K$15=2,L6600*Input!$J$15,0)+IF(Input!$K$16=2,M6600*Input!$J$16,0)</f>
        <v>0.27844260087161515</v>
      </c>
      <c r="P6600" s="58">
        <f>IF(Input!$K$13=3,J6600*Input!$J$13,0)+IF(Input!$K$14=3,K6600*Input!$J$14,0)+IF(Input!$K$15=3,L6600*Input!$J$15,0)+IF(Input!$K$16=3,M6600*Input!$J$16,0)</f>
        <v>0</v>
      </c>
      <c r="Q6600" s="71">
        <f>IF(Input!$K$13=4,J6600*Input!$J$13,0)+IF(Input!$K$14=4,K6600*Input!$J$14,0)+IF(Input!$K$15=4,L6600*Input!$J$15,0)+IF(Input!$K$16=4,M6600*Input!$J$16,0)</f>
        <v>0</v>
      </c>
    </row>
    <row r="6601" spans="8:17" x14ac:dyDescent="0.25">
      <c r="H6601" s="43">
        <v>6594</v>
      </c>
      <c r="I6601" s="55">
        <f>Bühler!I6627</f>
        <v>0.5205965343820752</v>
      </c>
      <c r="J6601" s="58">
        <f>Bühler!J6627</f>
        <v>7.6363316328414861</v>
      </c>
      <c r="K6601" s="58">
        <f>Bühler!K6627</f>
        <v>0.58929650978119619</v>
      </c>
      <c r="L6601" s="58">
        <f>Bühler!L6627</f>
        <v>0.29464825489059809</v>
      </c>
      <c r="M6601" s="57">
        <f>Bühler!M6627</f>
        <v>0</v>
      </c>
      <c r="N6601" s="55">
        <f>IF(Input!$K$13=1,J6601*Input!$J$13,0)+IF(Input!$K$14=1,K6601*Input!$J$14,0)+IF(Input!$K$15=1,L6601*Input!$J$15,0)+IF(Input!$K$16=1,M6601*Input!$J$16,0)</f>
        <v>0.91635979594097827</v>
      </c>
      <c r="O6601" s="58">
        <f>IF(Input!$K$13=2,J6601*Input!$J$13,0)+IF(Input!$K$14=2,K6601*Input!$J$14,0)+IF(Input!$K$15=2,L6601*Input!$J$15,0)+IF(Input!$K$16=2,M6601*Input!$J$16,0)</f>
        <v>7.9555028820461476E-2</v>
      </c>
      <c r="P6601" s="58">
        <f>IF(Input!$K$13=3,J6601*Input!$J$13,0)+IF(Input!$K$14=3,K6601*Input!$J$14,0)+IF(Input!$K$15=3,L6601*Input!$J$15,0)+IF(Input!$K$16=3,M6601*Input!$J$16,0)</f>
        <v>0</v>
      </c>
      <c r="Q6601" s="71">
        <f>IF(Input!$K$13=4,J6601*Input!$J$13,0)+IF(Input!$K$14=4,K6601*Input!$J$14,0)+IF(Input!$K$15=4,L6601*Input!$J$15,0)+IF(Input!$K$16=4,M6601*Input!$J$16,0)</f>
        <v>0</v>
      </c>
    </row>
    <row r="6602" spans="8:17" x14ac:dyDescent="0.25">
      <c r="H6602" s="43">
        <v>6595</v>
      </c>
      <c r="I6602" s="55">
        <f>Bühler!I6628</f>
        <v>0.18592733370788397</v>
      </c>
      <c r="J6602" s="58">
        <f>Bühler!J6628</f>
        <v>7.1741627398022709</v>
      </c>
      <c r="K6602" s="58">
        <f>Bühler!K6628</f>
        <v>0.58099655893920743</v>
      </c>
      <c r="L6602" s="58">
        <f>Bühler!L6628</f>
        <v>0.29049827946960372</v>
      </c>
      <c r="M6602" s="57">
        <f>Bühler!M6628</f>
        <v>0</v>
      </c>
      <c r="N6602" s="55">
        <f>IF(Input!$K$13=1,J6602*Input!$J$13,0)+IF(Input!$K$14=1,K6602*Input!$J$14,0)+IF(Input!$K$15=1,L6602*Input!$J$15,0)+IF(Input!$K$16=1,M6602*Input!$J$16,0)</f>
        <v>0.86089952877627252</v>
      </c>
      <c r="O6602" s="58">
        <f>IF(Input!$K$13=2,J6602*Input!$J$13,0)+IF(Input!$K$14=2,K6602*Input!$J$14,0)+IF(Input!$K$15=2,L6602*Input!$J$15,0)+IF(Input!$K$16=2,M6602*Input!$J$16,0)</f>
        <v>7.8434535456792992E-2</v>
      </c>
      <c r="P6602" s="58">
        <f>IF(Input!$K$13=3,J6602*Input!$J$13,0)+IF(Input!$K$14=3,K6602*Input!$J$14,0)+IF(Input!$K$15=3,L6602*Input!$J$15,0)+IF(Input!$K$16=3,M6602*Input!$J$16,0)</f>
        <v>0</v>
      </c>
      <c r="Q6602" s="71">
        <f>IF(Input!$K$13=4,J6602*Input!$J$13,0)+IF(Input!$K$14=4,K6602*Input!$J$14,0)+IF(Input!$K$15=4,L6602*Input!$J$15,0)+IF(Input!$K$16=4,M6602*Input!$J$16,0)</f>
        <v>0</v>
      </c>
    </row>
    <row r="6603" spans="8:17" x14ac:dyDescent="0.25">
      <c r="H6603" s="43">
        <v>6596</v>
      </c>
      <c r="I6603" s="55">
        <f>Bühler!I6629</f>
        <v>0.18592733370788397</v>
      </c>
      <c r="J6603" s="58">
        <f>Bühler!J6629</f>
        <v>7.1741627398022709</v>
      </c>
      <c r="K6603" s="58">
        <f>Bühler!K6629</f>
        <v>0.58099655893920743</v>
      </c>
      <c r="L6603" s="58">
        <f>Bühler!L6629</f>
        <v>0.29049827946960372</v>
      </c>
      <c r="M6603" s="57">
        <f>Bühler!M6629</f>
        <v>0</v>
      </c>
      <c r="N6603" s="55">
        <f>IF(Input!$K$13=1,J6603*Input!$J$13,0)+IF(Input!$K$14=1,K6603*Input!$J$14,0)+IF(Input!$K$15=1,L6603*Input!$J$15,0)+IF(Input!$K$16=1,M6603*Input!$J$16,0)</f>
        <v>0.86089952877627252</v>
      </c>
      <c r="O6603" s="58">
        <f>IF(Input!$K$13=2,J6603*Input!$J$13,0)+IF(Input!$K$14=2,K6603*Input!$J$14,0)+IF(Input!$K$15=2,L6603*Input!$J$15,0)+IF(Input!$K$16=2,M6603*Input!$J$16,0)</f>
        <v>7.8434535456792992E-2</v>
      </c>
      <c r="P6603" s="58">
        <f>IF(Input!$K$13=3,J6603*Input!$J$13,0)+IF(Input!$K$14=3,K6603*Input!$J$14,0)+IF(Input!$K$15=3,L6603*Input!$J$15,0)+IF(Input!$K$16=3,M6603*Input!$J$16,0)</f>
        <v>0</v>
      </c>
      <c r="Q6603" s="71">
        <f>IF(Input!$K$13=4,J6603*Input!$J$13,0)+IF(Input!$K$14=4,K6603*Input!$J$14,0)+IF(Input!$K$15=4,L6603*Input!$J$15,0)+IF(Input!$K$16=4,M6603*Input!$J$16,0)</f>
        <v>0</v>
      </c>
    </row>
    <row r="6604" spans="8:17" x14ac:dyDescent="0.25">
      <c r="H6604" s="43">
        <v>6597</v>
      </c>
      <c r="I6604" s="55">
        <f>Bühler!I6630</f>
        <v>0.18592733370788397</v>
      </c>
      <c r="J6604" s="58">
        <f>Bühler!J6630</f>
        <v>7.1741627398022709</v>
      </c>
      <c r="K6604" s="58">
        <f>Bühler!K6630</f>
        <v>0.58099655893920743</v>
      </c>
      <c r="L6604" s="58">
        <f>Bühler!L6630</f>
        <v>0.29049827946960372</v>
      </c>
      <c r="M6604" s="57">
        <f>Bühler!M6630</f>
        <v>0</v>
      </c>
      <c r="N6604" s="55">
        <f>IF(Input!$K$13=1,J6604*Input!$J$13,0)+IF(Input!$K$14=1,K6604*Input!$J$14,0)+IF(Input!$K$15=1,L6604*Input!$J$15,0)+IF(Input!$K$16=1,M6604*Input!$J$16,0)</f>
        <v>0.86089952877627252</v>
      </c>
      <c r="O6604" s="58">
        <f>IF(Input!$K$13=2,J6604*Input!$J$13,0)+IF(Input!$K$14=2,K6604*Input!$J$14,0)+IF(Input!$K$15=2,L6604*Input!$J$15,0)+IF(Input!$K$16=2,M6604*Input!$J$16,0)</f>
        <v>7.8434535456792992E-2</v>
      </c>
      <c r="P6604" s="58">
        <f>IF(Input!$K$13=3,J6604*Input!$J$13,0)+IF(Input!$K$14=3,K6604*Input!$J$14,0)+IF(Input!$K$15=3,L6604*Input!$J$15,0)+IF(Input!$K$16=3,M6604*Input!$J$16,0)</f>
        <v>0</v>
      </c>
      <c r="Q6604" s="71">
        <f>IF(Input!$K$13=4,J6604*Input!$J$13,0)+IF(Input!$K$14=4,K6604*Input!$J$14,0)+IF(Input!$K$15=4,L6604*Input!$J$15,0)+IF(Input!$K$16=4,M6604*Input!$J$16,0)</f>
        <v>0</v>
      </c>
    </row>
    <row r="6605" spans="8:17" x14ac:dyDescent="0.25">
      <c r="H6605" s="43">
        <v>6598</v>
      </c>
      <c r="I6605" s="55">
        <f>Bühler!I6631</f>
        <v>0.18592733370788397</v>
      </c>
      <c r="J6605" s="58">
        <f>Bühler!J6631</f>
        <v>7.1741627398022709</v>
      </c>
      <c r="K6605" s="58">
        <f>Bühler!K6631</f>
        <v>0.58099655893920743</v>
      </c>
      <c r="L6605" s="58">
        <f>Bühler!L6631</f>
        <v>0.29049827946960372</v>
      </c>
      <c r="M6605" s="57">
        <f>Bühler!M6631</f>
        <v>0</v>
      </c>
      <c r="N6605" s="55">
        <f>IF(Input!$K$13=1,J6605*Input!$J$13,0)+IF(Input!$K$14=1,K6605*Input!$J$14,0)+IF(Input!$K$15=1,L6605*Input!$J$15,0)+IF(Input!$K$16=1,M6605*Input!$J$16,0)</f>
        <v>0.86089952877627252</v>
      </c>
      <c r="O6605" s="58">
        <f>IF(Input!$K$13=2,J6605*Input!$J$13,0)+IF(Input!$K$14=2,K6605*Input!$J$14,0)+IF(Input!$K$15=2,L6605*Input!$J$15,0)+IF(Input!$K$16=2,M6605*Input!$J$16,0)</f>
        <v>7.8434535456792992E-2</v>
      </c>
      <c r="P6605" s="58">
        <f>IF(Input!$K$13=3,J6605*Input!$J$13,0)+IF(Input!$K$14=3,K6605*Input!$J$14,0)+IF(Input!$K$15=3,L6605*Input!$J$15,0)+IF(Input!$K$16=3,M6605*Input!$J$16,0)</f>
        <v>0</v>
      </c>
      <c r="Q6605" s="71">
        <f>IF(Input!$K$13=4,J6605*Input!$J$13,0)+IF(Input!$K$14=4,K6605*Input!$J$14,0)+IF(Input!$K$15=4,L6605*Input!$J$15,0)+IF(Input!$K$16=4,M6605*Input!$J$16,0)</f>
        <v>0</v>
      </c>
    </row>
    <row r="6606" spans="8:17" x14ac:dyDescent="0.25">
      <c r="H6606" s="43">
        <v>6599</v>
      </c>
      <c r="I6606" s="55">
        <f>Bühler!I6632</f>
        <v>0.18592733370788397</v>
      </c>
      <c r="J6606" s="58">
        <f>Bühler!J6632</f>
        <v>7.1741627398022709</v>
      </c>
      <c r="K6606" s="58">
        <f>Bühler!K6632</f>
        <v>0.58099655893920743</v>
      </c>
      <c r="L6606" s="58">
        <f>Bühler!L6632</f>
        <v>0.29049827946960372</v>
      </c>
      <c r="M6606" s="57">
        <f>Bühler!M6632</f>
        <v>0</v>
      </c>
      <c r="N6606" s="55">
        <f>IF(Input!$K$13=1,J6606*Input!$J$13,0)+IF(Input!$K$14=1,K6606*Input!$J$14,0)+IF(Input!$K$15=1,L6606*Input!$J$15,0)+IF(Input!$K$16=1,M6606*Input!$J$16,0)</f>
        <v>0.86089952877627252</v>
      </c>
      <c r="O6606" s="58">
        <f>IF(Input!$K$13=2,J6606*Input!$J$13,0)+IF(Input!$K$14=2,K6606*Input!$J$14,0)+IF(Input!$K$15=2,L6606*Input!$J$15,0)+IF(Input!$K$16=2,M6606*Input!$J$16,0)</f>
        <v>7.8434535456792992E-2</v>
      </c>
      <c r="P6606" s="58">
        <f>IF(Input!$K$13=3,J6606*Input!$J$13,0)+IF(Input!$K$14=3,K6606*Input!$J$14,0)+IF(Input!$K$15=3,L6606*Input!$J$15,0)+IF(Input!$K$16=3,M6606*Input!$J$16,0)</f>
        <v>0</v>
      </c>
      <c r="Q6606" s="71">
        <f>IF(Input!$K$13=4,J6606*Input!$J$13,0)+IF(Input!$K$14=4,K6606*Input!$J$14,0)+IF(Input!$K$15=4,L6606*Input!$J$15,0)+IF(Input!$K$16=4,M6606*Input!$J$16,0)</f>
        <v>0</v>
      </c>
    </row>
    <row r="6607" spans="8:17" x14ac:dyDescent="0.25">
      <c r="H6607" s="43">
        <v>6600</v>
      </c>
      <c r="I6607" s="55">
        <f>Bühler!I6633</f>
        <v>0.18592733370788397</v>
      </c>
      <c r="J6607" s="58">
        <f>Bühler!J6633</f>
        <v>7.1741627398022709</v>
      </c>
      <c r="K6607" s="58">
        <f>Bühler!K6633</f>
        <v>0.58099655893920743</v>
      </c>
      <c r="L6607" s="58">
        <f>Bühler!L6633</f>
        <v>0.29049827946960372</v>
      </c>
      <c r="M6607" s="57">
        <f>Bühler!M6633</f>
        <v>0</v>
      </c>
      <c r="N6607" s="55">
        <f>IF(Input!$K$13=1,J6607*Input!$J$13,0)+IF(Input!$K$14=1,K6607*Input!$J$14,0)+IF(Input!$K$15=1,L6607*Input!$J$15,0)+IF(Input!$K$16=1,M6607*Input!$J$16,0)</f>
        <v>0.86089952877627252</v>
      </c>
      <c r="O6607" s="58">
        <f>IF(Input!$K$13=2,J6607*Input!$J$13,0)+IF(Input!$K$14=2,K6607*Input!$J$14,0)+IF(Input!$K$15=2,L6607*Input!$J$15,0)+IF(Input!$K$16=2,M6607*Input!$J$16,0)</f>
        <v>7.8434535456792992E-2</v>
      </c>
      <c r="P6607" s="58">
        <f>IF(Input!$K$13=3,J6607*Input!$J$13,0)+IF(Input!$K$14=3,K6607*Input!$J$14,0)+IF(Input!$K$15=3,L6607*Input!$J$15,0)+IF(Input!$K$16=3,M6607*Input!$J$16,0)</f>
        <v>0</v>
      </c>
      <c r="Q6607" s="71">
        <f>IF(Input!$K$13=4,J6607*Input!$J$13,0)+IF(Input!$K$14=4,K6607*Input!$J$14,0)+IF(Input!$K$15=4,L6607*Input!$J$15,0)+IF(Input!$K$16=4,M6607*Input!$J$16,0)</f>
        <v>0</v>
      </c>
    </row>
    <row r="6608" spans="8:17" x14ac:dyDescent="0.25">
      <c r="H6608" s="43">
        <v>6601</v>
      </c>
      <c r="I6608" s="55">
        <f>Bühler!I6634</f>
        <v>0.16940041159583219</v>
      </c>
      <c r="J6608" s="58">
        <f>Bühler!J6634</f>
        <v>4.617454251157552</v>
      </c>
      <c r="K6608" s="58">
        <f>Bühler!K6634</f>
        <v>0.36977421232722024</v>
      </c>
      <c r="L6608" s="58">
        <f>Bühler!L6634</f>
        <v>0.18488710616361012</v>
      </c>
      <c r="M6608" s="57">
        <f>Bühler!M6634</f>
        <v>0</v>
      </c>
      <c r="N6608" s="55">
        <f>IF(Input!$K$13=1,J6608*Input!$J$13,0)+IF(Input!$K$14=1,K6608*Input!$J$14,0)+IF(Input!$K$15=1,L6608*Input!$J$15,0)+IF(Input!$K$16=1,M6608*Input!$J$16,0)</f>
        <v>0.5540945101389062</v>
      </c>
      <c r="O6608" s="58">
        <f>IF(Input!$K$13=2,J6608*Input!$J$13,0)+IF(Input!$K$14=2,K6608*Input!$J$14,0)+IF(Input!$K$15=2,L6608*Input!$J$15,0)+IF(Input!$K$16=2,M6608*Input!$J$16,0)</f>
        <v>4.9919518664174732E-2</v>
      </c>
      <c r="P6608" s="58">
        <f>IF(Input!$K$13=3,J6608*Input!$J$13,0)+IF(Input!$K$14=3,K6608*Input!$J$14,0)+IF(Input!$K$15=3,L6608*Input!$J$15,0)+IF(Input!$K$16=3,M6608*Input!$J$16,0)</f>
        <v>0</v>
      </c>
      <c r="Q6608" s="71">
        <f>IF(Input!$K$13=4,J6608*Input!$J$13,0)+IF(Input!$K$14=4,K6608*Input!$J$14,0)+IF(Input!$K$15=4,L6608*Input!$J$15,0)+IF(Input!$K$16=4,M6608*Input!$J$16,0)</f>
        <v>0</v>
      </c>
    </row>
    <row r="6609" spans="8:17" x14ac:dyDescent="0.25">
      <c r="H6609" s="43">
        <v>6602</v>
      </c>
      <c r="I6609" s="55">
        <f>Bühler!I6635</f>
        <v>0.16940041159583219</v>
      </c>
      <c r="J6609" s="58">
        <f>Bühler!J6635</f>
        <v>6.939992752326571</v>
      </c>
      <c r="K6609" s="58">
        <f>Bühler!K6635</f>
        <v>0.56346546640338324</v>
      </c>
      <c r="L6609" s="58">
        <f>Bühler!L6635</f>
        <v>0.28173273320169162</v>
      </c>
      <c r="M6609" s="57">
        <f>Bühler!M6635</f>
        <v>0</v>
      </c>
      <c r="N6609" s="55">
        <f>IF(Input!$K$13=1,J6609*Input!$J$13,0)+IF(Input!$K$14=1,K6609*Input!$J$14,0)+IF(Input!$K$15=1,L6609*Input!$J$15,0)+IF(Input!$K$16=1,M6609*Input!$J$16,0)</f>
        <v>0.8327991302791885</v>
      </c>
      <c r="O6609" s="58">
        <f>IF(Input!$K$13=2,J6609*Input!$J$13,0)+IF(Input!$K$14=2,K6609*Input!$J$14,0)+IF(Input!$K$15=2,L6609*Input!$J$15,0)+IF(Input!$K$16=2,M6609*Input!$J$16,0)</f>
        <v>7.6067837964456736E-2</v>
      </c>
      <c r="P6609" s="58">
        <f>IF(Input!$K$13=3,J6609*Input!$J$13,0)+IF(Input!$K$14=3,K6609*Input!$J$14,0)+IF(Input!$K$15=3,L6609*Input!$J$15,0)+IF(Input!$K$16=3,M6609*Input!$J$16,0)</f>
        <v>0</v>
      </c>
      <c r="Q6609" s="71">
        <f>IF(Input!$K$13=4,J6609*Input!$J$13,0)+IF(Input!$K$14=4,K6609*Input!$J$14,0)+IF(Input!$K$15=4,L6609*Input!$J$15,0)+IF(Input!$K$16=4,M6609*Input!$J$16,0)</f>
        <v>0</v>
      </c>
    </row>
    <row r="6610" spans="8:17" x14ac:dyDescent="0.25">
      <c r="H6610" s="43">
        <v>6603</v>
      </c>
      <c r="I6610" s="55">
        <f>Bühler!I6636</f>
        <v>0.16940041159583219</v>
      </c>
      <c r="J6610" s="58">
        <f>Bühler!J6636</f>
        <v>6.939992752326571</v>
      </c>
      <c r="K6610" s="58">
        <f>Bühler!K6636</f>
        <v>0.56346546640338324</v>
      </c>
      <c r="L6610" s="58">
        <f>Bühler!L6636</f>
        <v>0.28173273320169162</v>
      </c>
      <c r="M6610" s="57">
        <f>Bühler!M6636</f>
        <v>0</v>
      </c>
      <c r="N6610" s="55">
        <f>IF(Input!$K$13=1,J6610*Input!$J$13,0)+IF(Input!$K$14=1,K6610*Input!$J$14,0)+IF(Input!$K$15=1,L6610*Input!$J$15,0)+IF(Input!$K$16=1,M6610*Input!$J$16,0)</f>
        <v>0.8327991302791885</v>
      </c>
      <c r="O6610" s="58">
        <f>IF(Input!$K$13=2,J6610*Input!$J$13,0)+IF(Input!$K$14=2,K6610*Input!$J$14,0)+IF(Input!$K$15=2,L6610*Input!$J$15,0)+IF(Input!$K$16=2,M6610*Input!$J$16,0)</f>
        <v>7.6067837964456736E-2</v>
      </c>
      <c r="P6610" s="58">
        <f>IF(Input!$K$13=3,J6610*Input!$J$13,0)+IF(Input!$K$14=3,K6610*Input!$J$14,0)+IF(Input!$K$15=3,L6610*Input!$J$15,0)+IF(Input!$K$16=3,M6610*Input!$J$16,0)</f>
        <v>0</v>
      </c>
      <c r="Q6610" s="71">
        <f>IF(Input!$K$13=4,J6610*Input!$J$13,0)+IF(Input!$K$14=4,K6610*Input!$J$14,0)+IF(Input!$K$15=4,L6610*Input!$J$15,0)+IF(Input!$K$16=4,M6610*Input!$J$16,0)</f>
        <v>0</v>
      </c>
    </row>
    <row r="6611" spans="8:17" x14ac:dyDescent="0.25">
      <c r="H6611" s="43">
        <v>6604</v>
      </c>
      <c r="I6611" s="55">
        <f>Bühler!I6637</f>
        <v>0.16940041159583219</v>
      </c>
      <c r="J6611" s="58">
        <f>Bühler!J6637</f>
        <v>6.939992752326571</v>
      </c>
      <c r="K6611" s="58">
        <f>Bühler!K6637</f>
        <v>0.56346546640338324</v>
      </c>
      <c r="L6611" s="58">
        <f>Bühler!L6637</f>
        <v>0.28173273320169162</v>
      </c>
      <c r="M6611" s="57">
        <f>Bühler!M6637</f>
        <v>0</v>
      </c>
      <c r="N6611" s="55">
        <f>IF(Input!$K$13=1,J6611*Input!$J$13,0)+IF(Input!$K$14=1,K6611*Input!$J$14,0)+IF(Input!$K$15=1,L6611*Input!$J$15,0)+IF(Input!$K$16=1,M6611*Input!$J$16,0)</f>
        <v>0.8327991302791885</v>
      </c>
      <c r="O6611" s="58">
        <f>IF(Input!$K$13=2,J6611*Input!$J$13,0)+IF(Input!$K$14=2,K6611*Input!$J$14,0)+IF(Input!$K$15=2,L6611*Input!$J$15,0)+IF(Input!$K$16=2,M6611*Input!$J$16,0)</f>
        <v>7.6067837964456736E-2</v>
      </c>
      <c r="P6611" s="58">
        <f>IF(Input!$K$13=3,J6611*Input!$J$13,0)+IF(Input!$K$14=3,K6611*Input!$J$14,0)+IF(Input!$K$15=3,L6611*Input!$J$15,0)+IF(Input!$K$16=3,M6611*Input!$J$16,0)</f>
        <v>0</v>
      </c>
      <c r="Q6611" s="71">
        <f>IF(Input!$K$13=4,J6611*Input!$J$13,0)+IF(Input!$K$14=4,K6611*Input!$J$14,0)+IF(Input!$K$15=4,L6611*Input!$J$15,0)+IF(Input!$K$16=4,M6611*Input!$J$16,0)</f>
        <v>0</v>
      </c>
    </row>
    <row r="6612" spans="8:17" x14ac:dyDescent="0.25">
      <c r="H6612" s="43">
        <v>6605</v>
      </c>
      <c r="I6612" s="55">
        <f>Bühler!I6638</f>
        <v>0.16940041159583219</v>
      </c>
      <c r="J6612" s="58">
        <f>Bühler!J6638</f>
        <v>6.939992752326571</v>
      </c>
      <c r="K6612" s="58">
        <f>Bühler!K6638</f>
        <v>0.56346546640338324</v>
      </c>
      <c r="L6612" s="58">
        <f>Bühler!L6638</f>
        <v>0.28173273320169162</v>
      </c>
      <c r="M6612" s="57">
        <f>Bühler!M6638</f>
        <v>0</v>
      </c>
      <c r="N6612" s="55">
        <f>IF(Input!$K$13=1,J6612*Input!$J$13,0)+IF(Input!$K$14=1,K6612*Input!$J$14,0)+IF(Input!$K$15=1,L6612*Input!$J$15,0)+IF(Input!$K$16=1,M6612*Input!$J$16,0)</f>
        <v>0.8327991302791885</v>
      </c>
      <c r="O6612" s="58">
        <f>IF(Input!$K$13=2,J6612*Input!$J$13,0)+IF(Input!$K$14=2,K6612*Input!$J$14,0)+IF(Input!$K$15=2,L6612*Input!$J$15,0)+IF(Input!$K$16=2,M6612*Input!$J$16,0)</f>
        <v>7.6067837964456736E-2</v>
      </c>
      <c r="P6612" s="58">
        <f>IF(Input!$K$13=3,J6612*Input!$J$13,0)+IF(Input!$K$14=3,K6612*Input!$J$14,0)+IF(Input!$K$15=3,L6612*Input!$J$15,0)+IF(Input!$K$16=3,M6612*Input!$J$16,0)</f>
        <v>0</v>
      </c>
      <c r="Q6612" s="71">
        <f>IF(Input!$K$13=4,J6612*Input!$J$13,0)+IF(Input!$K$14=4,K6612*Input!$J$14,0)+IF(Input!$K$15=4,L6612*Input!$J$15,0)+IF(Input!$K$16=4,M6612*Input!$J$16,0)</f>
        <v>0</v>
      </c>
    </row>
    <row r="6613" spans="8:17" x14ac:dyDescent="0.25">
      <c r="H6613" s="43">
        <v>6606</v>
      </c>
      <c r="I6613" s="55">
        <f>Bühler!I6639</f>
        <v>0.16940041159583219</v>
      </c>
      <c r="J6613" s="58">
        <f>Bühler!J6639</f>
        <v>6.939992752326571</v>
      </c>
      <c r="K6613" s="58">
        <f>Bühler!K6639</f>
        <v>0.56346546640338324</v>
      </c>
      <c r="L6613" s="58">
        <f>Bühler!L6639</f>
        <v>0.28173273320169162</v>
      </c>
      <c r="M6613" s="57">
        <f>Bühler!M6639</f>
        <v>0</v>
      </c>
      <c r="N6613" s="55">
        <f>IF(Input!$K$13=1,J6613*Input!$J$13,0)+IF(Input!$K$14=1,K6613*Input!$J$14,0)+IF(Input!$K$15=1,L6613*Input!$J$15,0)+IF(Input!$K$16=1,M6613*Input!$J$16,0)</f>
        <v>0.8327991302791885</v>
      </c>
      <c r="O6613" s="58">
        <f>IF(Input!$K$13=2,J6613*Input!$J$13,0)+IF(Input!$K$14=2,K6613*Input!$J$14,0)+IF(Input!$K$15=2,L6613*Input!$J$15,0)+IF(Input!$K$16=2,M6613*Input!$J$16,0)</f>
        <v>7.6067837964456736E-2</v>
      </c>
      <c r="P6613" s="58">
        <f>IF(Input!$K$13=3,J6613*Input!$J$13,0)+IF(Input!$K$14=3,K6613*Input!$J$14,0)+IF(Input!$K$15=3,L6613*Input!$J$15,0)+IF(Input!$K$16=3,M6613*Input!$J$16,0)</f>
        <v>0</v>
      </c>
      <c r="Q6613" s="71">
        <f>IF(Input!$K$13=4,J6613*Input!$J$13,0)+IF(Input!$K$14=4,K6613*Input!$J$14,0)+IF(Input!$K$15=4,L6613*Input!$J$15,0)+IF(Input!$K$16=4,M6613*Input!$J$16,0)</f>
        <v>0</v>
      </c>
    </row>
    <row r="6614" spans="8:17" x14ac:dyDescent="0.25">
      <c r="H6614" s="43">
        <v>6607</v>
      </c>
      <c r="I6614" s="55">
        <f>Bühler!I6640</f>
        <v>0.16940041159583219</v>
      </c>
      <c r="J6614" s="58">
        <f>Bühler!J6640</f>
        <v>6.939992752326571</v>
      </c>
      <c r="K6614" s="58">
        <f>Bühler!K6640</f>
        <v>0.56346546640338324</v>
      </c>
      <c r="L6614" s="58">
        <f>Bühler!L6640</f>
        <v>0.28173273320169162</v>
      </c>
      <c r="M6614" s="57">
        <f>Bühler!M6640</f>
        <v>0</v>
      </c>
      <c r="N6614" s="55">
        <f>IF(Input!$K$13=1,J6614*Input!$J$13,0)+IF(Input!$K$14=1,K6614*Input!$J$14,0)+IF(Input!$K$15=1,L6614*Input!$J$15,0)+IF(Input!$K$16=1,M6614*Input!$J$16,0)</f>
        <v>0.8327991302791885</v>
      </c>
      <c r="O6614" s="58">
        <f>IF(Input!$K$13=2,J6614*Input!$J$13,0)+IF(Input!$K$14=2,K6614*Input!$J$14,0)+IF(Input!$K$15=2,L6614*Input!$J$15,0)+IF(Input!$K$16=2,M6614*Input!$J$16,0)</f>
        <v>7.6067837964456736E-2</v>
      </c>
      <c r="P6614" s="58">
        <f>IF(Input!$K$13=3,J6614*Input!$J$13,0)+IF(Input!$K$14=3,K6614*Input!$J$14,0)+IF(Input!$K$15=3,L6614*Input!$J$15,0)+IF(Input!$K$16=3,M6614*Input!$J$16,0)</f>
        <v>0</v>
      </c>
      <c r="Q6614" s="71">
        <f>IF(Input!$K$13=4,J6614*Input!$J$13,0)+IF(Input!$K$14=4,K6614*Input!$J$14,0)+IF(Input!$K$15=4,L6614*Input!$J$15,0)+IF(Input!$K$16=4,M6614*Input!$J$16,0)</f>
        <v>0</v>
      </c>
    </row>
    <row r="6615" spans="8:17" x14ac:dyDescent="0.25">
      <c r="H6615" s="43">
        <v>6608</v>
      </c>
      <c r="I6615" s="55">
        <f>Bühler!I6641</f>
        <v>0.48798247598412303</v>
      </c>
      <c r="J6615" s="58">
        <f>Bühler!J6641</f>
        <v>29.011415301198014</v>
      </c>
      <c r="K6615" s="58">
        <f>Bühler!K6641</f>
        <v>2.3753591068067625</v>
      </c>
      <c r="L6615" s="58">
        <f>Bühler!L6641</f>
        <v>1.1876795534033813</v>
      </c>
      <c r="M6615" s="57">
        <f>Bühler!M6641</f>
        <v>0</v>
      </c>
      <c r="N6615" s="55">
        <f>IF(Input!$K$13=1,J6615*Input!$J$13,0)+IF(Input!$K$14=1,K6615*Input!$J$14,0)+IF(Input!$K$15=1,L6615*Input!$J$15,0)+IF(Input!$K$16=1,M6615*Input!$J$16,0)</f>
        <v>3.4813698361437617</v>
      </c>
      <c r="O6615" s="58">
        <f>IF(Input!$K$13=2,J6615*Input!$J$13,0)+IF(Input!$K$14=2,K6615*Input!$J$14,0)+IF(Input!$K$15=2,L6615*Input!$J$15,0)+IF(Input!$K$16=2,M6615*Input!$J$16,0)</f>
        <v>0.32067347941891294</v>
      </c>
      <c r="P6615" s="58">
        <f>IF(Input!$K$13=3,J6615*Input!$J$13,0)+IF(Input!$K$14=3,K6615*Input!$J$14,0)+IF(Input!$K$15=3,L6615*Input!$J$15,0)+IF(Input!$K$16=3,M6615*Input!$J$16,0)</f>
        <v>0</v>
      </c>
      <c r="Q6615" s="71">
        <f>IF(Input!$K$13=4,J6615*Input!$J$13,0)+IF(Input!$K$14=4,K6615*Input!$J$14,0)+IF(Input!$K$15=4,L6615*Input!$J$15,0)+IF(Input!$K$16=4,M6615*Input!$J$16,0)</f>
        <v>0</v>
      </c>
    </row>
    <row r="6616" spans="8:17" x14ac:dyDescent="0.25">
      <c r="H6616" s="43">
        <v>6609</v>
      </c>
      <c r="I6616" s="55">
        <f>Bühler!I6642</f>
        <v>0.54448571004544244</v>
      </c>
      <c r="J6616" s="58">
        <f>Bühler!J6642</f>
        <v>32.370631809757782</v>
      </c>
      <c r="K6616" s="58">
        <f>Bühler!K6642</f>
        <v>2.6504006875949138</v>
      </c>
      <c r="L6616" s="58">
        <f>Bühler!L6642</f>
        <v>1.3252003437974569</v>
      </c>
      <c r="M6616" s="57">
        <f>Bühler!M6642</f>
        <v>0</v>
      </c>
      <c r="N6616" s="55">
        <f>IF(Input!$K$13=1,J6616*Input!$J$13,0)+IF(Input!$K$14=1,K6616*Input!$J$14,0)+IF(Input!$K$15=1,L6616*Input!$J$15,0)+IF(Input!$K$16=1,M6616*Input!$J$16,0)</f>
        <v>3.8844758171709337</v>
      </c>
      <c r="O6616" s="58">
        <f>IF(Input!$K$13=2,J6616*Input!$J$13,0)+IF(Input!$K$14=2,K6616*Input!$J$14,0)+IF(Input!$K$15=2,L6616*Input!$J$15,0)+IF(Input!$K$16=2,M6616*Input!$J$16,0)</f>
        <v>0.35780409282531334</v>
      </c>
      <c r="P6616" s="58">
        <f>IF(Input!$K$13=3,J6616*Input!$J$13,0)+IF(Input!$K$14=3,K6616*Input!$J$14,0)+IF(Input!$K$15=3,L6616*Input!$J$15,0)+IF(Input!$K$16=3,M6616*Input!$J$16,0)</f>
        <v>0</v>
      </c>
      <c r="Q6616" s="71">
        <f>IF(Input!$K$13=4,J6616*Input!$J$13,0)+IF(Input!$K$14=4,K6616*Input!$J$14,0)+IF(Input!$K$15=4,L6616*Input!$J$15,0)+IF(Input!$K$16=4,M6616*Input!$J$16,0)</f>
        <v>0</v>
      </c>
    </row>
    <row r="6617" spans="8:17" x14ac:dyDescent="0.25">
      <c r="H6617" s="43">
        <v>6610</v>
      </c>
      <c r="I6617" s="55">
        <f>Bühler!I6643</f>
        <v>0.60098894410676207</v>
      </c>
      <c r="J6617" s="58">
        <f>Bühler!J6643</f>
        <v>35.729848318317558</v>
      </c>
      <c r="K6617" s="58">
        <f>Bühler!K6643</f>
        <v>2.9254422683830654</v>
      </c>
      <c r="L6617" s="58">
        <f>Bühler!L6643</f>
        <v>1.4627211341915327</v>
      </c>
      <c r="M6617" s="57">
        <f>Bühler!M6643</f>
        <v>0</v>
      </c>
      <c r="N6617" s="55">
        <f>IF(Input!$K$13=1,J6617*Input!$J$13,0)+IF(Input!$K$14=1,K6617*Input!$J$14,0)+IF(Input!$K$15=1,L6617*Input!$J$15,0)+IF(Input!$K$16=1,M6617*Input!$J$16,0)</f>
        <v>4.287581798198107</v>
      </c>
      <c r="O6617" s="58">
        <f>IF(Input!$K$13=2,J6617*Input!$J$13,0)+IF(Input!$K$14=2,K6617*Input!$J$14,0)+IF(Input!$K$15=2,L6617*Input!$J$15,0)+IF(Input!$K$16=2,M6617*Input!$J$16,0)</f>
        <v>0.39493470623171378</v>
      </c>
      <c r="P6617" s="58">
        <f>IF(Input!$K$13=3,J6617*Input!$J$13,0)+IF(Input!$K$14=3,K6617*Input!$J$14,0)+IF(Input!$K$15=3,L6617*Input!$J$15,0)+IF(Input!$K$16=3,M6617*Input!$J$16,0)</f>
        <v>0</v>
      </c>
      <c r="Q6617" s="71">
        <f>IF(Input!$K$13=4,J6617*Input!$J$13,0)+IF(Input!$K$14=4,K6617*Input!$J$14,0)+IF(Input!$K$15=4,L6617*Input!$J$15,0)+IF(Input!$K$16=4,M6617*Input!$J$16,0)</f>
        <v>0</v>
      </c>
    </row>
    <row r="6618" spans="8:17" x14ac:dyDescent="0.25">
      <c r="H6618" s="43">
        <v>6611</v>
      </c>
      <c r="I6618" s="55">
        <f>Bühler!I6644</f>
        <v>0.60098894410676207</v>
      </c>
      <c r="J6618" s="58">
        <f>Bühler!J6644</f>
        <v>35.729848318317558</v>
      </c>
      <c r="K6618" s="58">
        <f>Bühler!K6644</f>
        <v>2.9254422683830654</v>
      </c>
      <c r="L6618" s="58">
        <f>Bühler!L6644</f>
        <v>1.4627211341915327</v>
      </c>
      <c r="M6618" s="57">
        <f>Bühler!M6644</f>
        <v>0</v>
      </c>
      <c r="N6618" s="55">
        <f>IF(Input!$K$13=1,J6618*Input!$J$13,0)+IF(Input!$K$14=1,K6618*Input!$J$14,0)+IF(Input!$K$15=1,L6618*Input!$J$15,0)+IF(Input!$K$16=1,M6618*Input!$J$16,0)</f>
        <v>4.287581798198107</v>
      </c>
      <c r="O6618" s="58">
        <f>IF(Input!$K$13=2,J6618*Input!$J$13,0)+IF(Input!$K$14=2,K6618*Input!$J$14,0)+IF(Input!$K$15=2,L6618*Input!$J$15,0)+IF(Input!$K$16=2,M6618*Input!$J$16,0)</f>
        <v>0.39493470623171378</v>
      </c>
      <c r="P6618" s="58">
        <f>IF(Input!$K$13=3,J6618*Input!$J$13,0)+IF(Input!$K$14=3,K6618*Input!$J$14,0)+IF(Input!$K$15=3,L6618*Input!$J$15,0)+IF(Input!$K$16=3,M6618*Input!$J$16,0)</f>
        <v>0</v>
      </c>
      <c r="Q6618" s="71">
        <f>IF(Input!$K$13=4,J6618*Input!$J$13,0)+IF(Input!$K$14=4,K6618*Input!$J$14,0)+IF(Input!$K$15=4,L6618*Input!$J$15,0)+IF(Input!$K$16=4,M6618*Input!$J$16,0)</f>
        <v>0</v>
      </c>
    </row>
    <row r="6619" spans="8:17" x14ac:dyDescent="0.25">
      <c r="H6619" s="43">
        <v>6612</v>
      </c>
      <c r="I6619" s="55">
        <f>Bühler!I6645</f>
        <v>0.71913206987133926</v>
      </c>
      <c r="J6619" s="58">
        <f>Bühler!J6645</f>
        <v>42.75366465439707</v>
      </c>
      <c r="K6619" s="58">
        <f>Bühler!K6645</f>
        <v>3.5005292100310181</v>
      </c>
      <c r="L6619" s="58">
        <f>Bühler!L6645</f>
        <v>1.7502646050155091</v>
      </c>
      <c r="M6619" s="57">
        <f>Bühler!M6645</f>
        <v>0</v>
      </c>
      <c r="N6619" s="55">
        <f>IF(Input!$K$13=1,J6619*Input!$J$13,0)+IF(Input!$K$14=1,K6619*Input!$J$14,0)+IF(Input!$K$15=1,L6619*Input!$J$15,0)+IF(Input!$K$16=1,M6619*Input!$J$16,0)</f>
        <v>5.1304397585276487</v>
      </c>
      <c r="O6619" s="58">
        <f>IF(Input!$K$13=2,J6619*Input!$J$13,0)+IF(Input!$K$14=2,K6619*Input!$J$14,0)+IF(Input!$K$15=2,L6619*Input!$J$15,0)+IF(Input!$K$16=2,M6619*Input!$J$16,0)</f>
        <v>0.47257144335418744</v>
      </c>
      <c r="P6619" s="58">
        <f>IF(Input!$K$13=3,J6619*Input!$J$13,0)+IF(Input!$K$14=3,K6619*Input!$J$14,0)+IF(Input!$K$15=3,L6619*Input!$J$15,0)+IF(Input!$K$16=3,M6619*Input!$J$16,0)</f>
        <v>0</v>
      </c>
      <c r="Q6619" s="71">
        <f>IF(Input!$K$13=4,J6619*Input!$J$13,0)+IF(Input!$K$14=4,K6619*Input!$J$14,0)+IF(Input!$K$15=4,L6619*Input!$J$15,0)+IF(Input!$K$16=4,M6619*Input!$J$16,0)</f>
        <v>0</v>
      </c>
    </row>
    <row r="6620" spans="8:17" x14ac:dyDescent="0.25">
      <c r="H6620" s="43">
        <v>6613</v>
      </c>
      <c r="I6620" s="55">
        <f>Bühler!I6646</f>
        <v>0.71913206987133926</v>
      </c>
      <c r="J6620" s="58">
        <f>Bühler!J6646</f>
        <v>42.75366465439707</v>
      </c>
      <c r="K6620" s="58">
        <f>Bühler!K6646</f>
        <v>3.5005292100310181</v>
      </c>
      <c r="L6620" s="58">
        <f>Bühler!L6646</f>
        <v>1.7502646050155091</v>
      </c>
      <c r="M6620" s="57">
        <f>Bühler!M6646</f>
        <v>0</v>
      </c>
      <c r="N6620" s="55">
        <f>IF(Input!$K$13=1,J6620*Input!$J$13,0)+IF(Input!$K$14=1,K6620*Input!$J$14,0)+IF(Input!$K$15=1,L6620*Input!$J$15,0)+IF(Input!$K$16=1,M6620*Input!$J$16,0)</f>
        <v>5.1304397585276487</v>
      </c>
      <c r="O6620" s="58">
        <f>IF(Input!$K$13=2,J6620*Input!$J$13,0)+IF(Input!$K$14=2,K6620*Input!$J$14,0)+IF(Input!$K$15=2,L6620*Input!$J$15,0)+IF(Input!$K$16=2,M6620*Input!$J$16,0)</f>
        <v>0.47257144335418744</v>
      </c>
      <c r="P6620" s="58">
        <f>IF(Input!$K$13=3,J6620*Input!$J$13,0)+IF(Input!$K$14=3,K6620*Input!$J$14,0)+IF(Input!$K$15=3,L6620*Input!$J$15,0)+IF(Input!$K$16=3,M6620*Input!$J$16,0)</f>
        <v>0</v>
      </c>
      <c r="Q6620" s="71">
        <f>IF(Input!$K$13=4,J6620*Input!$J$13,0)+IF(Input!$K$14=4,K6620*Input!$J$14,0)+IF(Input!$K$15=4,L6620*Input!$J$15,0)+IF(Input!$K$16=4,M6620*Input!$J$16,0)</f>
        <v>0</v>
      </c>
    </row>
    <row r="6621" spans="8:17" x14ac:dyDescent="0.25">
      <c r="H6621" s="43">
        <v>6614</v>
      </c>
      <c r="I6621" s="55">
        <f>Bühler!I6647</f>
        <v>0.47770916070024666</v>
      </c>
      <c r="J6621" s="58">
        <f>Bühler!J6647</f>
        <v>28.400648663278055</v>
      </c>
      <c r="K6621" s="58">
        <f>Bühler!K6647</f>
        <v>2.3253515466634624</v>
      </c>
      <c r="L6621" s="58">
        <f>Bühler!L6647</f>
        <v>1.1626757733317312</v>
      </c>
      <c r="M6621" s="57">
        <f>Bühler!M6647</f>
        <v>0</v>
      </c>
      <c r="N6621" s="55">
        <f>IF(Input!$K$13=1,J6621*Input!$J$13,0)+IF(Input!$K$14=1,K6621*Input!$J$14,0)+IF(Input!$K$15=1,L6621*Input!$J$15,0)+IF(Input!$K$16=1,M6621*Input!$J$16,0)</f>
        <v>3.4080778395933664</v>
      </c>
      <c r="O6621" s="58">
        <f>IF(Input!$K$13=2,J6621*Input!$J$13,0)+IF(Input!$K$14=2,K6621*Input!$J$14,0)+IF(Input!$K$15=2,L6621*Input!$J$15,0)+IF(Input!$K$16=2,M6621*Input!$J$16,0)</f>
        <v>0.31392245879956737</v>
      </c>
      <c r="P6621" s="58">
        <f>IF(Input!$K$13=3,J6621*Input!$J$13,0)+IF(Input!$K$14=3,K6621*Input!$J$14,0)+IF(Input!$K$15=3,L6621*Input!$J$15,0)+IF(Input!$K$16=3,M6621*Input!$J$16,0)</f>
        <v>0</v>
      </c>
      <c r="Q6621" s="71">
        <f>IF(Input!$K$13=4,J6621*Input!$J$13,0)+IF(Input!$K$14=4,K6621*Input!$J$14,0)+IF(Input!$K$15=4,L6621*Input!$J$15,0)+IF(Input!$K$16=4,M6621*Input!$J$16,0)</f>
        <v>0</v>
      </c>
    </row>
    <row r="6622" spans="8:17" x14ac:dyDescent="0.25">
      <c r="H6622" s="43">
        <v>6615</v>
      </c>
      <c r="I6622" s="55">
        <f>Bühler!I6648</f>
        <v>0.71913206987133926</v>
      </c>
      <c r="J6622" s="58">
        <f>Bühler!J6648</f>
        <v>42.75366465439707</v>
      </c>
      <c r="K6622" s="58">
        <f>Bühler!K6648</f>
        <v>3.5005292100310181</v>
      </c>
      <c r="L6622" s="58">
        <f>Bühler!L6648</f>
        <v>1.7502646050155091</v>
      </c>
      <c r="M6622" s="57">
        <f>Bühler!M6648</f>
        <v>0</v>
      </c>
      <c r="N6622" s="55">
        <f>IF(Input!$K$13=1,J6622*Input!$J$13,0)+IF(Input!$K$14=1,K6622*Input!$J$14,0)+IF(Input!$K$15=1,L6622*Input!$J$15,0)+IF(Input!$K$16=1,M6622*Input!$J$16,0)</f>
        <v>5.1304397585276487</v>
      </c>
      <c r="O6622" s="58">
        <f>IF(Input!$K$13=2,J6622*Input!$J$13,0)+IF(Input!$K$14=2,K6622*Input!$J$14,0)+IF(Input!$K$15=2,L6622*Input!$J$15,0)+IF(Input!$K$16=2,M6622*Input!$J$16,0)</f>
        <v>0.47257144335418744</v>
      </c>
      <c r="P6622" s="58">
        <f>IF(Input!$K$13=3,J6622*Input!$J$13,0)+IF(Input!$K$14=3,K6622*Input!$J$14,0)+IF(Input!$K$15=3,L6622*Input!$J$15,0)+IF(Input!$K$16=3,M6622*Input!$J$16,0)</f>
        <v>0</v>
      </c>
      <c r="Q6622" s="71">
        <f>IF(Input!$K$13=4,J6622*Input!$J$13,0)+IF(Input!$K$14=4,K6622*Input!$J$14,0)+IF(Input!$K$15=4,L6622*Input!$J$15,0)+IF(Input!$K$16=4,M6622*Input!$J$16,0)</f>
        <v>0</v>
      </c>
    </row>
    <row r="6623" spans="8:17" x14ac:dyDescent="0.25">
      <c r="H6623" s="43">
        <v>6616</v>
      </c>
      <c r="I6623" s="55">
        <f>Bühler!I6649</f>
        <v>0.71913206987133926</v>
      </c>
      <c r="J6623" s="58">
        <f>Bühler!J6649</f>
        <v>42.75366465439707</v>
      </c>
      <c r="K6623" s="58">
        <f>Bühler!K6649</f>
        <v>3.5005292100310181</v>
      </c>
      <c r="L6623" s="58">
        <f>Bühler!L6649</f>
        <v>1.7502646050155091</v>
      </c>
      <c r="M6623" s="57">
        <f>Bühler!M6649</f>
        <v>0</v>
      </c>
      <c r="N6623" s="55">
        <f>IF(Input!$K$13=1,J6623*Input!$J$13,0)+IF(Input!$K$14=1,K6623*Input!$J$14,0)+IF(Input!$K$15=1,L6623*Input!$J$15,0)+IF(Input!$K$16=1,M6623*Input!$J$16,0)</f>
        <v>5.1304397585276487</v>
      </c>
      <c r="O6623" s="58">
        <f>IF(Input!$K$13=2,J6623*Input!$J$13,0)+IF(Input!$K$14=2,K6623*Input!$J$14,0)+IF(Input!$K$15=2,L6623*Input!$J$15,0)+IF(Input!$K$16=2,M6623*Input!$J$16,0)</f>
        <v>0.47257144335418744</v>
      </c>
      <c r="P6623" s="58">
        <f>IF(Input!$K$13=3,J6623*Input!$J$13,0)+IF(Input!$K$14=3,K6623*Input!$J$14,0)+IF(Input!$K$15=3,L6623*Input!$J$15,0)+IF(Input!$K$16=3,M6623*Input!$J$16,0)</f>
        <v>0</v>
      </c>
      <c r="Q6623" s="71">
        <f>IF(Input!$K$13=4,J6623*Input!$J$13,0)+IF(Input!$K$14=4,K6623*Input!$J$14,0)+IF(Input!$K$15=4,L6623*Input!$J$15,0)+IF(Input!$K$16=4,M6623*Input!$J$16,0)</f>
        <v>0</v>
      </c>
    </row>
    <row r="6624" spans="8:17" x14ac:dyDescent="0.25">
      <c r="H6624" s="43">
        <v>6617</v>
      </c>
      <c r="I6624" s="55">
        <f>Bühler!I6650</f>
        <v>0.60109823469488843</v>
      </c>
      <c r="J6624" s="58">
        <f>Bühler!J6650</f>
        <v>25.386224791702851</v>
      </c>
      <c r="K6624" s="58">
        <f>Bühler!K6650</f>
        <v>2.0628118559111357</v>
      </c>
      <c r="L6624" s="58">
        <f>Bühler!L6650</f>
        <v>1.0314059279555678</v>
      </c>
      <c r="M6624" s="57">
        <f>Bühler!M6650</f>
        <v>0</v>
      </c>
      <c r="N6624" s="55">
        <f>IF(Input!$K$13=1,J6624*Input!$J$13,0)+IF(Input!$K$14=1,K6624*Input!$J$14,0)+IF(Input!$K$15=1,L6624*Input!$J$15,0)+IF(Input!$K$16=1,M6624*Input!$J$16,0)</f>
        <v>3.0463469750043419</v>
      </c>
      <c r="O6624" s="58">
        <f>IF(Input!$K$13=2,J6624*Input!$J$13,0)+IF(Input!$K$14=2,K6624*Input!$J$14,0)+IF(Input!$K$15=2,L6624*Input!$J$15,0)+IF(Input!$K$16=2,M6624*Input!$J$16,0)</f>
        <v>0.2784796005480033</v>
      </c>
      <c r="P6624" s="58">
        <f>IF(Input!$K$13=3,J6624*Input!$J$13,0)+IF(Input!$K$14=3,K6624*Input!$J$14,0)+IF(Input!$K$15=3,L6624*Input!$J$15,0)+IF(Input!$K$16=3,M6624*Input!$J$16,0)</f>
        <v>0</v>
      </c>
      <c r="Q6624" s="71">
        <f>IF(Input!$K$13=4,J6624*Input!$J$13,0)+IF(Input!$K$14=4,K6624*Input!$J$14,0)+IF(Input!$K$15=4,L6624*Input!$J$15,0)+IF(Input!$K$16=4,M6624*Input!$J$16,0)</f>
        <v>0</v>
      </c>
    </row>
    <row r="6625" spans="8:17" x14ac:dyDescent="0.25">
      <c r="H6625" s="43">
        <v>6618</v>
      </c>
      <c r="I6625" s="55">
        <f>Bühler!I6651</f>
        <v>0.47759987011212035</v>
      </c>
      <c r="J6625" s="58">
        <f>Bühler!J6651</f>
        <v>11.074393046420036</v>
      </c>
      <c r="K6625" s="58">
        <f>Bühler!K6651</f>
        <v>0.88041479125528632</v>
      </c>
      <c r="L6625" s="58">
        <f>Bühler!L6651</f>
        <v>0.44020739562764316</v>
      </c>
      <c r="M6625" s="57">
        <f>Bühler!M6651</f>
        <v>0</v>
      </c>
      <c r="N6625" s="55">
        <f>IF(Input!$K$13=1,J6625*Input!$J$13,0)+IF(Input!$K$14=1,K6625*Input!$J$14,0)+IF(Input!$K$15=1,L6625*Input!$J$15,0)+IF(Input!$K$16=1,M6625*Input!$J$16,0)</f>
        <v>1.3289271655704042</v>
      </c>
      <c r="O6625" s="58">
        <f>IF(Input!$K$13=2,J6625*Input!$J$13,0)+IF(Input!$K$14=2,K6625*Input!$J$14,0)+IF(Input!$K$15=2,L6625*Input!$J$15,0)+IF(Input!$K$16=2,M6625*Input!$J$16,0)</f>
        <v>0.11885599681946364</v>
      </c>
      <c r="P6625" s="58">
        <f>IF(Input!$K$13=3,J6625*Input!$J$13,0)+IF(Input!$K$14=3,K6625*Input!$J$14,0)+IF(Input!$K$15=3,L6625*Input!$J$15,0)+IF(Input!$K$16=3,M6625*Input!$J$16,0)</f>
        <v>0</v>
      </c>
      <c r="Q6625" s="71">
        <f>IF(Input!$K$13=4,J6625*Input!$J$13,0)+IF(Input!$K$14=4,K6625*Input!$J$14,0)+IF(Input!$K$15=4,L6625*Input!$J$15,0)+IF(Input!$K$16=4,M6625*Input!$J$16,0)</f>
        <v>0</v>
      </c>
    </row>
    <row r="6626" spans="8:17" x14ac:dyDescent="0.25">
      <c r="H6626" s="43">
        <v>6619</v>
      </c>
      <c r="I6626" s="55">
        <f>Bühler!I6652</f>
        <v>0.16940041159583219</v>
      </c>
      <c r="J6626" s="58">
        <f>Bühler!J6652</f>
        <v>7.1511326160692095</v>
      </c>
      <c r="K6626" s="58">
        <f>Bühler!K6652</f>
        <v>0.58107376222848894</v>
      </c>
      <c r="L6626" s="58">
        <f>Bühler!L6652</f>
        <v>0.29053688111424447</v>
      </c>
      <c r="M6626" s="57">
        <f>Bühler!M6652</f>
        <v>0</v>
      </c>
      <c r="N6626" s="55">
        <f>IF(Input!$K$13=1,J6626*Input!$J$13,0)+IF(Input!$K$14=1,K6626*Input!$J$14,0)+IF(Input!$K$15=1,L6626*Input!$J$15,0)+IF(Input!$K$16=1,M6626*Input!$J$16,0)</f>
        <v>0.85813591392830513</v>
      </c>
      <c r="O6626" s="58">
        <f>IF(Input!$K$13=2,J6626*Input!$J$13,0)+IF(Input!$K$14=2,K6626*Input!$J$14,0)+IF(Input!$K$15=2,L6626*Input!$J$15,0)+IF(Input!$K$16=2,M6626*Input!$J$16,0)</f>
        <v>7.8444957900846005E-2</v>
      </c>
      <c r="P6626" s="58">
        <f>IF(Input!$K$13=3,J6626*Input!$J$13,0)+IF(Input!$K$14=3,K6626*Input!$J$14,0)+IF(Input!$K$15=3,L6626*Input!$J$15,0)+IF(Input!$K$16=3,M6626*Input!$J$16,0)</f>
        <v>0</v>
      </c>
      <c r="Q6626" s="71">
        <f>IF(Input!$K$13=4,J6626*Input!$J$13,0)+IF(Input!$K$14=4,K6626*Input!$J$14,0)+IF(Input!$K$15=4,L6626*Input!$J$15,0)+IF(Input!$K$16=4,M6626*Input!$J$16,0)</f>
        <v>0</v>
      </c>
    </row>
    <row r="6627" spans="8:17" x14ac:dyDescent="0.25">
      <c r="H6627" s="43">
        <v>6620</v>
      </c>
      <c r="I6627" s="55">
        <f>Bühler!I6653</f>
        <v>0.16940041159583219</v>
      </c>
      <c r="J6627" s="58">
        <f>Bühler!J6653</f>
        <v>7.1511326160692095</v>
      </c>
      <c r="K6627" s="58">
        <f>Bühler!K6653</f>
        <v>0.58107376222848894</v>
      </c>
      <c r="L6627" s="58">
        <f>Bühler!L6653</f>
        <v>0.29053688111424447</v>
      </c>
      <c r="M6627" s="57">
        <f>Bühler!M6653</f>
        <v>0</v>
      </c>
      <c r="N6627" s="55">
        <f>IF(Input!$K$13=1,J6627*Input!$J$13,0)+IF(Input!$K$14=1,K6627*Input!$J$14,0)+IF(Input!$K$15=1,L6627*Input!$J$15,0)+IF(Input!$K$16=1,M6627*Input!$J$16,0)</f>
        <v>0.85813591392830513</v>
      </c>
      <c r="O6627" s="58">
        <f>IF(Input!$K$13=2,J6627*Input!$J$13,0)+IF(Input!$K$14=2,K6627*Input!$J$14,0)+IF(Input!$K$15=2,L6627*Input!$J$15,0)+IF(Input!$K$16=2,M6627*Input!$J$16,0)</f>
        <v>7.8444957900846005E-2</v>
      </c>
      <c r="P6627" s="58">
        <f>IF(Input!$K$13=3,J6627*Input!$J$13,0)+IF(Input!$K$14=3,K6627*Input!$J$14,0)+IF(Input!$K$15=3,L6627*Input!$J$15,0)+IF(Input!$K$16=3,M6627*Input!$J$16,0)</f>
        <v>0</v>
      </c>
      <c r="Q6627" s="71">
        <f>IF(Input!$K$13=4,J6627*Input!$J$13,0)+IF(Input!$K$14=4,K6627*Input!$J$14,0)+IF(Input!$K$15=4,L6627*Input!$J$15,0)+IF(Input!$K$16=4,M6627*Input!$J$16,0)</f>
        <v>0</v>
      </c>
    </row>
    <row r="6628" spans="8:17" x14ac:dyDescent="0.25">
      <c r="H6628" s="43">
        <v>6621</v>
      </c>
      <c r="I6628" s="55">
        <f>Bühler!I6654</f>
        <v>0.16940041159583219</v>
      </c>
      <c r="J6628" s="58">
        <f>Bühler!J6654</f>
        <v>7.1511326160692095</v>
      </c>
      <c r="K6628" s="58">
        <f>Bühler!K6654</f>
        <v>0.58107376222848894</v>
      </c>
      <c r="L6628" s="58">
        <f>Bühler!L6654</f>
        <v>0.29053688111424447</v>
      </c>
      <c r="M6628" s="57">
        <f>Bühler!M6654</f>
        <v>0</v>
      </c>
      <c r="N6628" s="55">
        <f>IF(Input!$K$13=1,J6628*Input!$J$13,0)+IF(Input!$K$14=1,K6628*Input!$J$14,0)+IF(Input!$K$15=1,L6628*Input!$J$15,0)+IF(Input!$K$16=1,M6628*Input!$J$16,0)</f>
        <v>0.85813591392830513</v>
      </c>
      <c r="O6628" s="58">
        <f>IF(Input!$K$13=2,J6628*Input!$J$13,0)+IF(Input!$K$14=2,K6628*Input!$J$14,0)+IF(Input!$K$15=2,L6628*Input!$J$15,0)+IF(Input!$K$16=2,M6628*Input!$J$16,0)</f>
        <v>7.8444957900846005E-2</v>
      </c>
      <c r="P6628" s="58">
        <f>IF(Input!$K$13=3,J6628*Input!$J$13,0)+IF(Input!$K$14=3,K6628*Input!$J$14,0)+IF(Input!$K$15=3,L6628*Input!$J$15,0)+IF(Input!$K$16=3,M6628*Input!$J$16,0)</f>
        <v>0</v>
      </c>
      <c r="Q6628" s="71">
        <f>IF(Input!$K$13=4,J6628*Input!$J$13,0)+IF(Input!$K$14=4,K6628*Input!$J$14,0)+IF(Input!$K$15=4,L6628*Input!$J$15,0)+IF(Input!$K$16=4,M6628*Input!$J$16,0)</f>
        <v>0</v>
      </c>
    </row>
    <row r="6629" spans="8:17" x14ac:dyDescent="0.25">
      <c r="H6629" s="43">
        <v>6622</v>
      </c>
      <c r="I6629" s="55">
        <f>Bühler!I6655</f>
        <v>0.16940041159583219</v>
      </c>
      <c r="J6629" s="58">
        <f>Bühler!J6655</f>
        <v>7.1511326160692095</v>
      </c>
      <c r="K6629" s="58">
        <f>Bühler!K6655</f>
        <v>0.58107376222848894</v>
      </c>
      <c r="L6629" s="58">
        <f>Bühler!L6655</f>
        <v>0.29053688111424447</v>
      </c>
      <c r="M6629" s="57">
        <f>Bühler!M6655</f>
        <v>0</v>
      </c>
      <c r="N6629" s="55">
        <f>IF(Input!$K$13=1,J6629*Input!$J$13,0)+IF(Input!$K$14=1,K6629*Input!$J$14,0)+IF(Input!$K$15=1,L6629*Input!$J$15,0)+IF(Input!$K$16=1,M6629*Input!$J$16,0)</f>
        <v>0.85813591392830513</v>
      </c>
      <c r="O6629" s="58">
        <f>IF(Input!$K$13=2,J6629*Input!$J$13,0)+IF(Input!$K$14=2,K6629*Input!$J$14,0)+IF(Input!$K$15=2,L6629*Input!$J$15,0)+IF(Input!$K$16=2,M6629*Input!$J$16,0)</f>
        <v>7.8444957900846005E-2</v>
      </c>
      <c r="P6629" s="58">
        <f>IF(Input!$K$13=3,J6629*Input!$J$13,0)+IF(Input!$K$14=3,K6629*Input!$J$14,0)+IF(Input!$K$15=3,L6629*Input!$J$15,0)+IF(Input!$K$16=3,M6629*Input!$J$16,0)</f>
        <v>0</v>
      </c>
      <c r="Q6629" s="71">
        <f>IF(Input!$K$13=4,J6629*Input!$J$13,0)+IF(Input!$K$14=4,K6629*Input!$J$14,0)+IF(Input!$K$15=4,L6629*Input!$J$15,0)+IF(Input!$K$16=4,M6629*Input!$J$16,0)</f>
        <v>0</v>
      </c>
    </row>
    <row r="6630" spans="8:17" x14ac:dyDescent="0.25">
      <c r="H6630" s="43">
        <v>6623</v>
      </c>
      <c r="I6630" s="55">
        <f>Bühler!I6656</f>
        <v>0.16940041159583219</v>
      </c>
      <c r="J6630" s="58">
        <f>Bühler!J6656</f>
        <v>7.1511326160692095</v>
      </c>
      <c r="K6630" s="58">
        <f>Bühler!K6656</f>
        <v>0.58107376222848894</v>
      </c>
      <c r="L6630" s="58">
        <f>Bühler!L6656</f>
        <v>0.29053688111424447</v>
      </c>
      <c r="M6630" s="57">
        <f>Bühler!M6656</f>
        <v>0</v>
      </c>
      <c r="N6630" s="55">
        <f>IF(Input!$K$13=1,J6630*Input!$J$13,0)+IF(Input!$K$14=1,K6630*Input!$J$14,0)+IF(Input!$K$15=1,L6630*Input!$J$15,0)+IF(Input!$K$16=1,M6630*Input!$J$16,0)</f>
        <v>0.85813591392830513</v>
      </c>
      <c r="O6630" s="58">
        <f>IF(Input!$K$13=2,J6630*Input!$J$13,0)+IF(Input!$K$14=2,K6630*Input!$J$14,0)+IF(Input!$K$15=2,L6630*Input!$J$15,0)+IF(Input!$K$16=2,M6630*Input!$J$16,0)</f>
        <v>7.8444957900846005E-2</v>
      </c>
      <c r="P6630" s="58">
        <f>IF(Input!$K$13=3,J6630*Input!$J$13,0)+IF(Input!$K$14=3,K6630*Input!$J$14,0)+IF(Input!$K$15=3,L6630*Input!$J$15,0)+IF(Input!$K$16=3,M6630*Input!$J$16,0)</f>
        <v>0</v>
      </c>
      <c r="Q6630" s="71">
        <f>IF(Input!$K$13=4,J6630*Input!$J$13,0)+IF(Input!$K$14=4,K6630*Input!$J$14,0)+IF(Input!$K$15=4,L6630*Input!$J$15,0)+IF(Input!$K$16=4,M6630*Input!$J$16,0)</f>
        <v>0</v>
      </c>
    </row>
    <row r="6631" spans="8:17" x14ac:dyDescent="0.25">
      <c r="H6631" s="43">
        <v>6624</v>
      </c>
      <c r="I6631" s="55">
        <f>Bühler!I6657</f>
        <v>0.16940041159583219</v>
      </c>
      <c r="J6631" s="58">
        <f>Bühler!J6657</f>
        <v>7.1511326160692095</v>
      </c>
      <c r="K6631" s="58">
        <f>Bühler!K6657</f>
        <v>0.58107376222848894</v>
      </c>
      <c r="L6631" s="58">
        <f>Bühler!L6657</f>
        <v>0.29053688111424447</v>
      </c>
      <c r="M6631" s="57">
        <f>Bühler!M6657</f>
        <v>0</v>
      </c>
      <c r="N6631" s="55">
        <f>IF(Input!$K$13=1,J6631*Input!$J$13,0)+IF(Input!$K$14=1,K6631*Input!$J$14,0)+IF(Input!$K$15=1,L6631*Input!$J$15,0)+IF(Input!$K$16=1,M6631*Input!$J$16,0)</f>
        <v>0.85813591392830513</v>
      </c>
      <c r="O6631" s="58">
        <f>IF(Input!$K$13=2,J6631*Input!$J$13,0)+IF(Input!$K$14=2,K6631*Input!$J$14,0)+IF(Input!$K$15=2,L6631*Input!$J$15,0)+IF(Input!$K$16=2,M6631*Input!$J$16,0)</f>
        <v>7.8444957900846005E-2</v>
      </c>
      <c r="P6631" s="58">
        <f>IF(Input!$K$13=3,J6631*Input!$J$13,0)+IF(Input!$K$14=3,K6631*Input!$J$14,0)+IF(Input!$K$15=3,L6631*Input!$J$15,0)+IF(Input!$K$16=3,M6631*Input!$J$16,0)</f>
        <v>0</v>
      </c>
      <c r="Q6631" s="71">
        <f>IF(Input!$K$13=4,J6631*Input!$J$13,0)+IF(Input!$K$14=4,K6631*Input!$J$14,0)+IF(Input!$K$15=4,L6631*Input!$J$15,0)+IF(Input!$K$16=4,M6631*Input!$J$16,0)</f>
        <v>0</v>
      </c>
    </row>
    <row r="6632" spans="8:17" x14ac:dyDescent="0.25">
      <c r="H6632" s="43">
        <v>6625</v>
      </c>
      <c r="I6632" s="55">
        <f>Bühler!I6658</f>
        <v>0.20119908031682054</v>
      </c>
      <c r="J6632" s="58">
        <f>Bühler!J6658</f>
        <v>7.183892494271074</v>
      </c>
      <c r="K6632" s="58">
        <f>Bühler!K6658</f>
        <v>0.57842842109559967</v>
      </c>
      <c r="L6632" s="58">
        <f>Bühler!L6658</f>
        <v>0.28921421054779983</v>
      </c>
      <c r="M6632" s="57">
        <f>Bühler!M6658</f>
        <v>0</v>
      </c>
      <c r="N6632" s="55">
        <f>IF(Input!$K$13=1,J6632*Input!$J$13,0)+IF(Input!$K$14=1,K6632*Input!$J$14,0)+IF(Input!$K$15=1,L6632*Input!$J$15,0)+IF(Input!$K$16=1,M6632*Input!$J$16,0)</f>
        <v>0.8620670993125289</v>
      </c>
      <c r="O6632" s="58">
        <f>IF(Input!$K$13=2,J6632*Input!$J$13,0)+IF(Input!$K$14=2,K6632*Input!$J$14,0)+IF(Input!$K$15=2,L6632*Input!$J$15,0)+IF(Input!$K$16=2,M6632*Input!$J$16,0)</f>
        <v>7.8087836847905961E-2</v>
      </c>
      <c r="P6632" s="58">
        <f>IF(Input!$K$13=3,J6632*Input!$J$13,0)+IF(Input!$K$14=3,K6632*Input!$J$14,0)+IF(Input!$K$15=3,L6632*Input!$J$15,0)+IF(Input!$K$16=3,M6632*Input!$J$16,0)</f>
        <v>0</v>
      </c>
      <c r="Q6632" s="71">
        <f>IF(Input!$K$13=4,J6632*Input!$J$13,0)+IF(Input!$K$14=4,K6632*Input!$J$14,0)+IF(Input!$K$15=4,L6632*Input!$J$15,0)+IF(Input!$K$16=4,M6632*Input!$J$16,0)</f>
        <v>0</v>
      </c>
    </row>
    <row r="6633" spans="8:17" x14ac:dyDescent="0.25">
      <c r="H6633" s="43">
        <v>6626</v>
      </c>
      <c r="I6633" s="55">
        <f>Bühler!I6659</f>
        <v>0.20119908031682054</v>
      </c>
      <c r="J6633" s="58">
        <f>Bühler!J6659</f>
        <v>7.183892494271074</v>
      </c>
      <c r="K6633" s="58">
        <f>Bühler!K6659</f>
        <v>0.57842842109559967</v>
      </c>
      <c r="L6633" s="58">
        <f>Bühler!L6659</f>
        <v>0.28921421054779983</v>
      </c>
      <c r="M6633" s="57">
        <f>Bühler!M6659</f>
        <v>0</v>
      </c>
      <c r="N6633" s="55">
        <f>IF(Input!$K$13=1,J6633*Input!$J$13,0)+IF(Input!$K$14=1,K6633*Input!$J$14,0)+IF(Input!$K$15=1,L6633*Input!$J$15,0)+IF(Input!$K$16=1,M6633*Input!$J$16,0)</f>
        <v>0.8620670993125289</v>
      </c>
      <c r="O6633" s="58">
        <f>IF(Input!$K$13=2,J6633*Input!$J$13,0)+IF(Input!$K$14=2,K6633*Input!$J$14,0)+IF(Input!$K$15=2,L6633*Input!$J$15,0)+IF(Input!$K$16=2,M6633*Input!$J$16,0)</f>
        <v>7.8087836847905961E-2</v>
      </c>
      <c r="P6633" s="58">
        <f>IF(Input!$K$13=3,J6633*Input!$J$13,0)+IF(Input!$K$14=3,K6633*Input!$J$14,0)+IF(Input!$K$15=3,L6633*Input!$J$15,0)+IF(Input!$K$16=3,M6633*Input!$J$16,0)</f>
        <v>0</v>
      </c>
      <c r="Q6633" s="71">
        <f>IF(Input!$K$13=4,J6633*Input!$J$13,0)+IF(Input!$K$14=4,K6633*Input!$J$14,0)+IF(Input!$K$15=4,L6633*Input!$J$15,0)+IF(Input!$K$16=4,M6633*Input!$J$16,0)</f>
        <v>0</v>
      </c>
    </row>
    <row r="6634" spans="8:17" x14ac:dyDescent="0.25">
      <c r="H6634" s="43">
        <v>6627</v>
      </c>
      <c r="I6634" s="55">
        <f>Bühler!I6660</f>
        <v>0.20119908031682054</v>
      </c>
      <c r="J6634" s="58">
        <f>Bühler!J6660</f>
        <v>7.183892494271074</v>
      </c>
      <c r="K6634" s="58">
        <f>Bühler!K6660</f>
        <v>0.57842842109559967</v>
      </c>
      <c r="L6634" s="58">
        <f>Bühler!L6660</f>
        <v>0.28921421054779983</v>
      </c>
      <c r="M6634" s="57">
        <f>Bühler!M6660</f>
        <v>0</v>
      </c>
      <c r="N6634" s="55">
        <f>IF(Input!$K$13=1,J6634*Input!$J$13,0)+IF(Input!$K$14=1,K6634*Input!$J$14,0)+IF(Input!$K$15=1,L6634*Input!$J$15,0)+IF(Input!$K$16=1,M6634*Input!$J$16,0)</f>
        <v>0.8620670993125289</v>
      </c>
      <c r="O6634" s="58">
        <f>IF(Input!$K$13=2,J6634*Input!$J$13,0)+IF(Input!$K$14=2,K6634*Input!$J$14,0)+IF(Input!$K$15=2,L6634*Input!$J$15,0)+IF(Input!$K$16=2,M6634*Input!$J$16,0)</f>
        <v>7.8087836847905961E-2</v>
      </c>
      <c r="P6634" s="58">
        <f>IF(Input!$K$13=3,J6634*Input!$J$13,0)+IF(Input!$K$14=3,K6634*Input!$J$14,0)+IF(Input!$K$15=3,L6634*Input!$J$15,0)+IF(Input!$K$16=3,M6634*Input!$J$16,0)</f>
        <v>0</v>
      </c>
      <c r="Q6634" s="71">
        <f>IF(Input!$K$13=4,J6634*Input!$J$13,0)+IF(Input!$K$14=4,K6634*Input!$J$14,0)+IF(Input!$K$15=4,L6634*Input!$J$15,0)+IF(Input!$K$16=4,M6634*Input!$J$16,0)</f>
        <v>0</v>
      </c>
    </row>
    <row r="6635" spans="8:17" x14ac:dyDescent="0.25">
      <c r="H6635" s="43">
        <v>6628</v>
      </c>
      <c r="I6635" s="55">
        <f>Bühler!I6661</f>
        <v>0.20119908031682054</v>
      </c>
      <c r="J6635" s="58">
        <f>Bühler!J6661</f>
        <v>7.183892494271074</v>
      </c>
      <c r="K6635" s="58">
        <f>Bühler!K6661</f>
        <v>0.57842842109559967</v>
      </c>
      <c r="L6635" s="58">
        <f>Bühler!L6661</f>
        <v>0.28921421054779983</v>
      </c>
      <c r="M6635" s="57">
        <f>Bühler!M6661</f>
        <v>0</v>
      </c>
      <c r="N6635" s="55">
        <f>IF(Input!$K$13=1,J6635*Input!$J$13,0)+IF(Input!$K$14=1,K6635*Input!$J$14,0)+IF(Input!$K$15=1,L6635*Input!$J$15,0)+IF(Input!$K$16=1,M6635*Input!$J$16,0)</f>
        <v>0.8620670993125289</v>
      </c>
      <c r="O6635" s="58">
        <f>IF(Input!$K$13=2,J6635*Input!$J$13,0)+IF(Input!$K$14=2,K6635*Input!$J$14,0)+IF(Input!$K$15=2,L6635*Input!$J$15,0)+IF(Input!$K$16=2,M6635*Input!$J$16,0)</f>
        <v>7.8087836847905961E-2</v>
      </c>
      <c r="P6635" s="58">
        <f>IF(Input!$K$13=3,J6635*Input!$J$13,0)+IF(Input!$K$14=3,K6635*Input!$J$14,0)+IF(Input!$K$15=3,L6635*Input!$J$15,0)+IF(Input!$K$16=3,M6635*Input!$J$16,0)</f>
        <v>0</v>
      </c>
      <c r="Q6635" s="71">
        <f>IF(Input!$K$13=4,J6635*Input!$J$13,0)+IF(Input!$K$14=4,K6635*Input!$J$14,0)+IF(Input!$K$15=4,L6635*Input!$J$15,0)+IF(Input!$K$16=4,M6635*Input!$J$16,0)</f>
        <v>0</v>
      </c>
    </row>
    <row r="6636" spans="8:17" x14ac:dyDescent="0.25">
      <c r="H6636" s="43">
        <v>6629</v>
      </c>
      <c r="I6636" s="55">
        <f>Bühler!I6662</f>
        <v>0.20119908031682054</v>
      </c>
      <c r="J6636" s="58">
        <f>Bühler!J6662</f>
        <v>7.183892494271074</v>
      </c>
      <c r="K6636" s="58">
        <f>Bühler!K6662</f>
        <v>0.57842842109559967</v>
      </c>
      <c r="L6636" s="58">
        <f>Bühler!L6662</f>
        <v>0.28921421054779983</v>
      </c>
      <c r="M6636" s="57">
        <f>Bühler!M6662</f>
        <v>0</v>
      </c>
      <c r="N6636" s="55">
        <f>IF(Input!$K$13=1,J6636*Input!$J$13,0)+IF(Input!$K$14=1,K6636*Input!$J$14,0)+IF(Input!$K$15=1,L6636*Input!$J$15,0)+IF(Input!$K$16=1,M6636*Input!$J$16,0)</f>
        <v>0.8620670993125289</v>
      </c>
      <c r="O6636" s="58">
        <f>IF(Input!$K$13=2,J6636*Input!$J$13,0)+IF(Input!$K$14=2,K6636*Input!$J$14,0)+IF(Input!$K$15=2,L6636*Input!$J$15,0)+IF(Input!$K$16=2,M6636*Input!$J$16,0)</f>
        <v>7.8087836847905961E-2</v>
      </c>
      <c r="P6636" s="58">
        <f>IF(Input!$K$13=3,J6636*Input!$J$13,0)+IF(Input!$K$14=3,K6636*Input!$J$14,0)+IF(Input!$K$15=3,L6636*Input!$J$15,0)+IF(Input!$K$16=3,M6636*Input!$J$16,0)</f>
        <v>0</v>
      </c>
      <c r="Q6636" s="71">
        <f>IF(Input!$K$13=4,J6636*Input!$J$13,0)+IF(Input!$K$14=4,K6636*Input!$J$14,0)+IF(Input!$K$15=4,L6636*Input!$J$15,0)+IF(Input!$K$16=4,M6636*Input!$J$16,0)</f>
        <v>0</v>
      </c>
    </row>
    <row r="6637" spans="8:17" x14ac:dyDescent="0.25">
      <c r="H6637" s="43">
        <v>6630</v>
      </c>
      <c r="I6637" s="55">
        <f>Bühler!I6663</f>
        <v>0.20119908031682054</v>
      </c>
      <c r="J6637" s="58">
        <f>Bühler!J6663</f>
        <v>7.183892494271074</v>
      </c>
      <c r="K6637" s="58">
        <f>Bühler!K6663</f>
        <v>0.57842842109559967</v>
      </c>
      <c r="L6637" s="58">
        <f>Bühler!L6663</f>
        <v>0.28921421054779983</v>
      </c>
      <c r="M6637" s="57">
        <f>Bühler!M6663</f>
        <v>0</v>
      </c>
      <c r="N6637" s="55">
        <f>IF(Input!$K$13=1,J6637*Input!$J$13,0)+IF(Input!$K$14=1,K6637*Input!$J$14,0)+IF(Input!$K$15=1,L6637*Input!$J$15,0)+IF(Input!$K$16=1,M6637*Input!$J$16,0)</f>
        <v>0.8620670993125289</v>
      </c>
      <c r="O6637" s="58">
        <f>IF(Input!$K$13=2,J6637*Input!$J$13,0)+IF(Input!$K$14=2,K6637*Input!$J$14,0)+IF(Input!$K$15=2,L6637*Input!$J$15,0)+IF(Input!$K$16=2,M6637*Input!$J$16,0)</f>
        <v>7.8087836847905961E-2</v>
      </c>
      <c r="P6637" s="58">
        <f>IF(Input!$K$13=3,J6637*Input!$J$13,0)+IF(Input!$K$14=3,K6637*Input!$J$14,0)+IF(Input!$K$15=3,L6637*Input!$J$15,0)+IF(Input!$K$16=3,M6637*Input!$J$16,0)</f>
        <v>0</v>
      </c>
      <c r="Q6637" s="71">
        <f>IF(Input!$K$13=4,J6637*Input!$J$13,0)+IF(Input!$K$14=4,K6637*Input!$J$14,0)+IF(Input!$K$15=4,L6637*Input!$J$15,0)+IF(Input!$K$16=4,M6637*Input!$J$16,0)</f>
        <v>0</v>
      </c>
    </row>
    <row r="6638" spans="8:17" x14ac:dyDescent="0.25">
      <c r="H6638" s="43">
        <v>6631</v>
      </c>
      <c r="I6638" s="55">
        <f>Bühler!I6664</f>
        <v>0.20119908031682054</v>
      </c>
      <c r="J6638" s="58">
        <f>Bühler!J6664</f>
        <v>7.183892494271074</v>
      </c>
      <c r="K6638" s="58">
        <f>Bühler!K6664</f>
        <v>0.57842842109559967</v>
      </c>
      <c r="L6638" s="58">
        <f>Bühler!L6664</f>
        <v>0.28921421054779983</v>
      </c>
      <c r="M6638" s="57">
        <f>Bühler!M6664</f>
        <v>0</v>
      </c>
      <c r="N6638" s="55">
        <f>IF(Input!$K$13=1,J6638*Input!$J$13,0)+IF(Input!$K$14=1,K6638*Input!$J$14,0)+IF(Input!$K$15=1,L6638*Input!$J$15,0)+IF(Input!$K$16=1,M6638*Input!$J$16,0)</f>
        <v>0.8620670993125289</v>
      </c>
      <c r="O6638" s="58">
        <f>IF(Input!$K$13=2,J6638*Input!$J$13,0)+IF(Input!$K$14=2,K6638*Input!$J$14,0)+IF(Input!$K$15=2,L6638*Input!$J$15,0)+IF(Input!$K$16=2,M6638*Input!$J$16,0)</f>
        <v>7.8087836847905961E-2</v>
      </c>
      <c r="P6638" s="58">
        <f>IF(Input!$K$13=3,J6638*Input!$J$13,0)+IF(Input!$K$14=3,K6638*Input!$J$14,0)+IF(Input!$K$15=3,L6638*Input!$J$15,0)+IF(Input!$K$16=3,M6638*Input!$J$16,0)</f>
        <v>0</v>
      </c>
      <c r="Q6638" s="71">
        <f>IF(Input!$K$13=4,J6638*Input!$J$13,0)+IF(Input!$K$14=4,K6638*Input!$J$14,0)+IF(Input!$K$15=4,L6638*Input!$J$15,0)+IF(Input!$K$16=4,M6638*Input!$J$16,0)</f>
        <v>0</v>
      </c>
    </row>
    <row r="6639" spans="8:17" x14ac:dyDescent="0.25">
      <c r="H6639" s="43">
        <v>6632</v>
      </c>
      <c r="I6639" s="55">
        <f>Bühler!I6665</f>
        <v>0.55430346627284055</v>
      </c>
      <c r="J6639" s="58">
        <f>Bühler!J6665</f>
        <v>29.076359923246095</v>
      </c>
      <c r="K6639" s="58">
        <f>Bühler!K6665</f>
        <v>2.3645452729029208</v>
      </c>
      <c r="L6639" s="58">
        <f>Bühler!L6665</f>
        <v>1.1822726364514604</v>
      </c>
      <c r="M6639" s="57">
        <f>Bühler!M6665</f>
        <v>0</v>
      </c>
      <c r="N6639" s="55">
        <f>IF(Input!$K$13=1,J6639*Input!$J$13,0)+IF(Input!$K$14=1,K6639*Input!$J$14,0)+IF(Input!$K$15=1,L6639*Input!$J$15,0)+IF(Input!$K$16=1,M6639*Input!$J$16,0)</f>
        <v>3.4891631907895313</v>
      </c>
      <c r="O6639" s="58">
        <f>IF(Input!$K$13=2,J6639*Input!$J$13,0)+IF(Input!$K$14=2,K6639*Input!$J$14,0)+IF(Input!$K$15=2,L6639*Input!$J$15,0)+IF(Input!$K$16=2,M6639*Input!$J$16,0)</f>
        <v>0.31921361184189434</v>
      </c>
      <c r="P6639" s="58">
        <f>IF(Input!$K$13=3,J6639*Input!$J$13,0)+IF(Input!$K$14=3,K6639*Input!$J$14,0)+IF(Input!$K$15=3,L6639*Input!$J$15,0)+IF(Input!$K$16=3,M6639*Input!$J$16,0)</f>
        <v>0</v>
      </c>
      <c r="Q6639" s="71">
        <f>IF(Input!$K$13=4,J6639*Input!$J$13,0)+IF(Input!$K$14=4,K6639*Input!$J$14,0)+IF(Input!$K$15=4,L6639*Input!$J$15,0)+IF(Input!$K$16=4,M6639*Input!$J$16,0)</f>
        <v>0</v>
      </c>
    </row>
    <row r="6640" spans="8:17" x14ac:dyDescent="0.25">
      <c r="H6640" s="43">
        <v>6633</v>
      </c>
      <c r="I6640" s="55">
        <f>Bühler!I6666</f>
        <v>0.61848597289390639</v>
      </c>
      <c r="J6640" s="58">
        <f>Bühler!J6666</f>
        <v>32.443096335411433</v>
      </c>
      <c r="K6640" s="58">
        <f>Bühler!K6666</f>
        <v>2.6383347255548379</v>
      </c>
      <c r="L6640" s="58">
        <f>Bühler!L6666</f>
        <v>1.319167362777419</v>
      </c>
      <c r="M6640" s="57">
        <f>Bühler!M6666</f>
        <v>0</v>
      </c>
      <c r="N6640" s="55">
        <f>IF(Input!$K$13=1,J6640*Input!$J$13,0)+IF(Input!$K$14=1,K6640*Input!$J$14,0)+IF(Input!$K$15=1,L6640*Input!$J$15,0)+IF(Input!$K$16=1,M6640*Input!$J$16,0)</f>
        <v>3.8931715602493719</v>
      </c>
      <c r="O6640" s="58">
        <f>IF(Input!$K$13=2,J6640*Input!$J$13,0)+IF(Input!$K$14=2,K6640*Input!$J$14,0)+IF(Input!$K$15=2,L6640*Input!$J$15,0)+IF(Input!$K$16=2,M6640*Input!$J$16,0)</f>
        <v>0.3561751879499031</v>
      </c>
      <c r="P6640" s="58">
        <f>IF(Input!$K$13=3,J6640*Input!$J$13,0)+IF(Input!$K$14=3,K6640*Input!$J$14,0)+IF(Input!$K$15=3,L6640*Input!$J$15,0)+IF(Input!$K$16=3,M6640*Input!$J$16,0)</f>
        <v>0</v>
      </c>
      <c r="Q6640" s="71">
        <f>IF(Input!$K$13=4,J6640*Input!$J$13,0)+IF(Input!$K$14=4,K6640*Input!$J$14,0)+IF(Input!$K$15=4,L6640*Input!$J$15,0)+IF(Input!$K$16=4,M6640*Input!$J$16,0)</f>
        <v>0</v>
      </c>
    </row>
    <row r="6641" spans="8:17" x14ac:dyDescent="0.25">
      <c r="H6641" s="43">
        <v>6634</v>
      </c>
      <c r="I6641" s="55">
        <f>Bühler!I6667</f>
        <v>0.682668479514972</v>
      </c>
      <c r="J6641" s="58">
        <f>Bühler!J6667</f>
        <v>35.80983274757677</v>
      </c>
      <c r="K6641" s="58">
        <f>Bühler!K6667</f>
        <v>2.9121241782067551</v>
      </c>
      <c r="L6641" s="58">
        <f>Bühler!L6667</f>
        <v>1.4560620891033775</v>
      </c>
      <c r="M6641" s="57">
        <f>Bühler!M6667</f>
        <v>0</v>
      </c>
      <c r="N6641" s="55">
        <f>IF(Input!$K$13=1,J6641*Input!$J$13,0)+IF(Input!$K$14=1,K6641*Input!$J$14,0)+IF(Input!$K$15=1,L6641*Input!$J$15,0)+IF(Input!$K$16=1,M6641*Input!$J$16,0)</f>
        <v>4.2971799297092126</v>
      </c>
      <c r="O6641" s="58">
        <f>IF(Input!$K$13=2,J6641*Input!$J$13,0)+IF(Input!$K$14=2,K6641*Input!$J$14,0)+IF(Input!$K$15=2,L6641*Input!$J$15,0)+IF(Input!$K$16=2,M6641*Input!$J$16,0)</f>
        <v>0.39313676405791192</v>
      </c>
      <c r="P6641" s="58">
        <f>IF(Input!$K$13=3,J6641*Input!$J$13,0)+IF(Input!$K$14=3,K6641*Input!$J$14,0)+IF(Input!$K$15=3,L6641*Input!$J$15,0)+IF(Input!$K$16=3,M6641*Input!$J$16,0)</f>
        <v>0</v>
      </c>
      <c r="Q6641" s="71">
        <f>IF(Input!$K$13=4,J6641*Input!$J$13,0)+IF(Input!$K$14=4,K6641*Input!$J$14,0)+IF(Input!$K$15=4,L6641*Input!$J$15,0)+IF(Input!$K$16=4,M6641*Input!$J$16,0)</f>
        <v>0</v>
      </c>
    </row>
    <row r="6642" spans="8:17" x14ac:dyDescent="0.25">
      <c r="H6642" s="43">
        <v>6635</v>
      </c>
      <c r="I6642" s="55">
        <f>Bühler!I6668</f>
        <v>0.682668479514972</v>
      </c>
      <c r="J6642" s="58">
        <f>Bühler!J6668</f>
        <v>35.80983274757677</v>
      </c>
      <c r="K6642" s="58">
        <f>Bühler!K6668</f>
        <v>2.9121241782067551</v>
      </c>
      <c r="L6642" s="58">
        <f>Bühler!L6668</f>
        <v>1.4560620891033775</v>
      </c>
      <c r="M6642" s="57">
        <f>Bühler!M6668</f>
        <v>0</v>
      </c>
      <c r="N6642" s="55">
        <f>IF(Input!$K$13=1,J6642*Input!$J$13,0)+IF(Input!$K$14=1,K6642*Input!$J$14,0)+IF(Input!$K$15=1,L6642*Input!$J$15,0)+IF(Input!$K$16=1,M6642*Input!$J$16,0)</f>
        <v>4.2971799297092126</v>
      </c>
      <c r="O6642" s="58">
        <f>IF(Input!$K$13=2,J6642*Input!$J$13,0)+IF(Input!$K$14=2,K6642*Input!$J$14,0)+IF(Input!$K$15=2,L6642*Input!$J$15,0)+IF(Input!$K$16=2,M6642*Input!$J$16,0)</f>
        <v>0.39313676405791192</v>
      </c>
      <c r="P6642" s="58">
        <f>IF(Input!$K$13=3,J6642*Input!$J$13,0)+IF(Input!$K$14=3,K6642*Input!$J$14,0)+IF(Input!$K$15=3,L6642*Input!$J$15,0)+IF(Input!$K$16=3,M6642*Input!$J$16,0)</f>
        <v>0</v>
      </c>
      <c r="Q6642" s="71">
        <f>IF(Input!$K$13=4,J6642*Input!$J$13,0)+IF(Input!$K$14=4,K6642*Input!$J$14,0)+IF(Input!$K$15=4,L6642*Input!$J$15,0)+IF(Input!$K$16=4,M6642*Input!$J$16,0)</f>
        <v>0</v>
      </c>
    </row>
    <row r="6643" spans="8:17" x14ac:dyDescent="0.25">
      <c r="H6643" s="43">
        <v>6636</v>
      </c>
      <c r="I6643" s="55">
        <f>Bühler!I6669</f>
        <v>0.81686826608629126</v>
      </c>
      <c r="J6643" s="58">
        <f>Bühler!J6669</f>
        <v>42.849372518467931</v>
      </c>
      <c r="K6643" s="58">
        <f>Bühler!K6669</f>
        <v>3.484593033751672</v>
      </c>
      <c r="L6643" s="58">
        <f>Bühler!L6669</f>
        <v>1.742296516875836</v>
      </c>
      <c r="M6643" s="57">
        <f>Bühler!M6669</f>
        <v>0</v>
      </c>
      <c r="N6643" s="55">
        <f>IF(Input!$K$13=1,J6643*Input!$J$13,0)+IF(Input!$K$14=1,K6643*Input!$J$14,0)+IF(Input!$K$15=1,L6643*Input!$J$15,0)+IF(Input!$K$16=1,M6643*Input!$J$16,0)</f>
        <v>5.1419247022161514</v>
      </c>
      <c r="O6643" s="58">
        <f>IF(Input!$K$13=2,J6643*Input!$J$13,0)+IF(Input!$K$14=2,K6643*Input!$J$14,0)+IF(Input!$K$15=2,L6643*Input!$J$15,0)+IF(Input!$K$16=2,M6643*Input!$J$16,0)</f>
        <v>0.4704200595564757</v>
      </c>
      <c r="P6643" s="58">
        <f>IF(Input!$K$13=3,J6643*Input!$J$13,0)+IF(Input!$K$14=3,K6643*Input!$J$14,0)+IF(Input!$K$15=3,L6643*Input!$J$15,0)+IF(Input!$K$16=3,M6643*Input!$J$16,0)</f>
        <v>0</v>
      </c>
      <c r="Q6643" s="71">
        <f>IF(Input!$K$13=4,J6643*Input!$J$13,0)+IF(Input!$K$14=4,K6643*Input!$J$14,0)+IF(Input!$K$15=4,L6643*Input!$J$15,0)+IF(Input!$K$16=4,M6643*Input!$J$16,0)</f>
        <v>0</v>
      </c>
    </row>
    <row r="6644" spans="8:17" x14ac:dyDescent="0.25">
      <c r="H6644" s="43">
        <v>6637</v>
      </c>
      <c r="I6644" s="55">
        <f>Bühler!I6670</f>
        <v>0.81686826608629126</v>
      </c>
      <c r="J6644" s="58">
        <f>Bühler!J6670</f>
        <v>42.849372518467931</v>
      </c>
      <c r="K6644" s="58">
        <f>Bühler!K6670</f>
        <v>3.484593033751672</v>
      </c>
      <c r="L6644" s="58">
        <f>Bühler!L6670</f>
        <v>1.742296516875836</v>
      </c>
      <c r="M6644" s="57">
        <f>Bühler!M6670</f>
        <v>0</v>
      </c>
      <c r="N6644" s="55">
        <f>IF(Input!$K$13=1,J6644*Input!$J$13,0)+IF(Input!$K$14=1,K6644*Input!$J$14,0)+IF(Input!$K$15=1,L6644*Input!$J$15,0)+IF(Input!$K$16=1,M6644*Input!$J$16,0)</f>
        <v>5.1419247022161514</v>
      </c>
      <c r="O6644" s="58">
        <f>IF(Input!$K$13=2,J6644*Input!$J$13,0)+IF(Input!$K$14=2,K6644*Input!$J$14,0)+IF(Input!$K$15=2,L6644*Input!$J$15,0)+IF(Input!$K$16=2,M6644*Input!$J$16,0)</f>
        <v>0.4704200595564757</v>
      </c>
      <c r="P6644" s="58">
        <f>IF(Input!$K$13=3,J6644*Input!$J$13,0)+IF(Input!$K$14=3,K6644*Input!$J$14,0)+IF(Input!$K$15=3,L6644*Input!$J$15,0)+IF(Input!$K$16=3,M6644*Input!$J$16,0)</f>
        <v>0</v>
      </c>
      <c r="Q6644" s="71">
        <f>IF(Input!$K$13=4,J6644*Input!$J$13,0)+IF(Input!$K$14=4,K6644*Input!$J$14,0)+IF(Input!$K$15=4,L6644*Input!$J$15,0)+IF(Input!$K$16=4,M6644*Input!$J$16,0)</f>
        <v>0</v>
      </c>
    </row>
    <row r="6645" spans="8:17" x14ac:dyDescent="0.25">
      <c r="H6645" s="43">
        <v>6638</v>
      </c>
      <c r="I6645" s="55">
        <f>Bühler!I6671</f>
        <v>0.54263391961446494</v>
      </c>
      <c r="J6645" s="58">
        <f>Bühler!J6671</f>
        <v>28.464226030125126</v>
      </c>
      <c r="K6645" s="58">
        <f>Bühler!K6671</f>
        <v>2.3147653724207538</v>
      </c>
      <c r="L6645" s="58">
        <f>Bühler!L6671</f>
        <v>1.1573826862103769</v>
      </c>
      <c r="M6645" s="57">
        <f>Bühler!M6671</f>
        <v>0</v>
      </c>
      <c r="N6645" s="55">
        <f>IF(Input!$K$13=1,J6645*Input!$J$13,0)+IF(Input!$K$14=1,K6645*Input!$J$14,0)+IF(Input!$K$15=1,L6645*Input!$J$15,0)+IF(Input!$K$16=1,M6645*Input!$J$16,0)</f>
        <v>3.4157071236150149</v>
      </c>
      <c r="O6645" s="58">
        <f>IF(Input!$K$13=2,J6645*Input!$J$13,0)+IF(Input!$K$14=2,K6645*Input!$J$14,0)+IF(Input!$K$15=2,L6645*Input!$J$15,0)+IF(Input!$K$16=2,M6645*Input!$J$16,0)</f>
        <v>0.31249332527680174</v>
      </c>
      <c r="P6645" s="58">
        <f>IF(Input!$K$13=3,J6645*Input!$J$13,0)+IF(Input!$K$14=3,K6645*Input!$J$14,0)+IF(Input!$K$15=3,L6645*Input!$J$15,0)+IF(Input!$K$16=3,M6645*Input!$J$16,0)</f>
        <v>0</v>
      </c>
      <c r="Q6645" s="71">
        <f>IF(Input!$K$13=4,J6645*Input!$J$13,0)+IF(Input!$K$14=4,K6645*Input!$J$14,0)+IF(Input!$K$15=4,L6645*Input!$J$15,0)+IF(Input!$K$16=4,M6645*Input!$J$16,0)</f>
        <v>0</v>
      </c>
    </row>
    <row r="6646" spans="8:17" x14ac:dyDescent="0.25">
      <c r="H6646" s="43">
        <v>6639</v>
      </c>
      <c r="I6646" s="55">
        <f>Bühler!I6672</f>
        <v>0.81686826608629126</v>
      </c>
      <c r="J6646" s="58">
        <f>Bühler!J6672</f>
        <v>42.849372518467931</v>
      </c>
      <c r="K6646" s="58">
        <f>Bühler!K6672</f>
        <v>3.484593033751672</v>
      </c>
      <c r="L6646" s="58">
        <f>Bühler!L6672</f>
        <v>1.742296516875836</v>
      </c>
      <c r="M6646" s="57">
        <f>Bühler!M6672</f>
        <v>0</v>
      </c>
      <c r="N6646" s="55">
        <f>IF(Input!$K$13=1,J6646*Input!$J$13,0)+IF(Input!$K$14=1,K6646*Input!$J$14,0)+IF(Input!$K$15=1,L6646*Input!$J$15,0)+IF(Input!$K$16=1,M6646*Input!$J$16,0)</f>
        <v>5.1419247022161514</v>
      </c>
      <c r="O6646" s="58">
        <f>IF(Input!$K$13=2,J6646*Input!$J$13,0)+IF(Input!$K$14=2,K6646*Input!$J$14,0)+IF(Input!$K$15=2,L6646*Input!$J$15,0)+IF(Input!$K$16=2,M6646*Input!$J$16,0)</f>
        <v>0.4704200595564757</v>
      </c>
      <c r="P6646" s="58">
        <f>IF(Input!$K$13=3,J6646*Input!$J$13,0)+IF(Input!$K$14=3,K6646*Input!$J$14,0)+IF(Input!$K$15=3,L6646*Input!$J$15,0)+IF(Input!$K$16=3,M6646*Input!$J$16,0)</f>
        <v>0</v>
      </c>
      <c r="Q6646" s="71">
        <f>IF(Input!$K$13=4,J6646*Input!$J$13,0)+IF(Input!$K$14=4,K6646*Input!$J$14,0)+IF(Input!$K$15=4,L6646*Input!$J$15,0)+IF(Input!$K$16=4,M6646*Input!$J$16,0)</f>
        <v>0</v>
      </c>
    </row>
    <row r="6647" spans="8:17" x14ac:dyDescent="0.25">
      <c r="H6647" s="43">
        <v>6640</v>
      </c>
      <c r="I6647" s="55">
        <f>Bühler!I6673</f>
        <v>0.81686826608629126</v>
      </c>
      <c r="J6647" s="58">
        <f>Bühler!J6673</f>
        <v>42.849372518467931</v>
      </c>
      <c r="K6647" s="58">
        <f>Bühler!K6673</f>
        <v>3.484593033751672</v>
      </c>
      <c r="L6647" s="58">
        <f>Bühler!L6673</f>
        <v>1.742296516875836</v>
      </c>
      <c r="M6647" s="57">
        <f>Bühler!M6673</f>
        <v>0</v>
      </c>
      <c r="N6647" s="55">
        <f>IF(Input!$K$13=1,J6647*Input!$J$13,0)+IF(Input!$K$14=1,K6647*Input!$J$14,0)+IF(Input!$K$15=1,L6647*Input!$J$15,0)+IF(Input!$K$16=1,M6647*Input!$J$16,0)</f>
        <v>5.1419247022161514</v>
      </c>
      <c r="O6647" s="58">
        <f>IF(Input!$K$13=2,J6647*Input!$J$13,0)+IF(Input!$K$14=2,K6647*Input!$J$14,0)+IF(Input!$K$15=2,L6647*Input!$J$15,0)+IF(Input!$K$16=2,M6647*Input!$J$16,0)</f>
        <v>0.4704200595564757</v>
      </c>
      <c r="P6647" s="58">
        <f>IF(Input!$K$13=3,J6647*Input!$J$13,0)+IF(Input!$K$14=3,K6647*Input!$J$14,0)+IF(Input!$K$15=3,L6647*Input!$J$15,0)+IF(Input!$K$16=3,M6647*Input!$J$16,0)</f>
        <v>0</v>
      </c>
      <c r="Q6647" s="71">
        <f>IF(Input!$K$13=4,J6647*Input!$J$13,0)+IF(Input!$K$14=4,K6647*Input!$J$14,0)+IF(Input!$K$15=4,L6647*Input!$J$15,0)+IF(Input!$K$16=4,M6647*Input!$J$16,0)</f>
        <v>0</v>
      </c>
    </row>
    <row r="6648" spans="8:17" x14ac:dyDescent="0.25">
      <c r="H6648" s="43">
        <v>6641</v>
      </c>
      <c r="I6648" s="55">
        <f>Bühler!I6674</f>
        <v>0.68256787997481372</v>
      </c>
      <c r="J6648" s="58">
        <f>Bühler!J6674</f>
        <v>25.468488761583256</v>
      </c>
      <c r="K6648" s="58">
        <f>Bühler!K6674</f>
        <v>2.0534208948893782</v>
      </c>
      <c r="L6648" s="58">
        <f>Bühler!L6674</f>
        <v>1.0267104474446891</v>
      </c>
      <c r="M6648" s="57">
        <f>Bühler!M6674</f>
        <v>0</v>
      </c>
      <c r="N6648" s="55">
        <f>IF(Input!$K$13=1,J6648*Input!$J$13,0)+IF(Input!$K$14=1,K6648*Input!$J$14,0)+IF(Input!$K$15=1,L6648*Input!$J$15,0)+IF(Input!$K$16=1,M6648*Input!$J$16,0)</f>
        <v>3.0562186513899907</v>
      </c>
      <c r="O6648" s="58">
        <f>IF(Input!$K$13=2,J6648*Input!$J$13,0)+IF(Input!$K$14=2,K6648*Input!$J$14,0)+IF(Input!$K$15=2,L6648*Input!$J$15,0)+IF(Input!$K$16=2,M6648*Input!$J$16,0)</f>
        <v>0.27721182081006601</v>
      </c>
      <c r="P6648" s="58">
        <f>IF(Input!$K$13=3,J6648*Input!$J$13,0)+IF(Input!$K$14=3,K6648*Input!$J$14,0)+IF(Input!$K$15=3,L6648*Input!$J$15,0)+IF(Input!$K$16=3,M6648*Input!$J$16,0)</f>
        <v>0</v>
      </c>
      <c r="Q6648" s="71">
        <f>IF(Input!$K$13=4,J6648*Input!$J$13,0)+IF(Input!$K$14=4,K6648*Input!$J$14,0)+IF(Input!$K$15=4,L6648*Input!$J$15,0)+IF(Input!$K$16=4,M6648*Input!$J$16,0)</f>
        <v>0</v>
      </c>
    </row>
    <row r="6649" spans="8:17" x14ac:dyDescent="0.25">
      <c r="H6649" s="43">
        <v>6642</v>
      </c>
      <c r="I6649" s="55">
        <f>Bühler!I6675</f>
        <v>0.54273451915462334</v>
      </c>
      <c r="J6649" s="58">
        <f>Bühler!J6675</f>
        <v>11.142396977459709</v>
      </c>
      <c r="K6649" s="58">
        <f>Bühler!K6675</f>
        <v>0.87640669862969645</v>
      </c>
      <c r="L6649" s="58">
        <f>Bühler!L6675</f>
        <v>0.43820334931484822</v>
      </c>
      <c r="M6649" s="57">
        <f>Bühler!M6675</f>
        <v>0</v>
      </c>
      <c r="N6649" s="55">
        <f>IF(Input!$K$13=1,J6649*Input!$J$13,0)+IF(Input!$K$14=1,K6649*Input!$J$14,0)+IF(Input!$K$15=1,L6649*Input!$J$15,0)+IF(Input!$K$16=1,M6649*Input!$J$16,0)</f>
        <v>1.337087637295165</v>
      </c>
      <c r="O6649" s="58">
        <f>IF(Input!$K$13=2,J6649*Input!$J$13,0)+IF(Input!$K$14=2,K6649*Input!$J$14,0)+IF(Input!$K$15=2,L6649*Input!$J$15,0)+IF(Input!$K$16=2,M6649*Input!$J$16,0)</f>
        <v>0.11831490431500902</v>
      </c>
      <c r="P6649" s="58">
        <f>IF(Input!$K$13=3,J6649*Input!$J$13,0)+IF(Input!$K$14=3,K6649*Input!$J$14,0)+IF(Input!$K$15=3,L6649*Input!$J$15,0)+IF(Input!$K$16=3,M6649*Input!$J$16,0)</f>
        <v>0</v>
      </c>
      <c r="Q6649" s="71">
        <f>IF(Input!$K$13=4,J6649*Input!$J$13,0)+IF(Input!$K$14=4,K6649*Input!$J$14,0)+IF(Input!$K$15=4,L6649*Input!$J$15,0)+IF(Input!$K$16=4,M6649*Input!$J$16,0)</f>
        <v>0</v>
      </c>
    </row>
    <row r="6650" spans="8:17" x14ac:dyDescent="0.25">
      <c r="H6650" s="43">
        <v>6643</v>
      </c>
      <c r="I6650" s="55">
        <f>Bühler!I6676</f>
        <v>0.20119908031682054</v>
      </c>
      <c r="J6650" s="58">
        <f>Bühler!J6676</f>
        <v>7.183892494271074</v>
      </c>
      <c r="K6650" s="58">
        <f>Bühler!K6676</f>
        <v>0.57842842109559967</v>
      </c>
      <c r="L6650" s="58">
        <f>Bühler!L6676</f>
        <v>0.28921421054779983</v>
      </c>
      <c r="M6650" s="57">
        <f>Bühler!M6676</f>
        <v>0</v>
      </c>
      <c r="N6650" s="55">
        <f>IF(Input!$K$13=1,J6650*Input!$J$13,0)+IF(Input!$K$14=1,K6650*Input!$J$14,0)+IF(Input!$K$15=1,L6650*Input!$J$15,0)+IF(Input!$K$16=1,M6650*Input!$J$16,0)</f>
        <v>0.8620670993125289</v>
      </c>
      <c r="O6650" s="58">
        <f>IF(Input!$K$13=2,J6650*Input!$J$13,0)+IF(Input!$K$14=2,K6650*Input!$J$14,0)+IF(Input!$K$15=2,L6650*Input!$J$15,0)+IF(Input!$K$16=2,M6650*Input!$J$16,0)</f>
        <v>7.8087836847905961E-2</v>
      </c>
      <c r="P6650" s="58">
        <f>IF(Input!$K$13=3,J6650*Input!$J$13,0)+IF(Input!$K$14=3,K6650*Input!$J$14,0)+IF(Input!$K$15=3,L6650*Input!$J$15,0)+IF(Input!$K$16=3,M6650*Input!$J$16,0)</f>
        <v>0</v>
      </c>
      <c r="Q6650" s="71">
        <f>IF(Input!$K$13=4,J6650*Input!$J$13,0)+IF(Input!$K$14=4,K6650*Input!$J$14,0)+IF(Input!$K$15=4,L6650*Input!$J$15,0)+IF(Input!$K$16=4,M6650*Input!$J$16,0)</f>
        <v>0</v>
      </c>
    </row>
    <row r="6651" spans="8:17" x14ac:dyDescent="0.25">
      <c r="H6651" s="43">
        <v>6644</v>
      </c>
      <c r="I6651" s="55">
        <f>Bühler!I6677</f>
        <v>0.20119908031682054</v>
      </c>
      <c r="J6651" s="58">
        <f>Bühler!J6677</f>
        <v>7.183892494271074</v>
      </c>
      <c r="K6651" s="58">
        <f>Bühler!K6677</f>
        <v>0.57842842109559967</v>
      </c>
      <c r="L6651" s="58">
        <f>Bühler!L6677</f>
        <v>0.28921421054779983</v>
      </c>
      <c r="M6651" s="57">
        <f>Bühler!M6677</f>
        <v>0</v>
      </c>
      <c r="N6651" s="55">
        <f>IF(Input!$K$13=1,J6651*Input!$J$13,0)+IF(Input!$K$14=1,K6651*Input!$J$14,0)+IF(Input!$K$15=1,L6651*Input!$J$15,0)+IF(Input!$K$16=1,M6651*Input!$J$16,0)</f>
        <v>0.8620670993125289</v>
      </c>
      <c r="O6651" s="58">
        <f>IF(Input!$K$13=2,J6651*Input!$J$13,0)+IF(Input!$K$14=2,K6651*Input!$J$14,0)+IF(Input!$K$15=2,L6651*Input!$J$15,0)+IF(Input!$K$16=2,M6651*Input!$J$16,0)</f>
        <v>7.8087836847905961E-2</v>
      </c>
      <c r="P6651" s="58">
        <f>IF(Input!$K$13=3,J6651*Input!$J$13,0)+IF(Input!$K$14=3,K6651*Input!$J$14,0)+IF(Input!$K$15=3,L6651*Input!$J$15,0)+IF(Input!$K$16=3,M6651*Input!$J$16,0)</f>
        <v>0</v>
      </c>
      <c r="Q6651" s="71">
        <f>IF(Input!$K$13=4,J6651*Input!$J$13,0)+IF(Input!$K$14=4,K6651*Input!$J$14,0)+IF(Input!$K$15=4,L6651*Input!$J$15,0)+IF(Input!$K$16=4,M6651*Input!$J$16,0)</f>
        <v>0</v>
      </c>
    </row>
    <row r="6652" spans="8:17" x14ac:dyDescent="0.25">
      <c r="H6652" s="43">
        <v>6645</v>
      </c>
      <c r="I6652" s="55">
        <f>Bühler!I6678</f>
        <v>0.20119908031682054</v>
      </c>
      <c r="J6652" s="58">
        <f>Bühler!J6678</f>
        <v>7.183892494271074</v>
      </c>
      <c r="K6652" s="58">
        <f>Bühler!K6678</f>
        <v>0.57842842109559967</v>
      </c>
      <c r="L6652" s="58">
        <f>Bühler!L6678</f>
        <v>0.28921421054779983</v>
      </c>
      <c r="M6652" s="57">
        <f>Bühler!M6678</f>
        <v>0</v>
      </c>
      <c r="N6652" s="55">
        <f>IF(Input!$K$13=1,J6652*Input!$J$13,0)+IF(Input!$K$14=1,K6652*Input!$J$14,0)+IF(Input!$K$15=1,L6652*Input!$J$15,0)+IF(Input!$K$16=1,M6652*Input!$J$16,0)</f>
        <v>0.8620670993125289</v>
      </c>
      <c r="O6652" s="58">
        <f>IF(Input!$K$13=2,J6652*Input!$J$13,0)+IF(Input!$K$14=2,K6652*Input!$J$14,0)+IF(Input!$K$15=2,L6652*Input!$J$15,0)+IF(Input!$K$16=2,M6652*Input!$J$16,0)</f>
        <v>7.8087836847905961E-2</v>
      </c>
      <c r="P6652" s="58">
        <f>IF(Input!$K$13=3,J6652*Input!$J$13,0)+IF(Input!$K$14=3,K6652*Input!$J$14,0)+IF(Input!$K$15=3,L6652*Input!$J$15,0)+IF(Input!$K$16=3,M6652*Input!$J$16,0)</f>
        <v>0</v>
      </c>
      <c r="Q6652" s="71">
        <f>IF(Input!$K$13=4,J6652*Input!$J$13,0)+IF(Input!$K$14=4,K6652*Input!$J$14,0)+IF(Input!$K$15=4,L6652*Input!$J$15,0)+IF(Input!$K$16=4,M6652*Input!$J$16,0)</f>
        <v>0</v>
      </c>
    </row>
    <row r="6653" spans="8:17" x14ac:dyDescent="0.25">
      <c r="H6653" s="43">
        <v>6646</v>
      </c>
      <c r="I6653" s="55">
        <f>Bühler!I6679</f>
        <v>0.20119908031682054</v>
      </c>
      <c r="J6653" s="58">
        <f>Bühler!J6679</f>
        <v>7.183892494271074</v>
      </c>
      <c r="K6653" s="58">
        <f>Bühler!K6679</f>
        <v>0.57842842109559967</v>
      </c>
      <c r="L6653" s="58">
        <f>Bühler!L6679</f>
        <v>0.28921421054779983</v>
      </c>
      <c r="M6653" s="57">
        <f>Bühler!M6679</f>
        <v>0</v>
      </c>
      <c r="N6653" s="55">
        <f>IF(Input!$K$13=1,J6653*Input!$J$13,0)+IF(Input!$K$14=1,K6653*Input!$J$14,0)+IF(Input!$K$15=1,L6653*Input!$J$15,0)+IF(Input!$K$16=1,M6653*Input!$J$16,0)</f>
        <v>0.8620670993125289</v>
      </c>
      <c r="O6653" s="58">
        <f>IF(Input!$K$13=2,J6653*Input!$J$13,0)+IF(Input!$K$14=2,K6653*Input!$J$14,0)+IF(Input!$K$15=2,L6653*Input!$J$15,0)+IF(Input!$K$16=2,M6653*Input!$J$16,0)</f>
        <v>7.8087836847905961E-2</v>
      </c>
      <c r="P6653" s="58">
        <f>IF(Input!$K$13=3,J6653*Input!$J$13,0)+IF(Input!$K$14=3,K6653*Input!$J$14,0)+IF(Input!$K$15=3,L6653*Input!$J$15,0)+IF(Input!$K$16=3,M6653*Input!$J$16,0)</f>
        <v>0</v>
      </c>
      <c r="Q6653" s="71">
        <f>IF(Input!$K$13=4,J6653*Input!$J$13,0)+IF(Input!$K$14=4,K6653*Input!$J$14,0)+IF(Input!$K$15=4,L6653*Input!$J$15,0)+IF(Input!$K$16=4,M6653*Input!$J$16,0)</f>
        <v>0</v>
      </c>
    </row>
    <row r="6654" spans="8:17" x14ac:dyDescent="0.25">
      <c r="H6654" s="43">
        <v>6647</v>
      </c>
      <c r="I6654" s="55">
        <f>Bühler!I6680</f>
        <v>0.20119908031682054</v>
      </c>
      <c r="J6654" s="58">
        <f>Bühler!J6680</f>
        <v>7.183892494271074</v>
      </c>
      <c r="K6654" s="58">
        <f>Bühler!K6680</f>
        <v>0.57842842109559967</v>
      </c>
      <c r="L6654" s="58">
        <f>Bühler!L6680</f>
        <v>0.28921421054779983</v>
      </c>
      <c r="M6654" s="57">
        <f>Bühler!M6680</f>
        <v>0</v>
      </c>
      <c r="N6654" s="55">
        <f>IF(Input!$K$13=1,J6654*Input!$J$13,0)+IF(Input!$K$14=1,K6654*Input!$J$14,0)+IF(Input!$K$15=1,L6654*Input!$J$15,0)+IF(Input!$K$16=1,M6654*Input!$J$16,0)</f>
        <v>0.8620670993125289</v>
      </c>
      <c r="O6654" s="58">
        <f>IF(Input!$K$13=2,J6654*Input!$J$13,0)+IF(Input!$K$14=2,K6654*Input!$J$14,0)+IF(Input!$K$15=2,L6654*Input!$J$15,0)+IF(Input!$K$16=2,M6654*Input!$J$16,0)</f>
        <v>7.8087836847905961E-2</v>
      </c>
      <c r="P6654" s="58">
        <f>IF(Input!$K$13=3,J6654*Input!$J$13,0)+IF(Input!$K$14=3,K6654*Input!$J$14,0)+IF(Input!$K$15=3,L6654*Input!$J$15,0)+IF(Input!$K$16=3,M6654*Input!$J$16,0)</f>
        <v>0</v>
      </c>
      <c r="Q6654" s="71">
        <f>IF(Input!$K$13=4,J6654*Input!$J$13,0)+IF(Input!$K$14=4,K6654*Input!$J$14,0)+IF(Input!$K$15=4,L6654*Input!$J$15,0)+IF(Input!$K$16=4,M6654*Input!$J$16,0)</f>
        <v>0</v>
      </c>
    </row>
    <row r="6655" spans="8:17" x14ac:dyDescent="0.25">
      <c r="H6655" s="43">
        <v>6648</v>
      </c>
      <c r="I6655" s="55">
        <f>Bühler!I6681</f>
        <v>0.20119908031682054</v>
      </c>
      <c r="J6655" s="58">
        <f>Bühler!J6681</f>
        <v>7.183892494271074</v>
      </c>
      <c r="K6655" s="58">
        <f>Bühler!K6681</f>
        <v>0.57842842109559967</v>
      </c>
      <c r="L6655" s="58">
        <f>Bühler!L6681</f>
        <v>0.28921421054779983</v>
      </c>
      <c r="M6655" s="57">
        <f>Bühler!M6681</f>
        <v>0</v>
      </c>
      <c r="N6655" s="55">
        <f>IF(Input!$K$13=1,J6655*Input!$J$13,0)+IF(Input!$K$14=1,K6655*Input!$J$14,0)+IF(Input!$K$15=1,L6655*Input!$J$15,0)+IF(Input!$K$16=1,M6655*Input!$J$16,0)</f>
        <v>0.8620670993125289</v>
      </c>
      <c r="O6655" s="58">
        <f>IF(Input!$K$13=2,J6655*Input!$J$13,0)+IF(Input!$K$14=2,K6655*Input!$J$14,0)+IF(Input!$K$15=2,L6655*Input!$J$15,0)+IF(Input!$K$16=2,M6655*Input!$J$16,0)</f>
        <v>7.8087836847905961E-2</v>
      </c>
      <c r="P6655" s="58">
        <f>IF(Input!$K$13=3,J6655*Input!$J$13,0)+IF(Input!$K$14=3,K6655*Input!$J$14,0)+IF(Input!$K$15=3,L6655*Input!$J$15,0)+IF(Input!$K$16=3,M6655*Input!$J$16,0)</f>
        <v>0</v>
      </c>
      <c r="Q6655" s="71">
        <f>IF(Input!$K$13=4,J6655*Input!$J$13,0)+IF(Input!$K$14=4,K6655*Input!$J$14,0)+IF(Input!$K$15=4,L6655*Input!$J$15,0)+IF(Input!$K$16=4,M6655*Input!$J$16,0)</f>
        <v>0</v>
      </c>
    </row>
    <row r="6656" spans="8:17" x14ac:dyDescent="0.25">
      <c r="H6656" s="43">
        <v>6649</v>
      </c>
      <c r="I6656" s="55">
        <f>Bühler!I6682</f>
        <v>0.38880354615633977</v>
      </c>
      <c r="J6656" s="58">
        <f>Bühler!J6682</f>
        <v>7.9582773736111454</v>
      </c>
      <c r="K6656" s="58">
        <f>Bühler!K6682</f>
        <v>0.5945539829970985</v>
      </c>
      <c r="L6656" s="58">
        <f>Bühler!L6682</f>
        <v>0.29727699149854925</v>
      </c>
      <c r="M6656" s="57">
        <f>Bühler!M6682</f>
        <v>0</v>
      </c>
      <c r="N6656" s="55">
        <f>IF(Input!$K$13=1,J6656*Input!$J$13,0)+IF(Input!$K$14=1,K6656*Input!$J$14,0)+IF(Input!$K$15=1,L6656*Input!$J$15,0)+IF(Input!$K$16=1,M6656*Input!$J$16,0)</f>
        <v>0.95499328483333745</v>
      </c>
      <c r="O6656" s="58">
        <f>IF(Input!$K$13=2,J6656*Input!$J$13,0)+IF(Input!$K$14=2,K6656*Input!$J$14,0)+IF(Input!$K$15=2,L6656*Input!$J$15,0)+IF(Input!$K$16=2,M6656*Input!$J$16,0)</f>
        <v>8.0264787704608292E-2</v>
      </c>
      <c r="P6656" s="58">
        <f>IF(Input!$K$13=3,J6656*Input!$J$13,0)+IF(Input!$K$14=3,K6656*Input!$J$14,0)+IF(Input!$K$15=3,L6656*Input!$J$15,0)+IF(Input!$K$16=3,M6656*Input!$J$16,0)</f>
        <v>0</v>
      </c>
      <c r="Q6656" s="71">
        <f>IF(Input!$K$13=4,J6656*Input!$J$13,0)+IF(Input!$K$14=4,K6656*Input!$J$14,0)+IF(Input!$K$15=4,L6656*Input!$J$15,0)+IF(Input!$K$16=4,M6656*Input!$J$16,0)</f>
        <v>0</v>
      </c>
    </row>
    <row r="6657" spans="8:17" x14ac:dyDescent="0.25">
      <c r="H6657" s="43">
        <v>6650</v>
      </c>
      <c r="I6657" s="55">
        <f>Bühler!I6683</f>
        <v>0.38880354615633977</v>
      </c>
      <c r="J6657" s="58">
        <f>Bühler!J6683</f>
        <v>7.9582773736111454</v>
      </c>
      <c r="K6657" s="58">
        <f>Bühler!K6683</f>
        <v>0.5945539829970985</v>
      </c>
      <c r="L6657" s="58">
        <f>Bühler!L6683</f>
        <v>0.29727699149854925</v>
      </c>
      <c r="M6657" s="57">
        <f>Bühler!M6683</f>
        <v>0</v>
      </c>
      <c r="N6657" s="55">
        <f>IF(Input!$K$13=1,J6657*Input!$J$13,0)+IF(Input!$K$14=1,K6657*Input!$J$14,0)+IF(Input!$K$15=1,L6657*Input!$J$15,0)+IF(Input!$K$16=1,M6657*Input!$J$16,0)</f>
        <v>0.95499328483333745</v>
      </c>
      <c r="O6657" s="58">
        <f>IF(Input!$K$13=2,J6657*Input!$J$13,0)+IF(Input!$K$14=2,K6657*Input!$J$14,0)+IF(Input!$K$15=2,L6657*Input!$J$15,0)+IF(Input!$K$16=2,M6657*Input!$J$16,0)</f>
        <v>8.0264787704608292E-2</v>
      </c>
      <c r="P6657" s="58">
        <f>IF(Input!$K$13=3,J6657*Input!$J$13,0)+IF(Input!$K$14=3,K6657*Input!$J$14,0)+IF(Input!$K$15=3,L6657*Input!$J$15,0)+IF(Input!$K$16=3,M6657*Input!$J$16,0)</f>
        <v>0</v>
      </c>
      <c r="Q6657" s="71">
        <f>IF(Input!$K$13=4,J6657*Input!$J$13,0)+IF(Input!$K$14=4,K6657*Input!$J$14,0)+IF(Input!$K$15=4,L6657*Input!$J$15,0)+IF(Input!$K$16=4,M6657*Input!$J$16,0)</f>
        <v>0</v>
      </c>
    </row>
    <row r="6658" spans="8:17" x14ac:dyDescent="0.25">
      <c r="H6658" s="43">
        <v>6651</v>
      </c>
      <c r="I6658" s="55">
        <f>Bühler!I6684</f>
        <v>0.38880354615633977</v>
      </c>
      <c r="J6658" s="58">
        <f>Bühler!J6684</f>
        <v>7.9582773736111454</v>
      </c>
      <c r="K6658" s="58">
        <f>Bühler!K6684</f>
        <v>0.5945539829970985</v>
      </c>
      <c r="L6658" s="58">
        <f>Bühler!L6684</f>
        <v>0.29727699149854925</v>
      </c>
      <c r="M6658" s="57">
        <f>Bühler!M6684</f>
        <v>0</v>
      </c>
      <c r="N6658" s="55">
        <f>IF(Input!$K$13=1,J6658*Input!$J$13,0)+IF(Input!$K$14=1,K6658*Input!$J$14,0)+IF(Input!$K$15=1,L6658*Input!$J$15,0)+IF(Input!$K$16=1,M6658*Input!$J$16,0)</f>
        <v>0.95499328483333745</v>
      </c>
      <c r="O6658" s="58">
        <f>IF(Input!$K$13=2,J6658*Input!$J$13,0)+IF(Input!$K$14=2,K6658*Input!$J$14,0)+IF(Input!$K$15=2,L6658*Input!$J$15,0)+IF(Input!$K$16=2,M6658*Input!$J$16,0)</f>
        <v>8.0264787704608292E-2</v>
      </c>
      <c r="P6658" s="58">
        <f>IF(Input!$K$13=3,J6658*Input!$J$13,0)+IF(Input!$K$14=3,K6658*Input!$J$14,0)+IF(Input!$K$15=3,L6658*Input!$J$15,0)+IF(Input!$K$16=3,M6658*Input!$J$16,0)</f>
        <v>0</v>
      </c>
      <c r="Q6658" s="71">
        <f>IF(Input!$K$13=4,J6658*Input!$J$13,0)+IF(Input!$K$14=4,K6658*Input!$J$14,0)+IF(Input!$K$15=4,L6658*Input!$J$15,0)+IF(Input!$K$16=4,M6658*Input!$J$16,0)</f>
        <v>0</v>
      </c>
    </row>
    <row r="6659" spans="8:17" x14ac:dyDescent="0.25">
      <c r="H6659" s="43">
        <v>6652</v>
      </c>
      <c r="I6659" s="55">
        <f>Bühler!I6685</f>
        <v>0.38880354615633977</v>
      </c>
      <c r="J6659" s="58">
        <f>Bühler!J6685</f>
        <v>7.9582773736111454</v>
      </c>
      <c r="K6659" s="58">
        <f>Bühler!K6685</f>
        <v>0.5945539829970985</v>
      </c>
      <c r="L6659" s="58">
        <f>Bühler!L6685</f>
        <v>0.29727699149854925</v>
      </c>
      <c r="M6659" s="57">
        <f>Bühler!M6685</f>
        <v>0</v>
      </c>
      <c r="N6659" s="55">
        <f>IF(Input!$K$13=1,J6659*Input!$J$13,0)+IF(Input!$K$14=1,K6659*Input!$J$14,0)+IF(Input!$K$15=1,L6659*Input!$J$15,0)+IF(Input!$K$16=1,M6659*Input!$J$16,0)</f>
        <v>0.95499328483333745</v>
      </c>
      <c r="O6659" s="58">
        <f>IF(Input!$K$13=2,J6659*Input!$J$13,0)+IF(Input!$K$14=2,K6659*Input!$J$14,0)+IF(Input!$K$15=2,L6659*Input!$J$15,0)+IF(Input!$K$16=2,M6659*Input!$J$16,0)</f>
        <v>8.0264787704608292E-2</v>
      </c>
      <c r="P6659" s="58">
        <f>IF(Input!$K$13=3,J6659*Input!$J$13,0)+IF(Input!$K$14=3,K6659*Input!$J$14,0)+IF(Input!$K$15=3,L6659*Input!$J$15,0)+IF(Input!$K$16=3,M6659*Input!$J$16,0)</f>
        <v>0</v>
      </c>
      <c r="Q6659" s="71">
        <f>IF(Input!$K$13=4,J6659*Input!$J$13,0)+IF(Input!$K$14=4,K6659*Input!$J$14,0)+IF(Input!$K$15=4,L6659*Input!$J$15,0)+IF(Input!$K$16=4,M6659*Input!$J$16,0)</f>
        <v>0</v>
      </c>
    </row>
    <row r="6660" spans="8:17" x14ac:dyDescent="0.25">
      <c r="H6660" s="43">
        <v>6653</v>
      </c>
      <c r="I6660" s="55">
        <f>Bühler!I6686</f>
        <v>0.38880354615633977</v>
      </c>
      <c r="J6660" s="58">
        <f>Bühler!J6686</f>
        <v>7.9582773736111454</v>
      </c>
      <c r="K6660" s="58">
        <f>Bühler!K6686</f>
        <v>0.5945539829970985</v>
      </c>
      <c r="L6660" s="58">
        <f>Bühler!L6686</f>
        <v>0.29727699149854925</v>
      </c>
      <c r="M6660" s="57">
        <f>Bühler!M6686</f>
        <v>0</v>
      </c>
      <c r="N6660" s="55">
        <f>IF(Input!$K$13=1,J6660*Input!$J$13,0)+IF(Input!$K$14=1,K6660*Input!$J$14,0)+IF(Input!$K$15=1,L6660*Input!$J$15,0)+IF(Input!$K$16=1,M6660*Input!$J$16,0)</f>
        <v>0.95499328483333745</v>
      </c>
      <c r="O6660" s="58">
        <f>IF(Input!$K$13=2,J6660*Input!$J$13,0)+IF(Input!$K$14=2,K6660*Input!$J$14,0)+IF(Input!$K$15=2,L6660*Input!$J$15,0)+IF(Input!$K$16=2,M6660*Input!$J$16,0)</f>
        <v>8.0264787704608292E-2</v>
      </c>
      <c r="P6660" s="58">
        <f>IF(Input!$K$13=3,J6660*Input!$J$13,0)+IF(Input!$K$14=3,K6660*Input!$J$14,0)+IF(Input!$K$15=3,L6660*Input!$J$15,0)+IF(Input!$K$16=3,M6660*Input!$J$16,0)</f>
        <v>0</v>
      </c>
      <c r="Q6660" s="71">
        <f>IF(Input!$K$13=4,J6660*Input!$J$13,0)+IF(Input!$K$14=4,K6660*Input!$J$14,0)+IF(Input!$K$15=4,L6660*Input!$J$15,0)+IF(Input!$K$16=4,M6660*Input!$J$16,0)</f>
        <v>0</v>
      </c>
    </row>
    <row r="6661" spans="8:17" x14ac:dyDescent="0.25">
      <c r="H6661" s="43">
        <v>6654</v>
      </c>
      <c r="I6661" s="55">
        <f>Bühler!I6687</f>
        <v>0.38880354615633977</v>
      </c>
      <c r="J6661" s="58">
        <f>Bühler!J6687</f>
        <v>7.9582773736111454</v>
      </c>
      <c r="K6661" s="58">
        <f>Bühler!K6687</f>
        <v>0.5945539829970985</v>
      </c>
      <c r="L6661" s="58">
        <f>Bühler!L6687</f>
        <v>0.29727699149854925</v>
      </c>
      <c r="M6661" s="57">
        <f>Bühler!M6687</f>
        <v>0</v>
      </c>
      <c r="N6661" s="55">
        <f>IF(Input!$K$13=1,J6661*Input!$J$13,0)+IF(Input!$K$14=1,K6661*Input!$J$14,0)+IF(Input!$K$15=1,L6661*Input!$J$15,0)+IF(Input!$K$16=1,M6661*Input!$J$16,0)</f>
        <v>0.95499328483333745</v>
      </c>
      <c r="O6661" s="58">
        <f>IF(Input!$K$13=2,J6661*Input!$J$13,0)+IF(Input!$K$14=2,K6661*Input!$J$14,0)+IF(Input!$K$15=2,L6661*Input!$J$15,0)+IF(Input!$K$16=2,M6661*Input!$J$16,0)</f>
        <v>8.0264787704608292E-2</v>
      </c>
      <c r="P6661" s="58">
        <f>IF(Input!$K$13=3,J6661*Input!$J$13,0)+IF(Input!$K$14=3,K6661*Input!$J$14,0)+IF(Input!$K$15=3,L6661*Input!$J$15,0)+IF(Input!$K$16=3,M6661*Input!$J$16,0)</f>
        <v>0</v>
      </c>
      <c r="Q6661" s="71">
        <f>IF(Input!$K$13=4,J6661*Input!$J$13,0)+IF(Input!$K$14=4,K6661*Input!$J$14,0)+IF(Input!$K$15=4,L6661*Input!$J$15,0)+IF(Input!$K$16=4,M6661*Input!$J$16,0)</f>
        <v>0</v>
      </c>
    </row>
    <row r="6662" spans="8:17" x14ac:dyDescent="0.25">
      <c r="H6662" s="43">
        <v>6655</v>
      </c>
      <c r="I6662" s="55">
        <f>Bühler!I6688</f>
        <v>0.38880354615633977</v>
      </c>
      <c r="J6662" s="58">
        <f>Bühler!J6688</f>
        <v>7.9582773736111454</v>
      </c>
      <c r="K6662" s="58">
        <f>Bühler!K6688</f>
        <v>0.5945539829970985</v>
      </c>
      <c r="L6662" s="58">
        <f>Bühler!L6688</f>
        <v>0.29727699149854925</v>
      </c>
      <c r="M6662" s="57">
        <f>Bühler!M6688</f>
        <v>0</v>
      </c>
      <c r="N6662" s="55">
        <f>IF(Input!$K$13=1,J6662*Input!$J$13,0)+IF(Input!$K$14=1,K6662*Input!$J$14,0)+IF(Input!$K$15=1,L6662*Input!$J$15,0)+IF(Input!$K$16=1,M6662*Input!$J$16,0)</f>
        <v>0.95499328483333745</v>
      </c>
      <c r="O6662" s="58">
        <f>IF(Input!$K$13=2,J6662*Input!$J$13,0)+IF(Input!$K$14=2,K6662*Input!$J$14,0)+IF(Input!$K$15=2,L6662*Input!$J$15,0)+IF(Input!$K$16=2,M6662*Input!$J$16,0)</f>
        <v>8.0264787704608292E-2</v>
      </c>
      <c r="P6662" s="58">
        <f>IF(Input!$K$13=3,J6662*Input!$J$13,0)+IF(Input!$K$14=3,K6662*Input!$J$14,0)+IF(Input!$K$15=3,L6662*Input!$J$15,0)+IF(Input!$K$16=3,M6662*Input!$J$16,0)</f>
        <v>0</v>
      </c>
      <c r="Q6662" s="71">
        <f>IF(Input!$K$13=4,J6662*Input!$J$13,0)+IF(Input!$K$14=4,K6662*Input!$J$14,0)+IF(Input!$K$15=4,L6662*Input!$J$15,0)+IF(Input!$K$16=4,M6662*Input!$J$16,0)</f>
        <v>0</v>
      </c>
    </row>
    <row r="6663" spans="8:17" x14ac:dyDescent="0.25">
      <c r="H6663" s="43">
        <v>6656</v>
      </c>
      <c r="I6663" s="55">
        <f>Bühler!I6689</f>
        <v>1.0711537696607158</v>
      </c>
      <c r="J6663" s="58">
        <f>Bühler!J6689</f>
        <v>31.971059597706557</v>
      </c>
      <c r="K6663" s="58">
        <f>Bühler!K6689</f>
        <v>2.4304646153426841</v>
      </c>
      <c r="L6663" s="58">
        <f>Bühler!L6689</f>
        <v>1.215232307671342</v>
      </c>
      <c r="M6663" s="57">
        <f>Bühler!M6689</f>
        <v>0</v>
      </c>
      <c r="N6663" s="55">
        <f>IF(Input!$K$13=1,J6663*Input!$J$13,0)+IF(Input!$K$14=1,K6663*Input!$J$14,0)+IF(Input!$K$15=1,L6663*Input!$J$15,0)+IF(Input!$K$16=1,M6663*Input!$J$16,0)</f>
        <v>3.8365271517247868</v>
      </c>
      <c r="O6663" s="58">
        <f>IF(Input!$K$13=2,J6663*Input!$J$13,0)+IF(Input!$K$14=2,K6663*Input!$J$14,0)+IF(Input!$K$15=2,L6663*Input!$J$15,0)+IF(Input!$K$16=2,M6663*Input!$J$16,0)</f>
        <v>0.32811272307126238</v>
      </c>
      <c r="P6663" s="58">
        <f>IF(Input!$K$13=3,J6663*Input!$J$13,0)+IF(Input!$K$14=3,K6663*Input!$J$14,0)+IF(Input!$K$15=3,L6663*Input!$J$15,0)+IF(Input!$K$16=3,M6663*Input!$J$16,0)</f>
        <v>0</v>
      </c>
      <c r="Q6663" s="71">
        <f>IF(Input!$K$13=4,J6663*Input!$J$13,0)+IF(Input!$K$14=4,K6663*Input!$J$14,0)+IF(Input!$K$15=4,L6663*Input!$J$15,0)+IF(Input!$K$16=4,M6663*Input!$J$16,0)</f>
        <v>0</v>
      </c>
    </row>
    <row r="6664" spans="8:17" x14ac:dyDescent="0.25">
      <c r="H6664" s="43">
        <v>6657</v>
      </c>
      <c r="I6664" s="55">
        <f>Bühler!I6690</f>
        <v>1.1951821008845884</v>
      </c>
      <c r="J6664" s="58">
        <f>Bühler!J6690</f>
        <v>35.672971761651525</v>
      </c>
      <c r="K6664" s="58">
        <f>Bühler!K6690</f>
        <v>2.7118868339613114</v>
      </c>
      <c r="L6664" s="58">
        <f>Bühler!L6690</f>
        <v>1.3559434169806557</v>
      </c>
      <c r="M6664" s="57">
        <f>Bühler!M6690</f>
        <v>0</v>
      </c>
      <c r="N6664" s="55">
        <f>IF(Input!$K$13=1,J6664*Input!$J$13,0)+IF(Input!$K$14=1,K6664*Input!$J$14,0)+IF(Input!$K$15=1,L6664*Input!$J$15,0)+IF(Input!$K$16=1,M6664*Input!$J$16,0)</f>
        <v>4.280756611398183</v>
      </c>
      <c r="O6664" s="58">
        <f>IF(Input!$K$13=2,J6664*Input!$J$13,0)+IF(Input!$K$14=2,K6664*Input!$J$14,0)+IF(Input!$K$15=2,L6664*Input!$J$15,0)+IF(Input!$K$16=2,M6664*Input!$J$16,0)</f>
        <v>0.366104722584777</v>
      </c>
      <c r="P6664" s="58">
        <f>IF(Input!$K$13=3,J6664*Input!$J$13,0)+IF(Input!$K$14=3,K6664*Input!$J$14,0)+IF(Input!$K$15=3,L6664*Input!$J$15,0)+IF(Input!$K$16=3,M6664*Input!$J$16,0)</f>
        <v>0</v>
      </c>
      <c r="Q6664" s="71">
        <f>IF(Input!$K$13=4,J6664*Input!$J$13,0)+IF(Input!$K$14=4,K6664*Input!$J$14,0)+IF(Input!$K$15=4,L6664*Input!$J$15,0)+IF(Input!$K$16=4,M6664*Input!$J$16,0)</f>
        <v>0</v>
      </c>
    </row>
    <row r="6665" spans="8:17" x14ac:dyDescent="0.25">
      <c r="H6665" s="43">
        <v>6658</v>
      </c>
      <c r="I6665" s="55">
        <f>Bühler!I6691</f>
        <v>1.3192104321084606</v>
      </c>
      <c r="J6665" s="58">
        <f>Bühler!J6691</f>
        <v>39.374883925596492</v>
      </c>
      <c r="K6665" s="58">
        <f>Bühler!K6691</f>
        <v>2.9933090525799382</v>
      </c>
      <c r="L6665" s="58">
        <f>Bühler!L6691</f>
        <v>1.4966545262899691</v>
      </c>
      <c r="M6665" s="57">
        <f>Bühler!M6691</f>
        <v>0</v>
      </c>
      <c r="N6665" s="55">
        <f>IF(Input!$K$13=1,J6665*Input!$J$13,0)+IF(Input!$K$14=1,K6665*Input!$J$14,0)+IF(Input!$K$15=1,L6665*Input!$J$15,0)+IF(Input!$K$16=1,M6665*Input!$J$16,0)</f>
        <v>4.7249860710715792</v>
      </c>
      <c r="O6665" s="58">
        <f>IF(Input!$K$13=2,J6665*Input!$J$13,0)+IF(Input!$K$14=2,K6665*Input!$J$14,0)+IF(Input!$K$15=2,L6665*Input!$J$15,0)+IF(Input!$K$16=2,M6665*Input!$J$16,0)</f>
        <v>0.40409672209829162</v>
      </c>
      <c r="P6665" s="58">
        <f>IF(Input!$K$13=3,J6665*Input!$J$13,0)+IF(Input!$K$14=3,K6665*Input!$J$14,0)+IF(Input!$K$15=3,L6665*Input!$J$15,0)+IF(Input!$K$16=3,M6665*Input!$J$16,0)</f>
        <v>0</v>
      </c>
      <c r="Q6665" s="71">
        <f>IF(Input!$K$13=4,J6665*Input!$J$13,0)+IF(Input!$K$14=4,K6665*Input!$J$14,0)+IF(Input!$K$15=4,L6665*Input!$J$15,0)+IF(Input!$K$16=4,M6665*Input!$J$16,0)</f>
        <v>0</v>
      </c>
    </row>
    <row r="6666" spans="8:17" x14ac:dyDescent="0.25">
      <c r="H6666" s="43">
        <v>6659</v>
      </c>
      <c r="I6666" s="55">
        <f>Bühler!I6692</f>
        <v>1.3192104321084606</v>
      </c>
      <c r="J6666" s="58">
        <f>Bühler!J6692</f>
        <v>39.374883925596492</v>
      </c>
      <c r="K6666" s="58">
        <f>Bühler!K6692</f>
        <v>2.9933090525799382</v>
      </c>
      <c r="L6666" s="58">
        <f>Bühler!L6692</f>
        <v>1.4966545262899691</v>
      </c>
      <c r="M6666" s="57">
        <f>Bühler!M6692</f>
        <v>0</v>
      </c>
      <c r="N6666" s="55">
        <f>IF(Input!$K$13=1,J6666*Input!$J$13,0)+IF(Input!$K$14=1,K6666*Input!$J$14,0)+IF(Input!$K$15=1,L6666*Input!$J$15,0)+IF(Input!$K$16=1,M6666*Input!$J$16,0)</f>
        <v>4.7249860710715792</v>
      </c>
      <c r="O6666" s="58">
        <f>IF(Input!$K$13=2,J6666*Input!$J$13,0)+IF(Input!$K$14=2,K6666*Input!$J$14,0)+IF(Input!$K$15=2,L6666*Input!$J$15,0)+IF(Input!$K$16=2,M6666*Input!$J$16,0)</f>
        <v>0.40409672209829162</v>
      </c>
      <c r="P6666" s="58">
        <f>IF(Input!$K$13=3,J6666*Input!$J$13,0)+IF(Input!$K$14=3,K6666*Input!$J$14,0)+IF(Input!$K$15=3,L6666*Input!$J$15,0)+IF(Input!$K$16=3,M6666*Input!$J$16,0)</f>
        <v>0</v>
      </c>
      <c r="Q6666" s="71">
        <f>IF(Input!$K$13=4,J6666*Input!$J$13,0)+IF(Input!$K$14=4,K6666*Input!$J$14,0)+IF(Input!$K$15=4,L6666*Input!$J$15,0)+IF(Input!$K$16=4,M6666*Input!$J$16,0)</f>
        <v>0</v>
      </c>
    </row>
    <row r="6667" spans="8:17" x14ac:dyDescent="0.25">
      <c r="H6667" s="43">
        <v>6660</v>
      </c>
      <c r="I6667" s="55">
        <f>Bühler!I6693</f>
        <v>1.5785423973947392</v>
      </c>
      <c r="J6667" s="58">
        <f>Bühler!J6693</f>
        <v>47.115245722935974</v>
      </c>
      <c r="K6667" s="58">
        <f>Bühler!K6693</f>
        <v>3.5817373278734297</v>
      </c>
      <c r="L6667" s="58">
        <f>Bühler!L6693</f>
        <v>1.7908686639367148</v>
      </c>
      <c r="M6667" s="57">
        <f>Bühler!M6693</f>
        <v>0</v>
      </c>
      <c r="N6667" s="55">
        <f>IF(Input!$K$13=1,J6667*Input!$J$13,0)+IF(Input!$K$14=1,K6667*Input!$J$14,0)+IF(Input!$K$15=1,L6667*Input!$J$15,0)+IF(Input!$K$16=1,M6667*Input!$J$16,0)</f>
        <v>5.6538294867523167</v>
      </c>
      <c r="O6667" s="58">
        <f>IF(Input!$K$13=2,J6667*Input!$J$13,0)+IF(Input!$K$14=2,K6667*Input!$J$14,0)+IF(Input!$K$15=2,L6667*Input!$J$15,0)+IF(Input!$K$16=2,M6667*Input!$J$16,0)</f>
        <v>0.48353453926291301</v>
      </c>
      <c r="P6667" s="58">
        <f>IF(Input!$K$13=3,J6667*Input!$J$13,0)+IF(Input!$K$14=3,K6667*Input!$J$14,0)+IF(Input!$K$15=3,L6667*Input!$J$15,0)+IF(Input!$K$16=3,M6667*Input!$J$16,0)</f>
        <v>0</v>
      </c>
      <c r="Q6667" s="71">
        <f>IF(Input!$K$13=4,J6667*Input!$J$13,0)+IF(Input!$K$14=4,K6667*Input!$J$14,0)+IF(Input!$K$15=4,L6667*Input!$J$15,0)+IF(Input!$K$16=4,M6667*Input!$J$16,0)</f>
        <v>0</v>
      </c>
    </row>
    <row r="6668" spans="8:17" x14ac:dyDescent="0.25">
      <c r="H6668" s="43">
        <v>6661</v>
      </c>
      <c r="I6668" s="55">
        <f>Bühler!I6694</f>
        <v>1.5785423973947392</v>
      </c>
      <c r="J6668" s="58">
        <f>Bühler!J6694</f>
        <v>47.115245722935974</v>
      </c>
      <c r="K6668" s="58">
        <f>Bühler!K6694</f>
        <v>3.5817373278734297</v>
      </c>
      <c r="L6668" s="58">
        <f>Bühler!L6694</f>
        <v>1.7908686639367148</v>
      </c>
      <c r="M6668" s="57">
        <f>Bühler!M6694</f>
        <v>0</v>
      </c>
      <c r="N6668" s="55">
        <f>IF(Input!$K$13=1,J6668*Input!$J$13,0)+IF(Input!$K$14=1,K6668*Input!$J$14,0)+IF(Input!$K$15=1,L6668*Input!$J$15,0)+IF(Input!$K$16=1,M6668*Input!$J$16,0)</f>
        <v>5.6538294867523167</v>
      </c>
      <c r="O6668" s="58">
        <f>IF(Input!$K$13=2,J6668*Input!$J$13,0)+IF(Input!$K$14=2,K6668*Input!$J$14,0)+IF(Input!$K$15=2,L6668*Input!$J$15,0)+IF(Input!$K$16=2,M6668*Input!$J$16,0)</f>
        <v>0.48353453926291301</v>
      </c>
      <c r="P6668" s="58">
        <f>IF(Input!$K$13=3,J6668*Input!$J$13,0)+IF(Input!$K$14=3,K6668*Input!$J$14,0)+IF(Input!$K$15=3,L6668*Input!$J$15,0)+IF(Input!$K$16=3,M6668*Input!$J$16,0)</f>
        <v>0</v>
      </c>
      <c r="Q6668" s="71">
        <f>IF(Input!$K$13=4,J6668*Input!$J$13,0)+IF(Input!$K$14=4,K6668*Input!$J$14,0)+IF(Input!$K$15=4,L6668*Input!$J$15,0)+IF(Input!$K$16=4,M6668*Input!$J$16,0)</f>
        <v>0</v>
      </c>
    </row>
    <row r="6669" spans="8:17" x14ac:dyDescent="0.25">
      <c r="H6669" s="43">
        <v>6662</v>
      </c>
      <c r="I6669" s="55">
        <f>Bühler!I6695</f>
        <v>1.0486031639836482</v>
      </c>
      <c r="J6669" s="58">
        <f>Bühler!J6695</f>
        <v>31.297984658807469</v>
      </c>
      <c r="K6669" s="58">
        <f>Bühler!K6695</f>
        <v>2.379296939230207</v>
      </c>
      <c r="L6669" s="58">
        <f>Bühler!L6695</f>
        <v>1.1896484696151035</v>
      </c>
      <c r="M6669" s="57">
        <f>Bühler!M6695</f>
        <v>0</v>
      </c>
      <c r="N6669" s="55">
        <f>IF(Input!$K$13=1,J6669*Input!$J$13,0)+IF(Input!$K$14=1,K6669*Input!$J$14,0)+IF(Input!$K$15=1,L6669*Input!$J$15,0)+IF(Input!$K$16=1,M6669*Input!$J$16,0)</f>
        <v>3.7557581590568963</v>
      </c>
      <c r="O6669" s="58">
        <f>IF(Input!$K$13=2,J6669*Input!$J$13,0)+IF(Input!$K$14=2,K6669*Input!$J$14,0)+IF(Input!$K$15=2,L6669*Input!$J$15,0)+IF(Input!$K$16=2,M6669*Input!$J$16,0)</f>
        <v>0.32120508679607795</v>
      </c>
      <c r="P6669" s="58">
        <f>IF(Input!$K$13=3,J6669*Input!$J$13,0)+IF(Input!$K$14=3,K6669*Input!$J$14,0)+IF(Input!$K$15=3,L6669*Input!$J$15,0)+IF(Input!$K$16=3,M6669*Input!$J$16,0)</f>
        <v>0</v>
      </c>
      <c r="Q6669" s="71">
        <f>IF(Input!$K$13=4,J6669*Input!$J$13,0)+IF(Input!$K$14=4,K6669*Input!$J$14,0)+IF(Input!$K$15=4,L6669*Input!$J$15,0)+IF(Input!$K$16=4,M6669*Input!$J$16,0)</f>
        <v>0</v>
      </c>
    </row>
    <row r="6670" spans="8:17" x14ac:dyDescent="0.25">
      <c r="H6670" s="43">
        <v>6663</v>
      </c>
      <c r="I6670" s="55">
        <f>Bühler!I6696</f>
        <v>1.5785423973947392</v>
      </c>
      <c r="J6670" s="58">
        <f>Bühler!J6696</f>
        <v>47.115245722935974</v>
      </c>
      <c r="K6670" s="58">
        <f>Bühler!K6696</f>
        <v>3.5817373278734297</v>
      </c>
      <c r="L6670" s="58">
        <f>Bühler!L6696</f>
        <v>1.7908686639367148</v>
      </c>
      <c r="M6670" s="57">
        <f>Bühler!M6696</f>
        <v>0</v>
      </c>
      <c r="N6670" s="55">
        <f>IF(Input!$K$13=1,J6670*Input!$J$13,0)+IF(Input!$K$14=1,K6670*Input!$J$14,0)+IF(Input!$K$15=1,L6670*Input!$J$15,0)+IF(Input!$K$16=1,M6670*Input!$J$16,0)</f>
        <v>5.6538294867523167</v>
      </c>
      <c r="O6670" s="58">
        <f>IF(Input!$K$13=2,J6670*Input!$J$13,0)+IF(Input!$K$14=2,K6670*Input!$J$14,0)+IF(Input!$K$15=2,L6670*Input!$J$15,0)+IF(Input!$K$16=2,M6670*Input!$J$16,0)</f>
        <v>0.48353453926291301</v>
      </c>
      <c r="P6670" s="58">
        <f>IF(Input!$K$13=3,J6670*Input!$J$13,0)+IF(Input!$K$14=3,K6670*Input!$J$14,0)+IF(Input!$K$15=3,L6670*Input!$J$15,0)+IF(Input!$K$16=3,M6670*Input!$J$16,0)</f>
        <v>0</v>
      </c>
      <c r="Q6670" s="71">
        <f>IF(Input!$K$13=4,J6670*Input!$J$13,0)+IF(Input!$K$14=4,K6670*Input!$J$14,0)+IF(Input!$K$15=4,L6670*Input!$J$15,0)+IF(Input!$K$16=4,M6670*Input!$J$16,0)</f>
        <v>0</v>
      </c>
    </row>
    <row r="6671" spans="8:17" x14ac:dyDescent="0.25">
      <c r="H6671" s="43">
        <v>6664</v>
      </c>
      <c r="I6671" s="55">
        <f>Bühler!I6697</f>
        <v>1.5785423973947392</v>
      </c>
      <c r="J6671" s="58">
        <f>Bühler!J6697</f>
        <v>47.115245722935974</v>
      </c>
      <c r="K6671" s="58">
        <f>Bühler!K6697</f>
        <v>3.5817373278734297</v>
      </c>
      <c r="L6671" s="58">
        <f>Bühler!L6697</f>
        <v>1.7908686639367148</v>
      </c>
      <c r="M6671" s="57">
        <f>Bühler!M6697</f>
        <v>0</v>
      </c>
      <c r="N6671" s="55">
        <f>IF(Input!$K$13=1,J6671*Input!$J$13,0)+IF(Input!$K$14=1,K6671*Input!$J$14,0)+IF(Input!$K$15=1,L6671*Input!$J$15,0)+IF(Input!$K$16=1,M6671*Input!$J$16,0)</f>
        <v>5.6538294867523167</v>
      </c>
      <c r="O6671" s="58">
        <f>IF(Input!$K$13=2,J6671*Input!$J$13,0)+IF(Input!$K$14=2,K6671*Input!$J$14,0)+IF(Input!$K$15=2,L6671*Input!$J$15,0)+IF(Input!$K$16=2,M6671*Input!$J$16,0)</f>
        <v>0.48353453926291301</v>
      </c>
      <c r="P6671" s="58">
        <f>IF(Input!$K$13=3,J6671*Input!$J$13,0)+IF(Input!$K$14=3,K6671*Input!$J$14,0)+IF(Input!$K$15=3,L6671*Input!$J$15,0)+IF(Input!$K$16=3,M6671*Input!$J$16,0)</f>
        <v>0</v>
      </c>
      <c r="Q6671" s="71">
        <f>IF(Input!$K$13=4,J6671*Input!$J$13,0)+IF(Input!$K$14=4,K6671*Input!$J$14,0)+IF(Input!$K$15=4,L6671*Input!$J$15,0)+IF(Input!$K$16=4,M6671*Input!$J$16,0)</f>
        <v>0</v>
      </c>
    </row>
    <row r="6672" spans="8:17" x14ac:dyDescent="0.25">
      <c r="H6672" s="43">
        <v>6665</v>
      </c>
      <c r="I6672" s="55">
        <f>Bühler!I6698</f>
        <v>1.3190160303353828</v>
      </c>
      <c r="J6672" s="58">
        <f>Bühler!J6698</f>
        <v>28.185545071256637</v>
      </c>
      <c r="K6672" s="58">
        <f>Bühler!K6698</f>
        <v>2.1106666396396996</v>
      </c>
      <c r="L6672" s="58">
        <f>Bühler!L6698</f>
        <v>1.0553333198198498</v>
      </c>
      <c r="M6672" s="57">
        <f>Bühler!M6698</f>
        <v>0</v>
      </c>
      <c r="N6672" s="55">
        <f>IF(Input!$K$13=1,J6672*Input!$J$13,0)+IF(Input!$K$14=1,K6672*Input!$J$14,0)+IF(Input!$K$15=1,L6672*Input!$J$15,0)+IF(Input!$K$16=1,M6672*Input!$J$16,0)</f>
        <v>3.3822654085507962</v>
      </c>
      <c r="O6672" s="58">
        <f>IF(Input!$K$13=2,J6672*Input!$J$13,0)+IF(Input!$K$14=2,K6672*Input!$J$14,0)+IF(Input!$K$15=2,L6672*Input!$J$15,0)+IF(Input!$K$16=2,M6672*Input!$J$16,0)</f>
        <v>0.28493999635135947</v>
      </c>
      <c r="P6672" s="58">
        <f>IF(Input!$K$13=3,J6672*Input!$J$13,0)+IF(Input!$K$14=3,K6672*Input!$J$14,0)+IF(Input!$K$15=3,L6672*Input!$J$15,0)+IF(Input!$K$16=3,M6672*Input!$J$16,0)</f>
        <v>0</v>
      </c>
      <c r="Q6672" s="71">
        <f>IF(Input!$K$13=4,J6672*Input!$J$13,0)+IF(Input!$K$14=4,K6672*Input!$J$14,0)+IF(Input!$K$15=4,L6672*Input!$J$15,0)+IF(Input!$K$16=4,M6672*Input!$J$16,0)</f>
        <v>0</v>
      </c>
    </row>
    <row r="6673" spans="8:17" x14ac:dyDescent="0.25">
      <c r="H6673" s="43">
        <v>6666</v>
      </c>
      <c r="I6673" s="55">
        <f>Bühler!I6699</f>
        <v>1.0487975657567263</v>
      </c>
      <c r="J6673" s="58">
        <f>Bühler!J6699</f>
        <v>12.556005744633088</v>
      </c>
      <c r="K6673" s="58">
        <f>Bühler!K6699</f>
        <v>0.90083936817742205</v>
      </c>
      <c r="L6673" s="58">
        <f>Bühler!L6699</f>
        <v>0.45041968408871103</v>
      </c>
      <c r="M6673" s="57">
        <f>Bühler!M6699</f>
        <v>0</v>
      </c>
      <c r="N6673" s="55">
        <f>IF(Input!$K$13=1,J6673*Input!$J$13,0)+IF(Input!$K$14=1,K6673*Input!$J$14,0)+IF(Input!$K$15=1,L6673*Input!$J$15,0)+IF(Input!$K$16=1,M6673*Input!$J$16,0)</f>
        <v>1.5067206893559706</v>
      </c>
      <c r="O6673" s="58">
        <f>IF(Input!$K$13=2,J6673*Input!$J$13,0)+IF(Input!$K$14=2,K6673*Input!$J$14,0)+IF(Input!$K$15=2,L6673*Input!$J$15,0)+IF(Input!$K$16=2,M6673*Input!$J$16,0)</f>
        <v>0.12161331470395198</v>
      </c>
      <c r="P6673" s="58">
        <f>IF(Input!$K$13=3,J6673*Input!$J$13,0)+IF(Input!$K$14=3,K6673*Input!$J$14,0)+IF(Input!$K$15=3,L6673*Input!$J$15,0)+IF(Input!$K$16=3,M6673*Input!$J$16,0)</f>
        <v>0</v>
      </c>
      <c r="Q6673" s="71">
        <f>IF(Input!$K$13=4,J6673*Input!$J$13,0)+IF(Input!$K$14=4,K6673*Input!$J$14,0)+IF(Input!$K$15=4,L6673*Input!$J$15,0)+IF(Input!$K$16=4,M6673*Input!$J$16,0)</f>
        <v>0</v>
      </c>
    </row>
    <row r="6674" spans="8:17" x14ac:dyDescent="0.25">
      <c r="H6674" s="43">
        <v>6667</v>
      </c>
      <c r="I6674" s="55">
        <f>Bühler!I6700</f>
        <v>0.38880354615633977</v>
      </c>
      <c r="J6674" s="58">
        <f>Bühler!J6700</f>
        <v>7.9582773736111454</v>
      </c>
      <c r="K6674" s="58">
        <f>Bühler!K6700</f>
        <v>0.5945539829970985</v>
      </c>
      <c r="L6674" s="58">
        <f>Bühler!L6700</f>
        <v>0.29727699149854925</v>
      </c>
      <c r="M6674" s="57">
        <f>Bühler!M6700</f>
        <v>0</v>
      </c>
      <c r="N6674" s="55">
        <f>IF(Input!$K$13=1,J6674*Input!$J$13,0)+IF(Input!$K$14=1,K6674*Input!$J$14,0)+IF(Input!$K$15=1,L6674*Input!$J$15,0)+IF(Input!$K$16=1,M6674*Input!$J$16,0)</f>
        <v>0.95499328483333745</v>
      </c>
      <c r="O6674" s="58">
        <f>IF(Input!$K$13=2,J6674*Input!$J$13,0)+IF(Input!$K$14=2,K6674*Input!$J$14,0)+IF(Input!$K$15=2,L6674*Input!$J$15,0)+IF(Input!$K$16=2,M6674*Input!$J$16,0)</f>
        <v>8.0264787704608292E-2</v>
      </c>
      <c r="P6674" s="58">
        <f>IF(Input!$K$13=3,J6674*Input!$J$13,0)+IF(Input!$K$14=3,K6674*Input!$J$14,0)+IF(Input!$K$15=3,L6674*Input!$J$15,0)+IF(Input!$K$16=3,M6674*Input!$J$16,0)</f>
        <v>0</v>
      </c>
      <c r="Q6674" s="71">
        <f>IF(Input!$K$13=4,J6674*Input!$J$13,0)+IF(Input!$K$14=4,K6674*Input!$J$14,0)+IF(Input!$K$15=4,L6674*Input!$J$15,0)+IF(Input!$K$16=4,M6674*Input!$J$16,0)</f>
        <v>0</v>
      </c>
    </row>
    <row r="6675" spans="8:17" x14ac:dyDescent="0.25">
      <c r="H6675" s="43">
        <v>6668</v>
      </c>
      <c r="I6675" s="55">
        <f>Bühler!I6701</f>
        <v>0.38880354615633977</v>
      </c>
      <c r="J6675" s="58">
        <f>Bühler!J6701</f>
        <v>7.9582773736111454</v>
      </c>
      <c r="K6675" s="58">
        <f>Bühler!K6701</f>
        <v>0.5945539829970985</v>
      </c>
      <c r="L6675" s="58">
        <f>Bühler!L6701</f>
        <v>0.29727699149854925</v>
      </c>
      <c r="M6675" s="57">
        <f>Bühler!M6701</f>
        <v>0</v>
      </c>
      <c r="N6675" s="55">
        <f>IF(Input!$K$13=1,J6675*Input!$J$13,0)+IF(Input!$K$14=1,K6675*Input!$J$14,0)+IF(Input!$K$15=1,L6675*Input!$J$15,0)+IF(Input!$K$16=1,M6675*Input!$J$16,0)</f>
        <v>0.95499328483333745</v>
      </c>
      <c r="O6675" s="58">
        <f>IF(Input!$K$13=2,J6675*Input!$J$13,0)+IF(Input!$K$14=2,K6675*Input!$J$14,0)+IF(Input!$K$15=2,L6675*Input!$J$15,0)+IF(Input!$K$16=2,M6675*Input!$J$16,0)</f>
        <v>8.0264787704608292E-2</v>
      </c>
      <c r="P6675" s="58">
        <f>IF(Input!$K$13=3,J6675*Input!$J$13,0)+IF(Input!$K$14=3,K6675*Input!$J$14,0)+IF(Input!$K$15=3,L6675*Input!$J$15,0)+IF(Input!$K$16=3,M6675*Input!$J$16,0)</f>
        <v>0</v>
      </c>
      <c r="Q6675" s="71">
        <f>IF(Input!$K$13=4,J6675*Input!$J$13,0)+IF(Input!$K$14=4,K6675*Input!$J$14,0)+IF(Input!$K$15=4,L6675*Input!$J$15,0)+IF(Input!$K$16=4,M6675*Input!$J$16,0)</f>
        <v>0</v>
      </c>
    </row>
    <row r="6676" spans="8:17" x14ac:dyDescent="0.25">
      <c r="H6676" s="43">
        <v>6669</v>
      </c>
      <c r="I6676" s="55">
        <f>Bühler!I6702</f>
        <v>0.38880354615633977</v>
      </c>
      <c r="J6676" s="58">
        <f>Bühler!J6702</f>
        <v>7.9582773736111454</v>
      </c>
      <c r="K6676" s="58">
        <f>Bühler!K6702</f>
        <v>0.5945539829970985</v>
      </c>
      <c r="L6676" s="58">
        <f>Bühler!L6702</f>
        <v>0.29727699149854925</v>
      </c>
      <c r="M6676" s="57">
        <f>Bühler!M6702</f>
        <v>0</v>
      </c>
      <c r="N6676" s="55">
        <f>IF(Input!$K$13=1,J6676*Input!$J$13,0)+IF(Input!$K$14=1,K6676*Input!$J$14,0)+IF(Input!$K$15=1,L6676*Input!$J$15,0)+IF(Input!$K$16=1,M6676*Input!$J$16,0)</f>
        <v>0.95499328483333745</v>
      </c>
      <c r="O6676" s="58">
        <f>IF(Input!$K$13=2,J6676*Input!$J$13,0)+IF(Input!$K$14=2,K6676*Input!$J$14,0)+IF(Input!$K$15=2,L6676*Input!$J$15,0)+IF(Input!$K$16=2,M6676*Input!$J$16,0)</f>
        <v>8.0264787704608292E-2</v>
      </c>
      <c r="P6676" s="58">
        <f>IF(Input!$K$13=3,J6676*Input!$J$13,0)+IF(Input!$K$14=3,K6676*Input!$J$14,0)+IF(Input!$K$15=3,L6676*Input!$J$15,0)+IF(Input!$K$16=3,M6676*Input!$J$16,0)</f>
        <v>0</v>
      </c>
      <c r="Q6676" s="71">
        <f>IF(Input!$K$13=4,J6676*Input!$J$13,0)+IF(Input!$K$14=4,K6676*Input!$J$14,0)+IF(Input!$K$15=4,L6676*Input!$J$15,0)+IF(Input!$K$16=4,M6676*Input!$J$16,0)</f>
        <v>0</v>
      </c>
    </row>
    <row r="6677" spans="8:17" x14ac:dyDescent="0.25">
      <c r="H6677" s="43">
        <v>6670</v>
      </c>
      <c r="I6677" s="55">
        <f>Bühler!I6703</f>
        <v>0.38880354615633977</v>
      </c>
      <c r="J6677" s="58">
        <f>Bühler!J6703</f>
        <v>7.9582773736111454</v>
      </c>
      <c r="K6677" s="58">
        <f>Bühler!K6703</f>
        <v>0.5945539829970985</v>
      </c>
      <c r="L6677" s="58">
        <f>Bühler!L6703</f>
        <v>0.29727699149854925</v>
      </c>
      <c r="M6677" s="57">
        <f>Bühler!M6703</f>
        <v>0</v>
      </c>
      <c r="N6677" s="55">
        <f>IF(Input!$K$13=1,J6677*Input!$J$13,0)+IF(Input!$K$14=1,K6677*Input!$J$14,0)+IF(Input!$K$15=1,L6677*Input!$J$15,0)+IF(Input!$K$16=1,M6677*Input!$J$16,0)</f>
        <v>0.95499328483333745</v>
      </c>
      <c r="O6677" s="58">
        <f>IF(Input!$K$13=2,J6677*Input!$J$13,0)+IF(Input!$K$14=2,K6677*Input!$J$14,0)+IF(Input!$K$15=2,L6677*Input!$J$15,0)+IF(Input!$K$16=2,M6677*Input!$J$16,0)</f>
        <v>8.0264787704608292E-2</v>
      </c>
      <c r="P6677" s="58">
        <f>IF(Input!$K$13=3,J6677*Input!$J$13,0)+IF(Input!$K$14=3,K6677*Input!$J$14,0)+IF(Input!$K$15=3,L6677*Input!$J$15,0)+IF(Input!$K$16=3,M6677*Input!$J$16,0)</f>
        <v>0</v>
      </c>
      <c r="Q6677" s="71">
        <f>IF(Input!$K$13=4,J6677*Input!$J$13,0)+IF(Input!$K$14=4,K6677*Input!$J$14,0)+IF(Input!$K$15=4,L6677*Input!$J$15,0)+IF(Input!$K$16=4,M6677*Input!$J$16,0)</f>
        <v>0</v>
      </c>
    </row>
    <row r="6678" spans="8:17" x14ac:dyDescent="0.25">
      <c r="H6678" s="43">
        <v>6671</v>
      </c>
      <c r="I6678" s="55">
        <f>Bühler!I6704</f>
        <v>0.38880354615633977</v>
      </c>
      <c r="J6678" s="58">
        <f>Bühler!J6704</f>
        <v>7.9582773736111454</v>
      </c>
      <c r="K6678" s="58">
        <f>Bühler!K6704</f>
        <v>0.5945539829970985</v>
      </c>
      <c r="L6678" s="58">
        <f>Bühler!L6704</f>
        <v>0.29727699149854925</v>
      </c>
      <c r="M6678" s="57">
        <f>Bühler!M6704</f>
        <v>0</v>
      </c>
      <c r="N6678" s="55">
        <f>IF(Input!$K$13=1,J6678*Input!$J$13,0)+IF(Input!$K$14=1,K6678*Input!$J$14,0)+IF(Input!$K$15=1,L6678*Input!$J$15,0)+IF(Input!$K$16=1,M6678*Input!$J$16,0)</f>
        <v>0.95499328483333745</v>
      </c>
      <c r="O6678" s="58">
        <f>IF(Input!$K$13=2,J6678*Input!$J$13,0)+IF(Input!$K$14=2,K6678*Input!$J$14,0)+IF(Input!$K$15=2,L6678*Input!$J$15,0)+IF(Input!$K$16=2,M6678*Input!$J$16,0)</f>
        <v>8.0264787704608292E-2</v>
      </c>
      <c r="P6678" s="58">
        <f>IF(Input!$K$13=3,J6678*Input!$J$13,0)+IF(Input!$K$14=3,K6678*Input!$J$14,0)+IF(Input!$K$15=3,L6678*Input!$J$15,0)+IF(Input!$K$16=3,M6678*Input!$J$16,0)</f>
        <v>0</v>
      </c>
      <c r="Q6678" s="71">
        <f>IF(Input!$K$13=4,J6678*Input!$J$13,0)+IF(Input!$K$14=4,K6678*Input!$J$14,0)+IF(Input!$K$15=4,L6678*Input!$J$15,0)+IF(Input!$K$16=4,M6678*Input!$J$16,0)</f>
        <v>0</v>
      </c>
    </row>
    <row r="6679" spans="8:17" x14ac:dyDescent="0.25">
      <c r="H6679" s="43">
        <v>6672</v>
      </c>
      <c r="I6679" s="55">
        <f>Bühler!I6705</f>
        <v>0.38880354615633977</v>
      </c>
      <c r="J6679" s="58">
        <f>Bühler!J6705</f>
        <v>7.9582773736111454</v>
      </c>
      <c r="K6679" s="58">
        <f>Bühler!K6705</f>
        <v>0.5945539829970985</v>
      </c>
      <c r="L6679" s="58">
        <f>Bühler!L6705</f>
        <v>0.29727699149854925</v>
      </c>
      <c r="M6679" s="57">
        <f>Bühler!M6705</f>
        <v>0</v>
      </c>
      <c r="N6679" s="55">
        <f>IF(Input!$K$13=1,J6679*Input!$J$13,0)+IF(Input!$K$14=1,K6679*Input!$J$14,0)+IF(Input!$K$15=1,L6679*Input!$J$15,0)+IF(Input!$K$16=1,M6679*Input!$J$16,0)</f>
        <v>0.95499328483333745</v>
      </c>
      <c r="O6679" s="58">
        <f>IF(Input!$K$13=2,J6679*Input!$J$13,0)+IF(Input!$K$14=2,K6679*Input!$J$14,0)+IF(Input!$K$15=2,L6679*Input!$J$15,0)+IF(Input!$K$16=2,M6679*Input!$J$16,0)</f>
        <v>8.0264787704608292E-2</v>
      </c>
      <c r="P6679" s="58">
        <f>IF(Input!$K$13=3,J6679*Input!$J$13,0)+IF(Input!$K$14=3,K6679*Input!$J$14,0)+IF(Input!$K$15=3,L6679*Input!$J$15,0)+IF(Input!$K$16=3,M6679*Input!$J$16,0)</f>
        <v>0</v>
      </c>
      <c r="Q6679" s="71">
        <f>IF(Input!$K$13=4,J6679*Input!$J$13,0)+IF(Input!$K$14=4,K6679*Input!$J$14,0)+IF(Input!$K$15=4,L6679*Input!$J$15,0)+IF(Input!$K$16=4,M6679*Input!$J$16,0)</f>
        <v>0</v>
      </c>
    </row>
    <row r="6680" spans="8:17" x14ac:dyDescent="0.25">
      <c r="H6680" s="43">
        <v>6673</v>
      </c>
      <c r="I6680" s="55">
        <f>Bühler!I6706</f>
        <v>0.33503500564952599</v>
      </c>
      <c r="J6680" s="58">
        <f>Bühler!J6706</f>
        <v>11.498032473243333</v>
      </c>
      <c r="K6680" s="58">
        <f>Bühler!K6706</f>
        <v>0.90335753576611855</v>
      </c>
      <c r="L6680" s="58">
        <f>Bühler!L6706</f>
        <v>0.45167876788305927</v>
      </c>
      <c r="M6680" s="57">
        <f>Bühler!M6706</f>
        <v>0</v>
      </c>
      <c r="N6680" s="55">
        <f>IF(Input!$K$13=1,J6680*Input!$J$13,0)+IF(Input!$K$14=1,K6680*Input!$J$14,0)+IF(Input!$K$15=1,L6680*Input!$J$15,0)+IF(Input!$K$16=1,M6680*Input!$J$16,0)</f>
        <v>1.3797638967891999</v>
      </c>
      <c r="O6680" s="58">
        <f>IF(Input!$K$13=2,J6680*Input!$J$13,0)+IF(Input!$K$14=2,K6680*Input!$J$14,0)+IF(Input!$K$15=2,L6680*Input!$J$15,0)+IF(Input!$K$16=2,M6680*Input!$J$16,0)</f>
        <v>0.121953267328426</v>
      </c>
      <c r="P6680" s="58">
        <f>IF(Input!$K$13=3,J6680*Input!$J$13,0)+IF(Input!$K$14=3,K6680*Input!$J$14,0)+IF(Input!$K$15=3,L6680*Input!$J$15,0)+IF(Input!$K$16=3,M6680*Input!$J$16,0)</f>
        <v>0</v>
      </c>
      <c r="Q6680" s="71">
        <f>IF(Input!$K$13=4,J6680*Input!$J$13,0)+IF(Input!$K$14=4,K6680*Input!$J$14,0)+IF(Input!$K$15=4,L6680*Input!$J$15,0)+IF(Input!$K$16=4,M6680*Input!$J$16,0)</f>
        <v>0</v>
      </c>
    </row>
    <row r="6681" spans="8:17" x14ac:dyDescent="0.25">
      <c r="H6681" s="43">
        <v>6674</v>
      </c>
      <c r="I6681" s="55">
        <f>Bühler!I6707</f>
        <v>0.33503500564952599</v>
      </c>
      <c r="J6681" s="58">
        <f>Bühler!J6707</f>
        <v>7.1114866402352774</v>
      </c>
      <c r="K6681" s="58">
        <f>Bühler!K6707</f>
        <v>0.54748941561582953</v>
      </c>
      <c r="L6681" s="58">
        <f>Bühler!L6707</f>
        <v>0.27374470780791477</v>
      </c>
      <c r="M6681" s="57">
        <f>Bühler!M6707</f>
        <v>0</v>
      </c>
      <c r="N6681" s="55">
        <f>IF(Input!$K$13=1,J6681*Input!$J$13,0)+IF(Input!$K$14=1,K6681*Input!$J$14,0)+IF(Input!$K$15=1,L6681*Input!$J$15,0)+IF(Input!$K$16=1,M6681*Input!$J$16,0)</f>
        <v>0.85337839682823324</v>
      </c>
      <c r="O6681" s="58">
        <f>IF(Input!$K$13=2,J6681*Input!$J$13,0)+IF(Input!$K$14=2,K6681*Input!$J$14,0)+IF(Input!$K$15=2,L6681*Input!$J$15,0)+IF(Input!$K$16=2,M6681*Input!$J$16,0)</f>
        <v>7.3911071108136994E-2</v>
      </c>
      <c r="P6681" s="58">
        <f>IF(Input!$K$13=3,J6681*Input!$J$13,0)+IF(Input!$K$14=3,K6681*Input!$J$14,0)+IF(Input!$K$15=3,L6681*Input!$J$15,0)+IF(Input!$K$16=3,M6681*Input!$J$16,0)</f>
        <v>0</v>
      </c>
      <c r="Q6681" s="71">
        <f>IF(Input!$K$13=4,J6681*Input!$J$13,0)+IF(Input!$K$14=4,K6681*Input!$J$14,0)+IF(Input!$K$15=4,L6681*Input!$J$15,0)+IF(Input!$K$16=4,M6681*Input!$J$16,0)</f>
        <v>0</v>
      </c>
    </row>
    <row r="6682" spans="8:17" x14ac:dyDescent="0.25">
      <c r="H6682" s="43">
        <v>6675</v>
      </c>
      <c r="I6682" s="55">
        <f>Bühler!I6708</f>
        <v>0.33503500564952599</v>
      </c>
      <c r="J6682" s="58">
        <f>Bühler!J6708</f>
        <v>7.1114866402352774</v>
      </c>
      <c r="K6682" s="58">
        <f>Bühler!K6708</f>
        <v>0.54748941561582953</v>
      </c>
      <c r="L6682" s="58">
        <f>Bühler!L6708</f>
        <v>0.27374470780791477</v>
      </c>
      <c r="M6682" s="57">
        <f>Bühler!M6708</f>
        <v>0</v>
      </c>
      <c r="N6682" s="55">
        <f>IF(Input!$K$13=1,J6682*Input!$J$13,0)+IF(Input!$K$14=1,K6682*Input!$J$14,0)+IF(Input!$K$15=1,L6682*Input!$J$15,0)+IF(Input!$K$16=1,M6682*Input!$J$16,0)</f>
        <v>0.85337839682823324</v>
      </c>
      <c r="O6682" s="58">
        <f>IF(Input!$K$13=2,J6682*Input!$J$13,0)+IF(Input!$K$14=2,K6682*Input!$J$14,0)+IF(Input!$K$15=2,L6682*Input!$J$15,0)+IF(Input!$K$16=2,M6682*Input!$J$16,0)</f>
        <v>7.3911071108136994E-2</v>
      </c>
      <c r="P6682" s="58">
        <f>IF(Input!$K$13=3,J6682*Input!$J$13,0)+IF(Input!$K$14=3,K6682*Input!$J$14,0)+IF(Input!$K$15=3,L6682*Input!$J$15,0)+IF(Input!$K$16=3,M6682*Input!$J$16,0)</f>
        <v>0</v>
      </c>
      <c r="Q6682" s="71">
        <f>IF(Input!$K$13=4,J6682*Input!$J$13,0)+IF(Input!$K$14=4,K6682*Input!$J$14,0)+IF(Input!$K$15=4,L6682*Input!$J$15,0)+IF(Input!$K$16=4,M6682*Input!$J$16,0)</f>
        <v>0</v>
      </c>
    </row>
    <row r="6683" spans="8:17" x14ac:dyDescent="0.25">
      <c r="H6683" s="43">
        <v>6676</v>
      </c>
      <c r="I6683" s="55">
        <f>Bühler!I6709</f>
        <v>0.33503500564952599</v>
      </c>
      <c r="J6683" s="58">
        <f>Bühler!J6709</f>
        <v>7.1114866402352774</v>
      </c>
      <c r="K6683" s="58">
        <f>Bühler!K6709</f>
        <v>0.54748941561582953</v>
      </c>
      <c r="L6683" s="58">
        <f>Bühler!L6709</f>
        <v>0.27374470780791477</v>
      </c>
      <c r="M6683" s="57">
        <f>Bühler!M6709</f>
        <v>0</v>
      </c>
      <c r="N6683" s="55">
        <f>IF(Input!$K$13=1,J6683*Input!$J$13,0)+IF(Input!$K$14=1,K6683*Input!$J$14,0)+IF(Input!$K$15=1,L6683*Input!$J$15,0)+IF(Input!$K$16=1,M6683*Input!$J$16,0)</f>
        <v>0.85337839682823324</v>
      </c>
      <c r="O6683" s="58">
        <f>IF(Input!$K$13=2,J6683*Input!$J$13,0)+IF(Input!$K$14=2,K6683*Input!$J$14,0)+IF(Input!$K$15=2,L6683*Input!$J$15,0)+IF(Input!$K$16=2,M6683*Input!$J$16,0)</f>
        <v>7.3911071108136994E-2</v>
      </c>
      <c r="P6683" s="58">
        <f>IF(Input!$K$13=3,J6683*Input!$J$13,0)+IF(Input!$K$14=3,K6683*Input!$J$14,0)+IF(Input!$K$15=3,L6683*Input!$J$15,0)+IF(Input!$K$16=3,M6683*Input!$J$16,0)</f>
        <v>0</v>
      </c>
      <c r="Q6683" s="71">
        <f>IF(Input!$K$13=4,J6683*Input!$J$13,0)+IF(Input!$K$14=4,K6683*Input!$J$14,0)+IF(Input!$K$15=4,L6683*Input!$J$15,0)+IF(Input!$K$16=4,M6683*Input!$J$16,0)</f>
        <v>0</v>
      </c>
    </row>
    <row r="6684" spans="8:17" x14ac:dyDescent="0.25">
      <c r="H6684" s="43">
        <v>6677</v>
      </c>
      <c r="I6684" s="55">
        <f>Bühler!I6710</f>
        <v>0.33503500564952599</v>
      </c>
      <c r="J6684" s="58">
        <f>Bühler!J6710</f>
        <v>7.1114866402352774</v>
      </c>
      <c r="K6684" s="58">
        <f>Bühler!K6710</f>
        <v>0.54748941561582953</v>
      </c>
      <c r="L6684" s="58">
        <f>Bühler!L6710</f>
        <v>0.27374470780791477</v>
      </c>
      <c r="M6684" s="57">
        <f>Bühler!M6710</f>
        <v>0</v>
      </c>
      <c r="N6684" s="55">
        <f>IF(Input!$K$13=1,J6684*Input!$J$13,0)+IF(Input!$K$14=1,K6684*Input!$J$14,0)+IF(Input!$K$15=1,L6684*Input!$J$15,0)+IF(Input!$K$16=1,M6684*Input!$J$16,0)</f>
        <v>0.85337839682823324</v>
      </c>
      <c r="O6684" s="58">
        <f>IF(Input!$K$13=2,J6684*Input!$J$13,0)+IF(Input!$K$14=2,K6684*Input!$J$14,0)+IF(Input!$K$15=2,L6684*Input!$J$15,0)+IF(Input!$K$16=2,M6684*Input!$J$16,0)</f>
        <v>7.3911071108136994E-2</v>
      </c>
      <c r="P6684" s="58">
        <f>IF(Input!$K$13=3,J6684*Input!$J$13,0)+IF(Input!$K$14=3,K6684*Input!$J$14,0)+IF(Input!$K$15=3,L6684*Input!$J$15,0)+IF(Input!$K$16=3,M6684*Input!$J$16,0)</f>
        <v>0</v>
      </c>
      <c r="Q6684" s="71">
        <f>IF(Input!$K$13=4,J6684*Input!$J$13,0)+IF(Input!$K$14=4,K6684*Input!$J$14,0)+IF(Input!$K$15=4,L6684*Input!$J$15,0)+IF(Input!$K$16=4,M6684*Input!$J$16,0)</f>
        <v>0</v>
      </c>
    </row>
    <row r="6685" spans="8:17" x14ac:dyDescent="0.25">
      <c r="H6685" s="43">
        <v>6678</v>
      </c>
      <c r="I6685" s="55">
        <f>Bühler!I6711</f>
        <v>0.33503500564952599</v>
      </c>
      <c r="J6685" s="58">
        <f>Bühler!J6711</f>
        <v>7.1114866402352774</v>
      </c>
      <c r="K6685" s="58">
        <f>Bühler!K6711</f>
        <v>0.54748941561582953</v>
      </c>
      <c r="L6685" s="58">
        <f>Bühler!L6711</f>
        <v>0.27374470780791477</v>
      </c>
      <c r="M6685" s="57">
        <f>Bühler!M6711</f>
        <v>0</v>
      </c>
      <c r="N6685" s="55">
        <f>IF(Input!$K$13=1,J6685*Input!$J$13,0)+IF(Input!$K$14=1,K6685*Input!$J$14,0)+IF(Input!$K$15=1,L6685*Input!$J$15,0)+IF(Input!$K$16=1,M6685*Input!$J$16,0)</f>
        <v>0.85337839682823324</v>
      </c>
      <c r="O6685" s="58">
        <f>IF(Input!$K$13=2,J6685*Input!$J$13,0)+IF(Input!$K$14=2,K6685*Input!$J$14,0)+IF(Input!$K$15=2,L6685*Input!$J$15,0)+IF(Input!$K$16=2,M6685*Input!$J$16,0)</f>
        <v>7.3911071108136994E-2</v>
      </c>
      <c r="P6685" s="58">
        <f>IF(Input!$K$13=3,J6685*Input!$J$13,0)+IF(Input!$K$14=3,K6685*Input!$J$14,0)+IF(Input!$K$15=3,L6685*Input!$J$15,0)+IF(Input!$K$16=3,M6685*Input!$J$16,0)</f>
        <v>0</v>
      </c>
      <c r="Q6685" s="71">
        <f>IF(Input!$K$13=4,J6685*Input!$J$13,0)+IF(Input!$K$14=4,K6685*Input!$J$14,0)+IF(Input!$K$15=4,L6685*Input!$J$15,0)+IF(Input!$K$16=4,M6685*Input!$J$16,0)</f>
        <v>0</v>
      </c>
    </row>
    <row r="6686" spans="8:17" x14ac:dyDescent="0.25">
      <c r="H6686" s="43">
        <v>6679</v>
      </c>
      <c r="I6686" s="55">
        <f>Bühler!I6712</f>
        <v>0.33503500564952599</v>
      </c>
      <c r="J6686" s="58">
        <f>Bühler!J6712</f>
        <v>7.1114866402352774</v>
      </c>
      <c r="K6686" s="58">
        <f>Bühler!K6712</f>
        <v>0.54748941561582953</v>
      </c>
      <c r="L6686" s="58">
        <f>Bühler!L6712</f>
        <v>0.27374470780791477</v>
      </c>
      <c r="M6686" s="57">
        <f>Bühler!M6712</f>
        <v>0</v>
      </c>
      <c r="N6686" s="55">
        <f>IF(Input!$K$13=1,J6686*Input!$J$13,0)+IF(Input!$K$14=1,K6686*Input!$J$14,0)+IF(Input!$K$15=1,L6686*Input!$J$15,0)+IF(Input!$K$16=1,M6686*Input!$J$16,0)</f>
        <v>0.85337839682823324</v>
      </c>
      <c r="O6686" s="58">
        <f>IF(Input!$K$13=2,J6686*Input!$J$13,0)+IF(Input!$K$14=2,K6686*Input!$J$14,0)+IF(Input!$K$15=2,L6686*Input!$J$15,0)+IF(Input!$K$16=2,M6686*Input!$J$16,0)</f>
        <v>7.3911071108136994E-2</v>
      </c>
      <c r="P6686" s="58">
        <f>IF(Input!$K$13=3,J6686*Input!$J$13,0)+IF(Input!$K$14=3,K6686*Input!$J$14,0)+IF(Input!$K$15=3,L6686*Input!$J$15,0)+IF(Input!$K$16=3,M6686*Input!$J$16,0)</f>
        <v>0</v>
      </c>
      <c r="Q6686" s="71">
        <f>IF(Input!$K$13=4,J6686*Input!$J$13,0)+IF(Input!$K$14=4,K6686*Input!$J$14,0)+IF(Input!$K$15=4,L6686*Input!$J$15,0)+IF(Input!$K$16=4,M6686*Input!$J$16,0)</f>
        <v>0</v>
      </c>
    </row>
    <row r="6687" spans="8:17" x14ac:dyDescent="0.25">
      <c r="H6687" s="43">
        <v>6680</v>
      </c>
      <c r="I6687" s="55">
        <f>Bühler!I6713</f>
        <v>0.90783678950194135</v>
      </c>
      <c r="J6687" s="58">
        <f>Bühler!J6713</f>
        <v>29.732236391623491</v>
      </c>
      <c r="K6687" s="58">
        <f>Bühler!K6713</f>
        <v>2.3323049105234337</v>
      </c>
      <c r="L6687" s="58">
        <f>Bühler!L6713</f>
        <v>1.1661524552617168</v>
      </c>
      <c r="M6687" s="57">
        <f>Bühler!M6713</f>
        <v>0</v>
      </c>
      <c r="N6687" s="55">
        <f>IF(Input!$K$13=1,J6687*Input!$J$13,0)+IF(Input!$K$14=1,K6687*Input!$J$14,0)+IF(Input!$K$15=1,L6687*Input!$J$15,0)+IF(Input!$K$16=1,M6687*Input!$J$16,0)</f>
        <v>3.5678683669948188</v>
      </c>
      <c r="O6687" s="58">
        <f>IF(Input!$K$13=2,J6687*Input!$J$13,0)+IF(Input!$K$14=2,K6687*Input!$J$14,0)+IF(Input!$K$15=2,L6687*Input!$J$15,0)+IF(Input!$K$16=2,M6687*Input!$J$16,0)</f>
        <v>0.31486116292066357</v>
      </c>
      <c r="P6687" s="58">
        <f>IF(Input!$K$13=3,J6687*Input!$J$13,0)+IF(Input!$K$14=3,K6687*Input!$J$14,0)+IF(Input!$K$15=3,L6687*Input!$J$15,0)+IF(Input!$K$16=3,M6687*Input!$J$16,0)</f>
        <v>0</v>
      </c>
      <c r="Q6687" s="71">
        <f>IF(Input!$K$13=4,J6687*Input!$J$13,0)+IF(Input!$K$14=4,K6687*Input!$J$14,0)+IF(Input!$K$15=4,L6687*Input!$J$15,0)+IF(Input!$K$16=4,M6687*Input!$J$16,0)</f>
        <v>0</v>
      </c>
    </row>
    <row r="6688" spans="8:17" x14ac:dyDescent="0.25">
      <c r="H6688" s="43">
        <v>6681</v>
      </c>
      <c r="I6688" s="55">
        <f>Bühler!I6714</f>
        <v>1.1347959868774267</v>
      </c>
      <c r="J6688" s="58">
        <f>Bühler!J6714</f>
        <v>37.165295489529356</v>
      </c>
      <c r="K6688" s="58">
        <f>Bühler!K6714</f>
        <v>2.9153811381542916</v>
      </c>
      <c r="L6688" s="58">
        <f>Bühler!L6714</f>
        <v>1.4576905690771458</v>
      </c>
      <c r="M6688" s="57">
        <f>Bühler!M6714</f>
        <v>0</v>
      </c>
      <c r="N6688" s="55">
        <f>IF(Input!$K$13=1,J6688*Input!$J$13,0)+IF(Input!$K$14=1,K6688*Input!$J$14,0)+IF(Input!$K$15=1,L6688*Input!$J$15,0)+IF(Input!$K$16=1,M6688*Input!$J$16,0)</f>
        <v>4.4598354587435223</v>
      </c>
      <c r="O6688" s="58">
        <f>IF(Input!$K$13=2,J6688*Input!$J$13,0)+IF(Input!$K$14=2,K6688*Input!$J$14,0)+IF(Input!$K$15=2,L6688*Input!$J$15,0)+IF(Input!$K$16=2,M6688*Input!$J$16,0)</f>
        <v>0.39357645365082938</v>
      </c>
      <c r="P6688" s="58">
        <f>IF(Input!$K$13=3,J6688*Input!$J$13,0)+IF(Input!$K$14=3,K6688*Input!$J$14,0)+IF(Input!$K$15=3,L6688*Input!$J$15,0)+IF(Input!$K$16=3,M6688*Input!$J$16,0)</f>
        <v>0</v>
      </c>
      <c r="Q6688" s="71">
        <f>IF(Input!$K$13=4,J6688*Input!$J$13,0)+IF(Input!$K$14=4,K6688*Input!$J$14,0)+IF(Input!$K$15=4,L6688*Input!$J$15,0)+IF(Input!$K$16=4,M6688*Input!$J$16,0)</f>
        <v>0</v>
      </c>
    </row>
    <row r="6689" spans="8:17" x14ac:dyDescent="0.25">
      <c r="H6689" s="43">
        <v>6682</v>
      </c>
      <c r="I6689" s="55">
        <f>Bühler!I6715</f>
        <v>1.2482755855651693</v>
      </c>
      <c r="J6689" s="58">
        <f>Bühler!J6715</f>
        <v>40.881825038482297</v>
      </c>
      <c r="K6689" s="58">
        <f>Bühler!K6715</f>
        <v>3.2069192519697212</v>
      </c>
      <c r="L6689" s="58">
        <f>Bühler!L6715</f>
        <v>1.6034596259848606</v>
      </c>
      <c r="M6689" s="57">
        <f>Bühler!M6715</f>
        <v>0</v>
      </c>
      <c r="N6689" s="55">
        <f>IF(Input!$K$13=1,J6689*Input!$J$13,0)+IF(Input!$K$14=1,K6689*Input!$J$14,0)+IF(Input!$K$15=1,L6689*Input!$J$15,0)+IF(Input!$K$16=1,M6689*Input!$J$16,0)</f>
        <v>4.9058190046178751</v>
      </c>
      <c r="O6689" s="58">
        <f>IF(Input!$K$13=2,J6689*Input!$J$13,0)+IF(Input!$K$14=2,K6689*Input!$J$14,0)+IF(Input!$K$15=2,L6689*Input!$J$15,0)+IF(Input!$K$16=2,M6689*Input!$J$16,0)</f>
        <v>0.43293409901591234</v>
      </c>
      <c r="P6689" s="58">
        <f>IF(Input!$K$13=3,J6689*Input!$J$13,0)+IF(Input!$K$14=3,K6689*Input!$J$14,0)+IF(Input!$K$15=3,L6689*Input!$J$15,0)+IF(Input!$K$16=3,M6689*Input!$J$16,0)</f>
        <v>0</v>
      </c>
      <c r="Q6689" s="71">
        <f>IF(Input!$K$13=4,J6689*Input!$J$13,0)+IF(Input!$K$14=4,K6689*Input!$J$14,0)+IF(Input!$K$15=4,L6689*Input!$J$15,0)+IF(Input!$K$16=4,M6689*Input!$J$16,0)</f>
        <v>0</v>
      </c>
    </row>
    <row r="6690" spans="8:17" x14ac:dyDescent="0.25">
      <c r="H6690" s="43">
        <v>6683</v>
      </c>
      <c r="I6690" s="55">
        <f>Bühler!I6716</f>
        <v>1.2482755855651693</v>
      </c>
      <c r="J6690" s="58">
        <f>Bühler!J6716</f>
        <v>40.881825038482297</v>
      </c>
      <c r="K6690" s="58">
        <f>Bühler!K6716</f>
        <v>3.2069192519697212</v>
      </c>
      <c r="L6690" s="58">
        <f>Bühler!L6716</f>
        <v>1.6034596259848606</v>
      </c>
      <c r="M6690" s="57">
        <f>Bühler!M6716</f>
        <v>0</v>
      </c>
      <c r="N6690" s="55">
        <f>IF(Input!$K$13=1,J6690*Input!$J$13,0)+IF(Input!$K$14=1,K6690*Input!$J$14,0)+IF(Input!$K$15=1,L6690*Input!$J$15,0)+IF(Input!$K$16=1,M6690*Input!$J$16,0)</f>
        <v>4.9058190046178751</v>
      </c>
      <c r="O6690" s="58">
        <f>IF(Input!$K$13=2,J6690*Input!$J$13,0)+IF(Input!$K$14=2,K6690*Input!$J$14,0)+IF(Input!$K$15=2,L6690*Input!$J$15,0)+IF(Input!$K$16=2,M6690*Input!$J$16,0)</f>
        <v>0.43293409901591234</v>
      </c>
      <c r="P6690" s="58">
        <f>IF(Input!$K$13=3,J6690*Input!$J$13,0)+IF(Input!$K$14=3,K6690*Input!$J$14,0)+IF(Input!$K$15=3,L6690*Input!$J$15,0)+IF(Input!$K$16=3,M6690*Input!$J$16,0)</f>
        <v>0</v>
      </c>
      <c r="Q6690" s="71">
        <f>IF(Input!$K$13=4,J6690*Input!$J$13,0)+IF(Input!$K$14=4,K6690*Input!$J$14,0)+IF(Input!$K$15=4,L6690*Input!$J$15,0)+IF(Input!$K$16=4,M6690*Input!$J$16,0)</f>
        <v>0</v>
      </c>
    </row>
    <row r="6691" spans="8:17" x14ac:dyDescent="0.25">
      <c r="H6691" s="43">
        <v>6684</v>
      </c>
      <c r="I6691" s="55">
        <f>Bühler!I6717</f>
        <v>1.4752347829406545</v>
      </c>
      <c r="J6691" s="58">
        <f>Bühler!J6717</f>
        <v>48.314884136388166</v>
      </c>
      <c r="K6691" s="58">
        <f>Bühler!K6717</f>
        <v>3.789995479600579</v>
      </c>
      <c r="L6691" s="58">
        <f>Bühler!L6717</f>
        <v>1.8949977398002895</v>
      </c>
      <c r="M6691" s="57">
        <f>Bühler!M6717</f>
        <v>0</v>
      </c>
      <c r="N6691" s="55">
        <f>IF(Input!$K$13=1,J6691*Input!$J$13,0)+IF(Input!$K$14=1,K6691*Input!$J$14,0)+IF(Input!$K$15=1,L6691*Input!$J$15,0)+IF(Input!$K$16=1,M6691*Input!$J$16,0)</f>
        <v>5.7977860963665799</v>
      </c>
      <c r="O6691" s="58">
        <f>IF(Input!$K$13=2,J6691*Input!$J$13,0)+IF(Input!$K$14=2,K6691*Input!$J$14,0)+IF(Input!$K$15=2,L6691*Input!$J$15,0)+IF(Input!$K$16=2,M6691*Input!$J$16,0)</f>
        <v>0.5116493897460781</v>
      </c>
      <c r="P6691" s="58">
        <f>IF(Input!$K$13=3,J6691*Input!$J$13,0)+IF(Input!$K$14=3,K6691*Input!$J$14,0)+IF(Input!$K$15=3,L6691*Input!$J$15,0)+IF(Input!$K$16=3,M6691*Input!$J$16,0)</f>
        <v>0</v>
      </c>
      <c r="Q6691" s="71">
        <f>IF(Input!$K$13=4,J6691*Input!$J$13,0)+IF(Input!$K$14=4,K6691*Input!$J$14,0)+IF(Input!$K$15=4,L6691*Input!$J$15,0)+IF(Input!$K$16=4,M6691*Input!$J$16,0)</f>
        <v>0</v>
      </c>
    </row>
    <row r="6692" spans="8:17" x14ac:dyDescent="0.25">
      <c r="H6692" s="43">
        <v>6685</v>
      </c>
      <c r="I6692" s="55">
        <f>Bühler!I6718</f>
        <v>1.4752347829406545</v>
      </c>
      <c r="J6692" s="58">
        <f>Bühler!J6718</f>
        <v>48.314884136388166</v>
      </c>
      <c r="K6692" s="58">
        <f>Bühler!K6718</f>
        <v>3.789995479600579</v>
      </c>
      <c r="L6692" s="58">
        <f>Bühler!L6718</f>
        <v>1.8949977398002895</v>
      </c>
      <c r="M6692" s="57">
        <f>Bühler!M6718</f>
        <v>0</v>
      </c>
      <c r="N6692" s="55">
        <f>IF(Input!$K$13=1,J6692*Input!$J$13,0)+IF(Input!$K$14=1,K6692*Input!$J$14,0)+IF(Input!$K$15=1,L6692*Input!$J$15,0)+IF(Input!$K$16=1,M6692*Input!$J$16,0)</f>
        <v>5.7977860963665799</v>
      </c>
      <c r="O6692" s="58">
        <f>IF(Input!$K$13=2,J6692*Input!$J$13,0)+IF(Input!$K$14=2,K6692*Input!$J$14,0)+IF(Input!$K$15=2,L6692*Input!$J$15,0)+IF(Input!$K$16=2,M6692*Input!$J$16,0)</f>
        <v>0.5116493897460781</v>
      </c>
      <c r="P6692" s="58">
        <f>IF(Input!$K$13=3,J6692*Input!$J$13,0)+IF(Input!$K$14=3,K6692*Input!$J$14,0)+IF(Input!$K$15=3,L6692*Input!$J$15,0)+IF(Input!$K$16=3,M6692*Input!$J$16,0)</f>
        <v>0</v>
      </c>
      <c r="Q6692" s="71">
        <f>IF(Input!$K$13=4,J6692*Input!$J$13,0)+IF(Input!$K$14=4,K6692*Input!$J$14,0)+IF(Input!$K$15=4,L6692*Input!$J$15,0)+IF(Input!$K$16=4,M6692*Input!$J$16,0)</f>
        <v>0</v>
      </c>
    </row>
    <row r="6693" spans="8:17" x14ac:dyDescent="0.25">
      <c r="H6693" s="43">
        <v>6686</v>
      </c>
      <c r="I6693" s="55">
        <f>Bühler!I6719</f>
        <v>1.0213163881896843</v>
      </c>
      <c r="J6693" s="58">
        <f>Bühler!J6719</f>
        <v>33.448765940576422</v>
      </c>
      <c r="K6693" s="58">
        <f>Bühler!K6719</f>
        <v>2.6238430243388629</v>
      </c>
      <c r="L6693" s="58">
        <f>Bühler!L6719</f>
        <v>1.3119215121694314</v>
      </c>
      <c r="M6693" s="57">
        <f>Bühler!M6719</f>
        <v>0</v>
      </c>
      <c r="N6693" s="55">
        <f>IF(Input!$K$13=1,J6693*Input!$J$13,0)+IF(Input!$K$14=1,K6693*Input!$J$14,0)+IF(Input!$K$15=1,L6693*Input!$J$15,0)+IF(Input!$K$16=1,M6693*Input!$J$16,0)</f>
        <v>4.0138519128691703</v>
      </c>
      <c r="O6693" s="58">
        <f>IF(Input!$K$13=2,J6693*Input!$J$13,0)+IF(Input!$K$14=2,K6693*Input!$J$14,0)+IF(Input!$K$15=2,L6693*Input!$J$15,0)+IF(Input!$K$16=2,M6693*Input!$J$16,0)</f>
        <v>0.35421880828574648</v>
      </c>
      <c r="P6693" s="58">
        <f>IF(Input!$K$13=3,J6693*Input!$J$13,0)+IF(Input!$K$14=3,K6693*Input!$J$14,0)+IF(Input!$K$15=3,L6693*Input!$J$15,0)+IF(Input!$K$16=3,M6693*Input!$J$16,0)</f>
        <v>0</v>
      </c>
      <c r="Q6693" s="71">
        <f>IF(Input!$K$13=4,J6693*Input!$J$13,0)+IF(Input!$K$14=4,K6693*Input!$J$14,0)+IF(Input!$K$15=4,L6693*Input!$J$15,0)+IF(Input!$K$16=4,M6693*Input!$J$16,0)</f>
        <v>0</v>
      </c>
    </row>
    <row r="6694" spans="8:17" x14ac:dyDescent="0.25">
      <c r="H6694" s="43">
        <v>6687</v>
      </c>
      <c r="I6694" s="55">
        <f>Bühler!I6720</f>
        <v>1.4752347829406545</v>
      </c>
      <c r="J6694" s="58">
        <f>Bühler!J6720</f>
        <v>48.314884136388166</v>
      </c>
      <c r="K6694" s="58">
        <f>Bühler!K6720</f>
        <v>3.789995479600579</v>
      </c>
      <c r="L6694" s="58">
        <f>Bühler!L6720</f>
        <v>1.8949977398002895</v>
      </c>
      <c r="M6694" s="57">
        <f>Bühler!M6720</f>
        <v>0</v>
      </c>
      <c r="N6694" s="55">
        <f>IF(Input!$K$13=1,J6694*Input!$J$13,0)+IF(Input!$K$14=1,K6694*Input!$J$14,0)+IF(Input!$K$15=1,L6694*Input!$J$15,0)+IF(Input!$K$16=1,M6694*Input!$J$16,0)</f>
        <v>5.7977860963665799</v>
      </c>
      <c r="O6694" s="58">
        <f>IF(Input!$K$13=2,J6694*Input!$J$13,0)+IF(Input!$K$14=2,K6694*Input!$J$14,0)+IF(Input!$K$15=2,L6694*Input!$J$15,0)+IF(Input!$K$16=2,M6694*Input!$J$16,0)</f>
        <v>0.5116493897460781</v>
      </c>
      <c r="P6694" s="58">
        <f>IF(Input!$K$13=3,J6694*Input!$J$13,0)+IF(Input!$K$14=3,K6694*Input!$J$14,0)+IF(Input!$K$15=3,L6694*Input!$J$15,0)+IF(Input!$K$16=3,M6694*Input!$J$16,0)</f>
        <v>0</v>
      </c>
      <c r="Q6694" s="71">
        <f>IF(Input!$K$13=4,J6694*Input!$J$13,0)+IF(Input!$K$14=4,K6694*Input!$J$14,0)+IF(Input!$K$15=4,L6694*Input!$J$15,0)+IF(Input!$K$16=4,M6694*Input!$J$16,0)</f>
        <v>0</v>
      </c>
    </row>
    <row r="6695" spans="8:17" x14ac:dyDescent="0.25">
      <c r="H6695" s="43">
        <v>6688</v>
      </c>
      <c r="I6695" s="55">
        <f>Bühler!I6721</f>
        <v>1.2482755855651693</v>
      </c>
      <c r="J6695" s="58">
        <f>Bühler!J6721</f>
        <v>37.288231721441079</v>
      </c>
      <c r="K6695" s="58">
        <f>Bühler!K6721</f>
        <v>2.9153811381542916</v>
      </c>
      <c r="L6695" s="58">
        <f>Bühler!L6721</f>
        <v>1.4576905690771458</v>
      </c>
      <c r="M6695" s="57">
        <f>Bühler!M6721</f>
        <v>0</v>
      </c>
      <c r="N6695" s="55">
        <f>IF(Input!$K$13=1,J6695*Input!$J$13,0)+IF(Input!$K$14=1,K6695*Input!$J$14,0)+IF(Input!$K$15=1,L6695*Input!$J$15,0)+IF(Input!$K$16=1,M6695*Input!$J$16,0)</f>
        <v>4.474587806572929</v>
      </c>
      <c r="O6695" s="58">
        <f>IF(Input!$K$13=2,J6695*Input!$J$13,0)+IF(Input!$K$14=2,K6695*Input!$J$14,0)+IF(Input!$K$15=2,L6695*Input!$J$15,0)+IF(Input!$K$16=2,M6695*Input!$J$16,0)</f>
        <v>0.39357645365082938</v>
      </c>
      <c r="P6695" s="58">
        <f>IF(Input!$K$13=3,J6695*Input!$J$13,0)+IF(Input!$K$14=3,K6695*Input!$J$14,0)+IF(Input!$K$15=3,L6695*Input!$J$15,0)+IF(Input!$K$16=3,M6695*Input!$J$16,0)</f>
        <v>0</v>
      </c>
      <c r="Q6695" s="71">
        <f>IF(Input!$K$13=4,J6695*Input!$J$13,0)+IF(Input!$K$14=4,K6695*Input!$J$14,0)+IF(Input!$K$15=4,L6695*Input!$J$15,0)+IF(Input!$K$16=4,M6695*Input!$J$16,0)</f>
        <v>0</v>
      </c>
    </row>
    <row r="6696" spans="8:17" x14ac:dyDescent="0.25">
      <c r="H6696" s="43">
        <v>6689</v>
      </c>
      <c r="I6696" s="55">
        <f>Bühler!I6722</f>
        <v>1.0807580827404064</v>
      </c>
      <c r="J6696" s="58">
        <f>Bühler!J6722</f>
        <v>18.042151383256169</v>
      </c>
      <c r="K6696" s="58">
        <f>Bühler!K6722</f>
        <v>1.3687235390395738</v>
      </c>
      <c r="L6696" s="58">
        <f>Bühler!L6722</f>
        <v>0.68436176951978689</v>
      </c>
      <c r="M6696" s="57">
        <f>Bühler!M6722</f>
        <v>0</v>
      </c>
      <c r="N6696" s="55">
        <f>IF(Input!$K$13=1,J6696*Input!$J$13,0)+IF(Input!$K$14=1,K6696*Input!$J$14,0)+IF(Input!$K$15=1,L6696*Input!$J$15,0)+IF(Input!$K$16=1,M6696*Input!$J$16,0)</f>
        <v>2.16505816599074</v>
      </c>
      <c r="O6696" s="58">
        <f>IF(Input!$K$13=2,J6696*Input!$J$13,0)+IF(Input!$K$14=2,K6696*Input!$J$14,0)+IF(Input!$K$15=2,L6696*Input!$J$15,0)+IF(Input!$K$16=2,M6696*Input!$J$16,0)</f>
        <v>0.18477767777034246</v>
      </c>
      <c r="P6696" s="58">
        <f>IF(Input!$K$13=3,J6696*Input!$J$13,0)+IF(Input!$K$14=3,K6696*Input!$J$14,0)+IF(Input!$K$15=3,L6696*Input!$J$15,0)+IF(Input!$K$16=3,M6696*Input!$J$16,0)</f>
        <v>0</v>
      </c>
      <c r="Q6696" s="71">
        <f>IF(Input!$K$13=4,J6696*Input!$J$13,0)+IF(Input!$K$14=4,K6696*Input!$J$14,0)+IF(Input!$K$15=4,L6696*Input!$J$15,0)+IF(Input!$K$16=4,M6696*Input!$J$16,0)</f>
        <v>0</v>
      </c>
    </row>
    <row r="6697" spans="8:17" x14ac:dyDescent="0.25">
      <c r="H6697" s="43">
        <v>6690</v>
      </c>
      <c r="I6697" s="55">
        <f>Bühler!I6723</f>
        <v>0.90783678950194135</v>
      </c>
      <c r="J6697" s="58">
        <f>Bühler!J6723</f>
        <v>12.118567739083449</v>
      </c>
      <c r="K6697" s="58">
        <f>Bühler!K6723</f>
        <v>0.90335753576611855</v>
      </c>
      <c r="L6697" s="58">
        <f>Bühler!L6723</f>
        <v>0.45167876788305927</v>
      </c>
      <c r="M6697" s="57">
        <f>Bühler!M6723</f>
        <v>0</v>
      </c>
      <c r="N6697" s="55">
        <f>IF(Input!$K$13=1,J6697*Input!$J$13,0)+IF(Input!$K$14=1,K6697*Input!$J$14,0)+IF(Input!$K$15=1,L6697*Input!$J$15,0)+IF(Input!$K$16=1,M6697*Input!$J$16,0)</f>
        <v>1.4542281286900138</v>
      </c>
      <c r="O6697" s="58">
        <f>IF(Input!$K$13=2,J6697*Input!$J$13,0)+IF(Input!$K$14=2,K6697*Input!$J$14,0)+IF(Input!$K$15=2,L6697*Input!$J$15,0)+IF(Input!$K$16=2,M6697*Input!$J$16,0)</f>
        <v>0.121953267328426</v>
      </c>
      <c r="P6697" s="58">
        <f>IF(Input!$K$13=3,J6697*Input!$J$13,0)+IF(Input!$K$14=3,K6697*Input!$J$14,0)+IF(Input!$K$15=3,L6697*Input!$J$15,0)+IF(Input!$K$16=3,M6697*Input!$J$16,0)</f>
        <v>0</v>
      </c>
      <c r="Q6697" s="71">
        <f>IF(Input!$K$13=4,J6697*Input!$J$13,0)+IF(Input!$K$14=4,K6697*Input!$J$14,0)+IF(Input!$K$15=4,L6697*Input!$J$15,0)+IF(Input!$K$16=4,M6697*Input!$J$16,0)</f>
        <v>0</v>
      </c>
    </row>
    <row r="6698" spans="8:17" x14ac:dyDescent="0.25">
      <c r="H6698" s="43">
        <v>6691</v>
      </c>
      <c r="I6698" s="55">
        <f>Bühler!I6724</f>
        <v>0.33503500564952599</v>
      </c>
      <c r="J6698" s="58">
        <f>Bühler!J6724</f>
        <v>7.4489132427743572</v>
      </c>
      <c r="K6698" s="58">
        <f>Bühler!K6724</f>
        <v>0.57486388639662089</v>
      </c>
      <c r="L6698" s="58">
        <f>Bühler!L6724</f>
        <v>0.28743194319831045</v>
      </c>
      <c r="M6698" s="57">
        <f>Bühler!M6724</f>
        <v>0</v>
      </c>
      <c r="N6698" s="55">
        <f>IF(Input!$K$13=1,J6698*Input!$J$13,0)+IF(Input!$K$14=1,K6698*Input!$J$14,0)+IF(Input!$K$15=1,L6698*Input!$J$15,0)+IF(Input!$K$16=1,M6698*Input!$J$16,0)</f>
        <v>0.8938695891329228</v>
      </c>
      <c r="O6698" s="58">
        <f>IF(Input!$K$13=2,J6698*Input!$J$13,0)+IF(Input!$K$14=2,K6698*Input!$J$14,0)+IF(Input!$K$15=2,L6698*Input!$J$15,0)+IF(Input!$K$16=2,M6698*Input!$J$16,0)</f>
        <v>7.7606624663543816E-2</v>
      </c>
      <c r="P6698" s="58">
        <f>IF(Input!$K$13=3,J6698*Input!$J$13,0)+IF(Input!$K$14=3,K6698*Input!$J$14,0)+IF(Input!$K$15=3,L6698*Input!$J$15,0)+IF(Input!$K$16=3,M6698*Input!$J$16,0)</f>
        <v>0</v>
      </c>
      <c r="Q6698" s="71">
        <f>IF(Input!$K$13=4,J6698*Input!$J$13,0)+IF(Input!$K$14=4,K6698*Input!$J$14,0)+IF(Input!$K$15=4,L6698*Input!$J$15,0)+IF(Input!$K$16=4,M6698*Input!$J$16,0)</f>
        <v>0</v>
      </c>
    </row>
    <row r="6699" spans="8:17" x14ac:dyDescent="0.25">
      <c r="H6699" s="43">
        <v>6692</v>
      </c>
      <c r="I6699" s="55">
        <f>Bühler!I6725</f>
        <v>0.33503500564952599</v>
      </c>
      <c r="J6699" s="58">
        <f>Bühler!J6725</f>
        <v>7.1114866402352774</v>
      </c>
      <c r="K6699" s="58">
        <f>Bühler!K6725</f>
        <v>0.54748941561582953</v>
      </c>
      <c r="L6699" s="58">
        <f>Bühler!L6725</f>
        <v>0.27374470780791477</v>
      </c>
      <c r="M6699" s="57">
        <f>Bühler!M6725</f>
        <v>0</v>
      </c>
      <c r="N6699" s="55">
        <f>IF(Input!$K$13=1,J6699*Input!$J$13,0)+IF(Input!$K$14=1,K6699*Input!$J$14,0)+IF(Input!$K$15=1,L6699*Input!$J$15,0)+IF(Input!$K$16=1,M6699*Input!$J$16,0)</f>
        <v>0.85337839682823324</v>
      </c>
      <c r="O6699" s="58">
        <f>IF(Input!$K$13=2,J6699*Input!$J$13,0)+IF(Input!$K$14=2,K6699*Input!$J$14,0)+IF(Input!$K$15=2,L6699*Input!$J$15,0)+IF(Input!$K$16=2,M6699*Input!$J$16,0)</f>
        <v>7.3911071108136994E-2</v>
      </c>
      <c r="P6699" s="58">
        <f>IF(Input!$K$13=3,J6699*Input!$J$13,0)+IF(Input!$K$14=3,K6699*Input!$J$14,0)+IF(Input!$K$15=3,L6699*Input!$J$15,0)+IF(Input!$K$16=3,M6699*Input!$J$16,0)</f>
        <v>0</v>
      </c>
      <c r="Q6699" s="71">
        <f>IF(Input!$K$13=4,J6699*Input!$J$13,0)+IF(Input!$K$14=4,K6699*Input!$J$14,0)+IF(Input!$K$15=4,L6699*Input!$J$15,0)+IF(Input!$K$16=4,M6699*Input!$J$16,0)</f>
        <v>0</v>
      </c>
    </row>
    <row r="6700" spans="8:17" x14ac:dyDescent="0.25">
      <c r="H6700" s="43">
        <v>6693</v>
      </c>
      <c r="I6700" s="55">
        <f>Bühler!I6726</f>
        <v>0.33503500564952599</v>
      </c>
      <c r="J6700" s="58">
        <f>Bühler!J6726</f>
        <v>7.1114866402352774</v>
      </c>
      <c r="K6700" s="58">
        <f>Bühler!K6726</f>
        <v>0.54748941561582953</v>
      </c>
      <c r="L6700" s="58">
        <f>Bühler!L6726</f>
        <v>0.27374470780791477</v>
      </c>
      <c r="M6700" s="57">
        <f>Bühler!M6726</f>
        <v>0</v>
      </c>
      <c r="N6700" s="55">
        <f>IF(Input!$K$13=1,J6700*Input!$J$13,0)+IF(Input!$K$14=1,K6700*Input!$J$14,0)+IF(Input!$K$15=1,L6700*Input!$J$15,0)+IF(Input!$K$16=1,M6700*Input!$J$16,0)</f>
        <v>0.85337839682823324</v>
      </c>
      <c r="O6700" s="58">
        <f>IF(Input!$K$13=2,J6700*Input!$J$13,0)+IF(Input!$K$14=2,K6700*Input!$J$14,0)+IF(Input!$K$15=2,L6700*Input!$J$15,0)+IF(Input!$K$16=2,M6700*Input!$J$16,0)</f>
        <v>7.3911071108136994E-2</v>
      </c>
      <c r="P6700" s="58">
        <f>IF(Input!$K$13=3,J6700*Input!$J$13,0)+IF(Input!$K$14=3,K6700*Input!$J$14,0)+IF(Input!$K$15=3,L6700*Input!$J$15,0)+IF(Input!$K$16=3,M6700*Input!$J$16,0)</f>
        <v>0</v>
      </c>
      <c r="Q6700" s="71">
        <f>IF(Input!$K$13=4,J6700*Input!$J$13,0)+IF(Input!$K$14=4,K6700*Input!$J$14,0)+IF(Input!$K$15=4,L6700*Input!$J$15,0)+IF(Input!$K$16=4,M6700*Input!$J$16,0)</f>
        <v>0</v>
      </c>
    </row>
    <row r="6701" spans="8:17" x14ac:dyDescent="0.25">
      <c r="H6701" s="43">
        <v>6694</v>
      </c>
      <c r="I6701" s="55">
        <f>Bühler!I6727</f>
        <v>0.33503500564952599</v>
      </c>
      <c r="J6701" s="58">
        <f>Bühler!J6727</f>
        <v>7.1114866402352774</v>
      </c>
      <c r="K6701" s="58">
        <f>Bühler!K6727</f>
        <v>0.54748941561582953</v>
      </c>
      <c r="L6701" s="58">
        <f>Bühler!L6727</f>
        <v>0.27374470780791477</v>
      </c>
      <c r="M6701" s="57">
        <f>Bühler!M6727</f>
        <v>0</v>
      </c>
      <c r="N6701" s="55">
        <f>IF(Input!$K$13=1,J6701*Input!$J$13,0)+IF(Input!$K$14=1,K6701*Input!$J$14,0)+IF(Input!$K$15=1,L6701*Input!$J$15,0)+IF(Input!$K$16=1,M6701*Input!$J$16,0)</f>
        <v>0.85337839682823324</v>
      </c>
      <c r="O6701" s="58">
        <f>IF(Input!$K$13=2,J6701*Input!$J$13,0)+IF(Input!$K$14=2,K6701*Input!$J$14,0)+IF(Input!$K$15=2,L6701*Input!$J$15,0)+IF(Input!$K$16=2,M6701*Input!$J$16,0)</f>
        <v>7.3911071108136994E-2</v>
      </c>
      <c r="P6701" s="58">
        <f>IF(Input!$K$13=3,J6701*Input!$J$13,0)+IF(Input!$K$14=3,K6701*Input!$J$14,0)+IF(Input!$K$15=3,L6701*Input!$J$15,0)+IF(Input!$K$16=3,M6701*Input!$J$16,0)</f>
        <v>0</v>
      </c>
      <c r="Q6701" s="71">
        <f>IF(Input!$K$13=4,J6701*Input!$J$13,0)+IF(Input!$K$14=4,K6701*Input!$J$14,0)+IF(Input!$K$15=4,L6701*Input!$J$15,0)+IF(Input!$K$16=4,M6701*Input!$J$16,0)</f>
        <v>0</v>
      </c>
    </row>
    <row r="6702" spans="8:17" x14ac:dyDescent="0.25">
      <c r="H6702" s="43">
        <v>6695</v>
      </c>
      <c r="I6702" s="55">
        <f>Bühler!I6728</f>
        <v>0.33503500564952599</v>
      </c>
      <c r="J6702" s="58">
        <f>Bühler!J6728</f>
        <v>7.1114866402352774</v>
      </c>
      <c r="K6702" s="58">
        <f>Bühler!K6728</f>
        <v>0.54748941561582953</v>
      </c>
      <c r="L6702" s="58">
        <f>Bühler!L6728</f>
        <v>0.27374470780791477</v>
      </c>
      <c r="M6702" s="57">
        <f>Bühler!M6728</f>
        <v>0</v>
      </c>
      <c r="N6702" s="55">
        <f>IF(Input!$K$13=1,J6702*Input!$J$13,0)+IF(Input!$K$14=1,K6702*Input!$J$14,0)+IF(Input!$K$15=1,L6702*Input!$J$15,0)+IF(Input!$K$16=1,M6702*Input!$J$16,0)</f>
        <v>0.85337839682823324</v>
      </c>
      <c r="O6702" s="58">
        <f>IF(Input!$K$13=2,J6702*Input!$J$13,0)+IF(Input!$K$14=2,K6702*Input!$J$14,0)+IF(Input!$K$15=2,L6702*Input!$J$15,0)+IF(Input!$K$16=2,M6702*Input!$J$16,0)</f>
        <v>7.3911071108136994E-2</v>
      </c>
      <c r="P6702" s="58">
        <f>IF(Input!$K$13=3,J6702*Input!$J$13,0)+IF(Input!$K$14=3,K6702*Input!$J$14,0)+IF(Input!$K$15=3,L6702*Input!$J$15,0)+IF(Input!$K$16=3,M6702*Input!$J$16,0)</f>
        <v>0</v>
      </c>
      <c r="Q6702" s="71">
        <f>IF(Input!$K$13=4,J6702*Input!$J$13,0)+IF(Input!$K$14=4,K6702*Input!$J$14,0)+IF(Input!$K$15=4,L6702*Input!$J$15,0)+IF(Input!$K$16=4,M6702*Input!$J$16,0)</f>
        <v>0</v>
      </c>
    </row>
    <row r="6703" spans="8:17" x14ac:dyDescent="0.25">
      <c r="H6703" s="43">
        <v>6696</v>
      </c>
      <c r="I6703" s="55">
        <f>Bühler!I6729</f>
        <v>0.33503500564952599</v>
      </c>
      <c r="J6703" s="58">
        <f>Bühler!J6729</f>
        <v>7.1114866402352774</v>
      </c>
      <c r="K6703" s="58">
        <f>Bühler!K6729</f>
        <v>0.54748941561582953</v>
      </c>
      <c r="L6703" s="58">
        <f>Bühler!L6729</f>
        <v>0.27374470780791477</v>
      </c>
      <c r="M6703" s="57">
        <f>Bühler!M6729</f>
        <v>0</v>
      </c>
      <c r="N6703" s="55">
        <f>IF(Input!$K$13=1,J6703*Input!$J$13,0)+IF(Input!$K$14=1,K6703*Input!$J$14,0)+IF(Input!$K$15=1,L6703*Input!$J$15,0)+IF(Input!$K$16=1,M6703*Input!$J$16,0)</f>
        <v>0.85337839682823324</v>
      </c>
      <c r="O6703" s="58">
        <f>IF(Input!$K$13=2,J6703*Input!$J$13,0)+IF(Input!$K$14=2,K6703*Input!$J$14,0)+IF(Input!$K$15=2,L6703*Input!$J$15,0)+IF(Input!$K$16=2,M6703*Input!$J$16,0)</f>
        <v>7.3911071108136994E-2</v>
      </c>
      <c r="P6703" s="58">
        <f>IF(Input!$K$13=3,J6703*Input!$J$13,0)+IF(Input!$K$14=3,K6703*Input!$J$14,0)+IF(Input!$K$15=3,L6703*Input!$J$15,0)+IF(Input!$K$16=3,M6703*Input!$J$16,0)</f>
        <v>0</v>
      </c>
      <c r="Q6703" s="71">
        <f>IF(Input!$K$13=4,J6703*Input!$J$13,0)+IF(Input!$K$14=4,K6703*Input!$J$14,0)+IF(Input!$K$15=4,L6703*Input!$J$15,0)+IF(Input!$K$16=4,M6703*Input!$J$16,0)</f>
        <v>0</v>
      </c>
    </row>
    <row r="6704" spans="8:17" x14ac:dyDescent="0.25">
      <c r="H6704" s="43">
        <v>6697</v>
      </c>
      <c r="I6704" s="55">
        <f>Bühler!I6730</f>
        <v>0.16125980783771468</v>
      </c>
      <c r="J6704" s="58">
        <f>Bühler!J6730</f>
        <v>4.9562090937324106</v>
      </c>
      <c r="K6704" s="58">
        <f>Bühler!K6730</f>
        <v>0.24351877719720638</v>
      </c>
      <c r="L6704" s="58">
        <f>Bühler!L6730</f>
        <v>0.12175938859860319</v>
      </c>
      <c r="M6704" s="57">
        <f>Bühler!M6730</f>
        <v>0</v>
      </c>
      <c r="N6704" s="55">
        <f>IF(Input!$K$13=1,J6704*Input!$J$13,0)+IF(Input!$K$14=1,K6704*Input!$J$14,0)+IF(Input!$K$15=1,L6704*Input!$J$15,0)+IF(Input!$K$16=1,M6704*Input!$J$16,0)</f>
        <v>0.59474509124788921</v>
      </c>
      <c r="O6704" s="58">
        <f>IF(Input!$K$13=2,J6704*Input!$J$13,0)+IF(Input!$K$14=2,K6704*Input!$J$14,0)+IF(Input!$K$15=2,L6704*Input!$J$15,0)+IF(Input!$K$16=2,M6704*Input!$J$16,0)</f>
        <v>3.2875034921622859E-2</v>
      </c>
      <c r="P6704" s="58">
        <f>IF(Input!$K$13=3,J6704*Input!$J$13,0)+IF(Input!$K$14=3,K6704*Input!$J$14,0)+IF(Input!$K$15=3,L6704*Input!$J$15,0)+IF(Input!$K$16=3,M6704*Input!$J$16,0)</f>
        <v>0</v>
      </c>
      <c r="Q6704" s="71">
        <f>IF(Input!$K$13=4,J6704*Input!$J$13,0)+IF(Input!$K$14=4,K6704*Input!$J$14,0)+IF(Input!$K$15=4,L6704*Input!$J$15,0)+IF(Input!$K$16=4,M6704*Input!$J$16,0)</f>
        <v>0</v>
      </c>
    </row>
    <row r="6705" spans="8:17" x14ac:dyDescent="0.25">
      <c r="H6705" s="43">
        <v>6698</v>
      </c>
      <c r="I6705" s="55">
        <f>Bühler!I6731</f>
        <v>0.31484057720696684</v>
      </c>
      <c r="J6705" s="58">
        <f>Bühler!J6731</f>
        <v>4.5503454594315844</v>
      </c>
      <c r="K6705" s="58">
        <f>Bühler!K6731</f>
        <v>0.21916689947748574</v>
      </c>
      <c r="L6705" s="58">
        <f>Bühler!L6731</f>
        <v>0.10958344973874287</v>
      </c>
      <c r="M6705" s="57">
        <f>Bühler!M6731</f>
        <v>0</v>
      </c>
      <c r="N6705" s="55">
        <f>IF(Input!$K$13=1,J6705*Input!$J$13,0)+IF(Input!$K$14=1,K6705*Input!$J$14,0)+IF(Input!$K$15=1,L6705*Input!$J$15,0)+IF(Input!$K$16=1,M6705*Input!$J$16,0)</f>
        <v>0.54604145513179014</v>
      </c>
      <c r="O6705" s="58">
        <f>IF(Input!$K$13=2,J6705*Input!$J$13,0)+IF(Input!$K$14=2,K6705*Input!$J$14,0)+IF(Input!$K$15=2,L6705*Input!$J$15,0)+IF(Input!$K$16=2,M6705*Input!$J$16,0)</f>
        <v>2.9587531429460572E-2</v>
      </c>
      <c r="P6705" s="58">
        <f>IF(Input!$K$13=3,J6705*Input!$J$13,0)+IF(Input!$K$14=3,K6705*Input!$J$14,0)+IF(Input!$K$15=3,L6705*Input!$J$15,0)+IF(Input!$K$16=3,M6705*Input!$J$16,0)</f>
        <v>0</v>
      </c>
      <c r="Q6705" s="71">
        <f>IF(Input!$K$13=4,J6705*Input!$J$13,0)+IF(Input!$K$14=4,K6705*Input!$J$14,0)+IF(Input!$K$15=4,L6705*Input!$J$15,0)+IF(Input!$K$16=4,M6705*Input!$J$16,0)</f>
        <v>0</v>
      </c>
    </row>
    <row r="6706" spans="8:17" x14ac:dyDescent="0.25">
      <c r="H6706" s="43">
        <v>6699</v>
      </c>
      <c r="I6706" s="55">
        <f>Bühler!I6732</f>
        <v>0.31484057720696684</v>
      </c>
      <c r="J6706" s="58">
        <f>Bühler!J6732</f>
        <v>4.5503454594315844</v>
      </c>
      <c r="K6706" s="58">
        <f>Bühler!K6732</f>
        <v>0.21916689947748574</v>
      </c>
      <c r="L6706" s="58">
        <f>Bühler!L6732</f>
        <v>0.10958344973874287</v>
      </c>
      <c r="M6706" s="57">
        <f>Bühler!M6732</f>
        <v>0</v>
      </c>
      <c r="N6706" s="55">
        <f>IF(Input!$K$13=1,J6706*Input!$J$13,0)+IF(Input!$K$14=1,K6706*Input!$J$14,0)+IF(Input!$K$15=1,L6706*Input!$J$15,0)+IF(Input!$K$16=1,M6706*Input!$J$16,0)</f>
        <v>0.54604145513179014</v>
      </c>
      <c r="O6706" s="58">
        <f>IF(Input!$K$13=2,J6706*Input!$J$13,0)+IF(Input!$K$14=2,K6706*Input!$J$14,0)+IF(Input!$K$15=2,L6706*Input!$J$15,0)+IF(Input!$K$16=2,M6706*Input!$J$16,0)</f>
        <v>2.9587531429460572E-2</v>
      </c>
      <c r="P6706" s="58">
        <f>IF(Input!$K$13=3,J6706*Input!$J$13,0)+IF(Input!$K$14=3,K6706*Input!$J$14,0)+IF(Input!$K$15=3,L6706*Input!$J$15,0)+IF(Input!$K$16=3,M6706*Input!$J$16,0)</f>
        <v>0</v>
      </c>
      <c r="Q6706" s="71">
        <f>IF(Input!$K$13=4,J6706*Input!$J$13,0)+IF(Input!$K$14=4,K6706*Input!$J$14,0)+IF(Input!$K$15=4,L6706*Input!$J$15,0)+IF(Input!$K$16=4,M6706*Input!$J$16,0)</f>
        <v>0</v>
      </c>
    </row>
    <row r="6707" spans="8:17" x14ac:dyDescent="0.25">
      <c r="H6707" s="43">
        <v>6700</v>
      </c>
      <c r="I6707" s="55">
        <f>Bühler!I6733</f>
        <v>0.31484057720696684</v>
      </c>
      <c r="J6707" s="58">
        <f>Bühler!J6733</f>
        <v>4.5503454594315844</v>
      </c>
      <c r="K6707" s="58">
        <f>Bühler!K6733</f>
        <v>0.21916689947748574</v>
      </c>
      <c r="L6707" s="58">
        <f>Bühler!L6733</f>
        <v>0.10958344973874287</v>
      </c>
      <c r="M6707" s="57">
        <f>Bühler!M6733</f>
        <v>0</v>
      </c>
      <c r="N6707" s="55">
        <f>IF(Input!$K$13=1,J6707*Input!$J$13,0)+IF(Input!$K$14=1,K6707*Input!$J$14,0)+IF(Input!$K$15=1,L6707*Input!$J$15,0)+IF(Input!$K$16=1,M6707*Input!$J$16,0)</f>
        <v>0.54604145513179014</v>
      </c>
      <c r="O6707" s="58">
        <f>IF(Input!$K$13=2,J6707*Input!$J$13,0)+IF(Input!$K$14=2,K6707*Input!$J$14,0)+IF(Input!$K$15=2,L6707*Input!$J$15,0)+IF(Input!$K$16=2,M6707*Input!$J$16,0)</f>
        <v>2.9587531429460572E-2</v>
      </c>
      <c r="P6707" s="58">
        <f>IF(Input!$K$13=3,J6707*Input!$J$13,0)+IF(Input!$K$14=3,K6707*Input!$J$14,0)+IF(Input!$K$15=3,L6707*Input!$J$15,0)+IF(Input!$K$16=3,M6707*Input!$J$16,0)</f>
        <v>0</v>
      </c>
      <c r="Q6707" s="71">
        <f>IF(Input!$K$13=4,J6707*Input!$J$13,0)+IF(Input!$K$14=4,K6707*Input!$J$14,0)+IF(Input!$K$15=4,L6707*Input!$J$15,0)+IF(Input!$K$16=4,M6707*Input!$J$16,0)</f>
        <v>0</v>
      </c>
    </row>
    <row r="6708" spans="8:17" x14ac:dyDescent="0.25">
      <c r="H6708" s="43">
        <v>6701</v>
      </c>
      <c r="I6708" s="55">
        <f>Bühler!I6734</f>
        <v>0.31484057720696684</v>
      </c>
      <c r="J6708" s="58">
        <f>Bühler!J6734</f>
        <v>4.5503454594315844</v>
      </c>
      <c r="K6708" s="58">
        <f>Bühler!K6734</f>
        <v>0.21916689947748574</v>
      </c>
      <c r="L6708" s="58">
        <f>Bühler!L6734</f>
        <v>0.10958344973874287</v>
      </c>
      <c r="M6708" s="57">
        <f>Bühler!M6734</f>
        <v>0</v>
      </c>
      <c r="N6708" s="55">
        <f>IF(Input!$K$13=1,J6708*Input!$J$13,0)+IF(Input!$K$14=1,K6708*Input!$J$14,0)+IF(Input!$K$15=1,L6708*Input!$J$15,0)+IF(Input!$K$16=1,M6708*Input!$J$16,0)</f>
        <v>0.54604145513179014</v>
      </c>
      <c r="O6708" s="58">
        <f>IF(Input!$K$13=2,J6708*Input!$J$13,0)+IF(Input!$K$14=2,K6708*Input!$J$14,0)+IF(Input!$K$15=2,L6708*Input!$J$15,0)+IF(Input!$K$16=2,M6708*Input!$J$16,0)</f>
        <v>2.9587531429460572E-2</v>
      </c>
      <c r="P6708" s="58">
        <f>IF(Input!$K$13=3,J6708*Input!$J$13,0)+IF(Input!$K$14=3,K6708*Input!$J$14,0)+IF(Input!$K$15=3,L6708*Input!$J$15,0)+IF(Input!$K$16=3,M6708*Input!$J$16,0)</f>
        <v>0</v>
      </c>
      <c r="Q6708" s="71">
        <f>IF(Input!$K$13=4,J6708*Input!$J$13,0)+IF(Input!$K$14=4,K6708*Input!$J$14,0)+IF(Input!$K$15=4,L6708*Input!$J$15,0)+IF(Input!$K$16=4,M6708*Input!$J$16,0)</f>
        <v>0</v>
      </c>
    </row>
    <row r="6709" spans="8:17" x14ac:dyDescent="0.25">
      <c r="H6709" s="43">
        <v>6702</v>
      </c>
      <c r="I6709" s="55">
        <f>Bühler!I6735</f>
        <v>0.39163096189159285</v>
      </c>
      <c r="J6709" s="58">
        <f>Bühler!J6735</f>
        <v>4.5535450587934436</v>
      </c>
      <c r="K6709" s="58">
        <f>Bühler!K6735</f>
        <v>0.21916689947748574</v>
      </c>
      <c r="L6709" s="58">
        <f>Bühler!L6735</f>
        <v>0.10958344973874287</v>
      </c>
      <c r="M6709" s="57">
        <f>Bühler!M6735</f>
        <v>0</v>
      </c>
      <c r="N6709" s="55">
        <f>IF(Input!$K$13=1,J6709*Input!$J$13,0)+IF(Input!$K$14=1,K6709*Input!$J$14,0)+IF(Input!$K$15=1,L6709*Input!$J$15,0)+IF(Input!$K$16=1,M6709*Input!$J$16,0)</f>
        <v>0.54642540705521325</v>
      </c>
      <c r="O6709" s="58">
        <f>IF(Input!$K$13=2,J6709*Input!$J$13,0)+IF(Input!$K$14=2,K6709*Input!$J$14,0)+IF(Input!$K$15=2,L6709*Input!$J$15,0)+IF(Input!$K$16=2,M6709*Input!$J$16,0)</f>
        <v>2.9587531429460572E-2</v>
      </c>
      <c r="P6709" s="58">
        <f>IF(Input!$K$13=3,J6709*Input!$J$13,0)+IF(Input!$K$14=3,K6709*Input!$J$14,0)+IF(Input!$K$15=3,L6709*Input!$J$15,0)+IF(Input!$K$16=3,M6709*Input!$J$16,0)</f>
        <v>0</v>
      </c>
      <c r="Q6709" s="71">
        <f>IF(Input!$K$13=4,J6709*Input!$J$13,0)+IF(Input!$K$14=4,K6709*Input!$J$14,0)+IF(Input!$K$15=4,L6709*Input!$J$15,0)+IF(Input!$K$16=4,M6709*Input!$J$16,0)</f>
        <v>0</v>
      </c>
    </row>
    <row r="6710" spans="8:17" x14ac:dyDescent="0.25">
      <c r="H6710" s="43">
        <v>6703</v>
      </c>
      <c r="I6710" s="55">
        <f>Bühler!I6736</f>
        <v>0.4914584619816067</v>
      </c>
      <c r="J6710" s="58">
        <f>Bühler!J6736</f>
        <v>4.5577045379638612</v>
      </c>
      <c r="K6710" s="58">
        <f>Bühler!K6736</f>
        <v>0.21916689947748574</v>
      </c>
      <c r="L6710" s="58">
        <f>Bühler!L6736</f>
        <v>0.10958344973874287</v>
      </c>
      <c r="M6710" s="57">
        <f>Bühler!M6736</f>
        <v>0</v>
      </c>
      <c r="N6710" s="55">
        <f>IF(Input!$K$13=1,J6710*Input!$J$13,0)+IF(Input!$K$14=1,K6710*Input!$J$14,0)+IF(Input!$K$15=1,L6710*Input!$J$15,0)+IF(Input!$K$16=1,M6710*Input!$J$16,0)</f>
        <v>0.54692454455566331</v>
      </c>
      <c r="O6710" s="58">
        <f>IF(Input!$K$13=2,J6710*Input!$J$13,0)+IF(Input!$K$14=2,K6710*Input!$J$14,0)+IF(Input!$K$15=2,L6710*Input!$J$15,0)+IF(Input!$K$16=2,M6710*Input!$J$16,0)</f>
        <v>2.9587531429460572E-2</v>
      </c>
      <c r="P6710" s="58">
        <f>IF(Input!$K$13=3,J6710*Input!$J$13,0)+IF(Input!$K$14=3,K6710*Input!$J$14,0)+IF(Input!$K$15=3,L6710*Input!$J$15,0)+IF(Input!$K$16=3,M6710*Input!$J$16,0)</f>
        <v>0</v>
      </c>
      <c r="Q6710" s="71">
        <f>IF(Input!$K$13=4,J6710*Input!$J$13,0)+IF(Input!$K$14=4,K6710*Input!$J$14,0)+IF(Input!$K$15=4,L6710*Input!$J$15,0)+IF(Input!$K$16=4,M6710*Input!$J$16,0)</f>
        <v>0</v>
      </c>
    </row>
    <row r="6711" spans="8:17" x14ac:dyDescent="0.25">
      <c r="H6711" s="43">
        <v>6704</v>
      </c>
      <c r="I6711" s="55">
        <f>Bühler!I6737</f>
        <v>0.56056980819777014</v>
      </c>
      <c r="J6711" s="58">
        <f>Bühler!J6737</f>
        <v>4.5605841773895346</v>
      </c>
      <c r="K6711" s="58">
        <f>Bühler!K6737</f>
        <v>0.21916689947748574</v>
      </c>
      <c r="L6711" s="58">
        <f>Bühler!L6737</f>
        <v>0.10958344973874287</v>
      </c>
      <c r="M6711" s="57">
        <f>Bühler!M6737</f>
        <v>0</v>
      </c>
      <c r="N6711" s="55">
        <f>IF(Input!$K$13=1,J6711*Input!$J$13,0)+IF(Input!$K$14=1,K6711*Input!$J$14,0)+IF(Input!$K$15=1,L6711*Input!$J$15,0)+IF(Input!$K$16=1,M6711*Input!$J$16,0)</f>
        <v>0.54727010128674414</v>
      </c>
      <c r="O6711" s="58">
        <f>IF(Input!$K$13=2,J6711*Input!$J$13,0)+IF(Input!$K$14=2,K6711*Input!$J$14,0)+IF(Input!$K$15=2,L6711*Input!$J$15,0)+IF(Input!$K$16=2,M6711*Input!$J$16,0)</f>
        <v>2.9587531429460572E-2</v>
      </c>
      <c r="P6711" s="58">
        <f>IF(Input!$K$13=3,J6711*Input!$J$13,0)+IF(Input!$K$14=3,K6711*Input!$J$14,0)+IF(Input!$K$15=3,L6711*Input!$J$15,0)+IF(Input!$K$16=3,M6711*Input!$J$16,0)</f>
        <v>0</v>
      </c>
      <c r="Q6711" s="71">
        <f>IF(Input!$K$13=4,J6711*Input!$J$13,0)+IF(Input!$K$14=4,K6711*Input!$J$14,0)+IF(Input!$K$15=4,L6711*Input!$J$15,0)+IF(Input!$K$16=4,M6711*Input!$J$16,0)</f>
        <v>0</v>
      </c>
    </row>
    <row r="6712" spans="8:17" x14ac:dyDescent="0.25">
      <c r="H6712" s="43">
        <v>6705</v>
      </c>
      <c r="I6712" s="55">
        <f>Bühler!I6738</f>
        <v>0.56056980819777014</v>
      </c>
      <c r="J6712" s="58">
        <f>Bühler!J6738</f>
        <v>4.5605841773895346</v>
      </c>
      <c r="K6712" s="58">
        <f>Bühler!K6738</f>
        <v>0.21916689947748574</v>
      </c>
      <c r="L6712" s="58">
        <f>Bühler!L6738</f>
        <v>0.10958344973874287</v>
      </c>
      <c r="M6712" s="57">
        <f>Bühler!M6738</f>
        <v>0</v>
      </c>
      <c r="N6712" s="55">
        <f>IF(Input!$K$13=1,J6712*Input!$J$13,0)+IF(Input!$K$14=1,K6712*Input!$J$14,0)+IF(Input!$K$15=1,L6712*Input!$J$15,0)+IF(Input!$K$16=1,M6712*Input!$J$16,0)</f>
        <v>0.54727010128674414</v>
      </c>
      <c r="O6712" s="58">
        <f>IF(Input!$K$13=2,J6712*Input!$J$13,0)+IF(Input!$K$14=2,K6712*Input!$J$14,0)+IF(Input!$K$15=2,L6712*Input!$J$15,0)+IF(Input!$K$16=2,M6712*Input!$J$16,0)</f>
        <v>2.9587531429460572E-2</v>
      </c>
      <c r="P6712" s="58">
        <f>IF(Input!$K$13=3,J6712*Input!$J$13,0)+IF(Input!$K$14=3,K6712*Input!$J$14,0)+IF(Input!$K$15=3,L6712*Input!$J$15,0)+IF(Input!$K$16=3,M6712*Input!$J$16,0)</f>
        <v>0</v>
      </c>
      <c r="Q6712" s="71">
        <f>IF(Input!$K$13=4,J6712*Input!$J$13,0)+IF(Input!$K$14=4,K6712*Input!$J$14,0)+IF(Input!$K$15=4,L6712*Input!$J$15,0)+IF(Input!$K$16=4,M6712*Input!$J$16,0)</f>
        <v>0</v>
      </c>
    </row>
    <row r="6713" spans="8:17" x14ac:dyDescent="0.25">
      <c r="H6713" s="43">
        <v>6706</v>
      </c>
      <c r="I6713" s="55">
        <f>Bühler!I6739</f>
        <v>0.56056980819777014</v>
      </c>
      <c r="J6713" s="58">
        <f>Bühler!J6739</f>
        <v>4.5605841773895346</v>
      </c>
      <c r="K6713" s="58">
        <f>Bühler!K6739</f>
        <v>0.21916689947748574</v>
      </c>
      <c r="L6713" s="58">
        <f>Bühler!L6739</f>
        <v>0.10958344973874287</v>
      </c>
      <c r="M6713" s="57">
        <f>Bühler!M6739</f>
        <v>0</v>
      </c>
      <c r="N6713" s="55">
        <f>IF(Input!$K$13=1,J6713*Input!$J$13,0)+IF(Input!$K$14=1,K6713*Input!$J$14,0)+IF(Input!$K$15=1,L6713*Input!$J$15,0)+IF(Input!$K$16=1,M6713*Input!$J$16,0)</f>
        <v>0.54727010128674414</v>
      </c>
      <c r="O6713" s="58">
        <f>IF(Input!$K$13=2,J6713*Input!$J$13,0)+IF(Input!$K$14=2,K6713*Input!$J$14,0)+IF(Input!$K$15=2,L6713*Input!$J$15,0)+IF(Input!$K$16=2,M6713*Input!$J$16,0)</f>
        <v>2.9587531429460572E-2</v>
      </c>
      <c r="P6713" s="58">
        <f>IF(Input!$K$13=3,J6713*Input!$J$13,0)+IF(Input!$K$14=3,K6713*Input!$J$14,0)+IF(Input!$K$15=3,L6713*Input!$J$15,0)+IF(Input!$K$16=3,M6713*Input!$J$16,0)</f>
        <v>0</v>
      </c>
      <c r="Q6713" s="71">
        <f>IF(Input!$K$13=4,J6713*Input!$J$13,0)+IF(Input!$K$14=4,K6713*Input!$J$14,0)+IF(Input!$K$15=4,L6713*Input!$J$15,0)+IF(Input!$K$16=4,M6713*Input!$J$16,0)</f>
        <v>0</v>
      </c>
    </row>
    <row r="6714" spans="8:17" x14ac:dyDescent="0.25">
      <c r="H6714" s="43">
        <v>6707</v>
      </c>
      <c r="I6714" s="55">
        <f>Bühler!I6740</f>
        <v>0.56056980819777014</v>
      </c>
      <c r="J6714" s="58">
        <f>Bühler!J6740</f>
        <v>4.5605841773895346</v>
      </c>
      <c r="K6714" s="58">
        <f>Bühler!K6740</f>
        <v>0.21916689947748574</v>
      </c>
      <c r="L6714" s="58">
        <f>Bühler!L6740</f>
        <v>0.10958344973874287</v>
      </c>
      <c r="M6714" s="57">
        <f>Bühler!M6740</f>
        <v>0</v>
      </c>
      <c r="N6714" s="55">
        <f>IF(Input!$K$13=1,J6714*Input!$J$13,0)+IF(Input!$K$14=1,K6714*Input!$J$14,0)+IF(Input!$K$15=1,L6714*Input!$J$15,0)+IF(Input!$K$16=1,M6714*Input!$J$16,0)</f>
        <v>0.54727010128674414</v>
      </c>
      <c r="O6714" s="58">
        <f>IF(Input!$K$13=2,J6714*Input!$J$13,0)+IF(Input!$K$14=2,K6714*Input!$J$14,0)+IF(Input!$K$15=2,L6714*Input!$J$15,0)+IF(Input!$K$16=2,M6714*Input!$J$16,0)</f>
        <v>2.9587531429460572E-2</v>
      </c>
      <c r="P6714" s="58">
        <f>IF(Input!$K$13=3,J6714*Input!$J$13,0)+IF(Input!$K$14=3,K6714*Input!$J$14,0)+IF(Input!$K$15=3,L6714*Input!$J$15,0)+IF(Input!$K$16=3,M6714*Input!$J$16,0)</f>
        <v>0</v>
      </c>
      <c r="Q6714" s="71">
        <f>IF(Input!$K$13=4,J6714*Input!$J$13,0)+IF(Input!$K$14=4,K6714*Input!$J$14,0)+IF(Input!$K$15=4,L6714*Input!$J$15,0)+IF(Input!$K$16=4,M6714*Input!$J$16,0)</f>
        <v>0</v>
      </c>
    </row>
    <row r="6715" spans="8:17" x14ac:dyDescent="0.25">
      <c r="H6715" s="43">
        <v>6708</v>
      </c>
      <c r="I6715" s="55">
        <f>Bühler!I6741</f>
        <v>0.56056980819777014</v>
      </c>
      <c r="J6715" s="58">
        <f>Bühler!J6741</f>
        <v>4.5605841773895346</v>
      </c>
      <c r="K6715" s="58">
        <f>Bühler!K6741</f>
        <v>0.21916689947748574</v>
      </c>
      <c r="L6715" s="58">
        <f>Bühler!L6741</f>
        <v>0.10958344973874287</v>
      </c>
      <c r="M6715" s="57">
        <f>Bühler!M6741</f>
        <v>0</v>
      </c>
      <c r="N6715" s="55">
        <f>IF(Input!$K$13=1,J6715*Input!$J$13,0)+IF(Input!$K$14=1,K6715*Input!$J$14,0)+IF(Input!$K$15=1,L6715*Input!$J$15,0)+IF(Input!$K$16=1,M6715*Input!$J$16,0)</f>
        <v>0.54727010128674414</v>
      </c>
      <c r="O6715" s="58">
        <f>IF(Input!$K$13=2,J6715*Input!$J$13,0)+IF(Input!$K$14=2,K6715*Input!$J$14,0)+IF(Input!$K$15=2,L6715*Input!$J$15,0)+IF(Input!$K$16=2,M6715*Input!$J$16,0)</f>
        <v>2.9587531429460572E-2</v>
      </c>
      <c r="P6715" s="58">
        <f>IF(Input!$K$13=3,J6715*Input!$J$13,0)+IF(Input!$K$14=3,K6715*Input!$J$14,0)+IF(Input!$K$15=3,L6715*Input!$J$15,0)+IF(Input!$K$16=3,M6715*Input!$J$16,0)</f>
        <v>0</v>
      </c>
      <c r="Q6715" s="71">
        <f>IF(Input!$K$13=4,J6715*Input!$J$13,0)+IF(Input!$K$14=4,K6715*Input!$J$14,0)+IF(Input!$K$15=4,L6715*Input!$J$15,0)+IF(Input!$K$16=4,M6715*Input!$J$16,0)</f>
        <v>0</v>
      </c>
    </row>
    <row r="6716" spans="8:17" x14ac:dyDescent="0.25">
      <c r="H6716" s="43">
        <v>6709</v>
      </c>
      <c r="I6716" s="55">
        <f>Bühler!I6742</f>
        <v>0.56056980819777014</v>
      </c>
      <c r="J6716" s="58">
        <f>Bühler!J6742</f>
        <v>4.5605841773895346</v>
      </c>
      <c r="K6716" s="58">
        <f>Bühler!K6742</f>
        <v>0.21916689947748574</v>
      </c>
      <c r="L6716" s="58">
        <f>Bühler!L6742</f>
        <v>0.10958344973874287</v>
      </c>
      <c r="M6716" s="57">
        <f>Bühler!M6742</f>
        <v>0</v>
      </c>
      <c r="N6716" s="55">
        <f>IF(Input!$K$13=1,J6716*Input!$J$13,0)+IF(Input!$K$14=1,K6716*Input!$J$14,0)+IF(Input!$K$15=1,L6716*Input!$J$15,0)+IF(Input!$K$16=1,M6716*Input!$J$16,0)</f>
        <v>0.54727010128674414</v>
      </c>
      <c r="O6716" s="58">
        <f>IF(Input!$K$13=2,J6716*Input!$J$13,0)+IF(Input!$K$14=2,K6716*Input!$J$14,0)+IF(Input!$K$15=2,L6716*Input!$J$15,0)+IF(Input!$K$16=2,M6716*Input!$J$16,0)</f>
        <v>2.9587531429460572E-2</v>
      </c>
      <c r="P6716" s="58">
        <f>IF(Input!$K$13=3,J6716*Input!$J$13,0)+IF(Input!$K$14=3,K6716*Input!$J$14,0)+IF(Input!$K$15=3,L6716*Input!$J$15,0)+IF(Input!$K$16=3,M6716*Input!$J$16,0)</f>
        <v>0</v>
      </c>
      <c r="Q6716" s="71">
        <f>IF(Input!$K$13=4,J6716*Input!$J$13,0)+IF(Input!$K$14=4,K6716*Input!$J$14,0)+IF(Input!$K$15=4,L6716*Input!$J$15,0)+IF(Input!$K$16=4,M6716*Input!$J$16,0)</f>
        <v>0</v>
      </c>
    </row>
    <row r="6717" spans="8:17" x14ac:dyDescent="0.25">
      <c r="H6717" s="43">
        <v>6710</v>
      </c>
      <c r="I6717" s="55">
        <f>Bühler!I6743</f>
        <v>0.56056980819777014</v>
      </c>
      <c r="J6717" s="58">
        <f>Bühler!J6743</f>
        <v>4.5605841773895346</v>
      </c>
      <c r="K6717" s="58">
        <f>Bühler!K6743</f>
        <v>0.21916689947748574</v>
      </c>
      <c r="L6717" s="58">
        <f>Bühler!L6743</f>
        <v>0.10958344973874287</v>
      </c>
      <c r="M6717" s="57">
        <f>Bühler!M6743</f>
        <v>0</v>
      </c>
      <c r="N6717" s="55">
        <f>IF(Input!$K$13=1,J6717*Input!$J$13,0)+IF(Input!$K$14=1,K6717*Input!$J$14,0)+IF(Input!$K$15=1,L6717*Input!$J$15,0)+IF(Input!$K$16=1,M6717*Input!$J$16,0)</f>
        <v>0.54727010128674414</v>
      </c>
      <c r="O6717" s="58">
        <f>IF(Input!$K$13=2,J6717*Input!$J$13,0)+IF(Input!$K$14=2,K6717*Input!$J$14,0)+IF(Input!$K$15=2,L6717*Input!$J$15,0)+IF(Input!$K$16=2,M6717*Input!$J$16,0)</f>
        <v>2.9587531429460572E-2</v>
      </c>
      <c r="P6717" s="58">
        <f>IF(Input!$K$13=3,J6717*Input!$J$13,0)+IF(Input!$K$14=3,K6717*Input!$J$14,0)+IF(Input!$K$15=3,L6717*Input!$J$15,0)+IF(Input!$K$16=3,M6717*Input!$J$16,0)</f>
        <v>0</v>
      </c>
      <c r="Q6717" s="71">
        <f>IF(Input!$K$13=4,J6717*Input!$J$13,0)+IF(Input!$K$14=4,K6717*Input!$J$14,0)+IF(Input!$K$15=4,L6717*Input!$J$15,0)+IF(Input!$K$16=4,M6717*Input!$J$16,0)</f>
        <v>0</v>
      </c>
    </row>
    <row r="6718" spans="8:17" x14ac:dyDescent="0.25">
      <c r="H6718" s="43">
        <v>6711</v>
      </c>
      <c r="I6718" s="55">
        <f>Bühler!I6744</f>
        <v>0.56056980819777014</v>
      </c>
      <c r="J6718" s="58">
        <f>Bühler!J6744</f>
        <v>4.5605841773895346</v>
      </c>
      <c r="K6718" s="58">
        <f>Bühler!K6744</f>
        <v>0.21916689947748574</v>
      </c>
      <c r="L6718" s="58">
        <f>Bühler!L6744</f>
        <v>0.10958344973874287</v>
      </c>
      <c r="M6718" s="57">
        <f>Bühler!M6744</f>
        <v>0</v>
      </c>
      <c r="N6718" s="55">
        <f>IF(Input!$K$13=1,J6718*Input!$J$13,0)+IF(Input!$K$14=1,K6718*Input!$J$14,0)+IF(Input!$K$15=1,L6718*Input!$J$15,0)+IF(Input!$K$16=1,M6718*Input!$J$16,0)</f>
        <v>0.54727010128674414</v>
      </c>
      <c r="O6718" s="58">
        <f>IF(Input!$K$13=2,J6718*Input!$J$13,0)+IF(Input!$K$14=2,K6718*Input!$J$14,0)+IF(Input!$K$15=2,L6718*Input!$J$15,0)+IF(Input!$K$16=2,M6718*Input!$J$16,0)</f>
        <v>2.9587531429460572E-2</v>
      </c>
      <c r="P6718" s="58">
        <f>IF(Input!$K$13=3,J6718*Input!$J$13,0)+IF(Input!$K$14=3,K6718*Input!$J$14,0)+IF(Input!$K$15=3,L6718*Input!$J$15,0)+IF(Input!$K$16=3,M6718*Input!$J$16,0)</f>
        <v>0</v>
      </c>
      <c r="Q6718" s="71">
        <f>IF(Input!$K$13=4,J6718*Input!$J$13,0)+IF(Input!$K$14=4,K6718*Input!$J$14,0)+IF(Input!$K$15=4,L6718*Input!$J$15,0)+IF(Input!$K$16=4,M6718*Input!$J$16,0)</f>
        <v>0</v>
      </c>
    </row>
    <row r="6719" spans="8:17" x14ac:dyDescent="0.25">
      <c r="H6719" s="43">
        <v>6712</v>
      </c>
      <c r="I6719" s="55">
        <f>Bühler!I6745</f>
        <v>0.50681653891853184</v>
      </c>
      <c r="J6719" s="58">
        <f>Bühler!J6745</f>
        <v>4.5583444578362329</v>
      </c>
      <c r="K6719" s="58">
        <f>Bühler!K6745</f>
        <v>0.21916689947748574</v>
      </c>
      <c r="L6719" s="58">
        <f>Bühler!L6745</f>
        <v>0.10958344973874287</v>
      </c>
      <c r="M6719" s="57">
        <f>Bühler!M6745</f>
        <v>0</v>
      </c>
      <c r="N6719" s="55">
        <f>IF(Input!$K$13=1,J6719*Input!$J$13,0)+IF(Input!$K$14=1,K6719*Input!$J$14,0)+IF(Input!$K$15=1,L6719*Input!$J$15,0)+IF(Input!$K$16=1,M6719*Input!$J$16,0)</f>
        <v>0.54700133494034797</v>
      </c>
      <c r="O6719" s="58">
        <f>IF(Input!$K$13=2,J6719*Input!$J$13,0)+IF(Input!$K$14=2,K6719*Input!$J$14,0)+IF(Input!$K$15=2,L6719*Input!$J$15,0)+IF(Input!$K$16=2,M6719*Input!$J$16,0)</f>
        <v>2.9587531429460572E-2</v>
      </c>
      <c r="P6719" s="58">
        <f>IF(Input!$K$13=3,J6719*Input!$J$13,0)+IF(Input!$K$14=3,K6719*Input!$J$14,0)+IF(Input!$K$15=3,L6719*Input!$J$15,0)+IF(Input!$K$16=3,M6719*Input!$J$16,0)</f>
        <v>0</v>
      </c>
      <c r="Q6719" s="71">
        <f>IF(Input!$K$13=4,J6719*Input!$J$13,0)+IF(Input!$K$14=4,K6719*Input!$J$14,0)+IF(Input!$K$15=4,L6719*Input!$J$15,0)+IF(Input!$K$16=4,M6719*Input!$J$16,0)</f>
        <v>0</v>
      </c>
    </row>
    <row r="6720" spans="8:17" x14ac:dyDescent="0.25">
      <c r="H6720" s="43">
        <v>6713</v>
      </c>
      <c r="I6720" s="55">
        <f>Bühler!I6746</f>
        <v>0.46074230810775629</v>
      </c>
      <c r="J6720" s="58">
        <f>Bühler!J6746</f>
        <v>4.556424698219117</v>
      </c>
      <c r="K6720" s="58">
        <f>Bühler!K6746</f>
        <v>0.21916689947748574</v>
      </c>
      <c r="L6720" s="58">
        <f>Bühler!L6746</f>
        <v>0.10958344973874287</v>
      </c>
      <c r="M6720" s="57">
        <f>Bühler!M6746</f>
        <v>0</v>
      </c>
      <c r="N6720" s="55">
        <f>IF(Input!$K$13=1,J6720*Input!$J$13,0)+IF(Input!$K$14=1,K6720*Input!$J$14,0)+IF(Input!$K$15=1,L6720*Input!$J$15,0)+IF(Input!$K$16=1,M6720*Input!$J$16,0)</f>
        <v>0.54677096378629397</v>
      </c>
      <c r="O6720" s="58">
        <f>IF(Input!$K$13=2,J6720*Input!$J$13,0)+IF(Input!$K$14=2,K6720*Input!$J$14,0)+IF(Input!$K$15=2,L6720*Input!$J$15,0)+IF(Input!$K$16=2,M6720*Input!$J$16,0)</f>
        <v>2.9587531429460572E-2</v>
      </c>
      <c r="P6720" s="58">
        <f>IF(Input!$K$13=3,J6720*Input!$J$13,0)+IF(Input!$K$14=3,K6720*Input!$J$14,0)+IF(Input!$K$15=3,L6720*Input!$J$15,0)+IF(Input!$K$16=3,M6720*Input!$J$16,0)</f>
        <v>0</v>
      </c>
      <c r="Q6720" s="71">
        <f>IF(Input!$K$13=4,J6720*Input!$J$13,0)+IF(Input!$K$14=4,K6720*Input!$J$14,0)+IF(Input!$K$15=4,L6720*Input!$J$15,0)+IF(Input!$K$16=4,M6720*Input!$J$16,0)</f>
        <v>0</v>
      </c>
    </row>
    <row r="6721" spans="8:17" x14ac:dyDescent="0.25">
      <c r="H6721" s="43">
        <v>6714</v>
      </c>
      <c r="I6721" s="55">
        <f>Bühler!I6747</f>
        <v>0.41466807729698069</v>
      </c>
      <c r="J6721" s="58">
        <f>Bühler!J6747</f>
        <v>4.5545049386020011</v>
      </c>
      <c r="K6721" s="58">
        <f>Bühler!K6747</f>
        <v>0.21916689947748574</v>
      </c>
      <c r="L6721" s="58">
        <f>Bühler!L6747</f>
        <v>0.10958344973874287</v>
      </c>
      <c r="M6721" s="57">
        <f>Bühler!M6747</f>
        <v>0</v>
      </c>
      <c r="N6721" s="55">
        <f>IF(Input!$K$13=1,J6721*Input!$J$13,0)+IF(Input!$K$14=1,K6721*Input!$J$14,0)+IF(Input!$K$15=1,L6721*Input!$J$15,0)+IF(Input!$K$16=1,M6721*Input!$J$16,0)</f>
        <v>0.54654059263224009</v>
      </c>
      <c r="O6721" s="58">
        <f>IF(Input!$K$13=2,J6721*Input!$J$13,0)+IF(Input!$K$14=2,K6721*Input!$J$14,0)+IF(Input!$K$15=2,L6721*Input!$J$15,0)+IF(Input!$K$16=2,M6721*Input!$J$16,0)</f>
        <v>2.9587531429460572E-2</v>
      </c>
      <c r="P6721" s="58">
        <f>IF(Input!$K$13=3,J6721*Input!$J$13,0)+IF(Input!$K$14=3,K6721*Input!$J$14,0)+IF(Input!$K$15=3,L6721*Input!$J$15,0)+IF(Input!$K$16=3,M6721*Input!$J$16,0)</f>
        <v>0</v>
      </c>
      <c r="Q6721" s="71">
        <f>IF(Input!$K$13=4,J6721*Input!$J$13,0)+IF(Input!$K$14=4,K6721*Input!$J$14,0)+IF(Input!$K$15=4,L6721*Input!$J$15,0)+IF(Input!$K$16=4,M6721*Input!$J$16,0)</f>
        <v>0</v>
      </c>
    </row>
    <row r="6722" spans="8:17" x14ac:dyDescent="0.25">
      <c r="H6722" s="43">
        <v>6715</v>
      </c>
      <c r="I6722" s="55">
        <f>Bühler!I6748</f>
        <v>0.39931000036005543</v>
      </c>
      <c r="J6722" s="58">
        <f>Bühler!J6748</f>
        <v>4.5538650187296295</v>
      </c>
      <c r="K6722" s="58">
        <f>Bühler!K6748</f>
        <v>0.21916689947748574</v>
      </c>
      <c r="L6722" s="58">
        <f>Bühler!L6748</f>
        <v>0.10958344973874287</v>
      </c>
      <c r="M6722" s="57">
        <f>Bühler!M6748</f>
        <v>0</v>
      </c>
      <c r="N6722" s="55">
        <f>IF(Input!$K$13=1,J6722*Input!$J$13,0)+IF(Input!$K$14=1,K6722*Input!$J$14,0)+IF(Input!$K$15=1,L6722*Input!$J$15,0)+IF(Input!$K$16=1,M6722*Input!$J$16,0)</f>
        <v>0.54646380224755553</v>
      </c>
      <c r="O6722" s="58">
        <f>IF(Input!$K$13=2,J6722*Input!$J$13,0)+IF(Input!$K$14=2,K6722*Input!$J$14,0)+IF(Input!$K$15=2,L6722*Input!$J$15,0)+IF(Input!$K$16=2,M6722*Input!$J$16,0)</f>
        <v>2.9587531429460572E-2</v>
      </c>
      <c r="P6722" s="58">
        <f>IF(Input!$K$13=3,J6722*Input!$J$13,0)+IF(Input!$K$14=3,K6722*Input!$J$14,0)+IF(Input!$K$15=3,L6722*Input!$J$15,0)+IF(Input!$K$16=3,M6722*Input!$J$16,0)</f>
        <v>0</v>
      </c>
      <c r="Q6722" s="71">
        <f>IF(Input!$K$13=4,J6722*Input!$J$13,0)+IF(Input!$K$14=4,K6722*Input!$J$14,0)+IF(Input!$K$15=4,L6722*Input!$J$15,0)+IF(Input!$K$16=4,M6722*Input!$J$16,0)</f>
        <v>0</v>
      </c>
    </row>
    <row r="6723" spans="8:17" x14ac:dyDescent="0.25">
      <c r="H6723" s="43">
        <v>6716</v>
      </c>
      <c r="I6723" s="55">
        <f>Bühler!I6749</f>
        <v>0.32251961567542936</v>
      </c>
      <c r="J6723" s="58">
        <f>Bühler!J6749</f>
        <v>4.5506654193677702</v>
      </c>
      <c r="K6723" s="58">
        <f>Bühler!K6749</f>
        <v>0.21916689947748574</v>
      </c>
      <c r="L6723" s="58">
        <f>Bühler!L6749</f>
        <v>0.10958344973874287</v>
      </c>
      <c r="M6723" s="57">
        <f>Bühler!M6749</f>
        <v>0</v>
      </c>
      <c r="N6723" s="55">
        <f>IF(Input!$K$13=1,J6723*Input!$J$13,0)+IF(Input!$K$14=1,K6723*Input!$J$14,0)+IF(Input!$K$15=1,L6723*Input!$J$15,0)+IF(Input!$K$16=1,M6723*Input!$J$16,0)</f>
        <v>0.54607985032413242</v>
      </c>
      <c r="O6723" s="58">
        <f>IF(Input!$K$13=2,J6723*Input!$J$13,0)+IF(Input!$K$14=2,K6723*Input!$J$14,0)+IF(Input!$K$15=2,L6723*Input!$J$15,0)+IF(Input!$K$16=2,M6723*Input!$J$16,0)</f>
        <v>2.9587531429460572E-2</v>
      </c>
      <c r="P6723" s="58">
        <f>IF(Input!$K$13=3,J6723*Input!$J$13,0)+IF(Input!$K$14=3,K6723*Input!$J$14,0)+IF(Input!$K$15=3,L6723*Input!$J$15,0)+IF(Input!$K$16=3,M6723*Input!$J$16,0)</f>
        <v>0</v>
      </c>
      <c r="Q6723" s="71">
        <f>IF(Input!$K$13=4,J6723*Input!$J$13,0)+IF(Input!$K$14=4,K6723*Input!$J$14,0)+IF(Input!$K$15=4,L6723*Input!$J$15,0)+IF(Input!$K$16=4,M6723*Input!$J$16,0)</f>
        <v>0</v>
      </c>
    </row>
    <row r="6724" spans="8:17" x14ac:dyDescent="0.25">
      <c r="H6724" s="43">
        <v>6717</v>
      </c>
      <c r="I6724" s="55">
        <f>Bühler!I6750</f>
        <v>0.23805019252234075</v>
      </c>
      <c r="J6724" s="58">
        <f>Bühler!J6750</f>
        <v>4.5471458600697252</v>
      </c>
      <c r="K6724" s="58">
        <f>Bühler!K6750</f>
        <v>0.21916689947748574</v>
      </c>
      <c r="L6724" s="58">
        <f>Bühler!L6750</f>
        <v>0.10958344973874287</v>
      </c>
      <c r="M6724" s="57">
        <f>Bühler!M6750</f>
        <v>0</v>
      </c>
      <c r="N6724" s="55">
        <f>IF(Input!$K$13=1,J6724*Input!$J$13,0)+IF(Input!$K$14=1,K6724*Input!$J$14,0)+IF(Input!$K$15=1,L6724*Input!$J$15,0)+IF(Input!$K$16=1,M6724*Input!$J$16,0)</f>
        <v>0.54565750320836703</v>
      </c>
      <c r="O6724" s="58">
        <f>IF(Input!$K$13=2,J6724*Input!$J$13,0)+IF(Input!$K$14=2,K6724*Input!$J$14,0)+IF(Input!$K$15=2,L6724*Input!$J$15,0)+IF(Input!$K$16=2,M6724*Input!$J$16,0)</f>
        <v>2.9587531429460572E-2</v>
      </c>
      <c r="P6724" s="58">
        <f>IF(Input!$K$13=3,J6724*Input!$J$13,0)+IF(Input!$K$14=3,K6724*Input!$J$14,0)+IF(Input!$K$15=3,L6724*Input!$J$15,0)+IF(Input!$K$16=3,M6724*Input!$J$16,0)</f>
        <v>0</v>
      </c>
      <c r="Q6724" s="71">
        <f>IF(Input!$K$13=4,J6724*Input!$J$13,0)+IF(Input!$K$14=4,K6724*Input!$J$14,0)+IF(Input!$K$15=4,L6724*Input!$J$15,0)+IF(Input!$K$16=4,M6724*Input!$J$16,0)</f>
        <v>0</v>
      </c>
    </row>
    <row r="6725" spans="8:17" x14ac:dyDescent="0.25">
      <c r="H6725" s="43">
        <v>6718</v>
      </c>
      <c r="I6725" s="55">
        <f>Bühler!I6751</f>
        <v>0.23805019252234075</v>
      </c>
      <c r="J6725" s="58">
        <f>Bühler!J6751</f>
        <v>4.5471458600697252</v>
      </c>
      <c r="K6725" s="58">
        <f>Bühler!K6751</f>
        <v>0.21916689947748574</v>
      </c>
      <c r="L6725" s="58">
        <f>Bühler!L6751</f>
        <v>0.10958344973874287</v>
      </c>
      <c r="M6725" s="57">
        <f>Bühler!M6751</f>
        <v>0</v>
      </c>
      <c r="N6725" s="55">
        <f>IF(Input!$K$13=1,J6725*Input!$J$13,0)+IF(Input!$K$14=1,K6725*Input!$J$14,0)+IF(Input!$K$15=1,L6725*Input!$J$15,0)+IF(Input!$K$16=1,M6725*Input!$J$16,0)</f>
        <v>0.54565750320836703</v>
      </c>
      <c r="O6725" s="58">
        <f>IF(Input!$K$13=2,J6725*Input!$J$13,0)+IF(Input!$K$14=2,K6725*Input!$J$14,0)+IF(Input!$K$15=2,L6725*Input!$J$15,0)+IF(Input!$K$16=2,M6725*Input!$J$16,0)</f>
        <v>2.9587531429460572E-2</v>
      </c>
      <c r="P6725" s="58">
        <f>IF(Input!$K$13=3,J6725*Input!$J$13,0)+IF(Input!$K$14=3,K6725*Input!$J$14,0)+IF(Input!$K$15=3,L6725*Input!$J$15,0)+IF(Input!$K$16=3,M6725*Input!$J$16,0)</f>
        <v>0</v>
      </c>
      <c r="Q6725" s="71">
        <f>IF(Input!$K$13=4,J6725*Input!$J$13,0)+IF(Input!$K$14=4,K6725*Input!$J$14,0)+IF(Input!$K$15=4,L6725*Input!$J$15,0)+IF(Input!$K$16=4,M6725*Input!$J$16,0)</f>
        <v>0</v>
      </c>
    </row>
    <row r="6726" spans="8:17" x14ac:dyDescent="0.25">
      <c r="H6726" s="43">
        <v>6719</v>
      </c>
      <c r="I6726" s="55">
        <f>Bühler!I6752</f>
        <v>0.23805019252234075</v>
      </c>
      <c r="J6726" s="58">
        <f>Bühler!J6752</f>
        <v>4.5471458600697252</v>
      </c>
      <c r="K6726" s="58">
        <f>Bühler!K6752</f>
        <v>0.21916689947748574</v>
      </c>
      <c r="L6726" s="58">
        <f>Bühler!L6752</f>
        <v>0.10958344973874287</v>
      </c>
      <c r="M6726" s="57">
        <f>Bühler!M6752</f>
        <v>0</v>
      </c>
      <c r="N6726" s="55">
        <f>IF(Input!$K$13=1,J6726*Input!$J$13,0)+IF(Input!$K$14=1,K6726*Input!$J$14,0)+IF(Input!$K$15=1,L6726*Input!$J$15,0)+IF(Input!$K$16=1,M6726*Input!$J$16,0)</f>
        <v>0.54565750320836703</v>
      </c>
      <c r="O6726" s="58">
        <f>IF(Input!$K$13=2,J6726*Input!$J$13,0)+IF(Input!$K$14=2,K6726*Input!$J$14,0)+IF(Input!$K$15=2,L6726*Input!$J$15,0)+IF(Input!$K$16=2,M6726*Input!$J$16,0)</f>
        <v>2.9587531429460572E-2</v>
      </c>
      <c r="P6726" s="58">
        <f>IF(Input!$K$13=3,J6726*Input!$J$13,0)+IF(Input!$K$14=3,K6726*Input!$J$14,0)+IF(Input!$K$15=3,L6726*Input!$J$15,0)+IF(Input!$K$16=3,M6726*Input!$J$16,0)</f>
        <v>0</v>
      </c>
      <c r="Q6726" s="71">
        <f>IF(Input!$K$13=4,J6726*Input!$J$13,0)+IF(Input!$K$14=4,K6726*Input!$J$14,0)+IF(Input!$K$15=4,L6726*Input!$J$15,0)+IF(Input!$K$16=4,M6726*Input!$J$16,0)</f>
        <v>0</v>
      </c>
    </row>
    <row r="6727" spans="8:17" x14ac:dyDescent="0.25">
      <c r="H6727" s="43">
        <v>6720</v>
      </c>
      <c r="I6727" s="55">
        <f>Bühler!I6753</f>
        <v>0.23805019252234075</v>
      </c>
      <c r="J6727" s="58">
        <f>Bühler!J6753</f>
        <v>4.5471458600697252</v>
      </c>
      <c r="K6727" s="58">
        <f>Bühler!K6753</f>
        <v>0.21916689947748574</v>
      </c>
      <c r="L6727" s="58">
        <f>Bühler!L6753</f>
        <v>0.10958344973874287</v>
      </c>
      <c r="M6727" s="57">
        <f>Bühler!M6753</f>
        <v>0</v>
      </c>
      <c r="N6727" s="55">
        <f>IF(Input!$K$13=1,J6727*Input!$J$13,0)+IF(Input!$K$14=1,K6727*Input!$J$14,0)+IF(Input!$K$15=1,L6727*Input!$J$15,0)+IF(Input!$K$16=1,M6727*Input!$J$16,0)</f>
        <v>0.54565750320836703</v>
      </c>
      <c r="O6727" s="58">
        <f>IF(Input!$K$13=2,J6727*Input!$J$13,0)+IF(Input!$K$14=2,K6727*Input!$J$14,0)+IF(Input!$K$15=2,L6727*Input!$J$15,0)+IF(Input!$K$16=2,M6727*Input!$J$16,0)</f>
        <v>2.9587531429460572E-2</v>
      </c>
      <c r="P6727" s="58">
        <f>IF(Input!$K$13=3,J6727*Input!$J$13,0)+IF(Input!$K$14=3,K6727*Input!$J$14,0)+IF(Input!$K$15=3,L6727*Input!$J$15,0)+IF(Input!$K$16=3,M6727*Input!$J$16,0)</f>
        <v>0</v>
      </c>
      <c r="Q6727" s="71">
        <f>IF(Input!$K$13=4,J6727*Input!$J$13,0)+IF(Input!$K$14=4,K6727*Input!$J$14,0)+IF(Input!$K$15=4,L6727*Input!$J$15,0)+IF(Input!$K$16=4,M6727*Input!$J$16,0)</f>
        <v>0</v>
      </c>
    </row>
    <row r="6728" spans="8:17" x14ac:dyDescent="0.25">
      <c r="H6728" s="43">
        <v>6721</v>
      </c>
      <c r="I6728" s="55">
        <f>Bühler!I6754</f>
        <v>0.36560596589454164</v>
      </c>
      <c r="J6728" s="58">
        <f>Bühler!J6754</f>
        <v>4.8937965850653971</v>
      </c>
      <c r="K6728" s="58">
        <f>Bühler!K6754</f>
        <v>0.22189285389128252</v>
      </c>
      <c r="L6728" s="58">
        <f>Bühler!L6754</f>
        <v>0.11094642694564126</v>
      </c>
      <c r="M6728" s="57">
        <f>Bühler!M6754</f>
        <v>0</v>
      </c>
      <c r="N6728" s="55">
        <f>IF(Input!$K$13=1,J6728*Input!$J$13,0)+IF(Input!$K$14=1,K6728*Input!$J$14,0)+IF(Input!$K$15=1,L6728*Input!$J$15,0)+IF(Input!$K$16=1,M6728*Input!$J$16,0)</f>
        <v>0.58725559020784768</v>
      </c>
      <c r="O6728" s="58">
        <f>IF(Input!$K$13=2,J6728*Input!$J$13,0)+IF(Input!$K$14=2,K6728*Input!$J$14,0)+IF(Input!$K$15=2,L6728*Input!$J$15,0)+IF(Input!$K$16=2,M6728*Input!$J$16,0)</f>
        <v>2.9955535275323138E-2</v>
      </c>
      <c r="P6728" s="58">
        <f>IF(Input!$K$13=3,J6728*Input!$J$13,0)+IF(Input!$K$14=3,K6728*Input!$J$14,0)+IF(Input!$K$15=3,L6728*Input!$J$15,0)+IF(Input!$K$16=3,M6728*Input!$J$16,0)</f>
        <v>0</v>
      </c>
      <c r="Q6728" s="71">
        <f>IF(Input!$K$13=4,J6728*Input!$J$13,0)+IF(Input!$K$14=4,K6728*Input!$J$14,0)+IF(Input!$K$15=4,L6728*Input!$J$15,0)+IF(Input!$K$16=4,M6728*Input!$J$16,0)</f>
        <v>0</v>
      </c>
    </row>
    <row r="6729" spans="8:17" x14ac:dyDescent="0.25">
      <c r="H6729" s="43">
        <v>6722</v>
      </c>
      <c r="I6729" s="55">
        <f>Bühler!I6755</f>
        <v>0.42457467007108063</v>
      </c>
      <c r="J6729" s="58">
        <f>Bühler!J6755</f>
        <v>4.8962536144060858</v>
      </c>
      <c r="K6729" s="58">
        <f>Bühler!K6755</f>
        <v>0.22189285389128252</v>
      </c>
      <c r="L6729" s="58">
        <f>Bühler!L6755</f>
        <v>0.11094642694564126</v>
      </c>
      <c r="M6729" s="57">
        <f>Bühler!M6755</f>
        <v>0</v>
      </c>
      <c r="N6729" s="55">
        <f>IF(Input!$K$13=1,J6729*Input!$J$13,0)+IF(Input!$K$14=1,K6729*Input!$J$14,0)+IF(Input!$K$15=1,L6729*Input!$J$15,0)+IF(Input!$K$16=1,M6729*Input!$J$16,0)</f>
        <v>0.58755043372873028</v>
      </c>
      <c r="O6729" s="58">
        <f>IF(Input!$K$13=2,J6729*Input!$J$13,0)+IF(Input!$K$14=2,K6729*Input!$J$14,0)+IF(Input!$K$15=2,L6729*Input!$J$15,0)+IF(Input!$K$16=2,M6729*Input!$J$16,0)</f>
        <v>2.9955535275323138E-2</v>
      </c>
      <c r="P6729" s="58">
        <f>IF(Input!$K$13=3,J6729*Input!$J$13,0)+IF(Input!$K$14=3,K6729*Input!$J$14,0)+IF(Input!$K$15=3,L6729*Input!$J$15,0)+IF(Input!$K$16=3,M6729*Input!$J$16,0)</f>
        <v>0</v>
      </c>
      <c r="Q6729" s="71">
        <f>IF(Input!$K$13=4,J6729*Input!$J$13,0)+IF(Input!$K$14=4,K6729*Input!$J$14,0)+IF(Input!$K$15=4,L6729*Input!$J$15,0)+IF(Input!$K$16=4,M6729*Input!$J$16,0)</f>
        <v>0</v>
      </c>
    </row>
    <row r="6730" spans="8:17" x14ac:dyDescent="0.25">
      <c r="H6730" s="43">
        <v>6723</v>
      </c>
      <c r="I6730" s="55">
        <f>Bühler!I6756</f>
        <v>0.42457467007108063</v>
      </c>
      <c r="J6730" s="58">
        <f>Bühler!J6756</f>
        <v>4.8962536144060858</v>
      </c>
      <c r="K6730" s="58">
        <f>Bühler!K6756</f>
        <v>0.22189285389128252</v>
      </c>
      <c r="L6730" s="58">
        <f>Bühler!L6756</f>
        <v>0.11094642694564126</v>
      </c>
      <c r="M6730" s="57">
        <f>Bühler!M6756</f>
        <v>0</v>
      </c>
      <c r="N6730" s="55">
        <f>IF(Input!$K$13=1,J6730*Input!$J$13,0)+IF(Input!$K$14=1,K6730*Input!$J$14,0)+IF(Input!$K$15=1,L6730*Input!$J$15,0)+IF(Input!$K$16=1,M6730*Input!$J$16,0)</f>
        <v>0.58755043372873028</v>
      </c>
      <c r="O6730" s="58">
        <f>IF(Input!$K$13=2,J6730*Input!$J$13,0)+IF(Input!$K$14=2,K6730*Input!$J$14,0)+IF(Input!$K$15=2,L6730*Input!$J$15,0)+IF(Input!$K$16=2,M6730*Input!$J$16,0)</f>
        <v>2.9955535275323138E-2</v>
      </c>
      <c r="P6730" s="58">
        <f>IF(Input!$K$13=3,J6730*Input!$J$13,0)+IF(Input!$K$14=3,K6730*Input!$J$14,0)+IF(Input!$K$15=3,L6730*Input!$J$15,0)+IF(Input!$K$16=3,M6730*Input!$J$16,0)</f>
        <v>0</v>
      </c>
      <c r="Q6730" s="71">
        <f>IF(Input!$K$13=4,J6730*Input!$J$13,0)+IF(Input!$K$14=4,K6730*Input!$J$14,0)+IF(Input!$K$15=4,L6730*Input!$J$15,0)+IF(Input!$K$16=4,M6730*Input!$J$16,0)</f>
        <v>0</v>
      </c>
    </row>
    <row r="6731" spans="8:17" x14ac:dyDescent="0.25">
      <c r="H6731" s="43">
        <v>6724</v>
      </c>
      <c r="I6731" s="55">
        <f>Bühler!I6757</f>
        <v>0.42457467007108063</v>
      </c>
      <c r="J6731" s="58">
        <f>Bühler!J6757</f>
        <v>4.8962536144060858</v>
      </c>
      <c r="K6731" s="58">
        <f>Bühler!K6757</f>
        <v>0.22189285389128252</v>
      </c>
      <c r="L6731" s="58">
        <f>Bühler!L6757</f>
        <v>0.11094642694564126</v>
      </c>
      <c r="M6731" s="57">
        <f>Bühler!M6757</f>
        <v>0</v>
      </c>
      <c r="N6731" s="55">
        <f>IF(Input!$K$13=1,J6731*Input!$J$13,0)+IF(Input!$K$14=1,K6731*Input!$J$14,0)+IF(Input!$K$15=1,L6731*Input!$J$15,0)+IF(Input!$K$16=1,M6731*Input!$J$16,0)</f>
        <v>0.58755043372873028</v>
      </c>
      <c r="O6731" s="58">
        <f>IF(Input!$K$13=2,J6731*Input!$J$13,0)+IF(Input!$K$14=2,K6731*Input!$J$14,0)+IF(Input!$K$15=2,L6731*Input!$J$15,0)+IF(Input!$K$16=2,M6731*Input!$J$16,0)</f>
        <v>2.9955535275323138E-2</v>
      </c>
      <c r="P6731" s="58">
        <f>IF(Input!$K$13=3,J6731*Input!$J$13,0)+IF(Input!$K$14=3,K6731*Input!$J$14,0)+IF(Input!$K$15=3,L6731*Input!$J$15,0)+IF(Input!$K$16=3,M6731*Input!$J$16,0)</f>
        <v>0</v>
      </c>
      <c r="Q6731" s="71">
        <f>IF(Input!$K$13=4,J6731*Input!$J$13,0)+IF(Input!$K$14=4,K6731*Input!$J$14,0)+IF(Input!$K$15=4,L6731*Input!$J$15,0)+IF(Input!$K$16=4,M6731*Input!$J$16,0)</f>
        <v>0</v>
      </c>
    </row>
    <row r="6732" spans="8:17" x14ac:dyDescent="0.25">
      <c r="H6732" s="43">
        <v>6725</v>
      </c>
      <c r="I6732" s="55">
        <f>Bühler!I6758</f>
        <v>0.42457467007108063</v>
      </c>
      <c r="J6732" s="58">
        <f>Bühler!J6758</f>
        <v>4.8962536144060858</v>
      </c>
      <c r="K6732" s="58">
        <f>Bühler!K6758</f>
        <v>0.22189285389128252</v>
      </c>
      <c r="L6732" s="58">
        <f>Bühler!L6758</f>
        <v>0.11094642694564126</v>
      </c>
      <c r="M6732" s="57">
        <f>Bühler!M6758</f>
        <v>0</v>
      </c>
      <c r="N6732" s="55">
        <f>IF(Input!$K$13=1,J6732*Input!$J$13,0)+IF(Input!$K$14=1,K6732*Input!$J$14,0)+IF(Input!$K$15=1,L6732*Input!$J$15,0)+IF(Input!$K$16=1,M6732*Input!$J$16,0)</f>
        <v>0.58755043372873028</v>
      </c>
      <c r="O6732" s="58">
        <f>IF(Input!$K$13=2,J6732*Input!$J$13,0)+IF(Input!$K$14=2,K6732*Input!$J$14,0)+IF(Input!$K$15=2,L6732*Input!$J$15,0)+IF(Input!$K$16=2,M6732*Input!$J$16,0)</f>
        <v>2.9955535275323138E-2</v>
      </c>
      <c r="P6732" s="58">
        <f>IF(Input!$K$13=3,J6732*Input!$J$13,0)+IF(Input!$K$14=3,K6732*Input!$J$14,0)+IF(Input!$K$15=3,L6732*Input!$J$15,0)+IF(Input!$K$16=3,M6732*Input!$J$16,0)</f>
        <v>0</v>
      </c>
      <c r="Q6732" s="71">
        <f>IF(Input!$K$13=4,J6732*Input!$J$13,0)+IF(Input!$K$14=4,K6732*Input!$J$14,0)+IF(Input!$K$15=4,L6732*Input!$J$15,0)+IF(Input!$K$16=4,M6732*Input!$J$16,0)</f>
        <v>0</v>
      </c>
    </row>
    <row r="6733" spans="8:17" x14ac:dyDescent="0.25">
      <c r="H6733" s="43">
        <v>6726</v>
      </c>
      <c r="I6733" s="55">
        <f>Bühler!I6759</f>
        <v>0.53071833758885067</v>
      </c>
      <c r="J6733" s="58">
        <f>Bühler!J6759</f>
        <v>4.9006762672193265</v>
      </c>
      <c r="K6733" s="58">
        <f>Bühler!K6759</f>
        <v>0.22189285389128252</v>
      </c>
      <c r="L6733" s="58">
        <f>Bühler!L6759</f>
        <v>0.11094642694564126</v>
      </c>
      <c r="M6733" s="57">
        <f>Bühler!M6759</f>
        <v>0</v>
      </c>
      <c r="N6733" s="55">
        <f>IF(Input!$K$13=1,J6733*Input!$J$13,0)+IF(Input!$K$14=1,K6733*Input!$J$14,0)+IF(Input!$K$15=1,L6733*Input!$J$15,0)+IF(Input!$K$16=1,M6733*Input!$J$16,0)</f>
        <v>0.58808115206631917</v>
      </c>
      <c r="O6733" s="58">
        <f>IF(Input!$K$13=2,J6733*Input!$J$13,0)+IF(Input!$K$14=2,K6733*Input!$J$14,0)+IF(Input!$K$15=2,L6733*Input!$J$15,0)+IF(Input!$K$16=2,M6733*Input!$J$16,0)</f>
        <v>2.9955535275323138E-2</v>
      </c>
      <c r="P6733" s="58">
        <f>IF(Input!$K$13=3,J6733*Input!$J$13,0)+IF(Input!$K$14=3,K6733*Input!$J$14,0)+IF(Input!$K$15=3,L6733*Input!$J$15,0)+IF(Input!$K$16=3,M6733*Input!$J$16,0)</f>
        <v>0</v>
      </c>
      <c r="Q6733" s="71">
        <f>IF(Input!$K$13=4,J6733*Input!$J$13,0)+IF(Input!$K$14=4,K6733*Input!$J$14,0)+IF(Input!$K$15=4,L6733*Input!$J$15,0)+IF(Input!$K$16=4,M6733*Input!$J$16,0)</f>
        <v>0</v>
      </c>
    </row>
    <row r="6734" spans="8:17" x14ac:dyDescent="0.25">
      <c r="H6734" s="43">
        <v>6727</v>
      </c>
      <c r="I6734" s="55">
        <f>Bühler!I6760</f>
        <v>0.62506826427131323</v>
      </c>
      <c r="J6734" s="58">
        <f>Bühler!J6760</f>
        <v>4.9046075141644287</v>
      </c>
      <c r="K6734" s="58">
        <f>Bühler!K6760</f>
        <v>0.22189285389128252</v>
      </c>
      <c r="L6734" s="58">
        <f>Bühler!L6760</f>
        <v>0.11094642694564126</v>
      </c>
      <c r="M6734" s="57">
        <f>Bühler!M6760</f>
        <v>0</v>
      </c>
      <c r="N6734" s="55">
        <f>IF(Input!$K$13=1,J6734*Input!$J$13,0)+IF(Input!$K$14=1,K6734*Input!$J$14,0)+IF(Input!$K$15=1,L6734*Input!$J$15,0)+IF(Input!$K$16=1,M6734*Input!$J$16,0)</f>
        <v>0.5885529016997314</v>
      </c>
      <c r="O6734" s="58">
        <f>IF(Input!$K$13=2,J6734*Input!$J$13,0)+IF(Input!$K$14=2,K6734*Input!$J$14,0)+IF(Input!$K$15=2,L6734*Input!$J$15,0)+IF(Input!$K$16=2,M6734*Input!$J$16,0)</f>
        <v>2.9955535275323138E-2</v>
      </c>
      <c r="P6734" s="58">
        <f>IF(Input!$K$13=3,J6734*Input!$J$13,0)+IF(Input!$K$14=3,K6734*Input!$J$14,0)+IF(Input!$K$15=3,L6734*Input!$J$15,0)+IF(Input!$K$16=3,M6734*Input!$J$16,0)</f>
        <v>0</v>
      </c>
      <c r="Q6734" s="71">
        <f>IF(Input!$K$13=4,J6734*Input!$J$13,0)+IF(Input!$K$14=4,K6734*Input!$J$14,0)+IF(Input!$K$15=4,L6734*Input!$J$15,0)+IF(Input!$K$16=4,M6734*Input!$J$16,0)</f>
        <v>0</v>
      </c>
    </row>
    <row r="6735" spans="8:17" x14ac:dyDescent="0.25">
      <c r="H6735" s="43">
        <v>6728</v>
      </c>
      <c r="I6735" s="55">
        <f>Bühler!I6761</f>
        <v>0.7430056726243911</v>
      </c>
      <c r="J6735" s="58">
        <f>Bühler!J6761</f>
        <v>4.909521572845807</v>
      </c>
      <c r="K6735" s="58">
        <f>Bühler!K6761</f>
        <v>0.22189285389128252</v>
      </c>
      <c r="L6735" s="58">
        <f>Bühler!L6761</f>
        <v>0.11094642694564126</v>
      </c>
      <c r="M6735" s="57">
        <f>Bühler!M6761</f>
        <v>0</v>
      </c>
      <c r="N6735" s="55">
        <f>IF(Input!$K$13=1,J6735*Input!$J$13,0)+IF(Input!$K$14=1,K6735*Input!$J$14,0)+IF(Input!$K$15=1,L6735*Input!$J$15,0)+IF(Input!$K$16=1,M6735*Input!$J$16,0)</f>
        <v>0.58914258874149683</v>
      </c>
      <c r="O6735" s="58">
        <f>IF(Input!$K$13=2,J6735*Input!$J$13,0)+IF(Input!$K$14=2,K6735*Input!$J$14,0)+IF(Input!$K$15=2,L6735*Input!$J$15,0)+IF(Input!$K$16=2,M6735*Input!$J$16,0)</f>
        <v>2.9955535275323138E-2</v>
      </c>
      <c r="P6735" s="58">
        <f>IF(Input!$K$13=3,J6735*Input!$J$13,0)+IF(Input!$K$14=3,K6735*Input!$J$14,0)+IF(Input!$K$15=3,L6735*Input!$J$15,0)+IF(Input!$K$16=3,M6735*Input!$J$16,0)</f>
        <v>0</v>
      </c>
      <c r="Q6735" s="71">
        <f>IF(Input!$K$13=4,J6735*Input!$J$13,0)+IF(Input!$K$14=4,K6735*Input!$J$14,0)+IF(Input!$K$15=4,L6735*Input!$J$15,0)+IF(Input!$K$16=4,M6735*Input!$J$16,0)</f>
        <v>0</v>
      </c>
    </row>
    <row r="6736" spans="8:17" x14ac:dyDescent="0.25">
      <c r="H6736" s="43">
        <v>6729</v>
      </c>
      <c r="I6736" s="55">
        <f>Bühler!I6762</f>
        <v>0.7430056726243911</v>
      </c>
      <c r="J6736" s="58">
        <f>Bühler!J6762</f>
        <v>4.909521572845807</v>
      </c>
      <c r="K6736" s="58">
        <f>Bühler!K6762</f>
        <v>0.22189285389128252</v>
      </c>
      <c r="L6736" s="58">
        <f>Bühler!L6762</f>
        <v>0.11094642694564126</v>
      </c>
      <c r="M6736" s="57">
        <f>Bühler!M6762</f>
        <v>0</v>
      </c>
      <c r="N6736" s="55">
        <f>IF(Input!$K$13=1,J6736*Input!$J$13,0)+IF(Input!$K$14=1,K6736*Input!$J$14,0)+IF(Input!$K$15=1,L6736*Input!$J$15,0)+IF(Input!$K$16=1,M6736*Input!$J$16,0)</f>
        <v>0.58914258874149683</v>
      </c>
      <c r="O6736" s="58">
        <f>IF(Input!$K$13=2,J6736*Input!$J$13,0)+IF(Input!$K$14=2,K6736*Input!$J$14,0)+IF(Input!$K$15=2,L6736*Input!$J$15,0)+IF(Input!$K$16=2,M6736*Input!$J$16,0)</f>
        <v>2.9955535275323138E-2</v>
      </c>
      <c r="P6736" s="58">
        <f>IF(Input!$K$13=3,J6736*Input!$J$13,0)+IF(Input!$K$14=3,K6736*Input!$J$14,0)+IF(Input!$K$15=3,L6736*Input!$J$15,0)+IF(Input!$K$16=3,M6736*Input!$J$16,0)</f>
        <v>0</v>
      </c>
      <c r="Q6736" s="71">
        <f>IF(Input!$K$13=4,J6736*Input!$J$13,0)+IF(Input!$K$14=4,K6736*Input!$J$14,0)+IF(Input!$K$15=4,L6736*Input!$J$15,0)+IF(Input!$K$16=4,M6736*Input!$J$16,0)</f>
        <v>0</v>
      </c>
    </row>
    <row r="6737" spans="8:17" x14ac:dyDescent="0.25">
      <c r="H6737" s="43">
        <v>6730</v>
      </c>
      <c r="I6737" s="55">
        <f>Bühler!I6763</f>
        <v>0.7430056726243911</v>
      </c>
      <c r="J6737" s="58">
        <f>Bühler!J6763</f>
        <v>4.909521572845807</v>
      </c>
      <c r="K6737" s="58">
        <f>Bühler!K6763</f>
        <v>0.22189285389128252</v>
      </c>
      <c r="L6737" s="58">
        <f>Bühler!L6763</f>
        <v>0.11094642694564126</v>
      </c>
      <c r="M6737" s="57">
        <f>Bühler!M6763</f>
        <v>0</v>
      </c>
      <c r="N6737" s="55">
        <f>IF(Input!$K$13=1,J6737*Input!$J$13,0)+IF(Input!$K$14=1,K6737*Input!$J$14,0)+IF(Input!$K$15=1,L6737*Input!$J$15,0)+IF(Input!$K$16=1,M6737*Input!$J$16,0)</f>
        <v>0.58914258874149683</v>
      </c>
      <c r="O6737" s="58">
        <f>IF(Input!$K$13=2,J6737*Input!$J$13,0)+IF(Input!$K$14=2,K6737*Input!$J$14,0)+IF(Input!$K$15=2,L6737*Input!$J$15,0)+IF(Input!$K$16=2,M6737*Input!$J$16,0)</f>
        <v>2.9955535275323138E-2</v>
      </c>
      <c r="P6737" s="58">
        <f>IF(Input!$K$13=3,J6737*Input!$J$13,0)+IF(Input!$K$14=3,K6737*Input!$J$14,0)+IF(Input!$K$15=3,L6737*Input!$J$15,0)+IF(Input!$K$16=3,M6737*Input!$J$16,0)</f>
        <v>0</v>
      </c>
      <c r="Q6737" s="71">
        <f>IF(Input!$K$13=4,J6737*Input!$J$13,0)+IF(Input!$K$14=4,K6737*Input!$J$14,0)+IF(Input!$K$15=4,L6737*Input!$J$15,0)+IF(Input!$K$16=4,M6737*Input!$J$16,0)</f>
        <v>0</v>
      </c>
    </row>
    <row r="6738" spans="8:17" x14ac:dyDescent="0.25">
      <c r="H6738" s="43">
        <v>6731</v>
      </c>
      <c r="I6738" s="55">
        <f>Bühler!I6764</f>
        <v>0.7430056726243911</v>
      </c>
      <c r="J6738" s="58">
        <f>Bühler!J6764</f>
        <v>4.909521572845807</v>
      </c>
      <c r="K6738" s="58">
        <f>Bühler!K6764</f>
        <v>0.22189285389128252</v>
      </c>
      <c r="L6738" s="58">
        <f>Bühler!L6764</f>
        <v>0.11094642694564126</v>
      </c>
      <c r="M6738" s="57">
        <f>Bühler!M6764</f>
        <v>0</v>
      </c>
      <c r="N6738" s="55">
        <f>IF(Input!$K$13=1,J6738*Input!$J$13,0)+IF(Input!$K$14=1,K6738*Input!$J$14,0)+IF(Input!$K$15=1,L6738*Input!$J$15,0)+IF(Input!$K$16=1,M6738*Input!$J$16,0)</f>
        <v>0.58914258874149683</v>
      </c>
      <c r="O6738" s="58">
        <f>IF(Input!$K$13=2,J6738*Input!$J$13,0)+IF(Input!$K$14=2,K6738*Input!$J$14,0)+IF(Input!$K$15=2,L6738*Input!$J$15,0)+IF(Input!$K$16=2,M6738*Input!$J$16,0)</f>
        <v>2.9955535275323138E-2</v>
      </c>
      <c r="P6738" s="58">
        <f>IF(Input!$K$13=3,J6738*Input!$J$13,0)+IF(Input!$K$14=3,K6738*Input!$J$14,0)+IF(Input!$K$15=3,L6738*Input!$J$15,0)+IF(Input!$K$16=3,M6738*Input!$J$16,0)</f>
        <v>0</v>
      </c>
      <c r="Q6738" s="71">
        <f>IF(Input!$K$13=4,J6738*Input!$J$13,0)+IF(Input!$K$14=4,K6738*Input!$J$14,0)+IF(Input!$K$15=4,L6738*Input!$J$15,0)+IF(Input!$K$16=4,M6738*Input!$J$16,0)</f>
        <v>0</v>
      </c>
    </row>
    <row r="6739" spans="8:17" x14ac:dyDescent="0.25">
      <c r="H6739" s="43">
        <v>6732</v>
      </c>
      <c r="I6739" s="55">
        <f>Bühler!I6765</f>
        <v>0.7430056726243911</v>
      </c>
      <c r="J6739" s="58">
        <f>Bühler!J6765</f>
        <v>4.909521572845807</v>
      </c>
      <c r="K6739" s="58">
        <f>Bühler!K6765</f>
        <v>0.22189285389128252</v>
      </c>
      <c r="L6739" s="58">
        <f>Bühler!L6765</f>
        <v>0.11094642694564126</v>
      </c>
      <c r="M6739" s="57">
        <f>Bühler!M6765</f>
        <v>0</v>
      </c>
      <c r="N6739" s="55">
        <f>IF(Input!$K$13=1,J6739*Input!$J$13,0)+IF(Input!$K$14=1,K6739*Input!$J$14,0)+IF(Input!$K$15=1,L6739*Input!$J$15,0)+IF(Input!$K$16=1,M6739*Input!$J$16,0)</f>
        <v>0.58914258874149683</v>
      </c>
      <c r="O6739" s="58">
        <f>IF(Input!$K$13=2,J6739*Input!$J$13,0)+IF(Input!$K$14=2,K6739*Input!$J$14,0)+IF(Input!$K$15=2,L6739*Input!$J$15,0)+IF(Input!$K$16=2,M6739*Input!$J$16,0)</f>
        <v>2.9955535275323138E-2</v>
      </c>
      <c r="P6739" s="58">
        <f>IF(Input!$K$13=3,J6739*Input!$J$13,0)+IF(Input!$K$14=3,K6739*Input!$J$14,0)+IF(Input!$K$15=3,L6739*Input!$J$15,0)+IF(Input!$K$16=3,M6739*Input!$J$16,0)</f>
        <v>0</v>
      </c>
      <c r="Q6739" s="71">
        <f>IF(Input!$K$13=4,J6739*Input!$J$13,0)+IF(Input!$K$14=4,K6739*Input!$J$14,0)+IF(Input!$K$15=4,L6739*Input!$J$15,0)+IF(Input!$K$16=4,M6739*Input!$J$16,0)</f>
        <v>0</v>
      </c>
    </row>
    <row r="6740" spans="8:17" x14ac:dyDescent="0.25">
      <c r="H6740" s="43">
        <v>6733</v>
      </c>
      <c r="I6740" s="55">
        <f>Bühler!I6766</f>
        <v>0.7430056726243911</v>
      </c>
      <c r="J6740" s="58">
        <f>Bühler!J6766</f>
        <v>4.909521572845807</v>
      </c>
      <c r="K6740" s="58">
        <f>Bühler!K6766</f>
        <v>0.22189285389128252</v>
      </c>
      <c r="L6740" s="58">
        <f>Bühler!L6766</f>
        <v>0.11094642694564126</v>
      </c>
      <c r="M6740" s="57">
        <f>Bühler!M6766</f>
        <v>0</v>
      </c>
      <c r="N6740" s="55">
        <f>IF(Input!$K$13=1,J6740*Input!$J$13,0)+IF(Input!$K$14=1,K6740*Input!$J$14,0)+IF(Input!$K$15=1,L6740*Input!$J$15,0)+IF(Input!$K$16=1,M6740*Input!$J$16,0)</f>
        <v>0.58914258874149683</v>
      </c>
      <c r="O6740" s="58">
        <f>IF(Input!$K$13=2,J6740*Input!$J$13,0)+IF(Input!$K$14=2,K6740*Input!$J$14,0)+IF(Input!$K$15=2,L6740*Input!$J$15,0)+IF(Input!$K$16=2,M6740*Input!$J$16,0)</f>
        <v>2.9955535275323138E-2</v>
      </c>
      <c r="P6740" s="58">
        <f>IF(Input!$K$13=3,J6740*Input!$J$13,0)+IF(Input!$K$14=3,K6740*Input!$J$14,0)+IF(Input!$K$15=3,L6740*Input!$J$15,0)+IF(Input!$K$16=3,M6740*Input!$J$16,0)</f>
        <v>0</v>
      </c>
      <c r="Q6740" s="71">
        <f>IF(Input!$K$13=4,J6740*Input!$J$13,0)+IF(Input!$K$14=4,K6740*Input!$J$14,0)+IF(Input!$K$15=4,L6740*Input!$J$15,0)+IF(Input!$K$16=4,M6740*Input!$J$16,0)</f>
        <v>0</v>
      </c>
    </row>
    <row r="6741" spans="8:17" x14ac:dyDescent="0.25">
      <c r="H6741" s="43">
        <v>6734</v>
      </c>
      <c r="I6741" s="55">
        <f>Bühler!I6767</f>
        <v>0.7430056726243911</v>
      </c>
      <c r="J6741" s="58">
        <f>Bühler!J6767</f>
        <v>4.909521572845807</v>
      </c>
      <c r="K6741" s="58">
        <f>Bühler!K6767</f>
        <v>0.22189285389128252</v>
      </c>
      <c r="L6741" s="58">
        <f>Bühler!L6767</f>
        <v>0.11094642694564126</v>
      </c>
      <c r="M6741" s="57">
        <f>Bühler!M6767</f>
        <v>0</v>
      </c>
      <c r="N6741" s="55">
        <f>IF(Input!$K$13=1,J6741*Input!$J$13,0)+IF(Input!$K$14=1,K6741*Input!$J$14,0)+IF(Input!$K$15=1,L6741*Input!$J$15,0)+IF(Input!$K$16=1,M6741*Input!$J$16,0)</f>
        <v>0.58914258874149683</v>
      </c>
      <c r="O6741" s="58">
        <f>IF(Input!$K$13=2,J6741*Input!$J$13,0)+IF(Input!$K$14=2,K6741*Input!$J$14,0)+IF(Input!$K$15=2,L6741*Input!$J$15,0)+IF(Input!$K$16=2,M6741*Input!$J$16,0)</f>
        <v>2.9955535275323138E-2</v>
      </c>
      <c r="P6741" s="58">
        <f>IF(Input!$K$13=3,J6741*Input!$J$13,0)+IF(Input!$K$14=3,K6741*Input!$J$14,0)+IF(Input!$K$15=3,L6741*Input!$J$15,0)+IF(Input!$K$16=3,M6741*Input!$J$16,0)</f>
        <v>0</v>
      </c>
      <c r="Q6741" s="71">
        <f>IF(Input!$K$13=4,J6741*Input!$J$13,0)+IF(Input!$K$14=4,K6741*Input!$J$14,0)+IF(Input!$K$15=4,L6741*Input!$J$15,0)+IF(Input!$K$16=4,M6741*Input!$J$16,0)</f>
        <v>0</v>
      </c>
    </row>
    <row r="6742" spans="8:17" x14ac:dyDescent="0.25">
      <c r="H6742" s="43">
        <v>6735</v>
      </c>
      <c r="I6742" s="55">
        <f>Bühler!I6768</f>
        <v>0.7430056726243911</v>
      </c>
      <c r="J6742" s="58">
        <f>Bühler!J6768</f>
        <v>4.909521572845807</v>
      </c>
      <c r="K6742" s="58">
        <f>Bühler!K6768</f>
        <v>0.22189285389128252</v>
      </c>
      <c r="L6742" s="58">
        <f>Bühler!L6768</f>
        <v>0.11094642694564126</v>
      </c>
      <c r="M6742" s="57">
        <f>Bühler!M6768</f>
        <v>0</v>
      </c>
      <c r="N6742" s="55">
        <f>IF(Input!$K$13=1,J6742*Input!$J$13,0)+IF(Input!$K$14=1,K6742*Input!$J$14,0)+IF(Input!$K$15=1,L6742*Input!$J$15,0)+IF(Input!$K$16=1,M6742*Input!$J$16,0)</f>
        <v>0.58914258874149683</v>
      </c>
      <c r="O6742" s="58">
        <f>IF(Input!$K$13=2,J6742*Input!$J$13,0)+IF(Input!$K$14=2,K6742*Input!$J$14,0)+IF(Input!$K$15=2,L6742*Input!$J$15,0)+IF(Input!$K$16=2,M6742*Input!$J$16,0)</f>
        <v>2.9955535275323138E-2</v>
      </c>
      <c r="P6742" s="58">
        <f>IF(Input!$K$13=3,J6742*Input!$J$13,0)+IF(Input!$K$14=3,K6742*Input!$J$14,0)+IF(Input!$K$15=3,L6742*Input!$J$15,0)+IF(Input!$K$16=3,M6742*Input!$J$16,0)</f>
        <v>0</v>
      </c>
      <c r="Q6742" s="71">
        <f>IF(Input!$K$13=4,J6742*Input!$J$13,0)+IF(Input!$K$14=4,K6742*Input!$J$14,0)+IF(Input!$K$15=4,L6742*Input!$J$15,0)+IF(Input!$K$16=4,M6742*Input!$J$16,0)</f>
        <v>0</v>
      </c>
    </row>
    <row r="6743" spans="8:17" x14ac:dyDescent="0.25">
      <c r="H6743" s="43">
        <v>6736</v>
      </c>
      <c r="I6743" s="55">
        <f>Bühler!I6769</f>
        <v>0.66044948677723647</v>
      </c>
      <c r="J6743" s="58">
        <f>Bühler!J6769</f>
        <v>4.9060817317688423</v>
      </c>
      <c r="K6743" s="58">
        <f>Bühler!K6769</f>
        <v>0.22189285389128252</v>
      </c>
      <c r="L6743" s="58">
        <f>Bühler!L6769</f>
        <v>0.11094642694564126</v>
      </c>
      <c r="M6743" s="57">
        <f>Bühler!M6769</f>
        <v>0</v>
      </c>
      <c r="N6743" s="55">
        <f>IF(Input!$K$13=1,J6743*Input!$J$13,0)+IF(Input!$K$14=1,K6743*Input!$J$14,0)+IF(Input!$K$15=1,L6743*Input!$J$15,0)+IF(Input!$K$16=1,M6743*Input!$J$16,0)</f>
        <v>0.58872980781226103</v>
      </c>
      <c r="O6743" s="58">
        <f>IF(Input!$K$13=2,J6743*Input!$J$13,0)+IF(Input!$K$14=2,K6743*Input!$J$14,0)+IF(Input!$K$15=2,L6743*Input!$J$15,0)+IF(Input!$K$16=2,M6743*Input!$J$16,0)</f>
        <v>2.9955535275323138E-2</v>
      </c>
      <c r="P6743" s="58">
        <f>IF(Input!$K$13=3,J6743*Input!$J$13,0)+IF(Input!$K$14=3,K6743*Input!$J$14,0)+IF(Input!$K$15=3,L6743*Input!$J$15,0)+IF(Input!$K$16=3,M6743*Input!$J$16,0)</f>
        <v>0</v>
      </c>
      <c r="Q6743" s="71">
        <f>IF(Input!$K$13=4,J6743*Input!$J$13,0)+IF(Input!$K$14=4,K6743*Input!$J$14,0)+IF(Input!$K$15=4,L6743*Input!$J$15,0)+IF(Input!$K$16=4,M6743*Input!$J$16,0)</f>
        <v>0</v>
      </c>
    </row>
    <row r="6744" spans="8:17" x14ac:dyDescent="0.25">
      <c r="H6744" s="43">
        <v>6737</v>
      </c>
      <c r="I6744" s="55">
        <f>Bühler!I6770</f>
        <v>0.64865574594192865</v>
      </c>
      <c r="J6744" s="58">
        <f>Bühler!J6770</f>
        <v>4.9055903259007048</v>
      </c>
      <c r="K6744" s="58">
        <f>Bühler!K6770</f>
        <v>0.22189285389128252</v>
      </c>
      <c r="L6744" s="58">
        <f>Bühler!L6770</f>
        <v>0.11094642694564126</v>
      </c>
      <c r="M6744" s="57">
        <f>Bühler!M6770</f>
        <v>0</v>
      </c>
      <c r="N6744" s="55">
        <f>IF(Input!$K$13=1,J6744*Input!$J$13,0)+IF(Input!$K$14=1,K6744*Input!$J$14,0)+IF(Input!$K$15=1,L6744*Input!$J$15,0)+IF(Input!$K$16=1,M6744*Input!$J$16,0)</f>
        <v>0.5886708391080846</v>
      </c>
      <c r="O6744" s="58">
        <f>IF(Input!$K$13=2,J6744*Input!$J$13,0)+IF(Input!$K$14=2,K6744*Input!$J$14,0)+IF(Input!$K$15=2,L6744*Input!$J$15,0)+IF(Input!$K$16=2,M6744*Input!$J$16,0)</f>
        <v>2.9955535275323138E-2</v>
      </c>
      <c r="P6744" s="58">
        <f>IF(Input!$K$13=3,J6744*Input!$J$13,0)+IF(Input!$K$14=3,K6744*Input!$J$14,0)+IF(Input!$K$15=3,L6744*Input!$J$15,0)+IF(Input!$K$16=3,M6744*Input!$J$16,0)</f>
        <v>0</v>
      </c>
      <c r="Q6744" s="71">
        <f>IF(Input!$K$13=4,J6744*Input!$J$13,0)+IF(Input!$K$14=4,K6744*Input!$J$14,0)+IF(Input!$K$15=4,L6744*Input!$J$15,0)+IF(Input!$K$16=4,M6744*Input!$J$16,0)</f>
        <v>0</v>
      </c>
    </row>
    <row r="6745" spans="8:17" x14ac:dyDescent="0.25">
      <c r="H6745" s="43">
        <v>6738</v>
      </c>
      <c r="I6745" s="55">
        <f>Bühler!I6771</f>
        <v>0.55430581925946643</v>
      </c>
      <c r="J6745" s="58">
        <f>Bühler!J6771</f>
        <v>4.9016590789556025</v>
      </c>
      <c r="K6745" s="58">
        <f>Bühler!K6771</f>
        <v>0.22189285389128252</v>
      </c>
      <c r="L6745" s="58">
        <f>Bühler!L6771</f>
        <v>0.11094642694564126</v>
      </c>
      <c r="M6745" s="57">
        <f>Bühler!M6771</f>
        <v>0</v>
      </c>
      <c r="N6745" s="55">
        <f>IF(Input!$K$13=1,J6745*Input!$J$13,0)+IF(Input!$K$14=1,K6745*Input!$J$14,0)+IF(Input!$K$15=1,L6745*Input!$J$15,0)+IF(Input!$K$16=1,M6745*Input!$J$16,0)</f>
        <v>0.58819908947467225</v>
      </c>
      <c r="O6745" s="58">
        <f>IF(Input!$K$13=2,J6745*Input!$J$13,0)+IF(Input!$K$14=2,K6745*Input!$J$14,0)+IF(Input!$K$15=2,L6745*Input!$J$15,0)+IF(Input!$K$16=2,M6745*Input!$J$16,0)</f>
        <v>2.9955535275323138E-2</v>
      </c>
      <c r="P6745" s="58">
        <f>IF(Input!$K$13=3,J6745*Input!$J$13,0)+IF(Input!$K$14=3,K6745*Input!$J$14,0)+IF(Input!$K$15=3,L6745*Input!$J$15,0)+IF(Input!$K$16=3,M6745*Input!$J$16,0)</f>
        <v>0</v>
      </c>
      <c r="Q6745" s="71">
        <f>IF(Input!$K$13=4,J6745*Input!$J$13,0)+IF(Input!$K$14=4,K6745*Input!$J$14,0)+IF(Input!$K$15=4,L6745*Input!$J$15,0)+IF(Input!$K$16=4,M6745*Input!$J$16,0)</f>
        <v>0</v>
      </c>
    </row>
    <row r="6746" spans="8:17" x14ac:dyDescent="0.25">
      <c r="H6746" s="43">
        <v>6739</v>
      </c>
      <c r="I6746" s="55">
        <f>Bühler!I6772</f>
        <v>0.51892459675354308</v>
      </c>
      <c r="J6746" s="58">
        <f>Bühler!J6772</f>
        <v>4.9001848613511889</v>
      </c>
      <c r="K6746" s="58">
        <f>Bühler!K6772</f>
        <v>0.22189285389128252</v>
      </c>
      <c r="L6746" s="58">
        <f>Bühler!L6772</f>
        <v>0.11094642694564126</v>
      </c>
      <c r="M6746" s="57">
        <f>Bühler!M6772</f>
        <v>0</v>
      </c>
      <c r="N6746" s="55">
        <f>IF(Input!$K$13=1,J6746*Input!$J$13,0)+IF(Input!$K$14=1,K6746*Input!$J$14,0)+IF(Input!$K$15=1,L6746*Input!$J$15,0)+IF(Input!$K$16=1,M6746*Input!$J$16,0)</f>
        <v>0.58802218336214263</v>
      </c>
      <c r="O6746" s="58">
        <f>IF(Input!$K$13=2,J6746*Input!$J$13,0)+IF(Input!$K$14=2,K6746*Input!$J$14,0)+IF(Input!$K$15=2,L6746*Input!$J$15,0)+IF(Input!$K$16=2,M6746*Input!$J$16,0)</f>
        <v>2.9955535275323138E-2</v>
      </c>
      <c r="P6746" s="58">
        <f>IF(Input!$K$13=3,J6746*Input!$J$13,0)+IF(Input!$K$14=3,K6746*Input!$J$14,0)+IF(Input!$K$15=3,L6746*Input!$J$15,0)+IF(Input!$K$16=3,M6746*Input!$J$16,0)</f>
        <v>0</v>
      </c>
      <c r="Q6746" s="71">
        <f>IF(Input!$K$13=4,J6746*Input!$J$13,0)+IF(Input!$K$14=4,K6746*Input!$J$14,0)+IF(Input!$K$15=4,L6746*Input!$J$15,0)+IF(Input!$K$16=4,M6746*Input!$J$16,0)</f>
        <v>0</v>
      </c>
    </row>
    <row r="6747" spans="8:17" x14ac:dyDescent="0.25">
      <c r="H6747" s="43">
        <v>6740</v>
      </c>
      <c r="I6747" s="55">
        <f>Bühler!I6773</f>
        <v>0.43636841090638845</v>
      </c>
      <c r="J6747" s="58">
        <f>Bühler!J6773</f>
        <v>4.8967450202742242</v>
      </c>
      <c r="K6747" s="58">
        <f>Bühler!K6773</f>
        <v>0.22189285389128252</v>
      </c>
      <c r="L6747" s="58">
        <f>Bühler!L6773</f>
        <v>0.11094642694564126</v>
      </c>
      <c r="M6747" s="57">
        <f>Bühler!M6773</f>
        <v>0</v>
      </c>
      <c r="N6747" s="55">
        <f>IF(Input!$K$13=1,J6747*Input!$J$13,0)+IF(Input!$K$14=1,K6747*Input!$J$14,0)+IF(Input!$K$15=1,L6747*Input!$J$15,0)+IF(Input!$K$16=1,M6747*Input!$J$16,0)</f>
        <v>0.58760940243290694</v>
      </c>
      <c r="O6747" s="58">
        <f>IF(Input!$K$13=2,J6747*Input!$J$13,0)+IF(Input!$K$14=2,K6747*Input!$J$14,0)+IF(Input!$K$15=2,L6747*Input!$J$15,0)+IF(Input!$K$16=2,M6747*Input!$J$16,0)</f>
        <v>2.9955535275323138E-2</v>
      </c>
      <c r="P6747" s="58">
        <f>IF(Input!$K$13=3,J6747*Input!$J$13,0)+IF(Input!$K$14=3,K6747*Input!$J$14,0)+IF(Input!$K$15=3,L6747*Input!$J$15,0)+IF(Input!$K$16=3,M6747*Input!$J$16,0)</f>
        <v>0</v>
      </c>
      <c r="Q6747" s="71">
        <f>IF(Input!$K$13=4,J6747*Input!$J$13,0)+IF(Input!$K$14=4,K6747*Input!$J$14,0)+IF(Input!$K$15=4,L6747*Input!$J$15,0)+IF(Input!$K$16=4,M6747*Input!$J$16,0)</f>
        <v>0</v>
      </c>
    </row>
    <row r="6748" spans="8:17" x14ac:dyDescent="0.25">
      <c r="H6748" s="43">
        <v>6741</v>
      </c>
      <c r="I6748" s="55">
        <f>Bühler!I6774</f>
        <v>0.36560596589454164</v>
      </c>
      <c r="J6748" s="58">
        <f>Bühler!J6774</f>
        <v>4.8937965850653971</v>
      </c>
      <c r="K6748" s="58">
        <f>Bühler!K6774</f>
        <v>0.22189285389128252</v>
      </c>
      <c r="L6748" s="58">
        <f>Bühler!L6774</f>
        <v>0.11094642694564126</v>
      </c>
      <c r="M6748" s="57">
        <f>Bühler!M6774</f>
        <v>0</v>
      </c>
      <c r="N6748" s="55">
        <f>IF(Input!$K$13=1,J6748*Input!$J$13,0)+IF(Input!$K$14=1,K6748*Input!$J$14,0)+IF(Input!$K$15=1,L6748*Input!$J$15,0)+IF(Input!$K$16=1,M6748*Input!$J$16,0)</f>
        <v>0.58725559020784768</v>
      </c>
      <c r="O6748" s="58">
        <f>IF(Input!$K$13=2,J6748*Input!$J$13,0)+IF(Input!$K$14=2,K6748*Input!$J$14,0)+IF(Input!$K$15=2,L6748*Input!$J$15,0)+IF(Input!$K$16=2,M6748*Input!$J$16,0)</f>
        <v>2.9955535275323138E-2</v>
      </c>
      <c r="P6748" s="58">
        <f>IF(Input!$K$13=3,J6748*Input!$J$13,0)+IF(Input!$K$14=3,K6748*Input!$J$14,0)+IF(Input!$K$15=3,L6748*Input!$J$15,0)+IF(Input!$K$16=3,M6748*Input!$J$16,0)</f>
        <v>0</v>
      </c>
      <c r="Q6748" s="71">
        <f>IF(Input!$K$13=4,J6748*Input!$J$13,0)+IF(Input!$K$14=4,K6748*Input!$J$14,0)+IF(Input!$K$15=4,L6748*Input!$J$15,0)+IF(Input!$K$16=4,M6748*Input!$J$16,0)</f>
        <v>0</v>
      </c>
    </row>
    <row r="6749" spans="8:17" x14ac:dyDescent="0.25">
      <c r="H6749" s="43">
        <v>6742</v>
      </c>
      <c r="I6749" s="55">
        <f>Bühler!I6775</f>
        <v>0.31843100255331047</v>
      </c>
      <c r="J6749" s="58">
        <f>Bühler!J6775</f>
        <v>4.8918309615928459</v>
      </c>
      <c r="K6749" s="58">
        <f>Bühler!K6775</f>
        <v>0.22189285389128252</v>
      </c>
      <c r="L6749" s="58">
        <f>Bühler!L6775</f>
        <v>0.11094642694564126</v>
      </c>
      <c r="M6749" s="57">
        <f>Bühler!M6775</f>
        <v>0</v>
      </c>
      <c r="N6749" s="55">
        <f>IF(Input!$K$13=1,J6749*Input!$J$13,0)+IF(Input!$K$14=1,K6749*Input!$J$14,0)+IF(Input!$K$15=1,L6749*Input!$J$15,0)+IF(Input!$K$16=1,M6749*Input!$J$16,0)</f>
        <v>0.58701971539114151</v>
      </c>
      <c r="O6749" s="58">
        <f>IF(Input!$K$13=2,J6749*Input!$J$13,0)+IF(Input!$K$14=2,K6749*Input!$J$14,0)+IF(Input!$K$15=2,L6749*Input!$J$15,0)+IF(Input!$K$16=2,M6749*Input!$J$16,0)</f>
        <v>2.9955535275323138E-2</v>
      </c>
      <c r="P6749" s="58">
        <f>IF(Input!$K$13=3,J6749*Input!$J$13,0)+IF(Input!$K$14=3,K6749*Input!$J$14,0)+IF(Input!$K$15=3,L6749*Input!$J$15,0)+IF(Input!$K$16=3,M6749*Input!$J$16,0)</f>
        <v>0</v>
      </c>
      <c r="Q6749" s="71">
        <f>IF(Input!$K$13=4,J6749*Input!$J$13,0)+IF(Input!$K$14=4,K6749*Input!$J$14,0)+IF(Input!$K$15=4,L6749*Input!$J$15,0)+IF(Input!$K$16=4,M6749*Input!$J$16,0)</f>
        <v>0</v>
      </c>
    </row>
    <row r="6750" spans="8:17" x14ac:dyDescent="0.25">
      <c r="H6750" s="43">
        <v>6743</v>
      </c>
      <c r="I6750" s="55">
        <f>Bühler!I6776</f>
        <v>0.31843100255331047</v>
      </c>
      <c r="J6750" s="58">
        <f>Bühler!J6776</f>
        <v>4.8918309615928459</v>
      </c>
      <c r="K6750" s="58">
        <f>Bühler!K6776</f>
        <v>0.22189285389128252</v>
      </c>
      <c r="L6750" s="58">
        <f>Bühler!L6776</f>
        <v>0.11094642694564126</v>
      </c>
      <c r="M6750" s="57">
        <f>Bühler!M6776</f>
        <v>0</v>
      </c>
      <c r="N6750" s="55">
        <f>IF(Input!$K$13=1,J6750*Input!$J$13,0)+IF(Input!$K$14=1,K6750*Input!$J$14,0)+IF(Input!$K$15=1,L6750*Input!$J$15,0)+IF(Input!$K$16=1,M6750*Input!$J$16,0)</f>
        <v>0.58701971539114151</v>
      </c>
      <c r="O6750" s="58">
        <f>IF(Input!$K$13=2,J6750*Input!$J$13,0)+IF(Input!$K$14=2,K6750*Input!$J$14,0)+IF(Input!$K$15=2,L6750*Input!$J$15,0)+IF(Input!$K$16=2,M6750*Input!$J$16,0)</f>
        <v>2.9955535275323138E-2</v>
      </c>
      <c r="P6750" s="58">
        <f>IF(Input!$K$13=3,J6750*Input!$J$13,0)+IF(Input!$K$14=3,K6750*Input!$J$14,0)+IF(Input!$K$15=3,L6750*Input!$J$15,0)+IF(Input!$K$16=3,M6750*Input!$J$16,0)</f>
        <v>0</v>
      </c>
      <c r="Q6750" s="71">
        <f>IF(Input!$K$13=4,J6750*Input!$J$13,0)+IF(Input!$K$14=4,K6750*Input!$J$14,0)+IF(Input!$K$15=4,L6750*Input!$J$15,0)+IF(Input!$K$16=4,M6750*Input!$J$16,0)</f>
        <v>0</v>
      </c>
    </row>
    <row r="6751" spans="8:17" x14ac:dyDescent="0.25">
      <c r="H6751" s="43">
        <v>6744</v>
      </c>
      <c r="I6751" s="55">
        <f>Bühler!I6777</f>
        <v>0.31843100255331047</v>
      </c>
      <c r="J6751" s="58">
        <f>Bühler!J6777</f>
        <v>4.8918309615928459</v>
      </c>
      <c r="K6751" s="58">
        <f>Bühler!K6777</f>
        <v>0.22189285389128252</v>
      </c>
      <c r="L6751" s="58">
        <f>Bühler!L6777</f>
        <v>0.11094642694564126</v>
      </c>
      <c r="M6751" s="57">
        <f>Bühler!M6777</f>
        <v>0</v>
      </c>
      <c r="N6751" s="55">
        <f>IF(Input!$K$13=1,J6751*Input!$J$13,0)+IF(Input!$K$14=1,K6751*Input!$J$14,0)+IF(Input!$K$15=1,L6751*Input!$J$15,0)+IF(Input!$K$16=1,M6751*Input!$J$16,0)</f>
        <v>0.58701971539114151</v>
      </c>
      <c r="O6751" s="58">
        <f>IF(Input!$K$13=2,J6751*Input!$J$13,0)+IF(Input!$K$14=2,K6751*Input!$J$14,0)+IF(Input!$K$15=2,L6751*Input!$J$15,0)+IF(Input!$K$16=2,M6751*Input!$J$16,0)</f>
        <v>2.9955535275323138E-2</v>
      </c>
      <c r="P6751" s="58">
        <f>IF(Input!$K$13=3,J6751*Input!$J$13,0)+IF(Input!$K$14=3,K6751*Input!$J$14,0)+IF(Input!$K$15=3,L6751*Input!$J$15,0)+IF(Input!$K$16=3,M6751*Input!$J$16,0)</f>
        <v>0</v>
      </c>
      <c r="Q6751" s="71">
        <f>IF(Input!$K$13=4,J6751*Input!$J$13,0)+IF(Input!$K$14=4,K6751*Input!$J$14,0)+IF(Input!$K$15=4,L6751*Input!$J$15,0)+IF(Input!$K$16=4,M6751*Input!$J$16,0)</f>
        <v>0</v>
      </c>
    </row>
    <row r="6752" spans="8:17" x14ac:dyDescent="0.25">
      <c r="H6752" s="43">
        <v>6745</v>
      </c>
      <c r="I6752" s="55">
        <f>Bühler!I6778</f>
        <v>0.31841214056147649</v>
      </c>
      <c r="J6752" s="58">
        <f>Bühler!J6778</f>
        <v>8.2389907729103342</v>
      </c>
      <c r="K6752" s="58">
        <f>Bühler!K6778</f>
        <v>0.57826005949745662</v>
      </c>
      <c r="L6752" s="58">
        <f>Bühler!L6778</f>
        <v>0.28913002974872831</v>
      </c>
      <c r="M6752" s="57">
        <f>Bühler!M6778</f>
        <v>0</v>
      </c>
      <c r="N6752" s="55">
        <f>IF(Input!$K$13=1,J6752*Input!$J$13,0)+IF(Input!$K$14=1,K6752*Input!$J$14,0)+IF(Input!$K$15=1,L6752*Input!$J$15,0)+IF(Input!$K$16=1,M6752*Input!$J$16,0)</f>
        <v>0.98867889274924003</v>
      </c>
      <c r="O6752" s="58">
        <f>IF(Input!$K$13=2,J6752*Input!$J$13,0)+IF(Input!$K$14=2,K6752*Input!$J$14,0)+IF(Input!$K$15=2,L6752*Input!$J$15,0)+IF(Input!$K$16=2,M6752*Input!$J$16,0)</f>
        <v>7.8065108032156633E-2</v>
      </c>
      <c r="P6752" s="58">
        <f>IF(Input!$K$13=3,J6752*Input!$J$13,0)+IF(Input!$K$14=3,K6752*Input!$J$14,0)+IF(Input!$K$15=3,L6752*Input!$J$15,0)+IF(Input!$K$16=3,M6752*Input!$J$16,0)</f>
        <v>0</v>
      </c>
      <c r="Q6752" s="71">
        <f>IF(Input!$K$13=4,J6752*Input!$J$13,0)+IF(Input!$K$14=4,K6752*Input!$J$14,0)+IF(Input!$K$15=4,L6752*Input!$J$15,0)+IF(Input!$K$16=4,M6752*Input!$J$16,0)</f>
        <v>0</v>
      </c>
    </row>
    <row r="6753" spans="8:17" x14ac:dyDescent="0.25">
      <c r="H6753" s="43">
        <v>6746</v>
      </c>
      <c r="I6753" s="55">
        <f>Bühler!I6779</f>
        <v>0.31841214056147649</v>
      </c>
      <c r="J6753" s="58">
        <f>Bühler!J6779</f>
        <v>8.2389907729103342</v>
      </c>
      <c r="K6753" s="58">
        <f>Bühler!K6779</f>
        <v>0.57826005949745662</v>
      </c>
      <c r="L6753" s="58">
        <f>Bühler!L6779</f>
        <v>0.28913002974872831</v>
      </c>
      <c r="M6753" s="57">
        <f>Bühler!M6779</f>
        <v>0</v>
      </c>
      <c r="N6753" s="55">
        <f>IF(Input!$K$13=1,J6753*Input!$J$13,0)+IF(Input!$K$14=1,K6753*Input!$J$14,0)+IF(Input!$K$15=1,L6753*Input!$J$15,0)+IF(Input!$K$16=1,M6753*Input!$J$16,0)</f>
        <v>0.98867889274924003</v>
      </c>
      <c r="O6753" s="58">
        <f>IF(Input!$K$13=2,J6753*Input!$J$13,0)+IF(Input!$K$14=2,K6753*Input!$J$14,0)+IF(Input!$K$15=2,L6753*Input!$J$15,0)+IF(Input!$K$16=2,M6753*Input!$J$16,0)</f>
        <v>7.8065108032156633E-2</v>
      </c>
      <c r="P6753" s="58">
        <f>IF(Input!$K$13=3,J6753*Input!$J$13,0)+IF(Input!$K$14=3,K6753*Input!$J$14,0)+IF(Input!$K$15=3,L6753*Input!$J$15,0)+IF(Input!$K$16=3,M6753*Input!$J$16,0)</f>
        <v>0</v>
      </c>
      <c r="Q6753" s="71">
        <f>IF(Input!$K$13=4,J6753*Input!$J$13,0)+IF(Input!$K$14=4,K6753*Input!$J$14,0)+IF(Input!$K$15=4,L6753*Input!$J$15,0)+IF(Input!$K$16=4,M6753*Input!$J$16,0)</f>
        <v>0</v>
      </c>
    </row>
    <row r="6754" spans="8:17" x14ac:dyDescent="0.25">
      <c r="H6754" s="43">
        <v>6747</v>
      </c>
      <c r="I6754" s="55">
        <f>Bühler!I6780</f>
        <v>0.31841214056147649</v>
      </c>
      <c r="J6754" s="58">
        <f>Bühler!J6780</f>
        <v>8.2389907729103342</v>
      </c>
      <c r="K6754" s="58">
        <f>Bühler!K6780</f>
        <v>0.57826005949745662</v>
      </c>
      <c r="L6754" s="58">
        <f>Bühler!L6780</f>
        <v>0.28913002974872831</v>
      </c>
      <c r="M6754" s="57">
        <f>Bühler!M6780</f>
        <v>0</v>
      </c>
      <c r="N6754" s="55">
        <f>IF(Input!$K$13=1,J6754*Input!$J$13,0)+IF(Input!$K$14=1,K6754*Input!$J$14,0)+IF(Input!$K$15=1,L6754*Input!$J$15,0)+IF(Input!$K$16=1,M6754*Input!$J$16,0)</f>
        <v>0.98867889274924003</v>
      </c>
      <c r="O6754" s="58">
        <f>IF(Input!$K$13=2,J6754*Input!$J$13,0)+IF(Input!$K$14=2,K6754*Input!$J$14,0)+IF(Input!$K$15=2,L6754*Input!$J$15,0)+IF(Input!$K$16=2,M6754*Input!$J$16,0)</f>
        <v>7.8065108032156633E-2</v>
      </c>
      <c r="P6754" s="58">
        <f>IF(Input!$K$13=3,J6754*Input!$J$13,0)+IF(Input!$K$14=3,K6754*Input!$J$14,0)+IF(Input!$K$15=3,L6754*Input!$J$15,0)+IF(Input!$K$16=3,M6754*Input!$J$16,0)</f>
        <v>0</v>
      </c>
      <c r="Q6754" s="71">
        <f>IF(Input!$K$13=4,J6754*Input!$J$13,0)+IF(Input!$K$14=4,K6754*Input!$J$14,0)+IF(Input!$K$15=4,L6754*Input!$J$15,0)+IF(Input!$K$16=4,M6754*Input!$J$16,0)</f>
        <v>0</v>
      </c>
    </row>
    <row r="6755" spans="8:17" x14ac:dyDescent="0.25">
      <c r="H6755" s="43">
        <v>6748</v>
      </c>
      <c r="I6755" s="55">
        <f>Bühler!I6781</f>
        <v>0.31841214056147649</v>
      </c>
      <c r="J6755" s="58">
        <f>Bühler!J6781</f>
        <v>8.2389907729103342</v>
      </c>
      <c r="K6755" s="58">
        <f>Bühler!K6781</f>
        <v>0.57826005949745662</v>
      </c>
      <c r="L6755" s="58">
        <f>Bühler!L6781</f>
        <v>0.28913002974872831</v>
      </c>
      <c r="M6755" s="57">
        <f>Bühler!M6781</f>
        <v>0</v>
      </c>
      <c r="N6755" s="55">
        <f>IF(Input!$K$13=1,J6755*Input!$J$13,0)+IF(Input!$K$14=1,K6755*Input!$J$14,0)+IF(Input!$K$15=1,L6755*Input!$J$15,0)+IF(Input!$K$16=1,M6755*Input!$J$16,0)</f>
        <v>0.98867889274924003</v>
      </c>
      <c r="O6755" s="58">
        <f>IF(Input!$K$13=2,J6755*Input!$J$13,0)+IF(Input!$K$14=2,K6755*Input!$J$14,0)+IF(Input!$K$15=2,L6755*Input!$J$15,0)+IF(Input!$K$16=2,M6755*Input!$J$16,0)</f>
        <v>7.8065108032156633E-2</v>
      </c>
      <c r="P6755" s="58">
        <f>IF(Input!$K$13=3,J6755*Input!$J$13,0)+IF(Input!$K$14=3,K6755*Input!$J$14,0)+IF(Input!$K$15=3,L6755*Input!$J$15,0)+IF(Input!$K$16=3,M6755*Input!$J$16,0)</f>
        <v>0</v>
      </c>
      <c r="Q6755" s="71">
        <f>IF(Input!$K$13=4,J6755*Input!$J$13,0)+IF(Input!$K$14=4,K6755*Input!$J$14,0)+IF(Input!$K$15=4,L6755*Input!$J$15,0)+IF(Input!$K$16=4,M6755*Input!$J$16,0)</f>
        <v>0</v>
      </c>
    </row>
    <row r="6756" spans="8:17" x14ac:dyDescent="0.25">
      <c r="H6756" s="43">
        <v>6749</v>
      </c>
      <c r="I6756" s="55">
        <f>Bühler!I6782</f>
        <v>0.31841214056147649</v>
      </c>
      <c r="J6756" s="58">
        <f>Bühler!J6782</f>
        <v>8.2389907729103342</v>
      </c>
      <c r="K6756" s="58">
        <f>Bühler!K6782</f>
        <v>0.57826005949745662</v>
      </c>
      <c r="L6756" s="58">
        <f>Bühler!L6782</f>
        <v>0.28913002974872831</v>
      </c>
      <c r="M6756" s="57">
        <f>Bühler!M6782</f>
        <v>0</v>
      </c>
      <c r="N6756" s="55">
        <f>IF(Input!$K$13=1,J6756*Input!$J$13,0)+IF(Input!$K$14=1,K6756*Input!$J$14,0)+IF(Input!$K$15=1,L6756*Input!$J$15,0)+IF(Input!$K$16=1,M6756*Input!$J$16,0)</f>
        <v>0.98867889274924003</v>
      </c>
      <c r="O6756" s="58">
        <f>IF(Input!$K$13=2,J6756*Input!$J$13,0)+IF(Input!$K$14=2,K6756*Input!$J$14,0)+IF(Input!$K$15=2,L6756*Input!$J$15,0)+IF(Input!$K$16=2,M6756*Input!$J$16,0)</f>
        <v>7.8065108032156633E-2</v>
      </c>
      <c r="P6756" s="58">
        <f>IF(Input!$K$13=3,J6756*Input!$J$13,0)+IF(Input!$K$14=3,K6756*Input!$J$14,0)+IF(Input!$K$15=3,L6756*Input!$J$15,0)+IF(Input!$K$16=3,M6756*Input!$J$16,0)</f>
        <v>0</v>
      </c>
      <c r="Q6756" s="71">
        <f>IF(Input!$K$13=4,J6756*Input!$J$13,0)+IF(Input!$K$14=4,K6756*Input!$J$14,0)+IF(Input!$K$15=4,L6756*Input!$J$15,0)+IF(Input!$K$16=4,M6756*Input!$J$16,0)</f>
        <v>0</v>
      </c>
    </row>
    <row r="6757" spans="8:17" x14ac:dyDescent="0.25">
      <c r="H6757" s="43">
        <v>6750</v>
      </c>
      <c r="I6757" s="55">
        <f>Bühler!I6783</f>
        <v>0.31841214056147649</v>
      </c>
      <c r="J6757" s="58">
        <f>Bühler!J6783</f>
        <v>8.2389907729103342</v>
      </c>
      <c r="K6757" s="58">
        <f>Bühler!K6783</f>
        <v>0.57826005949745662</v>
      </c>
      <c r="L6757" s="58">
        <f>Bühler!L6783</f>
        <v>0.28913002974872831</v>
      </c>
      <c r="M6757" s="57">
        <f>Bühler!M6783</f>
        <v>0</v>
      </c>
      <c r="N6757" s="55">
        <f>IF(Input!$K$13=1,J6757*Input!$J$13,0)+IF(Input!$K$14=1,K6757*Input!$J$14,0)+IF(Input!$K$15=1,L6757*Input!$J$15,0)+IF(Input!$K$16=1,M6757*Input!$J$16,0)</f>
        <v>0.98867889274924003</v>
      </c>
      <c r="O6757" s="58">
        <f>IF(Input!$K$13=2,J6757*Input!$J$13,0)+IF(Input!$K$14=2,K6757*Input!$J$14,0)+IF(Input!$K$15=2,L6757*Input!$J$15,0)+IF(Input!$K$16=2,M6757*Input!$J$16,0)</f>
        <v>7.8065108032156633E-2</v>
      </c>
      <c r="P6757" s="58">
        <f>IF(Input!$K$13=3,J6757*Input!$J$13,0)+IF(Input!$K$14=3,K6757*Input!$J$14,0)+IF(Input!$K$15=3,L6757*Input!$J$15,0)+IF(Input!$K$16=3,M6757*Input!$J$16,0)</f>
        <v>0</v>
      </c>
      <c r="Q6757" s="71">
        <f>IF(Input!$K$13=4,J6757*Input!$J$13,0)+IF(Input!$K$14=4,K6757*Input!$J$14,0)+IF(Input!$K$15=4,L6757*Input!$J$15,0)+IF(Input!$K$16=4,M6757*Input!$J$16,0)</f>
        <v>0</v>
      </c>
    </row>
    <row r="6758" spans="8:17" x14ac:dyDescent="0.25">
      <c r="H6758" s="43">
        <v>6751</v>
      </c>
      <c r="I6758" s="55">
        <f>Bühler!I6784</f>
        <v>0.31841214056147649</v>
      </c>
      <c r="J6758" s="58">
        <f>Bühler!J6784</f>
        <v>8.2389907729103342</v>
      </c>
      <c r="K6758" s="58">
        <f>Bühler!K6784</f>
        <v>0.57826005949745662</v>
      </c>
      <c r="L6758" s="58">
        <f>Bühler!L6784</f>
        <v>0.28913002974872831</v>
      </c>
      <c r="M6758" s="57">
        <f>Bühler!M6784</f>
        <v>0</v>
      </c>
      <c r="N6758" s="55">
        <f>IF(Input!$K$13=1,J6758*Input!$J$13,0)+IF(Input!$K$14=1,K6758*Input!$J$14,0)+IF(Input!$K$15=1,L6758*Input!$J$15,0)+IF(Input!$K$16=1,M6758*Input!$J$16,0)</f>
        <v>0.98867889274924003</v>
      </c>
      <c r="O6758" s="58">
        <f>IF(Input!$K$13=2,J6758*Input!$J$13,0)+IF(Input!$K$14=2,K6758*Input!$J$14,0)+IF(Input!$K$15=2,L6758*Input!$J$15,0)+IF(Input!$K$16=2,M6758*Input!$J$16,0)</f>
        <v>7.8065108032156633E-2</v>
      </c>
      <c r="P6758" s="58">
        <f>IF(Input!$K$13=3,J6758*Input!$J$13,0)+IF(Input!$K$14=3,K6758*Input!$J$14,0)+IF(Input!$K$15=3,L6758*Input!$J$15,0)+IF(Input!$K$16=3,M6758*Input!$J$16,0)</f>
        <v>0</v>
      </c>
      <c r="Q6758" s="71">
        <f>IF(Input!$K$13=4,J6758*Input!$J$13,0)+IF(Input!$K$14=4,K6758*Input!$J$14,0)+IF(Input!$K$15=4,L6758*Input!$J$15,0)+IF(Input!$K$16=4,M6758*Input!$J$16,0)</f>
        <v>0</v>
      </c>
    </row>
    <row r="6759" spans="8:17" x14ac:dyDescent="0.25">
      <c r="H6759" s="43">
        <v>6752</v>
      </c>
      <c r="I6759" s="55">
        <f>Bühler!I6785</f>
        <v>1.3850928114424226</v>
      </c>
      <c r="J6759" s="58">
        <f>Bühler!J6785</f>
        <v>35.129145876302772</v>
      </c>
      <c r="K6759" s="58">
        <f>Bühler!K6785</f>
        <v>2.4633878534591651</v>
      </c>
      <c r="L6759" s="58">
        <f>Bühler!L6785</f>
        <v>1.2316939267295826</v>
      </c>
      <c r="M6759" s="57">
        <f>Bühler!M6785</f>
        <v>0</v>
      </c>
      <c r="N6759" s="55">
        <f>IF(Input!$K$13=1,J6759*Input!$J$13,0)+IF(Input!$K$14=1,K6759*Input!$J$14,0)+IF(Input!$K$15=1,L6759*Input!$J$15,0)+IF(Input!$K$16=1,M6759*Input!$J$16,0)</f>
        <v>4.2154975051563328</v>
      </c>
      <c r="O6759" s="58">
        <f>IF(Input!$K$13=2,J6759*Input!$J$13,0)+IF(Input!$K$14=2,K6759*Input!$J$14,0)+IF(Input!$K$15=2,L6759*Input!$J$15,0)+IF(Input!$K$16=2,M6759*Input!$J$16,0)</f>
        <v>0.33255736021698729</v>
      </c>
      <c r="P6759" s="58">
        <f>IF(Input!$K$13=3,J6759*Input!$J$13,0)+IF(Input!$K$14=3,K6759*Input!$J$14,0)+IF(Input!$K$15=3,L6759*Input!$J$15,0)+IF(Input!$K$16=3,M6759*Input!$J$16,0)</f>
        <v>0</v>
      </c>
      <c r="Q6759" s="71">
        <f>IF(Input!$K$13=4,J6759*Input!$J$13,0)+IF(Input!$K$14=4,K6759*Input!$J$14,0)+IF(Input!$K$15=4,L6759*Input!$J$15,0)+IF(Input!$K$16=4,M6759*Input!$J$16,0)</f>
        <v>0</v>
      </c>
    </row>
    <row r="6760" spans="8:17" x14ac:dyDescent="0.25">
      <c r="H6760" s="43">
        <v>6753</v>
      </c>
      <c r="I6760" s="55">
        <f>Bühler!I6786</f>
        <v>1.5582294128727254</v>
      </c>
      <c r="J6760" s="58">
        <f>Bühler!J6786</f>
        <v>39.520289110840615</v>
      </c>
      <c r="K6760" s="58">
        <f>Bühler!K6786</f>
        <v>2.7713113351415606</v>
      </c>
      <c r="L6760" s="58">
        <f>Bühler!L6786</f>
        <v>1.3856556675707803</v>
      </c>
      <c r="M6760" s="57">
        <f>Bühler!M6786</f>
        <v>0</v>
      </c>
      <c r="N6760" s="55">
        <f>IF(Input!$K$13=1,J6760*Input!$J$13,0)+IF(Input!$K$14=1,K6760*Input!$J$14,0)+IF(Input!$K$15=1,L6760*Input!$J$15,0)+IF(Input!$K$16=1,M6760*Input!$J$16,0)</f>
        <v>4.7424346933008739</v>
      </c>
      <c r="O6760" s="58">
        <f>IF(Input!$K$13=2,J6760*Input!$J$13,0)+IF(Input!$K$14=2,K6760*Input!$J$14,0)+IF(Input!$K$15=2,L6760*Input!$J$15,0)+IF(Input!$K$16=2,M6760*Input!$J$16,0)</f>
        <v>0.37412703024411065</v>
      </c>
      <c r="P6760" s="58">
        <f>IF(Input!$K$13=3,J6760*Input!$J$13,0)+IF(Input!$K$14=3,K6760*Input!$J$14,0)+IF(Input!$K$15=3,L6760*Input!$J$15,0)+IF(Input!$K$16=3,M6760*Input!$J$16,0)</f>
        <v>0</v>
      </c>
      <c r="Q6760" s="71">
        <f>IF(Input!$K$13=4,J6760*Input!$J$13,0)+IF(Input!$K$14=4,K6760*Input!$J$14,0)+IF(Input!$K$15=4,L6760*Input!$J$15,0)+IF(Input!$K$16=4,M6760*Input!$J$16,0)</f>
        <v>0</v>
      </c>
    </row>
    <row r="6761" spans="8:17" x14ac:dyDescent="0.25">
      <c r="H6761" s="43">
        <v>6754</v>
      </c>
      <c r="I6761" s="55">
        <f>Bühler!I6787</f>
        <v>1.7313660143030281</v>
      </c>
      <c r="J6761" s="58">
        <f>Bühler!J6787</f>
        <v>43.911432345378465</v>
      </c>
      <c r="K6761" s="58">
        <f>Bühler!K6787</f>
        <v>3.0792348168239565</v>
      </c>
      <c r="L6761" s="58">
        <f>Bühler!L6787</f>
        <v>1.5396174084119782</v>
      </c>
      <c r="M6761" s="57">
        <f>Bühler!M6787</f>
        <v>0</v>
      </c>
      <c r="N6761" s="55">
        <f>IF(Input!$K$13=1,J6761*Input!$J$13,0)+IF(Input!$K$14=1,K6761*Input!$J$14,0)+IF(Input!$K$15=1,L6761*Input!$J$15,0)+IF(Input!$K$16=1,M6761*Input!$J$16,0)</f>
        <v>5.2693718814454158</v>
      </c>
      <c r="O6761" s="58">
        <f>IF(Input!$K$13=2,J6761*Input!$J$13,0)+IF(Input!$K$14=2,K6761*Input!$J$14,0)+IF(Input!$K$15=2,L6761*Input!$J$15,0)+IF(Input!$K$16=2,M6761*Input!$J$16,0)</f>
        <v>0.41569670027123407</v>
      </c>
      <c r="P6761" s="58">
        <f>IF(Input!$K$13=3,J6761*Input!$J$13,0)+IF(Input!$K$14=3,K6761*Input!$J$14,0)+IF(Input!$K$15=3,L6761*Input!$J$15,0)+IF(Input!$K$16=3,M6761*Input!$J$16,0)</f>
        <v>0</v>
      </c>
      <c r="Q6761" s="71">
        <f>IF(Input!$K$13=4,J6761*Input!$J$13,0)+IF(Input!$K$14=4,K6761*Input!$J$14,0)+IF(Input!$K$15=4,L6761*Input!$J$15,0)+IF(Input!$K$16=4,M6761*Input!$J$16,0)</f>
        <v>0</v>
      </c>
    </row>
    <row r="6762" spans="8:17" x14ac:dyDescent="0.25">
      <c r="H6762" s="43">
        <v>6755</v>
      </c>
      <c r="I6762" s="55">
        <f>Bühler!I6788</f>
        <v>1.7313660143030281</v>
      </c>
      <c r="J6762" s="58">
        <f>Bühler!J6788</f>
        <v>43.911432345378465</v>
      </c>
      <c r="K6762" s="58">
        <f>Bühler!K6788</f>
        <v>3.0792348168239565</v>
      </c>
      <c r="L6762" s="58">
        <f>Bühler!L6788</f>
        <v>1.5396174084119782</v>
      </c>
      <c r="M6762" s="57">
        <f>Bühler!M6788</f>
        <v>0</v>
      </c>
      <c r="N6762" s="55">
        <f>IF(Input!$K$13=1,J6762*Input!$J$13,0)+IF(Input!$K$14=1,K6762*Input!$J$14,0)+IF(Input!$K$15=1,L6762*Input!$J$15,0)+IF(Input!$K$16=1,M6762*Input!$J$16,0)</f>
        <v>5.2693718814454158</v>
      </c>
      <c r="O6762" s="58">
        <f>IF(Input!$K$13=2,J6762*Input!$J$13,0)+IF(Input!$K$14=2,K6762*Input!$J$14,0)+IF(Input!$K$15=2,L6762*Input!$J$15,0)+IF(Input!$K$16=2,M6762*Input!$J$16,0)</f>
        <v>0.41569670027123407</v>
      </c>
      <c r="P6762" s="58">
        <f>IF(Input!$K$13=3,J6762*Input!$J$13,0)+IF(Input!$K$14=3,K6762*Input!$J$14,0)+IF(Input!$K$15=3,L6762*Input!$J$15,0)+IF(Input!$K$16=3,M6762*Input!$J$16,0)</f>
        <v>0</v>
      </c>
      <c r="Q6762" s="71">
        <f>IF(Input!$K$13=4,J6762*Input!$J$13,0)+IF(Input!$K$14=4,K6762*Input!$J$14,0)+IF(Input!$K$15=4,L6762*Input!$J$15,0)+IF(Input!$K$16=4,M6762*Input!$J$16,0)</f>
        <v>0</v>
      </c>
    </row>
    <row r="6763" spans="8:17" x14ac:dyDescent="0.25">
      <c r="H6763" s="43">
        <v>6756</v>
      </c>
      <c r="I6763" s="55">
        <f>Bühler!I6789</f>
        <v>2.0776392171636333</v>
      </c>
      <c r="J6763" s="58">
        <f>Bühler!J6789</f>
        <v>52.693718814454144</v>
      </c>
      <c r="K6763" s="58">
        <f>Bühler!K6789</f>
        <v>3.6950817801887474</v>
      </c>
      <c r="L6763" s="58">
        <f>Bühler!L6789</f>
        <v>1.8475408900943737</v>
      </c>
      <c r="M6763" s="57">
        <f>Bühler!M6789</f>
        <v>0</v>
      </c>
      <c r="N6763" s="55">
        <f>IF(Input!$K$13=1,J6763*Input!$J$13,0)+IF(Input!$K$14=1,K6763*Input!$J$14,0)+IF(Input!$K$15=1,L6763*Input!$J$15,0)+IF(Input!$K$16=1,M6763*Input!$J$16,0)</f>
        <v>6.323246257734497</v>
      </c>
      <c r="O6763" s="58">
        <f>IF(Input!$K$13=2,J6763*Input!$J$13,0)+IF(Input!$K$14=2,K6763*Input!$J$14,0)+IF(Input!$K$15=2,L6763*Input!$J$15,0)+IF(Input!$K$16=2,M6763*Input!$J$16,0)</f>
        <v>0.4988360403254809</v>
      </c>
      <c r="P6763" s="58">
        <f>IF(Input!$K$13=3,J6763*Input!$J$13,0)+IF(Input!$K$14=3,K6763*Input!$J$14,0)+IF(Input!$K$15=3,L6763*Input!$J$15,0)+IF(Input!$K$16=3,M6763*Input!$J$16,0)</f>
        <v>0</v>
      </c>
      <c r="Q6763" s="71">
        <f>IF(Input!$K$13=4,J6763*Input!$J$13,0)+IF(Input!$K$14=4,K6763*Input!$J$14,0)+IF(Input!$K$15=4,L6763*Input!$J$15,0)+IF(Input!$K$16=4,M6763*Input!$J$16,0)</f>
        <v>0</v>
      </c>
    </row>
    <row r="6764" spans="8:17" x14ac:dyDescent="0.25">
      <c r="H6764" s="43">
        <v>6757</v>
      </c>
      <c r="I6764" s="55">
        <f>Bühler!I6790</f>
        <v>2.0776392171636333</v>
      </c>
      <c r="J6764" s="58">
        <f>Bühler!J6790</f>
        <v>52.693718814454144</v>
      </c>
      <c r="K6764" s="58">
        <f>Bühler!K6790</f>
        <v>3.6950817801887474</v>
      </c>
      <c r="L6764" s="58">
        <f>Bühler!L6790</f>
        <v>1.8475408900943737</v>
      </c>
      <c r="M6764" s="57">
        <f>Bühler!M6790</f>
        <v>0</v>
      </c>
      <c r="N6764" s="55">
        <f>IF(Input!$K$13=1,J6764*Input!$J$13,0)+IF(Input!$K$14=1,K6764*Input!$J$14,0)+IF(Input!$K$15=1,L6764*Input!$J$15,0)+IF(Input!$K$16=1,M6764*Input!$J$16,0)</f>
        <v>6.323246257734497</v>
      </c>
      <c r="O6764" s="58">
        <f>IF(Input!$K$13=2,J6764*Input!$J$13,0)+IF(Input!$K$14=2,K6764*Input!$J$14,0)+IF(Input!$K$15=2,L6764*Input!$J$15,0)+IF(Input!$K$16=2,M6764*Input!$J$16,0)</f>
        <v>0.4988360403254809</v>
      </c>
      <c r="P6764" s="58">
        <f>IF(Input!$K$13=3,J6764*Input!$J$13,0)+IF(Input!$K$14=3,K6764*Input!$J$14,0)+IF(Input!$K$15=3,L6764*Input!$J$15,0)+IF(Input!$K$16=3,M6764*Input!$J$16,0)</f>
        <v>0</v>
      </c>
      <c r="Q6764" s="71">
        <f>IF(Input!$K$13=4,J6764*Input!$J$13,0)+IF(Input!$K$14=4,K6764*Input!$J$14,0)+IF(Input!$K$15=4,L6764*Input!$J$15,0)+IF(Input!$K$16=4,M6764*Input!$J$16,0)</f>
        <v>0</v>
      </c>
    </row>
    <row r="6765" spans="8:17" x14ac:dyDescent="0.25">
      <c r="H6765" s="43">
        <v>6758</v>
      </c>
      <c r="I6765" s="55">
        <f>Bühler!I6791</f>
        <v>1.3850928114424226</v>
      </c>
      <c r="J6765" s="58">
        <f>Bühler!J6791</f>
        <v>35.129145876302772</v>
      </c>
      <c r="K6765" s="58">
        <f>Bühler!K6791</f>
        <v>2.4633878534591651</v>
      </c>
      <c r="L6765" s="58">
        <f>Bühler!L6791</f>
        <v>1.2316939267295826</v>
      </c>
      <c r="M6765" s="57">
        <f>Bühler!M6791</f>
        <v>0</v>
      </c>
      <c r="N6765" s="55">
        <f>IF(Input!$K$13=1,J6765*Input!$J$13,0)+IF(Input!$K$14=1,K6765*Input!$J$14,0)+IF(Input!$K$15=1,L6765*Input!$J$15,0)+IF(Input!$K$16=1,M6765*Input!$J$16,0)</f>
        <v>4.2154975051563328</v>
      </c>
      <c r="O6765" s="58">
        <f>IF(Input!$K$13=2,J6765*Input!$J$13,0)+IF(Input!$K$14=2,K6765*Input!$J$14,0)+IF(Input!$K$15=2,L6765*Input!$J$15,0)+IF(Input!$K$16=2,M6765*Input!$J$16,0)</f>
        <v>0.33255736021698729</v>
      </c>
      <c r="P6765" s="58">
        <f>IF(Input!$K$13=3,J6765*Input!$J$13,0)+IF(Input!$K$14=3,K6765*Input!$J$14,0)+IF(Input!$K$15=3,L6765*Input!$J$15,0)+IF(Input!$K$16=3,M6765*Input!$J$16,0)</f>
        <v>0</v>
      </c>
      <c r="Q6765" s="71">
        <f>IF(Input!$K$13=4,J6765*Input!$J$13,0)+IF(Input!$K$14=4,K6765*Input!$J$14,0)+IF(Input!$K$15=4,L6765*Input!$J$15,0)+IF(Input!$K$16=4,M6765*Input!$J$16,0)</f>
        <v>0</v>
      </c>
    </row>
    <row r="6766" spans="8:17" x14ac:dyDescent="0.25">
      <c r="H6766" s="43">
        <v>6759</v>
      </c>
      <c r="I6766" s="55">
        <f>Bühler!I6792</f>
        <v>2.0776392171636333</v>
      </c>
      <c r="J6766" s="58">
        <f>Bühler!J6792</f>
        <v>52.693718814454144</v>
      </c>
      <c r="K6766" s="58">
        <f>Bühler!K6792</f>
        <v>3.6950817801887474</v>
      </c>
      <c r="L6766" s="58">
        <f>Bühler!L6792</f>
        <v>1.8475408900943737</v>
      </c>
      <c r="M6766" s="57">
        <f>Bühler!M6792</f>
        <v>0</v>
      </c>
      <c r="N6766" s="55">
        <f>IF(Input!$K$13=1,J6766*Input!$J$13,0)+IF(Input!$K$14=1,K6766*Input!$J$14,0)+IF(Input!$K$15=1,L6766*Input!$J$15,0)+IF(Input!$K$16=1,M6766*Input!$J$16,0)</f>
        <v>6.323246257734497</v>
      </c>
      <c r="O6766" s="58">
        <f>IF(Input!$K$13=2,J6766*Input!$J$13,0)+IF(Input!$K$14=2,K6766*Input!$J$14,0)+IF(Input!$K$15=2,L6766*Input!$J$15,0)+IF(Input!$K$16=2,M6766*Input!$J$16,0)</f>
        <v>0.4988360403254809</v>
      </c>
      <c r="P6766" s="58">
        <f>IF(Input!$K$13=3,J6766*Input!$J$13,0)+IF(Input!$K$14=3,K6766*Input!$J$14,0)+IF(Input!$K$15=3,L6766*Input!$J$15,0)+IF(Input!$K$16=3,M6766*Input!$J$16,0)</f>
        <v>0</v>
      </c>
      <c r="Q6766" s="71">
        <f>IF(Input!$K$13=4,J6766*Input!$J$13,0)+IF(Input!$K$14=4,K6766*Input!$J$14,0)+IF(Input!$K$15=4,L6766*Input!$J$15,0)+IF(Input!$K$16=4,M6766*Input!$J$16,0)</f>
        <v>0</v>
      </c>
    </row>
    <row r="6767" spans="8:17" x14ac:dyDescent="0.25">
      <c r="H6767" s="43">
        <v>6760</v>
      </c>
      <c r="I6767" s="55">
        <f>Bühler!I6793</f>
        <v>2.0776392171636333</v>
      </c>
      <c r="J6767" s="58">
        <f>Bühler!J6793</f>
        <v>52.693718814454144</v>
      </c>
      <c r="K6767" s="58">
        <f>Bühler!K6793</f>
        <v>3.6950817801887474</v>
      </c>
      <c r="L6767" s="58">
        <f>Bühler!L6793</f>
        <v>1.8475408900943737</v>
      </c>
      <c r="M6767" s="57">
        <f>Bühler!M6793</f>
        <v>0</v>
      </c>
      <c r="N6767" s="55">
        <f>IF(Input!$K$13=1,J6767*Input!$J$13,0)+IF(Input!$K$14=1,K6767*Input!$J$14,0)+IF(Input!$K$15=1,L6767*Input!$J$15,0)+IF(Input!$K$16=1,M6767*Input!$J$16,0)</f>
        <v>6.323246257734497</v>
      </c>
      <c r="O6767" s="58">
        <f>IF(Input!$K$13=2,J6767*Input!$J$13,0)+IF(Input!$K$14=2,K6767*Input!$J$14,0)+IF(Input!$K$15=2,L6767*Input!$J$15,0)+IF(Input!$K$16=2,M6767*Input!$J$16,0)</f>
        <v>0.4988360403254809</v>
      </c>
      <c r="P6767" s="58">
        <f>IF(Input!$K$13=3,J6767*Input!$J$13,0)+IF(Input!$K$14=3,K6767*Input!$J$14,0)+IF(Input!$K$15=3,L6767*Input!$J$15,0)+IF(Input!$K$16=3,M6767*Input!$J$16,0)</f>
        <v>0</v>
      </c>
      <c r="Q6767" s="71">
        <f>IF(Input!$K$13=4,J6767*Input!$J$13,0)+IF(Input!$K$14=4,K6767*Input!$J$14,0)+IF(Input!$K$15=4,L6767*Input!$J$15,0)+IF(Input!$K$16=4,M6767*Input!$J$16,0)</f>
        <v>0</v>
      </c>
    </row>
    <row r="6768" spans="8:17" x14ac:dyDescent="0.25">
      <c r="H6768" s="43">
        <v>6761</v>
      </c>
      <c r="I6768" s="55">
        <f>Bühler!I6794</f>
        <v>1.7313660143030281</v>
      </c>
      <c r="J6768" s="58">
        <f>Bühler!J6794</f>
        <v>31.300696596413403</v>
      </c>
      <c r="K6768" s="58">
        <f>Bühler!K6794</f>
        <v>2.1554643717767688</v>
      </c>
      <c r="L6768" s="58">
        <f>Bühler!L6794</f>
        <v>1.0777321858883844</v>
      </c>
      <c r="M6768" s="57">
        <f>Bühler!M6794</f>
        <v>0</v>
      </c>
      <c r="N6768" s="55">
        <f>IF(Input!$K$13=1,J6768*Input!$J$13,0)+IF(Input!$K$14=1,K6768*Input!$J$14,0)+IF(Input!$K$15=1,L6768*Input!$J$15,0)+IF(Input!$K$16=1,M6768*Input!$J$16,0)</f>
        <v>3.7560835915696082</v>
      </c>
      <c r="O6768" s="58">
        <f>IF(Input!$K$13=2,J6768*Input!$J$13,0)+IF(Input!$K$14=2,K6768*Input!$J$14,0)+IF(Input!$K$15=2,L6768*Input!$J$15,0)+IF(Input!$K$16=2,M6768*Input!$J$16,0)</f>
        <v>0.29098769018986376</v>
      </c>
      <c r="P6768" s="58">
        <f>IF(Input!$K$13=3,J6768*Input!$J$13,0)+IF(Input!$K$14=3,K6768*Input!$J$14,0)+IF(Input!$K$15=3,L6768*Input!$J$15,0)+IF(Input!$K$16=3,M6768*Input!$J$16,0)</f>
        <v>0</v>
      </c>
      <c r="Q6768" s="71">
        <f>IF(Input!$K$13=4,J6768*Input!$J$13,0)+IF(Input!$K$14=4,K6768*Input!$J$14,0)+IF(Input!$K$15=4,L6768*Input!$J$15,0)+IF(Input!$K$16=4,M6768*Input!$J$16,0)</f>
        <v>0</v>
      </c>
    </row>
    <row r="6769" spans="8:17" x14ac:dyDescent="0.25">
      <c r="H6769" s="43">
        <v>6762</v>
      </c>
      <c r="I6769" s="55">
        <f>Bühler!I6795</f>
        <v>1.3930531149564593</v>
      </c>
      <c r="J6769" s="58">
        <f>Bühler!J6795</f>
        <v>9.9162980405128689</v>
      </c>
      <c r="K6769" s="58">
        <f>Bühler!K6795</f>
        <v>0.61584696336479128</v>
      </c>
      <c r="L6769" s="58">
        <f>Bühler!L6795</f>
        <v>0.30792348168239564</v>
      </c>
      <c r="M6769" s="57">
        <f>Bühler!M6795</f>
        <v>0</v>
      </c>
      <c r="N6769" s="55">
        <f>IF(Input!$K$13=1,J6769*Input!$J$13,0)+IF(Input!$K$14=1,K6769*Input!$J$14,0)+IF(Input!$K$15=1,L6769*Input!$J$15,0)+IF(Input!$K$16=1,M6769*Input!$J$16,0)</f>
        <v>1.1899557648615442</v>
      </c>
      <c r="O6769" s="58">
        <f>IF(Input!$K$13=2,J6769*Input!$J$13,0)+IF(Input!$K$14=2,K6769*Input!$J$14,0)+IF(Input!$K$15=2,L6769*Input!$J$15,0)+IF(Input!$K$16=2,M6769*Input!$J$16,0)</f>
        <v>8.3139340054246821E-2</v>
      </c>
      <c r="P6769" s="58">
        <f>IF(Input!$K$13=3,J6769*Input!$J$13,0)+IF(Input!$K$14=3,K6769*Input!$J$14,0)+IF(Input!$K$15=3,L6769*Input!$J$15,0)+IF(Input!$K$16=3,M6769*Input!$J$16,0)</f>
        <v>0</v>
      </c>
      <c r="Q6769" s="71">
        <f>IF(Input!$K$13=4,J6769*Input!$J$13,0)+IF(Input!$K$14=4,K6769*Input!$J$14,0)+IF(Input!$K$15=4,L6769*Input!$J$15,0)+IF(Input!$K$16=4,M6769*Input!$J$16,0)</f>
        <v>0</v>
      </c>
    </row>
    <row r="6770" spans="8:17" x14ac:dyDescent="0.25">
      <c r="H6770" s="43">
        <v>6763</v>
      </c>
      <c r="I6770" s="55">
        <f>Bühler!I6796</f>
        <v>0.49751896962730696</v>
      </c>
      <c r="J6770" s="58">
        <f>Bühler!J6796</f>
        <v>8.8277253854300852</v>
      </c>
      <c r="K6770" s="58">
        <f>Bühler!K6796</f>
        <v>0.60717306247232938</v>
      </c>
      <c r="L6770" s="58">
        <f>Bühler!L6796</f>
        <v>0.30358653123616469</v>
      </c>
      <c r="M6770" s="57">
        <f>Bühler!M6796</f>
        <v>0</v>
      </c>
      <c r="N6770" s="55">
        <f>IF(Input!$K$13=1,J6770*Input!$J$13,0)+IF(Input!$K$14=1,K6770*Input!$J$14,0)+IF(Input!$K$15=1,L6770*Input!$J$15,0)+IF(Input!$K$16=1,M6770*Input!$J$16,0)</f>
        <v>1.0593270462516102</v>
      </c>
      <c r="O6770" s="58">
        <f>IF(Input!$K$13=2,J6770*Input!$J$13,0)+IF(Input!$K$14=2,K6770*Input!$J$14,0)+IF(Input!$K$15=2,L6770*Input!$J$15,0)+IF(Input!$K$16=2,M6770*Input!$J$16,0)</f>
        <v>8.1968363433764457E-2</v>
      </c>
      <c r="P6770" s="58">
        <f>IF(Input!$K$13=3,J6770*Input!$J$13,0)+IF(Input!$K$14=3,K6770*Input!$J$14,0)+IF(Input!$K$15=3,L6770*Input!$J$15,0)+IF(Input!$K$16=3,M6770*Input!$J$16,0)</f>
        <v>0</v>
      </c>
      <c r="Q6770" s="71">
        <f>IF(Input!$K$13=4,J6770*Input!$J$13,0)+IF(Input!$K$14=4,K6770*Input!$J$14,0)+IF(Input!$K$15=4,L6770*Input!$J$15,0)+IF(Input!$K$16=4,M6770*Input!$J$16,0)</f>
        <v>0</v>
      </c>
    </row>
    <row r="6771" spans="8:17" x14ac:dyDescent="0.25">
      <c r="H6771" s="43">
        <v>6764</v>
      </c>
      <c r="I6771" s="55">
        <f>Bühler!I6797</f>
        <v>0.49751896962730696</v>
      </c>
      <c r="J6771" s="58">
        <f>Bühler!J6797</f>
        <v>8.8277253854300852</v>
      </c>
      <c r="K6771" s="58">
        <f>Bühler!K6797</f>
        <v>0.60717306247232938</v>
      </c>
      <c r="L6771" s="58">
        <f>Bühler!L6797</f>
        <v>0.30358653123616469</v>
      </c>
      <c r="M6771" s="57">
        <f>Bühler!M6797</f>
        <v>0</v>
      </c>
      <c r="N6771" s="55">
        <f>IF(Input!$K$13=1,J6771*Input!$J$13,0)+IF(Input!$K$14=1,K6771*Input!$J$14,0)+IF(Input!$K$15=1,L6771*Input!$J$15,0)+IF(Input!$K$16=1,M6771*Input!$J$16,0)</f>
        <v>1.0593270462516102</v>
      </c>
      <c r="O6771" s="58">
        <f>IF(Input!$K$13=2,J6771*Input!$J$13,0)+IF(Input!$K$14=2,K6771*Input!$J$14,0)+IF(Input!$K$15=2,L6771*Input!$J$15,0)+IF(Input!$K$16=2,M6771*Input!$J$16,0)</f>
        <v>8.1968363433764457E-2</v>
      </c>
      <c r="P6771" s="58">
        <f>IF(Input!$K$13=3,J6771*Input!$J$13,0)+IF(Input!$K$14=3,K6771*Input!$J$14,0)+IF(Input!$K$15=3,L6771*Input!$J$15,0)+IF(Input!$K$16=3,M6771*Input!$J$16,0)</f>
        <v>0</v>
      </c>
      <c r="Q6771" s="71">
        <f>IF(Input!$K$13=4,J6771*Input!$J$13,0)+IF(Input!$K$14=4,K6771*Input!$J$14,0)+IF(Input!$K$15=4,L6771*Input!$J$15,0)+IF(Input!$K$16=4,M6771*Input!$J$16,0)</f>
        <v>0</v>
      </c>
    </row>
    <row r="6772" spans="8:17" x14ac:dyDescent="0.25">
      <c r="H6772" s="43">
        <v>6765</v>
      </c>
      <c r="I6772" s="55">
        <f>Bühler!I6798</f>
        <v>0.49751896962730696</v>
      </c>
      <c r="J6772" s="58">
        <f>Bühler!J6798</f>
        <v>8.8277253854300852</v>
      </c>
      <c r="K6772" s="58">
        <f>Bühler!K6798</f>
        <v>0.60717306247232938</v>
      </c>
      <c r="L6772" s="58">
        <f>Bühler!L6798</f>
        <v>0.30358653123616469</v>
      </c>
      <c r="M6772" s="57">
        <f>Bühler!M6798</f>
        <v>0</v>
      </c>
      <c r="N6772" s="55">
        <f>IF(Input!$K$13=1,J6772*Input!$J$13,0)+IF(Input!$K$14=1,K6772*Input!$J$14,0)+IF(Input!$K$15=1,L6772*Input!$J$15,0)+IF(Input!$K$16=1,M6772*Input!$J$16,0)</f>
        <v>1.0593270462516102</v>
      </c>
      <c r="O6772" s="58">
        <f>IF(Input!$K$13=2,J6772*Input!$J$13,0)+IF(Input!$K$14=2,K6772*Input!$J$14,0)+IF(Input!$K$15=2,L6772*Input!$J$15,0)+IF(Input!$K$16=2,M6772*Input!$J$16,0)</f>
        <v>8.1968363433764457E-2</v>
      </c>
      <c r="P6772" s="58">
        <f>IF(Input!$K$13=3,J6772*Input!$J$13,0)+IF(Input!$K$14=3,K6772*Input!$J$14,0)+IF(Input!$K$15=3,L6772*Input!$J$15,0)+IF(Input!$K$16=3,M6772*Input!$J$16,0)</f>
        <v>0</v>
      </c>
      <c r="Q6772" s="71">
        <f>IF(Input!$K$13=4,J6772*Input!$J$13,0)+IF(Input!$K$14=4,K6772*Input!$J$14,0)+IF(Input!$K$15=4,L6772*Input!$J$15,0)+IF(Input!$K$16=4,M6772*Input!$J$16,0)</f>
        <v>0</v>
      </c>
    </row>
    <row r="6773" spans="8:17" x14ac:dyDescent="0.25">
      <c r="H6773" s="43">
        <v>6766</v>
      </c>
      <c r="I6773" s="55">
        <f>Bühler!I6799</f>
        <v>0.49751896962730696</v>
      </c>
      <c r="J6773" s="58">
        <f>Bühler!J6799</f>
        <v>8.8277253854300852</v>
      </c>
      <c r="K6773" s="58">
        <f>Bühler!K6799</f>
        <v>0.60717306247232938</v>
      </c>
      <c r="L6773" s="58">
        <f>Bühler!L6799</f>
        <v>0.30358653123616469</v>
      </c>
      <c r="M6773" s="57">
        <f>Bühler!M6799</f>
        <v>0</v>
      </c>
      <c r="N6773" s="55">
        <f>IF(Input!$K$13=1,J6773*Input!$J$13,0)+IF(Input!$K$14=1,K6773*Input!$J$14,0)+IF(Input!$K$15=1,L6773*Input!$J$15,0)+IF(Input!$K$16=1,M6773*Input!$J$16,0)</f>
        <v>1.0593270462516102</v>
      </c>
      <c r="O6773" s="58">
        <f>IF(Input!$K$13=2,J6773*Input!$J$13,0)+IF(Input!$K$14=2,K6773*Input!$J$14,0)+IF(Input!$K$15=2,L6773*Input!$J$15,0)+IF(Input!$K$16=2,M6773*Input!$J$16,0)</f>
        <v>8.1968363433764457E-2</v>
      </c>
      <c r="P6773" s="58">
        <f>IF(Input!$K$13=3,J6773*Input!$J$13,0)+IF(Input!$K$14=3,K6773*Input!$J$14,0)+IF(Input!$K$15=3,L6773*Input!$J$15,0)+IF(Input!$K$16=3,M6773*Input!$J$16,0)</f>
        <v>0</v>
      </c>
      <c r="Q6773" s="71">
        <f>IF(Input!$K$13=4,J6773*Input!$J$13,0)+IF(Input!$K$14=4,K6773*Input!$J$14,0)+IF(Input!$K$15=4,L6773*Input!$J$15,0)+IF(Input!$K$16=4,M6773*Input!$J$16,0)</f>
        <v>0</v>
      </c>
    </row>
    <row r="6774" spans="8:17" x14ac:dyDescent="0.25">
      <c r="H6774" s="43">
        <v>6767</v>
      </c>
      <c r="I6774" s="55">
        <f>Bühler!I6800</f>
        <v>0.49751896962730696</v>
      </c>
      <c r="J6774" s="58">
        <f>Bühler!J6800</f>
        <v>8.8277253854300852</v>
      </c>
      <c r="K6774" s="58">
        <f>Bühler!K6800</f>
        <v>0.60717306247232938</v>
      </c>
      <c r="L6774" s="58">
        <f>Bühler!L6800</f>
        <v>0.30358653123616469</v>
      </c>
      <c r="M6774" s="57">
        <f>Bühler!M6800</f>
        <v>0</v>
      </c>
      <c r="N6774" s="55">
        <f>IF(Input!$K$13=1,J6774*Input!$J$13,0)+IF(Input!$K$14=1,K6774*Input!$J$14,0)+IF(Input!$K$15=1,L6774*Input!$J$15,0)+IF(Input!$K$16=1,M6774*Input!$J$16,0)</f>
        <v>1.0593270462516102</v>
      </c>
      <c r="O6774" s="58">
        <f>IF(Input!$K$13=2,J6774*Input!$J$13,0)+IF(Input!$K$14=2,K6774*Input!$J$14,0)+IF(Input!$K$15=2,L6774*Input!$J$15,0)+IF(Input!$K$16=2,M6774*Input!$J$16,0)</f>
        <v>8.1968363433764457E-2</v>
      </c>
      <c r="P6774" s="58">
        <f>IF(Input!$K$13=3,J6774*Input!$J$13,0)+IF(Input!$K$14=3,K6774*Input!$J$14,0)+IF(Input!$K$15=3,L6774*Input!$J$15,0)+IF(Input!$K$16=3,M6774*Input!$J$16,0)</f>
        <v>0</v>
      </c>
      <c r="Q6774" s="71">
        <f>IF(Input!$K$13=4,J6774*Input!$J$13,0)+IF(Input!$K$14=4,K6774*Input!$J$14,0)+IF(Input!$K$15=4,L6774*Input!$J$15,0)+IF(Input!$K$16=4,M6774*Input!$J$16,0)</f>
        <v>0</v>
      </c>
    </row>
    <row r="6775" spans="8:17" x14ac:dyDescent="0.25">
      <c r="H6775" s="43">
        <v>6768</v>
      </c>
      <c r="I6775" s="55">
        <f>Bühler!I6801</f>
        <v>0.49751896962730696</v>
      </c>
      <c r="J6775" s="58">
        <f>Bühler!J6801</f>
        <v>8.8277253854300852</v>
      </c>
      <c r="K6775" s="58">
        <f>Bühler!K6801</f>
        <v>0.60717306247232938</v>
      </c>
      <c r="L6775" s="58">
        <f>Bühler!L6801</f>
        <v>0.30358653123616469</v>
      </c>
      <c r="M6775" s="57">
        <f>Bühler!M6801</f>
        <v>0</v>
      </c>
      <c r="N6775" s="55">
        <f>IF(Input!$K$13=1,J6775*Input!$J$13,0)+IF(Input!$K$14=1,K6775*Input!$J$14,0)+IF(Input!$K$15=1,L6775*Input!$J$15,0)+IF(Input!$K$16=1,M6775*Input!$J$16,0)</f>
        <v>1.0593270462516102</v>
      </c>
      <c r="O6775" s="58">
        <f>IF(Input!$K$13=2,J6775*Input!$J$13,0)+IF(Input!$K$14=2,K6775*Input!$J$14,0)+IF(Input!$K$15=2,L6775*Input!$J$15,0)+IF(Input!$K$16=2,M6775*Input!$J$16,0)</f>
        <v>8.1968363433764457E-2</v>
      </c>
      <c r="P6775" s="58">
        <f>IF(Input!$K$13=3,J6775*Input!$J$13,0)+IF(Input!$K$14=3,K6775*Input!$J$14,0)+IF(Input!$K$15=3,L6775*Input!$J$15,0)+IF(Input!$K$16=3,M6775*Input!$J$16,0)</f>
        <v>0</v>
      </c>
      <c r="Q6775" s="71">
        <f>IF(Input!$K$13=4,J6775*Input!$J$13,0)+IF(Input!$K$14=4,K6775*Input!$J$14,0)+IF(Input!$K$15=4,L6775*Input!$J$15,0)+IF(Input!$K$16=4,M6775*Input!$J$16,0)</f>
        <v>0</v>
      </c>
    </row>
    <row r="6776" spans="8:17" x14ac:dyDescent="0.25">
      <c r="H6776" s="43">
        <v>6769</v>
      </c>
      <c r="I6776" s="55">
        <f>Bühler!I6802</f>
        <v>0.36093454532447644</v>
      </c>
      <c r="J6776" s="58">
        <f>Bühler!J6802</f>
        <v>5.1542498386302569</v>
      </c>
      <c r="K6776" s="58">
        <f>Bühler!K6802</f>
        <v>0.3806978626981054</v>
      </c>
      <c r="L6776" s="58">
        <f>Bühler!L6802</f>
        <v>0.1903489313490527</v>
      </c>
      <c r="M6776" s="57">
        <f>Bühler!M6802</f>
        <v>0</v>
      </c>
      <c r="N6776" s="55">
        <f>IF(Input!$K$13=1,J6776*Input!$J$13,0)+IF(Input!$K$14=1,K6776*Input!$J$14,0)+IF(Input!$K$15=1,L6776*Input!$J$15,0)+IF(Input!$K$16=1,M6776*Input!$J$16,0)</f>
        <v>0.61850998063563078</v>
      </c>
      <c r="O6776" s="58">
        <f>IF(Input!$K$13=2,J6776*Input!$J$13,0)+IF(Input!$K$14=2,K6776*Input!$J$14,0)+IF(Input!$K$15=2,L6776*Input!$J$15,0)+IF(Input!$K$16=2,M6776*Input!$J$16,0)</f>
        <v>5.1394211464244229E-2</v>
      </c>
      <c r="P6776" s="58">
        <f>IF(Input!$K$13=3,J6776*Input!$J$13,0)+IF(Input!$K$14=3,K6776*Input!$J$14,0)+IF(Input!$K$15=3,L6776*Input!$J$15,0)+IF(Input!$K$16=3,M6776*Input!$J$16,0)</f>
        <v>0</v>
      </c>
      <c r="Q6776" s="71">
        <f>IF(Input!$K$13=4,J6776*Input!$J$13,0)+IF(Input!$K$14=4,K6776*Input!$J$14,0)+IF(Input!$K$15=4,L6776*Input!$J$15,0)+IF(Input!$K$16=4,M6776*Input!$J$16,0)</f>
        <v>0</v>
      </c>
    </row>
    <row r="6777" spans="8:17" x14ac:dyDescent="0.25">
      <c r="H6777" s="43">
        <v>6770</v>
      </c>
      <c r="I6777" s="55">
        <f>Bühler!I6803</f>
        <v>0.36093454532447644</v>
      </c>
      <c r="J6777" s="58">
        <f>Bühler!J6803</f>
        <v>7.6492789605262645</v>
      </c>
      <c r="K6777" s="58">
        <f>Bühler!K6803</f>
        <v>0.58011102887330357</v>
      </c>
      <c r="L6777" s="58">
        <f>Bühler!L6803</f>
        <v>0.29005551443665178</v>
      </c>
      <c r="M6777" s="57">
        <f>Bühler!M6803</f>
        <v>0</v>
      </c>
      <c r="N6777" s="55">
        <f>IF(Input!$K$13=1,J6777*Input!$J$13,0)+IF(Input!$K$14=1,K6777*Input!$J$14,0)+IF(Input!$K$15=1,L6777*Input!$J$15,0)+IF(Input!$K$16=1,M6777*Input!$J$16,0)</f>
        <v>0.9179134752631517</v>
      </c>
      <c r="O6777" s="58">
        <f>IF(Input!$K$13=2,J6777*Input!$J$13,0)+IF(Input!$K$14=2,K6777*Input!$J$14,0)+IF(Input!$K$15=2,L6777*Input!$J$15,0)+IF(Input!$K$16=2,M6777*Input!$J$16,0)</f>
        <v>7.8314988897895982E-2</v>
      </c>
      <c r="P6777" s="58">
        <f>IF(Input!$K$13=3,J6777*Input!$J$13,0)+IF(Input!$K$14=3,K6777*Input!$J$14,0)+IF(Input!$K$15=3,L6777*Input!$J$15,0)+IF(Input!$K$16=3,M6777*Input!$J$16,0)</f>
        <v>0</v>
      </c>
      <c r="Q6777" s="71">
        <f>IF(Input!$K$13=4,J6777*Input!$J$13,0)+IF(Input!$K$14=4,K6777*Input!$J$14,0)+IF(Input!$K$15=4,L6777*Input!$J$15,0)+IF(Input!$K$16=4,M6777*Input!$J$16,0)</f>
        <v>0</v>
      </c>
    </row>
    <row r="6778" spans="8:17" x14ac:dyDescent="0.25">
      <c r="H6778" s="43">
        <v>6771</v>
      </c>
      <c r="I6778" s="55">
        <f>Bühler!I6804</f>
        <v>0.36093454532447644</v>
      </c>
      <c r="J6778" s="58">
        <f>Bühler!J6804</f>
        <v>7.6492789605262645</v>
      </c>
      <c r="K6778" s="58">
        <f>Bühler!K6804</f>
        <v>0.58011102887330357</v>
      </c>
      <c r="L6778" s="58">
        <f>Bühler!L6804</f>
        <v>0.29005551443665178</v>
      </c>
      <c r="M6778" s="57">
        <f>Bühler!M6804</f>
        <v>0</v>
      </c>
      <c r="N6778" s="55">
        <f>IF(Input!$K$13=1,J6778*Input!$J$13,0)+IF(Input!$K$14=1,K6778*Input!$J$14,0)+IF(Input!$K$15=1,L6778*Input!$J$15,0)+IF(Input!$K$16=1,M6778*Input!$J$16,0)</f>
        <v>0.9179134752631517</v>
      </c>
      <c r="O6778" s="58">
        <f>IF(Input!$K$13=2,J6778*Input!$J$13,0)+IF(Input!$K$14=2,K6778*Input!$J$14,0)+IF(Input!$K$15=2,L6778*Input!$J$15,0)+IF(Input!$K$16=2,M6778*Input!$J$16,0)</f>
        <v>7.8314988897895982E-2</v>
      </c>
      <c r="P6778" s="58">
        <f>IF(Input!$K$13=3,J6778*Input!$J$13,0)+IF(Input!$K$14=3,K6778*Input!$J$14,0)+IF(Input!$K$15=3,L6778*Input!$J$15,0)+IF(Input!$K$16=3,M6778*Input!$J$16,0)</f>
        <v>0</v>
      </c>
      <c r="Q6778" s="71">
        <f>IF(Input!$K$13=4,J6778*Input!$J$13,0)+IF(Input!$K$14=4,K6778*Input!$J$14,0)+IF(Input!$K$15=4,L6778*Input!$J$15,0)+IF(Input!$K$16=4,M6778*Input!$J$16,0)</f>
        <v>0</v>
      </c>
    </row>
    <row r="6779" spans="8:17" x14ac:dyDescent="0.25">
      <c r="H6779" s="43">
        <v>6772</v>
      </c>
      <c r="I6779" s="55">
        <f>Bühler!I6805</f>
        <v>0.36093454532447644</v>
      </c>
      <c r="J6779" s="58">
        <f>Bühler!J6805</f>
        <v>7.6492789605262645</v>
      </c>
      <c r="K6779" s="58">
        <f>Bühler!K6805</f>
        <v>0.58011102887330357</v>
      </c>
      <c r="L6779" s="58">
        <f>Bühler!L6805</f>
        <v>0.29005551443665178</v>
      </c>
      <c r="M6779" s="57">
        <f>Bühler!M6805</f>
        <v>0</v>
      </c>
      <c r="N6779" s="55">
        <f>IF(Input!$K$13=1,J6779*Input!$J$13,0)+IF(Input!$K$14=1,K6779*Input!$J$14,0)+IF(Input!$K$15=1,L6779*Input!$J$15,0)+IF(Input!$K$16=1,M6779*Input!$J$16,0)</f>
        <v>0.9179134752631517</v>
      </c>
      <c r="O6779" s="58">
        <f>IF(Input!$K$13=2,J6779*Input!$J$13,0)+IF(Input!$K$14=2,K6779*Input!$J$14,0)+IF(Input!$K$15=2,L6779*Input!$J$15,0)+IF(Input!$K$16=2,M6779*Input!$J$16,0)</f>
        <v>7.8314988897895982E-2</v>
      </c>
      <c r="P6779" s="58">
        <f>IF(Input!$K$13=3,J6779*Input!$J$13,0)+IF(Input!$K$14=3,K6779*Input!$J$14,0)+IF(Input!$K$15=3,L6779*Input!$J$15,0)+IF(Input!$K$16=3,M6779*Input!$J$16,0)</f>
        <v>0</v>
      </c>
      <c r="Q6779" s="71">
        <f>IF(Input!$K$13=4,J6779*Input!$J$13,0)+IF(Input!$K$14=4,K6779*Input!$J$14,0)+IF(Input!$K$15=4,L6779*Input!$J$15,0)+IF(Input!$K$16=4,M6779*Input!$J$16,0)</f>
        <v>0</v>
      </c>
    </row>
    <row r="6780" spans="8:17" x14ac:dyDescent="0.25">
      <c r="H6780" s="43">
        <v>6773</v>
      </c>
      <c r="I6780" s="55">
        <f>Bühler!I6806</f>
        <v>0.36093454532447644</v>
      </c>
      <c r="J6780" s="58">
        <f>Bühler!J6806</f>
        <v>7.6492789605262645</v>
      </c>
      <c r="K6780" s="58">
        <f>Bühler!K6806</f>
        <v>0.58011102887330357</v>
      </c>
      <c r="L6780" s="58">
        <f>Bühler!L6806</f>
        <v>0.29005551443665178</v>
      </c>
      <c r="M6780" s="57">
        <f>Bühler!M6806</f>
        <v>0</v>
      </c>
      <c r="N6780" s="55">
        <f>IF(Input!$K$13=1,J6780*Input!$J$13,0)+IF(Input!$K$14=1,K6780*Input!$J$14,0)+IF(Input!$K$15=1,L6780*Input!$J$15,0)+IF(Input!$K$16=1,M6780*Input!$J$16,0)</f>
        <v>0.9179134752631517</v>
      </c>
      <c r="O6780" s="58">
        <f>IF(Input!$K$13=2,J6780*Input!$J$13,0)+IF(Input!$K$14=2,K6780*Input!$J$14,0)+IF(Input!$K$15=2,L6780*Input!$J$15,0)+IF(Input!$K$16=2,M6780*Input!$J$16,0)</f>
        <v>7.8314988897895982E-2</v>
      </c>
      <c r="P6780" s="58">
        <f>IF(Input!$K$13=3,J6780*Input!$J$13,0)+IF(Input!$K$14=3,K6780*Input!$J$14,0)+IF(Input!$K$15=3,L6780*Input!$J$15,0)+IF(Input!$K$16=3,M6780*Input!$J$16,0)</f>
        <v>0</v>
      </c>
      <c r="Q6780" s="71">
        <f>IF(Input!$K$13=4,J6780*Input!$J$13,0)+IF(Input!$K$14=4,K6780*Input!$J$14,0)+IF(Input!$K$15=4,L6780*Input!$J$15,0)+IF(Input!$K$16=4,M6780*Input!$J$16,0)</f>
        <v>0</v>
      </c>
    </row>
    <row r="6781" spans="8:17" x14ac:dyDescent="0.25">
      <c r="H6781" s="43">
        <v>6774</v>
      </c>
      <c r="I6781" s="55">
        <f>Bühler!I6807</f>
        <v>0.36093454532447644</v>
      </c>
      <c r="J6781" s="58">
        <f>Bühler!J6807</f>
        <v>7.6492789605262645</v>
      </c>
      <c r="K6781" s="58">
        <f>Bühler!K6807</f>
        <v>0.58011102887330357</v>
      </c>
      <c r="L6781" s="58">
        <f>Bühler!L6807</f>
        <v>0.29005551443665178</v>
      </c>
      <c r="M6781" s="57">
        <f>Bühler!M6807</f>
        <v>0</v>
      </c>
      <c r="N6781" s="55">
        <f>IF(Input!$K$13=1,J6781*Input!$J$13,0)+IF(Input!$K$14=1,K6781*Input!$J$14,0)+IF(Input!$K$15=1,L6781*Input!$J$15,0)+IF(Input!$K$16=1,M6781*Input!$J$16,0)</f>
        <v>0.9179134752631517</v>
      </c>
      <c r="O6781" s="58">
        <f>IF(Input!$K$13=2,J6781*Input!$J$13,0)+IF(Input!$K$14=2,K6781*Input!$J$14,0)+IF(Input!$K$15=2,L6781*Input!$J$15,0)+IF(Input!$K$16=2,M6781*Input!$J$16,0)</f>
        <v>7.8314988897895982E-2</v>
      </c>
      <c r="P6781" s="58">
        <f>IF(Input!$K$13=3,J6781*Input!$J$13,0)+IF(Input!$K$14=3,K6781*Input!$J$14,0)+IF(Input!$K$15=3,L6781*Input!$J$15,0)+IF(Input!$K$16=3,M6781*Input!$J$16,0)</f>
        <v>0</v>
      </c>
      <c r="Q6781" s="71">
        <f>IF(Input!$K$13=4,J6781*Input!$J$13,0)+IF(Input!$K$14=4,K6781*Input!$J$14,0)+IF(Input!$K$15=4,L6781*Input!$J$15,0)+IF(Input!$K$16=4,M6781*Input!$J$16,0)</f>
        <v>0</v>
      </c>
    </row>
    <row r="6782" spans="8:17" x14ac:dyDescent="0.25">
      <c r="H6782" s="43">
        <v>6775</v>
      </c>
      <c r="I6782" s="55">
        <f>Bühler!I6808</f>
        <v>0.36093454532447644</v>
      </c>
      <c r="J6782" s="58">
        <f>Bühler!J6808</f>
        <v>7.6492789605262645</v>
      </c>
      <c r="K6782" s="58">
        <f>Bühler!K6808</f>
        <v>0.58011102887330357</v>
      </c>
      <c r="L6782" s="58">
        <f>Bühler!L6808</f>
        <v>0.29005551443665178</v>
      </c>
      <c r="M6782" s="57">
        <f>Bühler!M6808</f>
        <v>0</v>
      </c>
      <c r="N6782" s="55">
        <f>IF(Input!$K$13=1,J6782*Input!$J$13,0)+IF(Input!$K$14=1,K6782*Input!$J$14,0)+IF(Input!$K$15=1,L6782*Input!$J$15,0)+IF(Input!$K$16=1,M6782*Input!$J$16,0)</f>
        <v>0.9179134752631517</v>
      </c>
      <c r="O6782" s="58">
        <f>IF(Input!$K$13=2,J6782*Input!$J$13,0)+IF(Input!$K$14=2,K6782*Input!$J$14,0)+IF(Input!$K$15=2,L6782*Input!$J$15,0)+IF(Input!$K$16=2,M6782*Input!$J$16,0)</f>
        <v>7.8314988897895982E-2</v>
      </c>
      <c r="P6782" s="58">
        <f>IF(Input!$K$13=3,J6782*Input!$J$13,0)+IF(Input!$K$14=3,K6782*Input!$J$14,0)+IF(Input!$K$15=3,L6782*Input!$J$15,0)+IF(Input!$K$16=3,M6782*Input!$J$16,0)</f>
        <v>0</v>
      </c>
      <c r="Q6782" s="71">
        <f>IF(Input!$K$13=4,J6782*Input!$J$13,0)+IF(Input!$K$14=4,K6782*Input!$J$14,0)+IF(Input!$K$15=4,L6782*Input!$J$15,0)+IF(Input!$K$16=4,M6782*Input!$J$16,0)</f>
        <v>0</v>
      </c>
    </row>
    <row r="6783" spans="8:17" x14ac:dyDescent="0.25">
      <c r="H6783" s="43">
        <v>6776</v>
      </c>
      <c r="I6783" s="55">
        <f>Bühler!I6809</f>
        <v>1.0397243515314754</v>
      </c>
      <c r="J6783" s="58">
        <f>Bühler!J6809</f>
        <v>31.724497915108003</v>
      </c>
      <c r="K6783" s="58">
        <f>Bühler!K6809</f>
        <v>2.4455305560940199</v>
      </c>
      <c r="L6783" s="58">
        <f>Bühler!L6809</f>
        <v>1.22276527804701</v>
      </c>
      <c r="M6783" s="57">
        <f>Bühler!M6809</f>
        <v>0</v>
      </c>
      <c r="N6783" s="55">
        <f>IF(Input!$K$13=1,J6783*Input!$J$13,0)+IF(Input!$K$14=1,K6783*Input!$J$14,0)+IF(Input!$K$15=1,L6783*Input!$J$15,0)+IF(Input!$K$16=1,M6783*Input!$J$16,0)</f>
        <v>3.80693974981296</v>
      </c>
      <c r="O6783" s="58">
        <f>IF(Input!$K$13=2,J6783*Input!$J$13,0)+IF(Input!$K$14=2,K6783*Input!$J$14,0)+IF(Input!$K$15=2,L6783*Input!$J$15,0)+IF(Input!$K$16=2,M6783*Input!$J$16,0)</f>
        <v>0.33014662507269266</v>
      </c>
      <c r="P6783" s="58">
        <f>IF(Input!$K$13=3,J6783*Input!$J$13,0)+IF(Input!$K$14=3,K6783*Input!$J$14,0)+IF(Input!$K$15=3,L6783*Input!$J$15,0)+IF(Input!$K$16=3,M6783*Input!$J$16,0)</f>
        <v>0</v>
      </c>
      <c r="Q6783" s="71">
        <f>IF(Input!$K$13=4,J6783*Input!$J$13,0)+IF(Input!$K$14=4,K6783*Input!$J$14,0)+IF(Input!$K$15=4,L6783*Input!$J$15,0)+IF(Input!$K$16=4,M6783*Input!$J$16,0)</f>
        <v>0</v>
      </c>
    </row>
    <row r="6784" spans="8:17" x14ac:dyDescent="0.25">
      <c r="H6784" s="43">
        <v>6777</v>
      </c>
      <c r="I6784" s="55">
        <f>Bühler!I6810</f>
        <v>1.1601134869719623</v>
      </c>
      <c r="J6784" s="58">
        <f>Bühler!J6810</f>
        <v>35.397860831594201</v>
      </c>
      <c r="K6784" s="58">
        <f>Bühler!K6810</f>
        <v>2.7286972520628017</v>
      </c>
      <c r="L6784" s="58">
        <f>Bühler!L6810</f>
        <v>1.3643486260314008</v>
      </c>
      <c r="M6784" s="57">
        <f>Bühler!M6810</f>
        <v>0</v>
      </c>
      <c r="N6784" s="55">
        <f>IF(Input!$K$13=1,J6784*Input!$J$13,0)+IF(Input!$K$14=1,K6784*Input!$J$14,0)+IF(Input!$K$15=1,L6784*Input!$J$15,0)+IF(Input!$K$16=1,M6784*Input!$J$16,0)</f>
        <v>4.2477432997913036</v>
      </c>
      <c r="O6784" s="58">
        <f>IF(Input!$K$13=2,J6784*Input!$J$13,0)+IF(Input!$K$14=2,K6784*Input!$J$14,0)+IF(Input!$K$15=2,L6784*Input!$J$15,0)+IF(Input!$K$16=2,M6784*Input!$J$16,0)</f>
        <v>0.36837412902847821</v>
      </c>
      <c r="P6784" s="58">
        <f>IF(Input!$K$13=3,J6784*Input!$J$13,0)+IF(Input!$K$14=3,K6784*Input!$J$14,0)+IF(Input!$K$15=3,L6784*Input!$J$15,0)+IF(Input!$K$16=3,M6784*Input!$J$16,0)</f>
        <v>0</v>
      </c>
      <c r="Q6784" s="71">
        <f>IF(Input!$K$13=4,J6784*Input!$J$13,0)+IF(Input!$K$14=4,K6784*Input!$J$14,0)+IF(Input!$K$15=4,L6784*Input!$J$15,0)+IF(Input!$K$16=4,M6784*Input!$J$16,0)</f>
        <v>0</v>
      </c>
    </row>
    <row r="6785" spans="8:17" x14ac:dyDescent="0.25">
      <c r="H6785" s="43">
        <v>6778</v>
      </c>
      <c r="I6785" s="55">
        <f>Bühler!I6811</f>
        <v>1.2805026224124487</v>
      </c>
      <c r="J6785" s="58">
        <f>Bühler!J6811</f>
        <v>39.071223748080385</v>
      </c>
      <c r="K6785" s="58">
        <f>Bühler!K6811</f>
        <v>3.011863948031583</v>
      </c>
      <c r="L6785" s="58">
        <f>Bühler!L6811</f>
        <v>1.5059319740157915</v>
      </c>
      <c r="M6785" s="57">
        <f>Bühler!M6811</f>
        <v>0</v>
      </c>
      <c r="N6785" s="55">
        <f>IF(Input!$K$13=1,J6785*Input!$J$13,0)+IF(Input!$K$14=1,K6785*Input!$J$14,0)+IF(Input!$K$15=1,L6785*Input!$J$15,0)+IF(Input!$K$16=1,M6785*Input!$J$16,0)</f>
        <v>4.6885468497696463</v>
      </c>
      <c r="O6785" s="58">
        <f>IF(Input!$K$13=2,J6785*Input!$J$13,0)+IF(Input!$K$14=2,K6785*Input!$J$14,0)+IF(Input!$K$15=2,L6785*Input!$J$15,0)+IF(Input!$K$16=2,M6785*Input!$J$16,0)</f>
        <v>0.40660163298426366</v>
      </c>
      <c r="P6785" s="58">
        <f>IF(Input!$K$13=3,J6785*Input!$J$13,0)+IF(Input!$K$14=3,K6785*Input!$J$14,0)+IF(Input!$K$15=3,L6785*Input!$J$15,0)+IF(Input!$K$16=3,M6785*Input!$J$16,0)</f>
        <v>0</v>
      </c>
      <c r="Q6785" s="71">
        <f>IF(Input!$K$13=4,J6785*Input!$J$13,0)+IF(Input!$K$14=4,K6785*Input!$J$14,0)+IF(Input!$K$15=4,L6785*Input!$J$15,0)+IF(Input!$K$16=4,M6785*Input!$J$16,0)</f>
        <v>0</v>
      </c>
    </row>
    <row r="6786" spans="8:17" x14ac:dyDescent="0.25">
      <c r="H6786" s="43">
        <v>6779</v>
      </c>
      <c r="I6786" s="55">
        <f>Bühler!I6812</f>
        <v>1.2805026224124487</v>
      </c>
      <c r="J6786" s="58">
        <f>Bühler!J6812</f>
        <v>39.071223748080385</v>
      </c>
      <c r="K6786" s="58">
        <f>Bühler!K6812</f>
        <v>3.011863948031583</v>
      </c>
      <c r="L6786" s="58">
        <f>Bühler!L6812</f>
        <v>1.5059319740157915</v>
      </c>
      <c r="M6786" s="57">
        <f>Bühler!M6812</f>
        <v>0</v>
      </c>
      <c r="N6786" s="55">
        <f>IF(Input!$K$13=1,J6786*Input!$J$13,0)+IF(Input!$K$14=1,K6786*Input!$J$14,0)+IF(Input!$K$15=1,L6786*Input!$J$15,0)+IF(Input!$K$16=1,M6786*Input!$J$16,0)</f>
        <v>4.6885468497696463</v>
      </c>
      <c r="O6786" s="58">
        <f>IF(Input!$K$13=2,J6786*Input!$J$13,0)+IF(Input!$K$14=2,K6786*Input!$J$14,0)+IF(Input!$K$15=2,L6786*Input!$J$15,0)+IF(Input!$K$16=2,M6786*Input!$J$16,0)</f>
        <v>0.40660163298426366</v>
      </c>
      <c r="P6786" s="58">
        <f>IF(Input!$K$13=3,J6786*Input!$J$13,0)+IF(Input!$K$14=3,K6786*Input!$J$14,0)+IF(Input!$K$15=3,L6786*Input!$J$15,0)+IF(Input!$K$16=3,M6786*Input!$J$16,0)</f>
        <v>0</v>
      </c>
      <c r="Q6786" s="71">
        <f>IF(Input!$K$13=4,J6786*Input!$J$13,0)+IF(Input!$K$14=4,K6786*Input!$J$14,0)+IF(Input!$K$15=4,L6786*Input!$J$15,0)+IF(Input!$K$16=4,M6786*Input!$J$16,0)</f>
        <v>0</v>
      </c>
    </row>
    <row r="6787" spans="8:17" x14ac:dyDescent="0.25">
      <c r="H6787" s="43">
        <v>6780</v>
      </c>
      <c r="I6787" s="55">
        <f>Bühler!I6813</f>
        <v>1.5322253601516482</v>
      </c>
      <c r="J6787" s="58">
        <f>Bühler!J6813</f>
        <v>46.751891664369687</v>
      </c>
      <c r="K6787" s="58">
        <f>Bühler!K6813</f>
        <v>3.6039397668753983</v>
      </c>
      <c r="L6787" s="58">
        <f>Bühler!L6813</f>
        <v>1.8019698834376991</v>
      </c>
      <c r="M6787" s="57">
        <f>Bühler!M6813</f>
        <v>0</v>
      </c>
      <c r="N6787" s="55">
        <f>IF(Input!$K$13=1,J6787*Input!$J$13,0)+IF(Input!$K$14=1,K6787*Input!$J$14,0)+IF(Input!$K$15=1,L6787*Input!$J$15,0)+IF(Input!$K$16=1,M6787*Input!$J$16,0)</f>
        <v>5.6102269997243619</v>
      </c>
      <c r="O6787" s="58">
        <f>IF(Input!$K$13=2,J6787*Input!$J$13,0)+IF(Input!$K$14=2,K6787*Input!$J$14,0)+IF(Input!$K$15=2,L6787*Input!$J$15,0)+IF(Input!$K$16=2,M6787*Input!$J$16,0)</f>
        <v>0.48653186852817876</v>
      </c>
      <c r="P6787" s="58">
        <f>IF(Input!$K$13=3,J6787*Input!$J$13,0)+IF(Input!$K$14=3,K6787*Input!$J$14,0)+IF(Input!$K$15=3,L6787*Input!$J$15,0)+IF(Input!$K$16=3,M6787*Input!$J$16,0)</f>
        <v>0</v>
      </c>
      <c r="Q6787" s="71">
        <f>IF(Input!$K$13=4,J6787*Input!$J$13,0)+IF(Input!$K$14=4,K6787*Input!$J$14,0)+IF(Input!$K$15=4,L6787*Input!$J$15,0)+IF(Input!$K$16=4,M6787*Input!$J$16,0)</f>
        <v>0</v>
      </c>
    </row>
    <row r="6788" spans="8:17" x14ac:dyDescent="0.25">
      <c r="H6788" s="43">
        <v>6781</v>
      </c>
      <c r="I6788" s="55">
        <f>Bühler!I6814</f>
        <v>1.5322253601516482</v>
      </c>
      <c r="J6788" s="58">
        <f>Bühler!J6814</f>
        <v>46.751891664369687</v>
      </c>
      <c r="K6788" s="58">
        <f>Bühler!K6814</f>
        <v>3.6039397668753983</v>
      </c>
      <c r="L6788" s="58">
        <f>Bühler!L6814</f>
        <v>1.8019698834376991</v>
      </c>
      <c r="M6788" s="57">
        <f>Bühler!M6814</f>
        <v>0</v>
      </c>
      <c r="N6788" s="55">
        <f>IF(Input!$K$13=1,J6788*Input!$J$13,0)+IF(Input!$K$14=1,K6788*Input!$J$14,0)+IF(Input!$K$15=1,L6788*Input!$J$15,0)+IF(Input!$K$16=1,M6788*Input!$J$16,0)</f>
        <v>5.6102269997243619</v>
      </c>
      <c r="O6788" s="58">
        <f>IF(Input!$K$13=2,J6788*Input!$J$13,0)+IF(Input!$K$14=2,K6788*Input!$J$14,0)+IF(Input!$K$15=2,L6788*Input!$J$15,0)+IF(Input!$K$16=2,M6788*Input!$J$16,0)</f>
        <v>0.48653186852817876</v>
      </c>
      <c r="P6788" s="58">
        <f>IF(Input!$K$13=3,J6788*Input!$J$13,0)+IF(Input!$K$14=3,K6788*Input!$J$14,0)+IF(Input!$K$15=3,L6788*Input!$J$15,0)+IF(Input!$K$16=3,M6788*Input!$J$16,0)</f>
        <v>0</v>
      </c>
      <c r="Q6788" s="71">
        <f>IF(Input!$K$13=4,J6788*Input!$J$13,0)+IF(Input!$K$14=4,K6788*Input!$J$14,0)+IF(Input!$K$15=4,L6788*Input!$J$15,0)+IF(Input!$K$16=4,M6788*Input!$J$16,0)</f>
        <v>0</v>
      </c>
    </row>
    <row r="6789" spans="8:17" x14ac:dyDescent="0.25">
      <c r="H6789" s="43">
        <v>6782</v>
      </c>
      <c r="I6789" s="55">
        <f>Bühler!I6815</f>
        <v>1.0178354178150233</v>
      </c>
      <c r="J6789" s="58">
        <f>Bühler!J6815</f>
        <v>31.056613748474152</v>
      </c>
      <c r="K6789" s="58">
        <f>Bühler!K6815</f>
        <v>2.3940457022815145</v>
      </c>
      <c r="L6789" s="58">
        <f>Bühler!L6815</f>
        <v>1.1970228511407572</v>
      </c>
      <c r="M6789" s="57">
        <f>Bühler!M6815</f>
        <v>0</v>
      </c>
      <c r="N6789" s="55">
        <f>IF(Input!$K$13=1,J6789*Input!$J$13,0)+IF(Input!$K$14=1,K6789*Input!$J$14,0)+IF(Input!$K$15=1,L6789*Input!$J$15,0)+IF(Input!$K$16=1,M6789*Input!$J$16,0)</f>
        <v>3.7267936498168983</v>
      </c>
      <c r="O6789" s="58">
        <f>IF(Input!$K$13=2,J6789*Input!$J$13,0)+IF(Input!$K$14=2,K6789*Input!$J$14,0)+IF(Input!$K$15=2,L6789*Input!$J$15,0)+IF(Input!$K$16=2,M6789*Input!$J$16,0)</f>
        <v>0.32319616980800442</v>
      </c>
      <c r="P6789" s="58">
        <f>IF(Input!$K$13=3,J6789*Input!$J$13,0)+IF(Input!$K$14=3,K6789*Input!$J$14,0)+IF(Input!$K$15=3,L6789*Input!$J$15,0)+IF(Input!$K$16=3,M6789*Input!$J$16,0)</f>
        <v>0</v>
      </c>
      <c r="Q6789" s="71">
        <f>IF(Input!$K$13=4,J6789*Input!$J$13,0)+IF(Input!$K$14=4,K6789*Input!$J$14,0)+IF(Input!$K$15=4,L6789*Input!$J$15,0)+IF(Input!$K$16=4,M6789*Input!$J$16,0)</f>
        <v>0</v>
      </c>
    </row>
    <row r="6790" spans="8:17" x14ac:dyDescent="0.25">
      <c r="H6790" s="43">
        <v>6783</v>
      </c>
      <c r="I6790" s="55">
        <f>Bühler!I6816</f>
        <v>1.5322253601516482</v>
      </c>
      <c r="J6790" s="58">
        <f>Bühler!J6816</f>
        <v>46.751891664369687</v>
      </c>
      <c r="K6790" s="58">
        <f>Bühler!K6816</f>
        <v>3.6039397668753983</v>
      </c>
      <c r="L6790" s="58">
        <f>Bühler!L6816</f>
        <v>1.8019698834376991</v>
      </c>
      <c r="M6790" s="57">
        <f>Bühler!M6816</f>
        <v>0</v>
      </c>
      <c r="N6790" s="55">
        <f>IF(Input!$K$13=1,J6790*Input!$J$13,0)+IF(Input!$K$14=1,K6790*Input!$J$14,0)+IF(Input!$K$15=1,L6790*Input!$J$15,0)+IF(Input!$K$16=1,M6790*Input!$J$16,0)</f>
        <v>5.6102269997243619</v>
      </c>
      <c r="O6790" s="58">
        <f>IF(Input!$K$13=2,J6790*Input!$J$13,0)+IF(Input!$K$14=2,K6790*Input!$J$14,0)+IF(Input!$K$15=2,L6790*Input!$J$15,0)+IF(Input!$K$16=2,M6790*Input!$J$16,0)</f>
        <v>0.48653186852817876</v>
      </c>
      <c r="P6790" s="58">
        <f>IF(Input!$K$13=3,J6790*Input!$J$13,0)+IF(Input!$K$14=3,K6790*Input!$J$14,0)+IF(Input!$K$15=3,L6790*Input!$J$15,0)+IF(Input!$K$16=3,M6790*Input!$J$16,0)</f>
        <v>0</v>
      </c>
      <c r="Q6790" s="71">
        <f>IF(Input!$K$13=4,J6790*Input!$J$13,0)+IF(Input!$K$14=4,K6790*Input!$J$14,0)+IF(Input!$K$15=4,L6790*Input!$J$15,0)+IF(Input!$K$16=4,M6790*Input!$J$16,0)</f>
        <v>0</v>
      </c>
    </row>
    <row r="6791" spans="8:17" x14ac:dyDescent="0.25">
      <c r="H6791" s="43">
        <v>6784</v>
      </c>
      <c r="I6791" s="55">
        <f>Bühler!I6817</f>
        <v>1.5322253601516482</v>
      </c>
      <c r="J6791" s="58">
        <f>Bühler!J6817</f>
        <v>46.751891664369687</v>
      </c>
      <c r="K6791" s="58">
        <f>Bühler!K6817</f>
        <v>3.6039397668753983</v>
      </c>
      <c r="L6791" s="58">
        <f>Bühler!L6817</f>
        <v>1.8019698834376991</v>
      </c>
      <c r="M6791" s="57">
        <f>Bühler!M6817</f>
        <v>0</v>
      </c>
      <c r="N6791" s="55">
        <f>IF(Input!$K$13=1,J6791*Input!$J$13,0)+IF(Input!$K$14=1,K6791*Input!$J$14,0)+IF(Input!$K$15=1,L6791*Input!$J$15,0)+IF(Input!$K$16=1,M6791*Input!$J$16,0)</f>
        <v>5.6102269997243619</v>
      </c>
      <c r="O6791" s="58">
        <f>IF(Input!$K$13=2,J6791*Input!$J$13,0)+IF(Input!$K$14=2,K6791*Input!$J$14,0)+IF(Input!$K$15=2,L6791*Input!$J$15,0)+IF(Input!$K$16=2,M6791*Input!$J$16,0)</f>
        <v>0.48653186852817876</v>
      </c>
      <c r="P6791" s="58">
        <f>IF(Input!$K$13=3,J6791*Input!$J$13,0)+IF(Input!$K$14=3,K6791*Input!$J$14,0)+IF(Input!$K$15=3,L6791*Input!$J$15,0)+IF(Input!$K$16=3,M6791*Input!$J$16,0)</f>
        <v>0</v>
      </c>
      <c r="Q6791" s="71">
        <f>IF(Input!$K$13=4,J6791*Input!$J$13,0)+IF(Input!$K$14=4,K6791*Input!$J$14,0)+IF(Input!$K$15=4,L6791*Input!$J$15,0)+IF(Input!$K$16=4,M6791*Input!$J$16,0)</f>
        <v>0</v>
      </c>
    </row>
    <row r="6792" spans="8:17" x14ac:dyDescent="0.25">
      <c r="H6792" s="43">
        <v>6785</v>
      </c>
      <c r="I6792" s="55">
        <f>Bühler!I6818</f>
        <v>1.2807354834094324</v>
      </c>
      <c r="J6792" s="58">
        <f>Bühler!J6818</f>
        <v>27.959523588552692</v>
      </c>
      <c r="K6792" s="58">
        <f>Bühler!K6818</f>
        <v>2.1237502197658595</v>
      </c>
      <c r="L6792" s="58">
        <f>Bühler!L6818</f>
        <v>1.0618751098829298</v>
      </c>
      <c r="M6792" s="57">
        <f>Bühler!M6818</f>
        <v>0</v>
      </c>
      <c r="N6792" s="55">
        <f>IF(Input!$K$13=1,J6792*Input!$J$13,0)+IF(Input!$K$14=1,K6792*Input!$J$14,0)+IF(Input!$K$15=1,L6792*Input!$J$15,0)+IF(Input!$K$16=1,M6792*Input!$J$16,0)</f>
        <v>3.3551428306263227</v>
      </c>
      <c r="O6792" s="58">
        <f>IF(Input!$K$13=2,J6792*Input!$J$13,0)+IF(Input!$K$14=2,K6792*Input!$J$14,0)+IF(Input!$K$15=2,L6792*Input!$J$15,0)+IF(Input!$K$16=2,M6792*Input!$J$16,0)</f>
        <v>0.28670627966839102</v>
      </c>
      <c r="P6792" s="58">
        <f>IF(Input!$K$13=3,J6792*Input!$J$13,0)+IF(Input!$K$14=3,K6792*Input!$J$14,0)+IF(Input!$K$15=3,L6792*Input!$J$15,0)+IF(Input!$K$16=3,M6792*Input!$J$16,0)</f>
        <v>0</v>
      </c>
      <c r="Q6792" s="71">
        <f>IF(Input!$K$13=4,J6792*Input!$J$13,0)+IF(Input!$K$14=4,K6792*Input!$J$14,0)+IF(Input!$K$15=4,L6792*Input!$J$15,0)+IF(Input!$K$16=4,M6792*Input!$J$16,0)</f>
        <v>0</v>
      </c>
    </row>
    <row r="6793" spans="8:17" x14ac:dyDescent="0.25">
      <c r="H6793" s="43">
        <v>6786</v>
      </c>
      <c r="I6793" s="55">
        <f>Bühler!I6819</f>
        <v>1.0176025568180398</v>
      </c>
      <c r="J6793" s="58">
        <f>Bühler!J6819</f>
        <v>12.443444233049879</v>
      </c>
      <c r="K6793" s="58">
        <f>Bühler!K6819</f>
        <v>0.90642348261453687</v>
      </c>
      <c r="L6793" s="58">
        <f>Bühler!L6819</f>
        <v>0.45321174130726843</v>
      </c>
      <c r="M6793" s="57">
        <f>Bühler!M6819</f>
        <v>0</v>
      </c>
      <c r="N6793" s="55">
        <f>IF(Input!$K$13=1,J6793*Input!$J$13,0)+IF(Input!$K$14=1,K6793*Input!$J$14,0)+IF(Input!$K$15=1,L6793*Input!$J$15,0)+IF(Input!$K$16=1,M6793*Input!$J$16,0)</f>
        <v>1.4932133079659855</v>
      </c>
      <c r="O6793" s="58">
        <f>IF(Input!$K$13=2,J6793*Input!$J$13,0)+IF(Input!$K$14=2,K6793*Input!$J$14,0)+IF(Input!$K$15=2,L6793*Input!$J$15,0)+IF(Input!$K$16=2,M6793*Input!$J$16,0)</f>
        <v>0.12236717015296247</v>
      </c>
      <c r="P6793" s="58">
        <f>IF(Input!$K$13=3,J6793*Input!$J$13,0)+IF(Input!$K$14=3,K6793*Input!$J$14,0)+IF(Input!$K$15=3,L6793*Input!$J$15,0)+IF(Input!$K$16=3,M6793*Input!$J$16,0)</f>
        <v>0</v>
      </c>
      <c r="Q6793" s="71">
        <f>IF(Input!$K$13=4,J6793*Input!$J$13,0)+IF(Input!$K$14=4,K6793*Input!$J$14,0)+IF(Input!$K$15=4,L6793*Input!$J$15,0)+IF(Input!$K$16=4,M6793*Input!$J$16,0)</f>
        <v>0</v>
      </c>
    </row>
    <row r="6794" spans="8:17" x14ac:dyDescent="0.25">
      <c r="H6794" s="43">
        <v>6787</v>
      </c>
      <c r="I6794" s="55">
        <f>Bühler!I6820</f>
        <v>0.36093454532447644</v>
      </c>
      <c r="J6794" s="58">
        <f>Bühler!J6820</f>
        <v>7.8760997897895377</v>
      </c>
      <c r="K6794" s="58">
        <f>Bühler!K6820</f>
        <v>0.59823949852559433</v>
      </c>
      <c r="L6794" s="58">
        <f>Bühler!L6820</f>
        <v>0.29911974926279716</v>
      </c>
      <c r="M6794" s="57">
        <f>Bühler!M6820</f>
        <v>0</v>
      </c>
      <c r="N6794" s="55">
        <f>IF(Input!$K$13=1,J6794*Input!$J$13,0)+IF(Input!$K$14=1,K6794*Input!$J$14,0)+IF(Input!$K$15=1,L6794*Input!$J$15,0)+IF(Input!$K$16=1,M6794*Input!$J$16,0)</f>
        <v>0.94513197477474453</v>
      </c>
      <c r="O6794" s="58">
        <f>IF(Input!$K$13=2,J6794*Input!$J$13,0)+IF(Input!$K$14=2,K6794*Input!$J$14,0)+IF(Input!$K$15=2,L6794*Input!$J$15,0)+IF(Input!$K$16=2,M6794*Input!$J$16,0)</f>
        <v>8.0762332300955225E-2</v>
      </c>
      <c r="P6794" s="58">
        <f>IF(Input!$K$13=3,J6794*Input!$J$13,0)+IF(Input!$K$14=3,K6794*Input!$J$14,0)+IF(Input!$K$15=3,L6794*Input!$J$15,0)+IF(Input!$K$16=3,M6794*Input!$J$16,0)</f>
        <v>0</v>
      </c>
      <c r="Q6794" s="71">
        <f>IF(Input!$K$13=4,J6794*Input!$J$13,0)+IF(Input!$K$14=4,K6794*Input!$J$14,0)+IF(Input!$K$15=4,L6794*Input!$J$15,0)+IF(Input!$K$16=4,M6794*Input!$J$16,0)</f>
        <v>0</v>
      </c>
    </row>
    <row r="6795" spans="8:17" x14ac:dyDescent="0.25">
      <c r="H6795" s="43">
        <v>6788</v>
      </c>
      <c r="I6795" s="55">
        <f>Bühler!I6821</f>
        <v>0.36093454532447644</v>
      </c>
      <c r="J6795" s="58">
        <f>Bühler!J6821</f>
        <v>7.8760997897895377</v>
      </c>
      <c r="K6795" s="58">
        <f>Bühler!K6821</f>
        <v>0.59823949852559433</v>
      </c>
      <c r="L6795" s="58">
        <f>Bühler!L6821</f>
        <v>0.29911974926279716</v>
      </c>
      <c r="M6795" s="57">
        <f>Bühler!M6821</f>
        <v>0</v>
      </c>
      <c r="N6795" s="55">
        <f>IF(Input!$K$13=1,J6795*Input!$J$13,0)+IF(Input!$K$14=1,K6795*Input!$J$14,0)+IF(Input!$K$15=1,L6795*Input!$J$15,0)+IF(Input!$K$16=1,M6795*Input!$J$16,0)</f>
        <v>0.94513197477474453</v>
      </c>
      <c r="O6795" s="58">
        <f>IF(Input!$K$13=2,J6795*Input!$J$13,0)+IF(Input!$K$14=2,K6795*Input!$J$14,0)+IF(Input!$K$15=2,L6795*Input!$J$15,0)+IF(Input!$K$16=2,M6795*Input!$J$16,0)</f>
        <v>8.0762332300955225E-2</v>
      </c>
      <c r="P6795" s="58">
        <f>IF(Input!$K$13=3,J6795*Input!$J$13,0)+IF(Input!$K$14=3,K6795*Input!$J$14,0)+IF(Input!$K$15=3,L6795*Input!$J$15,0)+IF(Input!$K$16=3,M6795*Input!$J$16,0)</f>
        <v>0</v>
      </c>
      <c r="Q6795" s="71">
        <f>IF(Input!$K$13=4,J6795*Input!$J$13,0)+IF(Input!$K$14=4,K6795*Input!$J$14,0)+IF(Input!$K$15=4,L6795*Input!$J$15,0)+IF(Input!$K$16=4,M6795*Input!$J$16,0)</f>
        <v>0</v>
      </c>
    </row>
    <row r="6796" spans="8:17" x14ac:dyDescent="0.25">
      <c r="H6796" s="43">
        <v>6789</v>
      </c>
      <c r="I6796" s="55">
        <f>Bühler!I6822</f>
        <v>0.36093454532447644</v>
      </c>
      <c r="J6796" s="58">
        <f>Bühler!J6822</f>
        <v>7.8760997897895377</v>
      </c>
      <c r="K6796" s="58">
        <f>Bühler!K6822</f>
        <v>0.59823949852559433</v>
      </c>
      <c r="L6796" s="58">
        <f>Bühler!L6822</f>
        <v>0.29911974926279716</v>
      </c>
      <c r="M6796" s="57">
        <f>Bühler!M6822</f>
        <v>0</v>
      </c>
      <c r="N6796" s="55">
        <f>IF(Input!$K$13=1,J6796*Input!$J$13,0)+IF(Input!$K$14=1,K6796*Input!$J$14,0)+IF(Input!$K$15=1,L6796*Input!$J$15,0)+IF(Input!$K$16=1,M6796*Input!$J$16,0)</f>
        <v>0.94513197477474453</v>
      </c>
      <c r="O6796" s="58">
        <f>IF(Input!$K$13=2,J6796*Input!$J$13,0)+IF(Input!$K$14=2,K6796*Input!$J$14,0)+IF(Input!$K$15=2,L6796*Input!$J$15,0)+IF(Input!$K$16=2,M6796*Input!$J$16,0)</f>
        <v>8.0762332300955225E-2</v>
      </c>
      <c r="P6796" s="58">
        <f>IF(Input!$K$13=3,J6796*Input!$J$13,0)+IF(Input!$K$14=3,K6796*Input!$J$14,0)+IF(Input!$K$15=3,L6796*Input!$J$15,0)+IF(Input!$K$16=3,M6796*Input!$J$16,0)</f>
        <v>0</v>
      </c>
      <c r="Q6796" s="71">
        <f>IF(Input!$K$13=4,J6796*Input!$J$13,0)+IF(Input!$K$14=4,K6796*Input!$J$14,0)+IF(Input!$K$15=4,L6796*Input!$J$15,0)+IF(Input!$K$16=4,M6796*Input!$J$16,0)</f>
        <v>0</v>
      </c>
    </row>
    <row r="6797" spans="8:17" x14ac:dyDescent="0.25">
      <c r="H6797" s="43">
        <v>6790</v>
      </c>
      <c r="I6797" s="55">
        <f>Bühler!I6823</f>
        <v>0.36093454532447644</v>
      </c>
      <c r="J6797" s="58">
        <f>Bühler!J6823</f>
        <v>7.8760997897895377</v>
      </c>
      <c r="K6797" s="58">
        <f>Bühler!K6823</f>
        <v>0.59823949852559433</v>
      </c>
      <c r="L6797" s="58">
        <f>Bühler!L6823</f>
        <v>0.29911974926279716</v>
      </c>
      <c r="M6797" s="57">
        <f>Bühler!M6823</f>
        <v>0</v>
      </c>
      <c r="N6797" s="55">
        <f>IF(Input!$K$13=1,J6797*Input!$J$13,0)+IF(Input!$K$14=1,K6797*Input!$J$14,0)+IF(Input!$K$15=1,L6797*Input!$J$15,0)+IF(Input!$K$16=1,M6797*Input!$J$16,0)</f>
        <v>0.94513197477474453</v>
      </c>
      <c r="O6797" s="58">
        <f>IF(Input!$K$13=2,J6797*Input!$J$13,0)+IF(Input!$K$14=2,K6797*Input!$J$14,0)+IF(Input!$K$15=2,L6797*Input!$J$15,0)+IF(Input!$K$16=2,M6797*Input!$J$16,0)</f>
        <v>8.0762332300955225E-2</v>
      </c>
      <c r="P6797" s="58">
        <f>IF(Input!$K$13=3,J6797*Input!$J$13,0)+IF(Input!$K$14=3,K6797*Input!$J$14,0)+IF(Input!$K$15=3,L6797*Input!$J$15,0)+IF(Input!$K$16=3,M6797*Input!$J$16,0)</f>
        <v>0</v>
      </c>
      <c r="Q6797" s="71">
        <f>IF(Input!$K$13=4,J6797*Input!$J$13,0)+IF(Input!$K$14=4,K6797*Input!$J$14,0)+IF(Input!$K$15=4,L6797*Input!$J$15,0)+IF(Input!$K$16=4,M6797*Input!$J$16,0)</f>
        <v>0</v>
      </c>
    </row>
    <row r="6798" spans="8:17" x14ac:dyDescent="0.25">
      <c r="H6798" s="43">
        <v>6791</v>
      </c>
      <c r="I6798" s="55">
        <f>Bühler!I6824</f>
        <v>0.36093454532447644</v>
      </c>
      <c r="J6798" s="58">
        <f>Bühler!J6824</f>
        <v>7.8760997897895377</v>
      </c>
      <c r="K6798" s="58">
        <f>Bühler!K6824</f>
        <v>0.59823949852559433</v>
      </c>
      <c r="L6798" s="58">
        <f>Bühler!L6824</f>
        <v>0.29911974926279716</v>
      </c>
      <c r="M6798" s="57">
        <f>Bühler!M6824</f>
        <v>0</v>
      </c>
      <c r="N6798" s="55">
        <f>IF(Input!$K$13=1,J6798*Input!$J$13,0)+IF(Input!$K$14=1,K6798*Input!$J$14,0)+IF(Input!$K$15=1,L6798*Input!$J$15,0)+IF(Input!$K$16=1,M6798*Input!$J$16,0)</f>
        <v>0.94513197477474453</v>
      </c>
      <c r="O6798" s="58">
        <f>IF(Input!$K$13=2,J6798*Input!$J$13,0)+IF(Input!$K$14=2,K6798*Input!$J$14,0)+IF(Input!$K$15=2,L6798*Input!$J$15,0)+IF(Input!$K$16=2,M6798*Input!$J$16,0)</f>
        <v>8.0762332300955225E-2</v>
      </c>
      <c r="P6798" s="58">
        <f>IF(Input!$K$13=3,J6798*Input!$J$13,0)+IF(Input!$K$14=3,K6798*Input!$J$14,0)+IF(Input!$K$15=3,L6798*Input!$J$15,0)+IF(Input!$K$16=3,M6798*Input!$J$16,0)</f>
        <v>0</v>
      </c>
      <c r="Q6798" s="71">
        <f>IF(Input!$K$13=4,J6798*Input!$J$13,0)+IF(Input!$K$14=4,K6798*Input!$J$14,0)+IF(Input!$K$15=4,L6798*Input!$J$15,0)+IF(Input!$K$16=4,M6798*Input!$J$16,0)</f>
        <v>0</v>
      </c>
    </row>
    <row r="6799" spans="8:17" x14ac:dyDescent="0.25">
      <c r="H6799" s="43">
        <v>6792</v>
      </c>
      <c r="I6799" s="55">
        <f>Bühler!I6825</f>
        <v>0.36093454532447644</v>
      </c>
      <c r="J6799" s="58">
        <f>Bühler!J6825</f>
        <v>7.8760997897895377</v>
      </c>
      <c r="K6799" s="58">
        <f>Bühler!K6825</f>
        <v>0.59823949852559433</v>
      </c>
      <c r="L6799" s="58">
        <f>Bühler!L6825</f>
        <v>0.29911974926279716</v>
      </c>
      <c r="M6799" s="57">
        <f>Bühler!M6825</f>
        <v>0</v>
      </c>
      <c r="N6799" s="55">
        <f>IF(Input!$K$13=1,J6799*Input!$J$13,0)+IF(Input!$K$14=1,K6799*Input!$J$14,0)+IF(Input!$K$15=1,L6799*Input!$J$15,0)+IF(Input!$K$16=1,M6799*Input!$J$16,0)</f>
        <v>0.94513197477474453</v>
      </c>
      <c r="O6799" s="58">
        <f>IF(Input!$K$13=2,J6799*Input!$J$13,0)+IF(Input!$K$14=2,K6799*Input!$J$14,0)+IF(Input!$K$15=2,L6799*Input!$J$15,0)+IF(Input!$K$16=2,M6799*Input!$J$16,0)</f>
        <v>8.0762332300955225E-2</v>
      </c>
      <c r="P6799" s="58">
        <f>IF(Input!$K$13=3,J6799*Input!$J$13,0)+IF(Input!$K$14=3,K6799*Input!$J$14,0)+IF(Input!$K$15=3,L6799*Input!$J$15,0)+IF(Input!$K$16=3,M6799*Input!$J$16,0)</f>
        <v>0</v>
      </c>
      <c r="Q6799" s="71">
        <f>IF(Input!$K$13=4,J6799*Input!$J$13,0)+IF(Input!$K$14=4,K6799*Input!$J$14,0)+IF(Input!$K$15=4,L6799*Input!$J$15,0)+IF(Input!$K$16=4,M6799*Input!$J$16,0)</f>
        <v>0</v>
      </c>
    </row>
    <row r="6800" spans="8:17" x14ac:dyDescent="0.25">
      <c r="H6800" s="43">
        <v>6793</v>
      </c>
      <c r="I6800" s="55">
        <f>Bühler!I6826</f>
        <v>0.30021254839878903</v>
      </c>
      <c r="J6800" s="58">
        <f>Bühler!J6826</f>
        <v>7.5073278723927253</v>
      </c>
      <c r="K6800" s="58">
        <f>Bühler!K6826</f>
        <v>0.58693913432139067</v>
      </c>
      <c r="L6800" s="58">
        <f>Bühler!L6826</f>
        <v>0.29346956716069533</v>
      </c>
      <c r="M6800" s="57">
        <f>Bühler!M6826</f>
        <v>0</v>
      </c>
      <c r="N6800" s="55">
        <f>IF(Input!$K$13=1,J6800*Input!$J$13,0)+IF(Input!$K$14=1,K6800*Input!$J$14,0)+IF(Input!$K$15=1,L6800*Input!$J$15,0)+IF(Input!$K$16=1,M6800*Input!$J$16,0)</f>
        <v>0.90087934468712705</v>
      </c>
      <c r="O6800" s="58">
        <f>IF(Input!$K$13=2,J6800*Input!$J$13,0)+IF(Input!$K$14=2,K6800*Input!$J$14,0)+IF(Input!$K$15=2,L6800*Input!$J$15,0)+IF(Input!$K$16=2,M6800*Input!$J$16,0)</f>
        <v>7.9236783133387736E-2</v>
      </c>
      <c r="P6800" s="58">
        <f>IF(Input!$K$13=3,J6800*Input!$J$13,0)+IF(Input!$K$14=3,K6800*Input!$J$14,0)+IF(Input!$K$15=3,L6800*Input!$J$15,0)+IF(Input!$K$16=3,M6800*Input!$J$16,0)</f>
        <v>0</v>
      </c>
      <c r="Q6800" s="71">
        <f>IF(Input!$K$13=4,J6800*Input!$J$13,0)+IF(Input!$K$14=4,K6800*Input!$J$14,0)+IF(Input!$K$15=4,L6800*Input!$J$15,0)+IF(Input!$K$16=4,M6800*Input!$J$16,0)</f>
        <v>0</v>
      </c>
    </row>
    <row r="6801" spans="8:17" x14ac:dyDescent="0.25">
      <c r="H6801" s="43">
        <v>6794</v>
      </c>
      <c r="I6801" s="55">
        <f>Bühler!I6827</f>
        <v>0.30021254839878903</v>
      </c>
      <c r="J6801" s="58">
        <f>Bühler!J6827</f>
        <v>7.5073278723927253</v>
      </c>
      <c r="K6801" s="58">
        <f>Bühler!K6827</f>
        <v>0.58693913432139067</v>
      </c>
      <c r="L6801" s="58">
        <f>Bühler!L6827</f>
        <v>0.29346956716069533</v>
      </c>
      <c r="M6801" s="57">
        <f>Bühler!M6827</f>
        <v>0</v>
      </c>
      <c r="N6801" s="55">
        <f>IF(Input!$K$13=1,J6801*Input!$J$13,0)+IF(Input!$K$14=1,K6801*Input!$J$14,0)+IF(Input!$K$15=1,L6801*Input!$J$15,0)+IF(Input!$K$16=1,M6801*Input!$J$16,0)</f>
        <v>0.90087934468712705</v>
      </c>
      <c r="O6801" s="58">
        <f>IF(Input!$K$13=2,J6801*Input!$J$13,0)+IF(Input!$K$14=2,K6801*Input!$J$14,0)+IF(Input!$K$15=2,L6801*Input!$J$15,0)+IF(Input!$K$16=2,M6801*Input!$J$16,0)</f>
        <v>7.9236783133387736E-2</v>
      </c>
      <c r="P6801" s="58">
        <f>IF(Input!$K$13=3,J6801*Input!$J$13,0)+IF(Input!$K$14=3,K6801*Input!$J$14,0)+IF(Input!$K$15=3,L6801*Input!$J$15,0)+IF(Input!$K$16=3,M6801*Input!$J$16,0)</f>
        <v>0</v>
      </c>
      <c r="Q6801" s="71">
        <f>IF(Input!$K$13=4,J6801*Input!$J$13,0)+IF(Input!$K$14=4,K6801*Input!$J$14,0)+IF(Input!$K$15=4,L6801*Input!$J$15,0)+IF(Input!$K$16=4,M6801*Input!$J$16,0)</f>
        <v>0</v>
      </c>
    </row>
    <row r="6802" spans="8:17" x14ac:dyDescent="0.25">
      <c r="H6802" s="43">
        <v>6795</v>
      </c>
      <c r="I6802" s="55">
        <f>Bühler!I6828</f>
        <v>0.30021254839878903</v>
      </c>
      <c r="J6802" s="58">
        <f>Bühler!J6828</f>
        <v>7.5073278723927253</v>
      </c>
      <c r="K6802" s="58">
        <f>Bühler!K6828</f>
        <v>0.58693913432139067</v>
      </c>
      <c r="L6802" s="58">
        <f>Bühler!L6828</f>
        <v>0.29346956716069533</v>
      </c>
      <c r="M6802" s="57">
        <f>Bühler!M6828</f>
        <v>0</v>
      </c>
      <c r="N6802" s="55">
        <f>IF(Input!$K$13=1,J6802*Input!$J$13,0)+IF(Input!$K$14=1,K6802*Input!$J$14,0)+IF(Input!$K$15=1,L6802*Input!$J$15,0)+IF(Input!$K$16=1,M6802*Input!$J$16,0)</f>
        <v>0.90087934468712705</v>
      </c>
      <c r="O6802" s="58">
        <f>IF(Input!$K$13=2,J6802*Input!$J$13,0)+IF(Input!$K$14=2,K6802*Input!$J$14,0)+IF(Input!$K$15=2,L6802*Input!$J$15,0)+IF(Input!$K$16=2,M6802*Input!$J$16,0)</f>
        <v>7.9236783133387736E-2</v>
      </c>
      <c r="P6802" s="58">
        <f>IF(Input!$K$13=3,J6802*Input!$J$13,0)+IF(Input!$K$14=3,K6802*Input!$J$14,0)+IF(Input!$K$15=3,L6802*Input!$J$15,0)+IF(Input!$K$16=3,M6802*Input!$J$16,0)</f>
        <v>0</v>
      </c>
      <c r="Q6802" s="71">
        <f>IF(Input!$K$13=4,J6802*Input!$J$13,0)+IF(Input!$K$14=4,K6802*Input!$J$14,0)+IF(Input!$K$15=4,L6802*Input!$J$15,0)+IF(Input!$K$16=4,M6802*Input!$J$16,0)</f>
        <v>0</v>
      </c>
    </row>
    <row r="6803" spans="8:17" x14ac:dyDescent="0.25">
      <c r="H6803" s="43">
        <v>6796</v>
      </c>
      <c r="I6803" s="55">
        <f>Bühler!I6829</f>
        <v>0.30021254839878903</v>
      </c>
      <c r="J6803" s="58">
        <f>Bühler!J6829</f>
        <v>7.5073278723927253</v>
      </c>
      <c r="K6803" s="58">
        <f>Bühler!K6829</f>
        <v>0.58693913432139067</v>
      </c>
      <c r="L6803" s="58">
        <f>Bühler!L6829</f>
        <v>0.29346956716069533</v>
      </c>
      <c r="M6803" s="57">
        <f>Bühler!M6829</f>
        <v>0</v>
      </c>
      <c r="N6803" s="55">
        <f>IF(Input!$K$13=1,J6803*Input!$J$13,0)+IF(Input!$K$14=1,K6803*Input!$J$14,0)+IF(Input!$K$15=1,L6803*Input!$J$15,0)+IF(Input!$K$16=1,M6803*Input!$J$16,0)</f>
        <v>0.90087934468712705</v>
      </c>
      <c r="O6803" s="58">
        <f>IF(Input!$K$13=2,J6803*Input!$J$13,0)+IF(Input!$K$14=2,K6803*Input!$J$14,0)+IF(Input!$K$15=2,L6803*Input!$J$15,0)+IF(Input!$K$16=2,M6803*Input!$J$16,0)</f>
        <v>7.9236783133387736E-2</v>
      </c>
      <c r="P6803" s="58">
        <f>IF(Input!$K$13=3,J6803*Input!$J$13,0)+IF(Input!$K$14=3,K6803*Input!$J$14,0)+IF(Input!$K$15=3,L6803*Input!$J$15,0)+IF(Input!$K$16=3,M6803*Input!$J$16,0)</f>
        <v>0</v>
      </c>
      <c r="Q6803" s="71">
        <f>IF(Input!$K$13=4,J6803*Input!$J$13,0)+IF(Input!$K$14=4,K6803*Input!$J$14,0)+IF(Input!$K$15=4,L6803*Input!$J$15,0)+IF(Input!$K$16=4,M6803*Input!$J$16,0)</f>
        <v>0</v>
      </c>
    </row>
    <row r="6804" spans="8:17" x14ac:dyDescent="0.25">
      <c r="H6804" s="43">
        <v>6797</v>
      </c>
      <c r="I6804" s="55">
        <f>Bühler!I6830</f>
        <v>0.30021254839878903</v>
      </c>
      <c r="J6804" s="58">
        <f>Bühler!J6830</f>
        <v>7.5073278723927253</v>
      </c>
      <c r="K6804" s="58">
        <f>Bühler!K6830</f>
        <v>0.58693913432139067</v>
      </c>
      <c r="L6804" s="58">
        <f>Bühler!L6830</f>
        <v>0.29346956716069533</v>
      </c>
      <c r="M6804" s="57">
        <f>Bühler!M6830</f>
        <v>0</v>
      </c>
      <c r="N6804" s="55">
        <f>IF(Input!$K$13=1,J6804*Input!$J$13,0)+IF(Input!$K$14=1,K6804*Input!$J$14,0)+IF(Input!$K$15=1,L6804*Input!$J$15,0)+IF(Input!$K$16=1,M6804*Input!$J$16,0)</f>
        <v>0.90087934468712705</v>
      </c>
      <c r="O6804" s="58">
        <f>IF(Input!$K$13=2,J6804*Input!$J$13,0)+IF(Input!$K$14=2,K6804*Input!$J$14,0)+IF(Input!$K$15=2,L6804*Input!$J$15,0)+IF(Input!$K$16=2,M6804*Input!$J$16,0)</f>
        <v>7.9236783133387736E-2</v>
      </c>
      <c r="P6804" s="58">
        <f>IF(Input!$K$13=3,J6804*Input!$J$13,0)+IF(Input!$K$14=3,K6804*Input!$J$14,0)+IF(Input!$K$15=3,L6804*Input!$J$15,0)+IF(Input!$K$16=3,M6804*Input!$J$16,0)</f>
        <v>0</v>
      </c>
      <c r="Q6804" s="71">
        <f>IF(Input!$K$13=4,J6804*Input!$J$13,0)+IF(Input!$K$14=4,K6804*Input!$J$14,0)+IF(Input!$K$15=4,L6804*Input!$J$15,0)+IF(Input!$K$16=4,M6804*Input!$J$16,0)</f>
        <v>0</v>
      </c>
    </row>
    <row r="6805" spans="8:17" x14ac:dyDescent="0.25">
      <c r="H6805" s="43">
        <v>6798</v>
      </c>
      <c r="I6805" s="55">
        <f>Bühler!I6831</f>
        <v>0.30021254839878903</v>
      </c>
      <c r="J6805" s="58">
        <f>Bühler!J6831</f>
        <v>7.5073278723927253</v>
      </c>
      <c r="K6805" s="58">
        <f>Bühler!K6831</f>
        <v>0.58693913432139067</v>
      </c>
      <c r="L6805" s="58">
        <f>Bühler!L6831</f>
        <v>0.29346956716069533</v>
      </c>
      <c r="M6805" s="57">
        <f>Bühler!M6831</f>
        <v>0</v>
      </c>
      <c r="N6805" s="55">
        <f>IF(Input!$K$13=1,J6805*Input!$J$13,0)+IF(Input!$K$14=1,K6805*Input!$J$14,0)+IF(Input!$K$15=1,L6805*Input!$J$15,0)+IF(Input!$K$16=1,M6805*Input!$J$16,0)</f>
        <v>0.90087934468712705</v>
      </c>
      <c r="O6805" s="58">
        <f>IF(Input!$K$13=2,J6805*Input!$J$13,0)+IF(Input!$K$14=2,K6805*Input!$J$14,0)+IF(Input!$K$15=2,L6805*Input!$J$15,0)+IF(Input!$K$16=2,M6805*Input!$J$16,0)</f>
        <v>7.9236783133387736E-2</v>
      </c>
      <c r="P6805" s="58">
        <f>IF(Input!$K$13=3,J6805*Input!$J$13,0)+IF(Input!$K$14=3,K6805*Input!$J$14,0)+IF(Input!$K$15=3,L6805*Input!$J$15,0)+IF(Input!$K$16=3,M6805*Input!$J$16,0)</f>
        <v>0</v>
      </c>
      <c r="Q6805" s="71">
        <f>IF(Input!$K$13=4,J6805*Input!$J$13,0)+IF(Input!$K$14=4,K6805*Input!$J$14,0)+IF(Input!$K$15=4,L6805*Input!$J$15,0)+IF(Input!$K$16=4,M6805*Input!$J$16,0)</f>
        <v>0</v>
      </c>
    </row>
    <row r="6806" spans="8:17" x14ac:dyDescent="0.25">
      <c r="H6806" s="43">
        <v>6799</v>
      </c>
      <c r="I6806" s="55">
        <f>Bühler!I6832</f>
        <v>0.30021254839878903</v>
      </c>
      <c r="J6806" s="58">
        <f>Bühler!J6832</f>
        <v>7.5073278723927253</v>
      </c>
      <c r="K6806" s="58">
        <f>Bühler!K6832</f>
        <v>0.58693913432139067</v>
      </c>
      <c r="L6806" s="58">
        <f>Bühler!L6832</f>
        <v>0.29346956716069533</v>
      </c>
      <c r="M6806" s="57">
        <f>Bühler!M6832</f>
        <v>0</v>
      </c>
      <c r="N6806" s="55">
        <f>IF(Input!$K$13=1,J6806*Input!$J$13,0)+IF(Input!$K$14=1,K6806*Input!$J$14,0)+IF(Input!$K$15=1,L6806*Input!$J$15,0)+IF(Input!$K$16=1,M6806*Input!$J$16,0)</f>
        <v>0.90087934468712705</v>
      </c>
      <c r="O6806" s="58">
        <f>IF(Input!$K$13=2,J6806*Input!$J$13,0)+IF(Input!$K$14=2,K6806*Input!$J$14,0)+IF(Input!$K$15=2,L6806*Input!$J$15,0)+IF(Input!$K$16=2,M6806*Input!$J$16,0)</f>
        <v>7.9236783133387736E-2</v>
      </c>
      <c r="P6806" s="58">
        <f>IF(Input!$K$13=3,J6806*Input!$J$13,0)+IF(Input!$K$14=3,K6806*Input!$J$14,0)+IF(Input!$K$15=3,L6806*Input!$J$15,0)+IF(Input!$K$16=3,M6806*Input!$J$16,0)</f>
        <v>0</v>
      </c>
      <c r="Q6806" s="71">
        <f>IF(Input!$K$13=4,J6806*Input!$J$13,0)+IF(Input!$K$14=4,K6806*Input!$J$14,0)+IF(Input!$K$15=4,L6806*Input!$J$15,0)+IF(Input!$K$16=4,M6806*Input!$J$16,0)</f>
        <v>0</v>
      </c>
    </row>
    <row r="6807" spans="8:17" x14ac:dyDescent="0.25">
      <c r="H6807" s="43">
        <v>6800</v>
      </c>
      <c r="I6807" s="55">
        <f>Bühler!I6833</f>
        <v>0.82708557083866352</v>
      </c>
      <c r="J6807" s="58">
        <f>Bühler!J6833</f>
        <v>30.25555384745498</v>
      </c>
      <c r="K6807" s="58">
        <f>Bühler!K6833</f>
        <v>2.3993360369683514</v>
      </c>
      <c r="L6807" s="58">
        <f>Bühler!L6833</f>
        <v>1.1996680184841757</v>
      </c>
      <c r="M6807" s="57">
        <f>Bühler!M6833</f>
        <v>0</v>
      </c>
      <c r="N6807" s="55">
        <f>IF(Input!$K$13=1,J6807*Input!$J$13,0)+IF(Input!$K$14=1,K6807*Input!$J$14,0)+IF(Input!$K$15=1,L6807*Input!$J$15,0)+IF(Input!$K$16=1,M6807*Input!$J$16,0)</f>
        <v>3.6306664616945974</v>
      </c>
      <c r="O6807" s="58">
        <f>IF(Input!$K$13=2,J6807*Input!$J$13,0)+IF(Input!$K$14=2,K6807*Input!$J$14,0)+IF(Input!$K$15=2,L6807*Input!$J$15,0)+IF(Input!$K$16=2,M6807*Input!$J$16,0)</f>
        <v>0.32391036499072745</v>
      </c>
      <c r="P6807" s="58">
        <f>IF(Input!$K$13=3,J6807*Input!$J$13,0)+IF(Input!$K$14=3,K6807*Input!$J$14,0)+IF(Input!$K$15=3,L6807*Input!$J$15,0)+IF(Input!$K$16=3,M6807*Input!$J$16,0)</f>
        <v>0</v>
      </c>
      <c r="Q6807" s="71">
        <f>IF(Input!$K$13=4,J6807*Input!$J$13,0)+IF(Input!$K$14=4,K6807*Input!$J$14,0)+IF(Input!$K$15=4,L6807*Input!$J$15,0)+IF(Input!$K$16=4,M6807*Input!$J$16,0)</f>
        <v>0</v>
      </c>
    </row>
    <row r="6808" spans="8:17" x14ac:dyDescent="0.25">
      <c r="H6808" s="43">
        <v>6801</v>
      </c>
      <c r="I6808" s="55">
        <f>Bühler!I6834</f>
        <v>0.92285337377787735</v>
      </c>
      <c r="J6808" s="58">
        <f>Bühler!J6834</f>
        <v>33.758828503476082</v>
      </c>
      <c r="K6808" s="58">
        <f>Bühler!K6834</f>
        <v>2.6771538938804764</v>
      </c>
      <c r="L6808" s="58">
        <f>Bühler!L6834</f>
        <v>1.3385769469402382</v>
      </c>
      <c r="M6808" s="57">
        <f>Bühler!M6834</f>
        <v>0</v>
      </c>
      <c r="N6808" s="55">
        <f>IF(Input!$K$13=1,J6808*Input!$J$13,0)+IF(Input!$K$14=1,K6808*Input!$J$14,0)+IF(Input!$K$15=1,L6808*Input!$J$15,0)+IF(Input!$K$16=1,M6808*Input!$J$16,0)</f>
        <v>4.05105942041713</v>
      </c>
      <c r="O6808" s="58">
        <f>IF(Input!$K$13=2,J6808*Input!$J$13,0)+IF(Input!$K$14=2,K6808*Input!$J$14,0)+IF(Input!$K$15=2,L6808*Input!$J$15,0)+IF(Input!$K$16=2,M6808*Input!$J$16,0)</f>
        <v>0.36141577567386429</v>
      </c>
      <c r="P6808" s="58">
        <f>IF(Input!$K$13=3,J6808*Input!$J$13,0)+IF(Input!$K$14=3,K6808*Input!$J$14,0)+IF(Input!$K$15=3,L6808*Input!$J$15,0)+IF(Input!$K$16=3,M6808*Input!$J$16,0)</f>
        <v>0</v>
      </c>
      <c r="Q6808" s="71">
        <f>IF(Input!$K$13=4,J6808*Input!$J$13,0)+IF(Input!$K$14=4,K6808*Input!$J$14,0)+IF(Input!$K$15=4,L6808*Input!$J$15,0)+IF(Input!$K$16=4,M6808*Input!$J$16,0)</f>
        <v>0</v>
      </c>
    </row>
    <row r="6809" spans="8:17" x14ac:dyDescent="0.25">
      <c r="H6809" s="43">
        <v>6802</v>
      </c>
      <c r="I6809" s="55">
        <f>Bühler!I6835</f>
        <v>1.018621176717091</v>
      </c>
      <c r="J6809" s="58">
        <f>Bühler!J6835</f>
        <v>37.262103159497187</v>
      </c>
      <c r="K6809" s="58">
        <f>Bühler!K6835</f>
        <v>2.9549717507926014</v>
      </c>
      <c r="L6809" s="58">
        <f>Bühler!L6835</f>
        <v>1.4774858753963007</v>
      </c>
      <c r="M6809" s="57">
        <f>Bühler!M6835</f>
        <v>0</v>
      </c>
      <c r="N6809" s="55">
        <f>IF(Input!$K$13=1,J6809*Input!$J$13,0)+IF(Input!$K$14=1,K6809*Input!$J$14,0)+IF(Input!$K$15=1,L6809*Input!$J$15,0)+IF(Input!$K$16=1,M6809*Input!$J$16,0)</f>
        <v>4.4714523791396621</v>
      </c>
      <c r="O6809" s="58">
        <f>IF(Input!$K$13=2,J6809*Input!$J$13,0)+IF(Input!$K$14=2,K6809*Input!$J$14,0)+IF(Input!$K$15=2,L6809*Input!$J$15,0)+IF(Input!$K$16=2,M6809*Input!$J$16,0)</f>
        <v>0.39892118635700119</v>
      </c>
      <c r="P6809" s="58">
        <f>IF(Input!$K$13=3,J6809*Input!$J$13,0)+IF(Input!$K$14=3,K6809*Input!$J$14,0)+IF(Input!$K$15=3,L6809*Input!$J$15,0)+IF(Input!$K$16=3,M6809*Input!$J$16,0)</f>
        <v>0</v>
      </c>
      <c r="Q6809" s="71">
        <f>IF(Input!$K$13=4,J6809*Input!$J$13,0)+IF(Input!$K$14=4,K6809*Input!$J$14,0)+IF(Input!$K$15=4,L6809*Input!$J$15,0)+IF(Input!$K$16=4,M6809*Input!$J$16,0)</f>
        <v>0</v>
      </c>
    </row>
    <row r="6810" spans="8:17" x14ac:dyDescent="0.25">
      <c r="H6810" s="43">
        <v>6803</v>
      </c>
      <c r="I6810" s="55">
        <f>Bühler!I6836</f>
        <v>1.018621176717091</v>
      </c>
      <c r="J6810" s="58">
        <f>Bühler!J6836</f>
        <v>37.262103159497187</v>
      </c>
      <c r="K6810" s="58">
        <f>Bühler!K6836</f>
        <v>2.9549717507926014</v>
      </c>
      <c r="L6810" s="58">
        <f>Bühler!L6836</f>
        <v>1.4774858753963007</v>
      </c>
      <c r="M6810" s="57">
        <f>Bühler!M6836</f>
        <v>0</v>
      </c>
      <c r="N6810" s="55">
        <f>IF(Input!$K$13=1,J6810*Input!$J$13,0)+IF(Input!$K$14=1,K6810*Input!$J$14,0)+IF(Input!$K$15=1,L6810*Input!$J$15,0)+IF(Input!$K$16=1,M6810*Input!$J$16,0)</f>
        <v>4.4714523791396621</v>
      </c>
      <c r="O6810" s="58">
        <f>IF(Input!$K$13=2,J6810*Input!$J$13,0)+IF(Input!$K$14=2,K6810*Input!$J$14,0)+IF(Input!$K$15=2,L6810*Input!$J$15,0)+IF(Input!$K$16=2,M6810*Input!$J$16,0)</f>
        <v>0.39892118635700119</v>
      </c>
      <c r="P6810" s="58">
        <f>IF(Input!$K$13=3,J6810*Input!$J$13,0)+IF(Input!$K$14=3,K6810*Input!$J$14,0)+IF(Input!$K$15=3,L6810*Input!$J$15,0)+IF(Input!$K$16=3,M6810*Input!$J$16,0)</f>
        <v>0</v>
      </c>
      <c r="Q6810" s="71">
        <f>IF(Input!$K$13=4,J6810*Input!$J$13,0)+IF(Input!$K$14=4,K6810*Input!$J$14,0)+IF(Input!$K$15=4,L6810*Input!$J$15,0)+IF(Input!$K$16=4,M6810*Input!$J$16,0)</f>
        <v>0</v>
      </c>
    </row>
    <row r="6811" spans="8:17" x14ac:dyDescent="0.25">
      <c r="H6811" s="43">
        <v>6804</v>
      </c>
      <c r="I6811" s="55">
        <f>Bühler!I6837</f>
        <v>1.218862946499083</v>
      </c>
      <c r="J6811" s="58">
        <f>Bühler!J6837</f>
        <v>44.587131985723133</v>
      </c>
      <c r="K6811" s="58">
        <f>Bühler!K6837</f>
        <v>3.5358636334270441</v>
      </c>
      <c r="L6811" s="58">
        <f>Bühler!L6837</f>
        <v>1.7679318167135221</v>
      </c>
      <c r="M6811" s="57">
        <f>Bühler!M6837</f>
        <v>0</v>
      </c>
      <c r="N6811" s="55">
        <f>IF(Input!$K$13=1,J6811*Input!$J$13,0)+IF(Input!$K$14=1,K6811*Input!$J$14,0)+IF(Input!$K$15=1,L6811*Input!$J$15,0)+IF(Input!$K$16=1,M6811*Input!$J$16,0)</f>
        <v>5.3504558382867753</v>
      </c>
      <c r="O6811" s="58">
        <f>IF(Input!$K$13=2,J6811*Input!$J$13,0)+IF(Input!$K$14=2,K6811*Input!$J$14,0)+IF(Input!$K$15=2,L6811*Input!$J$15,0)+IF(Input!$K$16=2,M6811*Input!$J$16,0)</f>
        <v>0.4773415905126509</v>
      </c>
      <c r="P6811" s="58">
        <f>IF(Input!$K$13=3,J6811*Input!$J$13,0)+IF(Input!$K$14=3,K6811*Input!$J$14,0)+IF(Input!$K$15=3,L6811*Input!$J$15,0)+IF(Input!$K$16=3,M6811*Input!$J$16,0)</f>
        <v>0</v>
      </c>
      <c r="Q6811" s="71">
        <f>IF(Input!$K$13=4,J6811*Input!$J$13,0)+IF(Input!$K$14=4,K6811*Input!$J$14,0)+IF(Input!$K$15=4,L6811*Input!$J$15,0)+IF(Input!$K$16=4,M6811*Input!$J$16,0)</f>
        <v>0</v>
      </c>
    </row>
    <row r="6812" spans="8:17" x14ac:dyDescent="0.25">
      <c r="H6812" s="43">
        <v>6805</v>
      </c>
      <c r="I6812" s="55">
        <f>Bühler!I6838</f>
        <v>1.218862946499083</v>
      </c>
      <c r="J6812" s="58">
        <f>Bühler!J6838</f>
        <v>44.587131985723133</v>
      </c>
      <c r="K6812" s="58">
        <f>Bühler!K6838</f>
        <v>3.5358636334270441</v>
      </c>
      <c r="L6812" s="58">
        <f>Bühler!L6838</f>
        <v>1.7679318167135221</v>
      </c>
      <c r="M6812" s="57">
        <f>Bühler!M6838</f>
        <v>0</v>
      </c>
      <c r="N6812" s="55">
        <f>IF(Input!$K$13=1,J6812*Input!$J$13,0)+IF(Input!$K$14=1,K6812*Input!$J$14,0)+IF(Input!$K$15=1,L6812*Input!$J$15,0)+IF(Input!$K$16=1,M6812*Input!$J$16,0)</f>
        <v>5.3504558382867753</v>
      </c>
      <c r="O6812" s="58">
        <f>IF(Input!$K$13=2,J6812*Input!$J$13,0)+IF(Input!$K$14=2,K6812*Input!$J$14,0)+IF(Input!$K$15=2,L6812*Input!$J$15,0)+IF(Input!$K$16=2,M6812*Input!$J$16,0)</f>
        <v>0.4773415905126509</v>
      </c>
      <c r="P6812" s="58">
        <f>IF(Input!$K$13=3,J6812*Input!$J$13,0)+IF(Input!$K$14=3,K6812*Input!$J$14,0)+IF(Input!$K$15=3,L6812*Input!$J$15,0)+IF(Input!$K$16=3,M6812*Input!$J$16,0)</f>
        <v>0</v>
      </c>
      <c r="Q6812" s="71">
        <f>IF(Input!$K$13=4,J6812*Input!$J$13,0)+IF(Input!$K$14=4,K6812*Input!$J$14,0)+IF(Input!$K$15=4,L6812*Input!$J$15,0)+IF(Input!$K$16=4,M6812*Input!$J$16,0)</f>
        <v>0</v>
      </c>
    </row>
    <row r="6813" spans="8:17" x14ac:dyDescent="0.25">
      <c r="H6813" s="43">
        <v>6806</v>
      </c>
      <c r="I6813" s="55">
        <f>Bühler!I6839</f>
        <v>0.80967324303153376</v>
      </c>
      <c r="J6813" s="58">
        <f>Bühler!J6839</f>
        <v>29.618594819087505</v>
      </c>
      <c r="K6813" s="58">
        <f>Bühler!K6839</f>
        <v>2.3488236993479652</v>
      </c>
      <c r="L6813" s="58">
        <f>Bühler!L6839</f>
        <v>1.1744118496739826</v>
      </c>
      <c r="M6813" s="57">
        <f>Bühler!M6839</f>
        <v>0</v>
      </c>
      <c r="N6813" s="55">
        <f>IF(Input!$K$13=1,J6813*Input!$J$13,0)+IF(Input!$K$14=1,K6813*Input!$J$14,0)+IF(Input!$K$15=1,L6813*Input!$J$15,0)+IF(Input!$K$16=1,M6813*Input!$J$16,0)</f>
        <v>3.5542313782905004</v>
      </c>
      <c r="O6813" s="58">
        <f>IF(Input!$K$13=2,J6813*Input!$J$13,0)+IF(Input!$K$14=2,K6813*Input!$J$14,0)+IF(Input!$K$15=2,L6813*Input!$J$15,0)+IF(Input!$K$16=2,M6813*Input!$J$16,0)</f>
        <v>0.31709119941197528</v>
      </c>
      <c r="P6813" s="58">
        <f>IF(Input!$K$13=3,J6813*Input!$J$13,0)+IF(Input!$K$14=3,K6813*Input!$J$14,0)+IF(Input!$K$15=3,L6813*Input!$J$15,0)+IF(Input!$K$16=3,M6813*Input!$J$16,0)</f>
        <v>0</v>
      </c>
      <c r="Q6813" s="71">
        <f>IF(Input!$K$13=4,J6813*Input!$J$13,0)+IF(Input!$K$14=4,K6813*Input!$J$14,0)+IF(Input!$K$15=4,L6813*Input!$J$15,0)+IF(Input!$K$16=4,M6813*Input!$J$16,0)</f>
        <v>0</v>
      </c>
    </row>
    <row r="6814" spans="8:17" x14ac:dyDescent="0.25">
      <c r="H6814" s="43">
        <v>6807</v>
      </c>
      <c r="I6814" s="55">
        <f>Bühler!I6840</f>
        <v>1.218862946499083</v>
      </c>
      <c r="J6814" s="58">
        <f>Bühler!J6840</f>
        <v>44.587131985723133</v>
      </c>
      <c r="K6814" s="58">
        <f>Bühler!K6840</f>
        <v>3.5358636334270441</v>
      </c>
      <c r="L6814" s="58">
        <f>Bühler!L6840</f>
        <v>1.7679318167135221</v>
      </c>
      <c r="M6814" s="57">
        <f>Bühler!M6840</f>
        <v>0</v>
      </c>
      <c r="N6814" s="55">
        <f>IF(Input!$K$13=1,J6814*Input!$J$13,0)+IF(Input!$K$14=1,K6814*Input!$J$14,0)+IF(Input!$K$15=1,L6814*Input!$J$15,0)+IF(Input!$K$16=1,M6814*Input!$J$16,0)</f>
        <v>5.3504558382867753</v>
      </c>
      <c r="O6814" s="58">
        <f>IF(Input!$K$13=2,J6814*Input!$J$13,0)+IF(Input!$K$14=2,K6814*Input!$J$14,0)+IF(Input!$K$15=2,L6814*Input!$J$15,0)+IF(Input!$K$16=2,M6814*Input!$J$16,0)</f>
        <v>0.4773415905126509</v>
      </c>
      <c r="P6814" s="58">
        <f>IF(Input!$K$13=3,J6814*Input!$J$13,0)+IF(Input!$K$14=3,K6814*Input!$J$14,0)+IF(Input!$K$15=3,L6814*Input!$J$15,0)+IF(Input!$K$16=3,M6814*Input!$J$16,0)</f>
        <v>0</v>
      </c>
      <c r="Q6814" s="71">
        <f>IF(Input!$K$13=4,J6814*Input!$J$13,0)+IF(Input!$K$14=4,K6814*Input!$J$14,0)+IF(Input!$K$15=4,L6814*Input!$J$15,0)+IF(Input!$K$16=4,M6814*Input!$J$16,0)</f>
        <v>0</v>
      </c>
    </row>
    <row r="6815" spans="8:17" x14ac:dyDescent="0.25">
      <c r="H6815" s="43">
        <v>6808</v>
      </c>
      <c r="I6815" s="55">
        <f>Bühler!I6841</f>
        <v>1.218862946499083</v>
      </c>
      <c r="J6815" s="58">
        <f>Bühler!J6841</f>
        <v>44.587131985723133</v>
      </c>
      <c r="K6815" s="58">
        <f>Bühler!K6841</f>
        <v>3.5358636334270441</v>
      </c>
      <c r="L6815" s="58">
        <f>Bühler!L6841</f>
        <v>1.7679318167135221</v>
      </c>
      <c r="M6815" s="57">
        <f>Bühler!M6841</f>
        <v>0</v>
      </c>
      <c r="N6815" s="55">
        <f>IF(Input!$K$13=1,J6815*Input!$J$13,0)+IF(Input!$K$14=1,K6815*Input!$J$14,0)+IF(Input!$K$15=1,L6815*Input!$J$15,0)+IF(Input!$K$16=1,M6815*Input!$J$16,0)</f>
        <v>5.3504558382867753</v>
      </c>
      <c r="O6815" s="58">
        <f>IF(Input!$K$13=2,J6815*Input!$J$13,0)+IF(Input!$K$14=2,K6815*Input!$J$14,0)+IF(Input!$K$15=2,L6815*Input!$J$15,0)+IF(Input!$K$16=2,M6815*Input!$J$16,0)</f>
        <v>0.4773415905126509</v>
      </c>
      <c r="P6815" s="58">
        <f>IF(Input!$K$13=3,J6815*Input!$J$13,0)+IF(Input!$K$14=3,K6815*Input!$J$14,0)+IF(Input!$K$15=3,L6815*Input!$J$15,0)+IF(Input!$K$16=3,M6815*Input!$J$16,0)</f>
        <v>0</v>
      </c>
      <c r="Q6815" s="71">
        <f>IF(Input!$K$13=4,J6815*Input!$J$13,0)+IF(Input!$K$14=4,K6815*Input!$J$14,0)+IF(Input!$K$15=4,L6815*Input!$J$15,0)+IF(Input!$K$16=4,M6815*Input!$J$16,0)</f>
        <v>0</v>
      </c>
    </row>
    <row r="6816" spans="8:17" x14ac:dyDescent="0.25">
      <c r="H6816" s="43">
        <v>6809</v>
      </c>
      <c r="I6816" s="55">
        <f>Bühler!I6842</f>
        <v>1.0184710704428916</v>
      </c>
      <c r="J6816" s="58">
        <f>Bühler!J6842</f>
        <v>26.599790180923627</v>
      </c>
      <c r="K6816" s="58">
        <f>Bühler!K6842</f>
        <v>2.0836339268409367</v>
      </c>
      <c r="L6816" s="58">
        <f>Bühler!L6842</f>
        <v>1.0418169634204684</v>
      </c>
      <c r="M6816" s="57">
        <f>Bühler!M6842</f>
        <v>0</v>
      </c>
      <c r="N6816" s="55">
        <f>IF(Input!$K$13=1,J6816*Input!$J$13,0)+IF(Input!$K$14=1,K6816*Input!$J$14,0)+IF(Input!$K$15=1,L6816*Input!$J$15,0)+IF(Input!$K$16=1,M6816*Input!$J$16,0)</f>
        <v>3.191974821710835</v>
      </c>
      <c r="O6816" s="58">
        <f>IF(Input!$K$13=2,J6816*Input!$J$13,0)+IF(Input!$K$14=2,K6816*Input!$J$14,0)+IF(Input!$K$15=2,L6816*Input!$J$15,0)+IF(Input!$K$16=2,M6816*Input!$J$16,0)</f>
        <v>0.28129058012352648</v>
      </c>
      <c r="P6816" s="58">
        <f>IF(Input!$K$13=3,J6816*Input!$J$13,0)+IF(Input!$K$14=3,K6816*Input!$J$14,0)+IF(Input!$K$15=3,L6816*Input!$J$15,0)+IF(Input!$K$16=3,M6816*Input!$J$16,0)</f>
        <v>0</v>
      </c>
      <c r="Q6816" s="71">
        <f>IF(Input!$K$13=4,J6816*Input!$J$13,0)+IF(Input!$K$14=4,K6816*Input!$J$14,0)+IF(Input!$K$15=4,L6816*Input!$J$15,0)+IF(Input!$K$16=4,M6816*Input!$J$16,0)</f>
        <v>0</v>
      </c>
    </row>
    <row r="6817" spans="8:17" x14ac:dyDescent="0.25">
      <c r="H6817" s="43">
        <v>6810</v>
      </c>
      <c r="I6817" s="55">
        <f>Bühler!I6843</f>
        <v>0.80982334930573319</v>
      </c>
      <c r="J6817" s="58">
        <f>Bühler!J6843</f>
        <v>11.759274706637832</v>
      </c>
      <c r="K6817" s="58">
        <f>Bühler!K6843</f>
        <v>0.88930171866877383</v>
      </c>
      <c r="L6817" s="58">
        <f>Bühler!L6843</f>
        <v>0.44465085933438692</v>
      </c>
      <c r="M6817" s="57">
        <f>Bühler!M6843</f>
        <v>0</v>
      </c>
      <c r="N6817" s="55">
        <f>IF(Input!$K$13=1,J6817*Input!$J$13,0)+IF(Input!$K$14=1,K6817*Input!$J$14,0)+IF(Input!$K$15=1,L6817*Input!$J$15,0)+IF(Input!$K$16=1,M6817*Input!$J$16,0)</f>
        <v>1.4111129647965399</v>
      </c>
      <c r="O6817" s="58">
        <f>IF(Input!$K$13=2,J6817*Input!$J$13,0)+IF(Input!$K$14=2,K6817*Input!$J$14,0)+IF(Input!$K$15=2,L6817*Input!$J$15,0)+IF(Input!$K$16=2,M6817*Input!$J$16,0)</f>
        <v>0.12005573202028447</v>
      </c>
      <c r="P6817" s="58">
        <f>IF(Input!$K$13=3,J6817*Input!$J$13,0)+IF(Input!$K$14=3,K6817*Input!$J$14,0)+IF(Input!$K$15=3,L6817*Input!$J$15,0)+IF(Input!$K$16=3,M6817*Input!$J$16,0)</f>
        <v>0</v>
      </c>
      <c r="Q6817" s="71">
        <f>IF(Input!$K$13=4,J6817*Input!$J$13,0)+IF(Input!$K$14=4,K6817*Input!$J$14,0)+IF(Input!$K$15=4,L6817*Input!$J$15,0)+IF(Input!$K$16=4,M6817*Input!$J$16,0)</f>
        <v>0</v>
      </c>
    </row>
    <row r="6818" spans="8:17" x14ac:dyDescent="0.25">
      <c r="H6818" s="43">
        <v>6811</v>
      </c>
      <c r="I6818" s="55">
        <f>Bühler!I6844</f>
        <v>0.30021254839878903</v>
      </c>
      <c r="J6818" s="58">
        <f>Bühler!J6844</f>
        <v>7.5073278723927253</v>
      </c>
      <c r="K6818" s="58">
        <f>Bühler!K6844</f>
        <v>0.58693913432139067</v>
      </c>
      <c r="L6818" s="58">
        <f>Bühler!L6844</f>
        <v>0.29346956716069533</v>
      </c>
      <c r="M6818" s="57">
        <f>Bühler!M6844</f>
        <v>0</v>
      </c>
      <c r="N6818" s="55">
        <f>IF(Input!$K$13=1,J6818*Input!$J$13,0)+IF(Input!$K$14=1,K6818*Input!$J$14,0)+IF(Input!$K$15=1,L6818*Input!$J$15,0)+IF(Input!$K$16=1,M6818*Input!$J$16,0)</f>
        <v>0.90087934468712705</v>
      </c>
      <c r="O6818" s="58">
        <f>IF(Input!$K$13=2,J6818*Input!$J$13,0)+IF(Input!$K$14=2,K6818*Input!$J$14,0)+IF(Input!$K$15=2,L6818*Input!$J$15,0)+IF(Input!$K$16=2,M6818*Input!$J$16,0)</f>
        <v>7.9236783133387736E-2</v>
      </c>
      <c r="P6818" s="58">
        <f>IF(Input!$K$13=3,J6818*Input!$J$13,0)+IF(Input!$K$14=3,K6818*Input!$J$14,0)+IF(Input!$K$15=3,L6818*Input!$J$15,0)+IF(Input!$K$16=3,M6818*Input!$J$16,0)</f>
        <v>0</v>
      </c>
      <c r="Q6818" s="71">
        <f>IF(Input!$K$13=4,J6818*Input!$J$13,0)+IF(Input!$K$14=4,K6818*Input!$J$14,0)+IF(Input!$K$15=4,L6818*Input!$J$15,0)+IF(Input!$K$16=4,M6818*Input!$J$16,0)</f>
        <v>0</v>
      </c>
    </row>
    <row r="6819" spans="8:17" x14ac:dyDescent="0.25">
      <c r="H6819" s="43">
        <v>6812</v>
      </c>
      <c r="I6819" s="55">
        <f>Bühler!I6845</f>
        <v>0.30021254839878903</v>
      </c>
      <c r="J6819" s="58">
        <f>Bühler!J6845</f>
        <v>7.5073278723927253</v>
      </c>
      <c r="K6819" s="58">
        <f>Bühler!K6845</f>
        <v>0.58693913432139067</v>
      </c>
      <c r="L6819" s="58">
        <f>Bühler!L6845</f>
        <v>0.29346956716069533</v>
      </c>
      <c r="M6819" s="57">
        <f>Bühler!M6845</f>
        <v>0</v>
      </c>
      <c r="N6819" s="55">
        <f>IF(Input!$K$13=1,J6819*Input!$J$13,0)+IF(Input!$K$14=1,K6819*Input!$J$14,0)+IF(Input!$K$15=1,L6819*Input!$J$15,0)+IF(Input!$K$16=1,M6819*Input!$J$16,0)</f>
        <v>0.90087934468712705</v>
      </c>
      <c r="O6819" s="58">
        <f>IF(Input!$K$13=2,J6819*Input!$J$13,0)+IF(Input!$K$14=2,K6819*Input!$J$14,0)+IF(Input!$K$15=2,L6819*Input!$J$15,0)+IF(Input!$K$16=2,M6819*Input!$J$16,0)</f>
        <v>7.9236783133387736E-2</v>
      </c>
      <c r="P6819" s="58">
        <f>IF(Input!$K$13=3,J6819*Input!$J$13,0)+IF(Input!$K$14=3,K6819*Input!$J$14,0)+IF(Input!$K$15=3,L6819*Input!$J$15,0)+IF(Input!$K$16=3,M6819*Input!$J$16,0)</f>
        <v>0</v>
      </c>
      <c r="Q6819" s="71">
        <f>IF(Input!$K$13=4,J6819*Input!$J$13,0)+IF(Input!$K$14=4,K6819*Input!$J$14,0)+IF(Input!$K$15=4,L6819*Input!$J$15,0)+IF(Input!$K$16=4,M6819*Input!$J$16,0)</f>
        <v>0</v>
      </c>
    </row>
    <row r="6820" spans="8:17" x14ac:dyDescent="0.25">
      <c r="H6820" s="43">
        <v>6813</v>
      </c>
      <c r="I6820" s="55">
        <f>Bühler!I6846</f>
        <v>0.30021254839878903</v>
      </c>
      <c r="J6820" s="58">
        <f>Bühler!J6846</f>
        <v>7.5073278723927253</v>
      </c>
      <c r="K6820" s="58">
        <f>Bühler!K6846</f>
        <v>0.58693913432139067</v>
      </c>
      <c r="L6820" s="58">
        <f>Bühler!L6846</f>
        <v>0.29346956716069533</v>
      </c>
      <c r="M6820" s="57">
        <f>Bühler!M6846</f>
        <v>0</v>
      </c>
      <c r="N6820" s="55">
        <f>IF(Input!$K$13=1,J6820*Input!$J$13,0)+IF(Input!$K$14=1,K6820*Input!$J$14,0)+IF(Input!$K$15=1,L6820*Input!$J$15,0)+IF(Input!$K$16=1,M6820*Input!$J$16,0)</f>
        <v>0.90087934468712705</v>
      </c>
      <c r="O6820" s="58">
        <f>IF(Input!$K$13=2,J6820*Input!$J$13,0)+IF(Input!$K$14=2,K6820*Input!$J$14,0)+IF(Input!$K$15=2,L6820*Input!$J$15,0)+IF(Input!$K$16=2,M6820*Input!$J$16,0)</f>
        <v>7.9236783133387736E-2</v>
      </c>
      <c r="P6820" s="58">
        <f>IF(Input!$K$13=3,J6820*Input!$J$13,0)+IF(Input!$K$14=3,K6820*Input!$J$14,0)+IF(Input!$K$15=3,L6820*Input!$J$15,0)+IF(Input!$K$16=3,M6820*Input!$J$16,0)</f>
        <v>0</v>
      </c>
      <c r="Q6820" s="71">
        <f>IF(Input!$K$13=4,J6820*Input!$J$13,0)+IF(Input!$K$14=4,K6820*Input!$J$14,0)+IF(Input!$K$15=4,L6820*Input!$J$15,0)+IF(Input!$K$16=4,M6820*Input!$J$16,0)</f>
        <v>0</v>
      </c>
    </row>
    <row r="6821" spans="8:17" x14ac:dyDescent="0.25">
      <c r="H6821" s="43">
        <v>6814</v>
      </c>
      <c r="I6821" s="55">
        <f>Bühler!I6847</f>
        <v>0.30021254839878903</v>
      </c>
      <c r="J6821" s="58">
        <f>Bühler!J6847</f>
        <v>7.5073278723927253</v>
      </c>
      <c r="K6821" s="58">
        <f>Bühler!K6847</f>
        <v>0.58693913432139067</v>
      </c>
      <c r="L6821" s="58">
        <f>Bühler!L6847</f>
        <v>0.29346956716069533</v>
      </c>
      <c r="M6821" s="57">
        <f>Bühler!M6847</f>
        <v>0</v>
      </c>
      <c r="N6821" s="55">
        <f>IF(Input!$K$13=1,J6821*Input!$J$13,0)+IF(Input!$K$14=1,K6821*Input!$J$14,0)+IF(Input!$K$15=1,L6821*Input!$J$15,0)+IF(Input!$K$16=1,M6821*Input!$J$16,0)</f>
        <v>0.90087934468712705</v>
      </c>
      <c r="O6821" s="58">
        <f>IF(Input!$K$13=2,J6821*Input!$J$13,0)+IF(Input!$K$14=2,K6821*Input!$J$14,0)+IF(Input!$K$15=2,L6821*Input!$J$15,0)+IF(Input!$K$16=2,M6821*Input!$J$16,0)</f>
        <v>7.9236783133387736E-2</v>
      </c>
      <c r="P6821" s="58">
        <f>IF(Input!$K$13=3,J6821*Input!$J$13,0)+IF(Input!$K$14=3,K6821*Input!$J$14,0)+IF(Input!$K$15=3,L6821*Input!$J$15,0)+IF(Input!$K$16=3,M6821*Input!$J$16,0)</f>
        <v>0</v>
      </c>
      <c r="Q6821" s="71">
        <f>IF(Input!$K$13=4,J6821*Input!$J$13,0)+IF(Input!$K$14=4,K6821*Input!$J$14,0)+IF(Input!$K$15=4,L6821*Input!$J$15,0)+IF(Input!$K$16=4,M6821*Input!$J$16,0)</f>
        <v>0</v>
      </c>
    </row>
    <row r="6822" spans="8:17" x14ac:dyDescent="0.25">
      <c r="H6822" s="43">
        <v>6815</v>
      </c>
      <c r="I6822" s="55">
        <f>Bühler!I6848</f>
        <v>0.30021254839878903</v>
      </c>
      <c r="J6822" s="58">
        <f>Bühler!J6848</f>
        <v>7.5073278723927253</v>
      </c>
      <c r="K6822" s="58">
        <f>Bühler!K6848</f>
        <v>0.58693913432139067</v>
      </c>
      <c r="L6822" s="58">
        <f>Bühler!L6848</f>
        <v>0.29346956716069533</v>
      </c>
      <c r="M6822" s="57">
        <f>Bühler!M6848</f>
        <v>0</v>
      </c>
      <c r="N6822" s="55">
        <f>IF(Input!$K$13=1,J6822*Input!$J$13,0)+IF(Input!$K$14=1,K6822*Input!$J$14,0)+IF(Input!$K$15=1,L6822*Input!$J$15,0)+IF(Input!$K$16=1,M6822*Input!$J$16,0)</f>
        <v>0.90087934468712705</v>
      </c>
      <c r="O6822" s="58">
        <f>IF(Input!$K$13=2,J6822*Input!$J$13,0)+IF(Input!$K$14=2,K6822*Input!$J$14,0)+IF(Input!$K$15=2,L6822*Input!$J$15,0)+IF(Input!$K$16=2,M6822*Input!$J$16,0)</f>
        <v>7.9236783133387736E-2</v>
      </c>
      <c r="P6822" s="58">
        <f>IF(Input!$K$13=3,J6822*Input!$J$13,0)+IF(Input!$K$14=3,K6822*Input!$J$14,0)+IF(Input!$K$15=3,L6822*Input!$J$15,0)+IF(Input!$K$16=3,M6822*Input!$J$16,0)</f>
        <v>0</v>
      </c>
      <c r="Q6822" s="71">
        <f>IF(Input!$K$13=4,J6822*Input!$J$13,0)+IF(Input!$K$14=4,K6822*Input!$J$14,0)+IF(Input!$K$15=4,L6822*Input!$J$15,0)+IF(Input!$K$16=4,M6822*Input!$J$16,0)</f>
        <v>0</v>
      </c>
    </row>
    <row r="6823" spans="8:17" x14ac:dyDescent="0.25">
      <c r="H6823" s="43">
        <v>6816</v>
      </c>
      <c r="I6823" s="55">
        <f>Bühler!I6849</f>
        <v>0.30021254839878903</v>
      </c>
      <c r="J6823" s="58">
        <f>Bühler!J6849</f>
        <v>7.5073278723927253</v>
      </c>
      <c r="K6823" s="58">
        <f>Bühler!K6849</f>
        <v>0.58693913432139067</v>
      </c>
      <c r="L6823" s="58">
        <f>Bühler!L6849</f>
        <v>0.29346956716069533</v>
      </c>
      <c r="M6823" s="57">
        <f>Bühler!M6849</f>
        <v>0</v>
      </c>
      <c r="N6823" s="55">
        <f>IF(Input!$K$13=1,J6823*Input!$J$13,0)+IF(Input!$K$14=1,K6823*Input!$J$14,0)+IF(Input!$K$15=1,L6823*Input!$J$15,0)+IF(Input!$K$16=1,M6823*Input!$J$16,0)</f>
        <v>0.90087934468712705</v>
      </c>
      <c r="O6823" s="58">
        <f>IF(Input!$K$13=2,J6823*Input!$J$13,0)+IF(Input!$K$14=2,K6823*Input!$J$14,0)+IF(Input!$K$15=2,L6823*Input!$J$15,0)+IF(Input!$K$16=2,M6823*Input!$J$16,0)</f>
        <v>7.9236783133387736E-2</v>
      </c>
      <c r="P6823" s="58">
        <f>IF(Input!$K$13=3,J6823*Input!$J$13,0)+IF(Input!$K$14=3,K6823*Input!$J$14,0)+IF(Input!$K$15=3,L6823*Input!$J$15,0)+IF(Input!$K$16=3,M6823*Input!$J$16,0)</f>
        <v>0</v>
      </c>
      <c r="Q6823" s="71">
        <f>IF(Input!$K$13=4,J6823*Input!$J$13,0)+IF(Input!$K$14=4,K6823*Input!$J$14,0)+IF(Input!$K$15=4,L6823*Input!$J$15,0)+IF(Input!$K$16=4,M6823*Input!$J$16,0)</f>
        <v>0</v>
      </c>
    </row>
    <row r="6824" spans="8:17" x14ac:dyDescent="0.25">
      <c r="H6824" s="43">
        <v>6817</v>
      </c>
      <c r="I6824" s="55">
        <f>Bühler!I6850</f>
        <v>0.25331143193890931</v>
      </c>
      <c r="J6824" s="58">
        <f>Bühler!J6850</f>
        <v>7.3541216406508907</v>
      </c>
      <c r="K6824" s="58">
        <f>Bühler!K6850</f>
        <v>0.58290774384601596</v>
      </c>
      <c r="L6824" s="58">
        <f>Bühler!L6850</f>
        <v>0.29145387192300798</v>
      </c>
      <c r="M6824" s="57">
        <f>Bühler!M6850</f>
        <v>0</v>
      </c>
      <c r="N6824" s="55">
        <f>IF(Input!$K$13=1,J6824*Input!$J$13,0)+IF(Input!$K$14=1,K6824*Input!$J$14,0)+IF(Input!$K$15=1,L6824*Input!$J$15,0)+IF(Input!$K$16=1,M6824*Input!$J$16,0)</f>
        <v>0.88249459687810683</v>
      </c>
      <c r="O6824" s="58">
        <f>IF(Input!$K$13=2,J6824*Input!$J$13,0)+IF(Input!$K$14=2,K6824*Input!$J$14,0)+IF(Input!$K$15=2,L6824*Input!$J$15,0)+IF(Input!$K$16=2,M6824*Input!$J$16,0)</f>
        <v>7.869254541921214E-2</v>
      </c>
      <c r="P6824" s="58">
        <f>IF(Input!$K$13=3,J6824*Input!$J$13,0)+IF(Input!$K$14=3,K6824*Input!$J$14,0)+IF(Input!$K$15=3,L6824*Input!$J$15,0)+IF(Input!$K$16=3,M6824*Input!$J$16,0)</f>
        <v>0</v>
      </c>
      <c r="Q6824" s="71">
        <f>IF(Input!$K$13=4,J6824*Input!$J$13,0)+IF(Input!$K$14=4,K6824*Input!$J$14,0)+IF(Input!$K$15=4,L6824*Input!$J$15,0)+IF(Input!$K$16=4,M6824*Input!$J$16,0)</f>
        <v>0</v>
      </c>
    </row>
    <row r="6825" spans="8:17" x14ac:dyDescent="0.25">
      <c r="H6825" s="43">
        <v>6818</v>
      </c>
      <c r="I6825" s="55">
        <f>Bühler!I6851</f>
        <v>0.25331143193890931</v>
      </c>
      <c r="J6825" s="58">
        <f>Bühler!J6851</f>
        <v>7.3541216406508907</v>
      </c>
      <c r="K6825" s="58">
        <f>Bühler!K6851</f>
        <v>0.58290774384601596</v>
      </c>
      <c r="L6825" s="58">
        <f>Bühler!L6851</f>
        <v>0.29145387192300798</v>
      </c>
      <c r="M6825" s="57">
        <f>Bühler!M6851</f>
        <v>0</v>
      </c>
      <c r="N6825" s="55">
        <f>IF(Input!$K$13=1,J6825*Input!$J$13,0)+IF(Input!$K$14=1,K6825*Input!$J$14,0)+IF(Input!$K$15=1,L6825*Input!$J$15,0)+IF(Input!$K$16=1,M6825*Input!$J$16,0)</f>
        <v>0.88249459687810683</v>
      </c>
      <c r="O6825" s="58">
        <f>IF(Input!$K$13=2,J6825*Input!$J$13,0)+IF(Input!$K$14=2,K6825*Input!$J$14,0)+IF(Input!$K$15=2,L6825*Input!$J$15,0)+IF(Input!$K$16=2,M6825*Input!$J$16,0)</f>
        <v>7.869254541921214E-2</v>
      </c>
      <c r="P6825" s="58">
        <f>IF(Input!$K$13=3,J6825*Input!$J$13,0)+IF(Input!$K$14=3,K6825*Input!$J$14,0)+IF(Input!$K$15=3,L6825*Input!$J$15,0)+IF(Input!$K$16=3,M6825*Input!$J$16,0)</f>
        <v>0</v>
      </c>
      <c r="Q6825" s="71">
        <f>IF(Input!$K$13=4,J6825*Input!$J$13,0)+IF(Input!$K$14=4,K6825*Input!$J$14,0)+IF(Input!$K$15=4,L6825*Input!$J$15,0)+IF(Input!$K$16=4,M6825*Input!$J$16,0)</f>
        <v>0</v>
      </c>
    </row>
    <row r="6826" spans="8:17" x14ac:dyDescent="0.25">
      <c r="H6826" s="43">
        <v>6819</v>
      </c>
      <c r="I6826" s="55">
        <f>Bühler!I6852</f>
        <v>0.25331143193890931</v>
      </c>
      <c r="J6826" s="58">
        <f>Bühler!J6852</f>
        <v>7.3541216406508907</v>
      </c>
      <c r="K6826" s="58">
        <f>Bühler!K6852</f>
        <v>0.58290774384601596</v>
      </c>
      <c r="L6826" s="58">
        <f>Bühler!L6852</f>
        <v>0.29145387192300798</v>
      </c>
      <c r="M6826" s="57">
        <f>Bühler!M6852</f>
        <v>0</v>
      </c>
      <c r="N6826" s="55">
        <f>IF(Input!$K$13=1,J6826*Input!$J$13,0)+IF(Input!$K$14=1,K6826*Input!$J$14,0)+IF(Input!$K$15=1,L6826*Input!$J$15,0)+IF(Input!$K$16=1,M6826*Input!$J$16,0)</f>
        <v>0.88249459687810683</v>
      </c>
      <c r="O6826" s="58">
        <f>IF(Input!$K$13=2,J6826*Input!$J$13,0)+IF(Input!$K$14=2,K6826*Input!$J$14,0)+IF(Input!$K$15=2,L6826*Input!$J$15,0)+IF(Input!$K$16=2,M6826*Input!$J$16,0)</f>
        <v>7.869254541921214E-2</v>
      </c>
      <c r="P6826" s="58">
        <f>IF(Input!$K$13=3,J6826*Input!$J$13,0)+IF(Input!$K$14=3,K6826*Input!$J$14,0)+IF(Input!$K$15=3,L6826*Input!$J$15,0)+IF(Input!$K$16=3,M6826*Input!$J$16,0)</f>
        <v>0</v>
      </c>
      <c r="Q6826" s="71">
        <f>IF(Input!$K$13=4,J6826*Input!$J$13,0)+IF(Input!$K$14=4,K6826*Input!$J$14,0)+IF(Input!$K$15=4,L6826*Input!$J$15,0)+IF(Input!$K$16=4,M6826*Input!$J$16,0)</f>
        <v>0</v>
      </c>
    </row>
    <row r="6827" spans="8:17" x14ac:dyDescent="0.25">
      <c r="H6827" s="43">
        <v>6820</v>
      </c>
      <c r="I6827" s="55">
        <f>Bühler!I6853</f>
        <v>0.25331143193890931</v>
      </c>
      <c r="J6827" s="58">
        <f>Bühler!J6853</f>
        <v>7.3541216406508907</v>
      </c>
      <c r="K6827" s="58">
        <f>Bühler!K6853</f>
        <v>0.58290774384601596</v>
      </c>
      <c r="L6827" s="58">
        <f>Bühler!L6853</f>
        <v>0.29145387192300798</v>
      </c>
      <c r="M6827" s="57">
        <f>Bühler!M6853</f>
        <v>0</v>
      </c>
      <c r="N6827" s="55">
        <f>IF(Input!$K$13=1,J6827*Input!$J$13,0)+IF(Input!$K$14=1,K6827*Input!$J$14,0)+IF(Input!$K$15=1,L6827*Input!$J$15,0)+IF(Input!$K$16=1,M6827*Input!$J$16,0)</f>
        <v>0.88249459687810683</v>
      </c>
      <c r="O6827" s="58">
        <f>IF(Input!$K$13=2,J6827*Input!$J$13,0)+IF(Input!$K$14=2,K6827*Input!$J$14,0)+IF(Input!$K$15=2,L6827*Input!$J$15,0)+IF(Input!$K$16=2,M6827*Input!$J$16,0)</f>
        <v>7.869254541921214E-2</v>
      </c>
      <c r="P6827" s="58">
        <f>IF(Input!$K$13=3,J6827*Input!$J$13,0)+IF(Input!$K$14=3,K6827*Input!$J$14,0)+IF(Input!$K$15=3,L6827*Input!$J$15,0)+IF(Input!$K$16=3,M6827*Input!$J$16,0)</f>
        <v>0</v>
      </c>
      <c r="Q6827" s="71">
        <f>IF(Input!$K$13=4,J6827*Input!$J$13,0)+IF(Input!$K$14=4,K6827*Input!$J$14,0)+IF(Input!$K$15=4,L6827*Input!$J$15,0)+IF(Input!$K$16=4,M6827*Input!$J$16,0)</f>
        <v>0</v>
      </c>
    </row>
    <row r="6828" spans="8:17" x14ac:dyDescent="0.25">
      <c r="H6828" s="43">
        <v>6821</v>
      </c>
      <c r="I6828" s="55">
        <f>Bühler!I6854</f>
        <v>0.25331143193890931</v>
      </c>
      <c r="J6828" s="58">
        <f>Bühler!J6854</f>
        <v>7.3541216406508907</v>
      </c>
      <c r="K6828" s="58">
        <f>Bühler!K6854</f>
        <v>0.58290774384601596</v>
      </c>
      <c r="L6828" s="58">
        <f>Bühler!L6854</f>
        <v>0.29145387192300798</v>
      </c>
      <c r="M6828" s="57">
        <f>Bühler!M6854</f>
        <v>0</v>
      </c>
      <c r="N6828" s="55">
        <f>IF(Input!$K$13=1,J6828*Input!$J$13,0)+IF(Input!$K$14=1,K6828*Input!$J$14,0)+IF(Input!$K$15=1,L6828*Input!$J$15,0)+IF(Input!$K$16=1,M6828*Input!$J$16,0)</f>
        <v>0.88249459687810683</v>
      </c>
      <c r="O6828" s="58">
        <f>IF(Input!$K$13=2,J6828*Input!$J$13,0)+IF(Input!$K$14=2,K6828*Input!$J$14,0)+IF(Input!$K$15=2,L6828*Input!$J$15,0)+IF(Input!$K$16=2,M6828*Input!$J$16,0)</f>
        <v>7.869254541921214E-2</v>
      </c>
      <c r="P6828" s="58">
        <f>IF(Input!$K$13=3,J6828*Input!$J$13,0)+IF(Input!$K$14=3,K6828*Input!$J$14,0)+IF(Input!$K$15=3,L6828*Input!$J$15,0)+IF(Input!$K$16=3,M6828*Input!$J$16,0)</f>
        <v>0</v>
      </c>
      <c r="Q6828" s="71">
        <f>IF(Input!$K$13=4,J6828*Input!$J$13,0)+IF(Input!$K$14=4,K6828*Input!$J$14,0)+IF(Input!$K$15=4,L6828*Input!$J$15,0)+IF(Input!$K$16=4,M6828*Input!$J$16,0)</f>
        <v>0</v>
      </c>
    </row>
    <row r="6829" spans="8:17" x14ac:dyDescent="0.25">
      <c r="H6829" s="43">
        <v>6822</v>
      </c>
      <c r="I6829" s="55">
        <f>Bühler!I6855</f>
        <v>0.25331143193890931</v>
      </c>
      <c r="J6829" s="58">
        <f>Bühler!J6855</f>
        <v>7.3541216406508907</v>
      </c>
      <c r="K6829" s="58">
        <f>Bühler!K6855</f>
        <v>0.58290774384601596</v>
      </c>
      <c r="L6829" s="58">
        <f>Bühler!L6855</f>
        <v>0.29145387192300798</v>
      </c>
      <c r="M6829" s="57">
        <f>Bühler!M6855</f>
        <v>0</v>
      </c>
      <c r="N6829" s="55">
        <f>IF(Input!$K$13=1,J6829*Input!$J$13,0)+IF(Input!$K$14=1,K6829*Input!$J$14,0)+IF(Input!$K$15=1,L6829*Input!$J$15,0)+IF(Input!$K$16=1,M6829*Input!$J$16,0)</f>
        <v>0.88249459687810683</v>
      </c>
      <c r="O6829" s="58">
        <f>IF(Input!$K$13=2,J6829*Input!$J$13,0)+IF(Input!$K$14=2,K6829*Input!$J$14,0)+IF(Input!$K$15=2,L6829*Input!$J$15,0)+IF(Input!$K$16=2,M6829*Input!$J$16,0)</f>
        <v>7.869254541921214E-2</v>
      </c>
      <c r="P6829" s="58">
        <f>IF(Input!$K$13=3,J6829*Input!$J$13,0)+IF(Input!$K$14=3,K6829*Input!$J$14,0)+IF(Input!$K$15=3,L6829*Input!$J$15,0)+IF(Input!$K$16=3,M6829*Input!$J$16,0)</f>
        <v>0</v>
      </c>
      <c r="Q6829" s="71">
        <f>IF(Input!$K$13=4,J6829*Input!$J$13,0)+IF(Input!$K$14=4,K6829*Input!$J$14,0)+IF(Input!$K$15=4,L6829*Input!$J$15,0)+IF(Input!$K$16=4,M6829*Input!$J$16,0)</f>
        <v>0</v>
      </c>
    </row>
    <row r="6830" spans="8:17" x14ac:dyDescent="0.25">
      <c r="H6830" s="43">
        <v>6823</v>
      </c>
      <c r="I6830" s="55">
        <f>Bühler!I6856</f>
        <v>0.25331143193890931</v>
      </c>
      <c r="J6830" s="58">
        <f>Bühler!J6856</f>
        <v>7.3541216406508907</v>
      </c>
      <c r="K6830" s="58">
        <f>Bühler!K6856</f>
        <v>0.58290774384601596</v>
      </c>
      <c r="L6830" s="58">
        <f>Bühler!L6856</f>
        <v>0.29145387192300798</v>
      </c>
      <c r="M6830" s="57">
        <f>Bühler!M6856</f>
        <v>0</v>
      </c>
      <c r="N6830" s="55">
        <f>IF(Input!$K$13=1,J6830*Input!$J$13,0)+IF(Input!$K$14=1,K6830*Input!$J$14,0)+IF(Input!$K$15=1,L6830*Input!$J$15,0)+IF(Input!$K$16=1,M6830*Input!$J$16,0)</f>
        <v>0.88249459687810683</v>
      </c>
      <c r="O6830" s="58">
        <f>IF(Input!$K$13=2,J6830*Input!$J$13,0)+IF(Input!$K$14=2,K6830*Input!$J$14,0)+IF(Input!$K$15=2,L6830*Input!$J$15,0)+IF(Input!$K$16=2,M6830*Input!$J$16,0)</f>
        <v>7.869254541921214E-2</v>
      </c>
      <c r="P6830" s="58">
        <f>IF(Input!$K$13=3,J6830*Input!$J$13,0)+IF(Input!$K$14=3,K6830*Input!$J$14,0)+IF(Input!$K$15=3,L6830*Input!$J$15,0)+IF(Input!$K$16=3,M6830*Input!$J$16,0)</f>
        <v>0</v>
      </c>
      <c r="Q6830" s="71">
        <f>IF(Input!$K$13=4,J6830*Input!$J$13,0)+IF(Input!$K$14=4,K6830*Input!$J$14,0)+IF(Input!$K$15=4,L6830*Input!$J$15,0)+IF(Input!$K$16=4,M6830*Input!$J$16,0)</f>
        <v>0</v>
      </c>
    </row>
    <row r="6831" spans="8:17" x14ac:dyDescent="0.25">
      <c r="H6831" s="43">
        <v>6824</v>
      </c>
      <c r="I6831" s="55">
        <f>Bühler!I6857</f>
        <v>0.69787299499169497</v>
      </c>
      <c r="J6831" s="58">
        <f>Bühler!J6857</f>
        <v>29.69698830440867</v>
      </c>
      <c r="K6831" s="58">
        <f>Bühler!K6857</f>
        <v>2.3828562013584107</v>
      </c>
      <c r="L6831" s="58">
        <f>Bühler!L6857</f>
        <v>1.1914281006792053</v>
      </c>
      <c r="M6831" s="57">
        <f>Bühler!M6857</f>
        <v>0</v>
      </c>
      <c r="N6831" s="55">
        <f>IF(Input!$K$13=1,J6831*Input!$J$13,0)+IF(Input!$K$14=1,K6831*Input!$J$14,0)+IF(Input!$K$15=1,L6831*Input!$J$15,0)+IF(Input!$K$16=1,M6831*Input!$J$16,0)</f>
        <v>3.5636385965290405</v>
      </c>
      <c r="O6831" s="58">
        <f>IF(Input!$K$13=2,J6831*Input!$J$13,0)+IF(Input!$K$14=2,K6831*Input!$J$14,0)+IF(Input!$K$15=2,L6831*Input!$J$15,0)+IF(Input!$K$16=2,M6831*Input!$J$16,0)</f>
        <v>0.32168558718338547</v>
      </c>
      <c r="P6831" s="58">
        <f>IF(Input!$K$13=3,J6831*Input!$J$13,0)+IF(Input!$K$14=3,K6831*Input!$J$14,0)+IF(Input!$K$15=3,L6831*Input!$J$15,0)+IF(Input!$K$16=3,M6831*Input!$J$16,0)</f>
        <v>0</v>
      </c>
      <c r="Q6831" s="71">
        <f>IF(Input!$K$13=4,J6831*Input!$J$13,0)+IF(Input!$K$14=4,K6831*Input!$J$14,0)+IF(Input!$K$15=4,L6831*Input!$J$15,0)+IF(Input!$K$16=4,M6831*Input!$J$16,0)</f>
        <v>0</v>
      </c>
    </row>
    <row r="6832" spans="8:17" x14ac:dyDescent="0.25">
      <c r="H6832" s="43">
        <v>6825</v>
      </c>
      <c r="I6832" s="55">
        <f>Bühler!I6858</f>
        <v>0.77867934178020715</v>
      </c>
      <c r="J6832" s="58">
        <f>Bühler!J6858</f>
        <v>33.135586950182301</v>
      </c>
      <c r="K6832" s="58">
        <f>Bühler!K6858</f>
        <v>2.6587658667788583</v>
      </c>
      <c r="L6832" s="58">
        <f>Bühler!L6858</f>
        <v>1.3293829333894291</v>
      </c>
      <c r="M6832" s="57">
        <f>Bühler!M6858</f>
        <v>0</v>
      </c>
      <c r="N6832" s="55">
        <f>IF(Input!$K$13=1,J6832*Input!$J$13,0)+IF(Input!$K$14=1,K6832*Input!$J$14,0)+IF(Input!$K$15=1,L6832*Input!$J$15,0)+IF(Input!$K$16=1,M6832*Input!$J$16,0)</f>
        <v>3.9762704340218757</v>
      </c>
      <c r="O6832" s="58">
        <f>IF(Input!$K$13=2,J6832*Input!$J$13,0)+IF(Input!$K$14=2,K6832*Input!$J$14,0)+IF(Input!$K$15=2,L6832*Input!$J$15,0)+IF(Input!$K$16=2,M6832*Input!$J$16,0)</f>
        <v>0.35893339201514585</v>
      </c>
      <c r="P6832" s="58">
        <f>IF(Input!$K$13=3,J6832*Input!$J$13,0)+IF(Input!$K$14=3,K6832*Input!$J$14,0)+IF(Input!$K$15=3,L6832*Input!$J$15,0)+IF(Input!$K$16=3,M6832*Input!$J$16,0)</f>
        <v>0</v>
      </c>
      <c r="Q6832" s="71">
        <f>IF(Input!$K$13=4,J6832*Input!$J$13,0)+IF(Input!$K$14=4,K6832*Input!$J$14,0)+IF(Input!$K$15=4,L6832*Input!$J$15,0)+IF(Input!$K$16=4,M6832*Input!$J$16,0)</f>
        <v>0</v>
      </c>
    </row>
    <row r="6833" spans="8:17" x14ac:dyDescent="0.25">
      <c r="H6833" s="43">
        <v>6826</v>
      </c>
      <c r="I6833" s="55">
        <f>Bühler!I6859</f>
        <v>0.85948568856871921</v>
      </c>
      <c r="J6833" s="58">
        <f>Bühler!J6859</f>
        <v>36.574185595955946</v>
      </c>
      <c r="K6833" s="58">
        <f>Bühler!K6859</f>
        <v>2.9346755321993059</v>
      </c>
      <c r="L6833" s="58">
        <f>Bühler!L6859</f>
        <v>1.4673377660996529</v>
      </c>
      <c r="M6833" s="57">
        <f>Bühler!M6859</f>
        <v>0</v>
      </c>
      <c r="N6833" s="55">
        <f>IF(Input!$K$13=1,J6833*Input!$J$13,0)+IF(Input!$K$14=1,K6833*Input!$J$14,0)+IF(Input!$K$15=1,L6833*Input!$J$15,0)+IF(Input!$K$16=1,M6833*Input!$J$16,0)</f>
        <v>4.3889022715147137</v>
      </c>
      <c r="O6833" s="58">
        <f>IF(Input!$K$13=2,J6833*Input!$J$13,0)+IF(Input!$K$14=2,K6833*Input!$J$14,0)+IF(Input!$K$15=2,L6833*Input!$J$15,0)+IF(Input!$K$16=2,M6833*Input!$J$16,0)</f>
        <v>0.39618119684690628</v>
      </c>
      <c r="P6833" s="58">
        <f>IF(Input!$K$13=3,J6833*Input!$J$13,0)+IF(Input!$K$14=3,K6833*Input!$J$14,0)+IF(Input!$K$15=3,L6833*Input!$J$15,0)+IF(Input!$K$16=3,M6833*Input!$J$16,0)</f>
        <v>0</v>
      </c>
      <c r="Q6833" s="71">
        <f>IF(Input!$K$13=4,J6833*Input!$J$13,0)+IF(Input!$K$14=4,K6833*Input!$J$14,0)+IF(Input!$K$15=4,L6833*Input!$J$15,0)+IF(Input!$K$16=4,M6833*Input!$J$16,0)</f>
        <v>0</v>
      </c>
    </row>
    <row r="6834" spans="8:17" x14ac:dyDescent="0.25">
      <c r="H6834" s="43">
        <v>6827</v>
      </c>
      <c r="I6834" s="55">
        <f>Bühler!I6860</f>
        <v>0.85948568856871921</v>
      </c>
      <c r="J6834" s="58">
        <f>Bühler!J6860</f>
        <v>36.574185595955946</v>
      </c>
      <c r="K6834" s="58">
        <f>Bühler!K6860</f>
        <v>2.9346755321993059</v>
      </c>
      <c r="L6834" s="58">
        <f>Bühler!L6860</f>
        <v>1.4673377660996529</v>
      </c>
      <c r="M6834" s="57">
        <f>Bühler!M6860</f>
        <v>0</v>
      </c>
      <c r="N6834" s="55">
        <f>IF(Input!$K$13=1,J6834*Input!$J$13,0)+IF(Input!$K$14=1,K6834*Input!$J$14,0)+IF(Input!$K$15=1,L6834*Input!$J$15,0)+IF(Input!$K$16=1,M6834*Input!$J$16,0)</f>
        <v>4.3889022715147137</v>
      </c>
      <c r="O6834" s="58">
        <f>IF(Input!$K$13=2,J6834*Input!$J$13,0)+IF(Input!$K$14=2,K6834*Input!$J$14,0)+IF(Input!$K$15=2,L6834*Input!$J$15,0)+IF(Input!$K$16=2,M6834*Input!$J$16,0)</f>
        <v>0.39618119684690628</v>
      </c>
      <c r="P6834" s="58">
        <f>IF(Input!$K$13=3,J6834*Input!$J$13,0)+IF(Input!$K$14=3,K6834*Input!$J$14,0)+IF(Input!$K$15=3,L6834*Input!$J$15,0)+IF(Input!$K$16=3,M6834*Input!$J$16,0)</f>
        <v>0</v>
      </c>
      <c r="Q6834" s="71">
        <f>IF(Input!$K$13=4,J6834*Input!$J$13,0)+IF(Input!$K$14=4,K6834*Input!$J$14,0)+IF(Input!$K$15=4,L6834*Input!$J$15,0)+IF(Input!$K$16=4,M6834*Input!$J$16,0)</f>
        <v>0</v>
      </c>
    </row>
    <row r="6835" spans="8:17" x14ac:dyDescent="0.25">
      <c r="H6835" s="43">
        <v>6828</v>
      </c>
      <c r="I6835" s="55">
        <f>Bühler!I6861</f>
        <v>1.0284444136719717</v>
      </c>
      <c r="J6835" s="58">
        <f>Bühler!J6861</f>
        <v>43.763982764391713</v>
      </c>
      <c r="K6835" s="58">
        <f>Bühler!K6861</f>
        <v>3.511577559896605</v>
      </c>
      <c r="L6835" s="58">
        <f>Bühler!L6861</f>
        <v>1.7557887799483025</v>
      </c>
      <c r="M6835" s="57">
        <f>Bühler!M6861</f>
        <v>0</v>
      </c>
      <c r="N6835" s="55">
        <f>IF(Input!$K$13=1,J6835*Input!$J$13,0)+IF(Input!$K$14=1,K6835*Input!$J$14,0)+IF(Input!$K$15=1,L6835*Input!$J$15,0)+IF(Input!$K$16=1,M6835*Input!$J$16,0)</f>
        <v>5.2516779317270057</v>
      </c>
      <c r="O6835" s="58">
        <f>IF(Input!$K$13=2,J6835*Input!$J$13,0)+IF(Input!$K$14=2,K6835*Input!$J$14,0)+IF(Input!$K$15=2,L6835*Input!$J$15,0)+IF(Input!$K$16=2,M6835*Input!$J$16,0)</f>
        <v>0.47406297058604169</v>
      </c>
      <c r="P6835" s="58">
        <f>IF(Input!$K$13=3,J6835*Input!$J$13,0)+IF(Input!$K$14=3,K6835*Input!$J$14,0)+IF(Input!$K$15=3,L6835*Input!$J$15,0)+IF(Input!$K$16=3,M6835*Input!$J$16,0)</f>
        <v>0</v>
      </c>
      <c r="Q6835" s="71">
        <f>IF(Input!$K$13=4,J6835*Input!$J$13,0)+IF(Input!$K$14=4,K6835*Input!$J$14,0)+IF(Input!$K$15=4,L6835*Input!$J$15,0)+IF(Input!$K$16=4,M6835*Input!$J$16,0)</f>
        <v>0</v>
      </c>
    </row>
    <row r="6836" spans="8:17" x14ac:dyDescent="0.25">
      <c r="H6836" s="43">
        <v>6829</v>
      </c>
      <c r="I6836" s="55">
        <f>Bühler!I6862</f>
        <v>1.0284444136719717</v>
      </c>
      <c r="J6836" s="58">
        <f>Bühler!J6862</f>
        <v>43.763982764391713</v>
      </c>
      <c r="K6836" s="58">
        <f>Bühler!K6862</f>
        <v>3.511577559896605</v>
      </c>
      <c r="L6836" s="58">
        <f>Bühler!L6862</f>
        <v>1.7557887799483025</v>
      </c>
      <c r="M6836" s="57">
        <f>Bühler!M6862</f>
        <v>0</v>
      </c>
      <c r="N6836" s="55">
        <f>IF(Input!$K$13=1,J6836*Input!$J$13,0)+IF(Input!$K$14=1,K6836*Input!$J$14,0)+IF(Input!$K$15=1,L6836*Input!$J$15,0)+IF(Input!$K$16=1,M6836*Input!$J$16,0)</f>
        <v>5.2516779317270057</v>
      </c>
      <c r="O6836" s="58">
        <f>IF(Input!$K$13=2,J6836*Input!$J$13,0)+IF(Input!$K$14=2,K6836*Input!$J$14,0)+IF(Input!$K$15=2,L6836*Input!$J$15,0)+IF(Input!$K$16=2,M6836*Input!$J$16,0)</f>
        <v>0.47406297058604169</v>
      </c>
      <c r="P6836" s="58">
        <f>IF(Input!$K$13=3,J6836*Input!$J$13,0)+IF(Input!$K$14=3,K6836*Input!$J$14,0)+IF(Input!$K$15=3,L6836*Input!$J$15,0)+IF(Input!$K$16=3,M6836*Input!$J$16,0)</f>
        <v>0</v>
      </c>
      <c r="Q6836" s="71">
        <f>IF(Input!$K$13=4,J6836*Input!$J$13,0)+IF(Input!$K$14=4,K6836*Input!$J$14,0)+IF(Input!$K$15=4,L6836*Input!$J$15,0)+IF(Input!$K$16=4,M6836*Input!$J$16,0)</f>
        <v>0</v>
      </c>
    </row>
    <row r="6837" spans="8:17" x14ac:dyDescent="0.25">
      <c r="H6837" s="43">
        <v>6830</v>
      </c>
      <c r="I6837" s="55">
        <f>Bühler!I6863</f>
        <v>0.68318093193923823</v>
      </c>
      <c r="J6837" s="58">
        <f>Bühler!J6863</f>
        <v>29.071788550631645</v>
      </c>
      <c r="K6837" s="58">
        <f>Bühler!K6863</f>
        <v>2.3326908076456023</v>
      </c>
      <c r="L6837" s="58">
        <f>Bühler!L6863</f>
        <v>1.1663454038228012</v>
      </c>
      <c r="M6837" s="57">
        <f>Bühler!M6863</f>
        <v>0</v>
      </c>
      <c r="N6837" s="55">
        <f>IF(Input!$K$13=1,J6837*Input!$J$13,0)+IF(Input!$K$14=1,K6837*Input!$J$14,0)+IF(Input!$K$15=1,L6837*Input!$J$15,0)+IF(Input!$K$16=1,M6837*Input!$J$16,0)</f>
        <v>3.4886146260757971</v>
      </c>
      <c r="O6837" s="58">
        <f>IF(Input!$K$13=2,J6837*Input!$J$13,0)+IF(Input!$K$14=2,K6837*Input!$J$14,0)+IF(Input!$K$15=2,L6837*Input!$J$15,0)+IF(Input!$K$16=2,M6837*Input!$J$16,0)</f>
        <v>0.31491325903215628</v>
      </c>
      <c r="P6837" s="58">
        <f>IF(Input!$K$13=3,J6837*Input!$J$13,0)+IF(Input!$K$14=3,K6837*Input!$J$14,0)+IF(Input!$K$15=3,L6837*Input!$J$15,0)+IF(Input!$K$16=3,M6837*Input!$J$16,0)</f>
        <v>0</v>
      </c>
      <c r="Q6837" s="71">
        <f>IF(Input!$K$13=4,J6837*Input!$J$13,0)+IF(Input!$K$14=4,K6837*Input!$J$14,0)+IF(Input!$K$15=4,L6837*Input!$J$15,0)+IF(Input!$K$16=4,M6837*Input!$J$16,0)</f>
        <v>0</v>
      </c>
    </row>
    <row r="6838" spans="8:17" x14ac:dyDescent="0.25">
      <c r="H6838" s="43">
        <v>6831</v>
      </c>
      <c r="I6838" s="55">
        <f>Bühler!I6864</f>
        <v>1.0284444136719717</v>
      </c>
      <c r="J6838" s="58">
        <f>Bühler!J6864</f>
        <v>43.763982764391713</v>
      </c>
      <c r="K6838" s="58">
        <f>Bühler!K6864</f>
        <v>3.511577559896605</v>
      </c>
      <c r="L6838" s="58">
        <f>Bühler!L6864</f>
        <v>1.7557887799483025</v>
      </c>
      <c r="M6838" s="57">
        <f>Bühler!M6864</f>
        <v>0</v>
      </c>
      <c r="N6838" s="55">
        <f>IF(Input!$K$13=1,J6838*Input!$J$13,0)+IF(Input!$K$14=1,K6838*Input!$J$14,0)+IF(Input!$K$15=1,L6838*Input!$J$15,0)+IF(Input!$K$16=1,M6838*Input!$J$16,0)</f>
        <v>5.2516779317270057</v>
      </c>
      <c r="O6838" s="58">
        <f>IF(Input!$K$13=2,J6838*Input!$J$13,0)+IF(Input!$K$14=2,K6838*Input!$J$14,0)+IF(Input!$K$15=2,L6838*Input!$J$15,0)+IF(Input!$K$16=2,M6838*Input!$J$16,0)</f>
        <v>0.47406297058604169</v>
      </c>
      <c r="P6838" s="58">
        <f>IF(Input!$K$13=3,J6838*Input!$J$13,0)+IF(Input!$K$14=3,K6838*Input!$J$14,0)+IF(Input!$K$15=3,L6838*Input!$J$15,0)+IF(Input!$K$16=3,M6838*Input!$J$16,0)</f>
        <v>0</v>
      </c>
      <c r="Q6838" s="71">
        <f>IF(Input!$K$13=4,J6838*Input!$J$13,0)+IF(Input!$K$14=4,K6838*Input!$J$14,0)+IF(Input!$K$15=4,L6838*Input!$J$15,0)+IF(Input!$K$16=4,M6838*Input!$J$16,0)</f>
        <v>0</v>
      </c>
    </row>
    <row r="6839" spans="8:17" x14ac:dyDescent="0.25">
      <c r="H6839" s="43">
        <v>6832</v>
      </c>
      <c r="I6839" s="55">
        <f>Bühler!I6865</f>
        <v>1.0284444136719717</v>
      </c>
      <c r="J6839" s="58">
        <f>Bühler!J6865</f>
        <v>43.763982764391713</v>
      </c>
      <c r="K6839" s="58">
        <f>Bühler!K6865</f>
        <v>3.511577559896605</v>
      </c>
      <c r="L6839" s="58">
        <f>Bühler!L6865</f>
        <v>1.7557887799483025</v>
      </c>
      <c r="M6839" s="57">
        <f>Bühler!M6865</f>
        <v>0</v>
      </c>
      <c r="N6839" s="55">
        <f>IF(Input!$K$13=1,J6839*Input!$J$13,0)+IF(Input!$K$14=1,K6839*Input!$J$14,0)+IF(Input!$K$15=1,L6839*Input!$J$15,0)+IF(Input!$K$16=1,M6839*Input!$J$16,0)</f>
        <v>5.2516779317270057</v>
      </c>
      <c r="O6839" s="58">
        <f>IF(Input!$K$13=2,J6839*Input!$J$13,0)+IF(Input!$K$14=2,K6839*Input!$J$14,0)+IF(Input!$K$15=2,L6839*Input!$J$15,0)+IF(Input!$K$16=2,M6839*Input!$J$16,0)</f>
        <v>0.47406297058604169</v>
      </c>
      <c r="P6839" s="58">
        <f>IF(Input!$K$13=3,J6839*Input!$J$13,0)+IF(Input!$K$14=3,K6839*Input!$J$14,0)+IF(Input!$K$15=3,L6839*Input!$J$15,0)+IF(Input!$K$16=3,M6839*Input!$J$16,0)</f>
        <v>0</v>
      </c>
      <c r="Q6839" s="71">
        <f>IF(Input!$K$13=4,J6839*Input!$J$13,0)+IF(Input!$K$14=4,K6839*Input!$J$14,0)+IF(Input!$K$15=4,L6839*Input!$J$15,0)+IF(Input!$K$16=4,M6839*Input!$J$16,0)</f>
        <v>0</v>
      </c>
    </row>
    <row r="6840" spans="8:17" x14ac:dyDescent="0.25">
      <c r="H6840" s="43">
        <v>6833</v>
      </c>
      <c r="I6840" s="55">
        <f>Bühler!I6866</f>
        <v>0.85935903285274984</v>
      </c>
      <c r="J6840" s="58">
        <f>Bühler!J6866</f>
        <v>26.063910561236085</v>
      </c>
      <c r="K6840" s="58">
        <f>Bühler!K6866</f>
        <v>2.0693224906533567</v>
      </c>
      <c r="L6840" s="58">
        <f>Bühler!L6866</f>
        <v>1.0346612453266784</v>
      </c>
      <c r="M6840" s="57">
        <f>Bühler!M6866</f>
        <v>0</v>
      </c>
      <c r="N6840" s="55">
        <f>IF(Input!$K$13=1,J6840*Input!$J$13,0)+IF(Input!$K$14=1,K6840*Input!$J$14,0)+IF(Input!$K$15=1,L6840*Input!$J$15,0)+IF(Input!$K$16=1,M6840*Input!$J$16,0)</f>
        <v>3.1276692673483302</v>
      </c>
      <c r="O6840" s="58">
        <f>IF(Input!$K$13=2,J6840*Input!$J$13,0)+IF(Input!$K$14=2,K6840*Input!$J$14,0)+IF(Input!$K$15=2,L6840*Input!$J$15,0)+IF(Input!$K$16=2,M6840*Input!$J$16,0)</f>
        <v>0.27935853623820317</v>
      </c>
      <c r="P6840" s="58">
        <f>IF(Input!$K$13=3,J6840*Input!$J$13,0)+IF(Input!$K$14=3,K6840*Input!$J$14,0)+IF(Input!$K$15=3,L6840*Input!$J$15,0)+IF(Input!$K$16=3,M6840*Input!$J$16,0)</f>
        <v>0</v>
      </c>
      <c r="Q6840" s="71">
        <f>IF(Input!$K$13=4,J6840*Input!$J$13,0)+IF(Input!$K$14=4,K6840*Input!$J$14,0)+IF(Input!$K$15=4,L6840*Input!$J$15,0)+IF(Input!$K$16=4,M6840*Input!$J$16,0)</f>
        <v>0</v>
      </c>
    </row>
    <row r="6841" spans="8:17" x14ac:dyDescent="0.25">
      <c r="H6841" s="43">
        <v>6834</v>
      </c>
      <c r="I6841" s="55">
        <f>Bühler!I6867</f>
        <v>0.68330758765520783</v>
      </c>
      <c r="J6841" s="58">
        <f>Bühler!J6867</f>
        <v>11.467069466500828</v>
      </c>
      <c r="K6841" s="58">
        <f>Bühler!K6867</f>
        <v>0.8831935512818424</v>
      </c>
      <c r="L6841" s="58">
        <f>Bühler!L6867</f>
        <v>0.4415967756409212</v>
      </c>
      <c r="M6841" s="57">
        <f>Bühler!M6867</f>
        <v>0</v>
      </c>
      <c r="N6841" s="55">
        <f>IF(Input!$K$13=1,J6841*Input!$J$13,0)+IF(Input!$K$14=1,K6841*Input!$J$14,0)+IF(Input!$K$15=1,L6841*Input!$J$15,0)+IF(Input!$K$16=1,M6841*Input!$J$16,0)</f>
        <v>1.3760483359800992</v>
      </c>
      <c r="O6841" s="58">
        <f>IF(Input!$K$13=2,J6841*Input!$J$13,0)+IF(Input!$K$14=2,K6841*Input!$J$14,0)+IF(Input!$K$15=2,L6841*Input!$J$15,0)+IF(Input!$K$16=2,M6841*Input!$J$16,0)</f>
        <v>0.11923112942304871</v>
      </c>
      <c r="P6841" s="58">
        <f>IF(Input!$K$13=3,J6841*Input!$J$13,0)+IF(Input!$K$14=3,K6841*Input!$J$14,0)+IF(Input!$K$15=3,L6841*Input!$J$15,0)+IF(Input!$K$16=3,M6841*Input!$J$16,0)</f>
        <v>0</v>
      </c>
      <c r="Q6841" s="71">
        <f>IF(Input!$K$13=4,J6841*Input!$J$13,0)+IF(Input!$K$14=4,K6841*Input!$J$14,0)+IF(Input!$K$15=4,L6841*Input!$J$15,0)+IF(Input!$K$16=4,M6841*Input!$J$16,0)</f>
        <v>0</v>
      </c>
    </row>
    <row r="6842" spans="8:17" x14ac:dyDescent="0.25">
      <c r="H6842" s="43">
        <v>6835</v>
      </c>
      <c r="I6842" s="55">
        <f>Bühler!I6868</f>
        <v>0.25331143193890931</v>
      </c>
      <c r="J6842" s="58">
        <f>Bühler!J6868</f>
        <v>7.3541216406508907</v>
      </c>
      <c r="K6842" s="58">
        <f>Bühler!K6868</f>
        <v>0.58290774384601596</v>
      </c>
      <c r="L6842" s="58">
        <f>Bühler!L6868</f>
        <v>0.29145387192300798</v>
      </c>
      <c r="M6842" s="57">
        <f>Bühler!M6868</f>
        <v>0</v>
      </c>
      <c r="N6842" s="55">
        <f>IF(Input!$K$13=1,J6842*Input!$J$13,0)+IF(Input!$K$14=1,K6842*Input!$J$14,0)+IF(Input!$K$15=1,L6842*Input!$J$15,0)+IF(Input!$K$16=1,M6842*Input!$J$16,0)</f>
        <v>0.88249459687810683</v>
      </c>
      <c r="O6842" s="58">
        <f>IF(Input!$K$13=2,J6842*Input!$J$13,0)+IF(Input!$K$14=2,K6842*Input!$J$14,0)+IF(Input!$K$15=2,L6842*Input!$J$15,0)+IF(Input!$K$16=2,M6842*Input!$J$16,0)</f>
        <v>7.869254541921214E-2</v>
      </c>
      <c r="P6842" s="58">
        <f>IF(Input!$K$13=3,J6842*Input!$J$13,0)+IF(Input!$K$14=3,K6842*Input!$J$14,0)+IF(Input!$K$15=3,L6842*Input!$J$15,0)+IF(Input!$K$16=3,M6842*Input!$J$16,0)</f>
        <v>0</v>
      </c>
      <c r="Q6842" s="71">
        <f>IF(Input!$K$13=4,J6842*Input!$J$13,0)+IF(Input!$K$14=4,K6842*Input!$J$14,0)+IF(Input!$K$15=4,L6842*Input!$J$15,0)+IF(Input!$K$16=4,M6842*Input!$J$16,0)</f>
        <v>0</v>
      </c>
    </row>
    <row r="6843" spans="8:17" x14ac:dyDescent="0.25">
      <c r="H6843" s="43">
        <v>6836</v>
      </c>
      <c r="I6843" s="55">
        <f>Bühler!I6869</f>
        <v>0.25331143193890931</v>
      </c>
      <c r="J6843" s="58">
        <f>Bühler!J6869</f>
        <v>7.3541216406508907</v>
      </c>
      <c r="K6843" s="58">
        <f>Bühler!K6869</f>
        <v>0.58290774384601596</v>
      </c>
      <c r="L6843" s="58">
        <f>Bühler!L6869</f>
        <v>0.29145387192300798</v>
      </c>
      <c r="M6843" s="57">
        <f>Bühler!M6869</f>
        <v>0</v>
      </c>
      <c r="N6843" s="55">
        <f>IF(Input!$K$13=1,J6843*Input!$J$13,0)+IF(Input!$K$14=1,K6843*Input!$J$14,0)+IF(Input!$K$15=1,L6843*Input!$J$15,0)+IF(Input!$K$16=1,M6843*Input!$J$16,0)</f>
        <v>0.88249459687810683</v>
      </c>
      <c r="O6843" s="58">
        <f>IF(Input!$K$13=2,J6843*Input!$J$13,0)+IF(Input!$K$14=2,K6843*Input!$J$14,0)+IF(Input!$K$15=2,L6843*Input!$J$15,0)+IF(Input!$K$16=2,M6843*Input!$J$16,0)</f>
        <v>7.869254541921214E-2</v>
      </c>
      <c r="P6843" s="58">
        <f>IF(Input!$K$13=3,J6843*Input!$J$13,0)+IF(Input!$K$14=3,K6843*Input!$J$14,0)+IF(Input!$K$15=3,L6843*Input!$J$15,0)+IF(Input!$K$16=3,M6843*Input!$J$16,0)</f>
        <v>0</v>
      </c>
      <c r="Q6843" s="71">
        <f>IF(Input!$K$13=4,J6843*Input!$J$13,0)+IF(Input!$K$14=4,K6843*Input!$J$14,0)+IF(Input!$K$15=4,L6843*Input!$J$15,0)+IF(Input!$K$16=4,M6843*Input!$J$16,0)</f>
        <v>0</v>
      </c>
    </row>
    <row r="6844" spans="8:17" x14ac:dyDescent="0.25">
      <c r="H6844" s="43">
        <v>6837</v>
      </c>
      <c r="I6844" s="55">
        <f>Bühler!I6870</f>
        <v>0.25331143193890931</v>
      </c>
      <c r="J6844" s="58">
        <f>Bühler!J6870</f>
        <v>7.3541216406508907</v>
      </c>
      <c r="K6844" s="58">
        <f>Bühler!K6870</f>
        <v>0.58290774384601596</v>
      </c>
      <c r="L6844" s="58">
        <f>Bühler!L6870</f>
        <v>0.29145387192300798</v>
      </c>
      <c r="M6844" s="57">
        <f>Bühler!M6870</f>
        <v>0</v>
      </c>
      <c r="N6844" s="55">
        <f>IF(Input!$K$13=1,J6844*Input!$J$13,0)+IF(Input!$K$14=1,K6844*Input!$J$14,0)+IF(Input!$K$15=1,L6844*Input!$J$15,0)+IF(Input!$K$16=1,M6844*Input!$J$16,0)</f>
        <v>0.88249459687810683</v>
      </c>
      <c r="O6844" s="58">
        <f>IF(Input!$K$13=2,J6844*Input!$J$13,0)+IF(Input!$K$14=2,K6844*Input!$J$14,0)+IF(Input!$K$15=2,L6844*Input!$J$15,0)+IF(Input!$K$16=2,M6844*Input!$J$16,0)</f>
        <v>7.869254541921214E-2</v>
      </c>
      <c r="P6844" s="58">
        <f>IF(Input!$K$13=3,J6844*Input!$J$13,0)+IF(Input!$K$14=3,K6844*Input!$J$14,0)+IF(Input!$K$15=3,L6844*Input!$J$15,0)+IF(Input!$K$16=3,M6844*Input!$J$16,0)</f>
        <v>0</v>
      </c>
      <c r="Q6844" s="71">
        <f>IF(Input!$K$13=4,J6844*Input!$J$13,0)+IF(Input!$K$14=4,K6844*Input!$J$14,0)+IF(Input!$K$15=4,L6844*Input!$J$15,0)+IF(Input!$K$16=4,M6844*Input!$J$16,0)</f>
        <v>0</v>
      </c>
    </row>
    <row r="6845" spans="8:17" x14ac:dyDescent="0.25">
      <c r="H6845" s="43">
        <v>6838</v>
      </c>
      <c r="I6845" s="55">
        <f>Bühler!I6871</f>
        <v>0.25331143193890931</v>
      </c>
      <c r="J6845" s="58">
        <f>Bühler!J6871</f>
        <v>7.3541216406508907</v>
      </c>
      <c r="K6845" s="58">
        <f>Bühler!K6871</f>
        <v>0.58290774384601596</v>
      </c>
      <c r="L6845" s="58">
        <f>Bühler!L6871</f>
        <v>0.29145387192300798</v>
      </c>
      <c r="M6845" s="57">
        <f>Bühler!M6871</f>
        <v>0</v>
      </c>
      <c r="N6845" s="55">
        <f>IF(Input!$K$13=1,J6845*Input!$J$13,0)+IF(Input!$K$14=1,K6845*Input!$J$14,0)+IF(Input!$K$15=1,L6845*Input!$J$15,0)+IF(Input!$K$16=1,M6845*Input!$J$16,0)</f>
        <v>0.88249459687810683</v>
      </c>
      <c r="O6845" s="58">
        <f>IF(Input!$K$13=2,J6845*Input!$J$13,0)+IF(Input!$K$14=2,K6845*Input!$J$14,0)+IF(Input!$K$15=2,L6845*Input!$J$15,0)+IF(Input!$K$16=2,M6845*Input!$J$16,0)</f>
        <v>7.869254541921214E-2</v>
      </c>
      <c r="P6845" s="58">
        <f>IF(Input!$K$13=3,J6845*Input!$J$13,0)+IF(Input!$K$14=3,K6845*Input!$J$14,0)+IF(Input!$K$15=3,L6845*Input!$J$15,0)+IF(Input!$K$16=3,M6845*Input!$J$16,0)</f>
        <v>0</v>
      </c>
      <c r="Q6845" s="71">
        <f>IF(Input!$K$13=4,J6845*Input!$J$13,0)+IF(Input!$K$14=4,K6845*Input!$J$14,0)+IF(Input!$K$15=4,L6845*Input!$J$15,0)+IF(Input!$K$16=4,M6845*Input!$J$16,0)</f>
        <v>0</v>
      </c>
    </row>
    <row r="6846" spans="8:17" x14ac:dyDescent="0.25">
      <c r="H6846" s="43">
        <v>6839</v>
      </c>
      <c r="I6846" s="55">
        <f>Bühler!I6872</f>
        <v>0.25331143193890931</v>
      </c>
      <c r="J6846" s="58">
        <f>Bühler!J6872</f>
        <v>7.3541216406508907</v>
      </c>
      <c r="K6846" s="58">
        <f>Bühler!K6872</f>
        <v>0.58290774384601596</v>
      </c>
      <c r="L6846" s="58">
        <f>Bühler!L6872</f>
        <v>0.29145387192300798</v>
      </c>
      <c r="M6846" s="57">
        <f>Bühler!M6872</f>
        <v>0</v>
      </c>
      <c r="N6846" s="55">
        <f>IF(Input!$K$13=1,J6846*Input!$J$13,0)+IF(Input!$K$14=1,K6846*Input!$J$14,0)+IF(Input!$K$15=1,L6846*Input!$J$15,0)+IF(Input!$K$16=1,M6846*Input!$J$16,0)</f>
        <v>0.88249459687810683</v>
      </c>
      <c r="O6846" s="58">
        <f>IF(Input!$K$13=2,J6846*Input!$J$13,0)+IF(Input!$K$14=2,K6846*Input!$J$14,0)+IF(Input!$K$15=2,L6846*Input!$J$15,0)+IF(Input!$K$16=2,M6846*Input!$J$16,0)</f>
        <v>7.869254541921214E-2</v>
      </c>
      <c r="P6846" s="58">
        <f>IF(Input!$K$13=3,J6846*Input!$J$13,0)+IF(Input!$K$14=3,K6846*Input!$J$14,0)+IF(Input!$K$15=3,L6846*Input!$J$15,0)+IF(Input!$K$16=3,M6846*Input!$J$16,0)</f>
        <v>0</v>
      </c>
      <c r="Q6846" s="71">
        <f>IF(Input!$K$13=4,J6846*Input!$J$13,0)+IF(Input!$K$14=4,K6846*Input!$J$14,0)+IF(Input!$K$15=4,L6846*Input!$J$15,0)+IF(Input!$K$16=4,M6846*Input!$J$16,0)</f>
        <v>0</v>
      </c>
    </row>
    <row r="6847" spans="8:17" x14ac:dyDescent="0.25">
      <c r="H6847" s="43">
        <v>6840</v>
      </c>
      <c r="I6847" s="55">
        <f>Bühler!I6873</f>
        <v>0.25331143193890931</v>
      </c>
      <c r="J6847" s="58">
        <f>Bühler!J6873</f>
        <v>7.3541216406508907</v>
      </c>
      <c r="K6847" s="58">
        <f>Bühler!K6873</f>
        <v>0.58290774384601596</v>
      </c>
      <c r="L6847" s="58">
        <f>Bühler!L6873</f>
        <v>0.29145387192300798</v>
      </c>
      <c r="M6847" s="57">
        <f>Bühler!M6873</f>
        <v>0</v>
      </c>
      <c r="N6847" s="55">
        <f>IF(Input!$K$13=1,J6847*Input!$J$13,0)+IF(Input!$K$14=1,K6847*Input!$J$14,0)+IF(Input!$K$15=1,L6847*Input!$J$15,0)+IF(Input!$K$16=1,M6847*Input!$J$16,0)</f>
        <v>0.88249459687810683</v>
      </c>
      <c r="O6847" s="58">
        <f>IF(Input!$K$13=2,J6847*Input!$J$13,0)+IF(Input!$K$14=2,K6847*Input!$J$14,0)+IF(Input!$K$15=2,L6847*Input!$J$15,0)+IF(Input!$K$16=2,M6847*Input!$J$16,0)</f>
        <v>7.869254541921214E-2</v>
      </c>
      <c r="P6847" s="58">
        <f>IF(Input!$K$13=3,J6847*Input!$J$13,0)+IF(Input!$K$14=3,K6847*Input!$J$14,0)+IF(Input!$K$15=3,L6847*Input!$J$15,0)+IF(Input!$K$16=3,M6847*Input!$J$16,0)</f>
        <v>0</v>
      </c>
      <c r="Q6847" s="71">
        <f>IF(Input!$K$13=4,J6847*Input!$J$13,0)+IF(Input!$K$14=4,K6847*Input!$J$14,0)+IF(Input!$K$15=4,L6847*Input!$J$15,0)+IF(Input!$K$16=4,M6847*Input!$J$16,0)</f>
        <v>0</v>
      </c>
    </row>
    <row r="6848" spans="8:17" x14ac:dyDescent="0.25">
      <c r="H6848" s="43">
        <v>6841</v>
      </c>
      <c r="I6848" s="55">
        <f>Bühler!I6874</f>
        <v>8.8570021525652937E-2</v>
      </c>
      <c r="J6848" s="58">
        <f>Bühler!J6874</f>
        <v>10.378844820097589</v>
      </c>
      <c r="K6848" s="58">
        <f>Bühler!K6874</f>
        <v>0.86980678157371083</v>
      </c>
      <c r="L6848" s="58">
        <f>Bühler!L6874</f>
        <v>0.43490339078685541</v>
      </c>
      <c r="M6848" s="57">
        <f>Bühler!M6874</f>
        <v>0</v>
      </c>
      <c r="N6848" s="55">
        <f>IF(Input!$K$13=1,J6848*Input!$J$13,0)+IF(Input!$K$14=1,K6848*Input!$J$14,0)+IF(Input!$K$15=1,L6848*Input!$J$15,0)+IF(Input!$K$16=1,M6848*Input!$J$16,0)</f>
        <v>1.2454613784117106</v>
      </c>
      <c r="O6848" s="58">
        <f>IF(Input!$K$13=2,J6848*Input!$J$13,0)+IF(Input!$K$14=2,K6848*Input!$J$14,0)+IF(Input!$K$15=2,L6848*Input!$J$15,0)+IF(Input!$K$16=2,M6848*Input!$J$16,0)</f>
        <v>0.11742391551245096</v>
      </c>
      <c r="P6848" s="58">
        <f>IF(Input!$K$13=3,J6848*Input!$J$13,0)+IF(Input!$K$14=3,K6848*Input!$J$14,0)+IF(Input!$K$15=3,L6848*Input!$J$15,0)+IF(Input!$K$16=3,M6848*Input!$J$16,0)</f>
        <v>0</v>
      </c>
      <c r="Q6848" s="71">
        <f>IF(Input!$K$13=4,J6848*Input!$J$13,0)+IF(Input!$K$14=4,K6848*Input!$J$14,0)+IF(Input!$K$15=4,L6848*Input!$J$15,0)+IF(Input!$K$16=4,M6848*Input!$J$16,0)</f>
        <v>0</v>
      </c>
    </row>
    <row r="6849" spans="8:17" x14ac:dyDescent="0.25">
      <c r="H6849" s="43">
        <v>6842</v>
      </c>
      <c r="I6849" s="55">
        <f>Bühler!I6875</f>
        <v>8.8570021525652937E-2</v>
      </c>
      <c r="J6849" s="58">
        <f>Bühler!J6875</f>
        <v>6.3280078041950913</v>
      </c>
      <c r="K6849" s="58">
        <f>Bühler!K6875</f>
        <v>0.5271556251961883</v>
      </c>
      <c r="L6849" s="58">
        <f>Bühler!L6875</f>
        <v>0.26357781259809415</v>
      </c>
      <c r="M6849" s="57">
        <f>Bühler!M6875</f>
        <v>0</v>
      </c>
      <c r="N6849" s="55">
        <f>IF(Input!$K$13=1,J6849*Input!$J$13,0)+IF(Input!$K$14=1,K6849*Input!$J$14,0)+IF(Input!$K$15=1,L6849*Input!$J$15,0)+IF(Input!$K$16=1,M6849*Input!$J$16,0)</f>
        <v>0.75936093650341097</v>
      </c>
      <c r="O6849" s="58">
        <f>IF(Input!$K$13=2,J6849*Input!$J$13,0)+IF(Input!$K$14=2,K6849*Input!$J$14,0)+IF(Input!$K$15=2,L6849*Input!$J$15,0)+IF(Input!$K$16=2,M6849*Input!$J$16,0)</f>
        <v>7.1166009401485431E-2</v>
      </c>
      <c r="P6849" s="58">
        <f>IF(Input!$K$13=3,J6849*Input!$J$13,0)+IF(Input!$K$14=3,K6849*Input!$J$14,0)+IF(Input!$K$15=3,L6849*Input!$J$15,0)+IF(Input!$K$16=3,M6849*Input!$J$16,0)</f>
        <v>0</v>
      </c>
      <c r="Q6849" s="71">
        <f>IF(Input!$K$13=4,J6849*Input!$J$13,0)+IF(Input!$K$14=4,K6849*Input!$J$14,0)+IF(Input!$K$15=4,L6849*Input!$J$15,0)+IF(Input!$K$16=4,M6849*Input!$J$16,0)</f>
        <v>0</v>
      </c>
    </row>
    <row r="6850" spans="8:17" x14ac:dyDescent="0.25">
      <c r="H6850" s="43">
        <v>6843</v>
      </c>
      <c r="I6850" s="55">
        <f>Bühler!I6876</f>
        <v>8.8570021525652937E-2</v>
      </c>
      <c r="J6850" s="58">
        <f>Bühler!J6876</f>
        <v>6.3280078041950913</v>
      </c>
      <c r="K6850" s="58">
        <f>Bühler!K6876</f>
        <v>0.5271556251961883</v>
      </c>
      <c r="L6850" s="58">
        <f>Bühler!L6876</f>
        <v>0.26357781259809415</v>
      </c>
      <c r="M6850" s="57">
        <f>Bühler!M6876</f>
        <v>0</v>
      </c>
      <c r="N6850" s="55">
        <f>IF(Input!$K$13=1,J6850*Input!$J$13,0)+IF(Input!$K$14=1,K6850*Input!$J$14,0)+IF(Input!$K$15=1,L6850*Input!$J$15,0)+IF(Input!$K$16=1,M6850*Input!$J$16,0)</f>
        <v>0.75936093650341097</v>
      </c>
      <c r="O6850" s="58">
        <f>IF(Input!$K$13=2,J6850*Input!$J$13,0)+IF(Input!$K$14=2,K6850*Input!$J$14,0)+IF(Input!$K$15=2,L6850*Input!$J$15,0)+IF(Input!$K$16=2,M6850*Input!$J$16,0)</f>
        <v>7.1166009401485431E-2</v>
      </c>
      <c r="P6850" s="58">
        <f>IF(Input!$K$13=3,J6850*Input!$J$13,0)+IF(Input!$K$14=3,K6850*Input!$J$14,0)+IF(Input!$K$15=3,L6850*Input!$J$15,0)+IF(Input!$K$16=3,M6850*Input!$J$16,0)</f>
        <v>0</v>
      </c>
      <c r="Q6850" s="71">
        <f>IF(Input!$K$13=4,J6850*Input!$J$13,0)+IF(Input!$K$14=4,K6850*Input!$J$14,0)+IF(Input!$K$15=4,L6850*Input!$J$15,0)+IF(Input!$K$16=4,M6850*Input!$J$16,0)</f>
        <v>0</v>
      </c>
    </row>
    <row r="6851" spans="8:17" x14ac:dyDescent="0.25">
      <c r="H6851" s="43">
        <v>6844</v>
      </c>
      <c r="I6851" s="55">
        <f>Bühler!I6877</f>
        <v>8.8570021525652937E-2</v>
      </c>
      <c r="J6851" s="58">
        <f>Bühler!J6877</f>
        <v>6.3280078041950913</v>
      </c>
      <c r="K6851" s="58">
        <f>Bühler!K6877</f>
        <v>0.5271556251961883</v>
      </c>
      <c r="L6851" s="58">
        <f>Bühler!L6877</f>
        <v>0.26357781259809415</v>
      </c>
      <c r="M6851" s="57">
        <f>Bühler!M6877</f>
        <v>0</v>
      </c>
      <c r="N6851" s="55">
        <f>IF(Input!$K$13=1,J6851*Input!$J$13,0)+IF(Input!$K$14=1,K6851*Input!$J$14,0)+IF(Input!$K$15=1,L6851*Input!$J$15,0)+IF(Input!$K$16=1,M6851*Input!$J$16,0)</f>
        <v>0.75936093650341097</v>
      </c>
      <c r="O6851" s="58">
        <f>IF(Input!$K$13=2,J6851*Input!$J$13,0)+IF(Input!$K$14=2,K6851*Input!$J$14,0)+IF(Input!$K$15=2,L6851*Input!$J$15,0)+IF(Input!$K$16=2,M6851*Input!$J$16,0)</f>
        <v>7.1166009401485431E-2</v>
      </c>
      <c r="P6851" s="58">
        <f>IF(Input!$K$13=3,J6851*Input!$J$13,0)+IF(Input!$K$14=3,K6851*Input!$J$14,0)+IF(Input!$K$15=3,L6851*Input!$J$15,0)+IF(Input!$K$16=3,M6851*Input!$J$16,0)</f>
        <v>0</v>
      </c>
      <c r="Q6851" s="71">
        <f>IF(Input!$K$13=4,J6851*Input!$J$13,0)+IF(Input!$K$14=4,K6851*Input!$J$14,0)+IF(Input!$K$15=4,L6851*Input!$J$15,0)+IF(Input!$K$16=4,M6851*Input!$J$16,0)</f>
        <v>0</v>
      </c>
    </row>
    <row r="6852" spans="8:17" x14ac:dyDescent="0.25">
      <c r="H6852" s="43">
        <v>6845</v>
      </c>
      <c r="I6852" s="55">
        <f>Bühler!I6878</f>
        <v>8.8570021525652937E-2</v>
      </c>
      <c r="J6852" s="58">
        <f>Bühler!J6878</f>
        <v>6.3280078041950913</v>
      </c>
      <c r="K6852" s="58">
        <f>Bühler!K6878</f>
        <v>0.5271556251961883</v>
      </c>
      <c r="L6852" s="58">
        <f>Bühler!L6878</f>
        <v>0.26357781259809415</v>
      </c>
      <c r="M6852" s="57">
        <f>Bühler!M6878</f>
        <v>0</v>
      </c>
      <c r="N6852" s="55">
        <f>IF(Input!$K$13=1,J6852*Input!$J$13,0)+IF(Input!$K$14=1,K6852*Input!$J$14,0)+IF(Input!$K$15=1,L6852*Input!$J$15,0)+IF(Input!$K$16=1,M6852*Input!$J$16,0)</f>
        <v>0.75936093650341097</v>
      </c>
      <c r="O6852" s="58">
        <f>IF(Input!$K$13=2,J6852*Input!$J$13,0)+IF(Input!$K$14=2,K6852*Input!$J$14,0)+IF(Input!$K$15=2,L6852*Input!$J$15,0)+IF(Input!$K$16=2,M6852*Input!$J$16,0)</f>
        <v>7.1166009401485431E-2</v>
      </c>
      <c r="P6852" s="58">
        <f>IF(Input!$K$13=3,J6852*Input!$J$13,0)+IF(Input!$K$14=3,K6852*Input!$J$14,0)+IF(Input!$K$15=3,L6852*Input!$J$15,0)+IF(Input!$K$16=3,M6852*Input!$J$16,0)</f>
        <v>0</v>
      </c>
      <c r="Q6852" s="71">
        <f>IF(Input!$K$13=4,J6852*Input!$J$13,0)+IF(Input!$K$14=4,K6852*Input!$J$14,0)+IF(Input!$K$15=4,L6852*Input!$J$15,0)+IF(Input!$K$16=4,M6852*Input!$J$16,0)</f>
        <v>0</v>
      </c>
    </row>
    <row r="6853" spans="8:17" x14ac:dyDescent="0.25">
      <c r="H6853" s="43">
        <v>6846</v>
      </c>
      <c r="I6853" s="55">
        <f>Bühler!I6879</f>
        <v>8.8570021525652937E-2</v>
      </c>
      <c r="J6853" s="58">
        <f>Bühler!J6879</f>
        <v>6.3280078041950913</v>
      </c>
      <c r="K6853" s="58">
        <f>Bühler!K6879</f>
        <v>0.5271556251961883</v>
      </c>
      <c r="L6853" s="58">
        <f>Bühler!L6879</f>
        <v>0.26357781259809415</v>
      </c>
      <c r="M6853" s="57">
        <f>Bühler!M6879</f>
        <v>0</v>
      </c>
      <c r="N6853" s="55">
        <f>IF(Input!$K$13=1,J6853*Input!$J$13,0)+IF(Input!$K$14=1,K6853*Input!$J$14,0)+IF(Input!$K$15=1,L6853*Input!$J$15,0)+IF(Input!$K$16=1,M6853*Input!$J$16,0)</f>
        <v>0.75936093650341097</v>
      </c>
      <c r="O6853" s="58">
        <f>IF(Input!$K$13=2,J6853*Input!$J$13,0)+IF(Input!$K$14=2,K6853*Input!$J$14,0)+IF(Input!$K$15=2,L6853*Input!$J$15,0)+IF(Input!$K$16=2,M6853*Input!$J$16,0)</f>
        <v>7.1166009401485431E-2</v>
      </c>
      <c r="P6853" s="58">
        <f>IF(Input!$K$13=3,J6853*Input!$J$13,0)+IF(Input!$K$14=3,K6853*Input!$J$14,0)+IF(Input!$K$15=3,L6853*Input!$J$15,0)+IF(Input!$K$16=3,M6853*Input!$J$16,0)</f>
        <v>0</v>
      </c>
      <c r="Q6853" s="71">
        <f>IF(Input!$K$13=4,J6853*Input!$J$13,0)+IF(Input!$K$14=4,K6853*Input!$J$14,0)+IF(Input!$K$15=4,L6853*Input!$J$15,0)+IF(Input!$K$16=4,M6853*Input!$J$16,0)</f>
        <v>0</v>
      </c>
    </row>
    <row r="6854" spans="8:17" x14ac:dyDescent="0.25">
      <c r="H6854" s="43">
        <v>6847</v>
      </c>
      <c r="I6854" s="55">
        <f>Bühler!I6880</f>
        <v>8.8570021525652937E-2</v>
      </c>
      <c r="J6854" s="58">
        <f>Bühler!J6880</f>
        <v>6.3280078041950913</v>
      </c>
      <c r="K6854" s="58">
        <f>Bühler!K6880</f>
        <v>0.5271556251961883</v>
      </c>
      <c r="L6854" s="58">
        <f>Bühler!L6880</f>
        <v>0.26357781259809415</v>
      </c>
      <c r="M6854" s="57">
        <f>Bühler!M6880</f>
        <v>0</v>
      </c>
      <c r="N6854" s="55">
        <f>IF(Input!$K$13=1,J6854*Input!$J$13,0)+IF(Input!$K$14=1,K6854*Input!$J$14,0)+IF(Input!$K$15=1,L6854*Input!$J$15,0)+IF(Input!$K$16=1,M6854*Input!$J$16,0)</f>
        <v>0.75936093650341097</v>
      </c>
      <c r="O6854" s="58">
        <f>IF(Input!$K$13=2,J6854*Input!$J$13,0)+IF(Input!$K$14=2,K6854*Input!$J$14,0)+IF(Input!$K$15=2,L6854*Input!$J$15,0)+IF(Input!$K$16=2,M6854*Input!$J$16,0)</f>
        <v>7.1166009401485431E-2</v>
      </c>
      <c r="P6854" s="58">
        <f>IF(Input!$K$13=3,J6854*Input!$J$13,0)+IF(Input!$K$14=3,K6854*Input!$J$14,0)+IF(Input!$K$15=3,L6854*Input!$J$15,0)+IF(Input!$K$16=3,M6854*Input!$J$16,0)</f>
        <v>0</v>
      </c>
      <c r="Q6854" s="71">
        <f>IF(Input!$K$13=4,J6854*Input!$J$13,0)+IF(Input!$K$14=4,K6854*Input!$J$14,0)+IF(Input!$K$15=4,L6854*Input!$J$15,0)+IF(Input!$K$16=4,M6854*Input!$J$16,0)</f>
        <v>0</v>
      </c>
    </row>
    <row r="6855" spans="8:17" x14ac:dyDescent="0.25">
      <c r="H6855" s="43">
        <v>6848</v>
      </c>
      <c r="I6855" s="55">
        <f>Bühler!I6881</f>
        <v>0.23999618735983377</v>
      </c>
      <c r="J6855" s="58">
        <f>Bühler!J6881</f>
        <v>26.808558466170023</v>
      </c>
      <c r="K6855" s="58">
        <f>Bühler!K6881</f>
        <v>2.2456829633357627</v>
      </c>
      <c r="L6855" s="58">
        <f>Bühler!L6881</f>
        <v>1.1228414816678813</v>
      </c>
      <c r="M6855" s="57">
        <f>Bühler!M6881</f>
        <v>0</v>
      </c>
      <c r="N6855" s="55">
        <f>IF(Input!$K$13=1,J6855*Input!$J$13,0)+IF(Input!$K$14=1,K6855*Input!$J$14,0)+IF(Input!$K$15=1,L6855*Input!$J$15,0)+IF(Input!$K$16=1,M6855*Input!$J$16,0)</f>
        <v>3.2170270159404026</v>
      </c>
      <c r="O6855" s="58">
        <f>IF(Input!$K$13=2,J6855*Input!$J$13,0)+IF(Input!$K$14=2,K6855*Input!$J$14,0)+IF(Input!$K$15=2,L6855*Input!$J$15,0)+IF(Input!$K$16=2,M6855*Input!$J$16,0)</f>
        <v>0.30316720005032793</v>
      </c>
      <c r="P6855" s="58">
        <f>IF(Input!$K$13=3,J6855*Input!$J$13,0)+IF(Input!$K$14=3,K6855*Input!$J$14,0)+IF(Input!$K$15=3,L6855*Input!$J$15,0)+IF(Input!$K$16=3,M6855*Input!$J$16,0)</f>
        <v>0</v>
      </c>
      <c r="Q6855" s="71">
        <f>IF(Input!$K$13=4,J6855*Input!$J$13,0)+IF(Input!$K$14=4,K6855*Input!$J$14,0)+IF(Input!$K$15=4,L6855*Input!$J$15,0)+IF(Input!$K$16=4,M6855*Input!$J$16,0)</f>
        <v>0</v>
      </c>
    </row>
    <row r="6856" spans="8:17" x14ac:dyDescent="0.25">
      <c r="H6856" s="43">
        <v>6849</v>
      </c>
      <c r="I6856" s="55">
        <f>Bühler!I6882</f>
        <v>0.29999523419979218</v>
      </c>
      <c r="J6856" s="58">
        <f>Bühler!J6882</f>
        <v>33.51069808271253</v>
      </c>
      <c r="K6856" s="58">
        <f>Bühler!K6882</f>
        <v>2.8071037041697031</v>
      </c>
      <c r="L6856" s="58">
        <f>Bühler!L6882</f>
        <v>1.4035518520848516</v>
      </c>
      <c r="M6856" s="57">
        <f>Bühler!M6882</f>
        <v>0</v>
      </c>
      <c r="N6856" s="55">
        <f>IF(Input!$K$13=1,J6856*Input!$J$13,0)+IF(Input!$K$14=1,K6856*Input!$J$14,0)+IF(Input!$K$15=1,L6856*Input!$J$15,0)+IF(Input!$K$16=1,M6856*Input!$J$16,0)</f>
        <v>4.0212837699255033</v>
      </c>
      <c r="O6856" s="58">
        <f>IF(Input!$K$13=2,J6856*Input!$J$13,0)+IF(Input!$K$14=2,K6856*Input!$J$14,0)+IF(Input!$K$15=2,L6856*Input!$J$15,0)+IF(Input!$K$16=2,M6856*Input!$J$16,0)</f>
        <v>0.37895900006290989</v>
      </c>
      <c r="P6856" s="58">
        <f>IF(Input!$K$13=3,J6856*Input!$J$13,0)+IF(Input!$K$14=3,K6856*Input!$J$14,0)+IF(Input!$K$15=3,L6856*Input!$J$15,0)+IF(Input!$K$16=3,M6856*Input!$J$16,0)</f>
        <v>0</v>
      </c>
      <c r="Q6856" s="71">
        <f>IF(Input!$K$13=4,J6856*Input!$J$13,0)+IF(Input!$K$14=4,K6856*Input!$J$14,0)+IF(Input!$K$15=4,L6856*Input!$J$15,0)+IF(Input!$K$16=4,M6856*Input!$J$16,0)</f>
        <v>0</v>
      </c>
    </row>
    <row r="6857" spans="8:17" x14ac:dyDescent="0.25">
      <c r="H6857" s="43">
        <v>6850</v>
      </c>
      <c r="I6857" s="55">
        <f>Bühler!I6883</f>
        <v>0.32999475761977148</v>
      </c>
      <c r="J6857" s="58">
        <f>Bühler!J6883</f>
        <v>36.861767890983785</v>
      </c>
      <c r="K6857" s="58">
        <f>Bühler!K6883</f>
        <v>3.0878140745866731</v>
      </c>
      <c r="L6857" s="58">
        <f>Bühler!L6883</f>
        <v>1.5439070372933366</v>
      </c>
      <c r="M6857" s="57">
        <f>Bühler!M6883</f>
        <v>0</v>
      </c>
      <c r="N6857" s="55">
        <f>IF(Input!$K$13=1,J6857*Input!$J$13,0)+IF(Input!$K$14=1,K6857*Input!$J$14,0)+IF(Input!$K$15=1,L6857*Input!$J$15,0)+IF(Input!$K$16=1,M6857*Input!$J$16,0)</f>
        <v>4.4234121469180536</v>
      </c>
      <c r="O6857" s="58">
        <f>IF(Input!$K$13=2,J6857*Input!$J$13,0)+IF(Input!$K$14=2,K6857*Input!$J$14,0)+IF(Input!$K$15=2,L6857*Input!$J$15,0)+IF(Input!$K$16=2,M6857*Input!$J$16,0)</f>
        <v>0.41685490006920084</v>
      </c>
      <c r="P6857" s="58">
        <f>IF(Input!$K$13=3,J6857*Input!$J$13,0)+IF(Input!$K$14=3,K6857*Input!$J$14,0)+IF(Input!$K$15=3,L6857*Input!$J$15,0)+IF(Input!$K$16=3,M6857*Input!$J$16,0)</f>
        <v>0</v>
      </c>
      <c r="Q6857" s="71">
        <f>IF(Input!$K$13=4,J6857*Input!$J$13,0)+IF(Input!$K$14=4,K6857*Input!$J$14,0)+IF(Input!$K$15=4,L6857*Input!$J$15,0)+IF(Input!$K$16=4,M6857*Input!$J$16,0)</f>
        <v>0</v>
      </c>
    </row>
    <row r="6858" spans="8:17" x14ac:dyDescent="0.25">
      <c r="H6858" s="43">
        <v>6851</v>
      </c>
      <c r="I6858" s="55">
        <f>Bühler!I6884</f>
        <v>0.32999475761977148</v>
      </c>
      <c r="J6858" s="58">
        <f>Bühler!J6884</f>
        <v>36.861767890983785</v>
      </c>
      <c r="K6858" s="58">
        <f>Bühler!K6884</f>
        <v>3.0878140745866731</v>
      </c>
      <c r="L6858" s="58">
        <f>Bühler!L6884</f>
        <v>1.5439070372933366</v>
      </c>
      <c r="M6858" s="57">
        <f>Bühler!M6884</f>
        <v>0</v>
      </c>
      <c r="N6858" s="55">
        <f>IF(Input!$K$13=1,J6858*Input!$J$13,0)+IF(Input!$K$14=1,K6858*Input!$J$14,0)+IF(Input!$K$15=1,L6858*Input!$J$15,0)+IF(Input!$K$16=1,M6858*Input!$J$16,0)</f>
        <v>4.4234121469180536</v>
      </c>
      <c r="O6858" s="58">
        <f>IF(Input!$K$13=2,J6858*Input!$J$13,0)+IF(Input!$K$14=2,K6858*Input!$J$14,0)+IF(Input!$K$15=2,L6858*Input!$J$15,0)+IF(Input!$K$16=2,M6858*Input!$J$16,0)</f>
        <v>0.41685490006920084</v>
      </c>
      <c r="P6858" s="58">
        <f>IF(Input!$K$13=3,J6858*Input!$J$13,0)+IF(Input!$K$14=3,K6858*Input!$J$14,0)+IF(Input!$K$15=3,L6858*Input!$J$15,0)+IF(Input!$K$16=3,M6858*Input!$J$16,0)</f>
        <v>0</v>
      </c>
      <c r="Q6858" s="71">
        <f>IF(Input!$K$13=4,J6858*Input!$J$13,0)+IF(Input!$K$14=4,K6858*Input!$J$14,0)+IF(Input!$K$15=4,L6858*Input!$J$15,0)+IF(Input!$K$16=4,M6858*Input!$J$16,0)</f>
        <v>0</v>
      </c>
    </row>
    <row r="6859" spans="8:17" x14ac:dyDescent="0.25">
      <c r="H6859" s="43">
        <v>6852</v>
      </c>
      <c r="I6859" s="55">
        <f>Bühler!I6885</f>
        <v>0.38999380445972992</v>
      </c>
      <c r="J6859" s="58">
        <f>Bühler!J6885</f>
        <v>43.563907507526288</v>
      </c>
      <c r="K6859" s="58">
        <f>Bühler!K6885</f>
        <v>3.649234815420614</v>
      </c>
      <c r="L6859" s="58">
        <f>Bühler!L6885</f>
        <v>1.824617407710307</v>
      </c>
      <c r="M6859" s="57">
        <f>Bühler!M6885</f>
        <v>0</v>
      </c>
      <c r="N6859" s="55">
        <f>IF(Input!$K$13=1,J6859*Input!$J$13,0)+IF(Input!$K$14=1,K6859*Input!$J$14,0)+IF(Input!$K$15=1,L6859*Input!$J$15,0)+IF(Input!$K$16=1,M6859*Input!$J$16,0)</f>
        <v>5.2276689009031543</v>
      </c>
      <c r="O6859" s="58">
        <f>IF(Input!$K$13=2,J6859*Input!$J$13,0)+IF(Input!$K$14=2,K6859*Input!$J$14,0)+IF(Input!$K$15=2,L6859*Input!$J$15,0)+IF(Input!$K$16=2,M6859*Input!$J$16,0)</f>
        <v>0.49264670008178285</v>
      </c>
      <c r="P6859" s="58">
        <f>IF(Input!$K$13=3,J6859*Input!$J$13,0)+IF(Input!$K$14=3,K6859*Input!$J$14,0)+IF(Input!$K$15=3,L6859*Input!$J$15,0)+IF(Input!$K$16=3,M6859*Input!$J$16,0)</f>
        <v>0</v>
      </c>
      <c r="Q6859" s="71">
        <f>IF(Input!$K$13=4,J6859*Input!$J$13,0)+IF(Input!$K$14=4,K6859*Input!$J$14,0)+IF(Input!$K$15=4,L6859*Input!$J$15,0)+IF(Input!$K$16=4,M6859*Input!$J$16,0)</f>
        <v>0</v>
      </c>
    </row>
    <row r="6860" spans="8:17" x14ac:dyDescent="0.25">
      <c r="H6860" s="43">
        <v>6853</v>
      </c>
      <c r="I6860" s="55">
        <f>Bühler!I6886</f>
        <v>0.38999380445972992</v>
      </c>
      <c r="J6860" s="58">
        <f>Bühler!J6886</f>
        <v>43.563907507526288</v>
      </c>
      <c r="K6860" s="58">
        <f>Bühler!K6886</f>
        <v>3.649234815420614</v>
      </c>
      <c r="L6860" s="58">
        <f>Bühler!L6886</f>
        <v>1.824617407710307</v>
      </c>
      <c r="M6860" s="57">
        <f>Bühler!M6886</f>
        <v>0</v>
      </c>
      <c r="N6860" s="55">
        <f>IF(Input!$K$13=1,J6860*Input!$J$13,0)+IF(Input!$K$14=1,K6860*Input!$J$14,0)+IF(Input!$K$15=1,L6860*Input!$J$15,0)+IF(Input!$K$16=1,M6860*Input!$J$16,0)</f>
        <v>5.2276689009031543</v>
      </c>
      <c r="O6860" s="58">
        <f>IF(Input!$K$13=2,J6860*Input!$J$13,0)+IF(Input!$K$14=2,K6860*Input!$J$14,0)+IF(Input!$K$15=2,L6860*Input!$J$15,0)+IF(Input!$K$16=2,M6860*Input!$J$16,0)</f>
        <v>0.49264670008178285</v>
      </c>
      <c r="P6860" s="58">
        <f>IF(Input!$K$13=3,J6860*Input!$J$13,0)+IF(Input!$K$14=3,K6860*Input!$J$14,0)+IF(Input!$K$15=3,L6860*Input!$J$15,0)+IF(Input!$K$16=3,M6860*Input!$J$16,0)</f>
        <v>0</v>
      </c>
      <c r="Q6860" s="71">
        <f>IF(Input!$K$13=4,J6860*Input!$J$13,0)+IF(Input!$K$14=4,K6860*Input!$J$14,0)+IF(Input!$K$15=4,L6860*Input!$J$15,0)+IF(Input!$K$16=4,M6860*Input!$J$16,0)</f>
        <v>0</v>
      </c>
    </row>
    <row r="6861" spans="8:17" x14ac:dyDescent="0.25">
      <c r="H6861" s="43">
        <v>6854</v>
      </c>
      <c r="I6861" s="55">
        <f>Bühler!I6887</f>
        <v>0.26999571077981299</v>
      </c>
      <c r="J6861" s="58">
        <f>Bühler!J6887</f>
        <v>30.159628274441275</v>
      </c>
      <c r="K6861" s="58">
        <f>Bühler!K6887</f>
        <v>2.5263933337527327</v>
      </c>
      <c r="L6861" s="58">
        <f>Bühler!L6887</f>
        <v>1.2631966668763663</v>
      </c>
      <c r="M6861" s="57">
        <f>Bühler!M6887</f>
        <v>0</v>
      </c>
      <c r="N6861" s="55">
        <f>IF(Input!$K$13=1,J6861*Input!$J$13,0)+IF(Input!$K$14=1,K6861*Input!$J$14,0)+IF(Input!$K$15=1,L6861*Input!$J$15,0)+IF(Input!$K$16=1,M6861*Input!$J$16,0)</f>
        <v>3.619155392932953</v>
      </c>
      <c r="O6861" s="58">
        <f>IF(Input!$K$13=2,J6861*Input!$J$13,0)+IF(Input!$K$14=2,K6861*Input!$J$14,0)+IF(Input!$K$15=2,L6861*Input!$J$15,0)+IF(Input!$K$16=2,M6861*Input!$J$16,0)</f>
        <v>0.34106310005661888</v>
      </c>
      <c r="P6861" s="58">
        <f>IF(Input!$K$13=3,J6861*Input!$J$13,0)+IF(Input!$K$14=3,K6861*Input!$J$14,0)+IF(Input!$K$15=3,L6861*Input!$J$15,0)+IF(Input!$K$16=3,M6861*Input!$J$16,0)</f>
        <v>0</v>
      </c>
      <c r="Q6861" s="71">
        <f>IF(Input!$K$13=4,J6861*Input!$J$13,0)+IF(Input!$K$14=4,K6861*Input!$J$14,0)+IF(Input!$K$15=4,L6861*Input!$J$15,0)+IF(Input!$K$16=4,M6861*Input!$J$16,0)</f>
        <v>0</v>
      </c>
    </row>
    <row r="6862" spans="8:17" x14ac:dyDescent="0.25">
      <c r="H6862" s="43">
        <v>6855</v>
      </c>
      <c r="I6862" s="55">
        <f>Bühler!I6888</f>
        <v>0.38999380445972992</v>
      </c>
      <c r="J6862" s="58">
        <f>Bühler!J6888</f>
        <v>43.563907507526288</v>
      </c>
      <c r="K6862" s="58">
        <f>Bühler!K6888</f>
        <v>3.649234815420614</v>
      </c>
      <c r="L6862" s="58">
        <f>Bühler!L6888</f>
        <v>1.824617407710307</v>
      </c>
      <c r="M6862" s="57">
        <f>Bühler!M6888</f>
        <v>0</v>
      </c>
      <c r="N6862" s="55">
        <f>IF(Input!$K$13=1,J6862*Input!$J$13,0)+IF(Input!$K$14=1,K6862*Input!$J$14,0)+IF(Input!$K$15=1,L6862*Input!$J$15,0)+IF(Input!$K$16=1,M6862*Input!$J$16,0)</f>
        <v>5.2276689009031543</v>
      </c>
      <c r="O6862" s="58">
        <f>IF(Input!$K$13=2,J6862*Input!$J$13,0)+IF(Input!$K$14=2,K6862*Input!$J$14,0)+IF(Input!$K$15=2,L6862*Input!$J$15,0)+IF(Input!$K$16=2,M6862*Input!$J$16,0)</f>
        <v>0.49264670008178285</v>
      </c>
      <c r="P6862" s="58">
        <f>IF(Input!$K$13=3,J6862*Input!$J$13,0)+IF(Input!$K$14=3,K6862*Input!$J$14,0)+IF(Input!$K$15=3,L6862*Input!$J$15,0)+IF(Input!$K$16=3,M6862*Input!$J$16,0)</f>
        <v>0</v>
      </c>
      <c r="Q6862" s="71">
        <f>IF(Input!$K$13=4,J6862*Input!$J$13,0)+IF(Input!$K$14=4,K6862*Input!$J$14,0)+IF(Input!$K$15=4,L6862*Input!$J$15,0)+IF(Input!$K$16=4,M6862*Input!$J$16,0)</f>
        <v>0</v>
      </c>
    </row>
    <row r="6863" spans="8:17" x14ac:dyDescent="0.25">
      <c r="H6863" s="43">
        <v>6856</v>
      </c>
      <c r="I6863" s="55">
        <f>Bühler!I6889</f>
        <v>0.32999475761977148</v>
      </c>
      <c r="J6863" s="58">
        <f>Bühler!J6889</f>
        <v>33.543197566417511</v>
      </c>
      <c r="K6863" s="58">
        <f>Bühler!K6889</f>
        <v>2.8071037041697031</v>
      </c>
      <c r="L6863" s="58">
        <f>Bühler!L6889</f>
        <v>1.4035518520848516</v>
      </c>
      <c r="M6863" s="57">
        <f>Bühler!M6889</f>
        <v>0</v>
      </c>
      <c r="N6863" s="55">
        <f>IF(Input!$K$13=1,J6863*Input!$J$13,0)+IF(Input!$K$14=1,K6863*Input!$J$14,0)+IF(Input!$K$15=1,L6863*Input!$J$15,0)+IF(Input!$K$16=1,M6863*Input!$J$16,0)</f>
        <v>4.0251837079701014</v>
      </c>
      <c r="O6863" s="58">
        <f>IF(Input!$K$13=2,J6863*Input!$J$13,0)+IF(Input!$K$14=2,K6863*Input!$J$14,0)+IF(Input!$K$15=2,L6863*Input!$J$15,0)+IF(Input!$K$16=2,M6863*Input!$J$16,0)</f>
        <v>0.37895900006290989</v>
      </c>
      <c r="P6863" s="58">
        <f>IF(Input!$K$13=3,J6863*Input!$J$13,0)+IF(Input!$K$14=3,K6863*Input!$J$14,0)+IF(Input!$K$15=3,L6863*Input!$J$15,0)+IF(Input!$K$16=3,M6863*Input!$J$16,0)</f>
        <v>0</v>
      </c>
      <c r="Q6863" s="71">
        <f>IF(Input!$K$13=4,J6863*Input!$J$13,0)+IF(Input!$K$14=4,K6863*Input!$J$14,0)+IF(Input!$K$15=4,L6863*Input!$J$15,0)+IF(Input!$K$16=4,M6863*Input!$J$16,0)</f>
        <v>0</v>
      </c>
    </row>
    <row r="6864" spans="8:17" x14ac:dyDescent="0.25">
      <c r="H6864" s="43">
        <v>6857</v>
      </c>
      <c r="I6864" s="55">
        <f>Bühler!I6890</f>
        <v>0.285709746856945</v>
      </c>
      <c r="J6864" s="58">
        <f>Bühler!J6890</f>
        <v>15.889661261284111</v>
      </c>
      <c r="K6864" s="58">
        <f>Bühler!K6890</f>
        <v>1.3178890629904707</v>
      </c>
      <c r="L6864" s="58">
        <f>Bühler!L6890</f>
        <v>0.65894453149523535</v>
      </c>
      <c r="M6864" s="57">
        <f>Bühler!M6890</f>
        <v>0</v>
      </c>
      <c r="N6864" s="55">
        <f>IF(Input!$K$13=1,J6864*Input!$J$13,0)+IF(Input!$K$14=1,K6864*Input!$J$14,0)+IF(Input!$K$15=1,L6864*Input!$J$15,0)+IF(Input!$K$16=1,M6864*Input!$J$16,0)</f>
        <v>1.9067593513540932</v>
      </c>
      <c r="O6864" s="58">
        <f>IF(Input!$K$13=2,J6864*Input!$J$13,0)+IF(Input!$K$14=2,K6864*Input!$J$14,0)+IF(Input!$K$15=2,L6864*Input!$J$15,0)+IF(Input!$K$16=2,M6864*Input!$J$16,0)</f>
        <v>0.17791502350371352</v>
      </c>
      <c r="P6864" s="58">
        <f>IF(Input!$K$13=3,J6864*Input!$J$13,0)+IF(Input!$K$14=3,K6864*Input!$J$14,0)+IF(Input!$K$15=3,L6864*Input!$J$15,0)+IF(Input!$K$16=3,M6864*Input!$J$16,0)</f>
        <v>0</v>
      </c>
      <c r="Q6864" s="71">
        <f>IF(Input!$K$13=4,J6864*Input!$J$13,0)+IF(Input!$K$14=4,K6864*Input!$J$14,0)+IF(Input!$K$15=4,L6864*Input!$J$15,0)+IF(Input!$K$16=4,M6864*Input!$J$16,0)</f>
        <v>0</v>
      </c>
    </row>
    <row r="6865" spans="8:17" x14ac:dyDescent="0.25">
      <c r="H6865" s="43">
        <v>6858</v>
      </c>
      <c r="I6865" s="55">
        <f>Bühler!I6891</f>
        <v>0.23999618735983377</v>
      </c>
      <c r="J6865" s="58">
        <f>Bühler!J6891</f>
        <v>10.542889833084617</v>
      </c>
      <c r="K6865" s="58">
        <f>Bühler!K6891</f>
        <v>0.86980678157371083</v>
      </c>
      <c r="L6865" s="58">
        <f>Bühler!L6891</f>
        <v>0.43490339078685541</v>
      </c>
      <c r="M6865" s="57">
        <f>Bühler!M6891</f>
        <v>0</v>
      </c>
      <c r="N6865" s="55">
        <f>IF(Input!$K$13=1,J6865*Input!$J$13,0)+IF(Input!$K$14=1,K6865*Input!$J$14,0)+IF(Input!$K$15=1,L6865*Input!$J$15,0)+IF(Input!$K$16=1,M6865*Input!$J$16,0)</f>
        <v>1.2651467799701539</v>
      </c>
      <c r="O6865" s="58">
        <f>IF(Input!$K$13=2,J6865*Input!$J$13,0)+IF(Input!$K$14=2,K6865*Input!$J$14,0)+IF(Input!$K$15=2,L6865*Input!$J$15,0)+IF(Input!$K$16=2,M6865*Input!$J$16,0)</f>
        <v>0.11742391551245096</v>
      </c>
      <c r="P6865" s="58">
        <f>IF(Input!$K$13=3,J6865*Input!$J$13,0)+IF(Input!$K$14=3,K6865*Input!$J$14,0)+IF(Input!$K$15=3,L6865*Input!$J$15,0)+IF(Input!$K$16=3,M6865*Input!$J$16,0)</f>
        <v>0</v>
      </c>
      <c r="Q6865" s="71">
        <f>IF(Input!$K$13=4,J6865*Input!$J$13,0)+IF(Input!$K$14=4,K6865*Input!$J$14,0)+IF(Input!$K$15=4,L6865*Input!$J$15,0)+IF(Input!$K$16=4,M6865*Input!$J$16,0)</f>
        <v>0</v>
      </c>
    </row>
    <row r="6866" spans="8:17" x14ac:dyDescent="0.25">
      <c r="H6866" s="43">
        <v>6859</v>
      </c>
      <c r="I6866" s="55">
        <f>Bühler!I6892</f>
        <v>8.8570021525652937E-2</v>
      </c>
      <c r="J6866" s="58">
        <f>Bühler!J6892</f>
        <v>6.6396106515722062</v>
      </c>
      <c r="K6866" s="58">
        <f>Bühler!K6892</f>
        <v>0.55351340645599767</v>
      </c>
      <c r="L6866" s="58">
        <f>Bühler!L6892</f>
        <v>0.27675670322799883</v>
      </c>
      <c r="M6866" s="57">
        <f>Bühler!M6892</f>
        <v>0</v>
      </c>
      <c r="N6866" s="55">
        <f>IF(Input!$K$13=1,J6866*Input!$J$13,0)+IF(Input!$K$14=1,K6866*Input!$J$14,0)+IF(Input!$K$15=1,L6866*Input!$J$15,0)+IF(Input!$K$16=1,M6866*Input!$J$16,0)</f>
        <v>0.7967532781886647</v>
      </c>
      <c r="O6866" s="58">
        <f>IF(Input!$K$13=2,J6866*Input!$J$13,0)+IF(Input!$K$14=2,K6866*Input!$J$14,0)+IF(Input!$K$15=2,L6866*Input!$J$15,0)+IF(Input!$K$16=2,M6866*Input!$J$16,0)</f>
        <v>7.4724309871559674E-2</v>
      </c>
      <c r="P6866" s="58">
        <f>IF(Input!$K$13=3,J6866*Input!$J$13,0)+IF(Input!$K$14=3,K6866*Input!$J$14,0)+IF(Input!$K$15=3,L6866*Input!$J$15,0)+IF(Input!$K$16=3,M6866*Input!$J$16,0)</f>
        <v>0</v>
      </c>
      <c r="Q6866" s="71">
        <f>IF(Input!$K$13=4,J6866*Input!$J$13,0)+IF(Input!$K$14=4,K6866*Input!$J$14,0)+IF(Input!$K$15=4,L6866*Input!$J$15,0)+IF(Input!$K$16=4,M6866*Input!$J$16,0)</f>
        <v>0</v>
      </c>
    </row>
    <row r="6867" spans="8:17" x14ac:dyDescent="0.25">
      <c r="H6867" s="43">
        <v>6860</v>
      </c>
      <c r="I6867" s="55">
        <f>Bühler!I6893</f>
        <v>8.8570021525652937E-2</v>
      </c>
      <c r="J6867" s="58">
        <f>Bühler!J6893</f>
        <v>6.3280078041950913</v>
      </c>
      <c r="K6867" s="58">
        <f>Bühler!K6893</f>
        <v>0.5271556251961883</v>
      </c>
      <c r="L6867" s="58">
        <f>Bühler!L6893</f>
        <v>0.26357781259809415</v>
      </c>
      <c r="M6867" s="57">
        <f>Bühler!M6893</f>
        <v>0</v>
      </c>
      <c r="N6867" s="55">
        <f>IF(Input!$K$13=1,J6867*Input!$J$13,0)+IF(Input!$K$14=1,K6867*Input!$J$14,0)+IF(Input!$K$15=1,L6867*Input!$J$15,0)+IF(Input!$K$16=1,M6867*Input!$J$16,0)</f>
        <v>0.75936093650341097</v>
      </c>
      <c r="O6867" s="58">
        <f>IF(Input!$K$13=2,J6867*Input!$J$13,0)+IF(Input!$K$14=2,K6867*Input!$J$14,0)+IF(Input!$K$15=2,L6867*Input!$J$15,0)+IF(Input!$K$16=2,M6867*Input!$J$16,0)</f>
        <v>7.1166009401485431E-2</v>
      </c>
      <c r="P6867" s="58">
        <f>IF(Input!$K$13=3,J6867*Input!$J$13,0)+IF(Input!$K$14=3,K6867*Input!$J$14,0)+IF(Input!$K$15=3,L6867*Input!$J$15,0)+IF(Input!$K$16=3,M6867*Input!$J$16,0)</f>
        <v>0</v>
      </c>
      <c r="Q6867" s="71">
        <f>IF(Input!$K$13=4,J6867*Input!$J$13,0)+IF(Input!$K$14=4,K6867*Input!$J$14,0)+IF(Input!$K$15=4,L6867*Input!$J$15,0)+IF(Input!$K$16=4,M6867*Input!$J$16,0)</f>
        <v>0</v>
      </c>
    </row>
    <row r="6868" spans="8:17" x14ac:dyDescent="0.25">
      <c r="H6868" s="43">
        <v>6861</v>
      </c>
      <c r="I6868" s="55">
        <f>Bühler!I6894</f>
        <v>8.8570021525652937E-2</v>
      </c>
      <c r="J6868" s="58">
        <f>Bühler!J6894</f>
        <v>6.3280078041950913</v>
      </c>
      <c r="K6868" s="58">
        <f>Bühler!K6894</f>
        <v>0.5271556251961883</v>
      </c>
      <c r="L6868" s="58">
        <f>Bühler!L6894</f>
        <v>0.26357781259809415</v>
      </c>
      <c r="M6868" s="57">
        <f>Bühler!M6894</f>
        <v>0</v>
      </c>
      <c r="N6868" s="55">
        <f>IF(Input!$K$13=1,J6868*Input!$J$13,0)+IF(Input!$K$14=1,K6868*Input!$J$14,0)+IF(Input!$K$15=1,L6868*Input!$J$15,0)+IF(Input!$K$16=1,M6868*Input!$J$16,0)</f>
        <v>0.75936093650341097</v>
      </c>
      <c r="O6868" s="58">
        <f>IF(Input!$K$13=2,J6868*Input!$J$13,0)+IF(Input!$K$14=2,K6868*Input!$J$14,0)+IF(Input!$K$15=2,L6868*Input!$J$15,0)+IF(Input!$K$16=2,M6868*Input!$J$16,0)</f>
        <v>7.1166009401485431E-2</v>
      </c>
      <c r="P6868" s="58">
        <f>IF(Input!$K$13=3,J6868*Input!$J$13,0)+IF(Input!$K$14=3,K6868*Input!$J$14,0)+IF(Input!$K$15=3,L6868*Input!$J$15,0)+IF(Input!$K$16=3,M6868*Input!$J$16,0)</f>
        <v>0</v>
      </c>
      <c r="Q6868" s="71">
        <f>IF(Input!$K$13=4,J6868*Input!$J$13,0)+IF(Input!$K$14=4,K6868*Input!$J$14,0)+IF(Input!$K$15=4,L6868*Input!$J$15,0)+IF(Input!$K$16=4,M6868*Input!$J$16,0)</f>
        <v>0</v>
      </c>
    </row>
    <row r="6869" spans="8:17" x14ac:dyDescent="0.25">
      <c r="H6869" s="43">
        <v>6862</v>
      </c>
      <c r="I6869" s="55">
        <f>Bühler!I6895</f>
        <v>8.8570021525652937E-2</v>
      </c>
      <c r="J6869" s="58">
        <f>Bühler!J6895</f>
        <v>6.3280078041950913</v>
      </c>
      <c r="K6869" s="58">
        <f>Bühler!K6895</f>
        <v>0.5271556251961883</v>
      </c>
      <c r="L6869" s="58">
        <f>Bühler!L6895</f>
        <v>0.26357781259809415</v>
      </c>
      <c r="M6869" s="57">
        <f>Bühler!M6895</f>
        <v>0</v>
      </c>
      <c r="N6869" s="55">
        <f>IF(Input!$K$13=1,J6869*Input!$J$13,0)+IF(Input!$K$14=1,K6869*Input!$J$14,0)+IF(Input!$K$15=1,L6869*Input!$J$15,0)+IF(Input!$K$16=1,M6869*Input!$J$16,0)</f>
        <v>0.75936093650341097</v>
      </c>
      <c r="O6869" s="58">
        <f>IF(Input!$K$13=2,J6869*Input!$J$13,0)+IF(Input!$K$14=2,K6869*Input!$J$14,0)+IF(Input!$K$15=2,L6869*Input!$J$15,0)+IF(Input!$K$16=2,M6869*Input!$J$16,0)</f>
        <v>7.1166009401485431E-2</v>
      </c>
      <c r="P6869" s="58">
        <f>IF(Input!$K$13=3,J6869*Input!$J$13,0)+IF(Input!$K$14=3,K6869*Input!$J$14,0)+IF(Input!$K$15=3,L6869*Input!$J$15,0)+IF(Input!$K$16=3,M6869*Input!$J$16,0)</f>
        <v>0</v>
      </c>
      <c r="Q6869" s="71">
        <f>IF(Input!$K$13=4,J6869*Input!$J$13,0)+IF(Input!$K$14=4,K6869*Input!$J$14,0)+IF(Input!$K$15=4,L6869*Input!$J$15,0)+IF(Input!$K$16=4,M6869*Input!$J$16,0)</f>
        <v>0</v>
      </c>
    </row>
    <row r="6870" spans="8:17" x14ac:dyDescent="0.25">
      <c r="H6870" s="43">
        <v>6863</v>
      </c>
      <c r="I6870" s="55">
        <f>Bühler!I6896</f>
        <v>8.8570021525652937E-2</v>
      </c>
      <c r="J6870" s="58">
        <f>Bühler!J6896</f>
        <v>6.3280078041950913</v>
      </c>
      <c r="K6870" s="58">
        <f>Bühler!K6896</f>
        <v>0.5271556251961883</v>
      </c>
      <c r="L6870" s="58">
        <f>Bühler!L6896</f>
        <v>0.26357781259809415</v>
      </c>
      <c r="M6870" s="57">
        <f>Bühler!M6896</f>
        <v>0</v>
      </c>
      <c r="N6870" s="55">
        <f>IF(Input!$K$13=1,J6870*Input!$J$13,0)+IF(Input!$K$14=1,K6870*Input!$J$14,0)+IF(Input!$K$15=1,L6870*Input!$J$15,0)+IF(Input!$K$16=1,M6870*Input!$J$16,0)</f>
        <v>0.75936093650341097</v>
      </c>
      <c r="O6870" s="58">
        <f>IF(Input!$K$13=2,J6870*Input!$J$13,0)+IF(Input!$K$14=2,K6870*Input!$J$14,0)+IF(Input!$K$15=2,L6870*Input!$J$15,0)+IF(Input!$K$16=2,M6870*Input!$J$16,0)</f>
        <v>7.1166009401485431E-2</v>
      </c>
      <c r="P6870" s="58">
        <f>IF(Input!$K$13=3,J6870*Input!$J$13,0)+IF(Input!$K$14=3,K6870*Input!$J$14,0)+IF(Input!$K$15=3,L6870*Input!$J$15,0)+IF(Input!$K$16=3,M6870*Input!$J$16,0)</f>
        <v>0</v>
      </c>
      <c r="Q6870" s="71">
        <f>IF(Input!$K$13=4,J6870*Input!$J$13,0)+IF(Input!$K$14=4,K6870*Input!$J$14,0)+IF(Input!$K$15=4,L6870*Input!$J$15,0)+IF(Input!$K$16=4,M6870*Input!$J$16,0)</f>
        <v>0</v>
      </c>
    </row>
    <row r="6871" spans="8:17" x14ac:dyDescent="0.25">
      <c r="H6871" s="43">
        <v>6864</v>
      </c>
      <c r="I6871" s="55">
        <f>Bühler!I6897</f>
        <v>8.8570021525652937E-2</v>
      </c>
      <c r="J6871" s="58">
        <f>Bühler!J6897</f>
        <v>6.3280078041950913</v>
      </c>
      <c r="K6871" s="58">
        <f>Bühler!K6897</f>
        <v>0.5271556251961883</v>
      </c>
      <c r="L6871" s="58">
        <f>Bühler!L6897</f>
        <v>0.26357781259809415</v>
      </c>
      <c r="M6871" s="57">
        <f>Bühler!M6897</f>
        <v>0</v>
      </c>
      <c r="N6871" s="55">
        <f>IF(Input!$K$13=1,J6871*Input!$J$13,0)+IF(Input!$K$14=1,K6871*Input!$J$14,0)+IF(Input!$K$15=1,L6871*Input!$J$15,0)+IF(Input!$K$16=1,M6871*Input!$J$16,0)</f>
        <v>0.75936093650341097</v>
      </c>
      <c r="O6871" s="58">
        <f>IF(Input!$K$13=2,J6871*Input!$J$13,0)+IF(Input!$K$14=2,K6871*Input!$J$14,0)+IF(Input!$K$15=2,L6871*Input!$J$15,0)+IF(Input!$K$16=2,M6871*Input!$J$16,0)</f>
        <v>7.1166009401485431E-2</v>
      </c>
      <c r="P6871" s="58">
        <f>IF(Input!$K$13=3,J6871*Input!$J$13,0)+IF(Input!$K$14=3,K6871*Input!$J$14,0)+IF(Input!$K$15=3,L6871*Input!$J$15,0)+IF(Input!$K$16=3,M6871*Input!$J$16,0)</f>
        <v>0</v>
      </c>
      <c r="Q6871" s="71">
        <f>IF(Input!$K$13=4,J6871*Input!$J$13,0)+IF(Input!$K$14=4,K6871*Input!$J$14,0)+IF(Input!$K$15=4,L6871*Input!$J$15,0)+IF(Input!$K$16=4,M6871*Input!$J$16,0)</f>
        <v>0</v>
      </c>
    </row>
    <row r="6872" spans="8:17" x14ac:dyDescent="0.25">
      <c r="H6872" s="43">
        <v>6865</v>
      </c>
      <c r="I6872" s="55">
        <f>Bühler!I6898</f>
        <v>0.13416268880335844</v>
      </c>
      <c r="J6872" s="58">
        <f>Bühler!J6898</f>
        <v>4.7921142935110721</v>
      </c>
      <c r="K6872" s="58">
        <f>Bühler!K6898</f>
        <v>0.24261358523101642</v>
      </c>
      <c r="L6872" s="58">
        <f>Bühler!L6898</f>
        <v>0.12130679261550821</v>
      </c>
      <c r="M6872" s="57">
        <f>Bühler!M6898</f>
        <v>0</v>
      </c>
      <c r="N6872" s="55">
        <f>IF(Input!$K$13=1,J6872*Input!$J$13,0)+IF(Input!$K$14=1,K6872*Input!$J$14,0)+IF(Input!$K$15=1,L6872*Input!$J$15,0)+IF(Input!$K$16=1,M6872*Input!$J$16,0)</f>
        <v>0.57505371522132864</v>
      </c>
      <c r="O6872" s="58">
        <f>IF(Input!$K$13=2,J6872*Input!$J$13,0)+IF(Input!$K$14=2,K6872*Input!$J$14,0)+IF(Input!$K$15=2,L6872*Input!$J$15,0)+IF(Input!$K$16=2,M6872*Input!$J$16,0)</f>
        <v>3.2752834006187212E-2</v>
      </c>
      <c r="P6872" s="58">
        <f>IF(Input!$K$13=3,J6872*Input!$J$13,0)+IF(Input!$K$14=3,K6872*Input!$J$14,0)+IF(Input!$K$15=3,L6872*Input!$J$15,0)+IF(Input!$K$16=3,M6872*Input!$J$16,0)</f>
        <v>0</v>
      </c>
      <c r="Q6872" s="71">
        <f>IF(Input!$K$13=4,J6872*Input!$J$13,0)+IF(Input!$K$14=4,K6872*Input!$J$14,0)+IF(Input!$K$15=4,L6872*Input!$J$15,0)+IF(Input!$K$16=4,M6872*Input!$J$16,0)</f>
        <v>0</v>
      </c>
    </row>
    <row r="6873" spans="8:17" x14ac:dyDescent="0.25">
      <c r="H6873" s="43">
        <v>6866</v>
      </c>
      <c r="I6873" s="55">
        <f>Bühler!I6899</f>
        <v>0.2619366781398903</v>
      </c>
      <c r="J6873" s="58">
        <f>Bühler!J6899</f>
        <v>4.3934538441113302</v>
      </c>
      <c r="K6873" s="58">
        <f>Bühler!K6899</f>
        <v>0.21835222670791476</v>
      </c>
      <c r="L6873" s="58">
        <f>Bühler!L6899</f>
        <v>0.10917611335395738</v>
      </c>
      <c r="M6873" s="57">
        <f>Bühler!M6899</f>
        <v>0</v>
      </c>
      <c r="N6873" s="55">
        <f>IF(Input!$K$13=1,J6873*Input!$J$13,0)+IF(Input!$K$14=1,K6873*Input!$J$14,0)+IF(Input!$K$15=1,L6873*Input!$J$15,0)+IF(Input!$K$16=1,M6873*Input!$J$16,0)</f>
        <v>0.52721446129335958</v>
      </c>
      <c r="O6873" s="58">
        <f>IF(Input!$K$13=2,J6873*Input!$J$13,0)+IF(Input!$K$14=2,K6873*Input!$J$14,0)+IF(Input!$K$15=2,L6873*Input!$J$15,0)+IF(Input!$K$16=2,M6873*Input!$J$16,0)</f>
        <v>2.9477550605568489E-2</v>
      </c>
      <c r="P6873" s="58">
        <f>IF(Input!$K$13=3,J6873*Input!$J$13,0)+IF(Input!$K$14=3,K6873*Input!$J$14,0)+IF(Input!$K$15=3,L6873*Input!$J$15,0)+IF(Input!$K$16=3,M6873*Input!$J$16,0)</f>
        <v>0</v>
      </c>
      <c r="Q6873" s="71">
        <f>IF(Input!$K$13=4,J6873*Input!$J$13,0)+IF(Input!$K$14=4,K6873*Input!$J$14,0)+IF(Input!$K$15=4,L6873*Input!$J$15,0)+IF(Input!$K$16=4,M6873*Input!$J$16,0)</f>
        <v>0</v>
      </c>
    </row>
    <row r="6874" spans="8:17" x14ac:dyDescent="0.25">
      <c r="H6874" s="43">
        <v>6867</v>
      </c>
      <c r="I6874" s="55">
        <f>Bühler!I6900</f>
        <v>0.2619366781398903</v>
      </c>
      <c r="J6874" s="58">
        <f>Bühler!J6900</f>
        <v>4.3934538441113302</v>
      </c>
      <c r="K6874" s="58">
        <f>Bühler!K6900</f>
        <v>0.21835222670791476</v>
      </c>
      <c r="L6874" s="58">
        <f>Bühler!L6900</f>
        <v>0.10917611335395738</v>
      </c>
      <c r="M6874" s="57">
        <f>Bühler!M6900</f>
        <v>0</v>
      </c>
      <c r="N6874" s="55">
        <f>IF(Input!$K$13=1,J6874*Input!$J$13,0)+IF(Input!$K$14=1,K6874*Input!$J$14,0)+IF(Input!$K$15=1,L6874*Input!$J$15,0)+IF(Input!$K$16=1,M6874*Input!$J$16,0)</f>
        <v>0.52721446129335958</v>
      </c>
      <c r="O6874" s="58">
        <f>IF(Input!$K$13=2,J6874*Input!$J$13,0)+IF(Input!$K$14=2,K6874*Input!$J$14,0)+IF(Input!$K$15=2,L6874*Input!$J$15,0)+IF(Input!$K$16=2,M6874*Input!$J$16,0)</f>
        <v>2.9477550605568489E-2</v>
      </c>
      <c r="P6874" s="58">
        <f>IF(Input!$K$13=3,J6874*Input!$J$13,0)+IF(Input!$K$14=3,K6874*Input!$J$14,0)+IF(Input!$K$15=3,L6874*Input!$J$15,0)+IF(Input!$K$16=3,M6874*Input!$J$16,0)</f>
        <v>0</v>
      </c>
      <c r="Q6874" s="71">
        <f>IF(Input!$K$13=4,J6874*Input!$J$13,0)+IF(Input!$K$14=4,K6874*Input!$J$14,0)+IF(Input!$K$15=4,L6874*Input!$J$15,0)+IF(Input!$K$16=4,M6874*Input!$J$16,0)</f>
        <v>0</v>
      </c>
    </row>
    <row r="6875" spans="8:17" x14ac:dyDescent="0.25">
      <c r="H6875" s="43">
        <v>6868</v>
      </c>
      <c r="I6875" s="55">
        <f>Bühler!I6901</f>
        <v>0.2619366781398903</v>
      </c>
      <c r="J6875" s="58">
        <f>Bühler!J6901</f>
        <v>4.3934538441113302</v>
      </c>
      <c r="K6875" s="58">
        <f>Bühler!K6901</f>
        <v>0.21835222670791476</v>
      </c>
      <c r="L6875" s="58">
        <f>Bühler!L6901</f>
        <v>0.10917611335395738</v>
      </c>
      <c r="M6875" s="57">
        <f>Bühler!M6901</f>
        <v>0</v>
      </c>
      <c r="N6875" s="55">
        <f>IF(Input!$K$13=1,J6875*Input!$J$13,0)+IF(Input!$K$14=1,K6875*Input!$J$14,0)+IF(Input!$K$15=1,L6875*Input!$J$15,0)+IF(Input!$K$16=1,M6875*Input!$J$16,0)</f>
        <v>0.52721446129335958</v>
      </c>
      <c r="O6875" s="58">
        <f>IF(Input!$K$13=2,J6875*Input!$J$13,0)+IF(Input!$K$14=2,K6875*Input!$J$14,0)+IF(Input!$K$15=2,L6875*Input!$J$15,0)+IF(Input!$K$16=2,M6875*Input!$J$16,0)</f>
        <v>2.9477550605568489E-2</v>
      </c>
      <c r="P6875" s="58">
        <f>IF(Input!$K$13=3,J6875*Input!$J$13,0)+IF(Input!$K$14=3,K6875*Input!$J$14,0)+IF(Input!$K$15=3,L6875*Input!$J$15,0)+IF(Input!$K$16=3,M6875*Input!$J$16,0)</f>
        <v>0</v>
      </c>
      <c r="Q6875" s="71">
        <f>IF(Input!$K$13=4,J6875*Input!$J$13,0)+IF(Input!$K$14=4,K6875*Input!$J$14,0)+IF(Input!$K$15=4,L6875*Input!$J$15,0)+IF(Input!$K$16=4,M6875*Input!$J$16,0)</f>
        <v>0</v>
      </c>
    </row>
    <row r="6876" spans="8:17" x14ac:dyDescent="0.25">
      <c r="H6876" s="43">
        <v>6869</v>
      </c>
      <c r="I6876" s="55">
        <f>Bühler!I6902</f>
        <v>0.2619366781398903</v>
      </c>
      <c r="J6876" s="58">
        <f>Bühler!J6902</f>
        <v>4.3934538441113302</v>
      </c>
      <c r="K6876" s="58">
        <f>Bühler!K6902</f>
        <v>0.21835222670791476</v>
      </c>
      <c r="L6876" s="58">
        <f>Bühler!L6902</f>
        <v>0.10917611335395738</v>
      </c>
      <c r="M6876" s="57">
        <f>Bühler!M6902</f>
        <v>0</v>
      </c>
      <c r="N6876" s="55">
        <f>IF(Input!$K$13=1,J6876*Input!$J$13,0)+IF(Input!$K$14=1,K6876*Input!$J$14,0)+IF(Input!$K$15=1,L6876*Input!$J$15,0)+IF(Input!$K$16=1,M6876*Input!$J$16,0)</f>
        <v>0.52721446129335958</v>
      </c>
      <c r="O6876" s="58">
        <f>IF(Input!$K$13=2,J6876*Input!$J$13,0)+IF(Input!$K$14=2,K6876*Input!$J$14,0)+IF(Input!$K$15=2,L6876*Input!$J$15,0)+IF(Input!$K$16=2,M6876*Input!$J$16,0)</f>
        <v>2.9477550605568489E-2</v>
      </c>
      <c r="P6876" s="58">
        <f>IF(Input!$K$13=3,J6876*Input!$J$13,0)+IF(Input!$K$14=3,K6876*Input!$J$14,0)+IF(Input!$K$15=3,L6876*Input!$J$15,0)+IF(Input!$K$16=3,M6876*Input!$J$16,0)</f>
        <v>0</v>
      </c>
      <c r="Q6876" s="71">
        <f>IF(Input!$K$13=4,J6876*Input!$J$13,0)+IF(Input!$K$14=4,K6876*Input!$J$14,0)+IF(Input!$K$15=4,L6876*Input!$J$15,0)+IF(Input!$K$16=4,M6876*Input!$J$16,0)</f>
        <v>0</v>
      </c>
    </row>
    <row r="6877" spans="8:17" x14ac:dyDescent="0.25">
      <c r="H6877" s="43">
        <v>6870</v>
      </c>
      <c r="I6877" s="55">
        <f>Bühler!I6903</f>
        <v>0.32582367280815622</v>
      </c>
      <c r="J6877" s="58">
        <f>Bühler!J6903</f>
        <v>4.396115802222508</v>
      </c>
      <c r="K6877" s="58">
        <f>Bühler!K6903</f>
        <v>0.21835222670791476</v>
      </c>
      <c r="L6877" s="58">
        <f>Bühler!L6903</f>
        <v>0.10917611335395738</v>
      </c>
      <c r="M6877" s="57">
        <f>Bühler!M6903</f>
        <v>0</v>
      </c>
      <c r="N6877" s="55">
        <f>IF(Input!$K$13=1,J6877*Input!$J$13,0)+IF(Input!$K$14=1,K6877*Input!$J$14,0)+IF(Input!$K$15=1,L6877*Input!$J$15,0)+IF(Input!$K$16=1,M6877*Input!$J$16,0)</f>
        <v>0.52753389626670089</v>
      </c>
      <c r="O6877" s="58">
        <f>IF(Input!$K$13=2,J6877*Input!$J$13,0)+IF(Input!$K$14=2,K6877*Input!$J$14,0)+IF(Input!$K$15=2,L6877*Input!$J$15,0)+IF(Input!$K$16=2,M6877*Input!$J$16,0)</f>
        <v>2.9477550605568489E-2</v>
      </c>
      <c r="P6877" s="58">
        <f>IF(Input!$K$13=3,J6877*Input!$J$13,0)+IF(Input!$K$14=3,K6877*Input!$J$14,0)+IF(Input!$K$15=3,L6877*Input!$J$15,0)+IF(Input!$K$16=3,M6877*Input!$J$16,0)</f>
        <v>0</v>
      </c>
      <c r="Q6877" s="71">
        <f>IF(Input!$K$13=4,J6877*Input!$J$13,0)+IF(Input!$K$14=4,K6877*Input!$J$14,0)+IF(Input!$K$15=4,L6877*Input!$J$15,0)+IF(Input!$K$16=4,M6877*Input!$J$16,0)</f>
        <v>0</v>
      </c>
    </row>
    <row r="6878" spans="8:17" x14ac:dyDescent="0.25">
      <c r="H6878" s="43">
        <v>6871</v>
      </c>
      <c r="I6878" s="55">
        <f>Bühler!I6904</f>
        <v>0.40887676587690197</v>
      </c>
      <c r="J6878" s="58">
        <f>Bühler!J6904</f>
        <v>4.3995763477670389</v>
      </c>
      <c r="K6878" s="58">
        <f>Bühler!K6904</f>
        <v>0.21835222670791476</v>
      </c>
      <c r="L6878" s="58">
        <f>Bühler!L6904</f>
        <v>0.10917611335395738</v>
      </c>
      <c r="M6878" s="57">
        <f>Bühler!M6904</f>
        <v>0</v>
      </c>
      <c r="N6878" s="55">
        <f>IF(Input!$K$13=1,J6878*Input!$J$13,0)+IF(Input!$K$14=1,K6878*Input!$J$14,0)+IF(Input!$K$15=1,L6878*Input!$J$15,0)+IF(Input!$K$16=1,M6878*Input!$J$16,0)</f>
        <v>0.52794916173204465</v>
      </c>
      <c r="O6878" s="58">
        <f>IF(Input!$K$13=2,J6878*Input!$J$13,0)+IF(Input!$K$14=2,K6878*Input!$J$14,0)+IF(Input!$K$15=2,L6878*Input!$J$15,0)+IF(Input!$K$16=2,M6878*Input!$J$16,0)</f>
        <v>2.9477550605568489E-2</v>
      </c>
      <c r="P6878" s="58">
        <f>IF(Input!$K$13=3,J6878*Input!$J$13,0)+IF(Input!$K$14=3,K6878*Input!$J$14,0)+IF(Input!$K$15=3,L6878*Input!$J$15,0)+IF(Input!$K$16=3,M6878*Input!$J$16,0)</f>
        <v>0</v>
      </c>
      <c r="Q6878" s="71">
        <f>IF(Input!$K$13=4,J6878*Input!$J$13,0)+IF(Input!$K$14=4,K6878*Input!$J$14,0)+IF(Input!$K$15=4,L6878*Input!$J$15,0)+IF(Input!$K$16=4,M6878*Input!$J$16,0)</f>
        <v>0</v>
      </c>
    </row>
    <row r="6879" spans="8:17" x14ac:dyDescent="0.25">
      <c r="H6879" s="43">
        <v>6872</v>
      </c>
      <c r="I6879" s="55">
        <f>Bühler!I6905</f>
        <v>0.46637506107834126</v>
      </c>
      <c r="J6879" s="58">
        <f>Bühler!J6905</f>
        <v>4.4019721100670992</v>
      </c>
      <c r="K6879" s="58">
        <f>Bühler!K6905</f>
        <v>0.21835222670791476</v>
      </c>
      <c r="L6879" s="58">
        <f>Bühler!L6905</f>
        <v>0.10917611335395738</v>
      </c>
      <c r="M6879" s="57">
        <f>Bühler!M6905</f>
        <v>0</v>
      </c>
      <c r="N6879" s="55">
        <f>IF(Input!$K$13=1,J6879*Input!$J$13,0)+IF(Input!$K$14=1,K6879*Input!$J$14,0)+IF(Input!$K$15=1,L6879*Input!$J$15,0)+IF(Input!$K$16=1,M6879*Input!$J$16,0)</f>
        <v>0.52823665320805191</v>
      </c>
      <c r="O6879" s="58">
        <f>IF(Input!$K$13=2,J6879*Input!$J$13,0)+IF(Input!$K$14=2,K6879*Input!$J$14,0)+IF(Input!$K$15=2,L6879*Input!$J$15,0)+IF(Input!$K$16=2,M6879*Input!$J$16,0)</f>
        <v>2.9477550605568489E-2</v>
      </c>
      <c r="P6879" s="58">
        <f>IF(Input!$K$13=3,J6879*Input!$J$13,0)+IF(Input!$K$14=3,K6879*Input!$J$14,0)+IF(Input!$K$15=3,L6879*Input!$J$15,0)+IF(Input!$K$16=3,M6879*Input!$J$16,0)</f>
        <v>0</v>
      </c>
      <c r="Q6879" s="71">
        <f>IF(Input!$K$13=4,J6879*Input!$J$13,0)+IF(Input!$K$14=4,K6879*Input!$J$14,0)+IF(Input!$K$15=4,L6879*Input!$J$15,0)+IF(Input!$K$16=4,M6879*Input!$J$16,0)</f>
        <v>0</v>
      </c>
    </row>
    <row r="6880" spans="8:17" x14ac:dyDescent="0.25">
      <c r="H6880" s="43">
        <v>6873</v>
      </c>
      <c r="I6880" s="55">
        <f>Bühler!I6906</f>
        <v>0.46637506107834126</v>
      </c>
      <c r="J6880" s="58">
        <f>Bühler!J6906</f>
        <v>4.4019721100670992</v>
      </c>
      <c r="K6880" s="58">
        <f>Bühler!K6906</f>
        <v>0.21835222670791476</v>
      </c>
      <c r="L6880" s="58">
        <f>Bühler!L6906</f>
        <v>0.10917611335395738</v>
      </c>
      <c r="M6880" s="57">
        <f>Bühler!M6906</f>
        <v>0</v>
      </c>
      <c r="N6880" s="55">
        <f>IF(Input!$K$13=1,J6880*Input!$J$13,0)+IF(Input!$K$14=1,K6880*Input!$J$14,0)+IF(Input!$K$15=1,L6880*Input!$J$15,0)+IF(Input!$K$16=1,M6880*Input!$J$16,0)</f>
        <v>0.52823665320805191</v>
      </c>
      <c r="O6880" s="58">
        <f>IF(Input!$K$13=2,J6880*Input!$J$13,0)+IF(Input!$K$14=2,K6880*Input!$J$14,0)+IF(Input!$K$15=2,L6880*Input!$J$15,0)+IF(Input!$K$16=2,M6880*Input!$J$16,0)</f>
        <v>2.9477550605568489E-2</v>
      </c>
      <c r="P6880" s="58">
        <f>IF(Input!$K$13=3,J6880*Input!$J$13,0)+IF(Input!$K$14=3,K6880*Input!$J$14,0)+IF(Input!$K$15=3,L6880*Input!$J$15,0)+IF(Input!$K$16=3,M6880*Input!$J$16,0)</f>
        <v>0</v>
      </c>
      <c r="Q6880" s="71">
        <f>IF(Input!$K$13=4,J6880*Input!$J$13,0)+IF(Input!$K$14=4,K6880*Input!$J$14,0)+IF(Input!$K$15=4,L6880*Input!$J$15,0)+IF(Input!$K$16=4,M6880*Input!$J$16,0)</f>
        <v>0</v>
      </c>
    </row>
    <row r="6881" spans="8:17" x14ac:dyDescent="0.25">
      <c r="H6881" s="43">
        <v>6874</v>
      </c>
      <c r="I6881" s="55">
        <f>Bühler!I6907</f>
        <v>0.46637506107834126</v>
      </c>
      <c r="J6881" s="58">
        <f>Bühler!J6907</f>
        <v>4.4019721100670992</v>
      </c>
      <c r="K6881" s="58">
        <f>Bühler!K6907</f>
        <v>0.21835222670791476</v>
      </c>
      <c r="L6881" s="58">
        <f>Bühler!L6907</f>
        <v>0.10917611335395738</v>
      </c>
      <c r="M6881" s="57">
        <f>Bühler!M6907</f>
        <v>0</v>
      </c>
      <c r="N6881" s="55">
        <f>IF(Input!$K$13=1,J6881*Input!$J$13,0)+IF(Input!$K$14=1,K6881*Input!$J$14,0)+IF(Input!$K$15=1,L6881*Input!$J$15,0)+IF(Input!$K$16=1,M6881*Input!$J$16,0)</f>
        <v>0.52823665320805191</v>
      </c>
      <c r="O6881" s="58">
        <f>IF(Input!$K$13=2,J6881*Input!$J$13,0)+IF(Input!$K$14=2,K6881*Input!$J$14,0)+IF(Input!$K$15=2,L6881*Input!$J$15,0)+IF(Input!$K$16=2,M6881*Input!$J$16,0)</f>
        <v>2.9477550605568489E-2</v>
      </c>
      <c r="P6881" s="58">
        <f>IF(Input!$K$13=3,J6881*Input!$J$13,0)+IF(Input!$K$14=3,K6881*Input!$J$14,0)+IF(Input!$K$15=3,L6881*Input!$J$15,0)+IF(Input!$K$16=3,M6881*Input!$J$16,0)</f>
        <v>0</v>
      </c>
      <c r="Q6881" s="71">
        <f>IF(Input!$K$13=4,J6881*Input!$J$13,0)+IF(Input!$K$14=4,K6881*Input!$J$14,0)+IF(Input!$K$15=4,L6881*Input!$J$15,0)+IF(Input!$K$16=4,M6881*Input!$J$16,0)</f>
        <v>0</v>
      </c>
    </row>
    <row r="6882" spans="8:17" x14ac:dyDescent="0.25">
      <c r="H6882" s="43">
        <v>6875</v>
      </c>
      <c r="I6882" s="55">
        <f>Bühler!I6908</f>
        <v>0.46637506107834126</v>
      </c>
      <c r="J6882" s="58">
        <f>Bühler!J6908</f>
        <v>4.4019721100670992</v>
      </c>
      <c r="K6882" s="58">
        <f>Bühler!K6908</f>
        <v>0.21835222670791476</v>
      </c>
      <c r="L6882" s="58">
        <f>Bühler!L6908</f>
        <v>0.10917611335395738</v>
      </c>
      <c r="M6882" s="57">
        <f>Bühler!M6908</f>
        <v>0</v>
      </c>
      <c r="N6882" s="55">
        <f>IF(Input!$K$13=1,J6882*Input!$J$13,0)+IF(Input!$K$14=1,K6882*Input!$J$14,0)+IF(Input!$K$15=1,L6882*Input!$J$15,0)+IF(Input!$K$16=1,M6882*Input!$J$16,0)</f>
        <v>0.52823665320805191</v>
      </c>
      <c r="O6882" s="58">
        <f>IF(Input!$K$13=2,J6882*Input!$J$13,0)+IF(Input!$K$14=2,K6882*Input!$J$14,0)+IF(Input!$K$15=2,L6882*Input!$J$15,0)+IF(Input!$K$16=2,M6882*Input!$J$16,0)</f>
        <v>2.9477550605568489E-2</v>
      </c>
      <c r="P6882" s="58">
        <f>IF(Input!$K$13=3,J6882*Input!$J$13,0)+IF(Input!$K$14=3,K6882*Input!$J$14,0)+IF(Input!$K$15=3,L6882*Input!$J$15,0)+IF(Input!$K$16=3,M6882*Input!$J$16,0)</f>
        <v>0</v>
      </c>
      <c r="Q6882" s="71">
        <f>IF(Input!$K$13=4,J6882*Input!$J$13,0)+IF(Input!$K$14=4,K6882*Input!$J$14,0)+IF(Input!$K$15=4,L6882*Input!$J$15,0)+IF(Input!$K$16=4,M6882*Input!$J$16,0)</f>
        <v>0</v>
      </c>
    </row>
    <row r="6883" spans="8:17" x14ac:dyDescent="0.25">
      <c r="H6883" s="43">
        <v>6876</v>
      </c>
      <c r="I6883" s="55">
        <f>Bühler!I6909</f>
        <v>0.46637506107834126</v>
      </c>
      <c r="J6883" s="58">
        <f>Bühler!J6909</f>
        <v>4.4019721100670992</v>
      </c>
      <c r="K6883" s="58">
        <f>Bühler!K6909</f>
        <v>0.21835222670791476</v>
      </c>
      <c r="L6883" s="58">
        <f>Bühler!L6909</f>
        <v>0.10917611335395738</v>
      </c>
      <c r="M6883" s="57">
        <f>Bühler!M6909</f>
        <v>0</v>
      </c>
      <c r="N6883" s="55">
        <f>IF(Input!$K$13=1,J6883*Input!$J$13,0)+IF(Input!$K$14=1,K6883*Input!$J$14,0)+IF(Input!$K$15=1,L6883*Input!$J$15,0)+IF(Input!$K$16=1,M6883*Input!$J$16,0)</f>
        <v>0.52823665320805191</v>
      </c>
      <c r="O6883" s="58">
        <f>IF(Input!$K$13=2,J6883*Input!$J$13,0)+IF(Input!$K$14=2,K6883*Input!$J$14,0)+IF(Input!$K$15=2,L6883*Input!$J$15,0)+IF(Input!$K$16=2,M6883*Input!$J$16,0)</f>
        <v>2.9477550605568489E-2</v>
      </c>
      <c r="P6883" s="58">
        <f>IF(Input!$K$13=3,J6883*Input!$J$13,0)+IF(Input!$K$14=3,K6883*Input!$J$14,0)+IF(Input!$K$15=3,L6883*Input!$J$15,0)+IF(Input!$K$16=3,M6883*Input!$J$16,0)</f>
        <v>0</v>
      </c>
      <c r="Q6883" s="71">
        <f>IF(Input!$K$13=4,J6883*Input!$J$13,0)+IF(Input!$K$14=4,K6883*Input!$J$14,0)+IF(Input!$K$15=4,L6883*Input!$J$15,0)+IF(Input!$K$16=4,M6883*Input!$J$16,0)</f>
        <v>0</v>
      </c>
    </row>
    <row r="6884" spans="8:17" x14ac:dyDescent="0.25">
      <c r="H6884" s="43">
        <v>6877</v>
      </c>
      <c r="I6884" s="55">
        <f>Bühler!I6910</f>
        <v>0.46637506107834126</v>
      </c>
      <c r="J6884" s="58">
        <f>Bühler!J6910</f>
        <v>4.4019721100670992</v>
      </c>
      <c r="K6884" s="58">
        <f>Bühler!K6910</f>
        <v>0.21835222670791476</v>
      </c>
      <c r="L6884" s="58">
        <f>Bühler!L6910</f>
        <v>0.10917611335395738</v>
      </c>
      <c r="M6884" s="57">
        <f>Bühler!M6910</f>
        <v>0</v>
      </c>
      <c r="N6884" s="55">
        <f>IF(Input!$K$13=1,J6884*Input!$J$13,0)+IF(Input!$K$14=1,K6884*Input!$J$14,0)+IF(Input!$K$15=1,L6884*Input!$J$15,0)+IF(Input!$K$16=1,M6884*Input!$J$16,0)</f>
        <v>0.52823665320805191</v>
      </c>
      <c r="O6884" s="58">
        <f>IF(Input!$K$13=2,J6884*Input!$J$13,0)+IF(Input!$K$14=2,K6884*Input!$J$14,0)+IF(Input!$K$15=2,L6884*Input!$J$15,0)+IF(Input!$K$16=2,M6884*Input!$J$16,0)</f>
        <v>2.9477550605568489E-2</v>
      </c>
      <c r="P6884" s="58">
        <f>IF(Input!$K$13=3,J6884*Input!$J$13,0)+IF(Input!$K$14=3,K6884*Input!$J$14,0)+IF(Input!$K$15=3,L6884*Input!$J$15,0)+IF(Input!$K$16=3,M6884*Input!$J$16,0)</f>
        <v>0</v>
      </c>
      <c r="Q6884" s="71">
        <f>IF(Input!$K$13=4,J6884*Input!$J$13,0)+IF(Input!$K$14=4,K6884*Input!$J$14,0)+IF(Input!$K$15=4,L6884*Input!$J$15,0)+IF(Input!$K$16=4,M6884*Input!$J$16,0)</f>
        <v>0</v>
      </c>
    </row>
    <row r="6885" spans="8:17" x14ac:dyDescent="0.25">
      <c r="H6885" s="43">
        <v>6878</v>
      </c>
      <c r="I6885" s="55">
        <f>Bühler!I6911</f>
        <v>0.46637506107834126</v>
      </c>
      <c r="J6885" s="58">
        <f>Bühler!J6911</f>
        <v>4.4019721100670992</v>
      </c>
      <c r="K6885" s="58">
        <f>Bühler!K6911</f>
        <v>0.21835222670791476</v>
      </c>
      <c r="L6885" s="58">
        <f>Bühler!L6911</f>
        <v>0.10917611335395738</v>
      </c>
      <c r="M6885" s="57">
        <f>Bühler!M6911</f>
        <v>0</v>
      </c>
      <c r="N6885" s="55">
        <f>IF(Input!$K$13=1,J6885*Input!$J$13,0)+IF(Input!$K$14=1,K6885*Input!$J$14,0)+IF(Input!$K$15=1,L6885*Input!$J$15,0)+IF(Input!$K$16=1,M6885*Input!$J$16,0)</f>
        <v>0.52823665320805191</v>
      </c>
      <c r="O6885" s="58">
        <f>IF(Input!$K$13=2,J6885*Input!$J$13,0)+IF(Input!$K$14=2,K6885*Input!$J$14,0)+IF(Input!$K$15=2,L6885*Input!$J$15,0)+IF(Input!$K$16=2,M6885*Input!$J$16,0)</f>
        <v>2.9477550605568489E-2</v>
      </c>
      <c r="P6885" s="58">
        <f>IF(Input!$K$13=3,J6885*Input!$J$13,0)+IF(Input!$K$14=3,K6885*Input!$J$14,0)+IF(Input!$K$15=3,L6885*Input!$J$15,0)+IF(Input!$K$16=3,M6885*Input!$J$16,0)</f>
        <v>0</v>
      </c>
      <c r="Q6885" s="71">
        <f>IF(Input!$K$13=4,J6885*Input!$J$13,0)+IF(Input!$K$14=4,K6885*Input!$J$14,0)+IF(Input!$K$15=4,L6885*Input!$J$15,0)+IF(Input!$K$16=4,M6885*Input!$J$16,0)</f>
        <v>0</v>
      </c>
    </row>
    <row r="6886" spans="8:17" x14ac:dyDescent="0.25">
      <c r="H6886" s="43">
        <v>6879</v>
      </c>
      <c r="I6886" s="55">
        <f>Bühler!I6912</f>
        <v>0.46637506107834126</v>
      </c>
      <c r="J6886" s="58">
        <f>Bühler!J6912</f>
        <v>4.4019721100670992</v>
      </c>
      <c r="K6886" s="58">
        <f>Bühler!K6912</f>
        <v>0.21835222670791476</v>
      </c>
      <c r="L6886" s="58">
        <f>Bühler!L6912</f>
        <v>0.10917611335395738</v>
      </c>
      <c r="M6886" s="57">
        <f>Bühler!M6912</f>
        <v>0</v>
      </c>
      <c r="N6886" s="55">
        <f>IF(Input!$K$13=1,J6886*Input!$J$13,0)+IF(Input!$K$14=1,K6886*Input!$J$14,0)+IF(Input!$K$15=1,L6886*Input!$J$15,0)+IF(Input!$K$16=1,M6886*Input!$J$16,0)</f>
        <v>0.52823665320805191</v>
      </c>
      <c r="O6886" s="58">
        <f>IF(Input!$K$13=2,J6886*Input!$J$13,0)+IF(Input!$K$14=2,K6886*Input!$J$14,0)+IF(Input!$K$15=2,L6886*Input!$J$15,0)+IF(Input!$K$16=2,M6886*Input!$J$16,0)</f>
        <v>2.9477550605568489E-2</v>
      </c>
      <c r="P6886" s="58">
        <f>IF(Input!$K$13=3,J6886*Input!$J$13,0)+IF(Input!$K$14=3,K6886*Input!$J$14,0)+IF(Input!$K$15=3,L6886*Input!$J$15,0)+IF(Input!$K$16=3,M6886*Input!$J$16,0)</f>
        <v>0</v>
      </c>
      <c r="Q6886" s="71">
        <f>IF(Input!$K$13=4,J6886*Input!$J$13,0)+IF(Input!$K$14=4,K6886*Input!$J$14,0)+IF(Input!$K$15=4,L6886*Input!$J$15,0)+IF(Input!$K$16=4,M6886*Input!$J$16,0)</f>
        <v>0</v>
      </c>
    </row>
    <row r="6887" spans="8:17" x14ac:dyDescent="0.25">
      <c r="H6887" s="43">
        <v>6880</v>
      </c>
      <c r="I6887" s="55">
        <f>Bühler!I6913</f>
        <v>0.42165416481055512</v>
      </c>
      <c r="J6887" s="58">
        <f>Bühler!J6913</f>
        <v>4.4001087393892746</v>
      </c>
      <c r="K6887" s="58">
        <f>Bühler!K6913</f>
        <v>0.21835222670791476</v>
      </c>
      <c r="L6887" s="58">
        <f>Bühler!L6913</f>
        <v>0.10917611335395738</v>
      </c>
      <c r="M6887" s="57">
        <f>Bühler!M6913</f>
        <v>0</v>
      </c>
      <c r="N6887" s="55">
        <f>IF(Input!$K$13=1,J6887*Input!$J$13,0)+IF(Input!$K$14=1,K6887*Input!$J$14,0)+IF(Input!$K$15=1,L6887*Input!$J$15,0)+IF(Input!$K$16=1,M6887*Input!$J$16,0)</f>
        <v>0.52801304872671295</v>
      </c>
      <c r="O6887" s="58">
        <f>IF(Input!$K$13=2,J6887*Input!$J$13,0)+IF(Input!$K$14=2,K6887*Input!$J$14,0)+IF(Input!$K$15=2,L6887*Input!$J$15,0)+IF(Input!$K$16=2,M6887*Input!$J$16,0)</f>
        <v>2.9477550605568489E-2</v>
      </c>
      <c r="P6887" s="58">
        <f>IF(Input!$K$13=3,J6887*Input!$J$13,0)+IF(Input!$K$14=3,K6887*Input!$J$14,0)+IF(Input!$K$15=3,L6887*Input!$J$15,0)+IF(Input!$K$16=3,M6887*Input!$J$16,0)</f>
        <v>0</v>
      </c>
      <c r="Q6887" s="71">
        <f>IF(Input!$K$13=4,J6887*Input!$J$13,0)+IF(Input!$K$14=4,K6887*Input!$J$14,0)+IF(Input!$K$15=4,L6887*Input!$J$15,0)+IF(Input!$K$16=4,M6887*Input!$J$16,0)</f>
        <v>0</v>
      </c>
    </row>
    <row r="6888" spans="8:17" x14ac:dyDescent="0.25">
      <c r="H6888" s="43">
        <v>6881</v>
      </c>
      <c r="I6888" s="55">
        <f>Bühler!I6914</f>
        <v>0.38332196800959562</v>
      </c>
      <c r="J6888" s="58">
        <f>Bühler!J6914</f>
        <v>4.3985115645225683</v>
      </c>
      <c r="K6888" s="58">
        <f>Bühler!K6914</f>
        <v>0.21835222670791476</v>
      </c>
      <c r="L6888" s="58">
        <f>Bühler!L6914</f>
        <v>0.10917611335395738</v>
      </c>
      <c r="M6888" s="57">
        <f>Bühler!M6914</f>
        <v>0</v>
      </c>
      <c r="N6888" s="55">
        <f>IF(Input!$K$13=1,J6888*Input!$J$13,0)+IF(Input!$K$14=1,K6888*Input!$J$14,0)+IF(Input!$K$15=1,L6888*Input!$J$15,0)+IF(Input!$K$16=1,M6888*Input!$J$16,0)</f>
        <v>0.52782138774270815</v>
      </c>
      <c r="O6888" s="58">
        <f>IF(Input!$K$13=2,J6888*Input!$J$13,0)+IF(Input!$K$14=2,K6888*Input!$J$14,0)+IF(Input!$K$15=2,L6888*Input!$J$15,0)+IF(Input!$K$16=2,M6888*Input!$J$16,0)</f>
        <v>2.9477550605568489E-2</v>
      </c>
      <c r="P6888" s="58">
        <f>IF(Input!$K$13=3,J6888*Input!$J$13,0)+IF(Input!$K$14=3,K6888*Input!$J$14,0)+IF(Input!$K$15=3,L6888*Input!$J$15,0)+IF(Input!$K$16=3,M6888*Input!$J$16,0)</f>
        <v>0</v>
      </c>
      <c r="Q6888" s="71">
        <f>IF(Input!$K$13=4,J6888*Input!$J$13,0)+IF(Input!$K$14=4,K6888*Input!$J$14,0)+IF(Input!$K$15=4,L6888*Input!$J$15,0)+IF(Input!$K$16=4,M6888*Input!$J$16,0)</f>
        <v>0</v>
      </c>
    </row>
    <row r="6889" spans="8:17" x14ac:dyDescent="0.25">
      <c r="H6889" s="43">
        <v>6882</v>
      </c>
      <c r="I6889" s="55">
        <f>Bühler!I6915</f>
        <v>0.34498977120863605</v>
      </c>
      <c r="J6889" s="58">
        <f>Bühler!J6915</f>
        <v>4.3969143896558611</v>
      </c>
      <c r="K6889" s="58">
        <f>Bühler!K6915</f>
        <v>0.21835222670791476</v>
      </c>
      <c r="L6889" s="58">
        <f>Bühler!L6915</f>
        <v>0.10917611335395738</v>
      </c>
      <c r="M6889" s="57">
        <f>Bühler!M6915</f>
        <v>0</v>
      </c>
      <c r="N6889" s="55">
        <f>IF(Input!$K$13=1,J6889*Input!$J$13,0)+IF(Input!$K$14=1,K6889*Input!$J$14,0)+IF(Input!$K$15=1,L6889*Input!$J$15,0)+IF(Input!$K$16=1,M6889*Input!$J$16,0)</f>
        <v>0.52762972675870334</v>
      </c>
      <c r="O6889" s="58">
        <f>IF(Input!$K$13=2,J6889*Input!$J$13,0)+IF(Input!$K$14=2,K6889*Input!$J$14,0)+IF(Input!$K$15=2,L6889*Input!$J$15,0)+IF(Input!$K$16=2,M6889*Input!$J$16,0)</f>
        <v>2.9477550605568489E-2</v>
      </c>
      <c r="P6889" s="58">
        <f>IF(Input!$K$13=3,J6889*Input!$J$13,0)+IF(Input!$K$14=3,K6889*Input!$J$14,0)+IF(Input!$K$15=3,L6889*Input!$J$15,0)+IF(Input!$K$16=3,M6889*Input!$J$16,0)</f>
        <v>0</v>
      </c>
      <c r="Q6889" s="71">
        <f>IF(Input!$K$13=4,J6889*Input!$J$13,0)+IF(Input!$K$14=4,K6889*Input!$J$14,0)+IF(Input!$K$15=4,L6889*Input!$J$15,0)+IF(Input!$K$16=4,M6889*Input!$J$16,0)</f>
        <v>0</v>
      </c>
    </row>
    <row r="6890" spans="8:17" x14ac:dyDescent="0.25">
      <c r="H6890" s="43">
        <v>6883</v>
      </c>
      <c r="I6890" s="55">
        <f>Bühler!I6916</f>
        <v>0.33221237227498279</v>
      </c>
      <c r="J6890" s="58">
        <f>Bühler!J6916</f>
        <v>4.3963819980336263</v>
      </c>
      <c r="K6890" s="58">
        <f>Bühler!K6916</f>
        <v>0.21835222670791476</v>
      </c>
      <c r="L6890" s="58">
        <f>Bühler!L6916</f>
        <v>0.10917611335395738</v>
      </c>
      <c r="M6890" s="57">
        <f>Bühler!M6916</f>
        <v>0</v>
      </c>
      <c r="N6890" s="55">
        <f>IF(Input!$K$13=1,J6890*Input!$J$13,0)+IF(Input!$K$14=1,K6890*Input!$J$14,0)+IF(Input!$K$15=1,L6890*Input!$J$15,0)+IF(Input!$K$16=1,M6890*Input!$J$16,0)</f>
        <v>0.52756583976403515</v>
      </c>
      <c r="O6890" s="58">
        <f>IF(Input!$K$13=2,J6890*Input!$J$13,0)+IF(Input!$K$14=2,K6890*Input!$J$14,0)+IF(Input!$K$15=2,L6890*Input!$J$15,0)+IF(Input!$K$16=2,M6890*Input!$J$16,0)</f>
        <v>2.9477550605568489E-2</v>
      </c>
      <c r="P6890" s="58">
        <f>IF(Input!$K$13=3,J6890*Input!$J$13,0)+IF(Input!$K$14=3,K6890*Input!$J$14,0)+IF(Input!$K$15=3,L6890*Input!$J$15,0)+IF(Input!$K$16=3,M6890*Input!$J$16,0)</f>
        <v>0</v>
      </c>
      <c r="Q6890" s="71">
        <f>IF(Input!$K$13=4,J6890*Input!$J$13,0)+IF(Input!$K$14=4,K6890*Input!$J$14,0)+IF(Input!$K$15=4,L6890*Input!$J$15,0)+IF(Input!$K$16=4,M6890*Input!$J$16,0)</f>
        <v>0</v>
      </c>
    </row>
    <row r="6891" spans="8:17" x14ac:dyDescent="0.25">
      <c r="H6891" s="43">
        <v>6884</v>
      </c>
      <c r="I6891" s="55">
        <f>Bühler!I6917</f>
        <v>0.26832537760671687</v>
      </c>
      <c r="J6891" s="58">
        <f>Bühler!J6917</f>
        <v>4.3937200399224485</v>
      </c>
      <c r="K6891" s="58">
        <f>Bühler!K6917</f>
        <v>0.21835222670791476</v>
      </c>
      <c r="L6891" s="58">
        <f>Bühler!L6917</f>
        <v>0.10917611335395738</v>
      </c>
      <c r="M6891" s="57">
        <f>Bühler!M6917</f>
        <v>0</v>
      </c>
      <c r="N6891" s="55">
        <f>IF(Input!$K$13=1,J6891*Input!$J$13,0)+IF(Input!$K$14=1,K6891*Input!$J$14,0)+IF(Input!$K$15=1,L6891*Input!$J$15,0)+IF(Input!$K$16=1,M6891*Input!$J$16,0)</f>
        <v>0.52724640479069385</v>
      </c>
      <c r="O6891" s="58">
        <f>IF(Input!$K$13=2,J6891*Input!$J$13,0)+IF(Input!$K$14=2,K6891*Input!$J$14,0)+IF(Input!$K$15=2,L6891*Input!$J$15,0)+IF(Input!$K$16=2,M6891*Input!$J$16,0)</f>
        <v>2.9477550605568489E-2</v>
      </c>
      <c r="P6891" s="58">
        <f>IF(Input!$K$13=3,J6891*Input!$J$13,0)+IF(Input!$K$14=3,K6891*Input!$J$14,0)+IF(Input!$K$15=3,L6891*Input!$J$15,0)+IF(Input!$K$16=3,M6891*Input!$J$16,0)</f>
        <v>0</v>
      </c>
      <c r="Q6891" s="71">
        <f>IF(Input!$K$13=4,J6891*Input!$J$13,0)+IF(Input!$K$14=4,K6891*Input!$J$14,0)+IF(Input!$K$15=4,L6891*Input!$J$15,0)+IF(Input!$K$16=4,M6891*Input!$J$16,0)</f>
        <v>0</v>
      </c>
    </row>
    <row r="6892" spans="8:17" x14ac:dyDescent="0.25">
      <c r="H6892" s="43">
        <v>6885</v>
      </c>
      <c r="I6892" s="55">
        <f>Bühler!I6918</f>
        <v>0.19804968347162438</v>
      </c>
      <c r="J6892" s="58">
        <f>Bühler!J6918</f>
        <v>4.3907918860001525</v>
      </c>
      <c r="K6892" s="58">
        <f>Bühler!K6918</f>
        <v>0.21835222670791476</v>
      </c>
      <c r="L6892" s="58">
        <f>Bühler!L6918</f>
        <v>0.10917611335395738</v>
      </c>
      <c r="M6892" s="57">
        <f>Bühler!M6918</f>
        <v>0</v>
      </c>
      <c r="N6892" s="55">
        <f>IF(Input!$K$13=1,J6892*Input!$J$13,0)+IF(Input!$K$14=1,K6892*Input!$J$14,0)+IF(Input!$K$15=1,L6892*Input!$J$15,0)+IF(Input!$K$16=1,M6892*Input!$J$16,0)</f>
        <v>0.52689502632001828</v>
      </c>
      <c r="O6892" s="58">
        <f>IF(Input!$K$13=2,J6892*Input!$J$13,0)+IF(Input!$K$14=2,K6892*Input!$J$14,0)+IF(Input!$K$15=2,L6892*Input!$J$15,0)+IF(Input!$K$16=2,M6892*Input!$J$16,0)</f>
        <v>2.9477550605568489E-2</v>
      </c>
      <c r="P6892" s="58">
        <f>IF(Input!$K$13=3,J6892*Input!$J$13,0)+IF(Input!$K$14=3,K6892*Input!$J$14,0)+IF(Input!$K$15=3,L6892*Input!$J$15,0)+IF(Input!$K$16=3,M6892*Input!$J$16,0)</f>
        <v>0</v>
      </c>
      <c r="Q6892" s="71">
        <f>IF(Input!$K$13=4,J6892*Input!$J$13,0)+IF(Input!$K$14=4,K6892*Input!$J$14,0)+IF(Input!$K$15=4,L6892*Input!$J$15,0)+IF(Input!$K$16=4,M6892*Input!$J$16,0)</f>
        <v>0</v>
      </c>
    </row>
    <row r="6893" spans="8:17" x14ac:dyDescent="0.25">
      <c r="H6893" s="43">
        <v>6886</v>
      </c>
      <c r="I6893" s="55">
        <f>Bühler!I6919</f>
        <v>0.19804968347162438</v>
      </c>
      <c r="J6893" s="58">
        <f>Bühler!J6919</f>
        <v>4.3907918860001525</v>
      </c>
      <c r="K6893" s="58">
        <f>Bühler!K6919</f>
        <v>0.21835222670791476</v>
      </c>
      <c r="L6893" s="58">
        <f>Bühler!L6919</f>
        <v>0.10917611335395738</v>
      </c>
      <c r="M6893" s="57">
        <f>Bühler!M6919</f>
        <v>0</v>
      </c>
      <c r="N6893" s="55">
        <f>IF(Input!$K$13=1,J6893*Input!$J$13,0)+IF(Input!$K$14=1,K6893*Input!$J$14,0)+IF(Input!$K$15=1,L6893*Input!$J$15,0)+IF(Input!$K$16=1,M6893*Input!$J$16,0)</f>
        <v>0.52689502632001828</v>
      </c>
      <c r="O6893" s="58">
        <f>IF(Input!$K$13=2,J6893*Input!$J$13,0)+IF(Input!$K$14=2,K6893*Input!$J$14,0)+IF(Input!$K$15=2,L6893*Input!$J$15,0)+IF(Input!$K$16=2,M6893*Input!$J$16,0)</f>
        <v>2.9477550605568489E-2</v>
      </c>
      <c r="P6893" s="58">
        <f>IF(Input!$K$13=3,J6893*Input!$J$13,0)+IF(Input!$K$14=3,K6893*Input!$J$14,0)+IF(Input!$K$15=3,L6893*Input!$J$15,0)+IF(Input!$K$16=3,M6893*Input!$J$16,0)</f>
        <v>0</v>
      </c>
      <c r="Q6893" s="71">
        <f>IF(Input!$K$13=4,J6893*Input!$J$13,0)+IF(Input!$K$14=4,K6893*Input!$J$14,0)+IF(Input!$K$15=4,L6893*Input!$J$15,0)+IF(Input!$K$16=4,M6893*Input!$J$16,0)</f>
        <v>0</v>
      </c>
    </row>
    <row r="6894" spans="8:17" x14ac:dyDescent="0.25">
      <c r="H6894" s="43">
        <v>6887</v>
      </c>
      <c r="I6894" s="55">
        <f>Bühler!I6920</f>
        <v>0.19804968347162438</v>
      </c>
      <c r="J6894" s="58">
        <f>Bühler!J6920</f>
        <v>4.3907918860001525</v>
      </c>
      <c r="K6894" s="58">
        <f>Bühler!K6920</f>
        <v>0.21835222670791476</v>
      </c>
      <c r="L6894" s="58">
        <f>Bühler!L6920</f>
        <v>0.10917611335395738</v>
      </c>
      <c r="M6894" s="57">
        <f>Bühler!M6920</f>
        <v>0</v>
      </c>
      <c r="N6894" s="55">
        <f>IF(Input!$K$13=1,J6894*Input!$J$13,0)+IF(Input!$K$14=1,K6894*Input!$J$14,0)+IF(Input!$K$15=1,L6894*Input!$J$15,0)+IF(Input!$K$16=1,M6894*Input!$J$16,0)</f>
        <v>0.52689502632001828</v>
      </c>
      <c r="O6894" s="58">
        <f>IF(Input!$K$13=2,J6894*Input!$J$13,0)+IF(Input!$K$14=2,K6894*Input!$J$14,0)+IF(Input!$K$15=2,L6894*Input!$J$15,0)+IF(Input!$K$16=2,M6894*Input!$J$16,0)</f>
        <v>2.9477550605568489E-2</v>
      </c>
      <c r="P6894" s="58">
        <f>IF(Input!$K$13=3,J6894*Input!$J$13,0)+IF(Input!$K$14=3,K6894*Input!$J$14,0)+IF(Input!$K$15=3,L6894*Input!$J$15,0)+IF(Input!$K$16=3,M6894*Input!$J$16,0)</f>
        <v>0</v>
      </c>
      <c r="Q6894" s="71">
        <f>IF(Input!$K$13=4,J6894*Input!$J$13,0)+IF(Input!$K$14=4,K6894*Input!$J$14,0)+IF(Input!$K$15=4,L6894*Input!$J$15,0)+IF(Input!$K$16=4,M6894*Input!$J$16,0)</f>
        <v>0</v>
      </c>
    </row>
    <row r="6895" spans="8:17" x14ac:dyDescent="0.25">
      <c r="H6895" s="43">
        <v>6888</v>
      </c>
      <c r="I6895" s="55">
        <f>Bühler!I6921</f>
        <v>0.19804968347162438</v>
      </c>
      <c r="J6895" s="58">
        <f>Bühler!J6921</f>
        <v>4.3907918860001525</v>
      </c>
      <c r="K6895" s="58">
        <f>Bühler!K6921</f>
        <v>0.21835222670791476</v>
      </c>
      <c r="L6895" s="58">
        <f>Bühler!L6921</f>
        <v>0.10917611335395738</v>
      </c>
      <c r="M6895" s="57">
        <f>Bühler!M6921</f>
        <v>0</v>
      </c>
      <c r="N6895" s="55">
        <f>IF(Input!$K$13=1,J6895*Input!$J$13,0)+IF(Input!$K$14=1,K6895*Input!$J$14,0)+IF(Input!$K$15=1,L6895*Input!$J$15,0)+IF(Input!$K$16=1,M6895*Input!$J$16,0)</f>
        <v>0.52689502632001828</v>
      </c>
      <c r="O6895" s="58">
        <f>IF(Input!$K$13=2,J6895*Input!$J$13,0)+IF(Input!$K$14=2,K6895*Input!$J$14,0)+IF(Input!$K$15=2,L6895*Input!$J$15,0)+IF(Input!$K$16=2,M6895*Input!$J$16,0)</f>
        <v>2.9477550605568489E-2</v>
      </c>
      <c r="P6895" s="58">
        <f>IF(Input!$K$13=3,J6895*Input!$J$13,0)+IF(Input!$K$14=3,K6895*Input!$J$14,0)+IF(Input!$K$15=3,L6895*Input!$J$15,0)+IF(Input!$K$16=3,M6895*Input!$J$16,0)</f>
        <v>0</v>
      </c>
      <c r="Q6895" s="71">
        <f>IF(Input!$K$13=4,J6895*Input!$J$13,0)+IF(Input!$K$14=4,K6895*Input!$J$14,0)+IF(Input!$K$15=4,L6895*Input!$J$15,0)+IF(Input!$K$16=4,M6895*Input!$J$16,0)</f>
        <v>0</v>
      </c>
    </row>
    <row r="6896" spans="8:17" x14ac:dyDescent="0.25">
      <c r="H6896" s="43">
        <v>6889</v>
      </c>
      <c r="I6896" s="55">
        <f>Bühler!I6922</f>
        <v>0.39866892695387013</v>
      </c>
      <c r="J6896" s="58">
        <f>Bühler!J6922</f>
        <v>5.2713199726261264</v>
      </c>
      <c r="K6896" s="58">
        <f>Bühler!K6922</f>
        <v>0.23453383103695319</v>
      </c>
      <c r="L6896" s="58">
        <f>Bühler!L6922</f>
        <v>0.11726691551847659</v>
      </c>
      <c r="M6896" s="57">
        <f>Bühler!M6922</f>
        <v>0</v>
      </c>
      <c r="N6896" s="55">
        <f>IF(Input!$K$13=1,J6896*Input!$J$13,0)+IF(Input!$K$14=1,K6896*Input!$J$14,0)+IF(Input!$K$15=1,L6896*Input!$J$15,0)+IF(Input!$K$16=1,M6896*Input!$J$16,0)</f>
        <v>0.63255839671513514</v>
      </c>
      <c r="O6896" s="58">
        <f>IF(Input!$K$13=2,J6896*Input!$J$13,0)+IF(Input!$K$14=2,K6896*Input!$J$14,0)+IF(Input!$K$15=2,L6896*Input!$J$15,0)+IF(Input!$K$16=2,M6896*Input!$J$16,0)</f>
        <v>3.166206718998868E-2</v>
      </c>
      <c r="P6896" s="58">
        <f>IF(Input!$K$13=3,J6896*Input!$J$13,0)+IF(Input!$K$14=3,K6896*Input!$J$14,0)+IF(Input!$K$15=3,L6896*Input!$J$15,0)+IF(Input!$K$16=3,M6896*Input!$J$16,0)</f>
        <v>0</v>
      </c>
      <c r="Q6896" s="71">
        <f>IF(Input!$K$13=4,J6896*Input!$J$13,0)+IF(Input!$K$14=4,K6896*Input!$J$14,0)+IF(Input!$K$15=4,L6896*Input!$J$15,0)+IF(Input!$K$16=4,M6896*Input!$J$16,0)</f>
        <v>0</v>
      </c>
    </row>
    <row r="6897" spans="8:17" x14ac:dyDescent="0.25">
      <c r="H6897" s="43">
        <v>6890</v>
      </c>
      <c r="I6897" s="55">
        <f>Bühler!I6923</f>
        <v>0.46297036678513953</v>
      </c>
      <c r="J6897" s="58">
        <f>Bühler!J6923</f>
        <v>5.2739991992857629</v>
      </c>
      <c r="K6897" s="58">
        <f>Bühler!K6923</f>
        <v>0.23453383103695319</v>
      </c>
      <c r="L6897" s="58">
        <f>Bühler!L6923</f>
        <v>0.11726691551847659</v>
      </c>
      <c r="M6897" s="57">
        <f>Bühler!M6923</f>
        <v>0</v>
      </c>
      <c r="N6897" s="55">
        <f>IF(Input!$K$13=1,J6897*Input!$J$13,0)+IF(Input!$K$14=1,K6897*Input!$J$14,0)+IF(Input!$K$15=1,L6897*Input!$J$15,0)+IF(Input!$K$16=1,M6897*Input!$J$16,0)</f>
        <v>0.6328799039142915</v>
      </c>
      <c r="O6897" s="58">
        <f>IF(Input!$K$13=2,J6897*Input!$J$13,0)+IF(Input!$K$14=2,K6897*Input!$J$14,0)+IF(Input!$K$15=2,L6897*Input!$J$15,0)+IF(Input!$K$16=2,M6897*Input!$J$16,0)</f>
        <v>3.166206718998868E-2</v>
      </c>
      <c r="P6897" s="58">
        <f>IF(Input!$K$13=3,J6897*Input!$J$13,0)+IF(Input!$K$14=3,K6897*Input!$J$14,0)+IF(Input!$K$15=3,L6897*Input!$J$15,0)+IF(Input!$K$16=3,M6897*Input!$J$16,0)</f>
        <v>0</v>
      </c>
      <c r="Q6897" s="71">
        <f>IF(Input!$K$13=4,J6897*Input!$J$13,0)+IF(Input!$K$14=4,K6897*Input!$J$14,0)+IF(Input!$K$15=4,L6897*Input!$J$15,0)+IF(Input!$K$16=4,M6897*Input!$J$16,0)</f>
        <v>0</v>
      </c>
    </row>
    <row r="6898" spans="8:17" x14ac:dyDescent="0.25">
      <c r="H6898" s="43">
        <v>6891</v>
      </c>
      <c r="I6898" s="55">
        <f>Bühler!I6924</f>
        <v>0.46297036678513953</v>
      </c>
      <c r="J6898" s="58">
        <f>Bühler!J6924</f>
        <v>5.2739991992857629</v>
      </c>
      <c r="K6898" s="58">
        <f>Bühler!K6924</f>
        <v>0.23453383103695319</v>
      </c>
      <c r="L6898" s="58">
        <f>Bühler!L6924</f>
        <v>0.11726691551847659</v>
      </c>
      <c r="M6898" s="57">
        <f>Bühler!M6924</f>
        <v>0</v>
      </c>
      <c r="N6898" s="55">
        <f>IF(Input!$K$13=1,J6898*Input!$J$13,0)+IF(Input!$K$14=1,K6898*Input!$J$14,0)+IF(Input!$K$15=1,L6898*Input!$J$15,0)+IF(Input!$K$16=1,M6898*Input!$J$16,0)</f>
        <v>0.6328799039142915</v>
      </c>
      <c r="O6898" s="58">
        <f>IF(Input!$K$13=2,J6898*Input!$J$13,0)+IF(Input!$K$14=2,K6898*Input!$J$14,0)+IF(Input!$K$15=2,L6898*Input!$J$15,0)+IF(Input!$K$16=2,M6898*Input!$J$16,0)</f>
        <v>3.166206718998868E-2</v>
      </c>
      <c r="P6898" s="58">
        <f>IF(Input!$K$13=3,J6898*Input!$J$13,0)+IF(Input!$K$14=3,K6898*Input!$J$14,0)+IF(Input!$K$15=3,L6898*Input!$J$15,0)+IF(Input!$K$16=3,M6898*Input!$J$16,0)</f>
        <v>0</v>
      </c>
      <c r="Q6898" s="71">
        <f>IF(Input!$K$13=4,J6898*Input!$J$13,0)+IF(Input!$K$14=4,K6898*Input!$J$14,0)+IF(Input!$K$15=4,L6898*Input!$J$15,0)+IF(Input!$K$16=4,M6898*Input!$J$16,0)</f>
        <v>0</v>
      </c>
    </row>
    <row r="6899" spans="8:17" x14ac:dyDescent="0.25">
      <c r="H6899" s="43">
        <v>6892</v>
      </c>
      <c r="I6899" s="55">
        <f>Bühler!I6925</f>
        <v>0.46297036678513953</v>
      </c>
      <c r="J6899" s="58">
        <f>Bühler!J6925</f>
        <v>5.2739991992857629</v>
      </c>
      <c r="K6899" s="58">
        <f>Bühler!K6925</f>
        <v>0.23453383103695319</v>
      </c>
      <c r="L6899" s="58">
        <f>Bühler!L6925</f>
        <v>0.11726691551847659</v>
      </c>
      <c r="M6899" s="57">
        <f>Bühler!M6925</f>
        <v>0</v>
      </c>
      <c r="N6899" s="55">
        <f>IF(Input!$K$13=1,J6899*Input!$J$13,0)+IF(Input!$K$14=1,K6899*Input!$J$14,0)+IF(Input!$K$15=1,L6899*Input!$J$15,0)+IF(Input!$K$16=1,M6899*Input!$J$16,0)</f>
        <v>0.6328799039142915</v>
      </c>
      <c r="O6899" s="58">
        <f>IF(Input!$K$13=2,J6899*Input!$J$13,0)+IF(Input!$K$14=2,K6899*Input!$J$14,0)+IF(Input!$K$15=2,L6899*Input!$J$15,0)+IF(Input!$K$16=2,M6899*Input!$J$16,0)</f>
        <v>3.166206718998868E-2</v>
      </c>
      <c r="P6899" s="58">
        <f>IF(Input!$K$13=3,J6899*Input!$J$13,0)+IF(Input!$K$14=3,K6899*Input!$J$14,0)+IF(Input!$K$15=3,L6899*Input!$J$15,0)+IF(Input!$K$16=3,M6899*Input!$J$16,0)</f>
        <v>0</v>
      </c>
      <c r="Q6899" s="71">
        <f>IF(Input!$K$13=4,J6899*Input!$J$13,0)+IF(Input!$K$14=4,K6899*Input!$J$14,0)+IF(Input!$K$15=4,L6899*Input!$J$15,0)+IF(Input!$K$16=4,M6899*Input!$J$16,0)</f>
        <v>0</v>
      </c>
    </row>
    <row r="6900" spans="8:17" x14ac:dyDescent="0.25">
      <c r="H6900" s="43">
        <v>6893</v>
      </c>
      <c r="I6900" s="55">
        <f>Bühler!I6926</f>
        <v>0.46297036678513953</v>
      </c>
      <c r="J6900" s="58">
        <f>Bühler!J6926</f>
        <v>5.2739991992857629</v>
      </c>
      <c r="K6900" s="58">
        <f>Bühler!K6926</f>
        <v>0.23453383103695319</v>
      </c>
      <c r="L6900" s="58">
        <f>Bühler!L6926</f>
        <v>0.11726691551847659</v>
      </c>
      <c r="M6900" s="57">
        <f>Bühler!M6926</f>
        <v>0</v>
      </c>
      <c r="N6900" s="55">
        <f>IF(Input!$K$13=1,J6900*Input!$J$13,0)+IF(Input!$K$14=1,K6900*Input!$J$14,0)+IF(Input!$K$15=1,L6900*Input!$J$15,0)+IF(Input!$K$16=1,M6900*Input!$J$16,0)</f>
        <v>0.6328799039142915</v>
      </c>
      <c r="O6900" s="58">
        <f>IF(Input!$K$13=2,J6900*Input!$J$13,0)+IF(Input!$K$14=2,K6900*Input!$J$14,0)+IF(Input!$K$15=2,L6900*Input!$J$15,0)+IF(Input!$K$16=2,M6900*Input!$J$16,0)</f>
        <v>3.166206718998868E-2</v>
      </c>
      <c r="P6900" s="58">
        <f>IF(Input!$K$13=3,J6900*Input!$J$13,0)+IF(Input!$K$14=3,K6900*Input!$J$14,0)+IF(Input!$K$15=3,L6900*Input!$J$15,0)+IF(Input!$K$16=3,M6900*Input!$J$16,0)</f>
        <v>0</v>
      </c>
      <c r="Q6900" s="71">
        <f>IF(Input!$K$13=4,J6900*Input!$J$13,0)+IF(Input!$K$14=4,K6900*Input!$J$14,0)+IF(Input!$K$15=4,L6900*Input!$J$15,0)+IF(Input!$K$16=4,M6900*Input!$J$16,0)</f>
        <v>0</v>
      </c>
    </row>
    <row r="6901" spans="8:17" x14ac:dyDescent="0.25">
      <c r="H6901" s="43">
        <v>6894</v>
      </c>
      <c r="I6901" s="55">
        <f>Bühler!I6927</f>
        <v>0.57871295848142446</v>
      </c>
      <c r="J6901" s="58">
        <f>Bühler!J6927</f>
        <v>5.2788218072731077</v>
      </c>
      <c r="K6901" s="58">
        <f>Bühler!K6927</f>
        <v>0.23453383103695319</v>
      </c>
      <c r="L6901" s="58">
        <f>Bühler!L6927</f>
        <v>0.11726691551847659</v>
      </c>
      <c r="M6901" s="57">
        <f>Bühler!M6927</f>
        <v>0</v>
      </c>
      <c r="N6901" s="55">
        <f>IF(Input!$K$13=1,J6901*Input!$J$13,0)+IF(Input!$K$14=1,K6901*Input!$J$14,0)+IF(Input!$K$15=1,L6901*Input!$J$15,0)+IF(Input!$K$16=1,M6901*Input!$J$16,0)</f>
        <v>0.63345861687277294</v>
      </c>
      <c r="O6901" s="58">
        <f>IF(Input!$K$13=2,J6901*Input!$J$13,0)+IF(Input!$K$14=2,K6901*Input!$J$14,0)+IF(Input!$K$15=2,L6901*Input!$J$15,0)+IF(Input!$K$16=2,M6901*Input!$J$16,0)</f>
        <v>3.166206718998868E-2</v>
      </c>
      <c r="P6901" s="58">
        <f>IF(Input!$K$13=3,J6901*Input!$J$13,0)+IF(Input!$K$14=3,K6901*Input!$J$14,0)+IF(Input!$K$15=3,L6901*Input!$J$15,0)+IF(Input!$K$16=3,M6901*Input!$J$16,0)</f>
        <v>0</v>
      </c>
      <c r="Q6901" s="71">
        <f>IF(Input!$K$13=4,J6901*Input!$J$13,0)+IF(Input!$K$14=4,K6901*Input!$J$14,0)+IF(Input!$K$15=4,L6901*Input!$J$15,0)+IF(Input!$K$16=4,M6901*Input!$J$16,0)</f>
        <v>0</v>
      </c>
    </row>
    <row r="6902" spans="8:17" x14ac:dyDescent="0.25">
      <c r="H6902" s="43">
        <v>6895</v>
      </c>
      <c r="I6902" s="55">
        <f>Bühler!I6928</f>
        <v>0.68159526221145539</v>
      </c>
      <c r="J6902" s="58">
        <f>Bühler!J6928</f>
        <v>5.2831085699285252</v>
      </c>
      <c r="K6902" s="58">
        <f>Bühler!K6928</f>
        <v>0.23453383103695319</v>
      </c>
      <c r="L6902" s="58">
        <f>Bühler!L6928</f>
        <v>0.11726691551847659</v>
      </c>
      <c r="M6902" s="57">
        <f>Bühler!M6928</f>
        <v>0</v>
      </c>
      <c r="N6902" s="55">
        <f>IF(Input!$K$13=1,J6902*Input!$J$13,0)+IF(Input!$K$14=1,K6902*Input!$J$14,0)+IF(Input!$K$15=1,L6902*Input!$J$15,0)+IF(Input!$K$16=1,M6902*Input!$J$16,0)</f>
        <v>0.633973028391423</v>
      </c>
      <c r="O6902" s="58">
        <f>IF(Input!$K$13=2,J6902*Input!$J$13,0)+IF(Input!$K$14=2,K6902*Input!$J$14,0)+IF(Input!$K$15=2,L6902*Input!$J$15,0)+IF(Input!$K$16=2,M6902*Input!$J$16,0)</f>
        <v>3.166206718998868E-2</v>
      </c>
      <c r="P6902" s="58">
        <f>IF(Input!$K$13=3,J6902*Input!$J$13,0)+IF(Input!$K$14=3,K6902*Input!$J$14,0)+IF(Input!$K$15=3,L6902*Input!$J$15,0)+IF(Input!$K$16=3,M6902*Input!$J$16,0)</f>
        <v>0</v>
      </c>
      <c r="Q6902" s="71">
        <f>IF(Input!$K$13=4,J6902*Input!$J$13,0)+IF(Input!$K$14=4,K6902*Input!$J$14,0)+IF(Input!$K$15=4,L6902*Input!$J$15,0)+IF(Input!$K$16=4,M6902*Input!$J$16,0)</f>
        <v>0</v>
      </c>
    </row>
    <row r="6903" spans="8:17" x14ac:dyDescent="0.25">
      <c r="H6903" s="43">
        <v>6896</v>
      </c>
      <c r="I6903" s="55">
        <f>Bühler!I6929</f>
        <v>0.81019814187399419</v>
      </c>
      <c r="J6903" s="58">
        <f>Bühler!J6929</f>
        <v>5.2884670232477982</v>
      </c>
      <c r="K6903" s="58">
        <f>Bühler!K6929</f>
        <v>0.23453383103695319</v>
      </c>
      <c r="L6903" s="58">
        <f>Bühler!L6929</f>
        <v>0.11726691551847659</v>
      </c>
      <c r="M6903" s="57">
        <f>Bühler!M6929</f>
        <v>0</v>
      </c>
      <c r="N6903" s="55">
        <f>IF(Input!$K$13=1,J6903*Input!$J$13,0)+IF(Input!$K$14=1,K6903*Input!$J$14,0)+IF(Input!$K$15=1,L6903*Input!$J$15,0)+IF(Input!$K$16=1,M6903*Input!$J$16,0)</f>
        <v>0.63461604278973571</v>
      </c>
      <c r="O6903" s="58">
        <f>IF(Input!$K$13=2,J6903*Input!$J$13,0)+IF(Input!$K$14=2,K6903*Input!$J$14,0)+IF(Input!$K$15=2,L6903*Input!$J$15,0)+IF(Input!$K$16=2,M6903*Input!$J$16,0)</f>
        <v>3.166206718998868E-2</v>
      </c>
      <c r="P6903" s="58">
        <f>IF(Input!$K$13=3,J6903*Input!$J$13,0)+IF(Input!$K$14=3,K6903*Input!$J$14,0)+IF(Input!$K$15=3,L6903*Input!$J$15,0)+IF(Input!$K$16=3,M6903*Input!$J$16,0)</f>
        <v>0</v>
      </c>
      <c r="Q6903" s="71">
        <f>IF(Input!$K$13=4,J6903*Input!$J$13,0)+IF(Input!$K$14=4,K6903*Input!$J$14,0)+IF(Input!$K$15=4,L6903*Input!$J$15,0)+IF(Input!$K$16=4,M6903*Input!$J$16,0)</f>
        <v>0</v>
      </c>
    </row>
    <row r="6904" spans="8:17" x14ac:dyDescent="0.25">
      <c r="H6904" s="43">
        <v>6897</v>
      </c>
      <c r="I6904" s="55">
        <f>Bühler!I6930</f>
        <v>0.81019814187399419</v>
      </c>
      <c r="J6904" s="58">
        <f>Bühler!J6930</f>
        <v>5.2884670232477982</v>
      </c>
      <c r="K6904" s="58">
        <f>Bühler!K6930</f>
        <v>0.23453383103695319</v>
      </c>
      <c r="L6904" s="58">
        <f>Bühler!L6930</f>
        <v>0.11726691551847659</v>
      </c>
      <c r="M6904" s="57">
        <f>Bühler!M6930</f>
        <v>0</v>
      </c>
      <c r="N6904" s="55">
        <f>IF(Input!$K$13=1,J6904*Input!$J$13,0)+IF(Input!$K$14=1,K6904*Input!$J$14,0)+IF(Input!$K$15=1,L6904*Input!$J$15,0)+IF(Input!$K$16=1,M6904*Input!$J$16,0)</f>
        <v>0.63461604278973571</v>
      </c>
      <c r="O6904" s="58">
        <f>IF(Input!$K$13=2,J6904*Input!$J$13,0)+IF(Input!$K$14=2,K6904*Input!$J$14,0)+IF(Input!$K$15=2,L6904*Input!$J$15,0)+IF(Input!$K$16=2,M6904*Input!$J$16,0)</f>
        <v>3.166206718998868E-2</v>
      </c>
      <c r="P6904" s="58">
        <f>IF(Input!$K$13=3,J6904*Input!$J$13,0)+IF(Input!$K$14=3,K6904*Input!$J$14,0)+IF(Input!$K$15=3,L6904*Input!$J$15,0)+IF(Input!$K$16=3,M6904*Input!$J$16,0)</f>
        <v>0</v>
      </c>
      <c r="Q6904" s="71">
        <f>IF(Input!$K$13=4,J6904*Input!$J$13,0)+IF(Input!$K$14=4,K6904*Input!$J$14,0)+IF(Input!$K$15=4,L6904*Input!$J$15,0)+IF(Input!$K$16=4,M6904*Input!$J$16,0)</f>
        <v>0</v>
      </c>
    </row>
    <row r="6905" spans="8:17" x14ac:dyDescent="0.25">
      <c r="H6905" s="43">
        <v>6898</v>
      </c>
      <c r="I6905" s="55">
        <f>Bühler!I6931</f>
        <v>0.81019814187399419</v>
      </c>
      <c r="J6905" s="58">
        <f>Bühler!J6931</f>
        <v>5.2884670232477982</v>
      </c>
      <c r="K6905" s="58">
        <f>Bühler!K6931</f>
        <v>0.23453383103695319</v>
      </c>
      <c r="L6905" s="58">
        <f>Bühler!L6931</f>
        <v>0.11726691551847659</v>
      </c>
      <c r="M6905" s="57">
        <f>Bühler!M6931</f>
        <v>0</v>
      </c>
      <c r="N6905" s="55">
        <f>IF(Input!$K$13=1,J6905*Input!$J$13,0)+IF(Input!$K$14=1,K6905*Input!$J$14,0)+IF(Input!$K$15=1,L6905*Input!$J$15,0)+IF(Input!$K$16=1,M6905*Input!$J$16,0)</f>
        <v>0.63461604278973571</v>
      </c>
      <c r="O6905" s="58">
        <f>IF(Input!$K$13=2,J6905*Input!$J$13,0)+IF(Input!$K$14=2,K6905*Input!$J$14,0)+IF(Input!$K$15=2,L6905*Input!$J$15,0)+IF(Input!$K$16=2,M6905*Input!$J$16,0)</f>
        <v>3.166206718998868E-2</v>
      </c>
      <c r="P6905" s="58">
        <f>IF(Input!$K$13=3,J6905*Input!$J$13,0)+IF(Input!$K$14=3,K6905*Input!$J$14,0)+IF(Input!$K$15=3,L6905*Input!$J$15,0)+IF(Input!$K$16=3,M6905*Input!$J$16,0)</f>
        <v>0</v>
      </c>
      <c r="Q6905" s="71">
        <f>IF(Input!$K$13=4,J6905*Input!$J$13,0)+IF(Input!$K$14=4,K6905*Input!$J$14,0)+IF(Input!$K$15=4,L6905*Input!$J$15,0)+IF(Input!$K$16=4,M6905*Input!$J$16,0)</f>
        <v>0</v>
      </c>
    </row>
    <row r="6906" spans="8:17" x14ac:dyDescent="0.25">
      <c r="H6906" s="43">
        <v>6899</v>
      </c>
      <c r="I6906" s="55">
        <f>Bühler!I6932</f>
        <v>0.81019814187399419</v>
      </c>
      <c r="J6906" s="58">
        <f>Bühler!J6932</f>
        <v>5.2884670232477982</v>
      </c>
      <c r="K6906" s="58">
        <f>Bühler!K6932</f>
        <v>0.23453383103695319</v>
      </c>
      <c r="L6906" s="58">
        <f>Bühler!L6932</f>
        <v>0.11726691551847659</v>
      </c>
      <c r="M6906" s="57">
        <f>Bühler!M6932</f>
        <v>0</v>
      </c>
      <c r="N6906" s="55">
        <f>IF(Input!$K$13=1,J6906*Input!$J$13,0)+IF(Input!$K$14=1,K6906*Input!$J$14,0)+IF(Input!$K$15=1,L6906*Input!$J$15,0)+IF(Input!$K$16=1,M6906*Input!$J$16,0)</f>
        <v>0.63461604278973571</v>
      </c>
      <c r="O6906" s="58">
        <f>IF(Input!$K$13=2,J6906*Input!$J$13,0)+IF(Input!$K$14=2,K6906*Input!$J$14,0)+IF(Input!$K$15=2,L6906*Input!$J$15,0)+IF(Input!$K$16=2,M6906*Input!$J$16,0)</f>
        <v>3.166206718998868E-2</v>
      </c>
      <c r="P6906" s="58">
        <f>IF(Input!$K$13=3,J6906*Input!$J$13,0)+IF(Input!$K$14=3,K6906*Input!$J$14,0)+IF(Input!$K$15=3,L6906*Input!$J$15,0)+IF(Input!$K$16=3,M6906*Input!$J$16,0)</f>
        <v>0</v>
      </c>
      <c r="Q6906" s="71">
        <f>IF(Input!$K$13=4,J6906*Input!$J$13,0)+IF(Input!$K$14=4,K6906*Input!$J$14,0)+IF(Input!$K$15=4,L6906*Input!$J$15,0)+IF(Input!$K$16=4,M6906*Input!$J$16,0)</f>
        <v>0</v>
      </c>
    </row>
    <row r="6907" spans="8:17" x14ac:dyDescent="0.25">
      <c r="H6907" s="43">
        <v>6900</v>
      </c>
      <c r="I6907" s="55">
        <f>Bühler!I6933</f>
        <v>0.81019814187399419</v>
      </c>
      <c r="J6907" s="58">
        <f>Bühler!J6933</f>
        <v>5.2884670232477982</v>
      </c>
      <c r="K6907" s="58">
        <f>Bühler!K6933</f>
        <v>0.23453383103695319</v>
      </c>
      <c r="L6907" s="58">
        <f>Bühler!L6933</f>
        <v>0.11726691551847659</v>
      </c>
      <c r="M6907" s="57">
        <f>Bühler!M6933</f>
        <v>0</v>
      </c>
      <c r="N6907" s="55">
        <f>IF(Input!$K$13=1,J6907*Input!$J$13,0)+IF(Input!$K$14=1,K6907*Input!$J$14,0)+IF(Input!$K$15=1,L6907*Input!$J$15,0)+IF(Input!$K$16=1,M6907*Input!$J$16,0)</f>
        <v>0.63461604278973571</v>
      </c>
      <c r="O6907" s="58">
        <f>IF(Input!$K$13=2,J6907*Input!$J$13,0)+IF(Input!$K$14=2,K6907*Input!$J$14,0)+IF(Input!$K$15=2,L6907*Input!$J$15,0)+IF(Input!$K$16=2,M6907*Input!$J$16,0)</f>
        <v>3.166206718998868E-2</v>
      </c>
      <c r="P6907" s="58">
        <f>IF(Input!$K$13=3,J6907*Input!$J$13,0)+IF(Input!$K$14=3,K6907*Input!$J$14,0)+IF(Input!$K$15=3,L6907*Input!$J$15,0)+IF(Input!$K$16=3,M6907*Input!$J$16,0)</f>
        <v>0</v>
      </c>
      <c r="Q6907" s="71">
        <f>IF(Input!$K$13=4,J6907*Input!$J$13,0)+IF(Input!$K$14=4,K6907*Input!$J$14,0)+IF(Input!$K$15=4,L6907*Input!$J$15,0)+IF(Input!$K$16=4,M6907*Input!$J$16,0)</f>
        <v>0</v>
      </c>
    </row>
    <row r="6908" spans="8:17" x14ac:dyDescent="0.25">
      <c r="H6908" s="43">
        <v>6901</v>
      </c>
      <c r="I6908" s="55">
        <f>Bühler!I6934</f>
        <v>0.81019814187399419</v>
      </c>
      <c r="J6908" s="58">
        <f>Bühler!J6934</f>
        <v>5.2884670232477982</v>
      </c>
      <c r="K6908" s="58">
        <f>Bühler!K6934</f>
        <v>0.23453383103695319</v>
      </c>
      <c r="L6908" s="58">
        <f>Bühler!L6934</f>
        <v>0.11726691551847659</v>
      </c>
      <c r="M6908" s="57">
        <f>Bühler!M6934</f>
        <v>0</v>
      </c>
      <c r="N6908" s="55">
        <f>IF(Input!$K$13=1,J6908*Input!$J$13,0)+IF(Input!$K$14=1,K6908*Input!$J$14,0)+IF(Input!$K$15=1,L6908*Input!$J$15,0)+IF(Input!$K$16=1,M6908*Input!$J$16,0)</f>
        <v>0.63461604278973571</v>
      </c>
      <c r="O6908" s="58">
        <f>IF(Input!$K$13=2,J6908*Input!$J$13,0)+IF(Input!$K$14=2,K6908*Input!$J$14,0)+IF(Input!$K$15=2,L6908*Input!$J$15,0)+IF(Input!$K$16=2,M6908*Input!$J$16,0)</f>
        <v>3.166206718998868E-2</v>
      </c>
      <c r="P6908" s="58">
        <f>IF(Input!$K$13=3,J6908*Input!$J$13,0)+IF(Input!$K$14=3,K6908*Input!$J$14,0)+IF(Input!$K$15=3,L6908*Input!$J$15,0)+IF(Input!$K$16=3,M6908*Input!$J$16,0)</f>
        <v>0</v>
      </c>
      <c r="Q6908" s="71">
        <f>IF(Input!$K$13=4,J6908*Input!$J$13,0)+IF(Input!$K$14=4,K6908*Input!$J$14,0)+IF(Input!$K$15=4,L6908*Input!$J$15,0)+IF(Input!$K$16=4,M6908*Input!$J$16,0)</f>
        <v>0</v>
      </c>
    </row>
    <row r="6909" spans="8:17" x14ac:dyDescent="0.25">
      <c r="H6909" s="43">
        <v>6902</v>
      </c>
      <c r="I6909" s="55">
        <f>Bühler!I6935</f>
        <v>0.81019814187399419</v>
      </c>
      <c r="J6909" s="58">
        <f>Bühler!J6935</f>
        <v>5.2884670232477982</v>
      </c>
      <c r="K6909" s="58">
        <f>Bühler!K6935</f>
        <v>0.23453383103695319</v>
      </c>
      <c r="L6909" s="58">
        <f>Bühler!L6935</f>
        <v>0.11726691551847659</v>
      </c>
      <c r="M6909" s="57">
        <f>Bühler!M6935</f>
        <v>0</v>
      </c>
      <c r="N6909" s="55">
        <f>IF(Input!$K$13=1,J6909*Input!$J$13,0)+IF(Input!$K$14=1,K6909*Input!$J$14,0)+IF(Input!$K$15=1,L6909*Input!$J$15,0)+IF(Input!$K$16=1,M6909*Input!$J$16,0)</f>
        <v>0.63461604278973571</v>
      </c>
      <c r="O6909" s="58">
        <f>IF(Input!$K$13=2,J6909*Input!$J$13,0)+IF(Input!$K$14=2,K6909*Input!$J$14,0)+IF(Input!$K$15=2,L6909*Input!$J$15,0)+IF(Input!$K$16=2,M6909*Input!$J$16,0)</f>
        <v>3.166206718998868E-2</v>
      </c>
      <c r="P6909" s="58">
        <f>IF(Input!$K$13=3,J6909*Input!$J$13,0)+IF(Input!$K$14=3,K6909*Input!$J$14,0)+IF(Input!$K$15=3,L6909*Input!$J$15,0)+IF(Input!$K$16=3,M6909*Input!$J$16,0)</f>
        <v>0</v>
      </c>
      <c r="Q6909" s="71">
        <f>IF(Input!$K$13=4,J6909*Input!$J$13,0)+IF(Input!$K$14=4,K6909*Input!$J$14,0)+IF(Input!$K$15=4,L6909*Input!$J$15,0)+IF(Input!$K$16=4,M6909*Input!$J$16,0)</f>
        <v>0</v>
      </c>
    </row>
    <row r="6910" spans="8:17" x14ac:dyDescent="0.25">
      <c r="H6910" s="43">
        <v>6903</v>
      </c>
      <c r="I6910" s="55">
        <f>Bühler!I6936</f>
        <v>0.81019814187399419</v>
      </c>
      <c r="J6910" s="58">
        <f>Bühler!J6936</f>
        <v>5.2884670232477982</v>
      </c>
      <c r="K6910" s="58">
        <f>Bühler!K6936</f>
        <v>0.23453383103695319</v>
      </c>
      <c r="L6910" s="58">
        <f>Bühler!L6936</f>
        <v>0.11726691551847659</v>
      </c>
      <c r="M6910" s="57">
        <f>Bühler!M6936</f>
        <v>0</v>
      </c>
      <c r="N6910" s="55">
        <f>IF(Input!$K$13=1,J6910*Input!$J$13,0)+IF(Input!$K$14=1,K6910*Input!$J$14,0)+IF(Input!$K$15=1,L6910*Input!$J$15,0)+IF(Input!$K$16=1,M6910*Input!$J$16,0)</f>
        <v>0.63461604278973571</v>
      </c>
      <c r="O6910" s="58">
        <f>IF(Input!$K$13=2,J6910*Input!$J$13,0)+IF(Input!$K$14=2,K6910*Input!$J$14,0)+IF(Input!$K$15=2,L6910*Input!$J$15,0)+IF(Input!$K$16=2,M6910*Input!$J$16,0)</f>
        <v>3.166206718998868E-2</v>
      </c>
      <c r="P6910" s="58">
        <f>IF(Input!$K$13=3,J6910*Input!$J$13,0)+IF(Input!$K$14=3,K6910*Input!$J$14,0)+IF(Input!$K$15=3,L6910*Input!$J$15,0)+IF(Input!$K$16=3,M6910*Input!$J$16,0)</f>
        <v>0</v>
      </c>
      <c r="Q6910" s="71">
        <f>IF(Input!$K$13=4,J6910*Input!$J$13,0)+IF(Input!$K$14=4,K6910*Input!$J$14,0)+IF(Input!$K$15=4,L6910*Input!$J$15,0)+IF(Input!$K$16=4,M6910*Input!$J$16,0)</f>
        <v>0</v>
      </c>
    </row>
    <row r="6911" spans="8:17" x14ac:dyDescent="0.25">
      <c r="H6911" s="43">
        <v>6904</v>
      </c>
      <c r="I6911" s="55">
        <f>Bühler!I6937</f>
        <v>0.72017612611021709</v>
      </c>
      <c r="J6911" s="58">
        <f>Bühler!J6937</f>
        <v>5.2847161059243071</v>
      </c>
      <c r="K6911" s="58">
        <f>Bühler!K6937</f>
        <v>0.23453383103695319</v>
      </c>
      <c r="L6911" s="58">
        <f>Bühler!L6937</f>
        <v>0.11726691551847659</v>
      </c>
      <c r="M6911" s="57">
        <f>Bühler!M6937</f>
        <v>0</v>
      </c>
      <c r="N6911" s="55">
        <f>IF(Input!$K$13=1,J6911*Input!$J$13,0)+IF(Input!$K$14=1,K6911*Input!$J$14,0)+IF(Input!$K$15=1,L6911*Input!$J$15,0)+IF(Input!$K$16=1,M6911*Input!$J$16,0)</f>
        <v>0.63416593271091681</v>
      </c>
      <c r="O6911" s="58">
        <f>IF(Input!$K$13=2,J6911*Input!$J$13,0)+IF(Input!$K$14=2,K6911*Input!$J$14,0)+IF(Input!$K$15=2,L6911*Input!$J$15,0)+IF(Input!$K$16=2,M6911*Input!$J$16,0)</f>
        <v>3.166206718998868E-2</v>
      </c>
      <c r="P6911" s="58">
        <f>IF(Input!$K$13=3,J6911*Input!$J$13,0)+IF(Input!$K$14=3,K6911*Input!$J$14,0)+IF(Input!$K$15=3,L6911*Input!$J$15,0)+IF(Input!$K$16=3,M6911*Input!$J$16,0)</f>
        <v>0</v>
      </c>
      <c r="Q6911" s="71">
        <f>IF(Input!$K$13=4,J6911*Input!$J$13,0)+IF(Input!$K$14=4,K6911*Input!$J$14,0)+IF(Input!$K$15=4,L6911*Input!$J$15,0)+IF(Input!$K$16=4,M6911*Input!$J$16,0)</f>
        <v>0</v>
      </c>
    </row>
    <row r="6912" spans="8:17" x14ac:dyDescent="0.25">
      <c r="H6912" s="43">
        <v>6905</v>
      </c>
      <c r="I6912" s="55">
        <f>Bühler!I6938</f>
        <v>0.70731583814396315</v>
      </c>
      <c r="J6912" s="58">
        <f>Bühler!J6938</f>
        <v>5.2841802605923798</v>
      </c>
      <c r="K6912" s="58">
        <f>Bühler!K6938</f>
        <v>0.23453383103695319</v>
      </c>
      <c r="L6912" s="58">
        <f>Bühler!L6938</f>
        <v>0.11726691551847659</v>
      </c>
      <c r="M6912" s="57">
        <f>Bühler!M6938</f>
        <v>0</v>
      </c>
      <c r="N6912" s="55">
        <f>IF(Input!$K$13=1,J6912*Input!$J$13,0)+IF(Input!$K$14=1,K6912*Input!$J$14,0)+IF(Input!$K$15=1,L6912*Input!$J$15,0)+IF(Input!$K$16=1,M6912*Input!$J$16,0)</f>
        <v>0.63410163127108554</v>
      </c>
      <c r="O6912" s="58">
        <f>IF(Input!$K$13=2,J6912*Input!$J$13,0)+IF(Input!$K$14=2,K6912*Input!$J$14,0)+IF(Input!$K$15=2,L6912*Input!$J$15,0)+IF(Input!$K$16=2,M6912*Input!$J$16,0)</f>
        <v>3.166206718998868E-2</v>
      </c>
      <c r="P6912" s="58">
        <f>IF(Input!$K$13=3,J6912*Input!$J$13,0)+IF(Input!$K$14=3,K6912*Input!$J$14,0)+IF(Input!$K$15=3,L6912*Input!$J$15,0)+IF(Input!$K$16=3,M6912*Input!$J$16,0)</f>
        <v>0</v>
      </c>
      <c r="Q6912" s="71">
        <f>IF(Input!$K$13=4,J6912*Input!$J$13,0)+IF(Input!$K$14=4,K6912*Input!$J$14,0)+IF(Input!$K$15=4,L6912*Input!$J$15,0)+IF(Input!$K$16=4,M6912*Input!$J$16,0)</f>
        <v>0</v>
      </c>
    </row>
    <row r="6913" spans="8:17" x14ac:dyDescent="0.25">
      <c r="H6913" s="43">
        <v>6906</v>
      </c>
      <c r="I6913" s="55">
        <f>Bühler!I6939</f>
        <v>0.60443353441393233</v>
      </c>
      <c r="J6913" s="58">
        <f>Bühler!J6939</f>
        <v>5.2798934979369623</v>
      </c>
      <c r="K6913" s="58">
        <f>Bühler!K6939</f>
        <v>0.23453383103695319</v>
      </c>
      <c r="L6913" s="58">
        <f>Bühler!L6939</f>
        <v>0.11726691551847659</v>
      </c>
      <c r="M6913" s="57">
        <f>Bühler!M6939</f>
        <v>0</v>
      </c>
      <c r="N6913" s="55">
        <f>IF(Input!$K$13=1,J6913*Input!$J$13,0)+IF(Input!$K$14=1,K6913*Input!$J$14,0)+IF(Input!$K$15=1,L6913*Input!$J$15,0)+IF(Input!$K$16=1,M6913*Input!$J$16,0)</f>
        <v>0.63358721975243548</v>
      </c>
      <c r="O6913" s="58">
        <f>IF(Input!$K$13=2,J6913*Input!$J$13,0)+IF(Input!$K$14=2,K6913*Input!$J$14,0)+IF(Input!$K$15=2,L6913*Input!$J$15,0)+IF(Input!$K$16=2,M6913*Input!$J$16,0)</f>
        <v>3.166206718998868E-2</v>
      </c>
      <c r="P6913" s="58">
        <f>IF(Input!$K$13=3,J6913*Input!$J$13,0)+IF(Input!$K$14=3,K6913*Input!$J$14,0)+IF(Input!$K$15=3,L6913*Input!$J$15,0)+IF(Input!$K$16=3,M6913*Input!$J$16,0)</f>
        <v>0</v>
      </c>
      <c r="Q6913" s="71">
        <f>IF(Input!$K$13=4,J6913*Input!$J$13,0)+IF(Input!$K$14=4,K6913*Input!$J$14,0)+IF(Input!$K$15=4,L6913*Input!$J$15,0)+IF(Input!$K$16=4,M6913*Input!$J$16,0)</f>
        <v>0</v>
      </c>
    </row>
    <row r="6914" spans="8:17" x14ac:dyDescent="0.25">
      <c r="H6914" s="43">
        <v>6907</v>
      </c>
      <c r="I6914" s="55">
        <f>Bühler!I6940</f>
        <v>0.56585267051517063</v>
      </c>
      <c r="J6914" s="58">
        <f>Bühler!J6940</f>
        <v>5.2782859619411804</v>
      </c>
      <c r="K6914" s="58">
        <f>Bühler!K6940</f>
        <v>0.23453383103695319</v>
      </c>
      <c r="L6914" s="58">
        <f>Bühler!L6940</f>
        <v>0.11726691551847659</v>
      </c>
      <c r="M6914" s="57">
        <f>Bühler!M6940</f>
        <v>0</v>
      </c>
      <c r="N6914" s="55">
        <f>IF(Input!$K$13=1,J6914*Input!$J$13,0)+IF(Input!$K$14=1,K6914*Input!$J$14,0)+IF(Input!$K$15=1,L6914*Input!$J$15,0)+IF(Input!$K$16=1,M6914*Input!$J$16,0)</f>
        <v>0.63339431543294167</v>
      </c>
      <c r="O6914" s="58">
        <f>IF(Input!$K$13=2,J6914*Input!$J$13,0)+IF(Input!$K$14=2,K6914*Input!$J$14,0)+IF(Input!$K$15=2,L6914*Input!$J$15,0)+IF(Input!$K$16=2,M6914*Input!$J$16,0)</f>
        <v>3.166206718998868E-2</v>
      </c>
      <c r="P6914" s="58">
        <f>IF(Input!$K$13=3,J6914*Input!$J$13,0)+IF(Input!$K$14=3,K6914*Input!$J$14,0)+IF(Input!$K$15=3,L6914*Input!$J$15,0)+IF(Input!$K$16=3,M6914*Input!$J$16,0)</f>
        <v>0</v>
      </c>
      <c r="Q6914" s="71">
        <f>IF(Input!$K$13=4,J6914*Input!$J$13,0)+IF(Input!$K$14=4,K6914*Input!$J$14,0)+IF(Input!$K$15=4,L6914*Input!$J$15,0)+IF(Input!$K$16=4,M6914*Input!$J$16,0)</f>
        <v>0</v>
      </c>
    </row>
    <row r="6915" spans="8:17" x14ac:dyDescent="0.25">
      <c r="H6915" s="43">
        <v>6908</v>
      </c>
      <c r="I6915" s="55">
        <f>Bühler!I6941</f>
        <v>0.47583065475139341</v>
      </c>
      <c r="J6915" s="58">
        <f>Bühler!J6941</f>
        <v>5.2745350446176893</v>
      </c>
      <c r="K6915" s="58">
        <f>Bühler!K6941</f>
        <v>0.23453383103695319</v>
      </c>
      <c r="L6915" s="58">
        <f>Bühler!L6941</f>
        <v>0.11726691551847659</v>
      </c>
      <c r="M6915" s="57">
        <f>Bühler!M6941</f>
        <v>0</v>
      </c>
      <c r="N6915" s="55">
        <f>IF(Input!$K$13=1,J6915*Input!$J$13,0)+IF(Input!$K$14=1,K6915*Input!$J$14,0)+IF(Input!$K$15=1,L6915*Input!$J$15,0)+IF(Input!$K$16=1,M6915*Input!$J$16,0)</f>
        <v>0.63294420535412266</v>
      </c>
      <c r="O6915" s="58">
        <f>IF(Input!$K$13=2,J6915*Input!$J$13,0)+IF(Input!$K$14=2,K6915*Input!$J$14,0)+IF(Input!$K$15=2,L6915*Input!$J$15,0)+IF(Input!$K$16=2,M6915*Input!$J$16,0)</f>
        <v>3.166206718998868E-2</v>
      </c>
      <c r="P6915" s="58">
        <f>IF(Input!$K$13=3,J6915*Input!$J$13,0)+IF(Input!$K$14=3,K6915*Input!$J$14,0)+IF(Input!$K$15=3,L6915*Input!$J$15,0)+IF(Input!$K$16=3,M6915*Input!$J$16,0)</f>
        <v>0</v>
      </c>
      <c r="Q6915" s="71">
        <f>IF(Input!$K$13=4,J6915*Input!$J$13,0)+IF(Input!$K$14=4,K6915*Input!$J$14,0)+IF(Input!$K$15=4,L6915*Input!$J$15,0)+IF(Input!$K$16=4,M6915*Input!$J$16,0)</f>
        <v>0</v>
      </c>
    </row>
    <row r="6916" spans="8:17" x14ac:dyDescent="0.25">
      <c r="H6916" s="43">
        <v>6909</v>
      </c>
      <c r="I6916" s="55">
        <f>Bühler!I6942</f>
        <v>0.39866892695387013</v>
      </c>
      <c r="J6916" s="58">
        <f>Bühler!J6942</f>
        <v>5.2713199726261264</v>
      </c>
      <c r="K6916" s="58">
        <f>Bühler!K6942</f>
        <v>0.23453383103695319</v>
      </c>
      <c r="L6916" s="58">
        <f>Bühler!L6942</f>
        <v>0.11726691551847659</v>
      </c>
      <c r="M6916" s="57">
        <f>Bühler!M6942</f>
        <v>0</v>
      </c>
      <c r="N6916" s="55">
        <f>IF(Input!$K$13=1,J6916*Input!$J$13,0)+IF(Input!$K$14=1,K6916*Input!$J$14,0)+IF(Input!$K$15=1,L6916*Input!$J$15,0)+IF(Input!$K$16=1,M6916*Input!$J$16,0)</f>
        <v>0.63255839671513514</v>
      </c>
      <c r="O6916" s="58">
        <f>IF(Input!$K$13=2,J6916*Input!$J$13,0)+IF(Input!$K$14=2,K6916*Input!$J$14,0)+IF(Input!$K$15=2,L6916*Input!$J$15,0)+IF(Input!$K$16=2,M6916*Input!$J$16,0)</f>
        <v>3.166206718998868E-2</v>
      </c>
      <c r="P6916" s="58">
        <f>IF(Input!$K$13=3,J6916*Input!$J$13,0)+IF(Input!$K$14=3,K6916*Input!$J$14,0)+IF(Input!$K$15=3,L6916*Input!$J$15,0)+IF(Input!$K$16=3,M6916*Input!$J$16,0)</f>
        <v>0</v>
      </c>
      <c r="Q6916" s="71">
        <f>IF(Input!$K$13=4,J6916*Input!$J$13,0)+IF(Input!$K$14=4,K6916*Input!$J$14,0)+IF(Input!$K$15=4,L6916*Input!$J$15,0)+IF(Input!$K$16=4,M6916*Input!$J$16,0)</f>
        <v>0</v>
      </c>
    </row>
    <row r="6917" spans="8:17" x14ac:dyDescent="0.25">
      <c r="H6917" s="43">
        <v>6910</v>
      </c>
      <c r="I6917" s="55">
        <f>Bühler!I6943</f>
        <v>0.34722777508885466</v>
      </c>
      <c r="J6917" s="58">
        <f>Bühler!J6943</f>
        <v>5.2691765912984172</v>
      </c>
      <c r="K6917" s="58">
        <f>Bühler!K6943</f>
        <v>0.23453383103695319</v>
      </c>
      <c r="L6917" s="58">
        <f>Bühler!L6943</f>
        <v>0.11726691551847659</v>
      </c>
      <c r="M6917" s="57">
        <f>Bühler!M6943</f>
        <v>0</v>
      </c>
      <c r="N6917" s="55">
        <f>IF(Input!$K$13=1,J6917*Input!$J$13,0)+IF(Input!$K$14=1,K6917*Input!$J$14,0)+IF(Input!$K$15=1,L6917*Input!$J$15,0)+IF(Input!$K$16=1,M6917*Input!$J$16,0)</f>
        <v>0.63230119095581006</v>
      </c>
      <c r="O6917" s="58">
        <f>IF(Input!$K$13=2,J6917*Input!$J$13,0)+IF(Input!$K$14=2,K6917*Input!$J$14,0)+IF(Input!$K$15=2,L6917*Input!$J$15,0)+IF(Input!$K$16=2,M6917*Input!$J$16,0)</f>
        <v>3.166206718998868E-2</v>
      </c>
      <c r="P6917" s="58">
        <f>IF(Input!$K$13=3,J6917*Input!$J$13,0)+IF(Input!$K$14=3,K6917*Input!$J$14,0)+IF(Input!$K$15=3,L6917*Input!$J$15,0)+IF(Input!$K$16=3,M6917*Input!$J$16,0)</f>
        <v>0</v>
      </c>
      <c r="Q6917" s="71">
        <f>IF(Input!$K$13=4,J6917*Input!$J$13,0)+IF(Input!$K$14=4,K6917*Input!$J$14,0)+IF(Input!$K$15=4,L6917*Input!$J$15,0)+IF(Input!$K$16=4,M6917*Input!$J$16,0)</f>
        <v>0</v>
      </c>
    </row>
    <row r="6918" spans="8:17" x14ac:dyDescent="0.25">
      <c r="H6918" s="43">
        <v>6911</v>
      </c>
      <c r="I6918" s="55">
        <f>Bühler!I6944</f>
        <v>0.34722777508885466</v>
      </c>
      <c r="J6918" s="58">
        <f>Bühler!J6944</f>
        <v>5.2691765912984172</v>
      </c>
      <c r="K6918" s="58">
        <f>Bühler!K6944</f>
        <v>0.23453383103695319</v>
      </c>
      <c r="L6918" s="58">
        <f>Bühler!L6944</f>
        <v>0.11726691551847659</v>
      </c>
      <c r="M6918" s="57">
        <f>Bühler!M6944</f>
        <v>0</v>
      </c>
      <c r="N6918" s="55">
        <f>IF(Input!$K$13=1,J6918*Input!$J$13,0)+IF(Input!$K$14=1,K6918*Input!$J$14,0)+IF(Input!$K$15=1,L6918*Input!$J$15,0)+IF(Input!$K$16=1,M6918*Input!$J$16,0)</f>
        <v>0.63230119095581006</v>
      </c>
      <c r="O6918" s="58">
        <f>IF(Input!$K$13=2,J6918*Input!$J$13,0)+IF(Input!$K$14=2,K6918*Input!$J$14,0)+IF(Input!$K$15=2,L6918*Input!$J$15,0)+IF(Input!$K$16=2,M6918*Input!$J$16,0)</f>
        <v>3.166206718998868E-2</v>
      </c>
      <c r="P6918" s="58">
        <f>IF(Input!$K$13=3,J6918*Input!$J$13,0)+IF(Input!$K$14=3,K6918*Input!$J$14,0)+IF(Input!$K$15=3,L6918*Input!$J$15,0)+IF(Input!$K$16=3,M6918*Input!$J$16,0)</f>
        <v>0</v>
      </c>
      <c r="Q6918" s="71">
        <f>IF(Input!$K$13=4,J6918*Input!$J$13,0)+IF(Input!$K$14=4,K6918*Input!$J$14,0)+IF(Input!$K$15=4,L6918*Input!$J$15,0)+IF(Input!$K$16=4,M6918*Input!$J$16,0)</f>
        <v>0</v>
      </c>
    </row>
    <row r="6919" spans="8:17" x14ac:dyDescent="0.25">
      <c r="H6919" s="43">
        <v>6912</v>
      </c>
      <c r="I6919" s="55">
        <f>Bühler!I6945</f>
        <v>0.34722777508885466</v>
      </c>
      <c r="J6919" s="58">
        <f>Bühler!J6945</f>
        <v>5.2691765912984172</v>
      </c>
      <c r="K6919" s="58">
        <f>Bühler!K6945</f>
        <v>0.23453383103695319</v>
      </c>
      <c r="L6919" s="58">
        <f>Bühler!L6945</f>
        <v>0.11726691551847659</v>
      </c>
      <c r="M6919" s="57">
        <f>Bühler!M6945</f>
        <v>0</v>
      </c>
      <c r="N6919" s="55">
        <f>IF(Input!$K$13=1,J6919*Input!$J$13,0)+IF(Input!$K$14=1,K6919*Input!$J$14,0)+IF(Input!$K$15=1,L6919*Input!$J$15,0)+IF(Input!$K$16=1,M6919*Input!$J$16,0)</f>
        <v>0.63230119095581006</v>
      </c>
      <c r="O6919" s="58">
        <f>IF(Input!$K$13=2,J6919*Input!$J$13,0)+IF(Input!$K$14=2,K6919*Input!$J$14,0)+IF(Input!$K$15=2,L6919*Input!$J$15,0)+IF(Input!$K$16=2,M6919*Input!$J$16,0)</f>
        <v>3.166206718998868E-2</v>
      </c>
      <c r="P6919" s="58">
        <f>IF(Input!$K$13=3,J6919*Input!$J$13,0)+IF(Input!$K$14=3,K6919*Input!$J$14,0)+IF(Input!$K$15=3,L6919*Input!$J$15,0)+IF(Input!$K$16=3,M6919*Input!$J$16,0)</f>
        <v>0</v>
      </c>
      <c r="Q6919" s="71">
        <f>IF(Input!$K$13=4,J6919*Input!$J$13,0)+IF(Input!$K$14=4,K6919*Input!$J$14,0)+IF(Input!$K$15=4,L6919*Input!$J$15,0)+IF(Input!$K$16=4,M6919*Input!$J$16,0)</f>
        <v>0</v>
      </c>
    </row>
    <row r="6920" spans="8:17" x14ac:dyDescent="0.25">
      <c r="H6920" s="43">
        <v>6913</v>
      </c>
      <c r="I6920" s="55">
        <f>Bühler!I6946</f>
        <v>1.245589909105022</v>
      </c>
      <c r="J6920" s="58">
        <f>Bühler!J6946</f>
        <v>11.117983534282995</v>
      </c>
      <c r="K6920" s="58">
        <f>Bühler!K6946</f>
        <v>0.60018126935278038</v>
      </c>
      <c r="L6920" s="58">
        <f>Bühler!L6946</f>
        <v>0.30009063467639019</v>
      </c>
      <c r="M6920" s="57">
        <f>Bühler!M6946</f>
        <v>0</v>
      </c>
      <c r="N6920" s="55">
        <f>IF(Input!$K$13=1,J6920*Input!$J$13,0)+IF(Input!$K$14=1,K6920*Input!$J$14,0)+IF(Input!$K$15=1,L6920*Input!$J$15,0)+IF(Input!$K$16=1,M6920*Input!$J$16,0)</f>
        <v>1.3341580241139595</v>
      </c>
      <c r="O6920" s="58">
        <f>IF(Input!$K$13=2,J6920*Input!$J$13,0)+IF(Input!$K$14=2,K6920*Input!$J$14,0)+IF(Input!$K$15=2,L6920*Input!$J$15,0)+IF(Input!$K$16=2,M6920*Input!$J$16,0)</f>
        <v>8.1024471362625347E-2</v>
      </c>
      <c r="P6920" s="58">
        <f>IF(Input!$K$13=3,J6920*Input!$J$13,0)+IF(Input!$K$14=3,K6920*Input!$J$14,0)+IF(Input!$K$15=3,L6920*Input!$J$15,0)+IF(Input!$K$16=3,M6920*Input!$J$16,0)</f>
        <v>0</v>
      </c>
      <c r="Q6920" s="71">
        <f>IF(Input!$K$13=4,J6920*Input!$J$13,0)+IF(Input!$K$14=4,K6920*Input!$J$14,0)+IF(Input!$K$15=4,L6920*Input!$J$15,0)+IF(Input!$K$16=4,M6920*Input!$J$16,0)</f>
        <v>0</v>
      </c>
    </row>
    <row r="6921" spans="8:17" x14ac:dyDescent="0.25">
      <c r="H6921" s="43">
        <v>6914</v>
      </c>
      <c r="I6921" s="55">
        <f>Bühler!I6947</f>
        <v>1.245589909105022</v>
      </c>
      <c r="J6921" s="58">
        <f>Bühler!J6947</f>
        <v>11.117983534282995</v>
      </c>
      <c r="K6921" s="58">
        <f>Bühler!K6947</f>
        <v>0.60018126935278038</v>
      </c>
      <c r="L6921" s="58">
        <f>Bühler!L6947</f>
        <v>0.30009063467639019</v>
      </c>
      <c r="M6921" s="57">
        <f>Bühler!M6947</f>
        <v>0</v>
      </c>
      <c r="N6921" s="55">
        <f>IF(Input!$K$13=1,J6921*Input!$J$13,0)+IF(Input!$K$14=1,K6921*Input!$J$14,0)+IF(Input!$K$15=1,L6921*Input!$J$15,0)+IF(Input!$K$16=1,M6921*Input!$J$16,0)</f>
        <v>1.3341580241139595</v>
      </c>
      <c r="O6921" s="58">
        <f>IF(Input!$K$13=2,J6921*Input!$J$13,0)+IF(Input!$K$14=2,K6921*Input!$J$14,0)+IF(Input!$K$15=2,L6921*Input!$J$15,0)+IF(Input!$K$16=2,M6921*Input!$J$16,0)</f>
        <v>8.1024471362625347E-2</v>
      </c>
      <c r="P6921" s="58">
        <f>IF(Input!$K$13=3,J6921*Input!$J$13,0)+IF(Input!$K$14=3,K6921*Input!$J$14,0)+IF(Input!$K$15=3,L6921*Input!$J$15,0)+IF(Input!$K$16=3,M6921*Input!$J$16,0)</f>
        <v>0</v>
      </c>
      <c r="Q6921" s="71">
        <f>IF(Input!$K$13=4,J6921*Input!$J$13,0)+IF(Input!$K$14=4,K6921*Input!$J$14,0)+IF(Input!$K$15=4,L6921*Input!$J$15,0)+IF(Input!$K$16=4,M6921*Input!$J$16,0)</f>
        <v>0</v>
      </c>
    </row>
    <row r="6922" spans="8:17" x14ac:dyDescent="0.25">
      <c r="H6922" s="43">
        <v>6915</v>
      </c>
      <c r="I6922" s="55">
        <f>Bühler!I6948</f>
        <v>1.245589909105022</v>
      </c>
      <c r="J6922" s="58">
        <f>Bühler!J6948</f>
        <v>11.117983534282995</v>
      </c>
      <c r="K6922" s="58">
        <f>Bühler!K6948</f>
        <v>0.60018126935278038</v>
      </c>
      <c r="L6922" s="58">
        <f>Bühler!L6948</f>
        <v>0.30009063467639019</v>
      </c>
      <c r="M6922" s="57">
        <f>Bühler!M6948</f>
        <v>0</v>
      </c>
      <c r="N6922" s="55">
        <f>IF(Input!$K$13=1,J6922*Input!$J$13,0)+IF(Input!$K$14=1,K6922*Input!$J$14,0)+IF(Input!$K$15=1,L6922*Input!$J$15,0)+IF(Input!$K$16=1,M6922*Input!$J$16,0)</f>
        <v>1.3341580241139595</v>
      </c>
      <c r="O6922" s="58">
        <f>IF(Input!$K$13=2,J6922*Input!$J$13,0)+IF(Input!$K$14=2,K6922*Input!$J$14,0)+IF(Input!$K$15=2,L6922*Input!$J$15,0)+IF(Input!$K$16=2,M6922*Input!$J$16,0)</f>
        <v>8.1024471362625347E-2</v>
      </c>
      <c r="P6922" s="58">
        <f>IF(Input!$K$13=3,J6922*Input!$J$13,0)+IF(Input!$K$14=3,K6922*Input!$J$14,0)+IF(Input!$K$15=3,L6922*Input!$J$15,0)+IF(Input!$K$16=3,M6922*Input!$J$16,0)</f>
        <v>0</v>
      </c>
      <c r="Q6922" s="71">
        <f>IF(Input!$K$13=4,J6922*Input!$J$13,0)+IF(Input!$K$14=4,K6922*Input!$J$14,0)+IF(Input!$K$15=4,L6922*Input!$J$15,0)+IF(Input!$K$16=4,M6922*Input!$J$16,0)</f>
        <v>0</v>
      </c>
    </row>
    <row r="6923" spans="8:17" x14ac:dyDescent="0.25">
      <c r="H6923" s="43">
        <v>6916</v>
      </c>
      <c r="I6923" s="55">
        <f>Bühler!I6949</f>
        <v>1.245589909105022</v>
      </c>
      <c r="J6923" s="58">
        <f>Bühler!J6949</f>
        <v>11.117983534282995</v>
      </c>
      <c r="K6923" s="58">
        <f>Bühler!K6949</f>
        <v>0.60018126935278038</v>
      </c>
      <c r="L6923" s="58">
        <f>Bühler!L6949</f>
        <v>0.30009063467639019</v>
      </c>
      <c r="M6923" s="57">
        <f>Bühler!M6949</f>
        <v>0</v>
      </c>
      <c r="N6923" s="55">
        <f>IF(Input!$K$13=1,J6923*Input!$J$13,0)+IF(Input!$K$14=1,K6923*Input!$J$14,0)+IF(Input!$K$15=1,L6923*Input!$J$15,0)+IF(Input!$K$16=1,M6923*Input!$J$16,0)</f>
        <v>1.3341580241139595</v>
      </c>
      <c r="O6923" s="58">
        <f>IF(Input!$K$13=2,J6923*Input!$J$13,0)+IF(Input!$K$14=2,K6923*Input!$J$14,0)+IF(Input!$K$15=2,L6923*Input!$J$15,0)+IF(Input!$K$16=2,M6923*Input!$J$16,0)</f>
        <v>8.1024471362625347E-2</v>
      </c>
      <c r="P6923" s="58">
        <f>IF(Input!$K$13=3,J6923*Input!$J$13,0)+IF(Input!$K$14=3,K6923*Input!$J$14,0)+IF(Input!$K$15=3,L6923*Input!$J$15,0)+IF(Input!$K$16=3,M6923*Input!$J$16,0)</f>
        <v>0</v>
      </c>
      <c r="Q6923" s="71">
        <f>IF(Input!$K$13=4,J6923*Input!$J$13,0)+IF(Input!$K$14=4,K6923*Input!$J$14,0)+IF(Input!$K$15=4,L6923*Input!$J$15,0)+IF(Input!$K$16=4,M6923*Input!$J$16,0)</f>
        <v>0</v>
      </c>
    </row>
    <row r="6924" spans="8:17" x14ac:dyDescent="0.25">
      <c r="H6924" s="43">
        <v>6917</v>
      </c>
      <c r="I6924" s="55">
        <f>Bühler!I6950</f>
        <v>1.245589909105022</v>
      </c>
      <c r="J6924" s="58">
        <f>Bühler!J6950</f>
        <v>11.117983534282995</v>
      </c>
      <c r="K6924" s="58">
        <f>Bühler!K6950</f>
        <v>0.60018126935278038</v>
      </c>
      <c r="L6924" s="58">
        <f>Bühler!L6950</f>
        <v>0.30009063467639019</v>
      </c>
      <c r="M6924" s="57">
        <f>Bühler!M6950</f>
        <v>0</v>
      </c>
      <c r="N6924" s="55">
        <f>IF(Input!$K$13=1,J6924*Input!$J$13,0)+IF(Input!$K$14=1,K6924*Input!$J$14,0)+IF(Input!$K$15=1,L6924*Input!$J$15,0)+IF(Input!$K$16=1,M6924*Input!$J$16,0)</f>
        <v>1.3341580241139595</v>
      </c>
      <c r="O6924" s="58">
        <f>IF(Input!$K$13=2,J6924*Input!$J$13,0)+IF(Input!$K$14=2,K6924*Input!$J$14,0)+IF(Input!$K$15=2,L6924*Input!$J$15,0)+IF(Input!$K$16=2,M6924*Input!$J$16,0)</f>
        <v>8.1024471362625347E-2</v>
      </c>
      <c r="P6924" s="58">
        <f>IF(Input!$K$13=3,J6924*Input!$J$13,0)+IF(Input!$K$14=3,K6924*Input!$J$14,0)+IF(Input!$K$15=3,L6924*Input!$J$15,0)+IF(Input!$K$16=3,M6924*Input!$J$16,0)</f>
        <v>0</v>
      </c>
      <c r="Q6924" s="71">
        <f>IF(Input!$K$13=4,J6924*Input!$J$13,0)+IF(Input!$K$14=4,K6924*Input!$J$14,0)+IF(Input!$K$15=4,L6924*Input!$J$15,0)+IF(Input!$K$16=4,M6924*Input!$J$16,0)</f>
        <v>0</v>
      </c>
    </row>
    <row r="6925" spans="8:17" x14ac:dyDescent="0.25">
      <c r="H6925" s="43">
        <v>6918</v>
      </c>
      <c r="I6925" s="55">
        <f>Bühler!I6951</f>
        <v>1.245589909105022</v>
      </c>
      <c r="J6925" s="58">
        <f>Bühler!J6951</f>
        <v>11.117983534282995</v>
      </c>
      <c r="K6925" s="58">
        <f>Bühler!K6951</f>
        <v>0.60018126935278038</v>
      </c>
      <c r="L6925" s="58">
        <f>Bühler!L6951</f>
        <v>0.30009063467639019</v>
      </c>
      <c r="M6925" s="57">
        <f>Bühler!M6951</f>
        <v>0</v>
      </c>
      <c r="N6925" s="55">
        <f>IF(Input!$K$13=1,J6925*Input!$J$13,0)+IF(Input!$K$14=1,K6925*Input!$J$14,0)+IF(Input!$K$15=1,L6925*Input!$J$15,0)+IF(Input!$K$16=1,M6925*Input!$J$16,0)</f>
        <v>1.3341580241139595</v>
      </c>
      <c r="O6925" s="58">
        <f>IF(Input!$K$13=2,J6925*Input!$J$13,0)+IF(Input!$K$14=2,K6925*Input!$J$14,0)+IF(Input!$K$15=2,L6925*Input!$J$15,0)+IF(Input!$K$16=2,M6925*Input!$J$16,0)</f>
        <v>8.1024471362625347E-2</v>
      </c>
      <c r="P6925" s="58">
        <f>IF(Input!$K$13=3,J6925*Input!$J$13,0)+IF(Input!$K$14=3,K6925*Input!$J$14,0)+IF(Input!$K$15=3,L6925*Input!$J$15,0)+IF(Input!$K$16=3,M6925*Input!$J$16,0)</f>
        <v>0</v>
      </c>
      <c r="Q6925" s="71">
        <f>IF(Input!$K$13=4,J6925*Input!$J$13,0)+IF(Input!$K$14=4,K6925*Input!$J$14,0)+IF(Input!$K$15=4,L6925*Input!$J$15,0)+IF(Input!$K$16=4,M6925*Input!$J$16,0)</f>
        <v>0</v>
      </c>
    </row>
    <row r="6926" spans="8:17" x14ac:dyDescent="0.25">
      <c r="H6926" s="43">
        <v>6919</v>
      </c>
      <c r="I6926" s="55">
        <f>Bühler!I6952</f>
        <v>1.245589909105022</v>
      </c>
      <c r="J6926" s="58">
        <f>Bühler!J6952</f>
        <v>11.117983534282995</v>
      </c>
      <c r="K6926" s="58">
        <f>Bühler!K6952</f>
        <v>0.60018126935278038</v>
      </c>
      <c r="L6926" s="58">
        <f>Bühler!L6952</f>
        <v>0.30009063467639019</v>
      </c>
      <c r="M6926" s="57">
        <f>Bühler!M6952</f>
        <v>0</v>
      </c>
      <c r="N6926" s="55">
        <f>IF(Input!$K$13=1,J6926*Input!$J$13,0)+IF(Input!$K$14=1,K6926*Input!$J$14,0)+IF(Input!$K$15=1,L6926*Input!$J$15,0)+IF(Input!$K$16=1,M6926*Input!$J$16,0)</f>
        <v>1.3341580241139595</v>
      </c>
      <c r="O6926" s="58">
        <f>IF(Input!$K$13=2,J6926*Input!$J$13,0)+IF(Input!$K$14=2,K6926*Input!$J$14,0)+IF(Input!$K$15=2,L6926*Input!$J$15,0)+IF(Input!$K$16=2,M6926*Input!$J$16,0)</f>
        <v>8.1024471362625347E-2</v>
      </c>
      <c r="P6926" s="58">
        <f>IF(Input!$K$13=3,J6926*Input!$J$13,0)+IF(Input!$K$14=3,K6926*Input!$J$14,0)+IF(Input!$K$15=3,L6926*Input!$J$15,0)+IF(Input!$K$16=3,M6926*Input!$J$16,0)</f>
        <v>0</v>
      </c>
      <c r="Q6926" s="71">
        <f>IF(Input!$K$13=4,J6926*Input!$J$13,0)+IF(Input!$K$14=4,K6926*Input!$J$14,0)+IF(Input!$K$15=4,L6926*Input!$J$15,0)+IF(Input!$K$16=4,M6926*Input!$J$16,0)</f>
        <v>0</v>
      </c>
    </row>
    <row r="6927" spans="8:17" x14ac:dyDescent="0.25">
      <c r="H6927" s="43">
        <v>6920</v>
      </c>
      <c r="I6927" s="55">
        <f>Bühler!I6953</f>
        <v>5.4183161046068458</v>
      </c>
      <c r="J6927" s="58">
        <f>Bühler!J6953</f>
        <v>47.484054872183293</v>
      </c>
      <c r="K6927" s="58">
        <f>Bühler!K6953</f>
        <v>2.5567722074428438</v>
      </c>
      <c r="L6927" s="58">
        <f>Bühler!L6953</f>
        <v>1.2783861037214219</v>
      </c>
      <c r="M6927" s="57">
        <f>Bühler!M6953</f>
        <v>0</v>
      </c>
      <c r="N6927" s="55">
        <f>IF(Input!$K$13=1,J6927*Input!$J$13,0)+IF(Input!$K$14=1,K6927*Input!$J$14,0)+IF(Input!$K$15=1,L6927*Input!$J$15,0)+IF(Input!$K$16=1,M6927*Input!$J$16,0)</f>
        <v>5.6980865846619952</v>
      </c>
      <c r="O6927" s="58">
        <f>IF(Input!$K$13=2,J6927*Input!$J$13,0)+IF(Input!$K$14=2,K6927*Input!$J$14,0)+IF(Input!$K$15=2,L6927*Input!$J$15,0)+IF(Input!$K$16=2,M6927*Input!$J$16,0)</f>
        <v>0.3451642480047839</v>
      </c>
      <c r="P6927" s="58">
        <f>IF(Input!$K$13=3,J6927*Input!$J$13,0)+IF(Input!$K$14=3,K6927*Input!$J$14,0)+IF(Input!$K$15=3,L6927*Input!$J$15,0)+IF(Input!$K$16=3,M6927*Input!$J$16,0)</f>
        <v>0</v>
      </c>
      <c r="Q6927" s="71">
        <f>IF(Input!$K$13=4,J6927*Input!$J$13,0)+IF(Input!$K$14=4,K6927*Input!$J$14,0)+IF(Input!$K$15=4,L6927*Input!$J$15,0)+IF(Input!$K$16=4,M6927*Input!$J$16,0)</f>
        <v>0</v>
      </c>
    </row>
    <row r="6928" spans="8:17" x14ac:dyDescent="0.25">
      <c r="H6928" s="43">
        <v>6921</v>
      </c>
      <c r="I6928" s="55">
        <f>Bühler!I6954</f>
        <v>6.0956056176827014</v>
      </c>
      <c r="J6928" s="58">
        <f>Bühler!J6954</f>
        <v>53.419561731206201</v>
      </c>
      <c r="K6928" s="58">
        <f>Bühler!K6954</f>
        <v>2.8763687333731998</v>
      </c>
      <c r="L6928" s="58">
        <f>Bühler!L6954</f>
        <v>1.4381843666865999</v>
      </c>
      <c r="M6928" s="57">
        <f>Bühler!M6954</f>
        <v>0</v>
      </c>
      <c r="N6928" s="55">
        <f>IF(Input!$K$13=1,J6928*Input!$J$13,0)+IF(Input!$K$14=1,K6928*Input!$J$14,0)+IF(Input!$K$15=1,L6928*Input!$J$15,0)+IF(Input!$K$16=1,M6928*Input!$J$16,0)</f>
        <v>6.4103474077447435</v>
      </c>
      <c r="O6928" s="58">
        <f>IF(Input!$K$13=2,J6928*Input!$J$13,0)+IF(Input!$K$14=2,K6928*Input!$J$14,0)+IF(Input!$K$15=2,L6928*Input!$J$15,0)+IF(Input!$K$16=2,M6928*Input!$J$16,0)</f>
        <v>0.38830977900538199</v>
      </c>
      <c r="P6928" s="58">
        <f>IF(Input!$K$13=3,J6928*Input!$J$13,0)+IF(Input!$K$14=3,K6928*Input!$J$14,0)+IF(Input!$K$15=3,L6928*Input!$J$15,0)+IF(Input!$K$16=3,M6928*Input!$J$16,0)</f>
        <v>0</v>
      </c>
      <c r="Q6928" s="71">
        <f>IF(Input!$K$13=4,J6928*Input!$J$13,0)+IF(Input!$K$14=4,K6928*Input!$J$14,0)+IF(Input!$K$15=4,L6928*Input!$J$15,0)+IF(Input!$K$16=4,M6928*Input!$J$16,0)</f>
        <v>0</v>
      </c>
    </row>
    <row r="6929" spans="8:17" x14ac:dyDescent="0.25">
      <c r="H6929" s="43">
        <v>6922</v>
      </c>
      <c r="I6929" s="55">
        <f>Bühler!I6955</f>
        <v>6.772895130758557</v>
      </c>
      <c r="J6929" s="58">
        <f>Bühler!J6955</f>
        <v>59.355068590229116</v>
      </c>
      <c r="K6929" s="58">
        <f>Bühler!K6955</f>
        <v>3.1959652593035548</v>
      </c>
      <c r="L6929" s="58">
        <f>Bühler!L6955</f>
        <v>1.5979826296517774</v>
      </c>
      <c r="M6929" s="57">
        <f>Bühler!M6955</f>
        <v>0</v>
      </c>
      <c r="N6929" s="55">
        <f>IF(Input!$K$13=1,J6929*Input!$J$13,0)+IF(Input!$K$14=1,K6929*Input!$J$14,0)+IF(Input!$K$15=1,L6929*Input!$J$15,0)+IF(Input!$K$16=1,M6929*Input!$J$16,0)</f>
        <v>7.1226082308274936</v>
      </c>
      <c r="O6929" s="58">
        <f>IF(Input!$K$13=2,J6929*Input!$J$13,0)+IF(Input!$K$14=2,K6929*Input!$J$14,0)+IF(Input!$K$15=2,L6929*Input!$J$15,0)+IF(Input!$K$16=2,M6929*Input!$J$16,0)</f>
        <v>0.43145531000597992</v>
      </c>
      <c r="P6929" s="58">
        <f>IF(Input!$K$13=3,J6929*Input!$J$13,0)+IF(Input!$K$14=3,K6929*Input!$J$14,0)+IF(Input!$K$15=3,L6929*Input!$J$15,0)+IF(Input!$K$16=3,M6929*Input!$J$16,0)</f>
        <v>0</v>
      </c>
      <c r="Q6929" s="71">
        <f>IF(Input!$K$13=4,J6929*Input!$J$13,0)+IF(Input!$K$14=4,K6929*Input!$J$14,0)+IF(Input!$K$15=4,L6929*Input!$J$15,0)+IF(Input!$K$16=4,M6929*Input!$J$16,0)</f>
        <v>0</v>
      </c>
    </row>
    <row r="6930" spans="8:17" x14ac:dyDescent="0.25">
      <c r="H6930" s="43">
        <v>6923</v>
      </c>
      <c r="I6930" s="55">
        <f>Bühler!I6956</f>
        <v>6.772895130758557</v>
      </c>
      <c r="J6930" s="58">
        <f>Bühler!J6956</f>
        <v>59.355068590229116</v>
      </c>
      <c r="K6930" s="58">
        <f>Bühler!K6956</f>
        <v>3.1959652593035548</v>
      </c>
      <c r="L6930" s="58">
        <f>Bühler!L6956</f>
        <v>1.5979826296517774</v>
      </c>
      <c r="M6930" s="57">
        <f>Bühler!M6956</f>
        <v>0</v>
      </c>
      <c r="N6930" s="55">
        <f>IF(Input!$K$13=1,J6930*Input!$J$13,0)+IF(Input!$K$14=1,K6930*Input!$J$14,0)+IF(Input!$K$15=1,L6930*Input!$J$15,0)+IF(Input!$K$16=1,M6930*Input!$J$16,0)</f>
        <v>7.1226082308274936</v>
      </c>
      <c r="O6930" s="58">
        <f>IF(Input!$K$13=2,J6930*Input!$J$13,0)+IF(Input!$K$14=2,K6930*Input!$J$14,0)+IF(Input!$K$15=2,L6930*Input!$J$15,0)+IF(Input!$K$16=2,M6930*Input!$J$16,0)</f>
        <v>0.43145531000597992</v>
      </c>
      <c r="P6930" s="58">
        <f>IF(Input!$K$13=3,J6930*Input!$J$13,0)+IF(Input!$K$14=3,K6930*Input!$J$14,0)+IF(Input!$K$15=3,L6930*Input!$J$15,0)+IF(Input!$K$16=3,M6930*Input!$J$16,0)</f>
        <v>0</v>
      </c>
      <c r="Q6930" s="71">
        <f>IF(Input!$K$13=4,J6930*Input!$J$13,0)+IF(Input!$K$14=4,K6930*Input!$J$14,0)+IF(Input!$K$15=4,L6930*Input!$J$15,0)+IF(Input!$K$16=4,M6930*Input!$J$16,0)</f>
        <v>0</v>
      </c>
    </row>
    <row r="6931" spans="8:17" x14ac:dyDescent="0.25">
      <c r="H6931" s="43">
        <v>6924</v>
      </c>
      <c r="I6931" s="55">
        <f>Bühler!I6957</f>
        <v>8.1274741569102673</v>
      </c>
      <c r="J6931" s="58">
        <f>Bühler!J6957</f>
        <v>71.226082308274925</v>
      </c>
      <c r="K6931" s="58">
        <f>Bühler!K6957</f>
        <v>3.8351583111642649</v>
      </c>
      <c r="L6931" s="58">
        <f>Bühler!L6957</f>
        <v>1.9175791555821324</v>
      </c>
      <c r="M6931" s="57">
        <f>Bühler!M6957</f>
        <v>0</v>
      </c>
      <c r="N6931" s="55">
        <f>IF(Input!$K$13=1,J6931*Input!$J$13,0)+IF(Input!$K$14=1,K6931*Input!$J$14,0)+IF(Input!$K$15=1,L6931*Input!$J$15,0)+IF(Input!$K$16=1,M6931*Input!$J$16,0)</f>
        <v>8.5471298769929902</v>
      </c>
      <c r="O6931" s="58">
        <f>IF(Input!$K$13=2,J6931*Input!$J$13,0)+IF(Input!$K$14=2,K6931*Input!$J$14,0)+IF(Input!$K$15=2,L6931*Input!$J$15,0)+IF(Input!$K$16=2,M6931*Input!$J$16,0)</f>
        <v>0.51774637200717577</v>
      </c>
      <c r="P6931" s="58">
        <f>IF(Input!$K$13=3,J6931*Input!$J$13,0)+IF(Input!$K$14=3,K6931*Input!$J$14,0)+IF(Input!$K$15=3,L6931*Input!$J$15,0)+IF(Input!$K$16=3,M6931*Input!$J$16,0)</f>
        <v>0</v>
      </c>
      <c r="Q6931" s="71">
        <f>IF(Input!$K$13=4,J6931*Input!$J$13,0)+IF(Input!$K$14=4,K6931*Input!$J$14,0)+IF(Input!$K$15=4,L6931*Input!$J$15,0)+IF(Input!$K$16=4,M6931*Input!$J$16,0)</f>
        <v>0</v>
      </c>
    </row>
    <row r="6932" spans="8:17" x14ac:dyDescent="0.25">
      <c r="H6932" s="43">
        <v>6925</v>
      </c>
      <c r="I6932" s="55">
        <f>Bühler!I6958</f>
        <v>8.1274741569102673</v>
      </c>
      <c r="J6932" s="58">
        <f>Bühler!J6958</f>
        <v>71.226082308274925</v>
      </c>
      <c r="K6932" s="58">
        <f>Bühler!K6958</f>
        <v>3.8351583111642649</v>
      </c>
      <c r="L6932" s="58">
        <f>Bühler!L6958</f>
        <v>1.9175791555821324</v>
      </c>
      <c r="M6932" s="57">
        <f>Bühler!M6958</f>
        <v>0</v>
      </c>
      <c r="N6932" s="55">
        <f>IF(Input!$K$13=1,J6932*Input!$J$13,0)+IF(Input!$K$14=1,K6932*Input!$J$14,0)+IF(Input!$K$15=1,L6932*Input!$J$15,0)+IF(Input!$K$16=1,M6932*Input!$J$16,0)</f>
        <v>8.5471298769929902</v>
      </c>
      <c r="O6932" s="58">
        <f>IF(Input!$K$13=2,J6932*Input!$J$13,0)+IF(Input!$K$14=2,K6932*Input!$J$14,0)+IF(Input!$K$15=2,L6932*Input!$J$15,0)+IF(Input!$K$16=2,M6932*Input!$J$16,0)</f>
        <v>0.51774637200717577</v>
      </c>
      <c r="P6932" s="58">
        <f>IF(Input!$K$13=3,J6932*Input!$J$13,0)+IF(Input!$K$14=3,K6932*Input!$J$14,0)+IF(Input!$K$15=3,L6932*Input!$J$15,0)+IF(Input!$K$16=3,M6932*Input!$J$16,0)</f>
        <v>0</v>
      </c>
      <c r="Q6932" s="71">
        <f>IF(Input!$K$13=4,J6932*Input!$J$13,0)+IF(Input!$K$14=4,K6932*Input!$J$14,0)+IF(Input!$K$15=4,L6932*Input!$J$15,0)+IF(Input!$K$16=4,M6932*Input!$J$16,0)</f>
        <v>0</v>
      </c>
    </row>
    <row r="6933" spans="8:17" x14ac:dyDescent="0.25">
      <c r="H6933" s="43">
        <v>6926</v>
      </c>
      <c r="I6933" s="55">
        <f>Bühler!I6959</f>
        <v>5.4183161046068458</v>
      </c>
      <c r="J6933" s="58">
        <f>Bühler!J6959</f>
        <v>47.484054872183293</v>
      </c>
      <c r="K6933" s="58">
        <f>Bühler!K6959</f>
        <v>2.5567722074428438</v>
      </c>
      <c r="L6933" s="58">
        <f>Bühler!L6959</f>
        <v>1.2783861037214219</v>
      </c>
      <c r="M6933" s="57">
        <f>Bühler!M6959</f>
        <v>0</v>
      </c>
      <c r="N6933" s="55">
        <f>IF(Input!$K$13=1,J6933*Input!$J$13,0)+IF(Input!$K$14=1,K6933*Input!$J$14,0)+IF(Input!$K$15=1,L6933*Input!$J$15,0)+IF(Input!$K$16=1,M6933*Input!$J$16,0)</f>
        <v>5.6980865846619952</v>
      </c>
      <c r="O6933" s="58">
        <f>IF(Input!$K$13=2,J6933*Input!$J$13,0)+IF(Input!$K$14=2,K6933*Input!$J$14,0)+IF(Input!$K$15=2,L6933*Input!$J$15,0)+IF(Input!$K$16=2,M6933*Input!$J$16,0)</f>
        <v>0.3451642480047839</v>
      </c>
      <c r="P6933" s="58">
        <f>IF(Input!$K$13=3,J6933*Input!$J$13,0)+IF(Input!$K$14=3,K6933*Input!$J$14,0)+IF(Input!$K$15=3,L6933*Input!$J$15,0)+IF(Input!$K$16=3,M6933*Input!$J$16,0)</f>
        <v>0</v>
      </c>
      <c r="Q6933" s="71">
        <f>IF(Input!$K$13=4,J6933*Input!$J$13,0)+IF(Input!$K$14=4,K6933*Input!$J$14,0)+IF(Input!$K$15=4,L6933*Input!$J$15,0)+IF(Input!$K$16=4,M6933*Input!$J$16,0)</f>
        <v>0</v>
      </c>
    </row>
    <row r="6934" spans="8:17" x14ac:dyDescent="0.25">
      <c r="H6934" s="43">
        <v>6927</v>
      </c>
      <c r="I6934" s="55">
        <f>Bühler!I6960</f>
        <v>8.1274741569102673</v>
      </c>
      <c r="J6934" s="58">
        <f>Bühler!J6960</f>
        <v>71.226082308274925</v>
      </c>
      <c r="K6934" s="58">
        <f>Bühler!K6960</f>
        <v>3.8351583111642649</v>
      </c>
      <c r="L6934" s="58">
        <f>Bühler!L6960</f>
        <v>1.9175791555821324</v>
      </c>
      <c r="M6934" s="57">
        <f>Bühler!M6960</f>
        <v>0</v>
      </c>
      <c r="N6934" s="55">
        <f>IF(Input!$K$13=1,J6934*Input!$J$13,0)+IF(Input!$K$14=1,K6934*Input!$J$14,0)+IF(Input!$K$15=1,L6934*Input!$J$15,0)+IF(Input!$K$16=1,M6934*Input!$J$16,0)</f>
        <v>8.5471298769929902</v>
      </c>
      <c r="O6934" s="58">
        <f>IF(Input!$K$13=2,J6934*Input!$J$13,0)+IF(Input!$K$14=2,K6934*Input!$J$14,0)+IF(Input!$K$15=2,L6934*Input!$J$15,0)+IF(Input!$K$16=2,M6934*Input!$J$16,0)</f>
        <v>0.51774637200717577</v>
      </c>
      <c r="P6934" s="58">
        <f>IF(Input!$K$13=3,J6934*Input!$J$13,0)+IF(Input!$K$14=3,K6934*Input!$J$14,0)+IF(Input!$K$15=3,L6934*Input!$J$15,0)+IF(Input!$K$16=3,M6934*Input!$J$16,0)</f>
        <v>0</v>
      </c>
      <c r="Q6934" s="71">
        <f>IF(Input!$K$13=4,J6934*Input!$J$13,0)+IF(Input!$K$14=4,K6934*Input!$J$14,0)+IF(Input!$K$15=4,L6934*Input!$J$15,0)+IF(Input!$K$16=4,M6934*Input!$J$16,0)</f>
        <v>0</v>
      </c>
    </row>
    <row r="6935" spans="8:17" x14ac:dyDescent="0.25">
      <c r="H6935" s="43">
        <v>6928</v>
      </c>
      <c r="I6935" s="55">
        <f>Bühler!I6961</f>
        <v>8.1274741569102673</v>
      </c>
      <c r="J6935" s="58">
        <f>Bühler!J6961</f>
        <v>71.226082308274925</v>
      </c>
      <c r="K6935" s="58">
        <f>Bühler!K6961</f>
        <v>3.8351583111642649</v>
      </c>
      <c r="L6935" s="58">
        <f>Bühler!L6961</f>
        <v>1.9175791555821324</v>
      </c>
      <c r="M6935" s="57">
        <f>Bühler!M6961</f>
        <v>0</v>
      </c>
      <c r="N6935" s="55">
        <f>IF(Input!$K$13=1,J6935*Input!$J$13,0)+IF(Input!$K$14=1,K6935*Input!$J$14,0)+IF(Input!$K$15=1,L6935*Input!$J$15,0)+IF(Input!$K$16=1,M6935*Input!$J$16,0)</f>
        <v>8.5471298769929902</v>
      </c>
      <c r="O6935" s="58">
        <f>IF(Input!$K$13=2,J6935*Input!$J$13,0)+IF(Input!$K$14=2,K6935*Input!$J$14,0)+IF(Input!$K$15=2,L6935*Input!$J$15,0)+IF(Input!$K$16=2,M6935*Input!$J$16,0)</f>
        <v>0.51774637200717577</v>
      </c>
      <c r="P6935" s="58">
        <f>IF(Input!$K$13=3,J6935*Input!$J$13,0)+IF(Input!$K$14=3,K6935*Input!$J$14,0)+IF(Input!$K$15=3,L6935*Input!$J$15,0)+IF(Input!$K$16=3,M6935*Input!$J$16,0)</f>
        <v>0</v>
      </c>
      <c r="Q6935" s="71">
        <f>IF(Input!$K$13=4,J6935*Input!$J$13,0)+IF(Input!$K$14=4,K6935*Input!$J$14,0)+IF(Input!$K$15=4,L6935*Input!$J$15,0)+IF(Input!$K$16=4,M6935*Input!$J$16,0)</f>
        <v>0</v>
      </c>
    </row>
    <row r="6936" spans="8:17" x14ac:dyDescent="0.25">
      <c r="H6936" s="43">
        <v>6929</v>
      </c>
      <c r="I6936" s="55">
        <f>Bühler!I6962</f>
        <v>6.772895130758557</v>
      </c>
      <c r="J6936" s="58">
        <f>Bühler!J6962</f>
        <v>43.74973893065691</v>
      </c>
      <c r="K6936" s="58">
        <f>Bühler!K6962</f>
        <v>2.2371756815124884</v>
      </c>
      <c r="L6936" s="58">
        <f>Bühler!L6962</f>
        <v>1.1185878407562442</v>
      </c>
      <c r="M6936" s="57">
        <f>Bühler!M6962</f>
        <v>0</v>
      </c>
      <c r="N6936" s="55">
        <f>IF(Input!$K$13=1,J6936*Input!$J$13,0)+IF(Input!$K$14=1,K6936*Input!$J$14,0)+IF(Input!$K$15=1,L6936*Input!$J$15,0)+IF(Input!$K$16=1,M6936*Input!$J$16,0)</f>
        <v>5.249968671678829</v>
      </c>
      <c r="O6936" s="58">
        <f>IF(Input!$K$13=2,J6936*Input!$J$13,0)+IF(Input!$K$14=2,K6936*Input!$J$14,0)+IF(Input!$K$15=2,L6936*Input!$J$15,0)+IF(Input!$K$16=2,M6936*Input!$J$16,0)</f>
        <v>0.30201871700418592</v>
      </c>
      <c r="P6936" s="58">
        <f>IF(Input!$K$13=3,J6936*Input!$J$13,0)+IF(Input!$K$14=3,K6936*Input!$J$14,0)+IF(Input!$K$15=3,L6936*Input!$J$15,0)+IF(Input!$K$16=3,M6936*Input!$J$16,0)</f>
        <v>0</v>
      </c>
      <c r="Q6936" s="71">
        <f>IF(Input!$K$13=4,J6936*Input!$J$13,0)+IF(Input!$K$14=4,K6936*Input!$J$14,0)+IF(Input!$K$15=4,L6936*Input!$J$15,0)+IF(Input!$K$16=4,M6936*Input!$J$16,0)</f>
        <v>0</v>
      </c>
    </row>
    <row r="6937" spans="8:17" x14ac:dyDescent="0.25">
      <c r="H6937" s="43">
        <v>6930</v>
      </c>
      <c r="I6937" s="55">
        <f>Bühler!I6963</f>
        <v>5.4494558523344718</v>
      </c>
      <c r="J6937" s="58">
        <f>Bühler!J6963</f>
        <v>16.307130279743816</v>
      </c>
      <c r="K6937" s="58">
        <f>Bühler!K6963</f>
        <v>0.63919305186071096</v>
      </c>
      <c r="L6937" s="58">
        <f>Bühler!L6963</f>
        <v>0.31959652593035548</v>
      </c>
      <c r="M6937" s="57">
        <f>Bühler!M6963</f>
        <v>0</v>
      </c>
      <c r="N6937" s="55">
        <f>IF(Input!$K$13=1,J6937*Input!$J$13,0)+IF(Input!$K$14=1,K6937*Input!$J$14,0)+IF(Input!$K$15=1,L6937*Input!$J$15,0)+IF(Input!$K$16=1,M6937*Input!$J$16,0)</f>
        <v>1.956855633569258</v>
      </c>
      <c r="O6937" s="58">
        <f>IF(Input!$K$13=2,J6937*Input!$J$13,0)+IF(Input!$K$14=2,K6937*Input!$J$14,0)+IF(Input!$K$15=2,L6937*Input!$J$15,0)+IF(Input!$K$16=2,M6937*Input!$J$16,0)</f>
        <v>8.6291062001195976E-2</v>
      </c>
      <c r="P6937" s="58">
        <f>IF(Input!$K$13=3,J6937*Input!$J$13,0)+IF(Input!$K$14=3,K6937*Input!$J$14,0)+IF(Input!$K$15=3,L6937*Input!$J$15,0)+IF(Input!$K$16=3,M6937*Input!$J$16,0)</f>
        <v>0</v>
      </c>
      <c r="Q6937" s="71">
        <f>IF(Input!$K$13=4,J6937*Input!$J$13,0)+IF(Input!$K$14=4,K6937*Input!$J$14,0)+IF(Input!$K$15=4,L6937*Input!$J$15,0)+IF(Input!$K$16=4,M6937*Input!$J$16,0)</f>
        <v>0</v>
      </c>
    </row>
    <row r="6938" spans="8:17" x14ac:dyDescent="0.25">
      <c r="H6938" s="43">
        <v>6931</v>
      </c>
      <c r="I6938" s="55">
        <f>Bühler!I6964</f>
        <v>1.9462342329765971</v>
      </c>
      <c r="J6938" s="58">
        <f>Bühler!J6964</f>
        <v>12.365444608448161</v>
      </c>
      <c r="K6938" s="58">
        <f>Bühler!K6964</f>
        <v>0.63019033282041925</v>
      </c>
      <c r="L6938" s="58">
        <f>Bühler!L6964</f>
        <v>0.31509516641020963</v>
      </c>
      <c r="M6938" s="57">
        <f>Bühler!M6964</f>
        <v>0</v>
      </c>
      <c r="N6938" s="55">
        <f>IF(Input!$K$13=1,J6938*Input!$J$13,0)+IF(Input!$K$14=1,K6938*Input!$J$14,0)+IF(Input!$K$15=1,L6938*Input!$J$15,0)+IF(Input!$K$16=1,M6938*Input!$J$16,0)</f>
        <v>1.4838533530137794</v>
      </c>
      <c r="O6938" s="58">
        <f>IF(Input!$K$13=2,J6938*Input!$J$13,0)+IF(Input!$K$14=2,K6938*Input!$J$14,0)+IF(Input!$K$15=2,L6938*Input!$J$15,0)+IF(Input!$K$16=2,M6938*Input!$J$16,0)</f>
        <v>8.507569493075659E-2</v>
      </c>
      <c r="P6938" s="58">
        <f>IF(Input!$K$13=3,J6938*Input!$J$13,0)+IF(Input!$K$14=3,K6938*Input!$J$14,0)+IF(Input!$K$15=3,L6938*Input!$J$15,0)+IF(Input!$K$16=3,M6938*Input!$J$16,0)</f>
        <v>0</v>
      </c>
      <c r="Q6938" s="71">
        <f>IF(Input!$K$13=4,J6938*Input!$J$13,0)+IF(Input!$K$14=4,K6938*Input!$J$14,0)+IF(Input!$K$15=4,L6938*Input!$J$15,0)+IF(Input!$K$16=4,M6938*Input!$J$16,0)</f>
        <v>0</v>
      </c>
    </row>
    <row r="6939" spans="8:17" x14ac:dyDescent="0.25">
      <c r="H6939" s="43">
        <v>6932</v>
      </c>
      <c r="I6939" s="55">
        <f>Bühler!I6965</f>
        <v>1.9462342329765971</v>
      </c>
      <c r="J6939" s="58">
        <f>Bühler!J6965</f>
        <v>12.365444608448161</v>
      </c>
      <c r="K6939" s="58">
        <f>Bühler!K6965</f>
        <v>0.63019033282041925</v>
      </c>
      <c r="L6939" s="58">
        <f>Bühler!L6965</f>
        <v>0.31509516641020963</v>
      </c>
      <c r="M6939" s="57">
        <f>Bühler!M6965</f>
        <v>0</v>
      </c>
      <c r="N6939" s="55">
        <f>IF(Input!$K$13=1,J6939*Input!$J$13,0)+IF(Input!$K$14=1,K6939*Input!$J$14,0)+IF(Input!$K$15=1,L6939*Input!$J$15,0)+IF(Input!$K$16=1,M6939*Input!$J$16,0)</f>
        <v>1.4838533530137794</v>
      </c>
      <c r="O6939" s="58">
        <f>IF(Input!$K$13=2,J6939*Input!$J$13,0)+IF(Input!$K$14=2,K6939*Input!$J$14,0)+IF(Input!$K$15=2,L6939*Input!$J$15,0)+IF(Input!$K$16=2,M6939*Input!$J$16,0)</f>
        <v>8.507569493075659E-2</v>
      </c>
      <c r="P6939" s="58">
        <f>IF(Input!$K$13=3,J6939*Input!$J$13,0)+IF(Input!$K$14=3,K6939*Input!$J$14,0)+IF(Input!$K$15=3,L6939*Input!$J$15,0)+IF(Input!$K$16=3,M6939*Input!$J$16,0)</f>
        <v>0</v>
      </c>
      <c r="Q6939" s="71">
        <f>IF(Input!$K$13=4,J6939*Input!$J$13,0)+IF(Input!$K$14=4,K6939*Input!$J$14,0)+IF(Input!$K$15=4,L6939*Input!$J$15,0)+IF(Input!$K$16=4,M6939*Input!$J$16,0)</f>
        <v>0</v>
      </c>
    </row>
    <row r="6940" spans="8:17" x14ac:dyDescent="0.25">
      <c r="H6940" s="43">
        <v>6933</v>
      </c>
      <c r="I6940" s="55">
        <f>Bühler!I6966</f>
        <v>1.9462342329765971</v>
      </c>
      <c r="J6940" s="58">
        <f>Bühler!J6966</f>
        <v>12.365444608448161</v>
      </c>
      <c r="K6940" s="58">
        <f>Bühler!K6966</f>
        <v>0.63019033282041925</v>
      </c>
      <c r="L6940" s="58">
        <f>Bühler!L6966</f>
        <v>0.31509516641020963</v>
      </c>
      <c r="M6940" s="57">
        <f>Bühler!M6966</f>
        <v>0</v>
      </c>
      <c r="N6940" s="55">
        <f>IF(Input!$K$13=1,J6940*Input!$J$13,0)+IF(Input!$K$14=1,K6940*Input!$J$14,0)+IF(Input!$K$15=1,L6940*Input!$J$15,0)+IF(Input!$K$16=1,M6940*Input!$J$16,0)</f>
        <v>1.4838533530137794</v>
      </c>
      <c r="O6940" s="58">
        <f>IF(Input!$K$13=2,J6940*Input!$J$13,0)+IF(Input!$K$14=2,K6940*Input!$J$14,0)+IF(Input!$K$15=2,L6940*Input!$J$15,0)+IF(Input!$K$16=2,M6940*Input!$J$16,0)</f>
        <v>8.507569493075659E-2</v>
      </c>
      <c r="P6940" s="58">
        <f>IF(Input!$K$13=3,J6940*Input!$J$13,0)+IF(Input!$K$14=3,K6940*Input!$J$14,0)+IF(Input!$K$15=3,L6940*Input!$J$15,0)+IF(Input!$K$16=3,M6940*Input!$J$16,0)</f>
        <v>0</v>
      </c>
      <c r="Q6940" s="71">
        <f>IF(Input!$K$13=4,J6940*Input!$J$13,0)+IF(Input!$K$14=4,K6940*Input!$J$14,0)+IF(Input!$K$15=4,L6940*Input!$J$15,0)+IF(Input!$K$16=4,M6940*Input!$J$16,0)</f>
        <v>0</v>
      </c>
    </row>
    <row r="6941" spans="8:17" x14ac:dyDescent="0.25">
      <c r="H6941" s="43">
        <v>6934</v>
      </c>
      <c r="I6941" s="55">
        <f>Bühler!I6967</f>
        <v>1.9462342329765971</v>
      </c>
      <c r="J6941" s="58">
        <f>Bühler!J6967</f>
        <v>12.365444608448161</v>
      </c>
      <c r="K6941" s="58">
        <f>Bühler!K6967</f>
        <v>0.63019033282041925</v>
      </c>
      <c r="L6941" s="58">
        <f>Bühler!L6967</f>
        <v>0.31509516641020963</v>
      </c>
      <c r="M6941" s="57">
        <f>Bühler!M6967</f>
        <v>0</v>
      </c>
      <c r="N6941" s="55">
        <f>IF(Input!$K$13=1,J6941*Input!$J$13,0)+IF(Input!$K$14=1,K6941*Input!$J$14,0)+IF(Input!$K$15=1,L6941*Input!$J$15,0)+IF(Input!$K$16=1,M6941*Input!$J$16,0)</f>
        <v>1.4838533530137794</v>
      </c>
      <c r="O6941" s="58">
        <f>IF(Input!$K$13=2,J6941*Input!$J$13,0)+IF(Input!$K$14=2,K6941*Input!$J$14,0)+IF(Input!$K$15=2,L6941*Input!$J$15,0)+IF(Input!$K$16=2,M6941*Input!$J$16,0)</f>
        <v>8.507569493075659E-2</v>
      </c>
      <c r="P6941" s="58">
        <f>IF(Input!$K$13=3,J6941*Input!$J$13,0)+IF(Input!$K$14=3,K6941*Input!$J$14,0)+IF(Input!$K$15=3,L6941*Input!$J$15,0)+IF(Input!$K$16=3,M6941*Input!$J$16,0)</f>
        <v>0</v>
      </c>
      <c r="Q6941" s="71">
        <f>IF(Input!$K$13=4,J6941*Input!$J$13,0)+IF(Input!$K$14=4,K6941*Input!$J$14,0)+IF(Input!$K$15=4,L6941*Input!$J$15,0)+IF(Input!$K$16=4,M6941*Input!$J$16,0)</f>
        <v>0</v>
      </c>
    </row>
    <row r="6942" spans="8:17" x14ac:dyDescent="0.25">
      <c r="H6942" s="43">
        <v>6935</v>
      </c>
      <c r="I6942" s="55">
        <f>Bühler!I6968</f>
        <v>1.9462342329765971</v>
      </c>
      <c r="J6942" s="58">
        <f>Bühler!J6968</f>
        <v>12.365444608448161</v>
      </c>
      <c r="K6942" s="58">
        <f>Bühler!K6968</f>
        <v>0.63019033282041925</v>
      </c>
      <c r="L6942" s="58">
        <f>Bühler!L6968</f>
        <v>0.31509516641020963</v>
      </c>
      <c r="M6942" s="57">
        <f>Bühler!M6968</f>
        <v>0</v>
      </c>
      <c r="N6942" s="55">
        <f>IF(Input!$K$13=1,J6942*Input!$J$13,0)+IF(Input!$K$14=1,K6942*Input!$J$14,0)+IF(Input!$K$15=1,L6942*Input!$J$15,0)+IF(Input!$K$16=1,M6942*Input!$J$16,0)</f>
        <v>1.4838533530137794</v>
      </c>
      <c r="O6942" s="58">
        <f>IF(Input!$K$13=2,J6942*Input!$J$13,0)+IF(Input!$K$14=2,K6942*Input!$J$14,0)+IF(Input!$K$15=2,L6942*Input!$J$15,0)+IF(Input!$K$16=2,M6942*Input!$J$16,0)</f>
        <v>8.507569493075659E-2</v>
      </c>
      <c r="P6942" s="58">
        <f>IF(Input!$K$13=3,J6942*Input!$J$13,0)+IF(Input!$K$14=3,K6942*Input!$J$14,0)+IF(Input!$K$15=3,L6942*Input!$J$15,0)+IF(Input!$K$16=3,M6942*Input!$J$16,0)</f>
        <v>0</v>
      </c>
      <c r="Q6942" s="71">
        <f>IF(Input!$K$13=4,J6942*Input!$J$13,0)+IF(Input!$K$14=4,K6942*Input!$J$14,0)+IF(Input!$K$15=4,L6942*Input!$J$15,0)+IF(Input!$K$16=4,M6942*Input!$J$16,0)</f>
        <v>0</v>
      </c>
    </row>
    <row r="6943" spans="8:17" x14ac:dyDescent="0.25">
      <c r="H6943" s="43">
        <v>6936</v>
      </c>
      <c r="I6943" s="55">
        <f>Bühler!I6969</f>
        <v>1.9462342329765971</v>
      </c>
      <c r="J6943" s="58">
        <f>Bühler!J6969</f>
        <v>12.365444608448161</v>
      </c>
      <c r="K6943" s="58">
        <f>Bühler!K6969</f>
        <v>0.63019033282041925</v>
      </c>
      <c r="L6943" s="58">
        <f>Bühler!L6969</f>
        <v>0.31509516641020963</v>
      </c>
      <c r="M6943" s="57">
        <f>Bühler!M6969</f>
        <v>0</v>
      </c>
      <c r="N6943" s="55">
        <f>IF(Input!$K$13=1,J6943*Input!$J$13,0)+IF(Input!$K$14=1,K6943*Input!$J$14,0)+IF(Input!$K$15=1,L6943*Input!$J$15,0)+IF(Input!$K$16=1,M6943*Input!$J$16,0)</f>
        <v>1.4838533530137794</v>
      </c>
      <c r="O6943" s="58">
        <f>IF(Input!$K$13=2,J6943*Input!$J$13,0)+IF(Input!$K$14=2,K6943*Input!$J$14,0)+IF(Input!$K$15=2,L6943*Input!$J$15,0)+IF(Input!$K$16=2,M6943*Input!$J$16,0)</f>
        <v>8.507569493075659E-2</v>
      </c>
      <c r="P6943" s="58">
        <f>IF(Input!$K$13=3,J6943*Input!$J$13,0)+IF(Input!$K$14=3,K6943*Input!$J$14,0)+IF(Input!$K$15=3,L6943*Input!$J$15,0)+IF(Input!$K$16=3,M6943*Input!$J$16,0)</f>
        <v>0</v>
      </c>
      <c r="Q6943" s="71">
        <f>IF(Input!$K$13=4,J6943*Input!$J$13,0)+IF(Input!$K$14=4,K6943*Input!$J$14,0)+IF(Input!$K$15=4,L6943*Input!$J$15,0)+IF(Input!$K$16=4,M6943*Input!$J$16,0)</f>
        <v>0</v>
      </c>
    </row>
    <row r="6944" spans="8:17" x14ac:dyDescent="0.25">
      <c r="H6944" s="43">
        <v>6937</v>
      </c>
      <c r="I6944" s="55">
        <f>Bühler!I6970</f>
        <v>2.2020061478265074</v>
      </c>
      <c r="J6944" s="58">
        <f>Bühler!J6970</f>
        <v>9.1398839247861066</v>
      </c>
      <c r="K6944" s="58">
        <f>Bühler!K6970</f>
        <v>0.40398248585709756</v>
      </c>
      <c r="L6944" s="58">
        <f>Bühler!L6970</f>
        <v>0.20199124292854878</v>
      </c>
      <c r="M6944" s="57">
        <f>Bühler!M6970</f>
        <v>0</v>
      </c>
      <c r="N6944" s="55">
        <f>IF(Input!$K$13=1,J6944*Input!$J$13,0)+IF(Input!$K$14=1,K6944*Input!$J$14,0)+IF(Input!$K$15=1,L6944*Input!$J$15,0)+IF(Input!$K$16=1,M6944*Input!$J$16,0)</f>
        <v>1.0967860709743327</v>
      </c>
      <c r="O6944" s="58">
        <f>IF(Input!$K$13=2,J6944*Input!$J$13,0)+IF(Input!$K$14=2,K6944*Input!$J$14,0)+IF(Input!$K$15=2,L6944*Input!$J$15,0)+IF(Input!$K$16=2,M6944*Input!$J$16,0)</f>
        <v>5.4537635590708171E-2</v>
      </c>
      <c r="P6944" s="58">
        <f>IF(Input!$K$13=3,J6944*Input!$J$13,0)+IF(Input!$K$14=3,K6944*Input!$J$14,0)+IF(Input!$K$15=3,L6944*Input!$J$15,0)+IF(Input!$K$16=3,M6944*Input!$J$16,0)</f>
        <v>0</v>
      </c>
      <c r="Q6944" s="71">
        <f>IF(Input!$K$13=4,J6944*Input!$J$13,0)+IF(Input!$K$14=4,K6944*Input!$J$14,0)+IF(Input!$K$15=4,L6944*Input!$J$15,0)+IF(Input!$K$16=4,M6944*Input!$J$16,0)</f>
        <v>0</v>
      </c>
    </row>
    <row r="6945" spans="8:17" x14ac:dyDescent="0.25">
      <c r="H6945" s="43">
        <v>6938</v>
      </c>
      <c r="I6945" s="55">
        <f>Bühler!I6971</f>
        <v>2.2020061478265074</v>
      </c>
      <c r="J6945" s="58">
        <f>Bühler!J6971</f>
        <v>12.67789106340744</v>
      </c>
      <c r="K6945" s="58">
        <f>Bühler!K6971</f>
        <v>0.61559235940129164</v>
      </c>
      <c r="L6945" s="58">
        <f>Bühler!L6971</f>
        <v>0.30779617970064582</v>
      </c>
      <c r="M6945" s="57">
        <f>Bühler!M6971</f>
        <v>0</v>
      </c>
      <c r="N6945" s="55">
        <f>IF(Input!$K$13=1,J6945*Input!$J$13,0)+IF(Input!$K$14=1,K6945*Input!$J$14,0)+IF(Input!$K$15=1,L6945*Input!$J$15,0)+IF(Input!$K$16=1,M6945*Input!$J$16,0)</f>
        <v>1.5213469276088927</v>
      </c>
      <c r="O6945" s="58">
        <f>IF(Input!$K$13=2,J6945*Input!$J$13,0)+IF(Input!$K$14=2,K6945*Input!$J$14,0)+IF(Input!$K$15=2,L6945*Input!$J$15,0)+IF(Input!$K$16=2,M6945*Input!$J$16,0)</f>
        <v>8.3104968519174371E-2</v>
      </c>
      <c r="P6945" s="58">
        <f>IF(Input!$K$13=3,J6945*Input!$J$13,0)+IF(Input!$K$14=3,K6945*Input!$J$14,0)+IF(Input!$K$15=3,L6945*Input!$J$15,0)+IF(Input!$K$16=3,M6945*Input!$J$16,0)</f>
        <v>0</v>
      </c>
      <c r="Q6945" s="71">
        <f>IF(Input!$K$13=4,J6945*Input!$J$13,0)+IF(Input!$K$14=4,K6945*Input!$J$14,0)+IF(Input!$K$15=4,L6945*Input!$J$15,0)+IF(Input!$K$16=4,M6945*Input!$J$16,0)</f>
        <v>0</v>
      </c>
    </row>
    <row r="6946" spans="8:17" x14ac:dyDescent="0.25">
      <c r="H6946" s="43">
        <v>6939</v>
      </c>
      <c r="I6946" s="55">
        <f>Bühler!I6972</f>
        <v>2.2020061478265074</v>
      </c>
      <c r="J6946" s="58">
        <f>Bühler!J6972</f>
        <v>12.67789106340744</v>
      </c>
      <c r="K6946" s="58">
        <f>Bühler!K6972</f>
        <v>0.61559235940129164</v>
      </c>
      <c r="L6946" s="58">
        <f>Bühler!L6972</f>
        <v>0.30779617970064582</v>
      </c>
      <c r="M6946" s="57">
        <f>Bühler!M6972</f>
        <v>0</v>
      </c>
      <c r="N6946" s="55">
        <f>IF(Input!$K$13=1,J6946*Input!$J$13,0)+IF(Input!$K$14=1,K6946*Input!$J$14,0)+IF(Input!$K$15=1,L6946*Input!$J$15,0)+IF(Input!$K$16=1,M6946*Input!$J$16,0)</f>
        <v>1.5213469276088927</v>
      </c>
      <c r="O6946" s="58">
        <f>IF(Input!$K$13=2,J6946*Input!$J$13,0)+IF(Input!$K$14=2,K6946*Input!$J$14,0)+IF(Input!$K$15=2,L6946*Input!$J$15,0)+IF(Input!$K$16=2,M6946*Input!$J$16,0)</f>
        <v>8.3104968519174371E-2</v>
      </c>
      <c r="P6946" s="58">
        <f>IF(Input!$K$13=3,J6946*Input!$J$13,0)+IF(Input!$K$14=3,K6946*Input!$J$14,0)+IF(Input!$K$15=3,L6946*Input!$J$15,0)+IF(Input!$K$16=3,M6946*Input!$J$16,0)</f>
        <v>0</v>
      </c>
      <c r="Q6946" s="71">
        <f>IF(Input!$K$13=4,J6946*Input!$J$13,0)+IF(Input!$K$14=4,K6946*Input!$J$14,0)+IF(Input!$K$15=4,L6946*Input!$J$15,0)+IF(Input!$K$16=4,M6946*Input!$J$16,0)</f>
        <v>0</v>
      </c>
    </row>
    <row r="6947" spans="8:17" x14ac:dyDescent="0.25">
      <c r="H6947" s="43">
        <v>6940</v>
      </c>
      <c r="I6947" s="55">
        <f>Bühler!I6973</f>
        <v>2.2020061478265074</v>
      </c>
      <c r="J6947" s="58">
        <f>Bühler!J6973</f>
        <v>12.67789106340744</v>
      </c>
      <c r="K6947" s="58">
        <f>Bühler!K6973</f>
        <v>0.61559235940129164</v>
      </c>
      <c r="L6947" s="58">
        <f>Bühler!L6973</f>
        <v>0.30779617970064582</v>
      </c>
      <c r="M6947" s="57">
        <f>Bühler!M6973</f>
        <v>0</v>
      </c>
      <c r="N6947" s="55">
        <f>IF(Input!$K$13=1,J6947*Input!$J$13,0)+IF(Input!$K$14=1,K6947*Input!$J$14,0)+IF(Input!$K$15=1,L6947*Input!$J$15,0)+IF(Input!$K$16=1,M6947*Input!$J$16,0)</f>
        <v>1.5213469276088927</v>
      </c>
      <c r="O6947" s="58">
        <f>IF(Input!$K$13=2,J6947*Input!$J$13,0)+IF(Input!$K$14=2,K6947*Input!$J$14,0)+IF(Input!$K$15=2,L6947*Input!$J$15,0)+IF(Input!$K$16=2,M6947*Input!$J$16,0)</f>
        <v>8.3104968519174371E-2</v>
      </c>
      <c r="P6947" s="58">
        <f>IF(Input!$K$13=3,J6947*Input!$J$13,0)+IF(Input!$K$14=3,K6947*Input!$J$14,0)+IF(Input!$K$15=3,L6947*Input!$J$15,0)+IF(Input!$K$16=3,M6947*Input!$J$16,0)</f>
        <v>0</v>
      </c>
      <c r="Q6947" s="71">
        <f>IF(Input!$K$13=4,J6947*Input!$J$13,0)+IF(Input!$K$14=4,K6947*Input!$J$14,0)+IF(Input!$K$15=4,L6947*Input!$J$15,0)+IF(Input!$K$16=4,M6947*Input!$J$16,0)</f>
        <v>0</v>
      </c>
    </row>
    <row r="6948" spans="8:17" x14ac:dyDescent="0.25">
      <c r="H6948" s="43">
        <v>6941</v>
      </c>
      <c r="I6948" s="55">
        <f>Bühler!I6974</f>
        <v>2.2020061478265074</v>
      </c>
      <c r="J6948" s="58">
        <f>Bühler!J6974</f>
        <v>12.67789106340744</v>
      </c>
      <c r="K6948" s="58">
        <f>Bühler!K6974</f>
        <v>0.61559235940129164</v>
      </c>
      <c r="L6948" s="58">
        <f>Bühler!L6974</f>
        <v>0.30779617970064582</v>
      </c>
      <c r="M6948" s="57">
        <f>Bühler!M6974</f>
        <v>0</v>
      </c>
      <c r="N6948" s="55">
        <f>IF(Input!$K$13=1,J6948*Input!$J$13,0)+IF(Input!$K$14=1,K6948*Input!$J$14,0)+IF(Input!$K$15=1,L6948*Input!$J$15,0)+IF(Input!$K$16=1,M6948*Input!$J$16,0)</f>
        <v>1.5213469276088927</v>
      </c>
      <c r="O6948" s="58">
        <f>IF(Input!$K$13=2,J6948*Input!$J$13,0)+IF(Input!$K$14=2,K6948*Input!$J$14,0)+IF(Input!$K$15=2,L6948*Input!$J$15,0)+IF(Input!$K$16=2,M6948*Input!$J$16,0)</f>
        <v>8.3104968519174371E-2</v>
      </c>
      <c r="P6948" s="58">
        <f>IF(Input!$K$13=3,J6948*Input!$J$13,0)+IF(Input!$K$14=3,K6948*Input!$J$14,0)+IF(Input!$K$15=3,L6948*Input!$J$15,0)+IF(Input!$K$16=3,M6948*Input!$J$16,0)</f>
        <v>0</v>
      </c>
      <c r="Q6948" s="71">
        <f>IF(Input!$K$13=4,J6948*Input!$J$13,0)+IF(Input!$K$14=4,K6948*Input!$J$14,0)+IF(Input!$K$15=4,L6948*Input!$J$15,0)+IF(Input!$K$16=4,M6948*Input!$J$16,0)</f>
        <v>0</v>
      </c>
    </row>
    <row r="6949" spans="8:17" x14ac:dyDescent="0.25">
      <c r="H6949" s="43">
        <v>6942</v>
      </c>
      <c r="I6949" s="55">
        <f>Bühler!I6975</f>
        <v>2.2020061478265074</v>
      </c>
      <c r="J6949" s="58">
        <f>Bühler!J6975</f>
        <v>12.67789106340744</v>
      </c>
      <c r="K6949" s="58">
        <f>Bühler!K6975</f>
        <v>0.61559235940129164</v>
      </c>
      <c r="L6949" s="58">
        <f>Bühler!L6975</f>
        <v>0.30779617970064582</v>
      </c>
      <c r="M6949" s="57">
        <f>Bühler!M6975</f>
        <v>0</v>
      </c>
      <c r="N6949" s="55">
        <f>IF(Input!$K$13=1,J6949*Input!$J$13,0)+IF(Input!$K$14=1,K6949*Input!$J$14,0)+IF(Input!$K$15=1,L6949*Input!$J$15,0)+IF(Input!$K$16=1,M6949*Input!$J$16,0)</f>
        <v>1.5213469276088927</v>
      </c>
      <c r="O6949" s="58">
        <f>IF(Input!$K$13=2,J6949*Input!$J$13,0)+IF(Input!$K$14=2,K6949*Input!$J$14,0)+IF(Input!$K$15=2,L6949*Input!$J$15,0)+IF(Input!$K$16=2,M6949*Input!$J$16,0)</f>
        <v>8.3104968519174371E-2</v>
      </c>
      <c r="P6949" s="58">
        <f>IF(Input!$K$13=3,J6949*Input!$J$13,0)+IF(Input!$K$14=3,K6949*Input!$J$14,0)+IF(Input!$K$15=3,L6949*Input!$J$15,0)+IF(Input!$K$16=3,M6949*Input!$J$16,0)</f>
        <v>0</v>
      </c>
      <c r="Q6949" s="71">
        <f>IF(Input!$K$13=4,J6949*Input!$J$13,0)+IF(Input!$K$14=4,K6949*Input!$J$14,0)+IF(Input!$K$15=4,L6949*Input!$J$15,0)+IF(Input!$K$16=4,M6949*Input!$J$16,0)</f>
        <v>0</v>
      </c>
    </row>
    <row r="6950" spans="8:17" x14ac:dyDescent="0.25">
      <c r="H6950" s="43">
        <v>6943</v>
      </c>
      <c r="I6950" s="55">
        <f>Bühler!I6976</f>
        <v>2.2020061478265074</v>
      </c>
      <c r="J6950" s="58">
        <f>Bühler!J6976</f>
        <v>12.67789106340744</v>
      </c>
      <c r="K6950" s="58">
        <f>Bühler!K6976</f>
        <v>0.61559235940129164</v>
      </c>
      <c r="L6950" s="58">
        <f>Bühler!L6976</f>
        <v>0.30779617970064582</v>
      </c>
      <c r="M6950" s="57">
        <f>Bühler!M6976</f>
        <v>0</v>
      </c>
      <c r="N6950" s="55">
        <f>IF(Input!$K$13=1,J6950*Input!$J$13,0)+IF(Input!$K$14=1,K6950*Input!$J$14,0)+IF(Input!$K$15=1,L6950*Input!$J$15,0)+IF(Input!$K$16=1,M6950*Input!$J$16,0)</f>
        <v>1.5213469276088927</v>
      </c>
      <c r="O6950" s="58">
        <f>IF(Input!$K$13=2,J6950*Input!$J$13,0)+IF(Input!$K$14=2,K6950*Input!$J$14,0)+IF(Input!$K$15=2,L6950*Input!$J$15,0)+IF(Input!$K$16=2,M6950*Input!$J$16,0)</f>
        <v>8.3104968519174371E-2</v>
      </c>
      <c r="P6950" s="58">
        <f>IF(Input!$K$13=3,J6950*Input!$J$13,0)+IF(Input!$K$14=3,K6950*Input!$J$14,0)+IF(Input!$K$15=3,L6950*Input!$J$15,0)+IF(Input!$K$16=3,M6950*Input!$J$16,0)</f>
        <v>0</v>
      </c>
      <c r="Q6950" s="71">
        <f>IF(Input!$K$13=4,J6950*Input!$J$13,0)+IF(Input!$K$14=4,K6950*Input!$J$14,0)+IF(Input!$K$15=4,L6950*Input!$J$15,0)+IF(Input!$K$16=4,M6950*Input!$J$16,0)</f>
        <v>0</v>
      </c>
    </row>
    <row r="6951" spans="8:17" x14ac:dyDescent="0.25">
      <c r="H6951" s="43">
        <v>6944</v>
      </c>
      <c r="I6951" s="55">
        <f>Bühler!I6977</f>
        <v>6.3431983548679716</v>
      </c>
      <c r="J6951" s="58">
        <f>Bühler!J6977</f>
        <v>50.260631217775241</v>
      </c>
      <c r="K6951" s="58">
        <f>Bühler!K6977</f>
        <v>2.59510654010107</v>
      </c>
      <c r="L6951" s="58">
        <f>Bühler!L6977</f>
        <v>1.297553270050535</v>
      </c>
      <c r="M6951" s="57">
        <f>Bühler!M6977</f>
        <v>0</v>
      </c>
      <c r="N6951" s="55">
        <f>IF(Input!$K$13=1,J6951*Input!$J$13,0)+IF(Input!$K$14=1,K6951*Input!$J$14,0)+IF(Input!$K$15=1,L6951*Input!$J$15,0)+IF(Input!$K$16=1,M6951*Input!$J$16,0)</f>
        <v>6.0312757461330291</v>
      </c>
      <c r="O6951" s="58">
        <f>IF(Input!$K$13=2,J6951*Input!$J$13,0)+IF(Input!$K$14=2,K6951*Input!$J$14,0)+IF(Input!$K$15=2,L6951*Input!$J$15,0)+IF(Input!$K$16=2,M6951*Input!$J$16,0)</f>
        <v>0.35033938291364441</v>
      </c>
      <c r="P6951" s="58">
        <f>IF(Input!$K$13=3,J6951*Input!$J$13,0)+IF(Input!$K$14=3,K6951*Input!$J$14,0)+IF(Input!$K$15=3,L6951*Input!$J$15,0)+IF(Input!$K$16=3,M6951*Input!$J$16,0)</f>
        <v>0</v>
      </c>
      <c r="Q6951" s="71">
        <f>IF(Input!$K$13=4,J6951*Input!$J$13,0)+IF(Input!$K$14=4,K6951*Input!$J$14,0)+IF(Input!$K$15=4,L6951*Input!$J$15,0)+IF(Input!$K$16=4,M6951*Input!$J$16,0)</f>
        <v>0</v>
      </c>
    </row>
    <row r="6952" spans="8:17" x14ac:dyDescent="0.25">
      <c r="H6952" s="43">
        <v>6945</v>
      </c>
      <c r="I6952" s="55">
        <f>Bühler!I6978</f>
        <v>7.0776739538526838</v>
      </c>
      <c r="J6952" s="58">
        <f>Bühler!J6978</f>
        <v>56.080283253517635</v>
      </c>
      <c r="K6952" s="58">
        <f>Bühler!K6978</f>
        <v>2.8955925605338253</v>
      </c>
      <c r="L6952" s="58">
        <f>Bühler!L6978</f>
        <v>1.4477962802669126</v>
      </c>
      <c r="M6952" s="57">
        <f>Bühler!M6978</f>
        <v>0</v>
      </c>
      <c r="N6952" s="55">
        <f>IF(Input!$K$13=1,J6952*Input!$J$13,0)+IF(Input!$K$14=1,K6952*Input!$J$14,0)+IF(Input!$K$15=1,L6952*Input!$J$15,0)+IF(Input!$K$16=1,M6952*Input!$J$16,0)</f>
        <v>6.7296339904221156</v>
      </c>
      <c r="O6952" s="58">
        <f>IF(Input!$K$13=2,J6952*Input!$J$13,0)+IF(Input!$K$14=2,K6952*Input!$J$14,0)+IF(Input!$K$15=2,L6952*Input!$J$15,0)+IF(Input!$K$16=2,M6952*Input!$J$16,0)</f>
        <v>0.39090499567206638</v>
      </c>
      <c r="P6952" s="58">
        <f>IF(Input!$K$13=3,J6952*Input!$J$13,0)+IF(Input!$K$14=3,K6952*Input!$J$14,0)+IF(Input!$K$15=3,L6952*Input!$J$15,0)+IF(Input!$K$16=3,M6952*Input!$J$16,0)</f>
        <v>0</v>
      </c>
      <c r="Q6952" s="71">
        <f>IF(Input!$K$13=4,J6952*Input!$J$13,0)+IF(Input!$K$14=4,K6952*Input!$J$14,0)+IF(Input!$K$15=4,L6952*Input!$J$15,0)+IF(Input!$K$16=4,M6952*Input!$J$16,0)</f>
        <v>0</v>
      </c>
    </row>
    <row r="6953" spans="8:17" x14ac:dyDescent="0.25">
      <c r="H6953" s="43">
        <v>6946</v>
      </c>
      <c r="I6953" s="55">
        <f>Bühler!I6979</f>
        <v>7.8121495528373952</v>
      </c>
      <c r="J6953" s="58">
        <f>Bühler!J6979</f>
        <v>61.899935289260029</v>
      </c>
      <c r="K6953" s="58">
        <f>Bühler!K6979</f>
        <v>3.1960785809665815</v>
      </c>
      <c r="L6953" s="58">
        <f>Bühler!L6979</f>
        <v>1.5980392904832907</v>
      </c>
      <c r="M6953" s="57">
        <f>Bühler!M6979</f>
        <v>0</v>
      </c>
      <c r="N6953" s="55">
        <f>IF(Input!$K$13=1,J6953*Input!$J$13,0)+IF(Input!$K$14=1,K6953*Input!$J$14,0)+IF(Input!$K$15=1,L6953*Input!$J$15,0)+IF(Input!$K$16=1,M6953*Input!$J$16,0)</f>
        <v>7.4279922347112031</v>
      </c>
      <c r="O6953" s="58">
        <f>IF(Input!$K$13=2,J6953*Input!$J$13,0)+IF(Input!$K$14=2,K6953*Input!$J$14,0)+IF(Input!$K$15=2,L6953*Input!$J$15,0)+IF(Input!$K$16=2,M6953*Input!$J$16,0)</f>
        <v>0.43147060843048846</v>
      </c>
      <c r="P6953" s="58">
        <f>IF(Input!$K$13=3,J6953*Input!$J$13,0)+IF(Input!$K$14=3,K6953*Input!$J$14,0)+IF(Input!$K$15=3,L6953*Input!$J$15,0)+IF(Input!$K$16=3,M6953*Input!$J$16,0)</f>
        <v>0</v>
      </c>
      <c r="Q6953" s="71">
        <f>IF(Input!$K$13=4,J6953*Input!$J$13,0)+IF(Input!$K$14=4,K6953*Input!$J$14,0)+IF(Input!$K$15=4,L6953*Input!$J$15,0)+IF(Input!$K$16=4,M6953*Input!$J$16,0)</f>
        <v>0</v>
      </c>
    </row>
    <row r="6954" spans="8:17" x14ac:dyDescent="0.25">
      <c r="H6954" s="43">
        <v>6947</v>
      </c>
      <c r="I6954" s="55">
        <f>Bühler!I6980</f>
        <v>7.8121495528373952</v>
      </c>
      <c r="J6954" s="58">
        <f>Bühler!J6980</f>
        <v>61.899935289260029</v>
      </c>
      <c r="K6954" s="58">
        <f>Bühler!K6980</f>
        <v>3.1960785809665815</v>
      </c>
      <c r="L6954" s="58">
        <f>Bühler!L6980</f>
        <v>1.5980392904832907</v>
      </c>
      <c r="M6954" s="57">
        <f>Bühler!M6980</f>
        <v>0</v>
      </c>
      <c r="N6954" s="55">
        <f>IF(Input!$K$13=1,J6954*Input!$J$13,0)+IF(Input!$K$14=1,K6954*Input!$J$14,0)+IF(Input!$K$15=1,L6954*Input!$J$15,0)+IF(Input!$K$16=1,M6954*Input!$J$16,0)</f>
        <v>7.4279922347112031</v>
      </c>
      <c r="O6954" s="58">
        <f>IF(Input!$K$13=2,J6954*Input!$J$13,0)+IF(Input!$K$14=2,K6954*Input!$J$14,0)+IF(Input!$K$15=2,L6954*Input!$J$15,0)+IF(Input!$K$16=2,M6954*Input!$J$16,0)</f>
        <v>0.43147060843048846</v>
      </c>
      <c r="P6954" s="58">
        <f>IF(Input!$K$13=3,J6954*Input!$J$13,0)+IF(Input!$K$14=3,K6954*Input!$J$14,0)+IF(Input!$K$15=3,L6954*Input!$J$15,0)+IF(Input!$K$16=3,M6954*Input!$J$16,0)</f>
        <v>0</v>
      </c>
      <c r="Q6954" s="71">
        <f>IF(Input!$K$13=4,J6954*Input!$J$13,0)+IF(Input!$K$14=4,K6954*Input!$J$14,0)+IF(Input!$K$15=4,L6954*Input!$J$15,0)+IF(Input!$K$16=4,M6954*Input!$J$16,0)</f>
        <v>0</v>
      </c>
    </row>
    <row r="6955" spans="8:17" x14ac:dyDescent="0.25">
      <c r="H6955" s="43">
        <v>6948</v>
      </c>
      <c r="I6955" s="55">
        <f>Bühler!I6981</f>
        <v>9.3478712598054319</v>
      </c>
      <c r="J6955" s="58">
        <f>Bühler!J6981</f>
        <v>74.068298636721394</v>
      </c>
      <c r="K6955" s="58">
        <f>Bühler!K6981</f>
        <v>3.8243675327805238</v>
      </c>
      <c r="L6955" s="58">
        <f>Bühler!L6981</f>
        <v>1.9121837663902619</v>
      </c>
      <c r="M6955" s="57">
        <f>Bühler!M6981</f>
        <v>0</v>
      </c>
      <c r="N6955" s="55">
        <f>IF(Input!$K$13=1,J6955*Input!$J$13,0)+IF(Input!$K$14=1,K6955*Input!$J$14,0)+IF(Input!$K$15=1,L6955*Input!$J$15,0)+IF(Input!$K$16=1,M6955*Input!$J$16,0)</f>
        <v>8.8881958364065667</v>
      </c>
      <c r="O6955" s="58">
        <f>IF(Input!$K$13=2,J6955*Input!$J$13,0)+IF(Input!$K$14=2,K6955*Input!$J$14,0)+IF(Input!$K$15=2,L6955*Input!$J$15,0)+IF(Input!$K$16=2,M6955*Input!$J$16,0)</f>
        <v>0.51628961692537068</v>
      </c>
      <c r="P6955" s="58">
        <f>IF(Input!$K$13=3,J6955*Input!$J$13,0)+IF(Input!$K$14=3,K6955*Input!$J$14,0)+IF(Input!$K$15=3,L6955*Input!$J$15,0)+IF(Input!$K$16=3,M6955*Input!$J$16,0)</f>
        <v>0</v>
      </c>
      <c r="Q6955" s="71">
        <f>IF(Input!$K$13=4,J6955*Input!$J$13,0)+IF(Input!$K$14=4,K6955*Input!$J$14,0)+IF(Input!$K$15=4,L6955*Input!$J$15,0)+IF(Input!$K$16=4,M6955*Input!$J$16,0)</f>
        <v>0</v>
      </c>
    </row>
    <row r="6956" spans="8:17" x14ac:dyDescent="0.25">
      <c r="H6956" s="43">
        <v>6949</v>
      </c>
      <c r="I6956" s="55">
        <f>Bühler!I6982</f>
        <v>9.3478712598054319</v>
      </c>
      <c r="J6956" s="58">
        <f>Bühler!J6982</f>
        <v>74.068298636721394</v>
      </c>
      <c r="K6956" s="58">
        <f>Bühler!K6982</f>
        <v>3.8243675327805238</v>
      </c>
      <c r="L6956" s="58">
        <f>Bühler!L6982</f>
        <v>1.9121837663902619</v>
      </c>
      <c r="M6956" s="57">
        <f>Bühler!M6982</f>
        <v>0</v>
      </c>
      <c r="N6956" s="55">
        <f>IF(Input!$K$13=1,J6956*Input!$J$13,0)+IF(Input!$K$14=1,K6956*Input!$J$14,0)+IF(Input!$K$15=1,L6956*Input!$J$15,0)+IF(Input!$K$16=1,M6956*Input!$J$16,0)</f>
        <v>8.8881958364065667</v>
      </c>
      <c r="O6956" s="58">
        <f>IF(Input!$K$13=2,J6956*Input!$J$13,0)+IF(Input!$K$14=2,K6956*Input!$J$14,0)+IF(Input!$K$15=2,L6956*Input!$J$15,0)+IF(Input!$K$16=2,M6956*Input!$J$16,0)</f>
        <v>0.51628961692537068</v>
      </c>
      <c r="P6956" s="58">
        <f>IF(Input!$K$13=3,J6956*Input!$J$13,0)+IF(Input!$K$14=3,K6956*Input!$J$14,0)+IF(Input!$K$15=3,L6956*Input!$J$15,0)+IF(Input!$K$16=3,M6956*Input!$J$16,0)</f>
        <v>0</v>
      </c>
      <c r="Q6956" s="71">
        <f>IF(Input!$K$13=4,J6956*Input!$J$13,0)+IF(Input!$K$14=4,K6956*Input!$J$14,0)+IF(Input!$K$15=4,L6956*Input!$J$15,0)+IF(Input!$K$16=4,M6956*Input!$J$16,0)</f>
        <v>0</v>
      </c>
    </row>
    <row r="6957" spans="8:17" x14ac:dyDescent="0.25">
      <c r="H6957" s="43">
        <v>6950</v>
      </c>
      <c r="I6957" s="55">
        <f>Bühler!I6983</f>
        <v>6.2096573368707491</v>
      </c>
      <c r="J6957" s="58">
        <f>Bühler!J6983</f>
        <v>49.20251266582207</v>
      </c>
      <c r="K6957" s="58">
        <f>Bühler!K6983</f>
        <v>2.5404727182042053</v>
      </c>
      <c r="L6957" s="58">
        <f>Bühler!L6983</f>
        <v>1.2702363591021026</v>
      </c>
      <c r="M6957" s="57">
        <f>Bühler!M6983</f>
        <v>0</v>
      </c>
      <c r="N6957" s="55">
        <f>IF(Input!$K$13=1,J6957*Input!$J$13,0)+IF(Input!$K$14=1,K6957*Input!$J$14,0)+IF(Input!$K$15=1,L6957*Input!$J$15,0)+IF(Input!$K$16=1,M6957*Input!$J$16,0)</f>
        <v>5.9043015198986479</v>
      </c>
      <c r="O6957" s="58">
        <f>IF(Input!$K$13=2,J6957*Input!$J$13,0)+IF(Input!$K$14=2,K6957*Input!$J$14,0)+IF(Input!$K$15=2,L6957*Input!$J$15,0)+IF(Input!$K$16=2,M6957*Input!$J$16,0)</f>
        <v>0.34296381695756772</v>
      </c>
      <c r="P6957" s="58">
        <f>IF(Input!$K$13=3,J6957*Input!$J$13,0)+IF(Input!$K$14=3,K6957*Input!$J$14,0)+IF(Input!$K$15=3,L6957*Input!$J$15,0)+IF(Input!$K$16=3,M6957*Input!$J$16,0)</f>
        <v>0</v>
      </c>
      <c r="Q6957" s="71">
        <f>IF(Input!$K$13=4,J6957*Input!$J$13,0)+IF(Input!$K$14=4,K6957*Input!$J$14,0)+IF(Input!$K$15=4,L6957*Input!$J$15,0)+IF(Input!$K$16=4,M6957*Input!$J$16,0)</f>
        <v>0</v>
      </c>
    </row>
    <row r="6958" spans="8:17" x14ac:dyDescent="0.25">
      <c r="H6958" s="43">
        <v>6951</v>
      </c>
      <c r="I6958" s="55">
        <f>Bühler!I6984</f>
        <v>9.3478712598054319</v>
      </c>
      <c r="J6958" s="58">
        <f>Bühler!J6984</f>
        <v>74.068298636721394</v>
      </c>
      <c r="K6958" s="58">
        <f>Bühler!K6984</f>
        <v>3.8243675327805238</v>
      </c>
      <c r="L6958" s="58">
        <f>Bühler!L6984</f>
        <v>1.9121837663902619</v>
      </c>
      <c r="M6958" s="57">
        <f>Bühler!M6984</f>
        <v>0</v>
      </c>
      <c r="N6958" s="55">
        <f>IF(Input!$K$13=1,J6958*Input!$J$13,0)+IF(Input!$K$14=1,K6958*Input!$J$14,0)+IF(Input!$K$15=1,L6958*Input!$J$15,0)+IF(Input!$K$16=1,M6958*Input!$J$16,0)</f>
        <v>8.8881958364065667</v>
      </c>
      <c r="O6958" s="58">
        <f>IF(Input!$K$13=2,J6958*Input!$J$13,0)+IF(Input!$K$14=2,K6958*Input!$J$14,0)+IF(Input!$K$15=2,L6958*Input!$J$15,0)+IF(Input!$K$16=2,M6958*Input!$J$16,0)</f>
        <v>0.51628961692537068</v>
      </c>
      <c r="P6958" s="58">
        <f>IF(Input!$K$13=3,J6958*Input!$J$13,0)+IF(Input!$K$14=3,K6958*Input!$J$14,0)+IF(Input!$K$15=3,L6958*Input!$J$15,0)+IF(Input!$K$16=3,M6958*Input!$J$16,0)</f>
        <v>0</v>
      </c>
      <c r="Q6958" s="71">
        <f>IF(Input!$K$13=4,J6958*Input!$J$13,0)+IF(Input!$K$14=4,K6958*Input!$J$14,0)+IF(Input!$K$15=4,L6958*Input!$J$15,0)+IF(Input!$K$16=4,M6958*Input!$J$16,0)</f>
        <v>0</v>
      </c>
    </row>
    <row r="6959" spans="8:17" x14ac:dyDescent="0.25">
      <c r="H6959" s="43">
        <v>6952</v>
      </c>
      <c r="I6959" s="55">
        <f>Bühler!I6985</f>
        <v>9.3478712598054319</v>
      </c>
      <c r="J6959" s="58">
        <f>Bühler!J6985</f>
        <v>74.068298636721394</v>
      </c>
      <c r="K6959" s="58">
        <f>Bühler!K6985</f>
        <v>3.8243675327805238</v>
      </c>
      <c r="L6959" s="58">
        <f>Bühler!L6985</f>
        <v>1.9121837663902619</v>
      </c>
      <c r="M6959" s="57">
        <f>Bühler!M6985</f>
        <v>0</v>
      </c>
      <c r="N6959" s="55">
        <f>IF(Input!$K$13=1,J6959*Input!$J$13,0)+IF(Input!$K$14=1,K6959*Input!$J$14,0)+IF(Input!$K$15=1,L6959*Input!$J$15,0)+IF(Input!$K$16=1,M6959*Input!$J$16,0)</f>
        <v>8.8881958364065667</v>
      </c>
      <c r="O6959" s="58">
        <f>IF(Input!$K$13=2,J6959*Input!$J$13,0)+IF(Input!$K$14=2,K6959*Input!$J$14,0)+IF(Input!$K$15=2,L6959*Input!$J$15,0)+IF(Input!$K$16=2,M6959*Input!$J$16,0)</f>
        <v>0.51628961692537068</v>
      </c>
      <c r="P6959" s="58">
        <f>IF(Input!$K$13=3,J6959*Input!$J$13,0)+IF(Input!$K$14=3,K6959*Input!$J$14,0)+IF(Input!$K$15=3,L6959*Input!$J$15,0)+IF(Input!$K$16=3,M6959*Input!$J$16,0)</f>
        <v>0</v>
      </c>
      <c r="Q6959" s="71">
        <f>IF(Input!$K$13=4,J6959*Input!$J$13,0)+IF(Input!$K$14=4,K6959*Input!$J$14,0)+IF(Input!$K$15=4,L6959*Input!$J$15,0)+IF(Input!$K$16=4,M6959*Input!$J$16,0)</f>
        <v>0</v>
      </c>
    </row>
    <row r="6960" spans="8:17" x14ac:dyDescent="0.25">
      <c r="H6960" s="43">
        <v>6953</v>
      </c>
      <c r="I6960" s="55">
        <f>Bühler!I6986</f>
        <v>7.8135702019650264</v>
      </c>
      <c r="J6960" s="58">
        <f>Bühler!J6986</f>
        <v>46.144477078445966</v>
      </c>
      <c r="K6960" s="58">
        <f>Bühler!K6986</f>
        <v>2.2536451532456665</v>
      </c>
      <c r="L6960" s="58">
        <f>Bühler!L6986</f>
        <v>1.1268225766228332</v>
      </c>
      <c r="M6960" s="57">
        <f>Bühler!M6986</f>
        <v>0</v>
      </c>
      <c r="N6960" s="55">
        <f>IF(Input!$K$13=1,J6960*Input!$J$13,0)+IF(Input!$K$14=1,K6960*Input!$J$14,0)+IF(Input!$K$15=1,L6960*Input!$J$15,0)+IF(Input!$K$16=1,M6960*Input!$J$16,0)</f>
        <v>5.5373372494135156</v>
      </c>
      <c r="O6960" s="58">
        <f>IF(Input!$K$13=2,J6960*Input!$J$13,0)+IF(Input!$K$14=2,K6960*Input!$J$14,0)+IF(Input!$K$15=2,L6960*Input!$J$15,0)+IF(Input!$K$16=2,M6960*Input!$J$16,0)</f>
        <v>0.30424209568816496</v>
      </c>
      <c r="P6960" s="58">
        <f>IF(Input!$K$13=3,J6960*Input!$J$13,0)+IF(Input!$K$14=3,K6960*Input!$J$14,0)+IF(Input!$K$15=3,L6960*Input!$J$15,0)+IF(Input!$K$16=3,M6960*Input!$J$16,0)</f>
        <v>0</v>
      </c>
      <c r="Q6960" s="71">
        <f>IF(Input!$K$13=4,J6960*Input!$J$13,0)+IF(Input!$K$14=4,K6960*Input!$J$14,0)+IF(Input!$K$15=4,L6960*Input!$J$15,0)+IF(Input!$K$16=4,M6960*Input!$J$16,0)</f>
        <v>0</v>
      </c>
    </row>
    <row r="6961" spans="8:17" x14ac:dyDescent="0.25">
      <c r="H6961" s="43">
        <v>6954</v>
      </c>
      <c r="I6961" s="55">
        <f>Bühler!I6987</f>
        <v>6.2082366877431214</v>
      </c>
      <c r="J6961" s="58">
        <f>Bühler!J6987</f>
        <v>22.807440375152012</v>
      </c>
      <c r="K6961" s="58">
        <f>Bühler!K6987</f>
        <v>0.96186306156451817</v>
      </c>
      <c r="L6961" s="58">
        <f>Bühler!L6987</f>
        <v>0.48093153078225909</v>
      </c>
      <c r="M6961" s="57">
        <f>Bühler!M6987</f>
        <v>0</v>
      </c>
      <c r="N6961" s="55">
        <f>IF(Input!$K$13=1,J6961*Input!$J$13,0)+IF(Input!$K$14=1,K6961*Input!$J$14,0)+IF(Input!$K$15=1,L6961*Input!$J$15,0)+IF(Input!$K$16=1,M6961*Input!$J$16,0)</f>
        <v>2.7368928450182413</v>
      </c>
      <c r="O6961" s="58">
        <f>IF(Input!$K$13=2,J6961*Input!$J$13,0)+IF(Input!$K$14=2,K6961*Input!$J$14,0)+IF(Input!$K$15=2,L6961*Input!$J$15,0)+IF(Input!$K$16=2,M6961*Input!$J$16,0)</f>
        <v>0.12985151331120995</v>
      </c>
      <c r="P6961" s="58">
        <f>IF(Input!$K$13=3,J6961*Input!$J$13,0)+IF(Input!$K$14=3,K6961*Input!$J$14,0)+IF(Input!$K$15=3,L6961*Input!$J$15,0)+IF(Input!$K$16=3,M6961*Input!$J$16,0)</f>
        <v>0</v>
      </c>
      <c r="Q6961" s="71">
        <f>IF(Input!$K$13=4,J6961*Input!$J$13,0)+IF(Input!$K$14=4,K6961*Input!$J$14,0)+IF(Input!$K$15=4,L6961*Input!$J$15,0)+IF(Input!$K$16=4,M6961*Input!$J$16,0)</f>
        <v>0</v>
      </c>
    </row>
    <row r="6962" spans="8:17" x14ac:dyDescent="0.25">
      <c r="H6962" s="43">
        <v>6955</v>
      </c>
      <c r="I6962" s="55">
        <f>Bühler!I6988</f>
        <v>2.2020061478265074</v>
      </c>
      <c r="J6962" s="58">
        <f>Bühler!J6988</f>
        <v>12.999528076009378</v>
      </c>
      <c r="K6962" s="58">
        <f>Bühler!K6988</f>
        <v>0.63482962063258197</v>
      </c>
      <c r="L6962" s="58">
        <f>Bühler!L6988</f>
        <v>0.31741481031629099</v>
      </c>
      <c r="M6962" s="57">
        <f>Bühler!M6988</f>
        <v>0</v>
      </c>
      <c r="N6962" s="55">
        <f>IF(Input!$K$13=1,J6962*Input!$J$13,0)+IF(Input!$K$14=1,K6962*Input!$J$14,0)+IF(Input!$K$15=1,L6962*Input!$J$15,0)+IF(Input!$K$16=1,M6962*Input!$J$16,0)</f>
        <v>1.5599433691211253</v>
      </c>
      <c r="O6962" s="58">
        <f>IF(Input!$K$13=2,J6962*Input!$J$13,0)+IF(Input!$K$14=2,K6962*Input!$J$14,0)+IF(Input!$K$15=2,L6962*Input!$J$15,0)+IF(Input!$K$16=2,M6962*Input!$J$16,0)</f>
        <v>8.5701998785398567E-2</v>
      </c>
      <c r="P6962" s="58">
        <f>IF(Input!$K$13=3,J6962*Input!$J$13,0)+IF(Input!$K$14=3,K6962*Input!$J$14,0)+IF(Input!$K$15=3,L6962*Input!$J$15,0)+IF(Input!$K$16=3,M6962*Input!$J$16,0)</f>
        <v>0</v>
      </c>
      <c r="Q6962" s="71">
        <f>IF(Input!$K$13=4,J6962*Input!$J$13,0)+IF(Input!$K$14=4,K6962*Input!$J$14,0)+IF(Input!$K$15=4,L6962*Input!$J$15,0)+IF(Input!$K$16=4,M6962*Input!$J$16,0)</f>
        <v>0</v>
      </c>
    </row>
    <row r="6963" spans="8:17" x14ac:dyDescent="0.25">
      <c r="H6963" s="43">
        <v>6956</v>
      </c>
      <c r="I6963" s="55">
        <f>Bühler!I6989</f>
        <v>2.2020061478265074</v>
      </c>
      <c r="J6963" s="58">
        <f>Bühler!J6989</f>
        <v>12.999528076009378</v>
      </c>
      <c r="K6963" s="58">
        <f>Bühler!K6989</f>
        <v>0.63482962063258197</v>
      </c>
      <c r="L6963" s="58">
        <f>Bühler!L6989</f>
        <v>0.31741481031629099</v>
      </c>
      <c r="M6963" s="57">
        <f>Bühler!M6989</f>
        <v>0</v>
      </c>
      <c r="N6963" s="55">
        <f>IF(Input!$K$13=1,J6963*Input!$J$13,0)+IF(Input!$K$14=1,K6963*Input!$J$14,0)+IF(Input!$K$15=1,L6963*Input!$J$15,0)+IF(Input!$K$16=1,M6963*Input!$J$16,0)</f>
        <v>1.5599433691211253</v>
      </c>
      <c r="O6963" s="58">
        <f>IF(Input!$K$13=2,J6963*Input!$J$13,0)+IF(Input!$K$14=2,K6963*Input!$J$14,0)+IF(Input!$K$15=2,L6963*Input!$J$15,0)+IF(Input!$K$16=2,M6963*Input!$J$16,0)</f>
        <v>8.5701998785398567E-2</v>
      </c>
      <c r="P6963" s="58">
        <f>IF(Input!$K$13=3,J6963*Input!$J$13,0)+IF(Input!$K$14=3,K6963*Input!$J$14,0)+IF(Input!$K$15=3,L6963*Input!$J$15,0)+IF(Input!$K$16=3,M6963*Input!$J$16,0)</f>
        <v>0</v>
      </c>
      <c r="Q6963" s="71">
        <f>IF(Input!$K$13=4,J6963*Input!$J$13,0)+IF(Input!$K$14=4,K6963*Input!$J$14,0)+IF(Input!$K$15=4,L6963*Input!$J$15,0)+IF(Input!$K$16=4,M6963*Input!$J$16,0)</f>
        <v>0</v>
      </c>
    </row>
    <row r="6964" spans="8:17" x14ac:dyDescent="0.25">
      <c r="H6964" s="43">
        <v>6957</v>
      </c>
      <c r="I6964" s="55">
        <f>Bühler!I6990</f>
        <v>2.2020061478265074</v>
      </c>
      <c r="J6964" s="58">
        <f>Bühler!J6990</f>
        <v>12.999528076009378</v>
      </c>
      <c r="K6964" s="58">
        <f>Bühler!K6990</f>
        <v>0.63482962063258197</v>
      </c>
      <c r="L6964" s="58">
        <f>Bühler!L6990</f>
        <v>0.31741481031629099</v>
      </c>
      <c r="M6964" s="57">
        <f>Bühler!M6990</f>
        <v>0</v>
      </c>
      <c r="N6964" s="55">
        <f>IF(Input!$K$13=1,J6964*Input!$J$13,0)+IF(Input!$K$14=1,K6964*Input!$J$14,0)+IF(Input!$K$15=1,L6964*Input!$J$15,0)+IF(Input!$K$16=1,M6964*Input!$J$16,0)</f>
        <v>1.5599433691211253</v>
      </c>
      <c r="O6964" s="58">
        <f>IF(Input!$K$13=2,J6964*Input!$J$13,0)+IF(Input!$K$14=2,K6964*Input!$J$14,0)+IF(Input!$K$15=2,L6964*Input!$J$15,0)+IF(Input!$K$16=2,M6964*Input!$J$16,0)</f>
        <v>8.5701998785398567E-2</v>
      </c>
      <c r="P6964" s="58">
        <f>IF(Input!$K$13=3,J6964*Input!$J$13,0)+IF(Input!$K$14=3,K6964*Input!$J$14,0)+IF(Input!$K$15=3,L6964*Input!$J$15,0)+IF(Input!$K$16=3,M6964*Input!$J$16,0)</f>
        <v>0</v>
      </c>
      <c r="Q6964" s="71">
        <f>IF(Input!$K$13=4,J6964*Input!$J$13,0)+IF(Input!$K$14=4,K6964*Input!$J$14,0)+IF(Input!$K$15=4,L6964*Input!$J$15,0)+IF(Input!$K$16=4,M6964*Input!$J$16,0)</f>
        <v>0</v>
      </c>
    </row>
    <row r="6965" spans="8:17" x14ac:dyDescent="0.25">
      <c r="H6965" s="43">
        <v>6958</v>
      </c>
      <c r="I6965" s="55">
        <f>Bühler!I6991</f>
        <v>2.2020061478265074</v>
      </c>
      <c r="J6965" s="58">
        <f>Bühler!J6991</f>
        <v>12.999528076009378</v>
      </c>
      <c r="K6965" s="58">
        <f>Bühler!K6991</f>
        <v>0.63482962063258197</v>
      </c>
      <c r="L6965" s="58">
        <f>Bühler!L6991</f>
        <v>0.31741481031629099</v>
      </c>
      <c r="M6965" s="57">
        <f>Bühler!M6991</f>
        <v>0</v>
      </c>
      <c r="N6965" s="55">
        <f>IF(Input!$K$13=1,J6965*Input!$J$13,0)+IF(Input!$K$14=1,K6965*Input!$J$14,0)+IF(Input!$K$15=1,L6965*Input!$J$15,0)+IF(Input!$K$16=1,M6965*Input!$J$16,0)</f>
        <v>1.5599433691211253</v>
      </c>
      <c r="O6965" s="58">
        <f>IF(Input!$K$13=2,J6965*Input!$J$13,0)+IF(Input!$K$14=2,K6965*Input!$J$14,0)+IF(Input!$K$15=2,L6965*Input!$J$15,0)+IF(Input!$K$16=2,M6965*Input!$J$16,0)</f>
        <v>8.5701998785398567E-2</v>
      </c>
      <c r="P6965" s="58">
        <f>IF(Input!$K$13=3,J6965*Input!$J$13,0)+IF(Input!$K$14=3,K6965*Input!$J$14,0)+IF(Input!$K$15=3,L6965*Input!$J$15,0)+IF(Input!$K$16=3,M6965*Input!$J$16,0)</f>
        <v>0</v>
      </c>
      <c r="Q6965" s="71">
        <f>IF(Input!$K$13=4,J6965*Input!$J$13,0)+IF(Input!$K$14=4,K6965*Input!$J$14,0)+IF(Input!$K$15=4,L6965*Input!$J$15,0)+IF(Input!$K$16=4,M6965*Input!$J$16,0)</f>
        <v>0</v>
      </c>
    </row>
    <row r="6966" spans="8:17" x14ac:dyDescent="0.25">
      <c r="H6966" s="43">
        <v>6959</v>
      </c>
      <c r="I6966" s="55">
        <f>Bühler!I6992</f>
        <v>2.2020061478265074</v>
      </c>
      <c r="J6966" s="58">
        <f>Bühler!J6992</f>
        <v>12.999528076009378</v>
      </c>
      <c r="K6966" s="58">
        <f>Bühler!K6992</f>
        <v>0.63482962063258197</v>
      </c>
      <c r="L6966" s="58">
        <f>Bühler!L6992</f>
        <v>0.31741481031629099</v>
      </c>
      <c r="M6966" s="57">
        <f>Bühler!M6992</f>
        <v>0</v>
      </c>
      <c r="N6966" s="55">
        <f>IF(Input!$K$13=1,J6966*Input!$J$13,0)+IF(Input!$K$14=1,K6966*Input!$J$14,0)+IF(Input!$K$15=1,L6966*Input!$J$15,0)+IF(Input!$K$16=1,M6966*Input!$J$16,0)</f>
        <v>1.5599433691211253</v>
      </c>
      <c r="O6966" s="58">
        <f>IF(Input!$K$13=2,J6966*Input!$J$13,0)+IF(Input!$K$14=2,K6966*Input!$J$14,0)+IF(Input!$K$15=2,L6966*Input!$J$15,0)+IF(Input!$K$16=2,M6966*Input!$J$16,0)</f>
        <v>8.5701998785398567E-2</v>
      </c>
      <c r="P6966" s="58">
        <f>IF(Input!$K$13=3,J6966*Input!$J$13,0)+IF(Input!$K$14=3,K6966*Input!$J$14,0)+IF(Input!$K$15=3,L6966*Input!$J$15,0)+IF(Input!$K$16=3,M6966*Input!$J$16,0)</f>
        <v>0</v>
      </c>
      <c r="Q6966" s="71">
        <f>IF(Input!$K$13=4,J6966*Input!$J$13,0)+IF(Input!$K$14=4,K6966*Input!$J$14,0)+IF(Input!$K$15=4,L6966*Input!$J$15,0)+IF(Input!$K$16=4,M6966*Input!$J$16,0)</f>
        <v>0</v>
      </c>
    </row>
    <row r="6967" spans="8:17" x14ac:dyDescent="0.25">
      <c r="H6967" s="43">
        <v>6960</v>
      </c>
      <c r="I6967" s="55">
        <f>Bühler!I6993</f>
        <v>2.2020061478265074</v>
      </c>
      <c r="J6967" s="58">
        <f>Bühler!J6993</f>
        <v>12.999528076009378</v>
      </c>
      <c r="K6967" s="58">
        <f>Bühler!K6993</f>
        <v>0.63482962063258197</v>
      </c>
      <c r="L6967" s="58">
        <f>Bühler!L6993</f>
        <v>0.31741481031629099</v>
      </c>
      <c r="M6967" s="57">
        <f>Bühler!M6993</f>
        <v>0</v>
      </c>
      <c r="N6967" s="55">
        <f>IF(Input!$K$13=1,J6967*Input!$J$13,0)+IF(Input!$K$14=1,K6967*Input!$J$14,0)+IF(Input!$K$15=1,L6967*Input!$J$15,0)+IF(Input!$K$16=1,M6967*Input!$J$16,0)</f>
        <v>1.5599433691211253</v>
      </c>
      <c r="O6967" s="58">
        <f>IF(Input!$K$13=2,J6967*Input!$J$13,0)+IF(Input!$K$14=2,K6967*Input!$J$14,0)+IF(Input!$K$15=2,L6967*Input!$J$15,0)+IF(Input!$K$16=2,M6967*Input!$J$16,0)</f>
        <v>8.5701998785398567E-2</v>
      </c>
      <c r="P6967" s="58">
        <f>IF(Input!$K$13=3,J6967*Input!$J$13,0)+IF(Input!$K$14=3,K6967*Input!$J$14,0)+IF(Input!$K$15=3,L6967*Input!$J$15,0)+IF(Input!$K$16=3,M6967*Input!$J$16,0)</f>
        <v>0</v>
      </c>
      <c r="Q6967" s="71">
        <f>IF(Input!$K$13=4,J6967*Input!$J$13,0)+IF(Input!$K$14=4,K6967*Input!$J$14,0)+IF(Input!$K$15=4,L6967*Input!$J$15,0)+IF(Input!$K$16=4,M6967*Input!$J$16,0)</f>
        <v>0</v>
      </c>
    </row>
    <row r="6968" spans="8:17" x14ac:dyDescent="0.25">
      <c r="H6968" s="43">
        <v>6961</v>
      </c>
      <c r="I6968" s="55">
        <f>Bühler!I6994</f>
        <v>2.190261542099595</v>
      </c>
      <c r="J6968" s="58">
        <f>Bühler!J6994</f>
        <v>12.820966083402363</v>
      </c>
      <c r="K6968" s="58">
        <f>Bühler!K6994</f>
        <v>0.62859683590026305</v>
      </c>
      <c r="L6968" s="58">
        <f>Bühler!L6994</f>
        <v>0.31429841795013153</v>
      </c>
      <c r="M6968" s="57">
        <f>Bühler!M6994</f>
        <v>0</v>
      </c>
      <c r="N6968" s="55">
        <f>IF(Input!$K$13=1,J6968*Input!$J$13,0)+IF(Input!$K$14=1,K6968*Input!$J$14,0)+IF(Input!$K$15=1,L6968*Input!$J$15,0)+IF(Input!$K$16=1,M6968*Input!$J$16,0)</f>
        <v>1.5385159300082836</v>
      </c>
      <c r="O6968" s="58">
        <f>IF(Input!$K$13=2,J6968*Input!$J$13,0)+IF(Input!$K$14=2,K6968*Input!$J$14,0)+IF(Input!$K$15=2,L6968*Input!$J$15,0)+IF(Input!$K$16=2,M6968*Input!$J$16,0)</f>
        <v>8.4860572846535504E-2</v>
      </c>
      <c r="P6968" s="58">
        <f>IF(Input!$K$13=3,J6968*Input!$J$13,0)+IF(Input!$K$14=3,K6968*Input!$J$14,0)+IF(Input!$K$15=3,L6968*Input!$J$15,0)+IF(Input!$K$16=3,M6968*Input!$J$16,0)</f>
        <v>0</v>
      </c>
      <c r="Q6968" s="71">
        <f>IF(Input!$K$13=4,J6968*Input!$J$13,0)+IF(Input!$K$14=4,K6968*Input!$J$14,0)+IF(Input!$K$15=4,L6968*Input!$J$15,0)+IF(Input!$K$16=4,M6968*Input!$J$16,0)</f>
        <v>0</v>
      </c>
    </row>
    <row r="6969" spans="8:17" x14ac:dyDescent="0.25">
      <c r="H6969" s="43">
        <v>6962</v>
      </c>
      <c r="I6969" s="55">
        <f>Bühler!I6995</f>
        <v>2.190261542099595</v>
      </c>
      <c r="J6969" s="58">
        <f>Bühler!J6995</f>
        <v>12.820966083402363</v>
      </c>
      <c r="K6969" s="58">
        <f>Bühler!K6995</f>
        <v>0.62859683590026305</v>
      </c>
      <c r="L6969" s="58">
        <f>Bühler!L6995</f>
        <v>0.31429841795013153</v>
      </c>
      <c r="M6969" s="57">
        <f>Bühler!M6995</f>
        <v>0</v>
      </c>
      <c r="N6969" s="55">
        <f>IF(Input!$K$13=1,J6969*Input!$J$13,0)+IF(Input!$K$14=1,K6969*Input!$J$14,0)+IF(Input!$K$15=1,L6969*Input!$J$15,0)+IF(Input!$K$16=1,M6969*Input!$J$16,0)</f>
        <v>1.5385159300082836</v>
      </c>
      <c r="O6969" s="58">
        <f>IF(Input!$K$13=2,J6969*Input!$J$13,0)+IF(Input!$K$14=2,K6969*Input!$J$14,0)+IF(Input!$K$15=2,L6969*Input!$J$15,0)+IF(Input!$K$16=2,M6969*Input!$J$16,0)</f>
        <v>8.4860572846535504E-2</v>
      </c>
      <c r="P6969" s="58">
        <f>IF(Input!$K$13=3,J6969*Input!$J$13,0)+IF(Input!$K$14=3,K6969*Input!$J$14,0)+IF(Input!$K$15=3,L6969*Input!$J$15,0)+IF(Input!$K$16=3,M6969*Input!$J$16,0)</f>
        <v>0</v>
      </c>
      <c r="Q6969" s="71">
        <f>IF(Input!$K$13=4,J6969*Input!$J$13,0)+IF(Input!$K$14=4,K6969*Input!$J$14,0)+IF(Input!$K$15=4,L6969*Input!$J$15,0)+IF(Input!$K$16=4,M6969*Input!$J$16,0)</f>
        <v>0</v>
      </c>
    </row>
    <row r="6970" spans="8:17" x14ac:dyDescent="0.25">
      <c r="H6970" s="43">
        <v>6963</v>
      </c>
      <c r="I6970" s="55">
        <f>Bühler!I6996</f>
        <v>2.190261542099595</v>
      </c>
      <c r="J6970" s="58">
        <f>Bühler!J6996</f>
        <v>12.820966083402363</v>
      </c>
      <c r="K6970" s="58">
        <f>Bühler!K6996</f>
        <v>0.62859683590026305</v>
      </c>
      <c r="L6970" s="58">
        <f>Bühler!L6996</f>
        <v>0.31429841795013153</v>
      </c>
      <c r="M6970" s="57">
        <f>Bühler!M6996</f>
        <v>0</v>
      </c>
      <c r="N6970" s="55">
        <f>IF(Input!$K$13=1,J6970*Input!$J$13,0)+IF(Input!$K$14=1,K6970*Input!$J$14,0)+IF(Input!$K$15=1,L6970*Input!$J$15,0)+IF(Input!$K$16=1,M6970*Input!$J$16,0)</f>
        <v>1.5385159300082836</v>
      </c>
      <c r="O6970" s="58">
        <f>IF(Input!$K$13=2,J6970*Input!$J$13,0)+IF(Input!$K$14=2,K6970*Input!$J$14,0)+IF(Input!$K$15=2,L6970*Input!$J$15,0)+IF(Input!$K$16=2,M6970*Input!$J$16,0)</f>
        <v>8.4860572846535504E-2</v>
      </c>
      <c r="P6970" s="58">
        <f>IF(Input!$K$13=3,J6970*Input!$J$13,0)+IF(Input!$K$14=3,K6970*Input!$J$14,0)+IF(Input!$K$15=3,L6970*Input!$J$15,0)+IF(Input!$K$16=3,M6970*Input!$J$16,0)</f>
        <v>0</v>
      </c>
      <c r="Q6970" s="71">
        <f>IF(Input!$K$13=4,J6970*Input!$J$13,0)+IF(Input!$K$14=4,K6970*Input!$J$14,0)+IF(Input!$K$15=4,L6970*Input!$J$15,0)+IF(Input!$K$16=4,M6970*Input!$J$16,0)</f>
        <v>0</v>
      </c>
    </row>
    <row r="6971" spans="8:17" x14ac:dyDescent="0.25">
      <c r="H6971" s="43">
        <v>6964</v>
      </c>
      <c r="I6971" s="55">
        <f>Bühler!I6997</f>
        <v>2.190261542099595</v>
      </c>
      <c r="J6971" s="58">
        <f>Bühler!J6997</f>
        <v>12.820966083402363</v>
      </c>
      <c r="K6971" s="58">
        <f>Bühler!K6997</f>
        <v>0.62859683590026305</v>
      </c>
      <c r="L6971" s="58">
        <f>Bühler!L6997</f>
        <v>0.31429841795013153</v>
      </c>
      <c r="M6971" s="57">
        <f>Bühler!M6997</f>
        <v>0</v>
      </c>
      <c r="N6971" s="55">
        <f>IF(Input!$K$13=1,J6971*Input!$J$13,0)+IF(Input!$K$14=1,K6971*Input!$J$14,0)+IF(Input!$K$15=1,L6971*Input!$J$15,0)+IF(Input!$K$16=1,M6971*Input!$J$16,0)</f>
        <v>1.5385159300082836</v>
      </c>
      <c r="O6971" s="58">
        <f>IF(Input!$K$13=2,J6971*Input!$J$13,0)+IF(Input!$K$14=2,K6971*Input!$J$14,0)+IF(Input!$K$15=2,L6971*Input!$J$15,0)+IF(Input!$K$16=2,M6971*Input!$J$16,0)</f>
        <v>8.4860572846535504E-2</v>
      </c>
      <c r="P6971" s="58">
        <f>IF(Input!$K$13=3,J6971*Input!$J$13,0)+IF(Input!$K$14=3,K6971*Input!$J$14,0)+IF(Input!$K$15=3,L6971*Input!$J$15,0)+IF(Input!$K$16=3,M6971*Input!$J$16,0)</f>
        <v>0</v>
      </c>
      <c r="Q6971" s="71">
        <f>IF(Input!$K$13=4,J6971*Input!$J$13,0)+IF(Input!$K$14=4,K6971*Input!$J$14,0)+IF(Input!$K$15=4,L6971*Input!$J$15,0)+IF(Input!$K$16=4,M6971*Input!$J$16,0)</f>
        <v>0</v>
      </c>
    </row>
    <row r="6972" spans="8:17" x14ac:dyDescent="0.25">
      <c r="H6972" s="43">
        <v>6965</v>
      </c>
      <c r="I6972" s="55">
        <f>Bühler!I6998</f>
        <v>2.190261542099595</v>
      </c>
      <c r="J6972" s="58">
        <f>Bühler!J6998</f>
        <v>12.820966083402363</v>
      </c>
      <c r="K6972" s="58">
        <f>Bühler!K6998</f>
        <v>0.62859683590026305</v>
      </c>
      <c r="L6972" s="58">
        <f>Bühler!L6998</f>
        <v>0.31429841795013153</v>
      </c>
      <c r="M6972" s="57">
        <f>Bühler!M6998</f>
        <v>0</v>
      </c>
      <c r="N6972" s="55">
        <f>IF(Input!$K$13=1,J6972*Input!$J$13,0)+IF(Input!$K$14=1,K6972*Input!$J$14,0)+IF(Input!$K$15=1,L6972*Input!$J$15,0)+IF(Input!$K$16=1,M6972*Input!$J$16,0)</f>
        <v>1.5385159300082836</v>
      </c>
      <c r="O6972" s="58">
        <f>IF(Input!$K$13=2,J6972*Input!$J$13,0)+IF(Input!$K$14=2,K6972*Input!$J$14,0)+IF(Input!$K$15=2,L6972*Input!$J$15,0)+IF(Input!$K$16=2,M6972*Input!$J$16,0)</f>
        <v>8.4860572846535504E-2</v>
      </c>
      <c r="P6972" s="58">
        <f>IF(Input!$K$13=3,J6972*Input!$J$13,0)+IF(Input!$K$14=3,K6972*Input!$J$14,0)+IF(Input!$K$15=3,L6972*Input!$J$15,0)+IF(Input!$K$16=3,M6972*Input!$J$16,0)</f>
        <v>0</v>
      </c>
      <c r="Q6972" s="71">
        <f>IF(Input!$K$13=4,J6972*Input!$J$13,0)+IF(Input!$K$14=4,K6972*Input!$J$14,0)+IF(Input!$K$15=4,L6972*Input!$J$15,0)+IF(Input!$K$16=4,M6972*Input!$J$16,0)</f>
        <v>0</v>
      </c>
    </row>
    <row r="6973" spans="8:17" x14ac:dyDescent="0.25">
      <c r="H6973" s="43">
        <v>6966</v>
      </c>
      <c r="I6973" s="55">
        <f>Bühler!I6999</f>
        <v>2.190261542099595</v>
      </c>
      <c r="J6973" s="58">
        <f>Bühler!J6999</f>
        <v>12.820966083402363</v>
      </c>
      <c r="K6973" s="58">
        <f>Bühler!K6999</f>
        <v>0.62859683590026305</v>
      </c>
      <c r="L6973" s="58">
        <f>Bühler!L6999</f>
        <v>0.31429841795013153</v>
      </c>
      <c r="M6973" s="57">
        <f>Bühler!M6999</f>
        <v>0</v>
      </c>
      <c r="N6973" s="55">
        <f>IF(Input!$K$13=1,J6973*Input!$J$13,0)+IF(Input!$K$14=1,K6973*Input!$J$14,0)+IF(Input!$K$15=1,L6973*Input!$J$15,0)+IF(Input!$K$16=1,M6973*Input!$J$16,0)</f>
        <v>1.5385159300082836</v>
      </c>
      <c r="O6973" s="58">
        <f>IF(Input!$K$13=2,J6973*Input!$J$13,0)+IF(Input!$K$14=2,K6973*Input!$J$14,0)+IF(Input!$K$15=2,L6973*Input!$J$15,0)+IF(Input!$K$16=2,M6973*Input!$J$16,0)</f>
        <v>8.4860572846535504E-2</v>
      </c>
      <c r="P6973" s="58">
        <f>IF(Input!$K$13=3,J6973*Input!$J$13,0)+IF(Input!$K$14=3,K6973*Input!$J$14,0)+IF(Input!$K$15=3,L6973*Input!$J$15,0)+IF(Input!$K$16=3,M6973*Input!$J$16,0)</f>
        <v>0</v>
      </c>
      <c r="Q6973" s="71">
        <f>IF(Input!$K$13=4,J6973*Input!$J$13,0)+IF(Input!$K$14=4,K6973*Input!$J$14,0)+IF(Input!$K$15=4,L6973*Input!$J$15,0)+IF(Input!$K$16=4,M6973*Input!$J$16,0)</f>
        <v>0</v>
      </c>
    </row>
    <row r="6974" spans="8:17" x14ac:dyDescent="0.25">
      <c r="H6974" s="43">
        <v>6967</v>
      </c>
      <c r="I6974" s="55">
        <f>Bühler!I7000</f>
        <v>2.190261542099595</v>
      </c>
      <c r="J6974" s="58">
        <f>Bühler!J7000</f>
        <v>12.820966083402363</v>
      </c>
      <c r="K6974" s="58">
        <f>Bühler!K7000</f>
        <v>0.62859683590026305</v>
      </c>
      <c r="L6974" s="58">
        <f>Bühler!L7000</f>
        <v>0.31429841795013153</v>
      </c>
      <c r="M6974" s="57">
        <f>Bühler!M7000</f>
        <v>0</v>
      </c>
      <c r="N6974" s="55">
        <f>IF(Input!$K$13=1,J6974*Input!$J$13,0)+IF(Input!$K$14=1,K6974*Input!$J$14,0)+IF(Input!$K$15=1,L6974*Input!$J$15,0)+IF(Input!$K$16=1,M6974*Input!$J$16,0)</f>
        <v>1.5385159300082836</v>
      </c>
      <c r="O6974" s="58">
        <f>IF(Input!$K$13=2,J6974*Input!$J$13,0)+IF(Input!$K$14=2,K6974*Input!$J$14,0)+IF(Input!$K$15=2,L6974*Input!$J$15,0)+IF(Input!$K$16=2,M6974*Input!$J$16,0)</f>
        <v>8.4860572846535504E-2</v>
      </c>
      <c r="P6974" s="58">
        <f>IF(Input!$K$13=3,J6974*Input!$J$13,0)+IF(Input!$K$14=3,K6974*Input!$J$14,0)+IF(Input!$K$15=3,L6974*Input!$J$15,0)+IF(Input!$K$16=3,M6974*Input!$J$16,0)</f>
        <v>0</v>
      </c>
      <c r="Q6974" s="71">
        <f>IF(Input!$K$13=4,J6974*Input!$J$13,0)+IF(Input!$K$14=4,K6974*Input!$J$14,0)+IF(Input!$K$15=4,L6974*Input!$J$15,0)+IF(Input!$K$16=4,M6974*Input!$J$16,0)</f>
        <v>0</v>
      </c>
    </row>
    <row r="6975" spans="8:17" x14ac:dyDescent="0.25">
      <c r="H6975" s="43">
        <v>6968</v>
      </c>
      <c r="I6975" s="55">
        <f>Bühler!I7001</f>
        <v>6.0341705484843837</v>
      </c>
      <c r="J6975" s="58">
        <f>Bühler!J7001</f>
        <v>49.247922713968393</v>
      </c>
      <c r="K6975" s="58">
        <f>Bühler!K7001</f>
        <v>2.5696276716044091</v>
      </c>
      <c r="L6975" s="58">
        <f>Bühler!L7001</f>
        <v>1.2848138358022045</v>
      </c>
      <c r="M6975" s="57">
        <f>Bühler!M7001</f>
        <v>0</v>
      </c>
      <c r="N6975" s="55">
        <f>IF(Input!$K$13=1,J6975*Input!$J$13,0)+IF(Input!$K$14=1,K6975*Input!$J$14,0)+IF(Input!$K$15=1,L6975*Input!$J$15,0)+IF(Input!$K$16=1,M6975*Input!$J$16,0)</f>
        <v>5.909750725676207</v>
      </c>
      <c r="O6975" s="58">
        <f>IF(Input!$K$13=2,J6975*Input!$J$13,0)+IF(Input!$K$14=2,K6975*Input!$J$14,0)+IF(Input!$K$15=2,L6975*Input!$J$15,0)+IF(Input!$K$16=2,M6975*Input!$J$16,0)</f>
        <v>0.34689973566659521</v>
      </c>
      <c r="P6975" s="58">
        <f>IF(Input!$K$13=3,J6975*Input!$J$13,0)+IF(Input!$K$14=3,K6975*Input!$J$14,0)+IF(Input!$K$15=3,L6975*Input!$J$15,0)+IF(Input!$K$16=3,M6975*Input!$J$16,0)</f>
        <v>0</v>
      </c>
      <c r="Q6975" s="71">
        <f>IF(Input!$K$13=4,J6975*Input!$J$13,0)+IF(Input!$K$14=4,K6975*Input!$J$14,0)+IF(Input!$K$15=4,L6975*Input!$J$15,0)+IF(Input!$K$16=4,M6975*Input!$J$16,0)</f>
        <v>0</v>
      </c>
    </row>
    <row r="6976" spans="8:17" x14ac:dyDescent="0.25">
      <c r="H6976" s="43">
        <v>6969</v>
      </c>
      <c r="I6976" s="55">
        <f>Bühler!I7002</f>
        <v>6.7328639804141552</v>
      </c>
      <c r="J6976" s="58">
        <f>Bühler!J7002</f>
        <v>54.95031376505947</v>
      </c>
      <c r="K6976" s="58">
        <f>Bühler!K7002</f>
        <v>2.8671635072638666</v>
      </c>
      <c r="L6976" s="58">
        <f>Bühler!L7002</f>
        <v>1.4335817536319333</v>
      </c>
      <c r="M6976" s="57">
        <f>Bühler!M7002</f>
        <v>0</v>
      </c>
      <c r="N6976" s="55">
        <f>IF(Input!$K$13=1,J6976*Input!$J$13,0)+IF(Input!$K$14=1,K6976*Input!$J$14,0)+IF(Input!$K$15=1,L6976*Input!$J$15,0)+IF(Input!$K$16=1,M6976*Input!$J$16,0)</f>
        <v>6.5940376518071364</v>
      </c>
      <c r="O6976" s="58">
        <f>IF(Input!$K$13=2,J6976*Input!$J$13,0)+IF(Input!$K$14=2,K6976*Input!$J$14,0)+IF(Input!$K$15=2,L6976*Input!$J$15,0)+IF(Input!$K$16=2,M6976*Input!$J$16,0)</f>
        <v>0.38706707348062197</v>
      </c>
      <c r="P6976" s="58">
        <f>IF(Input!$K$13=3,J6976*Input!$J$13,0)+IF(Input!$K$14=3,K6976*Input!$J$14,0)+IF(Input!$K$15=3,L6976*Input!$J$15,0)+IF(Input!$K$16=3,M6976*Input!$J$16,0)</f>
        <v>0</v>
      </c>
      <c r="Q6976" s="71">
        <f>IF(Input!$K$13=4,J6976*Input!$J$13,0)+IF(Input!$K$14=4,K6976*Input!$J$14,0)+IF(Input!$K$15=4,L6976*Input!$J$15,0)+IF(Input!$K$16=4,M6976*Input!$J$16,0)</f>
        <v>0</v>
      </c>
    </row>
    <row r="6977" spans="8:17" x14ac:dyDescent="0.25">
      <c r="H6977" s="43">
        <v>6970</v>
      </c>
      <c r="I6977" s="55">
        <f>Bühler!I7003</f>
        <v>7.431557412343925</v>
      </c>
      <c r="J6977" s="58">
        <f>Bühler!J7003</f>
        <v>60.652704816150546</v>
      </c>
      <c r="K6977" s="58">
        <f>Bühler!K7003</f>
        <v>3.1646993429233246</v>
      </c>
      <c r="L6977" s="58">
        <f>Bühler!L7003</f>
        <v>1.5823496714616623</v>
      </c>
      <c r="M6977" s="57">
        <f>Bühler!M7003</f>
        <v>0</v>
      </c>
      <c r="N6977" s="55">
        <f>IF(Input!$K$13=1,J6977*Input!$J$13,0)+IF(Input!$K$14=1,K6977*Input!$J$14,0)+IF(Input!$K$15=1,L6977*Input!$J$15,0)+IF(Input!$K$16=1,M6977*Input!$J$16,0)</f>
        <v>7.278324577938065</v>
      </c>
      <c r="O6977" s="58">
        <f>IF(Input!$K$13=2,J6977*Input!$J$13,0)+IF(Input!$K$14=2,K6977*Input!$J$14,0)+IF(Input!$K$15=2,L6977*Input!$J$15,0)+IF(Input!$K$16=2,M6977*Input!$J$16,0)</f>
        <v>0.42723441129464879</v>
      </c>
      <c r="P6977" s="58">
        <f>IF(Input!$K$13=3,J6977*Input!$J$13,0)+IF(Input!$K$14=3,K6977*Input!$J$14,0)+IF(Input!$K$15=3,L6977*Input!$J$15,0)+IF(Input!$K$16=3,M6977*Input!$J$16,0)</f>
        <v>0</v>
      </c>
      <c r="Q6977" s="71">
        <f>IF(Input!$K$13=4,J6977*Input!$J$13,0)+IF(Input!$K$14=4,K6977*Input!$J$14,0)+IF(Input!$K$15=4,L6977*Input!$J$15,0)+IF(Input!$K$16=4,M6977*Input!$J$16,0)</f>
        <v>0</v>
      </c>
    </row>
    <row r="6978" spans="8:17" x14ac:dyDescent="0.25">
      <c r="H6978" s="43">
        <v>6971</v>
      </c>
      <c r="I6978" s="55">
        <f>Bühler!I7004</f>
        <v>7.431557412343925</v>
      </c>
      <c r="J6978" s="58">
        <f>Bühler!J7004</f>
        <v>60.652704816150546</v>
      </c>
      <c r="K6978" s="58">
        <f>Bühler!K7004</f>
        <v>3.1646993429233246</v>
      </c>
      <c r="L6978" s="58">
        <f>Bühler!L7004</f>
        <v>1.5823496714616623</v>
      </c>
      <c r="M6978" s="57">
        <f>Bühler!M7004</f>
        <v>0</v>
      </c>
      <c r="N6978" s="55">
        <f>IF(Input!$K$13=1,J6978*Input!$J$13,0)+IF(Input!$K$14=1,K6978*Input!$J$14,0)+IF(Input!$K$15=1,L6978*Input!$J$15,0)+IF(Input!$K$16=1,M6978*Input!$J$16,0)</f>
        <v>7.278324577938065</v>
      </c>
      <c r="O6978" s="58">
        <f>IF(Input!$K$13=2,J6978*Input!$J$13,0)+IF(Input!$K$14=2,K6978*Input!$J$14,0)+IF(Input!$K$15=2,L6978*Input!$J$15,0)+IF(Input!$K$16=2,M6978*Input!$J$16,0)</f>
        <v>0.42723441129464879</v>
      </c>
      <c r="P6978" s="58">
        <f>IF(Input!$K$13=3,J6978*Input!$J$13,0)+IF(Input!$K$14=3,K6978*Input!$J$14,0)+IF(Input!$K$15=3,L6978*Input!$J$15,0)+IF(Input!$K$16=3,M6978*Input!$J$16,0)</f>
        <v>0</v>
      </c>
      <c r="Q6978" s="71">
        <f>IF(Input!$K$13=4,J6978*Input!$J$13,0)+IF(Input!$K$14=4,K6978*Input!$J$14,0)+IF(Input!$K$15=4,L6978*Input!$J$15,0)+IF(Input!$K$16=4,M6978*Input!$J$16,0)</f>
        <v>0</v>
      </c>
    </row>
    <row r="6979" spans="8:17" x14ac:dyDescent="0.25">
      <c r="H6979" s="43">
        <v>6972</v>
      </c>
      <c r="I6979" s="55">
        <f>Bühler!I7005</f>
        <v>8.8924618609243549</v>
      </c>
      <c r="J6979" s="58">
        <f>Bühler!J7005</f>
        <v>72.575886104795515</v>
      </c>
      <c r="K6979" s="58">
        <f>Bühler!K7005</f>
        <v>3.7868197265749179</v>
      </c>
      <c r="L6979" s="58">
        <f>Bühler!L7005</f>
        <v>1.893409863287459</v>
      </c>
      <c r="M6979" s="57">
        <f>Bühler!M7005</f>
        <v>0</v>
      </c>
      <c r="N6979" s="55">
        <f>IF(Input!$K$13=1,J6979*Input!$J$13,0)+IF(Input!$K$14=1,K6979*Input!$J$14,0)+IF(Input!$K$15=1,L6979*Input!$J$15,0)+IF(Input!$K$16=1,M6979*Input!$J$16,0)</f>
        <v>8.7091063325754607</v>
      </c>
      <c r="O6979" s="58">
        <f>IF(Input!$K$13=2,J6979*Input!$J$13,0)+IF(Input!$K$14=2,K6979*Input!$J$14,0)+IF(Input!$K$15=2,L6979*Input!$J$15,0)+IF(Input!$K$16=2,M6979*Input!$J$16,0)</f>
        <v>0.51122066308761394</v>
      </c>
      <c r="P6979" s="58">
        <f>IF(Input!$K$13=3,J6979*Input!$J$13,0)+IF(Input!$K$14=3,K6979*Input!$J$14,0)+IF(Input!$K$15=3,L6979*Input!$J$15,0)+IF(Input!$K$16=3,M6979*Input!$J$16,0)</f>
        <v>0</v>
      </c>
      <c r="Q6979" s="71">
        <f>IF(Input!$K$13=4,J6979*Input!$J$13,0)+IF(Input!$K$14=4,K6979*Input!$J$14,0)+IF(Input!$K$15=4,L6979*Input!$J$15,0)+IF(Input!$K$16=4,M6979*Input!$J$16,0)</f>
        <v>0</v>
      </c>
    </row>
    <row r="6980" spans="8:17" x14ac:dyDescent="0.25">
      <c r="H6980" s="43">
        <v>6973</v>
      </c>
      <c r="I6980" s="55">
        <f>Bühler!I7006</f>
        <v>8.8924618609243549</v>
      </c>
      <c r="J6980" s="58">
        <f>Bühler!J7006</f>
        <v>72.575886104795515</v>
      </c>
      <c r="K6980" s="58">
        <f>Bühler!K7006</f>
        <v>3.7868197265749179</v>
      </c>
      <c r="L6980" s="58">
        <f>Bühler!L7006</f>
        <v>1.893409863287459</v>
      </c>
      <c r="M6980" s="57">
        <f>Bühler!M7006</f>
        <v>0</v>
      </c>
      <c r="N6980" s="55">
        <f>IF(Input!$K$13=1,J6980*Input!$J$13,0)+IF(Input!$K$14=1,K6980*Input!$J$14,0)+IF(Input!$K$15=1,L6980*Input!$J$15,0)+IF(Input!$K$16=1,M6980*Input!$J$16,0)</f>
        <v>8.7091063325754607</v>
      </c>
      <c r="O6980" s="58">
        <f>IF(Input!$K$13=2,J6980*Input!$J$13,0)+IF(Input!$K$14=2,K6980*Input!$J$14,0)+IF(Input!$K$15=2,L6980*Input!$J$15,0)+IF(Input!$K$16=2,M6980*Input!$J$16,0)</f>
        <v>0.51122066308761394</v>
      </c>
      <c r="P6980" s="58">
        <f>IF(Input!$K$13=3,J6980*Input!$J$13,0)+IF(Input!$K$14=3,K6980*Input!$J$14,0)+IF(Input!$K$15=3,L6980*Input!$J$15,0)+IF(Input!$K$16=3,M6980*Input!$J$16,0)</f>
        <v>0</v>
      </c>
      <c r="Q6980" s="71">
        <f>IF(Input!$K$13=4,J6980*Input!$J$13,0)+IF(Input!$K$14=4,K6980*Input!$J$14,0)+IF(Input!$K$15=4,L6980*Input!$J$15,0)+IF(Input!$K$16=4,M6980*Input!$J$16,0)</f>
        <v>0</v>
      </c>
    </row>
    <row r="6981" spans="8:17" x14ac:dyDescent="0.25">
      <c r="H6981" s="43">
        <v>6974</v>
      </c>
      <c r="I6981" s="55">
        <f>Bühler!I7007</f>
        <v>5.9071353790426073</v>
      </c>
      <c r="J6981" s="58">
        <f>Bühler!J7007</f>
        <v>48.211124341042741</v>
      </c>
      <c r="K6981" s="58">
        <f>Bühler!K7007</f>
        <v>2.5155302469390528</v>
      </c>
      <c r="L6981" s="58">
        <f>Bühler!L7007</f>
        <v>1.2577651234695264</v>
      </c>
      <c r="M6981" s="57">
        <f>Bühler!M7007</f>
        <v>0</v>
      </c>
      <c r="N6981" s="55">
        <f>IF(Input!$K$13=1,J6981*Input!$J$13,0)+IF(Input!$K$14=1,K6981*Input!$J$14,0)+IF(Input!$K$15=1,L6981*Input!$J$15,0)+IF(Input!$K$16=1,M6981*Input!$J$16,0)</f>
        <v>5.7853349209251288</v>
      </c>
      <c r="O6981" s="58">
        <f>IF(Input!$K$13=2,J6981*Input!$J$13,0)+IF(Input!$K$14=2,K6981*Input!$J$14,0)+IF(Input!$K$15=2,L6981*Input!$J$15,0)+IF(Input!$K$16=2,M6981*Input!$J$16,0)</f>
        <v>0.33959658333677212</v>
      </c>
      <c r="P6981" s="58">
        <f>IF(Input!$K$13=3,J6981*Input!$J$13,0)+IF(Input!$K$14=3,K6981*Input!$J$14,0)+IF(Input!$K$15=3,L6981*Input!$J$15,0)+IF(Input!$K$16=3,M6981*Input!$J$16,0)</f>
        <v>0</v>
      </c>
      <c r="Q6981" s="71">
        <f>IF(Input!$K$13=4,J6981*Input!$J$13,0)+IF(Input!$K$14=4,K6981*Input!$J$14,0)+IF(Input!$K$15=4,L6981*Input!$J$15,0)+IF(Input!$K$16=4,M6981*Input!$J$16,0)</f>
        <v>0</v>
      </c>
    </row>
    <row r="6982" spans="8:17" x14ac:dyDescent="0.25">
      <c r="H6982" s="43">
        <v>6975</v>
      </c>
      <c r="I6982" s="55">
        <f>Bühler!I7008</f>
        <v>8.8924618609243549</v>
      </c>
      <c r="J6982" s="58">
        <f>Bühler!J7008</f>
        <v>72.575886104795515</v>
      </c>
      <c r="K6982" s="58">
        <f>Bühler!K7008</f>
        <v>3.7868197265749179</v>
      </c>
      <c r="L6982" s="58">
        <f>Bühler!L7008</f>
        <v>1.893409863287459</v>
      </c>
      <c r="M6982" s="57">
        <f>Bühler!M7008</f>
        <v>0</v>
      </c>
      <c r="N6982" s="55">
        <f>IF(Input!$K$13=1,J6982*Input!$J$13,0)+IF(Input!$K$14=1,K6982*Input!$J$14,0)+IF(Input!$K$15=1,L6982*Input!$J$15,0)+IF(Input!$K$16=1,M6982*Input!$J$16,0)</f>
        <v>8.7091063325754607</v>
      </c>
      <c r="O6982" s="58">
        <f>IF(Input!$K$13=2,J6982*Input!$J$13,0)+IF(Input!$K$14=2,K6982*Input!$J$14,0)+IF(Input!$K$15=2,L6982*Input!$J$15,0)+IF(Input!$K$16=2,M6982*Input!$J$16,0)</f>
        <v>0.51122066308761394</v>
      </c>
      <c r="P6982" s="58">
        <f>IF(Input!$K$13=3,J6982*Input!$J$13,0)+IF(Input!$K$14=3,K6982*Input!$J$14,0)+IF(Input!$K$15=3,L6982*Input!$J$15,0)+IF(Input!$K$16=3,M6982*Input!$J$16,0)</f>
        <v>0</v>
      </c>
      <c r="Q6982" s="71">
        <f>IF(Input!$K$13=4,J6982*Input!$J$13,0)+IF(Input!$K$14=4,K6982*Input!$J$14,0)+IF(Input!$K$15=4,L6982*Input!$J$15,0)+IF(Input!$K$16=4,M6982*Input!$J$16,0)</f>
        <v>0</v>
      </c>
    </row>
    <row r="6983" spans="8:17" x14ac:dyDescent="0.25">
      <c r="H6983" s="43">
        <v>6976</v>
      </c>
      <c r="I6983" s="55">
        <f>Bühler!I7009</f>
        <v>8.8924618609243549</v>
      </c>
      <c r="J6983" s="58">
        <f>Bühler!J7009</f>
        <v>72.575886104795515</v>
      </c>
      <c r="K6983" s="58">
        <f>Bühler!K7009</f>
        <v>3.7868197265749179</v>
      </c>
      <c r="L6983" s="58">
        <f>Bühler!L7009</f>
        <v>1.893409863287459</v>
      </c>
      <c r="M6983" s="57">
        <f>Bühler!M7009</f>
        <v>0</v>
      </c>
      <c r="N6983" s="55">
        <f>IF(Input!$K$13=1,J6983*Input!$J$13,0)+IF(Input!$K$14=1,K6983*Input!$J$14,0)+IF(Input!$K$15=1,L6983*Input!$J$15,0)+IF(Input!$K$16=1,M6983*Input!$J$16,0)</f>
        <v>8.7091063325754607</v>
      </c>
      <c r="O6983" s="58">
        <f>IF(Input!$K$13=2,J6983*Input!$J$13,0)+IF(Input!$K$14=2,K6983*Input!$J$14,0)+IF(Input!$K$15=2,L6983*Input!$J$15,0)+IF(Input!$K$16=2,M6983*Input!$J$16,0)</f>
        <v>0.51122066308761394</v>
      </c>
      <c r="P6983" s="58">
        <f>IF(Input!$K$13=3,J6983*Input!$J$13,0)+IF(Input!$K$14=3,K6983*Input!$J$14,0)+IF(Input!$K$15=3,L6983*Input!$J$15,0)+IF(Input!$K$16=3,M6983*Input!$J$16,0)</f>
        <v>0</v>
      </c>
      <c r="Q6983" s="71">
        <f>IF(Input!$K$13=4,J6983*Input!$J$13,0)+IF(Input!$K$14=4,K6983*Input!$J$14,0)+IF(Input!$K$15=4,L6983*Input!$J$15,0)+IF(Input!$K$16=4,M6983*Input!$J$16,0)</f>
        <v>0</v>
      </c>
    </row>
    <row r="6984" spans="8:17" x14ac:dyDescent="0.25">
      <c r="H6984" s="43">
        <v>6977</v>
      </c>
      <c r="I6984" s="55">
        <f>Bühler!I7010</f>
        <v>7.4304622815728756</v>
      </c>
      <c r="J6984" s="58">
        <f>Bühler!J7010</f>
        <v>45.140716220457648</v>
      </c>
      <c r="K6984" s="58">
        <f>Bühler!K7010</f>
        <v>2.2315187674459342</v>
      </c>
      <c r="L6984" s="58">
        <f>Bühler!L7010</f>
        <v>1.1157593837229671</v>
      </c>
      <c r="M6984" s="57">
        <f>Bühler!M7010</f>
        <v>0</v>
      </c>
      <c r="N6984" s="55">
        <f>IF(Input!$K$13=1,J6984*Input!$J$13,0)+IF(Input!$K$14=1,K6984*Input!$J$14,0)+IF(Input!$K$15=1,L6984*Input!$J$15,0)+IF(Input!$K$16=1,M6984*Input!$J$16,0)</f>
        <v>5.4168859464549177</v>
      </c>
      <c r="O6984" s="58">
        <f>IF(Input!$K$13=2,J6984*Input!$J$13,0)+IF(Input!$K$14=2,K6984*Input!$J$14,0)+IF(Input!$K$15=2,L6984*Input!$J$15,0)+IF(Input!$K$16=2,M6984*Input!$J$16,0)</f>
        <v>0.30125503360520112</v>
      </c>
      <c r="P6984" s="58">
        <f>IF(Input!$K$13=3,J6984*Input!$J$13,0)+IF(Input!$K$14=3,K6984*Input!$J$14,0)+IF(Input!$K$15=3,L6984*Input!$J$15,0)+IF(Input!$K$16=3,M6984*Input!$J$16,0)</f>
        <v>0</v>
      </c>
      <c r="Q6984" s="71">
        <f>IF(Input!$K$13=4,J6984*Input!$J$13,0)+IF(Input!$K$14=4,K6984*Input!$J$14,0)+IF(Input!$K$15=4,L6984*Input!$J$15,0)+IF(Input!$K$16=4,M6984*Input!$J$16,0)</f>
        <v>0</v>
      </c>
    </row>
    <row r="6985" spans="8:17" x14ac:dyDescent="0.25">
      <c r="H6985" s="43">
        <v>6978</v>
      </c>
      <c r="I6985" s="55">
        <f>Bühler!I7011</f>
        <v>5.9082305098136585</v>
      </c>
      <c r="J6985" s="58">
        <f>Bühler!J7011</f>
        <v>22.231162970673587</v>
      </c>
      <c r="K6985" s="58">
        <f>Bühler!K7011</f>
        <v>0.95241944833373193</v>
      </c>
      <c r="L6985" s="58">
        <f>Bühler!L7011</f>
        <v>0.47620972416686597</v>
      </c>
      <c r="M6985" s="57">
        <f>Bühler!M7011</f>
        <v>0</v>
      </c>
      <c r="N6985" s="55">
        <f>IF(Input!$K$13=1,J6985*Input!$J$13,0)+IF(Input!$K$14=1,K6985*Input!$J$14,0)+IF(Input!$K$15=1,L6985*Input!$J$15,0)+IF(Input!$K$16=1,M6985*Input!$J$16,0)</f>
        <v>2.6677395564808304</v>
      </c>
      <c r="O6985" s="58">
        <f>IF(Input!$K$13=2,J6985*Input!$J$13,0)+IF(Input!$K$14=2,K6985*Input!$J$14,0)+IF(Input!$K$15=2,L6985*Input!$J$15,0)+IF(Input!$K$16=2,M6985*Input!$J$16,0)</f>
        <v>0.12857662552505381</v>
      </c>
      <c r="P6985" s="58">
        <f>IF(Input!$K$13=3,J6985*Input!$J$13,0)+IF(Input!$K$14=3,K6985*Input!$J$14,0)+IF(Input!$K$15=3,L6985*Input!$J$15,0)+IF(Input!$K$16=3,M6985*Input!$J$16,0)</f>
        <v>0</v>
      </c>
      <c r="Q6985" s="71">
        <f>IF(Input!$K$13=4,J6985*Input!$J$13,0)+IF(Input!$K$14=4,K6985*Input!$J$14,0)+IF(Input!$K$15=4,L6985*Input!$J$15,0)+IF(Input!$K$16=4,M6985*Input!$J$16,0)</f>
        <v>0</v>
      </c>
    </row>
    <row r="6986" spans="8:17" x14ac:dyDescent="0.25">
      <c r="H6986" s="43">
        <v>6979</v>
      </c>
      <c r="I6986" s="55">
        <f>Bühler!I7012</f>
        <v>2.190261542099595</v>
      </c>
      <c r="J6986" s="58">
        <f>Bühler!J7012</f>
        <v>12.820966083402363</v>
      </c>
      <c r="K6986" s="58">
        <f>Bühler!K7012</f>
        <v>0.62859683590026305</v>
      </c>
      <c r="L6986" s="58">
        <f>Bühler!L7012</f>
        <v>0.31429841795013153</v>
      </c>
      <c r="M6986" s="57">
        <f>Bühler!M7012</f>
        <v>0</v>
      </c>
      <c r="N6986" s="55">
        <f>IF(Input!$K$13=1,J6986*Input!$J$13,0)+IF(Input!$K$14=1,K6986*Input!$J$14,0)+IF(Input!$K$15=1,L6986*Input!$J$15,0)+IF(Input!$K$16=1,M6986*Input!$J$16,0)</f>
        <v>1.5385159300082836</v>
      </c>
      <c r="O6986" s="58">
        <f>IF(Input!$K$13=2,J6986*Input!$J$13,0)+IF(Input!$K$14=2,K6986*Input!$J$14,0)+IF(Input!$K$15=2,L6986*Input!$J$15,0)+IF(Input!$K$16=2,M6986*Input!$J$16,0)</f>
        <v>8.4860572846535504E-2</v>
      </c>
      <c r="P6986" s="58">
        <f>IF(Input!$K$13=3,J6986*Input!$J$13,0)+IF(Input!$K$14=3,K6986*Input!$J$14,0)+IF(Input!$K$15=3,L6986*Input!$J$15,0)+IF(Input!$K$16=3,M6986*Input!$J$16,0)</f>
        <v>0</v>
      </c>
      <c r="Q6986" s="71">
        <f>IF(Input!$K$13=4,J6986*Input!$J$13,0)+IF(Input!$K$14=4,K6986*Input!$J$14,0)+IF(Input!$K$15=4,L6986*Input!$J$15,0)+IF(Input!$K$16=4,M6986*Input!$J$16,0)</f>
        <v>0</v>
      </c>
    </row>
    <row r="6987" spans="8:17" x14ac:dyDescent="0.25">
      <c r="H6987" s="43">
        <v>6980</v>
      </c>
      <c r="I6987" s="55">
        <f>Bühler!I7013</f>
        <v>2.190261542099595</v>
      </c>
      <c r="J6987" s="58">
        <f>Bühler!J7013</f>
        <v>12.820966083402363</v>
      </c>
      <c r="K6987" s="58">
        <f>Bühler!K7013</f>
        <v>0.62859683590026305</v>
      </c>
      <c r="L6987" s="58">
        <f>Bühler!L7013</f>
        <v>0.31429841795013153</v>
      </c>
      <c r="M6987" s="57">
        <f>Bühler!M7013</f>
        <v>0</v>
      </c>
      <c r="N6987" s="55">
        <f>IF(Input!$K$13=1,J6987*Input!$J$13,0)+IF(Input!$K$14=1,K6987*Input!$J$14,0)+IF(Input!$K$15=1,L6987*Input!$J$15,0)+IF(Input!$K$16=1,M6987*Input!$J$16,0)</f>
        <v>1.5385159300082836</v>
      </c>
      <c r="O6987" s="58">
        <f>IF(Input!$K$13=2,J6987*Input!$J$13,0)+IF(Input!$K$14=2,K6987*Input!$J$14,0)+IF(Input!$K$15=2,L6987*Input!$J$15,0)+IF(Input!$K$16=2,M6987*Input!$J$16,0)</f>
        <v>8.4860572846535504E-2</v>
      </c>
      <c r="P6987" s="58">
        <f>IF(Input!$K$13=3,J6987*Input!$J$13,0)+IF(Input!$K$14=3,K6987*Input!$J$14,0)+IF(Input!$K$15=3,L6987*Input!$J$15,0)+IF(Input!$K$16=3,M6987*Input!$J$16,0)</f>
        <v>0</v>
      </c>
      <c r="Q6987" s="71">
        <f>IF(Input!$K$13=4,J6987*Input!$J$13,0)+IF(Input!$K$14=4,K6987*Input!$J$14,0)+IF(Input!$K$15=4,L6987*Input!$J$15,0)+IF(Input!$K$16=4,M6987*Input!$J$16,0)</f>
        <v>0</v>
      </c>
    </row>
    <row r="6988" spans="8:17" x14ac:dyDescent="0.25">
      <c r="H6988" s="43">
        <v>6981</v>
      </c>
      <c r="I6988" s="55">
        <f>Bühler!I7014</f>
        <v>2.190261542099595</v>
      </c>
      <c r="J6988" s="58">
        <f>Bühler!J7014</f>
        <v>12.820966083402363</v>
      </c>
      <c r="K6988" s="58">
        <f>Bühler!K7014</f>
        <v>0.62859683590026305</v>
      </c>
      <c r="L6988" s="58">
        <f>Bühler!L7014</f>
        <v>0.31429841795013153</v>
      </c>
      <c r="M6988" s="57">
        <f>Bühler!M7014</f>
        <v>0</v>
      </c>
      <c r="N6988" s="55">
        <f>IF(Input!$K$13=1,J6988*Input!$J$13,0)+IF(Input!$K$14=1,K6988*Input!$J$14,0)+IF(Input!$K$15=1,L6988*Input!$J$15,0)+IF(Input!$K$16=1,M6988*Input!$J$16,0)</f>
        <v>1.5385159300082836</v>
      </c>
      <c r="O6988" s="58">
        <f>IF(Input!$K$13=2,J6988*Input!$J$13,0)+IF(Input!$K$14=2,K6988*Input!$J$14,0)+IF(Input!$K$15=2,L6988*Input!$J$15,0)+IF(Input!$K$16=2,M6988*Input!$J$16,0)</f>
        <v>8.4860572846535504E-2</v>
      </c>
      <c r="P6988" s="58">
        <f>IF(Input!$K$13=3,J6988*Input!$J$13,0)+IF(Input!$K$14=3,K6988*Input!$J$14,0)+IF(Input!$K$15=3,L6988*Input!$J$15,0)+IF(Input!$K$16=3,M6988*Input!$J$16,0)</f>
        <v>0</v>
      </c>
      <c r="Q6988" s="71">
        <f>IF(Input!$K$13=4,J6988*Input!$J$13,0)+IF(Input!$K$14=4,K6988*Input!$J$14,0)+IF(Input!$K$15=4,L6988*Input!$J$15,0)+IF(Input!$K$16=4,M6988*Input!$J$16,0)</f>
        <v>0</v>
      </c>
    </row>
    <row r="6989" spans="8:17" x14ac:dyDescent="0.25">
      <c r="H6989" s="43">
        <v>6982</v>
      </c>
      <c r="I6989" s="55">
        <f>Bühler!I7015</f>
        <v>2.190261542099595</v>
      </c>
      <c r="J6989" s="58">
        <f>Bühler!J7015</f>
        <v>12.820966083402363</v>
      </c>
      <c r="K6989" s="58">
        <f>Bühler!K7015</f>
        <v>0.62859683590026305</v>
      </c>
      <c r="L6989" s="58">
        <f>Bühler!L7015</f>
        <v>0.31429841795013153</v>
      </c>
      <c r="M6989" s="57">
        <f>Bühler!M7015</f>
        <v>0</v>
      </c>
      <c r="N6989" s="55">
        <f>IF(Input!$K$13=1,J6989*Input!$J$13,0)+IF(Input!$K$14=1,K6989*Input!$J$14,0)+IF(Input!$K$15=1,L6989*Input!$J$15,0)+IF(Input!$K$16=1,M6989*Input!$J$16,0)</f>
        <v>1.5385159300082836</v>
      </c>
      <c r="O6989" s="58">
        <f>IF(Input!$K$13=2,J6989*Input!$J$13,0)+IF(Input!$K$14=2,K6989*Input!$J$14,0)+IF(Input!$K$15=2,L6989*Input!$J$15,0)+IF(Input!$K$16=2,M6989*Input!$J$16,0)</f>
        <v>8.4860572846535504E-2</v>
      </c>
      <c r="P6989" s="58">
        <f>IF(Input!$K$13=3,J6989*Input!$J$13,0)+IF(Input!$K$14=3,K6989*Input!$J$14,0)+IF(Input!$K$15=3,L6989*Input!$J$15,0)+IF(Input!$K$16=3,M6989*Input!$J$16,0)</f>
        <v>0</v>
      </c>
      <c r="Q6989" s="71">
        <f>IF(Input!$K$13=4,J6989*Input!$J$13,0)+IF(Input!$K$14=4,K6989*Input!$J$14,0)+IF(Input!$K$15=4,L6989*Input!$J$15,0)+IF(Input!$K$16=4,M6989*Input!$J$16,0)</f>
        <v>0</v>
      </c>
    </row>
    <row r="6990" spans="8:17" x14ac:dyDescent="0.25">
      <c r="H6990" s="43">
        <v>6983</v>
      </c>
      <c r="I6990" s="55">
        <f>Bühler!I7016</f>
        <v>2.190261542099595</v>
      </c>
      <c r="J6990" s="58">
        <f>Bühler!J7016</f>
        <v>12.820966083402363</v>
      </c>
      <c r="K6990" s="58">
        <f>Bühler!K7016</f>
        <v>0.62859683590026305</v>
      </c>
      <c r="L6990" s="58">
        <f>Bühler!L7016</f>
        <v>0.31429841795013153</v>
      </c>
      <c r="M6990" s="57">
        <f>Bühler!M7016</f>
        <v>0</v>
      </c>
      <c r="N6990" s="55">
        <f>IF(Input!$K$13=1,J6990*Input!$J$13,0)+IF(Input!$K$14=1,K6990*Input!$J$14,0)+IF(Input!$K$15=1,L6990*Input!$J$15,0)+IF(Input!$K$16=1,M6990*Input!$J$16,0)</f>
        <v>1.5385159300082836</v>
      </c>
      <c r="O6990" s="58">
        <f>IF(Input!$K$13=2,J6990*Input!$J$13,0)+IF(Input!$K$14=2,K6990*Input!$J$14,0)+IF(Input!$K$15=2,L6990*Input!$J$15,0)+IF(Input!$K$16=2,M6990*Input!$J$16,0)</f>
        <v>8.4860572846535504E-2</v>
      </c>
      <c r="P6990" s="58">
        <f>IF(Input!$K$13=3,J6990*Input!$J$13,0)+IF(Input!$K$14=3,K6990*Input!$J$14,0)+IF(Input!$K$15=3,L6990*Input!$J$15,0)+IF(Input!$K$16=3,M6990*Input!$J$16,0)</f>
        <v>0</v>
      </c>
      <c r="Q6990" s="71">
        <f>IF(Input!$K$13=4,J6990*Input!$J$13,0)+IF(Input!$K$14=4,K6990*Input!$J$14,0)+IF(Input!$K$15=4,L6990*Input!$J$15,0)+IF(Input!$K$16=4,M6990*Input!$J$16,0)</f>
        <v>0</v>
      </c>
    </row>
    <row r="6991" spans="8:17" x14ac:dyDescent="0.25">
      <c r="H6991" s="43">
        <v>6984</v>
      </c>
      <c r="I6991" s="55">
        <f>Bühler!I7017</f>
        <v>2.190261542099595</v>
      </c>
      <c r="J6991" s="58">
        <f>Bühler!J7017</f>
        <v>12.820966083402363</v>
      </c>
      <c r="K6991" s="58">
        <f>Bühler!K7017</f>
        <v>0.62859683590026305</v>
      </c>
      <c r="L6991" s="58">
        <f>Bühler!L7017</f>
        <v>0.31429841795013153</v>
      </c>
      <c r="M6991" s="57">
        <f>Bühler!M7017</f>
        <v>0</v>
      </c>
      <c r="N6991" s="55">
        <f>IF(Input!$K$13=1,J6991*Input!$J$13,0)+IF(Input!$K$14=1,K6991*Input!$J$14,0)+IF(Input!$K$15=1,L6991*Input!$J$15,0)+IF(Input!$K$16=1,M6991*Input!$J$16,0)</f>
        <v>1.5385159300082836</v>
      </c>
      <c r="O6991" s="58">
        <f>IF(Input!$K$13=2,J6991*Input!$J$13,0)+IF(Input!$K$14=2,K6991*Input!$J$14,0)+IF(Input!$K$15=2,L6991*Input!$J$15,0)+IF(Input!$K$16=2,M6991*Input!$J$16,0)</f>
        <v>8.4860572846535504E-2</v>
      </c>
      <c r="P6991" s="58">
        <f>IF(Input!$K$13=3,J6991*Input!$J$13,0)+IF(Input!$K$14=3,K6991*Input!$J$14,0)+IF(Input!$K$15=3,L6991*Input!$J$15,0)+IF(Input!$K$16=3,M6991*Input!$J$16,0)</f>
        <v>0</v>
      </c>
      <c r="Q6991" s="71">
        <f>IF(Input!$K$13=4,J6991*Input!$J$13,0)+IF(Input!$K$14=4,K6991*Input!$J$14,0)+IF(Input!$K$15=4,L6991*Input!$J$15,0)+IF(Input!$K$16=4,M6991*Input!$J$16,0)</f>
        <v>0</v>
      </c>
    </row>
    <row r="6992" spans="8:17" x14ac:dyDescent="0.25">
      <c r="H6992" s="43">
        <v>6985</v>
      </c>
      <c r="I6992" s="55">
        <f>Bühler!I7018</f>
        <v>0.63523684787754386</v>
      </c>
      <c r="J6992" s="58">
        <f>Bühler!J7018</f>
        <v>9.7574095281175488</v>
      </c>
      <c r="K6992" s="58">
        <f>Bühler!K7018</f>
        <v>0.61247127399876411</v>
      </c>
      <c r="L6992" s="58">
        <f>Bühler!L7018</f>
        <v>0.30623563699938205</v>
      </c>
      <c r="M6992" s="57">
        <f>Bühler!M7018</f>
        <v>0</v>
      </c>
      <c r="N6992" s="55">
        <f>IF(Input!$K$13=1,J6992*Input!$J$13,0)+IF(Input!$K$14=1,K6992*Input!$J$14,0)+IF(Input!$K$15=1,L6992*Input!$J$15,0)+IF(Input!$K$16=1,M6992*Input!$J$16,0)</f>
        <v>1.1708891433741058</v>
      </c>
      <c r="O6992" s="58">
        <f>IF(Input!$K$13=2,J6992*Input!$J$13,0)+IF(Input!$K$14=2,K6992*Input!$J$14,0)+IF(Input!$K$15=2,L6992*Input!$J$15,0)+IF(Input!$K$16=2,M6992*Input!$J$16,0)</f>
        <v>8.2683621989833145E-2</v>
      </c>
      <c r="P6992" s="58">
        <f>IF(Input!$K$13=3,J6992*Input!$J$13,0)+IF(Input!$K$14=3,K6992*Input!$J$14,0)+IF(Input!$K$15=3,L6992*Input!$J$15,0)+IF(Input!$K$16=3,M6992*Input!$J$16,0)</f>
        <v>0</v>
      </c>
      <c r="Q6992" s="71">
        <f>IF(Input!$K$13=4,J6992*Input!$J$13,0)+IF(Input!$K$14=4,K6992*Input!$J$14,0)+IF(Input!$K$15=4,L6992*Input!$J$15,0)+IF(Input!$K$16=4,M6992*Input!$J$16,0)</f>
        <v>0</v>
      </c>
    </row>
    <row r="6993" spans="8:17" x14ac:dyDescent="0.25">
      <c r="H6993" s="43">
        <v>6986</v>
      </c>
      <c r="I6993" s="55">
        <f>Bühler!I7019</f>
        <v>0.63523684787754386</v>
      </c>
      <c r="J6993" s="58">
        <f>Bühler!J7019</f>
        <v>9.7574095281175488</v>
      </c>
      <c r="K6993" s="58">
        <f>Bühler!K7019</f>
        <v>0.61247127399876411</v>
      </c>
      <c r="L6993" s="58">
        <f>Bühler!L7019</f>
        <v>0.30623563699938205</v>
      </c>
      <c r="M6993" s="57">
        <f>Bühler!M7019</f>
        <v>0</v>
      </c>
      <c r="N6993" s="55">
        <f>IF(Input!$K$13=1,J6993*Input!$J$13,0)+IF(Input!$K$14=1,K6993*Input!$J$14,0)+IF(Input!$K$15=1,L6993*Input!$J$15,0)+IF(Input!$K$16=1,M6993*Input!$J$16,0)</f>
        <v>1.1708891433741058</v>
      </c>
      <c r="O6993" s="58">
        <f>IF(Input!$K$13=2,J6993*Input!$J$13,0)+IF(Input!$K$14=2,K6993*Input!$J$14,0)+IF(Input!$K$15=2,L6993*Input!$J$15,0)+IF(Input!$K$16=2,M6993*Input!$J$16,0)</f>
        <v>8.2683621989833145E-2</v>
      </c>
      <c r="P6993" s="58">
        <f>IF(Input!$K$13=3,J6993*Input!$J$13,0)+IF(Input!$K$14=3,K6993*Input!$J$14,0)+IF(Input!$K$15=3,L6993*Input!$J$15,0)+IF(Input!$K$16=3,M6993*Input!$J$16,0)</f>
        <v>0</v>
      </c>
      <c r="Q6993" s="71">
        <f>IF(Input!$K$13=4,J6993*Input!$J$13,0)+IF(Input!$K$14=4,K6993*Input!$J$14,0)+IF(Input!$K$15=4,L6993*Input!$J$15,0)+IF(Input!$K$16=4,M6993*Input!$J$16,0)</f>
        <v>0</v>
      </c>
    </row>
    <row r="6994" spans="8:17" x14ac:dyDescent="0.25">
      <c r="H6994" s="43">
        <v>6987</v>
      </c>
      <c r="I6994" s="55">
        <f>Bühler!I7020</f>
        <v>0.63523684787754386</v>
      </c>
      <c r="J6994" s="58">
        <f>Bühler!J7020</f>
        <v>9.7574095281175488</v>
      </c>
      <c r="K6994" s="58">
        <f>Bühler!K7020</f>
        <v>0.61247127399876411</v>
      </c>
      <c r="L6994" s="58">
        <f>Bühler!L7020</f>
        <v>0.30623563699938205</v>
      </c>
      <c r="M6994" s="57">
        <f>Bühler!M7020</f>
        <v>0</v>
      </c>
      <c r="N6994" s="55">
        <f>IF(Input!$K$13=1,J6994*Input!$J$13,0)+IF(Input!$K$14=1,K6994*Input!$J$14,0)+IF(Input!$K$15=1,L6994*Input!$J$15,0)+IF(Input!$K$16=1,M6994*Input!$J$16,0)</f>
        <v>1.1708891433741058</v>
      </c>
      <c r="O6994" s="58">
        <f>IF(Input!$K$13=2,J6994*Input!$J$13,0)+IF(Input!$K$14=2,K6994*Input!$J$14,0)+IF(Input!$K$15=2,L6994*Input!$J$15,0)+IF(Input!$K$16=2,M6994*Input!$J$16,0)</f>
        <v>8.2683621989833145E-2</v>
      </c>
      <c r="P6994" s="58">
        <f>IF(Input!$K$13=3,J6994*Input!$J$13,0)+IF(Input!$K$14=3,K6994*Input!$J$14,0)+IF(Input!$K$15=3,L6994*Input!$J$15,0)+IF(Input!$K$16=3,M6994*Input!$J$16,0)</f>
        <v>0</v>
      </c>
      <c r="Q6994" s="71">
        <f>IF(Input!$K$13=4,J6994*Input!$J$13,0)+IF(Input!$K$14=4,K6994*Input!$J$14,0)+IF(Input!$K$15=4,L6994*Input!$J$15,0)+IF(Input!$K$16=4,M6994*Input!$J$16,0)</f>
        <v>0</v>
      </c>
    </row>
    <row r="6995" spans="8:17" x14ac:dyDescent="0.25">
      <c r="H6995" s="43">
        <v>6988</v>
      </c>
      <c r="I6995" s="55">
        <f>Bühler!I7021</f>
        <v>0.63523684787754386</v>
      </c>
      <c r="J6995" s="58">
        <f>Bühler!J7021</f>
        <v>9.7574095281175488</v>
      </c>
      <c r="K6995" s="58">
        <f>Bühler!K7021</f>
        <v>0.61247127399876411</v>
      </c>
      <c r="L6995" s="58">
        <f>Bühler!L7021</f>
        <v>0.30623563699938205</v>
      </c>
      <c r="M6995" s="57">
        <f>Bühler!M7021</f>
        <v>0</v>
      </c>
      <c r="N6995" s="55">
        <f>IF(Input!$K$13=1,J6995*Input!$J$13,0)+IF(Input!$K$14=1,K6995*Input!$J$14,0)+IF(Input!$K$15=1,L6995*Input!$J$15,0)+IF(Input!$K$16=1,M6995*Input!$J$16,0)</f>
        <v>1.1708891433741058</v>
      </c>
      <c r="O6995" s="58">
        <f>IF(Input!$K$13=2,J6995*Input!$J$13,0)+IF(Input!$K$14=2,K6995*Input!$J$14,0)+IF(Input!$K$15=2,L6995*Input!$J$15,0)+IF(Input!$K$16=2,M6995*Input!$J$16,0)</f>
        <v>8.2683621989833145E-2</v>
      </c>
      <c r="P6995" s="58">
        <f>IF(Input!$K$13=3,J6995*Input!$J$13,0)+IF(Input!$K$14=3,K6995*Input!$J$14,0)+IF(Input!$K$15=3,L6995*Input!$J$15,0)+IF(Input!$K$16=3,M6995*Input!$J$16,0)</f>
        <v>0</v>
      </c>
      <c r="Q6995" s="71">
        <f>IF(Input!$K$13=4,J6995*Input!$J$13,0)+IF(Input!$K$14=4,K6995*Input!$J$14,0)+IF(Input!$K$15=4,L6995*Input!$J$15,0)+IF(Input!$K$16=4,M6995*Input!$J$16,0)</f>
        <v>0</v>
      </c>
    </row>
    <row r="6996" spans="8:17" x14ac:dyDescent="0.25">
      <c r="H6996" s="43">
        <v>6989</v>
      </c>
      <c r="I6996" s="55">
        <f>Bühler!I7022</f>
        <v>0.63523684787754386</v>
      </c>
      <c r="J6996" s="58">
        <f>Bühler!J7022</f>
        <v>9.7574095281175488</v>
      </c>
      <c r="K6996" s="58">
        <f>Bühler!K7022</f>
        <v>0.61247127399876411</v>
      </c>
      <c r="L6996" s="58">
        <f>Bühler!L7022</f>
        <v>0.30623563699938205</v>
      </c>
      <c r="M6996" s="57">
        <f>Bühler!M7022</f>
        <v>0</v>
      </c>
      <c r="N6996" s="55">
        <f>IF(Input!$K$13=1,J6996*Input!$J$13,0)+IF(Input!$K$14=1,K6996*Input!$J$14,0)+IF(Input!$K$15=1,L6996*Input!$J$15,0)+IF(Input!$K$16=1,M6996*Input!$J$16,0)</f>
        <v>1.1708891433741058</v>
      </c>
      <c r="O6996" s="58">
        <f>IF(Input!$K$13=2,J6996*Input!$J$13,0)+IF(Input!$K$14=2,K6996*Input!$J$14,0)+IF(Input!$K$15=2,L6996*Input!$J$15,0)+IF(Input!$K$16=2,M6996*Input!$J$16,0)</f>
        <v>8.2683621989833145E-2</v>
      </c>
      <c r="P6996" s="58">
        <f>IF(Input!$K$13=3,J6996*Input!$J$13,0)+IF(Input!$K$14=3,K6996*Input!$J$14,0)+IF(Input!$K$15=3,L6996*Input!$J$15,0)+IF(Input!$K$16=3,M6996*Input!$J$16,0)</f>
        <v>0</v>
      </c>
      <c r="Q6996" s="71">
        <f>IF(Input!$K$13=4,J6996*Input!$J$13,0)+IF(Input!$K$14=4,K6996*Input!$J$14,0)+IF(Input!$K$15=4,L6996*Input!$J$15,0)+IF(Input!$K$16=4,M6996*Input!$J$16,0)</f>
        <v>0</v>
      </c>
    </row>
    <row r="6997" spans="8:17" x14ac:dyDescent="0.25">
      <c r="H6997" s="43">
        <v>6990</v>
      </c>
      <c r="I6997" s="55">
        <f>Bühler!I7023</f>
        <v>0.63523684787754386</v>
      </c>
      <c r="J6997" s="58">
        <f>Bühler!J7023</f>
        <v>9.7574095281175488</v>
      </c>
      <c r="K6997" s="58">
        <f>Bühler!K7023</f>
        <v>0.61247127399876411</v>
      </c>
      <c r="L6997" s="58">
        <f>Bühler!L7023</f>
        <v>0.30623563699938205</v>
      </c>
      <c r="M6997" s="57">
        <f>Bühler!M7023</f>
        <v>0</v>
      </c>
      <c r="N6997" s="55">
        <f>IF(Input!$K$13=1,J6997*Input!$J$13,0)+IF(Input!$K$14=1,K6997*Input!$J$14,0)+IF(Input!$K$15=1,L6997*Input!$J$15,0)+IF(Input!$K$16=1,M6997*Input!$J$16,0)</f>
        <v>1.1708891433741058</v>
      </c>
      <c r="O6997" s="58">
        <f>IF(Input!$K$13=2,J6997*Input!$J$13,0)+IF(Input!$K$14=2,K6997*Input!$J$14,0)+IF(Input!$K$15=2,L6997*Input!$J$15,0)+IF(Input!$K$16=2,M6997*Input!$J$16,0)</f>
        <v>8.2683621989833145E-2</v>
      </c>
      <c r="P6997" s="58">
        <f>IF(Input!$K$13=3,J6997*Input!$J$13,0)+IF(Input!$K$14=3,K6997*Input!$J$14,0)+IF(Input!$K$15=3,L6997*Input!$J$15,0)+IF(Input!$K$16=3,M6997*Input!$J$16,0)</f>
        <v>0</v>
      </c>
      <c r="Q6997" s="71">
        <f>IF(Input!$K$13=4,J6997*Input!$J$13,0)+IF(Input!$K$14=4,K6997*Input!$J$14,0)+IF(Input!$K$15=4,L6997*Input!$J$15,0)+IF(Input!$K$16=4,M6997*Input!$J$16,0)</f>
        <v>0</v>
      </c>
    </row>
    <row r="6998" spans="8:17" x14ac:dyDescent="0.25">
      <c r="H6998" s="43">
        <v>6991</v>
      </c>
      <c r="I6998" s="55">
        <f>Bühler!I7024</f>
        <v>0.63523684787754386</v>
      </c>
      <c r="J6998" s="58">
        <f>Bühler!J7024</f>
        <v>9.7574095281175488</v>
      </c>
      <c r="K6998" s="58">
        <f>Bühler!K7024</f>
        <v>0.61247127399876411</v>
      </c>
      <c r="L6998" s="58">
        <f>Bühler!L7024</f>
        <v>0.30623563699938205</v>
      </c>
      <c r="M6998" s="57">
        <f>Bühler!M7024</f>
        <v>0</v>
      </c>
      <c r="N6998" s="55">
        <f>IF(Input!$K$13=1,J6998*Input!$J$13,0)+IF(Input!$K$14=1,K6998*Input!$J$14,0)+IF(Input!$K$15=1,L6998*Input!$J$15,0)+IF(Input!$K$16=1,M6998*Input!$J$16,0)</f>
        <v>1.1708891433741058</v>
      </c>
      <c r="O6998" s="58">
        <f>IF(Input!$K$13=2,J6998*Input!$J$13,0)+IF(Input!$K$14=2,K6998*Input!$J$14,0)+IF(Input!$K$15=2,L6998*Input!$J$15,0)+IF(Input!$K$16=2,M6998*Input!$J$16,0)</f>
        <v>8.2683621989833145E-2</v>
      </c>
      <c r="P6998" s="58">
        <f>IF(Input!$K$13=3,J6998*Input!$J$13,0)+IF(Input!$K$14=3,K6998*Input!$J$14,0)+IF(Input!$K$15=3,L6998*Input!$J$15,0)+IF(Input!$K$16=3,M6998*Input!$J$16,0)</f>
        <v>0</v>
      </c>
      <c r="Q6998" s="71">
        <f>IF(Input!$K$13=4,J6998*Input!$J$13,0)+IF(Input!$K$14=4,K6998*Input!$J$14,0)+IF(Input!$K$15=4,L6998*Input!$J$15,0)+IF(Input!$K$16=4,M6998*Input!$J$16,0)</f>
        <v>0</v>
      </c>
    </row>
    <row r="6999" spans="8:17" x14ac:dyDescent="0.25">
      <c r="H6999" s="43">
        <v>6992</v>
      </c>
      <c r="I6999" s="55">
        <f>Bühler!I7025</f>
        <v>1.7500775159026332</v>
      </c>
      <c r="J6999" s="58">
        <f>Bühler!J7025</f>
        <v>38.969855904838546</v>
      </c>
      <c r="K6999" s="58">
        <f>Bühler!K7025</f>
        <v>2.5037083291646445</v>
      </c>
      <c r="L6999" s="58">
        <f>Bühler!L7025</f>
        <v>1.2518541645823222</v>
      </c>
      <c r="M6999" s="57">
        <f>Bühler!M7025</f>
        <v>0</v>
      </c>
      <c r="N6999" s="55">
        <f>IF(Input!$K$13=1,J6999*Input!$J$13,0)+IF(Input!$K$14=1,K6999*Input!$J$14,0)+IF(Input!$K$15=1,L6999*Input!$J$15,0)+IF(Input!$K$16=1,M6999*Input!$J$16,0)</f>
        <v>4.6763827085806255</v>
      </c>
      <c r="O6999" s="58">
        <f>IF(Input!$K$13=2,J6999*Input!$J$13,0)+IF(Input!$K$14=2,K6999*Input!$J$14,0)+IF(Input!$K$15=2,L6999*Input!$J$15,0)+IF(Input!$K$16=2,M6999*Input!$J$16,0)</f>
        <v>0.338000624437227</v>
      </c>
      <c r="P6999" s="58">
        <f>IF(Input!$K$13=3,J6999*Input!$J$13,0)+IF(Input!$K$14=3,K6999*Input!$J$14,0)+IF(Input!$K$15=3,L6999*Input!$J$15,0)+IF(Input!$K$16=3,M6999*Input!$J$16,0)</f>
        <v>0</v>
      </c>
      <c r="Q6999" s="71">
        <f>IF(Input!$K$13=4,J6999*Input!$J$13,0)+IF(Input!$K$14=4,K6999*Input!$J$14,0)+IF(Input!$K$15=4,L6999*Input!$J$15,0)+IF(Input!$K$16=4,M6999*Input!$J$16,0)</f>
        <v>0</v>
      </c>
    </row>
    <row r="7000" spans="8:17" x14ac:dyDescent="0.25">
      <c r="H7000" s="43">
        <v>6993</v>
      </c>
      <c r="I7000" s="55">
        <f>Bühler!I7026</f>
        <v>1.9527180703755698</v>
      </c>
      <c r="J7000" s="58">
        <f>Bühler!J7026</f>
        <v>43.482155009609336</v>
      </c>
      <c r="K7000" s="58">
        <f>Bühler!K7026</f>
        <v>2.7936113988573932</v>
      </c>
      <c r="L7000" s="58">
        <f>Bühler!L7026</f>
        <v>1.3968056994286966</v>
      </c>
      <c r="M7000" s="57">
        <f>Bühler!M7026</f>
        <v>0</v>
      </c>
      <c r="N7000" s="55">
        <f>IF(Input!$K$13=1,J7000*Input!$J$13,0)+IF(Input!$K$14=1,K7000*Input!$J$14,0)+IF(Input!$K$15=1,L7000*Input!$J$15,0)+IF(Input!$K$16=1,M7000*Input!$J$16,0)</f>
        <v>5.2178586011531198</v>
      </c>
      <c r="O7000" s="58">
        <f>IF(Input!$K$13=2,J7000*Input!$J$13,0)+IF(Input!$K$14=2,K7000*Input!$J$14,0)+IF(Input!$K$15=2,L7000*Input!$J$15,0)+IF(Input!$K$16=2,M7000*Input!$J$16,0)</f>
        <v>0.37713753884574808</v>
      </c>
      <c r="P7000" s="58">
        <f>IF(Input!$K$13=3,J7000*Input!$J$13,0)+IF(Input!$K$14=3,K7000*Input!$J$14,0)+IF(Input!$K$15=3,L7000*Input!$J$15,0)+IF(Input!$K$16=3,M7000*Input!$J$16,0)</f>
        <v>0</v>
      </c>
      <c r="Q7000" s="71">
        <f>IF(Input!$K$13=4,J7000*Input!$J$13,0)+IF(Input!$K$14=4,K7000*Input!$J$14,0)+IF(Input!$K$15=4,L7000*Input!$J$15,0)+IF(Input!$K$16=4,M7000*Input!$J$16,0)</f>
        <v>0</v>
      </c>
    </row>
    <row r="7001" spans="8:17" x14ac:dyDescent="0.25">
      <c r="H7001" s="43">
        <v>6994</v>
      </c>
      <c r="I7001" s="55">
        <f>Bühler!I7027</f>
        <v>2.1553586248485064</v>
      </c>
      <c r="J7001" s="58">
        <f>Bühler!J7027</f>
        <v>47.994454114380119</v>
      </c>
      <c r="K7001" s="58">
        <f>Bühler!K7027</f>
        <v>3.0835144685501419</v>
      </c>
      <c r="L7001" s="58">
        <f>Bühler!L7027</f>
        <v>1.5417572342750709</v>
      </c>
      <c r="M7001" s="57">
        <f>Bühler!M7027</f>
        <v>0</v>
      </c>
      <c r="N7001" s="55">
        <f>IF(Input!$K$13=1,J7001*Input!$J$13,0)+IF(Input!$K$14=1,K7001*Input!$J$14,0)+IF(Input!$K$15=1,L7001*Input!$J$15,0)+IF(Input!$K$16=1,M7001*Input!$J$16,0)</f>
        <v>5.7593344937256141</v>
      </c>
      <c r="O7001" s="58">
        <f>IF(Input!$K$13=2,J7001*Input!$J$13,0)+IF(Input!$K$14=2,K7001*Input!$J$14,0)+IF(Input!$K$15=2,L7001*Input!$J$15,0)+IF(Input!$K$16=2,M7001*Input!$J$16,0)</f>
        <v>0.41627445325426915</v>
      </c>
      <c r="P7001" s="58">
        <f>IF(Input!$K$13=3,J7001*Input!$J$13,0)+IF(Input!$K$14=3,K7001*Input!$J$14,0)+IF(Input!$K$15=3,L7001*Input!$J$15,0)+IF(Input!$K$16=3,M7001*Input!$J$16,0)</f>
        <v>0</v>
      </c>
      <c r="Q7001" s="71">
        <f>IF(Input!$K$13=4,J7001*Input!$J$13,0)+IF(Input!$K$14=4,K7001*Input!$J$14,0)+IF(Input!$K$15=4,L7001*Input!$J$15,0)+IF(Input!$K$16=4,M7001*Input!$J$16,0)</f>
        <v>0</v>
      </c>
    </row>
    <row r="7002" spans="8:17" x14ac:dyDescent="0.25">
      <c r="H7002" s="43">
        <v>6995</v>
      </c>
      <c r="I7002" s="55">
        <f>Bühler!I7028</f>
        <v>2.1553586248485064</v>
      </c>
      <c r="J7002" s="58">
        <f>Bühler!J7028</f>
        <v>47.994454114380119</v>
      </c>
      <c r="K7002" s="58">
        <f>Bühler!K7028</f>
        <v>3.0835144685501419</v>
      </c>
      <c r="L7002" s="58">
        <f>Bühler!L7028</f>
        <v>1.5417572342750709</v>
      </c>
      <c r="M7002" s="57">
        <f>Bühler!M7028</f>
        <v>0</v>
      </c>
      <c r="N7002" s="55">
        <f>IF(Input!$K$13=1,J7002*Input!$J$13,0)+IF(Input!$K$14=1,K7002*Input!$J$14,0)+IF(Input!$K$15=1,L7002*Input!$J$15,0)+IF(Input!$K$16=1,M7002*Input!$J$16,0)</f>
        <v>5.7593344937256141</v>
      </c>
      <c r="O7002" s="58">
        <f>IF(Input!$K$13=2,J7002*Input!$J$13,0)+IF(Input!$K$14=2,K7002*Input!$J$14,0)+IF(Input!$K$15=2,L7002*Input!$J$15,0)+IF(Input!$K$16=2,M7002*Input!$J$16,0)</f>
        <v>0.41627445325426915</v>
      </c>
      <c r="P7002" s="58">
        <f>IF(Input!$K$13=3,J7002*Input!$J$13,0)+IF(Input!$K$14=3,K7002*Input!$J$14,0)+IF(Input!$K$15=3,L7002*Input!$J$15,0)+IF(Input!$K$16=3,M7002*Input!$J$16,0)</f>
        <v>0</v>
      </c>
      <c r="Q7002" s="71">
        <f>IF(Input!$K$13=4,J7002*Input!$J$13,0)+IF(Input!$K$14=4,K7002*Input!$J$14,0)+IF(Input!$K$15=4,L7002*Input!$J$15,0)+IF(Input!$K$16=4,M7002*Input!$J$16,0)</f>
        <v>0</v>
      </c>
    </row>
    <row r="7003" spans="8:17" x14ac:dyDescent="0.25">
      <c r="H7003" s="43">
        <v>6996</v>
      </c>
      <c r="I7003" s="55">
        <f>Bühler!I7029</f>
        <v>2.5790616023828279</v>
      </c>
      <c r="J7003" s="58">
        <f>Bühler!J7029</f>
        <v>57.429261333446284</v>
      </c>
      <c r="K7003" s="58">
        <f>Bühler!K7029</f>
        <v>3.6896754324531602</v>
      </c>
      <c r="L7003" s="58">
        <f>Bühler!L7029</f>
        <v>1.8448377162265801</v>
      </c>
      <c r="M7003" s="57">
        <f>Bühler!M7029</f>
        <v>0</v>
      </c>
      <c r="N7003" s="55">
        <f>IF(Input!$K$13=1,J7003*Input!$J$13,0)+IF(Input!$K$14=1,K7003*Input!$J$14,0)+IF(Input!$K$15=1,L7003*Input!$J$15,0)+IF(Input!$K$16=1,M7003*Input!$J$16,0)</f>
        <v>6.8915113600135536</v>
      </c>
      <c r="O7003" s="58">
        <f>IF(Input!$K$13=2,J7003*Input!$J$13,0)+IF(Input!$K$14=2,K7003*Input!$J$14,0)+IF(Input!$K$15=2,L7003*Input!$J$15,0)+IF(Input!$K$16=2,M7003*Input!$J$16,0)</f>
        <v>0.49810618338117663</v>
      </c>
      <c r="P7003" s="58">
        <f>IF(Input!$K$13=3,J7003*Input!$J$13,0)+IF(Input!$K$14=3,K7003*Input!$J$14,0)+IF(Input!$K$15=3,L7003*Input!$J$15,0)+IF(Input!$K$16=3,M7003*Input!$J$16,0)</f>
        <v>0</v>
      </c>
      <c r="Q7003" s="71">
        <f>IF(Input!$K$13=4,J7003*Input!$J$13,0)+IF(Input!$K$14=4,K7003*Input!$J$14,0)+IF(Input!$K$15=4,L7003*Input!$J$15,0)+IF(Input!$K$16=4,M7003*Input!$J$16,0)</f>
        <v>0</v>
      </c>
    </row>
    <row r="7004" spans="8:17" x14ac:dyDescent="0.25">
      <c r="H7004" s="43">
        <v>6997</v>
      </c>
      <c r="I7004" s="55">
        <f>Bühler!I7030</f>
        <v>2.5790616023828279</v>
      </c>
      <c r="J7004" s="58">
        <f>Bühler!J7030</f>
        <v>57.429261333446284</v>
      </c>
      <c r="K7004" s="58">
        <f>Bühler!K7030</f>
        <v>3.6896754324531602</v>
      </c>
      <c r="L7004" s="58">
        <f>Bühler!L7030</f>
        <v>1.8448377162265801</v>
      </c>
      <c r="M7004" s="57">
        <f>Bühler!M7030</f>
        <v>0</v>
      </c>
      <c r="N7004" s="55">
        <f>IF(Input!$K$13=1,J7004*Input!$J$13,0)+IF(Input!$K$14=1,K7004*Input!$J$14,0)+IF(Input!$K$15=1,L7004*Input!$J$15,0)+IF(Input!$K$16=1,M7004*Input!$J$16,0)</f>
        <v>6.8915113600135536</v>
      </c>
      <c r="O7004" s="58">
        <f>IF(Input!$K$13=2,J7004*Input!$J$13,0)+IF(Input!$K$14=2,K7004*Input!$J$14,0)+IF(Input!$K$15=2,L7004*Input!$J$15,0)+IF(Input!$K$16=2,M7004*Input!$J$16,0)</f>
        <v>0.49810618338117663</v>
      </c>
      <c r="P7004" s="58">
        <f>IF(Input!$K$13=3,J7004*Input!$J$13,0)+IF(Input!$K$14=3,K7004*Input!$J$14,0)+IF(Input!$K$15=3,L7004*Input!$J$15,0)+IF(Input!$K$16=3,M7004*Input!$J$16,0)</f>
        <v>0</v>
      </c>
      <c r="Q7004" s="71">
        <f>IF(Input!$K$13=4,J7004*Input!$J$13,0)+IF(Input!$K$14=4,K7004*Input!$J$14,0)+IF(Input!$K$15=4,L7004*Input!$J$15,0)+IF(Input!$K$16=4,M7004*Input!$J$16,0)</f>
        <v>0</v>
      </c>
    </row>
    <row r="7005" spans="8:17" x14ac:dyDescent="0.25">
      <c r="H7005" s="43">
        <v>6998</v>
      </c>
      <c r="I7005" s="55">
        <f>Bühler!I7031</f>
        <v>1.7132337787257355</v>
      </c>
      <c r="J7005" s="58">
        <f>Bühler!J7031</f>
        <v>38.149437885789325</v>
      </c>
      <c r="K7005" s="58">
        <f>Bühler!K7031</f>
        <v>2.4509986801295995</v>
      </c>
      <c r="L7005" s="58">
        <f>Bühler!L7031</f>
        <v>1.2254993400647998</v>
      </c>
      <c r="M7005" s="57">
        <f>Bühler!M7031</f>
        <v>0</v>
      </c>
      <c r="N7005" s="55">
        <f>IF(Input!$K$13=1,J7005*Input!$J$13,0)+IF(Input!$K$14=1,K7005*Input!$J$14,0)+IF(Input!$K$15=1,L7005*Input!$J$15,0)+IF(Input!$K$16=1,M7005*Input!$J$16,0)</f>
        <v>4.5779325462947185</v>
      </c>
      <c r="O7005" s="58">
        <f>IF(Input!$K$13=2,J7005*Input!$J$13,0)+IF(Input!$K$14=2,K7005*Input!$J$14,0)+IF(Input!$K$15=2,L7005*Input!$J$15,0)+IF(Input!$K$16=2,M7005*Input!$J$16,0)</f>
        <v>0.3308848218174959</v>
      </c>
      <c r="P7005" s="58">
        <f>IF(Input!$K$13=3,J7005*Input!$J$13,0)+IF(Input!$K$14=3,K7005*Input!$J$14,0)+IF(Input!$K$15=3,L7005*Input!$J$15,0)+IF(Input!$K$16=3,M7005*Input!$J$16,0)</f>
        <v>0</v>
      </c>
      <c r="Q7005" s="71">
        <f>IF(Input!$K$13=4,J7005*Input!$J$13,0)+IF(Input!$K$14=4,K7005*Input!$J$14,0)+IF(Input!$K$15=4,L7005*Input!$J$15,0)+IF(Input!$K$16=4,M7005*Input!$J$16,0)</f>
        <v>0</v>
      </c>
    </row>
    <row r="7006" spans="8:17" x14ac:dyDescent="0.25">
      <c r="H7006" s="43">
        <v>6999</v>
      </c>
      <c r="I7006" s="55">
        <f>Bühler!I7032</f>
        <v>2.5790616023828279</v>
      </c>
      <c r="J7006" s="58">
        <f>Bühler!J7032</f>
        <v>57.429261333446284</v>
      </c>
      <c r="K7006" s="58">
        <f>Bühler!K7032</f>
        <v>3.6896754324531602</v>
      </c>
      <c r="L7006" s="58">
        <f>Bühler!L7032</f>
        <v>1.8448377162265801</v>
      </c>
      <c r="M7006" s="57">
        <f>Bühler!M7032</f>
        <v>0</v>
      </c>
      <c r="N7006" s="55">
        <f>IF(Input!$K$13=1,J7006*Input!$J$13,0)+IF(Input!$K$14=1,K7006*Input!$J$14,0)+IF(Input!$K$15=1,L7006*Input!$J$15,0)+IF(Input!$K$16=1,M7006*Input!$J$16,0)</f>
        <v>6.8915113600135536</v>
      </c>
      <c r="O7006" s="58">
        <f>IF(Input!$K$13=2,J7006*Input!$J$13,0)+IF(Input!$K$14=2,K7006*Input!$J$14,0)+IF(Input!$K$15=2,L7006*Input!$J$15,0)+IF(Input!$K$16=2,M7006*Input!$J$16,0)</f>
        <v>0.49810618338117663</v>
      </c>
      <c r="P7006" s="58">
        <f>IF(Input!$K$13=3,J7006*Input!$J$13,0)+IF(Input!$K$14=3,K7006*Input!$J$14,0)+IF(Input!$K$15=3,L7006*Input!$J$15,0)+IF(Input!$K$16=3,M7006*Input!$J$16,0)</f>
        <v>0</v>
      </c>
      <c r="Q7006" s="71">
        <f>IF(Input!$K$13=4,J7006*Input!$J$13,0)+IF(Input!$K$14=4,K7006*Input!$J$14,0)+IF(Input!$K$15=4,L7006*Input!$J$15,0)+IF(Input!$K$16=4,M7006*Input!$J$16,0)</f>
        <v>0</v>
      </c>
    </row>
    <row r="7007" spans="8:17" x14ac:dyDescent="0.25">
      <c r="H7007" s="43">
        <v>7000</v>
      </c>
      <c r="I7007" s="55">
        <f>Bühler!I7033</f>
        <v>2.5790616023828279</v>
      </c>
      <c r="J7007" s="58">
        <f>Bühler!J7033</f>
        <v>57.429261333446284</v>
      </c>
      <c r="K7007" s="58">
        <f>Bühler!K7033</f>
        <v>3.6896754324531602</v>
      </c>
      <c r="L7007" s="58">
        <f>Bühler!L7033</f>
        <v>1.8448377162265801</v>
      </c>
      <c r="M7007" s="57">
        <f>Bühler!M7033</f>
        <v>0</v>
      </c>
      <c r="N7007" s="55">
        <f>IF(Input!$K$13=1,J7007*Input!$J$13,0)+IF(Input!$K$14=1,K7007*Input!$J$14,0)+IF(Input!$K$15=1,L7007*Input!$J$15,0)+IF(Input!$K$16=1,M7007*Input!$J$16,0)</f>
        <v>6.8915113600135536</v>
      </c>
      <c r="O7007" s="58">
        <f>IF(Input!$K$13=2,J7007*Input!$J$13,0)+IF(Input!$K$14=2,K7007*Input!$J$14,0)+IF(Input!$K$15=2,L7007*Input!$J$15,0)+IF(Input!$K$16=2,M7007*Input!$J$16,0)</f>
        <v>0.49810618338117663</v>
      </c>
      <c r="P7007" s="58">
        <f>IF(Input!$K$13=3,J7007*Input!$J$13,0)+IF(Input!$K$14=3,K7007*Input!$J$14,0)+IF(Input!$K$15=3,L7007*Input!$J$15,0)+IF(Input!$K$16=3,M7007*Input!$J$16,0)</f>
        <v>0</v>
      </c>
      <c r="Q7007" s="71">
        <f>IF(Input!$K$13=4,J7007*Input!$J$13,0)+IF(Input!$K$14=4,K7007*Input!$J$14,0)+IF(Input!$K$15=4,L7007*Input!$J$15,0)+IF(Input!$K$16=4,M7007*Input!$J$16,0)</f>
        <v>0</v>
      </c>
    </row>
    <row r="7008" spans="8:17" x14ac:dyDescent="0.25">
      <c r="H7008" s="43">
        <v>7001</v>
      </c>
      <c r="I7008" s="55">
        <f>Bühler!I7034</f>
        <v>2.1550410064245678</v>
      </c>
      <c r="J7008" s="58">
        <f>Bühler!J7034</f>
        <v>34.530416537648193</v>
      </c>
      <c r="K7008" s="58">
        <f>Bühler!K7034</f>
        <v>2.1742730226956124</v>
      </c>
      <c r="L7008" s="58">
        <f>Bühler!L7034</f>
        <v>1.0871365113478062</v>
      </c>
      <c r="M7008" s="57">
        <f>Bühler!M7034</f>
        <v>0</v>
      </c>
      <c r="N7008" s="55">
        <f>IF(Input!$K$13=1,J7008*Input!$J$13,0)+IF(Input!$K$14=1,K7008*Input!$J$14,0)+IF(Input!$K$15=1,L7008*Input!$J$15,0)+IF(Input!$K$16=1,M7008*Input!$J$16,0)</f>
        <v>4.1436499845177828</v>
      </c>
      <c r="O7008" s="58">
        <f>IF(Input!$K$13=2,J7008*Input!$J$13,0)+IF(Input!$K$14=2,K7008*Input!$J$14,0)+IF(Input!$K$15=2,L7008*Input!$J$15,0)+IF(Input!$K$16=2,M7008*Input!$J$16,0)</f>
        <v>0.29352685806390766</v>
      </c>
      <c r="P7008" s="58">
        <f>IF(Input!$K$13=3,J7008*Input!$J$13,0)+IF(Input!$K$14=3,K7008*Input!$J$14,0)+IF(Input!$K$15=3,L7008*Input!$J$15,0)+IF(Input!$K$16=3,M7008*Input!$J$16,0)</f>
        <v>0</v>
      </c>
      <c r="Q7008" s="71">
        <f>IF(Input!$K$13=4,J7008*Input!$J$13,0)+IF(Input!$K$14=4,K7008*Input!$J$14,0)+IF(Input!$K$15=4,L7008*Input!$J$15,0)+IF(Input!$K$16=4,M7008*Input!$J$16,0)</f>
        <v>0</v>
      </c>
    </row>
    <row r="7009" spans="8:17" x14ac:dyDescent="0.25">
      <c r="H7009" s="43">
        <v>7002</v>
      </c>
      <c r="I7009" s="55">
        <f>Bühler!I7035</f>
        <v>1.7135513971496745</v>
      </c>
      <c r="J7009" s="58">
        <f>Bühler!J7035</f>
        <v>15.597614432139739</v>
      </c>
      <c r="K7009" s="58">
        <f>Bühler!K7035</f>
        <v>0.92798677878600633</v>
      </c>
      <c r="L7009" s="58">
        <f>Bühler!L7035</f>
        <v>0.46399338939300316</v>
      </c>
      <c r="M7009" s="57">
        <f>Bühler!M7035</f>
        <v>0</v>
      </c>
      <c r="N7009" s="55">
        <f>IF(Input!$K$13=1,J7009*Input!$J$13,0)+IF(Input!$K$14=1,K7009*Input!$J$14,0)+IF(Input!$K$15=1,L7009*Input!$J$15,0)+IF(Input!$K$16=1,M7009*Input!$J$16,0)</f>
        <v>1.8717137318567687</v>
      </c>
      <c r="O7009" s="58">
        <f>IF(Input!$K$13=2,J7009*Input!$J$13,0)+IF(Input!$K$14=2,K7009*Input!$J$14,0)+IF(Input!$K$15=2,L7009*Input!$J$15,0)+IF(Input!$K$16=2,M7009*Input!$J$16,0)</f>
        <v>0.12527821513611084</v>
      </c>
      <c r="P7009" s="58">
        <f>IF(Input!$K$13=3,J7009*Input!$J$13,0)+IF(Input!$K$14=3,K7009*Input!$J$14,0)+IF(Input!$K$15=3,L7009*Input!$J$15,0)+IF(Input!$K$16=3,M7009*Input!$J$16,0)</f>
        <v>0</v>
      </c>
      <c r="Q7009" s="71">
        <f>IF(Input!$K$13=4,J7009*Input!$J$13,0)+IF(Input!$K$14=4,K7009*Input!$J$14,0)+IF(Input!$K$15=4,L7009*Input!$J$15,0)+IF(Input!$K$16=4,M7009*Input!$J$16,0)</f>
        <v>0</v>
      </c>
    </row>
    <row r="7010" spans="8:17" x14ac:dyDescent="0.25">
      <c r="H7010" s="43">
        <v>7003</v>
      </c>
      <c r="I7010" s="55">
        <f>Bühler!I7036</f>
        <v>0.63523684787754386</v>
      </c>
      <c r="J7010" s="58">
        <f>Bühler!J7036</f>
        <v>9.7574095281175488</v>
      </c>
      <c r="K7010" s="58">
        <f>Bühler!K7036</f>
        <v>0.61247127399876411</v>
      </c>
      <c r="L7010" s="58">
        <f>Bühler!L7036</f>
        <v>0.30623563699938205</v>
      </c>
      <c r="M7010" s="57">
        <f>Bühler!M7036</f>
        <v>0</v>
      </c>
      <c r="N7010" s="55">
        <f>IF(Input!$K$13=1,J7010*Input!$J$13,0)+IF(Input!$K$14=1,K7010*Input!$J$14,0)+IF(Input!$K$15=1,L7010*Input!$J$15,0)+IF(Input!$K$16=1,M7010*Input!$J$16,0)</f>
        <v>1.1708891433741058</v>
      </c>
      <c r="O7010" s="58">
        <f>IF(Input!$K$13=2,J7010*Input!$J$13,0)+IF(Input!$K$14=2,K7010*Input!$J$14,0)+IF(Input!$K$15=2,L7010*Input!$J$15,0)+IF(Input!$K$16=2,M7010*Input!$J$16,0)</f>
        <v>8.2683621989833145E-2</v>
      </c>
      <c r="P7010" s="58">
        <f>IF(Input!$K$13=3,J7010*Input!$J$13,0)+IF(Input!$K$14=3,K7010*Input!$J$14,0)+IF(Input!$K$15=3,L7010*Input!$J$15,0)+IF(Input!$K$16=3,M7010*Input!$J$16,0)</f>
        <v>0</v>
      </c>
      <c r="Q7010" s="71">
        <f>IF(Input!$K$13=4,J7010*Input!$J$13,0)+IF(Input!$K$14=4,K7010*Input!$J$14,0)+IF(Input!$K$15=4,L7010*Input!$J$15,0)+IF(Input!$K$16=4,M7010*Input!$J$16,0)</f>
        <v>0</v>
      </c>
    </row>
    <row r="7011" spans="8:17" x14ac:dyDescent="0.25">
      <c r="H7011" s="43">
        <v>7004</v>
      </c>
      <c r="I7011" s="55">
        <f>Bühler!I7037</f>
        <v>0.63523684787754386</v>
      </c>
      <c r="J7011" s="58">
        <f>Bühler!J7037</f>
        <v>9.7574095281175488</v>
      </c>
      <c r="K7011" s="58">
        <f>Bühler!K7037</f>
        <v>0.61247127399876411</v>
      </c>
      <c r="L7011" s="58">
        <f>Bühler!L7037</f>
        <v>0.30623563699938205</v>
      </c>
      <c r="M7011" s="57">
        <f>Bühler!M7037</f>
        <v>0</v>
      </c>
      <c r="N7011" s="55">
        <f>IF(Input!$K$13=1,J7011*Input!$J$13,0)+IF(Input!$K$14=1,K7011*Input!$J$14,0)+IF(Input!$K$15=1,L7011*Input!$J$15,0)+IF(Input!$K$16=1,M7011*Input!$J$16,0)</f>
        <v>1.1708891433741058</v>
      </c>
      <c r="O7011" s="58">
        <f>IF(Input!$K$13=2,J7011*Input!$J$13,0)+IF(Input!$K$14=2,K7011*Input!$J$14,0)+IF(Input!$K$15=2,L7011*Input!$J$15,0)+IF(Input!$K$16=2,M7011*Input!$J$16,0)</f>
        <v>8.2683621989833145E-2</v>
      </c>
      <c r="P7011" s="58">
        <f>IF(Input!$K$13=3,J7011*Input!$J$13,0)+IF(Input!$K$14=3,K7011*Input!$J$14,0)+IF(Input!$K$15=3,L7011*Input!$J$15,0)+IF(Input!$K$16=3,M7011*Input!$J$16,0)</f>
        <v>0</v>
      </c>
      <c r="Q7011" s="71">
        <f>IF(Input!$K$13=4,J7011*Input!$J$13,0)+IF(Input!$K$14=4,K7011*Input!$J$14,0)+IF(Input!$K$15=4,L7011*Input!$J$15,0)+IF(Input!$K$16=4,M7011*Input!$J$16,0)</f>
        <v>0</v>
      </c>
    </row>
    <row r="7012" spans="8:17" x14ac:dyDescent="0.25">
      <c r="H7012" s="43">
        <v>7005</v>
      </c>
      <c r="I7012" s="55">
        <f>Bühler!I7038</f>
        <v>0.63523684787754386</v>
      </c>
      <c r="J7012" s="58">
        <f>Bühler!J7038</f>
        <v>9.7574095281175488</v>
      </c>
      <c r="K7012" s="58">
        <f>Bühler!K7038</f>
        <v>0.61247127399876411</v>
      </c>
      <c r="L7012" s="58">
        <f>Bühler!L7038</f>
        <v>0.30623563699938205</v>
      </c>
      <c r="M7012" s="57">
        <f>Bühler!M7038</f>
        <v>0</v>
      </c>
      <c r="N7012" s="55">
        <f>IF(Input!$K$13=1,J7012*Input!$J$13,0)+IF(Input!$K$14=1,K7012*Input!$J$14,0)+IF(Input!$K$15=1,L7012*Input!$J$15,0)+IF(Input!$K$16=1,M7012*Input!$J$16,0)</f>
        <v>1.1708891433741058</v>
      </c>
      <c r="O7012" s="58">
        <f>IF(Input!$K$13=2,J7012*Input!$J$13,0)+IF(Input!$K$14=2,K7012*Input!$J$14,0)+IF(Input!$K$15=2,L7012*Input!$J$15,0)+IF(Input!$K$16=2,M7012*Input!$J$16,0)</f>
        <v>8.2683621989833145E-2</v>
      </c>
      <c r="P7012" s="58">
        <f>IF(Input!$K$13=3,J7012*Input!$J$13,0)+IF(Input!$K$14=3,K7012*Input!$J$14,0)+IF(Input!$K$15=3,L7012*Input!$J$15,0)+IF(Input!$K$16=3,M7012*Input!$J$16,0)</f>
        <v>0</v>
      </c>
      <c r="Q7012" s="71">
        <f>IF(Input!$K$13=4,J7012*Input!$J$13,0)+IF(Input!$K$14=4,K7012*Input!$J$14,0)+IF(Input!$K$15=4,L7012*Input!$J$15,0)+IF(Input!$K$16=4,M7012*Input!$J$16,0)</f>
        <v>0</v>
      </c>
    </row>
    <row r="7013" spans="8:17" x14ac:dyDescent="0.25">
      <c r="H7013" s="43">
        <v>7006</v>
      </c>
      <c r="I7013" s="55">
        <f>Bühler!I7039</f>
        <v>0.63523684787754386</v>
      </c>
      <c r="J7013" s="58">
        <f>Bühler!J7039</f>
        <v>9.7574095281175488</v>
      </c>
      <c r="K7013" s="58">
        <f>Bühler!K7039</f>
        <v>0.61247127399876411</v>
      </c>
      <c r="L7013" s="58">
        <f>Bühler!L7039</f>
        <v>0.30623563699938205</v>
      </c>
      <c r="M7013" s="57">
        <f>Bühler!M7039</f>
        <v>0</v>
      </c>
      <c r="N7013" s="55">
        <f>IF(Input!$K$13=1,J7013*Input!$J$13,0)+IF(Input!$K$14=1,K7013*Input!$J$14,0)+IF(Input!$K$15=1,L7013*Input!$J$15,0)+IF(Input!$K$16=1,M7013*Input!$J$16,0)</f>
        <v>1.1708891433741058</v>
      </c>
      <c r="O7013" s="58">
        <f>IF(Input!$K$13=2,J7013*Input!$J$13,0)+IF(Input!$K$14=2,K7013*Input!$J$14,0)+IF(Input!$K$15=2,L7013*Input!$J$15,0)+IF(Input!$K$16=2,M7013*Input!$J$16,0)</f>
        <v>8.2683621989833145E-2</v>
      </c>
      <c r="P7013" s="58">
        <f>IF(Input!$K$13=3,J7013*Input!$J$13,0)+IF(Input!$K$14=3,K7013*Input!$J$14,0)+IF(Input!$K$15=3,L7013*Input!$J$15,0)+IF(Input!$K$16=3,M7013*Input!$J$16,0)</f>
        <v>0</v>
      </c>
      <c r="Q7013" s="71">
        <f>IF(Input!$K$13=4,J7013*Input!$J$13,0)+IF(Input!$K$14=4,K7013*Input!$J$14,0)+IF(Input!$K$15=4,L7013*Input!$J$15,0)+IF(Input!$K$16=4,M7013*Input!$J$16,0)</f>
        <v>0</v>
      </c>
    </row>
    <row r="7014" spans="8:17" x14ac:dyDescent="0.25">
      <c r="H7014" s="43">
        <v>7007</v>
      </c>
      <c r="I7014" s="55">
        <f>Bühler!I7040</f>
        <v>0.63523684787754386</v>
      </c>
      <c r="J7014" s="58">
        <f>Bühler!J7040</f>
        <v>9.7574095281175488</v>
      </c>
      <c r="K7014" s="58">
        <f>Bühler!K7040</f>
        <v>0.61247127399876411</v>
      </c>
      <c r="L7014" s="58">
        <f>Bühler!L7040</f>
        <v>0.30623563699938205</v>
      </c>
      <c r="M7014" s="57">
        <f>Bühler!M7040</f>
        <v>0</v>
      </c>
      <c r="N7014" s="55">
        <f>IF(Input!$K$13=1,J7014*Input!$J$13,0)+IF(Input!$K$14=1,K7014*Input!$J$14,0)+IF(Input!$K$15=1,L7014*Input!$J$15,0)+IF(Input!$K$16=1,M7014*Input!$J$16,0)</f>
        <v>1.1708891433741058</v>
      </c>
      <c r="O7014" s="58">
        <f>IF(Input!$K$13=2,J7014*Input!$J$13,0)+IF(Input!$K$14=2,K7014*Input!$J$14,0)+IF(Input!$K$15=2,L7014*Input!$J$15,0)+IF(Input!$K$16=2,M7014*Input!$J$16,0)</f>
        <v>8.2683621989833145E-2</v>
      </c>
      <c r="P7014" s="58">
        <f>IF(Input!$K$13=3,J7014*Input!$J$13,0)+IF(Input!$K$14=3,K7014*Input!$J$14,0)+IF(Input!$K$15=3,L7014*Input!$J$15,0)+IF(Input!$K$16=3,M7014*Input!$J$16,0)</f>
        <v>0</v>
      </c>
      <c r="Q7014" s="71">
        <f>IF(Input!$K$13=4,J7014*Input!$J$13,0)+IF(Input!$K$14=4,K7014*Input!$J$14,0)+IF(Input!$K$15=4,L7014*Input!$J$15,0)+IF(Input!$K$16=4,M7014*Input!$J$16,0)</f>
        <v>0</v>
      </c>
    </row>
    <row r="7015" spans="8:17" x14ac:dyDescent="0.25">
      <c r="H7015" s="43">
        <v>7008</v>
      </c>
      <c r="I7015" s="55">
        <f>Bühler!I7041</f>
        <v>0.63523684787754386</v>
      </c>
      <c r="J7015" s="58">
        <f>Bühler!J7041</f>
        <v>9.7574095281175488</v>
      </c>
      <c r="K7015" s="58">
        <f>Bühler!K7041</f>
        <v>0.61247127399876411</v>
      </c>
      <c r="L7015" s="58">
        <f>Bühler!L7041</f>
        <v>0.30623563699938205</v>
      </c>
      <c r="M7015" s="57">
        <f>Bühler!M7041</f>
        <v>0</v>
      </c>
      <c r="N7015" s="55">
        <f>IF(Input!$K$13=1,J7015*Input!$J$13,0)+IF(Input!$K$14=1,K7015*Input!$J$14,0)+IF(Input!$K$15=1,L7015*Input!$J$15,0)+IF(Input!$K$16=1,M7015*Input!$J$16,0)</f>
        <v>1.1708891433741058</v>
      </c>
      <c r="O7015" s="58">
        <f>IF(Input!$K$13=2,J7015*Input!$J$13,0)+IF(Input!$K$14=2,K7015*Input!$J$14,0)+IF(Input!$K$15=2,L7015*Input!$J$15,0)+IF(Input!$K$16=2,M7015*Input!$J$16,0)</f>
        <v>8.2683621989833145E-2</v>
      </c>
      <c r="P7015" s="58">
        <f>IF(Input!$K$13=3,J7015*Input!$J$13,0)+IF(Input!$K$14=3,K7015*Input!$J$14,0)+IF(Input!$K$15=3,L7015*Input!$J$15,0)+IF(Input!$K$16=3,M7015*Input!$J$16,0)</f>
        <v>0</v>
      </c>
      <c r="Q7015" s="71">
        <f>IF(Input!$K$13=4,J7015*Input!$J$13,0)+IF(Input!$K$14=4,K7015*Input!$J$14,0)+IF(Input!$K$15=4,L7015*Input!$J$15,0)+IF(Input!$K$16=4,M7015*Input!$J$16,0)</f>
        <v>0</v>
      </c>
    </row>
    <row r="7016" spans="8:17" x14ac:dyDescent="0.25">
      <c r="H7016" s="43">
        <v>7009</v>
      </c>
      <c r="I7016" s="55">
        <f>Bühler!I7042</f>
        <v>0.31994531274398286</v>
      </c>
      <c r="J7016" s="58">
        <f>Bühler!J7042</f>
        <v>11.429510780193596</v>
      </c>
      <c r="K7016" s="58">
        <f>Bühler!K7042</f>
        <v>0.90130340795842023</v>
      </c>
      <c r="L7016" s="58">
        <f>Bühler!L7042</f>
        <v>0.45065170397921012</v>
      </c>
      <c r="M7016" s="57">
        <f>Bühler!M7042</f>
        <v>0</v>
      </c>
      <c r="N7016" s="55">
        <f>IF(Input!$K$13=1,J7016*Input!$J$13,0)+IF(Input!$K$14=1,K7016*Input!$J$14,0)+IF(Input!$K$15=1,L7016*Input!$J$15,0)+IF(Input!$K$16=1,M7016*Input!$J$16,0)</f>
        <v>1.3715412936232314</v>
      </c>
      <c r="O7016" s="58">
        <f>IF(Input!$K$13=2,J7016*Input!$J$13,0)+IF(Input!$K$14=2,K7016*Input!$J$14,0)+IF(Input!$K$15=2,L7016*Input!$J$15,0)+IF(Input!$K$16=2,M7016*Input!$J$16,0)</f>
        <v>0.12167596007438672</v>
      </c>
      <c r="P7016" s="58">
        <f>IF(Input!$K$13=3,J7016*Input!$J$13,0)+IF(Input!$K$14=3,K7016*Input!$J$14,0)+IF(Input!$K$15=3,L7016*Input!$J$15,0)+IF(Input!$K$16=3,M7016*Input!$J$16,0)</f>
        <v>0</v>
      </c>
      <c r="Q7016" s="71">
        <f>IF(Input!$K$13=4,J7016*Input!$J$13,0)+IF(Input!$K$14=4,K7016*Input!$J$14,0)+IF(Input!$K$15=4,L7016*Input!$J$15,0)+IF(Input!$K$16=4,M7016*Input!$J$16,0)</f>
        <v>0</v>
      </c>
    </row>
    <row r="7017" spans="8:17" x14ac:dyDescent="0.25">
      <c r="H7017" s="43">
        <v>7010</v>
      </c>
      <c r="I7017" s="55">
        <f>Bühler!I7043</f>
        <v>0.31994531274398286</v>
      </c>
      <c r="J7017" s="58">
        <f>Bühler!J7043</f>
        <v>7.0635185482328176</v>
      </c>
      <c r="K7017" s="58">
        <f>Bühler!K7043</f>
        <v>0.54624448967176986</v>
      </c>
      <c r="L7017" s="58">
        <f>Bühler!L7043</f>
        <v>0.27312224483588493</v>
      </c>
      <c r="M7017" s="57">
        <f>Bühler!M7043</f>
        <v>0</v>
      </c>
      <c r="N7017" s="55">
        <f>IF(Input!$K$13=1,J7017*Input!$J$13,0)+IF(Input!$K$14=1,K7017*Input!$J$14,0)+IF(Input!$K$15=1,L7017*Input!$J$15,0)+IF(Input!$K$16=1,M7017*Input!$J$16,0)</f>
        <v>0.84762222578793811</v>
      </c>
      <c r="O7017" s="58">
        <f>IF(Input!$K$13=2,J7017*Input!$J$13,0)+IF(Input!$K$14=2,K7017*Input!$J$14,0)+IF(Input!$K$15=2,L7017*Input!$J$15,0)+IF(Input!$K$16=2,M7017*Input!$J$16,0)</f>
        <v>7.374300610568893E-2</v>
      </c>
      <c r="P7017" s="58">
        <f>IF(Input!$K$13=3,J7017*Input!$J$13,0)+IF(Input!$K$14=3,K7017*Input!$J$14,0)+IF(Input!$K$15=3,L7017*Input!$J$15,0)+IF(Input!$K$16=3,M7017*Input!$J$16,0)</f>
        <v>0</v>
      </c>
      <c r="Q7017" s="71">
        <f>IF(Input!$K$13=4,J7017*Input!$J$13,0)+IF(Input!$K$14=4,K7017*Input!$J$14,0)+IF(Input!$K$15=4,L7017*Input!$J$15,0)+IF(Input!$K$16=4,M7017*Input!$J$16,0)</f>
        <v>0</v>
      </c>
    </row>
    <row r="7018" spans="8:17" x14ac:dyDescent="0.25">
      <c r="H7018" s="43">
        <v>7011</v>
      </c>
      <c r="I7018" s="55">
        <f>Bühler!I7044</f>
        <v>0.31994531274398286</v>
      </c>
      <c r="J7018" s="58">
        <f>Bühler!J7044</f>
        <v>7.0635185482328176</v>
      </c>
      <c r="K7018" s="58">
        <f>Bühler!K7044</f>
        <v>0.54624448967176986</v>
      </c>
      <c r="L7018" s="58">
        <f>Bühler!L7044</f>
        <v>0.27312224483588493</v>
      </c>
      <c r="M7018" s="57">
        <f>Bühler!M7044</f>
        <v>0</v>
      </c>
      <c r="N7018" s="55">
        <f>IF(Input!$K$13=1,J7018*Input!$J$13,0)+IF(Input!$K$14=1,K7018*Input!$J$14,0)+IF(Input!$K$15=1,L7018*Input!$J$15,0)+IF(Input!$K$16=1,M7018*Input!$J$16,0)</f>
        <v>0.84762222578793811</v>
      </c>
      <c r="O7018" s="58">
        <f>IF(Input!$K$13=2,J7018*Input!$J$13,0)+IF(Input!$K$14=2,K7018*Input!$J$14,0)+IF(Input!$K$15=2,L7018*Input!$J$15,0)+IF(Input!$K$16=2,M7018*Input!$J$16,0)</f>
        <v>7.374300610568893E-2</v>
      </c>
      <c r="P7018" s="58">
        <f>IF(Input!$K$13=3,J7018*Input!$J$13,0)+IF(Input!$K$14=3,K7018*Input!$J$14,0)+IF(Input!$K$15=3,L7018*Input!$J$15,0)+IF(Input!$K$16=3,M7018*Input!$J$16,0)</f>
        <v>0</v>
      </c>
      <c r="Q7018" s="71">
        <f>IF(Input!$K$13=4,J7018*Input!$J$13,0)+IF(Input!$K$14=4,K7018*Input!$J$14,0)+IF(Input!$K$15=4,L7018*Input!$J$15,0)+IF(Input!$K$16=4,M7018*Input!$J$16,0)</f>
        <v>0</v>
      </c>
    </row>
    <row r="7019" spans="8:17" x14ac:dyDescent="0.25">
      <c r="H7019" s="43">
        <v>7012</v>
      </c>
      <c r="I7019" s="55">
        <f>Bühler!I7045</f>
        <v>0.31994531274398286</v>
      </c>
      <c r="J7019" s="58">
        <f>Bühler!J7045</f>
        <v>7.0635185482328176</v>
      </c>
      <c r="K7019" s="58">
        <f>Bühler!K7045</f>
        <v>0.54624448967176986</v>
      </c>
      <c r="L7019" s="58">
        <f>Bühler!L7045</f>
        <v>0.27312224483588493</v>
      </c>
      <c r="M7019" s="57">
        <f>Bühler!M7045</f>
        <v>0</v>
      </c>
      <c r="N7019" s="55">
        <f>IF(Input!$K$13=1,J7019*Input!$J$13,0)+IF(Input!$K$14=1,K7019*Input!$J$14,0)+IF(Input!$K$15=1,L7019*Input!$J$15,0)+IF(Input!$K$16=1,M7019*Input!$J$16,0)</f>
        <v>0.84762222578793811</v>
      </c>
      <c r="O7019" s="58">
        <f>IF(Input!$K$13=2,J7019*Input!$J$13,0)+IF(Input!$K$14=2,K7019*Input!$J$14,0)+IF(Input!$K$15=2,L7019*Input!$J$15,0)+IF(Input!$K$16=2,M7019*Input!$J$16,0)</f>
        <v>7.374300610568893E-2</v>
      </c>
      <c r="P7019" s="58">
        <f>IF(Input!$K$13=3,J7019*Input!$J$13,0)+IF(Input!$K$14=3,K7019*Input!$J$14,0)+IF(Input!$K$15=3,L7019*Input!$J$15,0)+IF(Input!$K$16=3,M7019*Input!$J$16,0)</f>
        <v>0</v>
      </c>
      <c r="Q7019" s="71">
        <f>IF(Input!$K$13=4,J7019*Input!$J$13,0)+IF(Input!$K$14=4,K7019*Input!$J$14,0)+IF(Input!$K$15=4,L7019*Input!$J$15,0)+IF(Input!$K$16=4,M7019*Input!$J$16,0)</f>
        <v>0</v>
      </c>
    </row>
    <row r="7020" spans="8:17" x14ac:dyDescent="0.25">
      <c r="H7020" s="43">
        <v>7013</v>
      </c>
      <c r="I7020" s="55">
        <f>Bühler!I7046</f>
        <v>0.31994531274398286</v>
      </c>
      <c r="J7020" s="58">
        <f>Bühler!J7046</f>
        <v>7.0635185482328176</v>
      </c>
      <c r="K7020" s="58">
        <f>Bühler!K7046</f>
        <v>0.54624448967176986</v>
      </c>
      <c r="L7020" s="58">
        <f>Bühler!L7046</f>
        <v>0.27312224483588493</v>
      </c>
      <c r="M7020" s="57">
        <f>Bühler!M7046</f>
        <v>0</v>
      </c>
      <c r="N7020" s="55">
        <f>IF(Input!$K$13=1,J7020*Input!$J$13,0)+IF(Input!$K$14=1,K7020*Input!$J$14,0)+IF(Input!$K$15=1,L7020*Input!$J$15,0)+IF(Input!$K$16=1,M7020*Input!$J$16,0)</f>
        <v>0.84762222578793811</v>
      </c>
      <c r="O7020" s="58">
        <f>IF(Input!$K$13=2,J7020*Input!$J$13,0)+IF(Input!$K$14=2,K7020*Input!$J$14,0)+IF(Input!$K$15=2,L7020*Input!$J$15,0)+IF(Input!$K$16=2,M7020*Input!$J$16,0)</f>
        <v>7.374300610568893E-2</v>
      </c>
      <c r="P7020" s="58">
        <f>IF(Input!$K$13=3,J7020*Input!$J$13,0)+IF(Input!$K$14=3,K7020*Input!$J$14,0)+IF(Input!$K$15=3,L7020*Input!$J$15,0)+IF(Input!$K$16=3,M7020*Input!$J$16,0)</f>
        <v>0</v>
      </c>
      <c r="Q7020" s="71">
        <f>IF(Input!$K$13=4,J7020*Input!$J$13,0)+IF(Input!$K$14=4,K7020*Input!$J$14,0)+IF(Input!$K$15=4,L7020*Input!$J$15,0)+IF(Input!$K$16=4,M7020*Input!$J$16,0)</f>
        <v>0</v>
      </c>
    </row>
    <row r="7021" spans="8:17" x14ac:dyDescent="0.25">
      <c r="H7021" s="43">
        <v>7014</v>
      </c>
      <c r="I7021" s="55">
        <f>Bühler!I7047</f>
        <v>0.31994531274398286</v>
      </c>
      <c r="J7021" s="58">
        <f>Bühler!J7047</f>
        <v>7.0635185482328176</v>
      </c>
      <c r="K7021" s="58">
        <f>Bühler!K7047</f>
        <v>0.54624448967176986</v>
      </c>
      <c r="L7021" s="58">
        <f>Bühler!L7047</f>
        <v>0.27312224483588493</v>
      </c>
      <c r="M7021" s="57">
        <f>Bühler!M7047</f>
        <v>0</v>
      </c>
      <c r="N7021" s="55">
        <f>IF(Input!$K$13=1,J7021*Input!$J$13,0)+IF(Input!$K$14=1,K7021*Input!$J$14,0)+IF(Input!$K$15=1,L7021*Input!$J$15,0)+IF(Input!$K$16=1,M7021*Input!$J$16,0)</f>
        <v>0.84762222578793811</v>
      </c>
      <c r="O7021" s="58">
        <f>IF(Input!$K$13=2,J7021*Input!$J$13,0)+IF(Input!$K$14=2,K7021*Input!$J$14,0)+IF(Input!$K$15=2,L7021*Input!$J$15,0)+IF(Input!$K$16=2,M7021*Input!$J$16,0)</f>
        <v>7.374300610568893E-2</v>
      </c>
      <c r="P7021" s="58">
        <f>IF(Input!$K$13=3,J7021*Input!$J$13,0)+IF(Input!$K$14=3,K7021*Input!$J$14,0)+IF(Input!$K$15=3,L7021*Input!$J$15,0)+IF(Input!$K$16=3,M7021*Input!$J$16,0)</f>
        <v>0</v>
      </c>
      <c r="Q7021" s="71">
        <f>IF(Input!$K$13=4,J7021*Input!$J$13,0)+IF(Input!$K$14=4,K7021*Input!$J$14,0)+IF(Input!$K$15=4,L7021*Input!$J$15,0)+IF(Input!$K$16=4,M7021*Input!$J$16,0)</f>
        <v>0</v>
      </c>
    </row>
    <row r="7022" spans="8:17" x14ac:dyDescent="0.25">
      <c r="H7022" s="43">
        <v>7015</v>
      </c>
      <c r="I7022" s="55">
        <f>Bühler!I7048</f>
        <v>0.31994531274398286</v>
      </c>
      <c r="J7022" s="58">
        <f>Bühler!J7048</f>
        <v>7.0635185482328176</v>
      </c>
      <c r="K7022" s="58">
        <f>Bühler!K7048</f>
        <v>0.54624448967176986</v>
      </c>
      <c r="L7022" s="58">
        <f>Bühler!L7048</f>
        <v>0.27312224483588493</v>
      </c>
      <c r="M7022" s="57">
        <f>Bühler!M7048</f>
        <v>0</v>
      </c>
      <c r="N7022" s="55">
        <f>IF(Input!$K$13=1,J7022*Input!$J$13,0)+IF(Input!$K$14=1,K7022*Input!$J$14,0)+IF(Input!$K$15=1,L7022*Input!$J$15,0)+IF(Input!$K$16=1,M7022*Input!$J$16,0)</f>
        <v>0.84762222578793811</v>
      </c>
      <c r="O7022" s="58">
        <f>IF(Input!$K$13=2,J7022*Input!$J$13,0)+IF(Input!$K$14=2,K7022*Input!$J$14,0)+IF(Input!$K$15=2,L7022*Input!$J$15,0)+IF(Input!$K$16=2,M7022*Input!$J$16,0)</f>
        <v>7.374300610568893E-2</v>
      </c>
      <c r="P7022" s="58">
        <f>IF(Input!$K$13=3,J7022*Input!$J$13,0)+IF(Input!$K$14=3,K7022*Input!$J$14,0)+IF(Input!$K$15=3,L7022*Input!$J$15,0)+IF(Input!$K$16=3,M7022*Input!$J$16,0)</f>
        <v>0</v>
      </c>
      <c r="Q7022" s="71">
        <f>IF(Input!$K$13=4,J7022*Input!$J$13,0)+IF(Input!$K$14=4,K7022*Input!$J$14,0)+IF(Input!$K$15=4,L7022*Input!$J$15,0)+IF(Input!$K$16=4,M7022*Input!$J$16,0)</f>
        <v>0</v>
      </c>
    </row>
    <row r="7023" spans="8:17" x14ac:dyDescent="0.25">
      <c r="H7023" s="43">
        <v>7016</v>
      </c>
      <c r="I7023" s="55">
        <f>Bühler!I7049</f>
        <v>0.86694858937079211</v>
      </c>
      <c r="J7023" s="58">
        <f>Bühler!J7049</f>
        <v>29.553235702310015</v>
      </c>
      <c r="K7023" s="58">
        <f>Bühler!K7049</f>
        <v>2.3270015260017396</v>
      </c>
      <c r="L7023" s="58">
        <f>Bühler!L7049</f>
        <v>1.1635007630008698</v>
      </c>
      <c r="M7023" s="57">
        <f>Bühler!M7049</f>
        <v>0</v>
      </c>
      <c r="N7023" s="55">
        <f>IF(Input!$K$13=1,J7023*Input!$J$13,0)+IF(Input!$K$14=1,K7023*Input!$J$14,0)+IF(Input!$K$15=1,L7023*Input!$J$15,0)+IF(Input!$K$16=1,M7023*Input!$J$16,0)</f>
        <v>3.5463882842772017</v>
      </c>
      <c r="O7023" s="58">
        <f>IF(Input!$K$13=2,J7023*Input!$J$13,0)+IF(Input!$K$14=2,K7023*Input!$J$14,0)+IF(Input!$K$15=2,L7023*Input!$J$15,0)+IF(Input!$K$16=2,M7023*Input!$J$16,0)</f>
        <v>0.31414520601023488</v>
      </c>
      <c r="P7023" s="58">
        <f>IF(Input!$K$13=3,J7023*Input!$J$13,0)+IF(Input!$K$14=3,K7023*Input!$J$14,0)+IF(Input!$K$15=3,L7023*Input!$J$15,0)+IF(Input!$K$16=3,M7023*Input!$J$16,0)</f>
        <v>0</v>
      </c>
      <c r="Q7023" s="71">
        <f>IF(Input!$K$13=4,J7023*Input!$J$13,0)+IF(Input!$K$14=4,K7023*Input!$J$14,0)+IF(Input!$K$15=4,L7023*Input!$J$15,0)+IF(Input!$K$16=4,M7023*Input!$J$16,0)</f>
        <v>0</v>
      </c>
    </row>
    <row r="7024" spans="8:17" x14ac:dyDescent="0.25">
      <c r="H7024" s="43">
        <v>7017</v>
      </c>
      <c r="I7024" s="55">
        <f>Bühler!I7050</f>
        <v>1.08368573671349</v>
      </c>
      <c r="J7024" s="58">
        <f>Bühler!J7050</f>
        <v>36.941544627887524</v>
      </c>
      <c r="K7024" s="58">
        <f>Bühler!K7050</f>
        <v>2.9087519075021744</v>
      </c>
      <c r="L7024" s="58">
        <f>Bühler!L7050</f>
        <v>1.4543759537510872</v>
      </c>
      <c r="M7024" s="57">
        <f>Bühler!M7050</f>
        <v>0</v>
      </c>
      <c r="N7024" s="55">
        <f>IF(Input!$K$13=1,J7024*Input!$J$13,0)+IF(Input!$K$14=1,K7024*Input!$J$14,0)+IF(Input!$K$15=1,L7024*Input!$J$15,0)+IF(Input!$K$16=1,M7024*Input!$J$16,0)</f>
        <v>4.4329853553465028</v>
      </c>
      <c r="O7024" s="58">
        <f>IF(Input!$K$13=2,J7024*Input!$J$13,0)+IF(Input!$K$14=2,K7024*Input!$J$14,0)+IF(Input!$K$15=2,L7024*Input!$J$15,0)+IF(Input!$K$16=2,M7024*Input!$J$16,0)</f>
        <v>0.39268150751279352</v>
      </c>
      <c r="P7024" s="58">
        <f>IF(Input!$K$13=3,J7024*Input!$J$13,0)+IF(Input!$K$14=3,K7024*Input!$J$14,0)+IF(Input!$K$15=3,L7024*Input!$J$15,0)+IF(Input!$K$16=3,M7024*Input!$J$16,0)</f>
        <v>0</v>
      </c>
      <c r="Q7024" s="71">
        <f>IF(Input!$K$13=4,J7024*Input!$J$13,0)+IF(Input!$K$14=4,K7024*Input!$J$14,0)+IF(Input!$K$15=4,L7024*Input!$J$15,0)+IF(Input!$K$16=4,M7024*Input!$J$16,0)</f>
        <v>0</v>
      </c>
    </row>
    <row r="7025" spans="8:17" x14ac:dyDescent="0.25">
      <c r="H7025" s="43">
        <v>7018</v>
      </c>
      <c r="I7025" s="55">
        <f>Bühler!I7051</f>
        <v>1.1920543103848393</v>
      </c>
      <c r="J7025" s="58">
        <f>Bühler!J7051</f>
        <v>40.635699090676269</v>
      </c>
      <c r="K7025" s="58">
        <f>Bühler!K7051</f>
        <v>3.199627098252392</v>
      </c>
      <c r="L7025" s="58">
        <f>Bühler!L7051</f>
        <v>1.599813549126196</v>
      </c>
      <c r="M7025" s="57">
        <f>Bühler!M7051</f>
        <v>0</v>
      </c>
      <c r="N7025" s="55">
        <f>IF(Input!$K$13=1,J7025*Input!$J$13,0)+IF(Input!$K$14=1,K7025*Input!$J$14,0)+IF(Input!$K$15=1,L7025*Input!$J$15,0)+IF(Input!$K$16=1,M7025*Input!$J$16,0)</f>
        <v>4.8762838908811519</v>
      </c>
      <c r="O7025" s="58">
        <f>IF(Input!$K$13=2,J7025*Input!$J$13,0)+IF(Input!$K$14=2,K7025*Input!$J$14,0)+IF(Input!$K$15=2,L7025*Input!$J$15,0)+IF(Input!$K$16=2,M7025*Input!$J$16,0)</f>
        <v>0.43194965826407289</v>
      </c>
      <c r="P7025" s="58">
        <f>IF(Input!$K$13=3,J7025*Input!$J$13,0)+IF(Input!$K$14=3,K7025*Input!$J$14,0)+IF(Input!$K$15=3,L7025*Input!$J$15,0)+IF(Input!$K$16=3,M7025*Input!$J$16,0)</f>
        <v>0</v>
      </c>
      <c r="Q7025" s="71">
        <f>IF(Input!$K$13=4,J7025*Input!$J$13,0)+IF(Input!$K$14=4,K7025*Input!$J$14,0)+IF(Input!$K$15=4,L7025*Input!$J$15,0)+IF(Input!$K$16=4,M7025*Input!$J$16,0)</f>
        <v>0</v>
      </c>
    </row>
    <row r="7026" spans="8:17" x14ac:dyDescent="0.25">
      <c r="H7026" s="43">
        <v>7019</v>
      </c>
      <c r="I7026" s="55">
        <f>Bühler!I7052</f>
        <v>1.1920543103848393</v>
      </c>
      <c r="J7026" s="58">
        <f>Bühler!J7052</f>
        <v>40.635699090676269</v>
      </c>
      <c r="K7026" s="58">
        <f>Bühler!K7052</f>
        <v>3.199627098252392</v>
      </c>
      <c r="L7026" s="58">
        <f>Bühler!L7052</f>
        <v>1.599813549126196</v>
      </c>
      <c r="M7026" s="57">
        <f>Bühler!M7052</f>
        <v>0</v>
      </c>
      <c r="N7026" s="55">
        <f>IF(Input!$K$13=1,J7026*Input!$J$13,0)+IF(Input!$K$14=1,K7026*Input!$J$14,0)+IF(Input!$K$15=1,L7026*Input!$J$15,0)+IF(Input!$K$16=1,M7026*Input!$J$16,0)</f>
        <v>4.8762838908811519</v>
      </c>
      <c r="O7026" s="58">
        <f>IF(Input!$K$13=2,J7026*Input!$J$13,0)+IF(Input!$K$14=2,K7026*Input!$J$14,0)+IF(Input!$K$15=2,L7026*Input!$J$15,0)+IF(Input!$K$16=2,M7026*Input!$J$16,0)</f>
        <v>0.43194965826407289</v>
      </c>
      <c r="P7026" s="58">
        <f>IF(Input!$K$13=3,J7026*Input!$J$13,0)+IF(Input!$K$14=3,K7026*Input!$J$14,0)+IF(Input!$K$15=3,L7026*Input!$J$15,0)+IF(Input!$K$16=3,M7026*Input!$J$16,0)</f>
        <v>0</v>
      </c>
      <c r="Q7026" s="71">
        <f>IF(Input!$K$13=4,J7026*Input!$J$13,0)+IF(Input!$K$14=4,K7026*Input!$J$14,0)+IF(Input!$K$15=4,L7026*Input!$J$15,0)+IF(Input!$K$16=4,M7026*Input!$J$16,0)</f>
        <v>0</v>
      </c>
    </row>
    <row r="7027" spans="8:17" x14ac:dyDescent="0.25">
      <c r="H7027" s="43">
        <v>7020</v>
      </c>
      <c r="I7027" s="55">
        <f>Bühler!I7053</f>
        <v>1.4087914577275373</v>
      </c>
      <c r="J7027" s="58">
        <f>Bühler!J7053</f>
        <v>48.024008016253774</v>
      </c>
      <c r="K7027" s="58">
        <f>Bühler!K7053</f>
        <v>3.7813774797528263</v>
      </c>
      <c r="L7027" s="58">
        <f>Bühler!L7053</f>
        <v>1.8906887398764132</v>
      </c>
      <c r="M7027" s="57">
        <f>Bühler!M7053</f>
        <v>0</v>
      </c>
      <c r="N7027" s="55">
        <f>IF(Input!$K$13=1,J7027*Input!$J$13,0)+IF(Input!$K$14=1,K7027*Input!$J$14,0)+IF(Input!$K$15=1,L7027*Input!$J$15,0)+IF(Input!$K$16=1,M7027*Input!$J$16,0)</f>
        <v>5.7628809619504526</v>
      </c>
      <c r="O7027" s="58">
        <f>IF(Input!$K$13=2,J7027*Input!$J$13,0)+IF(Input!$K$14=2,K7027*Input!$J$14,0)+IF(Input!$K$15=2,L7027*Input!$J$15,0)+IF(Input!$K$16=2,M7027*Input!$J$16,0)</f>
        <v>0.51048595976663158</v>
      </c>
      <c r="P7027" s="58">
        <f>IF(Input!$K$13=3,J7027*Input!$J$13,0)+IF(Input!$K$14=3,K7027*Input!$J$14,0)+IF(Input!$K$15=3,L7027*Input!$J$15,0)+IF(Input!$K$16=3,M7027*Input!$J$16,0)</f>
        <v>0</v>
      </c>
      <c r="Q7027" s="71">
        <f>IF(Input!$K$13=4,J7027*Input!$J$13,0)+IF(Input!$K$14=4,K7027*Input!$J$14,0)+IF(Input!$K$15=4,L7027*Input!$J$15,0)+IF(Input!$K$16=4,M7027*Input!$J$16,0)</f>
        <v>0</v>
      </c>
    </row>
    <row r="7028" spans="8:17" x14ac:dyDescent="0.25">
      <c r="H7028" s="43">
        <v>7021</v>
      </c>
      <c r="I7028" s="55">
        <f>Bühler!I7054</f>
        <v>1.4087914577275373</v>
      </c>
      <c r="J7028" s="58">
        <f>Bühler!J7054</f>
        <v>48.024008016253774</v>
      </c>
      <c r="K7028" s="58">
        <f>Bühler!K7054</f>
        <v>3.7813774797528263</v>
      </c>
      <c r="L7028" s="58">
        <f>Bühler!L7054</f>
        <v>1.8906887398764132</v>
      </c>
      <c r="M7028" s="57">
        <f>Bühler!M7054</f>
        <v>0</v>
      </c>
      <c r="N7028" s="55">
        <f>IF(Input!$K$13=1,J7028*Input!$J$13,0)+IF(Input!$K$14=1,K7028*Input!$J$14,0)+IF(Input!$K$15=1,L7028*Input!$J$15,0)+IF(Input!$K$16=1,M7028*Input!$J$16,0)</f>
        <v>5.7628809619504526</v>
      </c>
      <c r="O7028" s="58">
        <f>IF(Input!$K$13=2,J7028*Input!$J$13,0)+IF(Input!$K$14=2,K7028*Input!$J$14,0)+IF(Input!$K$15=2,L7028*Input!$J$15,0)+IF(Input!$K$16=2,M7028*Input!$J$16,0)</f>
        <v>0.51048595976663158</v>
      </c>
      <c r="P7028" s="58">
        <f>IF(Input!$K$13=3,J7028*Input!$J$13,0)+IF(Input!$K$14=3,K7028*Input!$J$14,0)+IF(Input!$K$15=3,L7028*Input!$J$15,0)+IF(Input!$K$16=3,M7028*Input!$J$16,0)</f>
        <v>0</v>
      </c>
      <c r="Q7028" s="71">
        <f>IF(Input!$K$13=4,J7028*Input!$J$13,0)+IF(Input!$K$14=4,K7028*Input!$J$14,0)+IF(Input!$K$15=4,L7028*Input!$J$15,0)+IF(Input!$K$16=4,M7028*Input!$J$16,0)</f>
        <v>0</v>
      </c>
    </row>
    <row r="7029" spans="8:17" x14ac:dyDescent="0.25">
      <c r="H7029" s="43">
        <v>7022</v>
      </c>
      <c r="I7029" s="55">
        <f>Bühler!I7055</f>
        <v>0.97531716304214133</v>
      </c>
      <c r="J7029" s="58">
        <f>Bühler!J7055</f>
        <v>33.247390165098764</v>
      </c>
      <c r="K7029" s="58">
        <f>Bühler!K7055</f>
        <v>2.6178767167519572</v>
      </c>
      <c r="L7029" s="58">
        <f>Bühler!L7055</f>
        <v>1.3089383583759786</v>
      </c>
      <c r="M7029" s="57">
        <f>Bühler!M7055</f>
        <v>0</v>
      </c>
      <c r="N7029" s="55">
        <f>IF(Input!$K$13=1,J7029*Input!$J$13,0)+IF(Input!$K$14=1,K7029*Input!$J$14,0)+IF(Input!$K$15=1,L7029*Input!$J$15,0)+IF(Input!$K$16=1,M7029*Input!$J$16,0)</f>
        <v>3.9896868198118516</v>
      </c>
      <c r="O7029" s="58">
        <f>IF(Input!$K$13=2,J7029*Input!$J$13,0)+IF(Input!$K$14=2,K7029*Input!$J$14,0)+IF(Input!$K$15=2,L7029*Input!$J$15,0)+IF(Input!$K$16=2,M7029*Input!$J$16,0)</f>
        <v>0.3534133567615142</v>
      </c>
      <c r="P7029" s="58">
        <f>IF(Input!$K$13=3,J7029*Input!$J$13,0)+IF(Input!$K$14=3,K7029*Input!$J$14,0)+IF(Input!$K$15=3,L7029*Input!$J$15,0)+IF(Input!$K$16=3,M7029*Input!$J$16,0)</f>
        <v>0</v>
      </c>
      <c r="Q7029" s="71">
        <f>IF(Input!$K$13=4,J7029*Input!$J$13,0)+IF(Input!$K$14=4,K7029*Input!$J$14,0)+IF(Input!$K$15=4,L7029*Input!$J$15,0)+IF(Input!$K$16=4,M7029*Input!$J$16,0)</f>
        <v>0</v>
      </c>
    </row>
    <row r="7030" spans="8:17" x14ac:dyDescent="0.25">
      <c r="H7030" s="43">
        <v>7023</v>
      </c>
      <c r="I7030" s="55">
        <f>Bühler!I7056</f>
        <v>1.4087914577275373</v>
      </c>
      <c r="J7030" s="58">
        <f>Bühler!J7056</f>
        <v>48.024008016253774</v>
      </c>
      <c r="K7030" s="58">
        <f>Bühler!K7056</f>
        <v>3.7813774797528263</v>
      </c>
      <c r="L7030" s="58">
        <f>Bühler!L7056</f>
        <v>1.8906887398764132</v>
      </c>
      <c r="M7030" s="57">
        <f>Bühler!M7056</f>
        <v>0</v>
      </c>
      <c r="N7030" s="55">
        <f>IF(Input!$K$13=1,J7030*Input!$J$13,0)+IF(Input!$K$14=1,K7030*Input!$J$14,0)+IF(Input!$K$15=1,L7030*Input!$J$15,0)+IF(Input!$K$16=1,M7030*Input!$J$16,0)</f>
        <v>5.7628809619504526</v>
      </c>
      <c r="O7030" s="58">
        <f>IF(Input!$K$13=2,J7030*Input!$J$13,0)+IF(Input!$K$14=2,K7030*Input!$J$14,0)+IF(Input!$K$15=2,L7030*Input!$J$15,0)+IF(Input!$K$16=2,M7030*Input!$J$16,0)</f>
        <v>0.51048595976663158</v>
      </c>
      <c r="P7030" s="58">
        <f>IF(Input!$K$13=3,J7030*Input!$J$13,0)+IF(Input!$K$14=3,K7030*Input!$J$14,0)+IF(Input!$K$15=3,L7030*Input!$J$15,0)+IF(Input!$K$16=3,M7030*Input!$J$16,0)</f>
        <v>0</v>
      </c>
      <c r="Q7030" s="71">
        <f>IF(Input!$K$13=4,J7030*Input!$J$13,0)+IF(Input!$K$14=4,K7030*Input!$J$14,0)+IF(Input!$K$15=4,L7030*Input!$J$15,0)+IF(Input!$K$16=4,M7030*Input!$J$16,0)</f>
        <v>0</v>
      </c>
    </row>
    <row r="7031" spans="8:17" x14ac:dyDescent="0.25">
      <c r="H7031" s="43">
        <v>7024</v>
      </c>
      <c r="I7031" s="55">
        <f>Bühler!I7057</f>
        <v>1.1920543103848393</v>
      </c>
      <c r="J7031" s="58">
        <f>Bühler!J7057</f>
        <v>37.058943916031481</v>
      </c>
      <c r="K7031" s="58">
        <f>Bühler!K7057</f>
        <v>2.9087519075021744</v>
      </c>
      <c r="L7031" s="58">
        <f>Bühler!L7057</f>
        <v>1.4543759537510872</v>
      </c>
      <c r="M7031" s="57">
        <f>Bühler!M7057</f>
        <v>0</v>
      </c>
      <c r="N7031" s="55">
        <f>IF(Input!$K$13=1,J7031*Input!$J$13,0)+IF(Input!$K$14=1,K7031*Input!$J$14,0)+IF(Input!$K$15=1,L7031*Input!$J$15,0)+IF(Input!$K$16=1,M7031*Input!$J$16,0)</f>
        <v>4.4470732699237772</v>
      </c>
      <c r="O7031" s="58">
        <f>IF(Input!$K$13=2,J7031*Input!$J$13,0)+IF(Input!$K$14=2,K7031*Input!$J$14,0)+IF(Input!$K$15=2,L7031*Input!$J$15,0)+IF(Input!$K$16=2,M7031*Input!$J$16,0)</f>
        <v>0.39268150751279352</v>
      </c>
      <c r="P7031" s="58">
        <f>IF(Input!$K$13=3,J7031*Input!$J$13,0)+IF(Input!$K$14=3,K7031*Input!$J$14,0)+IF(Input!$K$15=3,L7031*Input!$J$15,0)+IF(Input!$K$16=3,M7031*Input!$J$16,0)</f>
        <v>0</v>
      </c>
      <c r="Q7031" s="71">
        <f>IF(Input!$K$13=4,J7031*Input!$J$13,0)+IF(Input!$K$14=4,K7031*Input!$J$14,0)+IF(Input!$K$15=4,L7031*Input!$J$15,0)+IF(Input!$K$16=4,M7031*Input!$J$16,0)</f>
        <v>0</v>
      </c>
    </row>
    <row r="7032" spans="8:17" x14ac:dyDescent="0.25">
      <c r="H7032" s="43">
        <v>7025</v>
      </c>
      <c r="I7032" s="55">
        <f>Bühler!I7058</f>
        <v>1.0320816540128479</v>
      </c>
      <c r="J7032" s="58">
        <f>Bühler!J7058</f>
        <v>17.91036627374768</v>
      </c>
      <c r="K7032" s="58">
        <f>Bühler!K7058</f>
        <v>1.3656112241794247</v>
      </c>
      <c r="L7032" s="58">
        <f>Bühler!L7058</f>
        <v>0.68280561208971235</v>
      </c>
      <c r="M7032" s="57">
        <f>Bühler!M7058</f>
        <v>0</v>
      </c>
      <c r="N7032" s="55">
        <f>IF(Input!$K$13=1,J7032*Input!$J$13,0)+IF(Input!$K$14=1,K7032*Input!$J$14,0)+IF(Input!$K$15=1,L7032*Input!$J$15,0)+IF(Input!$K$16=1,M7032*Input!$J$16,0)</f>
        <v>2.1492439528497216</v>
      </c>
      <c r="O7032" s="58">
        <f>IF(Input!$K$13=2,J7032*Input!$J$13,0)+IF(Input!$K$14=2,K7032*Input!$J$14,0)+IF(Input!$K$15=2,L7032*Input!$J$15,0)+IF(Input!$K$16=2,M7032*Input!$J$16,0)</f>
        <v>0.18435751526422234</v>
      </c>
      <c r="P7032" s="58">
        <f>IF(Input!$K$13=3,J7032*Input!$J$13,0)+IF(Input!$K$14=3,K7032*Input!$J$14,0)+IF(Input!$K$15=3,L7032*Input!$J$15,0)+IF(Input!$K$16=3,M7032*Input!$J$16,0)</f>
        <v>0</v>
      </c>
      <c r="Q7032" s="71">
        <f>IF(Input!$K$13=4,J7032*Input!$J$13,0)+IF(Input!$K$14=4,K7032*Input!$J$14,0)+IF(Input!$K$15=4,L7032*Input!$J$15,0)+IF(Input!$K$16=4,M7032*Input!$J$16,0)</f>
        <v>0</v>
      </c>
    </row>
    <row r="7033" spans="8:17" x14ac:dyDescent="0.25">
      <c r="H7033" s="43">
        <v>7026</v>
      </c>
      <c r="I7033" s="55">
        <f>Bühler!I7059</f>
        <v>0.86694858937079211</v>
      </c>
      <c r="J7033" s="58">
        <f>Bühler!J7059</f>
        <v>12.022097663205974</v>
      </c>
      <c r="K7033" s="58">
        <f>Bühler!K7059</f>
        <v>0.90130340795842023</v>
      </c>
      <c r="L7033" s="58">
        <f>Bühler!L7059</f>
        <v>0.45065170397921012</v>
      </c>
      <c r="M7033" s="57">
        <f>Bühler!M7059</f>
        <v>0</v>
      </c>
      <c r="N7033" s="55">
        <f>IF(Input!$K$13=1,J7033*Input!$J$13,0)+IF(Input!$K$14=1,K7033*Input!$J$14,0)+IF(Input!$K$15=1,L7033*Input!$J$15,0)+IF(Input!$K$16=1,M7033*Input!$J$16,0)</f>
        <v>1.4426517195847168</v>
      </c>
      <c r="O7033" s="58">
        <f>IF(Input!$K$13=2,J7033*Input!$J$13,0)+IF(Input!$K$14=2,K7033*Input!$J$14,0)+IF(Input!$K$15=2,L7033*Input!$J$15,0)+IF(Input!$K$16=2,M7033*Input!$J$16,0)</f>
        <v>0.12167596007438672</v>
      </c>
      <c r="P7033" s="58">
        <f>IF(Input!$K$13=3,J7033*Input!$J$13,0)+IF(Input!$K$14=3,K7033*Input!$J$14,0)+IF(Input!$K$15=3,L7033*Input!$J$15,0)+IF(Input!$K$16=3,M7033*Input!$J$16,0)</f>
        <v>0</v>
      </c>
      <c r="Q7033" s="71">
        <f>IF(Input!$K$13=4,J7033*Input!$J$13,0)+IF(Input!$K$14=4,K7033*Input!$J$14,0)+IF(Input!$K$15=4,L7033*Input!$J$15,0)+IF(Input!$K$16=4,M7033*Input!$J$16,0)</f>
        <v>0</v>
      </c>
    </row>
    <row r="7034" spans="8:17" x14ac:dyDescent="0.25">
      <c r="H7034" s="43">
        <v>7027</v>
      </c>
      <c r="I7034" s="55">
        <f>Bühler!I7060</f>
        <v>0.31994531274398286</v>
      </c>
      <c r="J7034" s="58">
        <f>Bühler!J7060</f>
        <v>7.3993641045374945</v>
      </c>
      <c r="K7034" s="58">
        <f>Bühler!K7060</f>
        <v>0.57355671415535836</v>
      </c>
      <c r="L7034" s="58">
        <f>Bühler!L7060</f>
        <v>0.28677835707767918</v>
      </c>
      <c r="M7034" s="57">
        <f>Bühler!M7060</f>
        <v>0</v>
      </c>
      <c r="N7034" s="55">
        <f>IF(Input!$K$13=1,J7034*Input!$J$13,0)+IF(Input!$K$14=1,K7034*Input!$J$14,0)+IF(Input!$K$15=1,L7034*Input!$J$15,0)+IF(Input!$K$16=1,M7034*Input!$J$16,0)</f>
        <v>0.88792369254449932</v>
      </c>
      <c r="O7034" s="58">
        <f>IF(Input!$K$13=2,J7034*Input!$J$13,0)+IF(Input!$K$14=2,K7034*Input!$J$14,0)+IF(Input!$K$15=2,L7034*Input!$J$15,0)+IF(Input!$K$16=2,M7034*Input!$J$16,0)</f>
        <v>7.7430156410973366E-2</v>
      </c>
      <c r="P7034" s="58">
        <f>IF(Input!$K$13=3,J7034*Input!$J$13,0)+IF(Input!$K$14=3,K7034*Input!$J$14,0)+IF(Input!$K$15=3,L7034*Input!$J$15,0)+IF(Input!$K$16=3,M7034*Input!$J$16,0)</f>
        <v>0</v>
      </c>
      <c r="Q7034" s="71">
        <f>IF(Input!$K$13=4,J7034*Input!$J$13,0)+IF(Input!$K$14=4,K7034*Input!$J$14,0)+IF(Input!$K$15=4,L7034*Input!$J$15,0)+IF(Input!$K$16=4,M7034*Input!$J$16,0)</f>
        <v>0</v>
      </c>
    </row>
    <row r="7035" spans="8:17" x14ac:dyDescent="0.25">
      <c r="H7035" s="43">
        <v>7028</v>
      </c>
      <c r="I7035" s="55">
        <f>Bühler!I7061</f>
        <v>0.31994531274398286</v>
      </c>
      <c r="J7035" s="58">
        <f>Bühler!J7061</f>
        <v>7.0635185482328176</v>
      </c>
      <c r="K7035" s="58">
        <f>Bühler!K7061</f>
        <v>0.54624448967176986</v>
      </c>
      <c r="L7035" s="58">
        <f>Bühler!L7061</f>
        <v>0.27312224483588493</v>
      </c>
      <c r="M7035" s="57">
        <f>Bühler!M7061</f>
        <v>0</v>
      </c>
      <c r="N7035" s="55">
        <f>IF(Input!$K$13=1,J7035*Input!$J$13,0)+IF(Input!$K$14=1,K7035*Input!$J$14,0)+IF(Input!$K$15=1,L7035*Input!$J$15,0)+IF(Input!$K$16=1,M7035*Input!$J$16,0)</f>
        <v>0.84762222578793811</v>
      </c>
      <c r="O7035" s="58">
        <f>IF(Input!$K$13=2,J7035*Input!$J$13,0)+IF(Input!$K$14=2,K7035*Input!$J$14,0)+IF(Input!$K$15=2,L7035*Input!$J$15,0)+IF(Input!$K$16=2,M7035*Input!$J$16,0)</f>
        <v>7.374300610568893E-2</v>
      </c>
      <c r="P7035" s="58">
        <f>IF(Input!$K$13=3,J7035*Input!$J$13,0)+IF(Input!$K$14=3,K7035*Input!$J$14,0)+IF(Input!$K$15=3,L7035*Input!$J$15,0)+IF(Input!$K$16=3,M7035*Input!$J$16,0)</f>
        <v>0</v>
      </c>
      <c r="Q7035" s="71">
        <f>IF(Input!$K$13=4,J7035*Input!$J$13,0)+IF(Input!$K$14=4,K7035*Input!$J$14,0)+IF(Input!$K$15=4,L7035*Input!$J$15,0)+IF(Input!$K$16=4,M7035*Input!$J$16,0)</f>
        <v>0</v>
      </c>
    </row>
    <row r="7036" spans="8:17" x14ac:dyDescent="0.25">
      <c r="H7036" s="43">
        <v>7029</v>
      </c>
      <c r="I7036" s="55">
        <f>Bühler!I7062</f>
        <v>0.31994531274398286</v>
      </c>
      <c r="J7036" s="58">
        <f>Bühler!J7062</f>
        <v>7.0635185482328176</v>
      </c>
      <c r="K7036" s="58">
        <f>Bühler!K7062</f>
        <v>0.54624448967176986</v>
      </c>
      <c r="L7036" s="58">
        <f>Bühler!L7062</f>
        <v>0.27312224483588493</v>
      </c>
      <c r="M7036" s="57">
        <f>Bühler!M7062</f>
        <v>0</v>
      </c>
      <c r="N7036" s="55">
        <f>IF(Input!$K$13=1,J7036*Input!$J$13,0)+IF(Input!$K$14=1,K7036*Input!$J$14,0)+IF(Input!$K$15=1,L7036*Input!$J$15,0)+IF(Input!$K$16=1,M7036*Input!$J$16,0)</f>
        <v>0.84762222578793811</v>
      </c>
      <c r="O7036" s="58">
        <f>IF(Input!$K$13=2,J7036*Input!$J$13,0)+IF(Input!$K$14=2,K7036*Input!$J$14,0)+IF(Input!$K$15=2,L7036*Input!$J$15,0)+IF(Input!$K$16=2,M7036*Input!$J$16,0)</f>
        <v>7.374300610568893E-2</v>
      </c>
      <c r="P7036" s="58">
        <f>IF(Input!$K$13=3,J7036*Input!$J$13,0)+IF(Input!$K$14=3,K7036*Input!$J$14,0)+IF(Input!$K$15=3,L7036*Input!$J$15,0)+IF(Input!$K$16=3,M7036*Input!$J$16,0)</f>
        <v>0</v>
      </c>
      <c r="Q7036" s="71">
        <f>IF(Input!$K$13=4,J7036*Input!$J$13,0)+IF(Input!$K$14=4,K7036*Input!$J$14,0)+IF(Input!$K$15=4,L7036*Input!$J$15,0)+IF(Input!$K$16=4,M7036*Input!$J$16,0)</f>
        <v>0</v>
      </c>
    </row>
    <row r="7037" spans="8:17" x14ac:dyDescent="0.25">
      <c r="H7037" s="43">
        <v>7030</v>
      </c>
      <c r="I7037" s="55">
        <f>Bühler!I7063</f>
        <v>0.31994531274398286</v>
      </c>
      <c r="J7037" s="58">
        <f>Bühler!J7063</f>
        <v>7.0635185482328176</v>
      </c>
      <c r="K7037" s="58">
        <f>Bühler!K7063</f>
        <v>0.54624448967176986</v>
      </c>
      <c r="L7037" s="58">
        <f>Bühler!L7063</f>
        <v>0.27312224483588493</v>
      </c>
      <c r="M7037" s="57">
        <f>Bühler!M7063</f>
        <v>0</v>
      </c>
      <c r="N7037" s="55">
        <f>IF(Input!$K$13=1,J7037*Input!$J$13,0)+IF(Input!$K$14=1,K7037*Input!$J$14,0)+IF(Input!$K$15=1,L7037*Input!$J$15,0)+IF(Input!$K$16=1,M7037*Input!$J$16,0)</f>
        <v>0.84762222578793811</v>
      </c>
      <c r="O7037" s="58">
        <f>IF(Input!$K$13=2,J7037*Input!$J$13,0)+IF(Input!$K$14=2,K7037*Input!$J$14,0)+IF(Input!$K$15=2,L7037*Input!$J$15,0)+IF(Input!$K$16=2,M7037*Input!$J$16,0)</f>
        <v>7.374300610568893E-2</v>
      </c>
      <c r="P7037" s="58">
        <f>IF(Input!$K$13=3,J7037*Input!$J$13,0)+IF(Input!$K$14=3,K7037*Input!$J$14,0)+IF(Input!$K$15=3,L7037*Input!$J$15,0)+IF(Input!$K$16=3,M7037*Input!$J$16,0)</f>
        <v>0</v>
      </c>
      <c r="Q7037" s="71">
        <f>IF(Input!$K$13=4,J7037*Input!$J$13,0)+IF(Input!$K$14=4,K7037*Input!$J$14,0)+IF(Input!$K$15=4,L7037*Input!$J$15,0)+IF(Input!$K$16=4,M7037*Input!$J$16,0)</f>
        <v>0</v>
      </c>
    </row>
    <row r="7038" spans="8:17" x14ac:dyDescent="0.25">
      <c r="H7038" s="43">
        <v>7031</v>
      </c>
      <c r="I7038" s="55">
        <f>Bühler!I7064</f>
        <v>0.31994531274398286</v>
      </c>
      <c r="J7038" s="58">
        <f>Bühler!J7064</f>
        <v>7.0635185482328176</v>
      </c>
      <c r="K7038" s="58">
        <f>Bühler!K7064</f>
        <v>0.54624448967176986</v>
      </c>
      <c r="L7038" s="58">
        <f>Bühler!L7064</f>
        <v>0.27312224483588493</v>
      </c>
      <c r="M7038" s="57">
        <f>Bühler!M7064</f>
        <v>0</v>
      </c>
      <c r="N7038" s="55">
        <f>IF(Input!$K$13=1,J7038*Input!$J$13,0)+IF(Input!$K$14=1,K7038*Input!$J$14,0)+IF(Input!$K$15=1,L7038*Input!$J$15,0)+IF(Input!$K$16=1,M7038*Input!$J$16,0)</f>
        <v>0.84762222578793811</v>
      </c>
      <c r="O7038" s="58">
        <f>IF(Input!$K$13=2,J7038*Input!$J$13,0)+IF(Input!$K$14=2,K7038*Input!$J$14,0)+IF(Input!$K$15=2,L7038*Input!$J$15,0)+IF(Input!$K$16=2,M7038*Input!$J$16,0)</f>
        <v>7.374300610568893E-2</v>
      </c>
      <c r="P7038" s="58">
        <f>IF(Input!$K$13=3,J7038*Input!$J$13,0)+IF(Input!$K$14=3,K7038*Input!$J$14,0)+IF(Input!$K$15=3,L7038*Input!$J$15,0)+IF(Input!$K$16=3,M7038*Input!$J$16,0)</f>
        <v>0</v>
      </c>
      <c r="Q7038" s="71">
        <f>IF(Input!$K$13=4,J7038*Input!$J$13,0)+IF(Input!$K$14=4,K7038*Input!$J$14,0)+IF(Input!$K$15=4,L7038*Input!$J$15,0)+IF(Input!$K$16=4,M7038*Input!$J$16,0)</f>
        <v>0</v>
      </c>
    </row>
    <row r="7039" spans="8:17" x14ac:dyDescent="0.25">
      <c r="H7039" s="43">
        <v>7032</v>
      </c>
      <c r="I7039" s="55">
        <f>Bühler!I7065</f>
        <v>0.31994531274398286</v>
      </c>
      <c r="J7039" s="58">
        <f>Bühler!J7065</f>
        <v>7.0635185482328176</v>
      </c>
      <c r="K7039" s="58">
        <f>Bühler!K7065</f>
        <v>0.54624448967176986</v>
      </c>
      <c r="L7039" s="58">
        <f>Bühler!L7065</f>
        <v>0.27312224483588493</v>
      </c>
      <c r="M7039" s="57">
        <f>Bühler!M7065</f>
        <v>0</v>
      </c>
      <c r="N7039" s="55">
        <f>IF(Input!$K$13=1,J7039*Input!$J$13,0)+IF(Input!$K$14=1,K7039*Input!$J$14,0)+IF(Input!$K$15=1,L7039*Input!$J$15,0)+IF(Input!$K$16=1,M7039*Input!$J$16,0)</f>
        <v>0.84762222578793811</v>
      </c>
      <c r="O7039" s="58">
        <f>IF(Input!$K$13=2,J7039*Input!$J$13,0)+IF(Input!$K$14=2,K7039*Input!$J$14,0)+IF(Input!$K$15=2,L7039*Input!$J$15,0)+IF(Input!$K$16=2,M7039*Input!$J$16,0)</f>
        <v>7.374300610568893E-2</v>
      </c>
      <c r="P7039" s="58">
        <f>IF(Input!$K$13=3,J7039*Input!$J$13,0)+IF(Input!$K$14=3,K7039*Input!$J$14,0)+IF(Input!$K$15=3,L7039*Input!$J$15,0)+IF(Input!$K$16=3,M7039*Input!$J$16,0)</f>
        <v>0</v>
      </c>
      <c r="Q7039" s="71">
        <f>IF(Input!$K$13=4,J7039*Input!$J$13,0)+IF(Input!$K$14=4,K7039*Input!$J$14,0)+IF(Input!$K$15=4,L7039*Input!$J$15,0)+IF(Input!$K$16=4,M7039*Input!$J$16,0)</f>
        <v>0</v>
      </c>
    </row>
    <row r="7040" spans="8:17" x14ac:dyDescent="0.25">
      <c r="H7040" s="43">
        <v>7033</v>
      </c>
      <c r="I7040" s="55">
        <f>Bühler!I7066</f>
        <v>0.14401618663403346</v>
      </c>
      <c r="J7040" s="58">
        <f>Bühler!J7066</f>
        <v>4.8517851299551955</v>
      </c>
      <c r="K7040" s="58">
        <f>Bühler!K7066</f>
        <v>0.24294274594599458</v>
      </c>
      <c r="L7040" s="58">
        <f>Bühler!L7066</f>
        <v>0.12147137297299729</v>
      </c>
      <c r="M7040" s="57">
        <f>Bühler!M7066</f>
        <v>0</v>
      </c>
      <c r="N7040" s="55">
        <f>IF(Input!$K$13=1,J7040*Input!$J$13,0)+IF(Input!$K$14=1,K7040*Input!$J$14,0)+IF(Input!$K$15=1,L7040*Input!$J$15,0)+IF(Input!$K$16=1,M7040*Input!$J$16,0)</f>
        <v>0.58221421559462339</v>
      </c>
      <c r="O7040" s="58">
        <f>IF(Input!$K$13=2,J7040*Input!$J$13,0)+IF(Input!$K$14=2,K7040*Input!$J$14,0)+IF(Input!$K$15=2,L7040*Input!$J$15,0)+IF(Input!$K$16=2,M7040*Input!$J$16,0)</f>
        <v>3.2797270702709269E-2</v>
      </c>
      <c r="P7040" s="58">
        <f>IF(Input!$K$13=3,J7040*Input!$J$13,0)+IF(Input!$K$14=3,K7040*Input!$J$14,0)+IF(Input!$K$15=3,L7040*Input!$J$15,0)+IF(Input!$K$16=3,M7040*Input!$J$16,0)</f>
        <v>0</v>
      </c>
      <c r="Q7040" s="71">
        <f>IF(Input!$K$13=4,J7040*Input!$J$13,0)+IF(Input!$K$14=4,K7040*Input!$J$14,0)+IF(Input!$K$15=4,L7040*Input!$J$15,0)+IF(Input!$K$16=4,M7040*Input!$J$16,0)</f>
        <v>0</v>
      </c>
    </row>
    <row r="7041" spans="8:17" x14ac:dyDescent="0.25">
      <c r="H7041" s="43">
        <v>7034</v>
      </c>
      <c r="I7041" s="55">
        <f>Bühler!I7067</f>
        <v>0.28117445961882725</v>
      </c>
      <c r="J7041" s="58">
        <f>Bühler!J7067</f>
        <v>4.4505053405914223</v>
      </c>
      <c r="K7041" s="58">
        <f>Bühler!K7067</f>
        <v>0.21864847135139509</v>
      </c>
      <c r="L7041" s="58">
        <f>Bühler!L7067</f>
        <v>0.10932423567569755</v>
      </c>
      <c r="M7041" s="57">
        <f>Bühler!M7067</f>
        <v>0</v>
      </c>
      <c r="N7041" s="55">
        <f>IF(Input!$K$13=1,J7041*Input!$J$13,0)+IF(Input!$K$14=1,K7041*Input!$J$14,0)+IF(Input!$K$15=1,L7041*Input!$J$15,0)+IF(Input!$K$16=1,M7041*Input!$J$16,0)</f>
        <v>0.53406064087097072</v>
      </c>
      <c r="O7041" s="58">
        <f>IF(Input!$K$13=2,J7041*Input!$J$13,0)+IF(Input!$K$14=2,K7041*Input!$J$14,0)+IF(Input!$K$15=2,L7041*Input!$J$15,0)+IF(Input!$K$16=2,M7041*Input!$J$16,0)</f>
        <v>2.9517543632438338E-2</v>
      </c>
      <c r="P7041" s="58">
        <f>IF(Input!$K$13=3,J7041*Input!$J$13,0)+IF(Input!$K$14=3,K7041*Input!$J$14,0)+IF(Input!$K$15=3,L7041*Input!$J$15,0)+IF(Input!$K$16=3,M7041*Input!$J$16,0)</f>
        <v>0</v>
      </c>
      <c r="Q7041" s="71">
        <f>IF(Input!$K$13=4,J7041*Input!$J$13,0)+IF(Input!$K$14=4,K7041*Input!$J$14,0)+IF(Input!$K$15=4,L7041*Input!$J$15,0)+IF(Input!$K$16=4,M7041*Input!$J$16,0)</f>
        <v>0</v>
      </c>
    </row>
    <row r="7042" spans="8:17" x14ac:dyDescent="0.25">
      <c r="H7042" s="43">
        <v>7035</v>
      </c>
      <c r="I7042" s="55">
        <f>Bühler!I7068</f>
        <v>0.28117445961882725</v>
      </c>
      <c r="J7042" s="58">
        <f>Bühler!J7068</f>
        <v>4.4505053405914223</v>
      </c>
      <c r="K7042" s="58">
        <f>Bühler!K7068</f>
        <v>0.21864847135139509</v>
      </c>
      <c r="L7042" s="58">
        <f>Bühler!L7068</f>
        <v>0.10932423567569755</v>
      </c>
      <c r="M7042" s="57">
        <f>Bühler!M7068</f>
        <v>0</v>
      </c>
      <c r="N7042" s="55">
        <f>IF(Input!$K$13=1,J7042*Input!$J$13,0)+IF(Input!$K$14=1,K7042*Input!$J$14,0)+IF(Input!$K$15=1,L7042*Input!$J$15,0)+IF(Input!$K$16=1,M7042*Input!$J$16,0)</f>
        <v>0.53406064087097072</v>
      </c>
      <c r="O7042" s="58">
        <f>IF(Input!$K$13=2,J7042*Input!$J$13,0)+IF(Input!$K$14=2,K7042*Input!$J$14,0)+IF(Input!$K$15=2,L7042*Input!$J$15,0)+IF(Input!$K$16=2,M7042*Input!$J$16,0)</f>
        <v>2.9517543632438338E-2</v>
      </c>
      <c r="P7042" s="58">
        <f>IF(Input!$K$13=3,J7042*Input!$J$13,0)+IF(Input!$K$14=3,K7042*Input!$J$14,0)+IF(Input!$K$15=3,L7042*Input!$J$15,0)+IF(Input!$K$16=3,M7042*Input!$J$16,0)</f>
        <v>0</v>
      </c>
      <c r="Q7042" s="71">
        <f>IF(Input!$K$13=4,J7042*Input!$J$13,0)+IF(Input!$K$14=4,K7042*Input!$J$14,0)+IF(Input!$K$15=4,L7042*Input!$J$15,0)+IF(Input!$K$16=4,M7042*Input!$J$16,0)</f>
        <v>0</v>
      </c>
    </row>
    <row r="7043" spans="8:17" x14ac:dyDescent="0.25">
      <c r="H7043" s="43">
        <v>7036</v>
      </c>
      <c r="I7043" s="55">
        <f>Bühler!I7069</f>
        <v>0.28117445961882725</v>
      </c>
      <c r="J7043" s="58">
        <f>Bühler!J7069</f>
        <v>4.4505053405914223</v>
      </c>
      <c r="K7043" s="58">
        <f>Bühler!K7069</f>
        <v>0.21864847135139509</v>
      </c>
      <c r="L7043" s="58">
        <f>Bühler!L7069</f>
        <v>0.10932423567569755</v>
      </c>
      <c r="M7043" s="57">
        <f>Bühler!M7069</f>
        <v>0</v>
      </c>
      <c r="N7043" s="55">
        <f>IF(Input!$K$13=1,J7043*Input!$J$13,0)+IF(Input!$K$14=1,K7043*Input!$J$14,0)+IF(Input!$K$15=1,L7043*Input!$J$15,0)+IF(Input!$K$16=1,M7043*Input!$J$16,0)</f>
        <v>0.53406064087097072</v>
      </c>
      <c r="O7043" s="58">
        <f>IF(Input!$K$13=2,J7043*Input!$J$13,0)+IF(Input!$K$14=2,K7043*Input!$J$14,0)+IF(Input!$K$15=2,L7043*Input!$J$15,0)+IF(Input!$K$16=2,M7043*Input!$J$16,0)</f>
        <v>2.9517543632438338E-2</v>
      </c>
      <c r="P7043" s="58">
        <f>IF(Input!$K$13=3,J7043*Input!$J$13,0)+IF(Input!$K$14=3,K7043*Input!$J$14,0)+IF(Input!$K$15=3,L7043*Input!$J$15,0)+IF(Input!$K$16=3,M7043*Input!$J$16,0)</f>
        <v>0</v>
      </c>
      <c r="Q7043" s="71">
        <f>IF(Input!$K$13=4,J7043*Input!$J$13,0)+IF(Input!$K$14=4,K7043*Input!$J$14,0)+IF(Input!$K$15=4,L7043*Input!$J$15,0)+IF(Input!$K$16=4,M7043*Input!$J$16,0)</f>
        <v>0</v>
      </c>
    </row>
    <row r="7044" spans="8:17" x14ac:dyDescent="0.25">
      <c r="H7044" s="43">
        <v>7037</v>
      </c>
      <c r="I7044" s="55">
        <f>Bühler!I7070</f>
        <v>0.28117445961882725</v>
      </c>
      <c r="J7044" s="58">
        <f>Bühler!J7070</f>
        <v>4.4505053405914223</v>
      </c>
      <c r="K7044" s="58">
        <f>Bühler!K7070</f>
        <v>0.21864847135139509</v>
      </c>
      <c r="L7044" s="58">
        <f>Bühler!L7070</f>
        <v>0.10932423567569755</v>
      </c>
      <c r="M7044" s="57">
        <f>Bühler!M7070</f>
        <v>0</v>
      </c>
      <c r="N7044" s="55">
        <f>IF(Input!$K$13=1,J7044*Input!$J$13,0)+IF(Input!$K$14=1,K7044*Input!$J$14,0)+IF(Input!$K$15=1,L7044*Input!$J$15,0)+IF(Input!$K$16=1,M7044*Input!$J$16,0)</f>
        <v>0.53406064087097072</v>
      </c>
      <c r="O7044" s="58">
        <f>IF(Input!$K$13=2,J7044*Input!$J$13,0)+IF(Input!$K$14=2,K7044*Input!$J$14,0)+IF(Input!$K$15=2,L7044*Input!$J$15,0)+IF(Input!$K$16=2,M7044*Input!$J$16,0)</f>
        <v>2.9517543632438338E-2</v>
      </c>
      <c r="P7044" s="58">
        <f>IF(Input!$K$13=3,J7044*Input!$J$13,0)+IF(Input!$K$14=3,K7044*Input!$J$14,0)+IF(Input!$K$15=3,L7044*Input!$J$15,0)+IF(Input!$K$16=3,M7044*Input!$J$16,0)</f>
        <v>0</v>
      </c>
      <c r="Q7044" s="71">
        <f>IF(Input!$K$13=4,J7044*Input!$J$13,0)+IF(Input!$K$14=4,K7044*Input!$J$14,0)+IF(Input!$K$15=4,L7044*Input!$J$15,0)+IF(Input!$K$16=4,M7044*Input!$J$16,0)</f>
        <v>0</v>
      </c>
    </row>
    <row r="7045" spans="8:17" x14ac:dyDescent="0.25">
      <c r="H7045" s="43">
        <v>7038</v>
      </c>
      <c r="I7045" s="55">
        <f>Bühler!I7071</f>
        <v>0.34975359611122409</v>
      </c>
      <c r="J7045" s="58">
        <f>Bühler!J7071</f>
        <v>4.4533628046119391</v>
      </c>
      <c r="K7045" s="58">
        <f>Bühler!K7071</f>
        <v>0.21864847135139509</v>
      </c>
      <c r="L7045" s="58">
        <f>Bühler!L7071</f>
        <v>0.10932423567569755</v>
      </c>
      <c r="M7045" s="57">
        <f>Bühler!M7071</f>
        <v>0</v>
      </c>
      <c r="N7045" s="55">
        <f>IF(Input!$K$13=1,J7045*Input!$J$13,0)+IF(Input!$K$14=1,K7045*Input!$J$14,0)+IF(Input!$K$15=1,L7045*Input!$J$15,0)+IF(Input!$K$16=1,M7045*Input!$J$16,0)</f>
        <v>0.53440353655343265</v>
      </c>
      <c r="O7045" s="58">
        <f>IF(Input!$K$13=2,J7045*Input!$J$13,0)+IF(Input!$K$14=2,K7045*Input!$J$14,0)+IF(Input!$K$15=2,L7045*Input!$J$15,0)+IF(Input!$K$16=2,M7045*Input!$J$16,0)</f>
        <v>2.9517543632438338E-2</v>
      </c>
      <c r="P7045" s="58">
        <f>IF(Input!$K$13=3,J7045*Input!$J$13,0)+IF(Input!$K$14=3,K7045*Input!$J$14,0)+IF(Input!$K$15=3,L7045*Input!$J$15,0)+IF(Input!$K$16=3,M7045*Input!$J$16,0)</f>
        <v>0</v>
      </c>
      <c r="Q7045" s="71">
        <f>IF(Input!$K$13=4,J7045*Input!$J$13,0)+IF(Input!$K$14=4,K7045*Input!$J$14,0)+IF(Input!$K$15=4,L7045*Input!$J$15,0)+IF(Input!$K$16=4,M7045*Input!$J$16,0)</f>
        <v>0</v>
      </c>
    </row>
    <row r="7046" spans="8:17" x14ac:dyDescent="0.25">
      <c r="H7046" s="43">
        <v>7039</v>
      </c>
      <c r="I7046" s="55">
        <f>Bühler!I7072</f>
        <v>0.43890647355134005</v>
      </c>
      <c r="J7046" s="58">
        <f>Bühler!J7072</f>
        <v>4.4570775078386102</v>
      </c>
      <c r="K7046" s="58">
        <f>Bühler!K7072</f>
        <v>0.21864847135139509</v>
      </c>
      <c r="L7046" s="58">
        <f>Bühler!L7072</f>
        <v>0.10932423567569755</v>
      </c>
      <c r="M7046" s="57">
        <f>Bühler!M7072</f>
        <v>0</v>
      </c>
      <c r="N7046" s="55">
        <f>IF(Input!$K$13=1,J7046*Input!$J$13,0)+IF(Input!$K$14=1,K7046*Input!$J$14,0)+IF(Input!$K$15=1,L7046*Input!$J$15,0)+IF(Input!$K$16=1,M7046*Input!$J$16,0)</f>
        <v>0.53484930094063321</v>
      </c>
      <c r="O7046" s="58">
        <f>IF(Input!$K$13=2,J7046*Input!$J$13,0)+IF(Input!$K$14=2,K7046*Input!$J$14,0)+IF(Input!$K$15=2,L7046*Input!$J$15,0)+IF(Input!$K$16=2,M7046*Input!$J$16,0)</f>
        <v>2.9517543632438338E-2</v>
      </c>
      <c r="P7046" s="58">
        <f>IF(Input!$K$13=3,J7046*Input!$J$13,0)+IF(Input!$K$14=3,K7046*Input!$J$14,0)+IF(Input!$K$15=3,L7046*Input!$J$15,0)+IF(Input!$K$16=3,M7046*Input!$J$16,0)</f>
        <v>0</v>
      </c>
      <c r="Q7046" s="71">
        <f>IF(Input!$K$13=4,J7046*Input!$J$13,0)+IF(Input!$K$14=4,K7046*Input!$J$14,0)+IF(Input!$K$15=4,L7046*Input!$J$15,0)+IF(Input!$K$16=4,M7046*Input!$J$16,0)</f>
        <v>0</v>
      </c>
    </row>
    <row r="7047" spans="8:17" x14ac:dyDescent="0.25">
      <c r="H7047" s="43">
        <v>7040</v>
      </c>
      <c r="I7047" s="55">
        <f>Bühler!I7073</f>
        <v>0.50062769639449722</v>
      </c>
      <c r="J7047" s="58">
        <f>Bühler!J7073</f>
        <v>4.459649225457075</v>
      </c>
      <c r="K7047" s="58">
        <f>Bühler!K7073</f>
        <v>0.21864847135139509</v>
      </c>
      <c r="L7047" s="58">
        <f>Bühler!L7073</f>
        <v>0.10932423567569755</v>
      </c>
      <c r="M7047" s="57">
        <f>Bühler!M7073</f>
        <v>0</v>
      </c>
      <c r="N7047" s="55">
        <f>IF(Input!$K$13=1,J7047*Input!$J$13,0)+IF(Input!$K$14=1,K7047*Input!$J$14,0)+IF(Input!$K$15=1,L7047*Input!$J$15,0)+IF(Input!$K$16=1,M7047*Input!$J$16,0)</f>
        <v>0.535157907054849</v>
      </c>
      <c r="O7047" s="58">
        <f>IF(Input!$K$13=2,J7047*Input!$J$13,0)+IF(Input!$K$14=2,K7047*Input!$J$14,0)+IF(Input!$K$15=2,L7047*Input!$J$15,0)+IF(Input!$K$16=2,M7047*Input!$J$16,0)</f>
        <v>2.9517543632438338E-2</v>
      </c>
      <c r="P7047" s="58">
        <f>IF(Input!$K$13=3,J7047*Input!$J$13,0)+IF(Input!$K$14=3,K7047*Input!$J$14,0)+IF(Input!$K$15=3,L7047*Input!$J$15,0)+IF(Input!$K$16=3,M7047*Input!$J$16,0)</f>
        <v>0</v>
      </c>
      <c r="Q7047" s="71">
        <f>IF(Input!$K$13=4,J7047*Input!$J$13,0)+IF(Input!$K$14=4,K7047*Input!$J$14,0)+IF(Input!$K$15=4,L7047*Input!$J$15,0)+IF(Input!$K$16=4,M7047*Input!$J$16,0)</f>
        <v>0</v>
      </c>
    </row>
    <row r="7048" spans="8:17" x14ac:dyDescent="0.25">
      <c r="H7048" s="43">
        <v>7041</v>
      </c>
      <c r="I7048" s="55">
        <f>Bühler!I7074</f>
        <v>0.50062769639449722</v>
      </c>
      <c r="J7048" s="58">
        <f>Bühler!J7074</f>
        <v>4.459649225457075</v>
      </c>
      <c r="K7048" s="58">
        <f>Bühler!K7074</f>
        <v>0.21864847135139509</v>
      </c>
      <c r="L7048" s="58">
        <f>Bühler!L7074</f>
        <v>0.10932423567569755</v>
      </c>
      <c r="M7048" s="57">
        <f>Bühler!M7074</f>
        <v>0</v>
      </c>
      <c r="N7048" s="55">
        <f>IF(Input!$K$13=1,J7048*Input!$J$13,0)+IF(Input!$K$14=1,K7048*Input!$J$14,0)+IF(Input!$K$15=1,L7048*Input!$J$15,0)+IF(Input!$K$16=1,M7048*Input!$J$16,0)</f>
        <v>0.535157907054849</v>
      </c>
      <c r="O7048" s="58">
        <f>IF(Input!$K$13=2,J7048*Input!$J$13,0)+IF(Input!$K$14=2,K7048*Input!$J$14,0)+IF(Input!$K$15=2,L7048*Input!$J$15,0)+IF(Input!$K$16=2,M7048*Input!$J$16,0)</f>
        <v>2.9517543632438338E-2</v>
      </c>
      <c r="P7048" s="58">
        <f>IF(Input!$K$13=3,J7048*Input!$J$13,0)+IF(Input!$K$14=3,K7048*Input!$J$14,0)+IF(Input!$K$15=3,L7048*Input!$J$15,0)+IF(Input!$K$16=3,M7048*Input!$J$16,0)</f>
        <v>0</v>
      </c>
      <c r="Q7048" s="71">
        <f>IF(Input!$K$13=4,J7048*Input!$J$13,0)+IF(Input!$K$14=4,K7048*Input!$J$14,0)+IF(Input!$K$15=4,L7048*Input!$J$15,0)+IF(Input!$K$16=4,M7048*Input!$J$16,0)</f>
        <v>0</v>
      </c>
    </row>
    <row r="7049" spans="8:17" x14ac:dyDescent="0.25">
      <c r="H7049" s="43">
        <v>7042</v>
      </c>
      <c r="I7049" s="55">
        <f>Bühler!I7075</f>
        <v>0.50062769639449722</v>
      </c>
      <c r="J7049" s="58">
        <f>Bühler!J7075</f>
        <v>4.459649225457075</v>
      </c>
      <c r="K7049" s="58">
        <f>Bühler!K7075</f>
        <v>0.21864847135139509</v>
      </c>
      <c r="L7049" s="58">
        <f>Bühler!L7075</f>
        <v>0.10932423567569755</v>
      </c>
      <c r="M7049" s="57">
        <f>Bühler!M7075</f>
        <v>0</v>
      </c>
      <c r="N7049" s="55">
        <f>IF(Input!$K$13=1,J7049*Input!$J$13,0)+IF(Input!$K$14=1,K7049*Input!$J$14,0)+IF(Input!$K$15=1,L7049*Input!$J$15,0)+IF(Input!$K$16=1,M7049*Input!$J$16,0)</f>
        <v>0.535157907054849</v>
      </c>
      <c r="O7049" s="58">
        <f>IF(Input!$K$13=2,J7049*Input!$J$13,0)+IF(Input!$K$14=2,K7049*Input!$J$14,0)+IF(Input!$K$15=2,L7049*Input!$J$15,0)+IF(Input!$K$16=2,M7049*Input!$J$16,0)</f>
        <v>2.9517543632438338E-2</v>
      </c>
      <c r="P7049" s="58">
        <f>IF(Input!$K$13=3,J7049*Input!$J$13,0)+IF(Input!$K$14=3,K7049*Input!$J$14,0)+IF(Input!$K$15=3,L7049*Input!$J$15,0)+IF(Input!$K$16=3,M7049*Input!$J$16,0)</f>
        <v>0</v>
      </c>
      <c r="Q7049" s="71">
        <f>IF(Input!$K$13=4,J7049*Input!$J$13,0)+IF(Input!$K$14=4,K7049*Input!$J$14,0)+IF(Input!$K$15=4,L7049*Input!$J$15,0)+IF(Input!$K$16=4,M7049*Input!$J$16,0)</f>
        <v>0</v>
      </c>
    </row>
    <row r="7050" spans="8:17" x14ac:dyDescent="0.25">
      <c r="H7050" s="43">
        <v>7043</v>
      </c>
      <c r="I7050" s="55">
        <f>Bühler!I7076</f>
        <v>0.50062769639449722</v>
      </c>
      <c r="J7050" s="58">
        <f>Bühler!J7076</f>
        <v>4.459649225457075</v>
      </c>
      <c r="K7050" s="58">
        <f>Bühler!K7076</f>
        <v>0.21864847135139509</v>
      </c>
      <c r="L7050" s="58">
        <f>Bühler!L7076</f>
        <v>0.10932423567569755</v>
      </c>
      <c r="M7050" s="57">
        <f>Bühler!M7076</f>
        <v>0</v>
      </c>
      <c r="N7050" s="55">
        <f>IF(Input!$K$13=1,J7050*Input!$J$13,0)+IF(Input!$K$14=1,K7050*Input!$J$14,0)+IF(Input!$K$15=1,L7050*Input!$J$15,0)+IF(Input!$K$16=1,M7050*Input!$J$16,0)</f>
        <v>0.535157907054849</v>
      </c>
      <c r="O7050" s="58">
        <f>IF(Input!$K$13=2,J7050*Input!$J$13,0)+IF(Input!$K$14=2,K7050*Input!$J$14,0)+IF(Input!$K$15=2,L7050*Input!$J$15,0)+IF(Input!$K$16=2,M7050*Input!$J$16,0)</f>
        <v>2.9517543632438338E-2</v>
      </c>
      <c r="P7050" s="58">
        <f>IF(Input!$K$13=3,J7050*Input!$J$13,0)+IF(Input!$K$14=3,K7050*Input!$J$14,0)+IF(Input!$K$15=3,L7050*Input!$J$15,0)+IF(Input!$K$16=3,M7050*Input!$J$16,0)</f>
        <v>0</v>
      </c>
      <c r="Q7050" s="71">
        <f>IF(Input!$K$13=4,J7050*Input!$J$13,0)+IF(Input!$K$14=4,K7050*Input!$J$14,0)+IF(Input!$K$15=4,L7050*Input!$J$15,0)+IF(Input!$K$16=4,M7050*Input!$J$16,0)</f>
        <v>0</v>
      </c>
    </row>
    <row r="7051" spans="8:17" x14ac:dyDescent="0.25">
      <c r="H7051" s="43">
        <v>7044</v>
      </c>
      <c r="I7051" s="55">
        <f>Bühler!I7077</f>
        <v>0.50062769639449722</v>
      </c>
      <c r="J7051" s="58">
        <f>Bühler!J7077</f>
        <v>4.459649225457075</v>
      </c>
      <c r="K7051" s="58">
        <f>Bühler!K7077</f>
        <v>0.21864847135139509</v>
      </c>
      <c r="L7051" s="58">
        <f>Bühler!L7077</f>
        <v>0.10932423567569755</v>
      </c>
      <c r="M7051" s="57">
        <f>Bühler!M7077</f>
        <v>0</v>
      </c>
      <c r="N7051" s="55">
        <f>IF(Input!$K$13=1,J7051*Input!$J$13,0)+IF(Input!$K$14=1,K7051*Input!$J$14,0)+IF(Input!$K$15=1,L7051*Input!$J$15,0)+IF(Input!$K$16=1,M7051*Input!$J$16,0)</f>
        <v>0.535157907054849</v>
      </c>
      <c r="O7051" s="58">
        <f>IF(Input!$K$13=2,J7051*Input!$J$13,0)+IF(Input!$K$14=2,K7051*Input!$J$14,0)+IF(Input!$K$15=2,L7051*Input!$J$15,0)+IF(Input!$K$16=2,M7051*Input!$J$16,0)</f>
        <v>2.9517543632438338E-2</v>
      </c>
      <c r="P7051" s="58">
        <f>IF(Input!$K$13=3,J7051*Input!$J$13,0)+IF(Input!$K$14=3,K7051*Input!$J$14,0)+IF(Input!$K$15=3,L7051*Input!$J$15,0)+IF(Input!$K$16=3,M7051*Input!$J$16,0)</f>
        <v>0</v>
      </c>
      <c r="Q7051" s="71">
        <f>IF(Input!$K$13=4,J7051*Input!$J$13,0)+IF(Input!$K$14=4,K7051*Input!$J$14,0)+IF(Input!$K$15=4,L7051*Input!$J$15,0)+IF(Input!$K$16=4,M7051*Input!$J$16,0)</f>
        <v>0</v>
      </c>
    </row>
    <row r="7052" spans="8:17" x14ac:dyDescent="0.25">
      <c r="H7052" s="43">
        <v>7045</v>
      </c>
      <c r="I7052" s="55">
        <f>Bühler!I7078</f>
        <v>0.50062769639449722</v>
      </c>
      <c r="J7052" s="58">
        <f>Bühler!J7078</f>
        <v>4.459649225457075</v>
      </c>
      <c r="K7052" s="58">
        <f>Bühler!K7078</f>
        <v>0.21864847135139509</v>
      </c>
      <c r="L7052" s="58">
        <f>Bühler!L7078</f>
        <v>0.10932423567569755</v>
      </c>
      <c r="M7052" s="57">
        <f>Bühler!M7078</f>
        <v>0</v>
      </c>
      <c r="N7052" s="55">
        <f>IF(Input!$K$13=1,J7052*Input!$J$13,0)+IF(Input!$K$14=1,K7052*Input!$J$14,0)+IF(Input!$K$15=1,L7052*Input!$J$15,0)+IF(Input!$K$16=1,M7052*Input!$J$16,0)</f>
        <v>0.535157907054849</v>
      </c>
      <c r="O7052" s="58">
        <f>IF(Input!$K$13=2,J7052*Input!$J$13,0)+IF(Input!$K$14=2,K7052*Input!$J$14,0)+IF(Input!$K$15=2,L7052*Input!$J$15,0)+IF(Input!$K$16=2,M7052*Input!$J$16,0)</f>
        <v>2.9517543632438338E-2</v>
      </c>
      <c r="P7052" s="58">
        <f>IF(Input!$K$13=3,J7052*Input!$J$13,0)+IF(Input!$K$14=3,K7052*Input!$J$14,0)+IF(Input!$K$15=3,L7052*Input!$J$15,0)+IF(Input!$K$16=3,M7052*Input!$J$16,0)</f>
        <v>0</v>
      </c>
      <c r="Q7052" s="71">
        <f>IF(Input!$K$13=4,J7052*Input!$J$13,0)+IF(Input!$K$14=4,K7052*Input!$J$14,0)+IF(Input!$K$15=4,L7052*Input!$J$15,0)+IF(Input!$K$16=4,M7052*Input!$J$16,0)</f>
        <v>0</v>
      </c>
    </row>
    <row r="7053" spans="8:17" x14ac:dyDescent="0.25">
      <c r="H7053" s="43">
        <v>7046</v>
      </c>
      <c r="I7053" s="55">
        <f>Bühler!I7079</f>
        <v>0.50062769639449722</v>
      </c>
      <c r="J7053" s="58">
        <f>Bühler!J7079</f>
        <v>4.459649225457075</v>
      </c>
      <c r="K7053" s="58">
        <f>Bühler!K7079</f>
        <v>0.21864847135139509</v>
      </c>
      <c r="L7053" s="58">
        <f>Bühler!L7079</f>
        <v>0.10932423567569755</v>
      </c>
      <c r="M7053" s="57">
        <f>Bühler!M7079</f>
        <v>0</v>
      </c>
      <c r="N7053" s="55">
        <f>IF(Input!$K$13=1,J7053*Input!$J$13,0)+IF(Input!$K$14=1,K7053*Input!$J$14,0)+IF(Input!$K$15=1,L7053*Input!$J$15,0)+IF(Input!$K$16=1,M7053*Input!$J$16,0)</f>
        <v>0.535157907054849</v>
      </c>
      <c r="O7053" s="58">
        <f>IF(Input!$K$13=2,J7053*Input!$J$13,0)+IF(Input!$K$14=2,K7053*Input!$J$14,0)+IF(Input!$K$15=2,L7053*Input!$J$15,0)+IF(Input!$K$16=2,M7053*Input!$J$16,0)</f>
        <v>2.9517543632438338E-2</v>
      </c>
      <c r="P7053" s="58">
        <f>IF(Input!$K$13=3,J7053*Input!$J$13,0)+IF(Input!$K$14=3,K7053*Input!$J$14,0)+IF(Input!$K$15=3,L7053*Input!$J$15,0)+IF(Input!$K$16=3,M7053*Input!$J$16,0)</f>
        <v>0</v>
      </c>
      <c r="Q7053" s="71">
        <f>IF(Input!$K$13=4,J7053*Input!$J$13,0)+IF(Input!$K$14=4,K7053*Input!$J$14,0)+IF(Input!$K$15=4,L7053*Input!$J$15,0)+IF(Input!$K$16=4,M7053*Input!$J$16,0)</f>
        <v>0</v>
      </c>
    </row>
    <row r="7054" spans="8:17" x14ac:dyDescent="0.25">
      <c r="H7054" s="43">
        <v>7047</v>
      </c>
      <c r="I7054" s="55">
        <f>Bühler!I7080</f>
        <v>0.50062769639449722</v>
      </c>
      <c r="J7054" s="58">
        <f>Bühler!J7080</f>
        <v>4.459649225457075</v>
      </c>
      <c r="K7054" s="58">
        <f>Bühler!K7080</f>
        <v>0.21864847135139509</v>
      </c>
      <c r="L7054" s="58">
        <f>Bühler!L7080</f>
        <v>0.10932423567569755</v>
      </c>
      <c r="M7054" s="57">
        <f>Bühler!M7080</f>
        <v>0</v>
      </c>
      <c r="N7054" s="55">
        <f>IF(Input!$K$13=1,J7054*Input!$J$13,0)+IF(Input!$K$14=1,K7054*Input!$J$14,0)+IF(Input!$K$15=1,L7054*Input!$J$15,0)+IF(Input!$K$16=1,M7054*Input!$J$16,0)</f>
        <v>0.535157907054849</v>
      </c>
      <c r="O7054" s="58">
        <f>IF(Input!$K$13=2,J7054*Input!$J$13,0)+IF(Input!$K$14=2,K7054*Input!$J$14,0)+IF(Input!$K$15=2,L7054*Input!$J$15,0)+IF(Input!$K$16=2,M7054*Input!$J$16,0)</f>
        <v>2.9517543632438338E-2</v>
      </c>
      <c r="P7054" s="58">
        <f>IF(Input!$K$13=3,J7054*Input!$J$13,0)+IF(Input!$K$14=3,K7054*Input!$J$14,0)+IF(Input!$K$15=3,L7054*Input!$J$15,0)+IF(Input!$K$16=3,M7054*Input!$J$16,0)</f>
        <v>0</v>
      </c>
      <c r="Q7054" s="71">
        <f>IF(Input!$K$13=4,J7054*Input!$J$13,0)+IF(Input!$K$14=4,K7054*Input!$J$14,0)+IF(Input!$K$15=4,L7054*Input!$J$15,0)+IF(Input!$K$16=4,M7054*Input!$J$16,0)</f>
        <v>0</v>
      </c>
    </row>
    <row r="7055" spans="8:17" x14ac:dyDescent="0.25">
      <c r="H7055" s="43">
        <v>7048</v>
      </c>
      <c r="I7055" s="55">
        <f>Bühler!I7081</f>
        <v>0.45262230084981936</v>
      </c>
      <c r="J7055" s="58">
        <f>Bühler!J7081</f>
        <v>4.4576490006427134</v>
      </c>
      <c r="K7055" s="58">
        <f>Bühler!K7081</f>
        <v>0.21864847135139509</v>
      </c>
      <c r="L7055" s="58">
        <f>Bühler!L7081</f>
        <v>0.10932423567569755</v>
      </c>
      <c r="M7055" s="57">
        <f>Bühler!M7081</f>
        <v>0</v>
      </c>
      <c r="N7055" s="55">
        <f>IF(Input!$K$13=1,J7055*Input!$J$13,0)+IF(Input!$K$14=1,K7055*Input!$J$14,0)+IF(Input!$K$15=1,L7055*Input!$J$15,0)+IF(Input!$K$16=1,M7055*Input!$J$16,0)</f>
        <v>0.5349178800771256</v>
      </c>
      <c r="O7055" s="58">
        <f>IF(Input!$K$13=2,J7055*Input!$J$13,0)+IF(Input!$K$14=2,K7055*Input!$J$14,0)+IF(Input!$K$15=2,L7055*Input!$J$15,0)+IF(Input!$K$16=2,M7055*Input!$J$16,0)</f>
        <v>2.9517543632438338E-2</v>
      </c>
      <c r="P7055" s="58">
        <f>IF(Input!$K$13=3,J7055*Input!$J$13,0)+IF(Input!$K$14=3,K7055*Input!$J$14,0)+IF(Input!$K$15=3,L7055*Input!$J$15,0)+IF(Input!$K$16=3,M7055*Input!$J$16,0)</f>
        <v>0</v>
      </c>
      <c r="Q7055" s="71">
        <f>IF(Input!$K$13=4,J7055*Input!$J$13,0)+IF(Input!$K$14=4,K7055*Input!$J$14,0)+IF(Input!$K$15=4,L7055*Input!$J$15,0)+IF(Input!$K$16=4,M7055*Input!$J$16,0)</f>
        <v>0</v>
      </c>
    </row>
    <row r="7056" spans="8:17" x14ac:dyDescent="0.25">
      <c r="H7056" s="43">
        <v>7049</v>
      </c>
      <c r="I7056" s="55">
        <f>Bühler!I7082</f>
        <v>0.41147481895438121</v>
      </c>
      <c r="J7056" s="58">
        <f>Bühler!J7082</f>
        <v>4.4559345222304039</v>
      </c>
      <c r="K7056" s="58">
        <f>Bühler!K7082</f>
        <v>0.21864847135139509</v>
      </c>
      <c r="L7056" s="58">
        <f>Bühler!L7082</f>
        <v>0.10932423567569755</v>
      </c>
      <c r="M7056" s="57">
        <f>Bühler!M7082</f>
        <v>0</v>
      </c>
      <c r="N7056" s="55">
        <f>IF(Input!$K$13=1,J7056*Input!$J$13,0)+IF(Input!$K$14=1,K7056*Input!$J$14,0)+IF(Input!$K$15=1,L7056*Input!$J$15,0)+IF(Input!$K$16=1,M7056*Input!$J$16,0)</f>
        <v>0.53471214266764844</v>
      </c>
      <c r="O7056" s="58">
        <f>IF(Input!$K$13=2,J7056*Input!$J$13,0)+IF(Input!$K$14=2,K7056*Input!$J$14,0)+IF(Input!$K$15=2,L7056*Input!$J$15,0)+IF(Input!$K$16=2,M7056*Input!$J$16,0)</f>
        <v>2.9517543632438338E-2</v>
      </c>
      <c r="P7056" s="58">
        <f>IF(Input!$K$13=3,J7056*Input!$J$13,0)+IF(Input!$K$14=3,K7056*Input!$J$14,0)+IF(Input!$K$15=3,L7056*Input!$J$15,0)+IF(Input!$K$16=3,M7056*Input!$J$16,0)</f>
        <v>0</v>
      </c>
      <c r="Q7056" s="71">
        <f>IF(Input!$K$13=4,J7056*Input!$J$13,0)+IF(Input!$K$14=4,K7056*Input!$J$14,0)+IF(Input!$K$15=4,L7056*Input!$J$15,0)+IF(Input!$K$16=4,M7056*Input!$J$16,0)</f>
        <v>0</v>
      </c>
    </row>
    <row r="7057" spans="8:17" x14ac:dyDescent="0.25">
      <c r="H7057" s="43">
        <v>7050</v>
      </c>
      <c r="I7057" s="55">
        <f>Bühler!I7083</f>
        <v>0.37032733705894316</v>
      </c>
      <c r="J7057" s="58">
        <f>Bühler!J7083</f>
        <v>4.4542200438180943</v>
      </c>
      <c r="K7057" s="58">
        <f>Bühler!K7083</f>
        <v>0.21864847135139509</v>
      </c>
      <c r="L7057" s="58">
        <f>Bühler!L7083</f>
        <v>0.10932423567569755</v>
      </c>
      <c r="M7057" s="57">
        <f>Bühler!M7083</f>
        <v>0</v>
      </c>
      <c r="N7057" s="55">
        <f>IF(Input!$K$13=1,J7057*Input!$J$13,0)+IF(Input!$K$14=1,K7057*Input!$J$14,0)+IF(Input!$K$15=1,L7057*Input!$J$15,0)+IF(Input!$K$16=1,M7057*Input!$J$16,0)</f>
        <v>0.53450640525817128</v>
      </c>
      <c r="O7057" s="58">
        <f>IF(Input!$K$13=2,J7057*Input!$J$13,0)+IF(Input!$K$14=2,K7057*Input!$J$14,0)+IF(Input!$K$15=2,L7057*Input!$J$15,0)+IF(Input!$K$16=2,M7057*Input!$J$16,0)</f>
        <v>2.9517543632438338E-2</v>
      </c>
      <c r="P7057" s="58">
        <f>IF(Input!$K$13=3,J7057*Input!$J$13,0)+IF(Input!$K$14=3,K7057*Input!$J$14,0)+IF(Input!$K$15=3,L7057*Input!$J$15,0)+IF(Input!$K$16=3,M7057*Input!$J$16,0)</f>
        <v>0</v>
      </c>
      <c r="Q7057" s="71">
        <f>IF(Input!$K$13=4,J7057*Input!$J$13,0)+IF(Input!$K$14=4,K7057*Input!$J$14,0)+IF(Input!$K$15=4,L7057*Input!$J$15,0)+IF(Input!$K$16=4,M7057*Input!$J$16,0)</f>
        <v>0</v>
      </c>
    </row>
    <row r="7058" spans="8:17" x14ac:dyDescent="0.25">
      <c r="H7058" s="43">
        <v>7051</v>
      </c>
      <c r="I7058" s="55">
        <f>Bühler!I7084</f>
        <v>0.35661150976046374</v>
      </c>
      <c r="J7058" s="58">
        <f>Bühler!J7084</f>
        <v>4.4536485510139903</v>
      </c>
      <c r="K7058" s="58">
        <f>Bühler!K7084</f>
        <v>0.21864847135139509</v>
      </c>
      <c r="L7058" s="58">
        <f>Bühler!L7084</f>
        <v>0.10932423567569755</v>
      </c>
      <c r="M7058" s="57">
        <f>Bühler!M7084</f>
        <v>0</v>
      </c>
      <c r="N7058" s="55">
        <f>IF(Input!$K$13=1,J7058*Input!$J$13,0)+IF(Input!$K$14=1,K7058*Input!$J$14,0)+IF(Input!$K$15=1,L7058*Input!$J$15,0)+IF(Input!$K$16=1,M7058*Input!$J$16,0)</f>
        <v>0.53443782612167878</v>
      </c>
      <c r="O7058" s="58">
        <f>IF(Input!$K$13=2,J7058*Input!$J$13,0)+IF(Input!$K$14=2,K7058*Input!$J$14,0)+IF(Input!$K$15=2,L7058*Input!$J$15,0)+IF(Input!$K$16=2,M7058*Input!$J$16,0)</f>
        <v>2.9517543632438338E-2</v>
      </c>
      <c r="P7058" s="58">
        <f>IF(Input!$K$13=3,J7058*Input!$J$13,0)+IF(Input!$K$14=3,K7058*Input!$J$14,0)+IF(Input!$K$15=3,L7058*Input!$J$15,0)+IF(Input!$K$16=3,M7058*Input!$J$16,0)</f>
        <v>0</v>
      </c>
      <c r="Q7058" s="71">
        <f>IF(Input!$K$13=4,J7058*Input!$J$13,0)+IF(Input!$K$14=4,K7058*Input!$J$14,0)+IF(Input!$K$15=4,L7058*Input!$J$15,0)+IF(Input!$K$16=4,M7058*Input!$J$16,0)</f>
        <v>0</v>
      </c>
    </row>
    <row r="7059" spans="8:17" x14ac:dyDescent="0.25">
      <c r="H7059" s="43">
        <v>7052</v>
      </c>
      <c r="I7059" s="55">
        <f>Bühler!I7085</f>
        <v>0.28803237326806691</v>
      </c>
      <c r="J7059" s="58">
        <f>Bühler!J7085</f>
        <v>4.4507910869934744</v>
      </c>
      <c r="K7059" s="58">
        <f>Bühler!K7085</f>
        <v>0.21864847135139509</v>
      </c>
      <c r="L7059" s="58">
        <f>Bühler!L7085</f>
        <v>0.10932423567569755</v>
      </c>
      <c r="M7059" s="57">
        <f>Bühler!M7085</f>
        <v>0</v>
      </c>
      <c r="N7059" s="55">
        <f>IF(Input!$K$13=1,J7059*Input!$J$13,0)+IF(Input!$K$14=1,K7059*Input!$J$14,0)+IF(Input!$K$15=1,L7059*Input!$J$15,0)+IF(Input!$K$16=1,M7059*Input!$J$16,0)</f>
        <v>0.53409493043921685</v>
      </c>
      <c r="O7059" s="58">
        <f>IF(Input!$K$13=2,J7059*Input!$J$13,0)+IF(Input!$K$14=2,K7059*Input!$J$14,0)+IF(Input!$K$15=2,L7059*Input!$J$15,0)+IF(Input!$K$16=2,M7059*Input!$J$16,0)</f>
        <v>2.9517543632438338E-2</v>
      </c>
      <c r="P7059" s="58">
        <f>IF(Input!$K$13=3,J7059*Input!$J$13,0)+IF(Input!$K$14=3,K7059*Input!$J$14,0)+IF(Input!$K$15=3,L7059*Input!$J$15,0)+IF(Input!$K$16=3,M7059*Input!$J$16,0)</f>
        <v>0</v>
      </c>
      <c r="Q7059" s="71">
        <f>IF(Input!$K$13=4,J7059*Input!$J$13,0)+IF(Input!$K$14=4,K7059*Input!$J$14,0)+IF(Input!$K$15=4,L7059*Input!$J$15,0)+IF(Input!$K$16=4,M7059*Input!$J$16,0)</f>
        <v>0</v>
      </c>
    </row>
    <row r="7060" spans="8:17" x14ac:dyDescent="0.25">
      <c r="H7060" s="43">
        <v>7053</v>
      </c>
      <c r="I7060" s="55">
        <f>Bühler!I7086</f>
        <v>0.21259532312643031</v>
      </c>
      <c r="J7060" s="58">
        <f>Bühler!J7086</f>
        <v>4.4476478765709064</v>
      </c>
      <c r="K7060" s="58">
        <f>Bühler!K7086</f>
        <v>0.21864847135139509</v>
      </c>
      <c r="L7060" s="58">
        <f>Bühler!L7086</f>
        <v>0.10932423567569755</v>
      </c>
      <c r="M7060" s="57">
        <f>Bühler!M7086</f>
        <v>0</v>
      </c>
      <c r="N7060" s="55">
        <f>IF(Input!$K$13=1,J7060*Input!$J$13,0)+IF(Input!$K$14=1,K7060*Input!$J$14,0)+IF(Input!$K$15=1,L7060*Input!$J$15,0)+IF(Input!$K$16=1,M7060*Input!$J$16,0)</f>
        <v>0.53371774518850879</v>
      </c>
      <c r="O7060" s="58">
        <f>IF(Input!$K$13=2,J7060*Input!$J$13,0)+IF(Input!$K$14=2,K7060*Input!$J$14,0)+IF(Input!$K$15=2,L7060*Input!$J$15,0)+IF(Input!$K$16=2,M7060*Input!$J$16,0)</f>
        <v>2.9517543632438338E-2</v>
      </c>
      <c r="P7060" s="58">
        <f>IF(Input!$K$13=3,J7060*Input!$J$13,0)+IF(Input!$K$14=3,K7060*Input!$J$14,0)+IF(Input!$K$15=3,L7060*Input!$J$15,0)+IF(Input!$K$16=3,M7060*Input!$J$16,0)</f>
        <v>0</v>
      </c>
      <c r="Q7060" s="71">
        <f>IF(Input!$K$13=4,J7060*Input!$J$13,0)+IF(Input!$K$14=4,K7060*Input!$J$14,0)+IF(Input!$K$15=4,L7060*Input!$J$15,0)+IF(Input!$K$16=4,M7060*Input!$J$16,0)</f>
        <v>0</v>
      </c>
    </row>
    <row r="7061" spans="8:17" x14ac:dyDescent="0.25">
      <c r="H7061" s="43">
        <v>7054</v>
      </c>
      <c r="I7061" s="55">
        <f>Bühler!I7087</f>
        <v>0.21259532312643031</v>
      </c>
      <c r="J7061" s="58">
        <f>Bühler!J7087</f>
        <v>4.4476478765709064</v>
      </c>
      <c r="K7061" s="58">
        <f>Bühler!K7087</f>
        <v>0.21864847135139509</v>
      </c>
      <c r="L7061" s="58">
        <f>Bühler!L7087</f>
        <v>0.10932423567569755</v>
      </c>
      <c r="M7061" s="57">
        <f>Bühler!M7087</f>
        <v>0</v>
      </c>
      <c r="N7061" s="55">
        <f>IF(Input!$K$13=1,J7061*Input!$J$13,0)+IF(Input!$K$14=1,K7061*Input!$J$14,0)+IF(Input!$K$15=1,L7061*Input!$J$15,0)+IF(Input!$K$16=1,M7061*Input!$J$16,0)</f>
        <v>0.53371774518850879</v>
      </c>
      <c r="O7061" s="58">
        <f>IF(Input!$K$13=2,J7061*Input!$J$13,0)+IF(Input!$K$14=2,K7061*Input!$J$14,0)+IF(Input!$K$15=2,L7061*Input!$J$15,0)+IF(Input!$K$16=2,M7061*Input!$J$16,0)</f>
        <v>2.9517543632438338E-2</v>
      </c>
      <c r="P7061" s="58">
        <f>IF(Input!$K$13=3,J7061*Input!$J$13,0)+IF(Input!$K$14=3,K7061*Input!$J$14,0)+IF(Input!$K$15=3,L7061*Input!$J$15,0)+IF(Input!$K$16=3,M7061*Input!$J$16,0)</f>
        <v>0</v>
      </c>
      <c r="Q7061" s="71">
        <f>IF(Input!$K$13=4,J7061*Input!$J$13,0)+IF(Input!$K$14=4,K7061*Input!$J$14,0)+IF(Input!$K$15=4,L7061*Input!$J$15,0)+IF(Input!$K$16=4,M7061*Input!$J$16,0)</f>
        <v>0</v>
      </c>
    </row>
    <row r="7062" spans="8:17" x14ac:dyDescent="0.25">
      <c r="H7062" s="43">
        <v>7055</v>
      </c>
      <c r="I7062" s="55">
        <f>Bühler!I7088</f>
        <v>0.21259532312643031</v>
      </c>
      <c r="J7062" s="58">
        <f>Bühler!J7088</f>
        <v>4.4476478765709064</v>
      </c>
      <c r="K7062" s="58">
        <f>Bühler!K7088</f>
        <v>0.21864847135139509</v>
      </c>
      <c r="L7062" s="58">
        <f>Bühler!L7088</f>
        <v>0.10932423567569755</v>
      </c>
      <c r="M7062" s="57">
        <f>Bühler!M7088</f>
        <v>0</v>
      </c>
      <c r="N7062" s="55">
        <f>IF(Input!$K$13=1,J7062*Input!$J$13,0)+IF(Input!$K$14=1,K7062*Input!$J$14,0)+IF(Input!$K$15=1,L7062*Input!$J$15,0)+IF(Input!$K$16=1,M7062*Input!$J$16,0)</f>
        <v>0.53371774518850879</v>
      </c>
      <c r="O7062" s="58">
        <f>IF(Input!$K$13=2,J7062*Input!$J$13,0)+IF(Input!$K$14=2,K7062*Input!$J$14,0)+IF(Input!$K$15=2,L7062*Input!$J$15,0)+IF(Input!$K$16=2,M7062*Input!$J$16,0)</f>
        <v>2.9517543632438338E-2</v>
      </c>
      <c r="P7062" s="58">
        <f>IF(Input!$K$13=3,J7062*Input!$J$13,0)+IF(Input!$K$14=3,K7062*Input!$J$14,0)+IF(Input!$K$15=3,L7062*Input!$J$15,0)+IF(Input!$K$16=3,M7062*Input!$J$16,0)</f>
        <v>0</v>
      </c>
      <c r="Q7062" s="71">
        <f>IF(Input!$K$13=4,J7062*Input!$J$13,0)+IF(Input!$K$14=4,K7062*Input!$J$14,0)+IF(Input!$K$15=4,L7062*Input!$J$15,0)+IF(Input!$K$16=4,M7062*Input!$J$16,0)</f>
        <v>0</v>
      </c>
    </row>
    <row r="7063" spans="8:17" x14ac:dyDescent="0.25">
      <c r="H7063" s="43">
        <v>7056</v>
      </c>
      <c r="I7063" s="55">
        <f>Bühler!I7089</f>
        <v>0.21259532312643031</v>
      </c>
      <c r="J7063" s="58">
        <f>Bühler!J7089</f>
        <v>4.4476478765709064</v>
      </c>
      <c r="K7063" s="58">
        <f>Bühler!K7089</f>
        <v>0.21864847135139509</v>
      </c>
      <c r="L7063" s="58">
        <f>Bühler!L7089</f>
        <v>0.10932423567569755</v>
      </c>
      <c r="M7063" s="57">
        <f>Bühler!M7089</f>
        <v>0</v>
      </c>
      <c r="N7063" s="55">
        <f>IF(Input!$K$13=1,J7063*Input!$J$13,0)+IF(Input!$K$14=1,K7063*Input!$J$14,0)+IF(Input!$K$15=1,L7063*Input!$J$15,0)+IF(Input!$K$16=1,M7063*Input!$J$16,0)</f>
        <v>0.53371774518850879</v>
      </c>
      <c r="O7063" s="58">
        <f>IF(Input!$K$13=2,J7063*Input!$J$13,0)+IF(Input!$K$14=2,K7063*Input!$J$14,0)+IF(Input!$K$15=2,L7063*Input!$J$15,0)+IF(Input!$K$16=2,M7063*Input!$J$16,0)</f>
        <v>2.9517543632438338E-2</v>
      </c>
      <c r="P7063" s="58">
        <f>IF(Input!$K$13=3,J7063*Input!$J$13,0)+IF(Input!$K$14=3,K7063*Input!$J$14,0)+IF(Input!$K$15=3,L7063*Input!$J$15,0)+IF(Input!$K$16=3,M7063*Input!$J$16,0)</f>
        <v>0</v>
      </c>
      <c r="Q7063" s="71">
        <f>IF(Input!$K$13=4,J7063*Input!$J$13,0)+IF(Input!$K$14=4,K7063*Input!$J$14,0)+IF(Input!$K$15=4,L7063*Input!$J$15,0)+IF(Input!$K$16=4,M7063*Input!$J$16,0)</f>
        <v>0</v>
      </c>
    </row>
    <row r="7064" spans="8:17" x14ac:dyDescent="0.25">
      <c r="H7064" s="43">
        <v>7057</v>
      </c>
      <c r="I7064" s="55">
        <f>Bühler!I7090</f>
        <v>0.36147309576212572</v>
      </c>
      <c r="J7064" s="58">
        <f>Bühler!J7090</f>
        <v>4.8795305437491923</v>
      </c>
      <c r="K7064" s="58">
        <f>Bühler!K7090</f>
        <v>0.22181844985466764</v>
      </c>
      <c r="L7064" s="58">
        <f>Bühler!L7090</f>
        <v>0.11090922492733382</v>
      </c>
      <c r="M7064" s="57">
        <f>Bühler!M7090</f>
        <v>0</v>
      </c>
      <c r="N7064" s="55">
        <f>IF(Input!$K$13=1,J7064*Input!$J$13,0)+IF(Input!$K$14=1,K7064*Input!$J$14,0)+IF(Input!$K$15=1,L7064*Input!$J$15,0)+IF(Input!$K$16=1,M7064*Input!$J$16,0)</f>
        <v>0.58554366524990309</v>
      </c>
      <c r="O7064" s="58">
        <f>IF(Input!$K$13=2,J7064*Input!$J$13,0)+IF(Input!$K$14=2,K7064*Input!$J$14,0)+IF(Input!$K$15=2,L7064*Input!$J$15,0)+IF(Input!$K$16=2,M7064*Input!$J$16,0)</f>
        <v>2.994549073038013E-2</v>
      </c>
      <c r="P7064" s="58">
        <f>IF(Input!$K$13=3,J7064*Input!$J$13,0)+IF(Input!$K$14=3,K7064*Input!$J$14,0)+IF(Input!$K$15=3,L7064*Input!$J$15,0)+IF(Input!$K$16=3,M7064*Input!$J$16,0)</f>
        <v>0</v>
      </c>
      <c r="Q7064" s="71">
        <f>IF(Input!$K$13=4,J7064*Input!$J$13,0)+IF(Input!$K$14=4,K7064*Input!$J$14,0)+IF(Input!$K$15=4,L7064*Input!$J$15,0)+IF(Input!$K$16=4,M7064*Input!$J$16,0)</f>
        <v>0</v>
      </c>
    </row>
    <row r="7065" spans="8:17" x14ac:dyDescent="0.25">
      <c r="H7065" s="43">
        <v>7058</v>
      </c>
      <c r="I7065" s="55">
        <f>Bühler!I7091</f>
        <v>0.41977520798182344</v>
      </c>
      <c r="J7065" s="58">
        <f>Bühler!J7091</f>
        <v>4.8819597984250125</v>
      </c>
      <c r="K7065" s="58">
        <f>Bühler!K7091</f>
        <v>0.22181844985466764</v>
      </c>
      <c r="L7065" s="58">
        <f>Bühler!L7091</f>
        <v>0.11090922492733382</v>
      </c>
      <c r="M7065" s="57">
        <f>Bühler!M7091</f>
        <v>0</v>
      </c>
      <c r="N7065" s="55">
        <f>IF(Input!$K$13=1,J7065*Input!$J$13,0)+IF(Input!$K$14=1,K7065*Input!$J$14,0)+IF(Input!$K$15=1,L7065*Input!$J$15,0)+IF(Input!$K$16=1,M7065*Input!$J$16,0)</f>
        <v>0.58583517581100153</v>
      </c>
      <c r="O7065" s="58">
        <f>IF(Input!$K$13=2,J7065*Input!$J$13,0)+IF(Input!$K$14=2,K7065*Input!$J$14,0)+IF(Input!$K$15=2,L7065*Input!$J$15,0)+IF(Input!$K$16=2,M7065*Input!$J$16,0)</f>
        <v>2.994549073038013E-2</v>
      </c>
      <c r="P7065" s="58">
        <f>IF(Input!$K$13=3,J7065*Input!$J$13,0)+IF(Input!$K$14=3,K7065*Input!$J$14,0)+IF(Input!$K$15=3,L7065*Input!$J$15,0)+IF(Input!$K$16=3,M7065*Input!$J$16,0)</f>
        <v>0</v>
      </c>
      <c r="Q7065" s="71">
        <f>IF(Input!$K$13=4,J7065*Input!$J$13,0)+IF(Input!$K$14=4,K7065*Input!$J$14,0)+IF(Input!$K$15=4,L7065*Input!$J$15,0)+IF(Input!$K$16=4,M7065*Input!$J$16,0)</f>
        <v>0</v>
      </c>
    </row>
    <row r="7066" spans="8:17" x14ac:dyDescent="0.25">
      <c r="H7066" s="43">
        <v>7059</v>
      </c>
      <c r="I7066" s="55">
        <f>Bühler!I7092</f>
        <v>0.41977520798182344</v>
      </c>
      <c r="J7066" s="58">
        <f>Bühler!J7092</f>
        <v>4.8819597984250125</v>
      </c>
      <c r="K7066" s="58">
        <f>Bühler!K7092</f>
        <v>0.22181844985466764</v>
      </c>
      <c r="L7066" s="58">
        <f>Bühler!L7092</f>
        <v>0.11090922492733382</v>
      </c>
      <c r="M7066" s="57">
        <f>Bühler!M7092</f>
        <v>0</v>
      </c>
      <c r="N7066" s="55">
        <f>IF(Input!$K$13=1,J7066*Input!$J$13,0)+IF(Input!$K$14=1,K7066*Input!$J$14,0)+IF(Input!$K$15=1,L7066*Input!$J$15,0)+IF(Input!$K$16=1,M7066*Input!$J$16,0)</f>
        <v>0.58583517581100153</v>
      </c>
      <c r="O7066" s="58">
        <f>IF(Input!$K$13=2,J7066*Input!$J$13,0)+IF(Input!$K$14=2,K7066*Input!$J$14,0)+IF(Input!$K$15=2,L7066*Input!$J$15,0)+IF(Input!$K$16=2,M7066*Input!$J$16,0)</f>
        <v>2.994549073038013E-2</v>
      </c>
      <c r="P7066" s="58">
        <f>IF(Input!$K$13=3,J7066*Input!$J$13,0)+IF(Input!$K$14=3,K7066*Input!$J$14,0)+IF(Input!$K$15=3,L7066*Input!$J$15,0)+IF(Input!$K$16=3,M7066*Input!$J$16,0)</f>
        <v>0</v>
      </c>
      <c r="Q7066" s="71">
        <f>IF(Input!$K$13=4,J7066*Input!$J$13,0)+IF(Input!$K$14=4,K7066*Input!$J$14,0)+IF(Input!$K$15=4,L7066*Input!$J$15,0)+IF(Input!$K$16=4,M7066*Input!$J$16,0)</f>
        <v>0</v>
      </c>
    </row>
    <row r="7067" spans="8:17" x14ac:dyDescent="0.25">
      <c r="H7067" s="43">
        <v>7060</v>
      </c>
      <c r="I7067" s="55">
        <f>Bühler!I7093</f>
        <v>0.41977520798182344</v>
      </c>
      <c r="J7067" s="58">
        <f>Bühler!J7093</f>
        <v>4.8819597984250125</v>
      </c>
      <c r="K7067" s="58">
        <f>Bühler!K7093</f>
        <v>0.22181844985466764</v>
      </c>
      <c r="L7067" s="58">
        <f>Bühler!L7093</f>
        <v>0.11090922492733382</v>
      </c>
      <c r="M7067" s="57">
        <f>Bühler!M7093</f>
        <v>0</v>
      </c>
      <c r="N7067" s="55">
        <f>IF(Input!$K$13=1,J7067*Input!$J$13,0)+IF(Input!$K$14=1,K7067*Input!$J$14,0)+IF(Input!$K$15=1,L7067*Input!$J$15,0)+IF(Input!$K$16=1,M7067*Input!$J$16,0)</f>
        <v>0.58583517581100153</v>
      </c>
      <c r="O7067" s="58">
        <f>IF(Input!$K$13=2,J7067*Input!$J$13,0)+IF(Input!$K$14=2,K7067*Input!$J$14,0)+IF(Input!$K$15=2,L7067*Input!$J$15,0)+IF(Input!$K$16=2,M7067*Input!$J$16,0)</f>
        <v>2.994549073038013E-2</v>
      </c>
      <c r="P7067" s="58">
        <f>IF(Input!$K$13=3,J7067*Input!$J$13,0)+IF(Input!$K$14=3,K7067*Input!$J$14,0)+IF(Input!$K$15=3,L7067*Input!$J$15,0)+IF(Input!$K$16=3,M7067*Input!$J$16,0)</f>
        <v>0</v>
      </c>
      <c r="Q7067" s="71">
        <f>IF(Input!$K$13=4,J7067*Input!$J$13,0)+IF(Input!$K$14=4,K7067*Input!$J$14,0)+IF(Input!$K$15=4,L7067*Input!$J$15,0)+IF(Input!$K$16=4,M7067*Input!$J$16,0)</f>
        <v>0</v>
      </c>
    </row>
    <row r="7068" spans="8:17" x14ac:dyDescent="0.25">
      <c r="H7068" s="43">
        <v>7061</v>
      </c>
      <c r="I7068" s="55">
        <f>Bühler!I7094</f>
        <v>0.41977520798182344</v>
      </c>
      <c r="J7068" s="58">
        <f>Bühler!J7094</f>
        <v>4.8819597984250125</v>
      </c>
      <c r="K7068" s="58">
        <f>Bühler!K7094</f>
        <v>0.22181844985466764</v>
      </c>
      <c r="L7068" s="58">
        <f>Bühler!L7094</f>
        <v>0.11090922492733382</v>
      </c>
      <c r="M7068" s="57">
        <f>Bühler!M7094</f>
        <v>0</v>
      </c>
      <c r="N7068" s="55">
        <f>IF(Input!$K$13=1,J7068*Input!$J$13,0)+IF(Input!$K$14=1,K7068*Input!$J$14,0)+IF(Input!$K$15=1,L7068*Input!$J$15,0)+IF(Input!$K$16=1,M7068*Input!$J$16,0)</f>
        <v>0.58583517581100153</v>
      </c>
      <c r="O7068" s="58">
        <f>IF(Input!$K$13=2,J7068*Input!$J$13,0)+IF(Input!$K$14=2,K7068*Input!$J$14,0)+IF(Input!$K$15=2,L7068*Input!$J$15,0)+IF(Input!$K$16=2,M7068*Input!$J$16,0)</f>
        <v>2.994549073038013E-2</v>
      </c>
      <c r="P7068" s="58">
        <f>IF(Input!$K$13=3,J7068*Input!$J$13,0)+IF(Input!$K$14=3,K7068*Input!$J$14,0)+IF(Input!$K$15=3,L7068*Input!$J$15,0)+IF(Input!$K$16=3,M7068*Input!$J$16,0)</f>
        <v>0</v>
      </c>
      <c r="Q7068" s="71">
        <f>IF(Input!$K$13=4,J7068*Input!$J$13,0)+IF(Input!$K$14=4,K7068*Input!$J$14,0)+IF(Input!$K$15=4,L7068*Input!$J$15,0)+IF(Input!$K$16=4,M7068*Input!$J$16,0)</f>
        <v>0</v>
      </c>
    </row>
    <row r="7069" spans="8:17" x14ac:dyDescent="0.25">
      <c r="H7069" s="43">
        <v>7062</v>
      </c>
      <c r="I7069" s="55">
        <f>Bühler!I7095</f>
        <v>0.52471900997727927</v>
      </c>
      <c r="J7069" s="58">
        <f>Bühler!J7095</f>
        <v>4.8863324568414903</v>
      </c>
      <c r="K7069" s="58">
        <f>Bühler!K7095</f>
        <v>0.22181844985466764</v>
      </c>
      <c r="L7069" s="58">
        <f>Bühler!L7095</f>
        <v>0.11090922492733382</v>
      </c>
      <c r="M7069" s="57">
        <f>Bühler!M7095</f>
        <v>0</v>
      </c>
      <c r="N7069" s="55">
        <f>IF(Input!$K$13=1,J7069*Input!$J$13,0)+IF(Input!$K$14=1,K7069*Input!$J$14,0)+IF(Input!$K$15=1,L7069*Input!$J$15,0)+IF(Input!$K$16=1,M7069*Input!$J$16,0)</f>
        <v>0.58635989482097883</v>
      </c>
      <c r="O7069" s="58">
        <f>IF(Input!$K$13=2,J7069*Input!$J$13,0)+IF(Input!$K$14=2,K7069*Input!$J$14,0)+IF(Input!$K$15=2,L7069*Input!$J$15,0)+IF(Input!$K$16=2,M7069*Input!$J$16,0)</f>
        <v>2.994549073038013E-2</v>
      </c>
      <c r="P7069" s="58">
        <f>IF(Input!$K$13=3,J7069*Input!$J$13,0)+IF(Input!$K$14=3,K7069*Input!$J$14,0)+IF(Input!$K$15=3,L7069*Input!$J$15,0)+IF(Input!$K$16=3,M7069*Input!$J$16,0)</f>
        <v>0</v>
      </c>
      <c r="Q7069" s="71">
        <f>IF(Input!$K$13=4,J7069*Input!$J$13,0)+IF(Input!$K$14=4,K7069*Input!$J$14,0)+IF(Input!$K$15=4,L7069*Input!$J$15,0)+IF(Input!$K$16=4,M7069*Input!$J$16,0)</f>
        <v>0</v>
      </c>
    </row>
    <row r="7070" spans="8:17" x14ac:dyDescent="0.25">
      <c r="H7070" s="43">
        <v>7063</v>
      </c>
      <c r="I7070" s="55">
        <f>Bühler!I7096</f>
        <v>0.61800238952879571</v>
      </c>
      <c r="J7070" s="58">
        <f>Bühler!J7096</f>
        <v>4.8902192643228029</v>
      </c>
      <c r="K7070" s="58">
        <f>Bühler!K7096</f>
        <v>0.22181844985466764</v>
      </c>
      <c r="L7070" s="58">
        <f>Bühler!L7096</f>
        <v>0.11090922492733382</v>
      </c>
      <c r="M7070" s="57">
        <f>Bühler!M7096</f>
        <v>0</v>
      </c>
      <c r="N7070" s="55">
        <f>IF(Input!$K$13=1,J7070*Input!$J$13,0)+IF(Input!$K$14=1,K7070*Input!$J$14,0)+IF(Input!$K$15=1,L7070*Input!$J$15,0)+IF(Input!$K$16=1,M7070*Input!$J$16,0)</f>
        <v>0.58682631171873634</v>
      </c>
      <c r="O7070" s="58">
        <f>IF(Input!$K$13=2,J7070*Input!$J$13,0)+IF(Input!$K$14=2,K7070*Input!$J$14,0)+IF(Input!$K$15=2,L7070*Input!$J$15,0)+IF(Input!$K$16=2,M7070*Input!$J$16,0)</f>
        <v>2.994549073038013E-2</v>
      </c>
      <c r="P7070" s="58">
        <f>IF(Input!$K$13=3,J7070*Input!$J$13,0)+IF(Input!$K$14=3,K7070*Input!$J$14,0)+IF(Input!$K$15=3,L7070*Input!$J$15,0)+IF(Input!$K$16=3,M7070*Input!$J$16,0)</f>
        <v>0</v>
      </c>
      <c r="Q7070" s="71">
        <f>IF(Input!$K$13=4,J7070*Input!$J$13,0)+IF(Input!$K$14=4,K7070*Input!$J$14,0)+IF(Input!$K$15=4,L7070*Input!$J$15,0)+IF(Input!$K$16=4,M7070*Input!$J$16,0)</f>
        <v>0</v>
      </c>
    </row>
    <row r="7071" spans="8:17" x14ac:dyDescent="0.25">
      <c r="H7071" s="43">
        <v>7064</v>
      </c>
      <c r="I7071" s="55">
        <f>Bühler!I7097</f>
        <v>0.73460661396819094</v>
      </c>
      <c r="J7071" s="58">
        <f>Bühler!J7097</f>
        <v>4.8950777736744451</v>
      </c>
      <c r="K7071" s="58">
        <f>Bühler!K7097</f>
        <v>0.22181844985466764</v>
      </c>
      <c r="L7071" s="58">
        <f>Bühler!L7097</f>
        <v>0.11090922492733382</v>
      </c>
      <c r="M7071" s="57">
        <f>Bühler!M7097</f>
        <v>0</v>
      </c>
      <c r="N7071" s="55">
        <f>IF(Input!$K$13=1,J7071*Input!$J$13,0)+IF(Input!$K$14=1,K7071*Input!$J$14,0)+IF(Input!$K$15=1,L7071*Input!$J$15,0)+IF(Input!$K$16=1,M7071*Input!$J$16,0)</f>
        <v>0.58740933284093344</v>
      </c>
      <c r="O7071" s="58">
        <f>IF(Input!$K$13=2,J7071*Input!$J$13,0)+IF(Input!$K$14=2,K7071*Input!$J$14,0)+IF(Input!$K$15=2,L7071*Input!$J$15,0)+IF(Input!$K$16=2,M7071*Input!$J$16,0)</f>
        <v>2.994549073038013E-2</v>
      </c>
      <c r="P7071" s="58">
        <f>IF(Input!$K$13=3,J7071*Input!$J$13,0)+IF(Input!$K$14=3,K7071*Input!$J$14,0)+IF(Input!$K$15=3,L7071*Input!$J$15,0)+IF(Input!$K$16=3,M7071*Input!$J$16,0)</f>
        <v>0</v>
      </c>
      <c r="Q7071" s="71">
        <f>IF(Input!$K$13=4,J7071*Input!$J$13,0)+IF(Input!$K$14=4,K7071*Input!$J$14,0)+IF(Input!$K$15=4,L7071*Input!$J$15,0)+IF(Input!$K$16=4,M7071*Input!$J$16,0)</f>
        <v>0</v>
      </c>
    </row>
    <row r="7072" spans="8:17" x14ac:dyDescent="0.25">
      <c r="H7072" s="43">
        <v>7065</v>
      </c>
      <c r="I7072" s="55">
        <f>Bühler!I7098</f>
        <v>0.73460661396819094</v>
      </c>
      <c r="J7072" s="58">
        <f>Bühler!J7098</f>
        <v>4.8950777736744451</v>
      </c>
      <c r="K7072" s="58">
        <f>Bühler!K7098</f>
        <v>0.22181844985466764</v>
      </c>
      <c r="L7072" s="58">
        <f>Bühler!L7098</f>
        <v>0.11090922492733382</v>
      </c>
      <c r="M7072" s="57">
        <f>Bühler!M7098</f>
        <v>0</v>
      </c>
      <c r="N7072" s="55">
        <f>IF(Input!$K$13=1,J7072*Input!$J$13,0)+IF(Input!$K$14=1,K7072*Input!$J$14,0)+IF(Input!$K$15=1,L7072*Input!$J$15,0)+IF(Input!$K$16=1,M7072*Input!$J$16,0)</f>
        <v>0.58740933284093344</v>
      </c>
      <c r="O7072" s="58">
        <f>IF(Input!$K$13=2,J7072*Input!$J$13,0)+IF(Input!$K$14=2,K7072*Input!$J$14,0)+IF(Input!$K$15=2,L7072*Input!$J$15,0)+IF(Input!$K$16=2,M7072*Input!$J$16,0)</f>
        <v>2.994549073038013E-2</v>
      </c>
      <c r="P7072" s="58">
        <f>IF(Input!$K$13=3,J7072*Input!$J$13,0)+IF(Input!$K$14=3,K7072*Input!$J$14,0)+IF(Input!$K$15=3,L7072*Input!$J$15,0)+IF(Input!$K$16=3,M7072*Input!$J$16,0)</f>
        <v>0</v>
      </c>
      <c r="Q7072" s="71">
        <f>IF(Input!$K$13=4,J7072*Input!$J$13,0)+IF(Input!$K$14=4,K7072*Input!$J$14,0)+IF(Input!$K$15=4,L7072*Input!$J$15,0)+IF(Input!$K$16=4,M7072*Input!$J$16,0)</f>
        <v>0</v>
      </c>
    </row>
    <row r="7073" spans="8:17" x14ac:dyDescent="0.25">
      <c r="H7073" s="43">
        <v>7066</v>
      </c>
      <c r="I7073" s="55">
        <f>Bühler!I7099</f>
        <v>0.73460661396819094</v>
      </c>
      <c r="J7073" s="58">
        <f>Bühler!J7099</f>
        <v>4.8950777736744451</v>
      </c>
      <c r="K7073" s="58">
        <f>Bühler!K7099</f>
        <v>0.22181844985466764</v>
      </c>
      <c r="L7073" s="58">
        <f>Bühler!L7099</f>
        <v>0.11090922492733382</v>
      </c>
      <c r="M7073" s="57">
        <f>Bühler!M7099</f>
        <v>0</v>
      </c>
      <c r="N7073" s="55">
        <f>IF(Input!$K$13=1,J7073*Input!$J$13,0)+IF(Input!$K$14=1,K7073*Input!$J$14,0)+IF(Input!$K$15=1,L7073*Input!$J$15,0)+IF(Input!$K$16=1,M7073*Input!$J$16,0)</f>
        <v>0.58740933284093344</v>
      </c>
      <c r="O7073" s="58">
        <f>IF(Input!$K$13=2,J7073*Input!$J$13,0)+IF(Input!$K$14=2,K7073*Input!$J$14,0)+IF(Input!$K$15=2,L7073*Input!$J$15,0)+IF(Input!$K$16=2,M7073*Input!$J$16,0)</f>
        <v>2.994549073038013E-2</v>
      </c>
      <c r="P7073" s="58">
        <f>IF(Input!$K$13=3,J7073*Input!$J$13,0)+IF(Input!$K$14=3,K7073*Input!$J$14,0)+IF(Input!$K$15=3,L7073*Input!$J$15,0)+IF(Input!$K$16=3,M7073*Input!$J$16,0)</f>
        <v>0</v>
      </c>
      <c r="Q7073" s="71">
        <f>IF(Input!$K$13=4,J7073*Input!$J$13,0)+IF(Input!$K$14=4,K7073*Input!$J$14,0)+IF(Input!$K$15=4,L7073*Input!$J$15,0)+IF(Input!$K$16=4,M7073*Input!$J$16,0)</f>
        <v>0</v>
      </c>
    </row>
    <row r="7074" spans="8:17" x14ac:dyDescent="0.25">
      <c r="H7074" s="43">
        <v>7067</v>
      </c>
      <c r="I7074" s="55">
        <f>Bühler!I7100</f>
        <v>0.73460661396819094</v>
      </c>
      <c r="J7074" s="58">
        <f>Bühler!J7100</f>
        <v>4.8950777736744451</v>
      </c>
      <c r="K7074" s="58">
        <f>Bühler!K7100</f>
        <v>0.22181844985466764</v>
      </c>
      <c r="L7074" s="58">
        <f>Bühler!L7100</f>
        <v>0.11090922492733382</v>
      </c>
      <c r="M7074" s="57">
        <f>Bühler!M7100</f>
        <v>0</v>
      </c>
      <c r="N7074" s="55">
        <f>IF(Input!$K$13=1,J7074*Input!$J$13,0)+IF(Input!$K$14=1,K7074*Input!$J$14,0)+IF(Input!$K$15=1,L7074*Input!$J$15,0)+IF(Input!$K$16=1,M7074*Input!$J$16,0)</f>
        <v>0.58740933284093344</v>
      </c>
      <c r="O7074" s="58">
        <f>IF(Input!$K$13=2,J7074*Input!$J$13,0)+IF(Input!$K$14=2,K7074*Input!$J$14,0)+IF(Input!$K$15=2,L7074*Input!$J$15,0)+IF(Input!$K$16=2,M7074*Input!$J$16,0)</f>
        <v>2.994549073038013E-2</v>
      </c>
      <c r="P7074" s="58">
        <f>IF(Input!$K$13=3,J7074*Input!$J$13,0)+IF(Input!$K$14=3,K7074*Input!$J$14,0)+IF(Input!$K$15=3,L7074*Input!$J$15,0)+IF(Input!$K$16=3,M7074*Input!$J$16,0)</f>
        <v>0</v>
      </c>
      <c r="Q7074" s="71">
        <f>IF(Input!$K$13=4,J7074*Input!$J$13,0)+IF(Input!$K$14=4,K7074*Input!$J$14,0)+IF(Input!$K$15=4,L7074*Input!$J$15,0)+IF(Input!$K$16=4,M7074*Input!$J$16,0)</f>
        <v>0</v>
      </c>
    </row>
    <row r="7075" spans="8:17" x14ac:dyDescent="0.25">
      <c r="H7075" s="43">
        <v>7068</v>
      </c>
      <c r="I7075" s="55">
        <f>Bühler!I7101</f>
        <v>0.73460661396819094</v>
      </c>
      <c r="J7075" s="58">
        <f>Bühler!J7101</f>
        <v>4.8950777736744451</v>
      </c>
      <c r="K7075" s="58">
        <f>Bühler!K7101</f>
        <v>0.22181844985466764</v>
      </c>
      <c r="L7075" s="58">
        <f>Bühler!L7101</f>
        <v>0.11090922492733382</v>
      </c>
      <c r="M7075" s="57">
        <f>Bühler!M7101</f>
        <v>0</v>
      </c>
      <c r="N7075" s="55">
        <f>IF(Input!$K$13=1,J7075*Input!$J$13,0)+IF(Input!$K$14=1,K7075*Input!$J$14,0)+IF(Input!$K$15=1,L7075*Input!$J$15,0)+IF(Input!$K$16=1,M7075*Input!$J$16,0)</f>
        <v>0.58740933284093344</v>
      </c>
      <c r="O7075" s="58">
        <f>IF(Input!$K$13=2,J7075*Input!$J$13,0)+IF(Input!$K$14=2,K7075*Input!$J$14,0)+IF(Input!$K$15=2,L7075*Input!$J$15,0)+IF(Input!$K$16=2,M7075*Input!$J$16,0)</f>
        <v>2.994549073038013E-2</v>
      </c>
      <c r="P7075" s="58">
        <f>IF(Input!$K$13=3,J7075*Input!$J$13,0)+IF(Input!$K$14=3,K7075*Input!$J$14,0)+IF(Input!$K$15=3,L7075*Input!$J$15,0)+IF(Input!$K$16=3,M7075*Input!$J$16,0)</f>
        <v>0</v>
      </c>
      <c r="Q7075" s="71">
        <f>IF(Input!$K$13=4,J7075*Input!$J$13,0)+IF(Input!$K$14=4,K7075*Input!$J$14,0)+IF(Input!$K$15=4,L7075*Input!$J$15,0)+IF(Input!$K$16=4,M7075*Input!$J$16,0)</f>
        <v>0</v>
      </c>
    </row>
    <row r="7076" spans="8:17" x14ac:dyDescent="0.25">
      <c r="H7076" s="43">
        <v>7069</v>
      </c>
      <c r="I7076" s="55">
        <f>Bühler!I7102</f>
        <v>0.73460661396819094</v>
      </c>
      <c r="J7076" s="58">
        <f>Bühler!J7102</f>
        <v>4.8950777736744451</v>
      </c>
      <c r="K7076" s="58">
        <f>Bühler!K7102</f>
        <v>0.22181844985466764</v>
      </c>
      <c r="L7076" s="58">
        <f>Bühler!L7102</f>
        <v>0.11090922492733382</v>
      </c>
      <c r="M7076" s="57">
        <f>Bühler!M7102</f>
        <v>0</v>
      </c>
      <c r="N7076" s="55">
        <f>IF(Input!$K$13=1,J7076*Input!$J$13,0)+IF(Input!$K$14=1,K7076*Input!$J$14,0)+IF(Input!$K$15=1,L7076*Input!$J$15,0)+IF(Input!$K$16=1,M7076*Input!$J$16,0)</f>
        <v>0.58740933284093344</v>
      </c>
      <c r="O7076" s="58">
        <f>IF(Input!$K$13=2,J7076*Input!$J$13,0)+IF(Input!$K$14=2,K7076*Input!$J$14,0)+IF(Input!$K$15=2,L7076*Input!$J$15,0)+IF(Input!$K$16=2,M7076*Input!$J$16,0)</f>
        <v>2.994549073038013E-2</v>
      </c>
      <c r="P7076" s="58">
        <f>IF(Input!$K$13=3,J7076*Input!$J$13,0)+IF(Input!$K$14=3,K7076*Input!$J$14,0)+IF(Input!$K$15=3,L7076*Input!$J$15,0)+IF(Input!$K$16=3,M7076*Input!$J$16,0)</f>
        <v>0</v>
      </c>
      <c r="Q7076" s="71">
        <f>IF(Input!$K$13=4,J7076*Input!$J$13,0)+IF(Input!$K$14=4,K7076*Input!$J$14,0)+IF(Input!$K$15=4,L7076*Input!$J$15,0)+IF(Input!$K$16=4,M7076*Input!$J$16,0)</f>
        <v>0</v>
      </c>
    </row>
    <row r="7077" spans="8:17" x14ac:dyDescent="0.25">
      <c r="H7077" s="43">
        <v>7070</v>
      </c>
      <c r="I7077" s="55">
        <f>Bühler!I7103</f>
        <v>0.73460661396819094</v>
      </c>
      <c r="J7077" s="58">
        <f>Bühler!J7103</f>
        <v>4.8950777736744451</v>
      </c>
      <c r="K7077" s="58">
        <f>Bühler!K7103</f>
        <v>0.22181844985466764</v>
      </c>
      <c r="L7077" s="58">
        <f>Bühler!L7103</f>
        <v>0.11090922492733382</v>
      </c>
      <c r="M7077" s="57">
        <f>Bühler!M7103</f>
        <v>0</v>
      </c>
      <c r="N7077" s="55">
        <f>IF(Input!$K$13=1,J7077*Input!$J$13,0)+IF(Input!$K$14=1,K7077*Input!$J$14,0)+IF(Input!$K$15=1,L7077*Input!$J$15,0)+IF(Input!$K$16=1,M7077*Input!$J$16,0)</f>
        <v>0.58740933284093344</v>
      </c>
      <c r="O7077" s="58">
        <f>IF(Input!$K$13=2,J7077*Input!$J$13,0)+IF(Input!$K$14=2,K7077*Input!$J$14,0)+IF(Input!$K$15=2,L7077*Input!$J$15,0)+IF(Input!$K$16=2,M7077*Input!$J$16,0)</f>
        <v>2.994549073038013E-2</v>
      </c>
      <c r="P7077" s="58">
        <f>IF(Input!$K$13=3,J7077*Input!$J$13,0)+IF(Input!$K$14=3,K7077*Input!$J$14,0)+IF(Input!$K$15=3,L7077*Input!$J$15,0)+IF(Input!$K$16=3,M7077*Input!$J$16,0)</f>
        <v>0</v>
      </c>
      <c r="Q7077" s="71">
        <f>IF(Input!$K$13=4,J7077*Input!$J$13,0)+IF(Input!$K$14=4,K7077*Input!$J$14,0)+IF(Input!$K$15=4,L7077*Input!$J$15,0)+IF(Input!$K$16=4,M7077*Input!$J$16,0)</f>
        <v>0</v>
      </c>
    </row>
    <row r="7078" spans="8:17" x14ac:dyDescent="0.25">
      <c r="H7078" s="43">
        <v>7071</v>
      </c>
      <c r="I7078" s="55">
        <f>Bühler!I7104</f>
        <v>0.73460661396819094</v>
      </c>
      <c r="J7078" s="58">
        <f>Bühler!J7104</f>
        <v>4.8950777736744451</v>
      </c>
      <c r="K7078" s="58">
        <f>Bühler!K7104</f>
        <v>0.22181844985466764</v>
      </c>
      <c r="L7078" s="58">
        <f>Bühler!L7104</f>
        <v>0.11090922492733382</v>
      </c>
      <c r="M7078" s="57">
        <f>Bühler!M7104</f>
        <v>0</v>
      </c>
      <c r="N7078" s="55">
        <f>IF(Input!$K$13=1,J7078*Input!$J$13,0)+IF(Input!$K$14=1,K7078*Input!$J$14,0)+IF(Input!$K$15=1,L7078*Input!$J$15,0)+IF(Input!$K$16=1,M7078*Input!$J$16,0)</f>
        <v>0.58740933284093344</v>
      </c>
      <c r="O7078" s="58">
        <f>IF(Input!$K$13=2,J7078*Input!$J$13,0)+IF(Input!$K$14=2,K7078*Input!$J$14,0)+IF(Input!$K$15=2,L7078*Input!$J$15,0)+IF(Input!$K$16=2,M7078*Input!$J$16,0)</f>
        <v>2.994549073038013E-2</v>
      </c>
      <c r="P7078" s="58">
        <f>IF(Input!$K$13=3,J7078*Input!$J$13,0)+IF(Input!$K$14=3,K7078*Input!$J$14,0)+IF(Input!$K$15=3,L7078*Input!$J$15,0)+IF(Input!$K$16=3,M7078*Input!$J$16,0)</f>
        <v>0</v>
      </c>
      <c r="Q7078" s="71">
        <f>IF(Input!$K$13=4,J7078*Input!$J$13,0)+IF(Input!$K$14=4,K7078*Input!$J$14,0)+IF(Input!$K$15=4,L7078*Input!$J$15,0)+IF(Input!$K$16=4,M7078*Input!$J$16,0)</f>
        <v>0</v>
      </c>
    </row>
    <row r="7079" spans="8:17" x14ac:dyDescent="0.25">
      <c r="H7079" s="43">
        <v>7072</v>
      </c>
      <c r="I7079" s="55">
        <f>Bühler!I7105</f>
        <v>0.65298365686061421</v>
      </c>
      <c r="J7079" s="58">
        <f>Bühler!J7105</f>
        <v>4.8916768171282961</v>
      </c>
      <c r="K7079" s="58">
        <f>Bühler!K7105</f>
        <v>0.22181844985466764</v>
      </c>
      <c r="L7079" s="58">
        <f>Bühler!L7105</f>
        <v>0.11090922492733382</v>
      </c>
      <c r="M7079" s="57">
        <f>Bühler!M7105</f>
        <v>0</v>
      </c>
      <c r="N7079" s="55">
        <f>IF(Input!$K$13=1,J7079*Input!$J$13,0)+IF(Input!$K$14=1,K7079*Input!$J$14,0)+IF(Input!$K$15=1,L7079*Input!$J$15,0)+IF(Input!$K$16=1,M7079*Input!$J$16,0)</f>
        <v>0.58700121805539551</v>
      </c>
      <c r="O7079" s="58">
        <f>IF(Input!$K$13=2,J7079*Input!$J$13,0)+IF(Input!$K$14=2,K7079*Input!$J$14,0)+IF(Input!$K$15=2,L7079*Input!$J$15,0)+IF(Input!$K$16=2,M7079*Input!$J$16,0)</f>
        <v>2.994549073038013E-2</v>
      </c>
      <c r="P7079" s="58">
        <f>IF(Input!$K$13=3,J7079*Input!$J$13,0)+IF(Input!$K$14=3,K7079*Input!$J$14,0)+IF(Input!$K$15=3,L7079*Input!$J$15,0)+IF(Input!$K$16=3,M7079*Input!$J$16,0)</f>
        <v>0</v>
      </c>
      <c r="Q7079" s="71">
        <f>IF(Input!$K$13=4,J7079*Input!$J$13,0)+IF(Input!$K$14=4,K7079*Input!$J$14,0)+IF(Input!$K$15=4,L7079*Input!$J$15,0)+IF(Input!$K$16=4,M7079*Input!$J$16,0)</f>
        <v>0</v>
      </c>
    </row>
    <row r="7080" spans="8:17" x14ac:dyDescent="0.25">
      <c r="H7080" s="43">
        <v>7073</v>
      </c>
      <c r="I7080" s="55">
        <f>Bühler!I7106</f>
        <v>0.6413232344166746</v>
      </c>
      <c r="J7080" s="58">
        <f>Bühler!J7106</f>
        <v>4.8911909661931317</v>
      </c>
      <c r="K7080" s="58">
        <f>Bühler!K7106</f>
        <v>0.22181844985466764</v>
      </c>
      <c r="L7080" s="58">
        <f>Bühler!L7106</f>
        <v>0.11090922492733382</v>
      </c>
      <c r="M7080" s="57">
        <f>Bühler!M7106</f>
        <v>0</v>
      </c>
      <c r="N7080" s="55">
        <f>IF(Input!$K$13=1,J7080*Input!$J$13,0)+IF(Input!$K$14=1,K7080*Input!$J$14,0)+IF(Input!$K$15=1,L7080*Input!$J$15,0)+IF(Input!$K$16=1,M7080*Input!$J$16,0)</f>
        <v>0.58694291594317582</v>
      </c>
      <c r="O7080" s="58">
        <f>IF(Input!$K$13=2,J7080*Input!$J$13,0)+IF(Input!$K$14=2,K7080*Input!$J$14,0)+IF(Input!$K$15=2,L7080*Input!$J$15,0)+IF(Input!$K$16=2,M7080*Input!$J$16,0)</f>
        <v>2.994549073038013E-2</v>
      </c>
      <c r="P7080" s="58">
        <f>IF(Input!$K$13=3,J7080*Input!$J$13,0)+IF(Input!$K$14=3,K7080*Input!$J$14,0)+IF(Input!$K$15=3,L7080*Input!$J$15,0)+IF(Input!$K$16=3,M7080*Input!$J$16,0)</f>
        <v>0</v>
      </c>
      <c r="Q7080" s="71">
        <f>IF(Input!$K$13=4,J7080*Input!$J$13,0)+IF(Input!$K$14=4,K7080*Input!$J$14,0)+IF(Input!$K$15=4,L7080*Input!$J$15,0)+IF(Input!$K$16=4,M7080*Input!$J$16,0)</f>
        <v>0</v>
      </c>
    </row>
    <row r="7081" spans="8:17" x14ac:dyDescent="0.25">
      <c r="H7081" s="43">
        <v>7074</v>
      </c>
      <c r="I7081" s="55">
        <f>Bühler!I7107</f>
        <v>0.54803985486515838</v>
      </c>
      <c r="J7081" s="58">
        <f>Bühler!J7107</f>
        <v>4.8873041587118182</v>
      </c>
      <c r="K7081" s="58">
        <f>Bühler!K7107</f>
        <v>0.22181844985466764</v>
      </c>
      <c r="L7081" s="58">
        <f>Bühler!L7107</f>
        <v>0.11090922492733382</v>
      </c>
      <c r="M7081" s="57">
        <f>Bühler!M7107</f>
        <v>0</v>
      </c>
      <c r="N7081" s="55">
        <f>IF(Input!$K$13=1,J7081*Input!$J$13,0)+IF(Input!$K$14=1,K7081*Input!$J$14,0)+IF(Input!$K$15=1,L7081*Input!$J$15,0)+IF(Input!$K$16=1,M7081*Input!$J$16,0)</f>
        <v>0.58647649904541821</v>
      </c>
      <c r="O7081" s="58">
        <f>IF(Input!$K$13=2,J7081*Input!$J$13,0)+IF(Input!$K$14=2,K7081*Input!$J$14,0)+IF(Input!$K$15=2,L7081*Input!$J$15,0)+IF(Input!$K$16=2,M7081*Input!$J$16,0)</f>
        <v>2.994549073038013E-2</v>
      </c>
      <c r="P7081" s="58">
        <f>IF(Input!$K$13=3,J7081*Input!$J$13,0)+IF(Input!$K$14=3,K7081*Input!$J$14,0)+IF(Input!$K$15=3,L7081*Input!$J$15,0)+IF(Input!$K$16=3,M7081*Input!$J$16,0)</f>
        <v>0</v>
      </c>
      <c r="Q7081" s="71">
        <f>IF(Input!$K$13=4,J7081*Input!$J$13,0)+IF(Input!$K$14=4,K7081*Input!$J$14,0)+IF(Input!$K$15=4,L7081*Input!$J$15,0)+IF(Input!$K$16=4,M7081*Input!$J$16,0)</f>
        <v>0</v>
      </c>
    </row>
    <row r="7082" spans="8:17" x14ac:dyDescent="0.25">
      <c r="H7082" s="43">
        <v>7075</v>
      </c>
      <c r="I7082" s="55">
        <f>Bühler!I7108</f>
        <v>0.51305858753333977</v>
      </c>
      <c r="J7082" s="58">
        <f>Bühler!J7108</f>
        <v>4.8858466059063259</v>
      </c>
      <c r="K7082" s="58">
        <f>Bühler!K7108</f>
        <v>0.22181844985466764</v>
      </c>
      <c r="L7082" s="58">
        <f>Bühler!L7108</f>
        <v>0.11090922492733382</v>
      </c>
      <c r="M7082" s="57">
        <f>Bühler!M7108</f>
        <v>0</v>
      </c>
      <c r="N7082" s="55">
        <f>IF(Input!$K$13=1,J7082*Input!$J$13,0)+IF(Input!$K$14=1,K7082*Input!$J$14,0)+IF(Input!$K$15=1,L7082*Input!$J$15,0)+IF(Input!$K$16=1,M7082*Input!$J$16,0)</f>
        <v>0.58630159270875903</v>
      </c>
      <c r="O7082" s="58">
        <f>IF(Input!$K$13=2,J7082*Input!$J$13,0)+IF(Input!$K$14=2,K7082*Input!$J$14,0)+IF(Input!$K$15=2,L7082*Input!$J$15,0)+IF(Input!$K$16=2,M7082*Input!$J$16,0)</f>
        <v>2.994549073038013E-2</v>
      </c>
      <c r="P7082" s="58">
        <f>IF(Input!$K$13=3,J7082*Input!$J$13,0)+IF(Input!$K$14=3,K7082*Input!$J$14,0)+IF(Input!$K$15=3,L7082*Input!$J$15,0)+IF(Input!$K$16=3,M7082*Input!$J$16,0)</f>
        <v>0</v>
      </c>
      <c r="Q7082" s="71">
        <f>IF(Input!$K$13=4,J7082*Input!$J$13,0)+IF(Input!$K$14=4,K7082*Input!$J$14,0)+IF(Input!$K$15=4,L7082*Input!$J$15,0)+IF(Input!$K$16=4,M7082*Input!$J$16,0)</f>
        <v>0</v>
      </c>
    </row>
    <row r="7083" spans="8:17" x14ac:dyDescent="0.25">
      <c r="H7083" s="43">
        <v>7076</v>
      </c>
      <c r="I7083" s="55">
        <f>Bühler!I7109</f>
        <v>0.43143563042576299</v>
      </c>
      <c r="J7083" s="58">
        <f>Bühler!J7109</f>
        <v>4.8824456493601769</v>
      </c>
      <c r="K7083" s="58">
        <f>Bühler!K7109</f>
        <v>0.22181844985466764</v>
      </c>
      <c r="L7083" s="58">
        <f>Bühler!L7109</f>
        <v>0.11090922492733382</v>
      </c>
      <c r="M7083" s="57">
        <f>Bühler!M7109</f>
        <v>0</v>
      </c>
      <c r="N7083" s="55">
        <f>IF(Input!$K$13=1,J7083*Input!$J$13,0)+IF(Input!$K$14=1,K7083*Input!$J$14,0)+IF(Input!$K$15=1,L7083*Input!$J$15,0)+IF(Input!$K$16=1,M7083*Input!$J$16,0)</f>
        <v>0.58589347792322122</v>
      </c>
      <c r="O7083" s="58">
        <f>IF(Input!$K$13=2,J7083*Input!$J$13,0)+IF(Input!$K$14=2,K7083*Input!$J$14,0)+IF(Input!$K$15=2,L7083*Input!$J$15,0)+IF(Input!$K$16=2,M7083*Input!$J$16,0)</f>
        <v>2.994549073038013E-2</v>
      </c>
      <c r="P7083" s="58">
        <f>IF(Input!$K$13=3,J7083*Input!$J$13,0)+IF(Input!$K$14=3,K7083*Input!$J$14,0)+IF(Input!$K$15=3,L7083*Input!$J$15,0)+IF(Input!$K$16=3,M7083*Input!$J$16,0)</f>
        <v>0</v>
      </c>
      <c r="Q7083" s="71">
        <f>IF(Input!$K$13=4,J7083*Input!$J$13,0)+IF(Input!$K$14=4,K7083*Input!$J$14,0)+IF(Input!$K$15=4,L7083*Input!$J$15,0)+IF(Input!$K$16=4,M7083*Input!$J$16,0)</f>
        <v>0</v>
      </c>
    </row>
    <row r="7084" spans="8:17" x14ac:dyDescent="0.25">
      <c r="H7084" s="43">
        <v>7077</v>
      </c>
      <c r="I7084" s="55">
        <f>Bühler!I7110</f>
        <v>0.36147309576212572</v>
      </c>
      <c r="J7084" s="58">
        <f>Bühler!J7110</f>
        <v>4.8795305437491923</v>
      </c>
      <c r="K7084" s="58">
        <f>Bühler!K7110</f>
        <v>0.22181844985466764</v>
      </c>
      <c r="L7084" s="58">
        <f>Bühler!L7110</f>
        <v>0.11090922492733382</v>
      </c>
      <c r="M7084" s="57">
        <f>Bühler!M7110</f>
        <v>0</v>
      </c>
      <c r="N7084" s="55">
        <f>IF(Input!$K$13=1,J7084*Input!$J$13,0)+IF(Input!$K$14=1,K7084*Input!$J$14,0)+IF(Input!$K$15=1,L7084*Input!$J$15,0)+IF(Input!$K$16=1,M7084*Input!$J$16,0)</f>
        <v>0.58554366524990309</v>
      </c>
      <c r="O7084" s="58">
        <f>IF(Input!$K$13=2,J7084*Input!$J$13,0)+IF(Input!$K$14=2,K7084*Input!$J$14,0)+IF(Input!$K$15=2,L7084*Input!$J$15,0)+IF(Input!$K$16=2,M7084*Input!$J$16,0)</f>
        <v>2.994549073038013E-2</v>
      </c>
      <c r="P7084" s="58">
        <f>IF(Input!$K$13=3,J7084*Input!$J$13,0)+IF(Input!$K$14=3,K7084*Input!$J$14,0)+IF(Input!$K$15=3,L7084*Input!$J$15,0)+IF(Input!$K$16=3,M7084*Input!$J$16,0)</f>
        <v>0</v>
      </c>
      <c r="Q7084" s="71">
        <f>IF(Input!$K$13=4,J7084*Input!$J$13,0)+IF(Input!$K$14=4,K7084*Input!$J$14,0)+IF(Input!$K$15=4,L7084*Input!$J$15,0)+IF(Input!$K$16=4,M7084*Input!$J$16,0)</f>
        <v>0</v>
      </c>
    </row>
    <row r="7085" spans="8:17" x14ac:dyDescent="0.25">
      <c r="H7085" s="43">
        <v>7078</v>
      </c>
      <c r="I7085" s="55">
        <f>Bühler!I7111</f>
        <v>0.31483140598636755</v>
      </c>
      <c r="J7085" s="58">
        <f>Bühler!J7111</f>
        <v>4.8775871400085355</v>
      </c>
      <c r="K7085" s="58">
        <f>Bühler!K7111</f>
        <v>0.22181844985466764</v>
      </c>
      <c r="L7085" s="58">
        <f>Bühler!L7111</f>
        <v>0.11090922492733382</v>
      </c>
      <c r="M7085" s="57">
        <f>Bühler!M7111</f>
        <v>0</v>
      </c>
      <c r="N7085" s="55">
        <f>IF(Input!$K$13=1,J7085*Input!$J$13,0)+IF(Input!$K$14=1,K7085*Input!$J$14,0)+IF(Input!$K$15=1,L7085*Input!$J$15,0)+IF(Input!$K$16=1,M7085*Input!$J$16,0)</f>
        <v>0.58531045680102423</v>
      </c>
      <c r="O7085" s="58">
        <f>IF(Input!$K$13=2,J7085*Input!$J$13,0)+IF(Input!$K$14=2,K7085*Input!$J$14,0)+IF(Input!$K$15=2,L7085*Input!$J$15,0)+IF(Input!$K$16=2,M7085*Input!$J$16,0)</f>
        <v>2.994549073038013E-2</v>
      </c>
      <c r="P7085" s="58">
        <f>IF(Input!$K$13=3,J7085*Input!$J$13,0)+IF(Input!$K$14=3,K7085*Input!$J$14,0)+IF(Input!$K$15=3,L7085*Input!$J$15,0)+IF(Input!$K$16=3,M7085*Input!$J$16,0)</f>
        <v>0</v>
      </c>
      <c r="Q7085" s="71">
        <f>IF(Input!$K$13=4,J7085*Input!$J$13,0)+IF(Input!$K$14=4,K7085*Input!$J$14,0)+IF(Input!$K$15=4,L7085*Input!$J$15,0)+IF(Input!$K$16=4,M7085*Input!$J$16,0)</f>
        <v>0</v>
      </c>
    </row>
    <row r="7086" spans="8:17" x14ac:dyDescent="0.25">
      <c r="H7086" s="43">
        <v>7079</v>
      </c>
      <c r="I7086" s="55">
        <f>Bühler!I7112</f>
        <v>0.31483140598636755</v>
      </c>
      <c r="J7086" s="58">
        <f>Bühler!J7112</f>
        <v>4.8775871400085355</v>
      </c>
      <c r="K7086" s="58">
        <f>Bühler!K7112</f>
        <v>0.22181844985466764</v>
      </c>
      <c r="L7086" s="58">
        <f>Bühler!L7112</f>
        <v>0.11090922492733382</v>
      </c>
      <c r="M7086" s="57">
        <f>Bühler!M7112</f>
        <v>0</v>
      </c>
      <c r="N7086" s="55">
        <f>IF(Input!$K$13=1,J7086*Input!$J$13,0)+IF(Input!$K$14=1,K7086*Input!$J$14,0)+IF(Input!$K$15=1,L7086*Input!$J$15,0)+IF(Input!$K$16=1,M7086*Input!$J$16,0)</f>
        <v>0.58531045680102423</v>
      </c>
      <c r="O7086" s="58">
        <f>IF(Input!$K$13=2,J7086*Input!$J$13,0)+IF(Input!$K$14=2,K7086*Input!$J$14,0)+IF(Input!$K$15=2,L7086*Input!$J$15,0)+IF(Input!$K$16=2,M7086*Input!$J$16,0)</f>
        <v>2.994549073038013E-2</v>
      </c>
      <c r="P7086" s="58">
        <f>IF(Input!$K$13=3,J7086*Input!$J$13,0)+IF(Input!$K$14=3,K7086*Input!$J$14,0)+IF(Input!$K$15=3,L7086*Input!$J$15,0)+IF(Input!$K$16=3,M7086*Input!$J$16,0)</f>
        <v>0</v>
      </c>
      <c r="Q7086" s="71">
        <f>IF(Input!$K$13=4,J7086*Input!$J$13,0)+IF(Input!$K$14=4,K7086*Input!$J$14,0)+IF(Input!$K$15=4,L7086*Input!$J$15,0)+IF(Input!$K$16=4,M7086*Input!$J$16,0)</f>
        <v>0</v>
      </c>
    </row>
    <row r="7087" spans="8:17" x14ac:dyDescent="0.25">
      <c r="H7087" s="43">
        <v>7080</v>
      </c>
      <c r="I7087" s="55">
        <f>Bühler!I7113</f>
        <v>0.31483140598636755</v>
      </c>
      <c r="J7087" s="58">
        <f>Bühler!J7113</f>
        <v>4.8775871400085355</v>
      </c>
      <c r="K7087" s="58">
        <f>Bühler!K7113</f>
        <v>0.22181844985466764</v>
      </c>
      <c r="L7087" s="58">
        <f>Bühler!L7113</f>
        <v>0.11090922492733382</v>
      </c>
      <c r="M7087" s="57">
        <f>Bühler!M7113</f>
        <v>0</v>
      </c>
      <c r="N7087" s="55">
        <f>IF(Input!$K$13=1,J7087*Input!$J$13,0)+IF(Input!$K$14=1,K7087*Input!$J$14,0)+IF(Input!$K$15=1,L7087*Input!$J$15,0)+IF(Input!$K$16=1,M7087*Input!$J$16,0)</f>
        <v>0.58531045680102423</v>
      </c>
      <c r="O7087" s="58">
        <f>IF(Input!$K$13=2,J7087*Input!$J$13,0)+IF(Input!$K$14=2,K7087*Input!$J$14,0)+IF(Input!$K$15=2,L7087*Input!$J$15,0)+IF(Input!$K$16=2,M7087*Input!$J$16,0)</f>
        <v>2.994549073038013E-2</v>
      </c>
      <c r="P7087" s="58">
        <f>IF(Input!$K$13=3,J7087*Input!$J$13,0)+IF(Input!$K$14=3,K7087*Input!$J$14,0)+IF(Input!$K$15=3,L7087*Input!$J$15,0)+IF(Input!$K$16=3,M7087*Input!$J$16,0)</f>
        <v>0</v>
      </c>
      <c r="Q7087" s="71">
        <f>IF(Input!$K$13=4,J7087*Input!$J$13,0)+IF(Input!$K$14=4,K7087*Input!$J$14,0)+IF(Input!$K$15=4,L7087*Input!$J$15,0)+IF(Input!$K$16=4,M7087*Input!$J$16,0)</f>
        <v>0</v>
      </c>
    </row>
    <row r="7088" spans="8:17" x14ac:dyDescent="0.25">
      <c r="H7088" s="43">
        <v>7081</v>
      </c>
      <c r="I7088" s="55">
        <f>Bühler!I7114</f>
        <v>0.32528864563004295</v>
      </c>
      <c r="J7088" s="58">
        <f>Bühler!J7114</f>
        <v>8.319952091784959</v>
      </c>
      <c r="K7088" s="58">
        <f>Bühler!K7114</f>
        <v>0.57911971478590052</v>
      </c>
      <c r="L7088" s="58">
        <f>Bühler!L7114</f>
        <v>0.28955985739295026</v>
      </c>
      <c r="M7088" s="57">
        <f>Bühler!M7114</f>
        <v>0</v>
      </c>
      <c r="N7088" s="55">
        <f>IF(Input!$K$13=1,J7088*Input!$J$13,0)+IF(Input!$K$14=1,K7088*Input!$J$14,0)+IF(Input!$K$15=1,L7088*Input!$J$15,0)+IF(Input!$K$16=1,M7088*Input!$J$16,0)</f>
        <v>0.99839425101419499</v>
      </c>
      <c r="O7088" s="58">
        <f>IF(Input!$K$13=2,J7088*Input!$J$13,0)+IF(Input!$K$14=2,K7088*Input!$J$14,0)+IF(Input!$K$15=2,L7088*Input!$J$15,0)+IF(Input!$K$16=2,M7088*Input!$J$16,0)</f>
        <v>7.8181161496096579E-2</v>
      </c>
      <c r="P7088" s="58">
        <f>IF(Input!$K$13=3,J7088*Input!$J$13,0)+IF(Input!$K$14=3,K7088*Input!$J$14,0)+IF(Input!$K$15=3,L7088*Input!$J$15,0)+IF(Input!$K$16=3,M7088*Input!$J$16,0)</f>
        <v>0</v>
      </c>
      <c r="Q7088" s="71">
        <f>IF(Input!$K$13=4,J7088*Input!$J$13,0)+IF(Input!$K$14=4,K7088*Input!$J$14,0)+IF(Input!$K$15=4,L7088*Input!$J$15,0)+IF(Input!$K$16=4,M7088*Input!$J$16,0)</f>
        <v>0</v>
      </c>
    </row>
    <row r="7089" spans="8:17" x14ac:dyDescent="0.25">
      <c r="H7089" s="43">
        <v>7082</v>
      </c>
      <c r="I7089" s="55">
        <f>Bühler!I7115</f>
        <v>0.32528864563004295</v>
      </c>
      <c r="J7089" s="58">
        <f>Bühler!J7115</f>
        <v>8.319952091784959</v>
      </c>
      <c r="K7089" s="58">
        <f>Bühler!K7115</f>
        <v>0.57911971478590052</v>
      </c>
      <c r="L7089" s="58">
        <f>Bühler!L7115</f>
        <v>0.28955985739295026</v>
      </c>
      <c r="M7089" s="57">
        <f>Bühler!M7115</f>
        <v>0</v>
      </c>
      <c r="N7089" s="55">
        <f>IF(Input!$K$13=1,J7089*Input!$J$13,0)+IF(Input!$K$14=1,K7089*Input!$J$14,0)+IF(Input!$K$15=1,L7089*Input!$J$15,0)+IF(Input!$K$16=1,M7089*Input!$J$16,0)</f>
        <v>0.99839425101419499</v>
      </c>
      <c r="O7089" s="58">
        <f>IF(Input!$K$13=2,J7089*Input!$J$13,0)+IF(Input!$K$14=2,K7089*Input!$J$14,0)+IF(Input!$K$15=2,L7089*Input!$J$15,0)+IF(Input!$K$16=2,M7089*Input!$J$16,0)</f>
        <v>7.8181161496096579E-2</v>
      </c>
      <c r="P7089" s="58">
        <f>IF(Input!$K$13=3,J7089*Input!$J$13,0)+IF(Input!$K$14=3,K7089*Input!$J$14,0)+IF(Input!$K$15=3,L7089*Input!$J$15,0)+IF(Input!$K$16=3,M7089*Input!$J$16,0)</f>
        <v>0</v>
      </c>
      <c r="Q7089" s="71">
        <f>IF(Input!$K$13=4,J7089*Input!$J$13,0)+IF(Input!$K$14=4,K7089*Input!$J$14,0)+IF(Input!$K$15=4,L7089*Input!$J$15,0)+IF(Input!$K$16=4,M7089*Input!$J$16,0)</f>
        <v>0</v>
      </c>
    </row>
    <row r="7090" spans="8:17" x14ac:dyDescent="0.25">
      <c r="H7090" s="43">
        <v>7083</v>
      </c>
      <c r="I7090" s="55">
        <f>Bühler!I7116</f>
        <v>0.32528864563004295</v>
      </c>
      <c r="J7090" s="58">
        <f>Bühler!J7116</f>
        <v>8.319952091784959</v>
      </c>
      <c r="K7090" s="58">
        <f>Bühler!K7116</f>
        <v>0.57911971478590052</v>
      </c>
      <c r="L7090" s="58">
        <f>Bühler!L7116</f>
        <v>0.28955985739295026</v>
      </c>
      <c r="M7090" s="57">
        <f>Bühler!M7116</f>
        <v>0</v>
      </c>
      <c r="N7090" s="55">
        <f>IF(Input!$K$13=1,J7090*Input!$J$13,0)+IF(Input!$K$14=1,K7090*Input!$J$14,0)+IF(Input!$K$15=1,L7090*Input!$J$15,0)+IF(Input!$K$16=1,M7090*Input!$J$16,0)</f>
        <v>0.99839425101419499</v>
      </c>
      <c r="O7090" s="58">
        <f>IF(Input!$K$13=2,J7090*Input!$J$13,0)+IF(Input!$K$14=2,K7090*Input!$J$14,0)+IF(Input!$K$15=2,L7090*Input!$J$15,0)+IF(Input!$K$16=2,M7090*Input!$J$16,0)</f>
        <v>7.8181161496096579E-2</v>
      </c>
      <c r="P7090" s="58">
        <f>IF(Input!$K$13=3,J7090*Input!$J$13,0)+IF(Input!$K$14=3,K7090*Input!$J$14,0)+IF(Input!$K$15=3,L7090*Input!$J$15,0)+IF(Input!$K$16=3,M7090*Input!$J$16,0)</f>
        <v>0</v>
      </c>
      <c r="Q7090" s="71">
        <f>IF(Input!$K$13=4,J7090*Input!$J$13,0)+IF(Input!$K$14=4,K7090*Input!$J$14,0)+IF(Input!$K$15=4,L7090*Input!$J$15,0)+IF(Input!$K$16=4,M7090*Input!$J$16,0)</f>
        <v>0</v>
      </c>
    </row>
    <row r="7091" spans="8:17" x14ac:dyDescent="0.25">
      <c r="H7091" s="43">
        <v>7084</v>
      </c>
      <c r="I7091" s="55">
        <f>Bühler!I7117</f>
        <v>0.32528864563004295</v>
      </c>
      <c r="J7091" s="58">
        <f>Bühler!J7117</f>
        <v>8.319952091784959</v>
      </c>
      <c r="K7091" s="58">
        <f>Bühler!K7117</f>
        <v>0.57911971478590052</v>
      </c>
      <c r="L7091" s="58">
        <f>Bühler!L7117</f>
        <v>0.28955985739295026</v>
      </c>
      <c r="M7091" s="57">
        <f>Bühler!M7117</f>
        <v>0</v>
      </c>
      <c r="N7091" s="55">
        <f>IF(Input!$K$13=1,J7091*Input!$J$13,0)+IF(Input!$K$14=1,K7091*Input!$J$14,0)+IF(Input!$K$15=1,L7091*Input!$J$15,0)+IF(Input!$K$16=1,M7091*Input!$J$16,0)</f>
        <v>0.99839425101419499</v>
      </c>
      <c r="O7091" s="58">
        <f>IF(Input!$K$13=2,J7091*Input!$J$13,0)+IF(Input!$K$14=2,K7091*Input!$J$14,0)+IF(Input!$K$15=2,L7091*Input!$J$15,0)+IF(Input!$K$16=2,M7091*Input!$J$16,0)</f>
        <v>7.8181161496096579E-2</v>
      </c>
      <c r="P7091" s="58">
        <f>IF(Input!$K$13=3,J7091*Input!$J$13,0)+IF(Input!$K$14=3,K7091*Input!$J$14,0)+IF(Input!$K$15=3,L7091*Input!$J$15,0)+IF(Input!$K$16=3,M7091*Input!$J$16,0)</f>
        <v>0</v>
      </c>
      <c r="Q7091" s="71">
        <f>IF(Input!$K$13=4,J7091*Input!$J$13,0)+IF(Input!$K$14=4,K7091*Input!$J$14,0)+IF(Input!$K$15=4,L7091*Input!$J$15,0)+IF(Input!$K$16=4,M7091*Input!$J$16,0)</f>
        <v>0</v>
      </c>
    </row>
    <row r="7092" spans="8:17" x14ac:dyDescent="0.25">
      <c r="H7092" s="43">
        <v>7085</v>
      </c>
      <c r="I7092" s="55">
        <f>Bühler!I7118</f>
        <v>0.32528864563004295</v>
      </c>
      <c r="J7092" s="58">
        <f>Bühler!J7118</f>
        <v>8.319952091784959</v>
      </c>
      <c r="K7092" s="58">
        <f>Bühler!K7118</f>
        <v>0.57911971478590052</v>
      </c>
      <c r="L7092" s="58">
        <f>Bühler!L7118</f>
        <v>0.28955985739295026</v>
      </c>
      <c r="M7092" s="57">
        <f>Bühler!M7118</f>
        <v>0</v>
      </c>
      <c r="N7092" s="55">
        <f>IF(Input!$K$13=1,J7092*Input!$J$13,0)+IF(Input!$K$14=1,K7092*Input!$J$14,0)+IF(Input!$K$15=1,L7092*Input!$J$15,0)+IF(Input!$K$16=1,M7092*Input!$J$16,0)</f>
        <v>0.99839425101419499</v>
      </c>
      <c r="O7092" s="58">
        <f>IF(Input!$K$13=2,J7092*Input!$J$13,0)+IF(Input!$K$14=2,K7092*Input!$J$14,0)+IF(Input!$K$15=2,L7092*Input!$J$15,0)+IF(Input!$K$16=2,M7092*Input!$J$16,0)</f>
        <v>7.8181161496096579E-2</v>
      </c>
      <c r="P7092" s="58">
        <f>IF(Input!$K$13=3,J7092*Input!$J$13,0)+IF(Input!$K$14=3,K7092*Input!$J$14,0)+IF(Input!$K$15=3,L7092*Input!$J$15,0)+IF(Input!$K$16=3,M7092*Input!$J$16,0)</f>
        <v>0</v>
      </c>
      <c r="Q7092" s="71">
        <f>IF(Input!$K$13=4,J7092*Input!$J$13,0)+IF(Input!$K$14=4,K7092*Input!$J$14,0)+IF(Input!$K$15=4,L7092*Input!$J$15,0)+IF(Input!$K$16=4,M7092*Input!$J$16,0)</f>
        <v>0</v>
      </c>
    </row>
    <row r="7093" spans="8:17" x14ac:dyDescent="0.25">
      <c r="H7093" s="43">
        <v>7086</v>
      </c>
      <c r="I7093" s="55">
        <f>Bühler!I7119</f>
        <v>0.32528864563004295</v>
      </c>
      <c r="J7093" s="58">
        <f>Bühler!J7119</f>
        <v>8.319952091784959</v>
      </c>
      <c r="K7093" s="58">
        <f>Bühler!K7119</f>
        <v>0.57911971478590052</v>
      </c>
      <c r="L7093" s="58">
        <f>Bühler!L7119</f>
        <v>0.28955985739295026</v>
      </c>
      <c r="M7093" s="57">
        <f>Bühler!M7119</f>
        <v>0</v>
      </c>
      <c r="N7093" s="55">
        <f>IF(Input!$K$13=1,J7093*Input!$J$13,0)+IF(Input!$K$14=1,K7093*Input!$J$14,0)+IF(Input!$K$15=1,L7093*Input!$J$15,0)+IF(Input!$K$16=1,M7093*Input!$J$16,0)</f>
        <v>0.99839425101419499</v>
      </c>
      <c r="O7093" s="58">
        <f>IF(Input!$K$13=2,J7093*Input!$J$13,0)+IF(Input!$K$14=2,K7093*Input!$J$14,0)+IF(Input!$K$15=2,L7093*Input!$J$15,0)+IF(Input!$K$16=2,M7093*Input!$J$16,0)</f>
        <v>7.8181161496096579E-2</v>
      </c>
      <c r="P7093" s="58">
        <f>IF(Input!$K$13=3,J7093*Input!$J$13,0)+IF(Input!$K$14=3,K7093*Input!$J$14,0)+IF(Input!$K$15=3,L7093*Input!$J$15,0)+IF(Input!$K$16=3,M7093*Input!$J$16,0)</f>
        <v>0</v>
      </c>
      <c r="Q7093" s="71">
        <f>IF(Input!$K$13=4,J7093*Input!$J$13,0)+IF(Input!$K$14=4,K7093*Input!$J$14,0)+IF(Input!$K$15=4,L7093*Input!$J$15,0)+IF(Input!$K$16=4,M7093*Input!$J$16,0)</f>
        <v>0</v>
      </c>
    </row>
    <row r="7094" spans="8:17" x14ac:dyDescent="0.25">
      <c r="H7094" s="43">
        <v>7087</v>
      </c>
      <c r="I7094" s="55">
        <f>Bühler!I7120</f>
        <v>0.32528864563004295</v>
      </c>
      <c r="J7094" s="58">
        <f>Bühler!J7120</f>
        <v>8.319952091784959</v>
      </c>
      <c r="K7094" s="58">
        <f>Bühler!K7120</f>
        <v>0.57911971478590052</v>
      </c>
      <c r="L7094" s="58">
        <f>Bühler!L7120</f>
        <v>0.28955985739295026</v>
      </c>
      <c r="M7094" s="57">
        <f>Bühler!M7120</f>
        <v>0</v>
      </c>
      <c r="N7094" s="55">
        <f>IF(Input!$K$13=1,J7094*Input!$J$13,0)+IF(Input!$K$14=1,K7094*Input!$J$14,0)+IF(Input!$K$15=1,L7094*Input!$J$15,0)+IF(Input!$K$16=1,M7094*Input!$J$16,0)</f>
        <v>0.99839425101419499</v>
      </c>
      <c r="O7094" s="58">
        <f>IF(Input!$K$13=2,J7094*Input!$J$13,0)+IF(Input!$K$14=2,K7094*Input!$J$14,0)+IF(Input!$K$15=2,L7094*Input!$J$15,0)+IF(Input!$K$16=2,M7094*Input!$J$16,0)</f>
        <v>7.8181161496096579E-2</v>
      </c>
      <c r="P7094" s="58">
        <f>IF(Input!$K$13=3,J7094*Input!$J$13,0)+IF(Input!$K$14=3,K7094*Input!$J$14,0)+IF(Input!$K$15=3,L7094*Input!$J$15,0)+IF(Input!$K$16=3,M7094*Input!$J$16,0)</f>
        <v>0</v>
      </c>
      <c r="Q7094" s="71">
        <f>IF(Input!$K$13=4,J7094*Input!$J$13,0)+IF(Input!$K$14=4,K7094*Input!$J$14,0)+IF(Input!$K$15=4,L7094*Input!$J$15,0)+IF(Input!$K$16=4,M7094*Input!$J$16,0)</f>
        <v>0</v>
      </c>
    </row>
    <row r="7095" spans="8:17" x14ac:dyDescent="0.25">
      <c r="H7095" s="43">
        <v>7088</v>
      </c>
      <c r="I7095" s="55">
        <f>Bühler!I7121</f>
        <v>1.4150056084906868</v>
      </c>
      <c r="J7095" s="58">
        <f>Bühler!J7121</f>
        <v>35.474711553952858</v>
      </c>
      <c r="K7095" s="58">
        <f>Bühler!K7121</f>
        <v>2.4670499849879364</v>
      </c>
      <c r="L7095" s="58">
        <f>Bühler!L7121</f>
        <v>1.2335249924939682</v>
      </c>
      <c r="M7095" s="57">
        <f>Bühler!M7121</f>
        <v>0</v>
      </c>
      <c r="N7095" s="55">
        <f>IF(Input!$K$13=1,J7095*Input!$J$13,0)+IF(Input!$K$14=1,K7095*Input!$J$14,0)+IF(Input!$K$15=1,L7095*Input!$J$15,0)+IF(Input!$K$16=1,M7095*Input!$J$16,0)</f>
        <v>4.2569653864743424</v>
      </c>
      <c r="O7095" s="58">
        <f>IF(Input!$K$13=2,J7095*Input!$J$13,0)+IF(Input!$K$14=2,K7095*Input!$J$14,0)+IF(Input!$K$15=2,L7095*Input!$J$15,0)+IF(Input!$K$16=2,M7095*Input!$J$16,0)</f>
        <v>0.33305174797337145</v>
      </c>
      <c r="P7095" s="58">
        <f>IF(Input!$K$13=3,J7095*Input!$J$13,0)+IF(Input!$K$14=3,K7095*Input!$J$14,0)+IF(Input!$K$15=3,L7095*Input!$J$15,0)+IF(Input!$K$16=3,M7095*Input!$J$16,0)</f>
        <v>0</v>
      </c>
      <c r="Q7095" s="71">
        <f>IF(Input!$K$13=4,J7095*Input!$J$13,0)+IF(Input!$K$14=4,K7095*Input!$J$14,0)+IF(Input!$K$15=4,L7095*Input!$J$15,0)+IF(Input!$K$16=4,M7095*Input!$J$16,0)</f>
        <v>0</v>
      </c>
    </row>
    <row r="7096" spans="8:17" x14ac:dyDescent="0.25">
      <c r="H7096" s="43">
        <v>7089</v>
      </c>
      <c r="I7096" s="55">
        <f>Bühler!I7122</f>
        <v>1.5918813095520228</v>
      </c>
      <c r="J7096" s="58">
        <f>Bühler!J7122</f>
        <v>39.909050498196962</v>
      </c>
      <c r="K7096" s="58">
        <f>Bühler!K7122</f>
        <v>2.7754312331114281</v>
      </c>
      <c r="L7096" s="58">
        <f>Bühler!L7122</f>
        <v>1.3877156165557141</v>
      </c>
      <c r="M7096" s="57">
        <f>Bühler!M7122</f>
        <v>0</v>
      </c>
      <c r="N7096" s="55">
        <f>IF(Input!$K$13=1,J7096*Input!$J$13,0)+IF(Input!$K$14=1,K7096*Input!$J$14,0)+IF(Input!$K$15=1,L7096*Input!$J$15,0)+IF(Input!$K$16=1,M7096*Input!$J$16,0)</f>
        <v>4.7890860597836351</v>
      </c>
      <c r="O7096" s="58">
        <f>IF(Input!$K$13=2,J7096*Input!$J$13,0)+IF(Input!$K$14=2,K7096*Input!$J$14,0)+IF(Input!$K$15=2,L7096*Input!$J$15,0)+IF(Input!$K$16=2,M7096*Input!$J$16,0)</f>
        <v>0.37468321647004277</v>
      </c>
      <c r="P7096" s="58">
        <f>IF(Input!$K$13=3,J7096*Input!$J$13,0)+IF(Input!$K$14=3,K7096*Input!$J$14,0)+IF(Input!$K$15=3,L7096*Input!$J$15,0)+IF(Input!$K$16=3,M7096*Input!$J$16,0)</f>
        <v>0</v>
      </c>
      <c r="Q7096" s="71">
        <f>IF(Input!$K$13=4,J7096*Input!$J$13,0)+IF(Input!$K$14=4,K7096*Input!$J$14,0)+IF(Input!$K$15=4,L7096*Input!$J$15,0)+IF(Input!$K$16=4,M7096*Input!$J$16,0)</f>
        <v>0</v>
      </c>
    </row>
    <row r="7097" spans="8:17" x14ac:dyDescent="0.25">
      <c r="H7097" s="43">
        <v>7090</v>
      </c>
      <c r="I7097" s="55">
        <f>Bühler!I7123</f>
        <v>1.7687570106133585</v>
      </c>
      <c r="J7097" s="58">
        <f>Bühler!J7123</f>
        <v>44.343389442441065</v>
      </c>
      <c r="K7097" s="58">
        <f>Bühler!K7123</f>
        <v>3.0838124812349204</v>
      </c>
      <c r="L7097" s="58">
        <f>Bühler!L7123</f>
        <v>1.5419062406174602</v>
      </c>
      <c r="M7097" s="57">
        <f>Bühler!M7123</f>
        <v>0</v>
      </c>
      <c r="N7097" s="55">
        <f>IF(Input!$K$13=1,J7097*Input!$J$13,0)+IF(Input!$K$14=1,K7097*Input!$J$14,0)+IF(Input!$K$15=1,L7097*Input!$J$15,0)+IF(Input!$K$16=1,M7097*Input!$J$16,0)</f>
        <v>5.3212067330929278</v>
      </c>
      <c r="O7097" s="58">
        <f>IF(Input!$K$13=2,J7097*Input!$J$13,0)+IF(Input!$K$14=2,K7097*Input!$J$14,0)+IF(Input!$K$15=2,L7097*Input!$J$15,0)+IF(Input!$K$16=2,M7097*Input!$J$16,0)</f>
        <v>0.4163146849667142</v>
      </c>
      <c r="P7097" s="58">
        <f>IF(Input!$K$13=3,J7097*Input!$J$13,0)+IF(Input!$K$14=3,K7097*Input!$J$14,0)+IF(Input!$K$15=3,L7097*Input!$J$15,0)+IF(Input!$K$16=3,M7097*Input!$J$16,0)</f>
        <v>0</v>
      </c>
      <c r="Q7097" s="71">
        <f>IF(Input!$K$13=4,J7097*Input!$J$13,0)+IF(Input!$K$14=4,K7097*Input!$J$14,0)+IF(Input!$K$15=4,L7097*Input!$J$15,0)+IF(Input!$K$16=4,M7097*Input!$J$16,0)</f>
        <v>0</v>
      </c>
    </row>
    <row r="7098" spans="8:17" x14ac:dyDescent="0.25">
      <c r="H7098" s="43">
        <v>7091</v>
      </c>
      <c r="I7098" s="55">
        <f>Bühler!I7124</f>
        <v>1.7687570106133585</v>
      </c>
      <c r="J7098" s="58">
        <f>Bühler!J7124</f>
        <v>44.343389442441065</v>
      </c>
      <c r="K7098" s="58">
        <f>Bühler!K7124</f>
        <v>3.0838124812349204</v>
      </c>
      <c r="L7098" s="58">
        <f>Bühler!L7124</f>
        <v>1.5419062406174602</v>
      </c>
      <c r="M7098" s="57">
        <f>Bühler!M7124</f>
        <v>0</v>
      </c>
      <c r="N7098" s="55">
        <f>IF(Input!$K$13=1,J7098*Input!$J$13,0)+IF(Input!$K$14=1,K7098*Input!$J$14,0)+IF(Input!$K$15=1,L7098*Input!$J$15,0)+IF(Input!$K$16=1,M7098*Input!$J$16,0)</f>
        <v>5.3212067330929278</v>
      </c>
      <c r="O7098" s="58">
        <f>IF(Input!$K$13=2,J7098*Input!$J$13,0)+IF(Input!$K$14=2,K7098*Input!$J$14,0)+IF(Input!$K$15=2,L7098*Input!$J$15,0)+IF(Input!$K$16=2,M7098*Input!$J$16,0)</f>
        <v>0.4163146849667142</v>
      </c>
      <c r="P7098" s="58">
        <f>IF(Input!$K$13=3,J7098*Input!$J$13,0)+IF(Input!$K$14=3,K7098*Input!$J$14,0)+IF(Input!$K$15=3,L7098*Input!$J$15,0)+IF(Input!$K$16=3,M7098*Input!$J$16,0)</f>
        <v>0</v>
      </c>
      <c r="Q7098" s="71">
        <f>IF(Input!$K$13=4,J7098*Input!$J$13,0)+IF(Input!$K$14=4,K7098*Input!$J$14,0)+IF(Input!$K$15=4,L7098*Input!$J$15,0)+IF(Input!$K$16=4,M7098*Input!$J$16,0)</f>
        <v>0</v>
      </c>
    </row>
    <row r="7099" spans="8:17" x14ac:dyDescent="0.25">
      <c r="H7099" s="43">
        <v>7092</v>
      </c>
      <c r="I7099" s="55">
        <f>Bühler!I7125</f>
        <v>2.1225084127360301</v>
      </c>
      <c r="J7099" s="58">
        <f>Bühler!J7125</f>
        <v>53.212067330929273</v>
      </c>
      <c r="K7099" s="58">
        <f>Bühler!K7125</f>
        <v>3.7005749774819039</v>
      </c>
      <c r="L7099" s="58">
        <f>Bühler!L7125</f>
        <v>1.8502874887409519</v>
      </c>
      <c r="M7099" s="57">
        <f>Bühler!M7125</f>
        <v>0</v>
      </c>
      <c r="N7099" s="55">
        <f>IF(Input!$K$13=1,J7099*Input!$J$13,0)+IF(Input!$K$14=1,K7099*Input!$J$14,0)+IF(Input!$K$15=1,L7099*Input!$J$15,0)+IF(Input!$K$16=1,M7099*Input!$J$16,0)</f>
        <v>6.3854480797115123</v>
      </c>
      <c r="O7099" s="58">
        <f>IF(Input!$K$13=2,J7099*Input!$J$13,0)+IF(Input!$K$14=2,K7099*Input!$J$14,0)+IF(Input!$K$15=2,L7099*Input!$J$15,0)+IF(Input!$K$16=2,M7099*Input!$J$16,0)</f>
        <v>0.49957762196005701</v>
      </c>
      <c r="P7099" s="58">
        <f>IF(Input!$K$13=3,J7099*Input!$J$13,0)+IF(Input!$K$14=3,K7099*Input!$J$14,0)+IF(Input!$K$15=3,L7099*Input!$J$15,0)+IF(Input!$K$16=3,M7099*Input!$J$16,0)</f>
        <v>0</v>
      </c>
      <c r="Q7099" s="71">
        <f>IF(Input!$K$13=4,J7099*Input!$J$13,0)+IF(Input!$K$14=4,K7099*Input!$J$14,0)+IF(Input!$K$15=4,L7099*Input!$J$15,0)+IF(Input!$K$16=4,M7099*Input!$J$16,0)</f>
        <v>0</v>
      </c>
    </row>
    <row r="7100" spans="8:17" x14ac:dyDescent="0.25">
      <c r="H7100" s="43">
        <v>7093</v>
      </c>
      <c r="I7100" s="55">
        <f>Bühler!I7126</f>
        <v>2.1225084127360301</v>
      </c>
      <c r="J7100" s="58">
        <f>Bühler!J7126</f>
        <v>53.212067330929273</v>
      </c>
      <c r="K7100" s="58">
        <f>Bühler!K7126</f>
        <v>3.7005749774819039</v>
      </c>
      <c r="L7100" s="58">
        <f>Bühler!L7126</f>
        <v>1.8502874887409519</v>
      </c>
      <c r="M7100" s="57">
        <f>Bühler!M7126</f>
        <v>0</v>
      </c>
      <c r="N7100" s="55">
        <f>IF(Input!$K$13=1,J7100*Input!$J$13,0)+IF(Input!$K$14=1,K7100*Input!$J$14,0)+IF(Input!$K$15=1,L7100*Input!$J$15,0)+IF(Input!$K$16=1,M7100*Input!$J$16,0)</f>
        <v>6.3854480797115123</v>
      </c>
      <c r="O7100" s="58">
        <f>IF(Input!$K$13=2,J7100*Input!$J$13,0)+IF(Input!$K$14=2,K7100*Input!$J$14,0)+IF(Input!$K$15=2,L7100*Input!$J$15,0)+IF(Input!$K$16=2,M7100*Input!$J$16,0)</f>
        <v>0.49957762196005701</v>
      </c>
      <c r="P7100" s="58">
        <f>IF(Input!$K$13=3,J7100*Input!$J$13,0)+IF(Input!$K$14=3,K7100*Input!$J$14,0)+IF(Input!$K$15=3,L7100*Input!$J$15,0)+IF(Input!$K$16=3,M7100*Input!$J$16,0)</f>
        <v>0</v>
      </c>
      <c r="Q7100" s="71">
        <f>IF(Input!$K$13=4,J7100*Input!$J$13,0)+IF(Input!$K$14=4,K7100*Input!$J$14,0)+IF(Input!$K$15=4,L7100*Input!$J$15,0)+IF(Input!$K$16=4,M7100*Input!$J$16,0)</f>
        <v>0</v>
      </c>
    </row>
    <row r="7101" spans="8:17" x14ac:dyDescent="0.25">
      <c r="H7101" s="43">
        <v>7094</v>
      </c>
      <c r="I7101" s="55">
        <f>Bühler!I7127</f>
        <v>1.4150056084906868</v>
      </c>
      <c r="J7101" s="58">
        <f>Bühler!J7127</f>
        <v>35.474711553952858</v>
      </c>
      <c r="K7101" s="58">
        <f>Bühler!K7127</f>
        <v>2.4670499849879364</v>
      </c>
      <c r="L7101" s="58">
        <f>Bühler!L7127</f>
        <v>1.2335249924939682</v>
      </c>
      <c r="M7101" s="57">
        <f>Bühler!M7127</f>
        <v>0</v>
      </c>
      <c r="N7101" s="55">
        <f>IF(Input!$K$13=1,J7101*Input!$J$13,0)+IF(Input!$K$14=1,K7101*Input!$J$14,0)+IF(Input!$K$15=1,L7101*Input!$J$15,0)+IF(Input!$K$16=1,M7101*Input!$J$16,0)</f>
        <v>4.2569653864743424</v>
      </c>
      <c r="O7101" s="58">
        <f>IF(Input!$K$13=2,J7101*Input!$J$13,0)+IF(Input!$K$14=2,K7101*Input!$J$14,0)+IF(Input!$K$15=2,L7101*Input!$J$15,0)+IF(Input!$K$16=2,M7101*Input!$J$16,0)</f>
        <v>0.33305174797337145</v>
      </c>
      <c r="P7101" s="58">
        <f>IF(Input!$K$13=3,J7101*Input!$J$13,0)+IF(Input!$K$14=3,K7101*Input!$J$14,0)+IF(Input!$K$15=3,L7101*Input!$J$15,0)+IF(Input!$K$16=3,M7101*Input!$J$16,0)</f>
        <v>0</v>
      </c>
      <c r="Q7101" s="71">
        <f>IF(Input!$K$13=4,J7101*Input!$J$13,0)+IF(Input!$K$14=4,K7101*Input!$J$14,0)+IF(Input!$K$15=4,L7101*Input!$J$15,0)+IF(Input!$K$16=4,M7101*Input!$J$16,0)</f>
        <v>0</v>
      </c>
    </row>
    <row r="7102" spans="8:17" x14ac:dyDescent="0.25">
      <c r="H7102" s="43">
        <v>7095</v>
      </c>
      <c r="I7102" s="55">
        <f>Bühler!I7128</f>
        <v>2.1225084127360301</v>
      </c>
      <c r="J7102" s="58">
        <f>Bühler!J7128</f>
        <v>53.212067330929273</v>
      </c>
      <c r="K7102" s="58">
        <f>Bühler!K7128</f>
        <v>3.7005749774819039</v>
      </c>
      <c r="L7102" s="58">
        <f>Bühler!L7128</f>
        <v>1.8502874887409519</v>
      </c>
      <c r="M7102" s="57">
        <f>Bühler!M7128</f>
        <v>0</v>
      </c>
      <c r="N7102" s="55">
        <f>IF(Input!$K$13=1,J7102*Input!$J$13,0)+IF(Input!$K$14=1,K7102*Input!$J$14,0)+IF(Input!$K$15=1,L7102*Input!$J$15,0)+IF(Input!$K$16=1,M7102*Input!$J$16,0)</f>
        <v>6.3854480797115123</v>
      </c>
      <c r="O7102" s="58">
        <f>IF(Input!$K$13=2,J7102*Input!$J$13,0)+IF(Input!$K$14=2,K7102*Input!$J$14,0)+IF(Input!$K$15=2,L7102*Input!$J$15,0)+IF(Input!$K$16=2,M7102*Input!$J$16,0)</f>
        <v>0.49957762196005701</v>
      </c>
      <c r="P7102" s="58">
        <f>IF(Input!$K$13=3,J7102*Input!$J$13,0)+IF(Input!$K$14=3,K7102*Input!$J$14,0)+IF(Input!$K$15=3,L7102*Input!$J$15,0)+IF(Input!$K$16=3,M7102*Input!$J$16,0)</f>
        <v>0</v>
      </c>
      <c r="Q7102" s="71">
        <f>IF(Input!$K$13=4,J7102*Input!$J$13,0)+IF(Input!$K$14=4,K7102*Input!$J$14,0)+IF(Input!$K$15=4,L7102*Input!$J$15,0)+IF(Input!$K$16=4,M7102*Input!$J$16,0)</f>
        <v>0</v>
      </c>
    </row>
    <row r="7103" spans="8:17" x14ac:dyDescent="0.25">
      <c r="H7103" s="43">
        <v>7096</v>
      </c>
      <c r="I7103" s="55">
        <f>Bühler!I7129</f>
        <v>2.1225084127360301</v>
      </c>
      <c r="J7103" s="58">
        <f>Bühler!J7129</f>
        <v>53.212067330929273</v>
      </c>
      <c r="K7103" s="58">
        <f>Bühler!K7129</f>
        <v>3.7005749774819039</v>
      </c>
      <c r="L7103" s="58">
        <f>Bühler!L7129</f>
        <v>1.8502874887409519</v>
      </c>
      <c r="M7103" s="57">
        <f>Bühler!M7129</f>
        <v>0</v>
      </c>
      <c r="N7103" s="55">
        <f>IF(Input!$K$13=1,J7103*Input!$J$13,0)+IF(Input!$K$14=1,K7103*Input!$J$14,0)+IF(Input!$K$15=1,L7103*Input!$J$15,0)+IF(Input!$K$16=1,M7103*Input!$J$16,0)</f>
        <v>6.3854480797115123</v>
      </c>
      <c r="O7103" s="58">
        <f>IF(Input!$K$13=2,J7103*Input!$J$13,0)+IF(Input!$K$14=2,K7103*Input!$J$14,0)+IF(Input!$K$15=2,L7103*Input!$J$15,0)+IF(Input!$K$16=2,M7103*Input!$J$16,0)</f>
        <v>0.49957762196005701</v>
      </c>
      <c r="P7103" s="58">
        <f>IF(Input!$K$13=3,J7103*Input!$J$13,0)+IF(Input!$K$14=3,K7103*Input!$J$14,0)+IF(Input!$K$15=3,L7103*Input!$J$15,0)+IF(Input!$K$16=3,M7103*Input!$J$16,0)</f>
        <v>0</v>
      </c>
      <c r="Q7103" s="71">
        <f>IF(Input!$K$13=4,J7103*Input!$J$13,0)+IF(Input!$K$14=4,K7103*Input!$J$14,0)+IF(Input!$K$15=4,L7103*Input!$J$15,0)+IF(Input!$K$16=4,M7103*Input!$J$16,0)</f>
        <v>0</v>
      </c>
    </row>
    <row r="7104" spans="8:17" x14ac:dyDescent="0.25">
      <c r="H7104" s="43">
        <v>7097</v>
      </c>
      <c r="I7104" s="55">
        <f>Bühler!I7130</f>
        <v>1.7687570106133585</v>
      </c>
      <c r="J7104" s="58">
        <f>Bühler!J7130</f>
        <v>31.61521863815809</v>
      </c>
      <c r="K7104" s="58">
        <f>Bühler!K7130</f>
        <v>2.1586687368644442</v>
      </c>
      <c r="L7104" s="58">
        <f>Bühler!L7130</f>
        <v>1.0793343684322221</v>
      </c>
      <c r="M7104" s="57">
        <f>Bühler!M7130</f>
        <v>0</v>
      </c>
      <c r="N7104" s="55">
        <f>IF(Input!$K$13=1,J7104*Input!$J$13,0)+IF(Input!$K$14=1,K7104*Input!$J$14,0)+IF(Input!$K$15=1,L7104*Input!$J$15,0)+IF(Input!$K$16=1,M7104*Input!$J$16,0)</f>
        <v>3.7938262365789708</v>
      </c>
      <c r="O7104" s="58">
        <f>IF(Input!$K$13=2,J7104*Input!$J$13,0)+IF(Input!$K$14=2,K7104*Input!$J$14,0)+IF(Input!$K$15=2,L7104*Input!$J$15,0)+IF(Input!$K$16=2,M7104*Input!$J$16,0)</f>
        <v>0.29142027947669996</v>
      </c>
      <c r="P7104" s="58">
        <f>IF(Input!$K$13=3,J7104*Input!$J$13,0)+IF(Input!$K$14=3,K7104*Input!$J$14,0)+IF(Input!$K$15=3,L7104*Input!$J$15,0)+IF(Input!$K$16=3,M7104*Input!$J$16,0)</f>
        <v>0</v>
      </c>
      <c r="Q7104" s="71">
        <f>IF(Input!$K$13=4,J7104*Input!$J$13,0)+IF(Input!$K$14=4,K7104*Input!$J$14,0)+IF(Input!$K$15=4,L7104*Input!$J$15,0)+IF(Input!$K$16=4,M7104*Input!$J$16,0)</f>
        <v>0</v>
      </c>
    </row>
    <row r="7105" spans="8:17" x14ac:dyDescent="0.25">
      <c r="H7105" s="43">
        <v>7098</v>
      </c>
      <c r="I7105" s="55">
        <f>Bühler!I7131</f>
        <v>1.4231378246314381</v>
      </c>
      <c r="J7105" s="58">
        <f>Bühler!J7131</f>
        <v>10.027179846206044</v>
      </c>
      <c r="K7105" s="58">
        <f>Bühler!K7131</f>
        <v>0.61676249624698409</v>
      </c>
      <c r="L7105" s="58">
        <f>Bühler!L7131</f>
        <v>0.30838124812349205</v>
      </c>
      <c r="M7105" s="57">
        <f>Bühler!M7131</f>
        <v>0</v>
      </c>
      <c r="N7105" s="55">
        <f>IF(Input!$K$13=1,J7105*Input!$J$13,0)+IF(Input!$K$14=1,K7105*Input!$J$14,0)+IF(Input!$K$15=1,L7105*Input!$J$15,0)+IF(Input!$K$16=1,M7105*Input!$J$16,0)</f>
        <v>1.2032615815447252</v>
      </c>
      <c r="O7105" s="58">
        <f>IF(Input!$K$13=2,J7105*Input!$J$13,0)+IF(Input!$K$14=2,K7105*Input!$J$14,0)+IF(Input!$K$15=2,L7105*Input!$J$15,0)+IF(Input!$K$16=2,M7105*Input!$J$16,0)</f>
        <v>8.3262936993342862E-2</v>
      </c>
      <c r="P7105" s="58">
        <f>IF(Input!$K$13=3,J7105*Input!$J$13,0)+IF(Input!$K$14=3,K7105*Input!$J$14,0)+IF(Input!$K$15=3,L7105*Input!$J$15,0)+IF(Input!$K$16=3,M7105*Input!$J$16,0)</f>
        <v>0</v>
      </c>
      <c r="Q7105" s="71">
        <f>IF(Input!$K$13=4,J7105*Input!$J$13,0)+IF(Input!$K$14=4,K7105*Input!$J$14,0)+IF(Input!$K$15=4,L7105*Input!$J$15,0)+IF(Input!$K$16=4,M7105*Input!$J$16,0)</f>
        <v>0</v>
      </c>
    </row>
    <row r="7106" spans="8:17" x14ac:dyDescent="0.25">
      <c r="H7106" s="43">
        <v>7099</v>
      </c>
      <c r="I7106" s="55">
        <f>Bühler!I7132</f>
        <v>0.50826350879694215</v>
      </c>
      <c r="J7106" s="58">
        <f>Bühler!J7132</f>
        <v>8.9165526631667191</v>
      </c>
      <c r="K7106" s="58">
        <f>Bühler!K7132</f>
        <v>0.60807570052519555</v>
      </c>
      <c r="L7106" s="58">
        <f>Bühler!L7132</f>
        <v>0.30403785026259778</v>
      </c>
      <c r="M7106" s="57">
        <f>Bühler!M7132</f>
        <v>0</v>
      </c>
      <c r="N7106" s="55">
        <f>IF(Input!$K$13=1,J7106*Input!$J$13,0)+IF(Input!$K$14=1,K7106*Input!$J$14,0)+IF(Input!$K$15=1,L7106*Input!$J$15,0)+IF(Input!$K$16=1,M7106*Input!$J$16,0)</f>
        <v>1.0699863195800063</v>
      </c>
      <c r="O7106" s="58">
        <f>IF(Input!$K$13=2,J7106*Input!$J$13,0)+IF(Input!$K$14=2,K7106*Input!$J$14,0)+IF(Input!$K$15=2,L7106*Input!$J$15,0)+IF(Input!$K$16=2,M7106*Input!$J$16,0)</f>
        <v>8.2090219570901402E-2</v>
      </c>
      <c r="P7106" s="58">
        <f>IF(Input!$K$13=3,J7106*Input!$J$13,0)+IF(Input!$K$14=3,K7106*Input!$J$14,0)+IF(Input!$K$15=3,L7106*Input!$J$15,0)+IF(Input!$K$16=3,M7106*Input!$J$16,0)</f>
        <v>0</v>
      </c>
      <c r="Q7106" s="71">
        <f>IF(Input!$K$13=4,J7106*Input!$J$13,0)+IF(Input!$K$14=4,K7106*Input!$J$14,0)+IF(Input!$K$15=4,L7106*Input!$J$15,0)+IF(Input!$K$16=4,M7106*Input!$J$16,0)</f>
        <v>0</v>
      </c>
    </row>
    <row r="7107" spans="8:17" x14ac:dyDescent="0.25">
      <c r="H7107" s="43">
        <v>7100</v>
      </c>
      <c r="I7107" s="55">
        <f>Bühler!I7133</f>
        <v>0.50826350879694215</v>
      </c>
      <c r="J7107" s="58">
        <f>Bühler!J7133</f>
        <v>8.9165526631667191</v>
      </c>
      <c r="K7107" s="58">
        <f>Bühler!K7133</f>
        <v>0.60807570052519555</v>
      </c>
      <c r="L7107" s="58">
        <f>Bühler!L7133</f>
        <v>0.30403785026259778</v>
      </c>
      <c r="M7107" s="57">
        <f>Bühler!M7133</f>
        <v>0</v>
      </c>
      <c r="N7107" s="55">
        <f>IF(Input!$K$13=1,J7107*Input!$J$13,0)+IF(Input!$K$14=1,K7107*Input!$J$14,0)+IF(Input!$K$15=1,L7107*Input!$J$15,0)+IF(Input!$K$16=1,M7107*Input!$J$16,0)</f>
        <v>1.0699863195800063</v>
      </c>
      <c r="O7107" s="58">
        <f>IF(Input!$K$13=2,J7107*Input!$J$13,0)+IF(Input!$K$14=2,K7107*Input!$J$14,0)+IF(Input!$K$15=2,L7107*Input!$J$15,0)+IF(Input!$K$16=2,M7107*Input!$J$16,0)</f>
        <v>8.2090219570901402E-2</v>
      </c>
      <c r="P7107" s="58">
        <f>IF(Input!$K$13=3,J7107*Input!$J$13,0)+IF(Input!$K$14=3,K7107*Input!$J$14,0)+IF(Input!$K$15=3,L7107*Input!$J$15,0)+IF(Input!$K$16=3,M7107*Input!$J$16,0)</f>
        <v>0</v>
      </c>
      <c r="Q7107" s="71">
        <f>IF(Input!$K$13=4,J7107*Input!$J$13,0)+IF(Input!$K$14=4,K7107*Input!$J$14,0)+IF(Input!$K$15=4,L7107*Input!$J$15,0)+IF(Input!$K$16=4,M7107*Input!$J$16,0)</f>
        <v>0</v>
      </c>
    </row>
    <row r="7108" spans="8:17" x14ac:dyDescent="0.25">
      <c r="H7108" s="43">
        <v>7101</v>
      </c>
      <c r="I7108" s="55">
        <f>Bühler!I7134</f>
        <v>0.50826350879694215</v>
      </c>
      <c r="J7108" s="58">
        <f>Bühler!J7134</f>
        <v>8.9165526631667191</v>
      </c>
      <c r="K7108" s="58">
        <f>Bühler!K7134</f>
        <v>0.60807570052519555</v>
      </c>
      <c r="L7108" s="58">
        <f>Bühler!L7134</f>
        <v>0.30403785026259778</v>
      </c>
      <c r="M7108" s="57">
        <f>Bühler!M7134</f>
        <v>0</v>
      </c>
      <c r="N7108" s="55">
        <f>IF(Input!$K$13=1,J7108*Input!$J$13,0)+IF(Input!$K$14=1,K7108*Input!$J$14,0)+IF(Input!$K$15=1,L7108*Input!$J$15,0)+IF(Input!$K$16=1,M7108*Input!$J$16,0)</f>
        <v>1.0699863195800063</v>
      </c>
      <c r="O7108" s="58">
        <f>IF(Input!$K$13=2,J7108*Input!$J$13,0)+IF(Input!$K$14=2,K7108*Input!$J$14,0)+IF(Input!$K$15=2,L7108*Input!$J$15,0)+IF(Input!$K$16=2,M7108*Input!$J$16,0)</f>
        <v>8.2090219570901402E-2</v>
      </c>
      <c r="P7108" s="58">
        <f>IF(Input!$K$13=3,J7108*Input!$J$13,0)+IF(Input!$K$14=3,K7108*Input!$J$14,0)+IF(Input!$K$15=3,L7108*Input!$J$15,0)+IF(Input!$K$16=3,M7108*Input!$J$16,0)</f>
        <v>0</v>
      </c>
      <c r="Q7108" s="71">
        <f>IF(Input!$K$13=4,J7108*Input!$J$13,0)+IF(Input!$K$14=4,K7108*Input!$J$14,0)+IF(Input!$K$15=4,L7108*Input!$J$15,0)+IF(Input!$K$16=4,M7108*Input!$J$16,0)</f>
        <v>0</v>
      </c>
    </row>
    <row r="7109" spans="8:17" x14ac:dyDescent="0.25">
      <c r="H7109" s="43">
        <v>7102</v>
      </c>
      <c r="I7109" s="55">
        <f>Bühler!I7135</f>
        <v>0.50826350879694215</v>
      </c>
      <c r="J7109" s="58">
        <f>Bühler!J7135</f>
        <v>8.9165526631667191</v>
      </c>
      <c r="K7109" s="58">
        <f>Bühler!K7135</f>
        <v>0.60807570052519555</v>
      </c>
      <c r="L7109" s="58">
        <f>Bühler!L7135</f>
        <v>0.30403785026259778</v>
      </c>
      <c r="M7109" s="57">
        <f>Bühler!M7135</f>
        <v>0</v>
      </c>
      <c r="N7109" s="55">
        <f>IF(Input!$K$13=1,J7109*Input!$J$13,0)+IF(Input!$K$14=1,K7109*Input!$J$14,0)+IF(Input!$K$15=1,L7109*Input!$J$15,0)+IF(Input!$K$16=1,M7109*Input!$J$16,0)</f>
        <v>1.0699863195800063</v>
      </c>
      <c r="O7109" s="58">
        <f>IF(Input!$K$13=2,J7109*Input!$J$13,0)+IF(Input!$K$14=2,K7109*Input!$J$14,0)+IF(Input!$K$15=2,L7109*Input!$J$15,0)+IF(Input!$K$16=2,M7109*Input!$J$16,0)</f>
        <v>8.2090219570901402E-2</v>
      </c>
      <c r="P7109" s="58">
        <f>IF(Input!$K$13=3,J7109*Input!$J$13,0)+IF(Input!$K$14=3,K7109*Input!$J$14,0)+IF(Input!$K$15=3,L7109*Input!$J$15,0)+IF(Input!$K$16=3,M7109*Input!$J$16,0)</f>
        <v>0</v>
      </c>
      <c r="Q7109" s="71">
        <f>IF(Input!$K$13=4,J7109*Input!$J$13,0)+IF(Input!$K$14=4,K7109*Input!$J$14,0)+IF(Input!$K$15=4,L7109*Input!$J$15,0)+IF(Input!$K$16=4,M7109*Input!$J$16,0)</f>
        <v>0</v>
      </c>
    </row>
    <row r="7110" spans="8:17" x14ac:dyDescent="0.25">
      <c r="H7110" s="43">
        <v>7103</v>
      </c>
      <c r="I7110" s="55">
        <f>Bühler!I7136</f>
        <v>0.50826350879694215</v>
      </c>
      <c r="J7110" s="58">
        <f>Bühler!J7136</f>
        <v>8.9165526631667191</v>
      </c>
      <c r="K7110" s="58">
        <f>Bühler!K7136</f>
        <v>0.60807570052519555</v>
      </c>
      <c r="L7110" s="58">
        <f>Bühler!L7136</f>
        <v>0.30403785026259778</v>
      </c>
      <c r="M7110" s="57">
        <f>Bühler!M7136</f>
        <v>0</v>
      </c>
      <c r="N7110" s="55">
        <f>IF(Input!$K$13=1,J7110*Input!$J$13,0)+IF(Input!$K$14=1,K7110*Input!$J$14,0)+IF(Input!$K$15=1,L7110*Input!$J$15,0)+IF(Input!$K$16=1,M7110*Input!$J$16,0)</f>
        <v>1.0699863195800063</v>
      </c>
      <c r="O7110" s="58">
        <f>IF(Input!$K$13=2,J7110*Input!$J$13,0)+IF(Input!$K$14=2,K7110*Input!$J$14,0)+IF(Input!$K$15=2,L7110*Input!$J$15,0)+IF(Input!$K$16=2,M7110*Input!$J$16,0)</f>
        <v>8.2090219570901402E-2</v>
      </c>
      <c r="P7110" s="58">
        <f>IF(Input!$K$13=3,J7110*Input!$J$13,0)+IF(Input!$K$14=3,K7110*Input!$J$14,0)+IF(Input!$K$15=3,L7110*Input!$J$15,0)+IF(Input!$K$16=3,M7110*Input!$J$16,0)</f>
        <v>0</v>
      </c>
      <c r="Q7110" s="71">
        <f>IF(Input!$K$13=4,J7110*Input!$J$13,0)+IF(Input!$K$14=4,K7110*Input!$J$14,0)+IF(Input!$K$15=4,L7110*Input!$J$15,0)+IF(Input!$K$16=4,M7110*Input!$J$16,0)</f>
        <v>0</v>
      </c>
    </row>
    <row r="7111" spans="8:17" x14ac:dyDescent="0.25">
      <c r="H7111" s="43">
        <v>7104</v>
      </c>
      <c r="I7111" s="55">
        <f>Bühler!I7137</f>
        <v>0.50826350879694215</v>
      </c>
      <c r="J7111" s="58">
        <f>Bühler!J7137</f>
        <v>8.9165526631667191</v>
      </c>
      <c r="K7111" s="58">
        <f>Bühler!K7137</f>
        <v>0.60807570052519555</v>
      </c>
      <c r="L7111" s="58">
        <f>Bühler!L7137</f>
        <v>0.30403785026259778</v>
      </c>
      <c r="M7111" s="57">
        <f>Bühler!M7137</f>
        <v>0</v>
      </c>
      <c r="N7111" s="55">
        <f>IF(Input!$K$13=1,J7111*Input!$J$13,0)+IF(Input!$K$14=1,K7111*Input!$J$14,0)+IF(Input!$K$15=1,L7111*Input!$J$15,0)+IF(Input!$K$16=1,M7111*Input!$J$16,0)</f>
        <v>1.0699863195800063</v>
      </c>
      <c r="O7111" s="58">
        <f>IF(Input!$K$13=2,J7111*Input!$J$13,0)+IF(Input!$K$14=2,K7111*Input!$J$14,0)+IF(Input!$K$15=2,L7111*Input!$J$15,0)+IF(Input!$K$16=2,M7111*Input!$J$16,0)</f>
        <v>8.2090219570901402E-2</v>
      </c>
      <c r="P7111" s="58">
        <f>IF(Input!$K$13=3,J7111*Input!$J$13,0)+IF(Input!$K$14=3,K7111*Input!$J$14,0)+IF(Input!$K$15=3,L7111*Input!$J$15,0)+IF(Input!$K$16=3,M7111*Input!$J$16,0)</f>
        <v>0</v>
      </c>
      <c r="Q7111" s="71">
        <f>IF(Input!$K$13=4,J7111*Input!$J$13,0)+IF(Input!$K$14=4,K7111*Input!$J$14,0)+IF(Input!$K$15=4,L7111*Input!$J$15,0)+IF(Input!$K$16=4,M7111*Input!$J$16,0)</f>
        <v>0</v>
      </c>
    </row>
    <row r="7112" spans="8:17" x14ac:dyDescent="0.25">
      <c r="H7112" s="43">
        <v>7105</v>
      </c>
      <c r="I7112" s="55">
        <f>Bühler!I7138</f>
        <v>0.51718607547152828</v>
      </c>
      <c r="J7112" s="58">
        <f>Bühler!J7138</f>
        <v>6.0855635068262472</v>
      </c>
      <c r="K7112" s="58">
        <f>Bühler!K7138</f>
        <v>0.38960926168488019</v>
      </c>
      <c r="L7112" s="58">
        <f>Bühler!L7138</f>
        <v>0.1948046308424401</v>
      </c>
      <c r="M7112" s="57">
        <f>Bühler!M7138</f>
        <v>0</v>
      </c>
      <c r="N7112" s="55">
        <f>IF(Input!$K$13=1,J7112*Input!$J$13,0)+IF(Input!$K$14=1,K7112*Input!$J$14,0)+IF(Input!$K$15=1,L7112*Input!$J$15,0)+IF(Input!$K$16=1,M7112*Input!$J$16,0)</f>
        <v>0.73026762081914964</v>
      </c>
      <c r="O7112" s="58">
        <f>IF(Input!$K$13=2,J7112*Input!$J$13,0)+IF(Input!$K$14=2,K7112*Input!$J$14,0)+IF(Input!$K$15=2,L7112*Input!$J$15,0)+IF(Input!$K$16=2,M7112*Input!$J$16,0)</f>
        <v>5.2597250327458822E-2</v>
      </c>
      <c r="P7112" s="58">
        <f>IF(Input!$K$13=3,J7112*Input!$J$13,0)+IF(Input!$K$14=3,K7112*Input!$J$14,0)+IF(Input!$K$15=3,L7112*Input!$J$15,0)+IF(Input!$K$16=3,M7112*Input!$J$16,0)</f>
        <v>0</v>
      </c>
      <c r="Q7112" s="71">
        <f>IF(Input!$K$13=4,J7112*Input!$J$13,0)+IF(Input!$K$14=4,K7112*Input!$J$14,0)+IF(Input!$K$15=4,L7112*Input!$J$15,0)+IF(Input!$K$16=4,M7112*Input!$J$16,0)</f>
        <v>0</v>
      </c>
    </row>
    <row r="7113" spans="8:17" x14ac:dyDescent="0.25">
      <c r="H7113" s="43">
        <v>7106</v>
      </c>
      <c r="I7113" s="55">
        <f>Bühler!I7139</f>
        <v>0.51718607547152828</v>
      </c>
      <c r="J7113" s="58">
        <f>Bühler!J7139</f>
        <v>8.9797570548763908</v>
      </c>
      <c r="K7113" s="58">
        <f>Bühler!K7139</f>
        <v>0.59369030351981744</v>
      </c>
      <c r="L7113" s="58">
        <f>Bühler!L7139</f>
        <v>0.29684515175990872</v>
      </c>
      <c r="M7113" s="57">
        <f>Bühler!M7139</f>
        <v>0</v>
      </c>
      <c r="N7113" s="55">
        <f>IF(Input!$K$13=1,J7113*Input!$J$13,0)+IF(Input!$K$14=1,K7113*Input!$J$14,0)+IF(Input!$K$15=1,L7113*Input!$J$15,0)+IF(Input!$K$16=1,M7113*Input!$J$16,0)</f>
        <v>1.0775708465851668</v>
      </c>
      <c r="O7113" s="58">
        <f>IF(Input!$K$13=2,J7113*Input!$J$13,0)+IF(Input!$K$14=2,K7113*Input!$J$14,0)+IF(Input!$K$15=2,L7113*Input!$J$15,0)+IF(Input!$K$16=2,M7113*Input!$J$16,0)</f>
        <v>8.0148190975175351E-2</v>
      </c>
      <c r="P7113" s="58">
        <f>IF(Input!$K$13=3,J7113*Input!$J$13,0)+IF(Input!$K$14=3,K7113*Input!$J$14,0)+IF(Input!$K$15=3,L7113*Input!$J$15,0)+IF(Input!$K$16=3,M7113*Input!$J$16,0)</f>
        <v>0</v>
      </c>
      <c r="Q7113" s="71">
        <f>IF(Input!$K$13=4,J7113*Input!$J$13,0)+IF(Input!$K$14=4,K7113*Input!$J$14,0)+IF(Input!$K$15=4,L7113*Input!$J$15,0)+IF(Input!$K$16=4,M7113*Input!$J$16,0)</f>
        <v>0</v>
      </c>
    </row>
    <row r="7114" spans="8:17" x14ac:dyDescent="0.25">
      <c r="H7114" s="43">
        <v>7107</v>
      </c>
      <c r="I7114" s="55">
        <f>Bühler!I7140</f>
        <v>0.51718607547152828</v>
      </c>
      <c r="J7114" s="58">
        <f>Bühler!J7140</f>
        <v>8.9797570548763908</v>
      </c>
      <c r="K7114" s="58">
        <f>Bühler!K7140</f>
        <v>0.59369030351981744</v>
      </c>
      <c r="L7114" s="58">
        <f>Bühler!L7140</f>
        <v>0.29684515175990872</v>
      </c>
      <c r="M7114" s="57">
        <f>Bühler!M7140</f>
        <v>0</v>
      </c>
      <c r="N7114" s="55">
        <f>IF(Input!$K$13=1,J7114*Input!$J$13,0)+IF(Input!$K$14=1,K7114*Input!$J$14,0)+IF(Input!$K$15=1,L7114*Input!$J$15,0)+IF(Input!$K$16=1,M7114*Input!$J$16,0)</f>
        <v>1.0775708465851668</v>
      </c>
      <c r="O7114" s="58">
        <f>IF(Input!$K$13=2,J7114*Input!$J$13,0)+IF(Input!$K$14=2,K7114*Input!$J$14,0)+IF(Input!$K$15=2,L7114*Input!$J$15,0)+IF(Input!$K$16=2,M7114*Input!$J$16,0)</f>
        <v>8.0148190975175351E-2</v>
      </c>
      <c r="P7114" s="58">
        <f>IF(Input!$K$13=3,J7114*Input!$J$13,0)+IF(Input!$K$14=3,K7114*Input!$J$14,0)+IF(Input!$K$15=3,L7114*Input!$J$15,0)+IF(Input!$K$16=3,M7114*Input!$J$16,0)</f>
        <v>0</v>
      </c>
      <c r="Q7114" s="71">
        <f>IF(Input!$K$13=4,J7114*Input!$J$13,0)+IF(Input!$K$14=4,K7114*Input!$J$14,0)+IF(Input!$K$15=4,L7114*Input!$J$15,0)+IF(Input!$K$16=4,M7114*Input!$J$16,0)</f>
        <v>0</v>
      </c>
    </row>
    <row r="7115" spans="8:17" x14ac:dyDescent="0.25">
      <c r="H7115" s="43">
        <v>7108</v>
      </c>
      <c r="I7115" s="55">
        <f>Bühler!I7141</f>
        <v>0.51718607547152828</v>
      </c>
      <c r="J7115" s="58">
        <f>Bühler!J7141</f>
        <v>8.9797570548763908</v>
      </c>
      <c r="K7115" s="58">
        <f>Bühler!K7141</f>
        <v>0.59369030351981744</v>
      </c>
      <c r="L7115" s="58">
        <f>Bühler!L7141</f>
        <v>0.29684515175990872</v>
      </c>
      <c r="M7115" s="57">
        <f>Bühler!M7141</f>
        <v>0</v>
      </c>
      <c r="N7115" s="55">
        <f>IF(Input!$K$13=1,J7115*Input!$J$13,0)+IF(Input!$K$14=1,K7115*Input!$J$14,0)+IF(Input!$K$15=1,L7115*Input!$J$15,0)+IF(Input!$K$16=1,M7115*Input!$J$16,0)</f>
        <v>1.0775708465851668</v>
      </c>
      <c r="O7115" s="58">
        <f>IF(Input!$K$13=2,J7115*Input!$J$13,0)+IF(Input!$K$14=2,K7115*Input!$J$14,0)+IF(Input!$K$15=2,L7115*Input!$J$15,0)+IF(Input!$K$16=2,M7115*Input!$J$16,0)</f>
        <v>8.0148190975175351E-2</v>
      </c>
      <c r="P7115" s="58">
        <f>IF(Input!$K$13=3,J7115*Input!$J$13,0)+IF(Input!$K$14=3,K7115*Input!$J$14,0)+IF(Input!$K$15=3,L7115*Input!$J$15,0)+IF(Input!$K$16=3,M7115*Input!$J$16,0)</f>
        <v>0</v>
      </c>
      <c r="Q7115" s="71">
        <f>IF(Input!$K$13=4,J7115*Input!$J$13,0)+IF(Input!$K$14=4,K7115*Input!$J$14,0)+IF(Input!$K$15=4,L7115*Input!$J$15,0)+IF(Input!$K$16=4,M7115*Input!$J$16,0)</f>
        <v>0</v>
      </c>
    </row>
    <row r="7116" spans="8:17" x14ac:dyDescent="0.25">
      <c r="H7116" s="43">
        <v>7109</v>
      </c>
      <c r="I7116" s="55">
        <f>Bühler!I7142</f>
        <v>0.51718607547152828</v>
      </c>
      <c r="J7116" s="58">
        <f>Bühler!J7142</f>
        <v>8.9797570548763908</v>
      </c>
      <c r="K7116" s="58">
        <f>Bühler!K7142</f>
        <v>0.59369030351981744</v>
      </c>
      <c r="L7116" s="58">
        <f>Bühler!L7142</f>
        <v>0.29684515175990872</v>
      </c>
      <c r="M7116" s="57">
        <f>Bühler!M7142</f>
        <v>0</v>
      </c>
      <c r="N7116" s="55">
        <f>IF(Input!$K$13=1,J7116*Input!$J$13,0)+IF(Input!$K$14=1,K7116*Input!$J$14,0)+IF(Input!$K$15=1,L7116*Input!$J$15,0)+IF(Input!$K$16=1,M7116*Input!$J$16,0)</f>
        <v>1.0775708465851668</v>
      </c>
      <c r="O7116" s="58">
        <f>IF(Input!$K$13=2,J7116*Input!$J$13,0)+IF(Input!$K$14=2,K7116*Input!$J$14,0)+IF(Input!$K$15=2,L7116*Input!$J$15,0)+IF(Input!$K$16=2,M7116*Input!$J$16,0)</f>
        <v>8.0148190975175351E-2</v>
      </c>
      <c r="P7116" s="58">
        <f>IF(Input!$K$13=3,J7116*Input!$J$13,0)+IF(Input!$K$14=3,K7116*Input!$J$14,0)+IF(Input!$K$15=3,L7116*Input!$J$15,0)+IF(Input!$K$16=3,M7116*Input!$J$16,0)</f>
        <v>0</v>
      </c>
      <c r="Q7116" s="71">
        <f>IF(Input!$K$13=4,J7116*Input!$J$13,0)+IF(Input!$K$14=4,K7116*Input!$J$14,0)+IF(Input!$K$15=4,L7116*Input!$J$15,0)+IF(Input!$K$16=4,M7116*Input!$J$16,0)</f>
        <v>0</v>
      </c>
    </row>
    <row r="7117" spans="8:17" x14ac:dyDescent="0.25">
      <c r="H7117" s="43">
        <v>7110</v>
      </c>
      <c r="I7117" s="55">
        <f>Bühler!I7143</f>
        <v>0.51718607547152828</v>
      </c>
      <c r="J7117" s="58">
        <f>Bühler!J7143</f>
        <v>8.9797570548763908</v>
      </c>
      <c r="K7117" s="58">
        <f>Bühler!K7143</f>
        <v>0.59369030351981744</v>
      </c>
      <c r="L7117" s="58">
        <f>Bühler!L7143</f>
        <v>0.29684515175990872</v>
      </c>
      <c r="M7117" s="57">
        <f>Bühler!M7143</f>
        <v>0</v>
      </c>
      <c r="N7117" s="55">
        <f>IF(Input!$K$13=1,J7117*Input!$J$13,0)+IF(Input!$K$14=1,K7117*Input!$J$14,0)+IF(Input!$K$15=1,L7117*Input!$J$15,0)+IF(Input!$K$16=1,M7117*Input!$J$16,0)</f>
        <v>1.0775708465851668</v>
      </c>
      <c r="O7117" s="58">
        <f>IF(Input!$K$13=2,J7117*Input!$J$13,0)+IF(Input!$K$14=2,K7117*Input!$J$14,0)+IF(Input!$K$15=2,L7117*Input!$J$15,0)+IF(Input!$K$16=2,M7117*Input!$J$16,0)</f>
        <v>8.0148190975175351E-2</v>
      </c>
      <c r="P7117" s="58">
        <f>IF(Input!$K$13=3,J7117*Input!$J$13,0)+IF(Input!$K$14=3,K7117*Input!$J$14,0)+IF(Input!$K$15=3,L7117*Input!$J$15,0)+IF(Input!$K$16=3,M7117*Input!$J$16,0)</f>
        <v>0</v>
      </c>
      <c r="Q7117" s="71">
        <f>IF(Input!$K$13=4,J7117*Input!$J$13,0)+IF(Input!$K$14=4,K7117*Input!$J$14,0)+IF(Input!$K$15=4,L7117*Input!$J$15,0)+IF(Input!$K$16=4,M7117*Input!$J$16,0)</f>
        <v>0</v>
      </c>
    </row>
    <row r="7118" spans="8:17" x14ac:dyDescent="0.25">
      <c r="H7118" s="43">
        <v>7111</v>
      </c>
      <c r="I7118" s="55">
        <f>Bühler!I7144</f>
        <v>0.51718607547152828</v>
      </c>
      <c r="J7118" s="58">
        <f>Bühler!J7144</f>
        <v>8.9797570548763908</v>
      </c>
      <c r="K7118" s="58">
        <f>Bühler!K7144</f>
        <v>0.59369030351981744</v>
      </c>
      <c r="L7118" s="58">
        <f>Bühler!L7144</f>
        <v>0.29684515175990872</v>
      </c>
      <c r="M7118" s="57">
        <f>Bühler!M7144</f>
        <v>0</v>
      </c>
      <c r="N7118" s="55">
        <f>IF(Input!$K$13=1,J7118*Input!$J$13,0)+IF(Input!$K$14=1,K7118*Input!$J$14,0)+IF(Input!$K$15=1,L7118*Input!$J$15,0)+IF(Input!$K$16=1,M7118*Input!$J$16,0)</f>
        <v>1.0775708465851668</v>
      </c>
      <c r="O7118" s="58">
        <f>IF(Input!$K$13=2,J7118*Input!$J$13,0)+IF(Input!$K$14=2,K7118*Input!$J$14,0)+IF(Input!$K$15=2,L7118*Input!$J$15,0)+IF(Input!$K$16=2,M7118*Input!$J$16,0)</f>
        <v>8.0148190975175351E-2</v>
      </c>
      <c r="P7118" s="58">
        <f>IF(Input!$K$13=3,J7118*Input!$J$13,0)+IF(Input!$K$14=3,K7118*Input!$J$14,0)+IF(Input!$K$15=3,L7118*Input!$J$15,0)+IF(Input!$K$16=3,M7118*Input!$J$16,0)</f>
        <v>0</v>
      </c>
      <c r="Q7118" s="71">
        <f>IF(Input!$K$13=4,J7118*Input!$J$13,0)+IF(Input!$K$14=4,K7118*Input!$J$14,0)+IF(Input!$K$15=4,L7118*Input!$J$15,0)+IF(Input!$K$16=4,M7118*Input!$J$16,0)</f>
        <v>0</v>
      </c>
    </row>
    <row r="7119" spans="8:17" x14ac:dyDescent="0.25">
      <c r="H7119" s="43">
        <v>7112</v>
      </c>
      <c r="I7119" s="55">
        <f>Bühler!I7145</f>
        <v>1.4898295657937894</v>
      </c>
      <c r="J7119" s="58">
        <f>Bühler!J7145</f>
        <v>37.107319268879422</v>
      </c>
      <c r="K7119" s="58">
        <f>Bühler!K7145</f>
        <v>2.5027756857757306</v>
      </c>
      <c r="L7119" s="58">
        <f>Bühler!L7145</f>
        <v>1.2513878428878653</v>
      </c>
      <c r="M7119" s="57">
        <f>Bühler!M7145</f>
        <v>0</v>
      </c>
      <c r="N7119" s="55">
        <f>IF(Input!$K$13=1,J7119*Input!$J$13,0)+IF(Input!$K$14=1,K7119*Input!$J$14,0)+IF(Input!$K$15=1,L7119*Input!$J$15,0)+IF(Input!$K$16=1,M7119*Input!$J$16,0)</f>
        <v>4.4528783122655309</v>
      </c>
      <c r="O7119" s="58">
        <f>IF(Input!$K$13=2,J7119*Input!$J$13,0)+IF(Input!$K$14=2,K7119*Input!$J$14,0)+IF(Input!$K$15=2,L7119*Input!$J$15,0)+IF(Input!$K$16=2,M7119*Input!$J$16,0)</f>
        <v>0.33787471757972365</v>
      </c>
      <c r="P7119" s="58">
        <f>IF(Input!$K$13=3,J7119*Input!$J$13,0)+IF(Input!$K$14=3,K7119*Input!$J$14,0)+IF(Input!$K$15=3,L7119*Input!$J$15,0)+IF(Input!$K$16=3,M7119*Input!$J$16,0)</f>
        <v>0</v>
      </c>
      <c r="Q7119" s="71">
        <f>IF(Input!$K$13=4,J7119*Input!$J$13,0)+IF(Input!$K$14=4,K7119*Input!$J$14,0)+IF(Input!$K$15=4,L7119*Input!$J$15,0)+IF(Input!$K$16=4,M7119*Input!$J$16,0)</f>
        <v>0</v>
      </c>
    </row>
    <row r="7120" spans="8:17" x14ac:dyDescent="0.25">
      <c r="H7120" s="43">
        <v>7113</v>
      </c>
      <c r="I7120" s="55">
        <f>Bühler!I7146</f>
        <v>1.6623361470962281</v>
      </c>
      <c r="J7120" s="58">
        <f>Bühler!J7146</f>
        <v>41.403956236854938</v>
      </c>
      <c r="K7120" s="58">
        <f>Bühler!K7146</f>
        <v>2.7925707651813414</v>
      </c>
      <c r="L7120" s="58">
        <f>Bühler!L7146</f>
        <v>1.3962853825906707</v>
      </c>
      <c r="M7120" s="57">
        <f>Bühler!M7146</f>
        <v>0</v>
      </c>
      <c r="N7120" s="55">
        <f>IF(Input!$K$13=1,J7120*Input!$J$13,0)+IF(Input!$K$14=1,K7120*Input!$J$14,0)+IF(Input!$K$15=1,L7120*Input!$J$15,0)+IF(Input!$K$16=1,M7120*Input!$J$16,0)</f>
        <v>4.9684747484225928</v>
      </c>
      <c r="O7120" s="58">
        <f>IF(Input!$K$13=2,J7120*Input!$J$13,0)+IF(Input!$K$14=2,K7120*Input!$J$14,0)+IF(Input!$K$15=2,L7120*Input!$J$15,0)+IF(Input!$K$16=2,M7120*Input!$J$16,0)</f>
        <v>0.37699705329948108</v>
      </c>
      <c r="P7120" s="58">
        <f>IF(Input!$K$13=3,J7120*Input!$J$13,0)+IF(Input!$K$14=3,K7120*Input!$J$14,0)+IF(Input!$K$15=3,L7120*Input!$J$15,0)+IF(Input!$K$16=3,M7120*Input!$J$16,0)</f>
        <v>0</v>
      </c>
      <c r="Q7120" s="71">
        <f>IF(Input!$K$13=4,J7120*Input!$J$13,0)+IF(Input!$K$14=4,K7120*Input!$J$14,0)+IF(Input!$K$15=4,L7120*Input!$J$15,0)+IF(Input!$K$16=4,M7120*Input!$J$16,0)</f>
        <v>0</v>
      </c>
    </row>
    <row r="7121" spans="8:17" x14ac:dyDescent="0.25">
      <c r="H7121" s="43">
        <v>7114</v>
      </c>
      <c r="I7121" s="55">
        <f>Bühler!I7147</f>
        <v>1.8348427283986675</v>
      </c>
      <c r="J7121" s="58">
        <f>Bühler!J7147</f>
        <v>45.700593204830447</v>
      </c>
      <c r="K7121" s="58">
        <f>Bühler!K7147</f>
        <v>3.0823658445869526</v>
      </c>
      <c r="L7121" s="58">
        <f>Bühler!L7147</f>
        <v>1.5411829222934763</v>
      </c>
      <c r="M7121" s="57">
        <f>Bühler!M7147</f>
        <v>0</v>
      </c>
      <c r="N7121" s="55">
        <f>IF(Input!$K$13=1,J7121*Input!$J$13,0)+IF(Input!$K$14=1,K7121*Input!$J$14,0)+IF(Input!$K$15=1,L7121*Input!$J$15,0)+IF(Input!$K$16=1,M7121*Input!$J$16,0)</f>
        <v>5.484071184579653</v>
      </c>
      <c r="O7121" s="58">
        <f>IF(Input!$K$13=2,J7121*Input!$J$13,0)+IF(Input!$K$14=2,K7121*Input!$J$14,0)+IF(Input!$K$15=2,L7121*Input!$J$15,0)+IF(Input!$K$16=2,M7121*Input!$J$16,0)</f>
        <v>0.41611938901923862</v>
      </c>
      <c r="P7121" s="58">
        <f>IF(Input!$K$13=3,J7121*Input!$J$13,0)+IF(Input!$K$14=3,K7121*Input!$J$14,0)+IF(Input!$K$15=3,L7121*Input!$J$15,0)+IF(Input!$K$16=3,M7121*Input!$J$16,0)</f>
        <v>0</v>
      </c>
      <c r="Q7121" s="71">
        <f>IF(Input!$K$13=4,J7121*Input!$J$13,0)+IF(Input!$K$14=4,K7121*Input!$J$14,0)+IF(Input!$K$15=4,L7121*Input!$J$15,0)+IF(Input!$K$16=4,M7121*Input!$J$16,0)</f>
        <v>0</v>
      </c>
    </row>
    <row r="7122" spans="8:17" x14ac:dyDescent="0.25">
      <c r="H7122" s="43">
        <v>7115</v>
      </c>
      <c r="I7122" s="55">
        <f>Bühler!I7148</f>
        <v>1.8348427283986675</v>
      </c>
      <c r="J7122" s="58">
        <f>Bühler!J7148</f>
        <v>45.700593204830447</v>
      </c>
      <c r="K7122" s="58">
        <f>Bühler!K7148</f>
        <v>3.0823658445869526</v>
      </c>
      <c r="L7122" s="58">
        <f>Bühler!L7148</f>
        <v>1.5411829222934763</v>
      </c>
      <c r="M7122" s="57">
        <f>Bühler!M7148</f>
        <v>0</v>
      </c>
      <c r="N7122" s="55">
        <f>IF(Input!$K$13=1,J7122*Input!$J$13,0)+IF(Input!$K$14=1,K7122*Input!$J$14,0)+IF(Input!$K$15=1,L7122*Input!$J$15,0)+IF(Input!$K$16=1,M7122*Input!$J$16,0)</f>
        <v>5.484071184579653</v>
      </c>
      <c r="O7122" s="58">
        <f>IF(Input!$K$13=2,J7122*Input!$J$13,0)+IF(Input!$K$14=2,K7122*Input!$J$14,0)+IF(Input!$K$15=2,L7122*Input!$J$15,0)+IF(Input!$K$16=2,M7122*Input!$J$16,0)</f>
        <v>0.41611938901923862</v>
      </c>
      <c r="P7122" s="58">
        <f>IF(Input!$K$13=3,J7122*Input!$J$13,0)+IF(Input!$K$14=3,K7122*Input!$J$14,0)+IF(Input!$K$15=3,L7122*Input!$J$15,0)+IF(Input!$K$16=3,M7122*Input!$J$16,0)</f>
        <v>0</v>
      </c>
      <c r="Q7122" s="71">
        <f>IF(Input!$K$13=4,J7122*Input!$J$13,0)+IF(Input!$K$14=4,K7122*Input!$J$14,0)+IF(Input!$K$15=4,L7122*Input!$J$15,0)+IF(Input!$K$16=4,M7122*Input!$J$16,0)</f>
        <v>0</v>
      </c>
    </row>
    <row r="7123" spans="8:17" x14ac:dyDescent="0.25">
      <c r="H7123" s="43">
        <v>7116</v>
      </c>
      <c r="I7123" s="55">
        <f>Bühler!I7149</f>
        <v>2.1955383074855845</v>
      </c>
      <c r="J7123" s="58">
        <f>Bühler!J7149</f>
        <v>54.684470501506517</v>
      </c>
      <c r="K7123" s="58">
        <f>Bühler!K7149</f>
        <v>3.6883010106168661</v>
      </c>
      <c r="L7123" s="58">
        <f>Bühler!L7149</f>
        <v>1.8441505053084331</v>
      </c>
      <c r="M7123" s="57">
        <f>Bühler!M7149</f>
        <v>0</v>
      </c>
      <c r="N7123" s="55">
        <f>IF(Input!$K$13=1,J7123*Input!$J$13,0)+IF(Input!$K$14=1,K7123*Input!$J$14,0)+IF(Input!$K$15=1,L7123*Input!$J$15,0)+IF(Input!$K$16=1,M7123*Input!$J$16,0)</f>
        <v>6.5621364601807821</v>
      </c>
      <c r="O7123" s="58">
        <f>IF(Input!$K$13=2,J7123*Input!$J$13,0)+IF(Input!$K$14=2,K7123*Input!$J$14,0)+IF(Input!$K$15=2,L7123*Input!$J$15,0)+IF(Input!$K$16=2,M7123*Input!$J$16,0)</f>
        <v>0.49792063643327689</v>
      </c>
      <c r="P7123" s="58">
        <f>IF(Input!$K$13=3,J7123*Input!$J$13,0)+IF(Input!$K$14=3,K7123*Input!$J$14,0)+IF(Input!$K$15=3,L7123*Input!$J$15,0)+IF(Input!$K$16=3,M7123*Input!$J$16,0)</f>
        <v>0</v>
      </c>
      <c r="Q7123" s="71">
        <f>IF(Input!$K$13=4,J7123*Input!$J$13,0)+IF(Input!$K$14=4,K7123*Input!$J$14,0)+IF(Input!$K$15=4,L7123*Input!$J$15,0)+IF(Input!$K$16=4,M7123*Input!$J$16,0)</f>
        <v>0</v>
      </c>
    </row>
    <row r="7124" spans="8:17" x14ac:dyDescent="0.25">
      <c r="H7124" s="43">
        <v>7117</v>
      </c>
      <c r="I7124" s="55">
        <f>Bühler!I7150</f>
        <v>2.1955383074855845</v>
      </c>
      <c r="J7124" s="58">
        <f>Bühler!J7150</f>
        <v>54.684470501506517</v>
      </c>
      <c r="K7124" s="58">
        <f>Bühler!K7150</f>
        <v>3.6883010106168661</v>
      </c>
      <c r="L7124" s="58">
        <f>Bühler!L7150</f>
        <v>1.8441505053084331</v>
      </c>
      <c r="M7124" s="57">
        <f>Bühler!M7150</f>
        <v>0</v>
      </c>
      <c r="N7124" s="55">
        <f>IF(Input!$K$13=1,J7124*Input!$J$13,0)+IF(Input!$K$14=1,K7124*Input!$J$14,0)+IF(Input!$K$15=1,L7124*Input!$J$15,0)+IF(Input!$K$16=1,M7124*Input!$J$16,0)</f>
        <v>6.5621364601807821</v>
      </c>
      <c r="O7124" s="58">
        <f>IF(Input!$K$13=2,J7124*Input!$J$13,0)+IF(Input!$K$14=2,K7124*Input!$J$14,0)+IF(Input!$K$15=2,L7124*Input!$J$15,0)+IF(Input!$K$16=2,M7124*Input!$J$16,0)</f>
        <v>0.49792063643327689</v>
      </c>
      <c r="P7124" s="58">
        <f>IF(Input!$K$13=3,J7124*Input!$J$13,0)+IF(Input!$K$14=3,K7124*Input!$J$14,0)+IF(Input!$K$15=3,L7124*Input!$J$15,0)+IF(Input!$K$16=3,M7124*Input!$J$16,0)</f>
        <v>0</v>
      </c>
      <c r="Q7124" s="71">
        <f>IF(Input!$K$13=4,J7124*Input!$J$13,0)+IF(Input!$K$14=4,K7124*Input!$J$14,0)+IF(Input!$K$15=4,L7124*Input!$J$15,0)+IF(Input!$K$16=4,M7124*Input!$J$16,0)</f>
        <v>0</v>
      </c>
    </row>
    <row r="7125" spans="8:17" x14ac:dyDescent="0.25">
      <c r="H7125" s="43">
        <v>7118</v>
      </c>
      <c r="I7125" s="55">
        <f>Bühler!I7151</f>
        <v>1.4584647328297096</v>
      </c>
      <c r="J7125" s="58">
        <f>Bühler!J7151</f>
        <v>36.326112547429325</v>
      </c>
      <c r="K7125" s="58">
        <f>Bühler!K7151</f>
        <v>2.4500856713383468</v>
      </c>
      <c r="L7125" s="58">
        <f>Bühler!L7151</f>
        <v>1.2250428356691734</v>
      </c>
      <c r="M7125" s="57">
        <f>Bühler!M7151</f>
        <v>0</v>
      </c>
      <c r="N7125" s="55">
        <f>IF(Input!$K$13=1,J7125*Input!$J$13,0)+IF(Input!$K$14=1,K7125*Input!$J$14,0)+IF(Input!$K$15=1,L7125*Input!$J$15,0)+IF(Input!$K$16=1,M7125*Input!$J$16,0)</f>
        <v>4.3591335056915188</v>
      </c>
      <c r="O7125" s="58">
        <f>IF(Input!$K$13=2,J7125*Input!$J$13,0)+IF(Input!$K$14=2,K7125*Input!$J$14,0)+IF(Input!$K$15=2,L7125*Input!$J$15,0)+IF(Input!$K$16=2,M7125*Input!$J$16,0)</f>
        <v>0.33076156563067682</v>
      </c>
      <c r="P7125" s="58">
        <f>IF(Input!$K$13=3,J7125*Input!$J$13,0)+IF(Input!$K$14=3,K7125*Input!$J$14,0)+IF(Input!$K$15=3,L7125*Input!$J$15,0)+IF(Input!$K$16=3,M7125*Input!$J$16,0)</f>
        <v>0</v>
      </c>
      <c r="Q7125" s="71">
        <f>IF(Input!$K$13=4,J7125*Input!$J$13,0)+IF(Input!$K$14=4,K7125*Input!$J$14,0)+IF(Input!$K$15=4,L7125*Input!$J$15,0)+IF(Input!$K$16=4,M7125*Input!$J$16,0)</f>
        <v>0</v>
      </c>
    </row>
    <row r="7126" spans="8:17" x14ac:dyDescent="0.25">
      <c r="H7126" s="43">
        <v>7119</v>
      </c>
      <c r="I7126" s="55">
        <f>Bühler!I7152</f>
        <v>2.1955383074855845</v>
      </c>
      <c r="J7126" s="58">
        <f>Bühler!J7152</f>
        <v>54.684470501506517</v>
      </c>
      <c r="K7126" s="58">
        <f>Bühler!K7152</f>
        <v>3.6883010106168661</v>
      </c>
      <c r="L7126" s="58">
        <f>Bühler!L7152</f>
        <v>1.8441505053084331</v>
      </c>
      <c r="M7126" s="57">
        <f>Bühler!M7152</f>
        <v>0</v>
      </c>
      <c r="N7126" s="55">
        <f>IF(Input!$K$13=1,J7126*Input!$J$13,0)+IF(Input!$K$14=1,K7126*Input!$J$14,0)+IF(Input!$K$15=1,L7126*Input!$J$15,0)+IF(Input!$K$16=1,M7126*Input!$J$16,0)</f>
        <v>6.5621364601807821</v>
      </c>
      <c r="O7126" s="58">
        <f>IF(Input!$K$13=2,J7126*Input!$J$13,0)+IF(Input!$K$14=2,K7126*Input!$J$14,0)+IF(Input!$K$15=2,L7126*Input!$J$15,0)+IF(Input!$K$16=2,M7126*Input!$J$16,0)</f>
        <v>0.49792063643327689</v>
      </c>
      <c r="P7126" s="58">
        <f>IF(Input!$K$13=3,J7126*Input!$J$13,0)+IF(Input!$K$14=3,K7126*Input!$J$14,0)+IF(Input!$K$15=3,L7126*Input!$J$15,0)+IF(Input!$K$16=3,M7126*Input!$J$16,0)</f>
        <v>0</v>
      </c>
      <c r="Q7126" s="71">
        <f>IF(Input!$K$13=4,J7126*Input!$J$13,0)+IF(Input!$K$14=4,K7126*Input!$J$14,0)+IF(Input!$K$15=4,L7126*Input!$J$15,0)+IF(Input!$K$16=4,M7126*Input!$J$16,0)</f>
        <v>0</v>
      </c>
    </row>
    <row r="7127" spans="8:17" x14ac:dyDescent="0.25">
      <c r="H7127" s="43">
        <v>7120</v>
      </c>
      <c r="I7127" s="55">
        <f>Bühler!I7153</f>
        <v>2.1955383074855845</v>
      </c>
      <c r="J7127" s="58">
        <f>Bühler!J7153</f>
        <v>54.684470501506517</v>
      </c>
      <c r="K7127" s="58">
        <f>Bühler!K7153</f>
        <v>3.6883010106168661</v>
      </c>
      <c r="L7127" s="58">
        <f>Bühler!L7153</f>
        <v>1.8441505053084331</v>
      </c>
      <c r="M7127" s="57">
        <f>Bühler!M7153</f>
        <v>0</v>
      </c>
      <c r="N7127" s="55">
        <f>IF(Input!$K$13=1,J7127*Input!$J$13,0)+IF(Input!$K$14=1,K7127*Input!$J$14,0)+IF(Input!$K$15=1,L7127*Input!$J$15,0)+IF(Input!$K$16=1,M7127*Input!$J$16,0)</f>
        <v>6.5621364601807821</v>
      </c>
      <c r="O7127" s="58">
        <f>IF(Input!$K$13=2,J7127*Input!$J$13,0)+IF(Input!$K$14=2,K7127*Input!$J$14,0)+IF(Input!$K$15=2,L7127*Input!$J$15,0)+IF(Input!$K$16=2,M7127*Input!$J$16,0)</f>
        <v>0.49792063643327689</v>
      </c>
      <c r="P7127" s="58">
        <f>IF(Input!$K$13=3,J7127*Input!$J$13,0)+IF(Input!$K$14=3,K7127*Input!$J$14,0)+IF(Input!$K$15=3,L7127*Input!$J$15,0)+IF(Input!$K$16=3,M7127*Input!$J$16,0)</f>
        <v>0</v>
      </c>
      <c r="Q7127" s="71">
        <f>IF(Input!$K$13=4,J7127*Input!$J$13,0)+IF(Input!$K$14=4,K7127*Input!$J$14,0)+IF(Input!$K$15=4,L7127*Input!$J$15,0)+IF(Input!$K$16=4,M7127*Input!$J$16,0)</f>
        <v>0</v>
      </c>
    </row>
    <row r="7128" spans="8:17" x14ac:dyDescent="0.25">
      <c r="H7128" s="43">
        <v>7121</v>
      </c>
      <c r="I7128" s="55">
        <f>Bühler!I7154</f>
        <v>1.8351763968344554</v>
      </c>
      <c r="J7128" s="58">
        <f>Bühler!J7154</f>
        <v>32.811269049971351</v>
      </c>
      <c r="K7128" s="58">
        <f>Bühler!K7154</f>
        <v>2.1734630955420817</v>
      </c>
      <c r="L7128" s="58">
        <f>Bühler!L7154</f>
        <v>1.0867315477710409</v>
      </c>
      <c r="M7128" s="57">
        <f>Bühler!M7154</f>
        <v>0</v>
      </c>
      <c r="N7128" s="55">
        <f>IF(Input!$K$13=1,J7128*Input!$J$13,0)+IF(Input!$K$14=1,K7128*Input!$J$14,0)+IF(Input!$K$15=1,L7128*Input!$J$15,0)+IF(Input!$K$16=1,M7128*Input!$J$16,0)</f>
        <v>3.9373522859965622</v>
      </c>
      <c r="O7128" s="58">
        <f>IF(Input!$K$13=2,J7128*Input!$J$13,0)+IF(Input!$K$14=2,K7128*Input!$J$14,0)+IF(Input!$K$15=2,L7128*Input!$J$15,0)+IF(Input!$K$16=2,M7128*Input!$J$16,0)</f>
        <v>0.29341751789818105</v>
      </c>
      <c r="P7128" s="58">
        <f>IF(Input!$K$13=3,J7128*Input!$J$13,0)+IF(Input!$K$14=3,K7128*Input!$J$14,0)+IF(Input!$K$15=3,L7128*Input!$J$15,0)+IF(Input!$K$16=3,M7128*Input!$J$16,0)</f>
        <v>0</v>
      </c>
      <c r="Q7128" s="71">
        <f>IF(Input!$K$13=4,J7128*Input!$J$13,0)+IF(Input!$K$14=4,K7128*Input!$J$14,0)+IF(Input!$K$15=4,L7128*Input!$J$15,0)+IF(Input!$K$16=4,M7128*Input!$J$16,0)</f>
        <v>0</v>
      </c>
    </row>
    <row r="7129" spans="8:17" x14ac:dyDescent="0.25">
      <c r="H7129" s="43">
        <v>7122</v>
      </c>
      <c r="I7129" s="55">
        <f>Bühler!I7155</f>
        <v>1.4581310643939216</v>
      </c>
      <c r="J7129" s="58">
        <f>Bühler!J7155</f>
        <v>14.735067204836493</v>
      </c>
      <c r="K7129" s="58">
        <f>Bühler!K7155</f>
        <v>0.92764109924971483</v>
      </c>
      <c r="L7129" s="58">
        <f>Bühler!L7155</f>
        <v>0.46382054962485741</v>
      </c>
      <c r="M7129" s="57">
        <f>Bühler!M7155</f>
        <v>0</v>
      </c>
      <c r="N7129" s="55">
        <f>IF(Input!$K$13=1,J7129*Input!$J$13,0)+IF(Input!$K$14=1,K7129*Input!$J$14,0)+IF(Input!$K$15=1,L7129*Input!$J$15,0)+IF(Input!$K$16=1,M7129*Input!$J$16,0)</f>
        <v>1.768208064580379</v>
      </c>
      <c r="O7129" s="58">
        <f>IF(Input!$K$13=2,J7129*Input!$J$13,0)+IF(Input!$K$14=2,K7129*Input!$J$14,0)+IF(Input!$K$15=2,L7129*Input!$J$15,0)+IF(Input!$K$16=2,M7129*Input!$J$16,0)</f>
        <v>0.12523154839871148</v>
      </c>
      <c r="P7129" s="58">
        <f>IF(Input!$K$13=3,J7129*Input!$J$13,0)+IF(Input!$K$14=3,K7129*Input!$J$14,0)+IF(Input!$K$15=3,L7129*Input!$J$15,0)+IF(Input!$K$16=3,M7129*Input!$J$16,0)</f>
        <v>0</v>
      </c>
      <c r="Q7129" s="71">
        <f>IF(Input!$K$13=4,J7129*Input!$J$13,0)+IF(Input!$K$14=4,K7129*Input!$J$14,0)+IF(Input!$K$15=4,L7129*Input!$J$15,0)+IF(Input!$K$16=4,M7129*Input!$J$16,0)</f>
        <v>0</v>
      </c>
    </row>
    <row r="7130" spans="8:17" x14ac:dyDescent="0.25">
      <c r="H7130" s="43">
        <v>7123</v>
      </c>
      <c r="I7130" s="55">
        <f>Bühler!I7156</f>
        <v>0.51718607547152828</v>
      </c>
      <c r="J7130" s="58">
        <f>Bühler!J7156</f>
        <v>9.242865559244585</v>
      </c>
      <c r="K7130" s="58">
        <f>Bühler!K7156</f>
        <v>0.61224312550481175</v>
      </c>
      <c r="L7130" s="58">
        <f>Bühler!L7156</f>
        <v>0.30612156275240587</v>
      </c>
      <c r="M7130" s="57">
        <f>Bühler!M7156</f>
        <v>0</v>
      </c>
      <c r="N7130" s="55">
        <f>IF(Input!$K$13=1,J7130*Input!$J$13,0)+IF(Input!$K$14=1,K7130*Input!$J$14,0)+IF(Input!$K$15=1,L7130*Input!$J$15,0)+IF(Input!$K$16=1,M7130*Input!$J$16,0)</f>
        <v>1.1091438671093501</v>
      </c>
      <c r="O7130" s="58">
        <f>IF(Input!$K$13=2,J7130*Input!$J$13,0)+IF(Input!$K$14=2,K7130*Input!$J$14,0)+IF(Input!$K$15=2,L7130*Input!$J$15,0)+IF(Input!$K$16=2,M7130*Input!$J$16,0)</f>
        <v>8.2652821943149574E-2</v>
      </c>
      <c r="P7130" s="58">
        <f>IF(Input!$K$13=3,J7130*Input!$J$13,0)+IF(Input!$K$14=3,K7130*Input!$J$14,0)+IF(Input!$K$15=3,L7130*Input!$J$15,0)+IF(Input!$K$16=3,M7130*Input!$J$16,0)</f>
        <v>0</v>
      </c>
      <c r="Q7130" s="71">
        <f>IF(Input!$K$13=4,J7130*Input!$J$13,0)+IF(Input!$K$14=4,K7130*Input!$J$14,0)+IF(Input!$K$15=4,L7130*Input!$J$15,0)+IF(Input!$K$16=4,M7130*Input!$J$16,0)</f>
        <v>0</v>
      </c>
    </row>
    <row r="7131" spans="8:17" x14ac:dyDescent="0.25">
      <c r="H7131" s="43">
        <v>7124</v>
      </c>
      <c r="I7131" s="55">
        <f>Bühler!I7157</f>
        <v>0.51718607547152828</v>
      </c>
      <c r="J7131" s="58">
        <f>Bühler!J7157</f>
        <v>9.242865559244585</v>
      </c>
      <c r="K7131" s="58">
        <f>Bühler!K7157</f>
        <v>0.61224312550481175</v>
      </c>
      <c r="L7131" s="58">
        <f>Bühler!L7157</f>
        <v>0.30612156275240587</v>
      </c>
      <c r="M7131" s="57">
        <f>Bühler!M7157</f>
        <v>0</v>
      </c>
      <c r="N7131" s="55">
        <f>IF(Input!$K$13=1,J7131*Input!$J$13,0)+IF(Input!$K$14=1,K7131*Input!$J$14,0)+IF(Input!$K$15=1,L7131*Input!$J$15,0)+IF(Input!$K$16=1,M7131*Input!$J$16,0)</f>
        <v>1.1091438671093501</v>
      </c>
      <c r="O7131" s="58">
        <f>IF(Input!$K$13=2,J7131*Input!$J$13,0)+IF(Input!$K$14=2,K7131*Input!$J$14,0)+IF(Input!$K$15=2,L7131*Input!$J$15,0)+IF(Input!$K$16=2,M7131*Input!$J$16,0)</f>
        <v>8.2652821943149574E-2</v>
      </c>
      <c r="P7131" s="58">
        <f>IF(Input!$K$13=3,J7131*Input!$J$13,0)+IF(Input!$K$14=3,K7131*Input!$J$14,0)+IF(Input!$K$15=3,L7131*Input!$J$15,0)+IF(Input!$K$16=3,M7131*Input!$J$16,0)</f>
        <v>0</v>
      </c>
      <c r="Q7131" s="71">
        <f>IF(Input!$K$13=4,J7131*Input!$J$13,0)+IF(Input!$K$14=4,K7131*Input!$J$14,0)+IF(Input!$K$15=4,L7131*Input!$J$15,0)+IF(Input!$K$16=4,M7131*Input!$J$16,0)</f>
        <v>0</v>
      </c>
    </row>
    <row r="7132" spans="8:17" x14ac:dyDescent="0.25">
      <c r="H7132" s="43">
        <v>7125</v>
      </c>
      <c r="I7132" s="55">
        <f>Bühler!I7158</f>
        <v>0.51718607547152828</v>
      </c>
      <c r="J7132" s="58">
        <f>Bühler!J7158</f>
        <v>9.242865559244585</v>
      </c>
      <c r="K7132" s="58">
        <f>Bühler!K7158</f>
        <v>0.61224312550481175</v>
      </c>
      <c r="L7132" s="58">
        <f>Bühler!L7158</f>
        <v>0.30612156275240587</v>
      </c>
      <c r="M7132" s="57">
        <f>Bühler!M7158</f>
        <v>0</v>
      </c>
      <c r="N7132" s="55">
        <f>IF(Input!$K$13=1,J7132*Input!$J$13,0)+IF(Input!$K$14=1,K7132*Input!$J$14,0)+IF(Input!$K$15=1,L7132*Input!$J$15,0)+IF(Input!$K$16=1,M7132*Input!$J$16,0)</f>
        <v>1.1091438671093501</v>
      </c>
      <c r="O7132" s="58">
        <f>IF(Input!$K$13=2,J7132*Input!$J$13,0)+IF(Input!$K$14=2,K7132*Input!$J$14,0)+IF(Input!$K$15=2,L7132*Input!$J$15,0)+IF(Input!$K$16=2,M7132*Input!$J$16,0)</f>
        <v>8.2652821943149574E-2</v>
      </c>
      <c r="P7132" s="58">
        <f>IF(Input!$K$13=3,J7132*Input!$J$13,0)+IF(Input!$K$14=3,K7132*Input!$J$14,0)+IF(Input!$K$15=3,L7132*Input!$J$15,0)+IF(Input!$K$16=3,M7132*Input!$J$16,0)</f>
        <v>0</v>
      </c>
      <c r="Q7132" s="71">
        <f>IF(Input!$K$13=4,J7132*Input!$J$13,0)+IF(Input!$K$14=4,K7132*Input!$J$14,0)+IF(Input!$K$15=4,L7132*Input!$J$15,0)+IF(Input!$K$16=4,M7132*Input!$J$16,0)</f>
        <v>0</v>
      </c>
    </row>
    <row r="7133" spans="8:17" x14ac:dyDescent="0.25">
      <c r="H7133" s="43">
        <v>7126</v>
      </c>
      <c r="I7133" s="55">
        <f>Bühler!I7159</f>
        <v>0.51718607547152828</v>
      </c>
      <c r="J7133" s="58">
        <f>Bühler!J7159</f>
        <v>9.242865559244585</v>
      </c>
      <c r="K7133" s="58">
        <f>Bühler!K7159</f>
        <v>0.61224312550481175</v>
      </c>
      <c r="L7133" s="58">
        <f>Bühler!L7159</f>
        <v>0.30612156275240587</v>
      </c>
      <c r="M7133" s="57">
        <f>Bühler!M7159</f>
        <v>0</v>
      </c>
      <c r="N7133" s="55">
        <f>IF(Input!$K$13=1,J7133*Input!$J$13,0)+IF(Input!$K$14=1,K7133*Input!$J$14,0)+IF(Input!$K$15=1,L7133*Input!$J$15,0)+IF(Input!$K$16=1,M7133*Input!$J$16,0)</f>
        <v>1.1091438671093501</v>
      </c>
      <c r="O7133" s="58">
        <f>IF(Input!$K$13=2,J7133*Input!$J$13,0)+IF(Input!$K$14=2,K7133*Input!$J$14,0)+IF(Input!$K$15=2,L7133*Input!$J$15,0)+IF(Input!$K$16=2,M7133*Input!$J$16,0)</f>
        <v>8.2652821943149574E-2</v>
      </c>
      <c r="P7133" s="58">
        <f>IF(Input!$K$13=3,J7133*Input!$J$13,0)+IF(Input!$K$14=3,K7133*Input!$J$14,0)+IF(Input!$K$15=3,L7133*Input!$J$15,0)+IF(Input!$K$16=3,M7133*Input!$J$16,0)</f>
        <v>0</v>
      </c>
      <c r="Q7133" s="71">
        <f>IF(Input!$K$13=4,J7133*Input!$J$13,0)+IF(Input!$K$14=4,K7133*Input!$J$14,0)+IF(Input!$K$15=4,L7133*Input!$J$15,0)+IF(Input!$K$16=4,M7133*Input!$J$16,0)</f>
        <v>0</v>
      </c>
    </row>
    <row r="7134" spans="8:17" x14ac:dyDescent="0.25">
      <c r="H7134" s="43">
        <v>7127</v>
      </c>
      <c r="I7134" s="55">
        <f>Bühler!I7160</f>
        <v>0.51718607547152828</v>
      </c>
      <c r="J7134" s="58">
        <f>Bühler!J7160</f>
        <v>9.242865559244585</v>
      </c>
      <c r="K7134" s="58">
        <f>Bühler!K7160</f>
        <v>0.61224312550481175</v>
      </c>
      <c r="L7134" s="58">
        <f>Bühler!L7160</f>
        <v>0.30612156275240587</v>
      </c>
      <c r="M7134" s="57">
        <f>Bühler!M7160</f>
        <v>0</v>
      </c>
      <c r="N7134" s="55">
        <f>IF(Input!$K$13=1,J7134*Input!$J$13,0)+IF(Input!$K$14=1,K7134*Input!$J$14,0)+IF(Input!$K$15=1,L7134*Input!$J$15,0)+IF(Input!$K$16=1,M7134*Input!$J$16,0)</f>
        <v>1.1091438671093501</v>
      </c>
      <c r="O7134" s="58">
        <f>IF(Input!$K$13=2,J7134*Input!$J$13,0)+IF(Input!$K$14=2,K7134*Input!$J$14,0)+IF(Input!$K$15=2,L7134*Input!$J$15,0)+IF(Input!$K$16=2,M7134*Input!$J$16,0)</f>
        <v>8.2652821943149574E-2</v>
      </c>
      <c r="P7134" s="58">
        <f>IF(Input!$K$13=3,J7134*Input!$J$13,0)+IF(Input!$K$14=3,K7134*Input!$J$14,0)+IF(Input!$K$15=3,L7134*Input!$J$15,0)+IF(Input!$K$16=3,M7134*Input!$J$16,0)</f>
        <v>0</v>
      </c>
      <c r="Q7134" s="71">
        <f>IF(Input!$K$13=4,J7134*Input!$J$13,0)+IF(Input!$K$14=4,K7134*Input!$J$14,0)+IF(Input!$K$15=4,L7134*Input!$J$15,0)+IF(Input!$K$16=4,M7134*Input!$J$16,0)</f>
        <v>0</v>
      </c>
    </row>
    <row r="7135" spans="8:17" x14ac:dyDescent="0.25">
      <c r="H7135" s="43">
        <v>7128</v>
      </c>
      <c r="I7135" s="55">
        <f>Bühler!I7161</f>
        <v>0.51718607547152828</v>
      </c>
      <c r="J7135" s="58">
        <f>Bühler!J7161</f>
        <v>9.242865559244585</v>
      </c>
      <c r="K7135" s="58">
        <f>Bühler!K7161</f>
        <v>0.61224312550481175</v>
      </c>
      <c r="L7135" s="58">
        <f>Bühler!L7161</f>
        <v>0.30612156275240587</v>
      </c>
      <c r="M7135" s="57">
        <f>Bühler!M7161</f>
        <v>0</v>
      </c>
      <c r="N7135" s="55">
        <f>IF(Input!$K$13=1,J7135*Input!$J$13,0)+IF(Input!$K$14=1,K7135*Input!$J$14,0)+IF(Input!$K$15=1,L7135*Input!$J$15,0)+IF(Input!$K$16=1,M7135*Input!$J$16,0)</f>
        <v>1.1091438671093501</v>
      </c>
      <c r="O7135" s="58">
        <f>IF(Input!$K$13=2,J7135*Input!$J$13,0)+IF(Input!$K$14=2,K7135*Input!$J$14,0)+IF(Input!$K$15=2,L7135*Input!$J$15,0)+IF(Input!$K$16=2,M7135*Input!$J$16,0)</f>
        <v>8.2652821943149574E-2</v>
      </c>
      <c r="P7135" s="58">
        <f>IF(Input!$K$13=3,J7135*Input!$J$13,0)+IF(Input!$K$14=3,K7135*Input!$J$14,0)+IF(Input!$K$15=3,L7135*Input!$J$15,0)+IF(Input!$K$16=3,M7135*Input!$J$16,0)</f>
        <v>0</v>
      </c>
      <c r="Q7135" s="71">
        <f>IF(Input!$K$13=4,J7135*Input!$J$13,0)+IF(Input!$K$14=4,K7135*Input!$J$14,0)+IF(Input!$K$15=4,L7135*Input!$J$15,0)+IF(Input!$K$16=4,M7135*Input!$J$16,0)</f>
        <v>0</v>
      </c>
    </row>
    <row r="7136" spans="8:17" x14ac:dyDescent="0.25">
      <c r="H7136" s="43">
        <v>7129</v>
      </c>
      <c r="I7136" s="55">
        <f>Bühler!I7162</f>
        <v>0.4304934274540107</v>
      </c>
      <c r="J7136" s="58">
        <f>Bühler!J7162</f>
        <v>8.3098739605453105</v>
      </c>
      <c r="K7136" s="58">
        <f>Bühler!K7162</f>
        <v>0.59813744119743173</v>
      </c>
      <c r="L7136" s="58">
        <f>Bühler!L7162</f>
        <v>0.29906872059871586</v>
      </c>
      <c r="M7136" s="57">
        <f>Bühler!M7162</f>
        <v>0</v>
      </c>
      <c r="N7136" s="55">
        <f>IF(Input!$K$13=1,J7136*Input!$J$13,0)+IF(Input!$K$14=1,K7136*Input!$J$14,0)+IF(Input!$K$15=1,L7136*Input!$J$15,0)+IF(Input!$K$16=1,M7136*Input!$J$16,0)</f>
        <v>0.9971848752654372</v>
      </c>
      <c r="O7136" s="58">
        <f>IF(Input!$K$13=2,J7136*Input!$J$13,0)+IF(Input!$K$14=2,K7136*Input!$J$14,0)+IF(Input!$K$15=2,L7136*Input!$J$15,0)+IF(Input!$K$16=2,M7136*Input!$J$16,0)</f>
        <v>8.074855456165328E-2</v>
      </c>
      <c r="P7136" s="58">
        <f>IF(Input!$K$13=3,J7136*Input!$J$13,0)+IF(Input!$K$14=3,K7136*Input!$J$14,0)+IF(Input!$K$15=3,L7136*Input!$J$15,0)+IF(Input!$K$16=3,M7136*Input!$J$16,0)</f>
        <v>0</v>
      </c>
      <c r="Q7136" s="71">
        <f>IF(Input!$K$13=4,J7136*Input!$J$13,0)+IF(Input!$K$14=4,K7136*Input!$J$14,0)+IF(Input!$K$15=4,L7136*Input!$J$15,0)+IF(Input!$K$16=4,M7136*Input!$J$16,0)</f>
        <v>0</v>
      </c>
    </row>
    <row r="7137" spans="8:17" x14ac:dyDescent="0.25">
      <c r="H7137" s="43">
        <v>7130</v>
      </c>
      <c r="I7137" s="55">
        <f>Bühler!I7163</f>
        <v>0.4304934274540107</v>
      </c>
      <c r="J7137" s="58">
        <f>Bühler!J7163</f>
        <v>8.3098739605453105</v>
      </c>
      <c r="K7137" s="58">
        <f>Bühler!K7163</f>
        <v>0.59813744119743173</v>
      </c>
      <c r="L7137" s="58">
        <f>Bühler!L7163</f>
        <v>0.29906872059871586</v>
      </c>
      <c r="M7137" s="57">
        <f>Bühler!M7163</f>
        <v>0</v>
      </c>
      <c r="N7137" s="55">
        <f>IF(Input!$K$13=1,J7137*Input!$J$13,0)+IF(Input!$K$14=1,K7137*Input!$J$14,0)+IF(Input!$K$15=1,L7137*Input!$J$15,0)+IF(Input!$K$16=1,M7137*Input!$J$16,0)</f>
        <v>0.9971848752654372</v>
      </c>
      <c r="O7137" s="58">
        <f>IF(Input!$K$13=2,J7137*Input!$J$13,0)+IF(Input!$K$14=2,K7137*Input!$J$14,0)+IF(Input!$K$15=2,L7137*Input!$J$15,0)+IF(Input!$K$16=2,M7137*Input!$J$16,0)</f>
        <v>8.074855456165328E-2</v>
      </c>
      <c r="P7137" s="58">
        <f>IF(Input!$K$13=3,J7137*Input!$J$13,0)+IF(Input!$K$14=3,K7137*Input!$J$14,0)+IF(Input!$K$15=3,L7137*Input!$J$15,0)+IF(Input!$K$16=3,M7137*Input!$J$16,0)</f>
        <v>0</v>
      </c>
      <c r="Q7137" s="71">
        <f>IF(Input!$K$13=4,J7137*Input!$J$13,0)+IF(Input!$K$14=4,K7137*Input!$J$14,0)+IF(Input!$K$15=4,L7137*Input!$J$15,0)+IF(Input!$K$16=4,M7137*Input!$J$16,0)</f>
        <v>0</v>
      </c>
    </row>
    <row r="7138" spans="8:17" x14ac:dyDescent="0.25">
      <c r="H7138" s="43">
        <v>7131</v>
      </c>
      <c r="I7138" s="55">
        <f>Bühler!I7164</f>
        <v>0.4304934274540107</v>
      </c>
      <c r="J7138" s="58">
        <f>Bühler!J7164</f>
        <v>8.3098739605453105</v>
      </c>
      <c r="K7138" s="58">
        <f>Bühler!K7164</f>
        <v>0.59813744119743173</v>
      </c>
      <c r="L7138" s="58">
        <f>Bühler!L7164</f>
        <v>0.29906872059871586</v>
      </c>
      <c r="M7138" s="57">
        <f>Bühler!M7164</f>
        <v>0</v>
      </c>
      <c r="N7138" s="55">
        <f>IF(Input!$K$13=1,J7138*Input!$J$13,0)+IF(Input!$K$14=1,K7138*Input!$J$14,0)+IF(Input!$K$15=1,L7138*Input!$J$15,0)+IF(Input!$K$16=1,M7138*Input!$J$16,0)</f>
        <v>0.9971848752654372</v>
      </c>
      <c r="O7138" s="58">
        <f>IF(Input!$K$13=2,J7138*Input!$J$13,0)+IF(Input!$K$14=2,K7138*Input!$J$14,0)+IF(Input!$K$15=2,L7138*Input!$J$15,0)+IF(Input!$K$16=2,M7138*Input!$J$16,0)</f>
        <v>8.074855456165328E-2</v>
      </c>
      <c r="P7138" s="58">
        <f>IF(Input!$K$13=3,J7138*Input!$J$13,0)+IF(Input!$K$14=3,K7138*Input!$J$14,0)+IF(Input!$K$15=3,L7138*Input!$J$15,0)+IF(Input!$K$16=3,M7138*Input!$J$16,0)</f>
        <v>0</v>
      </c>
      <c r="Q7138" s="71">
        <f>IF(Input!$K$13=4,J7138*Input!$J$13,0)+IF(Input!$K$14=4,K7138*Input!$J$14,0)+IF(Input!$K$15=4,L7138*Input!$J$15,0)+IF(Input!$K$16=4,M7138*Input!$J$16,0)</f>
        <v>0</v>
      </c>
    </row>
    <row r="7139" spans="8:17" x14ac:dyDescent="0.25">
      <c r="H7139" s="43">
        <v>7132</v>
      </c>
      <c r="I7139" s="55">
        <f>Bühler!I7165</f>
        <v>0.4304934274540107</v>
      </c>
      <c r="J7139" s="58">
        <f>Bühler!J7165</f>
        <v>8.3098739605453105</v>
      </c>
      <c r="K7139" s="58">
        <f>Bühler!K7165</f>
        <v>0.59813744119743173</v>
      </c>
      <c r="L7139" s="58">
        <f>Bühler!L7165</f>
        <v>0.29906872059871586</v>
      </c>
      <c r="M7139" s="57">
        <f>Bühler!M7165</f>
        <v>0</v>
      </c>
      <c r="N7139" s="55">
        <f>IF(Input!$K$13=1,J7139*Input!$J$13,0)+IF(Input!$K$14=1,K7139*Input!$J$14,0)+IF(Input!$K$15=1,L7139*Input!$J$15,0)+IF(Input!$K$16=1,M7139*Input!$J$16,0)</f>
        <v>0.9971848752654372</v>
      </c>
      <c r="O7139" s="58">
        <f>IF(Input!$K$13=2,J7139*Input!$J$13,0)+IF(Input!$K$14=2,K7139*Input!$J$14,0)+IF(Input!$K$15=2,L7139*Input!$J$15,0)+IF(Input!$K$16=2,M7139*Input!$J$16,0)</f>
        <v>8.074855456165328E-2</v>
      </c>
      <c r="P7139" s="58">
        <f>IF(Input!$K$13=3,J7139*Input!$J$13,0)+IF(Input!$K$14=3,K7139*Input!$J$14,0)+IF(Input!$K$15=3,L7139*Input!$J$15,0)+IF(Input!$K$16=3,M7139*Input!$J$16,0)</f>
        <v>0</v>
      </c>
      <c r="Q7139" s="71">
        <f>IF(Input!$K$13=4,J7139*Input!$J$13,0)+IF(Input!$K$14=4,K7139*Input!$J$14,0)+IF(Input!$K$15=4,L7139*Input!$J$15,0)+IF(Input!$K$16=4,M7139*Input!$J$16,0)</f>
        <v>0</v>
      </c>
    </row>
    <row r="7140" spans="8:17" x14ac:dyDescent="0.25">
      <c r="H7140" s="43">
        <v>7133</v>
      </c>
      <c r="I7140" s="55">
        <f>Bühler!I7166</f>
        <v>0.4304934274540107</v>
      </c>
      <c r="J7140" s="58">
        <f>Bühler!J7166</f>
        <v>8.3098739605453105</v>
      </c>
      <c r="K7140" s="58">
        <f>Bühler!K7166</f>
        <v>0.59813744119743173</v>
      </c>
      <c r="L7140" s="58">
        <f>Bühler!L7166</f>
        <v>0.29906872059871586</v>
      </c>
      <c r="M7140" s="57">
        <f>Bühler!M7166</f>
        <v>0</v>
      </c>
      <c r="N7140" s="55">
        <f>IF(Input!$K$13=1,J7140*Input!$J$13,0)+IF(Input!$K$14=1,K7140*Input!$J$14,0)+IF(Input!$K$15=1,L7140*Input!$J$15,0)+IF(Input!$K$16=1,M7140*Input!$J$16,0)</f>
        <v>0.9971848752654372</v>
      </c>
      <c r="O7140" s="58">
        <f>IF(Input!$K$13=2,J7140*Input!$J$13,0)+IF(Input!$K$14=2,K7140*Input!$J$14,0)+IF(Input!$K$15=2,L7140*Input!$J$15,0)+IF(Input!$K$16=2,M7140*Input!$J$16,0)</f>
        <v>8.074855456165328E-2</v>
      </c>
      <c r="P7140" s="58">
        <f>IF(Input!$K$13=3,J7140*Input!$J$13,0)+IF(Input!$K$14=3,K7140*Input!$J$14,0)+IF(Input!$K$15=3,L7140*Input!$J$15,0)+IF(Input!$K$16=3,M7140*Input!$J$16,0)</f>
        <v>0</v>
      </c>
      <c r="Q7140" s="71">
        <f>IF(Input!$K$13=4,J7140*Input!$J$13,0)+IF(Input!$K$14=4,K7140*Input!$J$14,0)+IF(Input!$K$15=4,L7140*Input!$J$15,0)+IF(Input!$K$16=4,M7140*Input!$J$16,0)</f>
        <v>0</v>
      </c>
    </row>
    <row r="7141" spans="8:17" x14ac:dyDescent="0.25">
      <c r="H7141" s="43">
        <v>7134</v>
      </c>
      <c r="I7141" s="55">
        <f>Bühler!I7167</f>
        <v>0.4304934274540107</v>
      </c>
      <c r="J7141" s="58">
        <f>Bühler!J7167</f>
        <v>8.3098739605453105</v>
      </c>
      <c r="K7141" s="58">
        <f>Bühler!K7167</f>
        <v>0.59813744119743173</v>
      </c>
      <c r="L7141" s="58">
        <f>Bühler!L7167</f>
        <v>0.29906872059871586</v>
      </c>
      <c r="M7141" s="57">
        <f>Bühler!M7167</f>
        <v>0</v>
      </c>
      <c r="N7141" s="55">
        <f>IF(Input!$K$13=1,J7141*Input!$J$13,0)+IF(Input!$K$14=1,K7141*Input!$J$14,0)+IF(Input!$K$15=1,L7141*Input!$J$15,0)+IF(Input!$K$16=1,M7141*Input!$J$16,0)</f>
        <v>0.9971848752654372</v>
      </c>
      <c r="O7141" s="58">
        <f>IF(Input!$K$13=2,J7141*Input!$J$13,0)+IF(Input!$K$14=2,K7141*Input!$J$14,0)+IF(Input!$K$15=2,L7141*Input!$J$15,0)+IF(Input!$K$16=2,M7141*Input!$J$16,0)</f>
        <v>8.074855456165328E-2</v>
      </c>
      <c r="P7141" s="58">
        <f>IF(Input!$K$13=3,J7141*Input!$J$13,0)+IF(Input!$K$14=3,K7141*Input!$J$14,0)+IF(Input!$K$15=3,L7141*Input!$J$15,0)+IF(Input!$K$16=3,M7141*Input!$J$16,0)</f>
        <v>0</v>
      </c>
      <c r="Q7141" s="71">
        <f>IF(Input!$K$13=4,J7141*Input!$J$13,0)+IF(Input!$K$14=4,K7141*Input!$J$14,0)+IF(Input!$K$15=4,L7141*Input!$J$15,0)+IF(Input!$K$16=4,M7141*Input!$J$16,0)</f>
        <v>0</v>
      </c>
    </row>
    <row r="7142" spans="8:17" x14ac:dyDescent="0.25">
      <c r="H7142" s="43">
        <v>7135</v>
      </c>
      <c r="I7142" s="55">
        <f>Bühler!I7168</f>
        <v>0.4304934274540107</v>
      </c>
      <c r="J7142" s="58">
        <f>Bühler!J7168</f>
        <v>8.3098739605453105</v>
      </c>
      <c r="K7142" s="58">
        <f>Bühler!K7168</f>
        <v>0.59813744119743173</v>
      </c>
      <c r="L7142" s="58">
        <f>Bühler!L7168</f>
        <v>0.29906872059871586</v>
      </c>
      <c r="M7142" s="57">
        <f>Bühler!M7168</f>
        <v>0</v>
      </c>
      <c r="N7142" s="55">
        <f>IF(Input!$K$13=1,J7142*Input!$J$13,0)+IF(Input!$K$14=1,K7142*Input!$J$14,0)+IF(Input!$K$15=1,L7142*Input!$J$15,0)+IF(Input!$K$16=1,M7142*Input!$J$16,0)</f>
        <v>0.9971848752654372</v>
      </c>
      <c r="O7142" s="58">
        <f>IF(Input!$K$13=2,J7142*Input!$J$13,0)+IF(Input!$K$14=2,K7142*Input!$J$14,0)+IF(Input!$K$15=2,L7142*Input!$J$15,0)+IF(Input!$K$16=2,M7142*Input!$J$16,0)</f>
        <v>8.074855456165328E-2</v>
      </c>
      <c r="P7142" s="58">
        <f>IF(Input!$K$13=3,J7142*Input!$J$13,0)+IF(Input!$K$14=3,K7142*Input!$J$14,0)+IF(Input!$K$15=3,L7142*Input!$J$15,0)+IF(Input!$K$16=3,M7142*Input!$J$16,0)</f>
        <v>0</v>
      </c>
      <c r="Q7142" s="71">
        <f>IF(Input!$K$13=4,J7142*Input!$J$13,0)+IF(Input!$K$14=4,K7142*Input!$J$14,0)+IF(Input!$K$15=4,L7142*Input!$J$15,0)+IF(Input!$K$16=4,M7142*Input!$J$16,0)</f>
        <v>0</v>
      </c>
    </row>
    <row r="7143" spans="8:17" x14ac:dyDescent="0.25">
      <c r="H7143" s="43">
        <v>7136</v>
      </c>
      <c r="I7143" s="55">
        <f>Bühler!I7169</f>
        <v>1.1860093926357993</v>
      </c>
      <c r="J7143" s="58">
        <f>Bühler!J7169</f>
        <v>33.348145639003548</v>
      </c>
      <c r="K7143" s="58">
        <f>Bühler!K7169</f>
        <v>2.4451133581070765</v>
      </c>
      <c r="L7143" s="58">
        <f>Bühler!L7169</f>
        <v>1.2225566790535383</v>
      </c>
      <c r="M7143" s="57">
        <f>Bühler!M7169</f>
        <v>0</v>
      </c>
      <c r="N7143" s="55">
        <f>IF(Input!$K$13=1,J7143*Input!$J$13,0)+IF(Input!$K$14=1,K7143*Input!$J$14,0)+IF(Input!$K$15=1,L7143*Input!$J$15,0)+IF(Input!$K$16=1,M7143*Input!$J$16,0)</f>
        <v>4.0017774766804255</v>
      </c>
      <c r="O7143" s="58">
        <f>IF(Input!$K$13=2,J7143*Input!$J$13,0)+IF(Input!$K$14=2,K7143*Input!$J$14,0)+IF(Input!$K$15=2,L7143*Input!$J$15,0)+IF(Input!$K$16=2,M7143*Input!$J$16,0)</f>
        <v>0.33009030334445533</v>
      </c>
      <c r="P7143" s="58">
        <f>IF(Input!$K$13=3,J7143*Input!$J$13,0)+IF(Input!$K$14=3,K7143*Input!$J$14,0)+IF(Input!$K$15=3,L7143*Input!$J$15,0)+IF(Input!$K$16=3,M7143*Input!$J$16,0)</f>
        <v>0</v>
      </c>
      <c r="Q7143" s="71">
        <f>IF(Input!$K$13=4,J7143*Input!$J$13,0)+IF(Input!$K$14=4,K7143*Input!$J$14,0)+IF(Input!$K$15=4,L7143*Input!$J$15,0)+IF(Input!$K$16=4,M7143*Input!$J$16,0)</f>
        <v>0</v>
      </c>
    </row>
    <row r="7144" spans="8:17" x14ac:dyDescent="0.25">
      <c r="H7144" s="43">
        <v>7137</v>
      </c>
      <c r="I7144" s="55">
        <f>Bühler!I7170</f>
        <v>1.3233367959936289</v>
      </c>
      <c r="J7144" s="58">
        <f>Bühler!J7170</f>
        <v>37.209509870888176</v>
      </c>
      <c r="K7144" s="58">
        <f>Bühler!K7170</f>
        <v>2.7282317469405282</v>
      </c>
      <c r="L7144" s="58">
        <f>Bühler!L7170</f>
        <v>1.3641158734702641</v>
      </c>
      <c r="M7144" s="57">
        <f>Bühler!M7170</f>
        <v>0</v>
      </c>
      <c r="N7144" s="55">
        <f>IF(Input!$K$13=1,J7144*Input!$J$13,0)+IF(Input!$K$14=1,K7144*Input!$J$14,0)+IF(Input!$K$15=1,L7144*Input!$J$15,0)+IF(Input!$K$16=1,M7144*Input!$J$16,0)</f>
        <v>4.4651411845065807</v>
      </c>
      <c r="O7144" s="58">
        <f>IF(Input!$K$13=2,J7144*Input!$J$13,0)+IF(Input!$K$14=2,K7144*Input!$J$14,0)+IF(Input!$K$15=2,L7144*Input!$J$15,0)+IF(Input!$K$16=2,M7144*Input!$J$16,0)</f>
        <v>0.36831128583697126</v>
      </c>
      <c r="P7144" s="58">
        <f>IF(Input!$K$13=3,J7144*Input!$J$13,0)+IF(Input!$K$14=3,K7144*Input!$J$14,0)+IF(Input!$K$15=3,L7144*Input!$J$15,0)+IF(Input!$K$16=3,M7144*Input!$J$16,0)</f>
        <v>0</v>
      </c>
      <c r="Q7144" s="71">
        <f>IF(Input!$K$13=4,J7144*Input!$J$13,0)+IF(Input!$K$14=4,K7144*Input!$J$14,0)+IF(Input!$K$15=4,L7144*Input!$J$15,0)+IF(Input!$K$16=4,M7144*Input!$J$16,0)</f>
        <v>0</v>
      </c>
    </row>
    <row r="7145" spans="8:17" x14ac:dyDescent="0.25">
      <c r="H7145" s="43">
        <v>7138</v>
      </c>
      <c r="I7145" s="55">
        <f>Bühler!I7171</f>
        <v>1.4606641993514584</v>
      </c>
      <c r="J7145" s="58">
        <f>Bühler!J7171</f>
        <v>41.070874102772791</v>
      </c>
      <c r="K7145" s="58">
        <f>Bühler!K7171</f>
        <v>3.0113501357739789</v>
      </c>
      <c r="L7145" s="58">
        <f>Bühler!L7171</f>
        <v>1.5056750678869895</v>
      </c>
      <c r="M7145" s="57">
        <f>Bühler!M7171</f>
        <v>0</v>
      </c>
      <c r="N7145" s="55">
        <f>IF(Input!$K$13=1,J7145*Input!$J$13,0)+IF(Input!$K$14=1,K7145*Input!$J$14,0)+IF(Input!$K$15=1,L7145*Input!$J$15,0)+IF(Input!$K$16=1,M7145*Input!$J$16,0)</f>
        <v>4.928504892332735</v>
      </c>
      <c r="O7145" s="58">
        <f>IF(Input!$K$13=2,J7145*Input!$J$13,0)+IF(Input!$K$14=2,K7145*Input!$J$14,0)+IF(Input!$K$15=2,L7145*Input!$J$15,0)+IF(Input!$K$16=2,M7145*Input!$J$16,0)</f>
        <v>0.40653226832948713</v>
      </c>
      <c r="P7145" s="58">
        <f>IF(Input!$K$13=3,J7145*Input!$J$13,0)+IF(Input!$K$14=3,K7145*Input!$J$14,0)+IF(Input!$K$15=3,L7145*Input!$J$15,0)+IF(Input!$K$16=3,M7145*Input!$J$16,0)</f>
        <v>0</v>
      </c>
      <c r="Q7145" s="71">
        <f>IF(Input!$K$13=4,J7145*Input!$J$13,0)+IF(Input!$K$14=4,K7145*Input!$J$14,0)+IF(Input!$K$15=4,L7145*Input!$J$15,0)+IF(Input!$K$16=4,M7145*Input!$J$16,0)</f>
        <v>0</v>
      </c>
    </row>
    <row r="7146" spans="8:17" x14ac:dyDescent="0.25">
      <c r="H7146" s="43">
        <v>7139</v>
      </c>
      <c r="I7146" s="55">
        <f>Bühler!I7172</f>
        <v>1.4606641993514584</v>
      </c>
      <c r="J7146" s="58">
        <f>Bühler!J7172</f>
        <v>41.070874102772791</v>
      </c>
      <c r="K7146" s="58">
        <f>Bühler!K7172</f>
        <v>3.0113501357739789</v>
      </c>
      <c r="L7146" s="58">
        <f>Bühler!L7172</f>
        <v>1.5056750678869895</v>
      </c>
      <c r="M7146" s="57">
        <f>Bühler!M7172</f>
        <v>0</v>
      </c>
      <c r="N7146" s="55">
        <f>IF(Input!$K$13=1,J7146*Input!$J$13,0)+IF(Input!$K$14=1,K7146*Input!$J$14,0)+IF(Input!$K$15=1,L7146*Input!$J$15,0)+IF(Input!$K$16=1,M7146*Input!$J$16,0)</f>
        <v>4.928504892332735</v>
      </c>
      <c r="O7146" s="58">
        <f>IF(Input!$K$13=2,J7146*Input!$J$13,0)+IF(Input!$K$14=2,K7146*Input!$J$14,0)+IF(Input!$K$15=2,L7146*Input!$J$15,0)+IF(Input!$K$16=2,M7146*Input!$J$16,0)</f>
        <v>0.40653226832948713</v>
      </c>
      <c r="P7146" s="58">
        <f>IF(Input!$K$13=3,J7146*Input!$J$13,0)+IF(Input!$K$14=3,K7146*Input!$J$14,0)+IF(Input!$K$15=3,L7146*Input!$J$15,0)+IF(Input!$K$16=3,M7146*Input!$J$16,0)</f>
        <v>0</v>
      </c>
      <c r="Q7146" s="71">
        <f>IF(Input!$K$13=4,J7146*Input!$J$13,0)+IF(Input!$K$14=4,K7146*Input!$J$14,0)+IF(Input!$K$15=4,L7146*Input!$J$15,0)+IF(Input!$K$16=4,M7146*Input!$J$16,0)</f>
        <v>0</v>
      </c>
    </row>
    <row r="7147" spans="8:17" x14ac:dyDescent="0.25">
      <c r="H7147" s="43">
        <v>7140</v>
      </c>
      <c r="I7147" s="55">
        <f>Bühler!I7173</f>
        <v>1.7478033154632833</v>
      </c>
      <c r="J7147" s="58">
        <f>Bühler!J7173</f>
        <v>49.144635678531543</v>
      </c>
      <c r="K7147" s="58">
        <f>Bühler!K7173</f>
        <v>3.6033249487893761</v>
      </c>
      <c r="L7147" s="58">
        <f>Bühler!L7173</f>
        <v>1.8016624743946881</v>
      </c>
      <c r="M7147" s="57">
        <f>Bühler!M7173</f>
        <v>0</v>
      </c>
      <c r="N7147" s="55">
        <f>IF(Input!$K$13=1,J7147*Input!$J$13,0)+IF(Input!$K$14=1,K7147*Input!$J$14,0)+IF(Input!$K$15=1,L7147*Input!$J$15,0)+IF(Input!$K$16=1,M7147*Input!$J$16,0)</f>
        <v>5.897356281423785</v>
      </c>
      <c r="O7147" s="58">
        <f>IF(Input!$K$13=2,J7147*Input!$J$13,0)+IF(Input!$K$14=2,K7147*Input!$J$14,0)+IF(Input!$K$15=2,L7147*Input!$J$15,0)+IF(Input!$K$16=2,M7147*Input!$J$16,0)</f>
        <v>0.48644886808656579</v>
      </c>
      <c r="P7147" s="58">
        <f>IF(Input!$K$13=3,J7147*Input!$J$13,0)+IF(Input!$K$14=3,K7147*Input!$J$14,0)+IF(Input!$K$15=3,L7147*Input!$J$15,0)+IF(Input!$K$16=3,M7147*Input!$J$16,0)</f>
        <v>0</v>
      </c>
      <c r="Q7147" s="71">
        <f>IF(Input!$K$13=4,J7147*Input!$J$13,0)+IF(Input!$K$14=4,K7147*Input!$J$14,0)+IF(Input!$K$15=4,L7147*Input!$J$15,0)+IF(Input!$K$16=4,M7147*Input!$J$16,0)</f>
        <v>0</v>
      </c>
    </row>
    <row r="7148" spans="8:17" x14ac:dyDescent="0.25">
      <c r="H7148" s="43">
        <v>7141</v>
      </c>
      <c r="I7148" s="55">
        <f>Bühler!I7174</f>
        <v>1.7478033154632833</v>
      </c>
      <c r="J7148" s="58">
        <f>Bühler!J7174</f>
        <v>49.144635678531543</v>
      </c>
      <c r="K7148" s="58">
        <f>Bühler!K7174</f>
        <v>3.6033249487893761</v>
      </c>
      <c r="L7148" s="58">
        <f>Bühler!L7174</f>
        <v>1.8016624743946881</v>
      </c>
      <c r="M7148" s="57">
        <f>Bühler!M7174</f>
        <v>0</v>
      </c>
      <c r="N7148" s="55">
        <f>IF(Input!$K$13=1,J7148*Input!$J$13,0)+IF(Input!$K$14=1,K7148*Input!$J$14,0)+IF(Input!$K$15=1,L7148*Input!$J$15,0)+IF(Input!$K$16=1,M7148*Input!$J$16,0)</f>
        <v>5.897356281423785</v>
      </c>
      <c r="O7148" s="58">
        <f>IF(Input!$K$13=2,J7148*Input!$J$13,0)+IF(Input!$K$14=2,K7148*Input!$J$14,0)+IF(Input!$K$15=2,L7148*Input!$J$15,0)+IF(Input!$K$16=2,M7148*Input!$J$16,0)</f>
        <v>0.48644886808656579</v>
      </c>
      <c r="P7148" s="58">
        <f>IF(Input!$K$13=3,J7148*Input!$J$13,0)+IF(Input!$K$14=3,K7148*Input!$J$14,0)+IF(Input!$K$15=3,L7148*Input!$J$15,0)+IF(Input!$K$16=3,M7148*Input!$J$16,0)</f>
        <v>0</v>
      </c>
      <c r="Q7148" s="71">
        <f>IF(Input!$K$13=4,J7148*Input!$J$13,0)+IF(Input!$K$14=4,K7148*Input!$J$14,0)+IF(Input!$K$15=4,L7148*Input!$J$15,0)+IF(Input!$K$16=4,M7148*Input!$J$16,0)</f>
        <v>0</v>
      </c>
    </row>
    <row r="7149" spans="8:17" x14ac:dyDescent="0.25">
      <c r="H7149" s="43">
        <v>7142</v>
      </c>
      <c r="I7149" s="55">
        <f>Bühler!I7175</f>
        <v>1.1610407738434667</v>
      </c>
      <c r="J7149" s="58">
        <f>Bühler!J7175</f>
        <v>32.646079415024523</v>
      </c>
      <c r="K7149" s="58">
        <f>Bühler!K7175</f>
        <v>2.3936372874100855</v>
      </c>
      <c r="L7149" s="58">
        <f>Bühler!L7175</f>
        <v>1.1968186437050428</v>
      </c>
      <c r="M7149" s="57">
        <f>Bühler!M7175</f>
        <v>0</v>
      </c>
      <c r="N7149" s="55">
        <f>IF(Input!$K$13=1,J7149*Input!$J$13,0)+IF(Input!$K$14=1,K7149*Input!$J$14,0)+IF(Input!$K$15=1,L7149*Input!$J$15,0)+IF(Input!$K$16=1,M7149*Input!$J$16,0)</f>
        <v>3.9175295298029429</v>
      </c>
      <c r="O7149" s="58">
        <f>IF(Input!$K$13=2,J7149*Input!$J$13,0)+IF(Input!$K$14=2,K7149*Input!$J$14,0)+IF(Input!$K$15=2,L7149*Input!$J$15,0)+IF(Input!$K$16=2,M7149*Input!$J$16,0)</f>
        <v>0.32314103380036152</v>
      </c>
      <c r="P7149" s="58">
        <f>IF(Input!$K$13=3,J7149*Input!$J$13,0)+IF(Input!$K$14=3,K7149*Input!$J$14,0)+IF(Input!$K$15=3,L7149*Input!$J$15,0)+IF(Input!$K$16=3,M7149*Input!$J$16,0)</f>
        <v>0</v>
      </c>
      <c r="Q7149" s="71">
        <f>IF(Input!$K$13=4,J7149*Input!$J$13,0)+IF(Input!$K$14=4,K7149*Input!$J$14,0)+IF(Input!$K$15=4,L7149*Input!$J$15,0)+IF(Input!$K$16=4,M7149*Input!$J$16,0)</f>
        <v>0</v>
      </c>
    </row>
    <row r="7150" spans="8:17" x14ac:dyDescent="0.25">
      <c r="H7150" s="43">
        <v>7143</v>
      </c>
      <c r="I7150" s="55">
        <f>Bühler!I7176</f>
        <v>1.7478033154632833</v>
      </c>
      <c r="J7150" s="58">
        <f>Bühler!J7176</f>
        <v>49.144635678531543</v>
      </c>
      <c r="K7150" s="58">
        <f>Bühler!K7176</f>
        <v>3.6033249487893761</v>
      </c>
      <c r="L7150" s="58">
        <f>Bühler!L7176</f>
        <v>1.8016624743946881</v>
      </c>
      <c r="M7150" s="57">
        <f>Bühler!M7176</f>
        <v>0</v>
      </c>
      <c r="N7150" s="55">
        <f>IF(Input!$K$13=1,J7150*Input!$J$13,0)+IF(Input!$K$14=1,K7150*Input!$J$14,0)+IF(Input!$K$15=1,L7150*Input!$J$15,0)+IF(Input!$K$16=1,M7150*Input!$J$16,0)</f>
        <v>5.897356281423785</v>
      </c>
      <c r="O7150" s="58">
        <f>IF(Input!$K$13=2,J7150*Input!$J$13,0)+IF(Input!$K$14=2,K7150*Input!$J$14,0)+IF(Input!$K$15=2,L7150*Input!$J$15,0)+IF(Input!$K$16=2,M7150*Input!$J$16,0)</f>
        <v>0.48644886808656579</v>
      </c>
      <c r="P7150" s="58">
        <f>IF(Input!$K$13=3,J7150*Input!$J$13,0)+IF(Input!$K$14=3,K7150*Input!$J$14,0)+IF(Input!$K$15=3,L7150*Input!$J$15,0)+IF(Input!$K$16=3,M7150*Input!$J$16,0)</f>
        <v>0</v>
      </c>
      <c r="Q7150" s="71">
        <f>IF(Input!$K$13=4,J7150*Input!$J$13,0)+IF(Input!$K$14=4,K7150*Input!$J$14,0)+IF(Input!$K$15=4,L7150*Input!$J$15,0)+IF(Input!$K$16=4,M7150*Input!$J$16,0)</f>
        <v>0</v>
      </c>
    </row>
    <row r="7151" spans="8:17" x14ac:dyDescent="0.25">
      <c r="H7151" s="43">
        <v>7144</v>
      </c>
      <c r="I7151" s="55">
        <f>Bühler!I7177</f>
        <v>1.7478033154632833</v>
      </c>
      <c r="J7151" s="58">
        <f>Bühler!J7177</f>
        <v>49.144635678531543</v>
      </c>
      <c r="K7151" s="58">
        <f>Bühler!K7177</f>
        <v>3.6033249487893761</v>
      </c>
      <c r="L7151" s="58">
        <f>Bühler!L7177</f>
        <v>1.8016624743946881</v>
      </c>
      <c r="M7151" s="57">
        <f>Bühler!M7177</f>
        <v>0</v>
      </c>
      <c r="N7151" s="55">
        <f>IF(Input!$K$13=1,J7151*Input!$J$13,0)+IF(Input!$K$14=1,K7151*Input!$J$14,0)+IF(Input!$K$15=1,L7151*Input!$J$15,0)+IF(Input!$K$16=1,M7151*Input!$J$16,0)</f>
        <v>5.897356281423785</v>
      </c>
      <c r="O7151" s="58">
        <f>IF(Input!$K$13=2,J7151*Input!$J$13,0)+IF(Input!$K$14=2,K7151*Input!$J$14,0)+IF(Input!$K$15=2,L7151*Input!$J$15,0)+IF(Input!$K$16=2,M7151*Input!$J$16,0)</f>
        <v>0.48644886808656579</v>
      </c>
      <c r="P7151" s="58">
        <f>IF(Input!$K$13=3,J7151*Input!$J$13,0)+IF(Input!$K$14=3,K7151*Input!$J$14,0)+IF(Input!$K$15=3,L7151*Input!$J$15,0)+IF(Input!$K$16=3,M7151*Input!$J$16,0)</f>
        <v>0</v>
      </c>
      <c r="Q7151" s="71">
        <f>IF(Input!$K$13=4,J7151*Input!$J$13,0)+IF(Input!$K$14=4,K7151*Input!$J$14,0)+IF(Input!$K$15=4,L7151*Input!$J$15,0)+IF(Input!$K$16=4,M7151*Input!$J$16,0)</f>
        <v>0</v>
      </c>
    </row>
    <row r="7152" spans="8:17" x14ac:dyDescent="0.25">
      <c r="H7152" s="43">
        <v>7145</v>
      </c>
      <c r="I7152" s="55">
        <f>Bühler!I7178</f>
        <v>1.4604489526377313</v>
      </c>
      <c r="J7152" s="58">
        <f>Bühler!J7178</f>
        <v>29.426599618876509</v>
      </c>
      <c r="K7152" s="58">
        <f>Bühler!K7178</f>
        <v>2.1233879162508824</v>
      </c>
      <c r="L7152" s="58">
        <f>Bühler!L7178</f>
        <v>1.0616939581254412</v>
      </c>
      <c r="M7152" s="57">
        <f>Bühler!M7178</f>
        <v>0</v>
      </c>
      <c r="N7152" s="55">
        <f>IF(Input!$K$13=1,J7152*Input!$J$13,0)+IF(Input!$K$14=1,K7152*Input!$J$14,0)+IF(Input!$K$15=1,L7152*Input!$J$15,0)+IF(Input!$K$16=1,M7152*Input!$J$16,0)</f>
        <v>3.5311919542651808</v>
      </c>
      <c r="O7152" s="58">
        <f>IF(Input!$K$13=2,J7152*Input!$J$13,0)+IF(Input!$K$14=2,K7152*Input!$J$14,0)+IF(Input!$K$15=2,L7152*Input!$J$15,0)+IF(Input!$K$16=2,M7152*Input!$J$16,0)</f>
        <v>0.28665736869386915</v>
      </c>
      <c r="P7152" s="58">
        <f>IF(Input!$K$13=3,J7152*Input!$J$13,0)+IF(Input!$K$14=3,K7152*Input!$J$14,0)+IF(Input!$K$15=3,L7152*Input!$J$15,0)+IF(Input!$K$16=3,M7152*Input!$J$16,0)</f>
        <v>0</v>
      </c>
      <c r="Q7152" s="71">
        <f>IF(Input!$K$13=4,J7152*Input!$J$13,0)+IF(Input!$K$14=4,K7152*Input!$J$14,0)+IF(Input!$K$15=4,L7152*Input!$J$15,0)+IF(Input!$K$16=4,M7152*Input!$J$16,0)</f>
        <v>0</v>
      </c>
    </row>
    <row r="7153" spans="8:17" x14ac:dyDescent="0.25">
      <c r="H7153" s="43">
        <v>7146</v>
      </c>
      <c r="I7153" s="55">
        <f>Bühler!I7179</f>
        <v>1.1612560205571938</v>
      </c>
      <c r="J7153" s="58">
        <f>Bühler!J7179</f>
        <v>13.142127478033119</v>
      </c>
      <c r="K7153" s="58">
        <f>Bühler!K7179</f>
        <v>0.90626885029913895</v>
      </c>
      <c r="L7153" s="58">
        <f>Bühler!L7179</f>
        <v>0.45313442514956948</v>
      </c>
      <c r="M7153" s="57">
        <f>Bühler!M7179</f>
        <v>0</v>
      </c>
      <c r="N7153" s="55">
        <f>IF(Input!$K$13=1,J7153*Input!$J$13,0)+IF(Input!$K$14=1,K7153*Input!$J$14,0)+IF(Input!$K$15=1,L7153*Input!$J$15,0)+IF(Input!$K$16=1,M7153*Input!$J$16,0)</f>
        <v>1.5770552973639742</v>
      </c>
      <c r="O7153" s="58">
        <f>IF(Input!$K$13=2,J7153*Input!$J$13,0)+IF(Input!$K$14=2,K7153*Input!$J$14,0)+IF(Input!$K$15=2,L7153*Input!$J$15,0)+IF(Input!$K$16=2,M7153*Input!$J$16,0)</f>
        <v>0.12234629479038375</v>
      </c>
      <c r="P7153" s="58">
        <f>IF(Input!$K$13=3,J7153*Input!$J$13,0)+IF(Input!$K$14=3,K7153*Input!$J$14,0)+IF(Input!$K$15=3,L7153*Input!$J$15,0)+IF(Input!$K$16=3,M7153*Input!$J$16,0)</f>
        <v>0</v>
      </c>
      <c r="Q7153" s="71">
        <f>IF(Input!$K$13=4,J7153*Input!$J$13,0)+IF(Input!$K$14=4,K7153*Input!$J$14,0)+IF(Input!$K$15=4,L7153*Input!$J$15,0)+IF(Input!$K$16=4,M7153*Input!$J$16,0)</f>
        <v>0</v>
      </c>
    </row>
    <row r="7154" spans="8:17" x14ac:dyDescent="0.25">
      <c r="H7154" s="43">
        <v>7147</v>
      </c>
      <c r="I7154" s="55">
        <f>Bühler!I7180</f>
        <v>0.4304934274540107</v>
      </c>
      <c r="J7154" s="58">
        <f>Bühler!J7180</f>
        <v>8.3098739605453105</v>
      </c>
      <c r="K7154" s="58">
        <f>Bühler!K7180</f>
        <v>0.59813744119743173</v>
      </c>
      <c r="L7154" s="58">
        <f>Bühler!L7180</f>
        <v>0.29906872059871586</v>
      </c>
      <c r="M7154" s="57">
        <f>Bühler!M7180</f>
        <v>0</v>
      </c>
      <c r="N7154" s="55">
        <f>IF(Input!$K$13=1,J7154*Input!$J$13,0)+IF(Input!$K$14=1,K7154*Input!$J$14,0)+IF(Input!$K$15=1,L7154*Input!$J$15,0)+IF(Input!$K$16=1,M7154*Input!$J$16,0)</f>
        <v>0.9971848752654372</v>
      </c>
      <c r="O7154" s="58">
        <f>IF(Input!$K$13=2,J7154*Input!$J$13,0)+IF(Input!$K$14=2,K7154*Input!$J$14,0)+IF(Input!$K$15=2,L7154*Input!$J$15,0)+IF(Input!$K$16=2,M7154*Input!$J$16,0)</f>
        <v>8.074855456165328E-2</v>
      </c>
      <c r="P7154" s="58">
        <f>IF(Input!$K$13=3,J7154*Input!$J$13,0)+IF(Input!$K$14=3,K7154*Input!$J$14,0)+IF(Input!$K$15=3,L7154*Input!$J$15,0)+IF(Input!$K$16=3,M7154*Input!$J$16,0)</f>
        <v>0</v>
      </c>
      <c r="Q7154" s="71">
        <f>IF(Input!$K$13=4,J7154*Input!$J$13,0)+IF(Input!$K$14=4,K7154*Input!$J$14,0)+IF(Input!$K$15=4,L7154*Input!$J$15,0)+IF(Input!$K$16=4,M7154*Input!$J$16,0)</f>
        <v>0</v>
      </c>
    </row>
    <row r="7155" spans="8:17" x14ac:dyDescent="0.25">
      <c r="H7155" s="43">
        <v>7148</v>
      </c>
      <c r="I7155" s="55">
        <f>Bühler!I7181</f>
        <v>0.4304934274540107</v>
      </c>
      <c r="J7155" s="58">
        <f>Bühler!J7181</f>
        <v>8.3098739605453105</v>
      </c>
      <c r="K7155" s="58">
        <f>Bühler!K7181</f>
        <v>0.59813744119743173</v>
      </c>
      <c r="L7155" s="58">
        <f>Bühler!L7181</f>
        <v>0.29906872059871586</v>
      </c>
      <c r="M7155" s="57">
        <f>Bühler!M7181</f>
        <v>0</v>
      </c>
      <c r="N7155" s="55">
        <f>IF(Input!$K$13=1,J7155*Input!$J$13,0)+IF(Input!$K$14=1,K7155*Input!$J$14,0)+IF(Input!$K$15=1,L7155*Input!$J$15,0)+IF(Input!$K$16=1,M7155*Input!$J$16,0)</f>
        <v>0.9971848752654372</v>
      </c>
      <c r="O7155" s="58">
        <f>IF(Input!$K$13=2,J7155*Input!$J$13,0)+IF(Input!$K$14=2,K7155*Input!$J$14,0)+IF(Input!$K$15=2,L7155*Input!$J$15,0)+IF(Input!$K$16=2,M7155*Input!$J$16,0)</f>
        <v>8.074855456165328E-2</v>
      </c>
      <c r="P7155" s="58">
        <f>IF(Input!$K$13=3,J7155*Input!$J$13,0)+IF(Input!$K$14=3,K7155*Input!$J$14,0)+IF(Input!$K$15=3,L7155*Input!$J$15,0)+IF(Input!$K$16=3,M7155*Input!$J$16,0)</f>
        <v>0</v>
      </c>
      <c r="Q7155" s="71">
        <f>IF(Input!$K$13=4,J7155*Input!$J$13,0)+IF(Input!$K$14=4,K7155*Input!$J$14,0)+IF(Input!$K$15=4,L7155*Input!$J$15,0)+IF(Input!$K$16=4,M7155*Input!$J$16,0)</f>
        <v>0</v>
      </c>
    </row>
    <row r="7156" spans="8:17" x14ac:dyDescent="0.25">
      <c r="H7156" s="43">
        <v>7149</v>
      </c>
      <c r="I7156" s="55">
        <f>Bühler!I7182</f>
        <v>0.4304934274540107</v>
      </c>
      <c r="J7156" s="58">
        <f>Bühler!J7182</f>
        <v>8.3098739605453105</v>
      </c>
      <c r="K7156" s="58">
        <f>Bühler!K7182</f>
        <v>0.59813744119743173</v>
      </c>
      <c r="L7156" s="58">
        <f>Bühler!L7182</f>
        <v>0.29906872059871586</v>
      </c>
      <c r="M7156" s="57">
        <f>Bühler!M7182</f>
        <v>0</v>
      </c>
      <c r="N7156" s="55">
        <f>IF(Input!$K$13=1,J7156*Input!$J$13,0)+IF(Input!$K$14=1,K7156*Input!$J$14,0)+IF(Input!$K$15=1,L7156*Input!$J$15,0)+IF(Input!$K$16=1,M7156*Input!$J$16,0)</f>
        <v>0.9971848752654372</v>
      </c>
      <c r="O7156" s="58">
        <f>IF(Input!$K$13=2,J7156*Input!$J$13,0)+IF(Input!$K$14=2,K7156*Input!$J$14,0)+IF(Input!$K$15=2,L7156*Input!$J$15,0)+IF(Input!$K$16=2,M7156*Input!$J$16,0)</f>
        <v>8.074855456165328E-2</v>
      </c>
      <c r="P7156" s="58">
        <f>IF(Input!$K$13=3,J7156*Input!$J$13,0)+IF(Input!$K$14=3,K7156*Input!$J$14,0)+IF(Input!$K$15=3,L7156*Input!$J$15,0)+IF(Input!$K$16=3,M7156*Input!$J$16,0)</f>
        <v>0</v>
      </c>
      <c r="Q7156" s="71">
        <f>IF(Input!$K$13=4,J7156*Input!$J$13,0)+IF(Input!$K$14=4,K7156*Input!$J$14,0)+IF(Input!$K$15=4,L7156*Input!$J$15,0)+IF(Input!$K$16=4,M7156*Input!$J$16,0)</f>
        <v>0</v>
      </c>
    </row>
    <row r="7157" spans="8:17" x14ac:dyDescent="0.25">
      <c r="H7157" s="43">
        <v>7150</v>
      </c>
      <c r="I7157" s="55">
        <f>Bühler!I7183</f>
        <v>0.4304934274540107</v>
      </c>
      <c r="J7157" s="58">
        <f>Bühler!J7183</f>
        <v>8.3098739605453105</v>
      </c>
      <c r="K7157" s="58">
        <f>Bühler!K7183</f>
        <v>0.59813744119743173</v>
      </c>
      <c r="L7157" s="58">
        <f>Bühler!L7183</f>
        <v>0.29906872059871586</v>
      </c>
      <c r="M7157" s="57">
        <f>Bühler!M7183</f>
        <v>0</v>
      </c>
      <c r="N7157" s="55">
        <f>IF(Input!$K$13=1,J7157*Input!$J$13,0)+IF(Input!$K$14=1,K7157*Input!$J$14,0)+IF(Input!$K$15=1,L7157*Input!$J$15,0)+IF(Input!$K$16=1,M7157*Input!$J$16,0)</f>
        <v>0.9971848752654372</v>
      </c>
      <c r="O7157" s="58">
        <f>IF(Input!$K$13=2,J7157*Input!$J$13,0)+IF(Input!$K$14=2,K7157*Input!$J$14,0)+IF(Input!$K$15=2,L7157*Input!$J$15,0)+IF(Input!$K$16=2,M7157*Input!$J$16,0)</f>
        <v>8.074855456165328E-2</v>
      </c>
      <c r="P7157" s="58">
        <f>IF(Input!$K$13=3,J7157*Input!$J$13,0)+IF(Input!$K$14=3,K7157*Input!$J$14,0)+IF(Input!$K$15=3,L7157*Input!$J$15,0)+IF(Input!$K$16=3,M7157*Input!$J$16,0)</f>
        <v>0</v>
      </c>
      <c r="Q7157" s="71">
        <f>IF(Input!$K$13=4,J7157*Input!$J$13,0)+IF(Input!$K$14=4,K7157*Input!$J$14,0)+IF(Input!$K$15=4,L7157*Input!$J$15,0)+IF(Input!$K$16=4,M7157*Input!$J$16,0)</f>
        <v>0</v>
      </c>
    </row>
    <row r="7158" spans="8:17" x14ac:dyDescent="0.25">
      <c r="H7158" s="43">
        <v>7151</v>
      </c>
      <c r="I7158" s="55">
        <f>Bühler!I7184</f>
        <v>0.4304934274540107</v>
      </c>
      <c r="J7158" s="58">
        <f>Bühler!J7184</f>
        <v>8.3098739605453105</v>
      </c>
      <c r="K7158" s="58">
        <f>Bühler!K7184</f>
        <v>0.59813744119743173</v>
      </c>
      <c r="L7158" s="58">
        <f>Bühler!L7184</f>
        <v>0.29906872059871586</v>
      </c>
      <c r="M7158" s="57">
        <f>Bühler!M7184</f>
        <v>0</v>
      </c>
      <c r="N7158" s="55">
        <f>IF(Input!$K$13=1,J7158*Input!$J$13,0)+IF(Input!$K$14=1,K7158*Input!$J$14,0)+IF(Input!$K$15=1,L7158*Input!$J$15,0)+IF(Input!$K$16=1,M7158*Input!$J$16,0)</f>
        <v>0.9971848752654372</v>
      </c>
      <c r="O7158" s="58">
        <f>IF(Input!$K$13=2,J7158*Input!$J$13,0)+IF(Input!$K$14=2,K7158*Input!$J$14,0)+IF(Input!$K$15=2,L7158*Input!$J$15,0)+IF(Input!$K$16=2,M7158*Input!$J$16,0)</f>
        <v>8.074855456165328E-2</v>
      </c>
      <c r="P7158" s="58">
        <f>IF(Input!$K$13=3,J7158*Input!$J$13,0)+IF(Input!$K$14=3,K7158*Input!$J$14,0)+IF(Input!$K$15=3,L7158*Input!$J$15,0)+IF(Input!$K$16=3,M7158*Input!$J$16,0)</f>
        <v>0</v>
      </c>
      <c r="Q7158" s="71">
        <f>IF(Input!$K$13=4,J7158*Input!$J$13,0)+IF(Input!$K$14=4,K7158*Input!$J$14,0)+IF(Input!$K$15=4,L7158*Input!$J$15,0)+IF(Input!$K$16=4,M7158*Input!$J$16,0)</f>
        <v>0</v>
      </c>
    </row>
    <row r="7159" spans="8:17" x14ac:dyDescent="0.25">
      <c r="H7159" s="43">
        <v>7152</v>
      </c>
      <c r="I7159" s="55">
        <f>Bühler!I7185</f>
        <v>0.4304934274540107</v>
      </c>
      <c r="J7159" s="58">
        <f>Bühler!J7185</f>
        <v>8.3098739605453105</v>
      </c>
      <c r="K7159" s="58">
        <f>Bühler!K7185</f>
        <v>0.59813744119743173</v>
      </c>
      <c r="L7159" s="58">
        <f>Bühler!L7185</f>
        <v>0.29906872059871586</v>
      </c>
      <c r="M7159" s="57">
        <f>Bühler!M7185</f>
        <v>0</v>
      </c>
      <c r="N7159" s="55">
        <f>IF(Input!$K$13=1,J7159*Input!$J$13,0)+IF(Input!$K$14=1,K7159*Input!$J$14,0)+IF(Input!$K$15=1,L7159*Input!$J$15,0)+IF(Input!$K$16=1,M7159*Input!$J$16,0)</f>
        <v>0.9971848752654372</v>
      </c>
      <c r="O7159" s="58">
        <f>IF(Input!$K$13=2,J7159*Input!$J$13,0)+IF(Input!$K$14=2,K7159*Input!$J$14,0)+IF(Input!$K$15=2,L7159*Input!$J$15,0)+IF(Input!$K$16=2,M7159*Input!$J$16,0)</f>
        <v>8.074855456165328E-2</v>
      </c>
      <c r="P7159" s="58">
        <f>IF(Input!$K$13=3,J7159*Input!$J$13,0)+IF(Input!$K$14=3,K7159*Input!$J$14,0)+IF(Input!$K$15=3,L7159*Input!$J$15,0)+IF(Input!$K$16=3,M7159*Input!$J$16,0)</f>
        <v>0</v>
      </c>
      <c r="Q7159" s="71">
        <f>IF(Input!$K$13=4,J7159*Input!$J$13,0)+IF(Input!$K$14=4,K7159*Input!$J$14,0)+IF(Input!$K$15=4,L7159*Input!$J$15,0)+IF(Input!$K$16=4,M7159*Input!$J$16,0)</f>
        <v>0</v>
      </c>
    </row>
    <row r="7160" spans="8:17" x14ac:dyDescent="0.25">
      <c r="H7160" s="43">
        <v>7153</v>
      </c>
      <c r="I7160" s="55">
        <f>Bühler!I7186</f>
        <v>0.4357046626162196</v>
      </c>
      <c r="J7160" s="58">
        <f>Bühler!J7186</f>
        <v>8.353823533912081</v>
      </c>
      <c r="K7160" s="58">
        <f>Bühler!K7186</f>
        <v>0.59858537347247343</v>
      </c>
      <c r="L7160" s="58">
        <f>Bühler!L7186</f>
        <v>0.29929268673623671</v>
      </c>
      <c r="M7160" s="57">
        <f>Bühler!M7186</f>
        <v>0</v>
      </c>
      <c r="N7160" s="55">
        <f>IF(Input!$K$13=1,J7160*Input!$J$13,0)+IF(Input!$K$14=1,K7160*Input!$J$14,0)+IF(Input!$K$15=1,L7160*Input!$J$15,0)+IF(Input!$K$16=1,M7160*Input!$J$16,0)</f>
        <v>1.0024588240694496</v>
      </c>
      <c r="O7160" s="58">
        <f>IF(Input!$K$13=2,J7160*Input!$J$13,0)+IF(Input!$K$14=2,K7160*Input!$J$14,0)+IF(Input!$K$15=2,L7160*Input!$J$15,0)+IF(Input!$K$16=2,M7160*Input!$J$16,0)</f>
        <v>8.0809025418783903E-2</v>
      </c>
      <c r="P7160" s="58">
        <f>IF(Input!$K$13=3,J7160*Input!$J$13,0)+IF(Input!$K$14=3,K7160*Input!$J$14,0)+IF(Input!$K$15=3,L7160*Input!$J$15,0)+IF(Input!$K$16=3,M7160*Input!$J$16,0)</f>
        <v>0</v>
      </c>
      <c r="Q7160" s="71">
        <f>IF(Input!$K$13=4,J7160*Input!$J$13,0)+IF(Input!$K$14=4,K7160*Input!$J$14,0)+IF(Input!$K$15=4,L7160*Input!$J$15,0)+IF(Input!$K$16=4,M7160*Input!$J$16,0)</f>
        <v>0</v>
      </c>
    </row>
    <row r="7161" spans="8:17" x14ac:dyDescent="0.25">
      <c r="H7161" s="43">
        <v>7154</v>
      </c>
      <c r="I7161" s="55">
        <f>Bühler!I7187</f>
        <v>0.4357046626162196</v>
      </c>
      <c r="J7161" s="58">
        <f>Bühler!J7187</f>
        <v>8.353823533912081</v>
      </c>
      <c r="K7161" s="58">
        <f>Bühler!K7187</f>
        <v>0.59858537347247343</v>
      </c>
      <c r="L7161" s="58">
        <f>Bühler!L7187</f>
        <v>0.29929268673623671</v>
      </c>
      <c r="M7161" s="57">
        <f>Bühler!M7187</f>
        <v>0</v>
      </c>
      <c r="N7161" s="55">
        <f>IF(Input!$K$13=1,J7161*Input!$J$13,0)+IF(Input!$K$14=1,K7161*Input!$J$14,0)+IF(Input!$K$15=1,L7161*Input!$J$15,0)+IF(Input!$K$16=1,M7161*Input!$J$16,0)</f>
        <v>1.0024588240694496</v>
      </c>
      <c r="O7161" s="58">
        <f>IF(Input!$K$13=2,J7161*Input!$J$13,0)+IF(Input!$K$14=2,K7161*Input!$J$14,0)+IF(Input!$K$15=2,L7161*Input!$J$15,0)+IF(Input!$K$16=2,M7161*Input!$J$16,0)</f>
        <v>8.0809025418783903E-2</v>
      </c>
      <c r="P7161" s="58">
        <f>IF(Input!$K$13=3,J7161*Input!$J$13,0)+IF(Input!$K$14=3,K7161*Input!$J$14,0)+IF(Input!$K$15=3,L7161*Input!$J$15,0)+IF(Input!$K$16=3,M7161*Input!$J$16,0)</f>
        <v>0</v>
      </c>
      <c r="Q7161" s="71">
        <f>IF(Input!$K$13=4,J7161*Input!$J$13,0)+IF(Input!$K$14=4,K7161*Input!$J$14,0)+IF(Input!$K$15=4,L7161*Input!$J$15,0)+IF(Input!$K$16=4,M7161*Input!$J$16,0)</f>
        <v>0</v>
      </c>
    </row>
    <row r="7162" spans="8:17" x14ac:dyDescent="0.25">
      <c r="H7162" s="43">
        <v>7155</v>
      </c>
      <c r="I7162" s="55">
        <f>Bühler!I7188</f>
        <v>0.4357046626162196</v>
      </c>
      <c r="J7162" s="58">
        <f>Bühler!J7188</f>
        <v>8.353823533912081</v>
      </c>
      <c r="K7162" s="58">
        <f>Bühler!K7188</f>
        <v>0.59858537347247343</v>
      </c>
      <c r="L7162" s="58">
        <f>Bühler!L7188</f>
        <v>0.29929268673623671</v>
      </c>
      <c r="M7162" s="57">
        <f>Bühler!M7188</f>
        <v>0</v>
      </c>
      <c r="N7162" s="55">
        <f>IF(Input!$K$13=1,J7162*Input!$J$13,0)+IF(Input!$K$14=1,K7162*Input!$J$14,0)+IF(Input!$K$15=1,L7162*Input!$J$15,0)+IF(Input!$K$16=1,M7162*Input!$J$16,0)</f>
        <v>1.0024588240694496</v>
      </c>
      <c r="O7162" s="58">
        <f>IF(Input!$K$13=2,J7162*Input!$J$13,0)+IF(Input!$K$14=2,K7162*Input!$J$14,0)+IF(Input!$K$15=2,L7162*Input!$J$15,0)+IF(Input!$K$16=2,M7162*Input!$J$16,0)</f>
        <v>8.0809025418783903E-2</v>
      </c>
      <c r="P7162" s="58">
        <f>IF(Input!$K$13=3,J7162*Input!$J$13,0)+IF(Input!$K$14=3,K7162*Input!$J$14,0)+IF(Input!$K$15=3,L7162*Input!$J$15,0)+IF(Input!$K$16=3,M7162*Input!$J$16,0)</f>
        <v>0</v>
      </c>
      <c r="Q7162" s="71">
        <f>IF(Input!$K$13=4,J7162*Input!$J$13,0)+IF(Input!$K$14=4,K7162*Input!$J$14,0)+IF(Input!$K$15=4,L7162*Input!$J$15,0)+IF(Input!$K$16=4,M7162*Input!$J$16,0)</f>
        <v>0</v>
      </c>
    </row>
    <row r="7163" spans="8:17" x14ac:dyDescent="0.25">
      <c r="H7163" s="43">
        <v>7156</v>
      </c>
      <c r="I7163" s="55">
        <f>Bühler!I7189</f>
        <v>0.4357046626162196</v>
      </c>
      <c r="J7163" s="58">
        <f>Bühler!J7189</f>
        <v>8.353823533912081</v>
      </c>
      <c r="K7163" s="58">
        <f>Bühler!K7189</f>
        <v>0.59858537347247343</v>
      </c>
      <c r="L7163" s="58">
        <f>Bühler!L7189</f>
        <v>0.29929268673623671</v>
      </c>
      <c r="M7163" s="57">
        <f>Bühler!M7189</f>
        <v>0</v>
      </c>
      <c r="N7163" s="55">
        <f>IF(Input!$K$13=1,J7163*Input!$J$13,0)+IF(Input!$K$14=1,K7163*Input!$J$14,0)+IF(Input!$K$15=1,L7163*Input!$J$15,0)+IF(Input!$K$16=1,M7163*Input!$J$16,0)</f>
        <v>1.0024588240694496</v>
      </c>
      <c r="O7163" s="58">
        <f>IF(Input!$K$13=2,J7163*Input!$J$13,0)+IF(Input!$K$14=2,K7163*Input!$J$14,0)+IF(Input!$K$15=2,L7163*Input!$J$15,0)+IF(Input!$K$16=2,M7163*Input!$J$16,0)</f>
        <v>8.0809025418783903E-2</v>
      </c>
      <c r="P7163" s="58">
        <f>IF(Input!$K$13=3,J7163*Input!$J$13,0)+IF(Input!$K$14=3,K7163*Input!$J$14,0)+IF(Input!$K$15=3,L7163*Input!$J$15,0)+IF(Input!$K$16=3,M7163*Input!$J$16,0)</f>
        <v>0</v>
      </c>
      <c r="Q7163" s="71">
        <f>IF(Input!$K$13=4,J7163*Input!$J$13,0)+IF(Input!$K$14=4,K7163*Input!$J$14,0)+IF(Input!$K$15=4,L7163*Input!$J$15,0)+IF(Input!$K$16=4,M7163*Input!$J$16,0)</f>
        <v>0</v>
      </c>
    </row>
    <row r="7164" spans="8:17" x14ac:dyDescent="0.25">
      <c r="H7164" s="43">
        <v>7157</v>
      </c>
      <c r="I7164" s="55">
        <f>Bühler!I7190</f>
        <v>0.4357046626162196</v>
      </c>
      <c r="J7164" s="58">
        <f>Bühler!J7190</f>
        <v>8.353823533912081</v>
      </c>
      <c r="K7164" s="58">
        <f>Bühler!K7190</f>
        <v>0.59858537347247343</v>
      </c>
      <c r="L7164" s="58">
        <f>Bühler!L7190</f>
        <v>0.29929268673623671</v>
      </c>
      <c r="M7164" s="57">
        <f>Bühler!M7190</f>
        <v>0</v>
      </c>
      <c r="N7164" s="55">
        <f>IF(Input!$K$13=1,J7164*Input!$J$13,0)+IF(Input!$K$14=1,K7164*Input!$J$14,0)+IF(Input!$K$15=1,L7164*Input!$J$15,0)+IF(Input!$K$16=1,M7164*Input!$J$16,0)</f>
        <v>1.0024588240694496</v>
      </c>
      <c r="O7164" s="58">
        <f>IF(Input!$K$13=2,J7164*Input!$J$13,0)+IF(Input!$K$14=2,K7164*Input!$J$14,0)+IF(Input!$K$15=2,L7164*Input!$J$15,0)+IF(Input!$K$16=2,M7164*Input!$J$16,0)</f>
        <v>8.0809025418783903E-2</v>
      </c>
      <c r="P7164" s="58">
        <f>IF(Input!$K$13=3,J7164*Input!$J$13,0)+IF(Input!$K$14=3,K7164*Input!$J$14,0)+IF(Input!$K$15=3,L7164*Input!$J$15,0)+IF(Input!$K$16=3,M7164*Input!$J$16,0)</f>
        <v>0</v>
      </c>
      <c r="Q7164" s="71">
        <f>IF(Input!$K$13=4,J7164*Input!$J$13,0)+IF(Input!$K$14=4,K7164*Input!$J$14,0)+IF(Input!$K$15=4,L7164*Input!$J$15,0)+IF(Input!$K$16=4,M7164*Input!$J$16,0)</f>
        <v>0</v>
      </c>
    </row>
    <row r="7165" spans="8:17" x14ac:dyDescent="0.25">
      <c r="H7165" s="43">
        <v>7158</v>
      </c>
      <c r="I7165" s="55">
        <f>Bühler!I7191</f>
        <v>0.4357046626162196</v>
      </c>
      <c r="J7165" s="58">
        <f>Bühler!J7191</f>
        <v>8.353823533912081</v>
      </c>
      <c r="K7165" s="58">
        <f>Bühler!K7191</f>
        <v>0.59858537347247343</v>
      </c>
      <c r="L7165" s="58">
        <f>Bühler!L7191</f>
        <v>0.29929268673623671</v>
      </c>
      <c r="M7165" s="57">
        <f>Bühler!M7191</f>
        <v>0</v>
      </c>
      <c r="N7165" s="55">
        <f>IF(Input!$K$13=1,J7165*Input!$J$13,0)+IF(Input!$K$14=1,K7165*Input!$J$14,0)+IF(Input!$K$15=1,L7165*Input!$J$15,0)+IF(Input!$K$16=1,M7165*Input!$J$16,0)</f>
        <v>1.0024588240694496</v>
      </c>
      <c r="O7165" s="58">
        <f>IF(Input!$K$13=2,J7165*Input!$J$13,0)+IF(Input!$K$14=2,K7165*Input!$J$14,0)+IF(Input!$K$15=2,L7165*Input!$J$15,0)+IF(Input!$K$16=2,M7165*Input!$J$16,0)</f>
        <v>8.0809025418783903E-2</v>
      </c>
      <c r="P7165" s="58">
        <f>IF(Input!$K$13=3,J7165*Input!$J$13,0)+IF(Input!$K$14=3,K7165*Input!$J$14,0)+IF(Input!$K$15=3,L7165*Input!$J$15,0)+IF(Input!$K$16=3,M7165*Input!$J$16,0)</f>
        <v>0</v>
      </c>
      <c r="Q7165" s="71">
        <f>IF(Input!$K$13=4,J7165*Input!$J$13,0)+IF(Input!$K$14=4,K7165*Input!$J$14,0)+IF(Input!$K$15=4,L7165*Input!$J$15,0)+IF(Input!$K$16=4,M7165*Input!$J$16,0)</f>
        <v>0</v>
      </c>
    </row>
    <row r="7166" spans="8:17" x14ac:dyDescent="0.25">
      <c r="H7166" s="43">
        <v>7159</v>
      </c>
      <c r="I7166" s="55">
        <f>Bühler!I7192</f>
        <v>0.4357046626162196</v>
      </c>
      <c r="J7166" s="58">
        <f>Bühler!J7192</f>
        <v>8.353823533912081</v>
      </c>
      <c r="K7166" s="58">
        <f>Bühler!K7192</f>
        <v>0.59858537347247343</v>
      </c>
      <c r="L7166" s="58">
        <f>Bühler!L7192</f>
        <v>0.29929268673623671</v>
      </c>
      <c r="M7166" s="57">
        <f>Bühler!M7192</f>
        <v>0</v>
      </c>
      <c r="N7166" s="55">
        <f>IF(Input!$K$13=1,J7166*Input!$J$13,0)+IF(Input!$K$14=1,K7166*Input!$J$14,0)+IF(Input!$K$15=1,L7166*Input!$J$15,0)+IF(Input!$K$16=1,M7166*Input!$J$16,0)</f>
        <v>1.0024588240694496</v>
      </c>
      <c r="O7166" s="58">
        <f>IF(Input!$K$13=2,J7166*Input!$J$13,0)+IF(Input!$K$14=2,K7166*Input!$J$14,0)+IF(Input!$K$15=2,L7166*Input!$J$15,0)+IF(Input!$K$16=2,M7166*Input!$J$16,0)</f>
        <v>8.0809025418783903E-2</v>
      </c>
      <c r="P7166" s="58">
        <f>IF(Input!$K$13=3,J7166*Input!$J$13,0)+IF(Input!$K$14=3,K7166*Input!$J$14,0)+IF(Input!$K$15=3,L7166*Input!$J$15,0)+IF(Input!$K$16=3,M7166*Input!$J$16,0)</f>
        <v>0</v>
      </c>
      <c r="Q7166" s="71">
        <f>IF(Input!$K$13=4,J7166*Input!$J$13,0)+IF(Input!$K$14=4,K7166*Input!$J$14,0)+IF(Input!$K$15=4,L7166*Input!$J$15,0)+IF(Input!$K$16=4,M7166*Input!$J$16,0)</f>
        <v>0</v>
      </c>
    </row>
    <row r="7167" spans="8:17" x14ac:dyDescent="0.25">
      <c r="H7167" s="43">
        <v>7160</v>
      </c>
      <c r="I7167" s="55">
        <f>Bühler!I7193</f>
        <v>1.2003663455076847</v>
      </c>
      <c r="J7167" s="58">
        <f>Bühler!J7193</f>
        <v>33.520281394165679</v>
      </c>
      <c r="K7167" s="58">
        <f>Bühler!K7193</f>
        <v>2.4469444509526261</v>
      </c>
      <c r="L7167" s="58">
        <f>Bühler!L7193</f>
        <v>1.2234722254763131</v>
      </c>
      <c r="M7167" s="57">
        <f>Bühler!M7193</f>
        <v>0</v>
      </c>
      <c r="N7167" s="55">
        <f>IF(Input!$K$13=1,J7167*Input!$J$13,0)+IF(Input!$K$14=1,K7167*Input!$J$14,0)+IF(Input!$K$15=1,L7167*Input!$J$15,0)+IF(Input!$K$16=1,M7167*Input!$J$16,0)</f>
        <v>4.0224337672998809</v>
      </c>
      <c r="O7167" s="58">
        <f>IF(Input!$K$13=2,J7167*Input!$J$13,0)+IF(Input!$K$14=2,K7167*Input!$J$14,0)+IF(Input!$K$15=2,L7167*Input!$J$15,0)+IF(Input!$K$16=2,M7167*Input!$J$16,0)</f>
        <v>0.33033750087860453</v>
      </c>
      <c r="P7167" s="58">
        <f>IF(Input!$K$13=3,J7167*Input!$J$13,0)+IF(Input!$K$14=3,K7167*Input!$J$14,0)+IF(Input!$K$15=3,L7167*Input!$J$15,0)+IF(Input!$K$16=3,M7167*Input!$J$16,0)</f>
        <v>0</v>
      </c>
      <c r="Q7167" s="71">
        <f>IF(Input!$K$13=4,J7167*Input!$J$13,0)+IF(Input!$K$14=4,K7167*Input!$J$14,0)+IF(Input!$K$15=4,L7167*Input!$J$15,0)+IF(Input!$K$16=4,M7167*Input!$J$16,0)</f>
        <v>0</v>
      </c>
    </row>
    <row r="7168" spans="8:17" x14ac:dyDescent="0.25">
      <c r="H7168" s="43">
        <v>7161</v>
      </c>
      <c r="I7168" s="55">
        <f>Bühler!I7194</f>
        <v>1.3393561328822587</v>
      </c>
      <c r="J7168" s="58">
        <f>Bühler!J7194</f>
        <v>37.401577134542755</v>
      </c>
      <c r="K7168" s="58">
        <f>Bühler!K7194</f>
        <v>2.7302748610629299</v>
      </c>
      <c r="L7168" s="58">
        <f>Bühler!L7194</f>
        <v>1.365137430531465</v>
      </c>
      <c r="M7168" s="57">
        <f>Bühler!M7194</f>
        <v>0</v>
      </c>
      <c r="N7168" s="55">
        <f>IF(Input!$K$13=1,J7168*Input!$J$13,0)+IF(Input!$K$14=1,K7168*Input!$J$14,0)+IF(Input!$K$15=1,L7168*Input!$J$15,0)+IF(Input!$K$16=1,M7168*Input!$J$16,0)</f>
        <v>4.4881892561451302</v>
      </c>
      <c r="O7168" s="58">
        <f>IF(Input!$K$13=2,J7168*Input!$J$13,0)+IF(Input!$K$14=2,K7168*Input!$J$14,0)+IF(Input!$K$15=2,L7168*Input!$J$15,0)+IF(Input!$K$16=2,M7168*Input!$J$16,0)</f>
        <v>0.36858710624349555</v>
      </c>
      <c r="P7168" s="58">
        <f>IF(Input!$K$13=3,J7168*Input!$J$13,0)+IF(Input!$K$14=3,K7168*Input!$J$14,0)+IF(Input!$K$15=3,L7168*Input!$J$15,0)+IF(Input!$K$16=3,M7168*Input!$J$16,0)</f>
        <v>0</v>
      </c>
      <c r="Q7168" s="71">
        <f>IF(Input!$K$13=4,J7168*Input!$J$13,0)+IF(Input!$K$14=4,K7168*Input!$J$14,0)+IF(Input!$K$15=4,L7168*Input!$J$15,0)+IF(Input!$K$16=4,M7168*Input!$J$16,0)</f>
        <v>0</v>
      </c>
    </row>
    <row r="7169" spans="8:17" x14ac:dyDescent="0.25">
      <c r="H7169" s="43">
        <v>7162</v>
      </c>
      <c r="I7169" s="55">
        <f>Bühler!I7195</f>
        <v>1.4783459202568332</v>
      </c>
      <c r="J7169" s="58">
        <f>Bühler!J7195</f>
        <v>41.282872874919839</v>
      </c>
      <c r="K7169" s="58">
        <f>Bühler!K7195</f>
        <v>3.0136052711732346</v>
      </c>
      <c r="L7169" s="58">
        <f>Bühler!L7195</f>
        <v>1.5068026355866173</v>
      </c>
      <c r="M7169" s="57">
        <f>Bühler!M7195</f>
        <v>0</v>
      </c>
      <c r="N7169" s="55">
        <f>IF(Input!$K$13=1,J7169*Input!$J$13,0)+IF(Input!$K$14=1,K7169*Input!$J$14,0)+IF(Input!$K$15=1,L7169*Input!$J$15,0)+IF(Input!$K$16=1,M7169*Input!$J$16,0)</f>
        <v>4.9539447449903804</v>
      </c>
      <c r="O7169" s="58">
        <f>IF(Input!$K$13=2,J7169*Input!$J$13,0)+IF(Input!$K$14=2,K7169*Input!$J$14,0)+IF(Input!$K$15=2,L7169*Input!$J$15,0)+IF(Input!$K$16=2,M7169*Input!$J$16,0)</f>
        <v>0.40683671160838664</v>
      </c>
      <c r="P7169" s="58">
        <f>IF(Input!$K$13=3,J7169*Input!$J$13,0)+IF(Input!$K$14=3,K7169*Input!$J$14,0)+IF(Input!$K$15=3,L7169*Input!$J$15,0)+IF(Input!$K$16=3,M7169*Input!$J$16,0)</f>
        <v>0</v>
      </c>
      <c r="Q7169" s="71">
        <f>IF(Input!$K$13=4,J7169*Input!$J$13,0)+IF(Input!$K$14=4,K7169*Input!$J$14,0)+IF(Input!$K$15=4,L7169*Input!$J$15,0)+IF(Input!$K$16=4,M7169*Input!$J$16,0)</f>
        <v>0</v>
      </c>
    </row>
    <row r="7170" spans="8:17" x14ac:dyDescent="0.25">
      <c r="H7170" s="43">
        <v>7163</v>
      </c>
      <c r="I7170" s="55">
        <f>Bühler!I7196</f>
        <v>1.4783459202568332</v>
      </c>
      <c r="J7170" s="58">
        <f>Bühler!J7196</f>
        <v>41.282872874919839</v>
      </c>
      <c r="K7170" s="58">
        <f>Bühler!K7196</f>
        <v>3.0136052711732346</v>
      </c>
      <c r="L7170" s="58">
        <f>Bühler!L7196</f>
        <v>1.5068026355866173</v>
      </c>
      <c r="M7170" s="57">
        <f>Bühler!M7196</f>
        <v>0</v>
      </c>
      <c r="N7170" s="55">
        <f>IF(Input!$K$13=1,J7170*Input!$J$13,0)+IF(Input!$K$14=1,K7170*Input!$J$14,0)+IF(Input!$K$15=1,L7170*Input!$J$15,0)+IF(Input!$K$16=1,M7170*Input!$J$16,0)</f>
        <v>4.9539447449903804</v>
      </c>
      <c r="O7170" s="58">
        <f>IF(Input!$K$13=2,J7170*Input!$J$13,0)+IF(Input!$K$14=2,K7170*Input!$J$14,0)+IF(Input!$K$15=2,L7170*Input!$J$15,0)+IF(Input!$K$16=2,M7170*Input!$J$16,0)</f>
        <v>0.40683671160838664</v>
      </c>
      <c r="P7170" s="58">
        <f>IF(Input!$K$13=3,J7170*Input!$J$13,0)+IF(Input!$K$14=3,K7170*Input!$J$14,0)+IF(Input!$K$15=3,L7170*Input!$J$15,0)+IF(Input!$K$16=3,M7170*Input!$J$16,0)</f>
        <v>0</v>
      </c>
      <c r="Q7170" s="71">
        <f>IF(Input!$K$13=4,J7170*Input!$J$13,0)+IF(Input!$K$14=4,K7170*Input!$J$14,0)+IF(Input!$K$15=4,L7170*Input!$J$15,0)+IF(Input!$K$16=4,M7170*Input!$J$16,0)</f>
        <v>0</v>
      </c>
    </row>
    <row r="7171" spans="8:17" x14ac:dyDescent="0.25">
      <c r="H7171" s="43">
        <v>7164</v>
      </c>
      <c r="I7171" s="55">
        <f>Bühler!I7197</f>
        <v>1.7689609302218512</v>
      </c>
      <c r="J7171" s="58">
        <f>Bühler!J7197</f>
        <v>49.398309422981001</v>
      </c>
      <c r="K7171" s="58">
        <f>Bühler!K7197</f>
        <v>3.6060234014038697</v>
      </c>
      <c r="L7171" s="58">
        <f>Bühler!L7197</f>
        <v>1.8030117007019348</v>
      </c>
      <c r="M7171" s="57">
        <f>Bühler!M7197</f>
        <v>0</v>
      </c>
      <c r="N7171" s="55">
        <f>IF(Input!$K$13=1,J7171*Input!$J$13,0)+IF(Input!$K$14=1,K7171*Input!$J$14,0)+IF(Input!$K$15=1,L7171*Input!$J$15,0)+IF(Input!$K$16=1,M7171*Input!$J$16,0)</f>
        <v>5.9277971307577202</v>
      </c>
      <c r="O7171" s="58">
        <f>IF(Input!$K$13=2,J7171*Input!$J$13,0)+IF(Input!$K$14=2,K7171*Input!$J$14,0)+IF(Input!$K$15=2,L7171*Input!$J$15,0)+IF(Input!$K$16=2,M7171*Input!$J$16,0)</f>
        <v>0.48681315918952239</v>
      </c>
      <c r="P7171" s="58">
        <f>IF(Input!$K$13=3,J7171*Input!$J$13,0)+IF(Input!$K$14=3,K7171*Input!$J$14,0)+IF(Input!$K$15=3,L7171*Input!$J$15,0)+IF(Input!$K$16=3,M7171*Input!$J$16,0)</f>
        <v>0</v>
      </c>
      <c r="Q7171" s="71">
        <f>IF(Input!$K$13=4,J7171*Input!$J$13,0)+IF(Input!$K$14=4,K7171*Input!$J$14,0)+IF(Input!$K$15=4,L7171*Input!$J$15,0)+IF(Input!$K$16=4,M7171*Input!$J$16,0)</f>
        <v>0</v>
      </c>
    </row>
    <row r="7172" spans="8:17" x14ac:dyDescent="0.25">
      <c r="H7172" s="43">
        <v>7165</v>
      </c>
      <c r="I7172" s="55">
        <f>Bühler!I7198</f>
        <v>1.7689609302218512</v>
      </c>
      <c r="J7172" s="58">
        <f>Bühler!J7198</f>
        <v>49.398309422981001</v>
      </c>
      <c r="K7172" s="58">
        <f>Bühler!K7198</f>
        <v>3.6060234014038697</v>
      </c>
      <c r="L7172" s="58">
        <f>Bühler!L7198</f>
        <v>1.8030117007019348</v>
      </c>
      <c r="M7172" s="57">
        <f>Bühler!M7198</f>
        <v>0</v>
      </c>
      <c r="N7172" s="55">
        <f>IF(Input!$K$13=1,J7172*Input!$J$13,0)+IF(Input!$K$14=1,K7172*Input!$J$14,0)+IF(Input!$K$15=1,L7172*Input!$J$15,0)+IF(Input!$K$16=1,M7172*Input!$J$16,0)</f>
        <v>5.9277971307577202</v>
      </c>
      <c r="O7172" s="58">
        <f>IF(Input!$K$13=2,J7172*Input!$J$13,0)+IF(Input!$K$14=2,K7172*Input!$J$14,0)+IF(Input!$K$15=2,L7172*Input!$J$15,0)+IF(Input!$K$16=2,M7172*Input!$J$16,0)</f>
        <v>0.48681315918952239</v>
      </c>
      <c r="P7172" s="58">
        <f>IF(Input!$K$13=3,J7172*Input!$J$13,0)+IF(Input!$K$14=3,K7172*Input!$J$14,0)+IF(Input!$K$15=3,L7172*Input!$J$15,0)+IF(Input!$K$16=3,M7172*Input!$J$16,0)</f>
        <v>0</v>
      </c>
      <c r="Q7172" s="71">
        <f>IF(Input!$K$13=4,J7172*Input!$J$13,0)+IF(Input!$K$14=4,K7172*Input!$J$14,0)+IF(Input!$K$15=4,L7172*Input!$J$15,0)+IF(Input!$K$16=4,M7172*Input!$J$16,0)</f>
        <v>0</v>
      </c>
    </row>
    <row r="7173" spans="8:17" x14ac:dyDescent="0.25">
      <c r="H7173" s="43">
        <v>7166</v>
      </c>
      <c r="I7173" s="55">
        <f>Bühler!I7199</f>
        <v>1.1750954750759441</v>
      </c>
      <c r="J7173" s="58">
        <f>Bühler!J7199</f>
        <v>32.814591259551662</v>
      </c>
      <c r="K7173" s="58">
        <f>Bühler!K7199</f>
        <v>2.3954298309325708</v>
      </c>
      <c r="L7173" s="58">
        <f>Bühler!L7199</f>
        <v>1.1977149154662854</v>
      </c>
      <c r="M7173" s="57">
        <f>Bühler!M7199</f>
        <v>0</v>
      </c>
      <c r="N7173" s="55">
        <f>IF(Input!$K$13=1,J7173*Input!$J$13,0)+IF(Input!$K$14=1,K7173*Input!$J$14,0)+IF(Input!$K$15=1,L7173*Input!$J$15,0)+IF(Input!$K$16=1,M7173*Input!$J$16,0)</f>
        <v>3.9377509511461994</v>
      </c>
      <c r="O7173" s="58">
        <f>IF(Input!$K$13=2,J7173*Input!$J$13,0)+IF(Input!$K$14=2,K7173*Input!$J$14,0)+IF(Input!$K$15=2,L7173*Input!$J$15,0)+IF(Input!$K$16=2,M7173*Input!$J$16,0)</f>
        <v>0.32338302717589706</v>
      </c>
      <c r="P7173" s="58">
        <f>IF(Input!$K$13=3,J7173*Input!$J$13,0)+IF(Input!$K$14=3,K7173*Input!$J$14,0)+IF(Input!$K$15=3,L7173*Input!$J$15,0)+IF(Input!$K$16=3,M7173*Input!$J$16,0)</f>
        <v>0</v>
      </c>
      <c r="Q7173" s="71">
        <f>IF(Input!$K$13=4,J7173*Input!$J$13,0)+IF(Input!$K$14=4,K7173*Input!$J$14,0)+IF(Input!$K$15=4,L7173*Input!$J$15,0)+IF(Input!$K$16=4,M7173*Input!$J$16,0)</f>
        <v>0</v>
      </c>
    </row>
    <row r="7174" spans="8:17" x14ac:dyDescent="0.25">
      <c r="H7174" s="43">
        <v>7167</v>
      </c>
      <c r="I7174" s="55">
        <f>Bühler!I7200</f>
        <v>1.7689609302218512</v>
      </c>
      <c r="J7174" s="58">
        <f>Bühler!J7200</f>
        <v>49.398309422981001</v>
      </c>
      <c r="K7174" s="58">
        <f>Bühler!K7200</f>
        <v>3.6060234014038697</v>
      </c>
      <c r="L7174" s="58">
        <f>Bühler!L7200</f>
        <v>1.8030117007019348</v>
      </c>
      <c r="M7174" s="57">
        <f>Bühler!M7200</f>
        <v>0</v>
      </c>
      <c r="N7174" s="55">
        <f>IF(Input!$K$13=1,J7174*Input!$J$13,0)+IF(Input!$K$14=1,K7174*Input!$J$14,0)+IF(Input!$K$15=1,L7174*Input!$J$15,0)+IF(Input!$K$16=1,M7174*Input!$J$16,0)</f>
        <v>5.9277971307577202</v>
      </c>
      <c r="O7174" s="58">
        <f>IF(Input!$K$13=2,J7174*Input!$J$13,0)+IF(Input!$K$14=2,K7174*Input!$J$14,0)+IF(Input!$K$15=2,L7174*Input!$J$15,0)+IF(Input!$K$16=2,M7174*Input!$J$16,0)</f>
        <v>0.48681315918952239</v>
      </c>
      <c r="P7174" s="58">
        <f>IF(Input!$K$13=3,J7174*Input!$J$13,0)+IF(Input!$K$14=3,K7174*Input!$J$14,0)+IF(Input!$K$15=3,L7174*Input!$J$15,0)+IF(Input!$K$16=3,M7174*Input!$J$16,0)</f>
        <v>0</v>
      </c>
      <c r="Q7174" s="71">
        <f>IF(Input!$K$13=4,J7174*Input!$J$13,0)+IF(Input!$K$14=4,K7174*Input!$J$14,0)+IF(Input!$K$15=4,L7174*Input!$J$15,0)+IF(Input!$K$16=4,M7174*Input!$J$16,0)</f>
        <v>0</v>
      </c>
    </row>
    <row r="7175" spans="8:17" x14ac:dyDescent="0.25">
      <c r="H7175" s="43">
        <v>7168</v>
      </c>
      <c r="I7175" s="55">
        <f>Bühler!I7201</f>
        <v>1.7689609302218512</v>
      </c>
      <c r="J7175" s="58">
        <f>Bühler!J7201</f>
        <v>49.398309422981001</v>
      </c>
      <c r="K7175" s="58">
        <f>Bühler!K7201</f>
        <v>3.6060234014038697</v>
      </c>
      <c r="L7175" s="58">
        <f>Bühler!L7201</f>
        <v>1.8030117007019348</v>
      </c>
      <c r="M7175" s="57">
        <f>Bühler!M7201</f>
        <v>0</v>
      </c>
      <c r="N7175" s="55">
        <f>IF(Input!$K$13=1,J7175*Input!$J$13,0)+IF(Input!$K$14=1,K7175*Input!$J$14,0)+IF(Input!$K$15=1,L7175*Input!$J$15,0)+IF(Input!$K$16=1,M7175*Input!$J$16,0)</f>
        <v>5.9277971307577202</v>
      </c>
      <c r="O7175" s="58">
        <f>IF(Input!$K$13=2,J7175*Input!$J$13,0)+IF(Input!$K$14=2,K7175*Input!$J$14,0)+IF(Input!$K$15=2,L7175*Input!$J$15,0)+IF(Input!$K$16=2,M7175*Input!$J$16,0)</f>
        <v>0.48681315918952239</v>
      </c>
      <c r="P7175" s="58">
        <f>IF(Input!$K$13=3,J7175*Input!$J$13,0)+IF(Input!$K$14=3,K7175*Input!$J$14,0)+IF(Input!$K$15=3,L7175*Input!$J$15,0)+IF(Input!$K$16=3,M7175*Input!$J$16,0)</f>
        <v>0</v>
      </c>
      <c r="Q7175" s="71">
        <f>IF(Input!$K$13=4,J7175*Input!$J$13,0)+IF(Input!$K$14=4,K7175*Input!$J$14,0)+IF(Input!$K$15=4,L7175*Input!$J$15,0)+IF(Input!$K$16=4,M7175*Input!$J$16,0)</f>
        <v>0</v>
      </c>
    </row>
    <row r="7176" spans="8:17" x14ac:dyDescent="0.25">
      <c r="H7176" s="43">
        <v>7169</v>
      </c>
      <c r="I7176" s="55">
        <f>Bühler!I7202</f>
        <v>1.4781280679255251</v>
      </c>
      <c r="J7176" s="58">
        <f>Bühler!J7202</f>
        <v>29.581731437328994</v>
      </c>
      <c r="K7176" s="58">
        <f>Bühler!K7202</f>
        <v>2.1249780758272805</v>
      </c>
      <c r="L7176" s="58">
        <f>Bühler!L7202</f>
        <v>1.0624890379136402</v>
      </c>
      <c r="M7176" s="57">
        <f>Bühler!M7202</f>
        <v>0</v>
      </c>
      <c r="N7176" s="55">
        <f>IF(Input!$K$13=1,J7176*Input!$J$13,0)+IF(Input!$K$14=1,K7176*Input!$J$14,0)+IF(Input!$K$15=1,L7176*Input!$J$15,0)+IF(Input!$K$16=1,M7176*Input!$J$16,0)</f>
        <v>3.549807772479479</v>
      </c>
      <c r="O7176" s="58">
        <f>IF(Input!$K$13=2,J7176*Input!$J$13,0)+IF(Input!$K$14=2,K7176*Input!$J$14,0)+IF(Input!$K$15=2,L7176*Input!$J$15,0)+IF(Input!$K$16=2,M7176*Input!$J$16,0)</f>
        <v>0.28687204023668289</v>
      </c>
      <c r="P7176" s="58">
        <f>IF(Input!$K$13=3,J7176*Input!$J$13,0)+IF(Input!$K$14=3,K7176*Input!$J$14,0)+IF(Input!$K$15=3,L7176*Input!$J$15,0)+IF(Input!$K$16=3,M7176*Input!$J$16,0)</f>
        <v>0</v>
      </c>
      <c r="Q7176" s="71">
        <f>IF(Input!$K$13=4,J7176*Input!$J$13,0)+IF(Input!$K$14=4,K7176*Input!$J$14,0)+IF(Input!$K$15=4,L7176*Input!$J$15,0)+IF(Input!$K$16=4,M7176*Input!$J$16,0)</f>
        <v>0</v>
      </c>
    </row>
    <row r="7177" spans="8:17" x14ac:dyDescent="0.25">
      <c r="H7177" s="43">
        <v>7170</v>
      </c>
      <c r="I7177" s="55">
        <f>Bühler!I7203</f>
        <v>1.1753133274072523</v>
      </c>
      <c r="J7177" s="58">
        <f>Bühler!J7203</f>
        <v>13.215392694708125</v>
      </c>
      <c r="K7177" s="58">
        <f>Bühler!K7203</f>
        <v>0.9069475355643537</v>
      </c>
      <c r="L7177" s="58">
        <f>Bühler!L7203</f>
        <v>0.45347376778217685</v>
      </c>
      <c r="M7177" s="57">
        <f>Bühler!M7203</f>
        <v>0</v>
      </c>
      <c r="N7177" s="55">
        <f>IF(Input!$K$13=1,J7177*Input!$J$13,0)+IF(Input!$K$14=1,K7177*Input!$J$14,0)+IF(Input!$K$15=1,L7177*Input!$J$15,0)+IF(Input!$K$16=1,M7177*Input!$J$16,0)</f>
        <v>1.5858471233649749</v>
      </c>
      <c r="O7177" s="58">
        <f>IF(Input!$K$13=2,J7177*Input!$J$13,0)+IF(Input!$K$14=2,K7177*Input!$J$14,0)+IF(Input!$K$15=2,L7177*Input!$J$15,0)+IF(Input!$K$16=2,M7177*Input!$J$16,0)</f>
        <v>0.12243791730118775</v>
      </c>
      <c r="P7177" s="58">
        <f>IF(Input!$K$13=3,J7177*Input!$J$13,0)+IF(Input!$K$14=3,K7177*Input!$J$14,0)+IF(Input!$K$15=3,L7177*Input!$J$15,0)+IF(Input!$K$16=3,M7177*Input!$J$16,0)</f>
        <v>0</v>
      </c>
      <c r="Q7177" s="71">
        <f>IF(Input!$K$13=4,J7177*Input!$J$13,0)+IF(Input!$K$14=4,K7177*Input!$J$14,0)+IF(Input!$K$15=4,L7177*Input!$J$15,0)+IF(Input!$K$16=4,M7177*Input!$J$16,0)</f>
        <v>0</v>
      </c>
    </row>
    <row r="7178" spans="8:17" x14ac:dyDescent="0.25">
      <c r="H7178" s="43">
        <v>7171</v>
      </c>
      <c r="I7178" s="55">
        <f>Bühler!I7204</f>
        <v>0.4357046626162196</v>
      </c>
      <c r="J7178" s="58">
        <f>Bühler!J7204</f>
        <v>8.353823533912081</v>
      </c>
      <c r="K7178" s="58">
        <f>Bühler!K7204</f>
        <v>0.59858537347247343</v>
      </c>
      <c r="L7178" s="58">
        <f>Bühler!L7204</f>
        <v>0.29929268673623671</v>
      </c>
      <c r="M7178" s="57">
        <f>Bühler!M7204</f>
        <v>0</v>
      </c>
      <c r="N7178" s="55">
        <f>IF(Input!$K$13=1,J7178*Input!$J$13,0)+IF(Input!$K$14=1,K7178*Input!$J$14,0)+IF(Input!$K$15=1,L7178*Input!$J$15,0)+IF(Input!$K$16=1,M7178*Input!$J$16,0)</f>
        <v>1.0024588240694496</v>
      </c>
      <c r="O7178" s="58">
        <f>IF(Input!$K$13=2,J7178*Input!$J$13,0)+IF(Input!$K$14=2,K7178*Input!$J$14,0)+IF(Input!$K$15=2,L7178*Input!$J$15,0)+IF(Input!$K$16=2,M7178*Input!$J$16,0)</f>
        <v>8.0809025418783903E-2</v>
      </c>
      <c r="P7178" s="58">
        <f>IF(Input!$K$13=3,J7178*Input!$J$13,0)+IF(Input!$K$14=3,K7178*Input!$J$14,0)+IF(Input!$K$15=3,L7178*Input!$J$15,0)+IF(Input!$K$16=3,M7178*Input!$J$16,0)</f>
        <v>0</v>
      </c>
      <c r="Q7178" s="71">
        <f>IF(Input!$K$13=4,J7178*Input!$J$13,0)+IF(Input!$K$14=4,K7178*Input!$J$14,0)+IF(Input!$K$15=4,L7178*Input!$J$15,0)+IF(Input!$K$16=4,M7178*Input!$J$16,0)</f>
        <v>0</v>
      </c>
    </row>
    <row r="7179" spans="8:17" x14ac:dyDescent="0.25">
      <c r="H7179" s="43">
        <v>7172</v>
      </c>
      <c r="I7179" s="55">
        <f>Bühler!I7205</f>
        <v>0.4357046626162196</v>
      </c>
      <c r="J7179" s="58">
        <f>Bühler!J7205</f>
        <v>8.353823533912081</v>
      </c>
      <c r="K7179" s="58">
        <f>Bühler!K7205</f>
        <v>0.59858537347247343</v>
      </c>
      <c r="L7179" s="58">
        <f>Bühler!L7205</f>
        <v>0.29929268673623671</v>
      </c>
      <c r="M7179" s="57">
        <f>Bühler!M7205</f>
        <v>0</v>
      </c>
      <c r="N7179" s="55">
        <f>IF(Input!$K$13=1,J7179*Input!$J$13,0)+IF(Input!$K$14=1,K7179*Input!$J$14,0)+IF(Input!$K$15=1,L7179*Input!$J$15,0)+IF(Input!$K$16=1,M7179*Input!$J$16,0)</f>
        <v>1.0024588240694496</v>
      </c>
      <c r="O7179" s="58">
        <f>IF(Input!$K$13=2,J7179*Input!$J$13,0)+IF(Input!$K$14=2,K7179*Input!$J$14,0)+IF(Input!$K$15=2,L7179*Input!$J$15,0)+IF(Input!$K$16=2,M7179*Input!$J$16,0)</f>
        <v>8.0809025418783903E-2</v>
      </c>
      <c r="P7179" s="58">
        <f>IF(Input!$K$13=3,J7179*Input!$J$13,0)+IF(Input!$K$14=3,K7179*Input!$J$14,0)+IF(Input!$K$15=3,L7179*Input!$J$15,0)+IF(Input!$K$16=3,M7179*Input!$J$16,0)</f>
        <v>0</v>
      </c>
      <c r="Q7179" s="71">
        <f>IF(Input!$K$13=4,J7179*Input!$J$13,0)+IF(Input!$K$14=4,K7179*Input!$J$14,0)+IF(Input!$K$15=4,L7179*Input!$J$15,0)+IF(Input!$K$16=4,M7179*Input!$J$16,0)</f>
        <v>0</v>
      </c>
    </row>
    <row r="7180" spans="8:17" x14ac:dyDescent="0.25">
      <c r="H7180" s="43">
        <v>7173</v>
      </c>
      <c r="I7180" s="55">
        <f>Bühler!I7206</f>
        <v>0.4357046626162196</v>
      </c>
      <c r="J7180" s="58">
        <f>Bühler!J7206</f>
        <v>8.353823533912081</v>
      </c>
      <c r="K7180" s="58">
        <f>Bühler!K7206</f>
        <v>0.59858537347247343</v>
      </c>
      <c r="L7180" s="58">
        <f>Bühler!L7206</f>
        <v>0.29929268673623671</v>
      </c>
      <c r="M7180" s="57">
        <f>Bühler!M7206</f>
        <v>0</v>
      </c>
      <c r="N7180" s="55">
        <f>IF(Input!$K$13=1,J7180*Input!$J$13,0)+IF(Input!$K$14=1,K7180*Input!$J$14,0)+IF(Input!$K$15=1,L7180*Input!$J$15,0)+IF(Input!$K$16=1,M7180*Input!$J$16,0)</f>
        <v>1.0024588240694496</v>
      </c>
      <c r="O7180" s="58">
        <f>IF(Input!$K$13=2,J7180*Input!$J$13,0)+IF(Input!$K$14=2,K7180*Input!$J$14,0)+IF(Input!$K$15=2,L7180*Input!$J$15,0)+IF(Input!$K$16=2,M7180*Input!$J$16,0)</f>
        <v>8.0809025418783903E-2</v>
      </c>
      <c r="P7180" s="58">
        <f>IF(Input!$K$13=3,J7180*Input!$J$13,0)+IF(Input!$K$14=3,K7180*Input!$J$14,0)+IF(Input!$K$15=3,L7180*Input!$J$15,0)+IF(Input!$K$16=3,M7180*Input!$J$16,0)</f>
        <v>0</v>
      </c>
      <c r="Q7180" s="71">
        <f>IF(Input!$K$13=4,J7180*Input!$J$13,0)+IF(Input!$K$14=4,K7180*Input!$J$14,0)+IF(Input!$K$15=4,L7180*Input!$J$15,0)+IF(Input!$K$16=4,M7180*Input!$J$16,0)</f>
        <v>0</v>
      </c>
    </row>
    <row r="7181" spans="8:17" x14ac:dyDescent="0.25">
      <c r="H7181" s="43">
        <v>7174</v>
      </c>
      <c r="I7181" s="55">
        <f>Bühler!I7207</f>
        <v>0.4357046626162196</v>
      </c>
      <c r="J7181" s="58">
        <f>Bühler!J7207</f>
        <v>8.353823533912081</v>
      </c>
      <c r="K7181" s="58">
        <f>Bühler!K7207</f>
        <v>0.59858537347247343</v>
      </c>
      <c r="L7181" s="58">
        <f>Bühler!L7207</f>
        <v>0.29929268673623671</v>
      </c>
      <c r="M7181" s="57">
        <f>Bühler!M7207</f>
        <v>0</v>
      </c>
      <c r="N7181" s="55">
        <f>IF(Input!$K$13=1,J7181*Input!$J$13,0)+IF(Input!$K$14=1,K7181*Input!$J$14,0)+IF(Input!$K$15=1,L7181*Input!$J$15,0)+IF(Input!$K$16=1,M7181*Input!$J$16,0)</f>
        <v>1.0024588240694496</v>
      </c>
      <c r="O7181" s="58">
        <f>IF(Input!$K$13=2,J7181*Input!$J$13,0)+IF(Input!$K$14=2,K7181*Input!$J$14,0)+IF(Input!$K$15=2,L7181*Input!$J$15,0)+IF(Input!$K$16=2,M7181*Input!$J$16,0)</f>
        <v>8.0809025418783903E-2</v>
      </c>
      <c r="P7181" s="58">
        <f>IF(Input!$K$13=3,J7181*Input!$J$13,0)+IF(Input!$K$14=3,K7181*Input!$J$14,0)+IF(Input!$K$15=3,L7181*Input!$J$15,0)+IF(Input!$K$16=3,M7181*Input!$J$16,0)</f>
        <v>0</v>
      </c>
      <c r="Q7181" s="71">
        <f>IF(Input!$K$13=4,J7181*Input!$J$13,0)+IF(Input!$K$14=4,K7181*Input!$J$14,0)+IF(Input!$K$15=4,L7181*Input!$J$15,0)+IF(Input!$K$16=4,M7181*Input!$J$16,0)</f>
        <v>0</v>
      </c>
    </row>
    <row r="7182" spans="8:17" x14ac:dyDescent="0.25">
      <c r="H7182" s="43">
        <v>7175</v>
      </c>
      <c r="I7182" s="55">
        <f>Bühler!I7208</f>
        <v>0.4357046626162196</v>
      </c>
      <c r="J7182" s="58">
        <f>Bühler!J7208</f>
        <v>8.353823533912081</v>
      </c>
      <c r="K7182" s="58">
        <f>Bühler!K7208</f>
        <v>0.59858537347247343</v>
      </c>
      <c r="L7182" s="58">
        <f>Bühler!L7208</f>
        <v>0.29929268673623671</v>
      </c>
      <c r="M7182" s="57">
        <f>Bühler!M7208</f>
        <v>0</v>
      </c>
      <c r="N7182" s="55">
        <f>IF(Input!$K$13=1,J7182*Input!$J$13,0)+IF(Input!$K$14=1,K7182*Input!$J$14,0)+IF(Input!$K$15=1,L7182*Input!$J$15,0)+IF(Input!$K$16=1,M7182*Input!$J$16,0)</f>
        <v>1.0024588240694496</v>
      </c>
      <c r="O7182" s="58">
        <f>IF(Input!$K$13=2,J7182*Input!$J$13,0)+IF(Input!$K$14=2,K7182*Input!$J$14,0)+IF(Input!$K$15=2,L7182*Input!$J$15,0)+IF(Input!$K$16=2,M7182*Input!$J$16,0)</f>
        <v>8.0809025418783903E-2</v>
      </c>
      <c r="P7182" s="58">
        <f>IF(Input!$K$13=3,J7182*Input!$J$13,0)+IF(Input!$K$14=3,K7182*Input!$J$14,0)+IF(Input!$K$15=3,L7182*Input!$J$15,0)+IF(Input!$K$16=3,M7182*Input!$J$16,0)</f>
        <v>0</v>
      </c>
      <c r="Q7182" s="71">
        <f>IF(Input!$K$13=4,J7182*Input!$J$13,0)+IF(Input!$K$14=4,K7182*Input!$J$14,0)+IF(Input!$K$15=4,L7182*Input!$J$15,0)+IF(Input!$K$16=4,M7182*Input!$J$16,0)</f>
        <v>0</v>
      </c>
    </row>
    <row r="7183" spans="8:17" x14ac:dyDescent="0.25">
      <c r="H7183" s="43">
        <v>7176</v>
      </c>
      <c r="I7183" s="55">
        <f>Bühler!I7209</f>
        <v>0.4357046626162196</v>
      </c>
      <c r="J7183" s="58">
        <f>Bühler!J7209</f>
        <v>8.353823533912081</v>
      </c>
      <c r="K7183" s="58">
        <f>Bühler!K7209</f>
        <v>0.59858537347247343</v>
      </c>
      <c r="L7183" s="58">
        <f>Bühler!L7209</f>
        <v>0.29929268673623671</v>
      </c>
      <c r="M7183" s="57">
        <f>Bühler!M7209</f>
        <v>0</v>
      </c>
      <c r="N7183" s="55">
        <f>IF(Input!$K$13=1,J7183*Input!$J$13,0)+IF(Input!$K$14=1,K7183*Input!$J$14,0)+IF(Input!$K$15=1,L7183*Input!$J$15,0)+IF(Input!$K$16=1,M7183*Input!$J$16,0)</f>
        <v>1.0024588240694496</v>
      </c>
      <c r="O7183" s="58">
        <f>IF(Input!$K$13=2,J7183*Input!$J$13,0)+IF(Input!$K$14=2,K7183*Input!$J$14,0)+IF(Input!$K$15=2,L7183*Input!$J$15,0)+IF(Input!$K$16=2,M7183*Input!$J$16,0)</f>
        <v>8.0809025418783903E-2</v>
      </c>
      <c r="P7183" s="58">
        <f>IF(Input!$K$13=3,J7183*Input!$J$13,0)+IF(Input!$K$14=3,K7183*Input!$J$14,0)+IF(Input!$K$15=3,L7183*Input!$J$15,0)+IF(Input!$K$16=3,M7183*Input!$J$16,0)</f>
        <v>0</v>
      </c>
      <c r="Q7183" s="71">
        <f>IF(Input!$K$13=4,J7183*Input!$J$13,0)+IF(Input!$K$14=4,K7183*Input!$J$14,0)+IF(Input!$K$15=4,L7183*Input!$J$15,0)+IF(Input!$K$16=4,M7183*Input!$J$16,0)</f>
        <v>0</v>
      </c>
    </row>
    <row r="7184" spans="8:17" x14ac:dyDescent="0.25">
      <c r="H7184" s="43">
        <v>7177</v>
      </c>
      <c r="I7184" s="55">
        <f>Bühler!I7210</f>
        <v>0.55132060396231264</v>
      </c>
      <c r="J7184" s="58">
        <f>Bühler!J7210</f>
        <v>14.167740436372043</v>
      </c>
      <c r="K7184" s="58">
        <f>Bühler!K7210</f>
        <v>0.93280003434312964</v>
      </c>
      <c r="L7184" s="58">
        <f>Bühler!L7210</f>
        <v>0.46640001717156482</v>
      </c>
      <c r="M7184" s="57">
        <f>Bühler!M7210</f>
        <v>0</v>
      </c>
      <c r="N7184" s="55">
        <f>IF(Input!$K$13=1,J7184*Input!$J$13,0)+IF(Input!$K$14=1,K7184*Input!$J$14,0)+IF(Input!$K$15=1,L7184*Input!$J$15,0)+IF(Input!$K$16=1,M7184*Input!$J$16,0)</f>
        <v>1.7001288523646452</v>
      </c>
      <c r="O7184" s="58">
        <f>IF(Input!$K$13=2,J7184*Input!$J$13,0)+IF(Input!$K$14=2,K7184*Input!$J$14,0)+IF(Input!$K$15=2,L7184*Input!$J$15,0)+IF(Input!$K$16=2,M7184*Input!$J$16,0)</f>
        <v>0.12592800463632248</v>
      </c>
      <c r="P7184" s="58">
        <f>IF(Input!$K$13=3,J7184*Input!$J$13,0)+IF(Input!$K$14=3,K7184*Input!$J$14,0)+IF(Input!$K$15=3,L7184*Input!$J$15,0)+IF(Input!$K$16=3,M7184*Input!$J$16,0)</f>
        <v>0</v>
      </c>
      <c r="Q7184" s="71">
        <f>IF(Input!$K$13=4,J7184*Input!$J$13,0)+IF(Input!$K$14=4,K7184*Input!$J$14,0)+IF(Input!$K$15=4,L7184*Input!$J$15,0)+IF(Input!$K$16=4,M7184*Input!$J$16,0)</f>
        <v>0</v>
      </c>
    </row>
    <row r="7185" spans="8:17" x14ac:dyDescent="0.25">
      <c r="H7185" s="43">
        <v>7178</v>
      </c>
      <c r="I7185" s="55">
        <f>Bühler!I7211</f>
        <v>0.55132060396231264</v>
      </c>
      <c r="J7185" s="58">
        <f>Bühler!J7211</f>
        <v>8.8217951686841438</v>
      </c>
      <c r="K7185" s="58">
        <f>Bühler!K7211</f>
        <v>0.56533335414735131</v>
      </c>
      <c r="L7185" s="58">
        <f>Bühler!L7211</f>
        <v>0.28266667707367565</v>
      </c>
      <c r="M7185" s="57">
        <f>Bühler!M7211</f>
        <v>0</v>
      </c>
      <c r="N7185" s="55">
        <f>IF(Input!$K$13=1,J7185*Input!$J$13,0)+IF(Input!$K$14=1,K7185*Input!$J$14,0)+IF(Input!$K$15=1,L7185*Input!$J$15,0)+IF(Input!$K$16=1,M7185*Input!$J$16,0)</f>
        <v>1.0586154202420972</v>
      </c>
      <c r="O7185" s="58">
        <f>IF(Input!$K$13=2,J7185*Input!$J$13,0)+IF(Input!$K$14=2,K7185*Input!$J$14,0)+IF(Input!$K$15=2,L7185*Input!$J$15,0)+IF(Input!$K$16=2,M7185*Input!$J$16,0)</f>
        <v>7.6320002809892429E-2</v>
      </c>
      <c r="P7185" s="58">
        <f>IF(Input!$K$13=3,J7185*Input!$J$13,0)+IF(Input!$K$14=3,K7185*Input!$J$14,0)+IF(Input!$K$15=3,L7185*Input!$J$15,0)+IF(Input!$K$16=3,M7185*Input!$J$16,0)</f>
        <v>0</v>
      </c>
      <c r="Q7185" s="71">
        <f>IF(Input!$K$13=4,J7185*Input!$J$13,0)+IF(Input!$K$14=4,K7185*Input!$J$14,0)+IF(Input!$K$15=4,L7185*Input!$J$15,0)+IF(Input!$K$16=4,M7185*Input!$J$16,0)</f>
        <v>0</v>
      </c>
    </row>
    <row r="7186" spans="8:17" x14ac:dyDescent="0.25">
      <c r="H7186" s="43">
        <v>7179</v>
      </c>
      <c r="I7186" s="55">
        <f>Bühler!I7212</f>
        <v>0.55132060396231264</v>
      </c>
      <c r="J7186" s="58">
        <f>Bühler!J7212</f>
        <v>8.8217951686841438</v>
      </c>
      <c r="K7186" s="58">
        <f>Bühler!K7212</f>
        <v>0.56533335414735131</v>
      </c>
      <c r="L7186" s="58">
        <f>Bühler!L7212</f>
        <v>0.28266667707367565</v>
      </c>
      <c r="M7186" s="57">
        <f>Bühler!M7212</f>
        <v>0</v>
      </c>
      <c r="N7186" s="55">
        <f>IF(Input!$K$13=1,J7186*Input!$J$13,0)+IF(Input!$K$14=1,K7186*Input!$J$14,0)+IF(Input!$K$15=1,L7186*Input!$J$15,0)+IF(Input!$K$16=1,M7186*Input!$J$16,0)</f>
        <v>1.0586154202420972</v>
      </c>
      <c r="O7186" s="58">
        <f>IF(Input!$K$13=2,J7186*Input!$J$13,0)+IF(Input!$K$14=2,K7186*Input!$J$14,0)+IF(Input!$K$15=2,L7186*Input!$J$15,0)+IF(Input!$K$16=2,M7186*Input!$J$16,0)</f>
        <v>7.6320002809892429E-2</v>
      </c>
      <c r="P7186" s="58">
        <f>IF(Input!$K$13=3,J7186*Input!$J$13,0)+IF(Input!$K$14=3,K7186*Input!$J$14,0)+IF(Input!$K$15=3,L7186*Input!$J$15,0)+IF(Input!$K$16=3,M7186*Input!$J$16,0)</f>
        <v>0</v>
      </c>
      <c r="Q7186" s="71">
        <f>IF(Input!$K$13=4,J7186*Input!$J$13,0)+IF(Input!$K$14=4,K7186*Input!$J$14,0)+IF(Input!$K$15=4,L7186*Input!$J$15,0)+IF(Input!$K$16=4,M7186*Input!$J$16,0)</f>
        <v>0</v>
      </c>
    </row>
    <row r="7187" spans="8:17" x14ac:dyDescent="0.25">
      <c r="H7187" s="43">
        <v>7180</v>
      </c>
      <c r="I7187" s="55">
        <f>Bühler!I7213</f>
        <v>0.55132060396231264</v>
      </c>
      <c r="J7187" s="58">
        <f>Bühler!J7213</f>
        <v>8.8217951686841438</v>
      </c>
      <c r="K7187" s="58">
        <f>Bühler!K7213</f>
        <v>0.56533335414735131</v>
      </c>
      <c r="L7187" s="58">
        <f>Bühler!L7213</f>
        <v>0.28266667707367565</v>
      </c>
      <c r="M7187" s="57">
        <f>Bühler!M7213</f>
        <v>0</v>
      </c>
      <c r="N7187" s="55">
        <f>IF(Input!$K$13=1,J7187*Input!$J$13,0)+IF(Input!$K$14=1,K7187*Input!$J$14,0)+IF(Input!$K$15=1,L7187*Input!$J$15,0)+IF(Input!$K$16=1,M7187*Input!$J$16,0)</f>
        <v>1.0586154202420972</v>
      </c>
      <c r="O7187" s="58">
        <f>IF(Input!$K$13=2,J7187*Input!$J$13,0)+IF(Input!$K$14=2,K7187*Input!$J$14,0)+IF(Input!$K$15=2,L7187*Input!$J$15,0)+IF(Input!$K$16=2,M7187*Input!$J$16,0)</f>
        <v>7.6320002809892429E-2</v>
      </c>
      <c r="P7187" s="58">
        <f>IF(Input!$K$13=3,J7187*Input!$J$13,0)+IF(Input!$K$14=3,K7187*Input!$J$14,0)+IF(Input!$K$15=3,L7187*Input!$J$15,0)+IF(Input!$K$16=3,M7187*Input!$J$16,0)</f>
        <v>0</v>
      </c>
      <c r="Q7187" s="71">
        <f>IF(Input!$K$13=4,J7187*Input!$J$13,0)+IF(Input!$K$14=4,K7187*Input!$J$14,0)+IF(Input!$K$15=4,L7187*Input!$J$15,0)+IF(Input!$K$16=4,M7187*Input!$J$16,0)</f>
        <v>0</v>
      </c>
    </row>
    <row r="7188" spans="8:17" x14ac:dyDescent="0.25">
      <c r="H7188" s="43">
        <v>7181</v>
      </c>
      <c r="I7188" s="55">
        <f>Bühler!I7214</f>
        <v>0.55132060396231264</v>
      </c>
      <c r="J7188" s="58">
        <f>Bühler!J7214</f>
        <v>8.8217951686841438</v>
      </c>
      <c r="K7188" s="58">
        <f>Bühler!K7214</f>
        <v>0.56533335414735131</v>
      </c>
      <c r="L7188" s="58">
        <f>Bühler!L7214</f>
        <v>0.28266667707367565</v>
      </c>
      <c r="M7188" s="57">
        <f>Bühler!M7214</f>
        <v>0</v>
      </c>
      <c r="N7188" s="55">
        <f>IF(Input!$K$13=1,J7188*Input!$J$13,0)+IF(Input!$K$14=1,K7188*Input!$J$14,0)+IF(Input!$K$15=1,L7188*Input!$J$15,0)+IF(Input!$K$16=1,M7188*Input!$J$16,0)</f>
        <v>1.0586154202420972</v>
      </c>
      <c r="O7188" s="58">
        <f>IF(Input!$K$13=2,J7188*Input!$J$13,0)+IF(Input!$K$14=2,K7188*Input!$J$14,0)+IF(Input!$K$15=2,L7188*Input!$J$15,0)+IF(Input!$K$16=2,M7188*Input!$J$16,0)</f>
        <v>7.6320002809892429E-2</v>
      </c>
      <c r="P7188" s="58">
        <f>IF(Input!$K$13=3,J7188*Input!$J$13,0)+IF(Input!$K$14=3,K7188*Input!$J$14,0)+IF(Input!$K$15=3,L7188*Input!$J$15,0)+IF(Input!$K$16=3,M7188*Input!$J$16,0)</f>
        <v>0</v>
      </c>
      <c r="Q7188" s="71">
        <f>IF(Input!$K$13=4,J7188*Input!$J$13,0)+IF(Input!$K$14=4,K7188*Input!$J$14,0)+IF(Input!$K$15=4,L7188*Input!$J$15,0)+IF(Input!$K$16=4,M7188*Input!$J$16,0)</f>
        <v>0</v>
      </c>
    </row>
    <row r="7189" spans="8:17" x14ac:dyDescent="0.25">
      <c r="H7189" s="43">
        <v>7182</v>
      </c>
      <c r="I7189" s="55">
        <f>Bühler!I7215</f>
        <v>0.55132060396231264</v>
      </c>
      <c r="J7189" s="58">
        <f>Bühler!J7215</f>
        <v>8.8217951686841438</v>
      </c>
      <c r="K7189" s="58">
        <f>Bühler!K7215</f>
        <v>0.56533335414735131</v>
      </c>
      <c r="L7189" s="58">
        <f>Bühler!L7215</f>
        <v>0.28266667707367565</v>
      </c>
      <c r="M7189" s="57">
        <f>Bühler!M7215</f>
        <v>0</v>
      </c>
      <c r="N7189" s="55">
        <f>IF(Input!$K$13=1,J7189*Input!$J$13,0)+IF(Input!$K$14=1,K7189*Input!$J$14,0)+IF(Input!$K$15=1,L7189*Input!$J$15,0)+IF(Input!$K$16=1,M7189*Input!$J$16,0)</f>
        <v>1.0586154202420972</v>
      </c>
      <c r="O7189" s="58">
        <f>IF(Input!$K$13=2,J7189*Input!$J$13,0)+IF(Input!$K$14=2,K7189*Input!$J$14,0)+IF(Input!$K$15=2,L7189*Input!$J$15,0)+IF(Input!$K$16=2,M7189*Input!$J$16,0)</f>
        <v>7.6320002809892429E-2</v>
      </c>
      <c r="P7189" s="58">
        <f>IF(Input!$K$13=3,J7189*Input!$J$13,0)+IF(Input!$K$14=3,K7189*Input!$J$14,0)+IF(Input!$K$15=3,L7189*Input!$J$15,0)+IF(Input!$K$16=3,M7189*Input!$J$16,0)</f>
        <v>0</v>
      </c>
      <c r="Q7189" s="71">
        <f>IF(Input!$K$13=4,J7189*Input!$J$13,0)+IF(Input!$K$14=4,K7189*Input!$J$14,0)+IF(Input!$K$15=4,L7189*Input!$J$15,0)+IF(Input!$K$16=4,M7189*Input!$J$16,0)</f>
        <v>0</v>
      </c>
    </row>
    <row r="7190" spans="8:17" x14ac:dyDescent="0.25">
      <c r="H7190" s="43">
        <v>7183</v>
      </c>
      <c r="I7190" s="55">
        <f>Bühler!I7216</f>
        <v>0.55132060396231264</v>
      </c>
      <c r="J7190" s="58">
        <f>Bühler!J7216</f>
        <v>8.8217951686841438</v>
      </c>
      <c r="K7190" s="58">
        <f>Bühler!K7216</f>
        <v>0.56533335414735131</v>
      </c>
      <c r="L7190" s="58">
        <f>Bühler!L7216</f>
        <v>0.28266667707367565</v>
      </c>
      <c r="M7190" s="57">
        <f>Bühler!M7216</f>
        <v>0</v>
      </c>
      <c r="N7190" s="55">
        <f>IF(Input!$K$13=1,J7190*Input!$J$13,0)+IF(Input!$K$14=1,K7190*Input!$J$14,0)+IF(Input!$K$15=1,L7190*Input!$J$15,0)+IF(Input!$K$16=1,M7190*Input!$J$16,0)</f>
        <v>1.0586154202420972</v>
      </c>
      <c r="O7190" s="58">
        <f>IF(Input!$K$13=2,J7190*Input!$J$13,0)+IF(Input!$K$14=2,K7190*Input!$J$14,0)+IF(Input!$K$15=2,L7190*Input!$J$15,0)+IF(Input!$K$16=2,M7190*Input!$J$16,0)</f>
        <v>7.6320002809892429E-2</v>
      </c>
      <c r="P7190" s="58">
        <f>IF(Input!$K$13=3,J7190*Input!$J$13,0)+IF(Input!$K$14=3,K7190*Input!$J$14,0)+IF(Input!$K$15=3,L7190*Input!$J$15,0)+IF(Input!$K$16=3,M7190*Input!$J$16,0)</f>
        <v>0</v>
      </c>
      <c r="Q7190" s="71">
        <f>IF(Input!$K$13=4,J7190*Input!$J$13,0)+IF(Input!$K$14=4,K7190*Input!$J$14,0)+IF(Input!$K$15=4,L7190*Input!$J$15,0)+IF(Input!$K$16=4,M7190*Input!$J$16,0)</f>
        <v>0</v>
      </c>
    </row>
    <row r="7191" spans="8:17" x14ac:dyDescent="0.25">
      <c r="H7191" s="43">
        <v>7184</v>
      </c>
      <c r="I7191" s="55">
        <f>Bühler!I7217</f>
        <v>1.49390099138175</v>
      </c>
      <c r="J7191" s="58">
        <f>Bühler!J7217</f>
        <v>36.654895571971942</v>
      </c>
      <c r="K7191" s="58">
        <f>Bühler!K7217</f>
        <v>2.4083200886677165</v>
      </c>
      <c r="L7191" s="58">
        <f>Bühler!L7217</f>
        <v>1.2041600443338583</v>
      </c>
      <c r="M7191" s="57">
        <f>Bühler!M7217</f>
        <v>0</v>
      </c>
      <c r="N7191" s="55">
        <f>IF(Input!$K$13=1,J7191*Input!$J$13,0)+IF(Input!$K$14=1,K7191*Input!$J$14,0)+IF(Input!$K$15=1,L7191*Input!$J$15,0)+IF(Input!$K$16=1,M7191*Input!$J$16,0)</f>
        <v>4.3985874686366326</v>
      </c>
      <c r="O7191" s="58">
        <f>IF(Input!$K$13=2,J7191*Input!$J$13,0)+IF(Input!$K$14=2,K7191*Input!$J$14,0)+IF(Input!$K$15=2,L7191*Input!$J$15,0)+IF(Input!$K$16=2,M7191*Input!$J$16,0)</f>
        <v>0.32512321197014171</v>
      </c>
      <c r="P7191" s="58">
        <f>IF(Input!$K$13=3,J7191*Input!$J$13,0)+IF(Input!$K$14=3,K7191*Input!$J$14,0)+IF(Input!$K$15=3,L7191*Input!$J$15,0)+IF(Input!$K$16=3,M7191*Input!$J$16,0)</f>
        <v>0</v>
      </c>
      <c r="Q7191" s="71">
        <f>IF(Input!$K$13=4,J7191*Input!$J$13,0)+IF(Input!$K$14=4,K7191*Input!$J$14,0)+IF(Input!$K$15=4,L7191*Input!$J$15,0)+IF(Input!$K$16=4,M7191*Input!$J$16,0)</f>
        <v>0</v>
      </c>
    </row>
    <row r="7192" spans="8:17" x14ac:dyDescent="0.25">
      <c r="H7192" s="43">
        <v>7185</v>
      </c>
      <c r="I7192" s="55">
        <f>Bühler!I7218</f>
        <v>1.8673762392271875</v>
      </c>
      <c r="J7192" s="58">
        <f>Bühler!J7218</f>
        <v>45.818619464964918</v>
      </c>
      <c r="K7192" s="58">
        <f>Bühler!K7218</f>
        <v>3.0104001108346452</v>
      </c>
      <c r="L7192" s="58">
        <f>Bühler!L7218</f>
        <v>1.5052000554173226</v>
      </c>
      <c r="M7192" s="57">
        <f>Bühler!M7218</f>
        <v>0</v>
      </c>
      <c r="N7192" s="55">
        <f>IF(Input!$K$13=1,J7192*Input!$J$13,0)+IF(Input!$K$14=1,K7192*Input!$J$14,0)+IF(Input!$K$15=1,L7192*Input!$J$15,0)+IF(Input!$K$16=1,M7192*Input!$J$16,0)</f>
        <v>5.4982343357957904</v>
      </c>
      <c r="O7192" s="58">
        <f>IF(Input!$K$13=2,J7192*Input!$J$13,0)+IF(Input!$K$14=2,K7192*Input!$J$14,0)+IF(Input!$K$15=2,L7192*Input!$J$15,0)+IF(Input!$K$16=2,M7192*Input!$J$16,0)</f>
        <v>0.40640401496267708</v>
      </c>
      <c r="P7192" s="58">
        <f>IF(Input!$K$13=3,J7192*Input!$J$13,0)+IF(Input!$K$14=3,K7192*Input!$J$14,0)+IF(Input!$K$15=3,L7192*Input!$J$15,0)+IF(Input!$K$16=3,M7192*Input!$J$16,0)</f>
        <v>0</v>
      </c>
      <c r="Q7192" s="71">
        <f>IF(Input!$K$13=4,J7192*Input!$J$13,0)+IF(Input!$K$14=4,K7192*Input!$J$14,0)+IF(Input!$K$15=4,L7192*Input!$J$15,0)+IF(Input!$K$16=4,M7192*Input!$J$16,0)</f>
        <v>0</v>
      </c>
    </row>
    <row r="7193" spans="8:17" x14ac:dyDescent="0.25">
      <c r="H7193" s="43">
        <v>7186</v>
      </c>
      <c r="I7193" s="55">
        <f>Bühler!I7219</f>
        <v>2.0541138631499063</v>
      </c>
      <c r="J7193" s="58">
        <f>Bühler!J7219</f>
        <v>50.400481411461421</v>
      </c>
      <c r="K7193" s="58">
        <f>Bühler!K7219</f>
        <v>3.3114401219181095</v>
      </c>
      <c r="L7193" s="58">
        <f>Bühler!L7219</f>
        <v>1.6557200609590548</v>
      </c>
      <c r="M7193" s="57">
        <f>Bühler!M7219</f>
        <v>0</v>
      </c>
      <c r="N7193" s="55">
        <f>IF(Input!$K$13=1,J7193*Input!$J$13,0)+IF(Input!$K$14=1,K7193*Input!$J$14,0)+IF(Input!$K$15=1,L7193*Input!$J$15,0)+IF(Input!$K$16=1,M7193*Input!$J$16,0)</f>
        <v>6.0480577693753705</v>
      </c>
      <c r="O7193" s="58">
        <f>IF(Input!$K$13=2,J7193*Input!$J$13,0)+IF(Input!$K$14=2,K7193*Input!$J$14,0)+IF(Input!$K$15=2,L7193*Input!$J$15,0)+IF(Input!$K$16=2,M7193*Input!$J$16,0)</f>
        <v>0.44704441645894477</v>
      </c>
      <c r="P7193" s="58">
        <f>IF(Input!$K$13=3,J7193*Input!$J$13,0)+IF(Input!$K$14=3,K7193*Input!$J$14,0)+IF(Input!$K$15=3,L7193*Input!$J$15,0)+IF(Input!$K$16=3,M7193*Input!$J$16,0)</f>
        <v>0</v>
      </c>
      <c r="Q7193" s="71">
        <f>IF(Input!$K$13=4,J7193*Input!$J$13,0)+IF(Input!$K$14=4,K7193*Input!$J$14,0)+IF(Input!$K$15=4,L7193*Input!$J$15,0)+IF(Input!$K$16=4,M7193*Input!$J$16,0)</f>
        <v>0</v>
      </c>
    </row>
    <row r="7194" spans="8:17" x14ac:dyDescent="0.25">
      <c r="H7194" s="43">
        <v>7187</v>
      </c>
      <c r="I7194" s="55">
        <f>Bühler!I7220</f>
        <v>2.0541138631499063</v>
      </c>
      <c r="J7194" s="58">
        <f>Bühler!J7220</f>
        <v>50.400481411461421</v>
      </c>
      <c r="K7194" s="58">
        <f>Bühler!K7220</f>
        <v>3.3114401219181095</v>
      </c>
      <c r="L7194" s="58">
        <f>Bühler!L7220</f>
        <v>1.6557200609590548</v>
      </c>
      <c r="M7194" s="57">
        <f>Bühler!M7220</f>
        <v>0</v>
      </c>
      <c r="N7194" s="55">
        <f>IF(Input!$K$13=1,J7194*Input!$J$13,0)+IF(Input!$K$14=1,K7194*Input!$J$14,0)+IF(Input!$K$15=1,L7194*Input!$J$15,0)+IF(Input!$K$16=1,M7194*Input!$J$16,0)</f>
        <v>6.0480577693753705</v>
      </c>
      <c r="O7194" s="58">
        <f>IF(Input!$K$13=2,J7194*Input!$J$13,0)+IF(Input!$K$14=2,K7194*Input!$J$14,0)+IF(Input!$K$15=2,L7194*Input!$J$15,0)+IF(Input!$K$16=2,M7194*Input!$J$16,0)</f>
        <v>0.44704441645894477</v>
      </c>
      <c r="P7194" s="58">
        <f>IF(Input!$K$13=3,J7194*Input!$J$13,0)+IF(Input!$K$14=3,K7194*Input!$J$14,0)+IF(Input!$K$15=3,L7194*Input!$J$15,0)+IF(Input!$K$16=3,M7194*Input!$J$16,0)</f>
        <v>0</v>
      </c>
      <c r="Q7194" s="71">
        <f>IF(Input!$K$13=4,J7194*Input!$J$13,0)+IF(Input!$K$14=4,K7194*Input!$J$14,0)+IF(Input!$K$15=4,L7194*Input!$J$15,0)+IF(Input!$K$16=4,M7194*Input!$J$16,0)</f>
        <v>0</v>
      </c>
    </row>
    <row r="7195" spans="8:17" x14ac:dyDescent="0.25">
      <c r="H7195" s="43">
        <v>7188</v>
      </c>
      <c r="I7195" s="55">
        <f>Bühler!I7221</f>
        <v>2.4275891109953442</v>
      </c>
      <c r="J7195" s="58">
        <f>Bühler!J7221</f>
        <v>59.564205304454404</v>
      </c>
      <c r="K7195" s="58">
        <f>Bühler!K7221</f>
        <v>3.9135201440850387</v>
      </c>
      <c r="L7195" s="58">
        <f>Bühler!L7221</f>
        <v>1.9567600720425193</v>
      </c>
      <c r="M7195" s="57">
        <f>Bühler!M7221</f>
        <v>0</v>
      </c>
      <c r="N7195" s="55">
        <f>IF(Input!$K$13=1,J7195*Input!$J$13,0)+IF(Input!$K$14=1,K7195*Input!$J$14,0)+IF(Input!$K$15=1,L7195*Input!$J$15,0)+IF(Input!$K$16=1,M7195*Input!$J$16,0)</f>
        <v>7.1477046365345283</v>
      </c>
      <c r="O7195" s="58">
        <f>IF(Input!$K$13=2,J7195*Input!$J$13,0)+IF(Input!$K$14=2,K7195*Input!$J$14,0)+IF(Input!$K$15=2,L7195*Input!$J$15,0)+IF(Input!$K$16=2,M7195*Input!$J$16,0)</f>
        <v>0.52832521945148025</v>
      </c>
      <c r="P7195" s="58">
        <f>IF(Input!$K$13=3,J7195*Input!$J$13,0)+IF(Input!$K$14=3,K7195*Input!$J$14,0)+IF(Input!$K$15=3,L7195*Input!$J$15,0)+IF(Input!$K$16=3,M7195*Input!$J$16,0)</f>
        <v>0</v>
      </c>
      <c r="Q7195" s="71">
        <f>IF(Input!$K$13=4,J7195*Input!$J$13,0)+IF(Input!$K$14=4,K7195*Input!$J$14,0)+IF(Input!$K$15=4,L7195*Input!$J$15,0)+IF(Input!$K$16=4,M7195*Input!$J$16,0)</f>
        <v>0</v>
      </c>
    </row>
    <row r="7196" spans="8:17" x14ac:dyDescent="0.25">
      <c r="H7196" s="43">
        <v>7189</v>
      </c>
      <c r="I7196" s="55">
        <f>Bühler!I7222</f>
        <v>2.4275891109953442</v>
      </c>
      <c r="J7196" s="58">
        <f>Bühler!J7222</f>
        <v>59.564205304454404</v>
      </c>
      <c r="K7196" s="58">
        <f>Bühler!K7222</f>
        <v>3.9135201440850387</v>
      </c>
      <c r="L7196" s="58">
        <f>Bühler!L7222</f>
        <v>1.9567600720425193</v>
      </c>
      <c r="M7196" s="57">
        <f>Bühler!M7222</f>
        <v>0</v>
      </c>
      <c r="N7196" s="55">
        <f>IF(Input!$K$13=1,J7196*Input!$J$13,0)+IF(Input!$K$14=1,K7196*Input!$J$14,0)+IF(Input!$K$15=1,L7196*Input!$J$15,0)+IF(Input!$K$16=1,M7196*Input!$J$16,0)</f>
        <v>7.1477046365345283</v>
      </c>
      <c r="O7196" s="58">
        <f>IF(Input!$K$13=2,J7196*Input!$J$13,0)+IF(Input!$K$14=2,K7196*Input!$J$14,0)+IF(Input!$K$15=2,L7196*Input!$J$15,0)+IF(Input!$K$16=2,M7196*Input!$J$16,0)</f>
        <v>0.52832521945148025</v>
      </c>
      <c r="P7196" s="58">
        <f>IF(Input!$K$13=3,J7196*Input!$J$13,0)+IF(Input!$K$14=3,K7196*Input!$J$14,0)+IF(Input!$K$15=3,L7196*Input!$J$15,0)+IF(Input!$K$16=3,M7196*Input!$J$16,0)</f>
        <v>0</v>
      </c>
      <c r="Q7196" s="71">
        <f>IF(Input!$K$13=4,J7196*Input!$J$13,0)+IF(Input!$K$14=4,K7196*Input!$J$14,0)+IF(Input!$K$15=4,L7196*Input!$J$15,0)+IF(Input!$K$16=4,M7196*Input!$J$16,0)</f>
        <v>0</v>
      </c>
    </row>
    <row r="7197" spans="8:17" x14ac:dyDescent="0.25">
      <c r="H7197" s="43">
        <v>7190</v>
      </c>
      <c r="I7197" s="55">
        <f>Bühler!I7223</f>
        <v>1.6806386153044692</v>
      </c>
      <c r="J7197" s="58">
        <f>Bühler!J7223</f>
        <v>41.236757518468437</v>
      </c>
      <c r="K7197" s="58">
        <f>Bühler!K7223</f>
        <v>2.7093600997511809</v>
      </c>
      <c r="L7197" s="58">
        <f>Bühler!L7223</f>
        <v>1.3546800498755904</v>
      </c>
      <c r="M7197" s="57">
        <f>Bühler!M7223</f>
        <v>0</v>
      </c>
      <c r="N7197" s="55">
        <f>IF(Input!$K$13=1,J7197*Input!$J$13,0)+IF(Input!$K$14=1,K7197*Input!$J$14,0)+IF(Input!$K$15=1,L7197*Input!$J$15,0)+IF(Input!$K$16=1,M7197*Input!$J$16,0)</f>
        <v>4.9484109022162119</v>
      </c>
      <c r="O7197" s="58">
        <f>IF(Input!$K$13=2,J7197*Input!$J$13,0)+IF(Input!$K$14=2,K7197*Input!$J$14,0)+IF(Input!$K$15=2,L7197*Input!$J$15,0)+IF(Input!$K$16=2,M7197*Input!$J$16,0)</f>
        <v>0.3657636134664094</v>
      </c>
      <c r="P7197" s="58">
        <f>IF(Input!$K$13=3,J7197*Input!$J$13,0)+IF(Input!$K$14=3,K7197*Input!$J$14,0)+IF(Input!$K$15=3,L7197*Input!$J$15,0)+IF(Input!$K$16=3,M7197*Input!$J$16,0)</f>
        <v>0</v>
      </c>
      <c r="Q7197" s="71">
        <f>IF(Input!$K$13=4,J7197*Input!$J$13,0)+IF(Input!$K$14=4,K7197*Input!$J$14,0)+IF(Input!$K$15=4,L7197*Input!$J$15,0)+IF(Input!$K$16=4,M7197*Input!$J$16,0)</f>
        <v>0</v>
      </c>
    </row>
    <row r="7198" spans="8:17" x14ac:dyDescent="0.25">
      <c r="H7198" s="43">
        <v>7191</v>
      </c>
      <c r="I7198" s="55">
        <f>Bühler!I7224</f>
        <v>2.4275891109953442</v>
      </c>
      <c r="J7198" s="58">
        <f>Bühler!J7224</f>
        <v>59.564205304454404</v>
      </c>
      <c r="K7198" s="58">
        <f>Bühler!K7224</f>
        <v>3.9135201440850387</v>
      </c>
      <c r="L7198" s="58">
        <f>Bühler!L7224</f>
        <v>1.9567600720425193</v>
      </c>
      <c r="M7198" s="57">
        <f>Bühler!M7224</f>
        <v>0</v>
      </c>
      <c r="N7198" s="55">
        <f>IF(Input!$K$13=1,J7198*Input!$J$13,0)+IF(Input!$K$14=1,K7198*Input!$J$14,0)+IF(Input!$K$15=1,L7198*Input!$J$15,0)+IF(Input!$K$16=1,M7198*Input!$J$16,0)</f>
        <v>7.1477046365345283</v>
      </c>
      <c r="O7198" s="58">
        <f>IF(Input!$K$13=2,J7198*Input!$J$13,0)+IF(Input!$K$14=2,K7198*Input!$J$14,0)+IF(Input!$K$15=2,L7198*Input!$J$15,0)+IF(Input!$K$16=2,M7198*Input!$J$16,0)</f>
        <v>0.52832521945148025</v>
      </c>
      <c r="P7198" s="58">
        <f>IF(Input!$K$13=3,J7198*Input!$J$13,0)+IF(Input!$K$14=3,K7198*Input!$J$14,0)+IF(Input!$K$15=3,L7198*Input!$J$15,0)+IF(Input!$K$16=3,M7198*Input!$J$16,0)</f>
        <v>0</v>
      </c>
      <c r="Q7198" s="71">
        <f>IF(Input!$K$13=4,J7198*Input!$J$13,0)+IF(Input!$K$14=4,K7198*Input!$J$14,0)+IF(Input!$K$15=4,L7198*Input!$J$15,0)+IF(Input!$K$16=4,M7198*Input!$J$16,0)</f>
        <v>0</v>
      </c>
    </row>
    <row r="7199" spans="8:17" x14ac:dyDescent="0.25">
      <c r="H7199" s="43">
        <v>7192</v>
      </c>
      <c r="I7199" s="55">
        <f>Bühler!I7225</f>
        <v>2.0541138631499063</v>
      </c>
      <c r="J7199" s="58">
        <f>Bühler!J7225</f>
        <v>46.020918557547866</v>
      </c>
      <c r="K7199" s="58">
        <f>Bühler!K7225</f>
        <v>3.0104001108346452</v>
      </c>
      <c r="L7199" s="58">
        <f>Bühler!L7225</f>
        <v>1.5052000554173226</v>
      </c>
      <c r="M7199" s="57">
        <f>Bühler!M7225</f>
        <v>0</v>
      </c>
      <c r="N7199" s="55">
        <f>IF(Input!$K$13=1,J7199*Input!$J$13,0)+IF(Input!$K$14=1,K7199*Input!$J$14,0)+IF(Input!$K$15=1,L7199*Input!$J$15,0)+IF(Input!$K$16=1,M7199*Input!$J$16,0)</f>
        <v>5.5225102269057436</v>
      </c>
      <c r="O7199" s="58">
        <f>IF(Input!$K$13=2,J7199*Input!$J$13,0)+IF(Input!$K$14=2,K7199*Input!$J$14,0)+IF(Input!$K$15=2,L7199*Input!$J$15,0)+IF(Input!$K$16=2,M7199*Input!$J$16,0)</f>
        <v>0.40640401496267708</v>
      </c>
      <c r="P7199" s="58">
        <f>IF(Input!$K$13=3,J7199*Input!$J$13,0)+IF(Input!$K$14=3,K7199*Input!$J$14,0)+IF(Input!$K$15=3,L7199*Input!$J$15,0)+IF(Input!$K$16=3,M7199*Input!$J$16,0)</f>
        <v>0</v>
      </c>
      <c r="Q7199" s="71">
        <f>IF(Input!$K$13=4,J7199*Input!$J$13,0)+IF(Input!$K$14=4,K7199*Input!$J$14,0)+IF(Input!$K$15=4,L7199*Input!$J$15,0)+IF(Input!$K$16=4,M7199*Input!$J$16,0)</f>
        <v>0</v>
      </c>
    </row>
    <row r="7200" spans="8:17" x14ac:dyDescent="0.25">
      <c r="H7200" s="43">
        <v>7193</v>
      </c>
      <c r="I7200" s="55">
        <f>Bühler!I7226</f>
        <v>1.7784535611687504</v>
      </c>
      <c r="J7200" s="58">
        <f>Bühler!J7226</f>
        <v>22.487985977245245</v>
      </c>
      <c r="K7200" s="58">
        <f>Bühler!K7226</f>
        <v>1.413333385368378</v>
      </c>
      <c r="L7200" s="58">
        <f>Bühler!L7226</f>
        <v>0.70666669268418902</v>
      </c>
      <c r="M7200" s="57">
        <f>Bühler!M7226</f>
        <v>0</v>
      </c>
      <c r="N7200" s="55">
        <f>IF(Input!$K$13=1,J7200*Input!$J$13,0)+IF(Input!$K$14=1,K7200*Input!$J$14,0)+IF(Input!$K$15=1,L7200*Input!$J$15,0)+IF(Input!$K$16=1,M7200*Input!$J$16,0)</f>
        <v>2.6985583172694292</v>
      </c>
      <c r="O7200" s="58">
        <f>IF(Input!$K$13=2,J7200*Input!$J$13,0)+IF(Input!$K$14=2,K7200*Input!$J$14,0)+IF(Input!$K$15=2,L7200*Input!$J$15,0)+IF(Input!$K$16=2,M7200*Input!$J$16,0)</f>
        <v>0.19080000702473104</v>
      </c>
      <c r="P7200" s="58">
        <f>IF(Input!$K$13=3,J7200*Input!$J$13,0)+IF(Input!$K$14=3,K7200*Input!$J$14,0)+IF(Input!$K$15=3,L7200*Input!$J$15,0)+IF(Input!$K$16=3,M7200*Input!$J$16,0)</f>
        <v>0</v>
      </c>
      <c r="Q7200" s="71">
        <f>IF(Input!$K$13=4,J7200*Input!$J$13,0)+IF(Input!$K$14=4,K7200*Input!$J$14,0)+IF(Input!$K$15=4,L7200*Input!$J$15,0)+IF(Input!$K$16=4,M7200*Input!$J$16,0)</f>
        <v>0</v>
      </c>
    </row>
    <row r="7201" spans="8:17" x14ac:dyDescent="0.25">
      <c r="H7201" s="43">
        <v>7194</v>
      </c>
      <c r="I7201" s="55">
        <f>Bühler!I7227</f>
        <v>1.49390099138175</v>
      </c>
      <c r="J7201" s="58">
        <f>Bühler!J7227</f>
        <v>15.188869189409768</v>
      </c>
      <c r="K7201" s="58">
        <f>Bühler!K7227</f>
        <v>0.93280003434312964</v>
      </c>
      <c r="L7201" s="58">
        <f>Bühler!L7227</f>
        <v>0.46640001717156482</v>
      </c>
      <c r="M7201" s="57">
        <f>Bühler!M7227</f>
        <v>0</v>
      </c>
      <c r="N7201" s="55">
        <f>IF(Input!$K$13=1,J7201*Input!$J$13,0)+IF(Input!$K$14=1,K7201*Input!$J$14,0)+IF(Input!$K$15=1,L7201*Input!$J$15,0)+IF(Input!$K$16=1,M7201*Input!$J$16,0)</f>
        <v>1.822664302729172</v>
      </c>
      <c r="O7201" s="58">
        <f>IF(Input!$K$13=2,J7201*Input!$J$13,0)+IF(Input!$K$14=2,K7201*Input!$J$14,0)+IF(Input!$K$15=2,L7201*Input!$J$15,0)+IF(Input!$K$16=2,M7201*Input!$J$16,0)</f>
        <v>0.12592800463632248</v>
      </c>
      <c r="P7201" s="58">
        <f>IF(Input!$K$13=3,J7201*Input!$J$13,0)+IF(Input!$K$14=3,K7201*Input!$J$14,0)+IF(Input!$K$15=3,L7201*Input!$J$15,0)+IF(Input!$K$16=3,M7201*Input!$J$16,0)</f>
        <v>0</v>
      </c>
      <c r="Q7201" s="71">
        <f>IF(Input!$K$13=4,J7201*Input!$J$13,0)+IF(Input!$K$14=4,K7201*Input!$J$14,0)+IF(Input!$K$15=4,L7201*Input!$J$15,0)+IF(Input!$K$16=4,M7201*Input!$J$16,0)</f>
        <v>0</v>
      </c>
    </row>
    <row r="7202" spans="8:17" x14ac:dyDescent="0.25">
      <c r="H7202" s="43">
        <v>7195</v>
      </c>
      <c r="I7202" s="55">
        <f>Bühler!I7228</f>
        <v>0.55132060396231264</v>
      </c>
      <c r="J7202" s="58">
        <f>Bühler!J7228</f>
        <v>9.233021727737059</v>
      </c>
      <c r="K7202" s="58">
        <f>Bühler!K7228</f>
        <v>0.59360002185471883</v>
      </c>
      <c r="L7202" s="58">
        <f>Bühler!L7228</f>
        <v>0.29680001092735941</v>
      </c>
      <c r="M7202" s="57">
        <f>Bühler!M7228</f>
        <v>0</v>
      </c>
      <c r="N7202" s="55">
        <f>IF(Input!$K$13=1,J7202*Input!$J$13,0)+IF(Input!$K$14=1,K7202*Input!$J$14,0)+IF(Input!$K$15=1,L7202*Input!$J$15,0)+IF(Input!$K$16=1,M7202*Input!$J$16,0)</f>
        <v>1.107962607328447</v>
      </c>
      <c r="O7202" s="58">
        <f>IF(Input!$K$13=2,J7202*Input!$J$13,0)+IF(Input!$K$14=2,K7202*Input!$J$14,0)+IF(Input!$K$15=2,L7202*Input!$J$15,0)+IF(Input!$K$16=2,M7202*Input!$J$16,0)</f>
        <v>8.0136002950387031E-2</v>
      </c>
      <c r="P7202" s="58">
        <f>IF(Input!$K$13=3,J7202*Input!$J$13,0)+IF(Input!$K$14=3,K7202*Input!$J$14,0)+IF(Input!$K$15=3,L7202*Input!$J$15,0)+IF(Input!$K$16=3,M7202*Input!$J$16,0)</f>
        <v>0</v>
      </c>
      <c r="Q7202" s="71">
        <f>IF(Input!$K$13=4,J7202*Input!$J$13,0)+IF(Input!$K$14=4,K7202*Input!$J$14,0)+IF(Input!$K$15=4,L7202*Input!$J$15,0)+IF(Input!$K$16=4,M7202*Input!$J$16,0)</f>
        <v>0</v>
      </c>
    </row>
    <row r="7203" spans="8:17" x14ac:dyDescent="0.25">
      <c r="H7203" s="43">
        <v>7196</v>
      </c>
      <c r="I7203" s="55">
        <f>Bühler!I7229</f>
        <v>0.55132060396231264</v>
      </c>
      <c r="J7203" s="58">
        <f>Bühler!J7229</f>
        <v>8.8217951686841438</v>
      </c>
      <c r="K7203" s="58">
        <f>Bühler!K7229</f>
        <v>0.56533335414735131</v>
      </c>
      <c r="L7203" s="58">
        <f>Bühler!L7229</f>
        <v>0.28266667707367565</v>
      </c>
      <c r="M7203" s="57">
        <f>Bühler!M7229</f>
        <v>0</v>
      </c>
      <c r="N7203" s="55">
        <f>IF(Input!$K$13=1,J7203*Input!$J$13,0)+IF(Input!$K$14=1,K7203*Input!$J$14,0)+IF(Input!$K$15=1,L7203*Input!$J$15,0)+IF(Input!$K$16=1,M7203*Input!$J$16,0)</f>
        <v>1.0586154202420972</v>
      </c>
      <c r="O7203" s="58">
        <f>IF(Input!$K$13=2,J7203*Input!$J$13,0)+IF(Input!$K$14=2,K7203*Input!$J$14,0)+IF(Input!$K$15=2,L7203*Input!$J$15,0)+IF(Input!$K$16=2,M7203*Input!$J$16,0)</f>
        <v>7.6320002809892429E-2</v>
      </c>
      <c r="P7203" s="58">
        <f>IF(Input!$K$13=3,J7203*Input!$J$13,0)+IF(Input!$K$14=3,K7203*Input!$J$14,0)+IF(Input!$K$15=3,L7203*Input!$J$15,0)+IF(Input!$K$16=3,M7203*Input!$J$16,0)</f>
        <v>0</v>
      </c>
      <c r="Q7203" s="71">
        <f>IF(Input!$K$13=4,J7203*Input!$J$13,0)+IF(Input!$K$14=4,K7203*Input!$J$14,0)+IF(Input!$K$15=4,L7203*Input!$J$15,0)+IF(Input!$K$16=4,M7203*Input!$J$16,0)</f>
        <v>0</v>
      </c>
    </row>
    <row r="7204" spans="8:17" x14ac:dyDescent="0.25">
      <c r="H7204" s="43">
        <v>7197</v>
      </c>
      <c r="I7204" s="55">
        <f>Bühler!I7230</f>
        <v>0.55132060396231264</v>
      </c>
      <c r="J7204" s="58">
        <f>Bühler!J7230</f>
        <v>8.8217951686841438</v>
      </c>
      <c r="K7204" s="58">
        <f>Bühler!K7230</f>
        <v>0.56533335414735131</v>
      </c>
      <c r="L7204" s="58">
        <f>Bühler!L7230</f>
        <v>0.28266667707367565</v>
      </c>
      <c r="M7204" s="57">
        <f>Bühler!M7230</f>
        <v>0</v>
      </c>
      <c r="N7204" s="55">
        <f>IF(Input!$K$13=1,J7204*Input!$J$13,0)+IF(Input!$K$14=1,K7204*Input!$J$14,0)+IF(Input!$K$15=1,L7204*Input!$J$15,0)+IF(Input!$K$16=1,M7204*Input!$J$16,0)</f>
        <v>1.0586154202420972</v>
      </c>
      <c r="O7204" s="58">
        <f>IF(Input!$K$13=2,J7204*Input!$J$13,0)+IF(Input!$K$14=2,K7204*Input!$J$14,0)+IF(Input!$K$15=2,L7204*Input!$J$15,0)+IF(Input!$K$16=2,M7204*Input!$J$16,0)</f>
        <v>7.6320002809892429E-2</v>
      </c>
      <c r="P7204" s="58">
        <f>IF(Input!$K$13=3,J7204*Input!$J$13,0)+IF(Input!$K$14=3,K7204*Input!$J$14,0)+IF(Input!$K$15=3,L7204*Input!$J$15,0)+IF(Input!$K$16=3,M7204*Input!$J$16,0)</f>
        <v>0</v>
      </c>
      <c r="Q7204" s="71">
        <f>IF(Input!$K$13=4,J7204*Input!$J$13,0)+IF(Input!$K$14=4,K7204*Input!$J$14,0)+IF(Input!$K$15=4,L7204*Input!$J$15,0)+IF(Input!$K$16=4,M7204*Input!$J$16,0)</f>
        <v>0</v>
      </c>
    </row>
    <row r="7205" spans="8:17" x14ac:dyDescent="0.25">
      <c r="H7205" s="43">
        <v>7198</v>
      </c>
      <c r="I7205" s="55">
        <f>Bühler!I7231</f>
        <v>0.55132060396231264</v>
      </c>
      <c r="J7205" s="58">
        <f>Bühler!J7231</f>
        <v>8.8217951686841438</v>
      </c>
      <c r="K7205" s="58">
        <f>Bühler!K7231</f>
        <v>0.56533335414735131</v>
      </c>
      <c r="L7205" s="58">
        <f>Bühler!L7231</f>
        <v>0.28266667707367565</v>
      </c>
      <c r="M7205" s="57">
        <f>Bühler!M7231</f>
        <v>0</v>
      </c>
      <c r="N7205" s="55">
        <f>IF(Input!$K$13=1,J7205*Input!$J$13,0)+IF(Input!$K$14=1,K7205*Input!$J$14,0)+IF(Input!$K$15=1,L7205*Input!$J$15,0)+IF(Input!$K$16=1,M7205*Input!$J$16,0)</f>
        <v>1.0586154202420972</v>
      </c>
      <c r="O7205" s="58">
        <f>IF(Input!$K$13=2,J7205*Input!$J$13,0)+IF(Input!$K$14=2,K7205*Input!$J$14,0)+IF(Input!$K$15=2,L7205*Input!$J$15,0)+IF(Input!$K$16=2,M7205*Input!$J$16,0)</f>
        <v>7.6320002809892429E-2</v>
      </c>
      <c r="P7205" s="58">
        <f>IF(Input!$K$13=3,J7205*Input!$J$13,0)+IF(Input!$K$14=3,K7205*Input!$J$14,0)+IF(Input!$K$15=3,L7205*Input!$J$15,0)+IF(Input!$K$16=3,M7205*Input!$J$16,0)</f>
        <v>0</v>
      </c>
      <c r="Q7205" s="71">
        <f>IF(Input!$K$13=4,J7205*Input!$J$13,0)+IF(Input!$K$14=4,K7205*Input!$J$14,0)+IF(Input!$K$15=4,L7205*Input!$J$15,0)+IF(Input!$K$16=4,M7205*Input!$J$16,0)</f>
        <v>0</v>
      </c>
    </row>
    <row r="7206" spans="8:17" x14ac:dyDescent="0.25">
      <c r="H7206" s="43">
        <v>7199</v>
      </c>
      <c r="I7206" s="55">
        <f>Bühler!I7232</f>
        <v>0.55132060396231264</v>
      </c>
      <c r="J7206" s="58">
        <f>Bühler!J7232</f>
        <v>8.8217951686841438</v>
      </c>
      <c r="K7206" s="58">
        <f>Bühler!K7232</f>
        <v>0.56533335414735131</v>
      </c>
      <c r="L7206" s="58">
        <f>Bühler!L7232</f>
        <v>0.28266667707367565</v>
      </c>
      <c r="M7206" s="57">
        <f>Bühler!M7232</f>
        <v>0</v>
      </c>
      <c r="N7206" s="55">
        <f>IF(Input!$K$13=1,J7206*Input!$J$13,0)+IF(Input!$K$14=1,K7206*Input!$J$14,0)+IF(Input!$K$15=1,L7206*Input!$J$15,0)+IF(Input!$K$16=1,M7206*Input!$J$16,0)</f>
        <v>1.0586154202420972</v>
      </c>
      <c r="O7206" s="58">
        <f>IF(Input!$K$13=2,J7206*Input!$J$13,0)+IF(Input!$K$14=2,K7206*Input!$J$14,0)+IF(Input!$K$15=2,L7206*Input!$J$15,0)+IF(Input!$K$16=2,M7206*Input!$J$16,0)</f>
        <v>7.6320002809892429E-2</v>
      </c>
      <c r="P7206" s="58">
        <f>IF(Input!$K$13=3,J7206*Input!$J$13,0)+IF(Input!$K$14=3,K7206*Input!$J$14,0)+IF(Input!$K$15=3,L7206*Input!$J$15,0)+IF(Input!$K$16=3,M7206*Input!$J$16,0)</f>
        <v>0</v>
      </c>
      <c r="Q7206" s="71">
        <f>IF(Input!$K$13=4,J7206*Input!$J$13,0)+IF(Input!$K$14=4,K7206*Input!$J$14,0)+IF(Input!$K$15=4,L7206*Input!$J$15,0)+IF(Input!$K$16=4,M7206*Input!$J$16,0)</f>
        <v>0</v>
      </c>
    </row>
    <row r="7207" spans="8:17" x14ac:dyDescent="0.25">
      <c r="H7207" s="43">
        <v>7200</v>
      </c>
      <c r="I7207" s="55">
        <f>Bühler!I7233</f>
        <v>0.55132060396231264</v>
      </c>
      <c r="J7207" s="58">
        <f>Bühler!J7233</f>
        <v>8.8217951686841438</v>
      </c>
      <c r="K7207" s="58">
        <f>Bühler!K7233</f>
        <v>0.56533335414735131</v>
      </c>
      <c r="L7207" s="58">
        <f>Bühler!L7233</f>
        <v>0.28266667707367565</v>
      </c>
      <c r="M7207" s="57">
        <f>Bühler!M7233</f>
        <v>0</v>
      </c>
      <c r="N7207" s="55">
        <f>IF(Input!$K$13=1,J7207*Input!$J$13,0)+IF(Input!$K$14=1,K7207*Input!$J$14,0)+IF(Input!$K$15=1,L7207*Input!$J$15,0)+IF(Input!$K$16=1,M7207*Input!$J$16,0)</f>
        <v>1.0586154202420972</v>
      </c>
      <c r="O7207" s="58">
        <f>IF(Input!$K$13=2,J7207*Input!$J$13,0)+IF(Input!$K$14=2,K7207*Input!$J$14,0)+IF(Input!$K$15=2,L7207*Input!$J$15,0)+IF(Input!$K$16=2,M7207*Input!$J$16,0)</f>
        <v>7.6320002809892429E-2</v>
      </c>
      <c r="P7207" s="58">
        <f>IF(Input!$K$13=3,J7207*Input!$J$13,0)+IF(Input!$K$14=3,K7207*Input!$J$14,0)+IF(Input!$K$15=3,L7207*Input!$J$15,0)+IF(Input!$K$16=3,M7207*Input!$J$16,0)</f>
        <v>0</v>
      </c>
      <c r="Q7207" s="71">
        <f>IF(Input!$K$13=4,J7207*Input!$J$13,0)+IF(Input!$K$14=4,K7207*Input!$J$14,0)+IF(Input!$K$15=4,L7207*Input!$J$15,0)+IF(Input!$K$16=4,M7207*Input!$J$16,0)</f>
        <v>0</v>
      </c>
    </row>
    <row r="7208" spans="8:17" x14ac:dyDescent="0.25">
      <c r="H7208" s="43">
        <v>7201</v>
      </c>
      <c r="I7208" s="55">
        <f>Bühler!I7234</f>
        <v>0.40251743578420318</v>
      </c>
      <c r="J7208" s="58">
        <f>Bühler!J7234</f>
        <v>7.6251645874107208</v>
      </c>
      <c r="K7208" s="58">
        <f>Bühler!K7234</f>
        <v>0.29434426606576619</v>
      </c>
      <c r="L7208" s="58">
        <f>Bühler!L7234</f>
        <v>0.1471721330328831</v>
      </c>
      <c r="M7208" s="57">
        <f>Bühler!M7234</f>
        <v>0</v>
      </c>
      <c r="N7208" s="55">
        <f>IF(Input!$K$13=1,J7208*Input!$J$13,0)+IF(Input!$K$14=1,K7208*Input!$J$14,0)+IF(Input!$K$15=1,L7208*Input!$J$15,0)+IF(Input!$K$16=1,M7208*Input!$J$16,0)</f>
        <v>0.91501975048928641</v>
      </c>
      <c r="O7208" s="58">
        <f>IF(Input!$K$13=2,J7208*Input!$J$13,0)+IF(Input!$K$14=2,K7208*Input!$J$14,0)+IF(Input!$K$15=2,L7208*Input!$J$15,0)+IF(Input!$K$16=2,M7208*Input!$J$16,0)</f>
        <v>3.9736475918878439E-2</v>
      </c>
      <c r="P7208" s="58">
        <f>IF(Input!$K$13=3,J7208*Input!$J$13,0)+IF(Input!$K$14=3,K7208*Input!$J$14,0)+IF(Input!$K$15=3,L7208*Input!$J$15,0)+IF(Input!$K$16=3,M7208*Input!$J$16,0)</f>
        <v>0</v>
      </c>
      <c r="Q7208" s="71">
        <f>IF(Input!$K$13=4,J7208*Input!$J$13,0)+IF(Input!$K$14=4,K7208*Input!$J$14,0)+IF(Input!$K$15=4,L7208*Input!$J$15,0)+IF(Input!$K$16=4,M7208*Input!$J$16,0)</f>
        <v>0</v>
      </c>
    </row>
    <row r="7209" spans="8:17" x14ac:dyDescent="0.25">
      <c r="H7209" s="43">
        <v>7202</v>
      </c>
      <c r="I7209" s="55">
        <f>Bühler!I7235</f>
        <v>0.78586737462630152</v>
      </c>
      <c r="J7209" s="58">
        <f>Bühler!J7235</f>
        <v>7.0833631208304721</v>
      </c>
      <c r="K7209" s="58">
        <f>Bühler!K7235</f>
        <v>0.26490983945918956</v>
      </c>
      <c r="L7209" s="58">
        <f>Bühler!L7235</f>
        <v>0.13245491972959478</v>
      </c>
      <c r="M7209" s="57">
        <f>Bühler!M7235</f>
        <v>0</v>
      </c>
      <c r="N7209" s="55">
        <f>IF(Input!$K$13=1,J7209*Input!$J$13,0)+IF(Input!$K$14=1,K7209*Input!$J$14,0)+IF(Input!$K$15=1,L7209*Input!$J$15,0)+IF(Input!$K$16=1,M7209*Input!$J$16,0)</f>
        <v>0.85000357449965658</v>
      </c>
      <c r="O7209" s="58">
        <f>IF(Input!$K$13=2,J7209*Input!$J$13,0)+IF(Input!$K$14=2,K7209*Input!$J$14,0)+IF(Input!$K$15=2,L7209*Input!$J$15,0)+IF(Input!$K$16=2,M7209*Input!$J$16,0)</f>
        <v>3.5762828326990584E-2</v>
      </c>
      <c r="P7209" s="58">
        <f>IF(Input!$K$13=3,J7209*Input!$J$13,0)+IF(Input!$K$14=3,K7209*Input!$J$14,0)+IF(Input!$K$15=3,L7209*Input!$J$15,0)+IF(Input!$K$16=3,M7209*Input!$J$16,0)</f>
        <v>0</v>
      </c>
      <c r="Q7209" s="71">
        <f>IF(Input!$K$13=4,J7209*Input!$J$13,0)+IF(Input!$K$14=4,K7209*Input!$J$14,0)+IF(Input!$K$15=4,L7209*Input!$J$15,0)+IF(Input!$K$16=4,M7209*Input!$J$16,0)</f>
        <v>0</v>
      </c>
    </row>
    <row r="7210" spans="8:17" x14ac:dyDescent="0.25">
      <c r="H7210" s="43">
        <v>7203</v>
      </c>
      <c r="I7210" s="55">
        <f>Bühler!I7236</f>
        <v>0.78586737462630152</v>
      </c>
      <c r="J7210" s="58">
        <f>Bühler!J7236</f>
        <v>7.0833631208304721</v>
      </c>
      <c r="K7210" s="58">
        <f>Bühler!K7236</f>
        <v>0.26490983945918956</v>
      </c>
      <c r="L7210" s="58">
        <f>Bühler!L7236</f>
        <v>0.13245491972959478</v>
      </c>
      <c r="M7210" s="57">
        <f>Bühler!M7236</f>
        <v>0</v>
      </c>
      <c r="N7210" s="55">
        <f>IF(Input!$K$13=1,J7210*Input!$J$13,0)+IF(Input!$K$14=1,K7210*Input!$J$14,0)+IF(Input!$K$15=1,L7210*Input!$J$15,0)+IF(Input!$K$16=1,M7210*Input!$J$16,0)</f>
        <v>0.85000357449965658</v>
      </c>
      <c r="O7210" s="58">
        <f>IF(Input!$K$13=2,J7210*Input!$J$13,0)+IF(Input!$K$14=2,K7210*Input!$J$14,0)+IF(Input!$K$15=2,L7210*Input!$J$15,0)+IF(Input!$K$16=2,M7210*Input!$J$16,0)</f>
        <v>3.5762828326990584E-2</v>
      </c>
      <c r="P7210" s="58">
        <f>IF(Input!$K$13=3,J7210*Input!$J$13,0)+IF(Input!$K$14=3,K7210*Input!$J$14,0)+IF(Input!$K$15=3,L7210*Input!$J$15,0)+IF(Input!$K$16=3,M7210*Input!$J$16,0)</f>
        <v>0</v>
      </c>
      <c r="Q7210" s="71">
        <f>IF(Input!$K$13=4,J7210*Input!$J$13,0)+IF(Input!$K$14=4,K7210*Input!$J$14,0)+IF(Input!$K$15=4,L7210*Input!$J$15,0)+IF(Input!$K$16=4,M7210*Input!$J$16,0)</f>
        <v>0</v>
      </c>
    </row>
    <row r="7211" spans="8:17" x14ac:dyDescent="0.25">
      <c r="H7211" s="43">
        <v>7204</v>
      </c>
      <c r="I7211" s="55">
        <f>Bühler!I7237</f>
        <v>0.78586737462630152</v>
      </c>
      <c r="J7211" s="58">
        <f>Bühler!J7237</f>
        <v>7.0833631208304721</v>
      </c>
      <c r="K7211" s="58">
        <f>Bühler!K7237</f>
        <v>0.26490983945918956</v>
      </c>
      <c r="L7211" s="58">
        <f>Bühler!L7237</f>
        <v>0.13245491972959478</v>
      </c>
      <c r="M7211" s="57">
        <f>Bühler!M7237</f>
        <v>0</v>
      </c>
      <c r="N7211" s="55">
        <f>IF(Input!$K$13=1,J7211*Input!$J$13,0)+IF(Input!$K$14=1,K7211*Input!$J$14,0)+IF(Input!$K$15=1,L7211*Input!$J$15,0)+IF(Input!$K$16=1,M7211*Input!$J$16,0)</f>
        <v>0.85000357449965658</v>
      </c>
      <c r="O7211" s="58">
        <f>IF(Input!$K$13=2,J7211*Input!$J$13,0)+IF(Input!$K$14=2,K7211*Input!$J$14,0)+IF(Input!$K$15=2,L7211*Input!$J$15,0)+IF(Input!$K$16=2,M7211*Input!$J$16,0)</f>
        <v>3.5762828326990584E-2</v>
      </c>
      <c r="P7211" s="58">
        <f>IF(Input!$K$13=3,J7211*Input!$J$13,0)+IF(Input!$K$14=3,K7211*Input!$J$14,0)+IF(Input!$K$15=3,L7211*Input!$J$15,0)+IF(Input!$K$16=3,M7211*Input!$J$16,0)</f>
        <v>0</v>
      </c>
      <c r="Q7211" s="71">
        <f>IF(Input!$K$13=4,J7211*Input!$J$13,0)+IF(Input!$K$14=4,K7211*Input!$J$14,0)+IF(Input!$K$15=4,L7211*Input!$J$15,0)+IF(Input!$K$16=4,M7211*Input!$J$16,0)</f>
        <v>0</v>
      </c>
    </row>
    <row r="7212" spans="8:17" x14ac:dyDescent="0.25">
      <c r="H7212" s="43">
        <v>7205</v>
      </c>
      <c r="I7212" s="55">
        <f>Bühler!I7238</f>
        <v>0.78586737462630152</v>
      </c>
      <c r="J7212" s="58">
        <f>Bühler!J7238</f>
        <v>7.0833631208304721</v>
      </c>
      <c r="K7212" s="58">
        <f>Bühler!K7238</f>
        <v>0.26490983945918956</v>
      </c>
      <c r="L7212" s="58">
        <f>Bühler!L7238</f>
        <v>0.13245491972959478</v>
      </c>
      <c r="M7212" s="57">
        <f>Bühler!M7238</f>
        <v>0</v>
      </c>
      <c r="N7212" s="55">
        <f>IF(Input!$K$13=1,J7212*Input!$J$13,0)+IF(Input!$K$14=1,K7212*Input!$J$14,0)+IF(Input!$K$15=1,L7212*Input!$J$15,0)+IF(Input!$K$16=1,M7212*Input!$J$16,0)</f>
        <v>0.85000357449965658</v>
      </c>
      <c r="O7212" s="58">
        <f>IF(Input!$K$13=2,J7212*Input!$J$13,0)+IF(Input!$K$14=2,K7212*Input!$J$14,0)+IF(Input!$K$15=2,L7212*Input!$J$15,0)+IF(Input!$K$16=2,M7212*Input!$J$16,0)</f>
        <v>3.5762828326990584E-2</v>
      </c>
      <c r="P7212" s="58">
        <f>IF(Input!$K$13=3,J7212*Input!$J$13,0)+IF(Input!$K$14=3,K7212*Input!$J$14,0)+IF(Input!$K$15=3,L7212*Input!$J$15,0)+IF(Input!$K$16=3,M7212*Input!$J$16,0)</f>
        <v>0</v>
      </c>
      <c r="Q7212" s="71">
        <f>IF(Input!$K$13=4,J7212*Input!$J$13,0)+IF(Input!$K$14=4,K7212*Input!$J$14,0)+IF(Input!$K$15=4,L7212*Input!$J$15,0)+IF(Input!$K$16=4,M7212*Input!$J$16,0)</f>
        <v>0</v>
      </c>
    </row>
    <row r="7213" spans="8:17" x14ac:dyDescent="0.25">
      <c r="H7213" s="43">
        <v>7206</v>
      </c>
      <c r="I7213" s="55">
        <f>Bühler!I7239</f>
        <v>0.97754234404735063</v>
      </c>
      <c r="J7213" s="58">
        <f>Bühler!J7239</f>
        <v>7.091349577889682</v>
      </c>
      <c r="K7213" s="58">
        <f>Bühler!K7239</f>
        <v>0.26490983945918956</v>
      </c>
      <c r="L7213" s="58">
        <f>Bühler!L7239</f>
        <v>0.13245491972959478</v>
      </c>
      <c r="M7213" s="57">
        <f>Bühler!M7239</f>
        <v>0</v>
      </c>
      <c r="N7213" s="55">
        <f>IF(Input!$K$13=1,J7213*Input!$J$13,0)+IF(Input!$K$14=1,K7213*Input!$J$14,0)+IF(Input!$K$15=1,L7213*Input!$J$15,0)+IF(Input!$K$16=1,M7213*Input!$J$16,0)</f>
        <v>0.85096194934676184</v>
      </c>
      <c r="O7213" s="58">
        <f>IF(Input!$K$13=2,J7213*Input!$J$13,0)+IF(Input!$K$14=2,K7213*Input!$J$14,0)+IF(Input!$K$15=2,L7213*Input!$J$15,0)+IF(Input!$K$16=2,M7213*Input!$J$16,0)</f>
        <v>3.5762828326990584E-2</v>
      </c>
      <c r="P7213" s="58">
        <f>IF(Input!$K$13=3,J7213*Input!$J$13,0)+IF(Input!$K$14=3,K7213*Input!$J$14,0)+IF(Input!$K$15=3,L7213*Input!$J$15,0)+IF(Input!$K$16=3,M7213*Input!$J$16,0)</f>
        <v>0</v>
      </c>
      <c r="Q7213" s="71">
        <f>IF(Input!$K$13=4,J7213*Input!$J$13,0)+IF(Input!$K$14=4,K7213*Input!$J$14,0)+IF(Input!$K$15=4,L7213*Input!$J$15,0)+IF(Input!$K$16=4,M7213*Input!$J$16,0)</f>
        <v>0</v>
      </c>
    </row>
    <row r="7214" spans="8:17" x14ac:dyDescent="0.25">
      <c r="H7214" s="43">
        <v>7207</v>
      </c>
      <c r="I7214" s="55">
        <f>Bühler!I7240</f>
        <v>1.2267198042947147</v>
      </c>
      <c r="J7214" s="58">
        <f>Bühler!J7240</f>
        <v>7.1017319720666556</v>
      </c>
      <c r="K7214" s="58">
        <f>Bühler!K7240</f>
        <v>0.26490983945918956</v>
      </c>
      <c r="L7214" s="58">
        <f>Bühler!L7240</f>
        <v>0.13245491972959478</v>
      </c>
      <c r="M7214" s="57">
        <f>Bühler!M7240</f>
        <v>0</v>
      </c>
      <c r="N7214" s="55">
        <f>IF(Input!$K$13=1,J7214*Input!$J$13,0)+IF(Input!$K$14=1,K7214*Input!$J$14,0)+IF(Input!$K$15=1,L7214*Input!$J$15,0)+IF(Input!$K$16=1,M7214*Input!$J$16,0)</f>
        <v>0.8522078366479986</v>
      </c>
      <c r="O7214" s="58">
        <f>IF(Input!$K$13=2,J7214*Input!$J$13,0)+IF(Input!$K$14=2,K7214*Input!$J$14,0)+IF(Input!$K$15=2,L7214*Input!$J$15,0)+IF(Input!$K$16=2,M7214*Input!$J$16,0)</f>
        <v>3.5762828326990584E-2</v>
      </c>
      <c r="P7214" s="58">
        <f>IF(Input!$K$13=3,J7214*Input!$J$13,0)+IF(Input!$K$14=3,K7214*Input!$J$14,0)+IF(Input!$K$15=3,L7214*Input!$J$15,0)+IF(Input!$K$16=3,M7214*Input!$J$16,0)</f>
        <v>0</v>
      </c>
      <c r="Q7214" s="71">
        <f>IF(Input!$K$13=4,J7214*Input!$J$13,0)+IF(Input!$K$14=4,K7214*Input!$J$14,0)+IF(Input!$K$15=4,L7214*Input!$J$15,0)+IF(Input!$K$16=4,M7214*Input!$J$16,0)</f>
        <v>0</v>
      </c>
    </row>
    <row r="7215" spans="8:17" x14ac:dyDescent="0.25">
      <c r="H7215" s="43">
        <v>7208</v>
      </c>
      <c r="I7215" s="55">
        <f>Bühler!I7241</f>
        <v>1.3992272767736587</v>
      </c>
      <c r="J7215" s="58">
        <f>Bühler!J7241</f>
        <v>7.1089197834199442</v>
      </c>
      <c r="K7215" s="58">
        <f>Bühler!K7241</f>
        <v>0.26490983945918956</v>
      </c>
      <c r="L7215" s="58">
        <f>Bühler!L7241</f>
        <v>0.13245491972959478</v>
      </c>
      <c r="M7215" s="57">
        <f>Bühler!M7241</f>
        <v>0</v>
      </c>
      <c r="N7215" s="55">
        <f>IF(Input!$K$13=1,J7215*Input!$J$13,0)+IF(Input!$K$14=1,K7215*Input!$J$14,0)+IF(Input!$K$15=1,L7215*Input!$J$15,0)+IF(Input!$K$16=1,M7215*Input!$J$16,0)</f>
        <v>0.85307037401039332</v>
      </c>
      <c r="O7215" s="58">
        <f>IF(Input!$K$13=2,J7215*Input!$J$13,0)+IF(Input!$K$14=2,K7215*Input!$J$14,0)+IF(Input!$K$15=2,L7215*Input!$J$15,0)+IF(Input!$K$16=2,M7215*Input!$J$16,0)</f>
        <v>3.5762828326990584E-2</v>
      </c>
      <c r="P7215" s="58">
        <f>IF(Input!$K$13=3,J7215*Input!$J$13,0)+IF(Input!$K$14=3,K7215*Input!$J$14,0)+IF(Input!$K$15=3,L7215*Input!$J$15,0)+IF(Input!$K$16=3,M7215*Input!$J$16,0)</f>
        <v>0</v>
      </c>
      <c r="Q7215" s="71">
        <f>IF(Input!$K$13=4,J7215*Input!$J$13,0)+IF(Input!$K$14=4,K7215*Input!$J$14,0)+IF(Input!$K$15=4,L7215*Input!$J$15,0)+IF(Input!$K$16=4,M7215*Input!$J$16,0)</f>
        <v>0</v>
      </c>
    </row>
    <row r="7216" spans="8:17" x14ac:dyDescent="0.25">
      <c r="H7216" s="43">
        <v>7209</v>
      </c>
      <c r="I7216" s="55">
        <f>Bühler!I7242</f>
        <v>1.3992272767736587</v>
      </c>
      <c r="J7216" s="58">
        <f>Bühler!J7242</f>
        <v>7.1089197834199442</v>
      </c>
      <c r="K7216" s="58">
        <f>Bühler!K7242</f>
        <v>0.26490983945918956</v>
      </c>
      <c r="L7216" s="58">
        <f>Bühler!L7242</f>
        <v>0.13245491972959478</v>
      </c>
      <c r="M7216" s="57">
        <f>Bühler!M7242</f>
        <v>0</v>
      </c>
      <c r="N7216" s="55">
        <f>IF(Input!$K$13=1,J7216*Input!$J$13,0)+IF(Input!$K$14=1,K7216*Input!$J$14,0)+IF(Input!$K$15=1,L7216*Input!$J$15,0)+IF(Input!$K$16=1,M7216*Input!$J$16,0)</f>
        <v>0.85307037401039332</v>
      </c>
      <c r="O7216" s="58">
        <f>IF(Input!$K$13=2,J7216*Input!$J$13,0)+IF(Input!$K$14=2,K7216*Input!$J$14,0)+IF(Input!$K$15=2,L7216*Input!$J$15,0)+IF(Input!$K$16=2,M7216*Input!$J$16,0)</f>
        <v>3.5762828326990584E-2</v>
      </c>
      <c r="P7216" s="58">
        <f>IF(Input!$K$13=3,J7216*Input!$J$13,0)+IF(Input!$K$14=3,K7216*Input!$J$14,0)+IF(Input!$K$15=3,L7216*Input!$J$15,0)+IF(Input!$K$16=3,M7216*Input!$J$16,0)</f>
        <v>0</v>
      </c>
      <c r="Q7216" s="71">
        <f>IF(Input!$K$13=4,J7216*Input!$J$13,0)+IF(Input!$K$14=4,K7216*Input!$J$14,0)+IF(Input!$K$15=4,L7216*Input!$J$15,0)+IF(Input!$K$16=4,M7216*Input!$J$16,0)</f>
        <v>0</v>
      </c>
    </row>
    <row r="7217" spans="8:17" x14ac:dyDescent="0.25">
      <c r="H7217" s="43">
        <v>7210</v>
      </c>
      <c r="I7217" s="55">
        <f>Bühler!I7243</f>
        <v>1.3992272767736587</v>
      </c>
      <c r="J7217" s="58">
        <f>Bühler!J7243</f>
        <v>7.1089197834199442</v>
      </c>
      <c r="K7217" s="58">
        <f>Bühler!K7243</f>
        <v>0.26490983945918956</v>
      </c>
      <c r="L7217" s="58">
        <f>Bühler!L7243</f>
        <v>0.13245491972959478</v>
      </c>
      <c r="M7217" s="57">
        <f>Bühler!M7243</f>
        <v>0</v>
      </c>
      <c r="N7217" s="55">
        <f>IF(Input!$K$13=1,J7217*Input!$J$13,0)+IF(Input!$K$14=1,K7217*Input!$J$14,0)+IF(Input!$K$15=1,L7217*Input!$J$15,0)+IF(Input!$K$16=1,M7217*Input!$J$16,0)</f>
        <v>0.85307037401039332</v>
      </c>
      <c r="O7217" s="58">
        <f>IF(Input!$K$13=2,J7217*Input!$J$13,0)+IF(Input!$K$14=2,K7217*Input!$J$14,0)+IF(Input!$K$15=2,L7217*Input!$J$15,0)+IF(Input!$K$16=2,M7217*Input!$J$16,0)</f>
        <v>3.5762828326990584E-2</v>
      </c>
      <c r="P7217" s="58">
        <f>IF(Input!$K$13=3,J7217*Input!$J$13,0)+IF(Input!$K$14=3,K7217*Input!$J$14,0)+IF(Input!$K$15=3,L7217*Input!$J$15,0)+IF(Input!$K$16=3,M7217*Input!$J$16,0)</f>
        <v>0</v>
      </c>
      <c r="Q7217" s="71">
        <f>IF(Input!$K$13=4,J7217*Input!$J$13,0)+IF(Input!$K$14=4,K7217*Input!$J$14,0)+IF(Input!$K$15=4,L7217*Input!$J$15,0)+IF(Input!$K$16=4,M7217*Input!$J$16,0)</f>
        <v>0</v>
      </c>
    </row>
    <row r="7218" spans="8:17" x14ac:dyDescent="0.25">
      <c r="H7218" s="43">
        <v>7211</v>
      </c>
      <c r="I7218" s="55">
        <f>Bühler!I7244</f>
        <v>1.3992272767736587</v>
      </c>
      <c r="J7218" s="58">
        <f>Bühler!J7244</f>
        <v>7.1089197834199442</v>
      </c>
      <c r="K7218" s="58">
        <f>Bühler!K7244</f>
        <v>0.26490983945918956</v>
      </c>
      <c r="L7218" s="58">
        <f>Bühler!L7244</f>
        <v>0.13245491972959478</v>
      </c>
      <c r="M7218" s="57">
        <f>Bühler!M7244</f>
        <v>0</v>
      </c>
      <c r="N7218" s="55">
        <f>IF(Input!$K$13=1,J7218*Input!$J$13,0)+IF(Input!$K$14=1,K7218*Input!$J$14,0)+IF(Input!$K$15=1,L7218*Input!$J$15,0)+IF(Input!$K$16=1,M7218*Input!$J$16,0)</f>
        <v>0.85307037401039332</v>
      </c>
      <c r="O7218" s="58">
        <f>IF(Input!$K$13=2,J7218*Input!$J$13,0)+IF(Input!$K$14=2,K7218*Input!$J$14,0)+IF(Input!$K$15=2,L7218*Input!$J$15,0)+IF(Input!$K$16=2,M7218*Input!$J$16,0)</f>
        <v>3.5762828326990584E-2</v>
      </c>
      <c r="P7218" s="58">
        <f>IF(Input!$K$13=3,J7218*Input!$J$13,0)+IF(Input!$K$14=3,K7218*Input!$J$14,0)+IF(Input!$K$15=3,L7218*Input!$J$15,0)+IF(Input!$K$16=3,M7218*Input!$J$16,0)</f>
        <v>0</v>
      </c>
      <c r="Q7218" s="71">
        <f>IF(Input!$K$13=4,J7218*Input!$J$13,0)+IF(Input!$K$14=4,K7218*Input!$J$14,0)+IF(Input!$K$15=4,L7218*Input!$J$15,0)+IF(Input!$K$16=4,M7218*Input!$J$16,0)</f>
        <v>0</v>
      </c>
    </row>
    <row r="7219" spans="8:17" x14ac:dyDescent="0.25">
      <c r="H7219" s="43">
        <v>7212</v>
      </c>
      <c r="I7219" s="55">
        <f>Bühler!I7245</f>
        <v>1.3992272767736587</v>
      </c>
      <c r="J7219" s="58">
        <f>Bühler!J7245</f>
        <v>7.1089197834199442</v>
      </c>
      <c r="K7219" s="58">
        <f>Bühler!K7245</f>
        <v>0.26490983945918956</v>
      </c>
      <c r="L7219" s="58">
        <f>Bühler!L7245</f>
        <v>0.13245491972959478</v>
      </c>
      <c r="M7219" s="57">
        <f>Bühler!M7245</f>
        <v>0</v>
      </c>
      <c r="N7219" s="55">
        <f>IF(Input!$K$13=1,J7219*Input!$J$13,0)+IF(Input!$K$14=1,K7219*Input!$J$14,0)+IF(Input!$K$15=1,L7219*Input!$J$15,0)+IF(Input!$K$16=1,M7219*Input!$J$16,0)</f>
        <v>0.85307037401039332</v>
      </c>
      <c r="O7219" s="58">
        <f>IF(Input!$K$13=2,J7219*Input!$J$13,0)+IF(Input!$K$14=2,K7219*Input!$J$14,0)+IF(Input!$K$15=2,L7219*Input!$J$15,0)+IF(Input!$K$16=2,M7219*Input!$J$16,0)</f>
        <v>3.5762828326990584E-2</v>
      </c>
      <c r="P7219" s="58">
        <f>IF(Input!$K$13=3,J7219*Input!$J$13,0)+IF(Input!$K$14=3,K7219*Input!$J$14,0)+IF(Input!$K$15=3,L7219*Input!$J$15,0)+IF(Input!$K$16=3,M7219*Input!$J$16,0)</f>
        <v>0</v>
      </c>
      <c r="Q7219" s="71">
        <f>IF(Input!$K$13=4,J7219*Input!$J$13,0)+IF(Input!$K$14=4,K7219*Input!$J$14,0)+IF(Input!$K$15=4,L7219*Input!$J$15,0)+IF(Input!$K$16=4,M7219*Input!$J$16,0)</f>
        <v>0</v>
      </c>
    </row>
    <row r="7220" spans="8:17" x14ac:dyDescent="0.25">
      <c r="H7220" s="43">
        <v>7213</v>
      </c>
      <c r="I7220" s="55">
        <f>Bühler!I7246</f>
        <v>1.3992272767736587</v>
      </c>
      <c r="J7220" s="58">
        <f>Bühler!J7246</f>
        <v>7.1089197834199442</v>
      </c>
      <c r="K7220" s="58">
        <f>Bühler!K7246</f>
        <v>0.26490983945918956</v>
      </c>
      <c r="L7220" s="58">
        <f>Bühler!L7246</f>
        <v>0.13245491972959478</v>
      </c>
      <c r="M7220" s="57">
        <f>Bühler!M7246</f>
        <v>0</v>
      </c>
      <c r="N7220" s="55">
        <f>IF(Input!$K$13=1,J7220*Input!$J$13,0)+IF(Input!$K$14=1,K7220*Input!$J$14,0)+IF(Input!$K$15=1,L7220*Input!$J$15,0)+IF(Input!$K$16=1,M7220*Input!$J$16,0)</f>
        <v>0.85307037401039332</v>
      </c>
      <c r="O7220" s="58">
        <f>IF(Input!$K$13=2,J7220*Input!$J$13,0)+IF(Input!$K$14=2,K7220*Input!$J$14,0)+IF(Input!$K$15=2,L7220*Input!$J$15,0)+IF(Input!$K$16=2,M7220*Input!$J$16,0)</f>
        <v>3.5762828326990584E-2</v>
      </c>
      <c r="P7220" s="58">
        <f>IF(Input!$K$13=3,J7220*Input!$J$13,0)+IF(Input!$K$14=3,K7220*Input!$J$14,0)+IF(Input!$K$15=3,L7220*Input!$J$15,0)+IF(Input!$K$16=3,M7220*Input!$J$16,0)</f>
        <v>0</v>
      </c>
      <c r="Q7220" s="71">
        <f>IF(Input!$K$13=4,J7220*Input!$J$13,0)+IF(Input!$K$14=4,K7220*Input!$J$14,0)+IF(Input!$K$15=4,L7220*Input!$J$15,0)+IF(Input!$K$16=4,M7220*Input!$J$16,0)</f>
        <v>0</v>
      </c>
    </row>
    <row r="7221" spans="8:17" x14ac:dyDescent="0.25">
      <c r="H7221" s="43">
        <v>7214</v>
      </c>
      <c r="I7221" s="55">
        <f>Bühler!I7247</f>
        <v>1.3992272767736587</v>
      </c>
      <c r="J7221" s="58">
        <f>Bühler!J7247</f>
        <v>7.1089197834199442</v>
      </c>
      <c r="K7221" s="58">
        <f>Bühler!K7247</f>
        <v>0.26490983945918956</v>
      </c>
      <c r="L7221" s="58">
        <f>Bühler!L7247</f>
        <v>0.13245491972959478</v>
      </c>
      <c r="M7221" s="57">
        <f>Bühler!M7247</f>
        <v>0</v>
      </c>
      <c r="N7221" s="55">
        <f>IF(Input!$K$13=1,J7221*Input!$J$13,0)+IF(Input!$K$14=1,K7221*Input!$J$14,0)+IF(Input!$K$15=1,L7221*Input!$J$15,0)+IF(Input!$K$16=1,M7221*Input!$J$16,0)</f>
        <v>0.85307037401039332</v>
      </c>
      <c r="O7221" s="58">
        <f>IF(Input!$K$13=2,J7221*Input!$J$13,0)+IF(Input!$K$14=2,K7221*Input!$J$14,0)+IF(Input!$K$15=2,L7221*Input!$J$15,0)+IF(Input!$K$16=2,M7221*Input!$J$16,0)</f>
        <v>3.5762828326990584E-2</v>
      </c>
      <c r="P7221" s="58">
        <f>IF(Input!$K$13=3,J7221*Input!$J$13,0)+IF(Input!$K$14=3,K7221*Input!$J$14,0)+IF(Input!$K$15=3,L7221*Input!$J$15,0)+IF(Input!$K$16=3,M7221*Input!$J$16,0)</f>
        <v>0</v>
      </c>
      <c r="Q7221" s="71">
        <f>IF(Input!$K$13=4,J7221*Input!$J$13,0)+IF(Input!$K$14=4,K7221*Input!$J$14,0)+IF(Input!$K$15=4,L7221*Input!$J$15,0)+IF(Input!$K$16=4,M7221*Input!$J$16,0)</f>
        <v>0</v>
      </c>
    </row>
    <row r="7222" spans="8:17" x14ac:dyDescent="0.25">
      <c r="H7222" s="43">
        <v>7215</v>
      </c>
      <c r="I7222" s="55">
        <f>Bühler!I7248</f>
        <v>1.3992272767736587</v>
      </c>
      <c r="J7222" s="58">
        <f>Bühler!J7248</f>
        <v>7.1089197834199442</v>
      </c>
      <c r="K7222" s="58">
        <f>Bühler!K7248</f>
        <v>0.26490983945918956</v>
      </c>
      <c r="L7222" s="58">
        <f>Bühler!L7248</f>
        <v>0.13245491972959478</v>
      </c>
      <c r="M7222" s="57">
        <f>Bühler!M7248</f>
        <v>0</v>
      </c>
      <c r="N7222" s="55">
        <f>IF(Input!$K$13=1,J7222*Input!$J$13,0)+IF(Input!$K$14=1,K7222*Input!$J$14,0)+IF(Input!$K$15=1,L7222*Input!$J$15,0)+IF(Input!$K$16=1,M7222*Input!$J$16,0)</f>
        <v>0.85307037401039332</v>
      </c>
      <c r="O7222" s="58">
        <f>IF(Input!$K$13=2,J7222*Input!$J$13,0)+IF(Input!$K$14=2,K7222*Input!$J$14,0)+IF(Input!$K$15=2,L7222*Input!$J$15,0)+IF(Input!$K$16=2,M7222*Input!$J$16,0)</f>
        <v>3.5762828326990584E-2</v>
      </c>
      <c r="P7222" s="58">
        <f>IF(Input!$K$13=3,J7222*Input!$J$13,0)+IF(Input!$K$14=3,K7222*Input!$J$14,0)+IF(Input!$K$15=3,L7222*Input!$J$15,0)+IF(Input!$K$16=3,M7222*Input!$J$16,0)</f>
        <v>0</v>
      </c>
      <c r="Q7222" s="71">
        <f>IF(Input!$K$13=4,J7222*Input!$J$13,0)+IF(Input!$K$14=4,K7222*Input!$J$14,0)+IF(Input!$K$15=4,L7222*Input!$J$15,0)+IF(Input!$K$16=4,M7222*Input!$J$16,0)</f>
        <v>0</v>
      </c>
    </row>
    <row r="7223" spans="8:17" x14ac:dyDescent="0.25">
      <c r="H7223" s="43">
        <v>7216</v>
      </c>
      <c r="I7223" s="55">
        <f>Bühler!I7249</f>
        <v>1.2650547981789242</v>
      </c>
      <c r="J7223" s="58">
        <f>Bühler!J7249</f>
        <v>7.1033292634784972</v>
      </c>
      <c r="K7223" s="58">
        <f>Bühler!K7249</f>
        <v>0.26490983945918956</v>
      </c>
      <c r="L7223" s="58">
        <f>Bühler!L7249</f>
        <v>0.13245491972959478</v>
      </c>
      <c r="M7223" s="57">
        <f>Bühler!M7249</f>
        <v>0</v>
      </c>
      <c r="N7223" s="55">
        <f>IF(Input!$K$13=1,J7223*Input!$J$13,0)+IF(Input!$K$14=1,K7223*Input!$J$14,0)+IF(Input!$K$15=1,L7223*Input!$J$15,0)+IF(Input!$K$16=1,M7223*Input!$J$16,0)</f>
        <v>0.85239951161741967</v>
      </c>
      <c r="O7223" s="58">
        <f>IF(Input!$K$13=2,J7223*Input!$J$13,0)+IF(Input!$K$14=2,K7223*Input!$J$14,0)+IF(Input!$K$15=2,L7223*Input!$J$15,0)+IF(Input!$K$16=2,M7223*Input!$J$16,0)</f>
        <v>3.5762828326990584E-2</v>
      </c>
      <c r="P7223" s="58">
        <f>IF(Input!$K$13=3,J7223*Input!$J$13,0)+IF(Input!$K$14=3,K7223*Input!$J$14,0)+IF(Input!$K$15=3,L7223*Input!$J$15,0)+IF(Input!$K$16=3,M7223*Input!$J$16,0)</f>
        <v>0</v>
      </c>
      <c r="Q7223" s="71">
        <f>IF(Input!$K$13=4,J7223*Input!$J$13,0)+IF(Input!$K$14=4,K7223*Input!$J$14,0)+IF(Input!$K$15=4,L7223*Input!$J$15,0)+IF(Input!$K$16=4,M7223*Input!$J$16,0)</f>
        <v>0</v>
      </c>
    </row>
    <row r="7224" spans="8:17" x14ac:dyDescent="0.25">
      <c r="H7224" s="43">
        <v>7217</v>
      </c>
      <c r="I7224" s="55">
        <f>Bühler!I7250</f>
        <v>1.1500498165262951</v>
      </c>
      <c r="J7224" s="58">
        <f>Bühler!J7250</f>
        <v>7.0985373892429715</v>
      </c>
      <c r="K7224" s="58">
        <f>Bühler!K7250</f>
        <v>0.26490983945918956</v>
      </c>
      <c r="L7224" s="58">
        <f>Bühler!L7250</f>
        <v>0.13245491972959478</v>
      </c>
      <c r="M7224" s="57">
        <f>Bühler!M7250</f>
        <v>0</v>
      </c>
      <c r="N7224" s="55">
        <f>IF(Input!$K$13=1,J7224*Input!$J$13,0)+IF(Input!$K$14=1,K7224*Input!$J$14,0)+IF(Input!$K$15=1,L7224*Input!$J$15,0)+IF(Input!$K$16=1,M7224*Input!$J$16,0)</f>
        <v>0.85182448670915656</v>
      </c>
      <c r="O7224" s="58">
        <f>IF(Input!$K$13=2,J7224*Input!$J$13,0)+IF(Input!$K$14=2,K7224*Input!$J$14,0)+IF(Input!$K$15=2,L7224*Input!$J$15,0)+IF(Input!$K$16=2,M7224*Input!$J$16,0)</f>
        <v>3.5762828326990584E-2</v>
      </c>
      <c r="P7224" s="58">
        <f>IF(Input!$K$13=3,J7224*Input!$J$13,0)+IF(Input!$K$14=3,K7224*Input!$J$14,0)+IF(Input!$K$15=3,L7224*Input!$J$15,0)+IF(Input!$K$16=3,M7224*Input!$J$16,0)</f>
        <v>0</v>
      </c>
      <c r="Q7224" s="71">
        <f>IF(Input!$K$13=4,J7224*Input!$J$13,0)+IF(Input!$K$14=4,K7224*Input!$J$14,0)+IF(Input!$K$15=4,L7224*Input!$J$15,0)+IF(Input!$K$16=4,M7224*Input!$J$16,0)</f>
        <v>0</v>
      </c>
    </row>
    <row r="7225" spans="8:17" x14ac:dyDescent="0.25">
      <c r="H7225" s="43">
        <v>7218</v>
      </c>
      <c r="I7225" s="55">
        <f>Bühler!I7251</f>
        <v>1.0350448348736656</v>
      </c>
      <c r="J7225" s="58">
        <f>Bühler!J7251</f>
        <v>7.0937455150074449</v>
      </c>
      <c r="K7225" s="58">
        <f>Bühler!K7251</f>
        <v>0.26490983945918956</v>
      </c>
      <c r="L7225" s="58">
        <f>Bühler!L7251</f>
        <v>0.13245491972959478</v>
      </c>
      <c r="M7225" s="57">
        <f>Bühler!M7251</f>
        <v>0</v>
      </c>
      <c r="N7225" s="55">
        <f>IF(Input!$K$13=1,J7225*Input!$J$13,0)+IF(Input!$K$14=1,K7225*Input!$J$14,0)+IF(Input!$K$15=1,L7225*Input!$J$15,0)+IF(Input!$K$16=1,M7225*Input!$J$16,0)</f>
        <v>0.85124946180089334</v>
      </c>
      <c r="O7225" s="58">
        <f>IF(Input!$K$13=2,J7225*Input!$J$13,0)+IF(Input!$K$14=2,K7225*Input!$J$14,0)+IF(Input!$K$15=2,L7225*Input!$J$15,0)+IF(Input!$K$16=2,M7225*Input!$J$16,0)</f>
        <v>3.5762828326990584E-2</v>
      </c>
      <c r="P7225" s="58">
        <f>IF(Input!$K$13=3,J7225*Input!$J$13,0)+IF(Input!$K$14=3,K7225*Input!$J$14,0)+IF(Input!$K$15=3,L7225*Input!$J$15,0)+IF(Input!$K$16=3,M7225*Input!$J$16,0)</f>
        <v>0</v>
      </c>
      <c r="Q7225" s="71">
        <f>IF(Input!$K$13=4,J7225*Input!$J$13,0)+IF(Input!$K$14=4,K7225*Input!$J$14,0)+IF(Input!$K$15=4,L7225*Input!$J$15,0)+IF(Input!$K$16=4,M7225*Input!$J$16,0)</f>
        <v>0</v>
      </c>
    </row>
    <row r="7226" spans="8:17" x14ac:dyDescent="0.25">
      <c r="H7226" s="43">
        <v>7219</v>
      </c>
      <c r="I7226" s="55">
        <f>Bühler!I7252</f>
        <v>0.99670984098945548</v>
      </c>
      <c r="J7226" s="58">
        <f>Bühler!J7252</f>
        <v>7.0921482235956033</v>
      </c>
      <c r="K7226" s="58">
        <f>Bühler!K7252</f>
        <v>0.26490983945918956</v>
      </c>
      <c r="L7226" s="58">
        <f>Bühler!L7252</f>
        <v>0.13245491972959478</v>
      </c>
      <c r="M7226" s="57">
        <f>Bühler!M7252</f>
        <v>0</v>
      </c>
      <c r="N7226" s="55">
        <f>IF(Input!$K$13=1,J7226*Input!$J$13,0)+IF(Input!$K$14=1,K7226*Input!$J$14,0)+IF(Input!$K$15=1,L7226*Input!$J$15,0)+IF(Input!$K$16=1,M7226*Input!$J$16,0)</f>
        <v>0.85105778683147237</v>
      </c>
      <c r="O7226" s="58">
        <f>IF(Input!$K$13=2,J7226*Input!$J$13,0)+IF(Input!$K$14=2,K7226*Input!$J$14,0)+IF(Input!$K$15=2,L7226*Input!$J$15,0)+IF(Input!$K$16=2,M7226*Input!$J$16,0)</f>
        <v>3.5762828326990584E-2</v>
      </c>
      <c r="P7226" s="58">
        <f>IF(Input!$K$13=3,J7226*Input!$J$13,0)+IF(Input!$K$14=3,K7226*Input!$J$14,0)+IF(Input!$K$15=3,L7226*Input!$J$15,0)+IF(Input!$K$16=3,M7226*Input!$J$16,0)</f>
        <v>0</v>
      </c>
      <c r="Q7226" s="71">
        <f>IF(Input!$K$13=4,J7226*Input!$J$13,0)+IF(Input!$K$14=4,K7226*Input!$J$14,0)+IF(Input!$K$15=4,L7226*Input!$J$15,0)+IF(Input!$K$16=4,M7226*Input!$J$16,0)</f>
        <v>0</v>
      </c>
    </row>
    <row r="7227" spans="8:17" x14ac:dyDescent="0.25">
      <c r="H7227" s="43">
        <v>7220</v>
      </c>
      <c r="I7227" s="55">
        <f>Bühler!I7253</f>
        <v>0.80503487156840636</v>
      </c>
      <c r="J7227" s="58">
        <f>Bühler!J7253</f>
        <v>7.0841617665363925</v>
      </c>
      <c r="K7227" s="58">
        <f>Bühler!K7253</f>
        <v>0.26490983945918956</v>
      </c>
      <c r="L7227" s="58">
        <f>Bühler!L7253</f>
        <v>0.13245491972959478</v>
      </c>
      <c r="M7227" s="57">
        <f>Bühler!M7253</f>
        <v>0</v>
      </c>
      <c r="N7227" s="55">
        <f>IF(Input!$K$13=1,J7227*Input!$J$13,0)+IF(Input!$K$14=1,K7227*Input!$J$14,0)+IF(Input!$K$15=1,L7227*Input!$J$15,0)+IF(Input!$K$16=1,M7227*Input!$J$16,0)</f>
        <v>0.85009941198436711</v>
      </c>
      <c r="O7227" s="58">
        <f>IF(Input!$K$13=2,J7227*Input!$J$13,0)+IF(Input!$K$14=2,K7227*Input!$J$14,0)+IF(Input!$K$15=2,L7227*Input!$J$15,0)+IF(Input!$K$16=2,M7227*Input!$J$16,0)</f>
        <v>3.5762828326990584E-2</v>
      </c>
      <c r="P7227" s="58">
        <f>IF(Input!$K$13=3,J7227*Input!$J$13,0)+IF(Input!$K$14=3,K7227*Input!$J$14,0)+IF(Input!$K$15=3,L7227*Input!$J$15,0)+IF(Input!$K$16=3,M7227*Input!$J$16,0)</f>
        <v>0</v>
      </c>
      <c r="Q7227" s="71">
        <f>IF(Input!$K$13=4,J7227*Input!$J$13,0)+IF(Input!$K$14=4,K7227*Input!$J$14,0)+IF(Input!$K$15=4,L7227*Input!$J$15,0)+IF(Input!$K$16=4,M7227*Input!$J$16,0)</f>
        <v>0</v>
      </c>
    </row>
    <row r="7228" spans="8:17" x14ac:dyDescent="0.25">
      <c r="H7228" s="43">
        <v>7221</v>
      </c>
      <c r="I7228" s="55">
        <f>Bühler!I7254</f>
        <v>0.59419240520525229</v>
      </c>
      <c r="J7228" s="58">
        <f>Bühler!J7254</f>
        <v>7.0753766637712614</v>
      </c>
      <c r="K7228" s="58">
        <f>Bühler!K7254</f>
        <v>0.26490983945918956</v>
      </c>
      <c r="L7228" s="58">
        <f>Bühler!L7254</f>
        <v>0.13245491972959478</v>
      </c>
      <c r="M7228" s="57">
        <f>Bühler!M7254</f>
        <v>0</v>
      </c>
      <c r="N7228" s="55">
        <f>IF(Input!$K$13=1,J7228*Input!$J$13,0)+IF(Input!$K$14=1,K7228*Input!$J$14,0)+IF(Input!$K$15=1,L7228*Input!$J$15,0)+IF(Input!$K$16=1,M7228*Input!$J$16,0)</f>
        <v>0.84904519965255132</v>
      </c>
      <c r="O7228" s="58">
        <f>IF(Input!$K$13=2,J7228*Input!$J$13,0)+IF(Input!$K$14=2,K7228*Input!$J$14,0)+IF(Input!$K$15=2,L7228*Input!$J$15,0)+IF(Input!$K$16=2,M7228*Input!$J$16,0)</f>
        <v>3.5762828326990584E-2</v>
      </c>
      <c r="P7228" s="58">
        <f>IF(Input!$K$13=3,J7228*Input!$J$13,0)+IF(Input!$K$14=3,K7228*Input!$J$14,0)+IF(Input!$K$15=3,L7228*Input!$J$15,0)+IF(Input!$K$16=3,M7228*Input!$J$16,0)</f>
        <v>0</v>
      </c>
      <c r="Q7228" s="71">
        <f>IF(Input!$K$13=4,J7228*Input!$J$13,0)+IF(Input!$K$14=4,K7228*Input!$J$14,0)+IF(Input!$K$15=4,L7228*Input!$J$15,0)+IF(Input!$K$16=4,M7228*Input!$J$16,0)</f>
        <v>0</v>
      </c>
    </row>
    <row r="7229" spans="8:17" x14ac:dyDescent="0.25">
      <c r="H7229" s="43">
        <v>7222</v>
      </c>
      <c r="I7229" s="55">
        <f>Bühler!I7255</f>
        <v>0.59419240520525229</v>
      </c>
      <c r="J7229" s="58">
        <f>Bühler!J7255</f>
        <v>7.0753766637712614</v>
      </c>
      <c r="K7229" s="58">
        <f>Bühler!K7255</f>
        <v>0.26490983945918956</v>
      </c>
      <c r="L7229" s="58">
        <f>Bühler!L7255</f>
        <v>0.13245491972959478</v>
      </c>
      <c r="M7229" s="57">
        <f>Bühler!M7255</f>
        <v>0</v>
      </c>
      <c r="N7229" s="55">
        <f>IF(Input!$K$13=1,J7229*Input!$J$13,0)+IF(Input!$K$14=1,K7229*Input!$J$14,0)+IF(Input!$K$15=1,L7229*Input!$J$15,0)+IF(Input!$K$16=1,M7229*Input!$J$16,0)</f>
        <v>0.84904519965255132</v>
      </c>
      <c r="O7229" s="58">
        <f>IF(Input!$K$13=2,J7229*Input!$J$13,0)+IF(Input!$K$14=2,K7229*Input!$J$14,0)+IF(Input!$K$15=2,L7229*Input!$J$15,0)+IF(Input!$K$16=2,M7229*Input!$J$16,0)</f>
        <v>3.5762828326990584E-2</v>
      </c>
      <c r="P7229" s="58">
        <f>IF(Input!$K$13=3,J7229*Input!$J$13,0)+IF(Input!$K$14=3,K7229*Input!$J$14,0)+IF(Input!$K$15=3,L7229*Input!$J$15,0)+IF(Input!$K$16=3,M7229*Input!$J$16,0)</f>
        <v>0</v>
      </c>
      <c r="Q7229" s="71">
        <f>IF(Input!$K$13=4,J7229*Input!$J$13,0)+IF(Input!$K$14=4,K7229*Input!$J$14,0)+IF(Input!$K$15=4,L7229*Input!$J$15,0)+IF(Input!$K$16=4,M7229*Input!$J$16,0)</f>
        <v>0</v>
      </c>
    </row>
    <row r="7230" spans="8:17" x14ac:dyDescent="0.25">
      <c r="H7230" s="43">
        <v>7223</v>
      </c>
      <c r="I7230" s="55">
        <f>Bühler!I7256</f>
        <v>0.59419240520525229</v>
      </c>
      <c r="J7230" s="58">
        <f>Bühler!J7256</f>
        <v>7.0753766637712614</v>
      </c>
      <c r="K7230" s="58">
        <f>Bühler!K7256</f>
        <v>0.26490983945918956</v>
      </c>
      <c r="L7230" s="58">
        <f>Bühler!L7256</f>
        <v>0.13245491972959478</v>
      </c>
      <c r="M7230" s="57">
        <f>Bühler!M7256</f>
        <v>0</v>
      </c>
      <c r="N7230" s="55">
        <f>IF(Input!$K$13=1,J7230*Input!$J$13,0)+IF(Input!$K$14=1,K7230*Input!$J$14,0)+IF(Input!$K$15=1,L7230*Input!$J$15,0)+IF(Input!$K$16=1,M7230*Input!$J$16,0)</f>
        <v>0.84904519965255132</v>
      </c>
      <c r="O7230" s="58">
        <f>IF(Input!$K$13=2,J7230*Input!$J$13,0)+IF(Input!$K$14=2,K7230*Input!$J$14,0)+IF(Input!$K$15=2,L7230*Input!$J$15,0)+IF(Input!$K$16=2,M7230*Input!$J$16,0)</f>
        <v>3.5762828326990584E-2</v>
      </c>
      <c r="P7230" s="58">
        <f>IF(Input!$K$13=3,J7230*Input!$J$13,0)+IF(Input!$K$14=3,K7230*Input!$J$14,0)+IF(Input!$K$15=3,L7230*Input!$J$15,0)+IF(Input!$K$16=3,M7230*Input!$J$16,0)</f>
        <v>0</v>
      </c>
      <c r="Q7230" s="71">
        <f>IF(Input!$K$13=4,J7230*Input!$J$13,0)+IF(Input!$K$14=4,K7230*Input!$J$14,0)+IF(Input!$K$15=4,L7230*Input!$J$15,0)+IF(Input!$K$16=4,M7230*Input!$J$16,0)</f>
        <v>0</v>
      </c>
    </row>
    <row r="7231" spans="8:17" x14ac:dyDescent="0.25">
      <c r="H7231" s="43">
        <v>7224</v>
      </c>
      <c r="I7231" s="55">
        <f>Bühler!I7257</f>
        <v>0.59419240520525229</v>
      </c>
      <c r="J7231" s="58">
        <f>Bühler!J7257</f>
        <v>7.0753766637712614</v>
      </c>
      <c r="K7231" s="58">
        <f>Bühler!K7257</f>
        <v>0.26490983945918956</v>
      </c>
      <c r="L7231" s="58">
        <f>Bühler!L7257</f>
        <v>0.13245491972959478</v>
      </c>
      <c r="M7231" s="57">
        <f>Bühler!M7257</f>
        <v>0</v>
      </c>
      <c r="N7231" s="55">
        <f>IF(Input!$K$13=1,J7231*Input!$J$13,0)+IF(Input!$K$14=1,K7231*Input!$J$14,0)+IF(Input!$K$15=1,L7231*Input!$J$15,0)+IF(Input!$K$16=1,M7231*Input!$J$16,0)</f>
        <v>0.84904519965255132</v>
      </c>
      <c r="O7231" s="58">
        <f>IF(Input!$K$13=2,J7231*Input!$J$13,0)+IF(Input!$K$14=2,K7231*Input!$J$14,0)+IF(Input!$K$15=2,L7231*Input!$J$15,0)+IF(Input!$K$16=2,M7231*Input!$J$16,0)</f>
        <v>3.5762828326990584E-2</v>
      </c>
      <c r="P7231" s="58">
        <f>IF(Input!$K$13=3,J7231*Input!$J$13,0)+IF(Input!$K$14=3,K7231*Input!$J$14,0)+IF(Input!$K$15=3,L7231*Input!$J$15,0)+IF(Input!$K$16=3,M7231*Input!$J$16,0)</f>
        <v>0</v>
      </c>
      <c r="Q7231" s="71">
        <f>IF(Input!$K$13=4,J7231*Input!$J$13,0)+IF(Input!$K$14=4,K7231*Input!$J$14,0)+IF(Input!$K$15=4,L7231*Input!$J$15,0)+IF(Input!$K$16=4,M7231*Input!$J$16,0)</f>
        <v>0</v>
      </c>
    </row>
    <row r="7232" spans="8:17" x14ac:dyDescent="0.25">
      <c r="H7232" s="43">
        <v>7225</v>
      </c>
      <c r="I7232" s="55">
        <f>Bühler!I7258</f>
        <v>1.2713234227257955</v>
      </c>
      <c r="J7232" s="58">
        <f>Bühler!J7258</f>
        <v>9.1911109856071942</v>
      </c>
      <c r="K7232" s="58">
        <f>Bühler!K7258</f>
        <v>0.29931883890851624</v>
      </c>
      <c r="L7232" s="58">
        <f>Bühler!L7258</f>
        <v>0.14965941945425812</v>
      </c>
      <c r="M7232" s="57">
        <f>Bühler!M7258</f>
        <v>0</v>
      </c>
      <c r="N7232" s="55">
        <f>IF(Input!$K$13=1,J7232*Input!$J$13,0)+IF(Input!$K$14=1,K7232*Input!$J$14,0)+IF(Input!$K$15=1,L7232*Input!$J$15,0)+IF(Input!$K$16=1,M7232*Input!$J$16,0)</f>
        <v>1.1029333182728633</v>
      </c>
      <c r="O7232" s="58">
        <f>IF(Input!$K$13=2,J7232*Input!$J$13,0)+IF(Input!$K$14=2,K7232*Input!$J$14,0)+IF(Input!$K$15=2,L7232*Input!$J$15,0)+IF(Input!$K$16=2,M7232*Input!$J$16,0)</f>
        <v>4.040804325264969E-2</v>
      </c>
      <c r="P7232" s="58">
        <f>IF(Input!$K$13=3,J7232*Input!$J$13,0)+IF(Input!$K$14=3,K7232*Input!$J$14,0)+IF(Input!$K$15=3,L7232*Input!$J$15,0)+IF(Input!$K$16=3,M7232*Input!$J$16,0)</f>
        <v>0</v>
      </c>
      <c r="Q7232" s="71">
        <f>IF(Input!$K$13=4,J7232*Input!$J$13,0)+IF(Input!$K$14=4,K7232*Input!$J$14,0)+IF(Input!$K$15=4,L7232*Input!$J$15,0)+IF(Input!$K$16=4,M7232*Input!$J$16,0)</f>
        <v>0</v>
      </c>
    </row>
    <row r="7233" spans="8:17" x14ac:dyDescent="0.25">
      <c r="H7233" s="43">
        <v>7226</v>
      </c>
      <c r="I7233" s="55">
        <f>Bühler!I7259</f>
        <v>1.4763755876815687</v>
      </c>
      <c r="J7233" s="58">
        <f>Bühler!J7259</f>
        <v>9.1996548258136848</v>
      </c>
      <c r="K7233" s="58">
        <f>Bühler!K7259</f>
        <v>0.29931883890851624</v>
      </c>
      <c r="L7233" s="58">
        <f>Bühler!L7259</f>
        <v>0.14965941945425812</v>
      </c>
      <c r="M7233" s="57">
        <f>Bühler!M7259</f>
        <v>0</v>
      </c>
      <c r="N7233" s="55">
        <f>IF(Input!$K$13=1,J7233*Input!$J$13,0)+IF(Input!$K$14=1,K7233*Input!$J$14,0)+IF(Input!$K$15=1,L7233*Input!$J$15,0)+IF(Input!$K$16=1,M7233*Input!$J$16,0)</f>
        <v>1.1039585790976421</v>
      </c>
      <c r="O7233" s="58">
        <f>IF(Input!$K$13=2,J7233*Input!$J$13,0)+IF(Input!$K$14=2,K7233*Input!$J$14,0)+IF(Input!$K$15=2,L7233*Input!$J$15,0)+IF(Input!$K$16=2,M7233*Input!$J$16,0)</f>
        <v>4.040804325264969E-2</v>
      </c>
      <c r="P7233" s="58">
        <f>IF(Input!$K$13=3,J7233*Input!$J$13,0)+IF(Input!$K$14=3,K7233*Input!$J$14,0)+IF(Input!$K$15=3,L7233*Input!$J$15,0)+IF(Input!$K$16=3,M7233*Input!$J$16,0)</f>
        <v>0</v>
      </c>
      <c r="Q7233" s="71">
        <f>IF(Input!$K$13=4,J7233*Input!$J$13,0)+IF(Input!$K$14=4,K7233*Input!$J$14,0)+IF(Input!$K$15=4,L7233*Input!$J$15,0)+IF(Input!$K$16=4,M7233*Input!$J$16,0)</f>
        <v>0</v>
      </c>
    </row>
    <row r="7234" spans="8:17" x14ac:dyDescent="0.25">
      <c r="H7234" s="43">
        <v>7227</v>
      </c>
      <c r="I7234" s="55">
        <f>Bühler!I7260</f>
        <v>1.4763755876815687</v>
      </c>
      <c r="J7234" s="58">
        <f>Bühler!J7260</f>
        <v>9.1996548258136848</v>
      </c>
      <c r="K7234" s="58">
        <f>Bühler!K7260</f>
        <v>0.29931883890851624</v>
      </c>
      <c r="L7234" s="58">
        <f>Bühler!L7260</f>
        <v>0.14965941945425812</v>
      </c>
      <c r="M7234" s="57">
        <f>Bühler!M7260</f>
        <v>0</v>
      </c>
      <c r="N7234" s="55">
        <f>IF(Input!$K$13=1,J7234*Input!$J$13,0)+IF(Input!$K$14=1,K7234*Input!$J$14,0)+IF(Input!$K$15=1,L7234*Input!$J$15,0)+IF(Input!$K$16=1,M7234*Input!$J$16,0)</f>
        <v>1.1039585790976421</v>
      </c>
      <c r="O7234" s="58">
        <f>IF(Input!$K$13=2,J7234*Input!$J$13,0)+IF(Input!$K$14=2,K7234*Input!$J$14,0)+IF(Input!$K$15=2,L7234*Input!$J$15,0)+IF(Input!$K$16=2,M7234*Input!$J$16,0)</f>
        <v>4.040804325264969E-2</v>
      </c>
      <c r="P7234" s="58">
        <f>IF(Input!$K$13=3,J7234*Input!$J$13,0)+IF(Input!$K$14=3,K7234*Input!$J$14,0)+IF(Input!$K$15=3,L7234*Input!$J$15,0)+IF(Input!$K$16=3,M7234*Input!$J$16,0)</f>
        <v>0</v>
      </c>
      <c r="Q7234" s="71">
        <f>IF(Input!$K$13=4,J7234*Input!$J$13,0)+IF(Input!$K$14=4,K7234*Input!$J$14,0)+IF(Input!$K$15=4,L7234*Input!$J$15,0)+IF(Input!$K$16=4,M7234*Input!$J$16,0)</f>
        <v>0</v>
      </c>
    </row>
    <row r="7235" spans="8:17" x14ac:dyDescent="0.25">
      <c r="H7235" s="43">
        <v>7228</v>
      </c>
      <c r="I7235" s="55">
        <f>Bühler!I7261</f>
        <v>1.4763755876815687</v>
      </c>
      <c r="J7235" s="58">
        <f>Bühler!J7261</f>
        <v>9.1996548258136848</v>
      </c>
      <c r="K7235" s="58">
        <f>Bühler!K7261</f>
        <v>0.29931883890851624</v>
      </c>
      <c r="L7235" s="58">
        <f>Bühler!L7261</f>
        <v>0.14965941945425812</v>
      </c>
      <c r="M7235" s="57">
        <f>Bühler!M7261</f>
        <v>0</v>
      </c>
      <c r="N7235" s="55">
        <f>IF(Input!$K$13=1,J7235*Input!$J$13,0)+IF(Input!$K$14=1,K7235*Input!$J$14,0)+IF(Input!$K$15=1,L7235*Input!$J$15,0)+IF(Input!$K$16=1,M7235*Input!$J$16,0)</f>
        <v>1.1039585790976421</v>
      </c>
      <c r="O7235" s="58">
        <f>IF(Input!$K$13=2,J7235*Input!$J$13,0)+IF(Input!$K$14=2,K7235*Input!$J$14,0)+IF(Input!$K$15=2,L7235*Input!$J$15,0)+IF(Input!$K$16=2,M7235*Input!$J$16,0)</f>
        <v>4.040804325264969E-2</v>
      </c>
      <c r="P7235" s="58">
        <f>IF(Input!$K$13=3,J7235*Input!$J$13,0)+IF(Input!$K$14=3,K7235*Input!$J$14,0)+IF(Input!$K$15=3,L7235*Input!$J$15,0)+IF(Input!$K$16=3,M7235*Input!$J$16,0)</f>
        <v>0</v>
      </c>
      <c r="Q7235" s="71">
        <f>IF(Input!$K$13=4,J7235*Input!$J$13,0)+IF(Input!$K$14=4,K7235*Input!$J$14,0)+IF(Input!$K$15=4,L7235*Input!$J$15,0)+IF(Input!$K$16=4,M7235*Input!$J$16,0)</f>
        <v>0</v>
      </c>
    </row>
    <row r="7236" spans="8:17" x14ac:dyDescent="0.25">
      <c r="H7236" s="43">
        <v>7229</v>
      </c>
      <c r="I7236" s="55">
        <f>Bühler!I7262</f>
        <v>1.4763755876815687</v>
      </c>
      <c r="J7236" s="58">
        <f>Bühler!J7262</f>
        <v>9.1996548258136848</v>
      </c>
      <c r="K7236" s="58">
        <f>Bühler!K7262</f>
        <v>0.29931883890851624</v>
      </c>
      <c r="L7236" s="58">
        <f>Bühler!L7262</f>
        <v>0.14965941945425812</v>
      </c>
      <c r="M7236" s="57">
        <f>Bühler!M7262</f>
        <v>0</v>
      </c>
      <c r="N7236" s="55">
        <f>IF(Input!$K$13=1,J7236*Input!$J$13,0)+IF(Input!$K$14=1,K7236*Input!$J$14,0)+IF(Input!$K$15=1,L7236*Input!$J$15,0)+IF(Input!$K$16=1,M7236*Input!$J$16,0)</f>
        <v>1.1039585790976421</v>
      </c>
      <c r="O7236" s="58">
        <f>IF(Input!$K$13=2,J7236*Input!$J$13,0)+IF(Input!$K$14=2,K7236*Input!$J$14,0)+IF(Input!$K$15=2,L7236*Input!$J$15,0)+IF(Input!$K$16=2,M7236*Input!$J$16,0)</f>
        <v>4.040804325264969E-2</v>
      </c>
      <c r="P7236" s="58">
        <f>IF(Input!$K$13=3,J7236*Input!$J$13,0)+IF(Input!$K$14=3,K7236*Input!$J$14,0)+IF(Input!$K$15=3,L7236*Input!$J$15,0)+IF(Input!$K$16=3,M7236*Input!$J$16,0)</f>
        <v>0</v>
      </c>
      <c r="Q7236" s="71">
        <f>IF(Input!$K$13=4,J7236*Input!$J$13,0)+IF(Input!$K$14=4,K7236*Input!$J$14,0)+IF(Input!$K$15=4,L7236*Input!$J$15,0)+IF(Input!$K$16=4,M7236*Input!$J$16,0)</f>
        <v>0</v>
      </c>
    </row>
    <row r="7237" spans="8:17" x14ac:dyDescent="0.25">
      <c r="H7237" s="43">
        <v>7230</v>
      </c>
      <c r="I7237" s="55">
        <f>Bühler!I7263</f>
        <v>1.845469484601961</v>
      </c>
      <c r="J7237" s="58">
        <f>Bühler!J7263</f>
        <v>9.2150337381853671</v>
      </c>
      <c r="K7237" s="58">
        <f>Bühler!K7263</f>
        <v>0.29931883890851624</v>
      </c>
      <c r="L7237" s="58">
        <f>Bühler!L7263</f>
        <v>0.14965941945425812</v>
      </c>
      <c r="M7237" s="57">
        <f>Bühler!M7263</f>
        <v>0</v>
      </c>
      <c r="N7237" s="55">
        <f>IF(Input!$K$13=1,J7237*Input!$J$13,0)+IF(Input!$K$14=1,K7237*Input!$J$14,0)+IF(Input!$K$15=1,L7237*Input!$J$15,0)+IF(Input!$K$16=1,M7237*Input!$J$16,0)</f>
        <v>1.105804048582244</v>
      </c>
      <c r="O7237" s="58">
        <f>IF(Input!$K$13=2,J7237*Input!$J$13,0)+IF(Input!$K$14=2,K7237*Input!$J$14,0)+IF(Input!$K$15=2,L7237*Input!$J$15,0)+IF(Input!$K$16=2,M7237*Input!$J$16,0)</f>
        <v>4.040804325264969E-2</v>
      </c>
      <c r="P7237" s="58">
        <f>IF(Input!$K$13=3,J7237*Input!$J$13,0)+IF(Input!$K$14=3,K7237*Input!$J$14,0)+IF(Input!$K$15=3,L7237*Input!$J$15,0)+IF(Input!$K$16=3,M7237*Input!$J$16,0)</f>
        <v>0</v>
      </c>
      <c r="Q7237" s="71">
        <f>IF(Input!$K$13=4,J7237*Input!$J$13,0)+IF(Input!$K$14=4,K7237*Input!$J$14,0)+IF(Input!$K$15=4,L7237*Input!$J$15,0)+IF(Input!$K$16=4,M7237*Input!$J$16,0)</f>
        <v>0</v>
      </c>
    </row>
    <row r="7238" spans="8:17" x14ac:dyDescent="0.25">
      <c r="H7238" s="43">
        <v>7231</v>
      </c>
      <c r="I7238" s="55">
        <f>Bühler!I7264</f>
        <v>2.1735529485311984</v>
      </c>
      <c r="J7238" s="58">
        <f>Bühler!J7264</f>
        <v>9.2287038825157524</v>
      </c>
      <c r="K7238" s="58">
        <f>Bühler!K7264</f>
        <v>0.29931883890851624</v>
      </c>
      <c r="L7238" s="58">
        <f>Bühler!L7264</f>
        <v>0.14965941945425812</v>
      </c>
      <c r="M7238" s="57">
        <f>Bühler!M7264</f>
        <v>0</v>
      </c>
      <c r="N7238" s="55">
        <f>IF(Input!$K$13=1,J7238*Input!$J$13,0)+IF(Input!$K$14=1,K7238*Input!$J$14,0)+IF(Input!$K$15=1,L7238*Input!$J$15,0)+IF(Input!$K$16=1,M7238*Input!$J$16,0)</f>
        <v>1.1074444659018903</v>
      </c>
      <c r="O7238" s="58">
        <f>IF(Input!$K$13=2,J7238*Input!$J$13,0)+IF(Input!$K$14=2,K7238*Input!$J$14,0)+IF(Input!$K$15=2,L7238*Input!$J$15,0)+IF(Input!$K$16=2,M7238*Input!$J$16,0)</f>
        <v>4.040804325264969E-2</v>
      </c>
      <c r="P7238" s="58">
        <f>IF(Input!$K$13=3,J7238*Input!$J$13,0)+IF(Input!$K$14=3,K7238*Input!$J$14,0)+IF(Input!$K$15=3,L7238*Input!$J$15,0)+IF(Input!$K$16=3,M7238*Input!$J$16,0)</f>
        <v>0</v>
      </c>
      <c r="Q7238" s="71">
        <f>IF(Input!$K$13=4,J7238*Input!$J$13,0)+IF(Input!$K$14=4,K7238*Input!$J$14,0)+IF(Input!$K$15=4,L7238*Input!$J$15,0)+IF(Input!$K$16=4,M7238*Input!$J$16,0)</f>
        <v>0</v>
      </c>
    </row>
    <row r="7239" spans="8:17" x14ac:dyDescent="0.25">
      <c r="H7239" s="43">
        <v>7232</v>
      </c>
      <c r="I7239" s="55">
        <f>Bühler!I7265</f>
        <v>2.5836572784427458</v>
      </c>
      <c r="J7239" s="58">
        <f>Bühler!J7265</f>
        <v>9.2457915629287335</v>
      </c>
      <c r="K7239" s="58">
        <f>Bühler!K7265</f>
        <v>0.29931883890851624</v>
      </c>
      <c r="L7239" s="58">
        <f>Bühler!L7265</f>
        <v>0.14965941945425812</v>
      </c>
      <c r="M7239" s="57">
        <f>Bühler!M7265</f>
        <v>0</v>
      </c>
      <c r="N7239" s="55">
        <f>IF(Input!$K$13=1,J7239*Input!$J$13,0)+IF(Input!$K$14=1,K7239*Input!$J$14,0)+IF(Input!$K$15=1,L7239*Input!$J$15,0)+IF(Input!$K$16=1,M7239*Input!$J$16,0)</f>
        <v>1.1094949875514479</v>
      </c>
      <c r="O7239" s="58">
        <f>IF(Input!$K$13=2,J7239*Input!$J$13,0)+IF(Input!$K$14=2,K7239*Input!$J$14,0)+IF(Input!$K$15=2,L7239*Input!$J$15,0)+IF(Input!$K$16=2,M7239*Input!$J$16,0)</f>
        <v>4.040804325264969E-2</v>
      </c>
      <c r="P7239" s="58">
        <f>IF(Input!$K$13=3,J7239*Input!$J$13,0)+IF(Input!$K$14=3,K7239*Input!$J$14,0)+IF(Input!$K$15=3,L7239*Input!$J$15,0)+IF(Input!$K$16=3,M7239*Input!$J$16,0)</f>
        <v>0</v>
      </c>
      <c r="Q7239" s="71">
        <f>IF(Input!$K$13=4,J7239*Input!$J$13,0)+IF(Input!$K$14=4,K7239*Input!$J$14,0)+IF(Input!$K$15=4,L7239*Input!$J$15,0)+IF(Input!$K$16=4,M7239*Input!$J$16,0)</f>
        <v>0</v>
      </c>
    </row>
    <row r="7240" spans="8:17" x14ac:dyDescent="0.25">
      <c r="H7240" s="43">
        <v>7233</v>
      </c>
      <c r="I7240" s="55">
        <f>Bühler!I7266</f>
        <v>2.5836572784427458</v>
      </c>
      <c r="J7240" s="58">
        <f>Bühler!J7266</f>
        <v>9.2457915629287335</v>
      </c>
      <c r="K7240" s="58">
        <f>Bühler!K7266</f>
        <v>0.29931883890851624</v>
      </c>
      <c r="L7240" s="58">
        <f>Bühler!L7266</f>
        <v>0.14965941945425812</v>
      </c>
      <c r="M7240" s="57">
        <f>Bühler!M7266</f>
        <v>0</v>
      </c>
      <c r="N7240" s="55">
        <f>IF(Input!$K$13=1,J7240*Input!$J$13,0)+IF(Input!$K$14=1,K7240*Input!$J$14,0)+IF(Input!$K$15=1,L7240*Input!$J$15,0)+IF(Input!$K$16=1,M7240*Input!$J$16,0)</f>
        <v>1.1094949875514479</v>
      </c>
      <c r="O7240" s="58">
        <f>IF(Input!$K$13=2,J7240*Input!$J$13,0)+IF(Input!$K$14=2,K7240*Input!$J$14,0)+IF(Input!$K$15=2,L7240*Input!$J$15,0)+IF(Input!$K$16=2,M7240*Input!$J$16,0)</f>
        <v>4.040804325264969E-2</v>
      </c>
      <c r="P7240" s="58">
        <f>IF(Input!$K$13=3,J7240*Input!$J$13,0)+IF(Input!$K$14=3,K7240*Input!$J$14,0)+IF(Input!$K$15=3,L7240*Input!$J$15,0)+IF(Input!$K$16=3,M7240*Input!$J$16,0)</f>
        <v>0</v>
      </c>
      <c r="Q7240" s="71">
        <f>IF(Input!$K$13=4,J7240*Input!$J$13,0)+IF(Input!$K$14=4,K7240*Input!$J$14,0)+IF(Input!$K$15=4,L7240*Input!$J$15,0)+IF(Input!$K$16=4,M7240*Input!$J$16,0)</f>
        <v>0</v>
      </c>
    </row>
    <row r="7241" spans="8:17" x14ac:dyDescent="0.25">
      <c r="H7241" s="43">
        <v>7234</v>
      </c>
      <c r="I7241" s="55">
        <f>Bühler!I7267</f>
        <v>2.5836572784427458</v>
      </c>
      <c r="J7241" s="58">
        <f>Bühler!J7267</f>
        <v>9.2457915629287335</v>
      </c>
      <c r="K7241" s="58">
        <f>Bühler!K7267</f>
        <v>0.29931883890851624</v>
      </c>
      <c r="L7241" s="58">
        <f>Bühler!L7267</f>
        <v>0.14965941945425812</v>
      </c>
      <c r="M7241" s="57">
        <f>Bühler!M7267</f>
        <v>0</v>
      </c>
      <c r="N7241" s="55">
        <f>IF(Input!$K$13=1,J7241*Input!$J$13,0)+IF(Input!$K$14=1,K7241*Input!$J$14,0)+IF(Input!$K$15=1,L7241*Input!$J$15,0)+IF(Input!$K$16=1,M7241*Input!$J$16,0)</f>
        <v>1.1094949875514479</v>
      </c>
      <c r="O7241" s="58">
        <f>IF(Input!$K$13=2,J7241*Input!$J$13,0)+IF(Input!$K$14=2,K7241*Input!$J$14,0)+IF(Input!$K$15=2,L7241*Input!$J$15,0)+IF(Input!$K$16=2,M7241*Input!$J$16,0)</f>
        <v>4.040804325264969E-2</v>
      </c>
      <c r="P7241" s="58">
        <f>IF(Input!$K$13=3,J7241*Input!$J$13,0)+IF(Input!$K$14=3,K7241*Input!$J$14,0)+IF(Input!$K$15=3,L7241*Input!$J$15,0)+IF(Input!$K$16=3,M7241*Input!$J$16,0)</f>
        <v>0</v>
      </c>
      <c r="Q7241" s="71">
        <f>IF(Input!$K$13=4,J7241*Input!$J$13,0)+IF(Input!$K$14=4,K7241*Input!$J$14,0)+IF(Input!$K$15=4,L7241*Input!$J$15,0)+IF(Input!$K$16=4,M7241*Input!$J$16,0)</f>
        <v>0</v>
      </c>
    </row>
    <row r="7242" spans="8:17" x14ac:dyDescent="0.25">
      <c r="H7242" s="43">
        <v>7235</v>
      </c>
      <c r="I7242" s="55">
        <f>Bühler!I7268</f>
        <v>2.5836572784427458</v>
      </c>
      <c r="J7242" s="58">
        <f>Bühler!J7268</f>
        <v>9.2457915629287335</v>
      </c>
      <c r="K7242" s="58">
        <f>Bühler!K7268</f>
        <v>0.29931883890851624</v>
      </c>
      <c r="L7242" s="58">
        <f>Bühler!L7268</f>
        <v>0.14965941945425812</v>
      </c>
      <c r="M7242" s="57">
        <f>Bühler!M7268</f>
        <v>0</v>
      </c>
      <c r="N7242" s="55">
        <f>IF(Input!$K$13=1,J7242*Input!$J$13,0)+IF(Input!$K$14=1,K7242*Input!$J$14,0)+IF(Input!$K$15=1,L7242*Input!$J$15,0)+IF(Input!$K$16=1,M7242*Input!$J$16,0)</f>
        <v>1.1094949875514479</v>
      </c>
      <c r="O7242" s="58">
        <f>IF(Input!$K$13=2,J7242*Input!$J$13,0)+IF(Input!$K$14=2,K7242*Input!$J$14,0)+IF(Input!$K$15=2,L7242*Input!$J$15,0)+IF(Input!$K$16=2,M7242*Input!$J$16,0)</f>
        <v>4.040804325264969E-2</v>
      </c>
      <c r="P7242" s="58">
        <f>IF(Input!$K$13=3,J7242*Input!$J$13,0)+IF(Input!$K$14=3,K7242*Input!$J$14,0)+IF(Input!$K$15=3,L7242*Input!$J$15,0)+IF(Input!$K$16=3,M7242*Input!$J$16,0)</f>
        <v>0</v>
      </c>
      <c r="Q7242" s="71">
        <f>IF(Input!$K$13=4,J7242*Input!$J$13,0)+IF(Input!$K$14=4,K7242*Input!$J$14,0)+IF(Input!$K$15=4,L7242*Input!$J$15,0)+IF(Input!$K$16=4,M7242*Input!$J$16,0)</f>
        <v>0</v>
      </c>
    </row>
    <row r="7243" spans="8:17" x14ac:dyDescent="0.25">
      <c r="H7243" s="43">
        <v>7236</v>
      </c>
      <c r="I7243" s="55">
        <f>Bühler!I7269</f>
        <v>2.5836572784427458</v>
      </c>
      <c r="J7243" s="58">
        <f>Bühler!J7269</f>
        <v>9.2457915629287335</v>
      </c>
      <c r="K7243" s="58">
        <f>Bühler!K7269</f>
        <v>0.29931883890851624</v>
      </c>
      <c r="L7243" s="58">
        <f>Bühler!L7269</f>
        <v>0.14965941945425812</v>
      </c>
      <c r="M7243" s="57">
        <f>Bühler!M7269</f>
        <v>0</v>
      </c>
      <c r="N7243" s="55">
        <f>IF(Input!$K$13=1,J7243*Input!$J$13,0)+IF(Input!$K$14=1,K7243*Input!$J$14,0)+IF(Input!$K$15=1,L7243*Input!$J$15,0)+IF(Input!$K$16=1,M7243*Input!$J$16,0)</f>
        <v>1.1094949875514479</v>
      </c>
      <c r="O7243" s="58">
        <f>IF(Input!$K$13=2,J7243*Input!$J$13,0)+IF(Input!$K$14=2,K7243*Input!$J$14,0)+IF(Input!$K$15=2,L7243*Input!$J$15,0)+IF(Input!$K$16=2,M7243*Input!$J$16,0)</f>
        <v>4.040804325264969E-2</v>
      </c>
      <c r="P7243" s="58">
        <f>IF(Input!$K$13=3,J7243*Input!$J$13,0)+IF(Input!$K$14=3,K7243*Input!$J$14,0)+IF(Input!$K$15=3,L7243*Input!$J$15,0)+IF(Input!$K$16=3,M7243*Input!$J$16,0)</f>
        <v>0</v>
      </c>
      <c r="Q7243" s="71">
        <f>IF(Input!$K$13=4,J7243*Input!$J$13,0)+IF(Input!$K$14=4,K7243*Input!$J$14,0)+IF(Input!$K$15=4,L7243*Input!$J$15,0)+IF(Input!$K$16=4,M7243*Input!$J$16,0)</f>
        <v>0</v>
      </c>
    </row>
    <row r="7244" spans="8:17" x14ac:dyDescent="0.25">
      <c r="H7244" s="43">
        <v>7237</v>
      </c>
      <c r="I7244" s="55">
        <f>Bühler!I7270</f>
        <v>2.5836572784427458</v>
      </c>
      <c r="J7244" s="58">
        <f>Bühler!J7270</f>
        <v>9.2457915629287335</v>
      </c>
      <c r="K7244" s="58">
        <f>Bühler!K7270</f>
        <v>0.29931883890851624</v>
      </c>
      <c r="L7244" s="58">
        <f>Bühler!L7270</f>
        <v>0.14965941945425812</v>
      </c>
      <c r="M7244" s="57">
        <f>Bühler!M7270</f>
        <v>0</v>
      </c>
      <c r="N7244" s="55">
        <f>IF(Input!$K$13=1,J7244*Input!$J$13,0)+IF(Input!$K$14=1,K7244*Input!$J$14,0)+IF(Input!$K$15=1,L7244*Input!$J$15,0)+IF(Input!$K$16=1,M7244*Input!$J$16,0)</f>
        <v>1.1094949875514479</v>
      </c>
      <c r="O7244" s="58">
        <f>IF(Input!$K$13=2,J7244*Input!$J$13,0)+IF(Input!$K$14=2,K7244*Input!$J$14,0)+IF(Input!$K$15=2,L7244*Input!$J$15,0)+IF(Input!$K$16=2,M7244*Input!$J$16,0)</f>
        <v>4.040804325264969E-2</v>
      </c>
      <c r="P7244" s="58">
        <f>IF(Input!$K$13=3,J7244*Input!$J$13,0)+IF(Input!$K$14=3,K7244*Input!$J$14,0)+IF(Input!$K$15=3,L7244*Input!$J$15,0)+IF(Input!$K$16=3,M7244*Input!$J$16,0)</f>
        <v>0</v>
      </c>
      <c r="Q7244" s="71">
        <f>IF(Input!$K$13=4,J7244*Input!$J$13,0)+IF(Input!$K$14=4,K7244*Input!$J$14,0)+IF(Input!$K$15=4,L7244*Input!$J$15,0)+IF(Input!$K$16=4,M7244*Input!$J$16,0)</f>
        <v>0</v>
      </c>
    </row>
    <row r="7245" spans="8:17" x14ac:dyDescent="0.25">
      <c r="H7245" s="43">
        <v>7238</v>
      </c>
      <c r="I7245" s="55">
        <f>Bühler!I7271</f>
        <v>2.5836572784427458</v>
      </c>
      <c r="J7245" s="58">
        <f>Bühler!J7271</f>
        <v>9.2457915629287335</v>
      </c>
      <c r="K7245" s="58">
        <f>Bühler!K7271</f>
        <v>0.29931883890851624</v>
      </c>
      <c r="L7245" s="58">
        <f>Bühler!L7271</f>
        <v>0.14965941945425812</v>
      </c>
      <c r="M7245" s="57">
        <f>Bühler!M7271</f>
        <v>0</v>
      </c>
      <c r="N7245" s="55">
        <f>IF(Input!$K$13=1,J7245*Input!$J$13,0)+IF(Input!$K$14=1,K7245*Input!$J$14,0)+IF(Input!$K$15=1,L7245*Input!$J$15,0)+IF(Input!$K$16=1,M7245*Input!$J$16,0)</f>
        <v>1.1094949875514479</v>
      </c>
      <c r="O7245" s="58">
        <f>IF(Input!$K$13=2,J7245*Input!$J$13,0)+IF(Input!$K$14=2,K7245*Input!$J$14,0)+IF(Input!$K$15=2,L7245*Input!$J$15,0)+IF(Input!$K$16=2,M7245*Input!$J$16,0)</f>
        <v>4.040804325264969E-2</v>
      </c>
      <c r="P7245" s="58">
        <f>IF(Input!$K$13=3,J7245*Input!$J$13,0)+IF(Input!$K$14=3,K7245*Input!$J$14,0)+IF(Input!$K$15=3,L7245*Input!$J$15,0)+IF(Input!$K$16=3,M7245*Input!$J$16,0)</f>
        <v>0</v>
      </c>
      <c r="Q7245" s="71">
        <f>IF(Input!$K$13=4,J7245*Input!$J$13,0)+IF(Input!$K$14=4,K7245*Input!$J$14,0)+IF(Input!$K$15=4,L7245*Input!$J$15,0)+IF(Input!$K$16=4,M7245*Input!$J$16,0)</f>
        <v>0</v>
      </c>
    </row>
    <row r="7246" spans="8:17" x14ac:dyDescent="0.25">
      <c r="H7246" s="43">
        <v>7239</v>
      </c>
      <c r="I7246" s="55">
        <f>Bühler!I7272</f>
        <v>2.5836572784427458</v>
      </c>
      <c r="J7246" s="58">
        <f>Bühler!J7272</f>
        <v>9.2457915629287335</v>
      </c>
      <c r="K7246" s="58">
        <f>Bühler!K7272</f>
        <v>0.29931883890851624</v>
      </c>
      <c r="L7246" s="58">
        <f>Bühler!L7272</f>
        <v>0.14965941945425812</v>
      </c>
      <c r="M7246" s="57">
        <f>Bühler!M7272</f>
        <v>0</v>
      </c>
      <c r="N7246" s="55">
        <f>IF(Input!$K$13=1,J7246*Input!$J$13,0)+IF(Input!$K$14=1,K7246*Input!$J$14,0)+IF(Input!$K$15=1,L7246*Input!$J$15,0)+IF(Input!$K$16=1,M7246*Input!$J$16,0)</f>
        <v>1.1094949875514479</v>
      </c>
      <c r="O7246" s="58">
        <f>IF(Input!$K$13=2,J7246*Input!$J$13,0)+IF(Input!$K$14=2,K7246*Input!$J$14,0)+IF(Input!$K$15=2,L7246*Input!$J$15,0)+IF(Input!$K$16=2,M7246*Input!$J$16,0)</f>
        <v>4.040804325264969E-2</v>
      </c>
      <c r="P7246" s="58">
        <f>IF(Input!$K$13=3,J7246*Input!$J$13,0)+IF(Input!$K$14=3,K7246*Input!$J$14,0)+IF(Input!$K$15=3,L7246*Input!$J$15,0)+IF(Input!$K$16=3,M7246*Input!$J$16,0)</f>
        <v>0</v>
      </c>
      <c r="Q7246" s="71">
        <f>IF(Input!$K$13=4,J7246*Input!$J$13,0)+IF(Input!$K$14=4,K7246*Input!$J$14,0)+IF(Input!$K$15=4,L7246*Input!$J$15,0)+IF(Input!$K$16=4,M7246*Input!$J$16,0)</f>
        <v>0</v>
      </c>
    </row>
    <row r="7247" spans="8:17" x14ac:dyDescent="0.25">
      <c r="H7247" s="43">
        <v>7240</v>
      </c>
      <c r="I7247" s="55">
        <f>Bühler!I7273</f>
        <v>2.2965842475046632</v>
      </c>
      <c r="J7247" s="58">
        <f>Bühler!J7273</f>
        <v>9.2338301866396471</v>
      </c>
      <c r="K7247" s="58">
        <f>Bühler!K7273</f>
        <v>0.29931883890851624</v>
      </c>
      <c r="L7247" s="58">
        <f>Bühler!L7273</f>
        <v>0.14965941945425812</v>
      </c>
      <c r="M7247" s="57">
        <f>Bühler!M7273</f>
        <v>0</v>
      </c>
      <c r="N7247" s="55">
        <f>IF(Input!$K$13=1,J7247*Input!$J$13,0)+IF(Input!$K$14=1,K7247*Input!$J$14,0)+IF(Input!$K$15=1,L7247*Input!$J$15,0)+IF(Input!$K$16=1,M7247*Input!$J$16,0)</f>
        <v>1.1080596223967576</v>
      </c>
      <c r="O7247" s="58">
        <f>IF(Input!$K$13=2,J7247*Input!$J$13,0)+IF(Input!$K$14=2,K7247*Input!$J$14,0)+IF(Input!$K$15=2,L7247*Input!$J$15,0)+IF(Input!$K$16=2,M7247*Input!$J$16,0)</f>
        <v>4.040804325264969E-2</v>
      </c>
      <c r="P7247" s="58">
        <f>IF(Input!$K$13=3,J7247*Input!$J$13,0)+IF(Input!$K$14=3,K7247*Input!$J$14,0)+IF(Input!$K$15=3,L7247*Input!$J$15,0)+IF(Input!$K$16=3,M7247*Input!$J$16,0)</f>
        <v>0</v>
      </c>
      <c r="Q7247" s="71">
        <f>IF(Input!$K$13=4,J7247*Input!$J$13,0)+IF(Input!$K$14=4,K7247*Input!$J$14,0)+IF(Input!$K$15=4,L7247*Input!$J$15,0)+IF(Input!$K$16=4,M7247*Input!$J$16,0)</f>
        <v>0</v>
      </c>
    </row>
    <row r="7248" spans="8:17" x14ac:dyDescent="0.25">
      <c r="H7248" s="43">
        <v>7241</v>
      </c>
      <c r="I7248" s="55">
        <f>Bühler!I7274</f>
        <v>2.2555738145135078</v>
      </c>
      <c r="J7248" s="58">
        <f>Bühler!J7274</f>
        <v>9.2321214185983482</v>
      </c>
      <c r="K7248" s="58">
        <f>Bühler!K7274</f>
        <v>0.29931883890851624</v>
      </c>
      <c r="L7248" s="58">
        <f>Bühler!L7274</f>
        <v>0.14965941945425812</v>
      </c>
      <c r="M7248" s="57">
        <f>Bühler!M7274</f>
        <v>0</v>
      </c>
      <c r="N7248" s="55">
        <f>IF(Input!$K$13=1,J7248*Input!$J$13,0)+IF(Input!$K$14=1,K7248*Input!$J$14,0)+IF(Input!$K$15=1,L7248*Input!$J$15,0)+IF(Input!$K$16=1,M7248*Input!$J$16,0)</f>
        <v>1.1078545702318017</v>
      </c>
      <c r="O7248" s="58">
        <f>IF(Input!$K$13=2,J7248*Input!$J$13,0)+IF(Input!$K$14=2,K7248*Input!$J$14,0)+IF(Input!$K$15=2,L7248*Input!$J$15,0)+IF(Input!$K$16=2,M7248*Input!$J$16,0)</f>
        <v>4.040804325264969E-2</v>
      </c>
      <c r="P7248" s="58">
        <f>IF(Input!$K$13=3,J7248*Input!$J$13,0)+IF(Input!$K$14=3,K7248*Input!$J$14,0)+IF(Input!$K$15=3,L7248*Input!$J$15,0)+IF(Input!$K$16=3,M7248*Input!$J$16,0)</f>
        <v>0</v>
      </c>
      <c r="Q7248" s="71">
        <f>IF(Input!$K$13=4,J7248*Input!$J$13,0)+IF(Input!$K$14=4,K7248*Input!$J$14,0)+IF(Input!$K$15=4,L7248*Input!$J$15,0)+IF(Input!$K$16=4,M7248*Input!$J$16,0)</f>
        <v>0</v>
      </c>
    </row>
    <row r="7249" spans="8:17" x14ac:dyDescent="0.25">
      <c r="H7249" s="43">
        <v>7242</v>
      </c>
      <c r="I7249" s="55">
        <f>Bühler!I7275</f>
        <v>1.9274903505842707</v>
      </c>
      <c r="J7249" s="58">
        <f>Bühler!J7275</f>
        <v>9.218451274267963</v>
      </c>
      <c r="K7249" s="58">
        <f>Bühler!K7275</f>
        <v>0.29931883890851624</v>
      </c>
      <c r="L7249" s="58">
        <f>Bühler!L7275</f>
        <v>0.14965941945425812</v>
      </c>
      <c r="M7249" s="57">
        <f>Bühler!M7275</f>
        <v>0</v>
      </c>
      <c r="N7249" s="55">
        <f>IF(Input!$K$13=1,J7249*Input!$J$13,0)+IF(Input!$K$14=1,K7249*Input!$J$14,0)+IF(Input!$K$15=1,L7249*Input!$J$15,0)+IF(Input!$K$16=1,M7249*Input!$J$16,0)</f>
        <v>1.1062141529121554</v>
      </c>
      <c r="O7249" s="58">
        <f>IF(Input!$K$13=2,J7249*Input!$J$13,0)+IF(Input!$K$14=2,K7249*Input!$J$14,0)+IF(Input!$K$15=2,L7249*Input!$J$15,0)+IF(Input!$K$16=2,M7249*Input!$J$16,0)</f>
        <v>4.040804325264969E-2</v>
      </c>
      <c r="P7249" s="58">
        <f>IF(Input!$K$13=3,J7249*Input!$J$13,0)+IF(Input!$K$14=3,K7249*Input!$J$14,0)+IF(Input!$K$15=3,L7249*Input!$J$15,0)+IF(Input!$K$16=3,M7249*Input!$J$16,0)</f>
        <v>0</v>
      </c>
      <c r="Q7249" s="71">
        <f>IF(Input!$K$13=4,J7249*Input!$J$13,0)+IF(Input!$K$14=4,K7249*Input!$J$14,0)+IF(Input!$K$15=4,L7249*Input!$J$15,0)+IF(Input!$K$16=4,M7249*Input!$J$16,0)</f>
        <v>0</v>
      </c>
    </row>
    <row r="7250" spans="8:17" x14ac:dyDescent="0.25">
      <c r="H7250" s="43">
        <v>7243</v>
      </c>
      <c r="I7250" s="55">
        <f>Bühler!I7276</f>
        <v>1.8044590516108066</v>
      </c>
      <c r="J7250" s="58">
        <f>Bühler!J7276</f>
        <v>9.21332497014407</v>
      </c>
      <c r="K7250" s="58">
        <f>Bühler!K7276</f>
        <v>0.29931883890851624</v>
      </c>
      <c r="L7250" s="58">
        <f>Bühler!L7276</f>
        <v>0.14965941945425812</v>
      </c>
      <c r="M7250" s="57">
        <f>Bühler!M7276</f>
        <v>0</v>
      </c>
      <c r="N7250" s="55">
        <f>IF(Input!$K$13=1,J7250*Input!$J$13,0)+IF(Input!$K$14=1,K7250*Input!$J$14,0)+IF(Input!$K$15=1,L7250*Input!$J$15,0)+IF(Input!$K$16=1,M7250*Input!$J$16,0)</f>
        <v>1.1055989964172883</v>
      </c>
      <c r="O7250" s="58">
        <f>IF(Input!$K$13=2,J7250*Input!$J$13,0)+IF(Input!$K$14=2,K7250*Input!$J$14,0)+IF(Input!$K$15=2,L7250*Input!$J$15,0)+IF(Input!$K$16=2,M7250*Input!$J$16,0)</f>
        <v>4.040804325264969E-2</v>
      </c>
      <c r="P7250" s="58">
        <f>IF(Input!$K$13=3,J7250*Input!$J$13,0)+IF(Input!$K$14=3,K7250*Input!$J$14,0)+IF(Input!$K$15=3,L7250*Input!$J$15,0)+IF(Input!$K$16=3,M7250*Input!$J$16,0)</f>
        <v>0</v>
      </c>
      <c r="Q7250" s="71">
        <f>IF(Input!$K$13=4,J7250*Input!$J$13,0)+IF(Input!$K$14=4,K7250*Input!$J$14,0)+IF(Input!$K$15=4,L7250*Input!$J$15,0)+IF(Input!$K$16=4,M7250*Input!$J$16,0)</f>
        <v>0</v>
      </c>
    </row>
    <row r="7251" spans="8:17" x14ac:dyDescent="0.25">
      <c r="H7251" s="43">
        <v>7244</v>
      </c>
      <c r="I7251" s="55">
        <f>Bühler!I7277</f>
        <v>1.5173860206727237</v>
      </c>
      <c r="J7251" s="58">
        <f>Bühler!J7277</f>
        <v>9.2013635938549836</v>
      </c>
      <c r="K7251" s="58">
        <f>Bühler!K7277</f>
        <v>0.29931883890851624</v>
      </c>
      <c r="L7251" s="58">
        <f>Bühler!L7277</f>
        <v>0.14965941945425812</v>
      </c>
      <c r="M7251" s="57">
        <f>Bühler!M7277</f>
        <v>0</v>
      </c>
      <c r="N7251" s="55">
        <f>IF(Input!$K$13=1,J7251*Input!$J$13,0)+IF(Input!$K$14=1,K7251*Input!$J$14,0)+IF(Input!$K$15=1,L7251*Input!$J$15,0)+IF(Input!$K$16=1,M7251*Input!$J$16,0)</f>
        <v>1.104163631262598</v>
      </c>
      <c r="O7251" s="58">
        <f>IF(Input!$K$13=2,J7251*Input!$J$13,0)+IF(Input!$K$14=2,K7251*Input!$J$14,0)+IF(Input!$K$15=2,L7251*Input!$J$15,0)+IF(Input!$K$16=2,M7251*Input!$J$16,0)</f>
        <v>4.040804325264969E-2</v>
      </c>
      <c r="P7251" s="58">
        <f>IF(Input!$K$13=3,J7251*Input!$J$13,0)+IF(Input!$K$14=3,K7251*Input!$J$14,0)+IF(Input!$K$15=3,L7251*Input!$J$15,0)+IF(Input!$K$16=3,M7251*Input!$J$16,0)</f>
        <v>0</v>
      </c>
      <c r="Q7251" s="71">
        <f>IF(Input!$K$13=4,J7251*Input!$J$13,0)+IF(Input!$K$14=4,K7251*Input!$J$14,0)+IF(Input!$K$15=4,L7251*Input!$J$15,0)+IF(Input!$K$16=4,M7251*Input!$J$16,0)</f>
        <v>0</v>
      </c>
    </row>
    <row r="7252" spans="8:17" x14ac:dyDescent="0.25">
      <c r="H7252" s="43">
        <v>7245</v>
      </c>
      <c r="I7252" s="55">
        <f>Bühler!I7278</f>
        <v>1.2713234227257955</v>
      </c>
      <c r="J7252" s="58">
        <f>Bühler!J7278</f>
        <v>9.1911109856071942</v>
      </c>
      <c r="K7252" s="58">
        <f>Bühler!K7278</f>
        <v>0.29931883890851624</v>
      </c>
      <c r="L7252" s="58">
        <f>Bühler!L7278</f>
        <v>0.14965941945425812</v>
      </c>
      <c r="M7252" s="57">
        <f>Bühler!M7278</f>
        <v>0</v>
      </c>
      <c r="N7252" s="55">
        <f>IF(Input!$K$13=1,J7252*Input!$J$13,0)+IF(Input!$K$14=1,K7252*Input!$J$14,0)+IF(Input!$K$15=1,L7252*Input!$J$15,0)+IF(Input!$K$16=1,M7252*Input!$J$16,0)</f>
        <v>1.1029333182728633</v>
      </c>
      <c r="O7252" s="58">
        <f>IF(Input!$K$13=2,J7252*Input!$J$13,0)+IF(Input!$K$14=2,K7252*Input!$J$14,0)+IF(Input!$K$15=2,L7252*Input!$J$15,0)+IF(Input!$K$16=2,M7252*Input!$J$16,0)</f>
        <v>4.040804325264969E-2</v>
      </c>
      <c r="P7252" s="58">
        <f>IF(Input!$K$13=3,J7252*Input!$J$13,0)+IF(Input!$K$14=3,K7252*Input!$J$14,0)+IF(Input!$K$15=3,L7252*Input!$J$15,0)+IF(Input!$K$16=3,M7252*Input!$J$16,0)</f>
        <v>0</v>
      </c>
      <c r="Q7252" s="71">
        <f>IF(Input!$K$13=4,J7252*Input!$J$13,0)+IF(Input!$K$14=4,K7252*Input!$J$14,0)+IF(Input!$K$15=4,L7252*Input!$J$15,0)+IF(Input!$K$16=4,M7252*Input!$J$16,0)</f>
        <v>0</v>
      </c>
    </row>
    <row r="7253" spans="8:17" x14ac:dyDescent="0.25">
      <c r="H7253" s="43">
        <v>7246</v>
      </c>
      <c r="I7253" s="55">
        <f>Bühler!I7279</f>
        <v>1.1072816907611767</v>
      </c>
      <c r="J7253" s="58">
        <f>Bühler!J7279</f>
        <v>9.1842759134420024</v>
      </c>
      <c r="K7253" s="58">
        <f>Bühler!K7279</f>
        <v>0.29931883890851624</v>
      </c>
      <c r="L7253" s="58">
        <f>Bühler!L7279</f>
        <v>0.14965941945425812</v>
      </c>
      <c r="M7253" s="57">
        <f>Bühler!M7279</f>
        <v>0</v>
      </c>
      <c r="N7253" s="55">
        <f>IF(Input!$K$13=1,J7253*Input!$J$13,0)+IF(Input!$K$14=1,K7253*Input!$J$14,0)+IF(Input!$K$15=1,L7253*Input!$J$15,0)+IF(Input!$K$16=1,M7253*Input!$J$16,0)</f>
        <v>1.1021131096130403</v>
      </c>
      <c r="O7253" s="58">
        <f>IF(Input!$K$13=2,J7253*Input!$J$13,0)+IF(Input!$K$14=2,K7253*Input!$J$14,0)+IF(Input!$K$15=2,L7253*Input!$J$15,0)+IF(Input!$K$16=2,M7253*Input!$J$16,0)</f>
        <v>4.040804325264969E-2</v>
      </c>
      <c r="P7253" s="58">
        <f>IF(Input!$K$13=3,J7253*Input!$J$13,0)+IF(Input!$K$14=3,K7253*Input!$J$14,0)+IF(Input!$K$15=3,L7253*Input!$J$15,0)+IF(Input!$K$16=3,M7253*Input!$J$16,0)</f>
        <v>0</v>
      </c>
      <c r="Q7253" s="71">
        <f>IF(Input!$K$13=4,J7253*Input!$J$13,0)+IF(Input!$K$14=4,K7253*Input!$J$14,0)+IF(Input!$K$15=4,L7253*Input!$J$15,0)+IF(Input!$K$16=4,M7253*Input!$J$16,0)</f>
        <v>0</v>
      </c>
    </row>
    <row r="7254" spans="8:17" x14ac:dyDescent="0.25">
      <c r="H7254" s="43">
        <v>7247</v>
      </c>
      <c r="I7254" s="55">
        <f>Bühler!I7280</f>
        <v>1.1072816907611767</v>
      </c>
      <c r="J7254" s="58">
        <f>Bühler!J7280</f>
        <v>9.1842759134420024</v>
      </c>
      <c r="K7254" s="58">
        <f>Bühler!K7280</f>
        <v>0.29931883890851624</v>
      </c>
      <c r="L7254" s="58">
        <f>Bühler!L7280</f>
        <v>0.14965941945425812</v>
      </c>
      <c r="M7254" s="57">
        <f>Bühler!M7280</f>
        <v>0</v>
      </c>
      <c r="N7254" s="55">
        <f>IF(Input!$K$13=1,J7254*Input!$J$13,0)+IF(Input!$K$14=1,K7254*Input!$J$14,0)+IF(Input!$K$15=1,L7254*Input!$J$15,0)+IF(Input!$K$16=1,M7254*Input!$J$16,0)</f>
        <v>1.1021131096130403</v>
      </c>
      <c r="O7254" s="58">
        <f>IF(Input!$K$13=2,J7254*Input!$J$13,0)+IF(Input!$K$14=2,K7254*Input!$J$14,0)+IF(Input!$K$15=2,L7254*Input!$J$15,0)+IF(Input!$K$16=2,M7254*Input!$J$16,0)</f>
        <v>4.040804325264969E-2</v>
      </c>
      <c r="P7254" s="58">
        <f>IF(Input!$K$13=3,J7254*Input!$J$13,0)+IF(Input!$K$14=3,K7254*Input!$J$14,0)+IF(Input!$K$15=3,L7254*Input!$J$15,0)+IF(Input!$K$16=3,M7254*Input!$J$16,0)</f>
        <v>0</v>
      </c>
      <c r="Q7254" s="71">
        <f>IF(Input!$K$13=4,J7254*Input!$J$13,0)+IF(Input!$K$14=4,K7254*Input!$J$14,0)+IF(Input!$K$15=4,L7254*Input!$J$15,0)+IF(Input!$K$16=4,M7254*Input!$J$16,0)</f>
        <v>0</v>
      </c>
    </row>
    <row r="7255" spans="8:17" x14ac:dyDescent="0.25">
      <c r="H7255" s="43">
        <v>7248</v>
      </c>
      <c r="I7255" s="55">
        <f>Bühler!I7281</f>
        <v>1.1072816907611767</v>
      </c>
      <c r="J7255" s="58">
        <f>Bühler!J7281</f>
        <v>9.1842759134420024</v>
      </c>
      <c r="K7255" s="58">
        <f>Bühler!K7281</f>
        <v>0.29931883890851624</v>
      </c>
      <c r="L7255" s="58">
        <f>Bühler!L7281</f>
        <v>0.14965941945425812</v>
      </c>
      <c r="M7255" s="57">
        <f>Bühler!M7281</f>
        <v>0</v>
      </c>
      <c r="N7255" s="55">
        <f>IF(Input!$K$13=1,J7255*Input!$J$13,0)+IF(Input!$K$14=1,K7255*Input!$J$14,0)+IF(Input!$K$15=1,L7255*Input!$J$15,0)+IF(Input!$K$16=1,M7255*Input!$J$16,0)</f>
        <v>1.1021131096130403</v>
      </c>
      <c r="O7255" s="58">
        <f>IF(Input!$K$13=2,J7255*Input!$J$13,0)+IF(Input!$K$14=2,K7255*Input!$J$14,0)+IF(Input!$K$15=2,L7255*Input!$J$15,0)+IF(Input!$K$16=2,M7255*Input!$J$16,0)</f>
        <v>4.040804325264969E-2</v>
      </c>
      <c r="P7255" s="58">
        <f>IF(Input!$K$13=3,J7255*Input!$J$13,0)+IF(Input!$K$14=3,K7255*Input!$J$14,0)+IF(Input!$K$15=3,L7255*Input!$J$15,0)+IF(Input!$K$16=3,M7255*Input!$J$16,0)</f>
        <v>0</v>
      </c>
      <c r="Q7255" s="71">
        <f>IF(Input!$K$13=4,J7255*Input!$J$13,0)+IF(Input!$K$14=4,K7255*Input!$J$14,0)+IF(Input!$K$15=4,L7255*Input!$J$15,0)+IF(Input!$K$16=4,M7255*Input!$J$16,0)</f>
        <v>0</v>
      </c>
    </row>
    <row r="7256" spans="8:17" x14ac:dyDescent="0.25">
      <c r="H7256" s="43">
        <v>7249</v>
      </c>
      <c r="I7256" s="55">
        <f>Bühler!I7282</f>
        <v>0.56161033684614536</v>
      </c>
      <c r="J7256" s="58">
        <f>Bühler!J7282</f>
        <v>9.4948644037317269</v>
      </c>
      <c r="K7256" s="58">
        <f>Bühler!K7282</f>
        <v>0.58986540589145153</v>
      </c>
      <c r="L7256" s="58">
        <f>Bühler!L7282</f>
        <v>0.29493270294572577</v>
      </c>
      <c r="M7256" s="57">
        <f>Bühler!M7282</f>
        <v>0</v>
      </c>
      <c r="N7256" s="55">
        <f>IF(Input!$K$13=1,J7256*Input!$J$13,0)+IF(Input!$K$14=1,K7256*Input!$J$14,0)+IF(Input!$K$15=1,L7256*Input!$J$15,0)+IF(Input!$K$16=1,M7256*Input!$J$16,0)</f>
        <v>1.1393837284478072</v>
      </c>
      <c r="O7256" s="58">
        <f>IF(Input!$K$13=2,J7256*Input!$J$13,0)+IF(Input!$K$14=2,K7256*Input!$J$14,0)+IF(Input!$K$15=2,L7256*Input!$J$15,0)+IF(Input!$K$16=2,M7256*Input!$J$16,0)</f>
        <v>7.9631829795345957E-2</v>
      </c>
      <c r="P7256" s="58">
        <f>IF(Input!$K$13=3,J7256*Input!$J$13,0)+IF(Input!$K$14=3,K7256*Input!$J$14,0)+IF(Input!$K$15=3,L7256*Input!$J$15,0)+IF(Input!$K$16=3,M7256*Input!$J$16,0)</f>
        <v>0</v>
      </c>
      <c r="Q7256" s="71">
        <f>IF(Input!$K$13=4,J7256*Input!$J$13,0)+IF(Input!$K$14=4,K7256*Input!$J$14,0)+IF(Input!$K$15=4,L7256*Input!$J$15,0)+IF(Input!$K$16=4,M7256*Input!$J$16,0)</f>
        <v>0</v>
      </c>
    </row>
    <row r="7257" spans="8:17" x14ac:dyDescent="0.25">
      <c r="H7257" s="43">
        <v>7250</v>
      </c>
      <c r="I7257" s="55">
        <f>Bühler!I7283</f>
        <v>0.56161033684614536</v>
      </c>
      <c r="J7257" s="58">
        <f>Bühler!J7283</f>
        <v>9.4948644037317269</v>
      </c>
      <c r="K7257" s="58">
        <f>Bühler!K7283</f>
        <v>0.58986540589145153</v>
      </c>
      <c r="L7257" s="58">
        <f>Bühler!L7283</f>
        <v>0.29493270294572577</v>
      </c>
      <c r="M7257" s="57">
        <f>Bühler!M7283</f>
        <v>0</v>
      </c>
      <c r="N7257" s="55">
        <f>IF(Input!$K$13=1,J7257*Input!$J$13,0)+IF(Input!$K$14=1,K7257*Input!$J$14,0)+IF(Input!$K$15=1,L7257*Input!$J$15,0)+IF(Input!$K$16=1,M7257*Input!$J$16,0)</f>
        <v>1.1393837284478072</v>
      </c>
      <c r="O7257" s="58">
        <f>IF(Input!$K$13=2,J7257*Input!$J$13,0)+IF(Input!$K$14=2,K7257*Input!$J$14,0)+IF(Input!$K$15=2,L7257*Input!$J$15,0)+IF(Input!$K$16=2,M7257*Input!$J$16,0)</f>
        <v>7.9631829795345957E-2</v>
      </c>
      <c r="P7257" s="58">
        <f>IF(Input!$K$13=3,J7257*Input!$J$13,0)+IF(Input!$K$14=3,K7257*Input!$J$14,0)+IF(Input!$K$15=3,L7257*Input!$J$15,0)+IF(Input!$K$16=3,M7257*Input!$J$16,0)</f>
        <v>0</v>
      </c>
      <c r="Q7257" s="71">
        <f>IF(Input!$K$13=4,J7257*Input!$J$13,0)+IF(Input!$K$14=4,K7257*Input!$J$14,0)+IF(Input!$K$15=4,L7257*Input!$J$15,0)+IF(Input!$K$16=4,M7257*Input!$J$16,0)</f>
        <v>0</v>
      </c>
    </row>
    <row r="7258" spans="8:17" x14ac:dyDescent="0.25">
      <c r="H7258" s="43">
        <v>7251</v>
      </c>
      <c r="I7258" s="55">
        <f>Bühler!I7284</f>
        <v>0.56161033684614536</v>
      </c>
      <c r="J7258" s="58">
        <f>Bühler!J7284</f>
        <v>9.4948644037317269</v>
      </c>
      <c r="K7258" s="58">
        <f>Bühler!K7284</f>
        <v>0.58986540589145153</v>
      </c>
      <c r="L7258" s="58">
        <f>Bühler!L7284</f>
        <v>0.29493270294572577</v>
      </c>
      <c r="M7258" s="57">
        <f>Bühler!M7284</f>
        <v>0</v>
      </c>
      <c r="N7258" s="55">
        <f>IF(Input!$K$13=1,J7258*Input!$J$13,0)+IF(Input!$K$14=1,K7258*Input!$J$14,0)+IF(Input!$K$15=1,L7258*Input!$J$15,0)+IF(Input!$K$16=1,M7258*Input!$J$16,0)</f>
        <v>1.1393837284478072</v>
      </c>
      <c r="O7258" s="58">
        <f>IF(Input!$K$13=2,J7258*Input!$J$13,0)+IF(Input!$K$14=2,K7258*Input!$J$14,0)+IF(Input!$K$15=2,L7258*Input!$J$15,0)+IF(Input!$K$16=2,M7258*Input!$J$16,0)</f>
        <v>7.9631829795345957E-2</v>
      </c>
      <c r="P7258" s="58">
        <f>IF(Input!$K$13=3,J7258*Input!$J$13,0)+IF(Input!$K$14=3,K7258*Input!$J$14,0)+IF(Input!$K$15=3,L7258*Input!$J$15,0)+IF(Input!$K$16=3,M7258*Input!$J$16,0)</f>
        <v>0</v>
      </c>
      <c r="Q7258" s="71">
        <f>IF(Input!$K$13=4,J7258*Input!$J$13,0)+IF(Input!$K$14=4,K7258*Input!$J$14,0)+IF(Input!$K$15=4,L7258*Input!$J$15,0)+IF(Input!$K$16=4,M7258*Input!$J$16,0)</f>
        <v>0</v>
      </c>
    </row>
    <row r="7259" spans="8:17" x14ac:dyDescent="0.25">
      <c r="H7259" s="43">
        <v>7252</v>
      </c>
      <c r="I7259" s="55">
        <f>Bühler!I7285</f>
        <v>0.56161033684614536</v>
      </c>
      <c r="J7259" s="58">
        <f>Bühler!J7285</f>
        <v>9.4948644037317269</v>
      </c>
      <c r="K7259" s="58">
        <f>Bühler!K7285</f>
        <v>0.58986540589145153</v>
      </c>
      <c r="L7259" s="58">
        <f>Bühler!L7285</f>
        <v>0.29493270294572577</v>
      </c>
      <c r="M7259" s="57">
        <f>Bühler!M7285</f>
        <v>0</v>
      </c>
      <c r="N7259" s="55">
        <f>IF(Input!$K$13=1,J7259*Input!$J$13,0)+IF(Input!$K$14=1,K7259*Input!$J$14,0)+IF(Input!$K$15=1,L7259*Input!$J$15,0)+IF(Input!$K$16=1,M7259*Input!$J$16,0)</f>
        <v>1.1393837284478072</v>
      </c>
      <c r="O7259" s="58">
        <f>IF(Input!$K$13=2,J7259*Input!$J$13,0)+IF(Input!$K$14=2,K7259*Input!$J$14,0)+IF(Input!$K$15=2,L7259*Input!$J$15,0)+IF(Input!$K$16=2,M7259*Input!$J$16,0)</f>
        <v>7.9631829795345957E-2</v>
      </c>
      <c r="P7259" s="58">
        <f>IF(Input!$K$13=3,J7259*Input!$J$13,0)+IF(Input!$K$14=3,K7259*Input!$J$14,0)+IF(Input!$K$15=3,L7259*Input!$J$15,0)+IF(Input!$K$16=3,M7259*Input!$J$16,0)</f>
        <v>0</v>
      </c>
      <c r="Q7259" s="71">
        <f>IF(Input!$K$13=4,J7259*Input!$J$13,0)+IF(Input!$K$14=4,K7259*Input!$J$14,0)+IF(Input!$K$15=4,L7259*Input!$J$15,0)+IF(Input!$K$16=4,M7259*Input!$J$16,0)</f>
        <v>0</v>
      </c>
    </row>
    <row r="7260" spans="8:17" x14ac:dyDescent="0.25">
      <c r="H7260" s="43">
        <v>7253</v>
      </c>
      <c r="I7260" s="55">
        <f>Bühler!I7286</f>
        <v>0.56161033684614536</v>
      </c>
      <c r="J7260" s="58">
        <f>Bühler!J7286</f>
        <v>9.4948644037317269</v>
      </c>
      <c r="K7260" s="58">
        <f>Bühler!K7286</f>
        <v>0.58986540589145153</v>
      </c>
      <c r="L7260" s="58">
        <f>Bühler!L7286</f>
        <v>0.29493270294572577</v>
      </c>
      <c r="M7260" s="57">
        <f>Bühler!M7286</f>
        <v>0</v>
      </c>
      <c r="N7260" s="55">
        <f>IF(Input!$K$13=1,J7260*Input!$J$13,0)+IF(Input!$K$14=1,K7260*Input!$J$14,0)+IF(Input!$K$15=1,L7260*Input!$J$15,0)+IF(Input!$K$16=1,M7260*Input!$J$16,0)</f>
        <v>1.1393837284478072</v>
      </c>
      <c r="O7260" s="58">
        <f>IF(Input!$K$13=2,J7260*Input!$J$13,0)+IF(Input!$K$14=2,K7260*Input!$J$14,0)+IF(Input!$K$15=2,L7260*Input!$J$15,0)+IF(Input!$K$16=2,M7260*Input!$J$16,0)</f>
        <v>7.9631829795345957E-2</v>
      </c>
      <c r="P7260" s="58">
        <f>IF(Input!$K$13=3,J7260*Input!$J$13,0)+IF(Input!$K$14=3,K7260*Input!$J$14,0)+IF(Input!$K$15=3,L7260*Input!$J$15,0)+IF(Input!$K$16=3,M7260*Input!$J$16,0)</f>
        <v>0</v>
      </c>
      <c r="Q7260" s="71">
        <f>IF(Input!$K$13=4,J7260*Input!$J$13,0)+IF(Input!$K$14=4,K7260*Input!$J$14,0)+IF(Input!$K$15=4,L7260*Input!$J$15,0)+IF(Input!$K$16=4,M7260*Input!$J$16,0)</f>
        <v>0</v>
      </c>
    </row>
    <row r="7261" spans="8:17" x14ac:dyDescent="0.25">
      <c r="H7261" s="43">
        <v>7254</v>
      </c>
      <c r="I7261" s="55">
        <f>Bühler!I7287</f>
        <v>0.56161033684614536</v>
      </c>
      <c r="J7261" s="58">
        <f>Bühler!J7287</f>
        <v>9.4948644037317269</v>
      </c>
      <c r="K7261" s="58">
        <f>Bühler!K7287</f>
        <v>0.58986540589145153</v>
      </c>
      <c r="L7261" s="58">
        <f>Bühler!L7287</f>
        <v>0.29493270294572577</v>
      </c>
      <c r="M7261" s="57">
        <f>Bühler!M7287</f>
        <v>0</v>
      </c>
      <c r="N7261" s="55">
        <f>IF(Input!$K$13=1,J7261*Input!$J$13,0)+IF(Input!$K$14=1,K7261*Input!$J$14,0)+IF(Input!$K$15=1,L7261*Input!$J$15,0)+IF(Input!$K$16=1,M7261*Input!$J$16,0)</f>
        <v>1.1393837284478072</v>
      </c>
      <c r="O7261" s="58">
        <f>IF(Input!$K$13=2,J7261*Input!$J$13,0)+IF(Input!$K$14=2,K7261*Input!$J$14,0)+IF(Input!$K$15=2,L7261*Input!$J$15,0)+IF(Input!$K$16=2,M7261*Input!$J$16,0)</f>
        <v>7.9631829795345957E-2</v>
      </c>
      <c r="P7261" s="58">
        <f>IF(Input!$K$13=3,J7261*Input!$J$13,0)+IF(Input!$K$14=3,K7261*Input!$J$14,0)+IF(Input!$K$15=3,L7261*Input!$J$15,0)+IF(Input!$K$16=3,M7261*Input!$J$16,0)</f>
        <v>0</v>
      </c>
      <c r="Q7261" s="71">
        <f>IF(Input!$K$13=4,J7261*Input!$J$13,0)+IF(Input!$K$14=4,K7261*Input!$J$14,0)+IF(Input!$K$15=4,L7261*Input!$J$15,0)+IF(Input!$K$16=4,M7261*Input!$J$16,0)</f>
        <v>0</v>
      </c>
    </row>
    <row r="7262" spans="8:17" x14ac:dyDescent="0.25">
      <c r="H7262" s="43">
        <v>7255</v>
      </c>
      <c r="I7262" s="55">
        <f>Bühler!I7288</f>
        <v>0.56161033684614536</v>
      </c>
      <c r="J7262" s="58">
        <f>Bühler!J7288</f>
        <v>9.4948644037317269</v>
      </c>
      <c r="K7262" s="58">
        <f>Bühler!K7288</f>
        <v>0.58986540589145153</v>
      </c>
      <c r="L7262" s="58">
        <f>Bühler!L7288</f>
        <v>0.29493270294572577</v>
      </c>
      <c r="M7262" s="57">
        <f>Bühler!M7288</f>
        <v>0</v>
      </c>
      <c r="N7262" s="55">
        <f>IF(Input!$K$13=1,J7262*Input!$J$13,0)+IF(Input!$K$14=1,K7262*Input!$J$14,0)+IF(Input!$K$15=1,L7262*Input!$J$15,0)+IF(Input!$K$16=1,M7262*Input!$J$16,0)</f>
        <v>1.1393837284478072</v>
      </c>
      <c r="O7262" s="58">
        <f>IF(Input!$K$13=2,J7262*Input!$J$13,0)+IF(Input!$K$14=2,K7262*Input!$J$14,0)+IF(Input!$K$15=2,L7262*Input!$J$15,0)+IF(Input!$K$16=2,M7262*Input!$J$16,0)</f>
        <v>7.9631829795345957E-2</v>
      </c>
      <c r="P7262" s="58">
        <f>IF(Input!$K$13=3,J7262*Input!$J$13,0)+IF(Input!$K$14=3,K7262*Input!$J$14,0)+IF(Input!$K$15=3,L7262*Input!$J$15,0)+IF(Input!$K$16=3,M7262*Input!$J$16,0)</f>
        <v>0</v>
      </c>
      <c r="Q7262" s="71">
        <f>IF(Input!$K$13=4,J7262*Input!$J$13,0)+IF(Input!$K$14=4,K7262*Input!$J$14,0)+IF(Input!$K$15=4,L7262*Input!$J$15,0)+IF(Input!$K$16=4,M7262*Input!$J$16,0)</f>
        <v>0</v>
      </c>
    </row>
    <row r="7263" spans="8:17" x14ac:dyDescent="0.25">
      <c r="H7263" s="43">
        <v>7256</v>
      </c>
      <c r="I7263" s="55">
        <f>Bühler!I7289</f>
        <v>2.443004965280732</v>
      </c>
      <c r="J7263" s="58">
        <f>Bühler!J7289</f>
        <v>40.502879367739659</v>
      </c>
      <c r="K7263" s="58">
        <f>Bühler!K7289</f>
        <v>2.5128266290975834</v>
      </c>
      <c r="L7263" s="58">
        <f>Bühler!L7289</f>
        <v>1.2564133145487917</v>
      </c>
      <c r="M7263" s="57">
        <f>Bühler!M7289</f>
        <v>0</v>
      </c>
      <c r="N7263" s="55">
        <f>IF(Input!$K$13=1,J7263*Input!$J$13,0)+IF(Input!$K$14=1,K7263*Input!$J$14,0)+IF(Input!$K$15=1,L7263*Input!$J$15,0)+IF(Input!$K$16=1,M7263*Input!$J$16,0)</f>
        <v>4.8603455241287588</v>
      </c>
      <c r="O7263" s="58">
        <f>IF(Input!$K$13=2,J7263*Input!$J$13,0)+IF(Input!$K$14=2,K7263*Input!$J$14,0)+IF(Input!$K$15=2,L7263*Input!$J$15,0)+IF(Input!$K$16=2,M7263*Input!$J$16,0)</f>
        <v>0.33923159492817373</v>
      </c>
      <c r="P7263" s="58">
        <f>IF(Input!$K$13=3,J7263*Input!$J$13,0)+IF(Input!$K$14=3,K7263*Input!$J$14,0)+IF(Input!$K$15=3,L7263*Input!$J$15,0)+IF(Input!$K$16=3,M7263*Input!$J$16,0)</f>
        <v>0</v>
      </c>
      <c r="Q7263" s="71">
        <f>IF(Input!$K$13=4,J7263*Input!$J$13,0)+IF(Input!$K$14=4,K7263*Input!$J$14,0)+IF(Input!$K$15=4,L7263*Input!$J$15,0)+IF(Input!$K$16=4,M7263*Input!$J$16,0)</f>
        <v>0</v>
      </c>
    </row>
    <row r="7264" spans="8:17" x14ac:dyDescent="0.25">
      <c r="H7264" s="43">
        <v>7257</v>
      </c>
      <c r="I7264" s="55">
        <f>Bühler!I7290</f>
        <v>2.7483805859408239</v>
      </c>
      <c r="J7264" s="58">
        <f>Bühler!J7290</f>
        <v>45.565739288707114</v>
      </c>
      <c r="K7264" s="58">
        <f>Bühler!K7290</f>
        <v>2.8269299577347811</v>
      </c>
      <c r="L7264" s="58">
        <f>Bühler!L7290</f>
        <v>1.4134649788673905</v>
      </c>
      <c r="M7264" s="57">
        <f>Bühler!M7290</f>
        <v>0</v>
      </c>
      <c r="N7264" s="55">
        <f>IF(Input!$K$13=1,J7264*Input!$J$13,0)+IF(Input!$K$14=1,K7264*Input!$J$14,0)+IF(Input!$K$15=1,L7264*Input!$J$15,0)+IF(Input!$K$16=1,M7264*Input!$J$16,0)</f>
        <v>5.4678887146448538</v>
      </c>
      <c r="O7264" s="58">
        <f>IF(Input!$K$13=2,J7264*Input!$J$13,0)+IF(Input!$K$14=2,K7264*Input!$J$14,0)+IF(Input!$K$15=2,L7264*Input!$J$15,0)+IF(Input!$K$16=2,M7264*Input!$J$16,0)</f>
        <v>0.38163554429419544</v>
      </c>
      <c r="P7264" s="58">
        <f>IF(Input!$K$13=3,J7264*Input!$J$13,0)+IF(Input!$K$14=3,K7264*Input!$J$14,0)+IF(Input!$K$15=3,L7264*Input!$J$15,0)+IF(Input!$K$16=3,M7264*Input!$J$16,0)</f>
        <v>0</v>
      </c>
      <c r="Q7264" s="71">
        <f>IF(Input!$K$13=4,J7264*Input!$J$13,0)+IF(Input!$K$14=4,K7264*Input!$J$14,0)+IF(Input!$K$15=4,L7264*Input!$J$15,0)+IF(Input!$K$16=4,M7264*Input!$J$16,0)</f>
        <v>0</v>
      </c>
    </row>
    <row r="7265" spans="8:17" x14ac:dyDescent="0.25">
      <c r="H7265" s="43">
        <v>7258</v>
      </c>
      <c r="I7265" s="55">
        <f>Bühler!I7291</f>
        <v>3.053756206600915</v>
      </c>
      <c r="J7265" s="58">
        <f>Bühler!J7291</f>
        <v>50.628599209674576</v>
      </c>
      <c r="K7265" s="58">
        <f>Bühler!K7291</f>
        <v>3.1410332863719792</v>
      </c>
      <c r="L7265" s="58">
        <f>Bühler!L7291</f>
        <v>1.5705166431859896</v>
      </c>
      <c r="M7265" s="57">
        <f>Bühler!M7291</f>
        <v>0</v>
      </c>
      <c r="N7265" s="55">
        <f>IF(Input!$K$13=1,J7265*Input!$J$13,0)+IF(Input!$K$14=1,K7265*Input!$J$14,0)+IF(Input!$K$15=1,L7265*Input!$J$15,0)+IF(Input!$K$16=1,M7265*Input!$J$16,0)</f>
        <v>6.0754319051609489</v>
      </c>
      <c r="O7265" s="58">
        <f>IF(Input!$K$13=2,J7265*Input!$J$13,0)+IF(Input!$K$14=2,K7265*Input!$J$14,0)+IF(Input!$K$15=2,L7265*Input!$J$15,0)+IF(Input!$K$16=2,M7265*Input!$J$16,0)</f>
        <v>0.4240394936602172</v>
      </c>
      <c r="P7265" s="58">
        <f>IF(Input!$K$13=3,J7265*Input!$J$13,0)+IF(Input!$K$14=3,K7265*Input!$J$14,0)+IF(Input!$K$15=3,L7265*Input!$J$15,0)+IF(Input!$K$16=3,M7265*Input!$J$16,0)</f>
        <v>0</v>
      </c>
      <c r="Q7265" s="71">
        <f>IF(Input!$K$13=4,J7265*Input!$J$13,0)+IF(Input!$K$14=4,K7265*Input!$J$14,0)+IF(Input!$K$15=4,L7265*Input!$J$15,0)+IF(Input!$K$16=4,M7265*Input!$J$16,0)</f>
        <v>0</v>
      </c>
    </row>
    <row r="7266" spans="8:17" x14ac:dyDescent="0.25">
      <c r="H7266" s="43">
        <v>7259</v>
      </c>
      <c r="I7266" s="55">
        <f>Bühler!I7292</f>
        <v>3.053756206600915</v>
      </c>
      <c r="J7266" s="58">
        <f>Bühler!J7292</f>
        <v>50.628599209674576</v>
      </c>
      <c r="K7266" s="58">
        <f>Bühler!K7292</f>
        <v>3.1410332863719792</v>
      </c>
      <c r="L7266" s="58">
        <f>Bühler!L7292</f>
        <v>1.5705166431859896</v>
      </c>
      <c r="M7266" s="57">
        <f>Bühler!M7292</f>
        <v>0</v>
      </c>
      <c r="N7266" s="55">
        <f>IF(Input!$K$13=1,J7266*Input!$J$13,0)+IF(Input!$K$14=1,K7266*Input!$J$14,0)+IF(Input!$K$15=1,L7266*Input!$J$15,0)+IF(Input!$K$16=1,M7266*Input!$J$16,0)</f>
        <v>6.0754319051609489</v>
      </c>
      <c r="O7266" s="58">
        <f>IF(Input!$K$13=2,J7266*Input!$J$13,0)+IF(Input!$K$14=2,K7266*Input!$J$14,0)+IF(Input!$K$15=2,L7266*Input!$J$15,0)+IF(Input!$K$16=2,M7266*Input!$J$16,0)</f>
        <v>0.4240394936602172</v>
      </c>
      <c r="P7266" s="58">
        <f>IF(Input!$K$13=3,J7266*Input!$J$13,0)+IF(Input!$K$14=3,K7266*Input!$J$14,0)+IF(Input!$K$15=3,L7266*Input!$J$15,0)+IF(Input!$K$16=3,M7266*Input!$J$16,0)</f>
        <v>0</v>
      </c>
      <c r="Q7266" s="71">
        <f>IF(Input!$K$13=4,J7266*Input!$J$13,0)+IF(Input!$K$14=4,K7266*Input!$J$14,0)+IF(Input!$K$15=4,L7266*Input!$J$15,0)+IF(Input!$K$16=4,M7266*Input!$J$16,0)</f>
        <v>0</v>
      </c>
    </row>
    <row r="7267" spans="8:17" x14ac:dyDescent="0.25">
      <c r="H7267" s="43">
        <v>7260</v>
      </c>
      <c r="I7267" s="55">
        <f>Bühler!I7293</f>
        <v>3.6645074479210975</v>
      </c>
      <c r="J7267" s="58">
        <f>Bühler!J7293</f>
        <v>60.754319051609471</v>
      </c>
      <c r="K7267" s="58">
        <f>Bühler!K7293</f>
        <v>3.7692399436463742</v>
      </c>
      <c r="L7267" s="58">
        <f>Bühler!L7293</f>
        <v>1.8846199718231871</v>
      </c>
      <c r="M7267" s="57">
        <f>Bühler!M7293</f>
        <v>0</v>
      </c>
      <c r="N7267" s="55">
        <f>IF(Input!$K$13=1,J7267*Input!$J$13,0)+IF(Input!$K$14=1,K7267*Input!$J$14,0)+IF(Input!$K$15=1,L7267*Input!$J$15,0)+IF(Input!$K$16=1,M7267*Input!$J$16,0)</f>
        <v>7.2905182861931364</v>
      </c>
      <c r="O7267" s="58">
        <f>IF(Input!$K$13=2,J7267*Input!$J$13,0)+IF(Input!$K$14=2,K7267*Input!$J$14,0)+IF(Input!$K$15=2,L7267*Input!$J$15,0)+IF(Input!$K$16=2,M7267*Input!$J$16,0)</f>
        <v>0.50884739239226051</v>
      </c>
      <c r="P7267" s="58">
        <f>IF(Input!$K$13=3,J7267*Input!$J$13,0)+IF(Input!$K$14=3,K7267*Input!$J$14,0)+IF(Input!$K$15=3,L7267*Input!$J$15,0)+IF(Input!$K$16=3,M7267*Input!$J$16,0)</f>
        <v>0</v>
      </c>
      <c r="Q7267" s="71">
        <f>IF(Input!$K$13=4,J7267*Input!$J$13,0)+IF(Input!$K$14=4,K7267*Input!$J$14,0)+IF(Input!$K$15=4,L7267*Input!$J$15,0)+IF(Input!$K$16=4,M7267*Input!$J$16,0)</f>
        <v>0</v>
      </c>
    </row>
    <row r="7268" spans="8:17" x14ac:dyDescent="0.25">
      <c r="H7268" s="43">
        <v>7261</v>
      </c>
      <c r="I7268" s="55">
        <f>Bühler!I7294</f>
        <v>3.6645074479210975</v>
      </c>
      <c r="J7268" s="58">
        <f>Bühler!J7294</f>
        <v>60.754319051609471</v>
      </c>
      <c r="K7268" s="58">
        <f>Bühler!K7294</f>
        <v>3.7692399436463742</v>
      </c>
      <c r="L7268" s="58">
        <f>Bühler!L7294</f>
        <v>1.8846199718231871</v>
      </c>
      <c r="M7268" s="57">
        <f>Bühler!M7294</f>
        <v>0</v>
      </c>
      <c r="N7268" s="55">
        <f>IF(Input!$K$13=1,J7268*Input!$J$13,0)+IF(Input!$K$14=1,K7268*Input!$J$14,0)+IF(Input!$K$15=1,L7268*Input!$J$15,0)+IF(Input!$K$16=1,M7268*Input!$J$16,0)</f>
        <v>7.2905182861931364</v>
      </c>
      <c r="O7268" s="58">
        <f>IF(Input!$K$13=2,J7268*Input!$J$13,0)+IF(Input!$K$14=2,K7268*Input!$J$14,0)+IF(Input!$K$15=2,L7268*Input!$J$15,0)+IF(Input!$K$16=2,M7268*Input!$J$16,0)</f>
        <v>0.50884739239226051</v>
      </c>
      <c r="P7268" s="58">
        <f>IF(Input!$K$13=3,J7268*Input!$J$13,0)+IF(Input!$K$14=3,K7268*Input!$J$14,0)+IF(Input!$K$15=3,L7268*Input!$J$15,0)+IF(Input!$K$16=3,M7268*Input!$J$16,0)</f>
        <v>0</v>
      </c>
      <c r="Q7268" s="71">
        <f>IF(Input!$K$13=4,J7268*Input!$J$13,0)+IF(Input!$K$14=4,K7268*Input!$J$14,0)+IF(Input!$K$15=4,L7268*Input!$J$15,0)+IF(Input!$K$16=4,M7268*Input!$J$16,0)</f>
        <v>0</v>
      </c>
    </row>
    <row r="7269" spans="8:17" x14ac:dyDescent="0.25">
      <c r="H7269" s="43">
        <v>7262</v>
      </c>
      <c r="I7269" s="55">
        <f>Bühler!I7295</f>
        <v>2.443004965280732</v>
      </c>
      <c r="J7269" s="58">
        <f>Bühler!J7295</f>
        <v>40.502879367739659</v>
      </c>
      <c r="K7269" s="58">
        <f>Bühler!K7295</f>
        <v>2.5128266290975834</v>
      </c>
      <c r="L7269" s="58">
        <f>Bühler!L7295</f>
        <v>1.2564133145487917</v>
      </c>
      <c r="M7269" s="57">
        <f>Bühler!M7295</f>
        <v>0</v>
      </c>
      <c r="N7269" s="55">
        <f>IF(Input!$K$13=1,J7269*Input!$J$13,0)+IF(Input!$K$14=1,K7269*Input!$J$14,0)+IF(Input!$K$15=1,L7269*Input!$J$15,0)+IF(Input!$K$16=1,M7269*Input!$J$16,0)</f>
        <v>4.8603455241287588</v>
      </c>
      <c r="O7269" s="58">
        <f>IF(Input!$K$13=2,J7269*Input!$J$13,0)+IF(Input!$K$14=2,K7269*Input!$J$14,0)+IF(Input!$K$15=2,L7269*Input!$J$15,0)+IF(Input!$K$16=2,M7269*Input!$J$16,0)</f>
        <v>0.33923159492817373</v>
      </c>
      <c r="P7269" s="58">
        <f>IF(Input!$K$13=3,J7269*Input!$J$13,0)+IF(Input!$K$14=3,K7269*Input!$J$14,0)+IF(Input!$K$15=3,L7269*Input!$J$15,0)+IF(Input!$K$16=3,M7269*Input!$J$16,0)</f>
        <v>0</v>
      </c>
      <c r="Q7269" s="71">
        <f>IF(Input!$K$13=4,J7269*Input!$J$13,0)+IF(Input!$K$14=4,K7269*Input!$J$14,0)+IF(Input!$K$15=4,L7269*Input!$J$15,0)+IF(Input!$K$16=4,M7269*Input!$J$16,0)</f>
        <v>0</v>
      </c>
    </row>
    <row r="7270" spans="8:17" x14ac:dyDescent="0.25">
      <c r="H7270" s="43">
        <v>7263</v>
      </c>
      <c r="I7270" s="55">
        <f>Bühler!I7296</f>
        <v>3.6645074479210975</v>
      </c>
      <c r="J7270" s="58">
        <f>Bühler!J7296</f>
        <v>60.754319051609471</v>
      </c>
      <c r="K7270" s="58">
        <f>Bühler!K7296</f>
        <v>3.7692399436463742</v>
      </c>
      <c r="L7270" s="58">
        <f>Bühler!L7296</f>
        <v>1.8846199718231871</v>
      </c>
      <c r="M7270" s="57">
        <f>Bühler!M7296</f>
        <v>0</v>
      </c>
      <c r="N7270" s="55">
        <f>IF(Input!$K$13=1,J7270*Input!$J$13,0)+IF(Input!$K$14=1,K7270*Input!$J$14,0)+IF(Input!$K$15=1,L7270*Input!$J$15,0)+IF(Input!$K$16=1,M7270*Input!$J$16,0)</f>
        <v>7.2905182861931364</v>
      </c>
      <c r="O7270" s="58">
        <f>IF(Input!$K$13=2,J7270*Input!$J$13,0)+IF(Input!$K$14=2,K7270*Input!$J$14,0)+IF(Input!$K$15=2,L7270*Input!$J$15,0)+IF(Input!$K$16=2,M7270*Input!$J$16,0)</f>
        <v>0.50884739239226051</v>
      </c>
      <c r="P7270" s="58">
        <f>IF(Input!$K$13=3,J7270*Input!$J$13,0)+IF(Input!$K$14=3,K7270*Input!$J$14,0)+IF(Input!$K$15=3,L7270*Input!$J$15,0)+IF(Input!$K$16=3,M7270*Input!$J$16,0)</f>
        <v>0</v>
      </c>
      <c r="Q7270" s="71">
        <f>IF(Input!$K$13=4,J7270*Input!$J$13,0)+IF(Input!$K$14=4,K7270*Input!$J$14,0)+IF(Input!$K$15=4,L7270*Input!$J$15,0)+IF(Input!$K$16=4,M7270*Input!$J$16,0)</f>
        <v>0</v>
      </c>
    </row>
    <row r="7271" spans="8:17" x14ac:dyDescent="0.25">
      <c r="H7271" s="43">
        <v>7264</v>
      </c>
      <c r="I7271" s="55">
        <f>Bühler!I7297</f>
        <v>3.6645074479210975</v>
      </c>
      <c r="J7271" s="58">
        <f>Bühler!J7297</f>
        <v>60.754319051609471</v>
      </c>
      <c r="K7271" s="58">
        <f>Bühler!K7297</f>
        <v>3.7692399436463742</v>
      </c>
      <c r="L7271" s="58">
        <f>Bühler!L7297</f>
        <v>1.8846199718231871</v>
      </c>
      <c r="M7271" s="57">
        <f>Bühler!M7297</f>
        <v>0</v>
      </c>
      <c r="N7271" s="55">
        <f>IF(Input!$K$13=1,J7271*Input!$J$13,0)+IF(Input!$K$14=1,K7271*Input!$J$14,0)+IF(Input!$K$15=1,L7271*Input!$J$15,0)+IF(Input!$K$16=1,M7271*Input!$J$16,0)</f>
        <v>7.2905182861931364</v>
      </c>
      <c r="O7271" s="58">
        <f>IF(Input!$K$13=2,J7271*Input!$J$13,0)+IF(Input!$K$14=2,K7271*Input!$J$14,0)+IF(Input!$K$15=2,L7271*Input!$J$15,0)+IF(Input!$K$16=2,M7271*Input!$J$16,0)</f>
        <v>0.50884739239226051</v>
      </c>
      <c r="P7271" s="58">
        <f>IF(Input!$K$13=3,J7271*Input!$J$13,0)+IF(Input!$K$14=3,K7271*Input!$J$14,0)+IF(Input!$K$15=3,L7271*Input!$J$15,0)+IF(Input!$K$16=3,M7271*Input!$J$16,0)</f>
        <v>0</v>
      </c>
      <c r="Q7271" s="71">
        <f>IF(Input!$K$13=4,J7271*Input!$J$13,0)+IF(Input!$K$14=4,K7271*Input!$J$14,0)+IF(Input!$K$15=4,L7271*Input!$J$15,0)+IF(Input!$K$16=4,M7271*Input!$J$16,0)</f>
        <v>0</v>
      </c>
    </row>
    <row r="7272" spans="8:17" x14ac:dyDescent="0.25">
      <c r="H7272" s="43">
        <v>7265</v>
      </c>
      <c r="I7272" s="55">
        <f>Bühler!I7298</f>
        <v>3.053756206600915</v>
      </c>
      <c r="J7272" s="58">
        <f>Bühler!J7298</f>
        <v>36.43249021391749</v>
      </c>
      <c r="K7272" s="58">
        <f>Bühler!K7298</f>
        <v>2.1987233004603852</v>
      </c>
      <c r="L7272" s="58">
        <f>Bühler!L7298</f>
        <v>1.0993616502301926</v>
      </c>
      <c r="M7272" s="57">
        <f>Bühler!M7298</f>
        <v>0</v>
      </c>
      <c r="N7272" s="55">
        <f>IF(Input!$K$13=1,J7272*Input!$J$13,0)+IF(Input!$K$14=1,K7272*Input!$J$14,0)+IF(Input!$K$15=1,L7272*Input!$J$15,0)+IF(Input!$K$16=1,M7272*Input!$J$16,0)</f>
        <v>4.3718988256700984</v>
      </c>
      <c r="O7272" s="58">
        <f>IF(Input!$K$13=2,J7272*Input!$J$13,0)+IF(Input!$K$14=2,K7272*Input!$J$14,0)+IF(Input!$K$15=2,L7272*Input!$J$15,0)+IF(Input!$K$16=2,M7272*Input!$J$16,0)</f>
        <v>0.29682764556215202</v>
      </c>
      <c r="P7272" s="58">
        <f>IF(Input!$K$13=3,J7272*Input!$J$13,0)+IF(Input!$K$14=3,K7272*Input!$J$14,0)+IF(Input!$K$15=3,L7272*Input!$J$15,0)+IF(Input!$K$16=3,M7272*Input!$J$16,0)</f>
        <v>0</v>
      </c>
      <c r="Q7272" s="71">
        <f>IF(Input!$K$13=4,J7272*Input!$J$13,0)+IF(Input!$K$14=4,K7272*Input!$J$14,0)+IF(Input!$K$15=4,L7272*Input!$J$15,0)+IF(Input!$K$16=4,M7272*Input!$J$16,0)</f>
        <v>0</v>
      </c>
    </row>
    <row r="7273" spans="8:17" x14ac:dyDescent="0.25">
      <c r="H7273" s="43">
        <v>7266</v>
      </c>
      <c r="I7273" s="55">
        <f>Bühler!I7299</f>
        <v>2.4570452237018858</v>
      </c>
      <c r="J7273" s="58">
        <f>Bühler!J7299</f>
        <v>12.125871656181761</v>
      </c>
      <c r="K7273" s="58">
        <f>Bühler!K7299</f>
        <v>0.62820665727439584</v>
      </c>
      <c r="L7273" s="58">
        <f>Bühler!L7299</f>
        <v>0.31410332863719792</v>
      </c>
      <c r="M7273" s="57">
        <f>Bühler!M7299</f>
        <v>0</v>
      </c>
      <c r="N7273" s="55">
        <f>IF(Input!$K$13=1,J7273*Input!$J$13,0)+IF(Input!$K$14=1,K7273*Input!$J$14,0)+IF(Input!$K$15=1,L7273*Input!$J$15,0)+IF(Input!$K$16=1,M7273*Input!$J$16,0)</f>
        <v>1.4551045987418114</v>
      </c>
      <c r="O7273" s="58">
        <f>IF(Input!$K$13=2,J7273*Input!$J$13,0)+IF(Input!$K$14=2,K7273*Input!$J$14,0)+IF(Input!$K$15=2,L7273*Input!$J$15,0)+IF(Input!$K$16=2,M7273*Input!$J$16,0)</f>
        <v>8.4807898732043432E-2</v>
      </c>
      <c r="P7273" s="58">
        <f>IF(Input!$K$13=3,J7273*Input!$J$13,0)+IF(Input!$K$14=3,K7273*Input!$J$14,0)+IF(Input!$K$15=3,L7273*Input!$J$15,0)+IF(Input!$K$16=3,M7273*Input!$J$16,0)</f>
        <v>0</v>
      </c>
      <c r="Q7273" s="71">
        <f>IF(Input!$K$13=4,J7273*Input!$J$13,0)+IF(Input!$K$14=4,K7273*Input!$J$14,0)+IF(Input!$K$15=4,L7273*Input!$J$15,0)+IF(Input!$K$16=4,M7273*Input!$J$16,0)</f>
        <v>0</v>
      </c>
    </row>
    <row r="7274" spans="8:17" x14ac:dyDescent="0.25">
      <c r="H7274" s="43">
        <v>7267</v>
      </c>
      <c r="I7274" s="55">
        <f>Bühler!I7300</f>
        <v>0.87751615132210214</v>
      </c>
      <c r="J7274" s="58">
        <f>Bühler!J7300</f>
        <v>10.281418363021434</v>
      </c>
      <c r="K7274" s="58">
        <f>Bühler!K7300</f>
        <v>0.61935867618602403</v>
      </c>
      <c r="L7274" s="58">
        <f>Bühler!L7300</f>
        <v>0.30967933809301201</v>
      </c>
      <c r="M7274" s="57">
        <f>Bühler!M7300</f>
        <v>0</v>
      </c>
      <c r="N7274" s="55">
        <f>IF(Input!$K$13=1,J7274*Input!$J$13,0)+IF(Input!$K$14=1,K7274*Input!$J$14,0)+IF(Input!$K$15=1,L7274*Input!$J$15,0)+IF(Input!$K$16=1,M7274*Input!$J$16,0)</f>
        <v>1.2337702035625719</v>
      </c>
      <c r="O7274" s="58">
        <f>IF(Input!$K$13=2,J7274*Input!$J$13,0)+IF(Input!$K$14=2,K7274*Input!$J$14,0)+IF(Input!$K$15=2,L7274*Input!$J$15,0)+IF(Input!$K$16=2,M7274*Input!$J$16,0)</f>
        <v>8.3613421285113232E-2</v>
      </c>
      <c r="P7274" s="58">
        <f>IF(Input!$K$13=3,J7274*Input!$J$13,0)+IF(Input!$K$14=3,K7274*Input!$J$14,0)+IF(Input!$K$15=3,L7274*Input!$J$15,0)+IF(Input!$K$16=3,M7274*Input!$J$16,0)</f>
        <v>0</v>
      </c>
      <c r="Q7274" s="71">
        <f>IF(Input!$K$13=4,J7274*Input!$J$13,0)+IF(Input!$K$14=4,K7274*Input!$J$14,0)+IF(Input!$K$15=4,L7274*Input!$J$15,0)+IF(Input!$K$16=4,M7274*Input!$J$16,0)</f>
        <v>0</v>
      </c>
    </row>
    <row r="7275" spans="8:17" x14ac:dyDescent="0.25">
      <c r="H7275" s="43">
        <v>7268</v>
      </c>
      <c r="I7275" s="55">
        <f>Bühler!I7301</f>
        <v>0.87751615132210214</v>
      </c>
      <c r="J7275" s="58">
        <f>Bühler!J7301</f>
        <v>10.281418363021434</v>
      </c>
      <c r="K7275" s="58">
        <f>Bühler!K7301</f>
        <v>0.61935867618602403</v>
      </c>
      <c r="L7275" s="58">
        <f>Bühler!L7301</f>
        <v>0.30967933809301201</v>
      </c>
      <c r="M7275" s="57">
        <f>Bühler!M7301</f>
        <v>0</v>
      </c>
      <c r="N7275" s="55">
        <f>IF(Input!$K$13=1,J7275*Input!$J$13,0)+IF(Input!$K$14=1,K7275*Input!$J$14,0)+IF(Input!$K$15=1,L7275*Input!$J$15,0)+IF(Input!$K$16=1,M7275*Input!$J$16,0)</f>
        <v>1.2337702035625719</v>
      </c>
      <c r="O7275" s="58">
        <f>IF(Input!$K$13=2,J7275*Input!$J$13,0)+IF(Input!$K$14=2,K7275*Input!$J$14,0)+IF(Input!$K$15=2,L7275*Input!$J$15,0)+IF(Input!$K$16=2,M7275*Input!$J$16,0)</f>
        <v>8.3613421285113232E-2</v>
      </c>
      <c r="P7275" s="58">
        <f>IF(Input!$K$13=3,J7275*Input!$J$13,0)+IF(Input!$K$14=3,K7275*Input!$J$14,0)+IF(Input!$K$15=3,L7275*Input!$J$15,0)+IF(Input!$K$16=3,M7275*Input!$J$16,0)</f>
        <v>0</v>
      </c>
      <c r="Q7275" s="71">
        <f>IF(Input!$K$13=4,J7275*Input!$J$13,0)+IF(Input!$K$14=4,K7275*Input!$J$14,0)+IF(Input!$K$15=4,L7275*Input!$J$15,0)+IF(Input!$K$16=4,M7275*Input!$J$16,0)</f>
        <v>0</v>
      </c>
    </row>
    <row r="7276" spans="8:17" x14ac:dyDescent="0.25">
      <c r="H7276" s="43">
        <v>7269</v>
      </c>
      <c r="I7276" s="55">
        <f>Bühler!I7302</f>
        <v>0.87751615132210214</v>
      </c>
      <c r="J7276" s="58">
        <f>Bühler!J7302</f>
        <v>10.281418363021434</v>
      </c>
      <c r="K7276" s="58">
        <f>Bühler!K7302</f>
        <v>0.61935867618602403</v>
      </c>
      <c r="L7276" s="58">
        <f>Bühler!L7302</f>
        <v>0.30967933809301201</v>
      </c>
      <c r="M7276" s="57">
        <f>Bühler!M7302</f>
        <v>0</v>
      </c>
      <c r="N7276" s="55">
        <f>IF(Input!$K$13=1,J7276*Input!$J$13,0)+IF(Input!$K$14=1,K7276*Input!$J$14,0)+IF(Input!$K$15=1,L7276*Input!$J$15,0)+IF(Input!$K$16=1,M7276*Input!$J$16,0)</f>
        <v>1.2337702035625719</v>
      </c>
      <c r="O7276" s="58">
        <f>IF(Input!$K$13=2,J7276*Input!$J$13,0)+IF(Input!$K$14=2,K7276*Input!$J$14,0)+IF(Input!$K$15=2,L7276*Input!$J$15,0)+IF(Input!$K$16=2,M7276*Input!$J$16,0)</f>
        <v>8.3613421285113232E-2</v>
      </c>
      <c r="P7276" s="58">
        <f>IF(Input!$K$13=3,J7276*Input!$J$13,0)+IF(Input!$K$14=3,K7276*Input!$J$14,0)+IF(Input!$K$15=3,L7276*Input!$J$15,0)+IF(Input!$K$16=3,M7276*Input!$J$16,0)</f>
        <v>0</v>
      </c>
      <c r="Q7276" s="71">
        <f>IF(Input!$K$13=4,J7276*Input!$J$13,0)+IF(Input!$K$14=4,K7276*Input!$J$14,0)+IF(Input!$K$15=4,L7276*Input!$J$15,0)+IF(Input!$K$16=4,M7276*Input!$J$16,0)</f>
        <v>0</v>
      </c>
    </row>
    <row r="7277" spans="8:17" x14ac:dyDescent="0.25">
      <c r="H7277" s="43">
        <v>7270</v>
      </c>
      <c r="I7277" s="55">
        <f>Bühler!I7303</f>
        <v>0.87751615132210214</v>
      </c>
      <c r="J7277" s="58">
        <f>Bühler!J7303</f>
        <v>10.281418363021434</v>
      </c>
      <c r="K7277" s="58">
        <f>Bühler!K7303</f>
        <v>0.61935867618602403</v>
      </c>
      <c r="L7277" s="58">
        <f>Bühler!L7303</f>
        <v>0.30967933809301201</v>
      </c>
      <c r="M7277" s="57">
        <f>Bühler!M7303</f>
        <v>0</v>
      </c>
      <c r="N7277" s="55">
        <f>IF(Input!$K$13=1,J7277*Input!$J$13,0)+IF(Input!$K$14=1,K7277*Input!$J$14,0)+IF(Input!$K$15=1,L7277*Input!$J$15,0)+IF(Input!$K$16=1,M7277*Input!$J$16,0)</f>
        <v>1.2337702035625719</v>
      </c>
      <c r="O7277" s="58">
        <f>IF(Input!$K$13=2,J7277*Input!$J$13,0)+IF(Input!$K$14=2,K7277*Input!$J$14,0)+IF(Input!$K$15=2,L7277*Input!$J$15,0)+IF(Input!$K$16=2,M7277*Input!$J$16,0)</f>
        <v>8.3613421285113232E-2</v>
      </c>
      <c r="P7277" s="58">
        <f>IF(Input!$K$13=3,J7277*Input!$J$13,0)+IF(Input!$K$14=3,K7277*Input!$J$14,0)+IF(Input!$K$15=3,L7277*Input!$J$15,0)+IF(Input!$K$16=3,M7277*Input!$J$16,0)</f>
        <v>0</v>
      </c>
      <c r="Q7277" s="71">
        <f>IF(Input!$K$13=4,J7277*Input!$J$13,0)+IF(Input!$K$14=4,K7277*Input!$J$14,0)+IF(Input!$K$15=4,L7277*Input!$J$15,0)+IF(Input!$K$16=4,M7277*Input!$J$16,0)</f>
        <v>0</v>
      </c>
    </row>
    <row r="7278" spans="8:17" x14ac:dyDescent="0.25">
      <c r="H7278" s="43">
        <v>7271</v>
      </c>
      <c r="I7278" s="55">
        <f>Bühler!I7304</f>
        <v>0.87751615132210214</v>
      </c>
      <c r="J7278" s="58">
        <f>Bühler!J7304</f>
        <v>10.281418363021434</v>
      </c>
      <c r="K7278" s="58">
        <f>Bühler!K7304</f>
        <v>0.61935867618602403</v>
      </c>
      <c r="L7278" s="58">
        <f>Bühler!L7304</f>
        <v>0.30967933809301201</v>
      </c>
      <c r="M7278" s="57">
        <f>Bühler!M7304</f>
        <v>0</v>
      </c>
      <c r="N7278" s="55">
        <f>IF(Input!$K$13=1,J7278*Input!$J$13,0)+IF(Input!$K$14=1,K7278*Input!$J$14,0)+IF(Input!$K$15=1,L7278*Input!$J$15,0)+IF(Input!$K$16=1,M7278*Input!$J$16,0)</f>
        <v>1.2337702035625719</v>
      </c>
      <c r="O7278" s="58">
        <f>IF(Input!$K$13=2,J7278*Input!$J$13,0)+IF(Input!$K$14=2,K7278*Input!$J$14,0)+IF(Input!$K$15=2,L7278*Input!$J$15,0)+IF(Input!$K$16=2,M7278*Input!$J$16,0)</f>
        <v>8.3613421285113232E-2</v>
      </c>
      <c r="P7278" s="58">
        <f>IF(Input!$K$13=3,J7278*Input!$J$13,0)+IF(Input!$K$14=3,K7278*Input!$J$14,0)+IF(Input!$K$15=3,L7278*Input!$J$15,0)+IF(Input!$K$16=3,M7278*Input!$J$16,0)</f>
        <v>0</v>
      </c>
      <c r="Q7278" s="71">
        <f>IF(Input!$K$13=4,J7278*Input!$J$13,0)+IF(Input!$K$14=4,K7278*Input!$J$14,0)+IF(Input!$K$15=4,L7278*Input!$J$15,0)+IF(Input!$K$16=4,M7278*Input!$J$16,0)</f>
        <v>0</v>
      </c>
    </row>
    <row r="7279" spans="8:17" x14ac:dyDescent="0.25">
      <c r="H7279" s="43">
        <v>7272</v>
      </c>
      <c r="I7279" s="55">
        <f>Bühler!I7305</f>
        <v>0.87751615132210214</v>
      </c>
      <c r="J7279" s="58">
        <f>Bühler!J7305</f>
        <v>10.281418363021434</v>
      </c>
      <c r="K7279" s="58">
        <f>Bühler!K7305</f>
        <v>0.61935867618602403</v>
      </c>
      <c r="L7279" s="58">
        <f>Bühler!L7305</f>
        <v>0.30967933809301201</v>
      </c>
      <c r="M7279" s="57">
        <f>Bühler!M7305</f>
        <v>0</v>
      </c>
      <c r="N7279" s="55">
        <f>IF(Input!$K$13=1,J7279*Input!$J$13,0)+IF(Input!$K$14=1,K7279*Input!$J$14,0)+IF(Input!$K$15=1,L7279*Input!$J$15,0)+IF(Input!$K$16=1,M7279*Input!$J$16,0)</f>
        <v>1.2337702035625719</v>
      </c>
      <c r="O7279" s="58">
        <f>IF(Input!$K$13=2,J7279*Input!$J$13,0)+IF(Input!$K$14=2,K7279*Input!$J$14,0)+IF(Input!$K$15=2,L7279*Input!$J$15,0)+IF(Input!$K$16=2,M7279*Input!$J$16,0)</f>
        <v>8.3613421285113232E-2</v>
      </c>
      <c r="P7279" s="58">
        <f>IF(Input!$K$13=3,J7279*Input!$J$13,0)+IF(Input!$K$14=3,K7279*Input!$J$14,0)+IF(Input!$K$15=3,L7279*Input!$J$15,0)+IF(Input!$K$16=3,M7279*Input!$J$16,0)</f>
        <v>0</v>
      </c>
      <c r="Q7279" s="71">
        <f>IF(Input!$K$13=4,J7279*Input!$J$13,0)+IF(Input!$K$14=4,K7279*Input!$J$14,0)+IF(Input!$K$15=4,L7279*Input!$J$15,0)+IF(Input!$K$16=4,M7279*Input!$J$16,0)</f>
        <v>0</v>
      </c>
    </row>
    <row r="7280" spans="8:17" x14ac:dyDescent="0.25">
      <c r="H7280" s="43">
        <v>7273</v>
      </c>
      <c r="I7280" s="55">
        <f>Bühler!I7306</f>
        <v>0.49198421577039092</v>
      </c>
      <c r="J7280" s="58">
        <f>Bühler!J7306</f>
        <v>5.9353516248591518</v>
      </c>
      <c r="K7280" s="58">
        <f>Bühler!K7306</f>
        <v>0.38817193926765842</v>
      </c>
      <c r="L7280" s="58">
        <f>Bühler!L7306</f>
        <v>0.19408596963382921</v>
      </c>
      <c r="M7280" s="57">
        <f>Bühler!M7306</f>
        <v>0</v>
      </c>
      <c r="N7280" s="55">
        <f>IF(Input!$K$13=1,J7280*Input!$J$13,0)+IF(Input!$K$14=1,K7280*Input!$J$14,0)+IF(Input!$K$15=1,L7280*Input!$J$15,0)+IF(Input!$K$16=1,M7280*Input!$J$16,0)</f>
        <v>0.71224219498309815</v>
      </c>
      <c r="O7280" s="58">
        <f>IF(Input!$K$13=2,J7280*Input!$J$13,0)+IF(Input!$K$14=2,K7280*Input!$J$14,0)+IF(Input!$K$15=2,L7280*Input!$J$15,0)+IF(Input!$K$16=2,M7280*Input!$J$16,0)</f>
        <v>5.2403211801133887E-2</v>
      </c>
      <c r="P7280" s="58">
        <f>IF(Input!$K$13=3,J7280*Input!$J$13,0)+IF(Input!$K$14=3,K7280*Input!$J$14,0)+IF(Input!$K$15=3,L7280*Input!$J$15,0)+IF(Input!$K$16=3,M7280*Input!$J$16,0)</f>
        <v>0</v>
      </c>
      <c r="Q7280" s="71">
        <f>IF(Input!$K$13=4,J7280*Input!$J$13,0)+IF(Input!$K$14=4,K7280*Input!$J$14,0)+IF(Input!$K$15=4,L7280*Input!$J$15,0)+IF(Input!$K$16=4,M7280*Input!$J$16,0)</f>
        <v>0</v>
      </c>
    </row>
    <row r="7281" spans="8:17" x14ac:dyDescent="0.25">
      <c r="H7281" s="43">
        <v>7274</v>
      </c>
      <c r="I7281" s="55">
        <f>Bühler!I7307</f>
        <v>0.49198421577039092</v>
      </c>
      <c r="J7281" s="58">
        <f>Bühler!J7307</f>
        <v>8.7651638138521761</v>
      </c>
      <c r="K7281" s="58">
        <f>Bühler!K7307</f>
        <v>0.59150009793167002</v>
      </c>
      <c r="L7281" s="58">
        <f>Bühler!L7307</f>
        <v>0.29575004896583501</v>
      </c>
      <c r="M7281" s="57">
        <f>Bühler!M7307</f>
        <v>0</v>
      </c>
      <c r="N7281" s="55">
        <f>IF(Input!$K$13=1,J7281*Input!$J$13,0)+IF(Input!$K$14=1,K7281*Input!$J$14,0)+IF(Input!$K$15=1,L7281*Input!$J$15,0)+IF(Input!$K$16=1,M7281*Input!$J$16,0)</f>
        <v>1.0518196576622612</v>
      </c>
      <c r="O7281" s="58">
        <f>IF(Input!$K$13=2,J7281*Input!$J$13,0)+IF(Input!$K$14=2,K7281*Input!$J$14,0)+IF(Input!$K$15=2,L7281*Input!$J$15,0)+IF(Input!$K$16=2,M7281*Input!$J$16,0)</f>
        <v>7.985251322077544E-2</v>
      </c>
      <c r="P7281" s="58">
        <f>IF(Input!$K$13=3,J7281*Input!$J$13,0)+IF(Input!$K$14=3,K7281*Input!$J$14,0)+IF(Input!$K$15=3,L7281*Input!$J$15,0)+IF(Input!$K$16=3,M7281*Input!$J$16,0)</f>
        <v>0</v>
      </c>
      <c r="Q7281" s="71">
        <f>IF(Input!$K$13=4,J7281*Input!$J$13,0)+IF(Input!$K$14=4,K7281*Input!$J$14,0)+IF(Input!$K$15=4,L7281*Input!$J$15,0)+IF(Input!$K$16=4,M7281*Input!$J$16,0)</f>
        <v>0</v>
      </c>
    </row>
    <row r="7282" spans="8:17" x14ac:dyDescent="0.25">
      <c r="H7282" s="43">
        <v>7275</v>
      </c>
      <c r="I7282" s="55">
        <f>Bühler!I7308</f>
        <v>0.49198421577039092</v>
      </c>
      <c r="J7282" s="58">
        <f>Bühler!J7308</f>
        <v>8.7651638138521761</v>
      </c>
      <c r="K7282" s="58">
        <f>Bühler!K7308</f>
        <v>0.59150009793167002</v>
      </c>
      <c r="L7282" s="58">
        <f>Bühler!L7308</f>
        <v>0.29575004896583501</v>
      </c>
      <c r="M7282" s="57">
        <f>Bühler!M7308</f>
        <v>0</v>
      </c>
      <c r="N7282" s="55">
        <f>IF(Input!$K$13=1,J7282*Input!$J$13,0)+IF(Input!$K$14=1,K7282*Input!$J$14,0)+IF(Input!$K$15=1,L7282*Input!$J$15,0)+IF(Input!$K$16=1,M7282*Input!$J$16,0)</f>
        <v>1.0518196576622612</v>
      </c>
      <c r="O7282" s="58">
        <f>IF(Input!$K$13=2,J7282*Input!$J$13,0)+IF(Input!$K$14=2,K7282*Input!$J$14,0)+IF(Input!$K$15=2,L7282*Input!$J$15,0)+IF(Input!$K$16=2,M7282*Input!$J$16,0)</f>
        <v>7.985251322077544E-2</v>
      </c>
      <c r="P7282" s="58">
        <f>IF(Input!$K$13=3,J7282*Input!$J$13,0)+IF(Input!$K$14=3,K7282*Input!$J$14,0)+IF(Input!$K$15=3,L7282*Input!$J$15,0)+IF(Input!$K$16=3,M7282*Input!$J$16,0)</f>
        <v>0</v>
      </c>
      <c r="Q7282" s="71">
        <f>IF(Input!$K$13=4,J7282*Input!$J$13,0)+IF(Input!$K$14=4,K7282*Input!$J$14,0)+IF(Input!$K$15=4,L7282*Input!$J$15,0)+IF(Input!$K$16=4,M7282*Input!$J$16,0)</f>
        <v>0</v>
      </c>
    </row>
    <row r="7283" spans="8:17" x14ac:dyDescent="0.25">
      <c r="H7283" s="43">
        <v>7276</v>
      </c>
      <c r="I7283" s="55">
        <f>Bühler!I7309</f>
        <v>0.49198421577039092</v>
      </c>
      <c r="J7283" s="58">
        <f>Bühler!J7309</f>
        <v>8.7651638138521761</v>
      </c>
      <c r="K7283" s="58">
        <f>Bühler!K7309</f>
        <v>0.59150009793167002</v>
      </c>
      <c r="L7283" s="58">
        <f>Bühler!L7309</f>
        <v>0.29575004896583501</v>
      </c>
      <c r="M7283" s="57">
        <f>Bühler!M7309</f>
        <v>0</v>
      </c>
      <c r="N7283" s="55">
        <f>IF(Input!$K$13=1,J7283*Input!$J$13,0)+IF(Input!$K$14=1,K7283*Input!$J$14,0)+IF(Input!$K$15=1,L7283*Input!$J$15,0)+IF(Input!$K$16=1,M7283*Input!$J$16,0)</f>
        <v>1.0518196576622612</v>
      </c>
      <c r="O7283" s="58">
        <f>IF(Input!$K$13=2,J7283*Input!$J$13,0)+IF(Input!$K$14=2,K7283*Input!$J$14,0)+IF(Input!$K$15=2,L7283*Input!$J$15,0)+IF(Input!$K$16=2,M7283*Input!$J$16,0)</f>
        <v>7.985251322077544E-2</v>
      </c>
      <c r="P7283" s="58">
        <f>IF(Input!$K$13=3,J7283*Input!$J$13,0)+IF(Input!$K$14=3,K7283*Input!$J$14,0)+IF(Input!$K$15=3,L7283*Input!$J$15,0)+IF(Input!$K$16=3,M7283*Input!$J$16,0)</f>
        <v>0</v>
      </c>
      <c r="Q7283" s="71">
        <f>IF(Input!$K$13=4,J7283*Input!$J$13,0)+IF(Input!$K$14=4,K7283*Input!$J$14,0)+IF(Input!$K$15=4,L7283*Input!$J$15,0)+IF(Input!$K$16=4,M7283*Input!$J$16,0)</f>
        <v>0</v>
      </c>
    </row>
    <row r="7284" spans="8:17" x14ac:dyDescent="0.25">
      <c r="H7284" s="43">
        <v>7277</v>
      </c>
      <c r="I7284" s="55">
        <f>Bühler!I7310</f>
        <v>0.49198421577039092</v>
      </c>
      <c r="J7284" s="58">
        <f>Bühler!J7310</f>
        <v>8.7651638138521761</v>
      </c>
      <c r="K7284" s="58">
        <f>Bühler!K7310</f>
        <v>0.59150009793167002</v>
      </c>
      <c r="L7284" s="58">
        <f>Bühler!L7310</f>
        <v>0.29575004896583501</v>
      </c>
      <c r="M7284" s="57">
        <f>Bühler!M7310</f>
        <v>0</v>
      </c>
      <c r="N7284" s="55">
        <f>IF(Input!$K$13=1,J7284*Input!$J$13,0)+IF(Input!$K$14=1,K7284*Input!$J$14,0)+IF(Input!$K$15=1,L7284*Input!$J$15,0)+IF(Input!$K$16=1,M7284*Input!$J$16,0)</f>
        <v>1.0518196576622612</v>
      </c>
      <c r="O7284" s="58">
        <f>IF(Input!$K$13=2,J7284*Input!$J$13,0)+IF(Input!$K$14=2,K7284*Input!$J$14,0)+IF(Input!$K$15=2,L7284*Input!$J$15,0)+IF(Input!$K$16=2,M7284*Input!$J$16,0)</f>
        <v>7.985251322077544E-2</v>
      </c>
      <c r="P7284" s="58">
        <f>IF(Input!$K$13=3,J7284*Input!$J$13,0)+IF(Input!$K$14=3,K7284*Input!$J$14,0)+IF(Input!$K$15=3,L7284*Input!$J$15,0)+IF(Input!$K$16=3,M7284*Input!$J$16,0)</f>
        <v>0</v>
      </c>
      <c r="Q7284" s="71">
        <f>IF(Input!$K$13=4,J7284*Input!$J$13,0)+IF(Input!$K$14=4,K7284*Input!$J$14,0)+IF(Input!$K$15=4,L7284*Input!$J$15,0)+IF(Input!$K$16=4,M7284*Input!$J$16,0)</f>
        <v>0</v>
      </c>
    </row>
    <row r="7285" spans="8:17" x14ac:dyDescent="0.25">
      <c r="H7285" s="43">
        <v>7278</v>
      </c>
      <c r="I7285" s="55">
        <f>Bühler!I7311</f>
        <v>0.49198421577039092</v>
      </c>
      <c r="J7285" s="58">
        <f>Bühler!J7311</f>
        <v>8.7651638138521761</v>
      </c>
      <c r="K7285" s="58">
        <f>Bühler!K7311</f>
        <v>0.59150009793167002</v>
      </c>
      <c r="L7285" s="58">
        <f>Bühler!L7311</f>
        <v>0.29575004896583501</v>
      </c>
      <c r="M7285" s="57">
        <f>Bühler!M7311</f>
        <v>0</v>
      </c>
      <c r="N7285" s="55">
        <f>IF(Input!$K$13=1,J7285*Input!$J$13,0)+IF(Input!$K$14=1,K7285*Input!$J$14,0)+IF(Input!$K$15=1,L7285*Input!$J$15,0)+IF(Input!$K$16=1,M7285*Input!$J$16,0)</f>
        <v>1.0518196576622612</v>
      </c>
      <c r="O7285" s="58">
        <f>IF(Input!$K$13=2,J7285*Input!$J$13,0)+IF(Input!$K$14=2,K7285*Input!$J$14,0)+IF(Input!$K$15=2,L7285*Input!$J$15,0)+IF(Input!$K$16=2,M7285*Input!$J$16,0)</f>
        <v>7.985251322077544E-2</v>
      </c>
      <c r="P7285" s="58">
        <f>IF(Input!$K$13=3,J7285*Input!$J$13,0)+IF(Input!$K$14=3,K7285*Input!$J$14,0)+IF(Input!$K$15=3,L7285*Input!$J$15,0)+IF(Input!$K$16=3,M7285*Input!$J$16,0)</f>
        <v>0</v>
      </c>
      <c r="Q7285" s="71">
        <f>IF(Input!$K$13=4,J7285*Input!$J$13,0)+IF(Input!$K$14=4,K7285*Input!$J$14,0)+IF(Input!$K$15=4,L7285*Input!$J$15,0)+IF(Input!$K$16=4,M7285*Input!$J$16,0)</f>
        <v>0</v>
      </c>
    </row>
    <row r="7286" spans="8:17" x14ac:dyDescent="0.25">
      <c r="H7286" s="43">
        <v>7279</v>
      </c>
      <c r="I7286" s="55">
        <f>Bühler!I7312</f>
        <v>0.49198421577039092</v>
      </c>
      <c r="J7286" s="58">
        <f>Bühler!J7312</f>
        <v>8.7651638138521761</v>
      </c>
      <c r="K7286" s="58">
        <f>Bühler!K7312</f>
        <v>0.59150009793167002</v>
      </c>
      <c r="L7286" s="58">
        <f>Bühler!L7312</f>
        <v>0.29575004896583501</v>
      </c>
      <c r="M7286" s="57">
        <f>Bühler!M7312</f>
        <v>0</v>
      </c>
      <c r="N7286" s="55">
        <f>IF(Input!$K$13=1,J7286*Input!$J$13,0)+IF(Input!$K$14=1,K7286*Input!$J$14,0)+IF(Input!$K$15=1,L7286*Input!$J$15,0)+IF(Input!$K$16=1,M7286*Input!$J$16,0)</f>
        <v>1.0518196576622612</v>
      </c>
      <c r="O7286" s="58">
        <f>IF(Input!$K$13=2,J7286*Input!$J$13,0)+IF(Input!$K$14=2,K7286*Input!$J$14,0)+IF(Input!$K$15=2,L7286*Input!$J$15,0)+IF(Input!$K$16=2,M7286*Input!$J$16,0)</f>
        <v>7.985251322077544E-2</v>
      </c>
      <c r="P7286" s="58">
        <f>IF(Input!$K$13=3,J7286*Input!$J$13,0)+IF(Input!$K$14=3,K7286*Input!$J$14,0)+IF(Input!$K$15=3,L7286*Input!$J$15,0)+IF(Input!$K$16=3,M7286*Input!$J$16,0)</f>
        <v>0</v>
      </c>
      <c r="Q7286" s="71">
        <f>IF(Input!$K$13=4,J7286*Input!$J$13,0)+IF(Input!$K$14=4,K7286*Input!$J$14,0)+IF(Input!$K$15=4,L7286*Input!$J$15,0)+IF(Input!$K$16=4,M7286*Input!$J$16,0)</f>
        <v>0</v>
      </c>
    </row>
    <row r="7287" spans="8:17" x14ac:dyDescent="0.25">
      <c r="H7287" s="43">
        <v>7280</v>
      </c>
      <c r="I7287" s="55">
        <f>Bühler!I7313</f>
        <v>1.4172319505901905</v>
      </c>
      <c r="J7287" s="58">
        <f>Bühler!J7313</f>
        <v>36.239122276335642</v>
      </c>
      <c r="K7287" s="58">
        <f>Bühler!K7313</f>
        <v>2.4935426003431962</v>
      </c>
      <c r="L7287" s="58">
        <f>Bühler!L7313</f>
        <v>1.2467713001715981</v>
      </c>
      <c r="M7287" s="57">
        <f>Bühler!M7313</f>
        <v>0</v>
      </c>
      <c r="N7287" s="55">
        <f>IF(Input!$K$13=1,J7287*Input!$J$13,0)+IF(Input!$K$14=1,K7287*Input!$J$14,0)+IF(Input!$K$15=1,L7287*Input!$J$15,0)+IF(Input!$K$16=1,M7287*Input!$J$16,0)</f>
        <v>4.3486946731602769</v>
      </c>
      <c r="O7287" s="58">
        <f>IF(Input!$K$13=2,J7287*Input!$J$13,0)+IF(Input!$K$14=2,K7287*Input!$J$14,0)+IF(Input!$K$15=2,L7287*Input!$J$15,0)+IF(Input!$K$16=2,M7287*Input!$J$16,0)</f>
        <v>0.33662825104633143</v>
      </c>
      <c r="P7287" s="58">
        <f>IF(Input!$K$13=3,J7287*Input!$J$13,0)+IF(Input!$K$14=3,K7287*Input!$J$14,0)+IF(Input!$K$15=3,L7287*Input!$J$15,0)+IF(Input!$K$16=3,M7287*Input!$J$16,0)</f>
        <v>0</v>
      </c>
      <c r="Q7287" s="71">
        <f>IF(Input!$K$13=4,J7287*Input!$J$13,0)+IF(Input!$K$14=4,K7287*Input!$J$14,0)+IF(Input!$K$15=4,L7287*Input!$J$15,0)+IF(Input!$K$16=4,M7287*Input!$J$16,0)</f>
        <v>0</v>
      </c>
    </row>
    <row r="7288" spans="8:17" x14ac:dyDescent="0.25">
      <c r="H7288" s="43">
        <v>7281</v>
      </c>
      <c r="I7288" s="55">
        <f>Bühler!I7314</f>
        <v>1.5813324922374756</v>
      </c>
      <c r="J7288" s="58">
        <f>Bühler!J7314</f>
        <v>40.435231171490294</v>
      </c>
      <c r="K7288" s="58">
        <f>Bühler!K7314</f>
        <v>2.7822685856460927</v>
      </c>
      <c r="L7288" s="58">
        <f>Bühler!L7314</f>
        <v>1.3911342928230463</v>
      </c>
      <c r="M7288" s="57">
        <f>Bühler!M7314</f>
        <v>0</v>
      </c>
      <c r="N7288" s="55">
        <f>IF(Input!$K$13=1,J7288*Input!$J$13,0)+IF(Input!$K$14=1,K7288*Input!$J$14,0)+IF(Input!$K$15=1,L7288*Input!$J$15,0)+IF(Input!$K$16=1,M7288*Input!$J$16,0)</f>
        <v>4.8522277405788348</v>
      </c>
      <c r="O7288" s="58">
        <f>IF(Input!$K$13=2,J7288*Input!$J$13,0)+IF(Input!$K$14=2,K7288*Input!$J$14,0)+IF(Input!$K$15=2,L7288*Input!$J$15,0)+IF(Input!$K$16=2,M7288*Input!$J$16,0)</f>
        <v>0.3756062590622225</v>
      </c>
      <c r="P7288" s="58">
        <f>IF(Input!$K$13=3,J7288*Input!$J$13,0)+IF(Input!$K$14=3,K7288*Input!$J$14,0)+IF(Input!$K$15=3,L7288*Input!$J$15,0)+IF(Input!$K$16=3,M7288*Input!$J$16,0)</f>
        <v>0</v>
      </c>
      <c r="Q7288" s="71">
        <f>IF(Input!$K$13=4,J7288*Input!$J$13,0)+IF(Input!$K$14=4,K7288*Input!$J$14,0)+IF(Input!$K$15=4,L7288*Input!$J$15,0)+IF(Input!$K$16=4,M7288*Input!$J$16,0)</f>
        <v>0</v>
      </c>
    </row>
    <row r="7289" spans="8:17" x14ac:dyDescent="0.25">
      <c r="H7289" s="43">
        <v>7282</v>
      </c>
      <c r="I7289" s="55">
        <f>Bühler!I7315</f>
        <v>1.7454330338847608</v>
      </c>
      <c r="J7289" s="58">
        <f>Bühler!J7315</f>
        <v>44.631340066644952</v>
      </c>
      <c r="K7289" s="58">
        <f>Bühler!K7315</f>
        <v>3.0709945709489892</v>
      </c>
      <c r="L7289" s="58">
        <f>Bühler!L7315</f>
        <v>1.5354972854744946</v>
      </c>
      <c r="M7289" s="57">
        <f>Bühler!M7315</f>
        <v>0</v>
      </c>
      <c r="N7289" s="55">
        <f>IF(Input!$K$13=1,J7289*Input!$J$13,0)+IF(Input!$K$14=1,K7289*Input!$J$14,0)+IF(Input!$K$15=1,L7289*Input!$J$15,0)+IF(Input!$K$16=1,M7289*Input!$J$16,0)</f>
        <v>5.3557608079973944</v>
      </c>
      <c r="O7289" s="58">
        <f>IF(Input!$K$13=2,J7289*Input!$J$13,0)+IF(Input!$K$14=2,K7289*Input!$J$14,0)+IF(Input!$K$15=2,L7289*Input!$J$15,0)+IF(Input!$K$16=2,M7289*Input!$J$16,0)</f>
        <v>0.41458426707811352</v>
      </c>
      <c r="P7289" s="58">
        <f>IF(Input!$K$13=3,J7289*Input!$J$13,0)+IF(Input!$K$14=3,K7289*Input!$J$14,0)+IF(Input!$K$15=3,L7289*Input!$J$15,0)+IF(Input!$K$16=3,M7289*Input!$J$16,0)</f>
        <v>0</v>
      </c>
      <c r="Q7289" s="71">
        <f>IF(Input!$K$13=4,J7289*Input!$J$13,0)+IF(Input!$K$14=4,K7289*Input!$J$14,0)+IF(Input!$K$15=4,L7289*Input!$J$15,0)+IF(Input!$K$16=4,M7289*Input!$J$16,0)</f>
        <v>0</v>
      </c>
    </row>
    <row r="7290" spans="8:17" x14ac:dyDescent="0.25">
      <c r="H7290" s="43">
        <v>7283</v>
      </c>
      <c r="I7290" s="55">
        <f>Bühler!I7316</f>
        <v>1.7454330338847608</v>
      </c>
      <c r="J7290" s="58">
        <f>Bühler!J7316</f>
        <v>44.631340066644952</v>
      </c>
      <c r="K7290" s="58">
        <f>Bühler!K7316</f>
        <v>3.0709945709489892</v>
      </c>
      <c r="L7290" s="58">
        <f>Bühler!L7316</f>
        <v>1.5354972854744946</v>
      </c>
      <c r="M7290" s="57">
        <f>Bühler!M7316</f>
        <v>0</v>
      </c>
      <c r="N7290" s="55">
        <f>IF(Input!$K$13=1,J7290*Input!$J$13,0)+IF(Input!$K$14=1,K7290*Input!$J$14,0)+IF(Input!$K$15=1,L7290*Input!$J$15,0)+IF(Input!$K$16=1,M7290*Input!$J$16,0)</f>
        <v>5.3557608079973944</v>
      </c>
      <c r="O7290" s="58">
        <f>IF(Input!$K$13=2,J7290*Input!$J$13,0)+IF(Input!$K$14=2,K7290*Input!$J$14,0)+IF(Input!$K$15=2,L7290*Input!$J$15,0)+IF(Input!$K$16=2,M7290*Input!$J$16,0)</f>
        <v>0.41458426707811352</v>
      </c>
      <c r="P7290" s="58">
        <f>IF(Input!$K$13=3,J7290*Input!$J$13,0)+IF(Input!$K$14=3,K7290*Input!$J$14,0)+IF(Input!$K$15=3,L7290*Input!$J$15,0)+IF(Input!$K$16=3,M7290*Input!$J$16,0)</f>
        <v>0</v>
      </c>
      <c r="Q7290" s="71">
        <f>IF(Input!$K$13=4,J7290*Input!$J$13,0)+IF(Input!$K$14=4,K7290*Input!$J$14,0)+IF(Input!$K$15=4,L7290*Input!$J$15,0)+IF(Input!$K$16=4,M7290*Input!$J$16,0)</f>
        <v>0</v>
      </c>
    </row>
    <row r="7291" spans="8:17" x14ac:dyDescent="0.25">
      <c r="H7291" s="43">
        <v>7284</v>
      </c>
      <c r="I7291" s="55">
        <f>Bühler!I7317</f>
        <v>2.0885523482381756</v>
      </c>
      <c r="J7291" s="58">
        <f>Bühler!J7317</f>
        <v>53.405022301968309</v>
      </c>
      <c r="K7291" s="58">
        <f>Bühler!K7317</f>
        <v>3.6746943584005001</v>
      </c>
      <c r="L7291" s="58">
        <f>Bühler!L7317</f>
        <v>1.83734717920025</v>
      </c>
      <c r="M7291" s="57">
        <f>Bühler!M7317</f>
        <v>0</v>
      </c>
      <c r="N7291" s="55">
        <f>IF(Input!$K$13=1,J7291*Input!$J$13,0)+IF(Input!$K$14=1,K7291*Input!$J$14,0)+IF(Input!$K$15=1,L7291*Input!$J$15,0)+IF(Input!$K$16=1,M7291*Input!$J$16,0)</f>
        <v>6.4086026762361969</v>
      </c>
      <c r="O7291" s="58">
        <f>IF(Input!$K$13=2,J7291*Input!$J$13,0)+IF(Input!$K$14=2,K7291*Input!$J$14,0)+IF(Input!$K$15=2,L7291*Input!$J$15,0)+IF(Input!$K$16=2,M7291*Input!$J$16,0)</f>
        <v>0.4960837383840675</v>
      </c>
      <c r="P7291" s="58">
        <f>IF(Input!$K$13=3,J7291*Input!$J$13,0)+IF(Input!$K$14=3,K7291*Input!$J$14,0)+IF(Input!$K$15=3,L7291*Input!$J$15,0)+IF(Input!$K$16=3,M7291*Input!$J$16,0)</f>
        <v>0</v>
      </c>
      <c r="Q7291" s="71">
        <f>IF(Input!$K$13=4,J7291*Input!$J$13,0)+IF(Input!$K$14=4,K7291*Input!$J$14,0)+IF(Input!$K$15=4,L7291*Input!$J$15,0)+IF(Input!$K$16=4,M7291*Input!$J$16,0)</f>
        <v>0</v>
      </c>
    </row>
    <row r="7292" spans="8:17" x14ac:dyDescent="0.25">
      <c r="H7292" s="43">
        <v>7285</v>
      </c>
      <c r="I7292" s="55">
        <f>Bühler!I7318</f>
        <v>2.0885523482381756</v>
      </c>
      <c r="J7292" s="58">
        <f>Bühler!J7318</f>
        <v>53.405022301968309</v>
      </c>
      <c r="K7292" s="58">
        <f>Bühler!K7318</f>
        <v>3.6746943584005001</v>
      </c>
      <c r="L7292" s="58">
        <f>Bühler!L7318</f>
        <v>1.83734717920025</v>
      </c>
      <c r="M7292" s="57">
        <f>Bühler!M7318</f>
        <v>0</v>
      </c>
      <c r="N7292" s="55">
        <f>IF(Input!$K$13=1,J7292*Input!$J$13,0)+IF(Input!$K$14=1,K7292*Input!$J$14,0)+IF(Input!$K$15=1,L7292*Input!$J$15,0)+IF(Input!$K$16=1,M7292*Input!$J$16,0)</f>
        <v>6.4086026762361969</v>
      </c>
      <c r="O7292" s="58">
        <f>IF(Input!$K$13=2,J7292*Input!$J$13,0)+IF(Input!$K$14=2,K7292*Input!$J$14,0)+IF(Input!$K$15=2,L7292*Input!$J$15,0)+IF(Input!$K$16=2,M7292*Input!$J$16,0)</f>
        <v>0.4960837383840675</v>
      </c>
      <c r="P7292" s="58">
        <f>IF(Input!$K$13=3,J7292*Input!$J$13,0)+IF(Input!$K$14=3,K7292*Input!$J$14,0)+IF(Input!$K$15=3,L7292*Input!$J$15,0)+IF(Input!$K$16=3,M7292*Input!$J$16,0)</f>
        <v>0</v>
      </c>
      <c r="Q7292" s="71">
        <f>IF(Input!$K$13=4,J7292*Input!$J$13,0)+IF(Input!$K$14=4,K7292*Input!$J$14,0)+IF(Input!$K$15=4,L7292*Input!$J$15,0)+IF(Input!$K$16=4,M7292*Input!$J$16,0)</f>
        <v>0</v>
      </c>
    </row>
    <row r="7293" spans="8:17" x14ac:dyDescent="0.25">
      <c r="H7293" s="43">
        <v>7286</v>
      </c>
      <c r="I7293" s="55">
        <f>Bühler!I7319</f>
        <v>1.3873954884725019</v>
      </c>
      <c r="J7293" s="58">
        <f>Bühler!J7319</f>
        <v>35.476193386307521</v>
      </c>
      <c r="K7293" s="58">
        <f>Bühler!K7319</f>
        <v>2.4410469666517605</v>
      </c>
      <c r="L7293" s="58">
        <f>Bühler!L7319</f>
        <v>1.2205234833258802</v>
      </c>
      <c r="M7293" s="57">
        <f>Bühler!M7319</f>
        <v>0</v>
      </c>
      <c r="N7293" s="55">
        <f>IF(Input!$K$13=1,J7293*Input!$J$13,0)+IF(Input!$K$14=1,K7293*Input!$J$14,0)+IF(Input!$K$15=1,L7293*Input!$J$15,0)+IF(Input!$K$16=1,M7293*Input!$J$16,0)</f>
        <v>4.2571432063569024</v>
      </c>
      <c r="O7293" s="58">
        <f>IF(Input!$K$13=2,J7293*Input!$J$13,0)+IF(Input!$K$14=2,K7293*Input!$J$14,0)+IF(Input!$K$15=2,L7293*Input!$J$15,0)+IF(Input!$K$16=2,M7293*Input!$J$16,0)</f>
        <v>0.32954134049798767</v>
      </c>
      <c r="P7293" s="58">
        <f>IF(Input!$K$13=3,J7293*Input!$J$13,0)+IF(Input!$K$14=3,K7293*Input!$J$14,0)+IF(Input!$K$15=3,L7293*Input!$J$15,0)+IF(Input!$K$16=3,M7293*Input!$J$16,0)</f>
        <v>0</v>
      </c>
      <c r="Q7293" s="71">
        <f>IF(Input!$K$13=4,J7293*Input!$J$13,0)+IF(Input!$K$14=4,K7293*Input!$J$14,0)+IF(Input!$K$15=4,L7293*Input!$J$15,0)+IF(Input!$K$16=4,M7293*Input!$J$16,0)</f>
        <v>0</v>
      </c>
    </row>
    <row r="7294" spans="8:17" x14ac:dyDescent="0.25">
      <c r="H7294" s="43">
        <v>7287</v>
      </c>
      <c r="I7294" s="55">
        <f>Bühler!I7320</f>
        <v>2.0885523482381756</v>
      </c>
      <c r="J7294" s="58">
        <f>Bühler!J7320</f>
        <v>53.405022301968309</v>
      </c>
      <c r="K7294" s="58">
        <f>Bühler!K7320</f>
        <v>3.6746943584005001</v>
      </c>
      <c r="L7294" s="58">
        <f>Bühler!L7320</f>
        <v>1.83734717920025</v>
      </c>
      <c r="M7294" s="57">
        <f>Bühler!M7320</f>
        <v>0</v>
      </c>
      <c r="N7294" s="55">
        <f>IF(Input!$K$13=1,J7294*Input!$J$13,0)+IF(Input!$K$14=1,K7294*Input!$J$14,0)+IF(Input!$K$15=1,L7294*Input!$J$15,0)+IF(Input!$K$16=1,M7294*Input!$J$16,0)</f>
        <v>6.4086026762361969</v>
      </c>
      <c r="O7294" s="58">
        <f>IF(Input!$K$13=2,J7294*Input!$J$13,0)+IF(Input!$K$14=2,K7294*Input!$J$14,0)+IF(Input!$K$15=2,L7294*Input!$J$15,0)+IF(Input!$K$16=2,M7294*Input!$J$16,0)</f>
        <v>0.4960837383840675</v>
      </c>
      <c r="P7294" s="58">
        <f>IF(Input!$K$13=3,J7294*Input!$J$13,0)+IF(Input!$K$14=3,K7294*Input!$J$14,0)+IF(Input!$K$15=3,L7294*Input!$J$15,0)+IF(Input!$K$16=3,M7294*Input!$J$16,0)</f>
        <v>0</v>
      </c>
      <c r="Q7294" s="71">
        <f>IF(Input!$K$13=4,J7294*Input!$J$13,0)+IF(Input!$K$14=4,K7294*Input!$J$14,0)+IF(Input!$K$15=4,L7294*Input!$J$15,0)+IF(Input!$K$16=4,M7294*Input!$J$16,0)</f>
        <v>0</v>
      </c>
    </row>
    <row r="7295" spans="8:17" x14ac:dyDescent="0.25">
      <c r="H7295" s="43">
        <v>7288</v>
      </c>
      <c r="I7295" s="55">
        <f>Bühler!I7321</f>
        <v>2.0885523482381756</v>
      </c>
      <c r="J7295" s="58">
        <f>Bühler!J7321</f>
        <v>53.405022301968309</v>
      </c>
      <c r="K7295" s="58">
        <f>Bühler!K7321</f>
        <v>3.6746943584005001</v>
      </c>
      <c r="L7295" s="58">
        <f>Bühler!L7321</f>
        <v>1.83734717920025</v>
      </c>
      <c r="M7295" s="57">
        <f>Bühler!M7321</f>
        <v>0</v>
      </c>
      <c r="N7295" s="55">
        <f>IF(Input!$K$13=1,J7295*Input!$J$13,0)+IF(Input!$K$14=1,K7295*Input!$J$14,0)+IF(Input!$K$15=1,L7295*Input!$J$15,0)+IF(Input!$K$16=1,M7295*Input!$J$16,0)</f>
        <v>6.4086026762361969</v>
      </c>
      <c r="O7295" s="58">
        <f>IF(Input!$K$13=2,J7295*Input!$J$13,0)+IF(Input!$K$14=2,K7295*Input!$J$14,0)+IF(Input!$K$15=2,L7295*Input!$J$15,0)+IF(Input!$K$16=2,M7295*Input!$J$16,0)</f>
        <v>0.4960837383840675</v>
      </c>
      <c r="P7295" s="58">
        <f>IF(Input!$K$13=3,J7295*Input!$J$13,0)+IF(Input!$K$14=3,K7295*Input!$J$14,0)+IF(Input!$K$15=3,L7295*Input!$J$15,0)+IF(Input!$K$16=3,M7295*Input!$J$16,0)</f>
        <v>0</v>
      </c>
      <c r="Q7295" s="71">
        <f>IF(Input!$K$13=4,J7295*Input!$J$13,0)+IF(Input!$K$14=4,K7295*Input!$J$14,0)+IF(Input!$K$15=4,L7295*Input!$J$15,0)+IF(Input!$K$16=4,M7295*Input!$J$16,0)</f>
        <v>0</v>
      </c>
    </row>
    <row r="7296" spans="8:17" x14ac:dyDescent="0.25">
      <c r="H7296" s="43">
        <v>7289</v>
      </c>
      <c r="I7296" s="55">
        <f>Bühler!I7322</f>
        <v>1.7457504430562256</v>
      </c>
      <c r="J7296" s="58">
        <f>Bühler!J7322</f>
        <v>32.028729459419957</v>
      </c>
      <c r="K7296" s="58">
        <f>Bühler!K7322</f>
        <v>2.1654448897717233</v>
      </c>
      <c r="L7296" s="58">
        <f>Bühler!L7322</f>
        <v>1.0827224448858617</v>
      </c>
      <c r="M7296" s="57">
        <f>Bühler!M7322</f>
        <v>0</v>
      </c>
      <c r="N7296" s="55">
        <f>IF(Input!$K$13=1,J7296*Input!$J$13,0)+IF(Input!$K$14=1,K7296*Input!$J$14,0)+IF(Input!$K$15=1,L7296*Input!$J$15,0)+IF(Input!$K$16=1,M7296*Input!$J$16,0)</f>
        <v>3.8434475351303945</v>
      </c>
      <c r="O7296" s="58">
        <f>IF(Input!$K$13=2,J7296*Input!$J$13,0)+IF(Input!$K$14=2,K7296*Input!$J$14,0)+IF(Input!$K$15=2,L7296*Input!$J$15,0)+IF(Input!$K$16=2,M7296*Input!$J$16,0)</f>
        <v>0.29233506011918264</v>
      </c>
      <c r="P7296" s="58">
        <f>IF(Input!$K$13=3,J7296*Input!$J$13,0)+IF(Input!$K$14=3,K7296*Input!$J$14,0)+IF(Input!$K$15=3,L7296*Input!$J$15,0)+IF(Input!$K$16=3,M7296*Input!$J$16,0)</f>
        <v>0</v>
      </c>
      <c r="Q7296" s="71">
        <f>IF(Input!$K$13=4,J7296*Input!$J$13,0)+IF(Input!$K$14=4,K7296*Input!$J$14,0)+IF(Input!$K$15=4,L7296*Input!$J$15,0)+IF(Input!$K$16=4,M7296*Input!$J$16,0)</f>
        <v>0</v>
      </c>
    </row>
    <row r="7297" spans="8:17" x14ac:dyDescent="0.25">
      <c r="H7297" s="43">
        <v>7290</v>
      </c>
      <c r="I7297" s="55">
        <f>Bühler!I7323</f>
        <v>1.3870780793010375</v>
      </c>
      <c r="J7297" s="58">
        <f>Bühler!J7323</f>
        <v>14.365450596483811</v>
      </c>
      <c r="K7297" s="58">
        <f>Bühler!K7323</f>
        <v>0.92421890301823439</v>
      </c>
      <c r="L7297" s="58">
        <f>Bühler!L7323</f>
        <v>0.4621094515091172</v>
      </c>
      <c r="M7297" s="57">
        <f>Bühler!M7323</f>
        <v>0</v>
      </c>
      <c r="N7297" s="55">
        <f>IF(Input!$K$13=1,J7297*Input!$J$13,0)+IF(Input!$K$14=1,K7297*Input!$J$14,0)+IF(Input!$K$15=1,L7297*Input!$J$15,0)+IF(Input!$K$16=1,M7297*Input!$J$16,0)</f>
        <v>1.7238540715780573</v>
      </c>
      <c r="O7297" s="58">
        <f>IF(Input!$K$13=2,J7297*Input!$J$13,0)+IF(Input!$K$14=2,K7297*Input!$J$14,0)+IF(Input!$K$15=2,L7297*Input!$J$15,0)+IF(Input!$K$16=2,M7297*Input!$J$16,0)</f>
        <v>0.12476955190746164</v>
      </c>
      <c r="P7297" s="58">
        <f>IF(Input!$K$13=3,J7297*Input!$J$13,0)+IF(Input!$K$14=3,K7297*Input!$J$14,0)+IF(Input!$K$15=3,L7297*Input!$J$15,0)+IF(Input!$K$16=3,M7297*Input!$J$16,0)</f>
        <v>0</v>
      </c>
      <c r="Q7297" s="71">
        <f>IF(Input!$K$13=4,J7297*Input!$J$13,0)+IF(Input!$K$14=4,K7297*Input!$J$14,0)+IF(Input!$K$15=4,L7297*Input!$J$15,0)+IF(Input!$K$16=4,M7297*Input!$J$16,0)</f>
        <v>0</v>
      </c>
    </row>
    <row r="7298" spans="8:17" x14ac:dyDescent="0.25">
      <c r="H7298" s="43">
        <v>7291</v>
      </c>
      <c r="I7298" s="55">
        <f>Bühler!I7324</f>
        <v>0.49198421577039092</v>
      </c>
      <c r="J7298" s="58">
        <f>Bühler!J7324</f>
        <v>9.0224194673969969</v>
      </c>
      <c r="K7298" s="58">
        <f>Bühler!K7324</f>
        <v>0.60998447599203465</v>
      </c>
      <c r="L7298" s="58">
        <f>Bühler!L7324</f>
        <v>0.30499223799601732</v>
      </c>
      <c r="M7298" s="57">
        <f>Bühler!M7324</f>
        <v>0</v>
      </c>
      <c r="N7298" s="55">
        <f>IF(Input!$K$13=1,J7298*Input!$J$13,0)+IF(Input!$K$14=1,K7298*Input!$J$14,0)+IF(Input!$K$15=1,L7298*Input!$J$15,0)+IF(Input!$K$16=1,M7298*Input!$J$16,0)</f>
        <v>1.0826903360876396</v>
      </c>
      <c r="O7298" s="58">
        <f>IF(Input!$K$13=2,J7298*Input!$J$13,0)+IF(Input!$K$14=2,K7298*Input!$J$14,0)+IF(Input!$K$15=2,L7298*Input!$J$15,0)+IF(Input!$K$16=2,M7298*Input!$J$16,0)</f>
        <v>8.2347904258924687E-2</v>
      </c>
      <c r="P7298" s="58">
        <f>IF(Input!$K$13=3,J7298*Input!$J$13,0)+IF(Input!$K$14=3,K7298*Input!$J$14,0)+IF(Input!$K$15=3,L7298*Input!$J$15,0)+IF(Input!$K$16=3,M7298*Input!$J$16,0)</f>
        <v>0</v>
      </c>
      <c r="Q7298" s="71">
        <f>IF(Input!$K$13=4,J7298*Input!$J$13,0)+IF(Input!$K$14=4,K7298*Input!$J$14,0)+IF(Input!$K$15=4,L7298*Input!$J$15,0)+IF(Input!$K$16=4,M7298*Input!$J$16,0)</f>
        <v>0</v>
      </c>
    </row>
    <row r="7299" spans="8:17" x14ac:dyDescent="0.25">
      <c r="H7299" s="43">
        <v>7292</v>
      </c>
      <c r="I7299" s="55">
        <f>Bühler!I7325</f>
        <v>0.49198421577039092</v>
      </c>
      <c r="J7299" s="58">
        <f>Bühler!J7325</f>
        <v>9.0224194673969969</v>
      </c>
      <c r="K7299" s="58">
        <f>Bühler!K7325</f>
        <v>0.60998447599203465</v>
      </c>
      <c r="L7299" s="58">
        <f>Bühler!L7325</f>
        <v>0.30499223799601732</v>
      </c>
      <c r="M7299" s="57">
        <f>Bühler!M7325</f>
        <v>0</v>
      </c>
      <c r="N7299" s="55">
        <f>IF(Input!$K$13=1,J7299*Input!$J$13,0)+IF(Input!$K$14=1,K7299*Input!$J$14,0)+IF(Input!$K$15=1,L7299*Input!$J$15,0)+IF(Input!$K$16=1,M7299*Input!$J$16,0)</f>
        <v>1.0826903360876396</v>
      </c>
      <c r="O7299" s="58">
        <f>IF(Input!$K$13=2,J7299*Input!$J$13,0)+IF(Input!$K$14=2,K7299*Input!$J$14,0)+IF(Input!$K$15=2,L7299*Input!$J$15,0)+IF(Input!$K$16=2,M7299*Input!$J$16,0)</f>
        <v>8.2347904258924687E-2</v>
      </c>
      <c r="P7299" s="58">
        <f>IF(Input!$K$13=3,J7299*Input!$J$13,0)+IF(Input!$K$14=3,K7299*Input!$J$14,0)+IF(Input!$K$15=3,L7299*Input!$J$15,0)+IF(Input!$K$16=3,M7299*Input!$J$16,0)</f>
        <v>0</v>
      </c>
      <c r="Q7299" s="71">
        <f>IF(Input!$K$13=4,J7299*Input!$J$13,0)+IF(Input!$K$14=4,K7299*Input!$J$14,0)+IF(Input!$K$15=4,L7299*Input!$J$15,0)+IF(Input!$K$16=4,M7299*Input!$J$16,0)</f>
        <v>0</v>
      </c>
    </row>
    <row r="7300" spans="8:17" x14ac:dyDescent="0.25">
      <c r="H7300" s="43">
        <v>7293</v>
      </c>
      <c r="I7300" s="55">
        <f>Bühler!I7326</f>
        <v>0.49198421577039092</v>
      </c>
      <c r="J7300" s="58">
        <f>Bühler!J7326</f>
        <v>9.0224194673969969</v>
      </c>
      <c r="K7300" s="58">
        <f>Bühler!K7326</f>
        <v>0.60998447599203465</v>
      </c>
      <c r="L7300" s="58">
        <f>Bühler!L7326</f>
        <v>0.30499223799601732</v>
      </c>
      <c r="M7300" s="57">
        <f>Bühler!M7326</f>
        <v>0</v>
      </c>
      <c r="N7300" s="55">
        <f>IF(Input!$K$13=1,J7300*Input!$J$13,0)+IF(Input!$K$14=1,K7300*Input!$J$14,0)+IF(Input!$K$15=1,L7300*Input!$J$15,0)+IF(Input!$K$16=1,M7300*Input!$J$16,0)</f>
        <v>1.0826903360876396</v>
      </c>
      <c r="O7300" s="58">
        <f>IF(Input!$K$13=2,J7300*Input!$J$13,0)+IF(Input!$K$14=2,K7300*Input!$J$14,0)+IF(Input!$K$15=2,L7300*Input!$J$15,0)+IF(Input!$K$16=2,M7300*Input!$J$16,0)</f>
        <v>8.2347904258924687E-2</v>
      </c>
      <c r="P7300" s="58">
        <f>IF(Input!$K$13=3,J7300*Input!$J$13,0)+IF(Input!$K$14=3,K7300*Input!$J$14,0)+IF(Input!$K$15=3,L7300*Input!$J$15,0)+IF(Input!$K$16=3,M7300*Input!$J$16,0)</f>
        <v>0</v>
      </c>
      <c r="Q7300" s="71">
        <f>IF(Input!$K$13=4,J7300*Input!$J$13,0)+IF(Input!$K$14=4,K7300*Input!$J$14,0)+IF(Input!$K$15=4,L7300*Input!$J$15,0)+IF(Input!$K$16=4,M7300*Input!$J$16,0)</f>
        <v>0</v>
      </c>
    </row>
    <row r="7301" spans="8:17" x14ac:dyDescent="0.25">
      <c r="H7301" s="43">
        <v>7294</v>
      </c>
      <c r="I7301" s="55">
        <f>Bühler!I7327</f>
        <v>0.49198421577039092</v>
      </c>
      <c r="J7301" s="58">
        <f>Bühler!J7327</f>
        <v>9.0224194673969969</v>
      </c>
      <c r="K7301" s="58">
        <f>Bühler!K7327</f>
        <v>0.60998447599203465</v>
      </c>
      <c r="L7301" s="58">
        <f>Bühler!L7327</f>
        <v>0.30499223799601732</v>
      </c>
      <c r="M7301" s="57">
        <f>Bühler!M7327</f>
        <v>0</v>
      </c>
      <c r="N7301" s="55">
        <f>IF(Input!$K$13=1,J7301*Input!$J$13,0)+IF(Input!$K$14=1,K7301*Input!$J$14,0)+IF(Input!$K$15=1,L7301*Input!$J$15,0)+IF(Input!$K$16=1,M7301*Input!$J$16,0)</f>
        <v>1.0826903360876396</v>
      </c>
      <c r="O7301" s="58">
        <f>IF(Input!$K$13=2,J7301*Input!$J$13,0)+IF(Input!$K$14=2,K7301*Input!$J$14,0)+IF(Input!$K$15=2,L7301*Input!$J$15,0)+IF(Input!$K$16=2,M7301*Input!$J$16,0)</f>
        <v>8.2347904258924687E-2</v>
      </c>
      <c r="P7301" s="58">
        <f>IF(Input!$K$13=3,J7301*Input!$J$13,0)+IF(Input!$K$14=3,K7301*Input!$J$14,0)+IF(Input!$K$15=3,L7301*Input!$J$15,0)+IF(Input!$K$16=3,M7301*Input!$J$16,0)</f>
        <v>0</v>
      </c>
      <c r="Q7301" s="71">
        <f>IF(Input!$K$13=4,J7301*Input!$J$13,0)+IF(Input!$K$14=4,K7301*Input!$J$14,0)+IF(Input!$K$15=4,L7301*Input!$J$15,0)+IF(Input!$K$16=4,M7301*Input!$J$16,0)</f>
        <v>0</v>
      </c>
    </row>
    <row r="7302" spans="8:17" x14ac:dyDescent="0.25">
      <c r="H7302" s="43">
        <v>7295</v>
      </c>
      <c r="I7302" s="55">
        <f>Bühler!I7328</f>
        <v>0.49198421577039092</v>
      </c>
      <c r="J7302" s="58">
        <f>Bühler!J7328</f>
        <v>9.0224194673969969</v>
      </c>
      <c r="K7302" s="58">
        <f>Bühler!K7328</f>
        <v>0.60998447599203465</v>
      </c>
      <c r="L7302" s="58">
        <f>Bühler!L7328</f>
        <v>0.30499223799601732</v>
      </c>
      <c r="M7302" s="57">
        <f>Bühler!M7328</f>
        <v>0</v>
      </c>
      <c r="N7302" s="55">
        <f>IF(Input!$K$13=1,J7302*Input!$J$13,0)+IF(Input!$K$14=1,K7302*Input!$J$14,0)+IF(Input!$K$15=1,L7302*Input!$J$15,0)+IF(Input!$K$16=1,M7302*Input!$J$16,0)</f>
        <v>1.0826903360876396</v>
      </c>
      <c r="O7302" s="58">
        <f>IF(Input!$K$13=2,J7302*Input!$J$13,0)+IF(Input!$K$14=2,K7302*Input!$J$14,0)+IF(Input!$K$15=2,L7302*Input!$J$15,0)+IF(Input!$K$16=2,M7302*Input!$J$16,0)</f>
        <v>8.2347904258924687E-2</v>
      </c>
      <c r="P7302" s="58">
        <f>IF(Input!$K$13=3,J7302*Input!$J$13,0)+IF(Input!$K$14=3,K7302*Input!$J$14,0)+IF(Input!$K$15=3,L7302*Input!$J$15,0)+IF(Input!$K$16=3,M7302*Input!$J$16,0)</f>
        <v>0</v>
      </c>
      <c r="Q7302" s="71">
        <f>IF(Input!$K$13=4,J7302*Input!$J$13,0)+IF(Input!$K$14=4,K7302*Input!$J$14,0)+IF(Input!$K$15=4,L7302*Input!$J$15,0)+IF(Input!$K$16=4,M7302*Input!$J$16,0)</f>
        <v>0</v>
      </c>
    </row>
    <row r="7303" spans="8:17" x14ac:dyDescent="0.25">
      <c r="H7303" s="43">
        <v>7296</v>
      </c>
      <c r="I7303" s="55">
        <f>Bühler!I7329</f>
        <v>0.49198421577039092</v>
      </c>
      <c r="J7303" s="58">
        <f>Bühler!J7329</f>
        <v>9.0224194673969969</v>
      </c>
      <c r="K7303" s="58">
        <f>Bühler!K7329</f>
        <v>0.60998447599203465</v>
      </c>
      <c r="L7303" s="58">
        <f>Bühler!L7329</f>
        <v>0.30499223799601732</v>
      </c>
      <c r="M7303" s="57">
        <f>Bühler!M7329</f>
        <v>0</v>
      </c>
      <c r="N7303" s="55">
        <f>IF(Input!$K$13=1,J7303*Input!$J$13,0)+IF(Input!$K$14=1,K7303*Input!$J$14,0)+IF(Input!$K$15=1,L7303*Input!$J$15,0)+IF(Input!$K$16=1,M7303*Input!$J$16,0)</f>
        <v>1.0826903360876396</v>
      </c>
      <c r="O7303" s="58">
        <f>IF(Input!$K$13=2,J7303*Input!$J$13,0)+IF(Input!$K$14=2,K7303*Input!$J$14,0)+IF(Input!$K$15=2,L7303*Input!$J$15,0)+IF(Input!$K$16=2,M7303*Input!$J$16,0)</f>
        <v>8.2347904258924687E-2</v>
      </c>
      <c r="P7303" s="58">
        <f>IF(Input!$K$13=3,J7303*Input!$J$13,0)+IF(Input!$K$14=3,K7303*Input!$J$14,0)+IF(Input!$K$15=3,L7303*Input!$J$15,0)+IF(Input!$K$16=3,M7303*Input!$J$16,0)</f>
        <v>0</v>
      </c>
      <c r="Q7303" s="71">
        <f>IF(Input!$K$13=4,J7303*Input!$J$13,0)+IF(Input!$K$14=4,K7303*Input!$J$14,0)+IF(Input!$K$15=4,L7303*Input!$J$15,0)+IF(Input!$K$16=4,M7303*Input!$J$16,0)</f>
        <v>0</v>
      </c>
    </row>
    <row r="7304" spans="8:17" x14ac:dyDescent="0.25">
      <c r="H7304" s="43">
        <v>7297</v>
      </c>
      <c r="I7304" s="55">
        <f>Bühler!I7330</f>
        <v>0.49823948456272599</v>
      </c>
      <c r="J7304" s="58">
        <f>Bühler!J7330</f>
        <v>8.8812184143133255</v>
      </c>
      <c r="K7304" s="58">
        <f>Bühler!K7330</f>
        <v>0.603960560772973</v>
      </c>
      <c r="L7304" s="58">
        <f>Bühler!L7330</f>
        <v>0.3019802803864865</v>
      </c>
      <c r="M7304" s="57">
        <f>Bühler!M7330</f>
        <v>0</v>
      </c>
      <c r="N7304" s="55">
        <f>IF(Input!$K$13=1,J7304*Input!$J$13,0)+IF(Input!$K$14=1,K7304*Input!$J$14,0)+IF(Input!$K$15=1,L7304*Input!$J$15,0)+IF(Input!$K$16=1,M7304*Input!$J$16,0)</f>
        <v>1.0657462097175989</v>
      </c>
      <c r="O7304" s="58">
        <f>IF(Input!$K$13=2,J7304*Input!$J$13,0)+IF(Input!$K$14=2,K7304*Input!$J$14,0)+IF(Input!$K$15=2,L7304*Input!$J$15,0)+IF(Input!$K$16=2,M7304*Input!$J$16,0)</f>
        <v>8.1534675704351356E-2</v>
      </c>
      <c r="P7304" s="58">
        <f>IF(Input!$K$13=3,J7304*Input!$J$13,0)+IF(Input!$K$14=3,K7304*Input!$J$14,0)+IF(Input!$K$15=3,L7304*Input!$J$15,0)+IF(Input!$K$16=3,M7304*Input!$J$16,0)</f>
        <v>0</v>
      </c>
      <c r="Q7304" s="71">
        <f>IF(Input!$K$13=4,J7304*Input!$J$13,0)+IF(Input!$K$14=4,K7304*Input!$J$14,0)+IF(Input!$K$15=4,L7304*Input!$J$15,0)+IF(Input!$K$16=4,M7304*Input!$J$16,0)</f>
        <v>0</v>
      </c>
    </row>
    <row r="7305" spans="8:17" x14ac:dyDescent="0.25">
      <c r="H7305" s="43">
        <v>7298</v>
      </c>
      <c r="I7305" s="55">
        <f>Bühler!I7331</f>
        <v>0.49823948456272599</v>
      </c>
      <c r="J7305" s="58">
        <f>Bühler!J7331</f>
        <v>8.8812184143133255</v>
      </c>
      <c r="K7305" s="58">
        <f>Bühler!K7331</f>
        <v>0.603960560772973</v>
      </c>
      <c r="L7305" s="58">
        <f>Bühler!L7331</f>
        <v>0.3019802803864865</v>
      </c>
      <c r="M7305" s="57">
        <f>Bühler!M7331</f>
        <v>0</v>
      </c>
      <c r="N7305" s="55">
        <f>IF(Input!$K$13=1,J7305*Input!$J$13,0)+IF(Input!$K$14=1,K7305*Input!$J$14,0)+IF(Input!$K$15=1,L7305*Input!$J$15,0)+IF(Input!$K$16=1,M7305*Input!$J$16,0)</f>
        <v>1.0657462097175989</v>
      </c>
      <c r="O7305" s="58">
        <f>IF(Input!$K$13=2,J7305*Input!$J$13,0)+IF(Input!$K$14=2,K7305*Input!$J$14,0)+IF(Input!$K$15=2,L7305*Input!$J$15,0)+IF(Input!$K$16=2,M7305*Input!$J$16,0)</f>
        <v>8.1534675704351356E-2</v>
      </c>
      <c r="P7305" s="58">
        <f>IF(Input!$K$13=3,J7305*Input!$J$13,0)+IF(Input!$K$14=3,K7305*Input!$J$14,0)+IF(Input!$K$15=3,L7305*Input!$J$15,0)+IF(Input!$K$16=3,M7305*Input!$J$16,0)</f>
        <v>0</v>
      </c>
      <c r="Q7305" s="71">
        <f>IF(Input!$K$13=4,J7305*Input!$J$13,0)+IF(Input!$K$14=4,K7305*Input!$J$14,0)+IF(Input!$K$15=4,L7305*Input!$J$15,0)+IF(Input!$K$16=4,M7305*Input!$J$16,0)</f>
        <v>0</v>
      </c>
    </row>
    <row r="7306" spans="8:17" x14ac:dyDescent="0.25">
      <c r="H7306" s="43">
        <v>7299</v>
      </c>
      <c r="I7306" s="55">
        <f>Bühler!I7332</f>
        <v>0.49823948456272599</v>
      </c>
      <c r="J7306" s="58">
        <f>Bühler!J7332</f>
        <v>8.8812184143133255</v>
      </c>
      <c r="K7306" s="58">
        <f>Bühler!K7332</f>
        <v>0.603960560772973</v>
      </c>
      <c r="L7306" s="58">
        <f>Bühler!L7332</f>
        <v>0.3019802803864865</v>
      </c>
      <c r="M7306" s="57">
        <f>Bühler!M7332</f>
        <v>0</v>
      </c>
      <c r="N7306" s="55">
        <f>IF(Input!$K$13=1,J7306*Input!$J$13,0)+IF(Input!$K$14=1,K7306*Input!$J$14,0)+IF(Input!$K$15=1,L7306*Input!$J$15,0)+IF(Input!$K$16=1,M7306*Input!$J$16,0)</f>
        <v>1.0657462097175989</v>
      </c>
      <c r="O7306" s="58">
        <f>IF(Input!$K$13=2,J7306*Input!$J$13,0)+IF(Input!$K$14=2,K7306*Input!$J$14,0)+IF(Input!$K$15=2,L7306*Input!$J$15,0)+IF(Input!$K$16=2,M7306*Input!$J$16,0)</f>
        <v>8.1534675704351356E-2</v>
      </c>
      <c r="P7306" s="58">
        <f>IF(Input!$K$13=3,J7306*Input!$J$13,0)+IF(Input!$K$14=3,K7306*Input!$J$14,0)+IF(Input!$K$15=3,L7306*Input!$J$15,0)+IF(Input!$K$16=3,M7306*Input!$J$16,0)</f>
        <v>0</v>
      </c>
      <c r="Q7306" s="71">
        <f>IF(Input!$K$13=4,J7306*Input!$J$13,0)+IF(Input!$K$14=4,K7306*Input!$J$14,0)+IF(Input!$K$15=4,L7306*Input!$J$15,0)+IF(Input!$K$16=4,M7306*Input!$J$16,0)</f>
        <v>0</v>
      </c>
    </row>
    <row r="7307" spans="8:17" x14ac:dyDescent="0.25">
      <c r="H7307" s="43">
        <v>7300</v>
      </c>
      <c r="I7307" s="55">
        <f>Bühler!I7333</f>
        <v>0.49823948456272599</v>
      </c>
      <c r="J7307" s="58">
        <f>Bühler!J7333</f>
        <v>8.8812184143133255</v>
      </c>
      <c r="K7307" s="58">
        <f>Bühler!K7333</f>
        <v>0.603960560772973</v>
      </c>
      <c r="L7307" s="58">
        <f>Bühler!L7333</f>
        <v>0.3019802803864865</v>
      </c>
      <c r="M7307" s="57">
        <f>Bühler!M7333</f>
        <v>0</v>
      </c>
      <c r="N7307" s="55">
        <f>IF(Input!$K$13=1,J7307*Input!$J$13,0)+IF(Input!$K$14=1,K7307*Input!$J$14,0)+IF(Input!$K$15=1,L7307*Input!$J$15,0)+IF(Input!$K$16=1,M7307*Input!$J$16,0)</f>
        <v>1.0657462097175989</v>
      </c>
      <c r="O7307" s="58">
        <f>IF(Input!$K$13=2,J7307*Input!$J$13,0)+IF(Input!$K$14=2,K7307*Input!$J$14,0)+IF(Input!$K$15=2,L7307*Input!$J$15,0)+IF(Input!$K$16=2,M7307*Input!$J$16,0)</f>
        <v>8.1534675704351356E-2</v>
      </c>
      <c r="P7307" s="58">
        <f>IF(Input!$K$13=3,J7307*Input!$J$13,0)+IF(Input!$K$14=3,K7307*Input!$J$14,0)+IF(Input!$K$15=3,L7307*Input!$J$15,0)+IF(Input!$K$16=3,M7307*Input!$J$16,0)</f>
        <v>0</v>
      </c>
      <c r="Q7307" s="71">
        <f>IF(Input!$K$13=4,J7307*Input!$J$13,0)+IF(Input!$K$14=4,K7307*Input!$J$14,0)+IF(Input!$K$15=4,L7307*Input!$J$15,0)+IF(Input!$K$16=4,M7307*Input!$J$16,0)</f>
        <v>0</v>
      </c>
    </row>
    <row r="7308" spans="8:17" x14ac:dyDescent="0.25">
      <c r="H7308" s="43">
        <v>7301</v>
      </c>
      <c r="I7308" s="55">
        <f>Bühler!I7334</f>
        <v>0.49823948456272599</v>
      </c>
      <c r="J7308" s="58">
        <f>Bühler!J7334</f>
        <v>8.8812184143133255</v>
      </c>
      <c r="K7308" s="58">
        <f>Bühler!K7334</f>
        <v>0.603960560772973</v>
      </c>
      <c r="L7308" s="58">
        <f>Bühler!L7334</f>
        <v>0.3019802803864865</v>
      </c>
      <c r="M7308" s="57">
        <f>Bühler!M7334</f>
        <v>0</v>
      </c>
      <c r="N7308" s="55">
        <f>IF(Input!$K$13=1,J7308*Input!$J$13,0)+IF(Input!$K$14=1,K7308*Input!$J$14,0)+IF(Input!$K$15=1,L7308*Input!$J$15,0)+IF(Input!$K$16=1,M7308*Input!$J$16,0)</f>
        <v>1.0657462097175989</v>
      </c>
      <c r="O7308" s="58">
        <f>IF(Input!$K$13=2,J7308*Input!$J$13,0)+IF(Input!$K$14=2,K7308*Input!$J$14,0)+IF(Input!$K$15=2,L7308*Input!$J$15,0)+IF(Input!$K$16=2,M7308*Input!$J$16,0)</f>
        <v>8.1534675704351356E-2</v>
      </c>
      <c r="P7308" s="58">
        <f>IF(Input!$K$13=3,J7308*Input!$J$13,0)+IF(Input!$K$14=3,K7308*Input!$J$14,0)+IF(Input!$K$15=3,L7308*Input!$J$15,0)+IF(Input!$K$16=3,M7308*Input!$J$16,0)</f>
        <v>0</v>
      </c>
      <c r="Q7308" s="71">
        <f>IF(Input!$K$13=4,J7308*Input!$J$13,0)+IF(Input!$K$14=4,K7308*Input!$J$14,0)+IF(Input!$K$15=4,L7308*Input!$J$15,0)+IF(Input!$K$16=4,M7308*Input!$J$16,0)</f>
        <v>0</v>
      </c>
    </row>
    <row r="7309" spans="8:17" x14ac:dyDescent="0.25">
      <c r="H7309" s="43">
        <v>7302</v>
      </c>
      <c r="I7309" s="55">
        <f>Bühler!I7335</f>
        <v>0.49823948456272599</v>
      </c>
      <c r="J7309" s="58">
        <f>Bühler!J7335</f>
        <v>8.8812184143133255</v>
      </c>
      <c r="K7309" s="58">
        <f>Bühler!K7335</f>
        <v>0.603960560772973</v>
      </c>
      <c r="L7309" s="58">
        <f>Bühler!L7335</f>
        <v>0.3019802803864865</v>
      </c>
      <c r="M7309" s="57">
        <f>Bühler!M7335</f>
        <v>0</v>
      </c>
      <c r="N7309" s="55">
        <f>IF(Input!$K$13=1,J7309*Input!$J$13,0)+IF(Input!$K$14=1,K7309*Input!$J$14,0)+IF(Input!$K$15=1,L7309*Input!$J$15,0)+IF(Input!$K$16=1,M7309*Input!$J$16,0)</f>
        <v>1.0657462097175989</v>
      </c>
      <c r="O7309" s="58">
        <f>IF(Input!$K$13=2,J7309*Input!$J$13,0)+IF(Input!$K$14=2,K7309*Input!$J$14,0)+IF(Input!$K$15=2,L7309*Input!$J$15,0)+IF(Input!$K$16=2,M7309*Input!$J$16,0)</f>
        <v>8.1534675704351356E-2</v>
      </c>
      <c r="P7309" s="58">
        <f>IF(Input!$K$13=3,J7309*Input!$J$13,0)+IF(Input!$K$14=3,K7309*Input!$J$14,0)+IF(Input!$K$15=3,L7309*Input!$J$15,0)+IF(Input!$K$16=3,M7309*Input!$J$16,0)</f>
        <v>0</v>
      </c>
      <c r="Q7309" s="71">
        <f>IF(Input!$K$13=4,J7309*Input!$J$13,0)+IF(Input!$K$14=4,K7309*Input!$J$14,0)+IF(Input!$K$15=4,L7309*Input!$J$15,0)+IF(Input!$K$16=4,M7309*Input!$J$16,0)</f>
        <v>0</v>
      </c>
    </row>
    <row r="7310" spans="8:17" x14ac:dyDescent="0.25">
      <c r="H7310" s="43">
        <v>7303</v>
      </c>
      <c r="I7310" s="55">
        <f>Bühler!I7336</f>
        <v>0.49823948456272599</v>
      </c>
      <c r="J7310" s="58">
        <f>Bühler!J7336</f>
        <v>8.8812184143133255</v>
      </c>
      <c r="K7310" s="58">
        <f>Bühler!K7336</f>
        <v>0.603960560772973</v>
      </c>
      <c r="L7310" s="58">
        <f>Bühler!L7336</f>
        <v>0.3019802803864865</v>
      </c>
      <c r="M7310" s="57">
        <f>Bühler!M7336</f>
        <v>0</v>
      </c>
      <c r="N7310" s="55">
        <f>IF(Input!$K$13=1,J7310*Input!$J$13,0)+IF(Input!$K$14=1,K7310*Input!$J$14,0)+IF(Input!$K$15=1,L7310*Input!$J$15,0)+IF(Input!$K$16=1,M7310*Input!$J$16,0)</f>
        <v>1.0657462097175989</v>
      </c>
      <c r="O7310" s="58">
        <f>IF(Input!$K$13=2,J7310*Input!$J$13,0)+IF(Input!$K$14=2,K7310*Input!$J$14,0)+IF(Input!$K$15=2,L7310*Input!$J$15,0)+IF(Input!$K$16=2,M7310*Input!$J$16,0)</f>
        <v>8.1534675704351356E-2</v>
      </c>
      <c r="P7310" s="58">
        <f>IF(Input!$K$13=3,J7310*Input!$J$13,0)+IF(Input!$K$14=3,K7310*Input!$J$14,0)+IF(Input!$K$15=3,L7310*Input!$J$15,0)+IF(Input!$K$16=3,M7310*Input!$J$16,0)</f>
        <v>0</v>
      </c>
      <c r="Q7310" s="71">
        <f>IF(Input!$K$13=4,J7310*Input!$J$13,0)+IF(Input!$K$14=4,K7310*Input!$J$14,0)+IF(Input!$K$15=4,L7310*Input!$J$15,0)+IF(Input!$K$16=4,M7310*Input!$J$16,0)</f>
        <v>0</v>
      </c>
    </row>
    <row r="7311" spans="8:17" x14ac:dyDescent="0.25">
      <c r="H7311" s="43">
        <v>7304</v>
      </c>
      <c r="I7311" s="55">
        <f>Bühler!I7337</f>
        <v>1.3726497799703099</v>
      </c>
      <c r="J7311" s="58">
        <f>Bühler!J7337</f>
        <v>35.585910456111165</v>
      </c>
      <c r="K7311" s="58">
        <f>Bühler!K7337</f>
        <v>2.4689175650992139</v>
      </c>
      <c r="L7311" s="58">
        <f>Bühler!L7337</f>
        <v>1.2344587825496069</v>
      </c>
      <c r="M7311" s="57">
        <f>Bühler!M7337</f>
        <v>0</v>
      </c>
      <c r="N7311" s="55">
        <f>IF(Input!$K$13=1,J7311*Input!$J$13,0)+IF(Input!$K$14=1,K7311*Input!$J$14,0)+IF(Input!$K$15=1,L7311*Input!$J$15,0)+IF(Input!$K$16=1,M7311*Input!$J$16,0)</f>
        <v>4.2703092547333394</v>
      </c>
      <c r="O7311" s="58">
        <f>IF(Input!$K$13=2,J7311*Input!$J$13,0)+IF(Input!$K$14=2,K7311*Input!$J$14,0)+IF(Input!$K$15=2,L7311*Input!$J$15,0)+IF(Input!$K$16=2,M7311*Input!$J$16,0)</f>
        <v>0.33330387128839389</v>
      </c>
      <c r="P7311" s="58">
        <f>IF(Input!$K$13=3,J7311*Input!$J$13,0)+IF(Input!$K$14=3,K7311*Input!$J$14,0)+IF(Input!$K$15=3,L7311*Input!$J$15,0)+IF(Input!$K$16=3,M7311*Input!$J$16,0)</f>
        <v>0</v>
      </c>
      <c r="Q7311" s="71">
        <f>IF(Input!$K$13=4,J7311*Input!$J$13,0)+IF(Input!$K$14=4,K7311*Input!$J$14,0)+IF(Input!$K$15=4,L7311*Input!$J$15,0)+IF(Input!$K$16=4,M7311*Input!$J$16,0)</f>
        <v>0</v>
      </c>
    </row>
    <row r="7312" spans="8:17" x14ac:dyDescent="0.25">
      <c r="H7312" s="43">
        <v>7305</v>
      </c>
      <c r="I7312" s="55">
        <f>Bühler!I7338</f>
        <v>1.5315881755458198</v>
      </c>
      <c r="J7312" s="58">
        <f>Bühler!J7338</f>
        <v>39.70638429839773</v>
      </c>
      <c r="K7312" s="58">
        <f>Bühler!K7338</f>
        <v>2.7547922305317547</v>
      </c>
      <c r="L7312" s="58">
        <f>Bühler!L7338</f>
        <v>1.3773961152658774</v>
      </c>
      <c r="M7312" s="57">
        <f>Bühler!M7338</f>
        <v>0</v>
      </c>
      <c r="N7312" s="55">
        <f>IF(Input!$K$13=1,J7312*Input!$J$13,0)+IF(Input!$K$14=1,K7312*Input!$J$14,0)+IF(Input!$K$15=1,L7312*Input!$J$15,0)+IF(Input!$K$16=1,M7312*Input!$J$16,0)</f>
        <v>4.7647661158077277</v>
      </c>
      <c r="O7312" s="58">
        <f>IF(Input!$K$13=2,J7312*Input!$J$13,0)+IF(Input!$K$14=2,K7312*Input!$J$14,0)+IF(Input!$K$15=2,L7312*Input!$J$15,0)+IF(Input!$K$16=2,M7312*Input!$J$16,0)</f>
        <v>0.37189695112178689</v>
      </c>
      <c r="P7312" s="58">
        <f>IF(Input!$K$13=3,J7312*Input!$J$13,0)+IF(Input!$K$14=3,K7312*Input!$J$14,0)+IF(Input!$K$15=3,L7312*Input!$J$15,0)+IF(Input!$K$16=3,M7312*Input!$J$16,0)</f>
        <v>0</v>
      </c>
      <c r="Q7312" s="71">
        <f>IF(Input!$K$13=4,J7312*Input!$J$13,0)+IF(Input!$K$14=4,K7312*Input!$J$14,0)+IF(Input!$K$15=4,L7312*Input!$J$15,0)+IF(Input!$K$16=4,M7312*Input!$J$16,0)</f>
        <v>0</v>
      </c>
    </row>
    <row r="7313" spans="8:17" x14ac:dyDescent="0.25">
      <c r="H7313" s="43">
        <v>7306</v>
      </c>
      <c r="I7313" s="55">
        <f>Bühler!I7339</f>
        <v>1.6905265711213291</v>
      </c>
      <c r="J7313" s="58">
        <f>Bühler!J7339</f>
        <v>43.82685814068428</v>
      </c>
      <c r="K7313" s="58">
        <f>Bühler!K7339</f>
        <v>3.0406668959642951</v>
      </c>
      <c r="L7313" s="58">
        <f>Bühler!L7339</f>
        <v>1.5203334479821475</v>
      </c>
      <c r="M7313" s="57">
        <f>Bühler!M7339</f>
        <v>0</v>
      </c>
      <c r="N7313" s="55">
        <f>IF(Input!$K$13=1,J7313*Input!$J$13,0)+IF(Input!$K$14=1,K7313*Input!$J$14,0)+IF(Input!$K$15=1,L7313*Input!$J$15,0)+IF(Input!$K$16=1,M7313*Input!$J$16,0)</f>
        <v>5.2592229768821133</v>
      </c>
      <c r="O7313" s="58">
        <f>IF(Input!$K$13=2,J7313*Input!$J$13,0)+IF(Input!$K$14=2,K7313*Input!$J$14,0)+IF(Input!$K$15=2,L7313*Input!$J$15,0)+IF(Input!$K$16=2,M7313*Input!$J$16,0)</f>
        <v>0.41049003095517983</v>
      </c>
      <c r="P7313" s="58">
        <f>IF(Input!$K$13=3,J7313*Input!$J$13,0)+IF(Input!$K$14=3,K7313*Input!$J$14,0)+IF(Input!$K$15=3,L7313*Input!$J$15,0)+IF(Input!$K$16=3,M7313*Input!$J$16,0)</f>
        <v>0</v>
      </c>
      <c r="Q7313" s="71">
        <f>IF(Input!$K$13=4,J7313*Input!$J$13,0)+IF(Input!$K$14=4,K7313*Input!$J$14,0)+IF(Input!$K$15=4,L7313*Input!$J$15,0)+IF(Input!$K$16=4,M7313*Input!$J$16,0)</f>
        <v>0</v>
      </c>
    </row>
    <row r="7314" spans="8:17" x14ac:dyDescent="0.25">
      <c r="H7314" s="43">
        <v>7307</v>
      </c>
      <c r="I7314" s="55">
        <f>Bühler!I7340</f>
        <v>1.6905265711213291</v>
      </c>
      <c r="J7314" s="58">
        <f>Bühler!J7340</f>
        <v>43.82685814068428</v>
      </c>
      <c r="K7314" s="58">
        <f>Bühler!K7340</f>
        <v>3.0406668959642951</v>
      </c>
      <c r="L7314" s="58">
        <f>Bühler!L7340</f>
        <v>1.5203334479821475</v>
      </c>
      <c r="M7314" s="57">
        <f>Bühler!M7340</f>
        <v>0</v>
      </c>
      <c r="N7314" s="55">
        <f>IF(Input!$K$13=1,J7314*Input!$J$13,0)+IF(Input!$K$14=1,K7314*Input!$J$14,0)+IF(Input!$K$15=1,L7314*Input!$J$15,0)+IF(Input!$K$16=1,M7314*Input!$J$16,0)</f>
        <v>5.2592229768821133</v>
      </c>
      <c r="O7314" s="58">
        <f>IF(Input!$K$13=2,J7314*Input!$J$13,0)+IF(Input!$K$14=2,K7314*Input!$J$14,0)+IF(Input!$K$15=2,L7314*Input!$J$15,0)+IF(Input!$K$16=2,M7314*Input!$J$16,0)</f>
        <v>0.41049003095517983</v>
      </c>
      <c r="P7314" s="58">
        <f>IF(Input!$K$13=3,J7314*Input!$J$13,0)+IF(Input!$K$14=3,K7314*Input!$J$14,0)+IF(Input!$K$15=3,L7314*Input!$J$15,0)+IF(Input!$K$16=3,M7314*Input!$J$16,0)</f>
        <v>0</v>
      </c>
      <c r="Q7314" s="71">
        <f>IF(Input!$K$13=4,J7314*Input!$J$13,0)+IF(Input!$K$14=4,K7314*Input!$J$14,0)+IF(Input!$K$15=4,L7314*Input!$J$15,0)+IF(Input!$K$16=4,M7314*Input!$J$16,0)</f>
        <v>0</v>
      </c>
    </row>
    <row r="7315" spans="8:17" x14ac:dyDescent="0.25">
      <c r="H7315" s="43">
        <v>7308</v>
      </c>
      <c r="I7315" s="55">
        <f>Bühler!I7341</f>
        <v>2.0228523073246669</v>
      </c>
      <c r="J7315" s="58">
        <f>Bühler!J7341</f>
        <v>52.442394356374351</v>
      </c>
      <c r="K7315" s="58">
        <f>Bühler!K7341</f>
        <v>3.6384048327777889</v>
      </c>
      <c r="L7315" s="58">
        <f>Bühler!L7341</f>
        <v>1.8192024163888945</v>
      </c>
      <c r="M7315" s="57">
        <f>Bühler!M7341</f>
        <v>0</v>
      </c>
      <c r="N7315" s="55">
        <f>IF(Input!$K$13=1,J7315*Input!$J$13,0)+IF(Input!$K$14=1,K7315*Input!$J$14,0)+IF(Input!$K$15=1,L7315*Input!$J$15,0)+IF(Input!$K$16=1,M7315*Input!$J$16,0)</f>
        <v>6.2930873227649222</v>
      </c>
      <c r="O7315" s="58">
        <f>IF(Input!$K$13=2,J7315*Input!$J$13,0)+IF(Input!$K$14=2,K7315*Input!$J$14,0)+IF(Input!$K$15=2,L7315*Input!$J$15,0)+IF(Input!$K$16=2,M7315*Input!$J$16,0)</f>
        <v>0.49118465242500142</v>
      </c>
      <c r="P7315" s="58">
        <f>IF(Input!$K$13=3,J7315*Input!$J$13,0)+IF(Input!$K$14=3,K7315*Input!$J$14,0)+IF(Input!$K$15=3,L7315*Input!$J$15,0)+IF(Input!$K$16=3,M7315*Input!$J$16,0)</f>
        <v>0</v>
      </c>
      <c r="Q7315" s="71">
        <f>IF(Input!$K$13=4,J7315*Input!$J$13,0)+IF(Input!$K$14=4,K7315*Input!$J$14,0)+IF(Input!$K$15=4,L7315*Input!$J$15,0)+IF(Input!$K$16=4,M7315*Input!$J$16,0)</f>
        <v>0</v>
      </c>
    </row>
    <row r="7316" spans="8:17" x14ac:dyDescent="0.25">
      <c r="H7316" s="43">
        <v>7309</v>
      </c>
      <c r="I7316" s="55">
        <f>Bühler!I7342</f>
        <v>2.0228523073246669</v>
      </c>
      <c r="J7316" s="58">
        <f>Bühler!J7342</f>
        <v>52.442394356374351</v>
      </c>
      <c r="K7316" s="58">
        <f>Bühler!K7342</f>
        <v>3.6384048327777889</v>
      </c>
      <c r="L7316" s="58">
        <f>Bühler!L7342</f>
        <v>1.8192024163888945</v>
      </c>
      <c r="M7316" s="57">
        <f>Bühler!M7342</f>
        <v>0</v>
      </c>
      <c r="N7316" s="55">
        <f>IF(Input!$K$13=1,J7316*Input!$J$13,0)+IF(Input!$K$14=1,K7316*Input!$J$14,0)+IF(Input!$K$15=1,L7316*Input!$J$15,0)+IF(Input!$K$16=1,M7316*Input!$J$16,0)</f>
        <v>6.2930873227649222</v>
      </c>
      <c r="O7316" s="58">
        <f>IF(Input!$K$13=2,J7316*Input!$J$13,0)+IF(Input!$K$14=2,K7316*Input!$J$14,0)+IF(Input!$K$15=2,L7316*Input!$J$15,0)+IF(Input!$K$16=2,M7316*Input!$J$16,0)</f>
        <v>0.49118465242500142</v>
      </c>
      <c r="P7316" s="58">
        <f>IF(Input!$K$13=3,J7316*Input!$J$13,0)+IF(Input!$K$14=3,K7316*Input!$J$14,0)+IF(Input!$K$15=3,L7316*Input!$J$15,0)+IF(Input!$K$16=3,M7316*Input!$J$16,0)</f>
        <v>0</v>
      </c>
      <c r="Q7316" s="71">
        <f>IF(Input!$K$13=4,J7316*Input!$J$13,0)+IF(Input!$K$14=4,K7316*Input!$J$14,0)+IF(Input!$K$15=4,L7316*Input!$J$15,0)+IF(Input!$K$16=4,M7316*Input!$J$16,0)</f>
        <v>0</v>
      </c>
    </row>
    <row r="7317" spans="8:17" x14ac:dyDescent="0.25">
      <c r="H7317" s="43">
        <v>7310</v>
      </c>
      <c r="I7317" s="55">
        <f>Bühler!I7343</f>
        <v>1.343751889865672</v>
      </c>
      <c r="J7317" s="58">
        <f>Bühler!J7343</f>
        <v>34.836733393877239</v>
      </c>
      <c r="K7317" s="58">
        <f>Bühler!K7343</f>
        <v>2.4169403532023885</v>
      </c>
      <c r="L7317" s="58">
        <f>Bühler!L7343</f>
        <v>1.2084701766011943</v>
      </c>
      <c r="M7317" s="57">
        <f>Bühler!M7343</f>
        <v>0</v>
      </c>
      <c r="N7317" s="55">
        <f>IF(Input!$K$13=1,J7317*Input!$J$13,0)+IF(Input!$K$14=1,K7317*Input!$J$14,0)+IF(Input!$K$15=1,L7317*Input!$J$15,0)+IF(Input!$K$16=1,M7317*Input!$J$16,0)</f>
        <v>4.1804080072652683</v>
      </c>
      <c r="O7317" s="58">
        <f>IF(Input!$K$13=2,J7317*Input!$J$13,0)+IF(Input!$K$14=2,K7317*Input!$J$14,0)+IF(Input!$K$15=2,L7317*Input!$J$15,0)+IF(Input!$K$16=2,M7317*Input!$J$16,0)</f>
        <v>0.32628694768232247</v>
      </c>
      <c r="P7317" s="58">
        <f>IF(Input!$K$13=3,J7317*Input!$J$13,0)+IF(Input!$K$14=3,K7317*Input!$J$14,0)+IF(Input!$K$15=3,L7317*Input!$J$15,0)+IF(Input!$K$16=3,M7317*Input!$J$16,0)</f>
        <v>0</v>
      </c>
      <c r="Q7317" s="71">
        <f>IF(Input!$K$13=4,J7317*Input!$J$13,0)+IF(Input!$K$14=4,K7317*Input!$J$14,0)+IF(Input!$K$15=4,L7317*Input!$J$15,0)+IF(Input!$K$16=4,M7317*Input!$J$16,0)</f>
        <v>0</v>
      </c>
    </row>
    <row r="7318" spans="8:17" x14ac:dyDescent="0.25">
      <c r="H7318" s="43">
        <v>7311</v>
      </c>
      <c r="I7318" s="55">
        <f>Bühler!I7344</f>
        <v>2.0228523073246669</v>
      </c>
      <c r="J7318" s="58">
        <f>Bühler!J7344</f>
        <v>52.442394356374351</v>
      </c>
      <c r="K7318" s="58">
        <f>Bühler!K7344</f>
        <v>3.6384048327777889</v>
      </c>
      <c r="L7318" s="58">
        <f>Bühler!L7344</f>
        <v>1.8192024163888945</v>
      </c>
      <c r="M7318" s="57">
        <f>Bühler!M7344</f>
        <v>0</v>
      </c>
      <c r="N7318" s="55">
        <f>IF(Input!$K$13=1,J7318*Input!$J$13,0)+IF(Input!$K$14=1,K7318*Input!$J$14,0)+IF(Input!$K$15=1,L7318*Input!$J$15,0)+IF(Input!$K$16=1,M7318*Input!$J$16,0)</f>
        <v>6.2930873227649222</v>
      </c>
      <c r="O7318" s="58">
        <f>IF(Input!$K$13=2,J7318*Input!$J$13,0)+IF(Input!$K$14=2,K7318*Input!$J$14,0)+IF(Input!$K$15=2,L7318*Input!$J$15,0)+IF(Input!$K$16=2,M7318*Input!$J$16,0)</f>
        <v>0.49118465242500142</v>
      </c>
      <c r="P7318" s="58">
        <f>IF(Input!$K$13=3,J7318*Input!$J$13,0)+IF(Input!$K$14=3,K7318*Input!$J$14,0)+IF(Input!$K$15=3,L7318*Input!$J$15,0)+IF(Input!$K$16=3,M7318*Input!$J$16,0)</f>
        <v>0</v>
      </c>
      <c r="Q7318" s="71">
        <f>IF(Input!$K$13=4,J7318*Input!$J$13,0)+IF(Input!$K$14=4,K7318*Input!$J$14,0)+IF(Input!$K$15=4,L7318*Input!$J$15,0)+IF(Input!$K$16=4,M7318*Input!$J$16,0)</f>
        <v>0</v>
      </c>
    </row>
    <row r="7319" spans="8:17" x14ac:dyDescent="0.25">
      <c r="H7319" s="43">
        <v>7312</v>
      </c>
      <c r="I7319" s="55">
        <f>Bühler!I7345</f>
        <v>2.0228523073246669</v>
      </c>
      <c r="J7319" s="58">
        <f>Bühler!J7345</f>
        <v>52.442394356374351</v>
      </c>
      <c r="K7319" s="58">
        <f>Bühler!K7345</f>
        <v>3.6384048327777889</v>
      </c>
      <c r="L7319" s="58">
        <f>Bühler!L7345</f>
        <v>1.8192024163888945</v>
      </c>
      <c r="M7319" s="57">
        <f>Bühler!M7345</f>
        <v>0</v>
      </c>
      <c r="N7319" s="55">
        <f>IF(Input!$K$13=1,J7319*Input!$J$13,0)+IF(Input!$K$14=1,K7319*Input!$J$14,0)+IF(Input!$K$15=1,L7319*Input!$J$15,0)+IF(Input!$K$16=1,M7319*Input!$J$16,0)</f>
        <v>6.2930873227649222</v>
      </c>
      <c r="O7319" s="58">
        <f>IF(Input!$K$13=2,J7319*Input!$J$13,0)+IF(Input!$K$14=2,K7319*Input!$J$14,0)+IF(Input!$K$15=2,L7319*Input!$J$15,0)+IF(Input!$K$16=2,M7319*Input!$J$16,0)</f>
        <v>0.49118465242500142</v>
      </c>
      <c r="P7319" s="58">
        <f>IF(Input!$K$13=3,J7319*Input!$J$13,0)+IF(Input!$K$14=3,K7319*Input!$J$14,0)+IF(Input!$K$15=3,L7319*Input!$J$15,0)+IF(Input!$K$16=3,M7319*Input!$J$16,0)</f>
        <v>0</v>
      </c>
      <c r="Q7319" s="71">
        <f>IF(Input!$K$13=4,J7319*Input!$J$13,0)+IF(Input!$K$14=4,K7319*Input!$J$14,0)+IF(Input!$K$15=4,L7319*Input!$J$15,0)+IF(Input!$K$16=4,M7319*Input!$J$16,0)</f>
        <v>0</v>
      </c>
    </row>
    <row r="7320" spans="8:17" x14ac:dyDescent="0.25">
      <c r="H7320" s="43">
        <v>7313</v>
      </c>
      <c r="I7320" s="55">
        <f>Bühler!I7346</f>
        <v>1.6902774513790479</v>
      </c>
      <c r="J7320" s="58">
        <f>Bühler!J7346</f>
        <v>31.443313258758788</v>
      </c>
      <c r="K7320" s="58">
        <f>Bühler!K7346</f>
        <v>2.1440599907440543</v>
      </c>
      <c r="L7320" s="58">
        <f>Bühler!L7346</f>
        <v>1.0720299953720271</v>
      </c>
      <c r="M7320" s="57">
        <f>Bühler!M7346</f>
        <v>0</v>
      </c>
      <c r="N7320" s="55">
        <f>IF(Input!$K$13=1,J7320*Input!$J$13,0)+IF(Input!$K$14=1,K7320*Input!$J$14,0)+IF(Input!$K$15=1,L7320*Input!$J$15,0)+IF(Input!$K$16=1,M7320*Input!$J$16,0)</f>
        <v>3.7731975910510545</v>
      </c>
      <c r="O7320" s="58">
        <f>IF(Input!$K$13=2,J7320*Input!$J$13,0)+IF(Input!$K$14=2,K7320*Input!$J$14,0)+IF(Input!$K$15=2,L7320*Input!$J$15,0)+IF(Input!$K$16=2,M7320*Input!$J$16,0)</f>
        <v>0.2894480987504473</v>
      </c>
      <c r="P7320" s="58">
        <f>IF(Input!$K$13=3,J7320*Input!$J$13,0)+IF(Input!$K$14=3,K7320*Input!$J$14,0)+IF(Input!$K$15=3,L7320*Input!$J$15,0)+IF(Input!$K$16=3,M7320*Input!$J$16,0)</f>
        <v>0</v>
      </c>
      <c r="Q7320" s="71">
        <f>IF(Input!$K$13=4,J7320*Input!$J$13,0)+IF(Input!$K$14=4,K7320*Input!$J$14,0)+IF(Input!$K$15=4,L7320*Input!$J$15,0)+IF(Input!$K$16=4,M7320*Input!$J$16,0)</f>
        <v>0</v>
      </c>
    </row>
    <row r="7321" spans="8:17" x14ac:dyDescent="0.25">
      <c r="H7321" s="43">
        <v>7314</v>
      </c>
      <c r="I7321" s="55">
        <f>Bühler!I7347</f>
        <v>1.3440010096079531</v>
      </c>
      <c r="J7321" s="58">
        <f>Bühler!J7347</f>
        <v>14.09457529480817</v>
      </c>
      <c r="K7321" s="58">
        <f>Bühler!K7347</f>
        <v>0.91509175874692883</v>
      </c>
      <c r="L7321" s="58">
        <f>Bühler!L7347</f>
        <v>0.45754587937346441</v>
      </c>
      <c r="M7321" s="57">
        <f>Bühler!M7347</f>
        <v>0</v>
      </c>
      <c r="N7321" s="55">
        <f>IF(Input!$K$13=1,J7321*Input!$J$13,0)+IF(Input!$K$14=1,K7321*Input!$J$14,0)+IF(Input!$K$15=1,L7321*Input!$J$15,0)+IF(Input!$K$16=1,M7321*Input!$J$16,0)</f>
        <v>1.6913490353769802</v>
      </c>
      <c r="O7321" s="58">
        <f>IF(Input!$K$13=2,J7321*Input!$J$13,0)+IF(Input!$K$14=2,K7321*Input!$J$14,0)+IF(Input!$K$15=2,L7321*Input!$J$15,0)+IF(Input!$K$16=2,M7321*Input!$J$16,0)</f>
        <v>0.12353738743083538</v>
      </c>
      <c r="P7321" s="58">
        <f>IF(Input!$K$13=3,J7321*Input!$J$13,0)+IF(Input!$K$14=3,K7321*Input!$J$14,0)+IF(Input!$K$15=3,L7321*Input!$J$15,0)+IF(Input!$K$16=3,M7321*Input!$J$16,0)</f>
        <v>0</v>
      </c>
      <c r="Q7321" s="71">
        <f>IF(Input!$K$13=4,J7321*Input!$J$13,0)+IF(Input!$K$14=4,K7321*Input!$J$14,0)+IF(Input!$K$15=4,L7321*Input!$J$15,0)+IF(Input!$K$16=4,M7321*Input!$J$16,0)</f>
        <v>0</v>
      </c>
    </row>
    <row r="7322" spans="8:17" x14ac:dyDescent="0.25">
      <c r="H7322" s="43">
        <v>7315</v>
      </c>
      <c r="I7322" s="55">
        <f>Bühler!I7348</f>
        <v>0.49823948456272599</v>
      </c>
      <c r="J7322" s="58">
        <f>Bühler!J7348</f>
        <v>8.8812184143133255</v>
      </c>
      <c r="K7322" s="58">
        <f>Bühler!K7348</f>
        <v>0.603960560772973</v>
      </c>
      <c r="L7322" s="58">
        <f>Bühler!L7348</f>
        <v>0.3019802803864865</v>
      </c>
      <c r="M7322" s="57">
        <f>Bühler!M7348</f>
        <v>0</v>
      </c>
      <c r="N7322" s="55">
        <f>IF(Input!$K$13=1,J7322*Input!$J$13,0)+IF(Input!$K$14=1,K7322*Input!$J$14,0)+IF(Input!$K$15=1,L7322*Input!$J$15,0)+IF(Input!$K$16=1,M7322*Input!$J$16,0)</f>
        <v>1.0657462097175989</v>
      </c>
      <c r="O7322" s="58">
        <f>IF(Input!$K$13=2,J7322*Input!$J$13,0)+IF(Input!$K$14=2,K7322*Input!$J$14,0)+IF(Input!$K$15=2,L7322*Input!$J$15,0)+IF(Input!$K$16=2,M7322*Input!$J$16,0)</f>
        <v>8.1534675704351356E-2</v>
      </c>
      <c r="P7322" s="58">
        <f>IF(Input!$K$13=3,J7322*Input!$J$13,0)+IF(Input!$K$14=3,K7322*Input!$J$14,0)+IF(Input!$K$15=3,L7322*Input!$J$15,0)+IF(Input!$K$16=3,M7322*Input!$J$16,0)</f>
        <v>0</v>
      </c>
      <c r="Q7322" s="71">
        <f>IF(Input!$K$13=4,J7322*Input!$J$13,0)+IF(Input!$K$14=4,K7322*Input!$J$14,0)+IF(Input!$K$15=4,L7322*Input!$J$15,0)+IF(Input!$K$16=4,M7322*Input!$J$16,0)</f>
        <v>0</v>
      </c>
    </row>
    <row r="7323" spans="8:17" x14ac:dyDescent="0.25">
      <c r="H7323" s="43">
        <v>7316</v>
      </c>
      <c r="I7323" s="55">
        <f>Bühler!I7349</f>
        <v>0.49823948456272599</v>
      </c>
      <c r="J7323" s="58">
        <f>Bühler!J7349</f>
        <v>8.8812184143133255</v>
      </c>
      <c r="K7323" s="58">
        <f>Bühler!K7349</f>
        <v>0.603960560772973</v>
      </c>
      <c r="L7323" s="58">
        <f>Bühler!L7349</f>
        <v>0.3019802803864865</v>
      </c>
      <c r="M7323" s="57">
        <f>Bühler!M7349</f>
        <v>0</v>
      </c>
      <c r="N7323" s="55">
        <f>IF(Input!$K$13=1,J7323*Input!$J$13,0)+IF(Input!$K$14=1,K7323*Input!$J$14,0)+IF(Input!$K$15=1,L7323*Input!$J$15,0)+IF(Input!$K$16=1,M7323*Input!$J$16,0)</f>
        <v>1.0657462097175989</v>
      </c>
      <c r="O7323" s="58">
        <f>IF(Input!$K$13=2,J7323*Input!$J$13,0)+IF(Input!$K$14=2,K7323*Input!$J$14,0)+IF(Input!$K$15=2,L7323*Input!$J$15,0)+IF(Input!$K$16=2,M7323*Input!$J$16,0)</f>
        <v>8.1534675704351356E-2</v>
      </c>
      <c r="P7323" s="58">
        <f>IF(Input!$K$13=3,J7323*Input!$J$13,0)+IF(Input!$K$14=3,K7323*Input!$J$14,0)+IF(Input!$K$15=3,L7323*Input!$J$15,0)+IF(Input!$K$16=3,M7323*Input!$J$16,0)</f>
        <v>0</v>
      </c>
      <c r="Q7323" s="71">
        <f>IF(Input!$K$13=4,J7323*Input!$J$13,0)+IF(Input!$K$14=4,K7323*Input!$J$14,0)+IF(Input!$K$15=4,L7323*Input!$J$15,0)+IF(Input!$K$16=4,M7323*Input!$J$16,0)</f>
        <v>0</v>
      </c>
    </row>
    <row r="7324" spans="8:17" x14ac:dyDescent="0.25">
      <c r="H7324" s="43">
        <v>7317</v>
      </c>
      <c r="I7324" s="55">
        <f>Bühler!I7350</f>
        <v>0.49823948456272599</v>
      </c>
      <c r="J7324" s="58">
        <f>Bühler!J7350</f>
        <v>8.8812184143133255</v>
      </c>
      <c r="K7324" s="58">
        <f>Bühler!K7350</f>
        <v>0.603960560772973</v>
      </c>
      <c r="L7324" s="58">
        <f>Bühler!L7350</f>
        <v>0.3019802803864865</v>
      </c>
      <c r="M7324" s="57">
        <f>Bühler!M7350</f>
        <v>0</v>
      </c>
      <c r="N7324" s="55">
        <f>IF(Input!$K$13=1,J7324*Input!$J$13,0)+IF(Input!$K$14=1,K7324*Input!$J$14,0)+IF(Input!$K$15=1,L7324*Input!$J$15,0)+IF(Input!$K$16=1,M7324*Input!$J$16,0)</f>
        <v>1.0657462097175989</v>
      </c>
      <c r="O7324" s="58">
        <f>IF(Input!$K$13=2,J7324*Input!$J$13,0)+IF(Input!$K$14=2,K7324*Input!$J$14,0)+IF(Input!$K$15=2,L7324*Input!$J$15,0)+IF(Input!$K$16=2,M7324*Input!$J$16,0)</f>
        <v>8.1534675704351356E-2</v>
      </c>
      <c r="P7324" s="58">
        <f>IF(Input!$K$13=3,J7324*Input!$J$13,0)+IF(Input!$K$14=3,K7324*Input!$J$14,0)+IF(Input!$K$15=3,L7324*Input!$J$15,0)+IF(Input!$K$16=3,M7324*Input!$J$16,0)</f>
        <v>0</v>
      </c>
      <c r="Q7324" s="71">
        <f>IF(Input!$K$13=4,J7324*Input!$J$13,0)+IF(Input!$K$14=4,K7324*Input!$J$14,0)+IF(Input!$K$15=4,L7324*Input!$J$15,0)+IF(Input!$K$16=4,M7324*Input!$J$16,0)</f>
        <v>0</v>
      </c>
    </row>
    <row r="7325" spans="8:17" x14ac:dyDescent="0.25">
      <c r="H7325" s="43">
        <v>7318</v>
      </c>
      <c r="I7325" s="55">
        <f>Bühler!I7351</f>
        <v>0.49823948456272599</v>
      </c>
      <c r="J7325" s="58">
        <f>Bühler!J7351</f>
        <v>8.8812184143133255</v>
      </c>
      <c r="K7325" s="58">
        <f>Bühler!K7351</f>
        <v>0.603960560772973</v>
      </c>
      <c r="L7325" s="58">
        <f>Bühler!L7351</f>
        <v>0.3019802803864865</v>
      </c>
      <c r="M7325" s="57">
        <f>Bühler!M7351</f>
        <v>0</v>
      </c>
      <c r="N7325" s="55">
        <f>IF(Input!$K$13=1,J7325*Input!$J$13,0)+IF(Input!$K$14=1,K7325*Input!$J$14,0)+IF(Input!$K$15=1,L7325*Input!$J$15,0)+IF(Input!$K$16=1,M7325*Input!$J$16,0)</f>
        <v>1.0657462097175989</v>
      </c>
      <c r="O7325" s="58">
        <f>IF(Input!$K$13=2,J7325*Input!$J$13,0)+IF(Input!$K$14=2,K7325*Input!$J$14,0)+IF(Input!$K$15=2,L7325*Input!$J$15,0)+IF(Input!$K$16=2,M7325*Input!$J$16,0)</f>
        <v>8.1534675704351356E-2</v>
      </c>
      <c r="P7325" s="58">
        <f>IF(Input!$K$13=3,J7325*Input!$J$13,0)+IF(Input!$K$14=3,K7325*Input!$J$14,0)+IF(Input!$K$15=3,L7325*Input!$J$15,0)+IF(Input!$K$16=3,M7325*Input!$J$16,0)</f>
        <v>0</v>
      </c>
      <c r="Q7325" s="71">
        <f>IF(Input!$K$13=4,J7325*Input!$J$13,0)+IF(Input!$K$14=4,K7325*Input!$J$14,0)+IF(Input!$K$15=4,L7325*Input!$J$15,0)+IF(Input!$K$16=4,M7325*Input!$J$16,0)</f>
        <v>0</v>
      </c>
    </row>
    <row r="7326" spans="8:17" x14ac:dyDescent="0.25">
      <c r="H7326" s="43">
        <v>7319</v>
      </c>
      <c r="I7326" s="55">
        <f>Bühler!I7352</f>
        <v>0.49823948456272599</v>
      </c>
      <c r="J7326" s="58">
        <f>Bühler!J7352</f>
        <v>8.8812184143133255</v>
      </c>
      <c r="K7326" s="58">
        <f>Bühler!K7352</f>
        <v>0.603960560772973</v>
      </c>
      <c r="L7326" s="58">
        <f>Bühler!L7352</f>
        <v>0.3019802803864865</v>
      </c>
      <c r="M7326" s="57">
        <f>Bühler!M7352</f>
        <v>0</v>
      </c>
      <c r="N7326" s="55">
        <f>IF(Input!$K$13=1,J7326*Input!$J$13,0)+IF(Input!$K$14=1,K7326*Input!$J$14,0)+IF(Input!$K$15=1,L7326*Input!$J$15,0)+IF(Input!$K$16=1,M7326*Input!$J$16,0)</f>
        <v>1.0657462097175989</v>
      </c>
      <c r="O7326" s="58">
        <f>IF(Input!$K$13=2,J7326*Input!$J$13,0)+IF(Input!$K$14=2,K7326*Input!$J$14,0)+IF(Input!$K$15=2,L7326*Input!$J$15,0)+IF(Input!$K$16=2,M7326*Input!$J$16,0)</f>
        <v>8.1534675704351356E-2</v>
      </c>
      <c r="P7326" s="58">
        <f>IF(Input!$K$13=3,J7326*Input!$J$13,0)+IF(Input!$K$14=3,K7326*Input!$J$14,0)+IF(Input!$K$15=3,L7326*Input!$J$15,0)+IF(Input!$K$16=3,M7326*Input!$J$16,0)</f>
        <v>0</v>
      </c>
      <c r="Q7326" s="71">
        <f>IF(Input!$K$13=4,J7326*Input!$J$13,0)+IF(Input!$K$14=4,K7326*Input!$J$14,0)+IF(Input!$K$15=4,L7326*Input!$J$15,0)+IF(Input!$K$16=4,M7326*Input!$J$16,0)</f>
        <v>0</v>
      </c>
    </row>
    <row r="7327" spans="8:17" x14ac:dyDescent="0.25">
      <c r="H7327" s="43">
        <v>7320</v>
      </c>
      <c r="I7327" s="55">
        <f>Bühler!I7353</f>
        <v>0.49823948456272599</v>
      </c>
      <c r="J7327" s="58">
        <f>Bühler!J7353</f>
        <v>8.8812184143133255</v>
      </c>
      <c r="K7327" s="58">
        <f>Bühler!K7353</f>
        <v>0.603960560772973</v>
      </c>
      <c r="L7327" s="58">
        <f>Bühler!L7353</f>
        <v>0.3019802803864865</v>
      </c>
      <c r="M7327" s="57">
        <f>Bühler!M7353</f>
        <v>0</v>
      </c>
      <c r="N7327" s="55">
        <f>IF(Input!$K$13=1,J7327*Input!$J$13,0)+IF(Input!$K$14=1,K7327*Input!$J$14,0)+IF(Input!$K$15=1,L7327*Input!$J$15,0)+IF(Input!$K$16=1,M7327*Input!$J$16,0)</f>
        <v>1.0657462097175989</v>
      </c>
      <c r="O7327" s="58">
        <f>IF(Input!$K$13=2,J7327*Input!$J$13,0)+IF(Input!$K$14=2,K7327*Input!$J$14,0)+IF(Input!$K$15=2,L7327*Input!$J$15,0)+IF(Input!$K$16=2,M7327*Input!$J$16,0)</f>
        <v>8.1534675704351356E-2</v>
      </c>
      <c r="P7327" s="58">
        <f>IF(Input!$K$13=3,J7327*Input!$J$13,0)+IF(Input!$K$14=3,K7327*Input!$J$14,0)+IF(Input!$K$15=3,L7327*Input!$J$15,0)+IF(Input!$K$16=3,M7327*Input!$J$16,0)</f>
        <v>0</v>
      </c>
      <c r="Q7327" s="71">
        <f>IF(Input!$K$13=4,J7327*Input!$J$13,0)+IF(Input!$K$14=4,K7327*Input!$J$14,0)+IF(Input!$K$15=4,L7327*Input!$J$15,0)+IF(Input!$K$16=4,M7327*Input!$J$16,0)</f>
        <v>0</v>
      </c>
    </row>
    <row r="7328" spans="8:17" x14ac:dyDescent="0.25">
      <c r="H7328" s="43">
        <v>7321</v>
      </c>
      <c r="I7328" s="55">
        <f>Bühler!I7354</f>
        <v>0.56598554167144122</v>
      </c>
      <c r="J7328" s="58">
        <f>Bühler!J7354</f>
        <v>9.4525628680813405</v>
      </c>
      <c r="K7328" s="58">
        <f>Bühler!K7354</f>
        <v>0.60978368034851438</v>
      </c>
      <c r="L7328" s="58">
        <f>Bühler!L7354</f>
        <v>0.30489184017425719</v>
      </c>
      <c r="M7328" s="57">
        <f>Bühler!M7354</f>
        <v>0</v>
      </c>
      <c r="N7328" s="55">
        <f>IF(Input!$K$13=1,J7328*Input!$J$13,0)+IF(Input!$K$14=1,K7328*Input!$J$14,0)+IF(Input!$K$15=1,L7328*Input!$J$15,0)+IF(Input!$K$16=1,M7328*Input!$J$16,0)</f>
        <v>1.1343075441697608</v>
      </c>
      <c r="O7328" s="58">
        <f>IF(Input!$K$13=2,J7328*Input!$J$13,0)+IF(Input!$K$14=2,K7328*Input!$J$14,0)+IF(Input!$K$15=2,L7328*Input!$J$15,0)+IF(Input!$K$16=2,M7328*Input!$J$16,0)</f>
        <v>8.2320796847049432E-2</v>
      </c>
      <c r="P7328" s="58">
        <f>IF(Input!$K$13=3,J7328*Input!$J$13,0)+IF(Input!$K$14=3,K7328*Input!$J$14,0)+IF(Input!$K$15=3,L7328*Input!$J$15,0)+IF(Input!$K$16=3,M7328*Input!$J$16,0)</f>
        <v>0</v>
      </c>
      <c r="Q7328" s="71">
        <f>IF(Input!$K$13=4,J7328*Input!$J$13,0)+IF(Input!$K$14=4,K7328*Input!$J$14,0)+IF(Input!$K$15=4,L7328*Input!$J$15,0)+IF(Input!$K$16=4,M7328*Input!$J$16,0)</f>
        <v>0</v>
      </c>
    </row>
    <row r="7329" spans="8:17" x14ac:dyDescent="0.25">
      <c r="H7329" s="43">
        <v>7322</v>
      </c>
      <c r="I7329" s="55">
        <f>Bühler!I7355</f>
        <v>0.56598554167144122</v>
      </c>
      <c r="J7329" s="58">
        <f>Bühler!J7355</f>
        <v>9.4525628680813405</v>
      </c>
      <c r="K7329" s="58">
        <f>Bühler!K7355</f>
        <v>0.60978368034851438</v>
      </c>
      <c r="L7329" s="58">
        <f>Bühler!L7355</f>
        <v>0.30489184017425719</v>
      </c>
      <c r="M7329" s="57">
        <f>Bühler!M7355</f>
        <v>0</v>
      </c>
      <c r="N7329" s="55">
        <f>IF(Input!$K$13=1,J7329*Input!$J$13,0)+IF(Input!$K$14=1,K7329*Input!$J$14,0)+IF(Input!$K$15=1,L7329*Input!$J$15,0)+IF(Input!$K$16=1,M7329*Input!$J$16,0)</f>
        <v>1.1343075441697608</v>
      </c>
      <c r="O7329" s="58">
        <f>IF(Input!$K$13=2,J7329*Input!$J$13,0)+IF(Input!$K$14=2,K7329*Input!$J$14,0)+IF(Input!$K$15=2,L7329*Input!$J$15,0)+IF(Input!$K$16=2,M7329*Input!$J$16,0)</f>
        <v>8.2320796847049432E-2</v>
      </c>
      <c r="P7329" s="58">
        <f>IF(Input!$K$13=3,J7329*Input!$J$13,0)+IF(Input!$K$14=3,K7329*Input!$J$14,0)+IF(Input!$K$15=3,L7329*Input!$J$15,0)+IF(Input!$K$16=3,M7329*Input!$J$16,0)</f>
        <v>0</v>
      </c>
      <c r="Q7329" s="71">
        <f>IF(Input!$K$13=4,J7329*Input!$J$13,0)+IF(Input!$K$14=4,K7329*Input!$J$14,0)+IF(Input!$K$15=4,L7329*Input!$J$15,0)+IF(Input!$K$16=4,M7329*Input!$J$16,0)</f>
        <v>0</v>
      </c>
    </row>
    <row r="7330" spans="8:17" x14ac:dyDescent="0.25">
      <c r="H7330" s="43">
        <v>7323</v>
      </c>
      <c r="I7330" s="55">
        <f>Bühler!I7356</f>
        <v>0.56598554167144122</v>
      </c>
      <c r="J7330" s="58">
        <f>Bühler!J7356</f>
        <v>9.4525628680813405</v>
      </c>
      <c r="K7330" s="58">
        <f>Bühler!K7356</f>
        <v>0.60978368034851438</v>
      </c>
      <c r="L7330" s="58">
        <f>Bühler!L7356</f>
        <v>0.30489184017425719</v>
      </c>
      <c r="M7330" s="57">
        <f>Bühler!M7356</f>
        <v>0</v>
      </c>
      <c r="N7330" s="55">
        <f>IF(Input!$K$13=1,J7330*Input!$J$13,0)+IF(Input!$K$14=1,K7330*Input!$J$14,0)+IF(Input!$K$15=1,L7330*Input!$J$15,0)+IF(Input!$K$16=1,M7330*Input!$J$16,0)</f>
        <v>1.1343075441697608</v>
      </c>
      <c r="O7330" s="58">
        <f>IF(Input!$K$13=2,J7330*Input!$J$13,0)+IF(Input!$K$14=2,K7330*Input!$J$14,0)+IF(Input!$K$15=2,L7330*Input!$J$15,0)+IF(Input!$K$16=2,M7330*Input!$J$16,0)</f>
        <v>8.2320796847049432E-2</v>
      </c>
      <c r="P7330" s="58">
        <f>IF(Input!$K$13=3,J7330*Input!$J$13,0)+IF(Input!$K$14=3,K7330*Input!$J$14,0)+IF(Input!$K$15=3,L7330*Input!$J$15,0)+IF(Input!$K$16=3,M7330*Input!$J$16,0)</f>
        <v>0</v>
      </c>
      <c r="Q7330" s="71">
        <f>IF(Input!$K$13=4,J7330*Input!$J$13,0)+IF(Input!$K$14=4,K7330*Input!$J$14,0)+IF(Input!$K$15=4,L7330*Input!$J$15,0)+IF(Input!$K$16=4,M7330*Input!$J$16,0)</f>
        <v>0</v>
      </c>
    </row>
    <row r="7331" spans="8:17" x14ac:dyDescent="0.25">
      <c r="H7331" s="43">
        <v>7324</v>
      </c>
      <c r="I7331" s="55">
        <f>Bühler!I7357</f>
        <v>0.56598554167144122</v>
      </c>
      <c r="J7331" s="58">
        <f>Bühler!J7357</f>
        <v>9.4525628680813405</v>
      </c>
      <c r="K7331" s="58">
        <f>Bühler!K7357</f>
        <v>0.60978368034851438</v>
      </c>
      <c r="L7331" s="58">
        <f>Bühler!L7357</f>
        <v>0.30489184017425719</v>
      </c>
      <c r="M7331" s="57">
        <f>Bühler!M7357</f>
        <v>0</v>
      </c>
      <c r="N7331" s="55">
        <f>IF(Input!$K$13=1,J7331*Input!$J$13,0)+IF(Input!$K$14=1,K7331*Input!$J$14,0)+IF(Input!$K$15=1,L7331*Input!$J$15,0)+IF(Input!$K$16=1,M7331*Input!$J$16,0)</f>
        <v>1.1343075441697608</v>
      </c>
      <c r="O7331" s="58">
        <f>IF(Input!$K$13=2,J7331*Input!$J$13,0)+IF(Input!$K$14=2,K7331*Input!$J$14,0)+IF(Input!$K$15=2,L7331*Input!$J$15,0)+IF(Input!$K$16=2,M7331*Input!$J$16,0)</f>
        <v>8.2320796847049432E-2</v>
      </c>
      <c r="P7331" s="58">
        <f>IF(Input!$K$13=3,J7331*Input!$J$13,0)+IF(Input!$K$14=3,K7331*Input!$J$14,0)+IF(Input!$K$15=3,L7331*Input!$J$15,0)+IF(Input!$K$16=3,M7331*Input!$J$16,0)</f>
        <v>0</v>
      </c>
      <c r="Q7331" s="71">
        <f>IF(Input!$K$13=4,J7331*Input!$J$13,0)+IF(Input!$K$14=4,K7331*Input!$J$14,0)+IF(Input!$K$15=4,L7331*Input!$J$15,0)+IF(Input!$K$16=4,M7331*Input!$J$16,0)</f>
        <v>0</v>
      </c>
    </row>
    <row r="7332" spans="8:17" x14ac:dyDescent="0.25">
      <c r="H7332" s="43">
        <v>7325</v>
      </c>
      <c r="I7332" s="55">
        <f>Bühler!I7358</f>
        <v>0.56598554167144122</v>
      </c>
      <c r="J7332" s="58">
        <f>Bühler!J7358</f>
        <v>9.4525628680813405</v>
      </c>
      <c r="K7332" s="58">
        <f>Bühler!K7358</f>
        <v>0.60978368034851438</v>
      </c>
      <c r="L7332" s="58">
        <f>Bühler!L7358</f>
        <v>0.30489184017425719</v>
      </c>
      <c r="M7332" s="57">
        <f>Bühler!M7358</f>
        <v>0</v>
      </c>
      <c r="N7332" s="55">
        <f>IF(Input!$K$13=1,J7332*Input!$J$13,0)+IF(Input!$K$14=1,K7332*Input!$J$14,0)+IF(Input!$K$15=1,L7332*Input!$J$15,0)+IF(Input!$K$16=1,M7332*Input!$J$16,0)</f>
        <v>1.1343075441697608</v>
      </c>
      <c r="O7332" s="58">
        <f>IF(Input!$K$13=2,J7332*Input!$J$13,0)+IF(Input!$K$14=2,K7332*Input!$J$14,0)+IF(Input!$K$15=2,L7332*Input!$J$15,0)+IF(Input!$K$16=2,M7332*Input!$J$16,0)</f>
        <v>8.2320796847049432E-2</v>
      </c>
      <c r="P7332" s="58">
        <f>IF(Input!$K$13=3,J7332*Input!$J$13,0)+IF(Input!$K$14=3,K7332*Input!$J$14,0)+IF(Input!$K$15=3,L7332*Input!$J$15,0)+IF(Input!$K$16=3,M7332*Input!$J$16,0)</f>
        <v>0</v>
      </c>
      <c r="Q7332" s="71">
        <f>IF(Input!$K$13=4,J7332*Input!$J$13,0)+IF(Input!$K$14=4,K7332*Input!$J$14,0)+IF(Input!$K$15=4,L7332*Input!$J$15,0)+IF(Input!$K$16=4,M7332*Input!$J$16,0)</f>
        <v>0</v>
      </c>
    </row>
    <row r="7333" spans="8:17" x14ac:dyDescent="0.25">
      <c r="H7333" s="43">
        <v>7326</v>
      </c>
      <c r="I7333" s="55">
        <f>Bühler!I7359</f>
        <v>0.56598554167144122</v>
      </c>
      <c r="J7333" s="58">
        <f>Bühler!J7359</f>
        <v>9.4525628680813405</v>
      </c>
      <c r="K7333" s="58">
        <f>Bühler!K7359</f>
        <v>0.60978368034851438</v>
      </c>
      <c r="L7333" s="58">
        <f>Bühler!L7359</f>
        <v>0.30489184017425719</v>
      </c>
      <c r="M7333" s="57">
        <f>Bühler!M7359</f>
        <v>0</v>
      </c>
      <c r="N7333" s="55">
        <f>IF(Input!$K$13=1,J7333*Input!$J$13,0)+IF(Input!$K$14=1,K7333*Input!$J$14,0)+IF(Input!$K$15=1,L7333*Input!$J$15,0)+IF(Input!$K$16=1,M7333*Input!$J$16,0)</f>
        <v>1.1343075441697608</v>
      </c>
      <c r="O7333" s="58">
        <f>IF(Input!$K$13=2,J7333*Input!$J$13,0)+IF(Input!$K$14=2,K7333*Input!$J$14,0)+IF(Input!$K$15=2,L7333*Input!$J$15,0)+IF(Input!$K$16=2,M7333*Input!$J$16,0)</f>
        <v>8.2320796847049432E-2</v>
      </c>
      <c r="P7333" s="58">
        <f>IF(Input!$K$13=3,J7333*Input!$J$13,0)+IF(Input!$K$14=3,K7333*Input!$J$14,0)+IF(Input!$K$15=3,L7333*Input!$J$15,0)+IF(Input!$K$16=3,M7333*Input!$J$16,0)</f>
        <v>0</v>
      </c>
      <c r="Q7333" s="71">
        <f>IF(Input!$K$13=4,J7333*Input!$J$13,0)+IF(Input!$K$14=4,K7333*Input!$J$14,0)+IF(Input!$K$15=4,L7333*Input!$J$15,0)+IF(Input!$K$16=4,M7333*Input!$J$16,0)</f>
        <v>0</v>
      </c>
    </row>
    <row r="7334" spans="8:17" x14ac:dyDescent="0.25">
      <c r="H7334" s="43">
        <v>7327</v>
      </c>
      <c r="I7334" s="55">
        <f>Bühler!I7360</f>
        <v>0.56598554167144122</v>
      </c>
      <c r="J7334" s="58">
        <f>Bühler!J7360</f>
        <v>9.4525628680813405</v>
      </c>
      <c r="K7334" s="58">
        <f>Bühler!K7360</f>
        <v>0.60978368034851438</v>
      </c>
      <c r="L7334" s="58">
        <f>Bühler!L7360</f>
        <v>0.30489184017425719</v>
      </c>
      <c r="M7334" s="57">
        <f>Bühler!M7360</f>
        <v>0</v>
      </c>
      <c r="N7334" s="55">
        <f>IF(Input!$K$13=1,J7334*Input!$J$13,0)+IF(Input!$K$14=1,K7334*Input!$J$14,0)+IF(Input!$K$15=1,L7334*Input!$J$15,0)+IF(Input!$K$16=1,M7334*Input!$J$16,0)</f>
        <v>1.1343075441697608</v>
      </c>
      <c r="O7334" s="58">
        <f>IF(Input!$K$13=2,J7334*Input!$J$13,0)+IF(Input!$K$14=2,K7334*Input!$J$14,0)+IF(Input!$K$15=2,L7334*Input!$J$15,0)+IF(Input!$K$16=2,M7334*Input!$J$16,0)</f>
        <v>8.2320796847049432E-2</v>
      </c>
      <c r="P7334" s="58">
        <f>IF(Input!$K$13=3,J7334*Input!$J$13,0)+IF(Input!$K$14=3,K7334*Input!$J$14,0)+IF(Input!$K$15=3,L7334*Input!$J$15,0)+IF(Input!$K$16=3,M7334*Input!$J$16,0)</f>
        <v>0</v>
      </c>
      <c r="Q7334" s="71">
        <f>IF(Input!$K$13=4,J7334*Input!$J$13,0)+IF(Input!$K$14=4,K7334*Input!$J$14,0)+IF(Input!$K$15=4,L7334*Input!$J$15,0)+IF(Input!$K$16=4,M7334*Input!$J$16,0)</f>
        <v>0</v>
      </c>
    </row>
    <row r="7335" spans="8:17" x14ac:dyDescent="0.25">
      <c r="H7335" s="43">
        <v>7328</v>
      </c>
      <c r="I7335" s="55">
        <f>Bühler!I7361</f>
        <v>1.5592901673048205</v>
      </c>
      <c r="J7335" s="58">
        <f>Bühler!J7361</f>
        <v>37.823675273218768</v>
      </c>
      <c r="K7335" s="58">
        <f>Bühler!K7361</f>
        <v>2.4927217720913508</v>
      </c>
      <c r="L7335" s="58">
        <f>Bühler!L7361</f>
        <v>1.2463608860456754</v>
      </c>
      <c r="M7335" s="57">
        <f>Bühler!M7361</f>
        <v>0</v>
      </c>
      <c r="N7335" s="55">
        <f>IF(Input!$K$13=1,J7335*Input!$J$13,0)+IF(Input!$K$14=1,K7335*Input!$J$14,0)+IF(Input!$K$15=1,L7335*Input!$J$15,0)+IF(Input!$K$16=1,M7335*Input!$J$16,0)</f>
        <v>4.5388410327862516</v>
      </c>
      <c r="O7335" s="58">
        <f>IF(Input!$K$13=2,J7335*Input!$J$13,0)+IF(Input!$K$14=2,K7335*Input!$J$14,0)+IF(Input!$K$15=2,L7335*Input!$J$15,0)+IF(Input!$K$16=2,M7335*Input!$J$16,0)</f>
        <v>0.33651743923233235</v>
      </c>
      <c r="P7335" s="58">
        <f>IF(Input!$K$13=3,J7335*Input!$J$13,0)+IF(Input!$K$14=3,K7335*Input!$J$14,0)+IF(Input!$K$15=3,L7335*Input!$J$15,0)+IF(Input!$K$16=3,M7335*Input!$J$16,0)</f>
        <v>0</v>
      </c>
      <c r="Q7335" s="71">
        <f>IF(Input!$K$13=4,J7335*Input!$J$13,0)+IF(Input!$K$14=4,K7335*Input!$J$14,0)+IF(Input!$K$15=4,L7335*Input!$J$15,0)+IF(Input!$K$16=4,M7335*Input!$J$16,0)</f>
        <v>0</v>
      </c>
    </row>
    <row r="7336" spans="8:17" x14ac:dyDescent="0.25">
      <c r="H7336" s="43">
        <v>7329</v>
      </c>
      <c r="I7336" s="55">
        <f>Bühler!I7362</f>
        <v>1.7398395550980104</v>
      </c>
      <c r="J7336" s="58">
        <f>Bühler!J7362</f>
        <v>42.203258725907276</v>
      </c>
      <c r="K7336" s="58">
        <f>Bühler!K7362</f>
        <v>2.7813527141229817</v>
      </c>
      <c r="L7336" s="58">
        <f>Bühler!L7362</f>
        <v>1.3906763570614908</v>
      </c>
      <c r="M7336" s="57">
        <f>Bühler!M7362</f>
        <v>0</v>
      </c>
      <c r="N7336" s="55">
        <f>IF(Input!$K$13=1,J7336*Input!$J$13,0)+IF(Input!$K$14=1,K7336*Input!$J$14,0)+IF(Input!$K$15=1,L7336*Input!$J$15,0)+IF(Input!$K$16=1,M7336*Input!$J$16,0)</f>
        <v>5.0643910471088729</v>
      </c>
      <c r="O7336" s="58">
        <f>IF(Input!$K$13=2,J7336*Input!$J$13,0)+IF(Input!$K$14=2,K7336*Input!$J$14,0)+IF(Input!$K$15=2,L7336*Input!$J$15,0)+IF(Input!$K$16=2,M7336*Input!$J$16,0)</f>
        <v>0.37548261640660252</v>
      </c>
      <c r="P7336" s="58">
        <f>IF(Input!$K$13=3,J7336*Input!$J$13,0)+IF(Input!$K$14=3,K7336*Input!$J$14,0)+IF(Input!$K$15=3,L7336*Input!$J$15,0)+IF(Input!$K$16=3,M7336*Input!$J$16,0)</f>
        <v>0</v>
      </c>
      <c r="Q7336" s="71">
        <f>IF(Input!$K$13=4,J7336*Input!$J$13,0)+IF(Input!$K$14=4,K7336*Input!$J$14,0)+IF(Input!$K$15=4,L7336*Input!$J$15,0)+IF(Input!$K$16=4,M7336*Input!$J$16,0)</f>
        <v>0</v>
      </c>
    </row>
    <row r="7337" spans="8:17" x14ac:dyDescent="0.25">
      <c r="H7337" s="43">
        <v>7330</v>
      </c>
      <c r="I7337" s="55">
        <f>Bühler!I7363</f>
        <v>1.9203889428912</v>
      </c>
      <c r="J7337" s="58">
        <f>Bühler!J7363</f>
        <v>46.582842178595754</v>
      </c>
      <c r="K7337" s="58">
        <f>Bühler!K7363</f>
        <v>3.0699836561546117</v>
      </c>
      <c r="L7337" s="58">
        <f>Bühler!L7363</f>
        <v>1.5349918280773058</v>
      </c>
      <c r="M7337" s="57">
        <f>Bühler!M7363</f>
        <v>0</v>
      </c>
      <c r="N7337" s="55">
        <f>IF(Input!$K$13=1,J7337*Input!$J$13,0)+IF(Input!$K$14=1,K7337*Input!$J$14,0)+IF(Input!$K$15=1,L7337*Input!$J$15,0)+IF(Input!$K$16=1,M7337*Input!$J$16,0)</f>
        <v>5.5899410614314906</v>
      </c>
      <c r="O7337" s="58">
        <f>IF(Input!$K$13=2,J7337*Input!$J$13,0)+IF(Input!$K$14=2,K7337*Input!$J$14,0)+IF(Input!$K$15=2,L7337*Input!$J$15,0)+IF(Input!$K$16=2,M7337*Input!$J$16,0)</f>
        <v>0.41444779358087258</v>
      </c>
      <c r="P7337" s="58">
        <f>IF(Input!$K$13=3,J7337*Input!$J$13,0)+IF(Input!$K$14=3,K7337*Input!$J$14,0)+IF(Input!$K$15=3,L7337*Input!$J$15,0)+IF(Input!$K$16=3,M7337*Input!$J$16,0)</f>
        <v>0</v>
      </c>
      <c r="Q7337" s="71">
        <f>IF(Input!$K$13=4,J7337*Input!$J$13,0)+IF(Input!$K$14=4,K7337*Input!$J$14,0)+IF(Input!$K$15=4,L7337*Input!$J$15,0)+IF(Input!$K$16=4,M7337*Input!$J$16,0)</f>
        <v>0</v>
      </c>
    </row>
    <row r="7338" spans="8:17" x14ac:dyDescent="0.25">
      <c r="H7338" s="43">
        <v>7331</v>
      </c>
      <c r="I7338" s="55">
        <f>Bühler!I7364</f>
        <v>1.9203889428912</v>
      </c>
      <c r="J7338" s="58">
        <f>Bühler!J7364</f>
        <v>46.582842178595754</v>
      </c>
      <c r="K7338" s="58">
        <f>Bühler!K7364</f>
        <v>3.0699836561546117</v>
      </c>
      <c r="L7338" s="58">
        <f>Bühler!L7364</f>
        <v>1.5349918280773058</v>
      </c>
      <c r="M7338" s="57">
        <f>Bühler!M7364</f>
        <v>0</v>
      </c>
      <c r="N7338" s="55">
        <f>IF(Input!$K$13=1,J7338*Input!$J$13,0)+IF(Input!$K$14=1,K7338*Input!$J$14,0)+IF(Input!$K$15=1,L7338*Input!$J$15,0)+IF(Input!$K$16=1,M7338*Input!$J$16,0)</f>
        <v>5.5899410614314906</v>
      </c>
      <c r="O7338" s="58">
        <f>IF(Input!$K$13=2,J7338*Input!$J$13,0)+IF(Input!$K$14=2,K7338*Input!$J$14,0)+IF(Input!$K$15=2,L7338*Input!$J$15,0)+IF(Input!$K$16=2,M7338*Input!$J$16,0)</f>
        <v>0.41444779358087258</v>
      </c>
      <c r="P7338" s="58">
        <f>IF(Input!$K$13=3,J7338*Input!$J$13,0)+IF(Input!$K$14=3,K7338*Input!$J$14,0)+IF(Input!$K$15=3,L7338*Input!$J$15,0)+IF(Input!$K$16=3,M7338*Input!$J$16,0)</f>
        <v>0</v>
      </c>
      <c r="Q7338" s="71">
        <f>IF(Input!$K$13=4,J7338*Input!$J$13,0)+IF(Input!$K$14=4,K7338*Input!$J$14,0)+IF(Input!$K$15=4,L7338*Input!$J$15,0)+IF(Input!$K$16=4,M7338*Input!$J$16,0)</f>
        <v>0</v>
      </c>
    </row>
    <row r="7339" spans="8:17" x14ac:dyDescent="0.25">
      <c r="H7339" s="43">
        <v>7332</v>
      </c>
      <c r="I7339" s="55">
        <f>Bühler!I7365</f>
        <v>2.297901299186051</v>
      </c>
      <c r="J7339" s="58">
        <f>Bühler!J7365</f>
        <v>55.740153034217144</v>
      </c>
      <c r="K7339" s="58">
        <f>Bühler!K7365</f>
        <v>3.6734847167662013</v>
      </c>
      <c r="L7339" s="58">
        <f>Bühler!L7365</f>
        <v>1.8367423583831006</v>
      </c>
      <c r="M7339" s="57">
        <f>Bühler!M7365</f>
        <v>0</v>
      </c>
      <c r="N7339" s="55">
        <f>IF(Input!$K$13=1,J7339*Input!$J$13,0)+IF(Input!$K$14=1,K7339*Input!$J$14,0)+IF(Input!$K$15=1,L7339*Input!$J$15,0)+IF(Input!$K$16=1,M7339*Input!$J$16,0)</f>
        <v>6.6888183641060568</v>
      </c>
      <c r="O7339" s="58">
        <f>IF(Input!$K$13=2,J7339*Input!$J$13,0)+IF(Input!$K$14=2,K7339*Input!$J$14,0)+IF(Input!$K$15=2,L7339*Input!$J$15,0)+IF(Input!$K$16=2,M7339*Input!$J$16,0)</f>
        <v>0.49592043676343717</v>
      </c>
      <c r="P7339" s="58">
        <f>IF(Input!$K$13=3,J7339*Input!$J$13,0)+IF(Input!$K$14=3,K7339*Input!$J$14,0)+IF(Input!$K$15=3,L7339*Input!$J$15,0)+IF(Input!$K$16=3,M7339*Input!$J$16,0)</f>
        <v>0</v>
      </c>
      <c r="Q7339" s="71">
        <f>IF(Input!$K$13=4,J7339*Input!$J$13,0)+IF(Input!$K$14=4,K7339*Input!$J$14,0)+IF(Input!$K$15=4,L7339*Input!$J$15,0)+IF(Input!$K$16=4,M7339*Input!$J$16,0)</f>
        <v>0</v>
      </c>
    </row>
    <row r="7340" spans="8:17" x14ac:dyDescent="0.25">
      <c r="H7340" s="43">
        <v>7333</v>
      </c>
      <c r="I7340" s="55">
        <f>Bühler!I7366</f>
        <v>2.297901299186051</v>
      </c>
      <c r="J7340" s="58">
        <f>Bühler!J7366</f>
        <v>55.740153034217144</v>
      </c>
      <c r="K7340" s="58">
        <f>Bühler!K7366</f>
        <v>3.6734847167662013</v>
      </c>
      <c r="L7340" s="58">
        <f>Bühler!L7366</f>
        <v>1.8367423583831006</v>
      </c>
      <c r="M7340" s="57">
        <f>Bühler!M7366</f>
        <v>0</v>
      </c>
      <c r="N7340" s="55">
        <f>IF(Input!$K$13=1,J7340*Input!$J$13,0)+IF(Input!$K$14=1,K7340*Input!$J$14,0)+IF(Input!$K$15=1,L7340*Input!$J$15,0)+IF(Input!$K$16=1,M7340*Input!$J$16,0)</f>
        <v>6.6888183641060568</v>
      </c>
      <c r="O7340" s="58">
        <f>IF(Input!$K$13=2,J7340*Input!$J$13,0)+IF(Input!$K$14=2,K7340*Input!$J$14,0)+IF(Input!$K$15=2,L7340*Input!$J$15,0)+IF(Input!$K$16=2,M7340*Input!$J$16,0)</f>
        <v>0.49592043676343717</v>
      </c>
      <c r="P7340" s="58">
        <f>IF(Input!$K$13=3,J7340*Input!$J$13,0)+IF(Input!$K$14=3,K7340*Input!$J$14,0)+IF(Input!$K$15=3,L7340*Input!$J$15,0)+IF(Input!$K$16=3,M7340*Input!$J$16,0)</f>
        <v>0</v>
      </c>
      <c r="Q7340" s="71">
        <f>IF(Input!$K$13=4,J7340*Input!$J$13,0)+IF(Input!$K$14=4,K7340*Input!$J$14,0)+IF(Input!$K$15=4,L7340*Input!$J$15,0)+IF(Input!$K$16=4,M7340*Input!$J$16,0)</f>
        <v>0</v>
      </c>
    </row>
    <row r="7341" spans="8:17" x14ac:dyDescent="0.25">
      <c r="H7341" s="43">
        <v>7334</v>
      </c>
      <c r="I7341" s="55">
        <f>Bühler!I7367</f>
        <v>1.526463005887877</v>
      </c>
      <c r="J7341" s="58">
        <f>Bühler!J7367</f>
        <v>37.027387372729962</v>
      </c>
      <c r="K7341" s="58">
        <f>Bühler!K7367</f>
        <v>2.4402434189946911</v>
      </c>
      <c r="L7341" s="58">
        <f>Bühler!L7367</f>
        <v>1.2201217094973456</v>
      </c>
      <c r="M7341" s="57">
        <f>Bühler!M7367</f>
        <v>0</v>
      </c>
      <c r="N7341" s="55">
        <f>IF(Input!$K$13=1,J7341*Input!$J$13,0)+IF(Input!$K$14=1,K7341*Input!$J$14,0)+IF(Input!$K$15=1,L7341*Input!$J$15,0)+IF(Input!$K$16=1,M7341*Input!$J$16,0)</f>
        <v>4.4432864847275955</v>
      </c>
      <c r="O7341" s="58">
        <f>IF(Input!$K$13=2,J7341*Input!$J$13,0)+IF(Input!$K$14=2,K7341*Input!$J$14,0)+IF(Input!$K$15=2,L7341*Input!$J$15,0)+IF(Input!$K$16=2,M7341*Input!$J$16,0)</f>
        <v>0.32943286156428331</v>
      </c>
      <c r="P7341" s="58">
        <f>IF(Input!$K$13=3,J7341*Input!$J$13,0)+IF(Input!$K$14=3,K7341*Input!$J$14,0)+IF(Input!$K$15=3,L7341*Input!$J$15,0)+IF(Input!$K$16=3,M7341*Input!$J$16,0)</f>
        <v>0</v>
      </c>
      <c r="Q7341" s="71">
        <f>IF(Input!$K$13=4,J7341*Input!$J$13,0)+IF(Input!$K$14=4,K7341*Input!$J$14,0)+IF(Input!$K$15=4,L7341*Input!$J$15,0)+IF(Input!$K$16=4,M7341*Input!$J$16,0)</f>
        <v>0</v>
      </c>
    </row>
    <row r="7342" spans="8:17" x14ac:dyDescent="0.25">
      <c r="H7342" s="43">
        <v>7335</v>
      </c>
      <c r="I7342" s="55">
        <f>Bühler!I7368</f>
        <v>2.297901299186051</v>
      </c>
      <c r="J7342" s="58">
        <f>Bühler!J7368</f>
        <v>55.740153034217144</v>
      </c>
      <c r="K7342" s="58">
        <f>Bühler!K7368</f>
        <v>3.6734847167662013</v>
      </c>
      <c r="L7342" s="58">
        <f>Bühler!L7368</f>
        <v>1.8367423583831006</v>
      </c>
      <c r="M7342" s="57">
        <f>Bühler!M7368</f>
        <v>0</v>
      </c>
      <c r="N7342" s="55">
        <f>IF(Input!$K$13=1,J7342*Input!$J$13,0)+IF(Input!$K$14=1,K7342*Input!$J$14,0)+IF(Input!$K$15=1,L7342*Input!$J$15,0)+IF(Input!$K$16=1,M7342*Input!$J$16,0)</f>
        <v>6.6888183641060568</v>
      </c>
      <c r="O7342" s="58">
        <f>IF(Input!$K$13=2,J7342*Input!$J$13,0)+IF(Input!$K$14=2,K7342*Input!$J$14,0)+IF(Input!$K$15=2,L7342*Input!$J$15,0)+IF(Input!$K$16=2,M7342*Input!$J$16,0)</f>
        <v>0.49592043676343717</v>
      </c>
      <c r="P7342" s="58">
        <f>IF(Input!$K$13=3,J7342*Input!$J$13,0)+IF(Input!$K$14=3,K7342*Input!$J$14,0)+IF(Input!$K$15=3,L7342*Input!$J$15,0)+IF(Input!$K$16=3,M7342*Input!$J$16,0)</f>
        <v>0</v>
      </c>
      <c r="Q7342" s="71">
        <f>IF(Input!$K$13=4,J7342*Input!$J$13,0)+IF(Input!$K$14=4,K7342*Input!$J$14,0)+IF(Input!$K$15=4,L7342*Input!$J$15,0)+IF(Input!$K$16=4,M7342*Input!$J$16,0)</f>
        <v>0</v>
      </c>
    </row>
    <row r="7343" spans="8:17" x14ac:dyDescent="0.25">
      <c r="H7343" s="43">
        <v>7336</v>
      </c>
      <c r="I7343" s="55">
        <f>Bühler!I7369</f>
        <v>2.297901299186051</v>
      </c>
      <c r="J7343" s="58">
        <f>Bühler!J7369</f>
        <v>55.740153034217144</v>
      </c>
      <c r="K7343" s="58">
        <f>Bühler!K7369</f>
        <v>3.6734847167662013</v>
      </c>
      <c r="L7343" s="58">
        <f>Bühler!L7369</f>
        <v>1.8367423583831006</v>
      </c>
      <c r="M7343" s="57">
        <f>Bühler!M7369</f>
        <v>0</v>
      </c>
      <c r="N7343" s="55">
        <f>IF(Input!$K$13=1,J7343*Input!$J$13,0)+IF(Input!$K$14=1,K7343*Input!$J$14,0)+IF(Input!$K$15=1,L7343*Input!$J$15,0)+IF(Input!$K$16=1,M7343*Input!$J$16,0)</f>
        <v>6.6888183641060568</v>
      </c>
      <c r="O7343" s="58">
        <f>IF(Input!$K$13=2,J7343*Input!$J$13,0)+IF(Input!$K$14=2,K7343*Input!$J$14,0)+IF(Input!$K$15=2,L7343*Input!$J$15,0)+IF(Input!$K$16=2,M7343*Input!$J$16,0)</f>
        <v>0.49592043676343717</v>
      </c>
      <c r="P7343" s="58">
        <f>IF(Input!$K$13=3,J7343*Input!$J$13,0)+IF(Input!$K$14=3,K7343*Input!$J$14,0)+IF(Input!$K$15=3,L7343*Input!$J$15,0)+IF(Input!$K$16=3,M7343*Input!$J$16,0)</f>
        <v>0</v>
      </c>
      <c r="Q7343" s="71">
        <f>IF(Input!$K$13=4,J7343*Input!$J$13,0)+IF(Input!$K$14=4,K7343*Input!$J$14,0)+IF(Input!$K$15=4,L7343*Input!$J$15,0)+IF(Input!$K$16=4,M7343*Input!$J$16,0)</f>
        <v>0</v>
      </c>
    </row>
    <row r="7344" spans="8:17" x14ac:dyDescent="0.25">
      <c r="H7344" s="43">
        <v>7337</v>
      </c>
      <c r="I7344" s="55">
        <f>Bühler!I7370</f>
        <v>1.9201059501203646</v>
      </c>
      <c r="J7344" s="58">
        <f>Bühler!J7370</f>
        <v>33.460026898641068</v>
      </c>
      <c r="K7344" s="58">
        <f>Bühler!K7370</f>
        <v>2.1647320652372257</v>
      </c>
      <c r="L7344" s="58">
        <f>Bühler!L7370</f>
        <v>1.0823660326186129</v>
      </c>
      <c r="M7344" s="57">
        <f>Bühler!M7370</f>
        <v>0</v>
      </c>
      <c r="N7344" s="55">
        <f>IF(Input!$K$13=1,J7344*Input!$J$13,0)+IF(Input!$K$14=1,K7344*Input!$J$14,0)+IF(Input!$K$15=1,L7344*Input!$J$15,0)+IF(Input!$K$16=1,M7344*Input!$J$16,0)</f>
        <v>4.0152032278369276</v>
      </c>
      <c r="O7344" s="58">
        <f>IF(Input!$K$13=2,J7344*Input!$J$13,0)+IF(Input!$K$14=2,K7344*Input!$J$14,0)+IF(Input!$K$15=2,L7344*Input!$J$15,0)+IF(Input!$K$16=2,M7344*Input!$J$16,0)</f>
        <v>0.29223882880702545</v>
      </c>
      <c r="P7344" s="58">
        <f>IF(Input!$K$13=3,J7344*Input!$J$13,0)+IF(Input!$K$14=3,K7344*Input!$J$14,0)+IF(Input!$K$15=3,L7344*Input!$J$15,0)+IF(Input!$K$16=3,M7344*Input!$J$16,0)</f>
        <v>0</v>
      </c>
      <c r="Q7344" s="71">
        <f>IF(Input!$K$13=4,J7344*Input!$J$13,0)+IF(Input!$K$14=4,K7344*Input!$J$14,0)+IF(Input!$K$15=4,L7344*Input!$J$15,0)+IF(Input!$K$16=4,M7344*Input!$J$16,0)</f>
        <v>0</v>
      </c>
    </row>
    <row r="7345" spans="8:17" x14ac:dyDescent="0.25">
      <c r="H7345" s="43">
        <v>7338</v>
      </c>
      <c r="I7345" s="55">
        <f>Bühler!I7371</f>
        <v>1.5267459986587126</v>
      </c>
      <c r="J7345" s="58">
        <f>Bühler!J7371</f>
        <v>15.047023111583222</v>
      </c>
      <c r="K7345" s="58">
        <f>Bühler!K7371</f>
        <v>0.92391466719471893</v>
      </c>
      <c r="L7345" s="58">
        <f>Bühler!L7371</f>
        <v>0.46195733359735947</v>
      </c>
      <c r="M7345" s="57">
        <f>Bühler!M7371</f>
        <v>0</v>
      </c>
      <c r="N7345" s="55">
        <f>IF(Input!$K$13=1,J7345*Input!$J$13,0)+IF(Input!$K$14=1,K7345*Input!$J$14,0)+IF(Input!$K$15=1,L7345*Input!$J$15,0)+IF(Input!$K$16=1,M7345*Input!$J$16,0)</f>
        <v>1.8056427733899865</v>
      </c>
      <c r="O7345" s="58">
        <f>IF(Input!$K$13=2,J7345*Input!$J$13,0)+IF(Input!$K$14=2,K7345*Input!$J$14,0)+IF(Input!$K$15=2,L7345*Input!$J$15,0)+IF(Input!$K$16=2,M7345*Input!$J$16,0)</f>
        <v>0.12472848007128705</v>
      </c>
      <c r="P7345" s="58">
        <f>IF(Input!$K$13=3,J7345*Input!$J$13,0)+IF(Input!$K$14=3,K7345*Input!$J$14,0)+IF(Input!$K$15=3,L7345*Input!$J$15,0)+IF(Input!$K$16=3,M7345*Input!$J$16,0)</f>
        <v>0</v>
      </c>
      <c r="Q7345" s="71">
        <f>IF(Input!$K$13=4,J7345*Input!$J$13,0)+IF(Input!$K$14=4,K7345*Input!$J$14,0)+IF(Input!$K$15=4,L7345*Input!$J$15,0)+IF(Input!$K$16=4,M7345*Input!$J$16,0)</f>
        <v>0</v>
      </c>
    </row>
    <row r="7346" spans="8:17" x14ac:dyDescent="0.25">
      <c r="H7346" s="43">
        <v>7339</v>
      </c>
      <c r="I7346" s="55">
        <f>Bühler!I7372</f>
        <v>0.56598554167144122</v>
      </c>
      <c r="J7346" s="58">
        <f>Bühler!J7372</f>
        <v>9.4525628680813405</v>
      </c>
      <c r="K7346" s="58">
        <f>Bühler!K7372</f>
        <v>0.60978368034851438</v>
      </c>
      <c r="L7346" s="58">
        <f>Bühler!L7372</f>
        <v>0.30489184017425719</v>
      </c>
      <c r="M7346" s="57">
        <f>Bühler!M7372</f>
        <v>0</v>
      </c>
      <c r="N7346" s="55">
        <f>IF(Input!$K$13=1,J7346*Input!$J$13,0)+IF(Input!$K$14=1,K7346*Input!$J$14,0)+IF(Input!$K$15=1,L7346*Input!$J$15,0)+IF(Input!$K$16=1,M7346*Input!$J$16,0)</f>
        <v>1.1343075441697608</v>
      </c>
      <c r="O7346" s="58">
        <f>IF(Input!$K$13=2,J7346*Input!$J$13,0)+IF(Input!$K$14=2,K7346*Input!$J$14,0)+IF(Input!$K$15=2,L7346*Input!$J$15,0)+IF(Input!$K$16=2,M7346*Input!$J$16,0)</f>
        <v>8.2320796847049432E-2</v>
      </c>
      <c r="P7346" s="58">
        <f>IF(Input!$K$13=3,J7346*Input!$J$13,0)+IF(Input!$K$14=3,K7346*Input!$J$14,0)+IF(Input!$K$15=3,L7346*Input!$J$15,0)+IF(Input!$K$16=3,M7346*Input!$J$16,0)</f>
        <v>0</v>
      </c>
      <c r="Q7346" s="71">
        <f>IF(Input!$K$13=4,J7346*Input!$J$13,0)+IF(Input!$K$14=4,K7346*Input!$J$14,0)+IF(Input!$K$15=4,L7346*Input!$J$15,0)+IF(Input!$K$16=4,M7346*Input!$J$16,0)</f>
        <v>0</v>
      </c>
    </row>
    <row r="7347" spans="8:17" x14ac:dyDescent="0.25">
      <c r="H7347" s="43">
        <v>7340</v>
      </c>
      <c r="I7347" s="55">
        <f>Bühler!I7373</f>
        <v>0.56598554167144122</v>
      </c>
      <c r="J7347" s="58">
        <f>Bühler!J7373</f>
        <v>9.4525628680813405</v>
      </c>
      <c r="K7347" s="58">
        <f>Bühler!K7373</f>
        <v>0.60978368034851438</v>
      </c>
      <c r="L7347" s="58">
        <f>Bühler!L7373</f>
        <v>0.30489184017425719</v>
      </c>
      <c r="M7347" s="57">
        <f>Bühler!M7373</f>
        <v>0</v>
      </c>
      <c r="N7347" s="55">
        <f>IF(Input!$K$13=1,J7347*Input!$J$13,0)+IF(Input!$K$14=1,K7347*Input!$J$14,0)+IF(Input!$K$15=1,L7347*Input!$J$15,0)+IF(Input!$K$16=1,M7347*Input!$J$16,0)</f>
        <v>1.1343075441697608</v>
      </c>
      <c r="O7347" s="58">
        <f>IF(Input!$K$13=2,J7347*Input!$J$13,0)+IF(Input!$K$14=2,K7347*Input!$J$14,0)+IF(Input!$K$15=2,L7347*Input!$J$15,0)+IF(Input!$K$16=2,M7347*Input!$J$16,0)</f>
        <v>8.2320796847049432E-2</v>
      </c>
      <c r="P7347" s="58">
        <f>IF(Input!$K$13=3,J7347*Input!$J$13,0)+IF(Input!$K$14=3,K7347*Input!$J$14,0)+IF(Input!$K$15=3,L7347*Input!$J$15,0)+IF(Input!$K$16=3,M7347*Input!$J$16,0)</f>
        <v>0</v>
      </c>
      <c r="Q7347" s="71">
        <f>IF(Input!$K$13=4,J7347*Input!$J$13,0)+IF(Input!$K$14=4,K7347*Input!$J$14,0)+IF(Input!$K$15=4,L7347*Input!$J$15,0)+IF(Input!$K$16=4,M7347*Input!$J$16,0)</f>
        <v>0</v>
      </c>
    </row>
    <row r="7348" spans="8:17" x14ac:dyDescent="0.25">
      <c r="H7348" s="43">
        <v>7341</v>
      </c>
      <c r="I7348" s="55">
        <f>Bühler!I7374</f>
        <v>0.56598554167144122</v>
      </c>
      <c r="J7348" s="58">
        <f>Bühler!J7374</f>
        <v>9.4525628680813405</v>
      </c>
      <c r="K7348" s="58">
        <f>Bühler!K7374</f>
        <v>0.60978368034851438</v>
      </c>
      <c r="L7348" s="58">
        <f>Bühler!L7374</f>
        <v>0.30489184017425719</v>
      </c>
      <c r="M7348" s="57">
        <f>Bühler!M7374</f>
        <v>0</v>
      </c>
      <c r="N7348" s="55">
        <f>IF(Input!$K$13=1,J7348*Input!$J$13,0)+IF(Input!$K$14=1,K7348*Input!$J$14,0)+IF(Input!$K$15=1,L7348*Input!$J$15,0)+IF(Input!$K$16=1,M7348*Input!$J$16,0)</f>
        <v>1.1343075441697608</v>
      </c>
      <c r="O7348" s="58">
        <f>IF(Input!$K$13=2,J7348*Input!$J$13,0)+IF(Input!$K$14=2,K7348*Input!$J$14,0)+IF(Input!$K$15=2,L7348*Input!$J$15,0)+IF(Input!$K$16=2,M7348*Input!$J$16,0)</f>
        <v>8.2320796847049432E-2</v>
      </c>
      <c r="P7348" s="58">
        <f>IF(Input!$K$13=3,J7348*Input!$J$13,0)+IF(Input!$K$14=3,K7348*Input!$J$14,0)+IF(Input!$K$15=3,L7348*Input!$J$15,0)+IF(Input!$K$16=3,M7348*Input!$J$16,0)</f>
        <v>0</v>
      </c>
      <c r="Q7348" s="71">
        <f>IF(Input!$K$13=4,J7348*Input!$J$13,0)+IF(Input!$K$14=4,K7348*Input!$J$14,0)+IF(Input!$K$15=4,L7348*Input!$J$15,0)+IF(Input!$K$16=4,M7348*Input!$J$16,0)</f>
        <v>0</v>
      </c>
    </row>
    <row r="7349" spans="8:17" x14ac:dyDescent="0.25">
      <c r="H7349" s="43">
        <v>7342</v>
      </c>
      <c r="I7349" s="55">
        <f>Bühler!I7375</f>
        <v>0.56598554167144122</v>
      </c>
      <c r="J7349" s="58">
        <f>Bühler!J7375</f>
        <v>9.4525628680813405</v>
      </c>
      <c r="K7349" s="58">
        <f>Bühler!K7375</f>
        <v>0.60978368034851438</v>
      </c>
      <c r="L7349" s="58">
        <f>Bühler!L7375</f>
        <v>0.30489184017425719</v>
      </c>
      <c r="M7349" s="57">
        <f>Bühler!M7375</f>
        <v>0</v>
      </c>
      <c r="N7349" s="55">
        <f>IF(Input!$K$13=1,J7349*Input!$J$13,0)+IF(Input!$K$14=1,K7349*Input!$J$14,0)+IF(Input!$K$15=1,L7349*Input!$J$15,0)+IF(Input!$K$16=1,M7349*Input!$J$16,0)</f>
        <v>1.1343075441697608</v>
      </c>
      <c r="O7349" s="58">
        <f>IF(Input!$K$13=2,J7349*Input!$J$13,0)+IF(Input!$K$14=2,K7349*Input!$J$14,0)+IF(Input!$K$15=2,L7349*Input!$J$15,0)+IF(Input!$K$16=2,M7349*Input!$J$16,0)</f>
        <v>8.2320796847049432E-2</v>
      </c>
      <c r="P7349" s="58">
        <f>IF(Input!$K$13=3,J7349*Input!$J$13,0)+IF(Input!$K$14=3,K7349*Input!$J$14,0)+IF(Input!$K$15=3,L7349*Input!$J$15,0)+IF(Input!$K$16=3,M7349*Input!$J$16,0)</f>
        <v>0</v>
      </c>
      <c r="Q7349" s="71">
        <f>IF(Input!$K$13=4,J7349*Input!$J$13,0)+IF(Input!$K$14=4,K7349*Input!$J$14,0)+IF(Input!$K$15=4,L7349*Input!$J$15,0)+IF(Input!$K$16=4,M7349*Input!$J$16,0)</f>
        <v>0</v>
      </c>
    </row>
    <row r="7350" spans="8:17" x14ac:dyDescent="0.25">
      <c r="H7350" s="43">
        <v>7343</v>
      </c>
      <c r="I7350" s="55">
        <f>Bühler!I7376</f>
        <v>0.56598554167144122</v>
      </c>
      <c r="J7350" s="58">
        <f>Bühler!J7376</f>
        <v>9.4525628680813405</v>
      </c>
      <c r="K7350" s="58">
        <f>Bühler!K7376</f>
        <v>0.60978368034851438</v>
      </c>
      <c r="L7350" s="58">
        <f>Bühler!L7376</f>
        <v>0.30489184017425719</v>
      </c>
      <c r="M7350" s="57">
        <f>Bühler!M7376</f>
        <v>0</v>
      </c>
      <c r="N7350" s="55">
        <f>IF(Input!$K$13=1,J7350*Input!$J$13,0)+IF(Input!$K$14=1,K7350*Input!$J$14,0)+IF(Input!$K$15=1,L7350*Input!$J$15,0)+IF(Input!$K$16=1,M7350*Input!$J$16,0)</f>
        <v>1.1343075441697608</v>
      </c>
      <c r="O7350" s="58">
        <f>IF(Input!$K$13=2,J7350*Input!$J$13,0)+IF(Input!$K$14=2,K7350*Input!$J$14,0)+IF(Input!$K$15=2,L7350*Input!$J$15,0)+IF(Input!$K$16=2,M7350*Input!$J$16,0)</f>
        <v>8.2320796847049432E-2</v>
      </c>
      <c r="P7350" s="58">
        <f>IF(Input!$K$13=3,J7350*Input!$J$13,0)+IF(Input!$K$14=3,K7350*Input!$J$14,0)+IF(Input!$K$15=3,L7350*Input!$J$15,0)+IF(Input!$K$16=3,M7350*Input!$J$16,0)</f>
        <v>0</v>
      </c>
      <c r="Q7350" s="71">
        <f>IF(Input!$K$13=4,J7350*Input!$J$13,0)+IF(Input!$K$14=4,K7350*Input!$J$14,0)+IF(Input!$K$15=4,L7350*Input!$J$15,0)+IF(Input!$K$16=4,M7350*Input!$J$16,0)</f>
        <v>0</v>
      </c>
    </row>
    <row r="7351" spans="8:17" x14ac:dyDescent="0.25">
      <c r="H7351" s="43">
        <v>7344</v>
      </c>
      <c r="I7351" s="55">
        <f>Bühler!I7377</f>
        <v>0.56598554167144122</v>
      </c>
      <c r="J7351" s="58">
        <f>Bühler!J7377</f>
        <v>9.4525628680813405</v>
      </c>
      <c r="K7351" s="58">
        <f>Bühler!K7377</f>
        <v>0.60978368034851438</v>
      </c>
      <c r="L7351" s="58">
        <f>Bühler!L7377</f>
        <v>0.30489184017425719</v>
      </c>
      <c r="M7351" s="57">
        <f>Bühler!M7377</f>
        <v>0</v>
      </c>
      <c r="N7351" s="55">
        <f>IF(Input!$K$13=1,J7351*Input!$J$13,0)+IF(Input!$K$14=1,K7351*Input!$J$14,0)+IF(Input!$K$15=1,L7351*Input!$J$15,0)+IF(Input!$K$16=1,M7351*Input!$J$16,0)</f>
        <v>1.1343075441697608</v>
      </c>
      <c r="O7351" s="58">
        <f>IF(Input!$K$13=2,J7351*Input!$J$13,0)+IF(Input!$K$14=2,K7351*Input!$J$14,0)+IF(Input!$K$15=2,L7351*Input!$J$15,0)+IF(Input!$K$16=2,M7351*Input!$J$16,0)</f>
        <v>8.2320796847049432E-2</v>
      </c>
      <c r="P7351" s="58">
        <f>IF(Input!$K$13=3,J7351*Input!$J$13,0)+IF(Input!$K$14=3,K7351*Input!$J$14,0)+IF(Input!$K$15=3,L7351*Input!$J$15,0)+IF(Input!$K$16=3,M7351*Input!$J$16,0)</f>
        <v>0</v>
      </c>
      <c r="Q7351" s="71">
        <f>IF(Input!$K$13=4,J7351*Input!$J$13,0)+IF(Input!$K$14=4,K7351*Input!$J$14,0)+IF(Input!$K$15=4,L7351*Input!$J$15,0)+IF(Input!$K$16=4,M7351*Input!$J$16,0)</f>
        <v>0</v>
      </c>
    </row>
    <row r="7352" spans="8:17" x14ac:dyDescent="0.25">
      <c r="H7352" s="43">
        <v>7345</v>
      </c>
      <c r="I7352" s="55">
        <f>Bühler!I7378</f>
        <v>1.1551289140631058</v>
      </c>
      <c r="J7352" s="58">
        <f>Bühler!J7378</f>
        <v>15.875794882730647</v>
      </c>
      <c r="K7352" s="58">
        <f>Bühler!K7378</f>
        <v>0.9451248011893203</v>
      </c>
      <c r="L7352" s="58">
        <f>Bühler!L7378</f>
        <v>0.47256240059466015</v>
      </c>
      <c r="M7352" s="57">
        <f>Bühler!M7378</f>
        <v>0</v>
      </c>
      <c r="N7352" s="55">
        <f>IF(Input!$K$13=1,J7352*Input!$J$13,0)+IF(Input!$K$14=1,K7352*Input!$J$14,0)+IF(Input!$K$15=1,L7352*Input!$J$15,0)+IF(Input!$K$16=1,M7352*Input!$J$16,0)</f>
        <v>1.9050953859276776</v>
      </c>
      <c r="O7352" s="58">
        <f>IF(Input!$K$13=2,J7352*Input!$J$13,0)+IF(Input!$K$14=2,K7352*Input!$J$14,0)+IF(Input!$K$15=2,L7352*Input!$J$15,0)+IF(Input!$K$16=2,M7352*Input!$J$16,0)</f>
        <v>0.12759184816055824</v>
      </c>
      <c r="P7352" s="58">
        <f>IF(Input!$K$13=3,J7352*Input!$J$13,0)+IF(Input!$K$14=3,K7352*Input!$J$14,0)+IF(Input!$K$15=3,L7352*Input!$J$15,0)+IF(Input!$K$16=3,M7352*Input!$J$16,0)</f>
        <v>0</v>
      </c>
      <c r="Q7352" s="71">
        <f>IF(Input!$K$13=4,J7352*Input!$J$13,0)+IF(Input!$K$14=4,K7352*Input!$J$14,0)+IF(Input!$K$15=4,L7352*Input!$J$15,0)+IF(Input!$K$16=4,M7352*Input!$J$16,0)</f>
        <v>0</v>
      </c>
    </row>
    <row r="7353" spans="8:17" x14ac:dyDescent="0.25">
      <c r="H7353" s="43">
        <v>7346</v>
      </c>
      <c r="I7353" s="55">
        <f>Bühler!I7379</f>
        <v>1.1551289140631058</v>
      </c>
      <c r="J7353" s="58">
        <f>Bühler!J7379</f>
        <v>10.114665551343487</v>
      </c>
      <c r="K7353" s="58">
        <f>Bühler!K7379</f>
        <v>0.57280290981170923</v>
      </c>
      <c r="L7353" s="58">
        <f>Bühler!L7379</f>
        <v>0.28640145490585461</v>
      </c>
      <c r="M7353" s="57">
        <f>Bühler!M7379</f>
        <v>0</v>
      </c>
      <c r="N7353" s="55">
        <f>IF(Input!$K$13=1,J7353*Input!$J$13,0)+IF(Input!$K$14=1,K7353*Input!$J$14,0)+IF(Input!$K$15=1,L7353*Input!$J$15,0)+IF(Input!$K$16=1,M7353*Input!$J$16,0)</f>
        <v>1.2137598661612183</v>
      </c>
      <c r="O7353" s="58">
        <f>IF(Input!$K$13=2,J7353*Input!$J$13,0)+IF(Input!$K$14=2,K7353*Input!$J$14,0)+IF(Input!$K$15=2,L7353*Input!$J$15,0)+IF(Input!$K$16=2,M7353*Input!$J$16,0)</f>
        <v>7.7328392824580747E-2</v>
      </c>
      <c r="P7353" s="58">
        <f>IF(Input!$K$13=3,J7353*Input!$J$13,0)+IF(Input!$K$14=3,K7353*Input!$J$14,0)+IF(Input!$K$15=3,L7353*Input!$J$15,0)+IF(Input!$K$16=3,M7353*Input!$J$16,0)</f>
        <v>0</v>
      </c>
      <c r="Q7353" s="71">
        <f>IF(Input!$K$13=4,J7353*Input!$J$13,0)+IF(Input!$K$14=4,K7353*Input!$J$14,0)+IF(Input!$K$15=4,L7353*Input!$J$15,0)+IF(Input!$K$16=4,M7353*Input!$J$16,0)</f>
        <v>0</v>
      </c>
    </row>
    <row r="7354" spans="8:17" x14ac:dyDescent="0.25">
      <c r="H7354" s="43">
        <v>7347</v>
      </c>
      <c r="I7354" s="55">
        <f>Bühler!I7380</f>
        <v>1.1551289140631058</v>
      </c>
      <c r="J7354" s="58">
        <f>Bühler!J7380</f>
        <v>10.114665551343487</v>
      </c>
      <c r="K7354" s="58">
        <f>Bühler!K7380</f>
        <v>0.57280290981170923</v>
      </c>
      <c r="L7354" s="58">
        <f>Bühler!L7380</f>
        <v>0.28640145490585461</v>
      </c>
      <c r="M7354" s="57">
        <f>Bühler!M7380</f>
        <v>0</v>
      </c>
      <c r="N7354" s="55">
        <f>IF(Input!$K$13=1,J7354*Input!$J$13,0)+IF(Input!$K$14=1,K7354*Input!$J$14,0)+IF(Input!$K$15=1,L7354*Input!$J$15,0)+IF(Input!$K$16=1,M7354*Input!$J$16,0)</f>
        <v>1.2137598661612183</v>
      </c>
      <c r="O7354" s="58">
        <f>IF(Input!$K$13=2,J7354*Input!$J$13,0)+IF(Input!$K$14=2,K7354*Input!$J$14,0)+IF(Input!$K$15=2,L7354*Input!$J$15,0)+IF(Input!$K$16=2,M7354*Input!$J$16,0)</f>
        <v>7.7328392824580747E-2</v>
      </c>
      <c r="P7354" s="58">
        <f>IF(Input!$K$13=3,J7354*Input!$J$13,0)+IF(Input!$K$14=3,K7354*Input!$J$14,0)+IF(Input!$K$15=3,L7354*Input!$J$15,0)+IF(Input!$K$16=3,M7354*Input!$J$16,0)</f>
        <v>0</v>
      </c>
      <c r="Q7354" s="71">
        <f>IF(Input!$K$13=4,J7354*Input!$J$13,0)+IF(Input!$K$14=4,K7354*Input!$J$14,0)+IF(Input!$K$15=4,L7354*Input!$J$15,0)+IF(Input!$K$16=4,M7354*Input!$J$16,0)</f>
        <v>0</v>
      </c>
    </row>
    <row r="7355" spans="8:17" x14ac:dyDescent="0.25">
      <c r="H7355" s="43">
        <v>7348</v>
      </c>
      <c r="I7355" s="55">
        <f>Bühler!I7381</f>
        <v>1.1551289140631058</v>
      </c>
      <c r="J7355" s="58">
        <f>Bühler!J7381</f>
        <v>10.114665551343487</v>
      </c>
      <c r="K7355" s="58">
        <f>Bühler!K7381</f>
        <v>0.57280290981170923</v>
      </c>
      <c r="L7355" s="58">
        <f>Bühler!L7381</f>
        <v>0.28640145490585461</v>
      </c>
      <c r="M7355" s="57">
        <f>Bühler!M7381</f>
        <v>0</v>
      </c>
      <c r="N7355" s="55">
        <f>IF(Input!$K$13=1,J7355*Input!$J$13,0)+IF(Input!$K$14=1,K7355*Input!$J$14,0)+IF(Input!$K$15=1,L7355*Input!$J$15,0)+IF(Input!$K$16=1,M7355*Input!$J$16,0)</f>
        <v>1.2137598661612183</v>
      </c>
      <c r="O7355" s="58">
        <f>IF(Input!$K$13=2,J7355*Input!$J$13,0)+IF(Input!$K$14=2,K7355*Input!$J$14,0)+IF(Input!$K$15=2,L7355*Input!$J$15,0)+IF(Input!$K$16=2,M7355*Input!$J$16,0)</f>
        <v>7.7328392824580747E-2</v>
      </c>
      <c r="P7355" s="58">
        <f>IF(Input!$K$13=3,J7355*Input!$J$13,0)+IF(Input!$K$14=3,K7355*Input!$J$14,0)+IF(Input!$K$15=3,L7355*Input!$J$15,0)+IF(Input!$K$16=3,M7355*Input!$J$16,0)</f>
        <v>0</v>
      </c>
      <c r="Q7355" s="71">
        <f>IF(Input!$K$13=4,J7355*Input!$J$13,0)+IF(Input!$K$14=4,K7355*Input!$J$14,0)+IF(Input!$K$15=4,L7355*Input!$J$15,0)+IF(Input!$K$16=4,M7355*Input!$J$16,0)</f>
        <v>0</v>
      </c>
    </row>
    <row r="7356" spans="8:17" x14ac:dyDescent="0.25">
      <c r="H7356" s="43">
        <v>7349</v>
      </c>
      <c r="I7356" s="55">
        <f>Bühler!I7382</f>
        <v>1.1551289140631058</v>
      </c>
      <c r="J7356" s="58">
        <f>Bühler!J7382</f>
        <v>10.114665551343487</v>
      </c>
      <c r="K7356" s="58">
        <f>Bühler!K7382</f>
        <v>0.57280290981170923</v>
      </c>
      <c r="L7356" s="58">
        <f>Bühler!L7382</f>
        <v>0.28640145490585461</v>
      </c>
      <c r="M7356" s="57">
        <f>Bühler!M7382</f>
        <v>0</v>
      </c>
      <c r="N7356" s="55">
        <f>IF(Input!$K$13=1,J7356*Input!$J$13,0)+IF(Input!$K$14=1,K7356*Input!$J$14,0)+IF(Input!$K$15=1,L7356*Input!$J$15,0)+IF(Input!$K$16=1,M7356*Input!$J$16,0)</f>
        <v>1.2137598661612183</v>
      </c>
      <c r="O7356" s="58">
        <f>IF(Input!$K$13=2,J7356*Input!$J$13,0)+IF(Input!$K$14=2,K7356*Input!$J$14,0)+IF(Input!$K$15=2,L7356*Input!$J$15,0)+IF(Input!$K$16=2,M7356*Input!$J$16,0)</f>
        <v>7.7328392824580747E-2</v>
      </c>
      <c r="P7356" s="58">
        <f>IF(Input!$K$13=3,J7356*Input!$J$13,0)+IF(Input!$K$14=3,K7356*Input!$J$14,0)+IF(Input!$K$15=3,L7356*Input!$J$15,0)+IF(Input!$K$16=3,M7356*Input!$J$16,0)</f>
        <v>0</v>
      </c>
      <c r="Q7356" s="71">
        <f>IF(Input!$K$13=4,J7356*Input!$J$13,0)+IF(Input!$K$14=4,K7356*Input!$J$14,0)+IF(Input!$K$15=4,L7356*Input!$J$15,0)+IF(Input!$K$16=4,M7356*Input!$J$16,0)</f>
        <v>0</v>
      </c>
    </row>
    <row r="7357" spans="8:17" x14ac:dyDescent="0.25">
      <c r="H7357" s="43">
        <v>7350</v>
      </c>
      <c r="I7357" s="55">
        <f>Bühler!I7383</f>
        <v>1.1551289140631058</v>
      </c>
      <c r="J7357" s="58">
        <f>Bühler!J7383</f>
        <v>10.114665551343487</v>
      </c>
      <c r="K7357" s="58">
        <f>Bühler!K7383</f>
        <v>0.57280290981170923</v>
      </c>
      <c r="L7357" s="58">
        <f>Bühler!L7383</f>
        <v>0.28640145490585461</v>
      </c>
      <c r="M7357" s="57">
        <f>Bühler!M7383</f>
        <v>0</v>
      </c>
      <c r="N7357" s="55">
        <f>IF(Input!$K$13=1,J7357*Input!$J$13,0)+IF(Input!$K$14=1,K7357*Input!$J$14,0)+IF(Input!$K$15=1,L7357*Input!$J$15,0)+IF(Input!$K$16=1,M7357*Input!$J$16,0)</f>
        <v>1.2137598661612183</v>
      </c>
      <c r="O7357" s="58">
        <f>IF(Input!$K$13=2,J7357*Input!$J$13,0)+IF(Input!$K$14=2,K7357*Input!$J$14,0)+IF(Input!$K$15=2,L7357*Input!$J$15,0)+IF(Input!$K$16=2,M7357*Input!$J$16,0)</f>
        <v>7.7328392824580747E-2</v>
      </c>
      <c r="P7357" s="58">
        <f>IF(Input!$K$13=3,J7357*Input!$J$13,0)+IF(Input!$K$14=3,K7357*Input!$J$14,0)+IF(Input!$K$15=3,L7357*Input!$J$15,0)+IF(Input!$K$16=3,M7357*Input!$J$16,0)</f>
        <v>0</v>
      </c>
      <c r="Q7357" s="71">
        <f>IF(Input!$K$13=4,J7357*Input!$J$13,0)+IF(Input!$K$14=4,K7357*Input!$J$14,0)+IF(Input!$K$15=4,L7357*Input!$J$15,0)+IF(Input!$K$16=4,M7357*Input!$J$16,0)</f>
        <v>0</v>
      </c>
    </row>
    <row r="7358" spans="8:17" x14ac:dyDescent="0.25">
      <c r="H7358" s="43">
        <v>7351</v>
      </c>
      <c r="I7358" s="55">
        <f>Bühler!I7384</f>
        <v>1.1551289140631058</v>
      </c>
      <c r="J7358" s="58">
        <f>Bühler!J7384</f>
        <v>10.114665551343487</v>
      </c>
      <c r="K7358" s="58">
        <f>Bühler!K7384</f>
        <v>0.57280290981170923</v>
      </c>
      <c r="L7358" s="58">
        <f>Bühler!L7384</f>
        <v>0.28640145490585461</v>
      </c>
      <c r="M7358" s="57">
        <f>Bühler!M7384</f>
        <v>0</v>
      </c>
      <c r="N7358" s="55">
        <f>IF(Input!$K$13=1,J7358*Input!$J$13,0)+IF(Input!$K$14=1,K7358*Input!$J$14,0)+IF(Input!$K$15=1,L7358*Input!$J$15,0)+IF(Input!$K$16=1,M7358*Input!$J$16,0)</f>
        <v>1.2137598661612183</v>
      </c>
      <c r="O7358" s="58">
        <f>IF(Input!$K$13=2,J7358*Input!$J$13,0)+IF(Input!$K$14=2,K7358*Input!$J$14,0)+IF(Input!$K$15=2,L7358*Input!$J$15,0)+IF(Input!$K$16=2,M7358*Input!$J$16,0)</f>
        <v>7.7328392824580747E-2</v>
      </c>
      <c r="P7358" s="58">
        <f>IF(Input!$K$13=3,J7358*Input!$J$13,0)+IF(Input!$K$14=3,K7358*Input!$J$14,0)+IF(Input!$K$15=3,L7358*Input!$J$15,0)+IF(Input!$K$16=3,M7358*Input!$J$16,0)</f>
        <v>0</v>
      </c>
      <c r="Q7358" s="71">
        <f>IF(Input!$K$13=4,J7358*Input!$J$13,0)+IF(Input!$K$14=4,K7358*Input!$J$14,0)+IF(Input!$K$15=4,L7358*Input!$J$15,0)+IF(Input!$K$16=4,M7358*Input!$J$16,0)</f>
        <v>0</v>
      </c>
    </row>
    <row r="7359" spans="8:17" x14ac:dyDescent="0.25">
      <c r="H7359" s="43">
        <v>7352</v>
      </c>
      <c r="I7359" s="55">
        <f>Bühler!I7385</f>
        <v>3.1300267348806741</v>
      </c>
      <c r="J7359" s="58">
        <f>Bühler!J7385</f>
        <v>41.148417606442742</v>
      </c>
      <c r="K7359" s="58">
        <f>Bühler!K7385</f>
        <v>2.4401403957978816</v>
      </c>
      <c r="L7359" s="58">
        <f>Bühler!L7385</f>
        <v>1.2200701978989408</v>
      </c>
      <c r="M7359" s="57">
        <f>Bühler!M7385</f>
        <v>0</v>
      </c>
      <c r="N7359" s="55">
        <f>IF(Input!$K$13=1,J7359*Input!$J$13,0)+IF(Input!$K$14=1,K7359*Input!$J$14,0)+IF(Input!$K$15=1,L7359*Input!$J$15,0)+IF(Input!$K$16=1,M7359*Input!$J$16,0)</f>
        <v>4.9378101127731284</v>
      </c>
      <c r="O7359" s="58">
        <f>IF(Input!$K$13=2,J7359*Input!$J$13,0)+IF(Input!$K$14=2,K7359*Input!$J$14,0)+IF(Input!$K$15=2,L7359*Input!$J$15,0)+IF(Input!$K$16=2,M7359*Input!$J$16,0)</f>
        <v>0.32941895343271399</v>
      </c>
      <c r="P7359" s="58">
        <f>IF(Input!$K$13=3,J7359*Input!$J$13,0)+IF(Input!$K$14=3,K7359*Input!$J$14,0)+IF(Input!$K$15=3,L7359*Input!$J$15,0)+IF(Input!$K$16=3,M7359*Input!$J$16,0)</f>
        <v>0</v>
      </c>
      <c r="Q7359" s="71">
        <f>IF(Input!$K$13=4,J7359*Input!$J$13,0)+IF(Input!$K$14=4,K7359*Input!$J$14,0)+IF(Input!$K$15=4,L7359*Input!$J$15,0)+IF(Input!$K$16=4,M7359*Input!$J$16,0)</f>
        <v>0</v>
      </c>
    </row>
    <row r="7360" spans="8:17" x14ac:dyDescent="0.25">
      <c r="H7360" s="43">
        <v>7353</v>
      </c>
      <c r="I7360" s="55">
        <f>Bühler!I7386</f>
        <v>3.9125334186008422</v>
      </c>
      <c r="J7360" s="58">
        <f>Bühler!J7386</f>
        <v>51.435522008053432</v>
      </c>
      <c r="K7360" s="58">
        <f>Bühler!K7386</f>
        <v>3.0501754947473518</v>
      </c>
      <c r="L7360" s="58">
        <f>Bühler!L7386</f>
        <v>1.5250877473736759</v>
      </c>
      <c r="M7360" s="57">
        <f>Bühler!M7386</f>
        <v>0</v>
      </c>
      <c r="N7360" s="55">
        <f>IF(Input!$K$13=1,J7360*Input!$J$13,0)+IF(Input!$K$14=1,K7360*Input!$J$14,0)+IF(Input!$K$15=1,L7360*Input!$J$15,0)+IF(Input!$K$16=1,M7360*Input!$J$16,0)</f>
        <v>6.1722626409664114</v>
      </c>
      <c r="O7360" s="58">
        <f>IF(Input!$K$13=2,J7360*Input!$J$13,0)+IF(Input!$K$14=2,K7360*Input!$J$14,0)+IF(Input!$K$15=2,L7360*Input!$J$15,0)+IF(Input!$K$16=2,M7360*Input!$J$16,0)</f>
        <v>0.41177369179089252</v>
      </c>
      <c r="P7360" s="58">
        <f>IF(Input!$K$13=3,J7360*Input!$J$13,0)+IF(Input!$K$14=3,K7360*Input!$J$14,0)+IF(Input!$K$15=3,L7360*Input!$J$15,0)+IF(Input!$K$16=3,M7360*Input!$J$16,0)</f>
        <v>0</v>
      </c>
      <c r="Q7360" s="71">
        <f>IF(Input!$K$13=4,J7360*Input!$J$13,0)+IF(Input!$K$14=4,K7360*Input!$J$14,0)+IF(Input!$K$15=4,L7360*Input!$J$15,0)+IF(Input!$K$16=4,M7360*Input!$J$16,0)</f>
        <v>0</v>
      </c>
    </row>
    <row r="7361" spans="8:17" x14ac:dyDescent="0.25">
      <c r="H7361" s="43">
        <v>7354</v>
      </c>
      <c r="I7361" s="55">
        <f>Bühler!I7387</f>
        <v>4.3037867604609268</v>
      </c>
      <c r="J7361" s="58">
        <f>Bühler!J7387</f>
        <v>56.579074208858763</v>
      </c>
      <c r="K7361" s="58">
        <f>Bühler!K7387</f>
        <v>3.3551930442220868</v>
      </c>
      <c r="L7361" s="58">
        <f>Bühler!L7387</f>
        <v>1.6775965221110434</v>
      </c>
      <c r="M7361" s="57">
        <f>Bühler!M7387</f>
        <v>0</v>
      </c>
      <c r="N7361" s="55">
        <f>IF(Input!$K$13=1,J7361*Input!$J$13,0)+IF(Input!$K$14=1,K7361*Input!$J$14,0)+IF(Input!$K$15=1,L7361*Input!$J$15,0)+IF(Input!$K$16=1,M7361*Input!$J$16,0)</f>
        <v>6.7894889050630516</v>
      </c>
      <c r="O7361" s="58">
        <f>IF(Input!$K$13=2,J7361*Input!$J$13,0)+IF(Input!$K$14=2,K7361*Input!$J$14,0)+IF(Input!$K$15=2,L7361*Input!$J$15,0)+IF(Input!$K$16=2,M7361*Input!$J$16,0)</f>
        <v>0.45295106096998172</v>
      </c>
      <c r="P7361" s="58">
        <f>IF(Input!$K$13=3,J7361*Input!$J$13,0)+IF(Input!$K$14=3,K7361*Input!$J$14,0)+IF(Input!$K$15=3,L7361*Input!$J$15,0)+IF(Input!$K$16=3,M7361*Input!$J$16,0)</f>
        <v>0</v>
      </c>
      <c r="Q7361" s="71">
        <f>IF(Input!$K$13=4,J7361*Input!$J$13,0)+IF(Input!$K$14=4,K7361*Input!$J$14,0)+IF(Input!$K$15=4,L7361*Input!$J$15,0)+IF(Input!$K$16=4,M7361*Input!$J$16,0)</f>
        <v>0</v>
      </c>
    </row>
    <row r="7362" spans="8:17" x14ac:dyDescent="0.25">
      <c r="H7362" s="43">
        <v>7355</v>
      </c>
      <c r="I7362" s="55">
        <f>Bühler!I7388</f>
        <v>4.3037867604609268</v>
      </c>
      <c r="J7362" s="58">
        <f>Bühler!J7388</f>
        <v>56.579074208858763</v>
      </c>
      <c r="K7362" s="58">
        <f>Bühler!K7388</f>
        <v>3.3551930442220868</v>
      </c>
      <c r="L7362" s="58">
        <f>Bühler!L7388</f>
        <v>1.6775965221110434</v>
      </c>
      <c r="M7362" s="57">
        <f>Bühler!M7388</f>
        <v>0</v>
      </c>
      <c r="N7362" s="55">
        <f>IF(Input!$K$13=1,J7362*Input!$J$13,0)+IF(Input!$K$14=1,K7362*Input!$J$14,0)+IF(Input!$K$15=1,L7362*Input!$J$15,0)+IF(Input!$K$16=1,M7362*Input!$J$16,0)</f>
        <v>6.7894889050630516</v>
      </c>
      <c r="O7362" s="58">
        <f>IF(Input!$K$13=2,J7362*Input!$J$13,0)+IF(Input!$K$14=2,K7362*Input!$J$14,0)+IF(Input!$K$15=2,L7362*Input!$J$15,0)+IF(Input!$K$16=2,M7362*Input!$J$16,0)</f>
        <v>0.45295106096998172</v>
      </c>
      <c r="P7362" s="58">
        <f>IF(Input!$K$13=3,J7362*Input!$J$13,0)+IF(Input!$K$14=3,K7362*Input!$J$14,0)+IF(Input!$K$15=3,L7362*Input!$J$15,0)+IF(Input!$K$16=3,M7362*Input!$J$16,0)</f>
        <v>0</v>
      </c>
      <c r="Q7362" s="71">
        <f>IF(Input!$K$13=4,J7362*Input!$J$13,0)+IF(Input!$K$14=4,K7362*Input!$J$14,0)+IF(Input!$K$15=4,L7362*Input!$J$15,0)+IF(Input!$K$16=4,M7362*Input!$J$16,0)</f>
        <v>0</v>
      </c>
    </row>
    <row r="7363" spans="8:17" x14ac:dyDescent="0.25">
      <c r="H7363" s="43">
        <v>7356</v>
      </c>
      <c r="I7363" s="55">
        <f>Bühler!I7389</f>
        <v>5.086293444181095</v>
      </c>
      <c r="J7363" s="58">
        <f>Bühler!J7389</f>
        <v>66.866178610469447</v>
      </c>
      <c r="K7363" s="58">
        <f>Bühler!K7389</f>
        <v>3.965228143171557</v>
      </c>
      <c r="L7363" s="58">
        <f>Bühler!L7389</f>
        <v>1.9826140715857785</v>
      </c>
      <c r="M7363" s="57">
        <f>Bühler!M7389</f>
        <v>0</v>
      </c>
      <c r="N7363" s="55">
        <f>IF(Input!$K$13=1,J7363*Input!$J$13,0)+IF(Input!$K$14=1,K7363*Input!$J$14,0)+IF(Input!$K$15=1,L7363*Input!$J$15,0)+IF(Input!$K$16=1,M7363*Input!$J$16,0)</f>
        <v>8.0239414332563328</v>
      </c>
      <c r="O7363" s="58">
        <f>IF(Input!$K$13=2,J7363*Input!$J$13,0)+IF(Input!$K$14=2,K7363*Input!$J$14,0)+IF(Input!$K$15=2,L7363*Input!$J$15,0)+IF(Input!$K$16=2,M7363*Input!$J$16,0)</f>
        <v>0.53530579932816014</v>
      </c>
      <c r="P7363" s="58">
        <f>IF(Input!$K$13=3,J7363*Input!$J$13,0)+IF(Input!$K$14=3,K7363*Input!$J$14,0)+IF(Input!$K$15=3,L7363*Input!$J$15,0)+IF(Input!$K$16=3,M7363*Input!$J$16,0)</f>
        <v>0</v>
      </c>
      <c r="Q7363" s="71">
        <f>IF(Input!$K$13=4,J7363*Input!$J$13,0)+IF(Input!$K$14=4,K7363*Input!$J$14,0)+IF(Input!$K$15=4,L7363*Input!$J$15,0)+IF(Input!$K$16=4,M7363*Input!$J$16,0)</f>
        <v>0</v>
      </c>
    </row>
    <row r="7364" spans="8:17" x14ac:dyDescent="0.25">
      <c r="H7364" s="43">
        <v>7357</v>
      </c>
      <c r="I7364" s="55">
        <f>Bühler!I7390</f>
        <v>5.086293444181095</v>
      </c>
      <c r="J7364" s="58">
        <f>Bühler!J7390</f>
        <v>66.866178610469447</v>
      </c>
      <c r="K7364" s="58">
        <f>Bühler!K7390</f>
        <v>3.965228143171557</v>
      </c>
      <c r="L7364" s="58">
        <f>Bühler!L7390</f>
        <v>1.9826140715857785</v>
      </c>
      <c r="M7364" s="57">
        <f>Bühler!M7390</f>
        <v>0</v>
      </c>
      <c r="N7364" s="55">
        <f>IF(Input!$K$13=1,J7364*Input!$J$13,0)+IF(Input!$K$14=1,K7364*Input!$J$14,0)+IF(Input!$K$15=1,L7364*Input!$J$15,0)+IF(Input!$K$16=1,M7364*Input!$J$16,0)</f>
        <v>8.0239414332563328</v>
      </c>
      <c r="O7364" s="58">
        <f>IF(Input!$K$13=2,J7364*Input!$J$13,0)+IF(Input!$K$14=2,K7364*Input!$J$14,0)+IF(Input!$K$15=2,L7364*Input!$J$15,0)+IF(Input!$K$16=2,M7364*Input!$J$16,0)</f>
        <v>0.53530579932816014</v>
      </c>
      <c r="P7364" s="58">
        <f>IF(Input!$K$13=3,J7364*Input!$J$13,0)+IF(Input!$K$14=3,K7364*Input!$J$14,0)+IF(Input!$K$15=3,L7364*Input!$J$15,0)+IF(Input!$K$16=3,M7364*Input!$J$16,0)</f>
        <v>0</v>
      </c>
      <c r="Q7364" s="71">
        <f>IF(Input!$K$13=4,J7364*Input!$J$13,0)+IF(Input!$K$14=4,K7364*Input!$J$14,0)+IF(Input!$K$15=4,L7364*Input!$J$15,0)+IF(Input!$K$16=4,M7364*Input!$J$16,0)</f>
        <v>0</v>
      </c>
    </row>
    <row r="7365" spans="8:17" x14ac:dyDescent="0.25">
      <c r="H7365" s="43">
        <v>7358</v>
      </c>
      <c r="I7365" s="55">
        <f>Bühler!I7391</f>
        <v>3.5212800767407582</v>
      </c>
      <c r="J7365" s="58">
        <f>Bühler!J7391</f>
        <v>46.291969807248087</v>
      </c>
      <c r="K7365" s="58">
        <f>Bühler!K7391</f>
        <v>2.7451579452726165</v>
      </c>
      <c r="L7365" s="58">
        <f>Bühler!L7391</f>
        <v>1.3725789726363082</v>
      </c>
      <c r="M7365" s="57">
        <f>Bühler!M7391</f>
        <v>0</v>
      </c>
      <c r="N7365" s="55">
        <f>IF(Input!$K$13=1,J7365*Input!$J$13,0)+IF(Input!$K$14=1,K7365*Input!$J$14,0)+IF(Input!$K$15=1,L7365*Input!$J$15,0)+IF(Input!$K$16=1,M7365*Input!$J$16,0)</f>
        <v>5.5550363768697704</v>
      </c>
      <c r="O7365" s="58">
        <f>IF(Input!$K$13=2,J7365*Input!$J$13,0)+IF(Input!$K$14=2,K7365*Input!$J$14,0)+IF(Input!$K$15=2,L7365*Input!$J$15,0)+IF(Input!$K$16=2,M7365*Input!$J$16,0)</f>
        <v>0.3705963226118032</v>
      </c>
      <c r="P7365" s="58">
        <f>IF(Input!$K$13=3,J7365*Input!$J$13,0)+IF(Input!$K$14=3,K7365*Input!$J$14,0)+IF(Input!$K$15=3,L7365*Input!$J$15,0)+IF(Input!$K$16=3,M7365*Input!$J$16,0)</f>
        <v>0</v>
      </c>
      <c r="Q7365" s="71">
        <f>IF(Input!$K$13=4,J7365*Input!$J$13,0)+IF(Input!$K$14=4,K7365*Input!$J$14,0)+IF(Input!$K$15=4,L7365*Input!$J$15,0)+IF(Input!$K$16=4,M7365*Input!$J$16,0)</f>
        <v>0</v>
      </c>
    </row>
    <row r="7366" spans="8:17" x14ac:dyDescent="0.25">
      <c r="H7366" s="43">
        <v>7359</v>
      </c>
      <c r="I7366" s="55">
        <f>Bühler!I7392</f>
        <v>5.086293444181095</v>
      </c>
      <c r="J7366" s="58">
        <f>Bühler!J7392</f>
        <v>66.866178610469447</v>
      </c>
      <c r="K7366" s="58">
        <f>Bühler!K7392</f>
        <v>3.965228143171557</v>
      </c>
      <c r="L7366" s="58">
        <f>Bühler!L7392</f>
        <v>1.9826140715857785</v>
      </c>
      <c r="M7366" s="57">
        <f>Bühler!M7392</f>
        <v>0</v>
      </c>
      <c r="N7366" s="55">
        <f>IF(Input!$K$13=1,J7366*Input!$J$13,0)+IF(Input!$K$14=1,K7366*Input!$J$14,0)+IF(Input!$K$15=1,L7366*Input!$J$15,0)+IF(Input!$K$16=1,M7366*Input!$J$16,0)</f>
        <v>8.0239414332563328</v>
      </c>
      <c r="O7366" s="58">
        <f>IF(Input!$K$13=2,J7366*Input!$J$13,0)+IF(Input!$K$14=2,K7366*Input!$J$14,0)+IF(Input!$K$15=2,L7366*Input!$J$15,0)+IF(Input!$K$16=2,M7366*Input!$J$16,0)</f>
        <v>0.53530579932816014</v>
      </c>
      <c r="P7366" s="58">
        <f>IF(Input!$K$13=3,J7366*Input!$J$13,0)+IF(Input!$K$14=3,K7366*Input!$J$14,0)+IF(Input!$K$15=3,L7366*Input!$J$15,0)+IF(Input!$K$16=3,M7366*Input!$J$16,0)</f>
        <v>0</v>
      </c>
      <c r="Q7366" s="71">
        <f>IF(Input!$K$13=4,J7366*Input!$J$13,0)+IF(Input!$K$14=4,K7366*Input!$J$14,0)+IF(Input!$K$15=4,L7366*Input!$J$15,0)+IF(Input!$K$16=4,M7366*Input!$J$16,0)</f>
        <v>0</v>
      </c>
    </row>
    <row r="7367" spans="8:17" x14ac:dyDescent="0.25">
      <c r="H7367" s="43">
        <v>7360</v>
      </c>
      <c r="I7367" s="55">
        <f>Bühler!I7393</f>
        <v>4.3037867604609268</v>
      </c>
      <c r="J7367" s="58">
        <f>Bühler!J7393</f>
        <v>51.85937979506852</v>
      </c>
      <c r="K7367" s="58">
        <f>Bühler!K7393</f>
        <v>3.0501754947473518</v>
      </c>
      <c r="L7367" s="58">
        <f>Bühler!L7393</f>
        <v>1.5250877473736759</v>
      </c>
      <c r="M7367" s="57">
        <f>Bühler!M7393</f>
        <v>0</v>
      </c>
      <c r="N7367" s="55">
        <f>IF(Input!$K$13=1,J7367*Input!$J$13,0)+IF(Input!$K$14=1,K7367*Input!$J$14,0)+IF(Input!$K$15=1,L7367*Input!$J$15,0)+IF(Input!$K$16=1,M7367*Input!$J$16,0)</f>
        <v>6.223125575408222</v>
      </c>
      <c r="O7367" s="58">
        <f>IF(Input!$K$13=2,J7367*Input!$J$13,0)+IF(Input!$K$14=2,K7367*Input!$J$14,0)+IF(Input!$K$15=2,L7367*Input!$J$15,0)+IF(Input!$K$16=2,M7367*Input!$J$16,0)</f>
        <v>0.41177369179089252</v>
      </c>
      <c r="P7367" s="58">
        <f>IF(Input!$K$13=3,J7367*Input!$J$13,0)+IF(Input!$K$14=3,K7367*Input!$J$14,0)+IF(Input!$K$15=3,L7367*Input!$J$15,0)+IF(Input!$K$16=3,M7367*Input!$J$16,0)</f>
        <v>0</v>
      </c>
      <c r="Q7367" s="71">
        <f>IF(Input!$K$13=4,J7367*Input!$J$13,0)+IF(Input!$K$14=4,K7367*Input!$J$14,0)+IF(Input!$K$15=4,L7367*Input!$J$15,0)+IF(Input!$K$16=4,M7367*Input!$J$16,0)</f>
        <v>0</v>
      </c>
    </row>
    <row r="7368" spans="8:17" x14ac:dyDescent="0.25">
      <c r="H7368" s="43">
        <v>7361</v>
      </c>
      <c r="I7368" s="55">
        <f>Bühler!I7394</f>
        <v>3.7262223034293736</v>
      </c>
      <c r="J7368" s="58">
        <f>Bühler!J7394</f>
        <v>26.194930564819629</v>
      </c>
      <c r="K7368" s="58">
        <f>Bühler!K7394</f>
        <v>1.4320072745292731</v>
      </c>
      <c r="L7368" s="58">
        <f>Bühler!L7394</f>
        <v>0.71600363726463656</v>
      </c>
      <c r="M7368" s="57">
        <f>Bühler!M7394</f>
        <v>0</v>
      </c>
      <c r="N7368" s="55">
        <f>IF(Input!$K$13=1,J7368*Input!$J$13,0)+IF(Input!$K$14=1,K7368*Input!$J$14,0)+IF(Input!$K$15=1,L7368*Input!$J$15,0)+IF(Input!$K$16=1,M7368*Input!$J$16,0)</f>
        <v>3.1433916677783551</v>
      </c>
      <c r="O7368" s="58">
        <f>IF(Input!$K$13=2,J7368*Input!$J$13,0)+IF(Input!$K$14=2,K7368*Input!$J$14,0)+IF(Input!$K$15=2,L7368*Input!$J$15,0)+IF(Input!$K$16=2,M7368*Input!$J$16,0)</f>
        <v>0.19332098206145187</v>
      </c>
      <c r="P7368" s="58">
        <f>IF(Input!$K$13=3,J7368*Input!$J$13,0)+IF(Input!$K$14=3,K7368*Input!$J$14,0)+IF(Input!$K$15=3,L7368*Input!$J$15,0)+IF(Input!$K$16=3,M7368*Input!$J$16,0)</f>
        <v>0</v>
      </c>
      <c r="Q7368" s="71">
        <f>IF(Input!$K$13=4,J7368*Input!$J$13,0)+IF(Input!$K$14=4,K7368*Input!$J$14,0)+IF(Input!$K$15=4,L7368*Input!$J$15,0)+IF(Input!$K$16=4,M7368*Input!$J$16,0)</f>
        <v>0</v>
      </c>
    </row>
    <row r="7369" spans="8:17" x14ac:dyDescent="0.25">
      <c r="H7369" s="43">
        <v>7362</v>
      </c>
      <c r="I7369" s="55">
        <f>Bühler!I7395</f>
        <v>3.1300267348806741</v>
      </c>
      <c r="J7369" s="58">
        <f>Bühler!J7395</f>
        <v>18.015267521949681</v>
      </c>
      <c r="K7369" s="58">
        <f>Bühler!K7395</f>
        <v>0.9451248011893203</v>
      </c>
      <c r="L7369" s="58">
        <f>Bühler!L7395</f>
        <v>0.47256240059466015</v>
      </c>
      <c r="M7369" s="57">
        <f>Bühler!M7395</f>
        <v>0</v>
      </c>
      <c r="N7369" s="55">
        <f>IF(Input!$K$13=1,J7369*Input!$J$13,0)+IF(Input!$K$14=1,K7369*Input!$J$14,0)+IF(Input!$K$15=1,L7369*Input!$J$15,0)+IF(Input!$K$16=1,M7369*Input!$J$16,0)</f>
        <v>2.1618321026339617</v>
      </c>
      <c r="O7369" s="58">
        <f>IF(Input!$K$13=2,J7369*Input!$J$13,0)+IF(Input!$K$14=2,K7369*Input!$J$14,0)+IF(Input!$K$15=2,L7369*Input!$J$15,0)+IF(Input!$K$16=2,M7369*Input!$J$16,0)</f>
        <v>0.12759184816055824</v>
      </c>
      <c r="P7369" s="58">
        <f>IF(Input!$K$13=3,J7369*Input!$J$13,0)+IF(Input!$K$14=3,K7369*Input!$J$14,0)+IF(Input!$K$15=3,L7369*Input!$J$15,0)+IF(Input!$K$16=3,M7369*Input!$J$16,0)</f>
        <v>0</v>
      </c>
      <c r="Q7369" s="71">
        <f>IF(Input!$K$13=4,J7369*Input!$J$13,0)+IF(Input!$K$14=4,K7369*Input!$J$14,0)+IF(Input!$K$15=4,L7369*Input!$J$15,0)+IF(Input!$K$16=4,M7369*Input!$J$16,0)</f>
        <v>0</v>
      </c>
    </row>
    <row r="7370" spans="8:17" x14ac:dyDescent="0.25">
      <c r="H7370" s="43">
        <v>7363</v>
      </c>
      <c r="I7370" s="55">
        <f>Bühler!I7396</f>
        <v>1.1551289140631058</v>
      </c>
      <c r="J7370" s="58">
        <f>Bühler!J7396</f>
        <v>10.557829346065574</v>
      </c>
      <c r="K7370" s="58">
        <f>Bühler!K7396</f>
        <v>0.60144305530229469</v>
      </c>
      <c r="L7370" s="58">
        <f>Bühler!L7396</f>
        <v>0.30072152765114735</v>
      </c>
      <c r="M7370" s="57">
        <f>Bühler!M7396</f>
        <v>0</v>
      </c>
      <c r="N7370" s="55">
        <f>IF(Input!$K$13=1,J7370*Input!$J$13,0)+IF(Input!$K$14=1,K7370*Input!$J$14,0)+IF(Input!$K$15=1,L7370*Input!$J$15,0)+IF(Input!$K$16=1,M7370*Input!$J$16,0)</f>
        <v>1.2669395215278689</v>
      </c>
      <c r="O7370" s="58">
        <f>IF(Input!$K$13=2,J7370*Input!$J$13,0)+IF(Input!$K$14=2,K7370*Input!$J$14,0)+IF(Input!$K$15=2,L7370*Input!$J$15,0)+IF(Input!$K$16=2,M7370*Input!$J$16,0)</f>
        <v>8.1194812465809785E-2</v>
      </c>
      <c r="P7370" s="58">
        <f>IF(Input!$K$13=3,J7370*Input!$J$13,0)+IF(Input!$K$14=3,K7370*Input!$J$14,0)+IF(Input!$K$15=3,L7370*Input!$J$15,0)+IF(Input!$K$16=3,M7370*Input!$J$16,0)</f>
        <v>0</v>
      </c>
      <c r="Q7370" s="71">
        <f>IF(Input!$K$13=4,J7370*Input!$J$13,0)+IF(Input!$K$14=4,K7370*Input!$J$14,0)+IF(Input!$K$15=4,L7370*Input!$J$15,0)+IF(Input!$K$16=4,M7370*Input!$J$16,0)</f>
        <v>0</v>
      </c>
    </row>
    <row r="7371" spans="8:17" x14ac:dyDescent="0.25">
      <c r="H7371" s="43">
        <v>7364</v>
      </c>
      <c r="I7371" s="55">
        <f>Bühler!I7397</f>
        <v>1.1551289140631058</v>
      </c>
      <c r="J7371" s="58">
        <f>Bühler!J7397</f>
        <v>10.114665551343487</v>
      </c>
      <c r="K7371" s="58">
        <f>Bühler!K7397</f>
        <v>0.57280290981170923</v>
      </c>
      <c r="L7371" s="58">
        <f>Bühler!L7397</f>
        <v>0.28640145490585461</v>
      </c>
      <c r="M7371" s="57">
        <f>Bühler!M7397</f>
        <v>0</v>
      </c>
      <c r="N7371" s="55">
        <f>IF(Input!$K$13=1,J7371*Input!$J$13,0)+IF(Input!$K$14=1,K7371*Input!$J$14,0)+IF(Input!$K$15=1,L7371*Input!$J$15,0)+IF(Input!$K$16=1,M7371*Input!$J$16,0)</f>
        <v>1.2137598661612183</v>
      </c>
      <c r="O7371" s="58">
        <f>IF(Input!$K$13=2,J7371*Input!$J$13,0)+IF(Input!$K$14=2,K7371*Input!$J$14,0)+IF(Input!$K$15=2,L7371*Input!$J$15,0)+IF(Input!$K$16=2,M7371*Input!$J$16,0)</f>
        <v>7.7328392824580747E-2</v>
      </c>
      <c r="P7371" s="58">
        <f>IF(Input!$K$13=3,J7371*Input!$J$13,0)+IF(Input!$K$14=3,K7371*Input!$J$14,0)+IF(Input!$K$15=3,L7371*Input!$J$15,0)+IF(Input!$K$16=3,M7371*Input!$J$16,0)</f>
        <v>0</v>
      </c>
      <c r="Q7371" s="71">
        <f>IF(Input!$K$13=4,J7371*Input!$J$13,0)+IF(Input!$K$14=4,K7371*Input!$J$14,0)+IF(Input!$K$15=4,L7371*Input!$J$15,0)+IF(Input!$K$16=4,M7371*Input!$J$16,0)</f>
        <v>0</v>
      </c>
    </row>
    <row r="7372" spans="8:17" x14ac:dyDescent="0.25">
      <c r="H7372" s="43">
        <v>7365</v>
      </c>
      <c r="I7372" s="55">
        <f>Bühler!I7398</f>
        <v>1.1551289140631058</v>
      </c>
      <c r="J7372" s="58">
        <f>Bühler!J7398</f>
        <v>10.114665551343487</v>
      </c>
      <c r="K7372" s="58">
        <f>Bühler!K7398</f>
        <v>0.57280290981170923</v>
      </c>
      <c r="L7372" s="58">
        <f>Bühler!L7398</f>
        <v>0.28640145490585461</v>
      </c>
      <c r="M7372" s="57">
        <f>Bühler!M7398</f>
        <v>0</v>
      </c>
      <c r="N7372" s="55">
        <f>IF(Input!$K$13=1,J7372*Input!$J$13,0)+IF(Input!$K$14=1,K7372*Input!$J$14,0)+IF(Input!$K$15=1,L7372*Input!$J$15,0)+IF(Input!$K$16=1,M7372*Input!$J$16,0)</f>
        <v>1.2137598661612183</v>
      </c>
      <c r="O7372" s="58">
        <f>IF(Input!$K$13=2,J7372*Input!$J$13,0)+IF(Input!$K$14=2,K7372*Input!$J$14,0)+IF(Input!$K$15=2,L7372*Input!$J$15,0)+IF(Input!$K$16=2,M7372*Input!$J$16,0)</f>
        <v>7.7328392824580747E-2</v>
      </c>
      <c r="P7372" s="58">
        <f>IF(Input!$K$13=3,J7372*Input!$J$13,0)+IF(Input!$K$14=3,K7372*Input!$J$14,0)+IF(Input!$K$15=3,L7372*Input!$J$15,0)+IF(Input!$K$16=3,M7372*Input!$J$16,0)</f>
        <v>0</v>
      </c>
      <c r="Q7372" s="71">
        <f>IF(Input!$K$13=4,J7372*Input!$J$13,0)+IF(Input!$K$14=4,K7372*Input!$J$14,0)+IF(Input!$K$15=4,L7372*Input!$J$15,0)+IF(Input!$K$16=4,M7372*Input!$J$16,0)</f>
        <v>0</v>
      </c>
    </row>
    <row r="7373" spans="8:17" x14ac:dyDescent="0.25">
      <c r="H7373" s="43">
        <v>7366</v>
      </c>
      <c r="I7373" s="55">
        <f>Bühler!I7399</f>
        <v>1.1551289140631058</v>
      </c>
      <c r="J7373" s="58">
        <f>Bühler!J7399</f>
        <v>10.114665551343487</v>
      </c>
      <c r="K7373" s="58">
        <f>Bühler!K7399</f>
        <v>0.57280290981170923</v>
      </c>
      <c r="L7373" s="58">
        <f>Bühler!L7399</f>
        <v>0.28640145490585461</v>
      </c>
      <c r="M7373" s="57">
        <f>Bühler!M7399</f>
        <v>0</v>
      </c>
      <c r="N7373" s="55">
        <f>IF(Input!$K$13=1,J7373*Input!$J$13,0)+IF(Input!$K$14=1,K7373*Input!$J$14,0)+IF(Input!$K$15=1,L7373*Input!$J$15,0)+IF(Input!$K$16=1,M7373*Input!$J$16,0)</f>
        <v>1.2137598661612183</v>
      </c>
      <c r="O7373" s="58">
        <f>IF(Input!$K$13=2,J7373*Input!$J$13,0)+IF(Input!$K$14=2,K7373*Input!$J$14,0)+IF(Input!$K$15=2,L7373*Input!$J$15,0)+IF(Input!$K$16=2,M7373*Input!$J$16,0)</f>
        <v>7.7328392824580747E-2</v>
      </c>
      <c r="P7373" s="58">
        <f>IF(Input!$K$13=3,J7373*Input!$J$13,0)+IF(Input!$K$14=3,K7373*Input!$J$14,0)+IF(Input!$K$15=3,L7373*Input!$J$15,0)+IF(Input!$K$16=3,M7373*Input!$J$16,0)</f>
        <v>0</v>
      </c>
      <c r="Q7373" s="71">
        <f>IF(Input!$K$13=4,J7373*Input!$J$13,0)+IF(Input!$K$14=4,K7373*Input!$J$14,0)+IF(Input!$K$15=4,L7373*Input!$J$15,0)+IF(Input!$K$16=4,M7373*Input!$J$16,0)</f>
        <v>0</v>
      </c>
    </row>
    <row r="7374" spans="8:17" x14ac:dyDescent="0.25">
      <c r="H7374" s="43">
        <v>7367</v>
      </c>
      <c r="I7374" s="55">
        <f>Bühler!I7400</f>
        <v>1.1551289140631058</v>
      </c>
      <c r="J7374" s="58">
        <f>Bühler!J7400</f>
        <v>10.114665551343487</v>
      </c>
      <c r="K7374" s="58">
        <f>Bühler!K7400</f>
        <v>0.57280290981170923</v>
      </c>
      <c r="L7374" s="58">
        <f>Bühler!L7400</f>
        <v>0.28640145490585461</v>
      </c>
      <c r="M7374" s="57">
        <f>Bühler!M7400</f>
        <v>0</v>
      </c>
      <c r="N7374" s="55">
        <f>IF(Input!$K$13=1,J7374*Input!$J$13,0)+IF(Input!$K$14=1,K7374*Input!$J$14,0)+IF(Input!$K$15=1,L7374*Input!$J$15,0)+IF(Input!$K$16=1,M7374*Input!$J$16,0)</f>
        <v>1.2137598661612183</v>
      </c>
      <c r="O7374" s="58">
        <f>IF(Input!$K$13=2,J7374*Input!$J$13,0)+IF(Input!$K$14=2,K7374*Input!$J$14,0)+IF(Input!$K$15=2,L7374*Input!$J$15,0)+IF(Input!$K$16=2,M7374*Input!$J$16,0)</f>
        <v>7.7328392824580747E-2</v>
      </c>
      <c r="P7374" s="58">
        <f>IF(Input!$K$13=3,J7374*Input!$J$13,0)+IF(Input!$K$14=3,K7374*Input!$J$14,0)+IF(Input!$K$15=3,L7374*Input!$J$15,0)+IF(Input!$K$16=3,M7374*Input!$J$16,0)</f>
        <v>0</v>
      </c>
      <c r="Q7374" s="71">
        <f>IF(Input!$K$13=4,J7374*Input!$J$13,0)+IF(Input!$K$14=4,K7374*Input!$J$14,0)+IF(Input!$K$15=4,L7374*Input!$J$15,0)+IF(Input!$K$16=4,M7374*Input!$J$16,0)</f>
        <v>0</v>
      </c>
    </row>
    <row r="7375" spans="8:17" x14ac:dyDescent="0.25">
      <c r="H7375" s="43">
        <v>7368</v>
      </c>
      <c r="I7375" s="55">
        <f>Bühler!I7401</f>
        <v>1.1551289140631058</v>
      </c>
      <c r="J7375" s="58">
        <f>Bühler!J7401</f>
        <v>10.114665551343487</v>
      </c>
      <c r="K7375" s="58">
        <f>Bühler!K7401</f>
        <v>0.57280290981170923</v>
      </c>
      <c r="L7375" s="58">
        <f>Bühler!L7401</f>
        <v>0.28640145490585461</v>
      </c>
      <c r="M7375" s="57">
        <f>Bühler!M7401</f>
        <v>0</v>
      </c>
      <c r="N7375" s="55">
        <f>IF(Input!$K$13=1,J7375*Input!$J$13,0)+IF(Input!$K$14=1,K7375*Input!$J$14,0)+IF(Input!$K$15=1,L7375*Input!$J$15,0)+IF(Input!$K$16=1,M7375*Input!$J$16,0)</f>
        <v>1.2137598661612183</v>
      </c>
      <c r="O7375" s="58">
        <f>IF(Input!$K$13=2,J7375*Input!$J$13,0)+IF(Input!$K$14=2,K7375*Input!$J$14,0)+IF(Input!$K$15=2,L7375*Input!$J$15,0)+IF(Input!$K$16=2,M7375*Input!$J$16,0)</f>
        <v>7.7328392824580747E-2</v>
      </c>
      <c r="P7375" s="58">
        <f>IF(Input!$K$13=3,J7375*Input!$J$13,0)+IF(Input!$K$14=3,K7375*Input!$J$14,0)+IF(Input!$K$15=3,L7375*Input!$J$15,0)+IF(Input!$K$16=3,M7375*Input!$J$16,0)</f>
        <v>0</v>
      </c>
      <c r="Q7375" s="71">
        <f>IF(Input!$K$13=4,J7375*Input!$J$13,0)+IF(Input!$K$14=4,K7375*Input!$J$14,0)+IF(Input!$K$15=4,L7375*Input!$J$15,0)+IF(Input!$K$16=4,M7375*Input!$J$16,0)</f>
        <v>0</v>
      </c>
    </row>
    <row r="7376" spans="8:17" x14ac:dyDescent="0.25">
      <c r="H7376" s="43">
        <v>7369</v>
      </c>
      <c r="I7376" s="55">
        <f>Bühler!I7402</f>
        <v>0.99459723820115997</v>
      </c>
      <c r="J7376" s="58">
        <f>Bühler!J7402</f>
        <v>11.246353852506342</v>
      </c>
      <c r="K7376" s="58">
        <f>Bühler!K7402</f>
        <v>0.35551028451256061</v>
      </c>
      <c r="L7376" s="58">
        <f>Bühler!L7402</f>
        <v>0.17775514225628031</v>
      </c>
      <c r="M7376" s="57">
        <f>Bühler!M7402</f>
        <v>0</v>
      </c>
      <c r="N7376" s="55">
        <f>IF(Input!$K$13=1,J7376*Input!$J$13,0)+IF(Input!$K$14=1,K7376*Input!$J$14,0)+IF(Input!$K$15=1,L7376*Input!$J$15,0)+IF(Input!$K$16=1,M7376*Input!$J$16,0)</f>
        <v>1.3495624623007609</v>
      </c>
      <c r="O7376" s="58">
        <f>IF(Input!$K$13=2,J7376*Input!$J$13,0)+IF(Input!$K$14=2,K7376*Input!$J$14,0)+IF(Input!$K$15=2,L7376*Input!$J$15,0)+IF(Input!$K$16=2,M7376*Input!$J$16,0)</f>
        <v>4.7993888409195676E-2</v>
      </c>
      <c r="P7376" s="58">
        <f>IF(Input!$K$13=3,J7376*Input!$J$13,0)+IF(Input!$K$14=3,K7376*Input!$J$14,0)+IF(Input!$K$15=3,L7376*Input!$J$15,0)+IF(Input!$K$16=3,M7376*Input!$J$16,0)</f>
        <v>0</v>
      </c>
      <c r="Q7376" s="71">
        <f>IF(Input!$K$13=4,J7376*Input!$J$13,0)+IF(Input!$K$14=4,K7376*Input!$J$14,0)+IF(Input!$K$15=4,L7376*Input!$J$15,0)+IF(Input!$K$16=4,M7376*Input!$J$16,0)</f>
        <v>0</v>
      </c>
    </row>
    <row r="7377" spans="8:17" x14ac:dyDescent="0.25">
      <c r="H7377" s="43">
        <v>7370</v>
      </c>
      <c r="I7377" s="55">
        <f>Bühler!I7403</f>
        <v>1.9418327031546461</v>
      </c>
      <c r="J7377" s="58">
        <f>Bühler!J7403</f>
        <v>10.565209992261629</v>
      </c>
      <c r="K7377" s="58">
        <f>Bühler!K7403</f>
        <v>0.31995925606130454</v>
      </c>
      <c r="L7377" s="58">
        <f>Bühler!L7403</f>
        <v>0.15997962803065227</v>
      </c>
      <c r="M7377" s="57">
        <f>Bühler!M7403</f>
        <v>0</v>
      </c>
      <c r="N7377" s="55">
        <f>IF(Input!$K$13=1,J7377*Input!$J$13,0)+IF(Input!$K$14=1,K7377*Input!$J$14,0)+IF(Input!$K$15=1,L7377*Input!$J$15,0)+IF(Input!$K$16=1,M7377*Input!$J$16,0)</f>
        <v>1.2678251990713953</v>
      </c>
      <c r="O7377" s="58">
        <f>IF(Input!$K$13=2,J7377*Input!$J$13,0)+IF(Input!$K$14=2,K7377*Input!$J$14,0)+IF(Input!$K$15=2,L7377*Input!$J$15,0)+IF(Input!$K$16=2,M7377*Input!$J$16,0)</f>
        <v>4.3194499568276118E-2</v>
      </c>
      <c r="P7377" s="58">
        <f>IF(Input!$K$13=3,J7377*Input!$J$13,0)+IF(Input!$K$14=3,K7377*Input!$J$14,0)+IF(Input!$K$15=3,L7377*Input!$J$15,0)+IF(Input!$K$16=3,M7377*Input!$J$16,0)</f>
        <v>0</v>
      </c>
      <c r="Q7377" s="71">
        <f>IF(Input!$K$13=4,J7377*Input!$J$13,0)+IF(Input!$K$14=4,K7377*Input!$J$14,0)+IF(Input!$K$15=4,L7377*Input!$J$15,0)+IF(Input!$K$16=4,M7377*Input!$J$16,0)</f>
        <v>0</v>
      </c>
    </row>
    <row r="7378" spans="8:17" x14ac:dyDescent="0.25">
      <c r="H7378" s="43">
        <v>7371</v>
      </c>
      <c r="I7378" s="55">
        <f>Bühler!I7404</f>
        <v>1.9418327031546461</v>
      </c>
      <c r="J7378" s="58">
        <f>Bühler!J7404</f>
        <v>10.565209992261629</v>
      </c>
      <c r="K7378" s="58">
        <f>Bühler!K7404</f>
        <v>0.31995925606130454</v>
      </c>
      <c r="L7378" s="58">
        <f>Bühler!L7404</f>
        <v>0.15997962803065227</v>
      </c>
      <c r="M7378" s="57">
        <f>Bühler!M7404</f>
        <v>0</v>
      </c>
      <c r="N7378" s="55">
        <f>IF(Input!$K$13=1,J7378*Input!$J$13,0)+IF(Input!$K$14=1,K7378*Input!$J$14,0)+IF(Input!$K$15=1,L7378*Input!$J$15,0)+IF(Input!$K$16=1,M7378*Input!$J$16,0)</f>
        <v>1.2678251990713953</v>
      </c>
      <c r="O7378" s="58">
        <f>IF(Input!$K$13=2,J7378*Input!$J$13,0)+IF(Input!$K$14=2,K7378*Input!$J$14,0)+IF(Input!$K$15=2,L7378*Input!$J$15,0)+IF(Input!$K$16=2,M7378*Input!$J$16,0)</f>
        <v>4.3194499568276118E-2</v>
      </c>
      <c r="P7378" s="58">
        <f>IF(Input!$K$13=3,J7378*Input!$J$13,0)+IF(Input!$K$14=3,K7378*Input!$J$14,0)+IF(Input!$K$15=3,L7378*Input!$J$15,0)+IF(Input!$K$16=3,M7378*Input!$J$16,0)</f>
        <v>0</v>
      </c>
      <c r="Q7378" s="71">
        <f>IF(Input!$K$13=4,J7378*Input!$J$13,0)+IF(Input!$K$14=4,K7378*Input!$J$14,0)+IF(Input!$K$15=4,L7378*Input!$J$15,0)+IF(Input!$K$16=4,M7378*Input!$J$16,0)</f>
        <v>0</v>
      </c>
    </row>
    <row r="7379" spans="8:17" x14ac:dyDescent="0.25">
      <c r="H7379" s="43">
        <v>7372</v>
      </c>
      <c r="I7379" s="55">
        <f>Bühler!I7405</f>
        <v>1.9418327031546461</v>
      </c>
      <c r="J7379" s="58">
        <f>Bühler!J7405</f>
        <v>10.565209992261629</v>
      </c>
      <c r="K7379" s="58">
        <f>Bühler!K7405</f>
        <v>0.31995925606130454</v>
      </c>
      <c r="L7379" s="58">
        <f>Bühler!L7405</f>
        <v>0.15997962803065227</v>
      </c>
      <c r="M7379" s="57">
        <f>Bühler!M7405</f>
        <v>0</v>
      </c>
      <c r="N7379" s="55">
        <f>IF(Input!$K$13=1,J7379*Input!$J$13,0)+IF(Input!$K$14=1,K7379*Input!$J$14,0)+IF(Input!$K$15=1,L7379*Input!$J$15,0)+IF(Input!$K$16=1,M7379*Input!$J$16,0)</f>
        <v>1.2678251990713953</v>
      </c>
      <c r="O7379" s="58">
        <f>IF(Input!$K$13=2,J7379*Input!$J$13,0)+IF(Input!$K$14=2,K7379*Input!$J$14,0)+IF(Input!$K$15=2,L7379*Input!$J$15,0)+IF(Input!$K$16=2,M7379*Input!$J$16,0)</f>
        <v>4.3194499568276118E-2</v>
      </c>
      <c r="P7379" s="58">
        <f>IF(Input!$K$13=3,J7379*Input!$J$13,0)+IF(Input!$K$14=3,K7379*Input!$J$14,0)+IF(Input!$K$15=3,L7379*Input!$J$15,0)+IF(Input!$K$16=3,M7379*Input!$J$16,0)</f>
        <v>0</v>
      </c>
      <c r="Q7379" s="71">
        <f>IF(Input!$K$13=4,J7379*Input!$J$13,0)+IF(Input!$K$14=4,K7379*Input!$J$14,0)+IF(Input!$K$15=4,L7379*Input!$J$15,0)+IF(Input!$K$16=4,M7379*Input!$J$16,0)</f>
        <v>0</v>
      </c>
    </row>
    <row r="7380" spans="8:17" x14ac:dyDescent="0.25">
      <c r="H7380" s="43">
        <v>7373</v>
      </c>
      <c r="I7380" s="55">
        <f>Bühler!I7406</f>
        <v>1.9418327031546461</v>
      </c>
      <c r="J7380" s="58">
        <f>Bühler!J7406</f>
        <v>10.565209992261629</v>
      </c>
      <c r="K7380" s="58">
        <f>Bühler!K7406</f>
        <v>0.31995925606130454</v>
      </c>
      <c r="L7380" s="58">
        <f>Bühler!L7406</f>
        <v>0.15997962803065227</v>
      </c>
      <c r="M7380" s="57">
        <f>Bühler!M7406</f>
        <v>0</v>
      </c>
      <c r="N7380" s="55">
        <f>IF(Input!$K$13=1,J7380*Input!$J$13,0)+IF(Input!$K$14=1,K7380*Input!$J$14,0)+IF(Input!$K$15=1,L7380*Input!$J$15,0)+IF(Input!$K$16=1,M7380*Input!$J$16,0)</f>
        <v>1.2678251990713953</v>
      </c>
      <c r="O7380" s="58">
        <f>IF(Input!$K$13=2,J7380*Input!$J$13,0)+IF(Input!$K$14=2,K7380*Input!$J$14,0)+IF(Input!$K$15=2,L7380*Input!$J$15,0)+IF(Input!$K$16=2,M7380*Input!$J$16,0)</f>
        <v>4.3194499568276118E-2</v>
      </c>
      <c r="P7380" s="58">
        <f>IF(Input!$K$13=3,J7380*Input!$J$13,0)+IF(Input!$K$14=3,K7380*Input!$J$14,0)+IF(Input!$K$15=3,L7380*Input!$J$15,0)+IF(Input!$K$16=3,M7380*Input!$J$16,0)</f>
        <v>0</v>
      </c>
      <c r="Q7380" s="71">
        <f>IF(Input!$K$13=4,J7380*Input!$J$13,0)+IF(Input!$K$14=4,K7380*Input!$J$14,0)+IF(Input!$K$15=4,L7380*Input!$J$15,0)+IF(Input!$K$16=4,M7380*Input!$J$16,0)</f>
        <v>0</v>
      </c>
    </row>
    <row r="7381" spans="8:17" x14ac:dyDescent="0.25">
      <c r="H7381" s="43">
        <v>7374</v>
      </c>
      <c r="I7381" s="55">
        <f>Bühler!I7407</f>
        <v>2.4154504356313891</v>
      </c>
      <c r="J7381" s="58">
        <f>Bühler!J7407</f>
        <v>10.584944064448159</v>
      </c>
      <c r="K7381" s="58">
        <f>Bühler!K7407</f>
        <v>0.31995925606130454</v>
      </c>
      <c r="L7381" s="58">
        <f>Bühler!L7407</f>
        <v>0.15997962803065227</v>
      </c>
      <c r="M7381" s="57">
        <f>Bühler!M7407</f>
        <v>0</v>
      </c>
      <c r="N7381" s="55">
        <f>IF(Input!$K$13=1,J7381*Input!$J$13,0)+IF(Input!$K$14=1,K7381*Input!$J$14,0)+IF(Input!$K$15=1,L7381*Input!$J$15,0)+IF(Input!$K$16=1,M7381*Input!$J$16,0)</f>
        <v>1.2701932877337789</v>
      </c>
      <c r="O7381" s="58">
        <f>IF(Input!$K$13=2,J7381*Input!$J$13,0)+IF(Input!$K$14=2,K7381*Input!$J$14,0)+IF(Input!$K$15=2,L7381*Input!$J$15,0)+IF(Input!$K$16=2,M7381*Input!$J$16,0)</f>
        <v>4.3194499568276118E-2</v>
      </c>
      <c r="P7381" s="58">
        <f>IF(Input!$K$13=3,J7381*Input!$J$13,0)+IF(Input!$K$14=3,K7381*Input!$J$14,0)+IF(Input!$K$15=3,L7381*Input!$J$15,0)+IF(Input!$K$16=3,M7381*Input!$J$16,0)</f>
        <v>0</v>
      </c>
      <c r="Q7381" s="71">
        <f>IF(Input!$K$13=4,J7381*Input!$J$13,0)+IF(Input!$K$14=4,K7381*Input!$J$14,0)+IF(Input!$K$15=4,L7381*Input!$J$15,0)+IF(Input!$K$16=4,M7381*Input!$J$16,0)</f>
        <v>0</v>
      </c>
    </row>
    <row r="7382" spans="8:17" x14ac:dyDescent="0.25">
      <c r="H7382" s="43">
        <v>7375</v>
      </c>
      <c r="I7382" s="55">
        <f>Bühler!I7408</f>
        <v>3.0311534878511543</v>
      </c>
      <c r="J7382" s="58">
        <f>Bühler!J7408</f>
        <v>10.61059835829065</v>
      </c>
      <c r="K7382" s="58">
        <f>Bühler!K7408</f>
        <v>0.31995925606130454</v>
      </c>
      <c r="L7382" s="58">
        <f>Bühler!L7408</f>
        <v>0.15997962803065227</v>
      </c>
      <c r="M7382" s="57">
        <f>Bühler!M7408</f>
        <v>0</v>
      </c>
      <c r="N7382" s="55">
        <f>IF(Input!$K$13=1,J7382*Input!$J$13,0)+IF(Input!$K$14=1,K7382*Input!$J$14,0)+IF(Input!$K$15=1,L7382*Input!$J$15,0)+IF(Input!$K$16=1,M7382*Input!$J$16,0)</f>
        <v>1.273271802994878</v>
      </c>
      <c r="O7382" s="58">
        <f>IF(Input!$K$13=2,J7382*Input!$J$13,0)+IF(Input!$K$14=2,K7382*Input!$J$14,0)+IF(Input!$K$15=2,L7382*Input!$J$15,0)+IF(Input!$K$16=2,M7382*Input!$J$16,0)</f>
        <v>4.3194499568276118E-2</v>
      </c>
      <c r="P7382" s="58">
        <f>IF(Input!$K$13=3,J7382*Input!$J$13,0)+IF(Input!$K$14=3,K7382*Input!$J$14,0)+IF(Input!$K$15=3,L7382*Input!$J$15,0)+IF(Input!$K$16=3,M7382*Input!$J$16,0)</f>
        <v>0</v>
      </c>
      <c r="Q7382" s="71">
        <f>IF(Input!$K$13=4,J7382*Input!$J$13,0)+IF(Input!$K$14=4,K7382*Input!$J$14,0)+IF(Input!$K$15=4,L7382*Input!$J$15,0)+IF(Input!$K$16=4,M7382*Input!$J$16,0)</f>
        <v>0</v>
      </c>
    </row>
    <row r="7383" spans="8:17" x14ac:dyDescent="0.25">
      <c r="H7383" s="43">
        <v>7376</v>
      </c>
      <c r="I7383" s="55">
        <f>Bühler!I7409</f>
        <v>3.4574094470802232</v>
      </c>
      <c r="J7383" s="58">
        <f>Bühler!J7409</f>
        <v>10.628359023258527</v>
      </c>
      <c r="K7383" s="58">
        <f>Bühler!K7409</f>
        <v>0.31995925606130454</v>
      </c>
      <c r="L7383" s="58">
        <f>Bühler!L7409</f>
        <v>0.15997962803065227</v>
      </c>
      <c r="M7383" s="57">
        <f>Bühler!M7409</f>
        <v>0</v>
      </c>
      <c r="N7383" s="55">
        <f>IF(Input!$K$13=1,J7383*Input!$J$13,0)+IF(Input!$K$14=1,K7383*Input!$J$14,0)+IF(Input!$K$15=1,L7383*Input!$J$15,0)+IF(Input!$K$16=1,M7383*Input!$J$16,0)</f>
        <v>1.2754030827910232</v>
      </c>
      <c r="O7383" s="58">
        <f>IF(Input!$K$13=2,J7383*Input!$J$13,0)+IF(Input!$K$14=2,K7383*Input!$J$14,0)+IF(Input!$K$15=2,L7383*Input!$J$15,0)+IF(Input!$K$16=2,M7383*Input!$J$16,0)</f>
        <v>4.3194499568276118E-2</v>
      </c>
      <c r="P7383" s="58">
        <f>IF(Input!$K$13=3,J7383*Input!$J$13,0)+IF(Input!$K$14=3,K7383*Input!$J$14,0)+IF(Input!$K$15=3,L7383*Input!$J$15,0)+IF(Input!$K$16=3,M7383*Input!$J$16,0)</f>
        <v>0</v>
      </c>
      <c r="Q7383" s="71">
        <f>IF(Input!$K$13=4,J7383*Input!$J$13,0)+IF(Input!$K$14=4,K7383*Input!$J$14,0)+IF(Input!$K$15=4,L7383*Input!$J$15,0)+IF(Input!$K$16=4,M7383*Input!$J$16,0)</f>
        <v>0</v>
      </c>
    </row>
    <row r="7384" spans="8:17" x14ac:dyDescent="0.25">
      <c r="H7384" s="43">
        <v>7377</v>
      </c>
      <c r="I7384" s="55">
        <f>Bühler!I7410</f>
        <v>3.4574094470802232</v>
      </c>
      <c r="J7384" s="58">
        <f>Bühler!J7410</f>
        <v>10.628359023258527</v>
      </c>
      <c r="K7384" s="58">
        <f>Bühler!K7410</f>
        <v>0.31995925606130454</v>
      </c>
      <c r="L7384" s="58">
        <f>Bühler!L7410</f>
        <v>0.15997962803065227</v>
      </c>
      <c r="M7384" s="57">
        <f>Bühler!M7410</f>
        <v>0</v>
      </c>
      <c r="N7384" s="55">
        <f>IF(Input!$K$13=1,J7384*Input!$J$13,0)+IF(Input!$K$14=1,K7384*Input!$J$14,0)+IF(Input!$K$15=1,L7384*Input!$J$15,0)+IF(Input!$K$16=1,M7384*Input!$J$16,0)</f>
        <v>1.2754030827910232</v>
      </c>
      <c r="O7384" s="58">
        <f>IF(Input!$K$13=2,J7384*Input!$J$13,0)+IF(Input!$K$14=2,K7384*Input!$J$14,0)+IF(Input!$K$15=2,L7384*Input!$J$15,0)+IF(Input!$K$16=2,M7384*Input!$J$16,0)</f>
        <v>4.3194499568276118E-2</v>
      </c>
      <c r="P7384" s="58">
        <f>IF(Input!$K$13=3,J7384*Input!$J$13,0)+IF(Input!$K$14=3,K7384*Input!$J$14,0)+IF(Input!$K$15=3,L7384*Input!$J$15,0)+IF(Input!$K$16=3,M7384*Input!$J$16,0)</f>
        <v>0</v>
      </c>
      <c r="Q7384" s="71">
        <f>IF(Input!$K$13=4,J7384*Input!$J$13,0)+IF(Input!$K$14=4,K7384*Input!$J$14,0)+IF(Input!$K$15=4,L7384*Input!$J$15,0)+IF(Input!$K$16=4,M7384*Input!$J$16,0)</f>
        <v>0</v>
      </c>
    </row>
    <row r="7385" spans="8:17" x14ac:dyDescent="0.25">
      <c r="H7385" s="43">
        <v>7378</v>
      </c>
      <c r="I7385" s="55">
        <f>Bühler!I7411</f>
        <v>3.4574094470802232</v>
      </c>
      <c r="J7385" s="58">
        <f>Bühler!J7411</f>
        <v>10.628359023258527</v>
      </c>
      <c r="K7385" s="58">
        <f>Bühler!K7411</f>
        <v>0.31995925606130454</v>
      </c>
      <c r="L7385" s="58">
        <f>Bühler!L7411</f>
        <v>0.15997962803065227</v>
      </c>
      <c r="M7385" s="57">
        <f>Bühler!M7411</f>
        <v>0</v>
      </c>
      <c r="N7385" s="55">
        <f>IF(Input!$K$13=1,J7385*Input!$J$13,0)+IF(Input!$K$14=1,K7385*Input!$J$14,0)+IF(Input!$K$15=1,L7385*Input!$J$15,0)+IF(Input!$K$16=1,M7385*Input!$J$16,0)</f>
        <v>1.2754030827910232</v>
      </c>
      <c r="O7385" s="58">
        <f>IF(Input!$K$13=2,J7385*Input!$J$13,0)+IF(Input!$K$14=2,K7385*Input!$J$14,0)+IF(Input!$K$15=2,L7385*Input!$J$15,0)+IF(Input!$K$16=2,M7385*Input!$J$16,0)</f>
        <v>4.3194499568276118E-2</v>
      </c>
      <c r="P7385" s="58">
        <f>IF(Input!$K$13=3,J7385*Input!$J$13,0)+IF(Input!$K$14=3,K7385*Input!$J$14,0)+IF(Input!$K$15=3,L7385*Input!$J$15,0)+IF(Input!$K$16=3,M7385*Input!$J$16,0)</f>
        <v>0</v>
      </c>
      <c r="Q7385" s="71">
        <f>IF(Input!$K$13=4,J7385*Input!$J$13,0)+IF(Input!$K$14=4,K7385*Input!$J$14,0)+IF(Input!$K$15=4,L7385*Input!$J$15,0)+IF(Input!$K$16=4,M7385*Input!$J$16,0)</f>
        <v>0</v>
      </c>
    </row>
    <row r="7386" spans="8:17" x14ac:dyDescent="0.25">
      <c r="H7386" s="43">
        <v>7379</v>
      </c>
      <c r="I7386" s="55">
        <f>Bühler!I7412</f>
        <v>3.4574094470802232</v>
      </c>
      <c r="J7386" s="58">
        <f>Bühler!J7412</f>
        <v>10.628359023258527</v>
      </c>
      <c r="K7386" s="58">
        <f>Bühler!K7412</f>
        <v>0.31995925606130454</v>
      </c>
      <c r="L7386" s="58">
        <f>Bühler!L7412</f>
        <v>0.15997962803065227</v>
      </c>
      <c r="M7386" s="57">
        <f>Bühler!M7412</f>
        <v>0</v>
      </c>
      <c r="N7386" s="55">
        <f>IF(Input!$K$13=1,J7386*Input!$J$13,0)+IF(Input!$K$14=1,K7386*Input!$J$14,0)+IF(Input!$K$15=1,L7386*Input!$J$15,0)+IF(Input!$K$16=1,M7386*Input!$J$16,0)</f>
        <v>1.2754030827910232</v>
      </c>
      <c r="O7386" s="58">
        <f>IF(Input!$K$13=2,J7386*Input!$J$13,0)+IF(Input!$K$14=2,K7386*Input!$J$14,0)+IF(Input!$K$15=2,L7386*Input!$J$15,0)+IF(Input!$K$16=2,M7386*Input!$J$16,0)</f>
        <v>4.3194499568276118E-2</v>
      </c>
      <c r="P7386" s="58">
        <f>IF(Input!$K$13=3,J7386*Input!$J$13,0)+IF(Input!$K$14=3,K7386*Input!$J$14,0)+IF(Input!$K$15=3,L7386*Input!$J$15,0)+IF(Input!$K$16=3,M7386*Input!$J$16,0)</f>
        <v>0</v>
      </c>
      <c r="Q7386" s="71">
        <f>IF(Input!$K$13=4,J7386*Input!$J$13,0)+IF(Input!$K$14=4,K7386*Input!$J$14,0)+IF(Input!$K$15=4,L7386*Input!$J$15,0)+IF(Input!$K$16=4,M7386*Input!$J$16,0)</f>
        <v>0</v>
      </c>
    </row>
    <row r="7387" spans="8:17" x14ac:dyDescent="0.25">
      <c r="H7387" s="43">
        <v>7380</v>
      </c>
      <c r="I7387" s="55">
        <f>Bühler!I7413</f>
        <v>3.4574094470802232</v>
      </c>
      <c r="J7387" s="58">
        <f>Bühler!J7413</f>
        <v>10.628359023258527</v>
      </c>
      <c r="K7387" s="58">
        <f>Bühler!K7413</f>
        <v>0.31995925606130454</v>
      </c>
      <c r="L7387" s="58">
        <f>Bühler!L7413</f>
        <v>0.15997962803065227</v>
      </c>
      <c r="M7387" s="57">
        <f>Bühler!M7413</f>
        <v>0</v>
      </c>
      <c r="N7387" s="55">
        <f>IF(Input!$K$13=1,J7387*Input!$J$13,0)+IF(Input!$K$14=1,K7387*Input!$J$14,0)+IF(Input!$K$15=1,L7387*Input!$J$15,0)+IF(Input!$K$16=1,M7387*Input!$J$16,0)</f>
        <v>1.2754030827910232</v>
      </c>
      <c r="O7387" s="58">
        <f>IF(Input!$K$13=2,J7387*Input!$J$13,0)+IF(Input!$K$14=2,K7387*Input!$J$14,0)+IF(Input!$K$15=2,L7387*Input!$J$15,0)+IF(Input!$K$16=2,M7387*Input!$J$16,0)</f>
        <v>4.3194499568276118E-2</v>
      </c>
      <c r="P7387" s="58">
        <f>IF(Input!$K$13=3,J7387*Input!$J$13,0)+IF(Input!$K$14=3,K7387*Input!$J$14,0)+IF(Input!$K$15=3,L7387*Input!$J$15,0)+IF(Input!$K$16=3,M7387*Input!$J$16,0)</f>
        <v>0</v>
      </c>
      <c r="Q7387" s="71">
        <f>IF(Input!$K$13=4,J7387*Input!$J$13,0)+IF(Input!$K$14=4,K7387*Input!$J$14,0)+IF(Input!$K$15=4,L7387*Input!$J$15,0)+IF(Input!$K$16=4,M7387*Input!$J$16,0)</f>
        <v>0</v>
      </c>
    </row>
    <row r="7388" spans="8:17" x14ac:dyDescent="0.25">
      <c r="H7388" s="43">
        <v>7381</v>
      </c>
      <c r="I7388" s="55">
        <f>Bühler!I7414</f>
        <v>3.4574094470802232</v>
      </c>
      <c r="J7388" s="58">
        <f>Bühler!J7414</f>
        <v>10.628359023258527</v>
      </c>
      <c r="K7388" s="58">
        <f>Bühler!K7414</f>
        <v>0.31995925606130454</v>
      </c>
      <c r="L7388" s="58">
        <f>Bühler!L7414</f>
        <v>0.15997962803065227</v>
      </c>
      <c r="M7388" s="57">
        <f>Bühler!M7414</f>
        <v>0</v>
      </c>
      <c r="N7388" s="55">
        <f>IF(Input!$K$13=1,J7388*Input!$J$13,0)+IF(Input!$K$14=1,K7388*Input!$J$14,0)+IF(Input!$K$15=1,L7388*Input!$J$15,0)+IF(Input!$K$16=1,M7388*Input!$J$16,0)</f>
        <v>1.2754030827910232</v>
      </c>
      <c r="O7388" s="58">
        <f>IF(Input!$K$13=2,J7388*Input!$J$13,0)+IF(Input!$K$14=2,K7388*Input!$J$14,0)+IF(Input!$K$15=2,L7388*Input!$J$15,0)+IF(Input!$K$16=2,M7388*Input!$J$16,0)</f>
        <v>4.3194499568276118E-2</v>
      </c>
      <c r="P7388" s="58">
        <f>IF(Input!$K$13=3,J7388*Input!$J$13,0)+IF(Input!$K$14=3,K7388*Input!$J$14,0)+IF(Input!$K$15=3,L7388*Input!$J$15,0)+IF(Input!$K$16=3,M7388*Input!$J$16,0)</f>
        <v>0</v>
      </c>
      <c r="Q7388" s="71">
        <f>IF(Input!$K$13=4,J7388*Input!$J$13,0)+IF(Input!$K$14=4,K7388*Input!$J$14,0)+IF(Input!$K$15=4,L7388*Input!$J$15,0)+IF(Input!$K$16=4,M7388*Input!$J$16,0)</f>
        <v>0</v>
      </c>
    </row>
    <row r="7389" spans="8:17" x14ac:dyDescent="0.25">
      <c r="H7389" s="43">
        <v>7382</v>
      </c>
      <c r="I7389" s="55">
        <f>Bühler!I7415</f>
        <v>3.4574094470802232</v>
      </c>
      <c r="J7389" s="58">
        <f>Bühler!J7415</f>
        <v>10.628359023258527</v>
      </c>
      <c r="K7389" s="58">
        <f>Bühler!K7415</f>
        <v>0.31995925606130454</v>
      </c>
      <c r="L7389" s="58">
        <f>Bühler!L7415</f>
        <v>0.15997962803065227</v>
      </c>
      <c r="M7389" s="57">
        <f>Bühler!M7415</f>
        <v>0</v>
      </c>
      <c r="N7389" s="55">
        <f>IF(Input!$K$13=1,J7389*Input!$J$13,0)+IF(Input!$K$14=1,K7389*Input!$J$14,0)+IF(Input!$K$15=1,L7389*Input!$J$15,0)+IF(Input!$K$16=1,M7389*Input!$J$16,0)</f>
        <v>1.2754030827910232</v>
      </c>
      <c r="O7389" s="58">
        <f>IF(Input!$K$13=2,J7389*Input!$J$13,0)+IF(Input!$K$14=2,K7389*Input!$J$14,0)+IF(Input!$K$15=2,L7389*Input!$J$15,0)+IF(Input!$K$16=2,M7389*Input!$J$16,0)</f>
        <v>4.3194499568276118E-2</v>
      </c>
      <c r="P7389" s="58">
        <f>IF(Input!$K$13=3,J7389*Input!$J$13,0)+IF(Input!$K$14=3,K7389*Input!$J$14,0)+IF(Input!$K$15=3,L7389*Input!$J$15,0)+IF(Input!$K$16=3,M7389*Input!$J$16,0)</f>
        <v>0</v>
      </c>
      <c r="Q7389" s="71">
        <f>IF(Input!$K$13=4,J7389*Input!$J$13,0)+IF(Input!$K$14=4,K7389*Input!$J$14,0)+IF(Input!$K$15=4,L7389*Input!$J$15,0)+IF(Input!$K$16=4,M7389*Input!$J$16,0)</f>
        <v>0</v>
      </c>
    </row>
    <row r="7390" spans="8:17" x14ac:dyDescent="0.25">
      <c r="H7390" s="43">
        <v>7383</v>
      </c>
      <c r="I7390" s="55">
        <f>Bühler!I7416</f>
        <v>3.4574094470802232</v>
      </c>
      <c r="J7390" s="58">
        <f>Bühler!J7416</f>
        <v>10.628359023258527</v>
      </c>
      <c r="K7390" s="58">
        <f>Bühler!K7416</f>
        <v>0.31995925606130454</v>
      </c>
      <c r="L7390" s="58">
        <f>Bühler!L7416</f>
        <v>0.15997962803065227</v>
      </c>
      <c r="M7390" s="57">
        <f>Bühler!M7416</f>
        <v>0</v>
      </c>
      <c r="N7390" s="55">
        <f>IF(Input!$K$13=1,J7390*Input!$J$13,0)+IF(Input!$K$14=1,K7390*Input!$J$14,0)+IF(Input!$K$15=1,L7390*Input!$J$15,0)+IF(Input!$K$16=1,M7390*Input!$J$16,0)</f>
        <v>1.2754030827910232</v>
      </c>
      <c r="O7390" s="58">
        <f>IF(Input!$K$13=2,J7390*Input!$J$13,0)+IF(Input!$K$14=2,K7390*Input!$J$14,0)+IF(Input!$K$15=2,L7390*Input!$J$15,0)+IF(Input!$K$16=2,M7390*Input!$J$16,0)</f>
        <v>4.3194499568276118E-2</v>
      </c>
      <c r="P7390" s="58">
        <f>IF(Input!$K$13=3,J7390*Input!$J$13,0)+IF(Input!$K$14=3,K7390*Input!$J$14,0)+IF(Input!$K$15=3,L7390*Input!$J$15,0)+IF(Input!$K$16=3,M7390*Input!$J$16,0)</f>
        <v>0</v>
      </c>
      <c r="Q7390" s="71">
        <f>IF(Input!$K$13=4,J7390*Input!$J$13,0)+IF(Input!$K$14=4,K7390*Input!$J$14,0)+IF(Input!$K$15=4,L7390*Input!$J$15,0)+IF(Input!$K$16=4,M7390*Input!$J$16,0)</f>
        <v>0</v>
      </c>
    </row>
    <row r="7391" spans="8:17" x14ac:dyDescent="0.25">
      <c r="H7391" s="43">
        <v>7384</v>
      </c>
      <c r="I7391" s="55">
        <f>Bühler!I7417</f>
        <v>3.1258770343465034</v>
      </c>
      <c r="J7391" s="58">
        <f>Bühler!J7417</f>
        <v>10.614545172727956</v>
      </c>
      <c r="K7391" s="58">
        <f>Bühler!K7417</f>
        <v>0.31995925606130454</v>
      </c>
      <c r="L7391" s="58">
        <f>Bühler!L7417</f>
        <v>0.15997962803065227</v>
      </c>
      <c r="M7391" s="57">
        <f>Bühler!M7417</f>
        <v>0</v>
      </c>
      <c r="N7391" s="55">
        <f>IF(Input!$K$13=1,J7391*Input!$J$13,0)+IF(Input!$K$14=1,K7391*Input!$J$14,0)+IF(Input!$K$15=1,L7391*Input!$J$15,0)+IF(Input!$K$16=1,M7391*Input!$J$16,0)</f>
        <v>1.2737454207273546</v>
      </c>
      <c r="O7391" s="58">
        <f>IF(Input!$K$13=2,J7391*Input!$J$13,0)+IF(Input!$K$14=2,K7391*Input!$J$14,0)+IF(Input!$K$15=2,L7391*Input!$J$15,0)+IF(Input!$K$16=2,M7391*Input!$J$16,0)</f>
        <v>4.3194499568276118E-2</v>
      </c>
      <c r="P7391" s="58">
        <f>IF(Input!$K$13=3,J7391*Input!$J$13,0)+IF(Input!$K$14=3,K7391*Input!$J$14,0)+IF(Input!$K$15=3,L7391*Input!$J$15,0)+IF(Input!$K$16=3,M7391*Input!$J$16,0)</f>
        <v>0</v>
      </c>
      <c r="Q7391" s="71">
        <f>IF(Input!$K$13=4,J7391*Input!$J$13,0)+IF(Input!$K$14=4,K7391*Input!$J$14,0)+IF(Input!$K$15=4,L7391*Input!$J$15,0)+IF(Input!$K$16=4,M7391*Input!$J$16,0)</f>
        <v>0</v>
      </c>
    </row>
    <row r="7392" spans="8:17" x14ac:dyDescent="0.25">
      <c r="H7392" s="43">
        <v>7385</v>
      </c>
      <c r="I7392" s="55">
        <f>Bühler!I7418</f>
        <v>2.8417063948604575</v>
      </c>
      <c r="J7392" s="58">
        <f>Bühler!J7418</f>
        <v>10.602704729416036</v>
      </c>
      <c r="K7392" s="58">
        <f>Bühler!K7418</f>
        <v>0.31995925606130454</v>
      </c>
      <c r="L7392" s="58">
        <f>Bühler!L7418</f>
        <v>0.15997962803065227</v>
      </c>
      <c r="M7392" s="57">
        <f>Bühler!M7418</f>
        <v>0</v>
      </c>
      <c r="N7392" s="55">
        <f>IF(Input!$K$13=1,J7392*Input!$J$13,0)+IF(Input!$K$14=1,K7392*Input!$J$14,0)+IF(Input!$K$15=1,L7392*Input!$J$15,0)+IF(Input!$K$16=1,M7392*Input!$J$16,0)</f>
        <v>1.2723245675299244</v>
      </c>
      <c r="O7392" s="58">
        <f>IF(Input!$K$13=2,J7392*Input!$J$13,0)+IF(Input!$K$14=2,K7392*Input!$J$14,0)+IF(Input!$K$15=2,L7392*Input!$J$15,0)+IF(Input!$K$16=2,M7392*Input!$J$16,0)</f>
        <v>4.3194499568276118E-2</v>
      </c>
      <c r="P7392" s="58">
        <f>IF(Input!$K$13=3,J7392*Input!$J$13,0)+IF(Input!$K$14=3,K7392*Input!$J$14,0)+IF(Input!$K$15=3,L7392*Input!$J$15,0)+IF(Input!$K$16=3,M7392*Input!$J$16,0)</f>
        <v>0</v>
      </c>
      <c r="Q7392" s="71">
        <f>IF(Input!$K$13=4,J7392*Input!$J$13,0)+IF(Input!$K$14=4,K7392*Input!$J$14,0)+IF(Input!$K$15=4,L7392*Input!$J$15,0)+IF(Input!$K$16=4,M7392*Input!$J$16,0)</f>
        <v>0</v>
      </c>
    </row>
    <row r="7393" spans="8:17" x14ac:dyDescent="0.25">
      <c r="H7393" s="43">
        <v>7386</v>
      </c>
      <c r="I7393" s="55">
        <f>Bühler!I7419</f>
        <v>2.557535755374412</v>
      </c>
      <c r="J7393" s="58">
        <f>Bühler!J7419</f>
        <v>10.590864286104118</v>
      </c>
      <c r="K7393" s="58">
        <f>Bühler!K7419</f>
        <v>0.31995925606130454</v>
      </c>
      <c r="L7393" s="58">
        <f>Bühler!L7419</f>
        <v>0.15997962803065227</v>
      </c>
      <c r="M7393" s="57">
        <f>Bühler!M7419</f>
        <v>0</v>
      </c>
      <c r="N7393" s="55">
        <f>IF(Input!$K$13=1,J7393*Input!$J$13,0)+IF(Input!$K$14=1,K7393*Input!$J$14,0)+IF(Input!$K$15=1,L7393*Input!$J$15,0)+IF(Input!$K$16=1,M7393*Input!$J$16,0)</f>
        <v>1.2709037143324942</v>
      </c>
      <c r="O7393" s="58">
        <f>IF(Input!$K$13=2,J7393*Input!$J$13,0)+IF(Input!$K$14=2,K7393*Input!$J$14,0)+IF(Input!$K$15=2,L7393*Input!$J$15,0)+IF(Input!$K$16=2,M7393*Input!$J$16,0)</f>
        <v>4.3194499568276118E-2</v>
      </c>
      <c r="P7393" s="58">
        <f>IF(Input!$K$13=3,J7393*Input!$J$13,0)+IF(Input!$K$14=3,K7393*Input!$J$14,0)+IF(Input!$K$15=3,L7393*Input!$J$15,0)+IF(Input!$K$16=3,M7393*Input!$J$16,0)</f>
        <v>0</v>
      </c>
      <c r="Q7393" s="71">
        <f>IF(Input!$K$13=4,J7393*Input!$J$13,0)+IF(Input!$K$14=4,K7393*Input!$J$14,0)+IF(Input!$K$15=4,L7393*Input!$J$15,0)+IF(Input!$K$16=4,M7393*Input!$J$16,0)</f>
        <v>0</v>
      </c>
    </row>
    <row r="7394" spans="8:17" x14ac:dyDescent="0.25">
      <c r="H7394" s="43">
        <v>7387</v>
      </c>
      <c r="I7394" s="55">
        <f>Bühler!I7420</f>
        <v>2.4628122088790634</v>
      </c>
      <c r="J7394" s="58">
        <f>Bühler!J7420</f>
        <v>10.586917471666812</v>
      </c>
      <c r="K7394" s="58">
        <f>Bühler!K7420</f>
        <v>0.31995925606130454</v>
      </c>
      <c r="L7394" s="58">
        <f>Bühler!L7420</f>
        <v>0.15997962803065227</v>
      </c>
      <c r="M7394" s="57">
        <f>Bühler!M7420</f>
        <v>0</v>
      </c>
      <c r="N7394" s="55">
        <f>IF(Input!$K$13=1,J7394*Input!$J$13,0)+IF(Input!$K$14=1,K7394*Input!$J$14,0)+IF(Input!$K$15=1,L7394*Input!$J$15,0)+IF(Input!$K$16=1,M7394*Input!$J$16,0)</f>
        <v>1.2704300966000175</v>
      </c>
      <c r="O7394" s="58">
        <f>IF(Input!$K$13=2,J7394*Input!$J$13,0)+IF(Input!$K$14=2,K7394*Input!$J$14,0)+IF(Input!$K$15=2,L7394*Input!$J$15,0)+IF(Input!$K$16=2,M7394*Input!$J$16,0)</f>
        <v>4.3194499568276118E-2</v>
      </c>
      <c r="P7394" s="58">
        <f>IF(Input!$K$13=3,J7394*Input!$J$13,0)+IF(Input!$K$14=3,K7394*Input!$J$14,0)+IF(Input!$K$15=3,L7394*Input!$J$15,0)+IF(Input!$K$16=3,M7394*Input!$J$16,0)</f>
        <v>0</v>
      </c>
      <c r="Q7394" s="71">
        <f>IF(Input!$K$13=4,J7394*Input!$J$13,0)+IF(Input!$K$14=4,K7394*Input!$J$14,0)+IF(Input!$K$15=4,L7394*Input!$J$15,0)+IF(Input!$K$16=4,M7394*Input!$J$16,0)</f>
        <v>0</v>
      </c>
    </row>
    <row r="7395" spans="8:17" x14ac:dyDescent="0.25">
      <c r="H7395" s="43">
        <v>7388</v>
      </c>
      <c r="I7395" s="55">
        <f>Bühler!I7421</f>
        <v>1.9891944764023199</v>
      </c>
      <c r="J7395" s="58">
        <f>Bühler!J7421</f>
        <v>10.567183399480282</v>
      </c>
      <c r="K7395" s="58">
        <f>Bühler!K7421</f>
        <v>0.31995925606130454</v>
      </c>
      <c r="L7395" s="58">
        <f>Bühler!L7421</f>
        <v>0.15997962803065227</v>
      </c>
      <c r="M7395" s="57">
        <f>Bühler!M7421</f>
        <v>0</v>
      </c>
      <c r="N7395" s="55">
        <f>IF(Input!$K$13=1,J7395*Input!$J$13,0)+IF(Input!$K$14=1,K7395*Input!$J$14,0)+IF(Input!$K$15=1,L7395*Input!$J$15,0)+IF(Input!$K$16=1,M7395*Input!$J$16,0)</f>
        <v>1.2680620079376337</v>
      </c>
      <c r="O7395" s="58">
        <f>IF(Input!$K$13=2,J7395*Input!$J$13,0)+IF(Input!$K$14=2,K7395*Input!$J$14,0)+IF(Input!$K$15=2,L7395*Input!$J$15,0)+IF(Input!$K$16=2,M7395*Input!$J$16,0)</f>
        <v>4.3194499568276118E-2</v>
      </c>
      <c r="P7395" s="58">
        <f>IF(Input!$K$13=3,J7395*Input!$J$13,0)+IF(Input!$K$14=3,K7395*Input!$J$14,0)+IF(Input!$K$15=3,L7395*Input!$J$15,0)+IF(Input!$K$16=3,M7395*Input!$J$16,0)</f>
        <v>0</v>
      </c>
      <c r="Q7395" s="71">
        <f>IF(Input!$K$13=4,J7395*Input!$J$13,0)+IF(Input!$K$14=4,K7395*Input!$J$14,0)+IF(Input!$K$15=4,L7395*Input!$J$15,0)+IF(Input!$K$16=4,M7395*Input!$J$16,0)</f>
        <v>0</v>
      </c>
    </row>
    <row r="7396" spans="8:17" x14ac:dyDescent="0.25">
      <c r="H7396" s="43">
        <v>7389</v>
      </c>
      <c r="I7396" s="55">
        <f>Bühler!I7422</f>
        <v>1.4682149706779031</v>
      </c>
      <c r="J7396" s="58">
        <f>Bühler!J7422</f>
        <v>10.545475920075098</v>
      </c>
      <c r="K7396" s="58">
        <f>Bühler!K7422</f>
        <v>0.31995925606130454</v>
      </c>
      <c r="L7396" s="58">
        <f>Bühler!L7422</f>
        <v>0.15997962803065227</v>
      </c>
      <c r="M7396" s="57">
        <f>Bühler!M7422</f>
        <v>0</v>
      </c>
      <c r="N7396" s="55">
        <f>IF(Input!$K$13=1,J7396*Input!$J$13,0)+IF(Input!$K$14=1,K7396*Input!$J$14,0)+IF(Input!$K$15=1,L7396*Input!$J$15,0)+IF(Input!$K$16=1,M7396*Input!$J$16,0)</f>
        <v>1.2654571104090118</v>
      </c>
      <c r="O7396" s="58">
        <f>IF(Input!$K$13=2,J7396*Input!$J$13,0)+IF(Input!$K$14=2,K7396*Input!$J$14,0)+IF(Input!$K$15=2,L7396*Input!$J$15,0)+IF(Input!$K$16=2,M7396*Input!$J$16,0)</f>
        <v>4.3194499568276118E-2</v>
      </c>
      <c r="P7396" s="58">
        <f>IF(Input!$K$13=3,J7396*Input!$J$13,0)+IF(Input!$K$14=3,K7396*Input!$J$14,0)+IF(Input!$K$15=3,L7396*Input!$J$15,0)+IF(Input!$K$16=3,M7396*Input!$J$16,0)</f>
        <v>0</v>
      </c>
      <c r="Q7396" s="71">
        <f>IF(Input!$K$13=4,J7396*Input!$J$13,0)+IF(Input!$K$14=4,K7396*Input!$J$14,0)+IF(Input!$K$15=4,L7396*Input!$J$15,0)+IF(Input!$K$16=4,M7396*Input!$J$16,0)</f>
        <v>0</v>
      </c>
    </row>
    <row r="7397" spans="8:17" x14ac:dyDescent="0.25">
      <c r="H7397" s="43">
        <v>7390</v>
      </c>
      <c r="I7397" s="55">
        <f>Bühler!I7423</f>
        <v>1.4682149706779031</v>
      </c>
      <c r="J7397" s="58">
        <f>Bühler!J7423</f>
        <v>10.545475920075098</v>
      </c>
      <c r="K7397" s="58">
        <f>Bühler!K7423</f>
        <v>0.31995925606130454</v>
      </c>
      <c r="L7397" s="58">
        <f>Bühler!L7423</f>
        <v>0.15997962803065227</v>
      </c>
      <c r="M7397" s="57">
        <f>Bühler!M7423</f>
        <v>0</v>
      </c>
      <c r="N7397" s="55">
        <f>IF(Input!$K$13=1,J7397*Input!$J$13,0)+IF(Input!$K$14=1,K7397*Input!$J$14,0)+IF(Input!$K$15=1,L7397*Input!$J$15,0)+IF(Input!$K$16=1,M7397*Input!$J$16,0)</f>
        <v>1.2654571104090118</v>
      </c>
      <c r="O7397" s="58">
        <f>IF(Input!$K$13=2,J7397*Input!$J$13,0)+IF(Input!$K$14=2,K7397*Input!$J$14,0)+IF(Input!$K$15=2,L7397*Input!$J$15,0)+IF(Input!$K$16=2,M7397*Input!$J$16,0)</f>
        <v>4.3194499568276118E-2</v>
      </c>
      <c r="P7397" s="58">
        <f>IF(Input!$K$13=3,J7397*Input!$J$13,0)+IF(Input!$K$14=3,K7397*Input!$J$14,0)+IF(Input!$K$15=3,L7397*Input!$J$15,0)+IF(Input!$K$16=3,M7397*Input!$J$16,0)</f>
        <v>0</v>
      </c>
      <c r="Q7397" s="71">
        <f>IF(Input!$K$13=4,J7397*Input!$J$13,0)+IF(Input!$K$14=4,K7397*Input!$J$14,0)+IF(Input!$K$15=4,L7397*Input!$J$15,0)+IF(Input!$K$16=4,M7397*Input!$J$16,0)</f>
        <v>0</v>
      </c>
    </row>
    <row r="7398" spans="8:17" x14ac:dyDescent="0.25">
      <c r="H7398" s="43">
        <v>7391</v>
      </c>
      <c r="I7398" s="55">
        <f>Bühler!I7424</f>
        <v>1.4682149706779031</v>
      </c>
      <c r="J7398" s="58">
        <f>Bühler!J7424</f>
        <v>10.545475920075098</v>
      </c>
      <c r="K7398" s="58">
        <f>Bühler!K7424</f>
        <v>0.31995925606130454</v>
      </c>
      <c r="L7398" s="58">
        <f>Bühler!L7424</f>
        <v>0.15997962803065227</v>
      </c>
      <c r="M7398" s="57">
        <f>Bühler!M7424</f>
        <v>0</v>
      </c>
      <c r="N7398" s="55">
        <f>IF(Input!$K$13=1,J7398*Input!$J$13,0)+IF(Input!$K$14=1,K7398*Input!$J$14,0)+IF(Input!$K$15=1,L7398*Input!$J$15,0)+IF(Input!$K$16=1,M7398*Input!$J$16,0)</f>
        <v>1.2654571104090118</v>
      </c>
      <c r="O7398" s="58">
        <f>IF(Input!$K$13=2,J7398*Input!$J$13,0)+IF(Input!$K$14=2,K7398*Input!$J$14,0)+IF(Input!$K$15=2,L7398*Input!$J$15,0)+IF(Input!$K$16=2,M7398*Input!$J$16,0)</f>
        <v>4.3194499568276118E-2</v>
      </c>
      <c r="P7398" s="58">
        <f>IF(Input!$K$13=3,J7398*Input!$J$13,0)+IF(Input!$K$14=3,K7398*Input!$J$14,0)+IF(Input!$K$15=3,L7398*Input!$J$15,0)+IF(Input!$K$16=3,M7398*Input!$J$16,0)</f>
        <v>0</v>
      </c>
      <c r="Q7398" s="71">
        <f>IF(Input!$K$13=4,J7398*Input!$J$13,0)+IF(Input!$K$14=4,K7398*Input!$J$14,0)+IF(Input!$K$15=4,L7398*Input!$J$15,0)+IF(Input!$K$16=4,M7398*Input!$J$16,0)</f>
        <v>0</v>
      </c>
    </row>
    <row r="7399" spans="8:17" x14ac:dyDescent="0.25">
      <c r="H7399" s="43">
        <v>7392</v>
      </c>
      <c r="I7399" s="55">
        <f>Bühler!I7425</f>
        <v>1.4682149706779031</v>
      </c>
      <c r="J7399" s="58">
        <f>Bühler!J7425</f>
        <v>10.545475920075098</v>
      </c>
      <c r="K7399" s="58">
        <f>Bühler!K7425</f>
        <v>0.31995925606130454</v>
      </c>
      <c r="L7399" s="58">
        <f>Bühler!L7425</f>
        <v>0.15997962803065227</v>
      </c>
      <c r="M7399" s="57">
        <f>Bühler!M7425</f>
        <v>0</v>
      </c>
      <c r="N7399" s="55">
        <f>IF(Input!$K$13=1,J7399*Input!$J$13,0)+IF(Input!$K$14=1,K7399*Input!$J$14,0)+IF(Input!$K$15=1,L7399*Input!$J$15,0)+IF(Input!$K$16=1,M7399*Input!$J$16,0)</f>
        <v>1.2654571104090118</v>
      </c>
      <c r="O7399" s="58">
        <f>IF(Input!$K$13=2,J7399*Input!$J$13,0)+IF(Input!$K$14=2,K7399*Input!$J$14,0)+IF(Input!$K$15=2,L7399*Input!$J$15,0)+IF(Input!$K$16=2,M7399*Input!$J$16,0)</f>
        <v>4.3194499568276118E-2</v>
      </c>
      <c r="P7399" s="58">
        <f>IF(Input!$K$13=3,J7399*Input!$J$13,0)+IF(Input!$K$14=3,K7399*Input!$J$14,0)+IF(Input!$K$15=3,L7399*Input!$J$15,0)+IF(Input!$K$16=3,M7399*Input!$J$16,0)</f>
        <v>0</v>
      </c>
      <c r="Q7399" s="71">
        <f>IF(Input!$K$13=4,J7399*Input!$J$13,0)+IF(Input!$K$14=4,K7399*Input!$J$14,0)+IF(Input!$K$15=4,L7399*Input!$J$15,0)+IF(Input!$K$16=4,M7399*Input!$J$16,0)</f>
        <v>0</v>
      </c>
    </row>
    <row r="7400" spans="8:17" x14ac:dyDescent="0.25">
      <c r="H7400" s="43">
        <v>7393</v>
      </c>
      <c r="I7400" s="55">
        <f>Bühler!I7426</f>
        <v>1.2713234227257955</v>
      </c>
      <c r="J7400" s="58">
        <f>Bühler!J7426</f>
        <v>9.1911109856071942</v>
      </c>
      <c r="K7400" s="58">
        <f>Bühler!K7426</f>
        <v>0.29931883890851624</v>
      </c>
      <c r="L7400" s="58">
        <f>Bühler!L7426</f>
        <v>0.14965941945425812</v>
      </c>
      <c r="M7400" s="57">
        <f>Bühler!M7426</f>
        <v>0</v>
      </c>
      <c r="N7400" s="55">
        <f>IF(Input!$K$13=1,J7400*Input!$J$13,0)+IF(Input!$K$14=1,K7400*Input!$J$14,0)+IF(Input!$K$15=1,L7400*Input!$J$15,0)+IF(Input!$K$16=1,M7400*Input!$J$16,0)</f>
        <v>1.1029333182728633</v>
      </c>
      <c r="O7400" s="58">
        <f>IF(Input!$K$13=2,J7400*Input!$J$13,0)+IF(Input!$K$14=2,K7400*Input!$J$14,0)+IF(Input!$K$15=2,L7400*Input!$J$15,0)+IF(Input!$K$16=2,M7400*Input!$J$16,0)</f>
        <v>4.040804325264969E-2</v>
      </c>
      <c r="P7400" s="58">
        <f>IF(Input!$K$13=3,J7400*Input!$J$13,0)+IF(Input!$K$14=3,K7400*Input!$J$14,0)+IF(Input!$K$15=3,L7400*Input!$J$15,0)+IF(Input!$K$16=3,M7400*Input!$J$16,0)</f>
        <v>0</v>
      </c>
      <c r="Q7400" s="71">
        <f>IF(Input!$K$13=4,J7400*Input!$J$13,0)+IF(Input!$K$14=4,K7400*Input!$J$14,0)+IF(Input!$K$15=4,L7400*Input!$J$15,0)+IF(Input!$K$16=4,M7400*Input!$J$16,0)</f>
        <v>0</v>
      </c>
    </row>
    <row r="7401" spans="8:17" x14ac:dyDescent="0.25">
      <c r="H7401" s="43">
        <v>7394</v>
      </c>
      <c r="I7401" s="55">
        <f>Bühler!I7427</f>
        <v>1.4763755876815687</v>
      </c>
      <c r="J7401" s="58">
        <f>Bühler!J7427</f>
        <v>9.1996548258136848</v>
      </c>
      <c r="K7401" s="58">
        <f>Bühler!K7427</f>
        <v>0.29931883890851624</v>
      </c>
      <c r="L7401" s="58">
        <f>Bühler!L7427</f>
        <v>0.14965941945425812</v>
      </c>
      <c r="M7401" s="57">
        <f>Bühler!M7427</f>
        <v>0</v>
      </c>
      <c r="N7401" s="55">
        <f>IF(Input!$K$13=1,J7401*Input!$J$13,0)+IF(Input!$K$14=1,K7401*Input!$J$14,0)+IF(Input!$K$15=1,L7401*Input!$J$15,0)+IF(Input!$K$16=1,M7401*Input!$J$16,0)</f>
        <v>1.1039585790976421</v>
      </c>
      <c r="O7401" s="58">
        <f>IF(Input!$K$13=2,J7401*Input!$J$13,0)+IF(Input!$K$14=2,K7401*Input!$J$14,0)+IF(Input!$K$15=2,L7401*Input!$J$15,0)+IF(Input!$K$16=2,M7401*Input!$J$16,0)</f>
        <v>4.040804325264969E-2</v>
      </c>
      <c r="P7401" s="58">
        <f>IF(Input!$K$13=3,J7401*Input!$J$13,0)+IF(Input!$K$14=3,K7401*Input!$J$14,0)+IF(Input!$K$15=3,L7401*Input!$J$15,0)+IF(Input!$K$16=3,M7401*Input!$J$16,0)</f>
        <v>0</v>
      </c>
      <c r="Q7401" s="71">
        <f>IF(Input!$K$13=4,J7401*Input!$J$13,0)+IF(Input!$K$14=4,K7401*Input!$J$14,0)+IF(Input!$K$15=4,L7401*Input!$J$15,0)+IF(Input!$K$16=4,M7401*Input!$J$16,0)</f>
        <v>0</v>
      </c>
    </row>
    <row r="7402" spans="8:17" x14ac:dyDescent="0.25">
      <c r="H7402" s="43">
        <v>7395</v>
      </c>
      <c r="I7402" s="55">
        <f>Bühler!I7428</f>
        <v>1.4763755876815687</v>
      </c>
      <c r="J7402" s="58">
        <f>Bühler!J7428</f>
        <v>9.1996548258136848</v>
      </c>
      <c r="K7402" s="58">
        <f>Bühler!K7428</f>
        <v>0.29931883890851624</v>
      </c>
      <c r="L7402" s="58">
        <f>Bühler!L7428</f>
        <v>0.14965941945425812</v>
      </c>
      <c r="M7402" s="57">
        <f>Bühler!M7428</f>
        <v>0</v>
      </c>
      <c r="N7402" s="55">
        <f>IF(Input!$K$13=1,J7402*Input!$J$13,0)+IF(Input!$K$14=1,K7402*Input!$J$14,0)+IF(Input!$K$15=1,L7402*Input!$J$15,0)+IF(Input!$K$16=1,M7402*Input!$J$16,0)</f>
        <v>1.1039585790976421</v>
      </c>
      <c r="O7402" s="58">
        <f>IF(Input!$K$13=2,J7402*Input!$J$13,0)+IF(Input!$K$14=2,K7402*Input!$J$14,0)+IF(Input!$K$15=2,L7402*Input!$J$15,0)+IF(Input!$K$16=2,M7402*Input!$J$16,0)</f>
        <v>4.040804325264969E-2</v>
      </c>
      <c r="P7402" s="58">
        <f>IF(Input!$K$13=3,J7402*Input!$J$13,0)+IF(Input!$K$14=3,K7402*Input!$J$14,0)+IF(Input!$K$15=3,L7402*Input!$J$15,0)+IF(Input!$K$16=3,M7402*Input!$J$16,0)</f>
        <v>0</v>
      </c>
      <c r="Q7402" s="71">
        <f>IF(Input!$K$13=4,J7402*Input!$J$13,0)+IF(Input!$K$14=4,K7402*Input!$J$14,0)+IF(Input!$K$15=4,L7402*Input!$J$15,0)+IF(Input!$K$16=4,M7402*Input!$J$16,0)</f>
        <v>0</v>
      </c>
    </row>
    <row r="7403" spans="8:17" x14ac:dyDescent="0.25">
      <c r="H7403" s="43">
        <v>7396</v>
      </c>
      <c r="I7403" s="55">
        <f>Bühler!I7429</f>
        <v>1.4763755876815687</v>
      </c>
      <c r="J7403" s="58">
        <f>Bühler!J7429</f>
        <v>9.1996548258136848</v>
      </c>
      <c r="K7403" s="58">
        <f>Bühler!K7429</f>
        <v>0.29931883890851624</v>
      </c>
      <c r="L7403" s="58">
        <f>Bühler!L7429</f>
        <v>0.14965941945425812</v>
      </c>
      <c r="M7403" s="57">
        <f>Bühler!M7429</f>
        <v>0</v>
      </c>
      <c r="N7403" s="55">
        <f>IF(Input!$K$13=1,J7403*Input!$J$13,0)+IF(Input!$K$14=1,K7403*Input!$J$14,0)+IF(Input!$K$15=1,L7403*Input!$J$15,0)+IF(Input!$K$16=1,M7403*Input!$J$16,0)</f>
        <v>1.1039585790976421</v>
      </c>
      <c r="O7403" s="58">
        <f>IF(Input!$K$13=2,J7403*Input!$J$13,0)+IF(Input!$K$14=2,K7403*Input!$J$14,0)+IF(Input!$K$15=2,L7403*Input!$J$15,0)+IF(Input!$K$16=2,M7403*Input!$J$16,0)</f>
        <v>4.040804325264969E-2</v>
      </c>
      <c r="P7403" s="58">
        <f>IF(Input!$K$13=3,J7403*Input!$J$13,0)+IF(Input!$K$14=3,K7403*Input!$J$14,0)+IF(Input!$K$15=3,L7403*Input!$J$15,0)+IF(Input!$K$16=3,M7403*Input!$J$16,0)</f>
        <v>0</v>
      </c>
      <c r="Q7403" s="71">
        <f>IF(Input!$K$13=4,J7403*Input!$J$13,0)+IF(Input!$K$14=4,K7403*Input!$J$14,0)+IF(Input!$K$15=4,L7403*Input!$J$15,0)+IF(Input!$K$16=4,M7403*Input!$J$16,0)</f>
        <v>0</v>
      </c>
    </row>
    <row r="7404" spans="8:17" x14ac:dyDescent="0.25">
      <c r="H7404" s="43">
        <v>7397</v>
      </c>
      <c r="I7404" s="55">
        <f>Bühler!I7430</f>
        <v>1.4763755876815687</v>
      </c>
      <c r="J7404" s="58">
        <f>Bühler!J7430</f>
        <v>9.1996548258136848</v>
      </c>
      <c r="K7404" s="58">
        <f>Bühler!K7430</f>
        <v>0.29931883890851624</v>
      </c>
      <c r="L7404" s="58">
        <f>Bühler!L7430</f>
        <v>0.14965941945425812</v>
      </c>
      <c r="M7404" s="57">
        <f>Bühler!M7430</f>
        <v>0</v>
      </c>
      <c r="N7404" s="55">
        <f>IF(Input!$K$13=1,J7404*Input!$J$13,0)+IF(Input!$K$14=1,K7404*Input!$J$14,0)+IF(Input!$K$15=1,L7404*Input!$J$15,0)+IF(Input!$K$16=1,M7404*Input!$J$16,0)</f>
        <v>1.1039585790976421</v>
      </c>
      <c r="O7404" s="58">
        <f>IF(Input!$K$13=2,J7404*Input!$J$13,0)+IF(Input!$K$14=2,K7404*Input!$J$14,0)+IF(Input!$K$15=2,L7404*Input!$J$15,0)+IF(Input!$K$16=2,M7404*Input!$J$16,0)</f>
        <v>4.040804325264969E-2</v>
      </c>
      <c r="P7404" s="58">
        <f>IF(Input!$K$13=3,J7404*Input!$J$13,0)+IF(Input!$K$14=3,K7404*Input!$J$14,0)+IF(Input!$K$15=3,L7404*Input!$J$15,0)+IF(Input!$K$16=3,M7404*Input!$J$16,0)</f>
        <v>0</v>
      </c>
      <c r="Q7404" s="71">
        <f>IF(Input!$K$13=4,J7404*Input!$J$13,0)+IF(Input!$K$14=4,K7404*Input!$J$14,0)+IF(Input!$K$15=4,L7404*Input!$J$15,0)+IF(Input!$K$16=4,M7404*Input!$J$16,0)</f>
        <v>0</v>
      </c>
    </row>
    <row r="7405" spans="8:17" x14ac:dyDescent="0.25">
      <c r="H7405" s="43">
        <v>7398</v>
      </c>
      <c r="I7405" s="55">
        <f>Bühler!I7431</f>
        <v>1.845469484601961</v>
      </c>
      <c r="J7405" s="58">
        <f>Bühler!J7431</f>
        <v>9.2150337381853671</v>
      </c>
      <c r="K7405" s="58">
        <f>Bühler!K7431</f>
        <v>0.29931883890851624</v>
      </c>
      <c r="L7405" s="58">
        <f>Bühler!L7431</f>
        <v>0.14965941945425812</v>
      </c>
      <c r="M7405" s="57">
        <f>Bühler!M7431</f>
        <v>0</v>
      </c>
      <c r="N7405" s="55">
        <f>IF(Input!$K$13=1,J7405*Input!$J$13,0)+IF(Input!$K$14=1,K7405*Input!$J$14,0)+IF(Input!$K$15=1,L7405*Input!$J$15,0)+IF(Input!$K$16=1,M7405*Input!$J$16,0)</f>
        <v>1.105804048582244</v>
      </c>
      <c r="O7405" s="58">
        <f>IF(Input!$K$13=2,J7405*Input!$J$13,0)+IF(Input!$K$14=2,K7405*Input!$J$14,0)+IF(Input!$K$15=2,L7405*Input!$J$15,0)+IF(Input!$K$16=2,M7405*Input!$J$16,0)</f>
        <v>4.040804325264969E-2</v>
      </c>
      <c r="P7405" s="58">
        <f>IF(Input!$K$13=3,J7405*Input!$J$13,0)+IF(Input!$K$14=3,K7405*Input!$J$14,0)+IF(Input!$K$15=3,L7405*Input!$J$15,0)+IF(Input!$K$16=3,M7405*Input!$J$16,0)</f>
        <v>0</v>
      </c>
      <c r="Q7405" s="71">
        <f>IF(Input!$K$13=4,J7405*Input!$J$13,0)+IF(Input!$K$14=4,K7405*Input!$J$14,0)+IF(Input!$K$15=4,L7405*Input!$J$15,0)+IF(Input!$K$16=4,M7405*Input!$J$16,0)</f>
        <v>0</v>
      </c>
    </row>
    <row r="7406" spans="8:17" x14ac:dyDescent="0.25">
      <c r="H7406" s="43">
        <v>7399</v>
      </c>
      <c r="I7406" s="55">
        <f>Bühler!I7432</f>
        <v>2.1735529485311984</v>
      </c>
      <c r="J7406" s="58">
        <f>Bühler!J7432</f>
        <v>9.2287038825157524</v>
      </c>
      <c r="K7406" s="58">
        <f>Bühler!K7432</f>
        <v>0.29931883890851624</v>
      </c>
      <c r="L7406" s="58">
        <f>Bühler!L7432</f>
        <v>0.14965941945425812</v>
      </c>
      <c r="M7406" s="57">
        <f>Bühler!M7432</f>
        <v>0</v>
      </c>
      <c r="N7406" s="55">
        <f>IF(Input!$K$13=1,J7406*Input!$J$13,0)+IF(Input!$K$14=1,K7406*Input!$J$14,0)+IF(Input!$K$15=1,L7406*Input!$J$15,0)+IF(Input!$K$16=1,M7406*Input!$J$16,0)</f>
        <v>1.1074444659018903</v>
      </c>
      <c r="O7406" s="58">
        <f>IF(Input!$K$13=2,J7406*Input!$J$13,0)+IF(Input!$K$14=2,K7406*Input!$J$14,0)+IF(Input!$K$15=2,L7406*Input!$J$15,0)+IF(Input!$K$16=2,M7406*Input!$J$16,0)</f>
        <v>4.040804325264969E-2</v>
      </c>
      <c r="P7406" s="58">
        <f>IF(Input!$K$13=3,J7406*Input!$J$13,0)+IF(Input!$K$14=3,K7406*Input!$J$14,0)+IF(Input!$K$15=3,L7406*Input!$J$15,0)+IF(Input!$K$16=3,M7406*Input!$J$16,0)</f>
        <v>0</v>
      </c>
      <c r="Q7406" s="71">
        <f>IF(Input!$K$13=4,J7406*Input!$J$13,0)+IF(Input!$K$14=4,K7406*Input!$J$14,0)+IF(Input!$K$15=4,L7406*Input!$J$15,0)+IF(Input!$K$16=4,M7406*Input!$J$16,0)</f>
        <v>0</v>
      </c>
    </row>
    <row r="7407" spans="8:17" x14ac:dyDescent="0.25">
      <c r="H7407" s="43">
        <v>7400</v>
      </c>
      <c r="I7407" s="55">
        <f>Bühler!I7433</f>
        <v>2.5836572784427458</v>
      </c>
      <c r="J7407" s="58">
        <f>Bühler!J7433</f>
        <v>9.2457915629287335</v>
      </c>
      <c r="K7407" s="58">
        <f>Bühler!K7433</f>
        <v>0.29931883890851624</v>
      </c>
      <c r="L7407" s="58">
        <f>Bühler!L7433</f>
        <v>0.14965941945425812</v>
      </c>
      <c r="M7407" s="57">
        <f>Bühler!M7433</f>
        <v>0</v>
      </c>
      <c r="N7407" s="55">
        <f>IF(Input!$K$13=1,J7407*Input!$J$13,0)+IF(Input!$K$14=1,K7407*Input!$J$14,0)+IF(Input!$K$15=1,L7407*Input!$J$15,0)+IF(Input!$K$16=1,M7407*Input!$J$16,0)</f>
        <v>1.1094949875514479</v>
      </c>
      <c r="O7407" s="58">
        <f>IF(Input!$K$13=2,J7407*Input!$J$13,0)+IF(Input!$K$14=2,K7407*Input!$J$14,0)+IF(Input!$K$15=2,L7407*Input!$J$15,0)+IF(Input!$K$16=2,M7407*Input!$J$16,0)</f>
        <v>4.040804325264969E-2</v>
      </c>
      <c r="P7407" s="58">
        <f>IF(Input!$K$13=3,J7407*Input!$J$13,0)+IF(Input!$K$14=3,K7407*Input!$J$14,0)+IF(Input!$K$15=3,L7407*Input!$J$15,0)+IF(Input!$K$16=3,M7407*Input!$J$16,0)</f>
        <v>0</v>
      </c>
      <c r="Q7407" s="71">
        <f>IF(Input!$K$13=4,J7407*Input!$J$13,0)+IF(Input!$K$14=4,K7407*Input!$J$14,0)+IF(Input!$K$15=4,L7407*Input!$J$15,0)+IF(Input!$K$16=4,M7407*Input!$J$16,0)</f>
        <v>0</v>
      </c>
    </row>
    <row r="7408" spans="8:17" x14ac:dyDescent="0.25">
      <c r="H7408" s="43">
        <v>7401</v>
      </c>
      <c r="I7408" s="55">
        <f>Bühler!I7434</f>
        <v>2.5836572784427458</v>
      </c>
      <c r="J7408" s="58">
        <f>Bühler!J7434</f>
        <v>9.2457915629287335</v>
      </c>
      <c r="K7408" s="58">
        <f>Bühler!K7434</f>
        <v>0.29931883890851624</v>
      </c>
      <c r="L7408" s="58">
        <f>Bühler!L7434</f>
        <v>0.14965941945425812</v>
      </c>
      <c r="M7408" s="57">
        <f>Bühler!M7434</f>
        <v>0</v>
      </c>
      <c r="N7408" s="55">
        <f>IF(Input!$K$13=1,J7408*Input!$J$13,0)+IF(Input!$K$14=1,K7408*Input!$J$14,0)+IF(Input!$K$15=1,L7408*Input!$J$15,0)+IF(Input!$K$16=1,M7408*Input!$J$16,0)</f>
        <v>1.1094949875514479</v>
      </c>
      <c r="O7408" s="58">
        <f>IF(Input!$K$13=2,J7408*Input!$J$13,0)+IF(Input!$K$14=2,K7408*Input!$J$14,0)+IF(Input!$K$15=2,L7408*Input!$J$15,0)+IF(Input!$K$16=2,M7408*Input!$J$16,0)</f>
        <v>4.040804325264969E-2</v>
      </c>
      <c r="P7408" s="58">
        <f>IF(Input!$K$13=3,J7408*Input!$J$13,0)+IF(Input!$K$14=3,K7408*Input!$J$14,0)+IF(Input!$K$15=3,L7408*Input!$J$15,0)+IF(Input!$K$16=3,M7408*Input!$J$16,0)</f>
        <v>0</v>
      </c>
      <c r="Q7408" s="71">
        <f>IF(Input!$K$13=4,J7408*Input!$J$13,0)+IF(Input!$K$14=4,K7408*Input!$J$14,0)+IF(Input!$K$15=4,L7408*Input!$J$15,0)+IF(Input!$K$16=4,M7408*Input!$J$16,0)</f>
        <v>0</v>
      </c>
    </row>
    <row r="7409" spans="8:17" x14ac:dyDescent="0.25">
      <c r="H7409" s="43">
        <v>7402</v>
      </c>
      <c r="I7409" s="55">
        <f>Bühler!I7435</f>
        <v>2.5836572784427458</v>
      </c>
      <c r="J7409" s="58">
        <f>Bühler!J7435</f>
        <v>9.2457915629287335</v>
      </c>
      <c r="K7409" s="58">
        <f>Bühler!K7435</f>
        <v>0.29931883890851624</v>
      </c>
      <c r="L7409" s="58">
        <f>Bühler!L7435</f>
        <v>0.14965941945425812</v>
      </c>
      <c r="M7409" s="57">
        <f>Bühler!M7435</f>
        <v>0</v>
      </c>
      <c r="N7409" s="55">
        <f>IF(Input!$K$13=1,J7409*Input!$J$13,0)+IF(Input!$K$14=1,K7409*Input!$J$14,0)+IF(Input!$K$15=1,L7409*Input!$J$15,0)+IF(Input!$K$16=1,M7409*Input!$J$16,0)</f>
        <v>1.1094949875514479</v>
      </c>
      <c r="O7409" s="58">
        <f>IF(Input!$K$13=2,J7409*Input!$J$13,0)+IF(Input!$K$14=2,K7409*Input!$J$14,0)+IF(Input!$K$15=2,L7409*Input!$J$15,0)+IF(Input!$K$16=2,M7409*Input!$J$16,0)</f>
        <v>4.040804325264969E-2</v>
      </c>
      <c r="P7409" s="58">
        <f>IF(Input!$K$13=3,J7409*Input!$J$13,0)+IF(Input!$K$14=3,K7409*Input!$J$14,0)+IF(Input!$K$15=3,L7409*Input!$J$15,0)+IF(Input!$K$16=3,M7409*Input!$J$16,0)</f>
        <v>0</v>
      </c>
      <c r="Q7409" s="71">
        <f>IF(Input!$K$13=4,J7409*Input!$J$13,0)+IF(Input!$K$14=4,K7409*Input!$J$14,0)+IF(Input!$K$15=4,L7409*Input!$J$15,0)+IF(Input!$K$16=4,M7409*Input!$J$16,0)</f>
        <v>0</v>
      </c>
    </row>
    <row r="7410" spans="8:17" x14ac:dyDescent="0.25">
      <c r="H7410" s="43">
        <v>7403</v>
      </c>
      <c r="I7410" s="55">
        <f>Bühler!I7436</f>
        <v>2.5836572784427458</v>
      </c>
      <c r="J7410" s="58">
        <f>Bühler!J7436</f>
        <v>9.2457915629287335</v>
      </c>
      <c r="K7410" s="58">
        <f>Bühler!K7436</f>
        <v>0.29931883890851624</v>
      </c>
      <c r="L7410" s="58">
        <f>Bühler!L7436</f>
        <v>0.14965941945425812</v>
      </c>
      <c r="M7410" s="57">
        <f>Bühler!M7436</f>
        <v>0</v>
      </c>
      <c r="N7410" s="55">
        <f>IF(Input!$K$13=1,J7410*Input!$J$13,0)+IF(Input!$K$14=1,K7410*Input!$J$14,0)+IF(Input!$K$15=1,L7410*Input!$J$15,0)+IF(Input!$K$16=1,M7410*Input!$J$16,0)</f>
        <v>1.1094949875514479</v>
      </c>
      <c r="O7410" s="58">
        <f>IF(Input!$K$13=2,J7410*Input!$J$13,0)+IF(Input!$K$14=2,K7410*Input!$J$14,0)+IF(Input!$K$15=2,L7410*Input!$J$15,0)+IF(Input!$K$16=2,M7410*Input!$J$16,0)</f>
        <v>4.040804325264969E-2</v>
      </c>
      <c r="P7410" s="58">
        <f>IF(Input!$K$13=3,J7410*Input!$J$13,0)+IF(Input!$K$14=3,K7410*Input!$J$14,0)+IF(Input!$K$15=3,L7410*Input!$J$15,0)+IF(Input!$K$16=3,M7410*Input!$J$16,0)</f>
        <v>0</v>
      </c>
      <c r="Q7410" s="71">
        <f>IF(Input!$K$13=4,J7410*Input!$J$13,0)+IF(Input!$K$14=4,K7410*Input!$J$14,0)+IF(Input!$K$15=4,L7410*Input!$J$15,0)+IF(Input!$K$16=4,M7410*Input!$J$16,0)</f>
        <v>0</v>
      </c>
    </row>
    <row r="7411" spans="8:17" x14ac:dyDescent="0.25">
      <c r="H7411" s="43">
        <v>7404</v>
      </c>
      <c r="I7411" s="55">
        <f>Bühler!I7437</f>
        <v>2.5836572784427458</v>
      </c>
      <c r="J7411" s="58">
        <f>Bühler!J7437</f>
        <v>9.2457915629287335</v>
      </c>
      <c r="K7411" s="58">
        <f>Bühler!K7437</f>
        <v>0.29931883890851624</v>
      </c>
      <c r="L7411" s="58">
        <f>Bühler!L7437</f>
        <v>0.14965941945425812</v>
      </c>
      <c r="M7411" s="57">
        <f>Bühler!M7437</f>
        <v>0</v>
      </c>
      <c r="N7411" s="55">
        <f>IF(Input!$K$13=1,J7411*Input!$J$13,0)+IF(Input!$K$14=1,K7411*Input!$J$14,0)+IF(Input!$K$15=1,L7411*Input!$J$15,0)+IF(Input!$K$16=1,M7411*Input!$J$16,0)</f>
        <v>1.1094949875514479</v>
      </c>
      <c r="O7411" s="58">
        <f>IF(Input!$K$13=2,J7411*Input!$J$13,0)+IF(Input!$K$14=2,K7411*Input!$J$14,0)+IF(Input!$K$15=2,L7411*Input!$J$15,0)+IF(Input!$K$16=2,M7411*Input!$J$16,0)</f>
        <v>4.040804325264969E-2</v>
      </c>
      <c r="P7411" s="58">
        <f>IF(Input!$K$13=3,J7411*Input!$J$13,0)+IF(Input!$K$14=3,K7411*Input!$J$14,0)+IF(Input!$K$15=3,L7411*Input!$J$15,0)+IF(Input!$K$16=3,M7411*Input!$J$16,0)</f>
        <v>0</v>
      </c>
      <c r="Q7411" s="71">
        <f>IF(Input!$K$13=4,J7411*Input!$J$13,0)+IF(Input!$K$14=4,K7411*Input!$J$14,0)+IF(Input!$K$15=4,L7411*Input!$J$15,0)+IF(Input!$K$16=4,M7411*Input!$J$16,0)</f>
        <v>0</v>
      </c>
    </row>
    <row r="7412" spans="8:17" x14ac:dyDescent="0.25">
      <c r="H7412" s="43">
        <v>7405</v>
      </c>
      <c r="I7412" s="55">
        <f>Bühler!I7438</f>
        <v>2.5836572784427458</v>
      </c>
      <c r="J7412" s="58">
        <f>Bühler!J7438</f>
        <v>9.2457915629287335</v>
      </c>
      <c r="K7412" s="58">
        <f>Bühler!K7438</f>
        <v>0.29931883890851624</v>
      </c>
      <c r="L7412" s="58">
        <f>Bühler!L7438</f>
        <v>0.14965941945425812</v>
      </c>
      <c r="M7412" s="57">
        <f>Bühler!M7438</f>
        <v>0</v>
      </c>
      <c r="N7412" s="55">
        <f>IF(Input!$K$13=1,J7412*Input!$J$13,0)+IF(Input!$K$14=1,K7412*Input!$J$14,0)+IF(Input!$K$15=1,L7412*Input!$J$15,0)+IF(Input!$K$16=1,M7412*Input!$J$16,0)</f>
        <v>1.1094949875514479</v>
      </c>
      <c r="O7412" s="58">
        <f>IF(Input!$K$13=2,J7412*Input!$J$13,0)+IF(Input!$K$14=2,K7412*Input!$J$14,0)+IF(Input!$K$15=2,L7412*Input!$J$15,0)+IF(Input!$K$16=2,M7412*Input!$J$16,0)</f>
        <v>4.040804325264969E-2</v>
      </c>
      <c r="P7412" s="58">
        <f>IF(Input!$K$13=3,J7412*Input!$J$13,0)+IF(Input!$K$14=3,K7412*Input!$J$14,0)+IF(Input!$K$15=3,L7412*Input!$J$15,0)+IF(Input!$K$16=3,M7412*Input!$J$16,0)</f>
        <v>0</v>
      </c>
      <c r="Q7412" s="71">
        <f>IF(Input!$K$13=4,J7412*Input!$J$13,0)+IF(Input!$K$14=4,K7412*Input!$J$14,0)+IF(Input!$K$15=4,L7412*Input!$J$15,0)+IF(Input!$K$16=4,M7412*Input!$J$16,0)</f>
        <v>0</v>
      </c>
    </row>
    <row r="7413" spans="8:17" x14ac:dyDescent="0.25">
      <c r="H7413" s="43">
        <v>7406</v>
      </c>
      <c r="I7413" s="55">
        <f>Bühler!I7439</f>
        <v>2.5836572784427458</v>
      </c>
      <c r="J7413" s="58">
        <f>Bühler!J7439</f>
        <v>9.2457915629287335</v>
      </c>
      <c r="K7413" s="58">
        <f>Bühler!K7439</f>
        <v>0.29931883890851624</v>
      </c>
      <c r="L7413" s="58">
        <f>Bühler!L7439</f>
        <v>0.14965941945425812</v>
      </c>
      <c r="M7413" s="57">
        <f>Bühler!M7439</f>
        <v>0</v>
      </c>
      <c r="N7413" s="55">
        <f>IF(Input!$K$13=1,J7413*Input!$J$13,0)+IF(Input!$K$14=1,K7413*Input!$J$14,0)+IF(Input!$K$15=1,L7413*Input!$J$15,0)+IF(Input!$K$16=1,M7413*Input!$J$16,0)</f>
        <v>1.1094949875514479</v>
      </c>
      <c r="O7413" s="58">
        <f>IF(Input!$K$13=2,J7413*Input!$J$13,0)+IF(Input!$K$14=2,K7413*Input!$J$14,0)+IF(Input!$K$15=2,L7413*Input!$J$15,0)+IF(Input!$K$16=2,M7413*Input!$J$16,0)</f>
        <v>4.040804325264969E-2</v>
      </c>
      <c r="P7413" s="58">
        <f>IF(Input!$K$13=3,J7413*Input!$J$13,0)+IF(Input!$K$14=3,K7413*Input!$J$14,0)+IF(Input!$K$15=3,L7413*Input!$J$15,0)+IF(Input!$K$16=3,M7413*Input!$J$16,0)</f>
        <v>0</v>
      </c>
      <c r="Q7413" s="71">
        <f>IF(Input!$K$13=4,J7413*Input!$J$13,0)+IF(Input!$K$14=4,K7413*Input!$J$14,0)+IF(Input!$K$15=4,L7413*Input!$J$15,0)+IF(Input!$K$16=4,M7413*Input!$J$16,0)</f>
        <v>0</v>
      </c>
    </row>
    <row r="7414" spans="8:17" x14ac:dyDescent="0.25">
      <c r="H7414" s="43">
        <v>7407</v>
      </c>
      <c r="I7414" s="55">
        <f>Bühler!I7440</f>
        <v>2.5836572784427458</v>
      </c>
      <c r="J7414" s="58">
        <f>Bühler!J7440</f>
        <v>9.2457915629287335</v>
      </c>
      <c r="K7414" s="58">
        <f>Bühler!K7440</f>
        <v>0.29931883890851624</v>
      </c>
      <c r="L7414" s="58">
        <f>Bühler!L7440</f>
        <v>0.14965941945425812</v>
      </c>
      <c r="M7414" s="57">
        <f>Bühler!M7440</f>
        <v>0</v>
      </c>
      <c r="N7414" s="55">
        <f>IF(Input!$K$13=1,J7414*Input!$J$13,0)+IF(Input!$K$14=1,K7414*Input!$J$14,0)+IF(Input!$K$15=1,L7414*Input!$J$15,0)+IF(Input!$K$16=1,M7414*Input!$J$16,0)</f>
        <v>1.1094949875514479</v>
      </c>
      <c r="O7414" s="58">
        <f>IF(Input!$K$13=2,J7414*Input!$J$13,0)+IF(Input!$K$14=2,K7414*Input!$J$14,0)+IF(Input!$K$15=2,L7414*Input!$J$15,0)+IF(Input!$K$16=2,M7414*Input!$J$16,0)</f>
        <v>4.040804325264969E-2</v>
      </c>
      <c r="P7414" s="58">
        <f>IF(Input!$K$13=3,J7414*Input!$J$13,0)+IF(Input!$K$14=3,K7414*Input!$J$14,0)+IF(Input!$K$15=3,L7414*Input!$J$15,0)+IF(Input!$K$16=3,M7414*Input!$J$16,0)</f>
        <v>0</v>
      </c>
      <c r="Q7414" s="71">
        <f>IF(Input!$K$13=4,J7414*Input!$J$13,0)+IF(Input!$K$14=4,K7414*Input!$J$14,0)+IF(Input!$K$15=4,L7414*Input!$J$15,0)+IF(Input!$K$16=4,M7414*Input!$J$16,0)</f>
        <v>0</v>
      </c>
    </row>
    <row r="7415" spans="8:17" x14ac:dyDescent="0.25">
      <c r="H7415" s="43">
        <v>7408</v>
      </c>
      <c r="I7415" s="55">
        <f>Bühler!I7441</f>
        <v>2.2965842475046632</v>
      </c>
      <c r="J7415" s="58">
        <f>Bühler!J7441</f>
        <v>9.2338301866396471</v>
      </c>
      <c r="K7415" s="58">
        <f>Bühler!K7441</f>
        <v>0.29931883890851624</v>
      </c>
      <c r="L7415" s="58">
        <f>Bühler!L7441</f>
        <v>0.14965941945425812</v>
      </c>
      <c r="M7415" s="57">
        <f>Bühler!M7441</f>
        <v>0</v>
      </c>
      <c r="N7415" s="55">
        <f>IF(Input!$K$13=1,J7415*Input!$J$13,0)+IF(Input!$K$14=1,K7415*Input!$J$14,0)+IF(Input!$K$15=1,L7415*Input!$J$15,0)+IF(Input!$K$16=1,M7415*Input!$J$16,0)</f>
        <v>1.1080596223967576</v>
      </c>
      <c r="O7415" s="58">
        <f>IF(Input!$K$13=2,J7415*Input!$J$13,0)+IF(Input!$K$14=2,K7415*Input!$J$14,0)+IF(Input!$K$15=2,L7415*Input!$J$15,0)+IF(Input!$K$16=2,M7415*Input!$J$16,0)</f>
        <v>4.040804325264969E-2</v>
      </c>
      <c r="P7415" s="58">
        <f>IF(Input!$K$13=3,J7415*Input!$J$13,0)+IF(Input!$K$14=3,K7415*Input!$J$14,0)+IF(Input!$K$15=3,L7415*Input!$J$15,0)+IF(Input!$K$16=3,M7415*Input!$J$16,0)</f>
        <v>0</v>
      </c>
      <c r="Q7415" s="71">
        <f>IF(Input!$K$13=4,J7415*Input!$J$13,0)+IF(Input!$K$14=4,K7415*Input!$J$14,0)+IF(Input!$K$15=4,L7415*Input!$J$15,0)+IF(Input!$K$16=4,M7415*Input!$J$16,0)</f>
        <v>0</v>
      </c>
    </row>
    <row r="7416" spans="8:17" x14ac:dyDescent="0.25">
      <c r="H7416" s="43">
        <v>7409</v>
      </c>
      <c r="I7416" s="55">
        <f>Bühler!I7442</f>
        <v>2.2555738145135078</v>
      </c>
      <c r="J7416" s="58">
        <f>Bühler!J7442</f>
        <v>9.2321214185983482</v>
      </c>
      <c r="K7416" s="58">
        <f>Bühler!K7442</f>
        <v>0.29931883890851624</v>
      </c>
      <c r="L7416" s="58">
        <f>Bühler!L7442</f>
        <v>0.14965941945425812</v>
      </c>
      <c r="M7416" s="57">
        <f>Bühler!M7442</f>
        <v>0</v>
      </c>
      <c r="N7416" s="55">
        <f>IF(Input!$K$13=1,J7416*Input!$J$13,0)+IF(Input!$K$14=1,K7416*Input!$J$14,0)+IF(Input!$K$15=1,L7416*Input!$J$15,0)+IF(Input!$K$16=1,M7416*Input!$J$16,0)</f>
        <v>1.1078545702318017</v>
      </c>
      <c r="O7416" s="58">
        <f>IF(Input!$K$13=2,J7416*Input!$J$13,0)+IF(Input!$K$14=2,K7416*Input!$J$14,0)+IF(Input!$K$15=2,L7416*Input!$J$15,0)+IF(Input!$K$16=2,M7416*Input!$J$16,0)</f>
        <v>4.040804325264969E-2</v>
      </c>
      <c r="P7416" s="58">
        <f>IF(Input!$K$13=3,J7416*Input!$J$13,0)+IF(Input!$K$14=3,K7416*Input!$J$14,0)+IF(Input!$K$15=3,L7416*Input!$J$15,0)+IF(Input!$K$16=3,M7416*Input!$J$16,0)</f>
        <v>0</v>
      </c>
      <c r="Q7416" s="71">
        <f>IF(Input!$K$13=4,J7416*Input!$J$13,0)+IF(Input!$K$14=4,K7416*Input!$J$14,0)+IF(Input!$K$15=4,L7416*Input!$J$15,0)+IF(Input!$K$16=4,M7416*Input!$J$16,0)</f>
        <v>0</v>
      </c>
    </row>
    <row r="7417" spans="8:17" x14ac:dyDescent="0.25">
      <c r="H7417" s="43">
        <v>7410</v>
      </c>
      <c r="I7417" s="55">
        <f>Bühler!I7443</f>
        <v>1.9274903505842707</v>
      </c>
      <c r="J7417" s="58">
        <f>Bühler!J7443</f>
        <v>9.218451274267963</v>
      </c>
      <c r="K7417" s="58">
        <f>Bühler!K7443</f>
        <v>0.29931883890851624</v>
      </c>
      <c r="L7417" s="58">
        <f>Bühler!L7443</f>
        <v>0.14965941945425812</v>
      </c>
      <c r="M7417" s="57">
        <f>Bühler!M7443</f>
        <v>0</v>
      </c>
      <c r="N7417" s="55">
        <f>IF(Input!$K$13=1,J7417*Input!$J$13,0)+IF(Input!$K$14=1,K7417*Input!$J$14,0)+IF(Input!$K$15=1,L7417*Input!$J$15,0)+IF(Input!$K$16=1,M7417*Input!$J$16,0)</f>
        <v>1.1062141529121554</v>
      </c>
      <c r="O7417" s="58">
        <f>IF(Input!$K$13=2,J7417*Input!$J$13,0)+IF(Input!$K$14=2,K7417*Input!$J$14,0)+IF(Input!$K$15=2,L7417*Input!$J$15,0)+IF(Input!$K$16=2,M7417*Input!$J$16,0)</f>
        <v>4.040804325264969E-2</v>
      </c>
      <c r="P7417" s="58">
        <f>IF(Input!$K$13=3,J7417*Input!$J$13,0)+IF(Input!$K$14=3,K7417*Input!$J$14,0)+IF(Input!$K$15=3,L7417*Input!$J$15,0)+IF(Input!$K$16=3,M7417*Input!$J$16,0)</f>
        <v>0</v>
      </c>
      <c r="Q7417" s="71">
        <f>IF(Input!$K$13=4,J7417*Input!$J$13,0)+IF(Input!$K$14=4,K7417*Input!$J$14,0)+IF(Input!$K$15=4,L7417*Input!$J$15,0)+IF(Input!$K$16=4,M7417*Input!$J$16,0)</f>
        <v>0</v>
      </c>
    </row>
    <row r="7418" spans="8:17" x14ac:dyDescent="0.25">
      <c r="H7418" s="43">
        <v>7411</v>
      </c>
      <c r="I7418" s="55">
        <f>Bühler!I7444</f>
        <v>1.8044590516108066</v>
      </c>
      <c r="J7418" s="58">
        <f>Bühler!J7444</f>
        <v>9.21332497014407</v>
      </c>
      <c r="K7418" s="58">
        <f>Bühler!K7444</f>
        <v>0.29931883890851624</v>
      </c>
      <c r="L7418" s="58">
        <f>Bühler!L7444</f>
        <v>0.14965941945425812</v>
      </c>
      <c r="M7418" s="57">
        <f>Bühler!M7444</f>
        <v>0</v>
      </c>
      <c r="N7418" s="55">
        <f>IF(Input!$K$13=1,J7418*Input!$J$13,0)+IF(Input!$K$14=1,K7418*Input!$J$14,0)+IF(Input!$K$15=1,L7418*Input!$J$15,0)+IF(Input!$K$16=1,M7418*Input!$J$16,0)</f>
        <v>1.1055989964172883</v>
      </c>
      <c r="O7418" s="58">
        <f>IF(Input!$K$13=2,J7418*Input!$J$13,0)+IF(Input!$K$14=2,K7418*Input!$J$14,0)+IF(Input!$K$15=2,L7418*Input!$J$15,0)+IF(Input!$K$16=2,M7418*Input!$J$16,0)</f>
        <v>4.040804325264969E-2</v>
      </c>
      <c r="P7418" s="58">
        <f>IF(Input!$K$13=3,J7418*Input!$J$13,0)+IF(Input!$K$14=3,K7418*Input!$J$14,0)+IF(Input!$K$15=3,L7418*Input!$J$15,0)+IF(Input!$K$16=3,M7418*Input!$J$16,0)</f>
        <v>0</v>
      </c>
      <c r="Q7418" s="71">
        <f>IF(Input!$K$13=4,J7418*Input!$J$13,0)+IF(Input!$K$14=4,K7418*Input!$J$14,0)+IF(Input!$K$15=4,L7418*Input!$J$15,0)+IF(Input!$K$16=4,M7418*Input!$J$16,0)</f>
        <v>0</v>
      </c>
    </row>
    <row r="7419" spans="8:17" x14ac:dyDescent="0.25">
      <c r="H7419" s="43">
        <v>7412</v>
      </c>
      <c r="I7419" s="55">
        <f>Bühler!I7445</f>
        <v>1.5173860206727237</v>
      </c>
      <c r="J7419" s="58">
        <f>Bühler!J7445</f>
        <v>9.2013635938549836</v>
      </c>
      <c r="K7419" s="58">
        <f>Bühler!K7445</f>
        <v>0.29931883890851624</v>
      </c>
      <c r="L7419" s="58">
        <f>Bühler!L7445</f>
        <v>0.14965941945425812</v>
      </c>
      <c r="M7419" s="57">
        <f>Bühler!M7445</f>
        <v>0</v>
      </c>
      <c r="N7419" s="55">
        <f>IF(Input!$K$13=1,J7419*Input!$J$13,0)+IF(Input!$K$14=1,K7419*Input!$J$14,0)+IF(Input!$K$15=1,L7419*Input!$J$15,0)+IF(Input!$K$16=1,M7419*Input!$J$16,0)</f>
        <v>1.104163631262598</v>
      </c>
      <c r="O7419" s="58">
        <f>IF(Input!$K$13=2,J7419*Input!$J$13,0)+IF(Input!$K$14=2,K7419*Input!$J$14,0)+IF(Input!$K$15=2,L7419*Input!$J$15,0)+IF(Input!$K$16=2,M7419*Input!$J$16,0)</f>
        <v>4.040804325264969E-2</v>
      </c>
      <c r="P7419" s="58">
        <f>IF(Input!$K$13=3,J7419*Input!$J$13,0)+IF(Input!$K$14=3,K7419*Input!$J$14,0)+IF(Input!$K$15=3,L7419*Input!$J$15,0)+IF(Input!$K$16=3,M7419*Input!$J$16,0)</f>
        <v>0</v>
      </c>
      <c r="Q7419" s="71">
        <f>IF(Input!$K$13=4,J7419*Input!$J$13,0)+IF(Input!$K$14=4,K7419*Input!$J$14,0)+IF(Input!$K$15=4,L7419*Input!$J$15,0)+IF(Input!$K$16=4,M7419*Input!$J$16,0)</f>
        <v>0</v>
      </c>
    </row>
    <row r="7420" spans="8:17" x14ac:dyDescent="0.25">
      <c r="H7420" s="43">
        <v>7413</v>
      </c>
      <c r="I7420" s="55">
        <f>Bühler!I7446</f>
        <v>1.2713234227257955</v>
      </c>
      <c r="J7420" s="58">
        <f>Bühler!J7446</f>
        <v>9.1911109856071942</v>
      </c>
      <c r="K7420" s="58">
        <f>Bühler!K7446</f>
        <v>0.29931883890851624</v>
      </c>
      <c r="L7420" s="58">
        <f>Bühler!L7446</f>
        <v>0.14965941945425812</v>
      </c>
      <c r="M7420" s="57">
        <f>Bühler!M7446</f>
        <v>0</v>
      </c>
      <c r="N7420" s="55">
        <f>IF(Input!$K$13=1,J7420*Input!$J$13,0)+IF(Input!$K$14=1,K7420*Input!$J$14,0)+IF(Input!$K$15=1,L7420*Input!$J$15,0)+IF(Input!$K$16=1,M7420*Input!$J$16,0)</f>
        <v>1.1029333182728633</v>
      </c>
      <c r="O7420" s="58">
        <f>IF(Input!$K$13=2,J7420*Input!$J$13,0)+IF(Input!$K$14=2,K7420*Input!$J$14,0)+IF(Input!$K$15=2,L7420*Input!$J$15,0)+IF(Input!$K$16=2,M7420*Input!$J$16,0)</f>
        <v>4.040804325264969E-2</v>
      </c>
      <c r="P7420" s="58">
        <f>IF(Input!$K$13=3,J7420*Input!$J$13,0)+IF(Input!$K$14=3,K7420*Input!$J$14,0)+IF(Input!$K$15=3,L7420*Input!$J$15,0)+IF(Input!$K$16=3,M7420*Input!$J$16,0)</f>
        <v>0</v>
      </c>
      <c r="Q7420" s="71">
        <f>IF(Input!$K$13=4,J7420*Input!$J$13,0)+IF(Input!$K$14=4,K7420*Input!$J$14,0)+IF(Input!$K$15=4,L7420*Input!$J$15,0)+IF(Input!$K$16=4,M7420*Input!$J$16,0)</f>
        <v>0</v>
      </c>
    </row>
    <row r="7421" spans="8:17" x14ac:dyDescent="0.25">
      <c r="H7421" s="43">
        <v>7414</v>
      </c>
      <c r="I7421" s="55">
        <f>Bühler!I7447</f>
        <v>1.1072816907611767</v>
      </c>
      <c r="J7421" s="58">
        <f>Bühler!J7447</f>
        <v>9.1842759134420024</v>
      </c>
      <c r="K7421" s="58">
        <f>Bühler!K7447</f>
        <v>0.29931883890851624</v>
      </c>
      <c r="L7421" s="58">
        <f>Bühler!L7447</f>
        <v>0.14965941945425812</v>
      </c>
      <c r="M7421" s="57">
        <f>Bühler!M7447</f>
        <v>0</v>
      </c>
      <c r="N7421" s="55">
        <f>IF(Input!$K$13=1,J7421*Input!$J$13,0)+IF(Input!$K$14=1,K7421*Input!$J$14,0)+IF(Input!$K$15=1,L7421*Input!$J$15,0)+IF(Input!$K$16=1,M7421*Input!$J$16,0)</f>
        <v>1.1021131096130403</v>
      </c>
      <c r="O7421" s="58">
        <f>IF(Input!$K$13=2,J7421*Input!$J$13,0)+IF(Input!$K$14=2,K7421*Input!$J$14,0)+IF(Input!$K$15=2,L7421*Input!$J$15,0)+IF(Input!$K$16=2,M7421*Input!$J$16,0)</f>
        <v>4.040804325264969E-2</v>
      </c>
      <c r="P7421" s="58">
        <f>IF(Input!$K$13=3,J7421*Input!$J$13,0)+IF(Input!$K$14=3,K7421*Input!$J$14,0)+IF(Input!$K$15=3,L7421*Input!$J$15,0)+IF(Input!$K$16=3,M7421*Input!$J$16,0)</f>
        <v>0</v>
      </c>
      <c r="Q7421" s="71">
        <f>IF(Input!$K$13=4,J7421*Input!$J$13,0)+IF(Input!$K$14=4,K7421*Input!$J$14,0)+IF(Input!$K$15=4,L7421*Input!$J$15,0)+IF(Input!$K$16=4,M7421*Input!$J$16,0)</f>
        <v>0</v>
      </c>
    </row>
    <row r="7422" spans="8:17" x14ac:dyDescent="0.25">
      <c r="H7422" s="43">
        <v>7415</v>
      </c>
      <c r="I7422" s="55">
        <f>Bühler!I7448</f>
        <v>1.1072816907611767</v>
      </c>
      <c r="J7422" s="58">
        <f>Bühler!J7448</f>
        <v>9.1842759134420024</v>
      </c>
      <c r="K7422" s="58">
        <f>Bühler!K7448</f>
        <v>0.29931883890851624</v>
      </c>
      <c r="L7422" s="58">
        <f>Bühler!L7448</f>
        <v>0.14965941945425812</v>
      </c>
      <c r="M7422" s="57">
        <f>Bühler!M7448</f>
        <v>0</v>
      </c>
      <c r="N7422" s="55">
        <f>IF(Input!$K$13=1,J7422*Input!$J$13,0)+IF(Input!$K$14=1,K7422*Input!$J$14,0)+IF(Input!$K$15=1,L7422*Input!$J$15,0)+IF(Input!$K$16=1,M7422*Input!$J$16,0)</f>
        <v>1.1021131096130403</v>
      </c>
      <c r="O7422" s="58">
        <f>IF(Input!$K$13=2,J7422*Input!$J$13,0)+IF(Input!$K$14=2,K7422*Input!$J$14,0)+IF(Input!$K$15=2,L7422*Input!$J$15,0)+IF(Input!$K$16=2,M7422*Input!$J$16,0)</f>
        <v>4.040804325264969E-2</v>
      </c>
      <c r="P7422" s="58">
        <f>IF(Input!$K$13=3,J7422*Input!$J$13,0)+IF(Input!$K$14=3,K7422*Input!$J$14,0)+IF(Input!$K$15=3,L7422*Input!$J$15,0)+IF(Input!$K$16=3,M7422*Input!$J$16,0)</f>
        <v>0</v>
      </c>
      <c r="Q7422" s="71">
        <f>IF(Input!$K$13=4,J7422*Input!$J$13,0)+IF(Input!$K$14=4,K7422*Input!$J$14,0)+IF(Input!$K$15=4,L7422*Input!$J$15,0)+IF(Input!$K$16=4,M7422*Input!$J$16,0)</f>
        <v>0</v>
      </c>
    </row>
    <row r="7423" spans="8:17" x14ac:dyDescent="0.25">
      <c r="H7423" s="43">
        <v>7416</v>
      </c>
      <c r="I7423" s="55">
        <f>Bühler!I7449</f>
        <v>1.1072816907611767</v>
      </c>
      <c r="J7423" s="58">
        <f>Bühler!J7449</f>
        <v>9.1842759134420024</v>
      </c>
      <c r="K7423" s="58">
        <f>Bühler!K7449</f>
        <v>0.29931883890851624</v>
      </c>
      <c r="L7423" s="58">
        <f>Bühler!L7449</f>
        <v>0.14965941945425812</v>
      </c>
      <c r="M7423" s="57">
        <f>Bühler!M7449</f>
        <v>0</v>
      </c>
      <c r="N7423" s="55">
        <f>IF(Input!$K$13=1,J7423*Input!$J$13,0)+IF(Input!$K$14=1,K7423*Input!$J$14,0)+IF(Input!$K$15=1,L7423*Input!$J$15,0)+IF(Input!$K$16=1,M7423*Input!$J$16,0)</f>
        <v>1.1021131096130403</v>
      </c>
      <c r="O7423" s="58">
        <f>IF(Input!$K$13=2,J7423*Input!$J$13,0)+IF(Input!$K$14=2,K7423*Input!$J$14,0)+IF(Input!$K$15=2,L7423*Input!$J$15,0)+IF(Input!$K$16=2,M7423*Input!$J$16,0)</f>
        <v>4.040804325264969E-2</v>
      </c>
      <c r="P7423" s="58">
        <f>IF(Input!$K$13=3,J7423*Input!$J$13,0)+IF(Input!$K$14=3,K7423*Input!$J$14,0)+IF(Input!$K$15=3,L7423*Input!$J$15,0)+IF(Input!$K$16=3,M7423*Input!$J$16,0)</f>
        <v>0</v>
      </c>
      <c r="Q7423" s="71">
        <f>IF(Input!$K$13=4,J7423*Input!$J$13,0)+IF(Input!$K$14=4,K7423*Input!$J$14,0)+IF(Input!$K$15=4,L7423*Input!$J$15,0)+IF(Input!$K$16=4,M7423*Input!$J$16,0)</f>
        <v>0</v>
      </c>
    </row>
    <row r="7424" spans="8:17" x14ac:dyDescent="0.25">
      <c r="H7424" s="43">
        <v>7417</v>
      </c>
      <c r="I7424" s="55">
        <f>Bühler!I7450</f>
        <v>0.3390416557671761</v>
      </c>
      <c r="J7424" s="58">
        <f>Bühler!J7450</f>
        <v>8.4818747295342138</v>
      </c>
      <c r="K7424" s="58">
        <f>Bühler!K7450</f>
        <v>0.58083902536278875</v>
      </c>
      <c r="L7424" s="58">
        <f>Bühler!L7450</f>
        <v>0.29041951268139438</v>
      </c>
      <c r="M7424" s="57">
        <f>Bühler!M7450</f>
        <v>0</v>
      </c>
      <c r="N7424" s="55">
        <f>IF(Input!$K$13=1,J7424*Input!$J$13,0)+IF(Input!$K$14=1,K7424*Input!$J$14,0)+IF(Input!$K$15=1,L7424*Input!$J$15,0)+IF(Input!$K$16=1,M7424*Input!$J$16,0)</f>
        <v>1.0178249675441056</v>
      </c>
      <c r="O7424" s="58">
        <f>IF(Input!$K$13=2,J7424*Input!$J$13,0)+IF(Input!$K$14=2,K7424*Input!$J$14,0)+IF(Input!$K$15=2,L7424*Input!$J$15,0)+IF(Input!$K$16=2,M7424*Input!$J$16,0)</f>
        <v>7.8413268423976473E-2</v>
      </c>
      <c r="P7424" s="58">
        <f>IF(Input!$K$13=3,J7424*Input!$J$13,0)+IF(Input!$K$14=3,K7424*Input!$J$14,0)+IF(Input!$K$15=3,L7424*Input!$J$15,0)+IF(Input!$K$16=3,M7424*Input!$J$16,0)</f>
        <v>0</v>
      </c>
      <c r="Q7424" s="71">
        <f>IF(Input!$K$13=4,J7424*Input!$J$13,0)+IF(Input!$K$14=4,K7424*Input!$J$14,0)+IF(Input!$K$15=4,L7424*Input!$J$15,0)+IF(Input!$K$16=4,M7424*Input!$J$16,0)</f>
        <v>0</v>
      </c>
    </row>
    <row r="7425" spans="8:17" x14ac:dyDescent="0.25">
      <c r="H7425" s="43">
        <v>7418</v>
      </c>
      <c r="I7425" s="55">
        <f>Bühler!I7451</f>
        <v>0.3390416557671761</v>
      </c>
      <c r="J7425" s="58">
        <f>Bühler!J7451</f>
        <v>8.4818747295342138</v>
      </c>
      <c r="K7425" s="58">
        <f>Bühler!K7451</f>
        <v>0.58083902536278875</v>
      </c>
      <c r="L7425" s="58">
        <f>Bühler!L7451</f>
        <v>0.29041951268139438</v>
      </c>
      <c r="M7425" s="57">
        <f>Bühler!M7451</f>
        <v>0</v>
      </c>
      <c r="N7425" s="55">
        <f>IF(Input!$K$13=1,J7425*Input!$J$13,0)+IF(Input!$K$14=1,K7425*Input!$J$14,0)+IF(Input!$K$15=1,L7425*Input!$J$15,0)+IF(Input!$K$16=1,M7425*Input!$J$16,0)</f>
        <v>1.0178249675441056</v>
      </c>
      <c r="O7425" s="58">
        <f>IF(Input!$K$13=2,J7425*Input!$J$13,0)+IF(Input!$K$14=2,K7425*Input!$J$14,0)+IF(Input!$K$15=2,L7425*Input!$J$15,0)+IF(Input!$K$16=2,M7425*Input!$J$16,0)</f>
        <v>7.8413268423976473E-2</v>
      </c>
      <c r="P7425" s="58">
        <f>IF(Input!$K$13=3,J7425*Input!$J$13,0)+IF(Input!$K$14=3,K7425*Input!$J$14,0)+IF(Input!$K$15=3,L7425*Input!$J$15,0)+IF(Input!$K$16=3,M7425*Input!$J$16,0)</f>
        <v>0</v>
      </c>
      <c r="Q7425" s="71">
        <f>IF(Input!$K$13=4,J7425*Input!$J$13,0)+IF(Input!$K$14=4,K7425*Input!$J$14,0)+IF(Input!$K$15=4,L7425*Input!$J$15,0)+IF(Input!$K$16=4,M7425*Input!$J$16,0)</f>
        <v>0</v>
      </c>
    </row>
    <row r="7426" spans="8:17" x14ac:dyDescent="0.25">
      <c r="H7426" s="43">
        <v>7419</v>
      </c>
      <c r="I7426" s="55">
        <f>Bühler!I7452</f>
        <v>0.3390416557671761</v>
      </c>
      <c r="J7426" s="58">
        <f>Bühler!J7452</f>
        <v>8.4818747295342138</v>
      </c>
      <c r="K7426" s="58">
        <f>Bühler!K7452</f>
        <v>0.58083902536278875</v>
      </c>
      <c r="L7426" s="58">
        <f>Bühler!L7452</f>
        <v>0.29041951268139438</v>
      </c>
      <c r="M7426" s="57">
        <f>Bühler!M7452</f>
        <v>0</v>
      </c>
      <c r="N7426" s="55">
        <f>IF(Input!$K$13=1,J7426*Input!$J$13,0)+IF(Input!$K$14=1,K7426*Input!$J$14,0)+IF(Input!$K$15=1,L7426*Input!$J$15,0)+IF(Input!$K$16=1,M7426*Input!$J$16,0)</f>
        <v>1.0178249675441056</v>
      </c>
      <c r="O7426" s="58">
        <f>IF(Input!$K$13=2,J7426*Input!$J$13,0)+IF(Input!$K$14=2,K7426*Input!$J$14,0)+IF(Input!$K$15=2,L7426*Input!$J$15,0)+IF(Input!$K$16=2,M7426*Input!$J$16,0)</f>
        <v>7.8413268423976473E-2</v>
      </c>
      <c r="P7426" s="58">
        <f>IF(Input!$K$13=3,J7426*Input!$J$13,0)+IF(Input!$K$14=3,K7426*Input!$J$14,0)+IF(Input!$K$15=3,L7426*Input!$J$15,0)+IF(Input!$K$16=3,M7426*Input!$J$16,0)</f>
        <v>0</v>
      </c>
      <c r="Q7426" s="71">
        <f>IF(Input!$K$13=4,J7426*Input!$J$13,0)+IF(Input!$K$14=4,K7426*Input!$J$14,0)+IF(Input!$K$15=4,L7426*Input!$J$15,0)+IF(Input!$K$16=4,M7426*Input!$J$16,0)</f>
        <v>0</v>
      </c>
    </row>
    <row r="7427" spans="8:17" x14ac:dyDescent="0.25">
      <c r="H7427" s="43">
        <v>7420</v>
      </c>
      <c r="I7427" s="55">
        <f>Bühler!I7453</f>
        <v>0.3390416557671761</v>
      </c>
      <c r="J7427" s="58">
        <f>Bühler!J7453</f>
        <v>8.4818747295342138</v>
      </c>
      <c r="K7427" s="58">
        <f>Bühler!K7453</f>
        <v>0.58083902536278875</v>
      </c>
      <c r="L7427" s="58">
        <f>Bühler!L7453</f>
        <v>0.29041951268139438</v>
      </c>
      <c r="M7427" s="57">
        <f>Bühler!M7453</f>
        <v>0</v>
      </c>
      <c r="N7427" s="55">
        <f>IF(Input!$K$13=1,J7427*Input!$J$13,0)+IF(Input!$K$14=1,K7427*Input!$J$14,0)+IF(Input!$K$15=1,L7427*Input!$J$15,0)+IF(Input!$K$16=1,M7427*Input!$J$16,0)</f>
        <v>1.0178249675441056</v>
      </c>
      <c r="O7427" s="58">
        <f>IF(Input!$K$13=2,J7427*Input!$J$13,0)+IF(Input!$K$14=2,K7427*Input!$J$14,0)+IF(Input!$K$15=2,L7427*Input!$J$15,0)+IF(Input!$K$16=2,M7427*Input!$J$16,0)</f>
        <v>7.8413268423976473E-2</v>
      </c>
      <c r="P7427" s="58">
        <f>IF(Input!$K$13=3,J7427*Input!$J$13,0)+IF(Input!$K$14=3,K7427*Input!$J$14,0)+IF(Input!$K$15=3,L7427*Input!$J$15,0)+IF(Input!$K$16=3,M7427*Input!$J$16,0)</f>
        <v>0</v>
      </c>
      <c r="Q7427" s="71">
        <f>IF(Input!$K$13=4,J7427*Input!$J$13,0)+IF(Input!$K$14=4,K7427*Input!$J$14,0)+IF(Input!$K$15=4,L7427*Input!$J$15,0)+IF(Input!$K$16=4,M7427*Input!$J$16,0)</f>
        <v>0</v>
      </c>
    </row>
    <row r="7428" spans="8:17" x14ac:dyDescent="0.25">
      <c r="H7428" s="43">
        <v>7421</v>
      </c>
      <c r="I7428" s="55">
        <f>Bühler!I7454</f>
        <v>0.3390416557671761</v>
      </c>
      <c r="J7428" s="58">
        <f>Bühler!J7454</f>
        <v>8.4818747295342138</v>
      </c>
      <c r="K7428" s="58">
        <f>Bühler!K7454</f>
        <v>0.58083902536278875</v>
      </c>
      <c r="L7428" s="58">
        <f>Bühler!L7454</f>
        <v>0.29041951268139438</v>
      </c>
      <c r="M7428" s="57">
        <f>Bühler!M7454</f>
        <v>0</v>
      </c>
      <c r="N7428" s="55">
        <f>IF(Input!$K$13=1,J7428*Input!$J$13,0)+IF(Input!$K$14=1,K7428*Input!$J$14,0)+IF(Input!$K$15=1,L7428*Input!$J$15,0)+IF(Input!$K$16=1,M7428*Input!$J$16,0)</f>
        <v>1.0178249675441056</v>
      </c>
      <c r="O7428" s="58">
        <f>IF(Input!$K$13=2,J7428*Input!$J$13,0)+IF(Input!$K$14=2,K7428*Input!$J$14,0)+IF(Input!$K$15=2,L7428*Input!$J$15,0)+IF(Input!$K$16=2,M7428*Input!$J$16,0)</f>
        <v>7.8413268423976473E-2</v>
      </c>
      <c r="P7428" s="58">
        <f>IF(Input!$K$13=3,J7428*Input!$J$13,0)+IF(Input!$K$14=3,K7428*Input!$J$14,0)+IF(Input!$K$15=3,L7428*Input!$J$15,0)+IF(Input!$K$16=3,M7428*Input!$J$16,0)</f>
        <v>0</v>
      </c>
      <c r="Q7428" s="71">
        <f>IF(Input!$K$13=4,J7428*Input!$J$13,0)+IF(Input!$K$14=4,K7428*Input!$J$14,0)+IF(Input!$K$15=4,L7428*Input!$J$15,0)+IF(Input!$K$16=4,M7428*Input!$J$16,0)</f>
        <v>0</v>
      </c>
    </row>
    <row r="7429" spans="8:17" x14ac:dyDescent="0.25">
      <c r="H7429" s="43">
        <v>7422</v>
      </c>
      <c r="I7429" s="55">
        <f>Bühler!I7455</f>
        <v>0.3390416557671761</v>
      </c>
      <c r="J7429" s="58">
        <f>Bühler!J7455</f>
        <v>8.4818747295342138</v>
      </c>
      <c r="K7429" s="58">
        <f>Bühler!K7455</f>
        <v>0.58083902536278875</v>
      </c>
      <c r="L7429" s="58">
        <f>Bühler!L7455</f>
        <v>0.29041951268139438</v>
      </c>
      <c r="M7429" s="57">
        <f>Bühler!M7455</f>
        <v>0</v>
      </c>
      <c r="N7429" s="55">
        <f>IF(Input!$K$13=1,J7429*Input!$J$13,0)+IF(Input!$K$14=1,K7429*Input!$J$14,0)+IF(Input!$K$15=1,L7429*Input!$J$15,0)+IF(Input!$K$16=1,M7429*Input!$J$16,0)</f>
        <v>1.0178249675441056</v>
      </c>
      <c r="O7429" s="58">
        <f>IF(Input!$K$13=2,J7429*Input!$J$13,0)+IF(Input!$K$14=2,K7429*Input!$J$14,0)+IF(Input!$K$15=2,L7429*Input!$J$15,0)+IF(Input!$K$16=2,M7429*Input!$J$16,0)</f>
        <v>7.8413268423976473E-2</v>
      </c>
      <c r="P7429" s="58">
        <f>IF(Input!$K$13=3,J7429*Input!$J$13,0)+IF(Input!$K$14=3,K7429*Input!$J$14,0)+IF(Input!$K$15=3,L7429*Input!$J$15,0)+IF(Input!$K$16=3,M7429*Input!$J$16,0)</f>
        <v>0</v>
      </c>
      <c r="Q7429" s="71">
        <f>IF(Input!$K$13=4,J7429*Input!$J$13,0)+IF(Input!$K$14=4,K7429*Input!$J$14,0)+IF(Input!$K$15=4,L7429*Input!$J$15,0)+IF(Input!$K$16=4,M7429*Input!$J$16,0)</f>
        <v>0</v>
      </c>
    </row>
    <row r="7430" spans="8:17" x14ac:dyDescent="0.25">
      <c r="H7430" s="43">
        <v>7423</v>
      </c>
      <c r="I7430" s="55">
        <f>Bühler!I7456</f>
        <v>0.3390416557671761</v>
      </c>
      <c r="J7430" s="58">
        <f>Bühler!J7456</f>
        <v>8.4818747295342138</v>
      </c>
      <c r="K7430" s="58">
        <f>Bühler!K7456</f>
        <v>0.58083902536278875</v>
      </c>
      <c r="L7430" s="58">
        <f>Bühler!L7456</f>
        <v>0.29041951268139438</v>
      </c>
      <c r="M7430" s="57">
        <f>Bühler!M7456</f>
        <v>0</v>
      </c>
      <c r="N7430" s="55">
        <f>IF(Input!$K$13=1,J7430*Input!$J$13,0)+IF(Input!$K$14=1,K7430*Input!$J$14,0)+IF(Input!$K$15=1,L7430*Input!$J$15,0)+IF(Input!$K$16=1,M7430*Input!$J$16,0)</f>
        <v>1.0178249675441056</v>
      </c>
      <c r="O7430" s="58">
        <f>IF(Input!$K$13=2,J7430*Input!$J$13,0)+IF(Input!$K$14=2,K7430*Input!$J$14,0)+IF(Input!$K$15=2,L7430*Input!$J$15,0)+IF(Input!$K$16=2,M7430*Input!$J$16,0)</f>
        <v>7.8413268423976473E-2</v>
      </c>
      <c r="P7430" s="58">
        <f>IF(Input!$K$13=3,J7430*Input!$J$13,0)+IF(Input!$K$14=3,K7430*Input!$J$14,0)+IF(Input!$K$15=3,L7430*Input!$J$15,0)+IF(Input!$K$16=3,M7430*Input!$J$16,0)</f>
        <v>0</v>
      </c>
      <c r="Q7430" s="71">
        <f>IF(Input!$K$13=4,J7430*Input!$J$13,0)+IF(Input!$K$14=4,K7430*Input!$J$14,0)+IF(Input!$K$15=4,L7430*Input!$J$15,0)+IF(Input!$K$16=4,M7430*Input!$J$16,0)</f>
        <v>0</v>
      </c>
    </row>
    <row r="7431" spans="8:17" x14ac:dyDescent="0.25">
      <c r="H7431" s="43">
        <v>7424</v>
      </c>
      <c r="I7431" s="55">
        <f>Bühler!I7457</f>
        <v>1.4748312025872161</v>
      </c>
      <c r="J7431" s="58">
        <f>Bühler!J7457</f>
        <v>36.165842909253044</v>
      </c>
      <c r="K7431" s="58">
        <f>Bühler!K7457</f>
        <v>2.4743742480454798</v>
      </c>
      <c r="L7431" s="58">
        <f>Bühler!L7457</f>
        <v>1.2371871240227399</v>
      </c>
      <c r="M7431" s="57">
        <f>Bühler!M7457</f>
        <v>0</v>
      </c>
      <c r="N7431" s="55">
        <f>IF(Input!$K$13=1,J7431*Input!$J$13,0)+IF(Input!$K$14=1,K7431*Input!$J$14,0)+IF(Input!$K$15=1,L7431*Input!$J$15,0)+IF(Input!$K$16=1,M7431*Input!$J$16,0)</f>
        <v>4.3399011491103652</v>
      </c>
      <c r="O7431" s="58">
        <f>IF(Input!$K$13=2,J7431*Input!$J$13,0)+IF(Input!$K$14=2,K7431*Input!$J$14,0)+IF(Input!$K$15=2,L7431*Input!$J$15,0)+IF(Input!$K$16=2,M7431*Input!$J$16,0)</f>
        <v>0.33404052348613977</v>
      </c>
      <c r="P7431" s="58">
        <f>IF(Input!$K$13=3,J7431*Input!$J$13,0)+IF(Input!$K$14=3,K7431*Input!$J$14,0)+IF(Input!$K$15=3,L7431*Input!$J$15,0)+IF(Input!$K$16=3,M7431*Input!$J$16,0)</f>
        <v>0</v>
      </c>
      <c r="Q7431" s="71">
        <f>IF(Input!$K$13=4,J7431*Input!$J$13,0)+IF(Input!$K$14=4,K7431*Input!$J$14,0)+IF(Input!$K$15=4,L7431*Input!$J$15,0)+IF(Input!$K$16=4,M7431*Input!$J$16,0)</f>
        <v>0</v>
      </c>
    </row>
    <row r="7432" spans="8:17" x14ac:dyDescent="0.25">
      <c r="H7432" s="43">
        <v>7425</v>
      </c>
      <c r="I7432" s="55">
        <f>Bühler!I7458</f>
        <v>1.6591851029106182</v>
      </c>
      <c r="J7432" s="58">
        <f>Bühler!J7458</f>
        <v>40.686573272909676</v>
      </c>
      <c r="K7432" s="58">
        <f>Bühler!K7458</f>
        <v>2.7836710290511655</v>
      </c>
      <c r="L7432" s="58">
        <f>Bühler!L7458</f>
        <v>1.3918355145255827</v>
      </c>
      <c r="M7432" s="57">
        <f>Bühler!M7458</f>
        <v>0</v>
      </c>
      <c r="N7432" s="55">
        <f>IF(Input!$K$13=1,J7432*Input!$J$13,0)+IF(Input!$K$14=1,K7432*Input!$J$14,0)+IF(Input!$K$15=1,L7432*Input!$J$15,0)+IF(Input!$K$16=1,M7432*Input!$J$16,0)</f>
        <v>4.8823887927491612</v>
      </c>
      <c r="O7432" s="58">
        <f>IF(Input!$K$13=2,J7432*Input!$J$13,0)+IF(Input!$K$14=2,K7432*Input!$J$14,0)+IF(Input!$K$15=2,L7432*Input!$J$15,0)+IF(Input!$K$16=2,M7432*Input!$J$16,0)</f>
        <v>0.37579558892190734</v>
      </c>
      <c r="P7432" s="58">
        <f>IF(Input!$K$13=3,J7432*Input!$J$13,0)+IF(Input!$K$14=3,K7432*Input!$J$14,0)+IF(Input!$K$15=3,L7432*Input!$J$15,0)+IF(Input!$K$16=3,M7432*Input!$J$16,0)</f>
        <v>0</v>
      </c>
      <c r="Q7432" s="71">
        <f>IF(Input!$K$13=4,J7432*Input!$J$13,0)+IF(Input!$K$14=4,K7432*Input!$J$14,0)+IF(Input!$K$15=4,L7432*Input!$J$15,0)+IF(Input!$K$16=4,M7432*Input!$J$16,0)</f>
        <v>0</v>
      </c>
    </row>
    <row r="7433" spans="8:17" x14ac:dyDescent="0.25">
      <c r="H7433" s="43">
        <v>7426</v>
      </c>
      <c r="I7433" s="55">
        <f>Bühler!I7459</f>
        <v>1.84353900323402</v>
      </c>
      <c r="J7433" s="58">
        <f>Bühler!J7459</f>
        <v>45.207303636566309</v>
      </c>
      <c r="K7433" s="58">
        <f>Bühler!K7459</f>
        <v>3.0929678100568503</v>
      </c>
      <c r="L7433" s="58">
        <f>Bühler!L7459</f>
        <v>1.5464839050284251</v>
      </c>
      <c r="M7433" s="57">
        <f>Bühler!M7459</f>
        <v>0</v>
      </c>
      <c r="N7433" s="55">
        <f>IF(Input!$K$13=1,J7433*Input!$J$13,0)+IF(Input!$K$14=1,K7433*Input!$J$14,0)+IF(Input!$K$15=1,L7433*Input!$J$15,0)+IF(Input!$K$16=1,M7433*Input!$J$16,0)</f>
        <v>5.4248764363879571</v>
      </c>
      <c r="O7433" s="58">
        <f>IF(Input!$K$13=2,J7433*Input!$J$13,0)+IF(Input!$K$14=2,K7433*Input!$J$14,0)+IF(Input!$K$15=2,L7433*Input!$J$15,0)+IF(Input!$K$16=2,M7433*Input!$J$16,0)</f>
        <v>0.4175506543576748</v>
      </c>
      <c r="P7433" s="58">
        <f>IF(Input!$K$13=3,J7433*Input!$J$13,0)+IF(Input!$K$14=3,K7433*Input!$J$14,0)+IF(Input!$K$15=3,L7433*Input!$J$15,0)+IF(Input!$K$16=3,M7433*Input!$J$16,0)</f>
        <v>0</v>
      </c>
      <c r="Q7433" s="71">
        <f>IF(Input!$K$13=4,J7433*Input!$J$13,0)+IF(Input!$K$14=4,K7433*Input!$J$14,0)+IF(Input!$K$15=4,L7433*Input!$J$15,0)+IF(Input!$K$16=4,M7433*Input!$J$16,0)</f>
        <v>0</v>
      </c>
    </row>
    <row r="7434" spans="8:17" x14ac:dyDescent="0.25">
      <c r="H7434" s="43">
        <v>7427</v>
      </c>
      <c r="I7434" s="55">
        <f>Bühler!I7460</f>
        <v>1.84353900323402</v>
      </c>
      <c r="J7434" s="58">
        <f>Bühler!J7460</f>
        <v>45.207303636566309</v>
      </c>
      <c r="K7434" s="58">
        <f>Bühler!K7460</f>
        <v>3.0929678100568503</v>
      </c>
      <c r="L7434" s="58">
        <f>Bühler!L7460</f>
        <v>1.5464839050284251</v>
      </c>
      <c r="M7434" s="57">
        <f>Bühler!M7460</f>
        <v>0</v>
      </c>
      <c r="N7434" s="55">
        <f>IF(Input!$K$13=1,J7434*Input!$J$13,0)+IF(Input!$K$14=1,K7434*Input!$J$14,0)+IF(Input!$K$15=1,L7434*Input!$J$15,0)+IF(Input!$K$16=1,M7434*Input!$J$16,0)</f>
        <v>5.4248764363879571</v>
      </c>
      <c r="O7434" s="58">
        <f>IF(Input!$K$13=2,J7434*Input!$J$13,0)+IF(Input!$K$14=2,K7434*Input!$J$14,0)+IF(Input!$K$15=2,L7434*Input!$J$15,0)+IF(Input!$K$16=2,M7434*Input!$J$16,0)</f>
        <v>0.4175506543576748</v>
      </c>
      <c r="P7434" s="58">
        <f>IF(Input!$K$13=3,J7434*Input!$J$13,0)+IF(Input!$K$14=3,K7434*Input!$J$14,0)+IF(Input!$K$15=3,L7434*Input!$J$15,0)+IF(Input!$K$16=3,M7434*Input!$J$16,0)</f>
        <v>0</v>
      </c>
      <c r="Q7434" s="71">
        <f>IF(Input!$K$13=4,J7434*Input!$J$13,0)+IF(Input!$K$14=4,K7434*Input!$J$14,0)+IF(Input!$K$15=4,L7434*Input!$J$15,0)+IF(Input!$K$16=4,M7434*Input!$J$16,0)</f>
        <v>0</v>
      </c>
    </row>
    <row r="7435" spans="8:17" x14ac:dyDescent="0.25">
      <c r="H7435" s="43">
        <v>7428</v>
      </c>
      <c r="I7435" s="55">
        <f>Bühler!I7461</f>
        <v>2.2122468038808241</v>
      </c>
      <c r="J7435" s="58">
        <f>Bühler!J7461</f>
        <v>54.248764363879552</v>
      </c>
      <c r="K7435" s="58">
        <f>Bühler!K7461</f>
        <v>3.7115613720682195</v>
      </c>
      <c r="L7435" s="58">
        <f>Bühler!L7461</f>
        <v>1.8557806860341097</v>
      </c>
      <c r="M7435" s="57">
        <f>Bühler!M7461</f>
        <v>0</v>
      </c>
      <c r="N7435" s="55">
        <f>IF(Input!$K$13=1,J7435*Input!$J$13,0)+IF(Input!$K$14=1,K7435*Input!$J$14,0)+IF(Input!$K$15=1,L7435*Input!$J$15,0)+IF(Input!$K$16=1,M7435*Input!$J$16,0)</f>
        <v>6.5098517236655455</v>
      </c>
      <c r="O7435" s="58">
        <f>IF(Input!$K$13=2,J7435*Input!$J$13,0)+IF(Input!$K$14=2,K7435*Input!$J$14,0)+IF(Input!$K$15=2,L7435*Input!$J$15,0)+IF(Input!$K$16=2,M7435*Input!$J$16,0)</f>
        <v>0.5010607852292096</v>
      </c>
      <c r="P7435" s="58">
        <f>IF(Input!$K$13=3,J7435*Input!$J$13,0)+IF(Input!$K$14=3,K7435*Input!$J$14,0)+IF(Input!$K$15=3,L7435*Input!$J$15,0)+IF(Input!$K$16=3,M7435*Input!$J$16,0)</f>
        <v>0</v>
      </c>
      <c r="Q7435" s="71">
        <f>IF(Input!$K$13=4,J7435*Input!$J$13,0)+IF(Input!$K$14=4,K7435*Input!$J$14,0)+IF(Input!$K$15=4,L7435*Input!$J$15,0)+IF(Input!$K$16=4,M7435*Input!$J$16,0)</f>
        <v>0</v>
      </c>
    </row>
    <row r="7436" spans="8:17" x14ac:dyDescent="0.25">
      <c r="H7436" s="43">
        <v>7429</v>
      </c>
      <c r="I7436" s="55">
        <f>Bühler!I7462</f>
        <v>2.2122468038808241</v>
      </c>
      <c r="J7436" s="58">
        <f>Bühler!J7462</f>
        <v>54.248764363879552</v>
      </c>
      <c r="K7436" s="58">
        <f>Bühler!K7462</f>
        <v>3.7115613720682195</v>
      </c>
      <c r="L7436" s="58">
        <f>Bühler!L7462</f>
        <v>1.8557806860341097</v>
      </c>
      <c r="M7436" s="57">
        <f>Bühler!M7462</f>
        <v>0</v>
      </c>
      <c r="N7436" s="55">
        <f>IF(Input!$K$13=1,J7436*Input!$J$13,0)+IF(Input!$K$14=1,K7436*Input!$J$14,0)+IF(Input!$K$15=1,L7436*Input!$J$15,0)+IF(Input!$K$16=1,M7436*Input!$J$16,0)</f>
        <v>6.5098517236655455</v>
      </c>
      <c r="O7436" s="58">
        <f>IF(Input!$K$13=2,J7436*Input!$J$13,0)+IF(Input!$K$14=2,K7436*Input!$J$14,0)+IF(Input!$K$15=2,L7436*Input!$J$15,0)+IF(Input!$K$16=2,M7436*Input!$J$16,0)</f>
        <v>0.5010607852292096</v>
      </c>
      <c r="P7436" s="58">
        <f>IF(Input!$K$13=3,J7436*Input!$J$13,0)+IF(Input!$K$14=3,K7436*Input!$J$14,0)+IF(Input!$K$15=3,L7436*Input!$J$15,0)+IF(Input!$K$16=3,M7436*Input!$J$16,0)</f>
        <v>0</v>
      </c>
      <c r="Q7436" s="71">
        <f>IF(Input!$K$13=4,J7436*Input!$J$13,0)+IF(Input!$K$14=4,K7436*Input!$J$14,0)+IF(Input!$K$15=4,L7436*Input!$J$15,0)+IF(Input!$K$16=4,M7436*Input!$J$16,0)</f>
        <v>0</v>
      </c>
    </row>
    <row r="7437" spans="8:17" x14ac:dyDescent="0.25">
      <c r="H7437" s="43">
        <v>7430</v>
      </c>
      <c r="I7437" s="55">
        <f>Bühler!I7463</f>
        <v>1.4748312025872161</v>
      </c>
      <c r="J7437" s="58">
        <f>Bühler!J7463</f>
        <v>36.165842909253044</v>
      </c>
      <c r="K7437" s="58">
        <f>Bühler!K7463</f>
        <v>2.4743742480454798</v>
      </c>
      <c r="L7437" s="58">
        <f>Bühler!L7463</f>
        <v>1.2371871240227399</v>
      </c>
      <c r="M7437" s="57">
        <f>Bühler!M7463</f>
        <v>0</v>
      </c>
      <c r="N7437" s="55">
        <f>IF(Input!$K$13=1,J7437*Input!$J$13,0)+IF(Input!$K$14=1,K7437*Input!$J$14,0)+IF(Input!$K$15=1,L7437*Input!$J$15,0)+IF(Input!$K$16=1,M7437*Input!$J$16,0)</f>
        <v>4.3399011491103652</v>
      </c>
      <c r="O7437" s="58">
        <f>IF(Input!$K$13=2,J7437*Input!$J$13,0)+IF(Input!$K$14=2,K7437*Input!$J$14,0)+IF(Input!$K$15=2,L7437*Input!$J$15,0)+IF(Input!$K$16=2,M7437*Input!$J$16,0)</f>
        <v>0.33404052348613977</v>
      </c>
      <c r="P7437" s="58">
        <f>IF(Input!$K$13=3,J7437*Input!$J$13,0)+IF(Input!$K$14=3,K7437*Input!$J$14,0)+IF(Input!$K$15=3,L7437*Input!$J$15,0)+IF(Input!$K$16=3,M7437*Input!$J$16,0)</f>
        <v>0</v>
      </c>
      <c r="Q7437" s="71">
        <f>IF(Input!$K$13=4,J7437*Input!$J$13,0)+IF(Input!$K$14=4,K7437*Input!$J$14,0)+IF(Input!$K$15=4,L7437*Input!$J$15,0)+IF(Input!$K$16=4,M7437*Input!$J$16,0)</f>
        <v>0</v>
      </c>
    </row>
    <row r="7438" spans="8:17" x14ac:dyDescent="0.25">
      <c r="H7438" s="43">
        <v>7431</v>
      </c>
      <c r="I7438" s="55">
        <f>Bühler!I7464</f>
        <v>2.2122468038808241</v>
      </c>
      <c r="J7438" s="58">
        <f>Bühler!J7464</f>
        <v>54.248764363879552</v>
      </c>
      <c r="K7438" s="58">
        <f>Bühler!K7464</f>
        <v>3.7115613720682195</v>
      </c>
      <c r="L7438" s="58">
        <f>Bühler!L7464</f>
        <v>1.8557806860341097</v>
      </c>
      <c r="M7438" s="57">
        <f>Bühler!M7464</f>
        <v>0</v>
      </c>
      <c r="N7438" s="55">
        <f>IF(Input!$K$13=1,J7438*Input!$J$13,0)+IF(Input!$K$14=1,K7438*Input!$J$14,0)+IF(Input!$K$15=1,L7438*Input!$J$15,0)+IF(Input!$K$16=1,M7438*Input!$J$16,0)</f>
        <v>6.5098517236655455</v>
      </c>
      <c r="O7438" s="58">
        <f>IF(Input!$K$13=2,J7438*Input!$J$13,0)+IF(Input!$K$14=2,K7438*Input!$J$14,0)+IF(Input!$K$15=2,L7438*Input!$J$15,0)+IF(Input!$K$16=2,M7438*Input!$J$16,0)</f>
        <v>0.5010607852292096</v>
      </c>
      <c r="P7438" s="58">
        <f>IF(Input!$K$13=3,J7438*Input!$J$13,0)+IF(Input!$K$14=3,K7438*Input!$J$14,0)+IF(Input!$K$15=3,L7438*Input!$J$15,0)+IF(Input!$K$16=3,M7438*Input!$J$16,0)</f>
        <v>0</v>
      </c>
      <c r="Q7438" s="71">
        <f>IF(Input!$K$13=4,J7438*Input!$J$13,0)+IF(Input!$K$14=4,K7438*Input!$J$14,0)+IF(Input!$K$15=4,L7438*Input!$J$15,0)+IF(Input!$K$16=4,M7438*Input!$J$16,0)</f>
        <v>0</v>
      </c>
    </row>
    <row r="7439" spans="8:17" x14ac:dyDescent="0.25">
      <c r="H7439" s="43">
        <v>7432</v>
      </c>
      <c r="I7439" s="55">
        <f>Bühler!I7465</f>
        <v>2.2122468038808241</v>
      </c>
      <c r="J7439" s="58">
        <f>Bühler!J7465</f>
        <v>54.248764363879552</v>
      </c>
      <c r="K7439" s="58">
        <f>Bühler!K7465</f>
        <v>3.7115613720682195</v>
      </c>
      <c r="L7439" s="58">
        <f>Bühler!L7465</f>
        <v>1.8557806860341097</v>
      </c>
      <c r="M7439" s="57">
        <f>Bühler!M7465</f>
        <v>0</v>
      </c>
      <c r="N7439" s="55">
        <f>IF(Input!$K$13=1,J7439*Input!$J$13,0)+IF(Input!$K$14=1,K7439*Input!$J$14,0)+IF(Input!$K$15=1,L7439*Input!$J$15,0)+IF(Input!$K$16=1,M7439*Input!$J$16,0)</f>
        <v>6.5098517236655455</v>
      </c>
      <c r="O7439" s="58">
        <f>IF(Input!$K$13=2,J7439*Input!$J$13,0)+IF(Input!$K$14=2,K7439*Input!$J$14,0)+IF(Input!$K$15=2,L7439*Input!$J$15,0)+IF(Input!$K$16=2,M7439*Input!$J$16,0)</f>
        <v>0.5010607852292096</v>
      </c>
      <c r="P7439" s="58">
        <f>IF(Input!$K$13=3,J7439*Input!$J$13,0)+IF(Input!$K$14=3,K7439*Input!$J$14,0)+IF(Input!$K$15=3,L7439*Input!$J$15,0)+IF(Input!$K$16=3,M7439*Input!$J$16,0)</f>
        <v>0</v>
      </c>
      <c r="Q7439" s="71">
        <f>IF(Input!$K$13=4,J7439*Input!$J$13,0)+IF(Input!$K$14=4,K7439*Input!$J$14,0)+IF(Input!$K$15=4,L7439*Input!$J$15,0)+IF(Input!$K$16=4,M7439*Input!$J$16,0)</f>
        <v>0</v>
      </c>
    </row>
    <row r="7440" spans="8:17" x14ac:dyDescent="0.25">
      <c r="H7440" s="43">
        <v>7433</v>
      </c>
      <c r="I7440" s="55">
        <f>Bühler!I7466</f>
        <v>1.84353900323402</v>
      </c>
      <c r="J7440" s="58">
        <f>Bühler!J7466</f>
        <v>32.244262721647466</v>
      </c>
      <c r="K7440" s="58">
        <f>Bühler!K7466</f>
        <v>2.1650774670397945</v>
      </c>
      <c r="L7440" s="58">
        <f>Bühler!L7466</f>
        <v>1.0825387335198973</v>
      </c>
      <c r="M7440" s="57">
        <f>Bühler!M7466</f>
        <v>0</v>
      </c>
      <c r="N7440" s="55">
        <f>IF(Input!$K$13=1,J7440*Input!$J$13,0)+IF(Input!$K$14=1,K7440*Input!$J$14,0)+IF(Input!$K$15=1,L7440*Input!$J$15,0)+IF(Input!$K$16=1,M7440*Input!$J$16,0)</f>
        <v>3.8693115265976958</v>
      </c>
      <c r="O7440" s="58">
        <f>IF(Input!$K$13=2,J7440*Input!$J$13,0)+IF(Input!$K$14=2,K7440*Input!$J$14,0)+IF(Input!$K$15=2,L7440*Input!$J$15,0)+IF(Input!$K$16=2,M7440*Input!$J$16,0)</f>
        <v>0.2922854580503722</v>
      </c>
      <c r="P7440" s="58">
        <f>IF(Input!$K$13=3,J7440*Input!$J$13,0)+IF(Input!$K$14=3,K7440*Input!$J$14,0)+IF(Input!$K$15=3,L7440*Input!$J$15,0)+IF(Input!$K$16=3,M7440*Input!$J$16,0)</f>
        <v>0</v>
      </c>
      <c r="Q7440" s="71">
        <f>IF(Input!$K$13=4,J7440*Input!$J$13,0)+IF(Input!$K$14=4,K7440*Input!$J$14,0)+IF(Input!$K$15=4,L7440*Input!$J$15,0)+IF(Input!$K$16=4,M7440*Input!$J$16,0)</f>
        <v>0</v>
      </c>
    </row>
    <row r="7441" spans="8:17" x14ac:dyDescent="0.25">
      <c r="H7441" s="43">
        <v>7434</v>
      </c>
      <c r="I7441" s="55">
        <f>Bühler!I7467</f>
        <v>1.4833072439813955</v>
      </c>
      <c r="J7441" s="58">
        <f>Bühler!J7467</f>
        <v>10.248943457592402</v>
      </c>
      <c r="K7441" s="58">
        <f>Bühler!K7467</f>
        <v>0.61859356201136995</v>
      </c>
      <c r="L7441" s="58">
        <f>Bühler!L7467</f>
        <v>0.30929678100568497</v>
      </c>
      <c r="M7441" s="57">
        <f>Bühler!M7467</f>
        <v>0</v>
      </c>
      <c r="N7441" s="55">
        <f>IF(Input!$K$13=1,J7441*Input!$J$13,0)+IF(Input!$K$14=1,K7441*Input!$J$14,0)+IF(Input!$K$15=1,L7441*Input!$J$15,0)+IF(Input!$K$16=1,M7441*Input!$J$16,0)</f>
        <v>1.2298732149110883</v>
      </c>
      <c r="O7441" s="58">
        <f>IF(Input!$K$13=2,J7441*Input!$J$13,0)+IF(Input!$K$14=2,K7441*Input!$J$14,0)+IF(Input!$K$15=2,L7441*Input!$J$15,0)+IF(Input!$K$16=2,M7441*Input!$J$16,0)</f>
        <v>8.3510130871534943E-2</v>
      </c>
      <c r="P7441" s="58">
        <f>IF(Input!$K$13=3,J7441*Input!$J$13,0)+IF(Input!$K$14=3,K7441*Input!$J$14,0)+IF(Input!$K$15=3,L7441*Input!$J$15,0)+IF(Input!$K$16=3,M7441*Input!$J$16,0)</f>
        <v>0</v>
      </c>
      <c r="Q7441" s="71">
        <f>IF(Input!$K$13=4,J7441*Input!$J$13,0)+IF(Input!$K$14=4,K7441*Input!$J$14,0)+IF(Input!$K$15=4,L7441*Input!$J$15,0)+IF(Input!$K$16=4,M7441*Input!$J$16,0)</f>
        <v>0</v>
      </c>
    </row>
    <row r="7442" spans="8:17" x14ac:dyDescent="0.25">
      <c r="H7442" s="43">
        <v>7435</v>
      </c>
      <c r="I7442" s="55">
        <f>Bühler!I7468</f>
        <v>0.52975258713621265</v>
      </c>
      <c r="J7442" s="58">
        <f>Bühler!J7468</f>
        <v>9.0942072186399887</v>
      </c>
      <c r="K7442" s="58">
        <f>Bühler!K7468</f>
        <v>0.60988097663092811</v>
      </c>
      <c r="L7442" s="58">
        <f>Bühler!L7468</f>
        <v>0.30494048831546405</v>
      </c>
      <c r="M7442" s="57">
        <f>Bühler!M7468</f>
        <v>0</v>
      </c>
      <c r="N7442" s="55">
        <f>IF(Input!$K$13=1,J7442*Input!$J$13,0)+IF(Input!$K$14=1,K7442*Input!$J$14,0)+IF(Input!$K$15=1,L7442*Input!$J$15,0)+IF(Input!$K$16=1,M7442*Input!$J$16,0)</f>
        <v>1.0913048662367986</v>
      </c>
      <c r="O7442" s="58">
        <f>IF(Input!$K$13=2,J7442*Input!$J$13,0)+IF(Input!$K$14=2,K7442*Input!$J$14,0)+IF(Input!$K$15=2,L7442*Input!$J$15,0)+IF(Input!$K$16=2,M7442*Input!$J$16,0)</f>
        <v>8.233393184517529E-2</v>
      </c>
      <c r="P7442" s="58">
        <f>IF(Input!$K$13=3,J7442*Input!$J$13,0)+IF(Input!$K$14=3,K7442*Input!$J$14,0)+IF(Input!$K$15=3,L7442*Input!$J$15,0)+IF(Input!$K$16=3,M7442*Input!$J$16,0)</f>
        <v>0</v>
      </c>
      <c r="Q7442" s="71">
        <f>IF(Input!$K$13=4,J7442*Input!$J$13,0)+IF(Input!$K$14=4,K7442*Input!$J$14,0)+IF(Input!$K$15=4,L7442*Input!$J$15,0)+IF(Input!$K$16=4,M7442*Input!$J$16,0)</f>
        <v>0</v>
      </c>
    </row>
    <row r="7443" spans="8:17" x14ac:dyDescent="0.25">
      <c r="H7443" s="43">
        <v>7436</v>
      </c>
      <c r="I7443" s="55">
        <f>Bühler!I7469</f>
        <v>0.52975258713621265</v>
      </c>
      <c r="J7443" s="58">
        <f>Bühler!J7469</f>
        <v>9.0942072186399887</v>
      </c>
      <c r="K7443" s="58">
        <f>Bühler!K7469</f>
        <v>0.60988097663092811</v>
      </c>
      <c r="L7443" s="58">
        <f>Bühler!L7469</f>
        <v>0.30494048831546405</v>
      </c>
      <c r="M7443" s="57">
        <f>Bühler!M7469</f>
        <v>0</v>
      </c>
      <c r="N7443" s="55">
        <f>IF(Input!$K$13=1,J7443*Input!$J$13,0)+IF(Input!$K$14=1,K7443*Input!$J$14,0)+IF(Input!$K$15=1,L7443*Input!$J$15,0)+IF(Input!$K$16=1,M7443*Input!$J$16,0)</f>
        <v>1.0913048662367986</v>
      </c>
      <c r="O7443" s="58">
        <f>IF(Input!$K$13=2,J7443*Input!$J$13,0)+IF(Input!$K$14=2,K7443*Input!$J$14,0)+IF(Input!$K$15=2,L7443*Input!$J$15,0)+IF(Input!$K$16=2,M7443*Input!$J$16,0)</f>
        <v>8.233393184517529E-2</v>
      </c>
      <c r="P7443" s="58">
        <f>IF(Input!$K$13=3,J7443*Input!$J$13,0)+IF(Input!$K$14=3,K7443*Input!$J$14,0)+IF(Input!$K$15=3,L7443*Input!$J$15,0)+IF(Input!$K$16=3,M7443*Input!$J$16,0)</f>
        <v>0</v>
      </c>
      <c r="Q7443" s="71">
        <f>IF(Input!$K$13=4,J7443*Input!$J$13,0)+IF(Input!$K$14=4,K7443*Input!$J$14,0)+IF(Input!$K$15=4,L7443*Input!$J$15,0)+IF(Input!$K$16=4,M7443*Input!$J$16,0)</f>
        <v>0</v>
      </c>
    </row>
    <row r="7444" spans="8:17" x14ac:dyDescent="0.25">
      <c r="H7444" s="43">
        <v>7437</v>
      </c>
      <c r="I7444" s="55">
        <f>Bühler!I7470</f>
        <v>0.52975258713621265</v>
      </c>
      <c r="J7444" s="58">
        <f>Bühler!J7470</f>
        <v>9.0942072186399887</v>
      </c>
      <c r="K7444" s="58">
        <f>Bühler!K7470</f>
        <v>0.60988097663092811</v>
      </c>
      <c r="L7444" s="58">
        <f>Bühler!L7470</f>
        <v>0.30494048831546405</v>
      </c>
      <c r="M7444" s="57">
        <f>Bühler!M7470</f>
        <v>0</v>
      </c>
      <c r="N7444" s="55">
        <f>IF(Input!$K$13=1,J7444*Input!$J$13,0)+IF(Input!$K$14=1,K7444*Input!$J$14,0)+IF(Input!$K$15=1,L7444*Input!$J$15,0)+IF(Input!$K$16=1,M7444*Input!$J$16,0)</f>
        <v>1.0913048662367986</v>
      </c>
      <c r="O7444" s="58">
        <f>IF(Input!$K$13=2,J7444*Input!$J$13,0)+IF(Input!$K$14=2,K7444*Input!$J$14,0)+IF(Input!$K$15=2,L7444*Input!$J$15,0)+IF(Input!$K$16=2,M7444*Input!$J$16,0)</f>
        <v>8.233393184517529E-2</v>
      </c>
      <c r="P7444" s="58">
        <f>IF(Input!$K$13=3,J7444*Input!$J$13,0)+IF(Input!$K$14=3,K7444*Input!$J$14,0)+IF(Input!$K$15=3,L7444*Input!$J$15,0)+IF(Input!$K$16=3,M7444*Input!$J$16,0)</f>
        <v>0</v>
      </c>
      <c r="Q7444" s="71">
        <f>IF(Input!$K$13=4,J7444*Input!$J$13,0)+IF(Input!$K$14=4,K7444*Input!$J$14,0)+IF(Input!$K$15=4,L7444*Input!$J$15,0)+IF(Input!$K$16=4,M7444*Input!$J$16,0)</f>
        <v>0</v>
      </c>
    </row>
    <row r="7445" spans="8:17" x14ac:dyDescent="0.25">
      <c r="H7445" s="43">
        <v>7438</v>
      </c>
      <c r="I7445" s="55">
        <f>Bühler!I7471</f>
        <v>0.52975258713621265</v>
      </c>
      <c r="J7445" s="58">
        <f>Bühler!J7471</f>
        <v>9.0942072186399887</v>
      </c>
      <c r="K7445" s="58">
        <f>Bühler!K7471</f>
        <v>0.60988097663092811</v>
      </c>
      <c r="L7445" s="58">
        <f>Bühler!L7471</f>
        <v>0.30494048831546405</v>
      </c>
      <c r="M7445" s="57">
        <f>Bühler!M7471</f>
        <v>0</v>
      </c>
      <c r="N7445" s="55">
        <f>IF(Input!$K$13=1,J7445*Input!$J$13,0)+IF(Input!$K$14=1,K7445*Input!$J$14,0)+IF(Input!$K$15=1,L7445*Input!$J$15,0)+IF(Input!$K$16=1,M7445*Input!$J$16,0)</f>
        <v>1.0913048662367986</v>
      </c>
      <c r="O7445" s="58">
        <f>IF(Input!$K$13=2,J7445*Input!$J$13,0)+IF(Input!$K$14=2,K7445*Input!$J$14,0)+IF(Input!$K$15=2,L7445*Input!$J$15,0)+IF(Input!$K$16=2,M7445*Input!$J$16,0)</f>
        <v>8.233393184517529E-2</v>
      </c>
      <c r="P7445" s="58">
        <f>IF(Input!$K$13=3,J7445*Input!$J$13,0)+IF(Input!$K$14=3,K7445*Input!$J$14,0)+IF(Input!$K$15=3,L7445*Input!$J$15,0)+IF(Input!$K$16=3,M7445*Input!$J$16,0)</f>
        <v>0</v>
      </c>
      <c r="Q7445" s="71">
        <f>IF(Input!$K$13=4,J7445*Input!$J$13,0)+IF(Input!$K$14=4,K7445*Input!$J$14,0)+IF(Input!$K$15=4,L7445*Input!$J$15,0)+IF(Input!$K$16=4,M7445*Input!$J$16,0)</f>
        <v>0</v>
      </c>
    </row>
    <row r="7446" spans="8:17" x14ac:dyDescent="0.25">
      <c r="H7446" s="43">
        <v>7439</v>
      </c>
      <c r="I7446" s="55">
        <f>Bühler!I7472</f>
        <v>0.52975258713621265</v>
      </c>
      <c r="J7446" s="58">
        <f>Bühler!J7472</f>
        <v>9.0942072186399887</v>
      </c>
      <c r="K7446" s="58">
        <f>Bühler!K7472</f>
        <v>0.60988097663092811</v>
      </c>
      <c r="L7446" s="58">
        <f>Bühler!L7472</f>
        <v>0.30494048831546405</v>
      </c>
      <c r="M7446" s="57">
        <f>Bühler!M7472</f>
        <v>0</v>
      </c>
      <c r="N7446" s="55">
        <f>IF(Input!$K$13=1,J7446*Input!$J$13,0)+IF(Input!$K$14=1,K7446*Input!$J$14,0)+IF(Input!$K$15=1,L7446*Input!$J$15,0)+IF(Input!$K$16=1,M7446*Input!$J$16,0)</f>
        <v>1.0913048662367986</v>
      </c>
      <c r="O7446" s="58">
        <f>IF(Input!$K$13=2,J7446*Input!$J$13,0)+IF(Input!$K$14=2,K7446*Input!$J$14,0)+IF(Input!$K$15=2,L7446*Input!$J$15,0)+IF(Input!$K$16=2,M7446*Input!$J$16,0)</f>
        <v>8.233393184517529E-2</v>
      </c>
      <c r="P7446" s="58">
        <f>IF(Input!$K$13=3,J7446*Input!$J$13,0)+IF(Input!$K$14=3,K7446*Input!$J$14,0)+IF(Input!$K$15=3,L7446*Input!$J$15,0)+IF(Input!$K$16=3,M7446*Input!$J$16,0)</f>
        <v>0</v>
      </c>
      <c r="Q7446" s="71">
        <f>IF(Input!$K$13=4,J7446*Input!$J$13,0)+IF(Input!$K$14=4,K7446*Input!$J$14,0)+IF(Input!$K$15=4,L7446*Input!$J$15,0)+IF(Input!$K$16=4,M7446*Input!$J$16,0)</f>
        <v>0</v>
      </c>
    </row>
    <row r="7447" spans="8:17" x14ac:dyDescent="0.25">
      <c r="H7447" s="43">
        <v>7440</v>
      </c>
      <c r="I7447" s="55">
        <f>Bühler!I7473</f>
        <v>0.52975258713621265</v>
      </c>
      <c r="J7447" s="58">
        <f>Bühler!J7473</f>
        <v>9.0942072186399887</v>
      </c>
      <c r="K7447" s="58">
        <f>Bühler!K7473</f>
        <v>0.60988097663092811</v>
      </c>
      <c r="L7447" s="58">
        <f>Bühler!L7473</f>
        <v>0.30494048831546405</v>
      </c>
      <c r="M7447" s="57">
        <f>Bühler!M7473</f>
        <v>0</v>
      </c>
      <c r="N7447" s="55">
        <f>IF(Input!$K$13=1,J7447*Input!$J$13,0)+IF(Input!$K$14=1,K7447*Input!$J$14,0)+IF(Input!$K$15=1,L7447*Input!$J$15,0)+IF(Input!$K$16=1,M7447*Input!$J$16,0)</f>
        <v>1.0913048662367986</v>
      </c>
      <c r="O7447" s="58">
        <f>IF(Input!$K$13=2,J7447*Input!$J$13,0)+IF(Input!$K$14=2,K7447*Input!$J$14,0)+IF(Input!$K$15=2,L7447*Input!$J$15,0)+IF(Input!$K$16=2,M7447*Input!$J$16,0)</f>
        <v>8.233393184517529E-2</v>
      </c>
      <c r="P7447" s="58">
        <f>IF(Input!$K$13=3,J7447*Input!$J$13,0)+IF(Input!$K$14=3,K7447*Input!$J$14,0)+IF(Input!$K$15=3,L7447*Input!$J$15,0)+IF(Input!$K$16=3,M7447*Input!$J$16,0)</f>
        <v>0</v>
      </c>
      <c r="Q7447" s="71">
        <f>IF(Input!$K$13=4,J7447*Input!$J$13,0)+IF(Input!$K$14=4,K7447*Input!$J$14,0)+IF(Input!$K$15=4,L7447*Input!$J$15,0)+IF(Input!$K$16=4,M7447*Input!$J$16,0)</f>
        <v>0</v>
      </c>
    </row>
    <row r="7448" spans="8:17" x14ac:dyDescent="0.25">
      <c r="H7448" s="43">
        <v>7441</v>
      </c>
      <c r="I7448" s="55">
        <f>Bühler!I7474</f>
        <v>1.4499864642822875</v>
      </c>
      <c r="J7448" s="58">
        <f>Bühler!J7474</f>
        <v>7.8827204120327599</v>
      </c>
      <c r="K7448" s="58">
        <f>Bühler!K7474</f>
        <v>0.39880812515509928</v>
      </c>
      <c r="L7448" s="58">
        <f>Bühler!L7474</f>
        <v>0.19940406257754964</v>
      </c>
      <c r="M7448" s="57">
        <f>Bühler!M7474</f>
        <v>0</v>
      </c>
      <c r="N7448" s="55">
        <f>IF(Input!$K$13=1,J7448*Input!$J$13,0)+IF(Input!$K$14=1,K7448*Input!$J$14,0)+IF(Input!$K$15=1,L7448*Input!$J$15,0)+IF(Input!$K$16=1,M7448*Input!$J$16,0)</f>
        <v>0.94592644944393112</v>
      </c>
      <c r="O7448" s="58">
        <f>IF(Input!$K$13=2,J7448*Input!$J$13,0)+IF(Input!$K$14=2,K7448*Input!$J$14,0)+IF(Input!$K$15=2,L7448*Input!$J$15,0)+IF(Input!$K$16=2,M7448*Input!$J$16,0)</f>
        <v>5.3839096895938403E-2</v>
      </c>
      <c r="P7448" s="58">
        <f>IF(Input!$K$13=3,J7448*Input!$J$13,0)+IF(Input!$K$14=3,K7448*Input!$J$14,0)+IF(Input!$K$15=3,L7448*Input!$J$15,0)+IF(Input!$K$16=3,M7448*Input!$J$16,0)</f>
        <v>0</v>
      </c>
      <c r="Q7448" s="71">
        <f>IF(Input!$K$13=4,J7448*Input!$J$13,0)+IF(Input!$K$14=4,K7448*Input!$J$14,0)+IF(Input!$K$15=4,L7448*Input!$J$15,0)+IF(Input!$K$16=4,M7448*Input!$J$16,0)</f>
        <v>0</v>
      </c>
    </row>
    <row r="7449" spans="8:17" x14ac:dyDescent="0.25">
      <c r="H7449" s="43">
        <v>7442</v>
      </c>
      <c r="I7449" s="55">
        <f>Bühler!I7475</f>
        <v>1.4499864642822875</v>
      </c>
      <c r="J7449" s="58">
        <f>Bühler!J7475</f>
        <v>11.188954658048464</v>
      </c>
      <c r="K7449" s="58">
        <f>Bühler!K7475</f>
        <v>0.60770761928396078</v>
      </c>
      <c r="L7449" s="58">
        <f>Bühler!L7475</f>
        <v>0.30385380964198039</v>
      </c>
      <c r="M7449" s="57">
        <f>Bühler!M7475</f>
        <v>0</v>
      </c>
      <c r="N7449" s="55">
        <f>IF(Input!$K$13=1,J7449*Input!$J$13,0)+IF(Input!$K$14=1,K7449*Input!$J$14,0)+IF(Input!$K$15=1,L7449*Input!$J$15,0)+IF(Input!$K$16=1,M7449*Input!$J$16,0)</f>
        <v>1.3426745589658158</v>
      </c>
      <c r="O7449" s="58">
        <f>IF(Input!$K$13=2,J7449*Input!$J$13,0)+IF(Input!$K$14=2,K7449*Input!$J$14,0)+IF(Input!$K$15=2,L7449*Input!$J$15,0)+IF(Input!$K$16=2,M7449*Input!$J$16,0)</f>
        <v>8.2040528603334703E-2</v>
      </c>
      <c r="P7449" s="58">
        <f>IF(Input!$K$13=3,J7449*Input!$J$13,0)+IF(Input!$K$14=3,K7449*Input!$J$14,0)+IF(Input!$K$15=3,L7449*Input!$J$15,0)+IF(Input!$K$16=3,M7449*Input!$J$16,0)</f>
        <v>0</v>
      </c>
      <c r="Q7449" s="71">
        <f>IF(Input!$K$13=4,J7449*Input!$J$13,0)+IF(Input!$K$14=4,K7449*Input!$J$14,0)+IF(Input!$K$15=4,L7449*Input!$J$15,0)+IF(Input!$K$16=4,M7449*Input!$J$16,0)</f>
        <v>0</v>
      </c>
    </row>
    <row r="7450" spans="8:17" x14ac:dyDescent="0.25">
      <c r="H7450" s="43">
        <v>7443</v>
      </c>
      <c r="I7450" s="55">
        <f>Bühler!I7476</f>
        <v>1.4499864642822875</v>
      </c>
      <c r="J7450" s="58">
        <f>Bühler!J7476</f>
        <v>11.188954658048464</v>
      </c>
      <c r="K7450" s="58">
        <f>Bühler!K7476</f>
        <v>0.60770761928396078</v>
      </c>
      <c r="L7450" s="58">
        <f>Bühler!L7476</f>
        <v>0.30385380964198039</v>
      </c>
      <c r="M7450" s="57">
        <f>Bühler!M7476</f>
        <v>0</v>
      </c>
      <c r="N7450" s="55">
        <f>IF(Input!$K$13=1,J7450*Input!$J$13,0)+IF(Input!$K$14=1,K7450*Input!$J$14,0)+IF(Input!$K$15=1,L7450*Input!$J$15,0)+IF(Input!$K$16=1,M7450*Input!$J$16,0)</f>
        <v>1.3426745589658158</v>
      </c>
      <c r="O7450" s="58">
        <f>IF(Input!$K$13=2,J7450*Input!$J$13,0)+IF(Input!$K$14=2,K7450*Input!$J$14,0)+IF(Input!$K$15=2,L7450*Input!$J$15,0)+IF(Input!$K$16=2,M7450*Input!$J$16,0)</f>
        <v>8.2040528603334703E-2</v>
      </c>
      <c r="P7450" s="58">
        <f>IF(Input!$K$13=3,J7450*Input!$J$13,0)+IF(Input!$K$14=3,K7450*Input!$J$14,0)+IF(Input!$K$15=3,L7450*Input!$J$15,0)+IF(Input!$K$16=3,M7450*Input!$J$16,0)</f>
        <v>0</v>
      </c>
      <c r="Q7450" s="71">
        <f>IF(Input!$K$13=4,J7450*Input!$J$13,0)+IF(Input!$K$14=4,K7450*Input!$J$14,0)+IF(Input!$K$15=4,L7450*Input!$J$15,0)+IF(Input!$K$16=4,M7450*Input!$J$16,0)</f>
        <v>0</v>
      </c>
    </row>
    <row r="7451" spans="8:17" x14ac:dyDescent="0.25">
      <c r="H7451" s="43">
        <v>7444</v>
      </c>
      <c r="I7451" s="55">
        <f>Bühler!I7477</f>
        <v>1.4499864642822875</v>
      </c>
      <c r="J7451" s="58">
        <f>Bühler!J7477</f>
        <v>11.188954658048464</v>
      </c>
      <c r="K7451" s="58">
        <f>Bühler!K7477</f>
        <v>0.60770761928396078</v>
      </c>
      <c r="L7451" s="58">
        <f>Bühler!L7477</f>
        <v>0.30385380964198039</v>
      </c>
      <c r="M7451" s="57">
        <f>Bühler!M7477</f>
        <v>0</v>
      </c>
      <c r="N7451" s="55">
        <f>IF(Input!$K$13=1,J7451*Input!$J$13,0)+IF(Input!$K$14=1,K7451*Input!$J$14,0)+IF(Input!$K$15=1,L7451*Input!$J$15,0)+IF(Input!$K$16=1,M7451*Input!$J$16,0)</f>
        <v>1.3426745589658158</v>
      </c>
      <c r="O7451" s="58">
        <f>IF(Input!$K$13=2,J7451*Input!$J$13,0)+IF(Input!$K$14=2,K7451*Input!$J$14,0)+IF(Input!$K$15=2,L7451*Input!$J$15,0)+IF(Input!$K$16=2,M7451*Input!$J$16,0)</f>
        <v>8.2040528603334703E-2</v>
      </c>
      <c r="P7451" s="58">
        <f>IF(Input!$K$13=3,J7451*Input!$J$13,0)+IF(Input!$K$14=3,K7451*Input!$J$14,0)+IF(Input!$K$15=3,L7451*Input!$J$15,0)+IF(Input!$K$16=3,M7451*Input!$J$16,0)</f>
        <v>0</v>
      </c>
      <c r="Q7451" s="71">
        <f>IF(Input!$K$13=4,J7451*Input!$J$13,0)+IF(Input!$K$14=4,K7451*Input!$J$14,0)+IF(Input!$K$15=4,L7451*Input!$J$15,0)+IF(Input!$K$16=4,M7451*Input!$J$16,0)</f>
        <v>0</v>
      </c>
    </row>
    <row r="7452" spans="8:17" x14ac:dyDescent="0.25">
      <c r="H7452" s="43">
        <v>7445</v>
      </c>
      <c r="I7452" s="55">
        <f>Bühler!I7478</f>
        <v>1.4499864642822875</v>
      </c>
      <c r="J7452" s="58">
        <f>Bühler!J7478</f>
        <v>11.188954658048464</v>
      </c>
      <c r="K7452" s="58">
        <f>Bühler!K7478</f>
        <v>0.60770761928396078</v>
      </c>
      <c r="L7452" s="58">
        <f>Bühler!L7478</f>
        <v>0.30385380964198039</v>
      </c>
      <c r="M7452" s="57">
        <f>Bühler!M7478</f>
        <v>0</v>
      </c>
      <c r="N7452" s="55">
        <f>IF(Input!$K$13=1,J7452*Input!$J$13,0)+IF(Input!$K$14=1,K7452*Input!$J$14,0)+IF(Input!$K$15=1,L7452*Input!$J$15,0)+IF(Input!$K$16=1,M7452*Input!$J$16,0)</f>
        <v>1.3426745589658158</v>
      </c>
      <c r="O7452" s="58">
        <f>IF(Input!$K$13=2,J7452*Input!$J$13,0)+IF(Input!$K$14=2,K7452*Input!$J$14,0)+IF(Input!$K$15=2,L7452*Input!$J$15,0)+IF(Input!$K$16=2,M7452*Input!$J$16,0)</f>
        <v>8.2040528603334703E-2</v>
      </c>
      <c r="P7452" s="58">
        <f>IF(Input!$K$13=3,J7452*Input!$J$13,0)+IF(Input!$K$14=3,K7452*Input!$J$14,0)+IF(Input!$K$15=3,L7452*Input!$J$15,0)+IF(Input!$K$16=3,M7452*Input!$J$16,0)</f>
        <v>0</v>
      </c>
      <c r="Q7452" s="71">
        <f>IF(Input!$K$13=4,J7452*Input!$J$13,0)+IF(Input!$K$14=4,K7452*Input!$J$14,0)+IF(Input!$K$15=4,L7452*Input!$J$15,0)+IF(Input!$K$16=4,M7452*Input!$J$16,0)</f>
        <v>0</v>
      </c>
    </row>
    <row r="7453" spans="8:17" x14ac:dyDescent="0.25">
      <c r="H7453" s="43">
        <v>7446</v>
      </c>
      <c r="I7453" s="55">
        <f>Bühler!I7479</f>
        <v>1.4499864642822875</v>
      </c>
      <c r="J7453" s="58">
        <f>Bühler!J7479</f>
        <v>11.188954658048464</v>
      </c>
      <c r="K7453" s="58">
        <f>Bühler!K7479</f>
        <v>0.60770761928396078</v>
      </c>
      <c r="L7453" s="58">
        <f>Bühler!L7479</f>
        <v>0.30385380964198039</v>
      </c>
      <c r="M7453" s="57">
        <f>Bühler!M7479</f>
        <v>0</v>
      </c>
      <c r="N7453" s="55">
        <f>IF(Input!$K$13=1,J7453*Input!$J$13,0)+IF(Input!$K$14=1,K7453*Input!$J$14,0)+IF(Input!$K$15=1,L7453*Input!$J$15,0)+IF(Input!$K$16=1,M7453*Input!$J$16,0)</f>
        <v>1.3426745589658158</v>
      </c>
      <c r="O7453" s="58">
        <f>IF(Input!$K$13=2,J7453*Input!$J$13,0)+IF(Input!$K$14=2,K7453*Input!$J$14,0)+IF(Input!$K$15=2,L7453*Input!$J$15,0)+IF(Input!$K$16=2,M7453*Input!$J$16,0)</f>
        <v>8.2040528603334703E-2</v>
      </c>
      <c r="P7453" s="58">
        <f>IF(Input!$K$13=3,J7453*Input!$J$13,0)+IF(Input!$K$14=3,K7453*Input!$J$14,0)+IF(Input!$K$15=3,L7453*Input!$J$15,0)+IF(Input!$K$16=3,M7453*Input!$J$16,0)</f>
        <v>0</v>
      </c>
      <c r="Q7453" s="71">
        <f>IF(Input!$K$13=4,J7453*Input!$J$13,0)+IF(Input!$K$14=4,K7453*Input!$J$14,0)+IF(Input!$K$15=4,L7453*Input!$J$15,0)+IF(Input!$K$16=4,M7453*Input!$J$16,0)</f>
        <v>0</v>
      </c>
    </row>
    <row r="7454" spans="8:17" x14ac:dyDescent="0.25">
      <c r="H7454" s="43">
        <v>7447</v>
      </c>
      <c r="I7454" s="55">
        <f>Bühler!I7480</f>
        <v>1.4499864642822875</v>
      </c>
      <c r="J7454" s="58">
        <f>Bühler!J7480</f>
        <v>11.188954658048464</v>
      </c>
      <c r="K7454" s="58">
        <f>Bühler!K7480</f>
        <v>0.60770761928396078</v>
      </c>
      <c r="L7454" s="58">
        <f>Bühler!L7480</f>
        <v>0.30385380964198039</v>
      </c>
      <c r="M7454" s="57">
        <f>Bühler!M7480</f>
        <v>0</v>
      </c>
      <c r="N7454" s="55">
        <f>IF(Input!$K$13=1,J7454*Input!$J$13,0)+IF(Input!$K$14=1,K7454*Input!$J$14,0)+IF(Input!$K$15=1,L7454*Input!$J$15,0)+IF(Input!$K$16=1,M7454*Input!$J$16,0)</f>
        <v>1.3426745589658158</v>
      </c>
      <c r="O7454" s="58">
        <f>IF(Input!$K$13=2,J7454*Input!$J$13,0)+IF(Input!$K$14=2,K7454*Input!$J$14,0)+IF(Input!$K$15=2,L7454*Input!$J$15,0)+IF(Input!$K$16=2,M7454*Input!$J$16,0)</f>
        <v>8.2040528603334703E-2</v>
      </c>
      <c r="P7454" s="58">
        <f>IF(Input!$K$13=3,J7454*Input!$J$13,0)+IF(Input!$K$14=3,K7454*Input!$J$14,0)+IF(Input!$K$15=3,L7454*Input!$J$15,0)+IF(Input!$K$16=3,M7454*Input!$J$16,0)</f>
        <v>0</v>
      </c>
      <c r="Q7454" s="71">
        <f>IF(Input!$K$13=4,J7454*Input!$J$13,0)+IF(Input!$K$14=4,K7454*Input!$J$14,0)+IF(Input!$K$15=4,L7454*Input!$J$15,0)+IF(Input!$K$16=4,M7454*Input!$J$16,0)</f>
        <v>0</v>
      </c>
    </row>
    <row r="7455" spans="8:17" x14ac:dyDescent="0.25">
      <c r="H7455" s="43">
        <v>7448</v>
      </c>
      <c r="I7455" s="55">
        <f>Bühler!I7481</f>
        <v>4.1768964922712337</v>
      </c>
      <c r="J7455" s="58">
        <f>Bühler!J7481</f>
        <v>45.071425726098532</v>
      </c>
      <c r="K7455" s="58">
        <f>Bühler!K7481</f>
        <v>2.5618674325439472</v>
      </c>
      <c r="L7455" s="58">
        <f>Bühler!L7481</f>
        <v>1.2809337162719736</v>
      </c>
      <c r="M7455" s="57">
        <f>Bühler!M7481</f>
        <v>0</v>
      </c>
      <c r="N7455" s="55">
        <f>IF(Input!$K$13=1,J7455*Input!$J$13,0)+IF(Input!$K$14=1,K7455*Input!$J$14,0)+IF(Input!$K$15=1,L7455*Input!$J$15,0)+IF(Input!$K$16=1,M7455*Input!$J$16,0)</f>
        <v>5.4085710871318238</v>
      </c>
      <c r="O7455" s="58">
        <f>IF(Input!$K$13=2,J7455*Input!$J$13,0)+IF(Input!$K$14=2,K7455*Input!$J$14,0)+IF(Input!$K$15=2,L7455*Input!$J$15,0)+IF(Input!$K$16=2,M7455*Input!$J$16,0)</f>
        <v>0.34585210339343286</v>
      </c>
      <c r="P7455" s="58">
        <f>IF(Input!$K$13=3,J7455*Input!$J$13,0)+IF(Input!$K$14=3,K7455*Input!$J$14,0)+IF(Input!$K$15=3,L7455*Input!$J$15,0)+IF(Input!$K$16=3,M7455*Input!$J$16,0)</f>
        <v>0</v>
      </c>
      <c r="Q7455" s="71">
        <f>IF(Input!$K$13=4,J7455*Input!$J$13,0)+IF(Input!$K$14=4,K7455*Input!$J$14,0)+IF(Input!$K$15=4,L7455*Input!$J$15,0)+IF(Input!$K$16=4,M7455*Input!$J$16,0)</f>
        <v>0</v>
      </c>
    </row>
    <row r="7456" spans="8:17" x14ac:dyDescent="0.25">
      <c r="H7456" s="43">
        <v>7449</v>
      </c>
      <c r="I7456" s="55">
        <f>Bühler!I7482</f>
        <v>4.6605371387447452</v>
      </c>
      <c r="J7456" s="58">
        <f>Bühler!J7482</f>
        <v>50.290222389120473</v>
      </c>
      <c r="K7456" s="58">
        <f>Bühler!K7482</f>
        <v>2.8585047142069309</v>
      </c>
      <c r="L7456" s="58">
        <f>Bühler!L7482</f>
        <v>1.4292523571034654</v>
      </c>
      <c r="M7456" s="57">
        <f>Bühler!M7482</f>
        <v>0</v>
      </c>
      <c r="N7456" s="55">
        <f>IF(Input!$K$13=1,J7456*Input!$J$13,0)+IF(Input!$K$14=1,K7456*Input!$J$14,0)+IF(Input!$K$15=1,L7456*Input!$J$15,0)+IF(Input!$K$16=1,M7456*Input!$J$16,0)</f>
        <v>6.0348266866944567</v>
      </c>
      <c r="O7456" s="58">
        <f>IF(Input!$K$13=2,J7456*Input!$J$13,0)+IF(Input!$K$14=2,K7456*Input!$J$14,0)+IF(Input!$K$15=2,L7456*Input!$J$15,0)+IF(Input!$K$16=2,M7456*Input!$J$16,0)</f>
        <v>0.38589813641793569</v>
      </c>
      <c r="P7456" s="58">
        <f>IF(Input!$K$13=3,J7456*Input!$J$13,0)+IF(Input!$K$14=3,K7456*Input!$J$14,0)+IF(Input!$K$15=3,L7456*Input!$J$15,0)+IF(Input!$K$16=3,M7456*Input!$J$16,0)</f>
        <v>0</v>
      </c>
      <c r="Q7456" s="71">
        <f>IF(Input!$K$13=4,J7456*Input!$J$13,0)+IF(Input!$K$14=4,K7456*Input!$J$14,0)+IF(Input!$K$15=4,L7456*Input!$J$15,0)+IF(Input!$K$16=4,M7456*Input!$J$16,0)</f>
        <v>0</v>
      </c>
    </row>
    <row r="7457" spans="8:17" x14ac:dyDescent="0.25">
      <c r="H7457" s="43">
        <v>7450</v>
      </c>
      <c r="I7457" s="55">
        <f>Bühler!I7483</f>
        <v>5.1441777852182575</v>
      </c>
      <c r="J7457" s="58">
        <f>Bühler!J7483</f>
        <v>55.509019052142406</v>
      </c>
      <c r="K7457" s="58">
        <f>Bühler!K7483</f>
        <v>3.1551419958699141</v>
      </c>
      <c r="L7457" s="58">
        <f>Bühler!L7483</f>
        <v>1.577570997934957</v>
      </c>
      <c r="M7457" s="57">
        <f>Bühler!M7483</f>
        <v>0</v>
      </c>
      <c r="N7457" s="55">
        <f>IF(Input!$K$13=1,J7457*Input!$J$13,0)+IF(Input!$K$14=1,K7457*Input!$J$14,0)+IF(Input!$K$15=1,L7457*Input!$J$15,0)+IF(Input!$K$16=1,M7457*Input!$J$16,0)</f>
        <v>6.6610822862570886</v>
      </c>
      <c r="O7457" s="58">
        <f>IF(Input!$K$13=2,J7457*Input!$J$13,0)+IF(Input!$K$14=2,K7457*Input!$J$14,0)+IF(Input!$K$15=2,L7457*Input!$J$15,0)+IF(Input!$K$16=2,M7457*Input!$J$16,0)</f>
        <v>0.4259441694424384</v>
      </c>
      <c r="P7457" s="58">
        <f>IF(Input!$K$13=3,J7457*Input!$J$13,0)+IF(Input!$K$14=3,K7457*Input!$J$14,0)+IF(Input!$K$15=3,L7457*Input!$J$15,0)+IF(Input!$K$16=3,M7457*Input!$J$16,0)</f>
        <v>0</v>
      </c>
      <c r="Q7457" s="71">
        <f>IF(Input!$K$13=4,J7457*Input!$J$13,0)+IF(Input!$K$14=4,K7457*Input!$J$14,0)+IF(Input!$K$15=4,L7457*Input!$J$15,0)+IF(Input!$K$16=4,M7457*Input!$J$16,0)</f>
        <v>0</v>
      </c>
    </row>
    <row r="7458" spans="8:17" x14ac:dyDescent="0.25">
      <c r="H7458" s="43">
        <v>7451</v>
      </c>
      <c r="I7458" s="55">
        <f>Bühler!I7484</f>
        <v>5.1441777852182575</v>
      </c>
      <c r="J7458" s="58">
        <f>Bühler!J7484</f>
        <v>55.509019052142406</v>
      </c>
      <c r="K7458" s="58">
        <f>Bühler!K7484</f>
        <v>3.1551419958699141</v>
      </c>
      <c r="L7458" s="58">
        <f>Bühler!L7484</f>
        <v>1.577570997934957</v>
      </c>
      <c r="M7458" s="57">
        <f>Bühler!M7484</f>
        <v>0</v>
      </c>
      <c r="N7458" s="55">
        <f>IF(Input!$K$13=1,J7458*Input!$J$13,0)+IF(Input!$K$14=1,K7458*Input!$J$14,0)+IF(Input!$K$15=1,L7458*Input!$J$15,0)+IF(Input!$K$16=1,M7458*Input!$J$16,0)</f>
        <v>6.6610822862570886</v>
      </c>
      <c r="O7458" s="58">
        <f>IF(Input!$K$13=2,J7458*Input!$J$13,0)+IF(Input!$K$14=2,K7458*Input!$J$14,0)+IF(Input!$K$15=2,L7458*Input!$J$15,0)+IF(Input!$K$16=2,M7458*Input!$J$16,0)</f>
        <v>0.4259441694424384</v>
      </c>
      <c r="P7458" s="58">
        <f>IF(Input!$K$13=3,J7458*Input!$J$13,0)+IF(Input!$K$14=3,K7458*Input!$J$14,0)+IF(Input!$K$15=3,L7458*Input!$J$15,0)+IF(Input!$K$16=3,M7458*Input!$J$16,0)</f>
        <v>0</v>
      </c>
      <c r="Q7458" s="71">
        <f>IF(Input!$K$13=4,J7458*Input!$J$13,0)+IF(Input!$K$14=4,K7458*Input!$J$14,0)+IF(Input!$K$15=4,L7458*Input!$J$15,0)+IF(Input!$K$16=4,M7458*Input!$J$16,0)</f>
        <v>0</v>
      </c>
    </row>
    <row r="7459" spans="8:17" x14ac:dyDescent="0.25">
      <c r="H7459" s="43">
        <v>7452</v>
      </c>
      <c r="I7459" s="55">
        <f>Bühler!I7485</f>
        <v>6.155426409662871</v>
      </c>
      <c r="J7459" s="58">
        <f>Bühler!J7485</f>
        <v>66.421048438460986</v>
      </c>
      <c r="K7459" s="58">
        <f>Bühler!K7485</f>
        <v>3.7753835848016064</v>
      </c>
      <c r="L7459" s="58">
        <f>Bühler!L7485</f>
        <v>1.8876917924008032</v>
      </c>
      <c r="M7459" s="57">
        <f>Bühler!M7485</f>
        <v>0</v>
      </c>
      <c r="N7459" s="55">
        <f>IF(Input!$K$13=1,J7459*Input!$J$13,0)+IF(Input!$K$14=1,K7459*Input!$J$14,0)+IF(Input!$K$15=1,L7459*Input!$J$15,0)+IF(Input!$K$16=1,M7459*Input!$J$16,0)</f>
        <v>7.9705258126153176</v>
      </c>
      <c r="O7459" s="58">
        <f>IF(Input!$K$13=2,J7459*Input!$J$13,0)+IF(Input!$K$14=2,K7459*Input!$J$14,0)+IF(Input!$K$15=2,L7459*Input!$J$15,0)+IF(Input!$K$16=2,M7459*Input!$J$16,0)</f>
        <v>0.5096767839482168</v>
      </c>
      <c r="P7459" s="58">
        <f>IF(Input!$K$13=3,J7459*Input!$J$13,0)+IF(Input!$K$14=3,K7459*Input!$J$14,0)+IF(Input!$K$15=3,L7459*Input!$J$15,0)+IF(Input!$K$16=3,M7459*Input!$J$16,0)</f>
        <v>0</v>
      </c>
      <c r="Q7459" s="71">
        <f>IF(Input!$K$13=4,J7459*Input!$J$13,0)+IF(Input!$K$14=4,K7459*Input!$J$14,0)+IF(Input!$K$15=4,L7459*Input!$J$15,0)+IF(Input!$K$16=4,M7459*Input!$J$16,0)</f>
        <v>0</v>
      </c>
    </row>
    <row r="7460" spans="8:17" x14ac:dyDescent="0.25">
      <c r="H7460" s="43">
        <v>7453</v>
      </c>
      <c r="I7460" s="55">
        <f>Bühler!I7486</f>
        <v>6.155426409662871</v>
      </c>
      <c r="J7460" s="58">
        <f>Bühler!J7486</f>
        <v>66.421048438460986</v>
      </c>
      <c r="K7460" s="58">
        <f>Bühler!K7486</f>
        <v>3.7753835848016064</v>
      </c>
      <c r="L7460" s="58">
        <f>Bühler!L7486</f>
        <v>1.8876917924008032</v>
      </c>
      <c r="M7460" s="57">
        <f>Bühler!M7486</f>
        <v>0</v>
      </c>
      <c r="N7460" s="55">
        <f>IF(Input!$K$13=1,J7460*Input!$J$13,0)+IF(Input!$K$14=1,K7460*Input!$J$14,0)+IF(Input!$K$15=1,L7460*Input!$J$15,0)+IF(Input!$K$16=1,M7460*Input!$J$16,0)</f>
        <v>7.9705258126153176</v>
      </c>
      <c r="O7460" s="58">
        <f>IF(Input!$K$13=2,J7460*Input!$J$13,0)+IF(Input!$K$14=2,K7460*Input!$J$14,0)+IF(Input!$K$15=2,L7460*Input!$J$15,0)+IF(Input!$K$16=2,M7460*Input!$J$16,0)</f>
        <v>0.5096767839482168</v>
      </c>
      <c r="P7460" s="58">
        <f>IF(Input!$K$13=3,J7460*Input!$J$13,0)+IF(Input!$K$14=3,K7460*Input!$J$14,0)+IF(Input!$K$15=3,L7460*Input!$J$15,0)+IF(Input!$K$16=3,M7460*Input!$J$16,0)</f>
        <v>0</v>
      </c>
      <c r="Q7460" s="71">
        <f>IF(Input!$K$13=4,J7460*Input!$J$13,0)+IF(Input!$K$14=4,K7460*Input!$J$14,0)+IF(Input!$K$15=4,L7460*Input!$J$15,0)+IF(Input!$K$16=4,M7460*Input!$J$16,0)</f>
        <v>0</v>
      </c>
    </row>
    <row r="7461" spans="8:17" x14ac:dyDescent="0.25">
      <c r="H7461" s="43">
        <v>7454</v>
      </c>
      <c r="I7461" s="55">
        <f>Bühler!I7487</f>
        <v>4.0889618292760499</v>
      </c>
      <c r="J7461" s="58">
        <f>Bühler!J7487</f>
        <v>44.122553605549086</v>
      </c>
      <c r="K7461" s="58">
        <f>Bühler!K7487</f>
        <v>2.5079333813324958</v>
      </c>
      <c r="L7461" s="58">
        <f>Bühler!L7487</f>
        <v>1.2539666906662479</v>
      </c>
      <c r="M7461" s="57">
        <f>Bühler!M7487</f>
        <v>0</v>
      </c>
      <c r="N7461" s="55">
        <f>IF(Input!$K$13=1,J7461*Input!$J$13,0)+IF(Input!$K$14=1,K7461*Input!$J$14,0)+IF(Input!$K$15=1,L7461*Input!$J$15,0)+IF(Input!$K$16=1,M7461*Input!$J$16,0)</f>
        <v>5.2947064326658904</v>
      </c>
      <c r="O7461" s="58">
        <f>IF(Input!$K$13=2,J7461*Input!$J$13,0)+IF(Input!$K$14=2,K7461*Input!$J$14,0)+IF(Input!$K$15=2,L7461*Input!$J$15,0)+IF(Input!$K$16=2,M7461*Input!$J$16,0)</f>
        <v>0.33857100647988692</v>
      </c>
      <c r="P7461" s="58">
        <f>IF(Input!$K$13=3,J7461*Input!$J$13,0)+IF(Input!$K$14=3,K7461*Input!$J$14,0)+IF(Input!$K$15=3,L7461*Input!$J$15,0)+IF(Input!$K$16=3,M7461*Input!$J$16,0)</f>
        <v>0</v>
      </c>
      <c r="Q7461" s="71">
        <f>IF(Input!$K$13=4,J7461*Input!$J$13,0)+IF(Input!$K$14=4,K7461*Input!$J$14,0)+IF(Input!$K$15=4,L7461*Input!$J$15,0)+IF(Input!$K$16=4,M7461*Input!$J$16,0)</f>
        <v>0</v>
      </c>
    </row>
    <row r="7462" spans="8:17" x14ac:dyDescent="0.25">
      <c r="H7462" s="43">
        <v>7455</v>
      </c>
      <c r="I7462" s="55">
        <f>Bühler!I7488</f>
        <v>6.155426409662871</v>
      </c>
      <c r="J7462" s="58">
        <f>Bühler!J7488</f>
        <v>66.421048438460986</v>
      </c>
      <c r="K7462" s="58">
        <f>Bühler!K7488</f>
        <v>3.7753835848016064</v>
      </c>
      <c r="L7462" s="58">
        <f>Bühler!L7488</f>
        <v>1.8876917924008032</v>
      </c>
      <c r="M7462" s="57">
        <f>Bühler!M7488</f>
        <v>0</v>
      </c>
      <c r="N7462" s="55">
        <f>IF(Input!$K$13=1,J7462*Input!$J$13,0)+IF(Input!$K$14=1,K7462*Input!$J$14,0)+IF(Input!$K$15=1,L7462*Input!$J$15,0)+IF(Input!$K$16=1,M7462*Input!$J$16,0)</f>
        <v>7.9705258126153176</v>
      </c>
      <c r="O7462" s="58">
        <f>IF(Input!$K$13=2,J7462*Input!$J$13,0)+IF(Input!$K$14=2,K7462*Input!$J$14,0)+IF(Input!$K$15=2,L7462*Input!$J$15,0)+IF(Input!$K$16=2,M7462*Input!$J$16,0)</f>
        <v>0.5096767839482168</v>
      </c>
      <c r="P7462" s="58">
        <f>IF(Input!$K$13=3,J7462*Input!$J$13,0)+IF(Input!$K$14=3,K7462*Input!$J$14,0)+IF(Input!$K$15=3,L7462*Input!$J$15,0)+IF(Input!$K$16=3,M7462*Input!$J$16,0)</f>
        <v>0</v>
      </c>
      <c r="Q7462" s="71">
        <f>IF(Input!$K$13=4,J7462*Input!$J$13,0)+IF(Input!$K$14=4,K7462*Input!$J$14,0)+IF(Input!$K$15=4,L7462*Input!$J$15,0)+IF(Input!$K$16=4,M7462*Input!$J$16,0)</f>
        <v>0</v>
      </c>
    </row>
    <row r="7463" spans="8:17" x14ac:dyDescent="0.25">
      <c r="H7463" s="43">
        <v>7456</v>
      </c>
      <c r="I7463" s="55">
        <f>Bühler!I7489</f>
        <v>6.155426409662871</v>
      </c>
      <c r="J7463" s="58">
        <f>Bühler!J7489</f>
        <v>66.421048438460986</v>
      </c>
      <c r="K7463" s="58">
        <f>Bühler!K7489</f>
        <v>3.7753835848016064</v>
      </c>
      <c r="L7463" s="58">
        <f>Bühler!L7489</f>
        <v>1.8876917924008032</v>
      </c>
      <c r="M7463" s="57">
        <f>Bühler!M7489</f>
        <v>0</v>
      </c>
      <c r="N7463" s="55">
        <f>IF(Input!$K$13=1,J7463*Input!$J$13,0)+IF(Input!$K$14=1,K7463*Input!$J$14,0)+IF(Input!$K$15=1,L7463*Input!$J$15,0)+IF(Input!$K$16=1,M7463*Input!$J$16,0)</f>
        <v>7.9705258126153176</v>
      </c>
      <c r="O7463" s="58">
        <f>IF(Input!$K$13=2,J7463*Input!$J$13,0)+IF(Input!$K$14=2,K7463*Input!$J$14,0)+IF(Input!$K$15=2,L7463*Input!$J$15,0)+IF(Input!$K$16=2,M7463*Input!$J$16,0)</f>
        <v>0.5096767839482168</v>
      </c>
      <c r="P7463" s="58">
        <f>IF(Input!$K$13=3,J7463*Input!$J$13,0)+IF(Input!$K$14=3,K7463*Input!$J$14,0)+IF(Input!$K$15=3,L7463*Input!$J$15,0)+IF(Input!$K$16=3,M7463*Input!$J$16,0)</f>
        <v>0</v>
      </c>
      <c r="Q7463" s="71">
        <f>IF(Input!$K$13=4,J7463*Input!$J$13,0)+IF(Input!$K$14=4,K7463*Input!$J$14,0)+IF(Input!$K$15=4,L7463*Input!$J$15,0)+IF(Input!$K$16=4,M7463*Input!$J$16,0)</f>
        <v>0</v>
      </c>
    </row>
    <row r="7464" spans="8:17" x14ac:dyDescent="0.25">
      <c r="H7464" s="43">
        <v>7457</v>
      </c>
      <c r="I7464" s="55">
        <f>Bühler!I7490</f>
        <v>5.1451132603565037</v>
      </c>
      <c r="J7464" s="58">
        <f>Bühler!J7490</f>
        <v>40.785267418786781</v>
      </c>
      <c r="K7464" s="58">
        <f>Bühler!K7490</f>
        <v>2.2247796124723753</v>
      </c>
      <c r="L7464" s="58">
        <f>Bühler!L7490</f>
        <v>1.1123898062361877</v>
      </c>
      <c r="M7464" s="57">
        <f>Bühler!M7490</f>
        <v>0</v>
      </c>
      <c r="N7464" s="55">
        <f>IF(Input!$K$13=1,J7464*Input!$J$13,0)+IF(Input!$K$14=1,K7464*Input!$J$14,0)+IF(Input!$K$15=1,L7464*Input!$J$15,0)+IF(Input!$K$16=1,M7464*Input!$J$16,0)</f>
        <v>4.8942320902544134</v>
      </c>
      <c r="O7464" s="58">
        <f>IF(Input!$K$13=2,J7464*Input!$J$13,0)+IF(Input!$K$14=2,K7464*Input!$J$14,0)+IF(Input!$K$15=2,L7464*Input!$J$15,0)+IF(Input!$K$16=2,M7464*Input!$J$16,0)</f>
        <v>0.30034524768377069</v>
      </c>
      <c r="P7464" s="58">
        <f>IF(Input!$K$13=3,J7464*Input!$J$13,0)+IF(Input!$K$14=3,K7464*Input!$J$14,0)+IF(Input!$K$15=3,L7464*Input!$J$15,0)+IF(Input!$K$16=3,M7464*Input!$J$16,0)</f>
        <v>0</v>
      </c>
      <c r="Q7464" s="71">
        <f>IF(Input!$K$13=4,J7464*Input!$J$13,0)+IF(Input!$K$14=4,K7464*Input!$J$14,0)+IF(Input!$K$15=4,L7464*Input!$J$15,0)+IF(Input!$K$16=4,M7464*Input!$J$16,0)</f>
        <v>0</v>
      </c>
    </row>
    <row r="7465" spans="8:17" x14ac:dyDescent="0.25">
      <c r="H7465" s="43">
        <v>7458</v>
      </c>
      <c r="I7465" s="55">
        <f>Bühler!I7491</f>
        <v>4.0880263541378046</v>
      </c>
      <c r="J7465" s="58">
        <f>Bühler!J7491</f>
        <v>19.457032698872183</v>
      </c>
      <c r="K7465" s="58">
        <f>Bühler!K7491</f>
        <v>0.94954315513118892</v>
      </c>
      <c r="L7465" s="58">
        <f>Bühler!L7491</f>
        <v>0.47477157756559446</v>
      </c>
      <c r="M7465" s="57">
        <f>Bühler!M7491</f>
        <v>0</v>
      </c>
      <c r="N7465" s="55">
        <f>IF(Input!$K$13=1,J7465*Input!$J$13,0)+IF(Input!$K$14=1,K7465*Input!$J$14,0)+IF(Input!$K$15=1,L7465*Input!$J$15,0)+IF(Input!$K$16=1,M7465*Input!$J$16,0)</f>
        <v>2.3348439238646619</v>
      </c>
      <c r="O7465" s="58">
        <f>IF(Input!$K$13=2,J7465*Input!$J$13,0)+IF(Input!$K$14=2,K7465*Input!$J$14,0)+IF(Input!$K$15=2,L7465*Input!$J$15,0)+IF(Input!$K$16=2,M7465*Input!$J$16,0)</f>
        <v>0.12818832594271051</v>
      </c>
      <c r="P7465" s="58">
        <f>IF(Input!$K$13=3,J7465*Input!$J$13,0)+IF(Input!$K$14=3,K7465*Input!$J$14,0)+IF(Input!$K$15=3,L7465*Input!$J$15,0)+IF(Input!$K$16=3,M7465*Input!$J$16,0)</f>
        <v>0</v>
      </c>
      <c r="Q7465" s="71">
        <f>IF(Input!$K$13=4,J7465*Input!$J$13,0)+IF(Input!$K$14=4,K7465*Input!$J$14,0)+IF(Input!$K$15=4,L7465*Input!$J$15,0)+IF(Input!$K$16=4,M7465*Input!$J$16,0)</f>
        <v>0</v>
      </c>
    </row>
    <row r="7466" spans="8:17" x14ac:dyDescent="0.25">
      <c r="H7466" s="43">
        <v>7459</v>
      </c>
      <c r="I7466" s="55">
        <f>Bühler!I7492</f>
        <v>1.4499864642822875</v>
      </c>
      <c r="J7466" s="58">
        <f>Bühler!J7492</f>
        <v>11.489521407686256</v>
      </c>
      <c r="K7466" s="58">
        <f>Bühler!K7492</f>
        <v>0.62669848238658465</v>
      </c>
      <c r="L7466" s="58">
        <f>Bühler!L7492</f>
        <v>0.31334924119329233</v>
      </c>
      <c r="M7466" s="57">
        <f>Bühler!M7492</f>
        <v>0</v>
      </c>
      <c r="N7466" s="55">
        <f>IF(Input!$K$13=1,J7466*Input!$J$13,0)+IF(Input!$K$14=1,K7466*Input!$J$14,0)+IF(Input!$K$15=1,L7466*Input!$J$15,0)+IF(Input!$K$16=1,M7466*Input!$J$16,0)</f>
        <v>1.3787425689223507</v>
      </c>
      <c r="O7466" s="58">
        <f>IF(Input!$K$13=2,J7466*Input!$J$13,0)+IF(Input!$K$14=2,K7466*Input!$J$14,0)+IF(Input!$K$15=2,L7466*Input!$J$15,0)+IF(Input!$K$16=2,M7466*Input!$J$16,0)</f>
        <v>8.4604295122188922E-2</v>
      </c>
      <c r="P7466" s="58">
        <f>IF(Input!$K$13=3,J7466*Input!$J$13,0)+IF(Input!$K$14=3,K7466*Input!$J$14,0)+IF(Input!$K$15=3,L7466*Input!$J$15,0)+IF(Input!$K$16=3,M7466*Input!$J$16,0)</f>
        <v>0</v>
      </c>
      <c r="Q7466" s="71">
        <f>IF(Input!$K$13=4,J7466*Input!$J$13,0)+IF(Input!$K$14=4,K7466*Input!$J$14,0)+IF(Input!$K$15=4,L7466*Input!$J$15,0)+IF(Input!$K$16=4,M7466*Input!$J$16,0)</f>
        <v>0</v>
      </c>
    </row>
    <row r="7467" spans="8:17" x14ac:dyDescent="0.25">
      <c r="H7467" s="43">
        <v>7460</v>
      </c>
      <c r="I7467" s="55">
        <f>Bühler!I7493</f>
        <v>1.4499864642822875</v>
      </c>
      <c r="J7467" s="58">
        <f>Bühler!J7493</f>
        <v>11.489521407686256</v>
      </c>
      <c r="K7467" s="58">
        <f>Bühler!K7493</f>
        <v>0.62669848238658465</v>
      </c>
      <c r="L7467" s="58">
        <f>Bühler!L7493</f>
        <v>0.31334924119329233</v>
      </c>
      <c r="M7467" s="57">
        <f>Bühler!M7493</f>
        <v>0</v>
      </c>
      <c r="N7467" s="55">
        <f>IF(Input!$K$13=1,J7467*Input!$J$13,0)+IF(Input!$K$14=1,K7467*Input!$J$14,0)+IF(Input!$K$15=1,L7467*Input!$J$15,0)+IF(Input!$K$16=1,M7467*Input!$J$16,0)</f>
        <v>1.3787425689223507</v>
      </c>
      <c r="O7467" s="58">
        <f>IF(Input!$K$13=2,J7467*Input!$J$13,0)+IF(Input!$K$14=2,K7467*Input!$J$14,0)+IF(Input!$K$15=2,L7467*Input!$J$15,0)+IF(Input!$K$16=2,M7467*Input!$J$16,0)</f>
        <v>8.4604295122188922E-2</v>
      </c>
      <c r="P7467" s="58">
        <f>IF(Input!$K$13=3,J7467*Input!$J$13,0)+IF(Input!$K$14=3,K7467*Input!$J$14,0)+IF(Input!$K$15=3,L7467*Input!$J$15,0)+IF(Input!$K$16=3,M7467*Input!$J$16,0)</f>
        <v>0</v>
      </c>
      <c r="Q7467" s="71">
        <f>IF(Input!$K$13=4,J7467*Input!$J$13,0)+IF(Input!$K$14=4,K7467*Input!$J$14,0)+IF(Input!$K$15=4,L7467*Input!$J$15,0)+IF(Input!$K$16=4,M7467*Input!$J$16,0)</f>
        <v>0</v>
      </c>
    </row>
    <row r="7468" spans="8:17" x14ac:dyDescent="0.25">
      <c r="H7468" s="43">
        <v>7461</v>
      </c>
      <c r="I7468" s="55">
        <f>Bühler!I7494</f>
        <v>1.4499864642822875</v>
      </c>
      <c r="J7468" s="58">
        <f>Bühler!J7494</f>
        <v>11.489521407686256</v>
      </c>
      <c r="K7468" s="58">
        <f>Bühler!K7494</f>
        <v>0.62669848238658465</v>
      </c>
      <c r="L7468" s="58">
        <f>Bühler!L7494</f>
        <v>0.31334924119329233</v>
      </c>
      <c r="M7468" s="57">
        <f>Bühler!M7494</f>
        <v>0</v>
      </c>
      <c r="N7468" s="55">
        <f>IF(Input!$K$13=1,J7468*Input!$J$13,0)+IF(Input!$K$14=1,K7468*Input!$J$14,0)+IF(Input!$K$15=1,L7468*Input!$J$15,0)+IF(Input!$K$16=1,M7468*Input!$J$16,0)</f>
        <v>1.3787425689223507</v>
      </c>
      <c r="O7468" s="58">
        <f>IF(Input!$K$13=2,J7468*Input!$J$13,0)+IF(Input!$K$14=2,K7468*Input!$J$14,0)+IF(Input!$K$15=2,L7468*Input!$J$15,0)+IF(Input!$K$16=2,M7468*Input!$J$16,0)</f>
        <v>8.4604295122188922E-2</v>
      </c>
      <c r="P7468" s="58">
        <f>IF(Input!$K$13=3,J7468*Input!$J$13,0)+IF(Input!$K$14=3,K7468*Input!$J$14,0)+IF(Input!$K$15=3,L7468*Input!$J$15,0)+IF(Input!$K$16=3,M7468*Input!$J$16,0)</f>
        <v>0</v>
      </c>
      <c r="Q7468" s="71">
        <f>IF(Input!$K$13=4,J7468*Input!$J$13,0)+IF(Input!$K$14=4,K7468*Input!$J$14,0)+IF(Input!$K$15=4,L7468*Input!$J$15,0)+IF(Input!$K$16=4,M7468*Input!$J$16,0)</f>
        <v>0</v>
      </c>
    </row>
    <row r="7469" spans="8:17" x14ac:dyDescent="0.25">
      <c r="H7469" s="43">
        <v>7462</v>
      </c>
      <c r="I7469" s="55">
        <f>Bühler!I7495</f>
        <v>1.4499864642822875</v>
      </c>
      <c r="J7469" s="58">
        <f>Bühler!J7495</f>
        <v>11.489521407686256</v>
      </c>
      <c r="K7469" s="58">
        <f>Bühler!K7495</f>
        <v>0.62669848238658465</v>
      </c>
      <c r="L7469" s="58">
        <f>Bühler!L7495</f>
        <v>0.31334924119329233</v>
      </c>
      <c r="M7469" s="57">
        <f>Bühler!M7495</f>
        <v>0</v>
      </c>
      <c r="N7469" s="55">
        <f>IF(Input!$K$13=1,J7469*Input!$J$13,0)+IF(Input!$K$14=1,K7469*Input!$J$14,0)+IF(Input!$K$15=1,L7469*Input!$J$15,0)+IF(Input!$K$16=1,M7469*Input!$J$16,0)</f>
        <v>1.3787425689223507</v>
      </c>
      <c r="O7469" s="58">
        <f>IF(Input!$K$13=2,J7469*Input!$J$13,0)+IF(Input!$K$14=2,K7469*Input!$J$14,0)+IF(Input!$K$15=2,L7469*Input!$J$15,0)+IF(Input!$K$16=2,M7469*Input!$J$16,0)</f>
        <v>8.4604295122188922E-2</v>
      </c>
      <c r="P7469" s="58">
        <f>IF(Input!$K$13=3,J7469*Input!$J$13,0)+IF(Input!$K$14=3,K7469*Input!$J$14,0)+IF(Input!$K$15=3,L7469*Input!$J$15,0)+IF(Input!$K$16=3,M7469*Input!$J$16,0)</f>
        <v>0</v>
      </c>
      <c r="Q7469" s="71">
        <f>IF(Input!$K$13=4,J7469*Input!$J$13,0)+IF(Input!$K$14=4,K7469*Input!$J$14,0)+IF(Input!$K$15=4,L7469*Input!$J$15,0)+IF(Input!$K$16=4,M7469*Input!$J$16,0)</f>
        <v>0</v>
      </c>
    </row>
    <row r="7470" spans="8:17" x14ac:dyDescent="0.25">
      <c r="H7470" s="43">
        <v>7463</v>
      </c>
      <c r="I7470" s="55">
        <f>Bühler!I7496</f>
        <v>1.4499864642822875</v>
      </c>
      <c r="J7470" s="58">
        <f>Bühler!J7496</f>
        <v>11.489521407686256</v>
      </c>
      <c r="K7470" s="58">
        <f>Bühler!K7496</f>
        <v>0.62669848238658465</v>
      </c>
      <c r="L7470" s="58">
        <f>Bühler!L7496</f>
        <v>0.31334924119329233</v>
      </c>
      <c r="M7470" s="57">
        <f>Bühler!M7496</f>
        <v>0</v>
      </c>
      <c r="N7470" s="55">
        <f>IF(Input!$K$13=1,J7470*Input!$J$13,0)+IF(Input!$K$14=1,K7470*Input!$J$14,0)+IF(Input!$K$15=1,L7470*Input!$J$15,0)+IF(Input!$K$16=1,M7470*Input!$J$16,0)</f>
        <v>1.3787425689223507</v>
      </c>
      <c r="O7470" s="58">
        <f>IF(Input!$K$13=2,J7470*Input!$J$13,0)+IF(Input!$K$14=2,K7470*Input!$J$14,0)+IF(Input!$K$15=2,L7470*Input!$J$15,0)+IF(Input!$K$16=2,M7470*Input!$J$16,0)</f>
        <v>8.4604295122188922E-2</v>
      </c>
      <c r="P7470" s="58">
        <f>IF(Input!$K$13=3,J7470*Input!$J$13,0)+IF(Input!$K$14=3,K7470*Input!$J$14,0)+IF(Input!$K$15=3,L7470*Input!$J$15,0)+IF(Input!$K$16=3,M7470*Input!$J$16,0)</f>
        <v>0</v>
      </c>
      <c r="Q7470" s="71">
        <f>IF(Input!$K$13=4,J7470*Input!$J$13,0)+IF(Input!$K$14=4,K7470*Input!$J$14,0)+IF(Input!$K$15=4,L7470*Input!$J$15,0)+IF(Input!$K$16=4,M7470*Input!$J$16,0)</f>
        <v>0</v>
      </c>
    </row>
    <row r="7471" spans="8:17" x14ac:dyDescent="0.25">
      <c r="H7471" s="43">
        <v>7464</v>
      </c>
      <c r="I7471" s="55">
        <f>Bühler!I7497</f>
        <v>1.4499864642822875</v>
      </c>
      <c r="J7471" s="58">
        <f>Bühler!J7497</f>
        <v>11.489521407686256</v>
      </c>
      <c r="K7471" s="58">
        <f>Bühler!K7497</f>
        <v>0.62669848238658465</v>
      </c>
      <c r="L7471" s="58">
        <f>Bühler!L7497</f>
        <v>0.31334924119329233</v>
      </c>
      <c r="M7471" s="57">
        <f>Bühler!M7497</f>
        <v>0</v>
      </c>
      <c r="N7471" s="55">
        <f>IF(Input!$K$13=1,J7471*Input!$J$13,0)+IF(Input!$K$14=1,K7471*Input!$J$14,0)+IF(Input!$K$15=1,L7471*Input!$J$15,0)+IF(Input!$K$16=1,M7471*Input!$J$16,0)</f>
        <v>1.3787425689223507</v>
      </c>
      <c r="O7471" s="58">
        <f>IF(Input!$K$13=2,J7471*Input!$J$13,0)+IF(Input!$K$14=2,K7471*Input!$J$14,0)+IF(Input!$K$15=2,L7471*Input!$J$15,0)+IF(Input!$K$16=2,M7471*Input!$J$16,0)</f>
        <v>8.4604295122188922E-2</v>
      </c>
      <c r="P7471" s="58">
        <f>IF(Input!$K$13=3,J7471*Input!$J$13,0)+IF(Input!$K$14=3,K7471*Input!$J$14,0)+IF(Input!$K$15=3,L7471*Input!$J$15,0)+IF(Input!$K$16=3,M7471*Input!$J$16,0)</f>
        <v>0</v>
      </c>
      <c r="Q7471" s="71">
        <f>IF(Input!$K$13=4,J7471*Input!$J$13,0)+IF(Input!$K$14=4,K7471*Input!$J$14,0)+IF(Input!$K$15=4,L7471*Input!$J$15,0)+IF(Input!$K$16=4,M7471*Input!$J$16,0)</f>
        <v>0</v>
      </c>
    </row>
    <row r="7472" spans="8:17" x14ac:dyDescent="0.25">
      <c r="H7472" s="43">
        <v>7465</v>
      </c>
      <c r="I7472" s="55">
        <f>Bühler!I7498</f>
        <v>1.3263589341984556</v>
      </c>
      <c r="J7472" s="58">
        <f>Bühler!J7498</f>
        <v>11.118990219355243</v>
      </c>
      <c r="K7472" s="58">
        <f>Bühler!K7498</f>
        <v>0.61963819039943024</v>
      </c>
      <c r="L7472" s="58">
        <f>Bühler!L7498</f>
        <v>0.30981909519971512</v>
      </c>
      <c r="M7472" s="57">
        <f>Bühler!M7498</f>
        <v>0</v>
      </c>
      <c r="N7472" s="55">
        <f>IF(Input!$K$13=1,J7472*Input!$J$13,0)+IF(Input!$K$14=1,K7472*Input!$J$14,0)+IF(Input!$K$15=1,L7472*Input!$J$15,0)+IF(Input!$K$16=1,M7472*Input!$J$16,0)</f>
        <v>1.3342788263226291</v>
      </c>
      <c r="O7472" s="58">
        <f>IF(Input!$K$13=2,J7472*Input!$J$13,0)+IF(Input!$K$14=2,K7472*Input!$J$14,0)+IF(Input!$K$15=2,L7472*Input!$J$15,0)+IF(Input!$K$16=2,M7472*Input!$J$16,0)</f>
        <v>8.3651155703923091E-2</v>
      </c>
      <c r="P7472" s="58">
        <f>IF(Input!$K$13=3,J7472*Input!$J$13,0)+IF(Input!$K$14=3,K7472*Input!$J$14,0)+IF(Input!$K$15=3,L7472*Input!$J$15,0)+IF(Input!$K$16=3,M7472*Input!$J$16,0)</f>
        <v>0</v>
      </c>
      <c r="Q7472" s="71">
        <f>IF(Input!$K$13=4,J7472*Input!$J$13,0)+IF(Input!$K$14=4,K7472*Input!$J$14,0)+IF(Input!$K$15=4,L7472*Input!$J$15,0)+IF(Input!$K$16=4,M7472*Input!$J$16,0)</f>
        <v>0</v>
      </c>
    </row>
    <row r="7473" spans="8:17" x14ac:dyDescent="0.25">
      <c r="H7473" s="43">
        <v>7466</v>
      </c>
      <c r="I7473" s="55">
        <f>Bühler!I7499</f>
        <v>1.3263589341984556</v>
      </c>
      <c r="J7473" s="58">
        <f>Bühler!J7499</f>
        <v>11.118990219355243</v>
      </c>
      <c r="K7473" s="58">
        <f>Bühler!K7499</f>
        <v>0.61963819039943024</v>
      </c>
      <c r="L7473" s="58">
        <f>Bühler!L7499</f>
        <v>0.30981909519971512</v>
      </c>
      <c r="M7473" s="57">
        <f>Bühler!M7499</f>
        <v>0</v>
      </c>
      <c r="N7473" s="55">
        <f>IF(Input!$K$13=1,J7473*Input!$J$13,0)+IF(Input!$K$14=1,K7473*Input!$J$14,0)+IF(Input!$K$15=1,L7473*Input!$J$15,0)+IF(Input!$K$16=1,M7473*Input!$J$16,0)</f>
        <v>1.3342788263226291</v>
      </c>
      <c r="O7473" s="58">
        <f>IF(Input!$K$13=2,J7473*Input!$J$13,0)+IF(Input!$K$14=2,K7473*Input!$J$14,0)+IF(Input!$K$15=2,L7473*Input!$J$15,0)+IF(Input!$K$16=2,M7473*Input!$J$16,0)</f>
        <v>8.3651155703923091E-2</v>
      </c>
      <c r="P7473" s="58">
        <f>IF(Input!$K$13=3,J7473*Input!$J$13,0)+IF(Input!$K$14=3,K7473*Input!$J$14,0)+IF(Input!$K$15=3,L7473*Input!$J$15,0)+IF(Input!$K$16=3,M7473*Input!$J$16,0)</f>
        <v>0</v>
      </c>
      <c r="Q7473" s="71">
        <f>IF(Input!$K$13=4,J7473*Input!$J$13,0)+IF(Input!$K$14=4,K7473*Input!$J$14,0)+IF(Input!$K$15=4,L7473*Input!$J$15,0)+IF(Input!$K$16=4,M7473*Input!$J$16,0)</f>
        <v>0</v>
      </c>
    </row>
    <row r="7474" spans="8:17" x14ac:dyDescent="0.25">
      <c r="H7474" s="43">
        <v>7467</v>
      </c>
      <c r="I7474" s="55">
        <f>Bühler!I7500</f>
        <v>1.3263589341984556</v>
      </c>
      <c r="J7474" s="58">
        <f>Bühler!J7500</f>
        <v>11.118990219355243</v>
      </c>
      <c r="K7474" s="58">
        <f>Bühler!K7500</f>
        <v>0.61963819039943024</v>
      </c>
      <c r="L7474" s="58">
        <f>Bühler!L7500</f>
        <v>0.30981909519971512</v>
      </c>
      <c r="M7474" s="57">
        <f>Bühler!M7500</f>
        <v>0</v>
      </c>
      <c r="N7474" s="55">
        <f>IF(Input!$K$13=1,J7474*Input!$J$13,0)+IF(Input!$K$14=1,K7474*Input!$J$14,0)+IF(Input!$K$15=1,L7474*Input!$J$15,0)+IF(Input!$K$16=1,M7474*Input!$J$16,0)</f>
        <v>1.3342788263226291</v>
      </c>
      <c r="O7474" s="58">
        <f>IF(Input!$K$13=2,J7474*Input!$J$13,0)+IF(Input!$K$14=2,K7474*Input!$J$14,0)+IF(Input!$K$15=2,L7474*Input!$J$15,0)+IF(Input!$K$16=2,M7474*Input!$J$16,0)</f>
        <v>8.3651155703923091E-2</v>
      </c>
      <c r="P7474" s="58">
        <f>IF(Input!$K$13=3,J7474*Input!$J$13,0)+IF(Input!$K$14=3,K7474*Input!$J$14,0)+IF(Input!$K$15=3,L7474*Input!$J$15,0)+IF(Input!$K$16=3,M7474*Input!$J$16,0)</f>
        <v>0</v>
      </c>
      <c r="Q7474" s="71">
        <f>IF(Input!$K$13=4,J7474*Input!$J$13,0)+IF(Input!$K$14=4,K7474*Input!$J$14,0)+IF(Input!$K$15=4,L7474*Input!$J$15,0)+IF(Input!$K$16=4,M7474*Input!$J$16,0)</f>
        <v>0</v>
      </c>
    </row>
    <row r="7475" spans="8:17" x14ac:dyDescent="0.25">
      <c r="H7475" s="43">
        <v>7468</v>
      </c>
      <c r="I7475" s="55">
        <f>Bühler!I7501</f>
        <v>1.3263589341984556</v>
      </c>
      <c r="J7475" s="58">
        <f>Bühler!J7501</f>
        <v>11.118990219355243</v>
      </c>
      <c r="K7475" s="58">
        <f>Bühler!K7501</f>
        <v>0.61963819039943024</v>
      </c>
      <c r="L7475" s="58">
        <f>Bühler!L7501</f>
        <v>0.30981909519971512</v>
      </c>
      <c r="M7475" s="57">
        <f>Bühler!M7501</f>
        <v>0</v>
      </c>
      <c r="N7475" s="55">
        <f>IF(Input!$K$13=1,J7475*Input!$J$13,0)+IF(Input!$K$14=1,K7475*Input!$J$14,0)+IF(Input!$K$15=1,L7475*Input!$J$15,0)+IF(Input!$K$16=1,M7475*Input!$J$16,0)</f>
        <v>1.3342788263226291</v>
      </c>
      <c r="O7475" s="58">
        <f>IF(Input!$K$13=2,J7475*Input!$J$13,0)+IF(Input!$K$14=2,K7475*Input!$J$14,0)+IF(Input!$K$15=2,L7475*Input!$J$15,0)+IF(Input!$K$16=2,M7475*Input!$J$16,0)</f>
        <v>8.3651155703923091E-2</v>
      </c>
      <c r="P7475" s="58">
        <f>IF(Input!$K$13=3,J7475*Input!$J$13,0)+IF(Input!$K$14=3,K7475*Input!$J$14,0)+IF(Input!$K$15=3,L7475*Input!$J$15,0)+IF(Input!$K$16=3,M7475*Input!$J$16,0)</f>
        <v>0</v>
      </c>
      <c r="Q7475" s="71">
        <f>IF(Input!$K$13=4,J7475*Input!$J$13,0)+IF(Input!$K$14=4,K7475*Input!$J$14,0)+IF(Input!$K$15=4,L7475*Input!$J$15,0)+IF(Input!$K$16=4,M7475*Input!$J$16,0)</f>
        <v>0</v>
      </c>
    </row>
    <row r="7476" spans="8:17" x14ac:dyDescent="0.25">
      <c r="H7476" s="43">
        <v>7469</v>
      </c>
      <c r="I7476" s="55">
        <f>Bühler!I7502</f>
        <v>1.3263589341984556</v>
      </c>
      <c r="J7476" s="58">
        <f>Bühler!J7502</f>
        <v>11.118990219355243</v>
      </c>
      <c r="K7476" s="58">
        <f>Bühler!K7502</f>
        <v>0.61963819039943024</v>
      </c>
      <c r="L7476" s="58">
        <f>Bühler!L7502</f>
        <v>0.30981909519971512</v>
      </c>
      <c r="M7476" s="57">
        <f>Bühler!M7502</f>
        <v>0</v>
      </c>
      <c r="N7476" s="55">
        <f>IF(Input!$K$13=1,J7476*Input!$J$13,0)+IF(Input!$K$14=1,K7476*Input!$J$14,0)+IF(Input!$K$15=1,L7476*Input!$J$15,0)+IF(Input!$K$16=1,M7476*Input!$J$16,0)</f>
        <v>1.3342788263226291</v>
      </c>
      <c r="O7476" s="58">
        <f>IF(Input!$K$13=2,J7476*Input!$J$13,0)+IF(Input!$K$14=2,K7476*Input!$J$14,0)+IF(Input!$K$15=2,L7476*Input!$J$15,0)+IF(Input!$K$16=2,M7476*Input!$J$16,0)</f>
        <v>8.3651155703923091E-2</v>
      </c>
      <c r="P7476" s="58">
        <f>IF(Input!$K$13=3,J7476*Input!$J$13,0)+IF(Input!$K$14=3,K7476*Input!$J$14,0)+IF(Input!$K$15=3,L7476*Input!$J$15,0)+IF(Input!$K$16=3,M7476*Input!$J$16,0)</f>
        <v>0</v>
      </c>
      <c r="Q7476" s="71">
        <f>IF(Input!$K$13=4,J7476*Input!$J$13,0)+IF(Input!$K$14=4,K7476*Input!$J$14,0)+IF(Input!$K$15=4,L7476*Input!$J$15,0)+IF(Input!$K$16=4,M7476*Input!$J$16,0)</f>
        <v>0</v>
      </c>
    </row>
    <row r="7477" spans="8:17" x14ac:dyDescent="0.25">
      <c r="H7477" s="43">
        <v>7470</v>
      </c>
      <c r="I7477" s="55">
        <f>Bühler!I7503</f>
        <v>1.3263589341984556</v>
      </c>
      <c r="J7477" s="58">
        <f>Bühler!J7503</f>
        <v>11.118990219355243</v>
      </c>
      <c r="K7477" s="58">
        <f>Bühler!K7503</f>
        <v>0.61963819039943024</v>
      </c>
      <c r="L7477" s="58">
        <f>Bühler!L7503</f>
        <v>0.30981909519971512</v>
      </c>
      <c r="M7477" s="57">
        <f>Bühler!M7503</f>
        <v>0</v>
      </c>
      <c r="N7477" s="55">
        <f>IF(Input!$K$13=1,J7477*Input!$J$13,0)+IF(Input!$K$14=1,K7477*Input!$J$14,0)+IF(Input!$K$15=1,L7477*Input!$J$15,0)+IF(Input!$K$16=1,M7477*Input!$J$16,0)</f>
        <v>1.3342788263226291</v>
      </c>
      <c r="O7477" s="58">
        <f>IF(Input!$K$13=2,J7477*Input!$J$13,0)+IF(Input!$K$14=2,K7477*Input!$J$14,0)+IF(Input!$K$15=2,L7477*Input!$J$15,0)+IF(Input!$K$16=2,M7477*Input!$J$16,0)</f>
        <v>8.3651155703923091E-2</v>
      </c>
      <c r="P7477" s="58">
        <f>IF(Input!$K$13=3,J7477*Input!$J$13,0)+IF(Input!$K$14=3,K7477*Input!$J$14,0)+IF(Input!$K$15=3,L7477*Input!$J$15,0)+IF(Input!$K$16=3,M7477*Input!$J$16,0)</f>
        <v>0</v>
      </c>
      <c r="Q7477" s="71">
        <f>IF(Input!$K$13=4,J7477*Input!$J$13,0)+IF(Input!$K$14=4,K7477*Input!$J$14,0)+IF(Input!$K$15=4,L7477*Input!$J$15,0)+IF(Input!$K$16=4,M7477*Input!$J$16,0)</f>
        <v>0</v>
      </c>
    </row>
    <row r="7478" spans="8:17" x14ac:dyDescent="0.25">
      <c r="H7478" s="43">
        <v>7471</v>
      </c>
      <c r="I7478" s="55">
        <f>Bühler!I7504</f>
        <v>1.3263589341984556</v>
      </c>
      <c r="J7478" s="58">
        <f>Bühler!J7504</f>
        <v>11.118990219355243</v>
      </c>
      <c r="K7478" s="58">
        <f>Bühler!K7504</f>
        <v>0.61963819039943024</v>
      </c>
      <c r="L7478" s="58">
        <f>Bühler!L7504</f>
        <v>0.30981909519971512</v>
      </c>
      <c r="M7478" s="57">
        <f>Bühler!M7504</f>
        <v>0</v>
      </c>
      <c r="N7478" s="55">
        <f>IF(Input!$K$13=1,J7478*Input!$J$13,0)+IF(Input!$K$14=1,K7478*Input!$J$14,0)+IF(Input!$K$15=1,L7478*Input!$J$15,0)+IF(Input!$K$16=1,M7478*Input!$J$16,0)</f>
        <v>1.3342788263226291</v>
      </c>
      <c r="O7478" s="58">
        <f>IF(Input!$K$13=2,J7478*Input!$J$13,0)+IF(Input!$K$14=2,K7478*Input!$J$14,0)+IF(Input!$K$15=2,L7478*Input!$J$15,0)+IF(Input!$K$16=2,M7478*Input!$J$16,0)</f>
        <v>8.3651155703923091E-2</v>
      </c>
      <c r="P7478" s="58">
        <f>IF(Input!$K$13=3,J7478*Input!$J$13,0)+IF(Input!$K$14=3,K7478*Input!$J$14,0)+IF(Input!$K$15=3,L7478*Input!$J$15,0)+IF(Input!$K$16=3,M7478*Input!$J$16,0)</f>
        <v>0</v>
      </c>
      <c r="Q7478" s="71">
        <f>IF(Input!$K$13=4,J7478*Input!$J$13,0)+IF(Input!$K$14=4,K7478*Input!$J$14,0)+IF(Input!$K$15=4,L7478*Input!$J$15,0)+IF(Input!$K$16=4,M7478*Input!$J$16,0)</f>
        <v>0</v>
      </c>
    </row>
    <row r="7479" spans="8:17" x14ac:dyDescent="0.25">
      <c r="H7479" s="43">
        <v>7472</v>
      </c>
      <c r="I7479" s="55">
        <f>Bühler!I7505</f>
        <v>3.6541188637167448</v>
      </c>
      <c r="J7479" s="58">
        <f>Bühler!J7505</f>
        <v>43.537885597785149</v>
      </c>
      <c r="K7479" s="58">
        <f>Bühler!K7505</f>
        <v>2.5330058146934284</v>
      </c>
      <c r="L7479" s="58">
        <f>Bühler!L7505</f>
        <v>1.2665029073467142</v>
      </c>
      <c r="M7479" s="57">
        <f>Bühler!M7505</f>
        <v>0</v>
      </c>
      <c r="N7479" s="55">
        <f>IF(Input!$K$13=1,J7479*Input!$J$13,0)+IF(Input!$K$14=1,K7479*Input!$J$14,0)+IF(Input!$K$15=1,L7479*Input!$J$15,0)+IF(Input!$K$16=1,M7479*Input!$J$16,0)</f>
        <v>5.2245462717342175</v>
      </c>
      <c r="O7479" s="58">
        <f>IF(Input!$K$13=2,J7479*Input!$J$13,0)+IF(Input!$K$14=2,K7479*Input!$J$14,0)+IF(Input!$K$15=2,L7479*Input!$J$15,0)+IF(Input!$K$16=2,M7479*Input!$J$16,0)</f>
        <v>0.34195578498361279</v>
      </c>
      <c r="P7479" s="58">
        <f>IF(Input!$K$13=3,J7479*Input!$J$13,0)+IF(Input!$K$14=3,K7479*Input!$J$14,0)+IF(Input!$K$15=3,L7479*Input!$J$15,0)+IF(Input!$K$16=3,M7479*Input!$J$16,0)</f>
        <v>0</v>
      </c>
      <c r="Q7479" s="71">
        <f>IF(Input!$K$13=4,J7479*Input!$J$13,0)+IF(Input!$K$14=4,K7479*Input!$J$14,0)+IF(Input!$K$15=4,L7479*Input!$J$15,0)+IF(Input!$K$16=4,M7479*Input!$J$16,0)</f>
        <v>0</v>
      </c>
    </row>
    <row r="7480" spans="8:17" x14ac:dyDescent="0.25">
      <c r="H7480" s="43">
        <v>7473</v>
      </c>
      <c r="I7480" s="55">
        <f>Bühler!I7506</f>
        <v>4.0772273637260525</v>
      </c>
      <c r="J7480" s="58">
        <f>Bühler!J7506</f>
        <v>48.579114456476063</v>
      </c>
      <c r="K7480" s="58">
        <f>Bühler!K7506</f>
        <v>2.8263012248158259</v>
      </c>
      <c r="L7480" s="58">
        <f>Bühler!L7506</f>
        <v>1.413150612407913</v>
      </c>
      <c r="M7480" s="57">
        <f>Bühler!M7506</f>
        <v>0</v>
      </c>
      <c r="N7480" s="55">
        <f>IF(Input!$K$13=1,J7480*Input!$J$13,0)+IF(Input!$K$14=1,K7480*Input!$J$14,0)+IF(Input!$K$15=1,L7480*Input!$J$15,0)+IF(Input!$K$16=1,M7480*Input!$J$16,0)</f>
        <v>5.8294937347771274</v>
      </c>
      <c r="O7480" s="58">
        <f>IF(Input!$K$13=2,J7480*Input!$J$13,0)+IF(Input!$K$14=2,K7480*Input!$J$14,0)+IF(Input!$K$15=2,L7480*Input!$J$15,0)+IF(Input!$K$16=2,M7480*Input!$J$16,0)</f>
        <v>0.38155066535013649</v>
      </c>
      <c r="P7480" s="58">
        <f>IF(Input!$K$13=3,J7480*Input!$J$13,0)+IF(Input!$K$14=3,K7480*Input!$J$14,0)+IF(Input!$K$15=3,L7480*Input!$J$15,0)+IF(Input!$K$16=3,M7480*Input!$J$16,0)</f>
        <v>0</v>
      </c>
      <c r="Q7480" s="71">
        <f>IF(Input!$K$13=4,J7480*Input!$J$13,0)+IF(Input!$K$14=4,K7480*Input!$J$14,0)+IF(Input!$K$15=4,L7480*Input!$J$15,0)+IF(Input!$K$16=4,M7480*Input!$J$16,0)</f>
        <v>0</v>
      </c>
    </row>
    <row r="7481" spans="8:17" x14ac:dyDescent="0.25">
      <c r="H7481" s="43">
        <v>7474</v>
      </c>
      <c r="I7481" s="55">
        <f>Bühler!I7507</f>
        <v>4.5003358637353594</v>
      </c>
      <c r="J7481" s="58">
        <f>Bühler!J7507</f>
        <v>53.620343315166977</v>
      </c>
      <c r="K7481" s="58">
        <f>Bühler!K7507</f>
        <v>3.1195966349382229</v>
      </c>
      <c r="L7481" s="58">
        <f>Bühler!L7507</f>
        <v>1.5597983174691115</v>
      </c>
      <c r="M7481" s="57">
        <f>Bühler!M7507</f>
        <v>0</v>
      </c>
      <c r="N7481" s="55">
        <f>IF(Input!$K$13=1,J7481*Input!$J$13,0)+IF(Input!$K$14=1,K7481*Input!$J$14,0)+IF(Input!$K$15=1,L7481*Input!$J$15,0)+IF(Input!$K$16=1,M7481*Input!$J$16,0)</f>
        <v>6.4344411978200373</v>
      </c>
      <c r="O7481" s="58">
        <f>IF(Input!$K$13=2,J7481*Input!$J$13,0)+IF(Input!$K$14=2,K7481*Input!$J$14,0)+IF(Input!$K$15=2,L7481*Input!$J$15,0)+IF(Input!$K$16=2,M7481*Input!$J$16,0)</f>
        <v>0.42114554571666007</v>
      </c>
      <c r="P7481" s="58">
        <f>IF(Input!$K$13=3,J7481*Input!$J$13,0)+IF(Input!$K$14=3,K7481*Input!$J$14,0)+IF(Input!$K$15=3,L7481*Input!$J$15,0)+IF(Input!$K$16=3,M7481*Input!$J$16,0)</f>
        <v>0</v>
      </c>
      <c r="Q7481" s="71">
        <f>IF(Input!$K$13=4,J7481*Input!$J$13,0)+IF(Input!$K$14=4,K7481*Input!$J$14,0)+IF(Input!$K$15=4,L7481*Input!$J$15,0)+IF(Input!$K$16=4,M7481*Input!$J$16,0)</f>
        <v>0</v>
      </c>
    </row>
    <row r="7482" spans="8:17" x14ac:dyDescent="0.25">
      <c r="H7482" s="43">
        <v>7475</v>
      </c>
      <c r="I7482" s="55">
        <f>Bühler!I7508</f>
        <v>4.5003358637353594</v>
      </c>
      <c r="J7482" s="58">
        <f>Bühler!J7508</f>
        <v>53.620343315166977</v>
      </c>
      <c r="K7482" s="58">
        <f>Bühler!K7508</f>
        <v>3.1195966349382229</v>
      </c>
      <c r="L7482" s="58">
        <f>Bühler!L7508</f>
        <v>1.5597983174691115</v>
      </c>
      <c r="M7482" s="57">
        <f>Bühler!M7508</f>
        <v>0</v>
      </c>
      <c r="N7482" s="55">
        <f>IF(Input!$K$13=1,J7482*Input!$J$13,0)+IF(Input!$K$14=1,K7482*Input!$J$14,0)+IF(Input!$K$15=1,L7482*Input!$J$15,0)+IF(Input!$K$16=1,M7482*Input!$J$16,0)</f>
        <v>6.4344411978200373</v>
      </c>
      <c r="O7482" s="58">
        <f>IF(Input!$K$13=2,J7482*Input!$J$13,0)+IF(Input!$K$14=2,K7482*Input!$J$14,0)+IF(Input!$K$15=2,L7482*Input!$J$15,0)+IF(Input!$K$16=2,M7482*Input!$J$16,0)</f>
        <v>0.42114554571666007</v>
      </c>
      <c r="P7482" s="58">
        <f>IF(Input!$K$13=3,J7482*Input!$J$13,0)+IF(Input!$K$14=3,K7482*Input!$J$14,0)+IF(Input!$K$15=3,L7482*Input!$J$15,0)+IF(Input!$K$16=3,M7482*Input!$J$16,0)</f>
        <v>0</v>
      </c>
      <c r="Q7482" s="71">
        <f>IF(Input!$K$13=4,J7482*Input!$J$13,0)+IF(Input!$K$14=4,K7482*Input!$J$14,0)+IF(Input!$K$15=4,L7482*Input!$J$15,0)+IF(Input!$K$16=4,M7482*Input!$J$16,0)</f>
        <v>0</v>
      </c>
    </row>
    <row r="7483" spans="8:17" x14ac:dyDescent="0.25">
      <c r="H7483" s="43">
        <v>7476</v>
      </c>
      <c r="I7483" s="55">
        <f>Bühler!I7509</f>
        <v>5.3850172728457286</v>
      </c>
      <c r="J7483" s="58">
        <f>Bühler!J7509</f>
        <v>64.161094565157057</v>
      </c>
      <c r="K7483" s="58">
        <f>Bühler!K7509</f>
        <v>3.7328506742850522</v>
      </c>
      <c r="L7483" s="58">
        <f>Bühler!L7509</f>
        <v>1.8664253371425261</v>
      </c>
      <c r="M7483" s="57">
        <f>Bühler!M7509</f>
        <v>0</v>
      </c>
      <c r="N7483" s="55">
        <f>IF(Input!$K$13=1,J7483*Input!$J$13,0)+IF(Input!$K$14=1,K7483*Input!$J$14,0)+IF(Input!$K$15=1,L7483*Input!$J$15,0)+IF(Input!$K$16=1,M7483*Input!$J$16,0)</f>
        <v>7.6993313478188465</v>
      </c>
      <c r="O7483" s="58">
        <f>IF(Input!$K$13=2,J7483*Input!$J$13,0)+IF(Input!$K$14=2,K7483*Input!$J$14,0)+IF(Input!$K$15=2,L7483*Input!$J$15,0)+IF(Input!$K$16=2,M7483*Input!$J$16,0)</f>
        <v>0.50393484102848207</v>
      </c>
      <c r="P7483" s="58">
        <f>IF(Input!$K$13=3,J7483*Input!$J$13,0)+IF(Input!$K$14=3,K7483*Input!$J$14,0)+IF(Input!$K$15=3,L7483*Input!$J$15,0)+IF(Input!$K$16=3,M7483*Input!$J$16,0)</f>
        <v>0</v>
      </c>
      <c r="Q7483" s="71">
        <f>IF(Input!$K$13=4,J7483*Input!$J$13,0)+IF(Input!$K$14=4,K7483*Input!$J$14,0)+IF(Input!$K$15=4,L7483*Input!$J$15,0)+IF(Input!$K$16=4,M7483*Input!$J$16,0)</f>
        <v>0</v>
      </c>
    </row>
    <row r="7484" spans="8:17" x14ac:dyDescent="0.25">
      <c r="H7484" s="43">
        <v>7477</v>
      </c>
      <c r="I7484" s="55">
        <f>Bühler!I7510</f>
        <v>5.3850172728457286</v>
      </c>
      <c r="J7484" s="58">
        <f>Bühler!J7510</f>
        <v>64.161094565157057</v>
      </c>
      <c r="K7484" s="58">
        <f>Bühler!K7510</f>
        <v>3.7328506742850522</v>
      </c>
      <c r="L7484" s="58">
        <f>Bühler!L7510</f>
        <v>1.8664253371425261</v>
      </c>
      <c r="M7484" s="57">
        <f>Bühler!M7510</f>
        <v>0</v>
      </c>
      <c r="N7484" s="55">
        <f>IF(Input!$K$13=1,J7484*Input!$J$13,0)+IF(Input!$K$14=1,K7484*Input!$J$14,0)+IF(Input!$K$15=1,L7484*Input!$J$15,0)+IF(Input!$K$16=1,M7484*Input!$J$16,0)</f>
        <v>7.6993313478188465</v>
      </c>
      <c r="O7484" s="58">
        <f>IF(Input!$K$13=2,J7484*Input!$J$13,0)+IF(Input!$K$14=2,K7484*Input!$J$14,0)+IF(Input!$K$15=2,L7484*Input!$J$15,0)+IF(Input!$K$16=2,M7484*Input!$J$16,0)</f>
        <v>0.50393484102848207</v>
      </c>
      <c r="P7484" s="58">
        <f>IF(Input!$K$13=3,J7484*Input!$J$13,0)+IF(Input!$K$14=3,K7484*Input!$J$14,0)+IF(Input!$K$15=3,L7484*Input!$J$15,0)+IF(Input!$K$16=3,M7484*Input!$J$16,0)</f>
        <v>0</v>
      </c>
      <c r="Q7484" s="71">
        <f>IF(Input!$K$13=4,J7484*Input!$J$13,0)+IF(Input!$K$14=4,K7484*Input!$J$14,0)+IF(Input!$K$15=4,L7484*Input!$J$15,0)+IF(Input!$K$16=4,M7484*Input!$J$16,0)</f>
        <v>0</v>
      </c>
    </row>
    <row r="7485" spans="8:17" x14ac:dyDescent="0.25">
      <c r="H7485" s="43">
        <v>7478</v>
      </c>
      <c r="I7485" s="55">
        <f>Bühler!I7511</f>
        <v>3.5771900455332344</v>
      </c>
      <c r="J7485" s="58">
        <f>Bühler!J7511</f>
        <v>42.621298532568623</v>
      </c>
      <c r="K7485" s="58">
        <f>Bühler!K7511</f>
        <v>2.4796793764893565</v>
      </c>
      <c r="L7485" s="58">
        <f>Bühler!L7511</f>
        <v>1.2398396882446783</v>
      </c>
      <c r="M7485" s="57">
        <f>Bühler!M7511</f>
        <v>0</v>
      </c>
      <c r="N7485" s="55">
        <f>IF(Input!$K$13=1,J7485*Input!$J$13,0)+IF(Input!$K$14=1,K7485*Input!$J$14,0)+IF(Input!$K$15=1,L7485*Input!$J$15,0)+IF(Input!$K$16=1,M7485*Input!$J$16,0)</f>
        <v>5.1145558239082343</v>
      </c>
      <c r="O7485" s="58">
        <f>IF(Input!$K$13=2,J7485*Input!$J$13,0)+IF(Input!$K$14=2,K7485*Input!$J$14,0)+IF(Input!$K$15=2,L7485*Input!$J$15,0)+IF(Input!$K$16=2,M7485*Input!$J$16,0)</f>
        <v>0.33475671582606314</v>
      </c>
      <c r="P7485" s="58">
        <f>IF(Input!$K$13=3,J7485*Input!$J$13,0)+IF(Input!$K$14=3,K7485*Input!$J$14,0)+IF(Input!$K$15=3,L7485*Input!$J$15,0)+IF(Input!$K$16=3,M7485*Input!$J$16,0)</f>
        <v>0</v>
      </c>
      <c r="Q7485" s="71">
        <f>IF(Input!$K$13=4,J7485*Input!$J$13,0)+IF(Input!$K$14=4,K7485*Input!$J$14,0)+IF(Input!$K$15=4,L7485*Input!$J$15,0)+IF(Input!$K$16=4,M7485*Input!$J$16,0)</f>
        <v>0</v>
      </c>
    </row>
    <row r="7486" spans="8:17" x14ac:dyDescent="0.25">
      <c r="H7486" s="43">
        <v>7479</v>
      </c>
      <c r="I7486" s="55">
        <f>Bühler!I7512</f>
        <v>5.3850172728457286</v>
      </c>
      <c r="J7486" s="58">
        <f>Bühler!J7512</f>
        <v>64.161094565157057</v>
      </c>
      <c r="K7486" s="58">
        <f>Bühler!K7512</f>
        <v>3.7328506742850522</v>
      </c>
      <c r="L7486" s="58">
        <f>Bühler!L7512</f>
        <v>1.8664253371425261</v>
      </c>
      <c r="M7486" s="57">
        <f>Bühler!M7512</f>
        <v>0</v>
      </c>
      <c r="N7486" s="55">
        <f>IF(Input!$K$13=1,J7486*Input!$J$13,0)+IF(Input!$K$14=1,K7486*Input!$J$14,0)+IF(Input!$K$15=1,L7486*Input!$J$15,0)+IF(Input!$K$16=1,M7486*Input!$J$16,0)</f>
        <v>7.6993313478188465</v>
      </c>
      <c r="O7486" s="58">
        <f>IF(Input!$K$13=2,J7486*Input!$J$13,0)+IF(Input!$K$14=2,K7486*Input!$J$14,0)+IF(Input!$K$15=2,L7486*Input!$J$15,0)+IF(Input!$K$16=2,M7486*Input!$J$16,0)</f>
        <v>0.50393484102848207</v>
      </c>
      <c r="P7486" s="58">
        <f>IF(Input!$K$13=3,J7486*Input!$J$13,0)+IF(Input!$K$14=3,K7486*Input!$J$14,0)+IF(Input!$K$15=3,L7486*Input!$J$15,0)+IF(Input!$K$16=3,M7486*Input!$J$16,0)</f>
        <v>0</v>
      </c>
      <c r="Q7486" s="71">
        <f>IF(Input!$K$13=4,J7486*Input!$J$13,0)+IF(Input!$K$14=4,K7486*Input!$J$14,0)+IF(Input!$K$15=4,L7486*Input!$J$15,0)+IF(Input!$K$16=4,M7486*Input!$J$16,0)</f>
        <v>0</v>
      </c>
    </row>
    <row r="7487" spans="8:17" x14ac:dyDescent="0.25">
      <c r="H7487" s="43">
        <v>7480</v>
      </c>
      <c r="I7487" s="55">
        <f>Bühler!I7513</f>
        <v>5.3850172728457286</v>
      </c>
      <c r="J7487" s="58">
        <f>Bühler!J7513</f>
        <v>64.161094565157057</v>
      </c>
      <c r="K7487" s="58">
        <f>Bühler!K7513</f>
        <v>3.7328506742850522</v>
      </c>
      <c r="L7487" s="58">
        <f>Bühler!L7513</f>
        <v>1.8664253371425261</v>
      </c>
      <c r="M7487" s="57">
        <f>Bühler!M7513</f>
        <v>0</v>
      </c>
      <c r="N7487" s="55">
        <f>IF(Input!$K$13=1,J7487*Input!$J$13,0)+IF(Input!$K$14=1,K7487*Input!$J$14,0)+IF(Input!$K$15=1,L7487*Input!$J$15,0)+IF(Input!$K$16=1,M7487*Input!$J$16,0)</f>
        <v>7.6993313478188465</v>
      </c>
      <c r="O7487" s="58">
        <f>IF(Input!$K$13=2,J7487*Input!$J$13,0)+IF(Input!$K$14=2,K7487*Input!$J$14,0)+IF(Input!$K$15=2,L7487*Input!$J$15,0)+IF(Input!$K$16=2,M7487*Input!$J$16,0)</f>
        <v>0.50393484102848207</v>
      </c>
      <c r="P7487" s="58">
        <f>IF(Input!$K$13=3,J7487*Input!$J$13,0)+IF(Input!$K$14=3,K7487*Input!$J$14,0)+IF(Input!$K$15=3,L7487*Input!$J$15,0)+IF(Input!$K$16=3,M7487*Input!$J$16,0)</f>
        <v>0</v>
      </c>
      <c r="Q7487" s="71">
        <f>IF(Input!$K$13=4,J7487*Input!$J$13,0)+IF(Input!$K$14=4,K7487*Input!$J$14,0)+IF(Input!$K$15=4,L7487*Input!$J$15,0)+IF(Input!$K$16=4,M7487*Input!$J$16,0)</f>
        <v>0</v>
      </c>
    </row>
    <row r="7488" spans="8:17" x14ac:dyDescent="0.25">
      <c r="H7488" s="43">
        <v>7481</v>
      </c>
      <c r="I7488" s="55">
        <f>Bühler!I7514</f>
        <v>4.4996726842682611</v>
      </c>
      <c r="J7488" s="58">
        <f>Bühler!J7514</f>
        <v>39.246105285563502</v>
      </c>
      <c r="K7488" s="58">
        <f>Bühler!K7514</f>
        <v>2.1997155759179772</v>
      </c>
      <c r="L7488" s="58">
        <f>Bühler!L7514</f>
        <v>1.0998577879589886</v>
      </c>
      <c r="M7488" s="57">
        <f>Bühler!M7514</f>
        <v>0</v>
      </c>
      <c r="N7488" s="55">
        <f>IF(Input!$K$13=1,J7488*Input!$J$13,0)+IF(Input!$K$14=1,K7488*Input!$J$14,0)+IF(Input!$K$15=1,L7488*Input!$J$15,0)+IF(Input!$K$16=1,M7488*Input!$J$16,0)</f>
        <v>4.70953263426762</v>
      </c>
      <c r="O7488" s="58">
        <f>IF(Input!$K$13=2,J7488*Input!$J$13,0)+IF(Input!$K$14=2,K7488*Input!$J$14,0)+IF(Input!$K$15=2,L7488*Input!$J$15,0)+IF(Input!$K$16=2,M7488*Input!$J$16,0)</f>
        <v>0.29696160274892691</v>
      </c>
      <c r="P7488" s="58">
        <f>IF(Input!$K$13=3,J7488*Input!$J$13,0)+IF(Input!$K$14=3,K7488*Input!$J$14,0)+IF(Input!$K$15=3,L7488*Input!$J$15,0)+IF(Input!$K$16=3,M7488*Input!$J$16,0)</f>
        <v>0</v>
      </c>
      <c r="Q7488" s="71">
        <f>IF(Input!$K$13=4,J7488*Input!$J$13,0)+IF(Input!$K$14=4,K7488*Input!$J$14,0)+IF(Input!$K$15=4,L7488*Input!$J$15,0)+IF(Input!$K$16=4,M7488*Input!$J$16,0)</f>
        <v>0</v>
      </c>
    </row>
    <row r="7489" spans="8:17" x14ac:dyDescent="0.25">
      <c r="H7489" s="43">
        <v>7482</v>
      </c>
      <c r="I7489" s="55">
        <f>Bühler!I7515</f>
        <v>3.5778532250003336</v>
      </c>
      <c r="J7489" s="58">
        <f>Bühler!J7515</f>
        <v>18.54585822704367</v>
      </c>
      <c r="K7489" s="58">
        <f>Bühler!K7515</f>
        <v>0.93884574302943979</v>
      </c>
      <c r="L7489" s="58">
        <f>Bühler!L7515</f>
        <v>0.4694228715147199</v>
      </c>
      <c r="M7489" s="57">
        <f>Bühler!M7515</f>
        <v>0</v>
      </c>
      <c r="N7489" s="55">
        <f>IF(Input!$K$13=1,J7489*Input!$J$13,0)+IF(Input!$K$14=1,K7489*Input!$J$14,0)+IF(Input!$K$15=1,L7489*Input!$J$15,0)+IF(Input!$K$16=1,M7489*Input!$J$16,0)</f>
        <v>2.2255029872452403</v>
      </c>
      <c r="O7489" s="58">
        <f>IF(Input!$K$13=2,J7489*Input!$J$13,0)+IF(Input!$K$14=2,K7489*Input!$J$14,0)+IF(Input!$K$15=2,L7489*Input!$J$15,0)+IF(Input!$K$16=2,M7489*Input!$J$16,0)</f>
        <v>0.12674417530897436</v>
      </c>
      <c r="P7489" s="58">
        <f>IF(Input!$K$13=3,J7489*Input!$J$13,0)+IF(Input!$K$14=3,K7489*Input!$J$14,0)+IF(Input!$K$15=3,L7489*Input!$J$15,0)+IF(Input!$K$16=3,M7489*Input!$J$16,0)</f>
        <v>0</v>
      </c>
      <c r="Q7489" s="71">
        <f>IF(Input!$K$13=4,J7489*Input!$J$13,0)+IF(Input!$K$14=4,K7489*Input!$J$14,0)+IF(Input!$K$15=4,L7489*Input!$J$15,0)+IF(Input!$K$16=4,M7489*Input!$J$16,0)</f>
        <v>0</v>
      </c>
    </row>
    <row r="7490" spans="8:17" x14ac:dyDescent="0.25">
      <c r="H7490" s="43">
        <v>7483</v>
      </c>
      <c r="I7490" s="55">
        <f>Bühler!I7516</f>
        <v>1.3263589341984556</v>
      </c>
      <c r="J7490" s="58">
        <f>Bühler!J7516</f>
        <v>11.118990219355243</v>
      </c>
      <c r="K7490" s="58">
        <f>Bühler!K7516</f>
        <v>0.61963819039943024</v>
      </c>
      <c r="L7490" s="58">
        <f>Bühler!L7516</f>
        <v>0.30981909519971512</v>
      </c>
      <c r="M7490" s="57">
        <f>Bühler!M7516</f>
        <v>0</v>
      </c>
      <c r="N7490" s="55">
        <f>IF(Input!$K$13=1,J7490*Input!$J$13,0)+IF(Input!$K$14=1,K7490*Input!$J$14,0)+IF(Input!$K$15=1,L7490*Input!$J$15,0)+IF(Input!$K$16=1,M7490*Input!$J$16,0)</f>
        <v>1.3342788263226291</v>
      </c>
      <c r="O7490" s="58">
        <f>IF(Input!$K$13=2,J7490*Input!$J$13,0)+IF(Input!$K$14=2,K7490*Input!$J$14,0)+IF(Input!$K$15=2,L7490*Input!$J$15,0)+IF(Input!$K$16=2,M7490*Input!$J$16,0)</f>
        <v>8.3651155703923091E-2</v>
      </c>
      <c r="P7490" s="58">
        <f>IF(Input!$K$13=3,J7490*Input!$J$13,0)+IF(Input!$K$14=3,K7490*Input!$J$14,0)+IF(Input!$K$15=3,L7490*Input!$J$15,0)+IF(Input!$K$16=3,M7490*Input!$J$16,0)</f>
        <v>0</v>
      </c>
      <c r="Q7490" s="71">
        <f>IF(Input!$K$13=4,J7490*Input!$J$13,0)+IF(Input!$K$14=4,K7490*Input!$J$14,0)+IF(Input!$K$15=4,L7490*Input!$J$15,0)+IF(Input!$K$16=4,M7490*Input!$J$16,0)</f>
        <v>0</v>
      </c>
    </row>
    <row r="7491" spans="8:17" x14ac:dyDescent="0.25">
      <c r="H7491" s="43">
        <v>7484</v>
      </c>
      <c r="I7491" s="55">
        <f>Bühler!I7517</f>
        <v>1.3263589341984556</v>
      </c>
      <c r="J7491" s="58">
        <f>Bühler!J7517</f>
        <v>11.118990219355243</v>
      </c>
      <c r="K7491" s="58">
        <f>Bühler!K7517</f>
        <v>0.61963819039943024</v>
      </c>
      <c r="L7491" s="58">
        <f>Bühler!L7517</f>
        <v>0.30981909519971512</v>
      </c>
      <c r="M7491" s="57">
        <f>Bühler!M7517</f>
        <v>0</v>
      </c>
      <c r="N7491" s="55">
        <f>IF(Input!$K$13=1,J7491*Input!$J$13,0)+IF(Input!$K$14=1,K7491*Input!$J$14,0)+IF(Input!$K$15=1,L7491*Input!$J$15,0)+IF(Input!$K$16=1,M7491*Input!$J$16,0)</f>
        <v>1.3342788263226291</v>
      </c>
      <c r="O7491" s="58">
        <f>IF(Input!$K$13=2,J7491*Input!$J$13,0)+IF(Input!$K$14=2,K7491*Input!$J$14,0)+IF(Input!$K$15=2,L7491*Input!$J$15,0)+IF(Input!$K$16=2,M7491*Input!$J$16,0)</f>
        <v>8.3651155703923091E-2</v>
      </c>
      <c r="P7491" s="58">
        <f>IF(Input!$K$13=3,J7491*Input!$J$13,0)+IF(Input!$K$14=3,K7491*Input!$J$14,0)+IF(Input!$K$15=3,L7491*Input!$J$15,0)+IF(Input!$K$16=3,M7491*Input!$J$16,0)</f>
        <v>0</v>
      </c>
      <c r="Q7491" s="71">
        <f>IF(Input!$K$13=4,J7491*Input!$J$13,0)+IF(Input!$K$14=4,K7491*Input!$J$14,0)+IF(Input!$K$15=4,L7491*Input!$J$15,0)+IF(Input!$K$16=4,M7491*Input!$J$16,0)</f>
        <v>0</v>
      </c>
    </row>
    <row r="7492" spans="8:17" x14ac:dyDescent="0.25">
      <c r="H7492" s="43">
        <v>7485</v>
      </c>
      <c r="I7492" s="55">
        <f>Bühler!I7518</f>
        <v>1.3263589341984556</v>
      </c>
      <c r="J7492" s="58">
        <f>Bühler!J7518</f>
        <v>11.118990219355243</v>
      </c>
      <c r="K7492" s="58">
        <f>Bühler!K7518</f>
        <v>0.61963819039943024</v>
      </c>
      <c r="L7492" s="58">
        <f>Bühler!L7518</f>
        <v>0.30981909519971512</v>
      </c>
      <c r="M7492" s="57">
        <f>Bühler!M7518</f>
        <v>0</v>
      </c>
      <c r="N7492" s="55">
        <f>IF(Input!$K$13=1,J7492*Input!$J$13,0)+IF(Input!$K$14=1,K7492*Input!$J$14,0)+IF(Input!$K$15=1,L7492*Input!$J$15,0)+IF(Input!$K$16=1,M7492*Input!$J$16,0)</f>
        <v>1.3342788263226291</v>
      </c>
      <c r="O7492" s="58">
        <f>IF(Input!$K$13=2,J7492*Input!$J$13,0)+IF(Input!$K$14=2,K7492*Input!$J$14,0)+IF(Input!$K$15=2,L7492*Input!$J$15,0)+IF(Input!$K$16=2,M7492*Input!$J$16,0)</f>
        <v>8.3651155703923091E-2</v>
      </c>
      <c r="P7492" s="58">
        <f>IF(Input!$K$13=3,J7492*Input!$J$13,0)+IF(Input!$K$14=3,K7492*Input!$J$14,0)+IF(Input!$K$15=3,L7492*Input!$J$15,0)+IF(Input!$K$16=3,M7492*Input!$J$16,0)</f>
        <v>0</v>
      </c>
      <c r="Q7492" s="71">
        <f>IF(Input!$K$13=4,J7492*Input!$J$13,0)+IF(Input!$K$14=4,K7492*Input!$J$14,0)+IF(Input!$K$15=4,L7492*Input!$J$15,0)+IF(Input!$K$16=4,M7492*Input!$J$16,0)</f>
        <v>0</v>
      </c>
    </row>
    <row r="7493" spans="8:17" x14ac:dyDescent="0.25">
      <c r="H7493" s="43">
        <v>7486</v>
      </c>
      <c r="I7493" s="55">
        <f>Bühler!I7519</f>
        <v>1.3263589341984556</v>
      </c>
      <c r="J7493" s="58">
        <f>Bühler!J7519</f>
        <v>11.118990219355243</v>
      </c>
      <c r="K7493" s="58">
        <f>Bühler!K7519</f>
        <v>0.61963819039943024</v>
      </c>
      <c r="L7493" s="58">
        <f>Bühler!L7519</f>
        <v>0.30981909519971512</v>
      </c>
      <c r="M7493" s="57">
        <f>Bühler!M7519</f>
        <v>0</v>
      </c>
      <c r="N7493" s="55">
        <f>IF(Input!$K$13=1,J7493*Input!$J$13,0)+IF(Input!$K$14=1,K7493*Input!$J$14,0)+IF(Input!$K$15=1,L7493*Input!$J$15,0)+IF(Input!$K$16=1,M7493*Input!$J$16,0)</f>
        <v>1.3342788263226291</v>
      </c>
      <c r="O7493" s="58">
        <f>IF(Input!$K$13=2,J7493*Input!$J$13,0)+IF(Input!$K$14=2,K7493*Input!$J$14,0)+IF(Input!$K$15=2,L7493*Input!$J$15,0)+IF(Input!$K$16=2,M7493*Input!$J$16,0)</f>
        <v>8.3651155703923091E-2</v>
      </c>
      <c r="P7493" s="58">
        <f>IF(Input!$K$13=3,J7493*Input!$J$13,0)+IF(Input!$K$14=3,K7493*Input!$J$14,0)+IF(Input!$K$15=3,L7493*Input!$J$15,0)+IF(Input!$K$16=3,M7493*Input!$J$16,0)</f>
        <v>0</v>
      </c>
      <c r="Q7493" s="71">
        <f>IF(Input!$K$13=4,J7493*Input!$J$13,0)+IF(Input!$K$14=4,K7493*Input!$J$14,0)+IF(Input!$K$15=4,L7493*Input!$J$15,0)+IF(Input!$K$16=4,M7493*Input!$J$16,0)</f>
        <v>0</v>
      </c>
    </row>
    <row r="7494" spans="8:17" x14ac:dyDescent="0.25">
      <c r="H7494" s="43">
        <v>7487</v>
      </c>
      <c r="I7494" s="55">
        <f>Bühler!I7520</f>
        <v>1.3263589341984556</v>
      </c>
      <c r="J7494" s="58">
        <f>Bühler!J7520</f>
        <v>11.118990219355243</v>
      </c>
      <c r="K7494" s="58">
        <f>Bühler!K7520</f>
        <v>0.61963819039943024</v>
      </c>
      <c r="L7494" s="58">
        <f>Bühler!L7520</f>
        <v>0.30981909519971512</v>
      </c>
      <c r="M7494" s="57">
        <f>Bühler!M7520</f>
        <v>0</v>
      </c>
      <c r="N7494" s="55">
        <f>IF(Input!$K$13=1,J7494*Input!$J$13,0)+IF(Input!$K$14=1,K7494*Input!$J$14,0)+IF(Input!$K$15=1,L7494*Input!$J$15,0)+IF(Input!$K$16=1,M7494*Input!$J$16,0)</f>
        <v>1.3342788263226291</v>
      </c>
      <c r="O7494" s="58">
        <f>IF(Input!$K$13=2,J7494*Input!$J$13,0)+IF(Input!$K$14=2,K7494*Input!$J$14,0)+IF(Input!$K$15=2,L7494*Input!$J$15,0)+IF(Input!$K$16=2,M7494*Input!$J$16,0)</f>
        <v>8.3651155703923091E-2</v>
      </c>
      <c r="P7494" s="58">
        <f>IF(Input!$K$13=3,J7494*Input!$J$13,0)+IF(Input!$K$14=3,K7494*Input!$J$14,0)+IF(Input!$K$15=3,L7494*Input!$J$15,0)+IF(Input!$K$16=3,M7494*Input!$J$16,0)</f>
        <v>0</v>
      </c>
      <c r="Q7494" s="71">
        <f>IF(Input!$K$13=4,J7494*Input!$J$13,0)+IF(Input!$K$14=4,K7494*Input!$J$14,0)+IF(Input!$K$15=4,L7494*Input!$J$15,0)+IF(Input!$K$16=4,M7494*Input!$J$16,0)</f>
        <v>0</v>
      </c>
    </row>
    <row r="7495" spans="8:17" x14ac:dyDescent="0.25">
      <c r="H7495" s="43">
        <v>7488</v>
      </c>
      <c r="I7495" s="55">
        <f>Bühler!I7521</f>
        <v>1.3263589341984556</v>
      </c>
      <c r="J7495" s="58">
        <f>Bühler!J7521</f>
        <v>11.118990219355243</v>
      </c>
      <c r="K7495" s="58">
        <f>Bühler!K7521</f>
        <v>0.61963819039943024</v>
      </c>
      <c r="L7495" s="58">
        <f>Bühler!L7521</f>
        <v>0.30981909519971512</v>
      </c>
      <c r="M7495" s="57">
        <f>Bühler!M7521</f>
        <v>0</v>
      </c>
      <c r="N7495" s="55">
        <f>IF(Input!$K$13=1,J7495*Input!$J$13,0)+IF(Input!$K$14=1,K7495*Input!$J$14,0)+IF(Input!$K$15=1,L7495*Input!$J$15,0)+IF(Input!$K$16=1,M7495*Input!$J$16,0)</f>
        <v>1.3342788263226291</v>
      </c>
      <c r="O7495" s="58">
        <f>IF(Input!$K$13=2,J7495*Input!$J$13,0)+IF(Input!$K$14=2,K7495*Input!$J$14,0)+IF(Input!$K$15=2,L7495*Input!$J$15,0)+IF(Input!$K$16=2,M7495*Input!$J$16,0)</f>
        <v>8.3651155703923091E-2</v>
      </c>
      <c r="P7495" s="58">
        <f>IF(Input!$K$13=3,J7495*Input!$J$13,0)+IF(Input!$K$14=3,K7495*Input!$J$14,0)+IF(Input!$K$15=3,L7495*Input!$J$15,0)+IF(Input!$K$16=3,M7495*Input!$J$16,0)</f>
        <v>0</v>
      </c>
      <c r="Q7495" s="71">
        <f>IF(Input!$K$13=4,J7495*Input!$J$13,0)+IF(Input!$K$14=4,K7495*Input!$J$14,0)+IF(Input!$K$15=4,L7495*Input!$J$15,0)+IF(Input!$K$16=4,M7495*Input!$J$16,0)</f>
        <v>0</v>
      </c>
    </row>
    <row r="7496" spans="8:17" x14ac:dyDescent="0.25">
      <c r="H7496" s="43">
        <v>7489</v>
      </c>
      <c r="I7496" s="55">
        <f>Bühler!I7522</f>
        <v>2.7949933676303922</v>
      </c>
      <c r="J7496" s="58">
        <f>Bühler!J7522</f>
        <v>14.012349188235342</v>
      </c>
      <c r="K7496" s="58">
        <f>Bühler!K7522</f>
        <v>0.63486788775084591</v>
      </c>
      <c r="L7496" s="58">
        <f>Bühler!L7522</f>
        <v>0.31743394387542295</v>
      </c>
      <c r="M7496" s="57">
        <f>Bühler!M7522</f>
        <v>0</v>
      </c>
      <c r="N7496" s="55">
        <f>IF(Input!$K$13=1,J7496*Input!$J$13,0)+IF(Input!$K$14=1,K7496*Input!$J$14,0)+IF(Input!$K$15=1,L7496*Input!$J$15,0)+IF(Input!$K$16=1,M7496*Input!$J$16,0)</f>
        <v>1.681481902588241</v>
      </c>
      <c r="O7496" s="58">
        <f>IF(Input!$K$13=2,J7496*Input!$J$13,0)+IF(Input!$K$14=2,K7496*Input!$J$14,0)+IF(Input!$K$15=2,L7496*Input!$J$15,0)+IF(Input!$K$16=2,M7496*Input!$J$16,0)</f>
        <v>8.5707164846364203E-2</v>
      </c>
      <c r="P7496" s="58">
        <f>IF(Input!$K$13=3,J7496*Input!$J$13,0)+IF(Input!$K$14=3,K7496*Input!$J$14,0)+IF(Input!$K$15=3,L7496*Input!$J$15,0)+IF(Input!$K$16=3,M7496*Input!$J$16,0)</f>
        <v>0</v>
      </c>
      <c r="Q7496" s="71">
        <f>IF(Input!$K$13=4,J7496*Input!$J$13,0)+IF(Input!$K$14=4,K7496*Input!$J$14,0)+IF(Input!$K$15=4,L7496*Input!$J$15,0)+IF(Input!$K$16=4,M7496*Input!$J$16,0)</f>
        <v>0</v>
      </c>
    </row>
    <row r="7497" spans="8:17" x14ac:dyDescent="0.25">
      <c r="H7497" s="43">
        <v>7490</v>
      </c>
      <c r="I7497" s="55">
        <f>Bühler!I7523</f>
        <v>2.7949933676303922</v>
      </c>
      <c r="J7497" s="58">
        <f>Bühler!J7523</f>
        <v>14.012349188235342</v>
      </c>
      <c r="K7497" s="58">
        <f>Bühler!K7523</f>
        <v>0.63486788775084591</v>
      </c>
      <c r="L7497" s="58">
        <f>Bühler!L7523</f>
        <v>0.31743394387542295</v>
      </c>
      <c r="M7497" s="57">
        <f>Bühler!M7523</f>
        <v>0</v>
      </c>
      <c r="N7497" s="55">
        <f>IF(Input!$K$13=1,J7497*Input!$J$13,0)+IF(Input!$K$14=1,K7497*Input!$J$14,0)+IF(Input!$K$15=1,L7497*Input!$J$15,0)+IF(Input!$K$16=1,M7497*Input!$J$16,0)</f>
        <v>1.681481902588241</v>
      </c>
      <c r="O7497" s="58">
        <f>IF(Input!$K$13=2,J7497*Input!$J$13,0)+IF(Input!$K$14=2,K7497*Input!$J$14,0)+IF(Input!$K$15=2,L7497*Input!$J$15,0)+IF(Input!$K$16=2,M7497*Input!$J$16,0)</f>
        <v>8.5707164846364203E-2</v>
      </c>
      <c r="P7497" s="58">
        <f>IF(Input!$K$13=3,J7497*Input!$J$13,0)+IF(Input!$K$14=3,K7497*Input!$J$14,0)+IF(Input!$K$15=3,L7497*Input!$J$15,0)+IF(Input!$K$16=3,M7497*Input!$J$16,0)</f>
        <v>0</v>
      </c>
      <c r="Q7497" s="71">
        <f>IF(Input!$K$13=4,J7497*Input!$J$13,0)+IF(Input!$K$14=4,K7497*Input!$J$14,0)+IF(Input!$K$15=4,L7497*Input!$J$15,0)+IF(Input!$K$16=4,M7497*Input!$J$16,0)</f>
        <v>0</v>
      </c>
    </row>
    <row r="7498" spans="8:17" x14ac:dyDescent="0.25">
      <c r="H7498" s="43">
        <v>7491</v>
      </c>
      <c r="I7498" s="55">
        <f>Bühler!I7524</f>
        <v>2.7949933676303922</v>
      </c>
      <c r="J7498" s="58">
        <f>Bühler!J7524</f>
        <v>14.012349188235342</v>
      </c>
      <c r="K7498" s="58">
        <f>Bühler!K7524</f>
        <v>0.63486788775084591</v>
      </c>
      <c r="L7498" s="58">
        <f>Bühler!L7524</f>
        <v>0.31743394387542295</v>
      </c>
      <c r="M7498" s="57">
        <f>Bühler!M7524</f>
        <v>0</v>
      </c>
      <c r="N7498" s="55">
        <f>IF(Input!$K$13=1,J7498*Input!$J$13,0)+IF(Input!$K$14=1,K7498*Input!$J$14,0)+IF(Input!$K$15=1,L7498*Input!$J$15,0)+IF(Input!$K$16=1,M7498*Input!$J$16,0)</f>
        <v>1.681481902588241</v>
      </c>
      <c r="O7498" s="58">
        <f>IF(Input!$K$13=2,J7498*Input!$J$13,0)+IF(Input!$K$14=2,K7498*Input!$J$14,0)+IF(Input!$K$15=2,L7498*Input!$J$15,0)+IF(Input!$K$16=2,M7498*Input!$J$16,0)</f>
        <v>8.5707164846364203E-2</v>
      </c>
      <c r="P7498" s="58">
        <f>IF(Input!$K$13=3,J7498*Input!$J$13,0)+IF(Input!$K$14=3,K7498*Input!$J$14,0)+IF(Input!$K$15=3,L7498*Input!$J$15,0)+IF(Input!$K$16=3,M7498*Input!$J$16,0)</f>
        <v>0</v>
      </c>
      <c r="Q7498" s="71">
        <f>IF(Input!$K$13=4,J7498*Input!$J$13,0)+IF(Input!$K$14=4,K7498*Input!$J$14,0)+IF(Input!$K$15=4,L7498*Input!$J$15,0)+IF(Input!$K$16=4,M7498*Input!$J$16,0)</f>
        <v>0</v>
      </c>
    </row>
    <row r="7499" spans="8:17" x14ac:dyDescent="0.25">
      <c r="H7499" s="43">
        <v>7492</v>
      </c>
      <c r="I7499" s="55">
        <f>Bühler!I7525</f>
        <v>2.7949933676303922</v>
      </c>
      <c r="J7499" s="58">
        <f>Bühler!J7525</f>
        <v>14.012349188235342</v>
      </c>
      <c r="K7499" s="58">
        <f>Bühler!K7525</f>
        <v>0.63486788775084591</v>
      </c>
      <c r="L7499" s="58">
        <f>Bühler!L7525</f>
        <v>0.31743394387542295</v>
      </c>
      <c r="M7499" s="57">
        <f>Bühler!M7525</f>
        <v>0</v>
      </c>
      <c r="N7499" s="55">
        <f>IF(Input!$K$13=1,J7499*Input!$J$13,0)+IF(Input!$K$14=1,K7499*Input!$J$14,0)+IF(Input!$K$15=1,L7499*Input!$J$15,0)+IF(Input!$K$16=1,M7499*Input!$J$16,0)</f>
        <v>1.681481902588241</v>
      </c>
      <c r="O7499" s="58">
        <f>IF(Input!$K$13=2,J7499*Input!$J$13,0)+IF(Input!$K$14=2,K7499*Input!$J$14,0)+IF(Input!$K$15=2,L7499*Input!$J$15,0)+IF(Input!$K$16=2,M7499*Input!$J$16,0)</f>
        <v>8.5707164846364203E-2</v>
      </c>
      <c r="P7499" s="58">
        <f>IF(Input!$K$13=3,J7499*Input!$J$13,0)+IF(Input!$K$14=3,K7499*Input!$J$14,0)+IF(Input!$K$15=3,L7499*Input!$J$15,0)+IF(Input!$K$16=3,M7499*Input!$J$16,0)</f>
        <v>0</v>
      </c>
      <c r="Q7499" s="71">
        <f>IF(Input!$K$13=4,J7499*Input!$J$13,0)+IF(Input!$K$14=4,K7499*Input!$J$14,0)+IF(Input!$K$15=4,L7499*Input!$J$15,0)+IF(Input!$K$16=4,M7499*Input!$J$16,0)</f>
        <v>0</v>
      </c>
    </row>
    <row r="7500" spans="8:17" x14ac:dyDescent="0.25">
      <c r="H7500" s="43">
        <v>7493</v>
      </c>
      <c r="I7500" s="55">
        <f>Bühler!I7526</f>
        <v>2.7949933676303922</v>
      </c>
      <c r="J7500" s="58">
        <f>Bühler!J7526</f>
        <v>14.012349188235342</v>
      </c>
      <c r="K7500" s="58">
        <f>Bühler!K7526</f>
        <v>0.63486788775084591</v>
      </c>
      <c r="L7500" s="58">
        <f>Bühler!L7526</f>
        <v>0.31743394387542295</v>
      </c>
      <c r="M7500" s="57">
        <f>Bühler!M7526</f>
        <v>0</v>
      </c>
      <c r="N7500" s="55">
        <f>IF(Input!$K$13=1,J7500*Input!$J$13,0)+IF(Input!$K$14=1,K7500*Input!$J$14,0)+IF(Input!$K$15=1,L7500*Input!$J$15,0)+IF(Input!$K$16=1,M7500*Input!$J$16,0)</f>
        <v>1.681481902588241</v>
      </c>
      <c r="O7500" s="58">
        <f>IF(Input!$K$13=2,J7500*Input!$J$13,0)+IF(Input!$K$14=2,K7500*Input!$J$14,0)+IF(Input!$K$15=2,L7500*Input!$J$15,0)+IF(Input!$K$16=2,M7500*Input!$J$16,0)</f>
        <v>8.5707164846364203E-2</v>
      </c>
      <c r="P7500" s="58">
        <f>IF(Input!$K$13=3,J7500*Input!$J$13,0)+IF(Input!$K$14=3,K7500*Input!$J$14,0)+IF(Input!$K$15=3,L7500*Input!$J$15,0)+IF(Input!$K$16=3,M7500*Input!$J$16,0)</f>
        <v>0</v>
      </c>
      <c r="Q7500" s="71">
        <f>IF(Input!$K$13=4,J7500*Input!$J$13,0)+IF(Input!$K$14=4,K7500*Input!$J$14,0)+IF(Input!$K$15=4,L7500*Input!$J$15,0)+IF(Input!$K$16=4,M7500*Input!$J$16,0)</f>
        <v>0</v>
      </c>
    </row>
    <row r="7501" spans="8:17" x14ac:dyDescent="0.25">
      <c r="H7501" s="43">
        <v>7494</v>
      </c>
      <c r="I7501" s="55">
        <f>Bühler!I7527</f>
        <v>2.7949933676303922</v>
      </c>
      <c r="J7501" s="58">
        <f>Bühler!J7527</f>
        <v>14.012349188235342</v>
      </c>
      <c r="K7501" s="58">
        <f>Bühler!K7527</f>
        <v>0.63486788775084591</v>
      </c>
      <c r="L7501" s="58">
        <f>Bühler!L7527</f>
        <v>0.31743394387542295</v>
      </c>
      <c r="M7501" s="57">
        <f>Bühler!M7527</f>
        <v>0</v>
      </c>
      <c r="N7501" s="55">
        <f>IF(Input!$K$13=1,J7501*Input!$J$13,0)+IF(Input!$K$14=1,K7501*Input!$J$14,0)+IF(Input!$K$15=1,L7501*Input!$J$15,0)+IF(Input!$K$16=1,M7501*Input!$J$16,0)</f>
        <v>1.681481902588241</v>
      </c>
      <c r="O7501" s="58">
        <f>IF(Input!$K$13=2,J7501*Input!$J$13,0)+IF(Input!$K$14=2,K7501*Input!$J$14,0)+IF(Input!$K$15=2,L7501*Input!$J$15,0)+IF(Input!$K$16=2,M7501*Input!$J$16,0)</f>
        <v>8.5707164846364203E-2</v>
      </c>
      <c r="P7501" s="58">
        <f>IF(Input!$K$13=3,J7501*Input!$J$13,0)+IF(Input!$K$14=3,K7501*Input!$J$14,0)+IF(Input!$K$15=3,L7501*Input!$J$15,0)+IF(Input!$K$16=3,M7501*Input!$J$16,0)</f>
        <v>0</v>
      </c>
      <c r="Q7501" s="71">
        <f>IF(Input!$K$13=4,J7501*Input!$J$13,0)+IF(Input!$K$14=4,K7501*Input!$J$14,0)+IF(Input!$K$15=4,L7501*Input!$J$15,0)+IF(Input!$K$16=4,M7501*Input!$J$16,0)</f>
        <v>0</v>
      </c>
    </row>
    <row r="7502" spans="8:17" x14ac:dyDescent="0.25">
      <c r="H7502" s="43">
        <v>7495</v>
      </c>
      <c r="I7502" s="55">
        <f>Bühler!I7528</f>
        <v>2.7949933676303922</v>
      </c>
      <c r="J7502" s="58">
        <f>Bühler!J7528</f>
        <v>14.012349188235342</v>
      </c>
      <c r="K7502" s="58">
        <f>Bühler!K7528</f>
        <v>0.63486788775084591</v>
      </c>
      <c r="L7502" s="58">
        <f>Bühler!L7528</f>
        <v>0.31743394387542295</v>
      </c>
      <c r="M7502" s="57">
        <f>Bühler!M7528</f>
        <v>0</v>
      </c>
      <c r="N7502" s="55">
        <f>IF(Input!$K$13=1,J7502*Input!$J$13,0)+IF(Input!$K$14=1,K7502*Input!$J$14,0)+IF(Input!$K$15=1,L7502*Input!$J$15,0)+IF(Input!$K$16=1,M7502*Input!$J$16,0)</f>
        <v>1.681481902588241</v>
      </c>
      <c r="O7502" s="58">
        <f>IF(Input!$K$13=2,J7502*Input!$J$13,0)+IF(Input!$K$14=2,K7502*Input!$J$14,0)+IF(Input!$K$15=2,L7502*Input!$J$15,0)+IF(Input!$K$16=2,M7502*Input!$J$16,0)</f>
        <v>8.5707164846364203E-2</v>
      </c>
      <c r="P7502" s="58">
        <f>IF(Input!$K$13=3,J7502*Input!$J$13,0)+IF(Input!$K$14=3,K7502*Input!$J$14,0)+IF(Input!$K$15=3,L7502*Input!$J$15,0)+IF(Input!$K$16=3,M7502*Input!$J$16,0)</f>
        <v>0</v>
      </c>
      <c r="Q7502" s="71">
        <f>IF(Input!$K$13=4,J7502*Input!$J$13,0)+IF(Input!$K$14=4,K7502*Input!$J$14,0)+IF(Input!$K$15=4,L7502*Input!$J$15,0)+IF(Input!$K$16=4,M7502*Input!$J$16,0)</f>
        <v>0</v>
      </c>
    </row>
    <row r="7503" spans="8:17" x14ac:dyDescent="0.25">
      <c r="H7503" s="43">
        <v>7496</v>
      </c>
      <c r="I7503" s="55">
        <f>Bühler!I7529</f>
        <v>7.7002067278217297</v>
      </c>
      <c r="J7503" s="58">
        <f>Bühler!J7529</f>
        <v>53.244948695296657</v>
      </c>
      <c r="K7503" s="58">
        <f>Bühler!K7529</f>
        <v>2.5952629714420943</v>
      </c>
      <c r="L7503" s="58">
        <f>Bühler!L7529</f>
        <v>1.2976314857210471</v>
      </c>
      <c r="M7503" s="57">
        <f>Bühler!M7529</f>
        <v>0</v>
      </c>
      <c r="N7503" s="55">
        <f>IF(Input!$K$13=1,J7503*Input!$J$13,0)+IF(Input!$K$14=1,K7503*Input!$J$14,0)+IF(Input!$K$15=1,L7503*Input!$J$15,0)+IF(Input!$K$16=1,M7503*Input!$J$16,0)</f>
        <v>6.3893938434355988</v>
      </c>
      <c r="O7503" s="58">
        <f>IF(Input!$K$13=2,J7503*Input!$J$13,0)+IF(Input!$K$14=2,K7503*Input!$J$14,0)+IF(Input!$K$15=2,L7503*Input!$J$15,0)+IF(Input!$K$16=2,M7503*Input!$J$16,0)</f>
        <v>0.35036050114468276</v>
      </c>
      <c r="P7503" s="58">
        <f>IF(Input!$K$13=3,J7503*Input!$J$13,0)+IF(Input!$K$14=3,K7503*Input!$J$14,0)+IF(Input!$K$15=3,L7503*Input!$J$15,0)+IF(Input!$K$16=3,M7503*Input!$J$16,0)</f>
        <v>0</v>
      </c>
      <c r="Q7503" s="71">
        <f>IF(Input!$K$13=4,J7503*Input!$J$13,0)+IF(Input!$K$14=4,K7503*Input!$J$14,0)+IF(Input!$K$15=4,L7503*Input!$J$15,0)+IF(Input!$K$16=4,M7503*Input!$J$16,0)</f>
        <v>0</v>
      </c>
    </row>
    <row r="7504" spans="8:17" x14ac:dyDescent="0.25">
      <c r="H7504" s="43">
        <v>7497</v>
      </c>
      <c r="I7504" s="55">
        <f>Bühler!I7530</f>
        <v>8.5918096120958261</v>
      </c>
      <c r="J7504" s="58">
        <f>Bühler!J7530</f>
        <v>59.410153281067849</v>
      </c>
      <c r="K7504" s="58">
        <f>Bühler!K7530</f>
        <v>2.8957671049774949</v>
      </c>
      <c r="L7504" s="58">
        <f>Bühler!L7530</f>
        <v>1.4478835524887474</v>
      </c>
      <c r="M7504" s="57">
        <f>Bühler!M7530</f>
        <v>0</v>
      </c>
      <c r="N7504" s="55">
        <f>IF(Input!$K$13=1,J7504*Input!$J$13,0)+IF(Input!$K$14=1,K7504*Input!$J$14,0)+IF(Input!$K$15=1,L7504*Input!$J$15,0)+IF(Input!$K$16=1,M7504*Input!$J$16,0)</f>
        <v>7.1292183937281415</v>
      </c>
      <c r="O7504" s="58">
        <f>IF(Input!$K$13=2,J7504*Input!$J$13,0)+IF(Input!$K$14=2,K7504*Input!$J$14,0)+IF(Input!$K$15=2,L7504*Input!$J$15,0)+IF(Input!$K$16=2,M7504*Input!$J$16,0)</f>
        <v>0.39092855917196179</v>
      </c>
      <c r="P7504" s="58">
        <f>IF(Input!$K$13=3,J7504*Input!$J$13,0)+IF(Input!$K$14=3,K7504*Input!$J$14,0)+IF(Input!$K$15=3,L7504*Input!$J$15,0)+IF(Input!$K$16=3,M7504*Input!$J$16,0)</f>
        <v>0</v>
      </c>
      <c r="Q7504" s="71">
        <f>IF(Input!$K$13=4,J7504*Input!$J$13,0)+IF(Input!$K$14=4,K7504*Input!$J$14,0)+IF(Input!$K$15=4,L7504*Input!$J$15,0)+IF(Input!$K$16=4,M7504*Input!$J$16,0)</f>
        <v>0</v>
      </c>
    </row>
    <row r="7505" spans="8:17" x14ac:dyDescent="0.25">
      <c r="H7505" s="43">
        <v>7498</v>
      </c>
      <c r="I7505" s="55">
        <f>Bühler!I7531</f>
        <v>9.4834124963699189</v>
      </c>
      <c r="J7505" s="58">
        <f>Bühler!J7531</f>
        <v>65.575357866839028</v>
      </c>
      <c r="K7505" s="58">
        <f>Bühler!K7531</f>
        <v>3.1962712385128955</v>
      </c>
      <c r="L7505" s="58">
        <f>Bühler!L7531</f>
        <v>1.5981356192564478</v>
      </c>
      <c r="M7505" s="57">
        <f>Bühler!M7531</f>
        <v>0</v>
      </c>
      <c r="N7505" s="55">
        <f>IF(Input!$K$13=1,J7505*Input!$J$13,0)+IF(Input!$K$14=1,K7505*Input!$J$14,0)+IF(Input!$K$15=1,L7505*Input!$J$15,0)+IF(Input!$K$16=1,M7505*Input!$J$16,0)</f>
        <v>7.8690429440206833</v>
      </c>
      <c r="O7505" s="58">
        <f>IF(Input!$K$13=2,J7505*Input!$J$13,0)+IF(Input!$K$14=2,K7505*Input!$J$14,0)+IF(Input!$K$15=2,L7505*Input!$J$15,0)+IF(Input!$K$16=2,M7505*Input!$J$16,0)</f>
        <v>0.43149661719924093</v>
      </c>
      <c r="P7505" s="58">
        <f>IF(Input!$K$13=3,J7505*Input!$J$13,0)+IF(Input!$K$14=3,K7505*Input!$J$14,0)+IF(Input!$K$15=3,L7505*Input!$J$15,0)+IF(Input!$K$16=3,M7505*Input!$J$16,0)</f>
        <v>0</v>
      </c>
      <c r="Q7505" s="71">
        <f>IF(Input!$K$13=4,J7505*Input!$J$13,0)+IF(Input!$K$14=4,K7505*Input!$J$14,0)+IF(Input!$K$15=4,L7505*Input!$J$15,0)+IF(Input!$K$16=4,M7505*Input!$J$16,0)</f>
        <v>0</v>
      </c>
    </row>
    <row r="7506" spans="8:17" x14ac:dyDescent="0.25">
      <c r="H7506" s="43">
        <v>7499</v>
      </c>
      <c r="I7506" s="55">
        <f>Bühler!I7532</f>
        <v>9.4834124963699189</v>
      </c>
      <c r="J7506" s="58">
        <f>Bühler!J7532</f>
        <v>65.575357866839028</v>
      </c>
      <c r="K7506" s="58">
        <f>Bühler!K7532</f>
        <v>3.1962712385128955</v>
      </c>
      <c r="L7506" s="58">
        <f>Bühler!L7532</f>
        <v>1.5981356192564478</v>
      </c>
      <c r="M7506" s="57">
        <f>Bühler!M7532</f>
        <v>0</v>
      </c>
      <c r="N7506" s="55">
        <f>IF(Input!$K$13=1,J7506*Input!$J$13,0)+IF(Input!$K$14=1,K7506*Input!$J$14,0)+IF(Input!$K$15=1,L7506*Input!$J$15,0)+IF(Input!$K$16=1,M7506*Input!$J$16,0)</f>
        <v>7.8690429440206833</v>
      </c>
      <c r="O7506" s="58">
        <f>IF(Input!$K$13=2,J7506*Input!$J$13,0)+IF(Input!$K$14=2,K7506*Input!$J$14,0)+IF(Input!$K$15=2,L7506*Input!$J$15,0)+IF(Input!$K$16=2,M7506*Input!$J$16,0)</f>
        <v>0.43149661719924093</v>
      </c>
      <c r="P7506" s="58">
        <f>IF(Input!$K$13=3,J7506*Input!$J$13,0)+IF(Input!$K$14=3,K7506*Input!$J$14,0)+IF(Input!$K$15=3,L7506*Input!$J$15,0)+IF(Input!$K$16=3,M7506*Input!$J$16,0)</f>
        <v>0</v>
      </c>
      <c r="Q7506" s="71">
        <f>IF(Input!$K$13=4,J7506*Input!$J$13,0)+IF(Input!$K$14=4,K7506*Input!$J$14,0)+IF(Input!$K$15=4,L7506*Input!$J$15,0)+IF(Input!$K$16=4,M7506*Input!$J$16,0)</f>
        <v>0</v>
      </c>
    </row>
    <row r="7507" spans="8:17" x14ac:dyDescent="0.25">
      <c r="H7507" s="43">
        <v>7500</v>
      </c>
      <c r="I7507" s="55">
        <f>Bühler!I7533</f>
        <v>11.347673072579392</v>
      </c>
      <c r="J7507" s="58">
        <f>Bühler!J7533</f>
        <v>78.466240182542435</v>
      </c>
      <c r="K7507" s="58">
        <f>Bühler!K7533</f>
        <v>3.8245980631778234</v>
      </c>
      <c r="L7507" s="58">
        <f>Bühler!L7533</f>
        <v>1.9122990315889117</v>
      </c>
      <c r="M7507" s="57">
        <f>Bühler!M7533</f>
        <v>0</v>
      </c>
      <c r="N7507" s="55">
        <f>IF(Input!$K$13=1,J7507*Input!$J$13,0)+IF(Input!$K$14=1,K7507*Input!$J$14,0)+IF(Input!$K$15=1,L7507*Input!$J$15,0)+IF(Input!$K$16=1,M7507*Input!$J$16,0)</f>
        <v>9.4159488219050917</v>
      </c>
      <c r="O7507" s="58">
        <f>IF(Input!$K$13=2,J7507*Input!$J$13,0)+IF(Input!$K$14=2,K7507*Input!$J$14,0)+IF(Input!$K$15=2,L7507*Input!$J$15,0)+IF(Input!$K$16=2,M7507*Input!$J$16,0)</f>
        <v>0.51632073852900617</v>
      </c>
      <c r="P7507" s="58">
        <f>IF(Input!$K$13=3,J7507*Input!$J$13,0)+IF(Input!$K$14=3,K7507*Input!$J$14,0)+IF(Input!$K$15=3,L7507*Input!$J$15,0)+IF(Input!$K$16=3,M7507*Input!$J$16,0)</f>
        <v>0</v>
      </c>
      <c r="Q7507" s="71">
        <f>IF(Input!$K$13=4,J7507*Input!$J$13,0)+IF(Input!$K$14=4,K7507*Input!$J$14,0)+IF(Input!$K$15=4,L7507*Input!$J$15,0)+IF(Input!$K$16=4,M7507*Input!$J$16,0)</f>
        <v>0</v>
      </c>
    </row>
    <row r="7508" spans="8:17" x14ac:dyDescent="0.25">
      <c r="H7508" s="43">
        <v>7501</v>
      </c>
      <c r="I7508" s="55">
        <f>Bühler!I7534</f>
        <v>11.347673072579392</v>
      </c>
      <c r="J7508" s="58">
        <f>Bühler!J7534</f>
        <v>78.466240182542435</v>
      </c>
      <c r="K7508" s="58">
        <f>Bühler!K7534</f>
        <v>3.8245980631778234</v>
      </c>
      <c r="L7508" s="58">
        <f>Bühler!L7534</f>
        <v>1.9122990315889117</v>
      </c>
      <c r="M7508" s="57">
        <f>Bühler!M7534</f>
        <v>0</v>
      </c>
      <c r="N7508" s="55">
        <f>IF(Input!$K$13=1,J7508*Input!$J$13,0)+IF(Input!$K$14=1,K7508*Input!$J$14,0)+IF(Input!$K$15=1,L7508*Input!$J$15,0)+IF(Input!$K$16=1,M7508*Input!$J$16,0)</f>
        <v>9.4159488219050917</v>
      </c>
      <c r="O7508" s="58">
        <f>IF(Input!$K$13=2,J7508*Input!$J$13,0)+IF(Input!$K$14=2,K7508*Input!$J$14,0)+IF(Input!$K$15=2,L7508*Input!$J$15,0)+IF(Input!$K$16=2,M7508*Input!$J$16,0)</f>
        <v>0.51632073852900617</v>
      </c>
      <c r="P7508" s="58">
        <f>IF(Input!$K$13=3,J7508*Input!$J$13,0)+IF(Input!$K$14=3,K7508*Input!$J$14,0)+IF(Input!$K$15=3,L7508*Input!$J$15,0)+IF(Input!$K$16=3,M7508*Input!$J$16,0)</f>
        <v>0</v>
      </c>
      <c r="Q7508" s="71">
        <f>IF(Input!$K$13=4,J7508*Input!$J$13,0)+IF(Input!$K$14=4,K7508*Input!$J$14,0)+IF(Input!$K$15=4,L7508*Input!$J$15,0)+IF(Input!$K$16=4,M7508*Input!$J$16,0)</f>
        <v>0</v>
      </c>
    </row>
    <row r="7509" spans="8:17" x14ac:dyDescent="0.25">
      <c r="H7509" s="43">
        <v>7502</v>
      </c>
      <c r="I7509" s="55">
        <f>Bühler!I7535</f>
        <v>7.5380971124991678</v>
      </c>
      <c r="J7509" s="58">
        <f>Bühler!J7535</f>
        <v>52.124002406974626</v>
      </c>
      <c r="K7509" s="58">
        <f>Bühler!K7535</f>
        <v>2.5406258562538402</v>
      </c>
      <c r="L7509" s="58">
        <f>Bühler!L7535</f>
        <v>1.2703129281269201</v>
      </c>
      <c r="M7509" s="57">
        <f>Bühler!M7535</f>
        <v>0</v>
      </c>
      <c r="N7509" s="55">
        <f>IF(Input!$K$13=1,J7509*Input!$J$13,0)+IF(Input!$K$14=1,K7509*Input!$J$14,0)+IF(Input!$K$15=1,L7509*Input!$J$15,0)+IF(Input!$K$16=1,M7509*Input!$J$16,0)</f>
        <v>6.2548802888369552</v>
      </c>
      <c r="O7509" s="58">
        <f>IF(Input!$K$13=2,J7509*Input!$J$13,0)+IF(Input!$K$14=2,K7509*Input!$J$14,0)+IF(Input!$K$15=2,L7509*Input!$J$15,0)+IF(Input!$K$16=2,M7509*Input!$J$16,0)</f>
        <v>0.34298449059426839</v>
      </c>
      <c r="P7509" s="58">
        <f>IF(Input!$K$13=3,J7509*Input!$J$13,0)+IF(Input!$K$14=3,K7509*Input!$J$14,0)+IF(Input!$K$15=3,L7509*Input!$J$15,0)+IF(Input!$K$16=3,M7509*Input!$J$16,0)</f>
        <v>0</v>
      </c>
      <c r="Q7509" s="71">
        <f>IF(Input!$K$13=4,J7509*Input!$J$13,0)+IF(Input!$K$14=4,K7509*Input!$J$14,0)+IF(Input!$K$15=4,L7509*Input!$J$15,0)+IF(Input!$K$16=4,M7509*Input!$J$16,0)</f>
        <v>0</v>
      </c>
    </row>
    <row r="7510" spans="8:17" x14ac:dyDescent="0.25">
      <c r="H7510" s="43">
        <v>7503</v>
      </c>
      <c r="I7510" s="55">
        <f>Bühler!I7536</f>
        <v>11.347673072579392</v>
      </c>
      <c r="J7510" s="58">
        <f>Bühler!J7536</f>
        <v>78.466240182542435</v>
      </c>
      <c r="K7510" s="58">
        <f>Bühler!K7536</f>
        <v>3.8245980631778234</v>
      </c>
      <c r="L7510" s="58">
        <f>Bühler!L7536</f>
        <v>1.9122990315889117</v>
      </c>
      <c r="M7510" s="57">
        <f>Bühler!M7536</f>
        <v>0</v>
      </c>
      <c r="N7510" s="55">
        <f>IF(Input!$K$13=1,J7510*Input!$J$13,0)+IF(Input!$K$14=1,K7510*Input!$J$14,0)+IF(Input!$K$15=1,L7510*Input!$J$15,0)+IF(Input!$K$16=1,M7510*Input!$J$16,0)</f>
        <v>9.4159488219050917</v>
      </c>
      <c r="O7510" s="58">
        <f>IF(Input!$K$13=2,J7510*Input!$J$13,0)+IF(Input!$K$14=2,K7510*Input!$J$14,0)+IF(Input!$K$15=2,L7510*Input!$J$15,0)+IF(Input!$K$16=2,M7510*Input!$J$16,0)</f>
        <v>0.51632073852900617</v>
      </c>
      <c r="P7510" s="58">
        <f>IF(Input!$K$13=3,J7510*Input!$J$13,0)+IF(Input!$K$14=3,K7510*Input!$J$14,0)+IF(Input!$K$15=3,L7510*Input!$J$15,0)+IF(Input!$K$16=3,M7510*Input!$J$16,0)</f>
        <v>0</v>
      </c>
      <c r="Q7510" s="71">
        <f>IF(Input!$K$13=4,J7510*Input!$J$13,0)+IF(Input!$K$14=4,K7510*Input!$J$14,0)+IF(Input!$K$15=4,L7510*Input!$J$15,0)+IF(Input!$K$16=4,M7510*Input!$J$16,0)</f>
        <v>0</v>
      </c>
    </row>
    <row r="7511" spans="8:17" x14ac:dyDescent="0.25">
      <c r="H7511" s="43">
        <v>7504</v>
      </c>
      <c r="I7511" s="55">
        <f>Bühler!I7537</f>
        <v>11.347673072579392</v>
      </c>
      <c r="J7511" s="58">
        <f>Bühler!J7537</f>
        <v>78.466240182542435</v>
      </c>
      <c r="K7511" s="58">
        <f>Bühler!K7537</f>
        <v>3.8245980631778234</v>
      </c>
      <c r="L7511" s="58">
        <f>Bühler!L7537</f>
        <v>1.9122990315889117</v>
      </c>
      <c r="M7511" s="57">
        <f>Bühler!M7537</f>
        <v>0</v>
      </c>
      <c r="N7511" s="55">
        <f>IF(Input!$K$13=1,J7511*Input!$J$13,0)+IF(Input!$K$14=1,K7511*Input!$J$14,0)+IF(Input!$K$15=1,L7511*Input!$J$15,0)+IF(Input!$K$16=1,M7511*Input!$J$16,0)</f>
        <v>9.4159488219050917</v>
      </c>
      <c r="O7511" s="58">
        <f>IF(Input!$K$13=2,J7511*Input!$J$13,0)+IF(Input!$K$14=2,K7511*Input!$J$14,0)+IF(Input!$K$15=2,L7511*Input!$J$15,0)+IF(Input!$K$16=2,M7511*Input!$J$16,0)</f>
        <v>0.51632073852900617</v>
      </c>
      <c r="P7511" s="58">
        <f>IF(Input!$K$13=3,J7511*Input!$J$13,0)+IF(Input!$K$14=3,K7511*Input!$J$14,0)+IF(Input!$K$15=3,L7511*Input!$J$15,0)+IF(Input!$K$16=3,M7511*Input!$J$16,0)</f>
        <v>0</v>
      </c>
      <c r="Q7511" s="71">
        <f>IF(Input!$K$13=4,J7511*Input!$J$13,0)+IF(Input!$K$14=4,K7511*Input!$J$14,0)+IF(Input!$K$15=4,L7511*Input!$J$15,0)+IF(Input!$K$16=4,M7511*Input!$J$16,0)</f>
        <v>0</v>
      </c>
    </row>
    <row r="7512" spans="8:17" x14ac:dyDescent="0.25">
      <c r="H7512" s="43">
        <v>7505</v>
      </c>
      <c r="I7512" s="55">
        <f>Bühler!I7538</f>
        <v>9.4820149996861058</v>
      </c>
      <c r="J7512" s="58">
        <f>Bühler!J7538</f>
        <v>49.266943874883538</v>
      </c>
      <c r="K7512" s="58">
        <f>Bühler!K7538</f>
        <v>2.2537810015155029</v>
      </c>
      <c r="L7512" s="58">
        <f>Bühler!L7538</f>
        <v>1.1268905007577514</v>
      </c>
      <c r="M7512" s="57">
        <f>Bühler!M7538</f>
        <v>0</v>
      </c>
      <c r="N7512" s="55">
        <f>IF(Input!$K$13=1,J7512*Input!$J$13,0)+IF(Input!$K$14=1,K7512*Input!$J$14,0)+IF(Input!$K$15=1,L7512*Input!$J$15,0)+IF(Input!$K$16=1,M7512*Input!$J$16,0)</f>
        <v>5.9120332649860243</v>
      </c>
      <c r="O7512" s="58">
        <f>IF(Input!$K$13=2,J7512*Input!$J$13,0)+IF(Input!$K$14=2,K7512*Input!$J$14,0)+IF(Input!$K$15=2,L7512*Input!$J$15,0)+IF(Input!$K$16=2,M7512*Input!$J$16,0)</f>
        <v>0.30426043520459289</v>
      </c>
      <c r="P7512" s="58">
        <f>IF(Input!$K$13=3,J7512*Input!$J$13,0)+IF(Input!$K$14=3,K7512*Input!$J$14,0)+IF(Input!$K$15=3,L7512*Input!$J$15,0)+IF(Input!$K$16=3,M7512*Input!$J$16,0)</f>
        <v>0</v>
      </c>
      <c r="Q7512" s="71">
        <f>IF(Input!$K$13=4,J7512*Input!$J$13,0)+IF(Input!$K$14=4,K7512*Input!$J$14,0)+IF(Input!$K$15=4,L7512*Input!$J$15,0)+IF(Input!$K$16=4,M7512*Input!$J$16,0)</f>
        <v>0</v>
      </c>
    </row>
    <row r="7513" spans="8:17" x14ac:dyDescent="0.25">
      <c r="H7513" s="43">
        <v>7506</v>
      </c>
      <c r="I7513" s="55">
        <f>Bühler!I7539</f>
        <v>7.5394946091829826</v>
      </c>
      <c r="J7513" s="58">
        <f>Bühler!J7539</f>
        <v>24.810876291214527</v>
      </c>
      <c r="K7513" s="58">
        <f>Bühler!K7539</f>
        <v>0.96192104204673634</v>
      </c>
      <c r="L7513" s="58">
        <f>Bühler!L7539</f>
        <v>0.48096052102336817</v>
      </c>
      <c r="M7513" s="57">
        <f>Bühler!M7539</f>
        <v>0</v>
      </c>
      <c r="N7513" s="55">
        <f>IF(Input!$K$13=1,J7513*Input!$J$13,0)+IF(Input!$K$14=1,K7513*Input!$J$14,0)+IF(Input!$K$15=1,L7513*Input!$J$15,0)+IF(Input!$K$16=1,M7513*Input!$J$16,0)</f>
        <v>2.9773051549457432</v>
      </c>
      <c r="O7513" s="58">
        <f>IF(Input!$K$13=2,J7513*Input!$J$13,0)+IF(Input!$K$14=2,K7513*Input!$J$14,0)+IF(Input!$K$15=2,L7513*Input!$J$15,0)+IF(Input!$K$16=2,M7513*Input!$J$16,0)</f>
        <v>0.12985934067630939</v>
      </c>
      <c r="P7513" s="58">
        <f>IF(Input!$K$13=3,J7513*Input!$J$13,0)+IF(Input!$K$14=3,K7513*Input!$J$14,0)+IF(Input!$K$15=3,L7513*Input!$J$15,0)+IF(Input!$K$16=3,M7513*Input!$J$16,0)</f>
        <v>0</v>
      </c>
      <c r="Q7513" s="71">
        <f>IF(Input!$K$13=4,J7513*Input!$J$13,0)+IF(Input!$K$14=4,K7513*Input!$J$14,0)+IF(Input!$K$15=4,L7513*Input!$J$15,0)+IF(Input!$K$16=4,M7513*Input!$J$16,0)</f>
        <v>0</v>
      </c>
    </row>
    <row r="7514" spans="8:17" x14ac:dyDescent="0.25">
      <c r="H7514" s="43">
        <v>7507</v>
      </c>
      <c r="I7514" s="55">
        <f>Bühler!I7540</f>
        <v>2.7949933676303922</v>
      </c>
      <c r="J7514" s="58">
        <f>Bühler!J7540</f>
        <v>14.012349188235342</v>
      </c>
      <c r="K7514" s="58">
        <f>Bühler!K7540</f>
        <v>0.63486788775084591</v>
      </c>
      <c r="L7514" s="58">
        <f>Bühler!L7540</f>
        <v>0.31743394387542295</v>
      </c>
      <c r="M7514" s="57">
        <f>Bühler!M7540</f>
        <v>0</v>
      </c>
      <c r="N7514" s="55">
        <f>IF(Input!$K$13=1,J7514*Input!$J$13,0)+IF(Input!$K$14=1,K7514*Input!$J$14,0)+IF(Input!$K$15=1,L7514*Input!$J$15,0)+IF(Input!$K$16=1,M7514*Input!$J$16,0)</f>
        <v>1.681481902588241</v>
      </c>
      <c r="O7514" s="58">
        <f>IF(Input!$K$13=2,J7514*Input!$J$13,0)+IF(Input!$K$14=2,K7514*Input!$J$14,0)+IF(Input!$K$15=2,L7514*Input!$J$15,0)+IF(Input!$K$16=2,M7514*Input!$J$16,0)</f>
        <v>8.5707164846364203E-2</v>
      </c>
      <c r="P7514" s="58">
        <f>IF(Input!$K$13=3,J7514*Input!$J$13,0)+IF(Input!$K$14=3,K7514*Input!$J$14,0)+IF(Input!$K$15=3,L7514*Input!$J$15,0)+IF(Input!$K$16=3,M7514*Input!$J$16,0)</f>
        <v>0</v>
      </c>
      <c r="Q7514" s="71">
        <f>IF(Input!$K$13=4,J7514*Input!$J$13,0)+IF(Input!$K$14=4,K7514*Input!$J$14,0)+IF(Input!$K$15=4,L7514*Input!$J$15,0)+IF(Input!$K$16=4,M7514*Input!$J$16,0)</f>
        <v>0</v>
      </c>
    </row>
    <row r="7515" spans="8:17" x14ac:dyDescent="0.25">
      <c r="H7515" s="43">
        <v>7508</v>
      </c>
      <c r="I7515" s="55">
        <f>Bühler!I7541</f>
        <v>2.7949933676303922</v>
      </c>
      <c r="J7515" s="58">
        <f>Bühler!J7541</f>
        <v>14.012349188235342</v>
      </c>
      <c r="K7515" s="58">
        <f>Bühler!K7541</f>
        <v>0.63486788775084591</v>
      </c>
      <c r="L7515" s="58">
        <f>Bühler!L7541</f>
        <v>0.31743394387542295</v>
      </c>
      <c r="M7515" s="57">
        <f>Bühler!M7541</f>
        <v>0</v>
      </c>
      <c r="N7515" s="55">
        <f>IF(Input!$K$13=1,J7515*Input!$J$13,0)+IF(Input!$K$14=1,K7515*Input!$J$14,0)+IF(Input!$K$15=1,L7515*Input!$J$15,0)+IF(Input!$K$16=1,M7515*Input!$J$16,0)</f>
        <v>1.681481902588241</v>
      </c>
      <c r="O7515" s="58">
        <f>IF(Input!$K$13=2,J7515*Input!$J$13,0)+IF(Input!$K$14=2,K7515*Input!$J$14,0)+IF(Input!$K$15=2,L7515*Input!$J$15,0)+IF(Input!$K$16=2,M7515*Input!$J$16,0)</f>
        <v>8.5707164846364203E-2</v>
      </c>
      <c r="P7515" s="58">
        <f>IF(Input!$K$13=3,J7515*Input!$J$13,0)+IF(Input!$K$14=3,K7515*Input!$J$14,0)+IF(Input!$K$15=3,L7515*Input!$J$15,0)+IF(Input!$K$16=3,M7515*Input!$J$16,0)</f>
        <v>0</v>
      </c>
      <c r="Q7515" s="71">
        <f>IF(Input!$K$13=4,J7515*Input!$J$13,0)+IF(Input!$K$14=4,K7515*Input!$J$14,0)+IF(Input!$K$15=4,L7515*Input!$J$15,0)+IF(Input!$K$16=4,M7515*Input!$J$16,0)</f>
        <v>0</v>
      </c>
    </row>
    <row r="7516" spans="8:17" x14ac:dyDescent="0.25">
      <c r="H7516" s="43">
        <v>7509</v>
      </c>
      <c r="I7516" s="55">
        <f>Bühler!I7542</f>
        <v>2.7949933676303922</v>
      </c>
      <c r="J7516" s="58">
        <f>Bühler!J7542</f>
        <v>14.012349188235342</v>
      </c>
      <c r="K7516" s="58">
        <f>Bühler!K7542</f>
        <v>0.63486788775084591</v>
      </c>
      <c r="L7516" s="58">
        <f>Bühler!L7542</f>
        <v>0.31743394387542295</v>
      </c>
      <c r="M7516" s="57">
        <f>Bühler!M7542</f>
        <v>0</v>
      </c>
      <c r="N7516" s="55">
        <f>IF(Input!$K$13=1,J7516*Input!$J$13,0)+IF(Input!$K$14=1,K7516*Input!$J$14,0)+IF(Input!$K$15=1,L7516*Input!$J$15,0)+IF(Input!$K$16=1,M7516*Input!$J$16,0)</f>
        <v>1.681481902588241</v>
      </c>
      <c r="O7516" s="58">
        <f>IF(Input!$K$13=2,J7516*Input!$J$13,0)+IF(Input!$K$14=2,K7516*Input!$J$14,0)+IF(Input!$K$15=2,L7516*Input!$J$15,0)+IF(Input!$K$16=2,M7516*Input!$J$16,0)</f>
        <v>8.5707164846364203E-2</v>
      </c>
      <c r="P7516" s="58">
        <f>IF(Input!$K$13=3,J7516*Input!$J$13,0)+IF(Input!$K$14=3,K7516*Input!$J$14,0)+IF(Input!$K$15=3,L7516*Input!$J$15,0)+IF(Input!$K$16=3,M7516*Input!$J$16,0)</f>
        <v>0</v>
      </c>
      <c r="Q7516" s="71">
        <f>IF(Input!$K$13=4,J7516*Input!$J$13,0)+IF(Input!$K$14=4,K7516*Input!$J$14,0)+IF(Input!$K$15=4,L7516*Input!$J$15,0)+IF(Input!$K$16=4,M7516*Input!$J$16,0)</f>
        <v>0</v>
      </c>
    </row>
    <row r="7517" spans="8:17" x14ac:dyDescent="0.25">
      <c r="H7517" s="43">
        <v>7510</v>
      </c>
      <c r="I7517" s="55">
        <f>Bühler!I7543</f>
        <v>2.7949933676303922</v>
      </c>
      <c r="J7517" s="58">
        <f>Bühler!J7543</f>
        <v>14.012349188235342</v>
      </c>
      <c r="K7517" s="58">
        <f>Bühler!K7543</f>
        <v>0.63486788775084591</v>
      </c>
      <c r="L7517" s="58">
        <f>Bühler!L7543</f>
        <v>0.31743394387542295</v>
      </c>
      <c r="M7517" s="57">
        <f>Bühler!M7543</f>
        <v>0</v>
      </c>
      <c r="N7517" s="55">
        <f>IF(Input!$K$13=1,J7517*Input!$J$13,0)+IF(Input!$K$14=1,K7517*Input!$J$14,0)+IF(Input!$K$15=1,L7517*Input!$J$15,0)+IF(Input!$K$16=1,M7517*Input!$J$16,0)</f>
        <v>1.681481902588241</v>
      </c>
      <c r="O7517" s="58">
        <f>IF(Input!$K$13=2,J7517*Input!$J$13,0)+IF(Input!$K$14=2,K7517*Input!$J$14,0)+IF(Input!$K$15=2,L7517*Input!$J$15,0)+IF(Input!$K$16=2,M7517*Input!$J$16,0)</f>
        <v>8.5707164846364203E-2</v>
      </c>
      <c r="P7517" s="58">
        <f>IF(Input!$K$13=3,J7517*Input!$J$13,0)+IF(Input!$K$14=3,K7517*Input!$J$14,0)+IF(Input!$K$15=3,L7517*Input!$J$15,0)+IF(Input!$K$16=3,M7517*Input!$J$16,0)</f>
        <v>0</v>
      </c>
      <c r="Q7517" s="71">
        <f>IF(Input!$K$13=4,J7517*Input!$J$13,0)+IF(Input!$K$14=4,K7517*Input!$J$14,0)+IF(Input!$K$15=4,L7517*Input!$J$15,0)+IF(Input!$K$16=4,M7517*Input!$J$16,0)</f>
        <v>0</v>
      </c>
    </row>
    <row r="7518" spans="8:17" x14ac:dyDescent="0.25">
      <c r="H7518" s="43">
        <v>7511</v>
      </c>
      <c r="I7518" s="55">
        <f>Bühler!I7544</f>
        <v>2.7949933676303922</v>
      </c>
      <c r="J7518" s="58">
        <f>Bühler!J7544</f>
        <v>14.012349188235342</v>
      </c>
      <c r="K7518" s="58">
        <f>Bühler!K7544</f>
        <v>0.63486788775084591</v>
      </c>
      <c r="L7518" s="58">
        <f>Bühler!L7544</f>
        <v>0.31743394387542295</v>
      </c>
      <c r="M7518" s="57">
        <f>Bühler!M7544</f>
        <v>0</v>
      </c>
      <c r="N7518" s="55">
        <f>IF(Input!$K$13=1,J7518*Input!$J$13,0)+IF(Input!$K$14=1,K7518*Input!$J$14,0)+IF(Input!$K$15=1,L7518*Input!$J$15,0)+IF(Input!$K$16=1,M7518*Input!$J$16,0)</f>
        <v>1.681481902588241</v>
      </c>
      <c r="O7518" s="58">
        <f>IF(Input!$K$13=2,J7518*Input!$J$13,0)+IF(Input!$K$14=2,K7518*Input!$J$14,0)+IF(Input!$K$15=2,L7518*Input!$J$15,0)+IF(Input!$K$16=2,M7518*Input!$J$16,0)</f>
        <v>8.5707164846364203E-2</v>
      </c>
      <c r="P7518" s="58">
        <f>IF(Input!$K$13=3,J7518*Input!$J$13,0)+IF(Input!$K$14=3,K7518*Input!$J$14,0)+IF(Input!$K$15=3,L7518*Input!$J$15,0)+IF(Input!$K$16=3,M7518*Input!$J$16,0)</f>
        <v>0</v>
      </c>
      <c r="Q7518" s="71">
        <f>IF(Input!$K$13=4,J7518*Input!$J$13,0)+IF(Input!$K$14=4,K7518*Input!$J$14,0)+IF(Input!$K$15=4,L7518*Input!$J$15,0)+IF(Input!$K$16=4,M7518*Input!$J$16,0)</f>
        <v>0</v>
      </c>
    </row>
    <row r="7519" spans="8:17" x14ac:dyDescent="0.25">
      <c r="H7519" s="43">
        <v>7512</v>
      </c>
      <c r="I7519" s="55">
        <f>Bühler!I7545</f>
        <v>2.7949933676303922</v>
      </c>
      <c r="J7519" s="58">
        <f>Bühler!J7545</f>
        <v>14.012349188235342</v>
      </c>
      <c r="K7519" s="58">
        <f>Bühler!K7545</f>
        <v>0.63486788775084591</v>
      </c>
      <c r="L7519" s="58">
        <f>Bühler!L7545</f>
        <v>0.31743394387542295</v>
      </c>
      <c r="M7519" s="57">
        <f>Bühler!M7545</f>
        <v>0</v>
      </c>
      <c r="N7519" s="55">
        <f>IF(Input!$K$13=1,J7519*Input!$J$13,0)+IF(Input!$K$14=1,K7519*Input!$J$14,0)+IF(Input!$K$15=1,L7519*Input!$J$15,0)+IF(Input!$K$16=1,M7519*Input!$J$16,0)</f>
        <v>1.681481902588241</v>
      </c>
      <c r="O7519" s="58">
        <f>IF(Input!$K$13=2,J7519*Input!$J$13,0)+IF(Input!$K$14=2,K7519*Input!$J$14,0)+IF(Input!$K$15=2,L7519*Input!$J$15,0)+IF(Input!$K$16=2,M7519*Input!$J$16,0)</f>
        <v>8.5707164846364203E-2</v>
      </c>
      <c r="P7519" s="58">
        <f>IF(Input!$K$13=3,J7519*Input!$J$13,0)+IF(Input!$K$14=3,K7519*Input!$J$14,0)+IF(Input!$K$15=3,L7519*Input!$J$15,0)+IF(Input!$K$16=3,M7519*Input!$J$16,0)</f>
        <v>0</v>
      </c>
      <c r="Q7519" s="71">
        <f>IF(Input!$K$13=4,J7519*Input!$J$13,0)+IF(Input!$K$14=4,K7519*Input!$J$14,0)+IF(Input!$K$15=4,L7519*Input!$J$15,0)+IF(Input!$K$16=4,M7519*Input!$J$16,0)</f>
        <v>0</v>
      </c>
    </row>
    <row r="7520" spans="8:17" x14ac:dyDescent="0.25">
      <c r="H7520" s="43">
        <v>7513</v>
      </c>
      <c r="I7520" s="55">
        <f>Bühler!I7546</f>
        <v>2.3225063531832424</v>
      </c>
      <c r="J7520" s="58">
        <f>Bühler!J7546</f>
        <v>18.779898539461737</v>
      </c>
      <c r="K7520" s="58">
        <f>Bühler!K7546</f>
        <v>0.96429666072783926</v>
      </c>
      <c r="L7520" s="58">
        <f>Bühler!L7546</f>
        <v>0.48214833036391963</v>
      </c>
      <c r="M7520" s="57">
        <f>Bühler!M7546</f>
        <v>0</v>
      </c>
      <c r="N7520" s="55">
        <f>IF(Input!$K$13=1,J7520*Input!$J$13,0)+IF(Input!$K$14=1,K7520*Input!$J$14,0)+IF(Input!$K$15=1,L7520*Input!$J$15,0)+IF(Input!$K$16=1,M7520*Input!$J$16,0)</f>
        <v>2.2535878247354084</v>
      </c>
      <c r="O7520" s="58">
        <f>IF(Input!$K$13=2,J7520*Input!$J$13,0)+IF(Input!$K$14=2,K7520*Input!$J$14,0)+IF(Input!$K$15=2,L7520*Input!$J$15,0)+IF(Input!$K$16=2,M7520*Input!$J$16,0)</f>
        <v>0.13018004919825829</v>
      </c>
      <c r="P7520" s="58">
        <f>IF(Input!$K$13=3,J7520*Input!$J$13,0)+IF(Input!$K$14=3,K7520*Input!$J$14,0)+IF(Input!$K$15=3,L7520*Input!$J$15,0)+IF(Input!$K$16=3,M7520*Input!$J$16,0)</f>
        <v>0</v>
      </c>
      <c r="Q7520" s="71">
        <f>IF(Input!$K$13=4,J7520*Input!$J$13,0)+IF(Input!$K$14=4,K7520*Input!$J$14,0)+IF(Input!$K$15=4,L7520*Input!$J$15,0)+IF(Input!$K$16=4,M7520*Input!$J$16,0)</f>
        <v>0</v>
      </c>
    </row>
    <row r="7521" spans="8:17" x14ac:dyDescent="0.25">
      <c r="H7521" s="43">
        <v>7514</v>
      </c>
      <c r="I7521" s="55">
        <f>Bühler!I7547</f>
        <v>2.3225063531832424</v>
      </c>
      <c r="J7521" s="58">
        <f>Bühler!J7547</f>
        <v>12.372927331209054</v>
      </c>
      <c r="K7521" s="58">
        <f>Bühler!K7547</f>
        <v>0.58442221862293298</v>
      </c>
      <c r="L7521" s="58">
        <f>Bühler!L7547</f>
        <v>0.29221110931146649</v>
      </c>
      <c r="M7521" s="57">
        <f>Bühler!M7547</f>
        <v>0</v>
      </c>
      <c r="N7521" s="55">
        <f>IF(Input!$K$13=1,J7521*Input!$J$13,0)+IF(Input!$K$14=1,K7521*Input!$J$14,0)+IF(Input!$K$15=1,L7521*Input!$J$15,0)+IF(Input!$K$16=1,M7521*Input!$J$16,0)</f>
        <v>1.4847512797450864</v>
      </c>
      <c r="O7521" s="58">
        <f>IF(Input!$K$13=2,J7521*Input!$J$13,0)+IF(Input!$K$14=2,K7521*Input!$J$14,0)+IF(Input!$K$15=2,L7521*Input!$J$15,0)+IF(Input!$K$16=2,M7521*Input!$J$16,0)</f>
        <v>7.8896999514095956E-2</v>
      </c>
      <c r="P7521" s="58">
        <f>IF(Input!$K$13=3,J7521*Input!$J$13,0)+IF(Input!$K$14=3,K7521*Input!$J$14,0)+IF(Input!$K$15=3,L7521*Input!$J$15,0)+IF(Input!$K$16=3,M7521*Input!$J$16,0)</f>
        <v>0</v>
      </c>
      <c r="Q7521" s="71">
        <f>IF(Input!$K$13=4,J7521*Input!$J$13,0)+IF(Input!$K$14=4,K7521*Input!$J$14,0)+IF(Input!$K$15=4,L7521*Input!$J$15,0)+IF(Input!$K$16=4,M7521*Input!$J$16,0)</f>
        <v>0</v>
      </c>
    </row>
    <row r="7522" spans="8:17" x14ac:dyDescent="0.25">
      <c r="H7522" s="43">
        <v>7515</v>
      </c>
      <c r="I7522" s="55">
        <f>Bühler!I7548</f>
        <v>2.3225063531832424</v>
      </c>
      <c r="J7522" s="58">
        <f>Bühler!J7548</f>
        <v>12.372927331209054</v>
      </c>
      <c r="K7522" s="58">
        <f>Bühler!K7548</f>
        <v>0.58442221862293298</v>
      </c>
      <c r="L7522" s="58">
        <f>Bühler!L7548</f>
        <v>0.29221110931146649</v>
      </c>
      <c r="M7522" s="57">
        <f>Bühler!M7548</f>
        <v>0</v>
      </c>
      <c r="N7522" s="55">
        <f>IF(Input!$K$13=1,J7522*Input!$J$13,0)+IF(Input!$K$14=1,K7522*Input!$J$14,0)+IF(Input!$K$15=1,L7522*Input!$J$15,0)+IF(Input!$K$16=1,M7522*Input!$J$16,0)</f>
        <v>1.4847512797450864</v>
      </c>
      <c r="O7522" s="58">
        <f>IF(Input!$K$13=2,J7522*Input!$J$13,0)+IF(Input!$K$14=2,K7522*Input!$J$14,0)+IF(Input!$K$15=2,L7522*Input!$J$15,0)+IF(Input!$K$16=2,M7522*Input!$J$16,0)</f>
        <v>7.8896999514095956E-2</v>
      </c>
      <c r="P7522" s="58">
        <f>IF(Input!$K$13=3,J7522*Input!$J$13,0)+IF(Input!$K$14=3,K7522*Input!$J$14,0)+IF(Input!$K$15=3,L7522*Input!$J$15,0)+IF(Input!$K$16=3,M7522*Input!$J$16,0)</f>
        <v>0</v>
      </c>
      <c r="Q7522" s="71">
        <f>IF(Input!$K$13=4,J7522*Input!$J$13,0)+IF(Input!$K$14=4,K7522*Input!$J$14,0)+IF(Input!$K$15=4,L7522*Input!$J$15,0)+IF(Input!$K$16=4,M7522*Input!$J$16,0)</f>
        <v>0</v>
      </c>
    </row>
    <row r="7523" spans="8:17" x14ac:dyDescent="0.25">
      <c r="H7523" s="43">
        <v>7516</v>
      </c>
      <c r="I7523" s="55">
        <f>Bühler!I7549</f>
        <v>2.3225063531832424</v>
      </c>
      <c r="J7523" s="58">
        <f>Bühler!J7549</f>
        <v>12.372927331209054</v>
      </c>
      <c r="K7523" s="58">
        <f>Bühler!K7549</f>
        <v>0.58442221862293298</v>
      </c>
      <c r="L7523" s="58">
        <f>Bühler!L7549</f>
        <v>0.29221110931146649</v>
      </c>
      <c r="M7523" s="57">
        <f>Bühler!M7549</f>
        <v>0</v>
      </c>
      <c r="N7523" s="55">
        <f>IF(Input!$K$13=1,J7523*Input!$J$13,0)+IF(Input!$K$14=1,K7523*Input!$J$14,0)+IF(Input!$K$15=1,L7523*Input!$J$15,0)+IF(Input!$K$16=1,M7523*Input!$J$16,0)</f>
        <v>1.4847512797450864</v>
      </c>
      <c r="O7523" s="58">
        <f>IF(Input!$K$13=2,J7523*Input!$J$13,0)+IF(Input!$K$14=2,K7523*Input!$J$14,0)+IF(Input!$K$15=2,L7523*Input!$J$15,0)+IF(Input!$K$16=2,M7523*Input!$J$16,0)</f>
        <v>7.8896999514095956E-2</v>
      </c>
      <c r="P7523" s="58">
        <f>IF(Input!$K$13=3,J7523*Input!$J$13,0)+IF(Input!$K$14=3,K7523*Input!$J$14,0)+IF(Input!$K$15=3,L7523*Input!$J$15,0)+IF(Input!$K$16=3,M7523*Input!$J$16,0)</f>
        <v>0</v>
      </c>
      <c r="Q7523" s="71">
        <f>IF(Input!$K$13=4,J7523*Input!$J$13,0)+IF(Input!$K$14=4,K7523*Input!$J$14,0)+IF(Input!$K$15=4,L7523*Input!$J$15,0)+IF(Input!$K$16=4,M7523*Input!$J$16,0)</f>
        <v>0</v>
      </c>
    </row>
    <row r="7524" spans="8:17" x14ac:dyDescent="0.25">
      <c r="H7524" s="43">
        <v>7517</v>
      </c>
      <c r="I7524" s="55">
        <f>Bühler!I7550</f>
        <v>2.3225063531832424</v>
      </c>
      <c r="J7524" s="58">
        <f>Bühler!J7550</f>
        <v>12.372927331209054</v>
      </c>
      <c r="K7524" s="58">
        <f>Bühler!K7550</f>
        <v>0.58442221862293298</v>
      </c>
      <c r="L7524" s="58">
        <f>Bühler!L7550</f>
        <v>0.29221110931146649</v>
      </c>
      <c r="M7524" s="57">
        <f>Bühler!M7550</f>
        <v>0</v>
      </c>
      <c r="N7524" s="55">
        <f>IF(Input!$K$13=1,J7524*Input!$J$13,0)+IF(Input!$K$14=1,K7524*Input!$J$14,0)+IF(Input!$K$15=1,L7524*Input!$J$15,0)+IF(Input!$K$16=1,M7524*Input!$J$16,0)</f>
        <v>1.4847512797450864</v>
      </c>
      <c r="O7524" s="58">
        <f>IF(Input!$K$13=2,J7524*Input!$J$13,0)+IF(Input!$K$14=2,K7524*Input!$J$14,0)+IF(Input!$K$15=2,L7524*Input!$J$15,0)+IF(Input!$K$16=2,M7524*Input!$J$16,0)</f>
        <v>7.8896999514095956E-2</v>
      </c>
      <c r="P7524" s="58">
        <f>IF(Input!$K$13=3,J7524*Input!$J$13,0)+IF(Input!$K$14=3,K7524*Input!$J$14,0)+IF(Input!$K$15=3,L7524*Input!$J$15,0)+IF(Input!$K$16=3,M7524*Input!$J$16,0)</f>
        <v>0</v>
      </c>
      <c r="Q7524" s="71">
        <f>IF(Input!$K$13=4,J7524*Input!$J$13,0)+IF(Input!$K$14=4,K7524*Input!$J$14,0)+IF(Input!$K$15=4,L7524*Input!$J$15,0)+IF(Input!$K$16=4,M7524*Input!$J$16,0)</f>
        <v>0</v>
      </c>
    </row>
    <row r="7525" spans="8:17" x14ac:dyDescent="0.25">
      <c r="H7525" s="43">
        <v>7518</v>
      </c>
      <c r="I7525" s="55">
        <f>Bühler!I7551</f>
        <v>2.3225063531832424</v>
      </c>
      <c r="J7525" s="58">
        <f>Bühler!J7551</f>
        <v>12.372927331209054</v>
      </c>
      <c r="K7525" s="58">
        <f>Bühler!K7551</f>
        <v>0.58442221862293298</v>
      </c>
      <c r="L7525" s="58">
        <f>Bühler!L7551</f>
        <v>0.29221110931146649</v>
      </c>
      <c r="M7525" s="57">
        <f>Bühler!M7551</f>
        <v>0</v>
      </c>
      <c r="N7525" s="55">
        <f>IF(Input!$K$13=1,J7525*Input!$J$13,0)+IF(Input!$K$14=1,K7525*Input!$J$14,0)+IF(Input!$K$15=1,L7525*Input!$J$15,0)+IF(Input!$K$16=1,M7525*Input!$J$16,0)</f>
        <v>1.4847512797450864</v>
      </c>
      <c r="O7525" s="58">
        <f>IF(Input!$K$13=2,J7525*Input!$J$13,0)+IF(Input!$K$14=2,K7525*Input!$J$14,0)+IF(Input!$K$15=2,L7525*Input!$J$15,0)+IF(Input!$K$16=2,M7525*Input!$J$16,0)</f>
        <v>7.8896999514095956E-2</v>
      </c>
      <c r="P7525" s="58">
        <f>IF(Input!$K$13=3,J7525*Input!$J$13,0)+IF(Input!$K$14=3,K7525*Input!$J$14,0)+IF(Input!$K$15=3,L7525*Input!$J$15,0)+IF(Input!$K$16=3,M7525*Input!$J$16,0)</f>
        <v>0</v>
      </c>
      <c r="Q7525" s="71">
        <f>IF(Input!$K$13=4,J7525*Input!$J$13,0)+IF(Input!$K$14=4,K7525*Input!$J$14,0)+IF(Input!$K$15=4,L7525*Input!$J$15,0)+IF(Input!$K$16=4,M7525*Input!$J$16,0)</f>
        <v>0</v>
      </c>
    </row>
    <row r="7526" spans="8:17" x14ac:dyDescent="0.25">
      <c r="H7526" s="43">
        <v>7519</v>
      </c>
      <c r="I7526" s="55">
        <f>Bühler!I7552</f>
        <v>2.3225063531832424</v>
      </c>
      <c r="J7526" s="58">
        <f>Bühler!J7552</f>
        <v>12.372927331209054</v>
      </c>
      <c r="K7526" s="58">
        <f>Bühler!K7552</f>
        <v>0.58442221862293298</v>
      </c>
      <c r="L7526" s="58">
        <f>Bühler!L7552</f>
        <v>0.29221110931146649</v>
      </c>
      <c r="M7526" s="57">
        <f>Bühler!M7552</f>
        <v>0</v>
      </c>
      <c r="N7526" s="55">
        <f>IF(Input!$K$13=1,J7526*Input!$J$13,0)+IF(Input!$K$14=1,K7526*Input!$J$14,0)+IF(Input!$K$15=1,L7526*Input!$J$15,0)+IF(Input!$K$16=1,M7526*Input!$J$16,0)</f>
        <v>1.4847512797450864</v>
      </c>
      <c r="O7526" s="58">
        <f>IF(Input!$K$13=2,J7526*Input!$J$13,0)+IF(Input!$K$14=2,K7526*Input!$J$14,0)+IF(Input!$K$15=2,L7526*Input!$J$15,0)+IF(Input!$K$16=2,M7526*Input!$J$16,0)</f>
        <v>7.8896999514095956E-2</v>
      </c>
      <c r="P7526" s="58">
        <f>IF(Input!$K$13=3,J7526*Input!$J$13,0)+IF(Input!$K$14=3,K7526*Input!$J$14,0)+IF(Input!$K$15=3,L7526*Input!$J$15,0)+IF(Input!$K$16=3,M7526*Input!$J$16,0)</f>
        <v>0</v>
      </c>
      <c r="Q7526" s="71">
        <f>IF(Input!$K$13=4,J7526*Input!$J$13,0)+IF(Input!$K$14=4,K7526*Input!$J$14,0)+IF(Input!$K$15=4,L7526*Input!$J$15,0)+IF(Input!$K$16=4,M7526*Input!$J$16,0)</f>
        <v>0</v>
      </c>
    </row>
    <row r="7527" spans="8:17" x14ac:dyDescent="0.25">
      <c r="H7527" s="43">
        <v>7520</v>
      </c>
      <c r="I7527" s="55">
        <f>Bühler!I7553</f>
        <v>6.2932430215287862</v>
      </c>
      <c r="J7527" s="58">
        <f>Bühler!J7553</f>
        <v>48.807983550999417</v>
      </c>
      <c r="K7527" s="58">
        <f>Bühler!K7553</f>
        <v>2.4896386513336939</v>
      </c>
      <c r="L7527" s="58">
        <f>Bühler!L7553</f>
        <v>1.2448193256668469</v>
      </c>
      <c r="M7527" s="57">
        <f>Bühler!M7553</f>
        <v>0</v>
      </c>
      <c r="N7527" s="55">
        <f>IF(Input!$K$13=1,J7527*Input!$J$13,0)+IF(Input!$K$14=1,K7527*Input!$J$14,0)+IF(Input!$K$15=1,L7527*Input!$J$15,0)+IF(Input!$K$16=1,M7527*Input!$J$16,0)</f>
        <v>5.8569580261199299</v>
      </c>
      <c r="O7527" s="58">
        <f>IF(Input!$K$13=2,J7527*Input!$J$13,0)+IF(Input!$K$14=2,K7527*Input!$J$14,0)+IF(Input!$K$15=2,L7527*Input!$J$15,0)+IF(Input!$K$16=2,M7527*Input!$J$16,0)</f>
        <v>0.33610121793004866</v>
      </c>
      <c r="P7527" s="58">
        <f>IF(Input!$K$13=3,J7527*Input!$J$13,0)+IF(Input!$K$14=3,K7527*Input!$J$14,0)+IF(Input!$K$15=3,L7527*Input!$J$15,0)+IF(Input!$K$16=3,M7527*Input!$J$16,0)</f>
        <v>0</v>
      </c>
      <c r="Q7527" s="71">
        <f>IF(Input!$K$13=4,J7527*Input!$J$13,0)+IF(Input!$K$14=4,K7527*Input!$J$14,0)+IF(Input!$K$15=4,L7527*Input!$J$15,0)+IF(Input!$K$16=4,M7527*Input!$J$16,0)</f>
        <v>0</v>
      </c>
    </row>
    <row r="7528" spans="8:17" x14ac:dyDescent="0.25">
      <c r="H7528" s="43">
        <v>7521</v>
      </c>
      <c r="I7528" s="55">
        <f>Bühler!I7554</f>
        <v>7.8665537769109815</v>
      </c>
      <c r="J7528" s="58">
        <f>Bühler!J7554</f>
        <v>61.009979438749269</v>
      </c>
      <c r="K7528" s="58">
        <f>Bühler!K7554</f>
        <v>3.1120483141671174</v>
      </c>
      <c r="L7528" s="58">
        <f>Bühler!L7554</f>
        <v>1.5560241570835587</v>
      </c>
      <c r="M7528" s="57">
        <f>Bühler!M7554</f>
        <v>0</v>
      </c>
      <c r="N7528" s="55">
        <f>IF(Input!$K$13=1,J7528*Input!$J$13,0)+IF(Input!$K$14=1,K7528*Input!$J$14,0)+IF(Input!$K$15=1,L7528*Input!$J$15,0)+IF(Input!$K$16=1,M7528*Input!$J$16,0)</f>
        <v>7.3211975326499124</v>
      </c>
      <c r="O7528" s="58">
        <f>IF(Input!$K$13=2,J7528*Input!$J$13,0)+IF(Input!$K$14=2,K7528*Input!$J$14,0)+IF(Input!$K$15=2,L7528*Input!$J$15,0)+IF(Input!$K$16=2,M7528*Input!$J$16,0)</f>
        <v>0.42012652241256088</v>
      </c>
      <c r="P7528" s="58">
        <f>IF(Input!$K$13=3,J7528*Input!$J$13,0)+IF(Input!$K$14=3,K7528*Input!$J$14,0)+IF(Input!$K$15=3,L7528*Input!$J$15,0)+IF(Input!$K$16=3,M7528*Input!$J$16,0)</f>
        <v>0</v>
      </c>
      <c r="Q7528" s="71">
        <f>IF(Input!$K$13=4,J7528*Input!$J$13,0)+IF(Input!$K$14=4,K7528*Input!$J$14,0)+IF(Input!$K$15=4,L7528*Input!$J$15,0)+IF(Input!$K$16=4,M7528*Input!$J$16,0)</f>
        <v>0</v>
      </c>
    </row>
    <row r="7529" spans="8:17" x14ac:dyDescent="0.25">
      <c r="H7529" s="43">
        <v>7522</v>
      </c>
      <c r="I7529" s="55">
        <f>Bühler!I7555</f>
        <v>8.6532091546020791</v>
      </c>
      <c r="J7529" s="58">
        <f>Bühler!J7555</f>
        <v>67.110977382624185</v>
      </c>
      <c r="K7529" s="58">
        <f>Bühler!K7555</f>
        <v>3.4232531455838293</v>
      </c>
      <c r="L7529" s="58">
        <f>Bühler!L7555</f>
        <v>1.7116265727919147</v>
      </c>
      <c r="M7529" s="57">
        <f>Bühler!M7555</f>
        <v>0</v>
      </c>
      <c r="N7529" s="55">
        <f>IF(Input!$K$13=1,J7529*Input!$J$13,0)+IF(Input!$K$14=1,K7529*Input!$J$14,0)+IF(Input!$K$15=1,L7529*Input!$J$15,0)+IF(Input!$K$16=1,M7529*Input!$J$16,0)</f>
        <v>8.0533172859149023</v>
      </c>
      <c r="O7529" s="58">
        <f>IF(Input!$K$13=2,J7529*Input!$J$13,0)+IF(Input!$K$14=2,K7529*Input!$J$14,0)+IF(Input!$K$15=2,L7529*Input!$J$15,0)+IF(Input!$K$16=2,M7529*Input!$J$16,0)</f>
        <v>0.46213917465381693</v>
      </c>
      <c r="P7529" s="58">
        <f>IF(Input!$K$13=3,J7529*Input!$J$13,0)+IF(Input!$K$14=3,K7529*Input!$J$14,0)+IF(Input!$K$15=3,L7529*Input!$J$15,0)+IF(Input!$K$16=3,M7529*Input!$J$16,0)</f>
        <v>0</v>
      </c>
      <c r="Q7529" s="71">
        <f>IF(Input!$K$13=4,J7529*Input!$J$13,0)+IF(Input!$K$14=4,K7529*Input!$J$14,0)+IF(Input!$K$15=4,L7529*Input!$J$15,0)+IF(Input!$K$16=4,M7529*Input!$J$16,0)</f>
        <v>0</v>
      </c>
    </row>
    <row r="7530" spans="8:17" x14ac:dyDescent="0.25">
      <c r="H7530" s="43">
        <v>7523</v>
      </c>
      <c r="I7530" s="55">
        <f>Bühler!I7556</f>
        <v>8.6532091546020791</v>
      </c>
      <c r="J7530" s="58">
        <f>Bühler!J7556</f>
        <v>67.110977382624185</v>
      </c>
      <c r="K7530" s="58">
        <f>Bühler!K7556</f>
        <v>3.4232531455838293</v>
      </c>
      <c r="L7530" s="58">
        <f>Bühler!L7556</f>
        <v>1.7116265727919147</v>
      </c>
      <c r="M7530" s="57">
        <f>Bühler!M7556</f>
        <v>0</v>
      </c>
      <c r="N7530" s="55">
        <f>IF(Input!$K$13=1,J7530*Input!$J$13,0)+IF(Input!$K$14=1,K7530*Input!$J$14,0)+IF(Input!$K$15=1,L7530*Input!$J$15,0)+IF(Input!$K$16=1,M7530*Input!$J$16,0)</f>
        <v>8.0533172859149023</v>
      </c>
      <c r="O7530" s="58">
        <f>IF(Input!$K$13=2,J7530*Input!$J$13,0)+IF(Input!$K$14=2,K7530*Input!$J$14,0)+IF(Input!$K$15=2,L7530*Input!$J$15,0)+IF(Input!$K$16=2,M7530*Input!$J$16,0)</f>
        <v>0.46213917465381693</v>
      </c>
      <c r="P7530" s="58">
        <f>IF(Input!$K$13=3,J7530*Input!$J$13,0)+IF(Input!$K$14=3,K7530*Input!$J$14,0)+IF(Input!$K$15=3,L7530*Input!$J$15,0)+IF(Input!$K$16=3,M7530*Input!$J$16,0)</f>
        <v>0</v>
      </c>
      <c r="Q7530" s="71">
        <f>IF(Input!$K$13=4,J7530*Input!$J$13,0)+IF(Input!$K$14=4,K7530*Input!$J$14,0)+IF(Input!$K$15=4,L7530*Input!$J$15,0)+IF(Input!$K$16=4,M7530*Input!$J$16,0)</f>
        <v>0</v>
      </c>
    </row>
    <row r="7531" spans="8:17" x14ac:dyDescent="0.25">
      <c r="H7531" s="43">
        <v>7524</v>
      </c>
      <c r="I7531" s="55">
        <f>Bühler!I7557</f>
        <v>10.226519909984274</v>
      </c>
      <c r="J7531" s="58">
        <f>Bühler!J7557</f>
        <v>79.312973270374044</v>
      </c>
      <c r="K7531" s="58">
        <f>Bühler!K7557</f>
        <v>4.0456628084172523</v>
      </c>
      <c r="L7531" s="58">
        <f>Bühler!L7557</f>
        <v>2.0228314042086262</v>
      </c>
      <c r="M7531" s="57">
        <f>Bühler!M7557</f>
        <v>0</v>
      </c>
      <c r="N7531" s="55">
        <f>IF(Input!$K$13=1,J7531*Input!$J$13,0)+IF(Input!$K$14=1,K7531*Input!$J$14,0)+IF(Input!$K$15=1,L7531*Input!$J$15,0)+IF(Input!$K$16=1,M7531*Input!$J$16,0)</f>
        <v>9.5175567924448856</v>
      </c>
      <c r="O7531" s="58">
        <f>IF(Input!$K$13=2,J7531*Input!$J$13,0)+IF(Input!$K$14=2,K7531*Input!$J$14,0)+IF(Input!$K$15=2,L7531*Input!$J$15,0)+IF(Input!$K$16=2,M7531*Input!$J$16,0)</f>
        <v>0.54616447913632904</v>
      </c>
      <c r="P7531" s="58">
        <f>IF(Input!$K$13=3,J7531*Input!$J$13,0)+IF(Input!$K$14=3,K7531*Input!$J$14,0)+IF(Input!$K$15=3,L7531*Input!$J$15,0)+IF(Input!$K$16=3,M7531*Input!$J$16,0)</f>
        <v>0</v>
      </c>
      <c r="Q7531" s="71">
        <f>IF(Input!$K$13=4,J7531*Input!$J$13,0)+IF(Input!$K$14=4,K7531*Input!$J$14,0)+IF(Input!$K$15=4,L7531*Input!$J$15,0)+IF(Input!$K$16=4,M7531*Input!$J$16,0)</f>
        <v>0</v>
      </c>
    </row>
    <row r="7532" spans="8:17" x14ac:dyDescent="0.25">
      <c r="H7532" s="43">
        <v>7525</v>
      </c>
      <c r="I7532" s="55">
        <f>Bühler!I7558</f>
        <v>10.226519909984274</v>
      </c>
      <c r="J7532" s="58">
        <f>Bühler!J7558</f>
        <v>79.312973270374044</v>
      </c>
      <c r="K7532" s="58">
        <f>Bühler!K7558</f>
        <v>4.0456628084172523</v>
      </c>
      <c r="L7532" s="58">
        <f>Bühler!L7558</f>
        <v>2.0228314042086262</v>
      </c>
      <c r="M7532" s="57">
        <f>Bühler!M7558</f>
        <v>0</v>
      </c>
      <c r="N7532" s="55">
        <f>IF(Input!$K$13=1,J7532*Input!$J$13,0)+IF(Input!$K$14=1,K7532*Input!$J$14,0)+IF(Input!$K$15=1,L7532*Input!$J$15,0)+IF(Input!$K$16=1,M7532*Input!$J$16,0)</f>
        <v>9.5175567924448856</v>
      </c>
      <c r="O7532" s="58">
        <f>IF(Input!$K$13=2,J7532*Input!$J$13,0)+IF(Input!$K$14=2,K7532*Input!$J$14,0)+IF(Input!$K$15=2,L7532*Input!$J$15,0)+IF(Input!$K$16=2,M7532*Input!$J$16,0)</f>
        <v>0.54616447913632904</v>
      </c>
      <c r="P7532" s="58">
        <f>IF(Input!$K$13=3,J7532*Input!$J$13,0)+IF(Input!$K$14=3,K7532*Input!$J$14,0)+IF(Input!$K$15=3,L7532*Input!$J$15,0)+IF(Input!$K$16=3,M7532*Input!$J$16,0)</f>
        <v>0</v>
      </c>
      <c r="Q7532" s="71">
        <f>IF(Input!$K$13=4,J7532*Input!$J$13,0)+IF(Input!$K$14=4,K7532*Input!$J$14,0)+IF(Input!$K$15=4,L7532*Input!$J$15,0)+IF(Input!$K$16=4,M7532*Input!$J$16,0)</f>
        <v>0</v>
      </c>
    </row>
    <row r="7533" spans="8:17" x14ac:dyDescent="0.25">
      <c r="H7533" s="43">
        <v>7526</v>
      </c>
      <c r="I7533" s="55">
        <f>Bühler!I7559</f>
        <v>7.0798983992198847</v>
      </c>
      <c r="J7533" s="58">
        <f>Bühler!J7559</f>
        <v>54.90898149487434</v>
      </c>
      <c r="K7533" s="58">
        <f>Bühler!K7559</f>
        <v>2.8008434827504054</v>
      </c>
      <c r="L7533" s="58">
        <f>Bühler!L7559</f>
        <v>1.4004217413752027</v>
      </c>
      <c r="M7533" s="57">
        <f>Bühler!M7559</f>
        <v>0</v>
      </c>
      <c r="N7533" s="55">
        <f>IF(Input!$K$13=1,J7533*Input!$J$13,0)+IF(Input!$K$14=1,K7533*Input!$J$14,0)+IF(Input!$K$15=1,L7533*Input!$J$15,0)+IF(Input!$K$16=1,M7533*Input!$J$16,0)</f>
        <v>6.5890777793849207</v>
      </c>
      <c r="O7533" s="58">
        <f>IF(Input!$K$13=2,J7533*Input!$J$13,0)+IF(Input!$K$14=2,K7533*Input!$J$14,0)+IF(Input!$K$15=2,L7533*Input!$J$15,0)+IF(Input!$K$16=2,M7533*Input!$J$16,0)</f>
        <v>0.37811387017130471</v>
      </c>
      <c r="P7533" s="58">
        <f>IF(Input!$K$13=3,J7533*Input!$J$13,0)+IF(Input!$K$14=3,K7533*Input!$J$14,0)+IF(Input!$K$15=3,L7533*Input!$J$15,0)+IF(Input!$K$16=3,M7533*Input!$J$16,0)</f>
        <v>0</v>
      </c>
      <c r="Q7533" s="71">
        <f>IF(Input!$K$13=4,J7533*Input!$J$13,0)+IF(Input!$K$14=4,K7533*Input!$J$14,0)+IF(Input!$K$15=4,L7533*Input!$J$15,0)+IF(Input!$K$16=4,M7533*Input!$J$16,0)</f>
        <v>0</v>
      </c>
    </row>
    <row r="7534" spans="8:17" x14ac:dyDescent="0.25">
      <c r="H7534" s="43">
        <v>7527</v>
      </c>
      <c r="I7534" s="55">
        <f>Bühler!I7560</f>
        <v>10.226519909984274</v>
      </c>
      <c r="J7534" s="58">
        <f>Bühler!J7560</f>
        <v>79.312973270374044</v>
      </c>
      <c r="K7534" s="58">
        <f>Bühler!K7560</f>
        <v>4.0456628084172523</v>
      </c>
      <c r="L7534" s="58">
        <f>Bühler!L7560</f>
        <v>2.0228314042086262</v>
      </c>
      <c r="M7534" s="57">
        <f>Bühler!M7560</f>
        <v>0</v>
      </c>
      <c r="N7534" s="55">
        <f>IF(Input!$K$13=1,J7534*Input!$J$13,0)+IF(Input!$K$14=1,K7534*Input!$J$14,0)+IF(Input!$K$15=1,L7534*Input!$J$15,0)+IF(Input!$K$16=1,M7534*Input!$J$16,0)</f>
        <v>9.5175567924448856</v>
      </c>
      <c r="O7534" s="58">
        <f>IF(Input!$K$13=2,J7534*Input!$J$13,0)+IF(Input!$K$14=2,K7534*Input!$J$14,0)+IF(Input!$K$15=2,L7534*Input!$J$15,0)+IF(Input!$K$16=2,M7534*Input!$J$16,0)</f>
        <v>0.54616447913632904</v>
      </c>
      <c r="P7534" s="58">
        <f>IF(Input!$K$13=3,J7534*Input!$J$13,0)+IF(Input!$K$14=3,K7534*Input!$J$14,0)+IF(Input!$K$15=3,L7534*Input!$J$15,0)+IF(Input!$K$16=3,M7534*Input!$J$16,0)</f>
        <v>0</v>
      </c>
      <c r="Q7534" s="71">
        <f>IF(Input!$K$13=4,J7534*Input!$J$13,0)+IF(Input!$K$14=4,K7534*Input!$J$14,0)+IF(Input!$K$15=4,L7534*Input!$J$15,0)+IF(Input!$K$16=4,M7534*Input!$J$16,0)</f>
        <v>0</v>
      </c>
    </row>
    <row r="7535" spans="8:17" x14ac:dyDescent="0.25">
      <c r="H7535" s="43">
        <v>7528</v>
      </c>
      <c r="I7535" s="55">
        <f>Bühler!I7561</f>
        <v>8.6532091546020791</v>
      </c>
      <c r="J7535" s="58">
        <f>Bühler!J7561</f>
        <v>61.862189431247963</v>
      </c>
      <c r="K7535" s="58">
        <f>Bühler!K7561</f>
        <v>3.1120483141671174</v>
      </c>
      <c r="L7535" s="58">
        <f>Bühler!L7561</f>
        <v>1.5560241570835587</v>
      </c>
      <c r="M7535" s="57">
        <f>Bühler!M7561</f>
        <v>0</v>
      </c>
      <c r="N7535" s="55">
        <f>IF(Input!$K$13=1,J7535*Input!$J$13,0)+IF(Input!$K$14=1,K7535*Input!$J$14,0)+IF(Input!$K$15=1,L7535*Input!$J$15,0)+IF(Input!$K$16=1,M7535*Input!$J$16,0)</f>
        <v>7.4234627317497548</v>
      </c>
      <c r="O7535" s="58">
        <f>IF(Input!$K$13=2,J7535*Input!$J$13,0)+IF(Input!$K$14=2,K7535*Input!$J$14,0)+IF(Input!$K$15=2,L7535*Input!$J$15,0)+IF(Input!$K$16=2,M7535*Input!$J$16,0)</f>
        <v>0.42012652241256088</v>
      </c>
      <c r="P7535" s="58">
        <f>IF(Input!$K$13=3,J7535*Input!$J$13,0)+IF(Input!$K$14=3,K7535*Input!$J$14,0)+IF(Input!$K$15=3,L7535*Input!$J$15,0)+IF(Input!$K$16=3,M7535*Input!$J$16,0)</f>
        <v>0</v>
      </c>
      <c r="Q7535" s="71">
        <f>IF(Input!$K$13=4,J7535*Input!$J$13,0)+IF(Input!$K$14=4,K7535*Input!$J$14,0)+IF(Input!$K$15=4,L7535*Input!$J$15,0)+IF(Input!$K$16=4,M7535*Input!$J$16,0)</f>
        <v>0</v>
      </c>
    </row>
    <row r="7536" spans="8:17" x14ac:dyDescent="0.25">
      <c r="H7536" s="43">
        <v>7529</v>
      </c>
      <c r="I7536" s="55">
        <f>Bühler!I7562</f>
        <v>7.4919559780104583</v>
      </c>
      <c r="J7536" s="58">
        <f>Bühler!J7562</f>
        <v>32.758482597662685</v>
      </c>
      <c r="K7536" s="58">
        <f>Bühler!K7562</f>
        <v>1.4610555465573323</v>
      </c>
      <c r="L7536" s="58">
        <f>Bühler!L7562</f>
        <v>0.73052777327866614</v>
      </c>
      <c r="M7536" s="57">
        <f>Bühler!M7562</f>
        <v>0</v>
      </c>
      <c r="N7536" s="55">
        <f>IF(Input!$K$13=1,J7536*Input!$J$13,0)+IF(Input!$K$14=1,K7536*Input!$J$14,0)+IF(Input!$K$15=1,L7536*Input!$J$15,0)+IF(Input!$K$16=1,M7536*Input!$J$16,0)</f>
        <v>3.9310179117195219</v>
      </c>
      <c r="O7536" s="58">
        <f>IF(Input!$K$13=2,J7536*Input!$J$13,0)+IF(Input!$K$14=2,K7536*Input!$J$14,0)+IF(Input!$K$15=2,L7536*Input!$J$15,0)+IF(Input!$K$16=2,M7536*Input!$J$16,0)</f>
        <v>0.19724249878523986</v>
      </c>
      <c r="P7536" s="58">
        <f>IF(Input!$K$13=3,J7536*Input!$J$13,0)+IF(Input!$K$14=3,K7536*Input!$J$14,0)+IF(Input!$K$15=3,L7536*Input!$J$15,0)+IF(Input!$K$16=3,M7536*Input!$J$16,0)</f>
        <v>0</v>
      </c>
      <c r="Q7536" s="71">
        <f>IF(Input!$K$13=4,J7536*Input!$J$13,0)+IF(Input!$K$14=4,K7536*Input!$J$14,0)+IF(Input!$K$15=4,L7536*Input!$J$15,0)+IF(Input!$K$16=4,M7536*Input!$J$16,0)</f>
        <v>0</v>
      </c>
    </row>
    <row r="7537" spans="8:17" x14ac:dyDescent="0.25">
      <c r="H7537" s="43">
        <v>7530</v>
      </c>
      <c r="I7537" s="55">
        <f>Bühler!I7563</f>
        <v>6.2932430215287862</v>
      </c>
      <c r="J7537" s="58">
        <f>Bühler!J7563</f>
        <v>23.081529930169413</v>
      </c>
      <c r="K7537" s="58">
        <f>Bühler!K7563</f>
        <v>0.96429666072783926</v>
      </c>
      <c r="L7537" s="58">
        <f>Bühler!L7563</f>
        <v>0.48214833036391963</v>
      </c>
      <c r="M7537" s="57">
        <f>Bühler!M7563</f>
        <v>0</v>
      </c>
      <c r="N7537" s="55">
        <f>IF(Input!$K$13=1,J7537*Input!$J$13,0)+IF(Input!$K$14=1,K7537*Input!$J$14,0)+IF(Input!$K$15=1,L7537*Input!$J$15,0)+IF(Input!$K$16=1,M7537*Input!$J$16,0)</f>
        <v>2.7697835916203295</v>
      </c>
      <c r="O7537" s="58">
        <f>IF(Input!$K$13=2,J7537*Input!$J$13,0)+IF(Input!$K$14=2,K7537*Input!$J$14,0)+IF(Input!$K$15=2,L7537*Input!$J$15,0)+IF(Input!$K$16=2,M7537*Input!$J$16,0)</f>
        <v>0.13018004919825829</v>
      </c>
      <c r="P7537" s="58">
        <f>IF(Input!$K$13=3,J7537*Input!$J$13,0)+IF(Input!$K$14=3,K7537*Input!$J$14,0)+IF(Input!$K$15=3,L7537*Input!$J$15,0)+IF(Input!$K$16=3,M7537*Input!$J$16,0)</f>
        <v>0</v>
      </c>
      <c r="Q7537" s="71">
        <f>IF(Input!$K$13=4,J7537*Input!$J$13,0)+IF(Input!$K$14=4,K7537*Input!$J$14,0)+IF(Input!$K$15=4,L7537*Input!$J$15,0)+IF(Input!$K$16=4,M7537*Input!$J$16,0)</f>
        <v>0</v>
      </c>
    </row>
    <row r="7538" spans="8:17" x14ac:dyDescent="0.25">
      <c r="H7538" s="43">
        <v>7531</v>
      </c>
      <c r="I7538" s="55">
        <f>Bühler!I7564</f>
        <v>2.3225063531832424</v>
      </c>
      <c r="J7538" s="58">
        <f>Bühler!J7564</f>
        <v>12.865771270305412</v>
      </c>
      <c r="K7538" s="58">
        <f>Bühler!K7564</f>
        <v>0.61364332955407952</v>
      </c>
      <c r="L7538" s="58">
        <f>Bühler!L7564</f>
        <v>0.30682166477703976</v>
      </c>
      <c r="M7538" s="57">
        <f>Bühler!M7564</f>
        <v>0</v>
      </c>
      <c r="N7538" s="55">
        <f>IF(Input!$K$13=1,J7538*Input!$J$13,0)+IF(Input!$K$14=1,K7538*Input!$J$14,0)+IF(Input!$K$15=1,L7538*Input!$J$15,0)+IF(Input!$K$16=1,M7538*Input!$J$16,0)</f>
        <v>1.5438925524366494</v>
      </c>
      <c r="O7538" s="58">
        <f>IF(Input!$K$13=2,J7538*Input!$J$13,0)+IF(Input!$K$14=2,K7538*Input!$J$14,0)+IF(Input!$K$15=2,L7538*Input!$J$15,0)+IF(Input!$K$16=2,M7538*Input!$J$16,0)</f>
        <v>8.2841849489800723E-2</v>
      </c>
      <c r="P7538" s="58">
        <f>IF(Input!$K$13=3,J7538*Input!$J$13,0)+IF(Input!$K$14=3,K7538*Input!$J$14,0)+IF(Input!$K$15=3,L7538*Input!$J$15,0)+IF(Input!$K$16=3,M7538*Input!$J$16,0)</f>
        <v>0</v>
      </c>
      <c r="Q7538" s="71">
        <f>IF(Input!$K$13=4,J7538*Input!$J$13,0)+IF(Input!$K$14=4,K7538*Input!$J$14,0)+IF(Input!$K$15=4,L7538*Input!$J$15,0)+IF(Input!$K$16=4,M7538*Input!$J$16,0)</f>
        <v>0</v>
      </c>
    </row>
    <row r="7539" spans="8:17" x14ac:dyDescent="0.25">
      <c r="H7539" s="43">
        <v>7532</v>
      </c>
      <c r="I7539" s="55">
        <f>Bühler!I7565</f>
        <v>2.3225063531832424</v>
      </c>
      <c r="J7539" s="58">
        <f>Bühler!J7565</f>
        <v>12.372927331209054</v>
      </c>
      <c r="K7539" s="58">
        <f>Bühler!K7565</f>
        <v>0.58442221862293298</v>
      </c>
      <c r="L7539" s="58">
        <f>Bühler!L7565</f>
        <v>0.29221110931146649</v>
      </c>
      <c r="M7539" s="57">
        <f>Bühler!M7565</f>
        <v>0</v>
      </c>
      <c r="N7539" s="55">
        <f>IF(Input!$K$13=1,J7539*Input!$J$13,0)+IF(Input!$K$14=1,K7539*Input!$J$14,0)+IF(Input!$K$15=1,L7539*Input!$J$15,0)+IF(Input!$K$16=1,M7539*Input!$J$16,0)</f>
        <v>1.4847512797450864</v>
      </c>
      <c r="O7539" s="58">
        <f>IF(Input!$K$13=2,J7539*Input!$J$13,0)+IF(Input!$K$14=2,K7539*Input!$J$14,0)+IF(Input!$K$15=2,L7539*Input!$J$15,0)+IF(Input!$K$16=2,M7539*Input!$J$16,0)</f>
        <v>7.8896999514095956E-2</v>
      </c>
      <c r="P7539" s="58">
        <f>IF(Input!$K$13=3,J7539*Input!$J$13,0)+IF(Input!$K$14=3,K7539*Input!$J$14,0)+IF(Input!$K$15=3,L7539*Input!$J$15,0)+IF(Input!$K$16=3,M7539*Input!$J$16,0)</f>
        <v>0</v>
      </c>
      <c r="Q7539" s="71">
        <f>IF(Input!$K$13=4,J7539*Input!$J$13,0)+IF(Input!$K$14=4,K7539*Input!$J$14,0)+IF(Input!$K$15=4,L7539*Input!$J$15,0)+IF(Input!$K$16=4,M7539*Input!$J$16,0)</f>
        <v>0</v>
      </c>
    </row>
    <row r="7540" spans="8:17" x14ac:dyDescent="0.25">
      <c r="H7540" s="43">
        <v>7533</v>
      </c>
      <c r="I7540" s="55">
        <f>Bühler!I7566</f>
        <v>2.3225063531832424</v>
      </c>
      <c r="J7540" s="58">
        <f>Bühler!J7566</f>
        <v>12.372927331209054</v>
      </c>
      <c r="K7540" s="58">
        <f>Bühler!K7566</f>
        <v>0.58442221862293298</v>
      </c>
      <c r="L7540" s="58">
        <f>Bühler!L7566</f>
        <v>0.29221110931146649</v>
      </c>
      <c r="M7540" s="57">
        <f>Bühler!M7566</f>
        <v>0</v>
      </c>
      <c r="N7540" s="55">
        <f>IF(Input!$K$13=1,J7540*Input!$J$13,0)+IF(Input!$K$14=1,K7540*Input!$J$14,0)+IF(Input!$K$15=1,L7540*Input!$J$15,0)+IF(Input!$K$16=1,M7540*Input!$J$16,0)</f>
        <v>1.4847512797450864</v>
      </c>
      <c r="O7540" s="58">
        <f>IF(Input!$K$13=2,J7540*Input!$J$13,0)+IF(Input!$K$14=2,K7540*Input!$J$14,0)+IF(Input!$K$15=2,L7540*Input!$J$15,0)+IF(Input!$K$16=2,M7540*Input!$J$16,0)</f>
        <v>7.8896999514095956E-2</v>
      </c>
      <c r="P7540" s="58">
        <f>IF(Input!$K$13=3,J7540*Input!$J$13,0)+IF(Input!$K$14=3,K7540*Input!$J$14,0)+IF(Input!$K$15=3,L7540*Input!$J$15,0)+IF(Input!$K$16=3,M7540*Input!$J$16,0)</f>
        <v>0</v>
      </c>
      <c r="Q7540" s="71">
        <f>IF(Input!$K$13=4,J7540*Input!$J$13,0)+IF(Input!$K$14=4,K7540*Input!$J$14,0)+IF(Input!$K$15=4,L7540*Input!$J$15,0)+IF(Input!$K$16=4,M7540*Input!$J$16,0)</f>
        <v>0</v>
      </c>
    </row>
    <row r="7541" spans="8:17" x14ac:dyDescent="0.25">
      <c r="H7541" s="43">
        <v>7534</v>
      </c>
      <c r="I7541" s="55">
        <f>Bühler!I7567</f>
        <v>2.3225063531832424</v>
      </c>
      <c r="J7541" s="58">
        <f>Bühler!J7567</f>
        <v>12.372927331209054</v>
      </c>
      <c r="K7541" s="58">
        <f>Bühler!K7567</f>
        <v>0.58442221862293298</v>
      </c>
      <c r="L7541" s="58">
        <f>Bühler!L7567</f>
        <v>0.29221110931146649</v>
      </c>
      <c r="M7541" s="57">
        <f>Bühler!M7567</f>
        <v>0</v>
      </c>
      <c r="N7541" s="55">
        <f>IF(Input!$K$13=1,J7541*Input!$J$13,0)+IF(Input!$K$14=1,K7541*Input!$J$14,0)+IF(Input!$K$15=1,L7541*Input!$J$15,0)+IF(Input!$K$16=1,M7541*Input!$J$16,0)</f>
        <v>1.4847512797450864</v>
      </c>
      <c r="O7541" s="58">
        <f>IF(Input!$K$13=2,J7541*Input!$J$13,0)+IF(Input!$K$14=2,K7541*Input!$J$14,0)+IF(Input!$K$15=2,L7541*Input!$J$15,0)+IF(Input!$K$16=2,M7541*Input!$J$16,0)</f>
        <v>7.8896999514095956E-2</v>
      </c>
      <c r="P7541" s="58">
        <f>IF(Input!$K$13=3,J7541*Input!$J$13,0)+IF(Input!$K$14=3,K7541*Input!$J$14,0)+IF(Input!$K$15=3,L7541*Input!$J$15,0)+IF(Input!$K$16=3,M7541*Input!$J$16,0)</f>
        <v>0</v>
      </c>
      <c r="Q7541" s="71">
        <f>IF(Input!$K$13=4,J7541*Input!$J$13,0)+IF(Input!$K$14=4,K7541*Input!$J$14,0)+IF(Input!$K$15=4,L7541*Input!$J$15,0)+IF(Input!$K$16=4,M7541*Input!$J$16,0)</f>
        <v>0</v>
      </c>
    </row>
    <row r="7542" spans="8:17" x14ac:dyDescent="0.25">
      <c r="H7542" s="43">
        <v>7535</v>
      </c>
      <c r="I7542" s="55">
        <f>Bühler!I7568</f>
        <v>2.3225063531832424</v>
      </c>
      <c r="J7542" s="58">
        <f>Bühler!J7568</f>
        <v>12.372927331209054</v>
      </c>
      <c r="K7542" s="58">
        <f>Bühler!K7568</f>
        <v>0.58442221862293298</v>
      </c>
      <c r="L7542" s="58">
        <f>Bühler!L7568</f>
        <v>0.29221110931146649</v>
      </c>
      <c r="M7542" s="57">
        <f>Bühler!M7568</f>
        <v>0</v>
      </c>
      <c r="N7542" s="55">
        <f>IF(Input!$K$13=1,J7542*Input!$J$13,0)+IF(Input!$K$14=1,K7542*Input!$J$14,0)+IF(Input!$K$15=1,L7542*Input!$J$15,0)+IF(Input!$K$16=1,M7542*Input!$J$16,0)</f>
        <v>1.4847512797450864</v>
      </c>
      <c r="O7542" s="58">
        <f>IF(Input!$K$13=2,J7542*Input!$J$13,0)+IF(Input!$K$14=2,K7542*Input!$J$14,0)+IF(Input!$K$15=2,L7542*Input!$J$15,0)+IF(Input!$K$16=2,M7542*Input!$J$16,0)</f>
        <v>7.8896999514095956E-2</v>
      </c>
      <c r="P7542" s="58">
        <f>IF(Input!$K$13=3,J7542*Input!$J$13,0)+IF(Input!$K$14=3,K7542*Input!$J$14,0)+IF(Input!$K$15=3,L7542*Input!$J$15,0)+IF(Input!$K$16=3,M7542*Input!$J$16,0)</f>
        <v>0</v>
      </c>
      <c r="Q7542" s="71">
        <f>IF(Input!$K$13=4,J7542*Input!$J$13,0)+IF(Input!$K$14=4,K7542*Input!$J$14,0)+IF(Input!$K$15=4,L7542*Input!$J$15,0)+IF(Input!$K$16=4,M7542*Input!$J$16,0)</f>
        <v>0</v>
      </c>
    </row>
    <row r="7543" spans="8:17" x14ac:dyDescent="0.25">
      <c r="H7543" s="43">
        <v>7536</v>
      </c>
      <c r="I7543" s="55">
        <f>Bühler!I7569</f>
        <v>2.3225063531832424</v>
      </c>
      <c r="J7543" s="58">
        <f>Bühler!J7569</f>
        <v>12.372927331209054</v>
      </c>
      <c r="K7543" s="58">
        <f>Bühler!K7569</f>
        <v>0.58442221862293298</v>
      </c>
      <c r="L7543" s="58">
        <f>Bühler!L7569</f>
        <v>0.29221110931146649</v>
      </c>
      <c r="M7543" s="57">
        <f>Bühler!M7569</f>
        <v>0</v>
      </c>
      <c r="N7543" s="55">
        <f>IF(Input!$K$13=1,J7543*Input!$J$13,0)+IF(Input!$K$14=1,K7543*Input!$J$14,0)+IF(Input!$K$15=1,L7543*Input!$J$15,0)+IF(Input!$K$16=1,M7543*Input!$J$16,0)</f>
        <v>1.4847512797450864</v>
      </c>
      <c r="O7543" s="58">
        <f>IF(Input!$K$13=2,J7543*Input!$J$13,0)+IF(Input!$K$14=2,K7543*Input!$J$14,0)+IF(Input!$K$15=2,L7543*Input!$J$15,0)+IF(Input!$K$16=2,M7543*Input!$J$16,0)</f>
        <v>7.8896999514095956E-2</v>
      </c>
      <c r="P7543" s="58">
        <f>IF(Input!$K$13=3,J7543*Input!$J$13,0)+IF(Input!$K$14=3,K7543*Input!$J$14,0)+IF(Input!$K$15=3,L7543*Input!$J$15,0)+IF(Input!$K$16=3,M7543*Input!$J$16,0)</f>
        <v>0</v>
      </c>
      <c r="Q7543" s="71">
        <f>IF(Input!$K$13=4,J7543*Input!$J$13,0)+IF(Input!$K$14=4,K7543*Input!$J$14,0)+IF(Input!$K$15=4,L7543*Input!$J$15,0)+IF(Input!$K$16=4,M7543*Input!$J$16,0)</f>
        <v>0</v>
      </c>
    </row>
    <row r="7544" spans="8:17" x14ac:dyDescent="0.25">
      <c r="H7544" s="43">
        <v>7537</v>
      </c>
      <c r="I7544" s="55">
        <f>Bühler!I7570</f>
        <v>1.1637628960345763</v>
      </c>
      <c r="J7544" s="58">
        <f>Bühler!J7570</f>
        <v>12.280979356819373</v>
      </c>
      <c r="K7544" s="58">
        <f>Bühler!K7570</f>
        <v>0.3729862897830733</v>
      </c>
      <c r="L7544" s="58">
        <f>Bühler!L7570</f>
        <v>0.18649314489153665</v>
      </c>
      <c r="M7544" s="57">
        <f>Bühler!M7570</f>
        <v>0</v>
      </c>
      <c r="N7544" s="55">
        <f>IF(Input!$K$13=1,J7544*Input!$J$13,0)+IF(Input!$K$14=1,K7544*Input!$J$14,0)+IF(Input!$K$15=1,L7544*Input!$J$15,0)+IF(Input!$K$16=1,M7544*Input!$J$16,0)</f>
        <v>1.4737175228183246</v>
      </c>
      <c r="O7544" s="58">
        <f>IF(Input!$K$13=2,J7544*Input!$J$13,0)+IF(Input!$K$14=2,K7544*Input!$J$14,0)+IF(Input!$K$15=2,L7544*Input!$J$15,0)+IF(Input!$K$16=2,M7544*Input!$J$16,0)</f>
        <v>5.0353149120714896E-2</v>
      </c>
      <c r="P7544" s="58">
        <f>IF(Input!$K$13=3,J7544*Input!$J$13,0)+IF(Input!$K$14=3,K7544*Input!$J$14,0)+IF(Input!$K$15=3,L7544*Input!$J$15,0)+IF(Input!$K$16=3,M7544*Input!$J$16,0)</f>
        <v>0</v>
      </c>
      <c r="Q7544" s="71">
        <f>IF(Input!$K$13=4,J7544*Input!$J$13,0)+IF(Input!$K$14=4,K7544*Input!$J$14,0)+IF(Input!$K$15=4,L7544*Input!$J$15,0)+IF(Input!$K$16=4,M7544*Input!$J$16,0)</f>
        <v>0</v>
      </c>
    </row>
    <row r="7545" spans="8:17" x14ac:dyDescent="0.25">
      <c r="H7545" s="43">
        <v>7538</v>
      </c>
      <c r="I7545" s="55">
        <f>Bühler!I7571</f>
        <v>2.2721085113056021</v>
      </c>
      <c r="J7545" s="58">
        <f>Bühler!J7571</f>
        <v>11.560023384099104</v>
      </c>
      <c r="K7545" s="58">
        <f>Bühler!K7571</f>
        <v>0.33568766080476592</v>
      </c>
      <c r="L7545" s="58">
        <f>Bühler!L7571</f>
        <v>0.16784383040238296</v>
      </c>
      <c r="M7545" s="57">
        <f>Bühler!M7571</f>
        <v>0</v>
      </c>
      <c r="N7545" s="55">
        <f>IF(Input!$K$13=1,J7545*Input!$J$13,0)+IF(Input!$K$14=1,K7545*Input!$J$14,0)+IF(Input!$K$15=1,L7545*Input!$J$15,0)+IF(Input!$K$16=1,M7545*Input!$J$16,0)</f>
        <v>1.3872028060918924</v>
      </c>
      <c r="O7545" s="58">
        <f>IF(Input!$K$13=2,J7545*Input!$J$13,0)+IF(Input!$K$14=2,K7545*Input!$J$14,0)+IF(Input!$K$15=2,L7545*Input!$J$15,0)+IF(Input!$K$16=2,M7545*Input!$J$16,0)</f>
        <v>4.5317834208643396E-2</v>
      </c>
      <c r="P7545" s="58">
        <f>IF(Input!$K$13=3,J7545*Input!$J$13,0)+IF(Input!$K$14=3,K7545*Input!$J$14,0)+IF(Input!$K$15=3,L7545*Input!$J$15,0)+IF(Input!$K$16=3,M7545*Input!$J$16,0)</f>
        <v>0</v>
      </c>
      <c r="Q7545" s="71">
        <f>IF(Input!$K$13=4,J7545*Input!$J$13,0)+IF(Input!$K$14=4,K7545*Input!$J$14,0)+IF(Input!$K$15=4,L7545*Input!$J$15,0)+IF(Input!$K$16=4,M7545*Input!$J$16,0)</f>
        <v>0</v>
      </c>
    </row>
    <row r="7546" spans="8:17" x14ac:dyDescent="0.25">
      <c r="H7546" s="43">
        <v>7539</v>
      </c>
      <c r="I7546" s="55">
        <f>Bühler!I7572</f>
        <v>2.2721085113056021</v>
      </c>
      <c r="J7546" s="58">
        <f>Bühler!J7572</f>
        <v>11.560023384099104</v>
      </c>
      <c r="K7546" s="58">
        <f>Bühler!K7572</f>
        <v>0.33568766080476592</v>
      </c>
      <c r="L7546" s="58">
        <f>Bühler!L7572</f>
        <v>0.16784383040238296</v>
      </c>
      <c r="M7546" s="57">
        <f>Bühler!M7572</f>
        <v>0</v>
      </c>
      <c r="N7546" s="55">
        <f>IF(Input!$K$13=1,J7546*Input!$J$13,0)+IF(Input!$K$14=1,K7546*Input!$J$14,0)+IF(Input!$K$15=1,L7546*Input!$J$15,0)+IF(Input!$K$16=1,M7546*Input!$J$16,0)</f>
        <v>1.3872028060918924</v>
      </c>
      <c r="O7546" s="58">
        <f>IF(Input!$K$13=2,J7546*Input!$J$13,0)+IF(Input!$K$14=2,K7546*Input!$J$14,0)+IF(Input!$K$15=2,L7546*Input!$J$15,0)+IF(Input!$K$16=2,M7546*Input!$J$16,0)</f>
        <v>4.5317834208643396E-2</v>
      </c>
      <c r="P7546" s="58">
        <f>IF(Input!$K$13=3,J7546*Input!$J$13,0)+IF(Input!$K$14=3,K7546*Input!$J$14,0)+IF(Input!$K$15=3,L7546*Input!$J$15,0)+IF(Input!$K$16=3,M7546*Input!$J$16,0)</f>
        <v>0</v>
      </c>
      <c r="Q7546" s="71">
        <f>IF(Input!$K$13=4,J7546*Input!$J$13,0)+IF(Input!$K$14=4,K7546*Input!$J$14,0)+IF(Input!$K$15=4,L7546*Input!$J$15,0)+IF(Input!$K$16=4,M7546*Input!$J$16,0)</f>
        <v>0</v>
      </c>
    </row>
    <row r="7547" spans="8:17" x14ac:dyDescent="0.25">
      <c r="H7547" s="43">
        <v>7540</v>
      </c>
      <c r="I7547" s="55">
        <f>Bühler!I7573</f>
        <v>2.2721085113056021</v>
      </c>
      <c r="J7547" s="58">
        <f>Bühler!J7573</f>
        <v>11.560023384099104</v>
      </c>
      <c r="K7547" s="58">
        <f>Bühler!K7573</f>
        <v>0.33568766080476592</v>
      </c>
      <c r="L7547" s="58">
        <f>Bühler!L7573</f>
        <v>0.16784383040238296</v>
      </c>
      <c r="M7547" s="57">
        <f>Bühler!M7573</f>
        <v>0</v>
      </c>
      <c r="N7547" s="55">
        <f>IF(Input!$K$13=1,J7547*Input!$J$13,0)+IF(Input!$K$14=1,K7547*Input!$J$14,0)+IF(Input!$K$15=1,L7547*Input!$J$15,0)+IF(Input!$K$16=1,M7547*Input!$J$16,0)</f>
        <v>1.3872028060918924</v>
      </c>
      <c r="O7547" s="58">
        <f>IF(Input!$K$13=2,J7547*Input!$J$13,0)+IF(Input!$K$14=2,K7547*Input!$J$14,0)+IF(Input!$K$15=2,L7547*Input!$J$15,0)+IF(Input!$K$16=2,M7547*Input!$J$16,0)</f>
        <v>4.5317834208643396E-2</v>
      </c>
      <c r="P7547" s="58">
        <f>IF(Input!$K$13=3,J7547*Input!$J$13,0)+IF(Input!$K$14=3,K7547*Input!$J$14,0)+IF(Input!$K$15=3,L7547*Input!$J$15,0)+IF(Input!$K$16=3,M7547*Input!$J$16,0)</f>
        <v>0</v>
      </c>
      <c r="Q7547" s="71">
        <f>IF(Input!$K$13=4,J7547*Input!$J$13,0)+IF(Input!$K$14=4,K7547*Input!$J$14,0)+IF(Input!$K$15=4,L7547*Input!$J$15,0)+IF(Input!$K$16=4,M7547*Input!$J$16,0)</f>
        <v>0</v>
      </c>
    </row>
    <row r="7548" spans="8:17" x14ac:dyDescent="0.25">
      <c r="H7548" s="43">
        <v>7541</v>
      </c>
      <c r="I7548" s="55">
        <f>Bühler!I7574</f>
        <v>2.2721085113056021</v>
      </c>
      <c r="J7548" s="58">
        <f>Bühler!J7574</f>
        <v>11.560023384099104</v>
      </c>
      <c r="K7548" s="58">
        <f>Bühler!K7574</f>
        <v>0.33568766080476592</v>
      </c>
      <c r="L7548" s="58">
        <f>Bühler!L7574</f>
        <v>0.16784383040238296</v>
      </c>
      <c r="M7548" s="57">
        <f>Bühler!M7574</f>
        <v>0</v>
      </c>
      <c r="N7548" s="55">
        <f>IF(Input!$K$13=1,J7548*Input!$J$13,0)+IF(Input!$K$14=1,K7548*Input!$J$14,0)+IF(Input!$K$15=1,L7548*Input!$J$15,0)+IF(Input!$K$16=1,M7548*Input!$J$16,0)</f>
        <v>1.3872028060918924</v>
      </c>
      <c r="O7548" s="58">
        <f>IF(Input!$K$13=2,J7548*Input!$J$13,0)+IF(Input!$K$14=2,K7548*Input!$J$14,0)+IF(Input!$K$15=2,L7548*Input!$J$15,0)+IF(Input!$K$16=2,M7548*Input!$J$16,0)</f>
        <v>4.5317834208643396E-2</v>
      </c>
      <c r="P7548" s="58">
        <f>IF(Input!$K$13=3,J7548*Input!$J$13,0)+IF(Input!$K$14=3,K7548*Input!$J$14,0)+IF(Input!$K$15=3,L7548*Input!$J$15,0)+IF(Input!$K$16=3,M7548*Input!$J$16,0)</f>
        <v>0</v>
      </c>
      <c r="Q7548" s="71">
        <f>IF(Input!$K$13=4,J7548*Input!$J$13,0)+IF(Input!$K$14=4,K7548*Input!$J$14,0)+IF(Input!$K$15=4,L7548*Input!$J$15,0)+IF(Input!$K$16=4,M7548*Input!$J$16,0)</f>
        <v>0</v>
      </c>
    </row>
    <row r="7549" spans="8:17" x14ac:dyDescent="0.25">
      <c r="H7549" s="43">
        <v>7542</v>
      </c>
      <c r="I7549" s="55">
        <f>Bühler!I7575</f>
        <v>2.8262813189411142</v>
      </c>
      <c r="J7549" s="58">
        <f>Bühler!J7575</f>
        <v>11.583113917750582</v>
      </c>
      <c r="K7549" s="58">
        <f>Bühler!K7575</f>
        <v>0.33568766080476592</v>
      </c>
      <c r="L7549" s="58">
        <f>Bühler!L7575</f>
        <v>0.16784383040238296</v>
      </c>
      <c r="M7549" s="57">
        <f>Bühler!M7575</f>
        <v>0</v>
      </c>
      <c r="N7549" s="55">
        <f>IF(Input!$K$13=1,J7549*Input!$J$13,0)+IF(Input!$K$14=1,K7549*Input!$J$14,0)+IF(Input!$K$15=1,L7549*Input!$J$15,0)+IF(Input!$K$16=1,M7549*Input!$J$16,0)</f>
        <v>1.3899736701300698</v>
      </c>
      <c r="O7549" s="58">
        <f>IF(Input!$K$13=2,J7549*Input!$J$13,0)+IF(Input!$K$14=2,K7549*Input!$J$14,0)+IF(Input!$K$15=2,L7549*Input!$J$15,0)+IF(Input!$K$16=2,M7549*Input!$J$16,0)</f>
        <v>4.5317834208643396E-2</v>
      </c>
      <c r="P7549" s="58">
        <f>IF(Input!$K$13=3,J7549*Input!$J$13,0)+IF(Input!$K$14=3,K7549*Input!$J$14,0)+IF(Input!$K$15=3,L7549*Input!$J$15,0)+IF(Input!$K$16=3,M7549*Input!$J$16,0)</f>
        <v>0</v>
      </c>
      <c r="Q7549" s="71">
        <f>IF(Input!$K$13=4,J7549*Input!$J$13,0)+IF(Input!$K$14=4,K7549*Input!$J$14,0)+IF(Input!$K$15=4,L7549*Input!$J$15,0)+IF(Input!$K$16=4,M7549*Input!$J$16,0)</f>
        <v>0</v>
      </c>
    </row>
    <row r="7550" spans="8:17" x14ac:dyDescent="0.25">
      <c r="H7550" s="43">
        <v>7543</v>
      </c>
      <c r="I7550" s="55">
        <f>Bühler!I7576</f>
        <v>3.5467059688672808</v>
      </c>
      <c r="J7550" s="58">
        <f>Bühler!J7576</f>
        <v>11.613131611497506</v>
      </c>
      <c r="K7550" s="58">
        <f>Bühler!K7576</f>
        <v>0.33568766080476592</v>
      </c>
      <c r="L7550" s="58">
        <f>Bühler!L7576</f>
        <v>0.16784383040238296</v>
      </c>
      <c r="M7550" s="57">
        <f>Bühler!M7576</f>
        <v>0</v>
      </c>
      <c r="N7550" s="55">
        <f>IF(Input!$K$13=1,J7550*Input!$J$13,0)+IF(Input!$K$14=1,K7550*Input!$J$14,0)+IF(Input!$K$15=1,L7550*Input!$J$15,0)+IF(Input!$K$16=1,M7550*Input!$J$16,0)</f>
        <v>1.3935757933797006</v>
      </c>
      <c r="O7550" s="58">
        <f>IF(Input!$K$13=2,J7550*Input!$J$13,0)+IF(Input!$K$14=2,K7550*Input!$J$14,0)+IF(Input!$K$15=2,L7550*Input!$J$15,0)+IF(Input!$K$16=2,M7550*Input!$J$16,0)</f>
        <v>4.5317834208643396E-2</v>
      </c>
      <c r="P7550" s="58">
        <f>IF(Input!$K$13=3,J7550*Input!$J$13,0)+IF(Input!$K$14=3,K7550*Input!$J$14,0)+IF(Input!$K$15=3,L7550*Input!$J$15,0)+IF(Input!$K$16=3,M7550*Input!$J$16,0)</f>
        <v>0</v>
      </c>
      <c r="Q7550" s="71">
        <f>IF(Input!$K$13=4,J7550*Input!$J$13,0)+IF(Input!$K$14=4,K7550*Input!$J$14,0)+IF(Input!$K$15=4,L7550*Input!$J$15,0)+IF(Input!$K$16=4,M7550*Input!$J$16,0)</f>
        <v>0</v>
      </c>
    </row>
    <row r="7551" spans="8:17" x14ac:dyDescent="0.25">
      <c r="H7551" s="43">
        <v>7544</v>
      </c>
      <c r="I7551" s="55">
        <f>Bühler!I7577</f>
        <v>4.0454614957392421</v>
      </c>
      <c r="J7551" s="58">
        <f>Bühler!J7577</f>
        <v>11.633913091783837</v>
      </c>
      <c r="K7551" s="58">
        <f>Bühler!K7577</f>
        <v>0.33568766080476592</v>
      </c>
      <c r="L7551" s="58">
        <f>Bühler!L7577</f>
        <v>0.16784383040238296</v>
      </c>
      <c r="M7551" s="57">
        <f>Bühler!M7577</f>
        <v>0</v>
      </c>
      <c r="N7551" s="55">
        <f>IF(Input!$K$13=1,J7551*Input!$J$13,0)+IF(Input!$K$14=1,K7551*Input!$J$14,0)+IF(Input!$K$15=1,L7551*Input!$J$15,0)+IF(Input!$K$16=1,M7551*Input!$J$16,0)</f>
        <v>1.3960695710140605</v>
      </c>
      <c r="O7551" s="58">
        <f>IF(Input!$K$13=2,J7551*Input!$J$13,0)+IF(Input!$K$14=2,K7551*Input!$J$14,0)+IF(Input!$K$15=2,L7551*Input!$J$15,0)+IF(Input!$K$16=2,M7551*Input!$J$16,0)</f>
        <v>4.5317834208643396E-2</v>
      </c>
      <c r="P7551" s="58">
        <f>IF(Input!$K$13=3,J7551*Input!$J$13,0)+IF(Input!$K$14=3,K7551*Input!$J$14,0)+IF(Input!$K$15=3,L7551*Input!$J$15,0)+IF(Input!$K$16=3,M7551*Input!$J$16,0)</f>
        <v>0</v>
      </c>
      <c r="Q7551" s="71">
        <f>IF(Input!$K$13=4,J7551*Input!$J$13,0)+IF(Input!$K$14=4,K7551*Input!$J$14,0)+IF(Input!$K$15=4,L7551*Input!$J$15,0)+IF(Input!$K$16=4,M7551*Input!$J$16,0)</f>
        <v>0</v>
      </c>
    </row>
    <row r="7552" spans="8:17" x14ac:dyDescent="0.25">
      <c r="H7552" s="43">
        <v>7545</v>
      </c>
      <c r="I7552" s="55">
        <f>Bühler!I7578</f>
        <v>4.0454614957392421</v>
      </c>
      <c r="J7552" s="58">
        <f>Bühler!J7578</f>
        <v>11.633913091783837</v>
      </c>
      <c r="K7552" s="58">
        <f>Bühler!K7578</f>
        <v>0.33568766080476592</v>
      </c>
      <c r="L7552" s="58">
        <f>Bühler!L7578</f>
        <v>0.16784383040238296</v>
      </c>
      <c r="M7552" s="57">
        <f>Bühler!M7578</f>
        <v>0</v>
      </c>
      <c r="N7552" s="55">
        <f>IF(Input!$K$13=1,J7552*Input!$J$13,0)+IF(Input!$K$14=1,K7552*Input!$J$14,0)+IF(Input!$K$15=1,L7552*Input!$J$15,0)+IF(Input!$K$16=1,M7552*Input!$J$16,0)</f>
        <v>1.3960695710140605</v>
      </c>
      <c r="O7552" s="58">
        <f>IF(Input!$K$13=2,J7552*Input!$J$13,0)+IF(Input!$K$14=2,K7552*Input!$J$14,0)+IF(Input!$K$15=2,L7552*Input!$J$15,0)+IF(Input!$K$16=2,M7552*Input!$J$16,0)</f>
        <v>4.5317834208643396E-2</v>
      </c>
      <c r="P7552" s="58">
        <f>IF(Input!$K$13=3,J7552*Input!$J$13,0)+IF(Input!$K$14=3,K7552*Input!$J$14,0)+IF(Input!$K$15=3,L7552*Input!$J$15,0)+IF(Input!$K$16=3,M7552*Input!$J$16,0)</f>
        <v>0</v>
      </c>
      <c r="Q7552" s="71">
        <f>IF(Input!$K$13=4,J7552*Input!$J$13,0)+IF(Input!$K$14=4,K7552*Input!$J$14,0)+IF(Input!$K$15=4,L7552*Input!$J$15,0)+IF(Input!$K$16=4,M7552*Input!$J$16,0)</f>
        <v>0</v>
      </c>
    </row>
    <row r="7553" spans="8:17" x14ac:dyDescent="0.25">
      <c r="H7553" s="43">
        <v>7546</v>
      </c>
      <c r="I7553" s="55">
        <f>Bühler!I7579</f>
        <v>4.0454614957392421</v>
      </c>
      <c r="J7553" s="58">
        <f>Bühler!J7579</f>
        <v>11.633913091783837</v>
      </c>
      <c r="K7553" s="58">
        <f>Bühler!K7579</f>
        <v>0.33568766080476592</v>
      </c>
      <c r="L7553" s="58">
        <f>Bühler!L7579</f>
        <v>0.16784383040238296</v>
      </c>
      <c r="M7553" s="57">
        <f>Bühler!M7579</f>
        <v>0</v>
      </c>
      <c r="N7553" s="55">
        <f>IF(Input!$K$13=1,J7553*Input!$J$13,0)+IF(Input!$K$14=1,K7553*Input!$J$14,0)+IF(Input!$K$15=1,L7553*Input!$J$15,0)+IF(Input!$K$16=1,M7553*Input!$J$16,0)</f>
        <v>1.3960695710140605</v>
      </c>
      <c r="O7553" s="58">
        <f>IF(Input!$K$13=2,J7553*Input!$J$13,0)+IF(Input!$K$14=2,K7553*Input!$J$14,0)+IF(Input!$K$15=2,L7553*Input!$J$15,0)+IF(Input!$K$16=2,M7553*Input!$J$16,0)</f>
        <v>4.5317834208643396E-2</v>
      </c>
      <c r="P7553" s="58">
        <f>IF(Input!$K$13=3,J7553*Input!$J$13,0)+IF(Input!$K$14=3,K7553*Input!$J$14,0)+IF(Input!$K$15=3,L7553*Input!$J$15,0)+IF(Input!$K$16=3,M7553*Input!$J$16,0)</f>
        <v>0</v>
      </c>
      <c r="Q7553" s="71">
        <f>IF(Input!$K$13=4,J7553*Input!$J$13,0)+IF(Input!$K$14=4,K7553*Input!$J$14,0)+IF(Input!$K$15=4,L7553*Input!$J$15,0)+IF(Input!$K$16=4,M7553*Input!$J$16,0)</f>
        <v>0</v>
      </c>
    </row>
    <row r="7554" spans="8:17" x14ac:dyDescent="0.25">
      <c r="H7554" s="43">
        <v>7547</v>
      </c>
      <c r="I7554" s="55">
        <f>Bühler!I7580</f>
        <v>4.0454614957392421</v>
      </c>
      <c r="J7554" s="58">
        <f>Bühler!J7580</f>
        <v>11.633913091783837</v>
      </c>
      <c r="K7554" s="58">
        <f>Bühler!K7580</f>
        <v>0.33568766080476592</v>
      </c>
      <c r="L7554" s="58">
        <f>Bühler!L7580</f>
        <v>0.16784383040238296</v>
      </c>
      <c r="M7554" s="57">
        <f>Bühler!M7580</f>
        <v>0</v>
      </c>
      <c r="N7554" s="55">
        <f>IF(Input!$K$13=1,J7554*Input!$J$13,0)+IF(Input!$K$14=1,K7554*Input!$J$14,0)+IF(Input!$K$15=1,L7554*Input!$J$15,0)+IF(Input!$K$16=1,M7554*Input!$J$16,0)</f>
        <v>1.3960695710140605</v>
      </c>
      <c r="O7554" s="58">
        <f>IF(Input!$K$13=2,J7554*Input!$J$13,0)+IF(Input!$K$14=2,K7554*Input!$J$14,0)+IF(Input!$K$15=2,L7554*Input!$J$15,0)+IF(Input!$K$16=2,M7554*Input!$J$16,0)</f>
        <v>4.5317834208643396E-2</v>
      </c>
      <c r="P7554" s="58">
        <f>IF(Input!$K$13=3,J7554*Input!$J$13,0)+IF(Input!$K$14=3,K7554*Input!$J$14,0)+IF(Input!$K$15=3,L7554*Input!$J$15,0)+IF(Input!$K$16=3,M7554*Input!$J$16,0)</f>
        <v>0</v>
      </c>
      <c r="Q7554" s="71">
        <f>IF(Input!$K$13=4,J7554*Input!$J$13,0)+IF(Input!$K$14=4,K7554*Input!$J$14,0)+IF(Input!$K$15=4,L7554*Input!$J$15,0)+IF(Input!$K$16=4,M7554*Input!$J$16,0)</f>
        <v>0</v>
      </c>
    </row>
    <row r="7555" spans="8:17" x14ac:dyDescent="0.25">
      <c r="H7555" s="43">
        <v>7548</v>
      </c>
      <c r="I7555" s="55">
        <f>Bühler!I7581</f>
        <v>4.0454614957392421</v>
      </c>
      <c r="J7555" s="58">
        <f>Bühler!J7581</f>
        <v>11.633913091783837</v>
      </c>
      <c r="K7555" s="58">
        <f>Bühler!K7581</f>
        <v>0.33568766080476592</v>
      </c>
      <c r="L7555" s="58">
        <f>Bühler!L7581</f>
        <v>0.16784383040238296</v>
      </c>
      <c r="M7555" s="57">
        <f>Bühler!M7581</f>
        <v>0</v>
      </c>
      <c r="N7555" s="55">
        <f>IF(Input!$K$13=1,J7555*Input!$J$13,0)+IF(Input!$K$14=1,K7555*Input!$J$14,0)+IF(Input!$K$15=1,L7555*Input!$J$15,0)+IF(Input!$K$16=1,M7555*Input!$J$16,0)</f>
        <v>1.3960695710140605</v>
      </c>
      <c r="O7555" s="58">
        <f>IF(Input!$K$13=2,J7555*Input!$J$13,0)+IF(Input!$K$14=2,K7555*Input!$J$14,0)+IF(Input!$K$15=2,L7555*Input!$J$15,0)+IF(Input!$K$16=2,M7555*Input!$J$16,0)</f>
        <v>4.5317834208643396E-2</v>
      </c>
      <c r="P7555" s="58">
        <f>IF(Input!$K$13=3,J7555*Input!$J$13,0)+IF(Input!$K$14=3,K7555*Input!$J$14,0)+IF(Input!$K$15=3,L7555*Input!$J$15,0)+IF(Input!$K$16=3,M7555*Input!$J$16,0)</f>
        <v>0</v>
      </c>
      <c r="Q7555" s="71">
        <f>IF(Input!$K$13=4,J7555*Input!$J$13,0)+IF(Input!$K$14=4,K7555*Input!$J$14,0)+IF(Input!$K$15=4,L7555*Input!$J$15,0)+IF(Input!$K$16=4,M7555*Input!$J$16,0)</f>
        <v>0</v>
      </c>
    </row>
    <row r="7556" spans="8:17" x14ac:dyDescent="0.25">
      <c r="H7556" s="43">
        <v>7549</v>
      </c>
      <c r="I7556" s="55">
        <f>Bühler!I7582</f>
        <v>4.0454614957392421</v>
      </c>
      <c r="J7556" s="58">
        <f>Bühler!J7582</f>
        <v>11.633913091783837</v>
      </c>
      <c r="K7556" s="58">
        <f>Bühler!K7582</f>
        <v>0.33568766080476592</v>
      </c>
      <c r="L7556" s="58">
        <f>Bühler!L7582</f>
        <v>0.16784383040238296</v>
      </c>
      <c r="M7556" s="57">
        <f>Bühler!M7582</f>
        <v>0</v>
      </c>
      <c r="N7556" s="55">
        <f>IF(Input!$K$13=1,J7556*Input!$J$13,0)+IF(Input!$K$14=1,K7556*Input!$J$14,0)+IF(Input!$K$15=1,L7556*Input!$J$15,0)+IF(Input!$K$16=1,M7556*Input!$J$16,0)</f>
        <v>1.3960695710140605</v>
      </c>
      <c r="O7556" s="58">
        <f>IF(Input!$K$13=2,J7556*Input!$J$13,0)+IF(Input!$K$14=2,K7556*Input!$J$14,0)+IF(Input!$K$15=2,L7556*Input!$J$15,0)+IF(Input!$K$16=2,M7556*Input!$J$16,0)</f>
        <v>4.5317834208643396E-2</v>
      </c>
      <c r="P7556" s="58">
        <f>IF(Input!$K$13=3,J7556*Input!$J$13,0)+IF(Input!$K$14=3,K7556*Input!$J$14,0)+IF(Input!$K$15=3,L7556*Input!$J$15,0)+IF(Input!$K$16=3,M7556*Input!$J$16,0)</f>
        <v>0</v>
      </c>
      <c r="Q7556" s="71">
        <f>IF(Input!$K$13=4,J7556*Input!$J$13,0)+IF(Input!$K$14=4,K7556*Input!$J$14,0)+IF(Input!$K$15=4,L7556*Input!$J$15,0)+IF(Input!$K$16=4,M7556*Input!$J$16,0)</f>
        <v>0</v>
      </c>
    </row>
    <row r="7557" spans="8:17" x14ac:dyDescent="0.25">
      <c r="H7557" s="43">
        <v>7550</v>
      </c>
      <c r="I7557" s="55">
        <f>Bühler!I7583</f>
        <v>4.0454614957392421</v>
      </c>
      <c r="J7557" s="58">
        <f>Bühler!J7583</f>
        <v>11.633913091783837</v>
      </c>
      <c r="K7557" s="58">
        <f>Bühler!K7583</f>
        <v>0.33568766080476592</v>
      </c>
      <c r="L7557" s="58">
        <f>Bühler!L7583</f>
        <v>0.16784383040238296</v>
      </c>
      <c r="M7557" s="57">
        <f>Bühler!M7583</f>
        <v>0</v>
      </c>
      <c r="N7557" s="55">
        <f>IF(Input!$K$13=1,J7557*Input!$J$13,0)+IF(Input!$K$14=1,K7557*Input!$J$14,0)+IF(Input!$K$15=1,L7557*Input!$J$15,0)+IF(Input!$K$16=1,M7557*Input!$J$16,0)</f>
        <v>1.3960695710140605</v>
      </c>
      <c r="O7557" s="58">
        <f>IF(Input!$K$13=2,J7557*Input!$J$13,0)+IF(Input!$K$14=2,K7557*Input!$J$14,0)+IF(Input!$K$15=2,L7557*Input!$J$15,0)+IF(Input!$K$16=2,M7557*Input!$J$16,0)</f>
        <v>4.5317834208643396E-2</v>
      </c>
      <c r="P7557" s="58">
        <f>IF(Input!$K$13=3,J7557*Input!$J$13,0)+IF(Input!$K$14=3,K7557*Input!$J$14,0)+IF(Input!$K$15=3,L7557*Input!$J$15,0)+IF(Input!$K$16=3,M7557*Input!$J$16,0)</f>
        <v>0</v>
      </c>
      <c r="Q7557" s="71">
        <f>IF(Input!$K$13=4,J7557*Input!$J$13,0)+IF(Input!$K$14=4,K7557*Input!$J$14,0)+IF(Input!$K$15=4,L7557*Input!$J$15,0)+IF(Input!$K$16=4,M7557*Input!$J$16,0)</f>
        <v>0</v>
      </c>
    </row>
    <row r="7558" spans="8:17" x14ac:dyDescent="0.25">
      <c r="H7558" s="43">
        <v>7551</v>
      </c>
      <c r="I7558" s="55">
        <f>Bühler!I7584</f>
        <v>4.0454614957392421</v>
      </c>
      <c r="J7558" s="58">
        <f>Bühler!J7584</f>
        <v>11.633913091783837</v>
      </c>
      <c r="K7558" s="58">
        <f>Bühler!K7584</f>
        <v>0.33568766080476592</v>
      </c>
      <c r="L7558" s="58">
        <f>Bühler!L7584</f>
        <v>0.16784383040238296</v>
      </c>
      <c r="M7558" s="57">
        <f>Bühler!M7584</f>
        <v>0</v>
      </c>
      <c r="N7558" s="55">
        <f>IF(Input!$K$13=1,J7558*Input!$J$13,0)+IF(Input!$K$14=1,K7558*Input!$J$14,0)+IF(Input!$K$15=1,L7558*Input!$J$15,0)+IF(Input!$K$16=1,M7558*Input!$J$16,0)</f>
        <v>1.3960695710140605</v>
      </c>
      <c r="O7558" s="58">
        <f>IF(Input!$K$13=2,J7558*Input!$J$13,0)+IF(Input!$K$14=2,K7558*Input!$J$14,0)+IF(Input!$K$15=2,L7558*Input!$J$15,0)+IF(Input!$K$16=2,M7558*Input!$J$16,0)</f>
        <v>4.5317834208643396E-2</v>
      </c>
      <c r="P7558" s="58">
        <f>IF(Input!$K$13=3,J7558*Input!$J$13,0)+IF(Input!$K$14=3,K7558*Input!$J$14,0)+IF(Input!$K$15=3,L7558*Input!$J$15,0)+IF(Input!$K$16=3,M7558*Input!$J$16,0)</f>
        <v>0</v>
      </c>
      <c r="Q7558" s="71">
        <f>IF(Input!$K$13=4,J7558*Input!$J$13,0)+IF(Input!$K$14=4,K7558*Input!$J$14,0)+IF(Input!$K$15=4,L7558*Input!$J$15,0)+IF(Input!$K$16=4,M7558*Input!$J$16,0)</f>
        <v>0</v>
      </c>
    </row>
    <row r="7559" spans="8:17" x14ac:dyDescent="0.25">
      <c r="H7559" s="43">
        <v>7552</v>
      </c>
      <c r="I7559" s="55">
        <f>Bühler!I7585</f>
        <v>3.6575405303943831</v>
      </c>
      <c r="J7559" s="58">
        <f>Bühler!J7585</f>
        <v>11.617749718227801</v>
      </c>
      <c r="K7559" s="58">
        <f>Bühler!K7585</f>
        <v>0.33568766080476592</v>
      </c>
      <c r="L7559" s="58">
        <f>Bühler!L7585</f>
        <v>0.16784383040238296</v>
      </c>
      <c r="M7559" s="57">
        <f>Bühler!M7585</f>
        <v>0</v>
      </c>
      <c r="N7559" s="55">
        <f>IF(Input!$K$13=1,J7559*Input!$J$13,0)+IF(Input!$K$14=1,K7559*Input!$J$14,0)+IF(Input!$K$15=1,L7559*Input!$J$15,0)+IF(Input!$K$16=1,M7559*Input!$J$16,0)</f>
        <v>1.3941299661873361</v>
      </c>
      <c r="O7559" s="58">
        <f>IF(Input!$K$13=2,J7559*Input!$J$13,0)+IF(Input!$K$14=2,K7559*Input!$J$14,0)+IF(Input!$K$15=2,L7559*Input!$J$15,0)+IF(Input!$K$16=2,M7559*Input!$J$16,0)</f>
        <v>4.5317834208643396E-2</v>
      </c>
      <c r="P7559" s="58">
        <f>IF(Input!$K$13=3,J7559*Input!$J$13,0)+IF(Input!$K$14=3,K7559*Input!$J$14,0)+IF(Input!$K$15=3,L7559*Input!$J$15,0)+IF(Input!$K$16=3,M7559*Input!$J$16,0)</f>
        <v>0</v>
      </c>
      <c r="Q7559" s="71">
        <f>IF(Input!$K$13=4,J7559*Input!$J$13,0)+IF(Input!$K$14=4,K7559*Input!$J$14,0)+IF(Input!$K$15=4,L7559*Input!$J$15,0)+IF(Input!$K$16=4,M7559*Input!$J$16,0)</f>
        <v>0</v>
      </c>
    </row>
    <row r="7560" spans="8:17" x14ac:dyDescent="0.25">
      <c r="H7560" s="43">
        <v>7553</v>
      </c>
      <c r="I7560" s="55">
        <f>Bühler!I7586</f>
        <v>3.3250368458130759</v>
      </c>
      <c r="J7560" s="58">
        <f>Bühler!J7586</f>
        <v>11.603895398036913</v>
      </c>
      <c r="K7560" s="58">
        <f>Bühler!K7586</f>
        <v>0.33568766080476592</v>
      </c>
      <c r="L7560" s="58">
        <f>Bühler!L7586</f>
        <v>0.16784383040238296</v>
      </c>
      <c r="M7560" s="57">
        <f>Bühler!M7586</f>
        <v>0</v>
      </c>
      <c r="N7560" s="55">
        <f>IF(Input!$K$13=1,J7560*Input!$J$13,0)+IF(Input!$K$14=1,K7560*Input!$J$14,0)+IF(Input!$K$15=1,L7560*Input!$J$15,0)+IF(Input!$K$16=1,M7560*Input!$J$16,0)</f>
        <v>1.3924674477644294</v>
      </c>
      <c r="O7560" s="58">
        <f>IF(Input!$K$13=2,J7560*Input!$J$13,0)+IF(Input!$K$14=2,K7560*Input!$J$14,0)+IF(Input!$K$15=2,L7560*Input!$J$15,0)+IF(Input!$K$16=2,M7560*Input!$J$16,0)</f>
        <v>4.5317834208643396E-2</v>
      </c>
      <c r="P7560" s="58">
        <f>IF(Input!$K$13=3,J7560*Input!$J$13,0)+IF(Input!$K$14=3,K7560*Input!$J$14,0)+IF(Input!$K$15=3,L7560*Input!$J$15,0)+IF(Input!$K$16=3,M7560*Input!$J$16,0)</f>
        <v>0</v>
      </c>
      <c r="Q7560" s="71">
        <f>IF(Input!$K$13=4,J7560*Input!$J$13,0)+IF(Input!$K$14=4,K7560*Input!$J$14,0)+IF(Input!$K$15=4,L7560*Input!$J$15,0)+IF(Input!$K$16=4,M7560*Input!$J$16,0)</f>
        <v>0</v>
      </c>
    </row>
    <row r="7561" spans="8:17" x14ac:dyDescent="0.25">
      <c r="H7561" s="43">
        <v>7554</v>
      </c>
      <c r="I7561" s="55">
        <f>Bühler!I7587</f>
        <v>2.9925331612317678</v>
      </c>
      <c r="J7561" s="58">
        <f>Bühler!J7587</f>
        <v>11.590041077846026</v>
      </c>
      <c r="K7561" s="58">
        <f>Bühler!K7587</f>
        <v>0.33568766080476592</v>
      </c>
      <c r="L7561" s="58">
        <f>Bühler!L7587</f>
        <v>0.16784383040238296</v>
      </c>
      <c r="M7561" s="57">
        <f>Bühler!M7587</f>
        <v>0</v>
      </c>
      <c r="N7561" s="55">
        <f>IF(Input!$K$13=1,J7561*Input!$J$13,0)+IF(Input!$K$14=1,K7561*Input!$J$14,0)+IF(Input!$K$15=1,L7561*Input!$J$15,0)+IF(Input!$K$16=1,M7561*Input!$J$16,0)</f>
        <v>1.390804929341523</v>
      </c>
      <c r="O7561" s="58">
        <f>IF(Input!$K$13=2,J7561*Input!$J$13,0)+IF(Input!$K$14=2,K7561*Input!$J$14,0)+IF(Input!$K$15=2,L7561*Input!$J$15,0)+IF(Input!$K$16=2,M7561*Input!$J$16,0)</f>
        <v>4.5317834208643396E-2</v>
      </c>
      <c r="P7561" s="58">
        <f>IF(Input!$K$13=3,J7561*Input!$J$13,0)+IF(Input!$K$14=3,K7561*Input!$J$14,0)+IF(Input!$K$15=3,L7561*Input!$J$15,0)+IF(Input!$K$16=3,M7561*Input!$J$16,0)</f>
        <v>0</v>
      </c>
      <c r="Q7561" s="71">
        <f>IF(Input!$K$13=4,J7561*Input!$J$13,0)+IF(Input!$K$14=4,K7561*Input!$J$14,0)+IF(Input!$K$15=4,L7561*Input!$J$15,0)+IF(Input!$K$16=4,M7561*Input!$J$16,0)</f>
        <v>0</v>
      </c>
    </row>
    <row r="7562" spans="8:17" x14ac:dyDescent="0.25">
      <c r="H7562" s="43">
        <v>7555</v>
      </c>
      <c r="I7562" s="55">
        <f>Bühler!I7588</f>
        <v>2.8816985997046651</v>
      </c>
      <c r="J7562" s="58">
        <f>Bühler!J7588</f>
        <v>11.585422971115729</v>
      </c>
      <c r="K7562" s="58">
        <f>Bühler!K7588</f>
        <v>0.33568766080476592</v>
      </c>
      <c r="L7562" s="58">
        <f>Bühler!L7588</f>
        <v>0.16784383040238296</v>
      </c>
      <c r="M7562" s="57">
        <f>Bühler!M7588</f>
        <v>0</v>
      </c>
      <c r="N7562" s="55">
        <f>IF(Input!$K$13=1,J7562*Input!$J$13,0)+IF(Input!$K$14=1,K7562*Input!$J$14,0)+IF(Input!$K$15=1,L7562*Input!$J$15,0)+IF(Input!$K$16=1,M7562*Input!$J$16,0)</f>
        <v>1.3902507565338875</v>
      </c>
      <c r="O7562" s="58">
        <f>IF(Input!$K$13=2,J7562*Input!$J$13,0)+IF(Input!$K$14=2,K7562*Input!$J$14,0)+IF(Input!$K$15=2,L7562*Input!$J$15,0)+IF(Input!$K$16=2,M7562*Input!$J$16,0)</f>
        <v>4.5317834208643396E-2</v>
      </c>
      <c r="P7562" s="58">
        <f>IF(Input!$K$13=3,J7562*Input!$J$13,0)+IF(Input!$K$14=3,K7562*Input!$J$14,0)+IF(Input!$K$15=3,L7562*Input!$J$15,0)+IF(Input!$K$16=3,M7562*Input!$J$16,0)</f>
        <v>0</v>
      </c>
      <c r="Q7562" s="71">
        <f>IF(Input!$K$13=4,J7562*Input!$J$13,0)+IF(Input!$K$14=4,K7562*Input!$J$14,0)+IF(Input!$K$15=4,L7562*Input!$J$15,0)+IF(Input!$K$16=4,M7562*Input!$J$16,0)</f>
        <v>0</v>
      </c>
    </row>
    <row r="7563" spans="8:17" x14ac:dyDescent="0.25">
      <c r="H7563" s="43">
        <v>7556</v>
      </c>
      <c r="I7563" s="55">
        <f>Bühler!I7589</f>
        <v>2.3275257920691526</v>
      </c>
      <c r="J7563" s="58">
        <f>Bühler!J7589</f>
        <v>11.562332437464251</v>
      </c>
      <c r="K7563" s="58">
        <f>Bühler!K7589</f>
        <v>0.33568766080476592</v>
      </c>
      <c r="L7563" s="58">
        <f>Bühler!L7589</f>
        <v>0.16784383040238296</v>
      </c>
      <c r="M7563" s="57">
        <f>Bühler!M7589</f>
        <v>0</v>
      </c>
      <c r="N7563" s="55">
        <f>IF(Input!$K$13=1,J7563*Input!$J$13,0)+IF(Input!$K$14=1,K7563*Input!$J$14,0)+IF(Input!$K$15=1,L7563*Input!$J$15,0)+IF(Input!$K$16=1,M7563*Input!$J$16,0)</f>
        <v>1.3874798924957101</v>
      </c>
      <c r="O7563" s="58">
        <f>IF(Input!$K$13=2,J7563*Input!$J$13,0)+IF(Input!$K$14=2,K7563*Input!$J$14,0)+IF(Input!$K$15=2,L7563*Input!$J$15,0)+IF(Input!$K$16=2,M7563*Input!$J$16,0)</f>
        <v>4.5317834208643396E-2</v>
      </c>
      <c r="P7563" s="58">
        <f>IF(Input!$K$13=3,J7563*Input!$J$13,0)+IF(Input!$K$14=3,K7563*Input!$J$14,0)+IF(Input!$K$15=3,L7563*Input!$J$15,0)+IF(Input!$K$16=3,M7563*Input!$J$16,0)</f>
        <v>0</v>
      </c>
      <c r="Q7563" s="71">
        <f>IF(Input!$K$13=4,J7563*Input!$J$13,0)+IF(Input!$K$14=4,K7563*Input!$J$14,0)+IF(Input!$K$15=4,L7563*Input!$J$15,0)+IF(Input!$K$16=4,M7563*Input!$J$16,0)</f>
        <v>0</v>
      </c>
    </row>
    <row r="7564" spans="8:17" x14ac:dyDescent="0.25">
      <c r="H7564" s="43">
        <v>7557</v>
      </c>
      <c r="I7564" s="55">
        <f>Bühler!I7590</f>
        <v>1.7179357036700889</v>
      </c>
      <c r="J7564" s="58">
        <f>Bühler!J7590</f>
        <v>11.536932850447624</v>
      </c>
      <c r="K7564" s="58">
        <f>Bühler!K7590</f>
        <v>0.33568766080476592</v>
      </c>
      <c r="L7564" s="58">
        <f>Bühler!L7590</f>
        <v>0.16784383040238296</v>
      </c>
      <c r="M7564" s="57">
        <f>Bühler!M7590</f>
        <v>0</v>
      </c>
      <c r="N7564" s="55">
        <f>IF(Input!$K$13=1,J7564*Input!$J$13,0)+IF(Input!$K$14=1,K7564*Input!$J$14,0)+IF(Input!$K$15=1,L7564*Input!$J$15,0)+IF(Input!$K$16=1,M7564*Input!$J$16,0)</f>
        <v>1.3844319420537148</v>
      </c>
      <c r="O7564" s="58">
        <f>IF(Input!$K$13=2,J7564*Input!$J$13,0)+IF(Input!$K$14=2,K7564*Input!$J$14,0)+IF(Input!$K$15=2,L7564*Input!$J$15,0)+IF(Input!$K$16=2,M7564*Input!$J$16,0)</f>
        <v>4.5317834208643396E-2</v>
      </c>
      <c r="P7564" s="58">
        <f>IF(Input!$K$13=3,J7564*Input!$J$13,0)+IF(Input!$K$14=3,K7564*Input!$J$14,0)+IF(Input!$K$15=3,L7564*Input!$J$15,0)+IF(Input!$K$16=3,M7564*Input!$J$16,0)</f>
        <v>0</v>
      </c>
      <c r="Q7564" s="71">
        <f>IF(Input!$K$13=4,J7564*Input!$J$13,0)+IF(Input!$K$14=4,K7564*Input!$J$14,0)+IF(Input!$K$15=4,L7564*Input!$J$15,0)+IF(Input!$K$16=4,M7564*Input!$J$16,0)</f>
        <v>0</v>
      </c>
    </row>
    <row r="7565" spans="8:17" x14ac:dyDescent="0.25">
      <c r="H7565" s="43">
        <v>7558</v>
      </c>
      <c r="I7565" s="55">
        <f>Bühler!I7591</f>
        <v>1.7179357036700889</v>
      </c>
      <c r="J7565" s="58">
        <f>Bühler!J7591</f>
        <v>11.536932850447624</v>
      </c>
      <c r="K7565" s="58">
        <f>Bühler!K7591</f>
        <v>0.33568766080476592</v>
      </c>
      <c r="L7565" s="58">
        <f>Bühler!L7591</f>
        <v>0.16784383040238296</v>
      </c>
      <c r="M7565" s="57">
        <f>Bühler!M7591</f>
        <v>0</v>
      </c>
      <c r="N7565" s="55">
        <f>IF(Input!$K$13=1,J7565*Input!$J$13,0)+IF(Input!$K$14=1,K7565*Input!$J$14,0)+IF(Input!$K$15=1,L7565*Input!$J$15,0)+IF(Input!$K$16=1,M7565*Input!$J$16,0)</f>
        <v>1.3844319420537148</v>
      </c>
      <c r="O7565" s="58">
        <f>IF(Input!$K$13=2,J7565*Input!$J$13,0)+IF(Input!$K$14=2,K7565*Input!$J$14,0)+IF(Input!$K$15=2,L7565*Input!$J$15,0)+IF(Input!$K$16=2,M7565*Input!$J$16,0)</f>
        <v>4.5317834208643396E-2</v>
      </c>
      <c r="P7565" s="58">
        <f>IF(Input!$K$13=3,J7565*Input!$J$13,0)+IF(Input!$K$14=3,K7565*Input!$J$14,0)+IF(Input!$K$15=3,L7565*Input!$J$15,0)+IF(Input!$K$16=3,M7565*Input!$J$16,0)</f>
        <v>0</v>
      </c>
      <c r="Q7565" s="71">
        <f>IF(Input!$K$13=4,J7565*Input!$J$13,0)+IF(Input!$K$14=4,K7565*Input!$J$14,0)+IF(Input!$K$15=4,L7565*Input!$J$15,0)+IF(Input!$K$16=4,M7565*Input!$J$16,0)</f>
        <v>0</v>
      </c>
    </row>
    <row r="7566" spans="8:17" x14ac:dyDescent="0.25">
      <c r="H7566" s="43">
        <v>7559</v>
      </c>
      <c r="I7566" s="55">
        <f>Bühler!I7592</f>
        <v>1.7179357036700889</v>
      </c>
      <c r="J7566" s="58">
        <f>Bühler!J7592</f>
        <v>11.536932850447624</v>
      </c>
      <c r="K7566" s="58">
        <f>Bühler!K7592</f>
        <v>0.33568766080476592</v>
      </c>
      <c r="L7566" s="58">
        <f>Bühler!L7592</f>
        <v>0.16784383040238296</v>
      </c>
      <c r="M7566" s="57">
        <f>Bühler!M7592</f>
        <v>0</v>
      </c>
      <c r="N7566" s="55">
        <f>IF(Input!$K$13=1,J7566*Input!$J$13,0)+IF(Input!$K$14=1,K7566*Input!$J$14,0)+IF(Input!$K$15=1,L7566*Input!$J$15,0)+IF(Input!$K$16=1,M7566*Input!$J$16,0)</f>
        <v>1.3844319420537148</v>
      </c>
      <c r="O7566" s="58">
        <f>IF(Input!$K$13=2,J7566*Input!$J$13,0)+IF(Input!$K$14=2,K7566*Input!$J$14,0)+IF(Input!$K$15=2,L7566*Input!$J$15,0)+IF(Input!$K$16=2,M7566*Input!$J$16,0)</f>
        <v>4.5317834208643396E-2</v>
      </c>
      <c r="P7566" s="58">
        <f>IF(Input!$K$13=3,J7566*Input!$J$13,0)+IF(Input!$K$14=3,K7566*Input!$J$14,0)+IF(Input!$K$15=3,L7566*Input!$J$15,0)+IF(Input!$K$16=3,M7566*Input!$J$16,0)</f>
        <v>0</v>
      </c>
      <c r="Q7566" s="71">
        <f>IF(Input!$K$13=4,J7566*Input!$J$13,0)+IF(Input!$K$14=4,K7566*Input!$J$14,0)+IF(Input!$K$15=4,L7566*Input!$J$15,0)+IF(Input!$K$16=4,M7566*Input!$J$16,0)</f>
        <v>0</v>
      </c>
    </row>
    <row r="7567" spans="8:17" x14ac:dyDescent="0.25">
      <c r="H7567" s="43">
        <v>7560</v>
      </c>
      <c r="I7567" s="55">
        <f>Bühler!I7593</f>
        <v>1.7179357036700889</v>
      </c>
      <c r="J7567" s="58">
        <f>Bühler!J7593</f>
        <v>11.536932850447624</v>
      </c>
      <c r="K7567" s="58">
        <f>Bühler!K7593</f>
        <v>0.33568766080476592</v>
      </c>
      <c r="L7567" s="58">
        <f>Bühler!L7593</f>
        <v>0.16784383040238296</v>
      </c>
      <c r="M7567" s="57">
        <f>Bühler!M7593</f>
        <v>0</v>
      </c>
      <c r="N7567" s="55">
        <f>IF(Input!$K$13=1,J7567*Input!$J$13,0)+IF(Input!$K$14=1,K7567*Input!$J$14,0)+IF(Input!$K$15=1,L7567*Input!$J$15,0)+IF(Input!$K$16=1,M7567*Input!$J$16,0)</f>
        <v>1.3844319420537148</v>
      </c>
      <c r="O7567" s="58">
        <f>IF(Input!$K$13=2,J7567*Input!$J$13,0)+IF(Input!$K$14=2,K7567*Input!$J$14,0)+IF(Input!$K$15=2,L7567*Input!$J$15,0)+IF(Input!$K$16=2,M7567*Input!$J$16,0)</f>
        <v>4.5317834208643396E-2</v>
      </c>
      <c r="P7567" s="58">
        <f>IF(Input!$K$13=3,J7567*Input!$J$13,0)+IF(Input!$K$14=3,K7567*Input!$J$14,0)+IF(Input!$K$15=3,L7567*Input!$J$15,0)+IF(Input!$K$16=3,M7567*Input!$J$16,0)</f>
        <v>0</v>
      </c>
      <c r="Q7567" s="71">
        <f>IF(Input!$K$13=4,J7567*Input!$J$13,0)+IF(Input!$K$14=4,K7567*Input!$J$14,0)+IF(Input!$K$15=4,L7567*Input!$J$15,0)+IF(Input!$K$16=4,M7567*Input!$J$16,0)</f>
        <v>0</v>
      </c>
    </row>
    <row r="7568" spans="8:17" x14ac:dyDescent="0.25">
      <c r="H7568" s="43">
        <v>7561</v>
      </c>
      <c r="I7568" s="55">
        <f>Bühler!I7594</f>
        <v>2.0943834769087291</v>
      </c>
      <c r="J7568" s="58">
        <f>Bühler!J7594</f>
        <v>12.076077439153407</v>
      </c>
      <c r="K7568" s="58">
        <f>Bühler!K7594</f>
        <v>0.34514238106157302</v>
      </c>
      <c r="L7568" s="58">
        <f>Bühler!L7594</f>
        <v>0.17257119053078651</v>
      </c>
      <c r="M7568" s="57">
        <f>Bühler!M7594</f>
        <v>0</v>
      </c>
      <c r="N7568" s="55">
        <f>IF(Input!$K$13=1,J7568*Input!$J$13,0)+IF(Input!$K$14=1,K7568*Input!$J$14,0)+IF(Input!$K$15=1,L7568*Input!$J$15,0)+IF(Input!$K$16=1,M7568*Input!$J$16,0)</f>
        <v>1.4491292926984087</v>
      </c>
      <c r="O7568" s="58">
        <f>IF(Input!$K$13=2,J7568*Input!$J$13,0)+IF(Input!$K$14=2,K7568*Input!$J$14,0)+IF(Input!$K$15=2,L7568*Input!$J$15,0)+IF(Input!$K$16=2,M7568*Input!$J$16,0)</f>
        <v>4.6594221443312357E-2</v>
      </c>
      <c r="P7568" s="58">
        <f>IF(Input!$K$13=3,J7568*Input!$J$13,0)+IF(Input!$K$14=3,K7568*Input!$J$14,0)+IF(Input!$K$15=3,L7568*Input!$J$15,0)+IF(Input!$K$16=3,M7568*Input!$J$16,0)</f>
        <v>0</v>
      </c>
      <c r="Q7568" s="71">
        <f>IF(Input!$K$13=4,J7568*Input!$J$13,0)+IF(Input!$K$14=4,K7568*Input!$J$14,0)+IF(Input!$K$15=4,L7568*Input!$J$15,0)+IF(Input!$K$16=4,M7568*Input!$J$16,0)</f>
        <v>0</v>
      </c>
    </row>
    <row r="7569" spans="8:17" x14ac:dyDescent="0.25">
      <c r="H7569" s="43">
        <v>7562</v>
      </c>
      <c r="I7569" s="55">
        <f>Bühler!I7595</f>
        <v>2.4321872635069113</v>
      </c>
      <c r="J7569" s="58">
        <f>Bühler!J7595</f>
        <v>12.090152596928331</v>
      </c>
      <c r="K7569" s="58">
        <f>Bühler!K7595</f>
        <v>0.34514238106157302</v>
      </c>
      <c r="L7569" s="58">
        <f>Bühler!L7595</f>
        <v>0.17257119053078651</v>
      </c>
      <c r="M7569" s="57">
        <f>Bühler!M7595</f>
        <v>0</v>
      </c>
      <c r="N7569" s="55">
        <f>IF(Input!$K$13=1,J7569*Input!$J$13,0)+IF(Input!$K$14=1,K7569*Input!$J$14,0)+IF(Input!$K$15=1,L7569*Input!$J$15,0)+IF(Input!$K$16=1,M7569*Input!$J$16,0)</f>
        <v>1.4508183116313995</v>
      </c>
      <c r="O7569" s="58">
        <f>IF(Input!$K$13=2,J7569*Input!$J$13,0)+IF(Input!$K$14=2,K7569*Input!$J$14,0)+IF(Input!$K$15=2,L7569*Input!$J$15,0)+IF(Input!$K$16=2,M7569*Input!$J$16,0)</f>
        <v>4.6594221443312357E-2</v>
      </c>
      <c r="P7569" s="58">
        <f>IF(Input!$K$13=3,J7569*Input!$J$13,0)+IF(Input!$K$14=3,K7569*Input!$J$14,0)+IF(Input!$K$15=3,L7569*Input!$J$15,0)+IF(Input!$K$16=3,M7569*Input!$J$16,0)</f>
        <v>0</v>
      </c>
      <c r="Q7569" s="71">
        <f>IF(Input!$K$13=4,J7569*Input!$J$13,0)+IF(Input!$K$14=4,K7569*Input!$J$14,0)+IF(Input!$K$15=4,L7569*Input!$J$15,0)+IF(Input!$K$16=4,M7569*Input!$J$16,0)</f>
        <v>0</v>
      </c>
    </row>
    <row r="7570" spans="8:17" x14ac:dyDescent="0.25">
      <c r="H7570" s="43">
        <v>7563</v>
      </c>
      <c r="I7570" s="55">
        <f>Bühler!I7596</f>
        <v>2.4321872635069113</v>
      </c>
      <c r="J7570" s="58">
        <f>Bühler!J7596</f>
        <v>12.090152596928331</v>
      </c>
      <c r="K7570" s="58">
        <f>Bühler!K7596</f>
        <v>0.34514238106157302</v>
      </c>
      <c r="L7570" s="58">
        <f>Bühler!L7596</f>
        <v>0.17257119053078651</v>
      </c>
      <c r="M7570" s="57">
        <f>Bühler!M7596</f>
        <v>0</v>
      </c>
      <c r="N7570" s="55">
        <f>IF(Input!$K$13=1,J7570*Input!$J$13,0)+IF(Input!$K$14=1,K7570*Input!$J$14,0)+IF(Input!$K$15=1,L7570*Input!$J$15,0)+IF(Input!$K$16=1,M7570*Input!$J$16,0)</f>
        <v>1.4508183116313995</v>
      </c>
      <c r="O7570" s="58">
        <f>IF(Input!$K$13=2,J7570*Input!$J$13,0)+IF(Input!$K$14=2,K7570*Input!$J$14,0)+IF(Input!$K$15=2,L7570*Input!$J$15,0)+IF(Input!$K$16=2,M7570*Input!$J$16,0)</f>
        <v>4.6594221443312357E-2</v>
      </c>
      <c r="P7570" s="58">
        <f>IF(Input!$K$13=3,J7570*Input!$J$13,0)+IF(Input!$K$14=3,K7570*Input!$J$14,0)+IF(Input!$K$15=3,L7570*Input!$J$15,0)+IF(Input!$K$16=3,M7570*Input!$J$16,0)</f>
        <v>0</v>
      </c>
      <c r="Q7570" s="71">
        <f>IF(Input!$K$13=4,J7570*Input!$J$13,0)+IF(Input!$K$14=4,K7570*Input!$J$14,0)+IF(Input!$K$15=4,L7570*Input!$J$15,0)+IF(Input!$K$16=4,M7570*Input!$J$16,0)</f>
        <v>0</v>
      </c>
    </row>
    <row r="7571" spans="8:17" x14ac:dyDescent="0.25">
      <c r="H7571" s="43">
        <v>7564</v>
      </c>
      <c r="I7571" s="55">
        <f>Bühler!I7597</f>
        <v>2.4321872635069113</v>
      </c>
      <c r="J7571" s="58">
        <f>Bühler!J7597</f>
        <v>12.090152596928331</v>
      </c>
      <c r="K7571" s="58">
        <f>Bühler!K7597</f>
        <v>0.34514238106157302</v>
      </c>
      <c r="L7571" s="58">
        <f>Bühler!L7597</f>
        <v>0.17257119053078651</v>
      </c>
      <c r="M7571" s="57">
        <f>Bühler!M7597</f>
        <v>0</v>
      </c>
      <c r="N7571" s="55">
        <f>IF(Input!$K$13=1,J7571*Input!$J$13,0)+IF(Input!$K$14=1,K7571*Input!$J$14,0)+IF(Input!$K$15=1,L7571*Input!$J$15,0)+IF(Input!$K$16=1,M7571*Input!$J$16,0)</f>
        <v>1.4508183116313995</v>
      </c>
      <c r="O7571" s="58">
        <f>IF(Input!$K$13=2,J7571*Input!$J$13,0)+IF(Input!$K$14=2,K7571*Input!$J$14,0)+IF(Input!$K$15=2,L7571*Input!$J$15,0)+IF(Input!$K$16=2,M7571*Input!$J$16,0)</f>
        <v>4.6594221443312357E-2</v>
      </c>
      <c r="P7571" s="58">
        <f>IF(Input!$K$13=3,J7571*Input!$J$13,0)+IF(Input!$K$14=3,K7571*Input!$J$14,0)+IF(Input!$K$15=3,L7571*Input!$J$15,0)+IF(Input!$K$16=3,M7571*Input!$J$16,0)</f>
        <v>0</v>
      </c>
      <c r="Q7571" s="71">
        <f>IF(Input!$K$13=4,J7571*Input!$J$13,0)+IF(Input!$K$14=4,K7571*Input!$J$14,0)+IF(Input!$K$15=4,L7571*Input!$J$15,0)+IF(Input!$K$16=4,M7571*Input!$J$16,0)</f>
        <v>0</v>
      </c>
    </row>
    <row r="7572" spans="8:17" x14ac:dyDescent="0.25">
      <c r="H7572" s="43">
        <v>7565</v>
      </c>
      <c r="I7572" s="55">
        <f>Bühler!I7598</f>
        <v>2.4321872635069113</v>
      </c>
      <c r="J7572" s="58">
        <f>Bühler!J7598</f>
        <v>12.090152596928331</v>
      </c>
      <c r="K7572" s="58">
        <f>Bühler!K7598</f>
        <v>0.34514238106157302</v>
      </c>
      <c r="L7572" s="58">
        <f>Bühler!L7598</f>
        <v>0.17257119053078651</v>
      </c>
      <c r="M7572" s="57">
        <f>Bühler!M7598</f>
        <v>0</v>
      </c>
      <c r="N7572" s="55">
        <f>IF(Input!$K$13=1,J7572*Input!$J$13,0)+IF(Input!$K$14=1,K7572*Input!$J$14,0)+IF(Input!$K$15=1,L7572*Input!$J$15,0)+IF(Input!$K$16=1,M7572*Input!$J$16,0)</f>
        <v>1.4508183116313995</v>
      </c>
      <c r="O7572" s="58">
        <f>IF(Input!$K$13=2,J7572*Input!$J$13,0)+IF(Input!$K$14=2,K7572*Input!$J$14,0)+IF(Input!$K$15=2,L7572*Input!$J$15,0)+IF(Input!$K$16=2,M7572*Input!$J$16,0)</f>
        <v>4.6594221443312357E-2</v>
      </c>
      <c r="P7572" s="58">
        <f>IF(Input!$K$13=3,J7572*Input!$J$13,0)+IF(Input!$K$14=3,K7572*Input!$J$14,0)+IF(Input!$K$15=3,L7572*Input!$J$15,0)+IF(Input!$K$16=3,M7572*Input!$J$16,0)</f>
        <v>0</v>
      </c>
      <c r="Q7572" s="71">
        <f>IF(Input!$K$13=4,J7572*Input!$J$13,0)+IF(Input!$K$14=4,K7572*Input!$J$14,0)+IF(Input!$K$15=4,L7572*Input!$J$15,0)+IF(Input!$K$16=4,M7572*Input!$J$16,0)</f>
        <v>0</v>
      </c>
    </row>
    <row r="7573" spans="8:17" x14ac:dyDescent="0.25">
      <c r="H7573" s="43">
        <v>7566</v>
      </c>
      <c r="I7573" s="55">
        <f>Bühler!I7599</f>
        <v>3.0402340793836391</v>
      </c>
      <c r="J7573" s="58">
        <f>Bühler!J7599</f>
        <v>12.115487880923194</v>
      </c>
      <c r="K7573" s="58">
        <f>Bühler!K7599</f>
        <v>0.34514238106157302</v>
      </c>
      <c r="L7573" s="58">
        <f>Bühler!L7599</f>
        <v>0.17257119053078651</v>
      </c>
      <c r="M7573" s="57">
        <f>Bühler!M7599</f>
        <v>0</v>
      </c>
      <c r="N7573" s="55">
        <f>IF(Input!$K$13=1,J7573*Input!$J$13,0)+IF(Input!$K$14=1,K7573*Input!$J$14,0)+IF(Input!$K$15=1,L7573*Input!$J$15,0)+IF(Input!$K$16=1,M7573*Input!$J$16,0)</f>
        <v>1.4538585457107831</v>
      </c>
      <c r="O7573" s="58">
        <f>IF(Input!$K$13=2,J7573*Input!$J$13,0)+IF(Input!$K$14=2,K7573*Input!$J$14,0)+IF(Input!$K$15=2,L7573*Input!$J$15,0)+IF(Input!$K$16=2,M7573*Input!$J$16,0)</f>
        <v>4.6594221443312357E-2</v>
      </c>
      <c r="P7573" s="58">
        <f>IF(Input!$K$13=3,J7573*Input!$J$13,0)+IF(Input!$K$14=3,K7573*Input!$J$14,0)+IF(Input!$K$15=3,L7573*Input!$J$15,0)+IF(Input!$K$16=3,M7573*Input!$J$16,0)</f>
        <v>0</v>
      </c>
      <c r="Q7573" s="71">
        <f>IF(Input!$K$13=4,J7573*Input!$J$13,0)+IF(Input!$K$14=4,K7573*Input!$J$14,0)+IF(Input!$K$15=4,L7573*Input!$J$15,0)+IF(Input!$K$16=4,M7573*Input!$J$16,0)</f>
        <v>0</v>
      </c>
    </row>
    <row r="7574" spans="8:17" x14ac:dyDescent="0.25">
      <c r="H7574" s="43">
        <v>7567</v>
      </c>
      <c r="I7574" s="55">
        <f>Bühler!I7600</f>
        <v>3.5807201379407307</v>
      </c>
      <c r="J7574" s="58">
        <f>Bühler!J7600</f>
        <v>12.138008133363073</v>
      </c>
      <c r="K7574" s="58">
        <f>Bühler!K7600</f>
        <v>0.34514238106157302</v>
      </c>
      <c r="L7574" s="58">
        <f>Bühler!L7600</f>
        <v>0.17257119053078651</v>
      </c>
      <c r="M7574" s="57">
        <f>Bühler!M7600</f>
        <v>0</v>
      </c>
      <c r="N7574" s="55">
        <f>IF(Input!$K$13=1,J7574*Input!$J$13,0)+IF(Input!$K$14=1,K7574*Input!$J$14,0)+IF(Input!$K$15=1,L7574*Input!$J$15,0)+IF(Input!$K$16=1,M7574*Input!$J$16,0)</f>
        <v>1.4565609760035687</v>
      </c>
      <c r="O7574" s="58">
        <f>IF(Input!$K$13=2,J7574*Input!$J$13,0)+IF(Input!$K$14=2,K7574*Input!$J$14,0)+IF(Input!$K$15=2,L7574*Input!$J$15,0)+IF(Input!$K$16=2,M7574*Input!$J$16,0)</f>
        <v>4.6594221443312357E-2</v>
      </c>
      <c r="P7574" s="58">
        <f>IF(Input!$K$13=3,J7574*Input!$J$13,0)+IF(Input!$K$14=3,K7574*Input!$J$14,0)+IF(Input!$K$15=3,L7574*Input!$J$15,0)+IF(Input!$K$16=3,M7574*Input!$J$16,0)</f>
        <v>0</v>
      </c>
      <c r="Q7574" s="71">
        <f>IF(Input!$K$13=4,J7574*Input!$J$13,0)+IF(Input!$K$14=4,K7574*Input!$J$14,0)+IF(Input!$K$15=4,L7574*Input!$J$15,0)+IF(Input!$K$16=4,M7574*Input!$J$16,0)</f>
        <v>0</v>
      </c>
    </row>
    <row r="7575" spans="8:17" x14ac:dyDescent="0.25">
      <c r="H7575" s="43">
        <v>7568</v>
      </c>
      <c r="I7575" s="55">
        <f>Bühler!I7601</f>
        <v>4.2563277111370947</v>
      </c>
      <c r="J7575" s="58">
        <f>Bühler!J7601</f>
        <v>12.16615844891292</v>
      </c>
      <c r="K7575" s="58">
        <f>Bühler!K7601</f>
        <v>0.34514238106157302</v>
      </c>
      <c r="L7575" s="58">
        <f>Bühler!L7601</f>
        <v>0.17257119053078651</v>
      </c>
      <c r="M7575" s="57">
        <f>Bühler!M7601</f>
        <v>0</v>
      </c>
      <c r="N7575" s="55">
        <f>IF(Input!$K$13=1,J7575*Input!$J$13,0)+IF(Input!$K$14=1,K7575*Input!$J$14,0)+IF(Input!$K$15=1,L7575*Input!$J$15,0)+IF(Input!$K$16=1,M7575*Input!$J$16,0)</f>
        <v>1.4599390138695505</v>
      </c>
      <c r="O7575" s="58">
        <f>IF(Input!$K$13=2,J7575*Input!$J$13,0)+IF(Input!$K$14=2,K7575*Input!$J$14,0)+IF(Input!$K$15=2,L7575*Input!$J$15,0)+IF(Input!$K$16=2,M7575*Input!$J$16,0)</f>
        <v>4.6594221443312357E-2</v>
      </c>
      <c r="P7575" s="58">
        <f>IF(Input!$K$13=3,J7575*Input!$J$13,0)+IF(Input!$K$14=3,K7575*Input!$J$14,0)+IF(Input!$K$15=3,L7575*Input!$J$15,0)+IF(Input!$K$16=3,M7575*Input!$J$16,0)</f>
        <v>0</v>
      </c>
      <c r="Q7575" s="71">
        <f>IF(Input!$K$13=4,J7575*Input!$J$13,0)+IF(Input!$K$14=4,K7575*Input!$J$14,0)+IF(Input!$K$15=4,L7575*Input!$J$15,0)+IF(Input!$K$16=4,M7575*Input!$J$16,0)</f>
        <v>0</v>
      </c>
    </row>
    <row r="7576" spans="8:17" x14ac:dyDescent="0.25">
      <c r="H7576" s="43">
        <v>7569</v>
      </c>
      <c r="I7576" s="55">
        <f>Bühler!I7602</f>
        <v>4.2563277111370947</v>
      </c>
      <c r="J7576" s="58">
        <f>Bühler!J7602</f>
        <v>12.16615844891292</v>
      </c>
      <c r="K7576" s="58">
        <f>Bühler!K7602</f>
        <v>0.34514238106157302</v>
      </c>
      <c r="L7576" s="58">
        <f>Bühler!L7602</f>
        <v>0.17257119053078651</v>
      </c>
      <c r="M7576" s="57">
        <f>Bühler!M7602</f>
        <v>0</v>
      </c>
      <c r="N7576" s="55">
        <f>IF(Input!$K$13=1,J7576*Input!$J$13,0)+IF(Input!$K$14=1,K7576*Input!$J$14,0)+IF(Input!$K$15=1,L7576*Input!$J$15,0)+IF(Input!$K$16=1,M7576*Input!$J$16,0)</f>
        <v>1.4599390138695505</v>
      </c>
      <c r="O7576" s="58">
        <f>IF(Input!$K$13=2,J7576*Input!$J$13,0)+IF(Input!$K$14=2,K7576*Input!$J$14,0)+IF(Input!$K$15=2,L7576*Input!$J$15,0)+IF(Input!$K$16=2,M7576*Input!$J$16,0)</f>
        <v>4.6594221443312357E-2</v>
      </c>
      <c r="P7576" s="58">
        <f>IF(Input!$K$13=3,J7576*Input!$J$13,0)+IF(Input!$K$14=3,K7576*Input!$J$14,0)+IF(Input!$K$15=3,L7576*Input!$J$15,0)+IF(Input!$K$16=3,M7576*Input!$J$16,0)</f>
        <v>0</v>
      </c>
      <c r="Q7576" s="71">
        <f>IF(Input!$K$13=4,J7576*Input!$J$13,0)+IF(Input!$K$14=4,K7576*Input!$J$14,0)+IF(Input!$K$15=4,L7576*Input!$J$15,0)+IF(Input!$K$16=4,M7576*Input!$J$16,0)</f>
        <v>0</v>
      </c>
    </row>
    <row r="7577" spans="8:17" x14ac:dyDescent="0.25">
      <c r="H7577" s="43">
        <v>7570</v>
      </c>
      <c r="I7577" s="55">
        <f>Bühler!I7603</f>
        <v>4.2563277111370947</v>
      </c>
      <c r="J7577" s="58">
        <f>Bühler!J7603</f>
        <v>12.16615844891292</v>
      </c>
      <c r="K7577" s="58">
        <f>Bühler!K7603</f>
        <v>0.34514238106157302</v>
      </c>
      <c r="L7577" s="58">
        <f>Bühler!L7603</f>
        <v>0.17257119053078651</v>
      </c>
      <c r="M7577" s="57">
        <f>Bühler!M7603</f>
        <v>0</v>
      </c>
      <c r="N7577" s="55">
        <f>IF(Input!$K$13=1,J7577*Input!$J$13,0)+IF(Input!$K$14=1,K7577*Input!$J$14,0)+IF(Input!$K$15=1,L7577*Input!$J$15,0)+IF(Input!$K$16=1,M7577*Input!$J$16,0)</f>
        <v>1.4599390138695505</v>
      </c>
      <c r="O7577" s="58">
        <f>IF(Input!$K$13=2,J7577*Input!$J$13,0)+IF(Input!$K$14=2,K7577*Input!$J$14,0)+IF(Input!$K$15=2,L7577*Input!$J$15,0)+IF(Input!$K$16=2,M7577*Input!$J$16,0)</f>
        <v>4.6594221443312357E-2</v>
      </c>
      <c r="P7577" s="58">
        <f>IF(Input!$K$13=3,J7577*Input!$J$13,0)+IF(Input!$K$14=3,K7577*Input!$J$14,0)+IF(Input!$K$15=3,L7577*Input!$J$15,0)+IF(Input!$K$16=3,M7577*Input!$J$16,0)</f>
        <v>0</v>
      </c>
      <c r="Q7577" s="71">
        <f>IF(Input!$K$13=4,J7577*Input!$J$13,0)+IF(Input!$K$14=4,K7577*Input!$J$14,0)+IF(Input!$K$15=4,L7577*Input!$J$15,0)+IF(Input!$K$16=4,M7577*Input!$J$16,0)</f>
        <v>0</v>
      </c>
    </row>
    <row r="7578" spans="8:17" x14ac:dyDescent="0.25">
      <c r="H7578" s="43">
        <v>7571</v>
      </c>
      <c r="I7578" s="55">
        <f>Bühler!I7604</f>
        <v>4.2563277111370947</v>
      </c>
      <c r="J7578" s="58">
        <f>Bühler!J7604</f>
        <v>12.16615844891292</v>
      </c>
      <c r="K7578" s="58">
        <f>Bühler!K7604</f>
        <v>0.34514238106157302</v>
      </c>
      <c r="L7578" s="58">
        <f>Bühler!L7604</f>
        <v>0.17257119053078651</v>
      </c>
      <c r="M7578" s="57">
        <f>Bühler!M7604</f>
        <v>0</v>
      </c>
      <c r="N7578" s="55">
        <f>IF(Input!$K$13=1,J7578*Input!$J$13,0)+IF(Input!$K$14=1,K7578*Input!$J$14,0)+IF(Input!$K$15=1,L7578*Input!$J$15,0)+IF(Input!$K$16=1,M7578*Input!$J$16,0)</f>
        <v>1.4599390138695505</v>
      </c>
      <c r="O7578" s="58">
        <f>IF(Input!$K$13=2,J7578*Input!$J$13,0)+IF(Input!$K$14=2,K7578*Input!$J$14,0)+IF(Input!$K$15=2,L7578*Input!$J$15,0)+IF(Input!$K$16=2,M7578*Input!$J$16,0)</f>
        <v>4.6594221443312357E-2</v>
      </c>
      <c r="P7578" s="58">
        <f>IF(Input!$K$13=3,J7578*Input!$J$13,0)+IF(Input!$K$14=3,K7578*Input!$J$14,0)+IF(Input!$K$15=3,L7578*Input!$J$15,0)+IF(Input!$K$16=3,M7578*Input!$J$16,0)</f>
        <v>0</v>
      </c>
      <c r="Q7578" s="71">
        <f>IF(Input!$K$13=4,J7578*Input!$J$13,0)+IF(Input!$K$14=4,K7578*Input!$J$14,0)+IF(Input!$K$15=4,L7578*Input!$J$15,0)+IF(Input!$K$16=4,M7578*Input!$J$16,0)</f>
        <v>0</v>
      </c>
    </row>
    <row r="7579" spans="8:17" x14ac:dyDescent="0.25">
      <c r="H7579" s="43">
        <v>7572</v>
      </c>
      <c r="I7579" s="55">
        <f>Bühler!I7605</f>
        <v>4.2563277111370947</v>
      </c>
      <c r="J7579" s="58">
        <f>Bühler!J7605</f>
        <v>12.16615844891292</v>
      </c>
      <c r="K7579" s="58">
        <f>Bühler!K7605</f>
        <v>0.34514238106157302</v>
      </c>
      <c r="L7579" s="58">
        <f>Bühler!L7605</f>
        <v>0.17257119053078651</v>
      </c>
      <c r="M7579" s="57">
        <f>Bühler!M7605</f>
        <v>0</v>
      </c>
      <c r="N7579" s="55">
        <f>IF(Input!$K$13=1,J7579*Input!$J$13,0)+IF(Input!$K$14=1,K7579*Input!$J$14,0)+IF(Input!$K$15=1,L7579*Input!$J$15,0)+IF(Input!$K$16=1,M7579*Input!$J$16,0)</f>
        <v>1.4599390138695505</v>
      </c>
      <c r="O7579" s="58">
        <f>IF(Input!$K$13=2,J7579*Input!$J$13,0)+IF(Input!$K$14=2,K7579*Input!$J$14,0)+IF(Input!$K$15=2,L7579*Input!$J$15,0)+IF(Input!$K$16=2,M7579*Input!$J$16,0)</f>
        <v>4.6594221443312357E-2</v>
      </c>
      <c r="P7579" s="58">
        <f>IF(Input!$K$13=3,J7579*Input!$J$13,0)+IF(Input!$K$14=3,K7579*Input!$J$14,0)+IF(Input!$K$15=3,L7579*Input!$J$15,0)+IF(Input!$K$16=3,M7579*Input!$J$16,0)</f>
        <v>0</v>
      </c>
      <c r="Q7579" s="71">
        <f>IF(Input!$K$13=4,J7579*Input!$J$13,0)+IF(Input!$K$14=4,K7579*Input!$J$14,0)+IF(Input!$K$15=4,L7579*Input!$J$15,0)+IF(Input!$K$16=4,M7579*Input!$J$16,0)</f>
        <v>0</v>
      </c>
    </row>
    <row r="7580" spans="8:17" x14ac:dyDescent="0.25">
      <c r="H7580" s="43">
        <v>7573</v>
      </c>
      <c r="I7580" s="55">
        <f>Bühler!I7606</f>
        <v>4.2563277111370947</v>
      </c>
      <c r="J7580" s="58">
        <f>Bühler!J7606</f>
        <v>12.16615844891292</v>
      </c>
      <c r="K7580" s="58">
        <f>Bühler!K7606</f>
        <v>0.34514238106157302</v>
      </c>
      <c r="L7580" s="58">
        <f>Bühler!L7606</f>
        <v>0.17257119053078651</v>
      </c>
      <c r="M7580" s="57">
        <f>Bühler!M7606</f>
        <v>0</v>
      </c>
      <c r="N7580" s="55">
        <f>IF(Input!$K$13=1,J7580*Input!$J$13,0)+IF(Input!$K$14=1,K7580*Input!$J$14,0)+IF(Input!$K$15=1,L7580*Input!$J$15,0)+IF(Input!$K$16=1,M7580*Input!$J$16,0)</f>
        <v>1.4599390138695505</v>
      </c>
      <c r="O7580" s="58">
        <f>IF(Input!$K$13=2,J7580*Input!$J$13,0)+IF(Input!$K$14=2,K7580*Input!$J$14,0)+IF(Input!$K$15=2,L7580*Input!$J$15,0)+IF(Input!$K$16=2,M7580*Input!$J$16,0)</f>
        <v>4.6594221443312357E-2</v>
      </c>
      <c r="P7580" s="58">
        <f>IF(Input!$K$13=3,J7580*Input!$J$13,0)+IF(Input!$K$14=3,K7580*Input!$J$14,0)+IF(Input!$K$15=3,L7580*Input!$J$15,0)+IF(Input!$K$16=3,M7580*Input!$J$16,0)</f>
        <v>0</v>
      </c>
      <c r="Q7580" s="71">
        <f>IF(Input!$K$13=4,J7580*Input!$J$13,0)+IF(Input!$K$14=4,K7580*Input!$J$14,0)+IF(Input!$K$15=4,L7580*Input!$J$15,0)+IF(Input!$K$16=4,M7580*Input!$J$16,0)</f>
        <v>0</v>
      </c>
    </row>
    <row r="7581" spans="8:17" x14ac:dyDescent="0.25">
      <c r="H7581" s="43">
        <v>7574</v>
      </c>
      <c r="I7581" s="55">
        <f>Bühler!I7607</f>
        <v>4.2563277111370947</v>
      </c>
      <c r="J7581" s="58">
        <f>Bühler!J7607</f>
        <v>12.16615844891292</v>
      </c>
      <c r="K7581" s="58">
        <f>Bühler!K7607</f>
        <v>0.34514238106157302</v>
      </c>
      <c r="L7581" s="58">
        <f>Bühler!L7607</f>
        <v>0.17257119053078651</v>
      </c>
      <c r="M7581" s="57">
        <f>Bühler!M7607</f>
        <v>0</v>
      </c>
      <c r="N7581" s="55">
        <f>IF(Input!$K$13=1,J7581*Input!$J$13,0)+IF(Input!$K$14=1,K7581*Input!$J$14,0)+IF(Input!$K$15=1,L7581*Input!$J$15,0)+IF(Input!$K$16=1,M7581*Input!$J$16,0)</f>
        <v>1.4599390138695505</v>
      </c>
      <c r="O7581" s="58">
        <f>IF(Input!$K$13=2,J7581*Input!$J$13,0)+IF(Input!$K$14=2,K7581*Input!$J$14,0)+IF(Input!$K$15=2,L7581*Input!$J$15,0)+IF(Input!$K$16=2,M7581*Input!$J$16,0)</f>
        <v>4.6594221443312357E-2</v>
      </c>
      <c r="P7581" s="58">
        <f>IF(Input!$K$13=3,J7581*Input!$J$13,0)+IF(Input!$K$14=3,K7581*Input!$J$14,0)+IF(Input!$K$15=3,L7581*Input!$J$15,0)+IF(Input!$K$16=3,M7581*Input!$J$16,0)</f>
        <v>0</v>
      </c>
      <c r="Q7581" s="71">
        <f>IF(Input!$K$13=4,J7581*Input!$J$13,0)+IF(Input!$K$14=4,K7581*Input!$J$14,0)+IF(Input!$K$15=4,L7581*Input!$J$15,0)+IF(Input!$K$16=4,M7581*Input!$J$16,0)</f>
        <v>0</v>
      </c>
    </row>
    <row r="7582" spans="8:17" x14ac:dyDescent="0.25">
      <c r="H7582" s="43">
        <v>7575</v>
      </c>
      <c r="I7582" s="55">
        <f>Bühler!I7608</f>
        <v>4.2563277111370947</v>
      </c>
      <c r="J7582" s="58">
        <f>Bühler!J7608</f>
        <v>12.16615844891292</v>
      </c>
      <c r="K7582" s="58">
        <f>Bühler!K7608</f>
        <v>0.34514238106157302</v>
      </c>
      <c r="L7582" s="58">
        <f>Bühler!L7608</f>
        <v>0.17257119053078651</v>
      </c>
      <c r="M7582" s="57">
        <f>Bühler!M7608</f>
        <v>0</v>
      </c>
      <c r="N7582" s="55">
        <f>IF(Input!$K$13=1,J7582*Input!$J$13,0)+IF(Input!$K$14=1,K7582*Input!$J$14,0)+IF(Input!$K$15=1,L7582*Input!$J$15,0)+IF(Input!$K$16=1,M7582*Input!$J$16,0)</f>
        <v>1.4599390138695505</v>
      </c>
      <c r="O7582" s="58">
        <f>IF(Input!$K$13=2,J7582*Input!$J$13,0)+IF(Input!$K$14=2,K7582*Input!$J$14,0)+IF(Input!$K$15=2,L7582*Input!$J$15,0)+IF(Input!$K$16=2,M7582*Input!$J$16,0)</f>
        <v>4.6594221443312357E-2</v>
      </c>
      <c r="P7582" s="58">
        <f>IF(Input!$K$13=3,J7582*Input!$J$13,0)+IF(Input!$K$14=3,K7582*Input!$J$14,0)+IF(Input!$K$15=3,L7582*Input!$J$15,0)+IF(Input!$K$16=3,M7582*Input!$J$16,0)</f>
        <v>0</v>
      </c>
      <c r="Q7582" s="71">
        <f>IF(Input!$K$13=4,J7582*Input!$J$13,0)+IF(Input!$K$14=4,K7582*Input!$J$14,0)+IF(Input!$K$15=4,L7582*Input!$J$15,0)+IF(Input!$K$16=4,M7582*Input!$J$16,0)</f>
        <v>0</v>
      </c>
    </row>
    <row r="7583" spans="8:17" x14ac:dyDescent="0.25">
      <c r="H7583" s="43">
        <v>7576</v>
      </c>
      <c r="I7583" s="55">
        <f>Bühler!I7609</f>
        <v>3.7834024098996393</v>
      </c>
      <c r="J7583" s="58">
        <f>Bühler!J7609</f>
        <v>12.146453228028026</v>
      </c>
      <c r="K7583" s="58">
        <f>Bühler!K7609</f>
        <v>0.34514238106157302</v>
      </c>
      <c r="L7583" s="58">
        <f>Bühler!L7609</f>
        <v>0.17257119053078651</v>
      </c>
      <c r="M7583" s="57">
        <f>Bühler!M7609</f>
        <v>0</v>
      </c>
      <c r="N7583" s="55">
        <f>IF(Input!$K$13=1,J7583*Input!$J$13,0)+IF(Input!$K$14=1,K7583*Input!$J$14,0)+IF(Input!$K$15=1,L7583*Input!$J$15,0)+IF(Input!$K$16=1,M7583*Input!$J$16,0)</f>
        <v>1.4575743873633631</v>
      </c>
      <c r="O7583" s="58">
        <f>IF(Input!$K$13=2,J7583*Input!$J$13,0)+IF(Input!$K$14=2,K7583*Input!$J$14,0)+IF(Input!$K$15=2,L7583*Input!$J$15,0)+IF(Input!$K$16=2,M7583*Input!$J$16,0)</f>
        <v>4.6594221443312357E-2</v>
      </c>
      <c r="P7583" s="58">
        <f>IF(Input!$K$13=3,J7583*Input!$J$13,0)+IF(Input!$K$14=3,K7583*Input!$J$14,0)+IF(Input!$K$15=3,L7583*Input!$J$15,0)+IF(Input!$K$16=3,M7583*Input!$J$16,0)</f>
        <v>0</v>
      </c>
      <c r="Q7583" s="71">
        <f>IF(Input!$K$13=4,J7583*Input!$J$13,0)+IF(Input!$K$14=4,K7583*Input!$J$14,0)+IF(Input!$K$15=4,L7583*Input!$J$15,0)+IF(Input!$K$16=4,M7583*Input!$J$16,0)</f>
        <v>0</v>
      </c>
    </row>
    <row r="7584" spans="8:17" x14ac:dyDescent="0.25">
      <c r="H7584" s="43">
        <v>7577</v>
      </c>
      <c r="I7584" s="55">
        <f>Bühler!I7610</f>
        <v>3.7158416525800031</v>
      </c>
      <c r="J7584" s="58">
        <f>Bühler!J7610</f>
        <v>12.143638196473042</v>
      </c>
      <c r="K7584" s="58">
        <f>Bühler!K7610</f>
        <v>0.34514238106157302</v>
      </c>
      <c r="L7584" s="58">
        <f>Bühler!L7610</f>
        <v>0.17257119053078651</v>
      </c>
      <c r="M7584" s="57">
        <f>Bühler!M7610</f>
        <v>0</v>
      </c>
      <c r="N7584" s="55">
        <f>IF(Input!$K$13=1,J7584*Input!$J$13,0)+IF(Input!$K$14=1,K7584*Input!$J$14,0)+IF(Input!$K$15=1,L7584*Input!$J$15,0)+IF(Input!$K$16=1,M7584*Input!$J$16,0)</f>
        <v>1.4572365835767649</v>
      </c>
      <c r="O7584" s="58">
        <f>IF(Input!$K$13=2,J7584*Input!$J$13,0)+IF(Input!$K$14=2,K7584*Input!$J$14,0)+IF(Input!$K$15=2,L7584*Input!$J$15,0)+IF(Input!$K$16=2,M7584*Input!$J$16,0)</f>
        <v>4.6594221443312357E-2</v>
      </c>
      <c r="P7584" s="58">
        <f>IF(Input!$K$13=3,J7584*Input!$J$13,0)+IF(Input!$K$14=3,K7584*Input!$J$14,0)+IF(Input!$K$15=3,L7584*Input!$J$15,0)+IF(Input!$K$16=3,M7584*Input!$J$16,0)</f>
        <v>0</v>
      </c>
      <c r="Q7584" s="71">
        <f>IF(Input!$K$13=4,J7584*Input!$J$13,0)+IF(Input!$K$14=4,K7584*Input!$J$14,0)+IF(Input!$K$15=4,L7584*Input!$J$15,0)+IF(Input!$K$16=4,M7584*Input!$J$16,0)</f>
        <v>0</v>
      </c>
    </row>
    <row r="7585" spans="8:17" x14ac:dyDescent="0.25">
      <c r="H7585" s="43">
        <v>7578</v>
      </c>
      <c r="I7585" s="55">
        <f>Bühler!I7611</f>
        <v>3.1753555940229119</v>
      </c>
      <c r="J7585" s="58">
        <f>Bühler!J7611</f>
        <v>12.121117944033163</v>
      </c>
      <c r="K7585" s="58">
        <f>Bühler!K7611</f>
        <v>0.34514238106157302</v>
      </c>
      <c r="L7585" s="58">
        <f>Bühler!L7611</f>
        <v>0.17257119053078651</v>
      </c>
      <c r="M7585" s="57">
        <f>Bühler!M7611</f>
        <v>0</v>
      </c>
      <c r="N7585" s="55">
        <f>IF(Input!$K$13=1,J7585*Input!$J$13,0)+IF(Input!$K$14=1,K7585*Input!$J$14,0)+IF(Input!$K$15=1,L7585*Input!$J$15,0)+IF(Input!$K$16=1,M7585*Input!$J$16,0)</f>
        <v>1.4545341532839795</v>
      </c>
      <c r="O7585" s="58">
        <f>IF(Input!$K$13=2,J7585*Input!$J$13,0)+IF(Input!$K$14=2,K7585*Input!$J$14,0)+IF(Input!$K$15=2,L7585*Input!$J$15,0)+IF(Input!$K$16=2,M7585*Input!$J$16,0)</f>
        <v>4.6594221443312357E-2</v>
      </c>
      <c r="P7585" s="58">
        <f>IF(Input!$K$13=3,J7585*Input!$J$13,0)+IF(Input!$K$14=3,K7585*Input!$J$14,0)+IF(Input!$K$15=3,L7585*Input!$J$15,0)+IF(Input!$K$16=3,M7585*Input!$J$16,0)</f>
        <v>0</v>
      </c>
      <c r="Q7585" s="71">
        <f>IF(Input!$K$13=4,J7585*Input!$J$13,0)+IF(Input!$K$14=4,K7585*Input!$J$14,0)+IF(Input!$K$15=4,L7585*Input!$J$15,0)+IF(Input!$K$16=4,M7585*Input!$J$16,0)</f>
        <v>0</v>
      </c>
    </row>
    <row r="7586" spans="8:17" x14ac:dyDescent="0.25">
      <c r="H7586" s="43">
        <v>7579</v>
      </c>
      <c r="I7586" s="55">
        <f>Bühler!I7612</f>
        <v>2.9726733220640029</v>
      </c>
      <c r="J7586" s="58">
        <f>Bühler!J7612</f>
        <v>12.112672849368209</v>
      </c>
      <c r="K7586" s="58">
        <f>Bühler!K7612</f>
        <v>0.34514238106157302</v>
      </c>
      <c r="L7586" s="58">
        <f>Bühler!L7612</f>
        <v>0.17257119053078651</v>
      </c>
      <c r="M7586" s="57">
        <f>Bühler!M7612</f>
        <v>0</v>
      </c>
      <c r="N7586" s="55">
        <f>IF(Input!$K$13=1,J7586*Input!$J$13,0)+IF(Input!$K$14=1,K7586*Input!$J$14,0)+IF(Input!$K$15=1,L7586*Input!$J$15,0)+IF(Input!$K$16=1,M7586*Input!$J$16,0)</f>
        <v>1.4535207419241851</v>
      </c>
      <c r="O7586" s="58">
        <f>IF(Input!$K$13=2,J7586*Input!$J$13,0)+IF(Input!$K$14=2,K7586*Input!$J$14,0)+IF(Input!$K$15=2,L7586*Input!$J$15,0)+IF(Input!$K$16=2,M7586*Input!$J$16,0)</f>
        <v>4.6594221443312357E-2</v>
      </c>
      <c r="P7586" s="58">
        <f>IF(Input!$K$13=3,J7586*Input!$J$13,0)+IF(Input!$K$14=3,K7586*Input!$J$14,0)+IF(Input!$K$15=3,L7586*Input!$J$15,0)+IF(Input!$K$16=3,M7586*Input!$J$16,0)</f>
        <v>0</v>
      </c>
      <c r="Q7586" s="71">
        <f>IF(Input!$K$13=4,J7586*Input!$J$13,0)+IF(Input!$K$14=4,K7586*Input!$J$14,0)+IF(Input!$K$15=4,L7586*Input!$J$15,0)+IF(Input!$K$16=4,M7586*Input!$J$16,0)</f>
        <v>0</v>
      </c>
    </row>
    <row r="7587" spans="8:17" x14ac:dyDescent="0.25">
      <c r="H7587" s="43">
        <v>7580</v>
      </c>
      <c r="I7587" s="55">
        <f>Bühler!I7613</f>
        <v>2.4997480208265479</v>
      </c>
      <c r="J7587" s="58">
        <f>Bühler!J7613</f>
        <v>12.092967628483315</v>
      </c>
      <c r="K7587" s="58">
        <f>Bühler!K7613</f>
        <v>0.34514238106157302</v>
      </c>
      <c r="L7587" s="58">
        <f>Bühler!L7613</f>
        <v>0.17257119053078651</v>
      </c>
      <c r="M7587" s="57">
        <f>Bühler!M7613</f>
        <v>0</v>
      </c>
      <c r="N7587" s="55">
        <f>IF(Input!$K$13=1,J7587*Input!$J$13,0)+IF(Input!$K$14=1,K7587*Input!$J$14,0)+IF(Input!$K$15=1,L7587*Input!$J$15,0)+IF(Input!$K$16=1,M7587*Input!$J$16,0)</f>
        <v>1.4511561154179977</v>
      </c>
      <c r="O7587" s="58">
        <f>IF(Input!$K$13=2,J7587*Input!$J$13,0)+IF(Input!$K$14=2,K7587*Input!$J$14,0)+IF(Input!$K$15=2,L7587*Input!$J$15,0)+IF(Input!$K$16=2,M7587*Input!$J$16,0)</f>
        <v>4.6594221443312357E-2</v>
      </c>
      <c r="P7587" s="58">
        <f>IF(Input!$K$13=3,J7587*Input!$J$13,0)+IF(Input!$K$14=3,K7587*Input!$J$14,0)+IF(Input!$K$15=3,L7587*Input!$J$15,0)+IF(Input!$K$16=3,M7587*Input!$J$16,0)</f>
        <v>0</v>
      </c>
      <c r="Q7587" s="71">
        <f>IF(Input!$K$13=4,J7587*Input!$J$13,0)+IF(Input!$K$14=4,K7587*Input!$J$14,0)+IF(Input!$K$15=4,L7587*Input!$J$15,0)+IF(Input!$K$16=4,M7587*Input!$J$16,0)</f>
        <v>0</v>
      </c>
    </row>
    <row r="7588" spans="8:17" x14ac:dyDescent="0.25">
      <c r="H7588" s="43">
        <v>7581</v>
      </c>
      <c r="I7588" s="55">
        <f>Bühler!I7614</f>
        <v>2.0943834769087291</v>
      </c>
      <c r="J7588" s="58">
        <f>Bühler!J7614</f>
        <v>12.076077439153407</v>
      </c>
      <c r="K7588" s="58">
        <f>Bühler!K7614</f>
        <v>0.34514238106157302</v>
      </c>
      <c r="L7588" s="58">
        <f>Bühler!L7614</f>
        <v>0.17257119053078651</v>
      </c>
      <c r="M7588" s="57">
        <f>Bühler!M7614</f>
        <v>0</v>
      </c>
      <c r="N7588" s="55">
        <f>IF(Input!$K$13=1,J7588*Input!$J$13,0)+IF(Input!$K$14=1,K7588*Input!$J$14,0)+IF(Input!$K$15=1,L7588*Input!$J$15,0)+IF(Input!$K$16=1,M7588*Input!$J$16,0)</f>
        <v>1.4491292926984087</v>
      </c>
      <c r="O7588" s="58">
        <f>IF(Input!$K$13=2,J7588*Input!$J$13,0)+IF(Input!$K$14=2,K7588*Input!$J$14,0)+IF(Input!$K$15=2,L7588*Input!$J$15,0)+IF(Input!$K$16=2,M7588*Input!$J$16,0)</f>
        <v>4.6594221443312357E-2</v>
      </c>
      <c r="P7588" s="58">
        <f>IF(Input!$K$13=3,J7588*Input!$J$13,0)+IF(Input!$K$14=3,K7588*Input!$J$14,0)+IF(Input!$K$15=3,L7588*Input!$J$15,0)+IF(Input!$K$16=3,M7588*Input!$J$16,0)</f>
        <v>0</v>
      </c>
      <c r="Q7588" s="71">
        <f>IF(Input!$K$13=4,J7588*Input!$J$13,0)+IF(Input!$K$14=4,K7588*Input!$J$14,0)+IF(Input!$K$15=4,L7588*Input!$J$15,0)+IF(Input!$K$16=4,M7588*Input!$J$16,0)</f>
        <v>0</v>
      </c>
    </row>
    <row r="7589" spans="8:17" x14ac:dyDescent="0.25">
      <c r="H7589" s="43">
        <v>7582</v>
      </c>
      <c r="I7589" s="55">
        <f>Bühler!I7615</f>
        <v>1.8241404476301835</v>
      </c>
      <c r="J7589" s="58">
        <f>Bühler!J7615</f>
        <v>12.064817312933467</v>
      </c>
      <c r="K7589" s="58">
        <f>Bühler!K7615</f>
        <v>0.34514238106157302</v>
      </c>
      <c r="L7589" s="58">
        <f>Bühler!L7615</f>
        <v>0.17257119053078651</v>
      </c>
      <c r="M7589" s="57">
        <f>Bühler!M7615</f>
        <v>0</v>
      </c>
      <c r="N7589" s="55">
        <f>IF(Input!$K$13=1,J7589*Input!$J$13,0)+IF(Input!$K$14=1,K7589*Input!$J$14,0)+IF(Input!$K$15=1,L7589*Input!$J$15,0)+IF(Input!$K$16=1,M7589*Input!$J$16,0)</f>
        <v>1.4477780775520159</v>
      </c>
      <c r="O7589" s="58">
        <f>IF(Input!$K$13=2,J7589*Input!$J$13,0)+IF(Input!$K$14=2,K7589*Input!$J$14,0)+IF(Input!$K$15=2,L7589*Input!$J$15,0)+IF(Input!$K$16=2,M7589*Input!$J$16,0)</f>
        <v>4.6594221443312357E-2</v>
      </c>
      <c r="P7589" s="58">
        <f>IF(Input!$K$13=3,J7589*Input!$J$13,0)+IF(Input!$K$14=3,K7589*Input!$J$14,0)+IF(Input!$K$15=3,L7589*Input!$J$15,0)+IF(Input!$K$16=3,M7589*Input!$J$16,0)</f>
        <v>0</v>
      </c>
      <c r="Q7589" s="71">
        <f>IF(Input!$K$13=4,J7589*Input!$J$13,0)+IF(Input!$K$14=4,K7589*Input!$J$14,0)+IF(Input!$K$15=4,L7589*Input!$J$15,0)+IF(Input!$K$16=4,M7589*Input!$J$16,0)</f>
        <v>0</v>
      </c>
    </row>
    <row r="7590" spans="8:17" x14ac:dyDescent="0.25">
      <c r="H7590" s="43">
        <v>7583</v>
      </c>
      <c r="I7590" s="55">
        <f>Bühler!I7616</f>
        <v>1.8241404476301835</v>
      </c>
      <c r="J7590" s="58">
        <f>Bühler!J7616</f>
        <v>12.064817312933467</v>
      </c>
      <c r="K7590" s="58">
        <f>Bühler!K7616</f>
        <v>0.34514238106157302</v>
      </c>
      <c r="L7590" s="58">
        <f>Bühler!L7616</f>
        <v>0.17257119053078651</v>
      </c>
      <c r="M7590" s="57">
        <f>Bühler!M7616</f>
        <v>0</v>
      </c>
      <c r="N7590" s="55">
        <f>IF(Input!$K$13=1,J7590*Input!$J$13,0)+IF(Input!$K$14=1,K7590*Input!$J$14,0)+IF(Input!$K$15=1,L7590*Input!$J$15,0)+IF(Input!$K$16=1,M7590*Input!$J$16,0)</f>
        <v>1.4477780775520159</v>
      </c>
      <c r="O7590" s="58">
        <f>IF(Input!$K$13=2,J7590*Input!$J$13,0)+IF(Input!$K$14=2,K7590*Input!$J$14,0)+IF(Input!$K$15=2,L7590*Input!$J$15,0)+IF(Input!$K$16=2,M7590*Input!$J$16,0)</f>
        <v>4.6594221443312357E-2</v>
      </c>
      <c r="P7590" s="58">
        <f>IF(Input!$K$13=3,J7590*Input!$J$13,0)+IF(Input!$K$14=3,K7590*Input!$J$14,0)+IF(Input!$K$15=3,L7590*Input!$J$15,0)+IF(Input!$K$16=3,M7590*Input!$J$16,0)</f>
        <v>0</v>
      </c>
      <c r="Q7590" s="71">
        <f>IF(Input!$K$13=4,J7590*Input!$J$13,0)+IF(Input!$K$14=4,K7590*Input!$J$14,0)+IF(Input!$K$15=4,L7590*Input!$J$15,0)+IF(Input!$K$16=4,M7590*Input!$J$16,0)</f>
        <v>0</v>
      </c>
    </row>
    <row r="7591" spans="8:17" x14ac:dyDescent="0.25">
      <c r="H7591" s="43">
        <v>7584</v>
      </c>
      <c r="I7591" s="55">
        <f>Bühler!I7617</f>
        <v>1.8241404476301835</v>
      </c>
      <c r="J7591" s="58">
        <f>Bühler!J7617</f>
        <v>12.064817312933467</v>
      </c>
      <c r="K7591" s="58">
        <f>Bühler!K7617</f>
        <v>0.34514238106157302</v>
      </c>
      <c r="L7591" s="58">
        <f>Bühler!L7617</f>
        <v>0.17257119053078651</v>
      </c>
      <c r="M7591" s="57">
        <f>Bühler!M7617</f>
        <v>0</v>
      </c>
      <c r="N7591" s="55">
        <f>IF(Input!$K$13=1,J7591*Input!$J$13,0)+IF(Input!$K$14=1,K7591*Input!$J$14,0)+IF(Input!$K$15=1,L7591*Input!$J$15,0)+IF(Input!$K$16=1,M7591*Input!$J$16,0)</f>
        <v>1.4477780775520159</v>
      </c>
      <c r="O7591" s="58">
        <f>IF(Input!$K$13=2,J7591*Input!$J$13,0)+IF(Input!$K$14=2,K7591*Input!$J$14,0)+IF(Input!$K$15=2,L7591*Input!$J$15,0)+IF(Input!$K$16=2,M7591*Input!$J$16,0)</f>
        <v>4.6594221443312357E-2</v>
      </c>
      <c r="P7591" s="58">
        <f>IF(Input!$K$13=3,J7591*Input!$J$13,0)+IF(Input!$K$14=3,K7591*Input!$J$14,0)+IF(Input!$K$15=3,L7591*Input!$J$15,0)+IF(Input!$K$16=3,M7591*Input!$J$16,0)</f>
        <v>0</v>
      </c>
      <c r="Q7591" s="71">
        <f>IF(Input!$K$13=4,J7591*Input!$J$13,0)+IF(Input!$K$14=4,K7591*Input!$J$14,0)+IF(Input!$K$15=4,L7591*Input!$J$15,0)+IF(Input!$K$16=4,M7591*Input!$J$16,0)</f>
        <v>0</v>
      </c>
    </row>
    <row r="7592" spans="8:17" x14ac:dyDescent="0.25">
      <c r="H7592" s="43">
        <v>7585</v>
      </c>
      <c r="I7592" s="55">
        <f>Bühler!I7618</f>
        <v>2.2145609698050976</v>
      </c>
      <c r="J7592" s="58">
        <f>Bühler!J7618</f>
        <v>13.417402302563955</v>
      </c>
      <c r="K7592" s="58">
        <f>Bühler!K7618</f>
        <v>0.61479540925632936</v>
      </c>
      <c r="L7592" s="58">
        <f>Bühler!L7618</f>
        <v>0.30739770462816468</v>
      </c>
      <c r="M7592" s="57">
        <f>Bühler!M7618</f>
        <v>0</v>
      </c>
      <c r="N7592" s="55">
        <f>IF(Input!$K$13=1,J7592*Input!$J$13,0)+IF(Input!$K$14=1,K7592*Input!$J$14,0)+IF(Input!$K$15=1,L7592*Input!$J$15,0)+IF(Input!$K$16=1,M7592*Input!$J$16,0)</f>
        <v>1.6100882763076745</v>
      </c>
      <c r="O7592" s="58">
        <f>IF(Input!$K$13=2,J7592*Input!$J$13,0)+IF(Input!$K$14=2,K7592*Input!$J$14,0)+IF(Input!$K$15=2,L7592*Input!$J$15,0)+IF(Input!$K$16=2,M7592*Input!$J$16,0)</f>
        <v>8.2997380249604458E-2</v>
      </c>
      <c r="P7592" s="58">
        <f>IF(Input!$K$13=3,J7592*Input!$J$13,0)+IF(Input!$K$14=3,K7592*Input!$J$14,0)+IF(Input!$K$15=3,L7592*Input!$J$15,0)+IF(Input!$K$16=3,M7592*Input!$J$16,0)</f>
        <v>0</v>
      </c>
      <c r="Q7592" s="71">
        <f>IF(Input!$K$13=4,J7592*Input!$J$13,0)+IF(Input!$K$14=4,K7592*Input!$J$14,0)+IF(Input!$K$15=4,L7592*Input!$J$15,0)+IF(Input!$K$16=4,M7592*Input!$J$16,0)</f>
        <v>0</v>
      </c>
    </row>
    <row r="7593" spans="8:17" x14ac:dyDescent="0.25">
      <c r="H7593" s="43">
        <v>7586</v>
      </c>
      <c r="I7593" s="55">
        <f>Bühler!I7619</f>
        <v>2.2145609698050976</v>
      </c>
      <c r="J7593" s="58">
        <f>Bühler!J7619</f>
        <v>13.417402302563955</v>
      </c>
      <c r="K7593" s="58">
        <f>Bühler!K7619</f>
        <v>0.61479540925632936</v>
      </c>
      <c r="L7593" s="58">
        <f>Bühler!L7619</f>
        <v>0.30739770462816468</v>
      </c>
      <c r="M7593" s="57">
        <f>Bühler!M7619</f>
        <v>0</v>
      </c>
      <c r="N7593" s="55">
        <f>IF(Input!$K$13=1,J7593*Input!$J$13,0)+IF(Input!$K$14=1,K7593*Input!$J$14,0)+IF(Input!$K$15=1,L7593*Input!$J$15,0)+IF(Input!$K$16=1,M7593*Input!$J$16,0)</f>
        <v>1.6100882763076745</v>
      </c>
      <c r="O7593" s="58">
        <f>IF(Input!$K$13=2,J7593*Input!$J$13,0)+IF(Input!$K$14=2,K7593*Input!$J$14,0)+IF(Input!$K$15=2,L7593*Input!$J$15,0)+IF(Input!$K$16=2,M7593*Input!$J$16,0)</f>
        <v>8.2997380249604458E-2</v>
      </c>
      <c r="P7593" s="58">
        <f>IF(Input!$K$13=3,J7593*Input!$J$13,0)+IF(Input!$K$14=3,K7593*Input!$J$14,0)+IF(Input!$K$15=3,L7593*Input!$J$15,0)+IF(Input!$K$16=3,M7593*Input!$J$16,0)</f>
        <v>0</v>
      </c>
      <c r="Q7593" s="71">
        <f>IF(Input!$K$13=4,J7593*Input!$J$13,0)+IF(Input!$K$14=4,K7593*Input!$J$14,0)+IF(Input!$K$15=4,L7593*Input!$J$15,0)+IF(Input!$K$16=4,M7593*Input!$J$16,0)</f>
        <v>0</v>
      </c>
    </row>
    <row r="7594" spans="8:17" x14ac:dyDescent="0.25">
      <c r="H7594" s="43">
        <v>7587</v>
      </c>
      <c r="I7594" s="55">
        <f>Bühler!I7620</f>
        <v>2.2145609698050976</v>
      </c>
      <c r="J7594" s="58">
        <f>Bühler!J7620</f>
        <v>13.417402302563955</v>
      </c>
      <c r="K7594" s="58">
        <f>Bühler!K7620</f>
        <v>0.61479540925632936</v>
      </c>
      <c r="L7594" s="58">
        <f>Bühler!L7620</f>
        <v>0.30739770462816468</v>
      </c>
      <c r="M7594" s="57">
        <f>Bühler!M7620</f>
        <v>0</v>
      </c>
      <c r="N7594" s="55">
        <f>IF(Input!$K$13=1,J7594*Input!$J$13,0)+IF(Input!$K$14=1,K7594*Input!$J$14,0)+IF(Input!$K$15=1,L7594*Input!$J$15,0)+IF(Input!$K$16=1,M7594*Input!$J$16,0)</f>
        <v>1.6100882763076745</v>
      </c>
      <c r="O7594" s="58">
        <f>IF(Input!$K$13=2,J7594*Input!$J$13,0)+IF(Input!$K$14=2,K7594*Input!$J$14,0)+IF(Input!$K$15=2,L7594*Input!$J$15,0)+IF(Input!$K$16=2,M7594*Input!$J$16,0)</f>
        <v>8.2997380249604458E-2</v>
      </c>
      <c r="P7594" s="58">
        <f>IF(Input!$K$13=3,J7594*Input!$J$13,0)+IF(Input!$K$14=3,K7594*Input!$J$14,0)+IF(Input!$K$15=3,L7594*Input!$J$15,0)+IF(Input!$K$16=3,M7594*Input!$J$16,0)</f>
        <v>0</v>
      </c>
      <c r="Q7594" s="71">
        <f>IF(Input!$K$13=4,J7594*Input!$J$13,0)+IF(Input!$K$14=4,K7594*Input!$J$14,0)+IF(Input!$K$15=4,L7594*Input!$J$15,0)+IF(Input!$K$16=4,M7594*Input!$J$16,0)</f>
        <v>0</v>
      </c>
    </row>
    <row r="7595" spans="8:17" x14ac:dyDescent="0.25">
      <c r="H7595" s="43">
        <v>7588</v>
      </c>
      <c r="I7595" s="55">
        <f>Bühler!I7621</f>
        <v>2.2145609698050976</v>
      </c>
      <c r="J7595" s="58">
        <f>Bühler!J7621</f>
        <v>13.417402302563955</v>
      </c>
      <c r="K7595" s="58">
        <f>Bühler!K7621</f>
        <v>0.61479540925632936</v>
      </c>
      <c r="L7595" s="58">
        <f>Bühler!L7621</f>
        <v>0.30739770462816468</v>
      </c>
      <c r="M7595" s="57">
        <f>Bühler!M7621</f>
        <v>0</v>
      </c>
      <c r="N7595" s="55">
        <f>IF(Input!$K$13=1,J7595*Input!$J$13,0)+IF(Input!$K$14=1,K7595*Input!$J$14,0)+IF(Input!$K$15=1,L7595*Input!$J$15,0)+IF(Input!$K$16=1,M7595*Input!$J$16,0)</f>
        <v>1.6100882763076745</v>
      </c>
      <c r="O7595" s="58">
        <f>IF(Input!$K$13=2,J7595*Input!$J$13,0)+IF(Input!$K$14=2,K7595*Input!$J$14,0)+IF(Input!$K$15=2,L7595*Input!$J$15,0)+IF(Input!$K$16=2,M7595*Input!$J$16,0)</f>
        <v>8.2997380249604458E-2</v>
      </c>
      <c r="P7595" s="58">
        <f>IF(Input!$K$13=3,J7595*Input!$J$13,0)+IF(Input!$K$14=3,K7595*Input!$J$14,0)+IF(Input!$K$15=3,L7595*Input!$J$15,0)+IF(Input!$K$16=3,M7595*Input!$J$16,0)</f>
        <v>0</v>
      </c>
      <c r="Q7595" s="71">
        <f>IF(Input!$K$13=4,J7595*Input!$J$13,0)+IF(Input!$K$14=4,K7595*Input!$J$14,0)+IF(Input!$K$15=4,L7595*Input!$J$15,0)+IF(Input!$K$16=4,M7595*Input!$J$16,0)</f>
        <v>0</v>
      </c>
    </row>
    <row r="7596" spans="8:17" x14ac:dyDescent="0.25">
      <c r="H7596" s="43">
        <v>7589</v>
      </c>
      <c r="I7596" s="55">
        <f>Bühler!I7622</f>
        <v>2.2145609698050976</v>
      </c>
      <c r="J7596" s="58">
        <f>Bühler!J7622</f>
        <v>13.417402302563955</v>
      </c>
      <c r="K7596" s="58">
        <f>Bühler!K7622</f>
        <v>0.61479540925632936</v>
      </c>
      <c r="L7596" s="58">
        <f>Bühler!L7622</f>
        <v>0.30739770462816468</v>
      </c>
      <c r="M7596" s="57">
        <f>Bühler!M7622</f>
        <v>0</v>
      </c>
      <c r="N7596" s="55">
        <f>IF(Input!$K$13=1,J7596*Input!$J$13,0)+IF(Input!$K$14=1,K7596*Input!$J$14,0)+IF(Input!$K$15=1,L7596*Input!$J$15,0)+IF(Input!$K$16=1,M7596*Input!$J$16,0)</f>
        <v>1.6100882763076745</v>
      </c>
      <c r="O7596" s="58">
        <f>IF(Input!$K$13=2,J7596*Input!$J$13,0)+IF(Input!$K$14=2,K7596*Input!$J$14,0)+IF(Input!$K$15=2,L7596*Input!$J$15,0)+IF(Input!$K$16=2,M7596*Input!$J$16,0)</f>
        <v>8.2997380249604458E-2</v>
      </c>
      <c r="P7596" s="58">
        <f>IF(Input!$K$13=3,J7596*Input!$J$13,0)+IF(Input!$K$14=3,K7596*Input!$J$14,0)+IF(Input!$K$15=3,L7596*Input!$J$15,0)+IF(Input!$K$16=3,M7596*Input!$J$16,0)</f>
        <v>0</v>
      </c>
      <c r="Q7596" s="71">
        <f>IF(Input!$K$13=4,J7596*Input!$J$13,0)+IF(Input!$K$14=4,K7596*Input!$J$14,0)+IF(Input!$K$15=4,L7596*Input!$J$15,0)+IF(Input!$K$16=4,M7596*Input!$J$16,0)</f>
        <v>0</v>
      </c>
    </row>
    <row r="7597" spans="8:17" x14ac:dyDescent="0.25">
      <c r="H7597" s="43">
        <v>7590</v>
      </c>
      <c r="I7597" s="55">
        <f>Bühler!I7623</f>
        <v>2.2145609698050976</v>
      </c>
      <c r="J7597" s="58">
        <f>Bühler!J7623</f>
        <v>13.417402302563955</v>
      </c>
      <c r="K7597" s="58">
        <f>Bühler!K7623</f>
        <v>0.61479540925632936</v>
      </c>
      <c r="L7597" s="58">
        <f>Bühler!L7623</f>
        <v>0.30739770462816468</v>
      </c>
      <c r="M7597" s="57">
        <f>Bühler!M7623</f>
        <v>0</v>
      </c>
      <c r="N7597" s="55">
        <f>IF(Input!$K$13=1,J7597*Input!$J$13,0)+IF(Input!$K$14=1,K7597*Input!$J$14,0)+IF(Input!$K$15=1,L7597*Input!$J$15,0)+IF(Input!$K$16=1,M7597*Input!$J$16,0)</f>
        <v>1.6100882763076745</v>
      </c>
      <c r="O7597" s="58">
        <f>IF(Input!$K$13=2,J7597*Input!$J$13,0)+IF(Input!$K$14=2,K7597*Input!$J$14,0)+IF(Input!$K$15=2,L7597*Input!$J$15,0)+IF(Input!$K$16=2,M7597*Input!$J$16,0)</f>
        <v>8.2997380249604458E-2</v>
      </c>
      <c r="P7597" s="58">
        <f>IF(Input!$K$13=3,J7597*Input!$J$13,0)+IF(Input!$K$14=3,K7597*Input!$J$14,0)+IF(Input!$K$15=3,L7597*Input!$J$15,0)+IF(Input!$K$16=3,M7597*Input!$J$16,0)</f>
        <v>0</v>
      </c>
      <c r="Q7597" s="71">
        <f>IF(Input!$K$13=4,J7597*Input!$J$13,0)+IF(Input!$K$14=4,K7597*Input!$J$14,0)+IF(Input!$K$15=4,L7597*Input!$J$15,0)+IF(Input!$K$16=4,M7597*Input!$J$16,0)</f>
        <v>0</v>
      </c>
    </row>
    <row r="7598" spans="8:17" x14ac:dyDescent="0.25">
      <c r="H7598" s="43">
        <v>7591</v>
      </c>
      <c r="I7598" s="55">
        <f>Bühler!I7624</f>
        <v>2.2145609698050976</v>
      </c>
      <c r="J7598" s="58">
        <f>Bühler!J7624</f>
        <v>13.417402302563955</v>
      </c>
      <c r="K7598" s="58">
        <f>Bühler!K7624</f>
        <v>0.61479540925632936</v>
      </c>
      <c r="L7598" s="58">
        <f>Bühler!L7624</f>
        <v>0.30739770462816468</v>
      </c>
      <c r="M7598" s="57">
        <f>Bühler!M7624</f>
        <v>0</v>
      </c>
      <c r="N7598" s="55">
        <f>IF(Input!$K$13=1,J7598*Input!$J$13,0)+IF(Input!$K$14=1,K7598*Input!$J$14,0)+IF(Input!$K$15=1,L7598*Input!$J$15,0)+IF(Input!$K$16=1,M7598*Input!$J$16,0)</f>
        <v>1.6100882763076745</v>
      </c>
      <c r="O7598" s="58">
        <f>IF(Input!$K$13=2,J7598*Input!$J$13,0)+IF(Input!$K$14=2,K7598*Input!$J$14,0)+IF(Input!$K$15=2,L7598*Input!$J$15,0)+IF(Input!$K$16=2,M7598*Input!$J$16,0)</f>
        <v>8.2997380249604458E-2</v>
      </c>
      <c r="P7598" s="58">
        <f>IF(Input!$K$13=3,J7598*Input!$J$13,0)+IF(Input!$K$14=3,K7598*Input!$J$14,0)+IF(Input!$K$15=3,L7598*Input!$J$15,0)+IF(Input!$K$16=3,M7598*Input!$J$16,0)</f>
        <v>0</v>
      </c>
      <c r="Q7598" s="71">
        <f>IF(Input!$K$13=4,J7598*Input!$J$13,0)+IF(Input!$K$14=4,K7598*Input!$J$14,0)+IF(Input!$K$15=4,L7598*Input!$J$15,0)+IF(Input!$K$16=4,M7598*Input!$J$16,0)</f>
        <v>0</v>
      </c>
    </row>
    <row r="7599" spans="8:17" x14ac:dyDescent="0.25">
      <c r="H7599" s="43">
        <v>7592</v>
      </c>
      <c r="I7599" s="55">
        <f>Bühler!I7625</f>
        <v>9.6333402186521742</v>
      </c>
      <c r="J7599" s="58">
        <f>Bühler!J7625</f>
        <v>57.374053503478436</v>
      </c>
      <c r="K7599" s="58">
        <f>Bühler!K7625</f>
        <v>2.6190284434319628</v>
      </c>
      <c r="L7599" s="58">
        <f>Bühler!L7625</f>
        <v>1.3095142217159814</v>
      </c>
      <c r="M7599" s="57">
        <f>Bühler!M7625</f>
        <v>0</v>
      </c>
      <c r="N7599" s="55">
        <f>IF(Input!$K$13=1,J7599*Input!$J$13,0)+IF(Input!$K$14=1,K7599*Input!$J$14,0)+IF(Input!$K$15=1,L7599*Input!$J$15,0)+IF(Input!$K$16=1,M7599*Input!$J$16,0)</f>
        <v>6.8848864204174118</v>
      </c>
      <c r="O7599" s="58">
        <f>IF(Input!$K$13=2,J7599*Input!$J$13,0)+IF(Input!$K$14=2,K7599*Input!$J$14,0)+IF(Input!$K$15=2,L7599*Input!$J$15,0)+IF(Input!$K$16=2,M7599*Input!$J$16,0)</f>
        <v>0.353568839863315</v>
      </c>
      <c r="P7599" s="58">
        <f>IF(Input!$K$13=3,J7599*Input!$J$13,0)+IF(Input!$K$14=3,K7599*Input!$J$14,0)+IF(Input!$K$15=3,L7599*Input!$J$15,0)+IF(Input!$K$16=3,M7599*Input!$J$16,0)</f>
        <v>0</v>
      </c>
      <c r="Q7599" s="71">
        <f>IF(Input!$K$13=4,J7599*Input!$J$13,0)+IF(Input!$K$14=4,K7599*Input!$J$14,0)+IF(Input!$K$15=4,L7599*Input!$J$15,0)+IF(Input!$K$16=4,M7599*Input!$J$16,0)</f>
        <v>0</v>
      </c>
    </row>
    <row r="7600" spans="8:17" x14ac:dyDescent="0.25">
      <c r="H7600" s="43">
        <v>7593</v>
      </c>
      <c r="I7600" s="55">
        <f>Bühler!I7626</f>
        <v>10.837507745983698</v>
      </c>
      <c r="J7600" s="58">
        <f>Bühler!J7626</f>
        <v>64.545810191413238</v>
      </c>
      <c r="K7600" s="58">
        <f>Bühler!K7626</f>
        <v>2.946406998860958</v>
      </c>
      <c r="L7600" s="58">
        <f>Bühler!L7626</f>
        <v>1.473203499430479</v>
      </c>
      <c r="M7600" s="57">
        <f>Bühler!M7626</f>
        <v>0</v>
      </c>
      <c r="N7600" s="55">
        <f>IF(Input!$K$13=1,J7600*Input!$J$13,0)+IF(Input!$K$14=1,K7600*Input!$J$14,0)+IF(Input!$K$15=1,L7600*Input!$J$15,0)+IF(Input!$K$16=1,M7600*Input!$J$16,0)</f>
        <v>7.745497222969588</v>
      </c>
      <c r="O7600" s="58">
        <f>IF(Input!$K$13=2,J7600*Input!$J$13,0)+IF(Input!$K$14=2,K7600*Input!$J$14,0)+IF(Input!$K$15=2,L7600*Input!$J$15,0)+IF(Input!$K$16=2,M7600*Input!$J$16,0)</f>
        <v>0.39776494484622932</v>
      </c>
      <c r="P7600" s="58">
        <f>IF(Input!$K$13=3,J7600*Input!$J$13,0)+IF(Input!$K$14=3,K7600*Input!$J$14,0)+IF(Input!$K$15=3,L7600*Input!$J$15,0)+IF(Input!$K$16=3,M7600*Input!$J$16,0)</f>
        <v>0</v>
      </c>
      <c r="Q7600" s="71">
        <f>IF(Input!$K$13=4,J7600*Input!$J$13,0)+IF(Input!$K$14=4,K7600*Input!$J$14,0)+IF(Input!$K$15=4,L7600*Input!$J$15,0)+IF(Input!$K$16=4,M7600*Input!$J$16,0)</f>
        <v>0</v>
      </c>
    </row>
    <row r="7601" spans="8:17" x14ac:dyDescent="0.25">
      <c r="H7601" s="43">
        <v>7594</v>
      </c>
      <c r="I7601" s="55">
        <f>Bühler!I7627</f>
        <v>12.041675273315219</v>
      </c>
      <c r="J7601" s="58">
        <f>Bühler!J7627</f>
        <v>71.717566879348041</v>
      </c>
      <c r="K7601" s="58">
        <f>Bühler!K7627</f>
        <v>3.2737855542899537</v>
      </c>
      <c r="L7601" s="58">
        <f>Bühler!L7627</f>
        <v>1.6368927771449768</v>
      </c>
      <c r="M7601" s="57">
        <f>Bühler!M7627</f>
        <v>0</v>
      </c>
      <c r="N7601" s="55">
        <f>IF(Input!$K$13=1,J7601*Input!$J$13,0)+IF(Input!$K$14=1,K7601*Input!$J$14,0)+IF(Input!$K$15=1,L7601*Input!$J$15,0)+IF(Input!$K$16=1,M7601*Input!$J$16,0)</f>
        <v>8.606108025521765</v>
      </c>
      <c r="O7601" s="58">
        <f>IF(Input!$K$13=2,J7601*Input!$J$13,0)+IF(Input!$K$14=2,K7601*Input!$J$14,0)+IF(Input!$K$15=2,L7601*Input!$J$15,0)+IF(Input!$K$16=2,M7601*Input!$J$16,0)</f>
        <v>0.44196104982914375</v>
      </c>
      <c r="P7601" s="58">
        <f>IF(Input!$K$13=3,J7601*Input!$J$13,0)+IF(Input!$K$14=3,K7601*Input!$J$14,0)+IF(Input!$K$15=3,L7601*Input!$J$15,0)+IF(Input!$K$16=3,M7601*Input!$J$16,0)</f>
        <v>0</v>
      </c>
      <c r="Q7601" s="71">
        <f>IF(Input!$K$13=4,J7601*Input!$J$13,0)+IF(Input!$K$14=4,K7601*Input!$J$14,0)+IF(Input!$K$15=4,L7601*Input!$J$15,0)+IF(Input!$K$16=4,M7601*Input!$J$16,0)</f>
        <v>0</v>
      </c>
    </row>
    <row r="7602" spans="8:17" x14ac:dyDescent="0.25">
      <c r="H7602" s="43">
        <v>7595</v>
      </c>
      <c r="I7602" s="55">
        <f>Bühler!I7628</f>
        <v>12.041675273315219</v>
      </c>
      <c r="J7602" s="58">
        <f>Bühler!J7628</f>
        <v>71.717566879348041</v>
      </c>
      <c r="K7602" s="58">
        <f>Bühler!K7628</f>
        <v>3.2737855542899537</v>
      </c>
      <c r="L7602" s="58">
        <f>Bühler!L7628</f>
        <v>1.6368927771449768</v>
      </c>
      <c r="M7602" s="57">
        <f>Bühler!M7628</f>
        <v>0</v>
      </c>
      <c r="N7602" s="55">
        <f>IF(Input!$K$13=1,J7602*Input!$J$13,0)+IF(Input!$K$14=1,K7602*Input!$J$14,0)+IF(Input!$K$15=1,L7602*Input!$J$15,0)+IF(Input!$K$16=1,M7602*Input!$J$16,0)</f>
        <v>8.606108025521765</v>
      </c>
      <c r="O7602" s="58">
        <f>IF(Input!$K$13=2,J7602*Input!$J$13,0)+IF(Input!$K$14=2,K7602*Input!$J$14,0)+IF(Input!$K$15=2,L7602*Input!$J$15,0)+IF(Input!$K$16=2,M7602*Input!$J$16,0)</f>
        <v>0.44196104982914375</v>
      </c>
      <c r="P7602" s="58">
        <f>IF(Input!$K$13=3,J7602*Input!$J$13,0)+IF(Input!$K$14=3,K7602*Input!$J$14,0)+IF(Input!$K$15=3,L7602*Input!$J$15,0)+IF(Input!$K$16=3,M7602*Input!$J$16,0)</f>
        <v>0</v>
      </c>
      <c r="Q7602" s="71">
        <f>IF(Input!$K$13=4,J7602*Input!$J$13,0)+IF(Input!$K$14=4,K7602*Input!$J$14,0)+IF(Input!$K$15=4,L7602*Input!$J$15,0)+IF(Input!$K$16=4,M7602*Input!$J$16,0)</f>
        <v>0</v>
      </c>
    </row>
    <row r="7603" spans="8:17" x14ac:dyDescent="0.25">
      <c r="H7603" s="43">
        <v>7596</v>
      </c>
      <c r="I7603" s="55">
        <f>Bühler!I7629</f>
        <v>14.450010327978259</v>
      </c>
      <c r="J7603" s="58">
        <f>Bühler!J7629</f>
        <v>86.061080255217647</v>
      </c>
      <c r="K7603" s="58">
        <f>Bühler!K7629</f>
        <v>3.928542665147944</v>
      </c>
      <c r="L7603" s="58">
        <f>Bühler!L7629</f>
        <v>1.964271332573972</v>
      </c>
      <c r="M7603" s="57">
        <f>Bühler!M7629</f>
        <v>0</v>
      </c>
      <c r="N7603" s="55">
        <f>IF(Input!$K$13=1,J7603*Input!$J$13,0)+IF(Input!$K$14=1,K7603*Input!$J$14,0)+IF(Input!$K$15=1,L7603*Input!$J$15,0)+IF(Input!$K$16=1,M7603*Input!$J$16,0)</f>
        <v>10.327329630626117</v>
      </c>
      <c r="O7603" s="58">
        <f>IF(Input!$K$13=2,J7603*Input!$J$13,0)+IF(Input!$K$14=2,K7603*Input!$J$14,0)+IF(Input!$K$15=2,L7603*Input!$J$15,0)+IF(Input!$K$16=2,M7603*Input!$J$16,0)</f>
        <v>0.5303532597949725</v>
      </c>
      <c r="P7603" s="58">
        <f>IF(Input!$K$13=3,J7603*Input!$J$13,0)+IF(Input!$K$14=3,K7603*Input!$J$14,0)+IF(Input!$K$15=3,L7603*Input!$J$15,0)+IF(Input!$K$16=3,M7603*Input!$J$16,0)</f>
        <v>0</v>
      </c>
      <c r="Q7603" s="71">
        <f>IF(Input!$K$13=4,J7603*Input!$J$13,0)+IF(Input!$K$14=4,K7603*Input!$J$14,0)+IF(Input!$K$15=4,L7603*Input!$J$15,0)+IF(Input!$K$16=4,M7603*Input!$J$16,0)</f>
        <v>0</v>
      </c>
    </row>
    <row r="7604" spans="8:17" x14ac:dyDescent="0.25">
      <c r="H7604" s="43">
        <v>7597</v>
      </c>
      <c r="I7604" s="55">
        <f>Bühler!I7630</f>
        <v>14.450010327978259</v>
      </c>
      <c r="J7604" s="58">
        <f>Bühler!J7630</f>
        <v>86.061080255217647</v>
      </c>
      <c r="K7604" s="58">
        <f>Bühler!K7630</f>
        <v>3.928542665147944</v>
      </c>
      <c r="L7604" s="58">
        <f>Bühler!L7630</f>
        <v>1.964271332573972</v>
      </c>
      <c r="M7604" s="57">
        <f>Bühler!M7630</f>
        <v>0</v>
      </c>
      <c r="N7604" s="55">
        <f>IF(Input!$K$13=1,J7604*Input!$J$13,0)+IF(Input!$K$14=1,K7604*Input!$J$14,0)+IF(Input!$K$15=1,L7604*Input!$J$15,0)+IF(Input!$K$16=1,M7604*Input!$J$16,0)</f>
        <v>10.327329630626117</v>
      </c>
      <c r="O7604" s="58">
        <f>IF(Input!$K$13=2,J7604*Input!$J$13,0)+IF(Input!$K$14=2,K7604*Input!$J$14,0)+IF(Input!$K$15=2,L7604*Input!$J$15,0)+IF(Input!$K$16=2,M7604*Input!$J$16,0)</f>
        <v>0.5303532597949725</v>
      </c>
      <c r="P7604" s="58">
        <f>IF(Input!$K$13=3,J7604*Input!$J$13,0)+IF(Input!$K$14=3,K7604*Input!$J$14,0)+IF(Input!$K$15=3,L7604*Input!$J$15,0)+IF(Input!$K$16=3,M7604*Input!$J$16,0)</f>
        <v>0</v>
      </c>
      <c r="Q7604" s="71">
        <f>IF(Input!$K$13=4,J7604*Input!$J$13,0)+IF(Input!$K$14=4,K7604*Input!$J$14,0)+IF(Input!$K$15=4,L7604*Input!$J$15,0)+IF(Input!$K$16=4,M7604*Input!$J$16,0)</f>
        <v>0</v>
      </c>
    </row>
    <row r="7605" spans="8:17" x14ac:dyDescent="0.25">
      <c r="H7605" s="43">
        <v>7598</v>
      </c>
      <c r="I7605" s="55">
        <f>Bühler!I7631</f>
        <v>9.6333402186521742</v>
      </c>
      <c r="J7605" s="58">
        <f>Bühler!J7631</f>
        <v>57.374053503478436</v>
      </c>
      <c r="K7605" s="58">
        <f>Bühler!K7631</f>
        <v>2.6190284434319628</v>
      </c>
      <c r="L7605" s="58">
        <f>Bühler!L7631</f>
        <v>1.3095142217159814</v>
      </c>
      <c r="M7605" s="57">
        <f>Bühler!M7631</f>
        <v>0</v>
      </c>
      <c r="N7605" s="55">
        <f>IF(Input!$K$13=1,J7605*Input!$J$13,0)+IF(Input!$K$14=1,K7605*Input!$J$14,0)+IF(Input!$K$15=1,L7605*Input!$J$15,0)+IF(Input!$K$16=1,M7605*Input!$J$16,0)</f>
        <v>6.8848864204174118</v>
      </c>
      <c r="O7605" s="58">
        <f>IF(Input!$K$13=2,J7605*Input!$J$13,0)+IF(Input!$K$14=2,K7605*Input!$J$14,0)+IF(Input!$K$15=2,L7605*Input!$J$15,0)+IF(Input!$K$16=2,M7605*Input!$J$16,0)</f>
        <v>0.353568839863315</v>
      </c>
      <c r="P7605" s="58">
        <f>IF(Input!$K$13=3,J7605*Input!$J$13,0)+IF(Input!$K$14=3,K7605*Input!$J$14,0)+IF(Input!$K$15=3,L7605*Input!$J$15,0)+IF(Input!$K$16=3,M7605*Input!$J$16,0)</f>
        <v>0</v>
      </c>
      <c r="Q7605" s="71">
        <f>IF(Input!$K$13=4,J7605*Input!$J$13,0)+IF(Input!$K$14=4,K7605*Input!$J$14,0)+IF(Input!$K$15=4,L7605*Input!$J$15,0)+IF(Input!$K$16=4,M7605*Input!$J$16,0)</f>
        <v>0</v>
      </c>
    </row>
    <row r="7606" spans="8:17" x14ac:dyDescent="0.25">
      <c r="H7606" s="43">
        <v>7599</v>
      </c>
      <c r="I7606" s="55">
        <f>Bühler!I7632</f>
        <v>14.450010327978259</v>
      </c>
      <c r="J7606" s="58">
        <f>Bühler!J7632</f>
        <v>86.061080255217647</v>
      </c>
      <c r="K7606" s="58">
        <f>Bühler!K7632</f>
        <v>3.928542665147944</v>
      </c>
      <c r="L7606" s="58">
        <f>Bühler!L7632</f>
        <v>1.964271332573972</v>
      </c>
      <c r="M7606" s="57">
        <f>Bühler!M7632</f>
        <v>0</v>
      </c>
      <c r="N7606" s="55">
        <f>IF(Input!$K$13=1,J7606*Input!$J$13,0)+IF(Input!$K$14=1,K7606*Input!$J$14,0)+IF(Input!$K$15=1,L7606*Input!$J$15,0)+IF(Input!$K$16=1,M7606*Input!$J$16,0)</f>
        <v>10.327329630626117</v>
      </c>
      <c r="O7606" s="58">
        <f>IF(Input!$K$13=2,J7606*Input!$J$13,0)+IF(Input!$K$14=2,K7606*Input!$J$14,0)+IF(Input!$K$15=2,L7606*Input!$J$15,0)+IF(Input!$K$16=2,M7606*Input!$J$16,0)</f>
        <v>0.5303532597949725</v>
      </c>
      <c r="P7606" s="58">
        <f>IF(Input!$K$13=3,J7606*Input!$J$13,0)+IF(Input!$K$14=3,K7606*Input!$J$14,0)+IF(Input!$K$15=3,L7606*Input!$J$15,0)+IF(Input!$K$16=3,M7606*Input!$J$16,0)</f>
        <v>0</v>
      </c>
      <c r="Q7606" s="71">
        <f>IF(Input!$K$13=4,J7606*Input!$J$13,0)+IF(Input!$K$14=4,K7606*Input!$J$14,0)+IF(Input!$K$15=4,L7606*Input!$J$15,0)+IF(Input!$K$16=4,M7606*Input!$J$16,0)</f>
        <v>0</v>
      </c>
    </row>
    <row r="7607" spans="8:17" x14ac:dyDescent="0.25">
      <c r="H7607" s="43">
        <v>7600</v>
      </c>
      <c r="I7607" s="55">
        <f>Bühler!I7633</f>
        <v>14.450010327978259</v>
      </c>
      <c r="J7607" s="58">
        <f>Bühler!J7633</f>
        <v>86.061080255217647</v>
      </c>
      <c r="K7607" s="58">
        <f>Bühler!K7633</f>
        <v>3.928542665147944</v>
      </c>
      <c r="L7607" s="58">
        <f>Bühler!L7633</f>
        <v>1.964271332573972</v>
      </c>
      <c r="M7607" s="57">
        <f>Bühler!M7633</f>
        <v>0</v>
      </c>
      <c r="N7607" s="55">
        <f>IF(Input!$K$13=1,J7607*Input!$J$13,0)+IF(Input!$K$14=1,K7607*Input!$J$14,0)+IF(Input!$K$15=1,L7607*Input!$J$15,0)+IF(Input!$K$16=1,M7607*Input!$J$16,0)</f>
        <v>10.327329630626117</v>
      </c>
      <c r="O7607" s="58">
        <f>IF(Input!$K$13=2,J7607*Input!$J$13,0)+IF(Input!$K$14=2,K7607*Input!$J$14,0)+IF(Input!$K$15=2,L7607*Input!$J$15,0)+IF(Input!$K$16=2,M7607*Input!$J$16,0)</f>
        <v>0.5303532597949725</v>
      </c>
      <c r="P7607" s="58">
        <f>IF(Input!$K$13=3,J7607*Input!$J$13,0)+IF(Input!$K$14=3,K7607*Input!$J$14,0)+IF(Input!$K$15=3,L7607*Input!$J$15,0)+IF(Input!$K$16=3,M7607*Input!$J$16,0)</f>
        <v>0</v>
      </c>
      <c r="Q7607" s="71">
        <f>IF(Input!$K$13=4,J7607*Input!$J$13,0)+IF(Input!$K$14=4,K7607*Input!$J$14,0)+IF(Input!$K$15=4,L7607*Input!$J$15,0)+IF(Input!$K$16=4,M7607*Input!$J$16,0)</f>
        <v>0</v>
      </c>
    </row>
    <row r="7608" spans="8:17" x14ac:dyDescent="0.25">
      <c r="H7608" s="43">
        <v>7601</v>
      </c>
      <c r="I7608" s="55">
        <f>Bühler!I7634</f>
        <v>12.041675273315219</v>
      </c>
      <c r="J7608" s="58">
        <f>Bühler!J7634</f>
        <v>54.115841279371075</v>
      </c>
      <c r="K7608" s="58">
        <f>Bühler!K7634</f>
        <v>2.2916498880029672</v>
      </c>
      <c r="L7608" s="58">
        <f>Bühler!L7634</f>
        <v>1.1458249440014836</v>
      </c>
      <c r="M7608" s="57">
        <f>Bühler!M7634</f>
        <v>0</v>
      </c>
      <c r="N7608" s="55">
        <f>IF(Input!$K$13=1,J7608*Input!$J$13,0)+IF(Input!$K$14=1,K7608*Input!$J$14,0)+IF(Input!$K$15=1,L7608*Input!$J$15,0)+IF(Input!$K$16=1,M7608*Input!$J$16,0)</f>
        <v>6.4939009535245287</v>
      </c>
      <c r="O7608" s="58">
        <f>IF(Input!$K$13=2,J7608*Input!$J$13,0)+IF(Input!$K$14=2,K7608*Input!$J$14,0)+IF(Input!$K$15=2,L7608*Input!$J$15,0)+IF(Input!$K$16=2,M7608*Input!$J$16,0)</f>
        <v>0.30937273488040057</v>
      </c>
      <c r="P7608" s="58">
        <f>IF(Input!$K$13=3,J7608*Input!$J$13,0)+IF(Input!$K$14=3,K7608*Input!$J$14,0)+IF(Input!$K$15=3,L7608*Input!$J$15,0)+IF(Input!$K$16=3,M7608*Input!$J$16,0)</f>
        <v>0</v>
      </c>
      <c r="Q7608" s="71">
        <f>IF(Input!$K$13=4,J7608*Input!$J$13,0)+IF(Input!$K$14=4,K7608*Input!$J$14,0)+IF(Input!$K$15=4,L7608*Input!$J$15,0)+IF(Input!$K$16=4,M7608*Input!$J$16,0)</f>
        <v>0</v>
      </c>
    </row>
    <row r="7609" spans="8:17" x14ac:dyDescent="0.25">
      <c r="H7609" s="43">
        <v>7602</v>
      </c>
      <c r="I7609" s="55">
        <f>Bühler!I7635</f>
        <v>9.6887042428973036</v>
      </c>
      <c r="J7609" s="58">
        <f>Bühler!J7635</f>
        <v>22.230579996456733</v>
      </c>
      <c r="K7609" s="58">
        <f>Bühler!K7635</f>
        <v>0.65475711085799071</v>
      </c>
      <c r="L7609" s="58">
        <f>Bühler!L7635</f>
        <v>0.32737855542899535</v>
      </c>
      <c r="M7609" s="57">
        <f>Bühler!M7635</f>
        <v>0</v>
      </c>
      <c r="N7609" s="55">
        <f>IF(Input!$K$13=1,J7609*Input!$J$13,0)+IF(Input!$K$14=1,K7609*Input!$J$14,0)+IF(Input!$K$15=1,L7609*Input!$J$15,0)+IF(Input!$K$16=1,M7609*Input!$J$16,0)</f>
        <v>2.6676695995748076</v>
      </c>
      <c r="O7609" s="58">
        <f>IF(Input!$K$13=2,J7609*Input!$J$13,0)+IF(Input!$K$14=2,K7609*Input!$J$14,0)+IF(Input!$K$15=2,L7609*Input!$J$15,0)+IF(Input!$K$16=2,M7609*Input!$J$16,0)</f>
        <v>8.839220996582875E-2</v>
      </c>
      <c r="P7609" s="58">
        <f>IF(Input!$K$13=3,J7609*Input!$J$13,0)+IF(Input!$K$14=3,K7609*Input!$J$14,0)+IF(Input!$K$15=3,L7609*Input!$J$15,0)+IF(Input!$K$16=3,M7609*Input!$J$16,0)</f>
        <v>0</v>
      </c>
      <c r="Q7609" s="71">
        <f>IF(Input!$K$13=4,J7609*Input!$J$13,0)+IF(Input!$K$14=4,K7609*Input!$J$14,0)+IF(Input!$K$15=4,L7609*Input!$J$15,0)+IF(Input!$K$16=4,M7609*Input!$J$16,0)</f>
        <v>0</v>
      </c>
    </row>
    <row r="7610" spans="8:17" x14ac:dyDescent="0.25">
      <c r="H7610" s="43">
        <v>7603</v>
      </c>
      <c r="I7610" s="55">
        <f>Bühler!I7636</f>
        <v>3.4602515153204654</v>
      </c>
      <c r="J7610" s="58">
        <f>Bühler!J7636</f>
        <v>15.31781512280269</v>
      </c>
      <c r="K7610" s="58">
        <f>Bühler!K7636</f>
        <v>0.64553517971914576</v>
      </c>
      <c r="L7610" s="58">
        <f>Bühler!L7636</f>
        <v>0.32276758985957288</v>
      </c>
      <c r="M7610" s="57">
        <f>Bühler!M7636</f>
        <v>0</v>
      </c>
      <c r="N7610" s="55">
        <f>IF(Input!$K$13=1,J7610*Input!$J$13,0)+IF(Input!$K$14=1,K7610*Input!$J$14,0)+IF(Input!$K$15=1,L7610*Input!$J$15,0)+IF(Input!$K$16=1,M7610*Input!$J$16,0)</f>
        <v>1.8381378147363228</v>
      </c>
      <c r="O7610" s="58">
        <f>IF(Input!$K$13=2,J7610*Input!$J$13,0)+IF(Input!$K$14=2,K7610*Input!$J$14,0)+IF(Input!$K$15=2,L7610*Input!$J$15,0)+IF(Input!$K$16=2,M7610*Input!$J$16,0)</f>
        <v>8.7147249262084669E-2</v>
      </c>
      <c r="P7610" s="58">
        <f>IF(Input!$K$13=3,J7610*Input!$J$13,0)+IF(Input!$K$14=3,K7610*Input!$J$14,0)+IF(Input!$K$15=3,L7610*Input!$J$15,0)+IF(Input!$K$16=3,M7610*Input!$J$16,0)</f>
        <v>0</v>
      </c>
      <c r="Q7610" s="71">
        <f>IF(Input!$K$13=4,J7610*Input!$J$13,0)+IF(Input!$K$14=4,K7610*Input!$J$14,0)+IF(Input!$K$15=4,L7610*Input!$J$15,0)+IF(Input!$K$16=4,M7610*Input!$J$16,0)</f>
        <v>0</v>
      </c>
    </row>
    <row r="7611" spans="8:17" x14ac:dyDescent="0.25">
      <c r="H7611" s="43">
        <v>7604</v>
      </c>
      <c r="I7611" s="55">
        <f>Bühler!I7637</f>
        <v>3.4602515153204654</v>
      </c>
      <c r="J7611" s="58">
        <f>Bühler!J7637</f>
        <v>15.31781512280269</v>
      </c>
      <c r="K7611" s="58">
        <f>Bühler!K7637</f>
        <v>0.64553517971914576</v>
      </c>
      <c r="L7611" s="58">
        <f>Bühler!L7637</f>
        <v>0.32276758985957288</v>
      </c>
      <c r="M7611" s="57">
        <f>Bühler!M7637</f>
        <v>0</v>
      </c>
      <c r="N7611" s="55">
        <f>IF(Input!$K$13=1,J7611*Input!$J$13,0)+IF(Input!$K$14=1,K7611*Input!$J$14,0)+IF(Input!$K$15=1,L7611*Input!$J$15,0)+IF(Input!$K$16=1,M7611*Input!$J$16,0)</f>
        <v>1.8381378147363228</v>
      </c>
      <c r="O7611" s="58">
        <f>IF(Input!$K$13=2,J7611*Input!$J$13,0)+IF(Input!$K$14=2,K7611*Input!$J$14,0)+IF(Input!$K$15=2,L7611*Input!$J$15,0)+IF(Input!$K$16=2,M7611*Input!$J$16,0)</f>
        <v>8.7147249262084669E-2</v>
      </c>
      <c r="P7611" s="58">
        <f>IF(Input!$K$13=3,J7611*Input!$J$13,0)+IF(Input!$K$14=3,K7611*Input!$J$14,0)+IF(Input!$K$15=3,L7611*Input!$J$15,0)+IF(Input!$K$16=3,M7611*Input!$J$16,0)</f>
        <v>0</v>
      </c>
      <c r="Q7611" s="71">
        <f>IF(Input!$K$13=4,J7611*Input!$J$13,0)+IF(Input!$K$14=4,K7611*Input!$J$14,0)+IF(Input!$K$15=4,L7611*Input!$J$15,0)+IF(Input!$K$16=4,M7611*Input!$J$16,0)</f>
        <v>0</v>
      </c>
    </row>
    <row r="7612" spans="8:17" x14ac:dyDescent="0.25">
      <c r="H7612" s="43">
        <v>7605</v>
      </c>
      <c r="I7612" s="55">
        <f>Bühler!I7638</f>
        <v>3.4602515153204654</v>
      </c>
      <c r="J7612" s="58">
        <f>Bühler!J7638</f>
        <v>15.31781512280269</v>
      </c>
      <c r="K7612" s="58">
        <f>Bühler!K7638</f>
        <v>0.64553517971914576</v>
      </c>
      <c r="L7612" s="58">
        <f>Bühler!L7638</f>
        <v>0.32276758985957288</v>
      </c>
      <c r="M7612" s="57">
        <f>Bühler!M7638</f>
        <v>0</v>
      </c>
      <c r="N7612" s="55">
        <f>IF(Input!$K$13=1,J7612*Input!$J$13,0)+IF(Input!$K$14=1,K7612*Input!$J$14,0)+IF(Input!$K$15=1,L7612*Input!$J$15,0)+IF(Input!$K$16=1,M7612*Input!$J$16,0)</f>
        <v>1.8381378147363228</v>
      </c>
      <c r="O7612" s="58">
        <f>IF(Input!$K$13=2,J7612*Input!$J$13,0)+IF(Input!$K$14=2,K7612*Input!$J$14,0)+IF(Input!$K$15=2,L7612*Input!$J$15,0)+IF(Input!$K$16=2,M7612*Input!$J$16,0)</f>
        <v>8.7147249262084669E-2</v>
      </c>
      <c r="P7612" s="58">
        <f>IF(Input!$K$13=3,J7612*Input!$J$13,0)+IF(Input!$K$14=3,K7612*Input!$J$14,0)+IF(Input!$K$15=3,L7612*Input!$J$15,0)+IF(Input!$K$16=3,M7612*Input!$J$16,0)</f>
        <v>0</v>
      </c>
      <c r="Q7612" s="71">
        <f>IF(Input!$K$13=4,J7612*Input!$J$13,0)+IF(Input!$K$14=4,K7612*Input!$J$14,0)+IF(Input!$K$15=4,L7612*Input!$J$15,0)+IF(Input!$K$16=4,M7612*Input!$J$16,0)</f>
        <v>0</v>
      </c>
    </row>
    <row r="7613" spans="8:17" x14ac:dyDescent="0.25">
      <c r="H7613" s="43">
        <v>7606</v>
      </c>
      <c r="I7613" s="55">
        <f>Bühler!I7639</f>
        <v>3.4602515153204654</v>
      </c>
      <c r="J7613" s="58">
        <f>Bühler!J7639</f>
        <v>15.31781512280269</v>
      </c>
      <c r="K7613" s="58">
        <f>Bühler!K7639</f>
        <v>0.64553517971914576</v>
      </c>
      <c r="L7613" s="58">
        <f>Bühler!L7639</f>
        <v>0.32276758985957288</v>
      </c>
      <c r="M7613" s="57">
        <f>Bühler!M7639</f>
        <v>0</v>
      </c>
      <c r="N7613" s="55">
        <f>IF(Input!$K$13=1,J7613*Input!$J$13,0)+IF(Input!$K$14=1,K7613*Input!$J$14,0)+IF(Input!$K$15=1,L7613*Input!$J$15,0)+IF(Input!$K$16=1,M7613*Input!$J$16,0)</f>
        <v>1.8381378147363228</v>
      </c>
      <c r="O7613" s="58">
        <f>IF(Input!$K$13=2,J7613*Input!$J$13,0)+IF(Input!$K$14=2,K7613*Input!$J$14,0)+IF(Input!$K$15=2,L7613*Input!$J$15,0)+IF(Input!$K$16=2,M7613*Input!$J$16,0)</f>
        <v>8.7147249262084669E-2</v>
      </c>
      <c r="P7613" s="58">
        <f>IF(Input!$K$13=3,J7613*Input!$J$13,0)+IF(Input!$K$14=3,K7613*Input!$J$14,0)+IF(Input!$K$15=3,L7613*Input!$J$15,0)+IF(Input!$K$16=3,M7613*Input!$J$16,0)</f>
        <v>0</v>
      </c>
      <c r="Q7613" s="71">
        <f>IF(Input!$K$13=4,J7613*Input!$J$13,0)+IF(Input!$K$14=4,K7613*Input!$J$14,0)+IF(Input!$K$15=4,L7613*Input!$J$15,0)+IF(Input!$K$16=4,M7613*Input!$J$16,0)</f>
        <v>0</v>
      </c>
    </row>
    <row r="7614" spans="8:17" x14ac:dyDescent="0.25">
      <c r="H7614" s="43">
        <v>7607</v>
      </c>
      <c r="I7614" s="55">
        <f>Bühler!I7640</f>
        <v>3.4602515153204654</v>
      </c>
      <c r="J7614" s="58">
        <f>Bühler!J7640</f>
        <v>15.31781512280269</v>
      </c>
      <c r="K7614" s="58">
        <f>Bühler!K7640</f>
        <v>0.64553517971914576</v>
      </c>
      <c r="L7614" s="58">
        <f>Bühler!L7640</f>
        <v>0.32276758985957288</v>
      </c>
      <c r="M7614" s="57">
        <f>Bühler!M7640</f>
        <v>0</v>
      </c>
      <c r="N7614" s="55">
        <f>IF(Input!$K$13=1,J7614*Input!$J$13,0)+IF(Input!$K$14=1,K7614*Input!$J$14,0)+IF(Input!$K$15=1,L7614*Input!$J$15,0)+IF(Input!$K$16=1,M7614*Input!$J$16,0)</f>
        <v>1.8381378147363228</v>
      </c>
      <c r="O7614" s="58">
        <f>IF(Input!$K$13=2,J7614*Input!$J$13,0)+IF(Input!$K$14=2,K7614*Input!$J$14,0)+IF(Input!$K$15=2,L7614*Input!$J$15,0)+IF(Input!$K$16=2,M7614*Input!$J$16,0)</f>
        <v>8.7147249262084669E-2</v>
      </c>
      <c r="P7614" s="58">
        <f>IF(Input!$K$13=3,J7614*Input!$J$13,0)+IF(Input!$K$14=3,K7614*Input!$J$14,0)+IF(Input!$K$15=3,L7614*Input!$J$15,0)+IF(Input!$K$16=3,M7614*Input!$J$16,0)</f>
        <v>0</v>
      </c>
      <c r="Q7614" s="71">
        <f>IF(Input!$K$13=4,J7614*Input!$J$13,0)+IF(Input!$K$14=4,K7614*Input!$J$14,0)+IF(Input!$K$15=4,L7614*Input!$J$15,0)+IF(Input!$K$16=4,M7614*Input!$J$16,0)</f>
        <v>0</v>
      </c>
    </row>
    <row r="7615" spans="8:17" x14ac:dyDescent="0.25">
      <c r="H7615" s="43">
        <v>7608</v>
      </c>
      <c r="I7615" s="55">
        <f>Bühler!I7641</f>
        <v>3.4602515153204654</v>
      </c>
      <c r="J7615" s="58">
        <f>Bühler!J7641</f>
        <v>15.31781512280269</v>
      </c>
      <c r="K7615" s="58">
        <f>Bühler!K7641</f>
        <v>0.64553517971914576</v>
      </c>
      <c r="L7615" s="58">
        <f>Bühler!L7641</f>
        <v>0.32276758985957288</v>
      </c>
      <c r="M7615" s="57">
        <f>Bühler!M7641</f>
        <v>0</v>
      </c>
      <c r="N7615" s="55">
        <f>IF(Input!$K$13=1,J7615*Input!$J$13,0)+IF(Input!$K$14=1,K7615*Input!$J$14,0)+IF(Input!$K$15=1,L7615*Input!$J$15,0)+IF(Input!$K$16=1,M7615*Input!$J$16,0)</f>
        <v>1.8381378147363228</v>
      </c>
      <c r="O7615" s="58">
        <f>IF(Input!$K$13=2,J7615*Input!$J$13,0)+IF(Input!$K$14=2,K7615*Input!$J$14,0)+IF(Input!$K$15=2,L7615*Input!$J$15,0)+IF(Input!$K$16=2,M7615*Input!$J$16,0)</f>
        <v>8.7147249262084669E-2</v>
      </c>
      <c r="P7615" s="58">
        <f>IF(Input!$K$13=3,J7615*Input!$J$13,0)+IF(Input!$K$14=3,K7615*Input!$J$14,0)+IF(Input!$K$15=3,L7615*Input!$J$15,0)+IF(Input!$K$16=3,M7615*Input!$J$16,0)</f>
        <v>0</v>
      </c>
      <c r="Q7615" s="71">
        <f>IF(Input!$K$13=4,J7615*Input!$J$13,0)+IF(Input!$K$14=4,K7615*Input!$J$14,0)+IF(Input!$K$15=4,L7615*Input!$J$15,0)+IF(Input!$K$16=4,M7615*Input!$J$16,0)</f>
        <v>0</v>
      </c>
    </row>
    <row r="7616" spans="8:17" x14ac:dyDescent="0.25">
      <c r="H7616" s="43">
        <v>7609</v>
      </c>
      <c r="I7616" s="55">
        <f>Bühler!I7642</f>
        <v>1.0321977512021656</v>
      </c>
      <c r="J7616" s="58">
        <f>Bühler!J7642</f>
        <v>7.1842962382809015</v>
      </c>
      <c r="K7616" s="58">
        <f>Bühler!K7642</f>
        <v>0.39593348032065584</v>
      </c>
      <c r="L7616" s="58">
        <f>Bühler!L7642</f>
        <v>0.19796674016032792</v>
      </c>
      <c r="M7616" s="57">
        <f>Bühler!M7642</f>
        <v>0</v>
      </c>
      <c r="N7616" s="55">
        <f>IF(Input!$K$13=1,J7616*Input!$J$13,0)+IF(Input!$K$14=1,K7616*Input!$J$14,0)+IF(Input!$K$15=1,L7616*Input!$J$15,0)+IF(Input!$K$16=1,M7616*Input!$J$16,0)</f>
        <v>0.86211554859370809</v>
      </c>
      <c r="O7616" s="58">
        <f>IF(Input!$K$13=2,J7616*Input!$J$13,0)+IF(Input!$K$14=2,K7616*Input!$J$14,0)+IF(Input!$K$15=2,L7616*Input!$J$15,0)+IF(Input!$K$16=2,M7616*Input!$J$16,0)</f>
        <v>5.3451019843288539E-2</v>
      </c>
      <c r="P7616" s="58">
        <f>IF(Input!$K$13=3,J7616*Input!$J$13,0)+IF(Input!$K$14=3,K7616*Input!$J$14,0)+IF(Input!$K$15=3,L7616*Input!$J$15,0)+IF(Input!$K$16=3,M7616*Input!$J$16,0)</f>
        <v>0</v>
      </c>
      <c r="Q7616" s="71">
        <f>IF(Input!$K$13=4,J7616*Input!$J$13,0)+IF(Input!$K$14=4,K7616*Input!$J$14,0)+IF(Input!$K$15=4,L7616*Input!$J$15,0)+IF(Input!$K$16=4,M7616*Input!$J$16,0)</f>
        <v>0</v>
      </c>
    </row>
    <row r="7617" spans="8:17" x14ac:dyDescent="0.25">
      <c r="H7617" s="43">
        <v>7610</v>
      </c>
      <c r="I7617" s="55">
        <f>Bühler!I7643</f>
        <v>1.0321977512021656</v>
      </c>
      <c r="J7617" s="58">
        <f>Bühler!J7643</f>
        <v>10.361767766182368</v>
      </c>
      <c r="K7617" s="58">
        <f>Bühler!K7643</f>
        <v>0.60332720810766616</v>
      </c>
      <c r="L7617" s="58">
        <f>Bühler!L7643</f>
        <v>0.30166360405383308</v>
      </c>
      <c r="M7617" s="57">
        <f>Bühler!M7643</f>
        <v>0</v>
      </c>
      <c r="N7617" s="55">
        <f>IF(Input!$K$13=1,J7617*Input!$J$13,0)+IF(Input!$K$14=1,K7617*Input!$J$14,0)+IF(Input!$K$15=1,L7617*Input!$J$15,0)+IF(Input!$K$16=1,M7617*Input!$J$16,0)</f>
        <v>1.243412131941884</v>
      </c>
      <c r="O7617" s="58">
        <f>IF(Input!$K$13=2,J7617*Input!$J$13,0)+IF(Input!$K$14=2,K7617*Input!$J$14,0)+IF(Input!$K$15=2,L7617*Input!$J$15,0)+IF(Input!$K$16=2,M7617*Input!$J$16,0)</f>
        <v>8.1449173094534921E-2</v>
      </c>
      <c r="P7617" s="58">
        <f>IF(Input!$K$13=3,J7617*Input!$J$13,0)+IF(Input!$K$14=3,K7617*Input!$J$14,0)+IF(Input!$K$15=3,L7617*Input!$J$15,0)+IF(Input!$K$16=3,M7617*Input!$J$16,0)</f>
        <v>0</v>
      </c>
      <c r="Q7617" s="71">
        <f>IF(Input!$K$13=4,J7617*Input!$J$13,0)+IF(Input!$K$14=4,K7617*Input!$J$14,0)+IF(Input!$K$15=4,L7617*Input!$J$15,0)+IF(Input!$K$16=4,M7617*Input!$J$16,0)</f>
        <v>0</v>
      </c>
    </row>
    <row r="7618" spans="8:17" x14ac:dyDescent="0.25">
      <c r="H7618" s="43">
        <v>7611</v>
      </c>
      <c r="I7618" s="55">
        <f>Bühler!I7644</f>
        <v>1.0321977512021656</v>
      </c>
      <c r="J7618" s="58">
        <f>Bühler!J7644</f>
        <v>10.361767766182368</v>
      </c>
      <c r="K7618" s="58">
        <f>Bühler!K7644</f>
        <v>0.60332720810766616</v>
      </c>
      <c r="L7618" s="58">
        <f>Bühler!L7644</f>
        <v>0.30166360405383308</v>
      </c>
      <c r="M7618" s="57">
        <f>Bühler!M7644</f>
        <v>0</v>
      </c>
      <c r="N7618" s="55">
        <f>IF(Input!$K$13=1,J7618*Input!$J$13,0)+IF(Input!$K$14=1,K7618*Input!$J$14,0)+IF(Input!$K$15=1,L7618*Input!$J$15,0)+IF(Input!$K$16=1,M7618*Input!$J$16,0)</f>
        <v>1.243412131941884</v>
      </c>
      <c r="O7618" s="58">
        <f>IF(Input!$K$13=2,J7618*Input!$J$13,0)+IF(Input!$K$14=2,K7618*Input!$J$14,0)+IF(Input!$K$15=2,L7618*Input!$J$15,0)+IF(Input!$K$16=2,M7618*Input!$J$16,0)</f>
        <v>8.1449173094534921E-2</v>
      </c>
      <c r="P7618" s="58">
        <f>IF(Input!$K$13=3,J7618*Input!$J$13,0)+IF(Input!$K$14=3,K7618*Input!$J$14,0)+IF(Input!$K$15=3,L7618*Input!$J$15,0)+IF(Input!$K$16=3,M7618*Input!$J$16,0)</f>
        <v>0</v>
      </c>
      <c r="Q7618" s="71">
        <f>IF(Input!$K$13=4,J7618*Input!$J$13,0)+IF(Input!$K$14=4,K7618*Input!$J$14,0)+IF(Input!$K$15=4,L7618*Input!$J$15,0)+IF(Input!$K$16=4,M7618*Input!$J$16,0)</f>
        <v>0</v>
      </c>
    </row>
    <row r="7619" spans="8:17" x14ac:dyDescent="0.25">
      <c r="H7619" s="43">
        <v>7612</v>
      </c>
      <c r="I7619" s="55">
        <f>Bühler!I7645</f>
        <v>1.0321977512021656</v>
      </c>
      <c r="J7619" s="58">
        <f>Bühler!J7645</f>
        <v>10.361767766182368</v>
      </c>
      <c r="K7619" s="58">
        <f>Bühler!K7645</f>
        <v>0.60332720810766616</v>
      </c>
      <c r="L7619" s="58">
        <f>Bühler!L7645</f>
        <v>0.30166360405383308</v>
      </c>
      <c r="M7619" s="57">
        <f>Bühler!M7645</f>
        <v>0</v>
      </c>
      <c r="N7619" s="55">
        <f>IF(Input!$K$13=1,J7619*Input!$J$13,0)+IF(Input!$K$14=1,K7619*Input!$J$14,0)+IF(Input!$K$15=1,L7619*Input!$J$15,0)+IF(Input!$K$16=1,M7619*Input!$J$16,0)</f>
        <v>1.243412131941884</v>
      </c>
      <c r="O7619" s="58">
        <f>IF(Input!$K$13=2,J7619*Input!$J$13,0)+IF(Input!$K$14=2,K7619*Input!$J$14,0)+IF(Input!$K$15=2,L7619*Input!$J$15,0)+IF(Input!$K$16=2,M7619*Input!$J$16,0)</f>
        <v>8.1449173094534921E-2</v>
      </c>
      <c r="P7619" s="58">
        <f>IF(Input!$K$13=3,J7619*Input!$J$13,0)+IF(Input!$K$14=3,K7619*Input!$J$14,0)+IF(Input!$K$15=3,L7619*Input!$J$15,0)+IF(Input!$K$16=3,M7619*Input!$J$16,0)</f>
        <v>0</v>
      </c>
      <c r="Q7619" s="71">
        <f>IF(Input!$K$13=4,J7619*Input!$J$13,0)+IF(Input!$K$14=4,K7619*Input!$J$14,0)+IF(Input!$K$15=4,L7619*Input!$J$15,0)+IF(Input!$K$16=4,M7619*Input!$J$16,0)</f>
        <v>0</v>
      </c>
    </row>
    <row r="7620" spans="8:17" x14ac:dyDescent="0.25">
      <c r="H7620" s="43">
        <v>7613</v>
      </c>
      <c r="I7620" s="55">
        <f>Bühler!I7646</f>
        <v>1.0321977512021656</v>
      </c>
      <c r="J7620" s="58">
        <f>Bühler!J7646</f>
        <v>10.361767766182368</v>
      </c>
      <c r="K7620" s="58">
        <f>Bühler!K7646</f>
        <v>0.60332720810766616</v>
      </c>
      <c r="L7620" s="58">
        <f>Bühler!L7646</f>
        <v>0.30166360405383308</v>
      </c>
      <c r="M7620" s="57">
        <f>Bühler!M7646</f>
        <v>0</v>
      </c>
      <c r="N7620" s="55">
        <f>IF(Input!$K$13=1,J7620*Input!$J$13,0)+IF(Input!$K$14=1,K7620*Input!$J$14,0)+IF(Input!$K$15=1,L7620*Input!$J$15,0)+IF(Input!$K$16=1,M7620*Input!$J$16,0)</f>
        <v>1.243412131941884</v>
      </c>
      <c r="O7620" s="58">
        <f>IF(Input!$K$13=2,J7620*Input!$J$13,0)+IF(Input!$K$14=2,K7620*Input!$J$14,0)+IF(Input!$K$15=2,L7620*Input!$J$15,0)+IF(Input!$K$16=2,M7620*Input!$J$16,0)</f>
        <v>8.1449173094534921E-2</v>
      </c>
      <c r="P7620" s="58">
        <f>IF(Input!$K$13=3,J7620*Input!$J$13,0)+IF(Input!$K$14=3,K7620*Input!$J$14,0)+IF(Input!$K$15=3,L7620*Input!$J$15,0)+IF(Input!$K$16=3,M7620*Input!$J$16,0)</f>
        <v>0</v>
      </c>
      <c r="Q7620" s="71">
        <f>IF(Input!$K$13=4,J7620*Input!$J$13,0)+IF(Input!$K$14=4,K7620*Input!$J$14,0)+IF(Input!$K$15=4,L7620*Input!$J$15,0)+IF(Input!$K$16=4,M7620*Input!$J$16,0)</f>
        <v>0</v>
      </c>
    </row>
    <row r="7621" spans="8:17" x14ac:dyDescent="0.25">
      <c r="H7621" s="43">
        <v>7614</v>
      </c>
      <c r="I7621" s="55">
        <f>Bühler!I7647</f>
        <v>1.0321977512021656</v>
      </c>
      <c r="J7621" s="58">
        <f>Bühler!J7647</f>
        <v>10.361767766182368</v>
      </c>
      <c r="K7621" s="58">
        <f>Bühler!K7647</f>
        <v>0.60332720810766616</v>
      </c>
      <c r="L7621" s="58">
        <f>Bühler!L7647</f>
        <v>0.30166360405383308</v>
      </c>
      <c r="M7621" s="57">
        <f>Bühler!M7647</f>
        <v>0</v>
      </c>
      <c r="N7621" s="55">
        <f>IF(Input!$K$13=1,J7621*Input!$J$13,0)+IF(Input!$K$14=1,K7621*Input!$J$14,0)+IF(Input!$K$15=1,L7621*Input!$J$15,0)+IF(Input!$K$16=1,M7621*Input!$J$16,0)</f>
        <v>1.243412131941884</v>
      </c>
      <c r="O7621" s="58">
        <f>IF(Input!$K$13=2,J7621*Input!$J$13,0)+IF(Input!$K$14=2,K7621*Input!$J$14,0)+IF(Input!$K$15=2,L7621*Input!$J$15,0)+IF(Input!$K$16=2,M7621*Input!$J$16,0)</f>
        <v>8.1449173094534921E-2</v>
      </c>
      <c r="P7621" s="58">
        <f>IF(Input!$K$13=3,J7621*Input!$J$13,0)+IF(Input!$K$14=3,K7621*Input!$J$14,0)+IF(Input!$K$15=3,L7621*Input!$J$15,0)+IF(Input!$K$16=3,M7621*Input!$J$16,0)</f>
        <v>0</v>
      </c>
      <c r="Q7621" s="71">
        <f>IF(Input!$K$13=4,J7621*Input!$J$13,0)+IF(Input!$K$14=4,K7621*Input!$J$14,0)+IF(Input!$K$15=4,L7621*Input!$J$15,0)+IF(Input!$K$16=4,M7621*Input!$J$16,0)</f>
        <v>0</v>
      </c>
    </row>
    <row r="7622" spans="8:17" x14ac:dyDescent="0.25">
      <c r="H7622" s="43">
        <v>7615</v>
      </c>
      <c r="I7622" s="55">
        <f>Bühler!I7648</f>
        <v>1.0321977512021656</v>
      </c>
      <c r="J7622" s="58">
        <f>Bühler!J7648</f>
        <v>10.361767766182368</v>
      </c>
      <c r="K7622" s="58">
        <f>Bühler!K7648</f>
        <v>0.60332720810766616</v>
      </c>
      <c r="L7622" s="58">
        <f>Bühler!L7648</f>
        <v>0.30166360405383308</v>
      </c>
      <c r="M7622" s="57">
        <f>Bühler!M7648</f>
        <v>0</v>
      </c>
      <c r="N7622" s="55">
        <f>IF(Input!$K$13=1,J7622*Input!$J$13,0)+IF(Input!$K$14=1,K7622*Input!$J$14,0)+IF(Input!$K$15=1,L7622*Input!$J$15,0)+IF(Input!$K$16=1,M7622*Input!$J$16,0)</f>
        <v>1.243412131941884</v>
      </c>
      <c r="O7622" s="58">
        <f>IF(Input!$K$13=2,J7622*Input!$J$13,0)+IF(Input!$K$14=2,K7622*Input!$J$14,0)+IF(Input!$K$15=2,L7622*Input!$J$15,0)+IF(Input!$K$16=2,M7622*Input!$J$16,0)</f>
        <v>8.1449173094534921E-2</v>
      </c>
      <c r="P7622" s="58">
        <f>IF(Input!$K$13=3,J7622*Input!$J$13,0)+IF(Input!$K$14=3,K7622*Input!$J$14,0)+IF(Input!$K$15=3,L7622*Input!$J$15,0)+IF(Input!$K$16=3,M7622*Input!$J$16,0)</f>
        <v>0</v>
      </c>
      <c r="Q7622" s="71">
        <f>IF(Input!$K$13=4,J7622*Input!$J$13,0)+IF(Input!$K$14=4,K7622*Input!$J$14,0)+IF(Input!$K$15=4,L7622*Input!$J$15,0)+IF(Input!$K$16=4,M7622*Input!$J$16,0)</f>
        <v>0</v>
      </c>
    </row>
    <row r="7623" spans="8:17" x14ac:dyDescent="0.25">
      <c r="H7623" s="43">
        <v>7616</v>
      </c>
      <c r="I7623" s="55">
        <f>Bühler!I7649</f>
        <v>2.9733954574952706</v>
      </c>
      <c r="J7623" s="58">
        <f>Bühler!J7649</f>
        <v>42.18853378627815</v>
      </c>
      <c r="K7623" s="58">
        <f>Bühler!K7649</f>
        <v>2.5434012616788797</v>
      </c>
      <c r="L7623" s="58">
        <f>Bühler!L7649</f>
        <v>1.2717006308394398</v>
      </c>
      <c r="M7623" s="57">
        <f>Bühler!M7649</f>
        <v>0</v>
      </c>
      <c r="N7623" s="55">
        <f>IF(Input!$K$13=1,J7623*Input!$J$13,0)+IF(Input!$K$14=1,K7623*Input!$J$14,0)+IF(Input!$K$15=1,L7623*Input!$J$15,0)+IF(Input!$K$16=1,M7623*Input!$J$16,0)</f>
        <v>5.0626240543533774</v>
      </c>
      <c r="O7623" s="58">
        <f>IF(Input!$K$13=2,J7623*Input!$J$13,0)+IF(Input!$K$14=2,K7623*Input!$J$14,0)+IF(Input!$K$15=2,L7623*Input!$J$15,0)+IF(Input!$K$16=2,M7623*Input!$J$16,0)</f>
        <v>0.34335917032664875</v>
      </c>
      <c r="P7623" s="58">
        <f>IF(Input!$K$13=3,J7623*Input!$J$13,0)+IF(Input!$K$14=3,K7623*Input!$J$14,0)+IF(Input!$K$15=3,L7623*Input!$J$15,0)+IF(Input!$K$16=3,M7623*Input!$J$16,0)</f>
        <v>0</v>
      </c>
      <c r="Q7623" s="71">
        <f>IF(Input!$K$13=4,J7623*Input!$J$13,0)+IF(Input!$K$14=4,K7623*Input!$J$14,0)+IF(Input!$K$15=4,L7623*Input!$J$15,0)+IF(Input!$K$16=4,M7623*Input!$J$16,0)</f>
        <v>0</v>
      </c>
    </row>
    <row r="7624" spans="8:17" x14ac:dyDescent="0.25">
      <c r="H7624" s="43">
        <v>7617</v>
      </c>
      <c r="I7624" s="55">
        <f>Bühler!I7650</f>
        <v>3.31768335257367</v>
      </c>
      <c r="J7624" s="58">
        <f>Bühler!J7650</f>
        <v>47.073521908899828</v>
      </c>
      <c r="K7624" s="58">
        <f>Bühler!K7650</f>
        <v>2.8379003551364343</v>
      </c>
      <c r="L7624" s="58">
        <f>Bühler!L7650</f>
        <v>1.4189501775682172</v>
      </c>
      <c r="M7624" s="57">
        <f>Bühler!M7650</f>
        <v>0</v>
      </c>
      <c r="N7624" s="55">
        <f>IF(Input!$K$13=1,J7624*Input!$J$13,0)+IF(Input!$K$14=1,K7624*Input!$J$14,0)+IF(Input!$K$15=1,L7624*Input!$J$15,0)+IF(Input!$K$16=1,M7624*Input!$J$16,0)</f>
        <v>5.6488226290679791</v>
      </c>
      <c r="O7624" s="58">
        <f>IF(Input!$K$13=2,J7624*Input!$J$13,0)+IF(Input!$K$14=2,K7624*Input!$J$14,0)+IF(Input!$K$15=2,L7624*Input!$J$15,0)+IF(Input!$K$16=2,M7624*Input!$J$16,0)</f>
        <v>0.38311654794341865</v>
      </c>
      <c r="P7624" s="58">
        <f>IF(Input!$K$13=3,J7624*Input!$J$13,0)+IF(Input!$K$14=3,K7624*Input!$J$14,0)+IF(Input!$K$15=3,L7624*Input!$J$15,0)+IF(Input!$K$16=3,M7624*Input!$J$16,0)</f>
        <v>0</v>
      </c>
      <c r="Q7624" s="71">
        <f>IF(Input!$K$13=4,J7624*Input!$J$13,0)+IF(Input!$K$14=4,K7624*Input!$J$14,0)+IF(Input!$K$15=4,L7624*Input!$J$15,0)+IF(Input!$K$16=4,M7624*Input!$J$16,0)</f>
        <v>0</v>
      </c>
    </row>
    <row r="7625" spans="8:17" x14ac:dyDescent="0.25">
      <c r="H7625" s="43">
        <v>7618</v>
      </c>
      <c r="I7625" s="55">
        <f>Bühler!I7651</f>
        <v>3.6619712476520703</v>
      </c>
      <c r="J7625" s="58">
        <f>Bühler!J7651</f>
        <v>51.958510031521513</v>
      </c>
      <c r="K7625" s="58">
        <f>Bühler!K7651</f>
        <v>3.132399448593989</v>
      </c>
      <c r="L7625" s="58">
        <f>Bühler!L7651</f>
        <v>1.5661997242969945</v>
      </c>
      <c r="M7625" s="57">
        <f>Bühler!M7651</f>
        <v>0</v>
      </c>
      <c r="N7625" s="55">
        <f>IF(Input!$K$13=1,J7625*Input!$J$13,0)+IF(Input!$K$14=1,K7625*Input!$J$14,0)+IF(Input!$K$15=1,L7625*Input!$J$15,0)+IF(Input!$K$16=1,M7625*Input!$J$16,0)</f>
        <v>6.2350212037825816</v>
      </c>
      <c r="O7625" s="58">
        <f>IF(Input!$K$13=2,J7625*Input!$J$13,0)+IF(Input!$K$14=2,K7625*Input!$J$14,0)+IF(Input!$K$15=2,L7625*Input!$J$15,0)+IF(Input!$K$16=2,M7625*Input!$J$16,0)</f>
        <v>0.42287392556018849</v>
      </c>
      <c r="P7625" s="58">
        <f>IF(Input!$K$13=3,J7625*Input!$J$13,0)+IF(Input!$K$14=3,K7625*Input!$J$14,0)+IF(Input!$K$15=3,L7625*Input!$J$15,0)+IF(Input!$K$16=3,M7625*Input!$J$16,0)</f>
        <v>0</v>
      </c>
      <c r="Q7625" s="71">
        <f>IF(Input!$K$13=4,J7625*Input!$J$13,0)+IF(Input!$K$14=4,K7625*Input!$J$14,0)+IF(Input!$K$15=4,L7625*Input!$J$15,0)+IF(Input!$K$16=4,M7625*Input!$J$16,0)</f>
        <v>0</v>
      </c>
    </row>
    <row r="7626" spans="8:17" x14ac:dyDescent="0.25">
      <c r="H7626" s="43">
        <v>7619</v>
      </c>
      <c r="I7626" s="55">
        <f>Bühler!I7652</f>
        <v>3.6619712476520703</v>
      </c>
      <c r="J7626" s="58">
        <f>Bühler!J7652</f>
        <v>51.958510031521513</v>
      </c>
      <c r="K7626" s="58">
        <f>Bühler!K7652</f>
        <v>3.132399448593989</v>
      </c>
      <c r="L7626" s="58">
        <f>Bühler!L7652</f>
        <v>1.5661997242969945</v>
      </c>
      <c r="M7626" s="57">
        <f>Bühler!M7652</f>
        <v>0</v>
      </c>
      <c r="N7626" s="55">
        <f>IF(Input!$K$13=1,J7626*Input!$J$13,0)+IF(Input!$K$14=1,K7626*Input!$J$14,0)+IF(Input!$K$15=1,L7626*Input!$J$15,0)+IF(Input!$K$16=1,M7626*Input!$J$16,0)</f>
        <v>6.2350212037825816</v>
      </c>
      <c r="O7626" s="58">
        <f>IF(Input!$K$13=2,J7626*Input!$J$13,0)+IF(Input!$K$14=2,K7626*Input!$J$14,0)+IF(Input!$K$15=2,L7626*Input!$J$15,0)+IF(Input!$K$16=2,M7626*Input!$J$16,0)</f>
        <v>0.42287392556018849</v>
      </c>
      <c r="P7626" s="58">
        <f>IF(Input!$K$13=3,J7626*Input!$J$13,0)+IF(Input!$K$14=3,K7626*Input!$J$14,0)+IF(Input!$K$15=3,L7626*Input!$J$15,0)+IF(Input!$K$16=3,M7626*Input!$J$16,0)</f>
        <v>0</v>
      </c>
      <c r="Q7626" s="71">
        <f>IF(Input!$K$13=4,J7626*Input!$J$13,0)+IF(Input!$K$14=4,K7626*Input!$J$14,0)+IF(Input!$K$15=4,L7626*Input!$J$15,0)+IF(Input!$K$16=4,M7626*Input!$J$16,0)</f>
        <v>0</v>
      </c>
    </row>
    <row r="7627" spans="8:17" x14ac:dyDescent="0.25">
      <c r="H7627" s="43">
        <v>7620</v>
      </c>
      <c r="I7627" s="55">
        <f>Bühler!I7653</f>
        <v>4.3818459373614518</v>
      </c>
      <c r="J7627" s="58">
        <f>Bühler!J7653</f>
        <v>62.172576106094112</v>
      </c>
      <c r="K7627" s="58">
        <f>Bühler!K7653</f>
        <v>3.7481702803688757</v>
      </c>
      <c r="L7627" s="58">
        <f>Bühler!L7653</f>
        <v>1.8740851401844378</v>
      </c>
      <c r="M7627" s="57">
        <f>Bühler!M7653</f>
        <v>0</v>
      </c>
      <c r="N7627" s="55">
        <f>IF(Input!$K$13=1,J7627*Input!$J$13,0)+IF(Input!$K$14=1,K7627*Input!$J$14,0)+IF(Input!$K$15=1,L7627*Input!$J$15,0)+IF(Input!$K$16=1,M7627*Input!$J$16,0)</f>
        <v>7.4607091327312931</v>
      </c>
      <c r="O7627" s="58">
        <f>IF(Input!$K$13=2,J7627*Input!$J$13,0)+IF(Input!$K$14=2,K7627*Input!$J$14,0)+IF(Input!$K$15=2,L7627*Input!$J$15,0)+IF(Input!$K$16=2,M7627*Input!$J$16,0)</f>
        <v>0.50600298784979825</v>
      </c>
      <c r="P7627" s="58">
        <f>IF(Input!$K$13=3,J7627*Input!$J$13,0)+IF(Input!$K$14=3,K7627*Input!$J$14,0)+IF(Input!$K$15=3,L7627*Input!$J$15,0)+IF(Input!$K$16=3,M7627*Input!$J$16,0)</f>
        <v>0</v>
      </c>
      <c r="Q7627" s="71">
        <f>IF(Input!$K$13=4,J7627*Input!$J$13,0)+IF(Input!$K$14=4,K7627*Input!$J$14,0)+IF(Input!$K$15=4,L7627*Input!$J$15,0)+IF(Input!$K$16=4,M7627*Input!$J$16,0)</f>
        <v>0</v>
      </c>
    </row>
    <row r="7628" spans="8:17" x14ac:dyDescent="0.25">
      <c r="H7628" s="43">
        <v>7621</v>
      </c>
      <c r="I7628" s="55">
        <f>Bühler!I7654</f>
        <v>4.3818459373614518</v>
      </c>
      <c r="J7628" s="58">
        <f>Bühler!J7654</f>
        <v>62.172576106094112</v>
      </c>
      <c r="K7628" s="58">
        <f>Bühler!K7654</f>
        <v>3.7481702803688757</v>
      </c>
      <c r="L7628" s="58">
        <f>Bühler!L7654</f>
        <v>1.8740851401844378</v>
      </c>
      <c r="M7628" s="57">
        <f>Bühler!M7654</f>
        <v>0</v>
      </c>
      <c r="N7628" s="55">
        <f>IF(Input!$K$13=1,J7628*Input!$J$13,0)+IF(Input!$K$14=1,K7628*Input!$J$14,0)+IF(Input!$K$15=1,L7628*Input!$J$15,0)+IF(Input!$K$16=1,M7628*Input!$J$16,0)</f>
        <v>7.4607091327312931</v>
      </c>
      <c r="O7628" s="58">
        <f>IF(Input!$K$13=2,J7628*Input!$J$13,0)+IF(Input!$K$14=2,K7628*Input!$J$14,0)+IF(Input!$K$15=2,L7628*Input!$J$15,0)+IF(Input!$K$16=2,M7628*Input!$J$16,0)</f>
        <v>0.50600298784979825</v>
      </c>
      <c r="P7628" s="58">
        <f>IF(Input!$K$13=3,J7628*Input!$J$13,0)+IF(Input!$K$14=3,K7628*Input!$J$14,0)+IF(Input!$K$15=3,L7628*Input!$J$15,0)+IF(Input!$K$16=3,M7628*Input!$J$16,0)</f>
        <v>0</v>
      </c>
      <c r="Q7628" s="71">
        <f>IF(Input!$K$13=4,J7628*Input!$J$13,0)+IF(Input!$K$14=4,K7628*Input!$J$14,0)+IF(Input!$K$15=4,L7628*Input!$J$15,0)+IF(Input!$K$16=4,M7628*Input!$J$16,0)</f>
        <v>0</v>
      </c>
    </row>
    <row r="7629" spans="8:17" x14ac:dyDescent="0.25">
      <c r="H7629" s="43">
        <v>7622</v>
      </c>
      <c r="I7629" s="55">
        <f>Bühler!I7655</f>
        <v>2.9107976583901065</v>
      </c>
      <c r="J7629" s="58">
        <f>Bühler!J7655</f>
        <v>41.30035412761967</v>
      </c>
      <c r="K7629" s="58">
        <f>Bühler!K7655</f>
        <v>2.4898559719593245</v>
      </c>
      <c r="L7629" s="58">
        <f>Bühler!L7655</f>
        <v>1.2449279859796623</v>
      </c>
      <c r="M7629" s="57">
        <f>Bühler!M7655</f>
        <v>0</v>
      </c>
      <c r="N7629" s="55">
        <f>IF(Input!$K$13=1,J7629*Input!$J$13,0)+IF(Input!$K$14=1,K7629*Input!$J$14,0)+IF(Input!$K$15=1,L7629*Input!$J$15,0)+IF(Input!$K$16=1,M7629*Input!$J$16,0)</f>
        <v>4.9560424953143603</v>
      </c>
      <c r="O7629" s="58">
        <f>IF(Input!$K$13=2,J7629*Input!$J$13,0)+IF(Input!$K$14=2,K7629*Input!$J$14,0)+IF(Input!$K$15=2,L7629*Input!$J$15,0)+IF(Input!$K$16=2,M7629*Input!$J$16,0)</f>
        <v>0.33613055621450882</v>
      </c>
      <c r="P7629" s="58">
        <f>IF(Input!$K$13=3,J7629*Input!$J$13,0)+IF(Input!$K$14=3,K7629*Input!$J$14,0)+IF(Input!$K$15=3,L7629*Input!$J$15,0)+IF(Input!$K$16=3,M7629*Input!$J$16,0)</f>
        <v>0</v>
      </c>
      <c r="Q7629" s="71">
        <f>IF(Input!$K$13=4,J7629*Input!$J$13,0)+IF(Input!$K$14=4,K7629*Input!$J$14,0)+IF(Input!$K$15=4,L7629*Input!$J$15,0)+IF(Input!$K$16=4,M7629*Input!$J$16,0)</f>
        <v>0</v>
      </c>
    </row>
    <row r="7630" spans="8:17" x14ac:dyDescent="0.25">
      <c r="H7630" s="43">
        <v>7623</v>
      </c>
      <c r="I7630" s="55">
        <f>Bühler!I7656</f>
        <v>4.3818459373614518</v>
      </c>
      <c r="J7630" s="58">
        <f>Bühler!J7656</f>
        <v>62.172576106094112</v>
      </c>
      <c r="K7630" s="58">
        <f>Bühler!K7656</f>
        <v>3.7481702803688757</v>
      </c>
      <c r="L7630" s="58">
        <f>Bühler!L7656</f>
        <v>1.8740851401844378</v>
      </c>
      <c r="M7630" s="57">
        <f>Bühler!M7656</f>
        <v>0</v>
      </c>
      <c r="N7630" s="55">
        <f>IF(Input!$K$13=1,J7630*Input!$J$13,0)+IF(Input!$K$14=1,K7630*Input!$J$14,0)+IF(Input!$K$15=1,L7630*Input!$J$15,0)+IF(Input!$K$16=1,M7630*Input!$J$16,0)</f>
        <v>7.4607091327312931</v>
      </c>
      <c r="O7630" s="58">
        <f>IF(Input!$K$13=2,J7630*Input!$J$13,0)+IF(Input!$K$14=2,K7630*Input!$J$14,0)+IF(Input!$K$15=2,L7630*Input!$J$15,0)+IF(Input!$K$16=2,M7630*Input!$J$16,0)</f>
        <v>0.50600298784979825</v>
      </c>
      <c r="P7630" s="58">
        <f>IF(Input!$K$13=3,J7630*Input!$J$13,0)+IF(Input!$K$14=3,K7630*Input!$J$14,0)+IF(Input!$K$15=3,L7630*Input!$J$15,0)+IF(Input!$K$16=3,M7630*Input!$J$16,0)</f>
        <v>0</v>
      </c>
      <c r="Q7630" s="71">
        <f>IF(Input!$K$13=4,J7630*Input!$J$13,0)+IF(Input!$K$14=4,K7630*Input!$J$14,0)+IF(Input!$K$15=4,L7630*Input!$J$15,0)+IF(Input!$K$16=4,M7630*Input!$J$16,0)</f>
        <v>0</v>
      </c>
    </row>
    <row r="7631" spans="8:17" x14ac:dyDescent="0.25">
      <c r="H7631" s="43">
        <v>7624</v>
      </c>
      <c r="I7631" s="55">
        <f>Bühler!I7657</f>
        <v>4.3818459373614518</v>
      </c>
      <c r="J7631" s="58">
        <f>Bühler!J7657</f>
        <v>62.172576106094112</v>
      </c>
      <c r="K7631" s="58">
        <f>Bühler!K7657</f>
        <v>3.7481702803688757</v>
      </c>
      <c r="L7631" s="58">
        <f>Bühler!L7657</f>
        <v>1.8740851401844378</v>
      </c>
      <c r="M7631" s="57">
        <f>Bühler!M7657</f>
        <v>0</v>
      </c>
      <c r="N7631" s="55">
        <f>IF(Input!$K$13=1,J7631*Input!$J$13,0)+IF(Input!$K$14=1,K7631*Input!$J$14,0)+IF(Input!$K$15=1,L7631*Input!$J$15,0)+IF(Input!$K$16=1,M7631*Input!$J$16,0)</f>
        <v>7.4607091327312931</v>
      </c>
      <c r="O7631" s="58">
        <f>IF(Input!$K$13=2,J7631*Input!$J$13,0)+IF(Input!$K$14=2,K7631*Input!$J$14,0)+IF(Input!$K$15=2,L7631*Input!$J$15,0)+IF(Input!$K$16=2,M7631*Input!$J$16,0)</f>
        <v>0.50600298784979825</v>
      </c>
      <c r="P7631" s="58">
        <f>IF(Input!$K$13=3,J7631*Input!$J$13,0)+IF(Input!$K$14=3,K7631*Input!$J$14,0)+IF(Input!$K$15=3,L7631*Input!$J$15,0)+IF(Input!$K$16=3,M7631*Input!$J$16,0)</f>
        <v>0</v>
      </c>
      <c r="Q7631" s="71">
        <f>IF(Input!$K$13=4,J7631*Input!$J$13,0)+IF(Input!$K$14=4,K7631*Input!$J$14,0)+IF(Input!$K$15=4,L7631*Input!$J$15,0)+IF(Input!$K$16=4,M7631*Input!$J$16,0)</f>
        <v>0</v>
      </c>
    </row>
    <row r="7632" spans="8:17" x14ac:dyDescent="0.25">
      <c r="H7632" s="43">
        <v>7625</v>
      </c>
      <c r="I7632" s="55">
        <f>Bühler!I7658</f>
        <v>3.6626371816851031</v>
      </c>
      <c r="J7632" s="58">
        <f>Bühler!J7658</f>
        <v>37.807928718976136</v>
      </c>
      <c r="K7632" s="58">
        <f>Bühler!K7658</f>
        <v>2.2087432009316585</v>
      </c>
      <c r="L7632" s="58">
        <f>Bühler!L7658</f>
        <v>1.1043716004658293</v>
      </c>
      <c r="M7632" s="57">
        <f>Bühler!M7658</f>
        <v>0</v>
      </c>
      <c r="N7632" s="55">
        <f>IF(Input!$K$13=1,J7632*Input!$J$13,0)+IF(Input!$K$14=1,K7632*Input!$J$14,0)+IF(Input!$K$15=1,L7632*Input!$J$15,0)+IF(Input!$K$16=1,M7632*Input!$J$16,0)</f>
        <v>4.5369514462771363</v>
      </c>
      <c r="O7632" s="58">
        <f>IF(Input!$K$13=2,J7632*Input!$J$13,0)+IF(Input!$K$14=2,K7632*Input!$J$14,0)+IF(Input!$K$15=2,L7632*Input!$J$15,0)+IF(Input!$K$16=2,M7632*Input!$J$16,0)</f>
        <v>0.29818033212577388</v>
      </c>
      <c r="P7632" s="58">
        <f>IF(Input!$K$13=3,J7632*Input!$J$13,0)+IF(Input!$K$14=3,K7632*Input!$J$14,0)+IF(Input!$K$15=3,L7632*Input!$J$15,0)+IF(Input!$K$16=3,M7632*Input!$J$16,0)</f>
        <v>0</v>
      </c>
      <c r="Q7632" s="71">
        <f>IF(Input!$K$13=4,J7632*Input!$J$13,0)+IF(Input!$K$14=4,K7632*Input!$J$14,0)+IF(Input!$K$15=4,L7632*Input!$J$15,0)+IF(Input!$K$16=4,M7632*Input!$J$16,0)</f>
        <v>0</v>
      </c>
    </row>
    <row r="7633" spans="8:17" x14ac:dyDescent="0.25">
      <c r="H7633" s="43">
        <v>7626</v>
      </c>
      <c r="I7633" s="55">
        <f>Bühler!I7659</f>
        <v>2.9101317243570728</v>
      </c>
      <c r="J7633" s="58">
        <f>Bühler!J7659</f>
        <v>17.595695100938947</v>
      </c>
      <c r="K7633" s="58">
        <f>Bühler!K7659</f>
        <v>0.94269876266822838</v>
      </c>
      <c r="L7633" s="58">
        <f>Bühler!L7659</f>
        <v>0.47134938133411419</v>
      </c>
      <c r="M7633" s="57">
        <f>Bühler!M7659</f>
        <v>0</v>
      </c>
      <c r="N7633" s="55">
        <f>IF(Input!$K$13=1,J7633*Input!$J$13,0)+IF(Input!$K$14=1,K7633*Input!$J$14,0)+IF(Input!$K$15=1,L7633*Input!$J$15,0)+IF(Input!$K$16=1,M7633*Input!$J$16,0)</f>
        <v>2.1114834121126735</v>
      </c>
      <c r="O7633" s="58">
        <f>IF(Input!$K$13=2,J7633*Input!$J$13,0)+IF(Input!$K$14=2,K7633*Input!$J$14,0)+IF(Input!$K$15=2,L7633*Input!$J$15,0)+IF(Input!$K$16=2,M7633*Input!$J$16,0)</f>
        <v>0.12726433296021084</v>
      </c>
      <c r="P7633" s="58">
        <f>IF(Input!$K$13=3,J7633*Input!$J$13,0)+IF(Input!$K$14=3,K7633*Input!$J$14,0)+IF(Input!$K$15=3,L7633*Input!$J$15,0)+IF(Input!$K$16=3,M7633*Input!$J$16,0)</f>
        <v>0</v>
      </c>
      <c r="Q7633" s="71">
        <f>IF(Input!$K$13=4,J7633*Input!$J$13,0)+IF(Input!$K$14=4,K7633*Input!$J$14,0)+IF(Input!$K$15=4,L7633*Input!$J$15,0)+IF(Input!$K$16=4,M7633*Input!$J$16,0)</f>
        <v>0</v>
      </c>
    </row>
    <row r="7634" spans="8:17" x14ac:dyDescent="0.25">
      <c r="H7634" s="43">
        <v>7627</v>
      </c>
      <c r="I7634" s="55">
        <f>Bühler!I7660</f>
        <v>1.0321977512021656</v>
      </c>
      <c r="J7634" s="58">
        <f>Bühler!J7660</f>
        <v>10.650628814173411</v>
      </c>
      <c r="K7634" s="58">
        <f>Bühler!K7660</f>
        <v>0.62218118336103079</v>
      </c>
      <c r="L7634" s="58">
        <f>Bühler!L7660</f>
        <v>0.31109059168051539</v>
      </c>
      <c r="M7634" s="57">
        <f>Bühler!M7660</f>
        <v>0</v>
      </c>
      <c r="N7634" s="55">
        <f>IF(Input!$K$13=1,J7634*Input!$J$13,0)+IF(Input!$K$14=1,K7634*Input!$J$14,0)+IF(Input!$K$15=1,L7634*Input!$J$15,0)+IF(Input!$K$16=1,M7634*Input!$J$16,0)</f>
        <v>1.2780754577008093</v>
      </c>
      <c r="O7634" s="58">
        <f>IF(Input!$K$13=2,J7634*Input!$J$13,0)+IF(Input!$K$14=2,K7634*Input!$J$14,0)+IF(Input!$K$15=2,L7634*Input!$J$15,0)+IF(Input!$K$16=2,M7634*Input!$J$16,0)</f>
        <v>8.3994459753739148E-2</v>
      </c>
      <c r="P7634" s="58">
        <f>IF(Input!$K$13=3,J7634*Input!$J$13,0)+IF(Input!$K$14=3,K7634*Input!$J$14,0)+IF(Input!$K$15=3,L7634*Input!$J$15,0)+IF(Input!$K$16=3,M7634*Input!$J$16,0)</f>
        <v>0</v>
      </c>
      <c r="Q7634" s="71">
        <f>IF(Input!$K$13=4,J7634*Input!$J$13,0)+IF(Input!$K$14=4,K7634*Input!$J$14,0)+IF(Input!$K$15=4,L7634*Input!$J$15,0)+IF(Input!$K$16=4,M7634*Input!$J$16,0)</f>
        <v>0</v>
      </c>
    </row>
    <row r="7635" spans="8:17" x14ac:dyDescent="0.25">
      <c r="H7635" s="43">
        <v>7628</v>
      </c>
      <c r="I7635" s="55">
        <f>Bühler!I7661</f>
        <v>1.0321977512021656</v>
      </c>
      <c r="J7635" s="58">
        <f>Bühler!J7661</f>
        <v>10.650628814173411</v>
      </c>
      <c r="K7635" s="58">
        <f>Bühler!K7661</f>
        <v>0.62218118336103079</v>
      </c>
      <c r="L7635" s="58">
        <f>Bühler!L7661</f>
        <v>0.31109059168051539</v>
      </c>
      <c r="M7635" s="57">
        <f>Bühler!M7661</f>
        <v>0</v>
      </c>
      <c r="N7635" s="55">
        <f>IF(Input!$K$13=1,J7635*Input!$J$13,0)+IF(Input!$K$14=1,K7635*Input!$J$14,0)+IF(Input!$K$15=1,L7635*Input!$J$15,0)+IF(Input!$K$16=1,M7635*Input!$J$16,0)</f>
        <v>1.2780754577008093</v>
      </c>
      <c r="O7635" s="58">
        <f>IF(Input!$K$13=2,J7635*Input!$J$13,0)+IF(Input!$K$14=2,K7635*Input!$J$14,0)+IF(Input!$K$15=2,L7635*Input!$J$15,0)+IF(Input!$K$16=2,M7635*Input!$J$16,0)</f>
        <v>8.3994459753739148E-2</v>
      </c>
      <c r="P7635" s="58">
        <f>IF(Input!$K$13=3,J7635*Input!$J$13,0)+IF(Input!$K$14=3,K7635*Input!$J$14,0)+IF(Input!$K$15=3,L7635*Input!$J$15,0)+IF(Input!$K$16=3,M7635*Input!$J$16,0)</f>
        <v>0</v>
      </c>
      <c r="Q7635" s="71">
        <f>IF(Input!$K$13=4,J7635*Input!$J$13,0)+IF(Input!$K$14=4,K7635*Input!$J$14,0)+IF(Input!$K$15=4,L7635*Input!$J$15,0)+IF(Input!$K$16=4,M7635*Input!$J$16,0)</f>
        <v>0</v>
      </c>
    </row>
    <row r="7636" spans="8:17" x14ac:dyDescent="0.25">
      <c r="H7636" s="43">
        <v>7629</v>
      </c>
      <c r="I7636" s="55">
        <f>Bühler!I7662</f>
        <v>1.0321977512021656</v>
      </c>
      <c r="J7636" s="58">
        <f>Bühler!J7662</f>
        <v>10.650628814173411</v>
      </c>
      <c r="K7636" s="58">
        <f>Bühler!K7662</f>
        <v>0.62218118336103079</v>
      </c>
      <c r="L7636" s="58">
        <f>Bühler!L7662</f>
        <v>0.31109059168051539</v>
      </c>
      <c r="M7636" s="57">
        <f>Bühler!M7662</f>
        <v>0</v>
      </c>
      <c r="N7636" s="55">
        <f>IF(Input!$K$13=1,J7636*Input!$J$13,0)+IF(Input!$K$14=1,K7636*Input!$J$14,0)+IF(Input!$K$15=1,L7636*Input!$J$15,0)+IF(Input!$K$16=1,M7636*Input!$J$16,0)</f>
        <v>1.2780754577008093</v>
      </c>
      <c r="O7636" s="58">
        <f>IF(Input!$K$13=2,J7636*Input!$J$13,0)+IF(Input!$K$14=2,K7636*Input!$J$14,0)+IF(Input!$K$15=2,L7636*Input!$J$15,0)+IF(Input!$K$16=2,M7636*Input!$J$16,0)</f>
        <v>8.3994459753739148E-2</v>
      </c>
      <c r="P7636" s="58">
        <f>IF(Input!$K$13=3,J7636*Input!$J$13,0)+IF(Input!$K$14=3,K7636*Input!$J$14,0)+IF(Input!$K$15=3,L7636*Input!$J$15,0)+IF(Input!$K$16=3,M7636*Input!$J$16,0)</f>
        <v>0</v>
      </c>
      <c r="Q7636" s="71">
        <f>IF(Input!$K$13=4,J7636*Input!$J$13,0)+IF(Input!$K$14=4,K7636*Input!$J$14,0)+IF(Input!$K$15=4,L7636*Input!$J$15,0)+IF(Input!$K$16=4,M7636*Input!$J$16,0)</f>
        <v>0</v>
      </c>
    </row>
    <row r="7637" spans="8:17" x14ac:dyDescent="0.25">
      <c r="H7637" s="43">
        <v>7630</v>
      </c>
      <c r="I7637" s="55">
        <f>Bühler!I7663</f>
        <v>1.0321977512021656</v>
      </c>
      <c r="J7637" s="58">
        <f>Bühler!J7663</f>
        <v>10.650628814173411</v>
      </c>
      <c r="K7637" s="58">
        <f>Bühler!K7663</f>
        <v>0.62218118336103079</v>
      </c>
      <c r="L7637" s="58">
        <f>Bühler!L7663</f>
        <v>0.31109059168051539</v>
      </c>
      <c r="M7637" s="57">
        <f>Bühler!M7663</f>
        <v>0</v>
      </c>
      <c r="N7637" s="55">
        <f>IF(Input!$K$13=1,J7637*Input!$J$13,0)+IF(Input!$K$14=1,K7637*Input!$J$14,0)+IF(Input!$K$15=1,L7637*Input!$J$15,0)+IF(Input!$K$16=1,M7637*Input!$J$16,0)</f>
        <v>1.2780754577008093</v>
      </c>
      <c r="O7637" s="58">
        <f>IF(Input!$K$13=2,J7637*Input!$J$13,0)+IF(Input!$K$14=2,K7637*Input!$J$14,0)+IF(Input!$K$15=2,L7637*Input!$J$15,0)+IF(Input!$K$16=2,M7637*Input!$J$16,0)</f>
        <v>8.3994459753739148E-2</v>
      </c>
      <c r="P7637" s="58">
        <f>IF(Input!$K$13=3,J7637*Input!$J$13,0)+IF(Input!$K$14=3,K7637*Input!$J$14,0)+IF(Input!$K$15=3,L7637*Input!$J$15,0)+IF(Input!$K$16=3,M7637*Input!$J$16,0)</f>
        <v>0</v>
      </c>
      <c r="Q7637" s="71">
        <f>IF(Input!$K$13=4,J7637*Input!$J$13,0)+IF(Input!$K$14=4,K7637*Input!$J$14,0)+IF(Input!$K$15=4,L7637*Input!$J$15,0)+IF(Input!$K$16=4,M7637*Input!$J$16,0)</f>
        <v>0</v>
      </c>
    </row>
    <row r="7638" spans="8:17" x14ac:dyDescent="0.25">
      <c r="H7638" s="43">
        <v>7631</v>
      </c>
      <c r="I7638" s="55">
        <f>Bühler!I7664</f>
        <v>1.0321977512021656</v>
      </c>
      <c r="J7638" s="58">
        <f>Bühler!J7664</f>
        <v>10.650628814173411</v>
      </c>
      <c r="K7638" s="58">
        <f>Bühler!K7664</f>
        <v>0.62218118336103079</v>
      </c>
      <c r="L7638" s="58">
        <f>Bühler!L7664</f>
        <v>0.31109059168051539</v>
      </c>
      <c r="M7638" s="57">
        <f>Bühler!M7664</f>
        <v>0</v>
      </c>
      <c r="N7638" s="55">
        <f>IF(Input!$K$13=1,J7638*Input!$J$13,0)+IF(Input!$K$14=1,K7638*Input!$J$14,0)+IF(Input!$K$15=1,L7638*Input!$J$15,0)+IF(Input!$K$16=1,M7638*Input!$J$16,0)</f>
        <v>1.2780754577008093</v>
      </c>
      <c r="O7638" s="58">
        <f>IF(Input!$K$13=2,J7638*Input!$J$13,0)+IF(Input!$K$14=2,K7638*Input!$J$14,0)+IF(Input!$K$15=2,L7638*Input!$J$15,0)+IF(Input!$K$16=2,M7638*Input!$J$16,0)</f>
        <v>8.3994459753739148E-2</v>
      </c>
      <c r="P7638" s="58">
        <f>IF(Input!$K$13=3,J7638*Input!$J$13,0)+IF(Input!$K$14=3,K7638*Input!$J$14,0)+IF(Input!$K$15=3,L7638*Input!$J$15,0)+IF(Input!$K$16=3,M7638*Input!$J$16,0)</f>
        <v>0</v>
      </c>
      <c r="Q7638" s="71">
        <f>IF(Input!$K$13=4,J7638*Input!$J$13,0)+IF(Input!$K$14=4,K7638*Input!$J$14,0)+IF(Input!$K$15=4,L7638*Input!$J$15,0)+IF(Input!$K$16=4,M7638*Input!$J$16,0)</f>
        <v>0</v>
      </c>
    </row>
    <row r="7639" spans="8:17" x14ac:dyDescent="0.25">
      <c r="H7639" s="43">
        <v>7632</v>
      </c>
      <c r="I7639" s="55">
        <f>Bühler!I7665</f>
        <v>1.0321977512021656</v>
      </c>
      <c r="J7639" s="58">
        <f>Bühler!J7665</f>
        <v>10.650628814173411</v>
      </c>
      <c r="K7639" s="58">
        <f>Bühler!K7665</f>
        <v>0.62218118336103079</v>
      </c>
      <c r="L7639" s="58">
        <f>Bühler!L7665</f>
        <v>0.31109059168051539</v>
      </c>
      <c r="M7639" s="57">
        <f>Bühler!M7665</f>
        <v>0</v>
      </c>
      <c r="N7639" s="55">
        <f>IF(Input!$K$13=1,J7639*Input!$J$13,0)+IF(Input!$K$14=1,K7639*Input!$J$14,0)+IF(Input!$K$15=1,L7639*Input!$J$15,0)+IF(Input!$K$16=1,M7639*Input!$J$16,0)</f>
        <v>1.2780754577008093</v>
      </c>
      <c r="O7639" s="58">
        <f>IF(Input!$K$13=2,J7639*Input!$J$13,0)+IF(Input!$K$14=2,K7639*Input!$J$14,0)+IF(Input!$K$15=2,L7639*Input!$J$15,0)+IF(Input!$K$16=2,M7639*Input!$J$16,0)</f>
        <v>8.3994459753739148E-2</v>
      </c>
      <c r="P7639" s="58">
        <f>IF(Input!$K$13=3,J7639*Input!$J$13,0)+IF(Input!$K$14=3,K7639*Input!$J$14,0)+IF(Input!$K$15=3,L7639*Input!$J$15,0)+IF(Input!$K$16=3,M7639*Input!$J$16,0)</f>
        <v>0</v>
      </c>
      <c r="Q7639" s="71">
        <f>IF(Input!$K$13=4,J7639*Input!$J$13,0)+IF(Input!$K$14=4,K7639*Input!$J$14,0)+IF(Input!$K$15=4,L7639*Input!$J$15,0)+IF(Input!$K$16=4,M7639*Input!$J$16,0)</f>
        <v>0</v>
      </c>
    </row>
    <row r="7640" spans="8:17" x14ac:dyDescent="0.25">
      <c r="H7640" s="43">
        <v>7633</v>
      </c>
      <c r="I7640" s="55">
        <f>Bühler!I7666</f>
        <v>0.85121249985282854</v>
      </c>
      <c r="J7640" s="58">
        <f>Bühler!J7666</f>
        <v>10.182903494129329</v>
      </c>
      <c r="K7640" s="58">
        <f>Bühler!K7666</f>
        <v>0.61471093537397226</v>
      </c>
      <c r="L7640" s="58">
        <f>Bühler!L7666</f>
        <v>0.30735546768698613</v>
      </c>
      <c r="M7640" s="57">
        <f>Bühler!M7666</f>
        <v>0</v>
      </c>
      <c r="N7640" s="55">
        <f>IF(Input!$K$13=1,J7640*Input!$J$13,0)+IF(Input!$K$14=1,K7640*Input!$J$14,0)+IF(Input!$K$15=1,L7640*Input!$J$15,0)+IF(Input!$K$16=1,M7640*Input!$J$16,0)</f>
        <v>1.2219484192955195</v>
      </c>
      <c r="O7640" s="58">
        <f>IF(Input!$K$13=2,J7640*Input!$J$13,0)+IF(Input!$K$14=2,K7640*Input!$J$14,0)+IF(Input!$K$15=2,L7640*Input!$J$15,0)+IF(Input!$K$16=2,M7640*Input!$J$16,0)</f>
        <v>8.2985976275486262E-2</v>
      </c>
      <c r="P7640" s="58">
        <f>IF(Input!$K$13=3,J7640*Input!$J$13,0)+IF(Input!$K$14=3,K7640*Input!$J$14,0)+IF(Input!$K$15=3,L7640*Input!$J$15,0)+IF(Input!$K$16=3,M7640*Input!$J$16,0)</f>
        <v>0</v>
      </c>
      <c r="Q7640" s="71">
        <f>IF(Input!$K$13=4,J7640*Input!$J$13,0)+IF(Input!$K$14=4,K7640*Input!$J$14,0)+IF(Input!$K$15=4,L7640*Input!$J$15,0)+IF(Input!$K$16=4,M7640*Input!$J$16,0)</f>
        <v>0</v>
      </c>
    </row>
    <row r="7641" spans="8:17" x14ac:dyDescent="0.25">
      <c r="H7641" s="43">
        <v>7634</v>
      </c>
      <c r="I7641" s="55">
        <f>Bühler!I7667</f>
        <v>0.85121249985282854</v>
      </c>
      <c r="J7641" s="58">
        <f>Bühler!J7667</f>
        <v>10.182903494129329</v>
      </c>
      <c r="K7641" s="58">
        <f>Bühler!K7667</f>
        <v>0.61471093537397226</v>
      </c>
      <c r="L7641" s="58">
        <f>Bühler!L7667</f>
        <v>0.30735546768698613</v>
      </c>
      <c r="M7641" s="57">
        <f>Bühler!M7667</f>
        <v>0</v>
      </c>
      <c r="N7641" s="55">
        <f>IF(Input!$K$13=1,J7641*Input!$J$13,0)+IF(Input!$K$14=1,K7641*Input!$J$14,0)+IF(Input!$K$15=1,L7641*Input!$J$15,0)+IF(Input!$K$16=1,M7641*Input!$J$16,0)</f>
        <v>1.2219484192955195</v>
      </c>
      <c r="O7641" s="58">
        <f>IF(Input!$K$13=2,J7641*Input!$J$13,0)+IF(Input!$K$14=2,K7641*Input!$J$14,0)+IF(Input!$K$15=2,L7641*Input!$J$15,0)+IF(Input!$K$16=2,M7641*Input!$J$16,0)</f>
        <v>8.2985976275486262E-2</v>
      </c>
      <c r="P7641" s="58">
        <f>IF(Input!$K$13=3,J7641*Input!$J$13,0)+IF(Input!$K$14=3,K7641*Input!$J$14,0)+IF(Input!$K$15=3,L7641*Input!$J$15,0)+IF(Input!$K$16=3,M7641*Input!$J$16,0)</f>
        <v>0</v>
      </c>
      <c r="Q7641" s="71">
        <f>IF(Input!$K$13=4,J7641*Input!$J$13,0)+IF(Input!$K$14=4,K7641*Input!$J$14,0)+IF(Input!$K$15=4,L7641*Input!$J$15,0)+IF(Input!$K$16=4,M7641*Input!$J$16,0)</f>
        <v>0</v>
      </c>
    </row>
    <row r="7642" spans="8:17" x14ac:dyDescent="0.25">
      <c r="H7642" s="43">
        <v>7635</v>
      </c>
      <c r="I7642" s="55">
        <f>Bühler!I7668</f>
        <v>0.85121249985282854</v>
      </c>
      <c r="J7642" s="58">
        <f>Bühler!J7668</f>
        <v>10.182903494129329</v>
      </c>
      <c r="K7642" s="58">
        <f>Bühler!K7668</f>
        <v>0.61471093537397226</v>
      </c>
      <c r="L7642" s="58">
        <f>Bühler!L7668</f>
        <v>0.30735546768698613</v>
      </c>
      <c r="M7642" s="57">
        <f>Bühler!M7668</f>
        <v>0</v>
      </c>
      <c r="N7642" s="55">
        <f>IF(Input!$K$13=1,J7642*Input!$J$13,0)+IF(Input!$K$14=1,K7642*Input!$J$14,0)+IF(Input!$K$15=1,L7642*Input!$J$15,0)+IF(Input!$K$16=1,M7642*Input!$J$16,0)</f>
        <v>1.2219484192955195</v>
      </c>
      <c r="O7642" s="58">
        <f>IF(Input!$K$13=2,J7642*Input!$J$13,0)+IF(Input!$K$14=2,K7642*Input!$J$14,0)+IF(Input!$K$15=2,L7642*Input!$J$15,0)+IF(Input!$K$16=2,M7642*Input!$J$16,0)</f>
        <v>8.2985976275486262E-2</v>
      </c>
      <c r="P7642" s="58">
        <f>IF(Input!$K$13=3,J7642*Input!$J$13,0)+IF(Input!$K$14=3,K7642*Input!$J$14,0)+IF(Input!$K$15=3,L7642*Input!$J$15,0)+IF(Input!$K$16=3,M7642*Input!$J$16,0)</f>
        <v>0</v>
      </c>
      <c r="Q7642" s="71">
        <f>IF(Input!$K$13=4,J7642*Input!$J$13,0)+IF(Input!$K$14=4,K7642*Input!$J$14,0)+IF(Input!$K$15=4,L7642*Input!$J$15,0)+IF(Input!$K$16=4,M7642*Input!$J$16,0)</f>
        <v>0</v>
      </c>
    </row>
    <row r="7643" spans="8:17" x14ac:dyDescent="0.25">
      <c r="H7643" s="43">
        <v>7636</v>
      </c>
      <c r="I7643" s="55">
        <f>Bühler!I7669</f>
        <v>0.85121249985282854</v>
      </c>
      <c r="J7643" s="58">
        <f>Bühler!J7669</f>
        <v>10.182903494129329</v>
      </c>
      <c r="K7643" s="58">
        <f>Bühler!K7669</f>
        <v>0.61471093537397226</v>
      </c>
      <c r="L7643" s="58">
        <f>Bühler!L7669</f>
        <v>0.30735546768698613</v>
      </c>
      <c r="M7643" s="57">
        <f>Bühler!M7669</f>
        <v>0</v>
      </c>
      <c r="N7643" s="55">
        <f>IF(Input!$K$13=1,J7643*Input!$J$13,0)+IF(Input!$K$14=1,K7643*Input!$J$14,0)+IF(Input!$K$15=1,L7643*Input!$J$15,0)+IF(Input!$K$16=1,M7643*Input!$J$16,0)</f>
        <v>1.2219484192955195</v>
      </c>
      <c r="O7643" s="58">
        <f>IF(Input!$K$13=2,J7643*Input!$J$13,0)+IF(Input!$K$14=2,K7643*Input!$J$14,0)+IF(Input!$K$15=2,L7643*Input!$J$15,0)+IF(Input!$K$16=2,M7643*Input!$J$16,0)</f>
        <v>8.2985976275486262E-2</v>
      </c>
      <c r="P7643" s="58">
        <f>IF(Input!$K$13=3,J7643*Input!$J$13,0)+IF(Input!$K$14=3,K7643*Input!$J$14,0)+IF(Input!$K$15=3,L7643*Input!$J$15,0)+IF(Input!$K$16=3,M7643*Input!$J$16,0)</f>
        <v>0</v>
      </c>
      <c r="Q7643" s="71">
        <f>IF(Input!$K$13=4,J7643*Input!$J$13,0)+IF(Input!$K$14=4,K7643*Input!$J$14,0)+IF(Input!$K$15=4,L7643*Input!$J$15,0)+IF(Input!$K$16=4,M7643*Input!$J$16,0)</f>
        <v>0</v>
      </c>
    </row>
    <row r="7644" spans="8:17" x14ac:dyDescent="0.25">
      <c r="H7644" s="43">
        <v>7637</v>
      </c>
      <c r="I7644" s="55">
        <f>Bühler!I7670</f>
        <v>0.85121249985282854</v>
      </c>
      <c r="J7644" s="58">
        <f>Bühler!J7670</f>
        <v>10.182903494129329</v>
      </c>
      <c r="K7644" s="58">
        <f>Bühler!K7670</f>
        <v>0.61471093537397226</v>
      </c>
      <c r="L7644" s="58">
        <f>Bühler!L7670</f>
        <v>0.30735546768698613</v>
      </c>
      <c r="M7644" s="57">
        <f>Bühler!M7670</f>
        <v>0</v>
      </c>
      <c r="N7644" s="55">
        <f>IF(Input!$K$13=1,J7644*Input!$J$13,0)+IF(Input!$K$14=1,K7644*Input!$J$14,0)+IF(Input!$K$15=1,L7644*Input!$J$15,0)+IF(Input!$K$16=1,M7644*Input!$J$16,0)</f>
        <v>1.2219484192955195</v>
      </c>
      <c r="O7644" s="58">
        <f>IF(Input!$K$13=2,J7644*Input!$J$13,0)+IF(Input!$K$14=2,K7644*Input!$J$14,0)+IF(Input!$K$15=2,L7644*Input!$J$15,0)+IF(Input!$K$16=2,M7644*Input!$J$16,0)</f>
        <v>8.2985976275486262E-2</v>
      </c>
      <c r="P7644" s="58">
        <f>IF(Input!$K$13=3,J7644*Input!$J$13,0)+IF(Input!$K$14=3,K7644*Input!$J$14,0)+IF(Input!$K$15=3,L7644*Input!$J$15,0)+IF(Input!$K$16=3,M7644*Input!$J$16,0)</f>
        <v>0</v>
      </c>
      <c r="Q7644" s="71">
        <f>IF(Input!$K$13=4,J7644*Input!$J$13,0)+IF(Input!$K$14=4,K7644*Input!$J$14,0)+IF(Input!$K$15=4,L7644*Input!$J$15,0)+IF(Input!$K$16=4,M7644*Input!$J$16,0)</f>
        <v>0</v>
      </c>
    </row>
    <row r="7645" spans="8:17" x14ac:dyDescent="0.25">
      <c r="H7645" s="43">
        <v>7638</v>
      </c>
      <c r="I7645" s="55">
        <f>Bühler!I7671</f>
        <v>0.85121249985282854</v>
      </c>
      <c r="J7645" s="58">
        <f>Bühler!J7671</f>
        <v>10.182903494129329</v>
      </c>
      <c r="K7645" s="58">
        <f>Bühler!K7671</f>
        <v>0.61471093537397226</v>
      </c>
      <c r="L7645" s="58">
        <f>Bühler!L7671</f>
        <v>0.30735546768698613</v>
      </c>
      <c r="M7645" s="57">
        <f>Bühler!M7671</f>
        <v>0</v>
      </c>
      <c r="N7645" s="55">
        <f>IF(Input!$K$13=1,J7645*Input!$J$13,0)+IF(Input!$K$14=1,K7645*Input!$J$14,0)+IF(Input!$K$15=1,L7645*Input!$J$15,0)+IF(Input!$K$16=1,M7645*Input!$J$16,0)</f>
        <v>1.2219484192955195</v>
      </c>
      <c r="O7645" s="58">
        <f>IF(Input!$K$13=2,J7645*Input!$J$13,0)+IF(Input!$K$14=2,K7645*Input!$J$14,0)+IF(Input!$K$15=2,L7645*Input!$J$15,0)+IF(Input!$K$16=2,M7645*Input!$J$16,0)</f>
        <v>8.2985976275486262E-2</v>
      </c>
      <c r="P7645" s="58">
        <f>IF(Input!$K$13=3,J7645*Input!$J$13,0)+IF(Input!$K$14=3,K7645*Input!$J$14,0)+IF(Input!$K$15=3,L7645*Input!$J$15,0)+IF(Input!$K$16=3,M7645*Input!$J$16,0)</f>
        <v>0</v>
      </c>
      <c r="Q7645" s="71">
        <f>IF(Input!$K$13=4,J7645*Input!$J$13,0)+IF(Input!$K$14=4,K7645*Input!$J$14,0)+IF(Input!$K$15=4,L7645*Input!$J$15,0)+IF(Input!$K$16=4,M7645*Input!$J$16,0)</f>
        <v>0</v>
      </c>
    </row>
    <row r="7646" spans="8:17" x14ac:dyDescent="0.25">
      <c r="H7646" s="43">
        <v>7639</v>
      </c>
      <c r="I7646" s="55">
        <f>Bühler!I7672</f>
        <v>0.85121249985282854</v>
      </c>
      <c r="J7646" s="58">
        <f>Bühler!J7672</f>
        <v>10.182903494129329</v>
      </c>
      <c r="K7646" s="58">
        <f>Bühler!K7672</f>
        <v>0.61471093537397226</v>
      </c>
      <c r="L7646" s="58">
        <f>Bühler!L7672</f>
        <v>0.30735546768698613</v>
      </c>
      <c r="M7646" s="57">
        <f>Bühler!M7672</f>
        <v>0</v>
      </c>
      <c r="N7646" s="55">
        <f>IF(Input!$K$13=1,J7646*Input!$J$13,0)+IF(Input!$K$14=1,K7646*Input!$J$14,0)+IF(Input!$K$15=1,L7646*Input!$J$15,0)+IF(Input!$K$16=1,M7646*Input!$J$16,0)</f>
        <v>1.2219484192955195</v>
      </c>
      <c r="O7646" s="58">
        <f>IF(Input!$K$13=2,J7646*Input!$J$13,0)+IF(Input!$K$14=2,K7646*Input!$J$14,0)+IF(Input!$K$15=2,L7646*Input!$J$15,0)+IF(Input!$K$16=2,M7646*Input!$J$16,0)</f>
        <v>8.2985976275486262E-2</v>
      </c>
      <c r="P7646" s="58">
        <f>IF(Input!$K$13=3,J7646*Input!$J$13,0)+IF(Input!$K$14=3,K7646*Input!$J$14,0)+IF(Input!$K$15=3,L7646*Input!$J$15,0)+IF(Input!$K$16=3,M7646*Input!$J$16,0)</f>
        <v>0</v>
      </c>
      <c r="Q7646" s="71">
        <f>IF(Input!$K$13=4,J7646*Input!$J$13,0)+IF(Input!$K$14=4,K7646*Input!$J$14,0)+IF(Input!$K$15=4,L7646*Input!$J$15,0)+IF(Input!$K$16=4,M7646*Input!$J$16,0)</f>
        <v>0</v>
      </c>
    </row>
    <row r="7647" spans="8:17" x14ac:dyDescent="0.25">
      <c r="H7647" s="43">
        <v>7640</v>
      </c>
      <c r="I7647" s="55">
        <f>Bühler!I7673</f>
        <v>2.3450904370945427</v>
      </c>
      <c r="J7647" s="58">
        <f>Bühler!J7673</f>
        <v>40.397365183884361</v>
      </c>
      <c r="K7647" s="58">
        <f>Bühler!K7673</f>
        <v>2.5128637933923899</v>
      </c>
      <c r="L7647" s="58">
        <f>Bühler!L7673</f>
        <v>1.2564318966961949</v>
      </c>
      <c r="M7647" s="57">
        <f>Bühler!M7673</f>
        <v>0</v>
      </c>
      <c r="N7647" s="55">
        <f>IF(Input!$K$13=1,J7647*Input!$J$13,0)+IF(Input!$K$14=1,K7647*Input!$J$14,0)+IF(Input!$K$15=1,L7647*Input!$J$15,0)+IF(Input!$K$16=1,M7647*Input!$J$16,0)</f>
        <v>4.8476838220661227</v>
      </c>
      <c r="O7647" s="58">
        <f>IF(Input!$K$13=2,J7647*Input!$J$13,0)+IF(Input!$K$14=2,K7647*Input!$J$14,0)+IF(Input!$K$15=2,L7647*Input!$J$15,0)+IF(Input!$K$16=2,M7647*Input!$J$16,0)</f>
        <v>0.33923661210797262</v>
      </c>
      <c r="P7647" s="58">
        <f>IF(Input!$K$13=3,J7647*Input!$J$13,0)+IF(Input!$K$14=3,K7647*Input!$J$14,0)+IF(Input!$K$15=3,L7647*Input!$J$15,0)+IF(Input!$K$16=3,M7647*Input!$J$16,0)</f>
        <v>0</v>
      </c>
      <c r="Q7647" s="71">
        <f>IF(Input!$K$13=4,J7647*Input!$J$13,0)+IF(Input!$K$14=4,K7647*Input!$J$14,0)+IF(Input!$K$15=4,L7647*Input!$J$15,0)+IF(Input!$K$16=4,M7647*Input!$J$16,0)</f>
        <v>0</v>
      </c>
    </row>
    <row r="7648" spans="8:17" x14ac:dyDescent="0.25">
      <c r="H7648" s="43">
        <v>7641</v>
      </c>
      <c r="I7648" s="55">
        <f>Bühler!I7674</f>
        <v>2.616627224547595</v>
      </c>
      <c r="J7648" s="58">
        <f>Bühler!J7674</f>
        <v>45.074954836755197</v>
      </c>
      <c r="K7648" s="58">
        <f>Bühler!K7674</f>
        <v>2.8038269694694034</v>
      </c>
      <c r="L7648" s="58">
        <f>Bühler!L7674</f>
        <v>1.4019134847347017</v>
      </c>
      <c r="M7648" s="57">
        <f>Bühler!M7674</f>
        <v>0</v>
      </c>
      <c r="N7648" s="55">
        <f>IF(Input!$K$13=1,J7648*Input!$J$13,0)+IF(Input!$K$14=1,K7648*Input!$J$14,0)+IF(Input!$K$15=1,L7648*Input!$J$15,0)+IF(Input!$K$16=1,M7648*Input!$J$16,0)</f>
        <v>5.4089945804106234</v>
      </c>
      <c r="O7648" s="58">
        <f>IF(Input!$K$13=2,J7648*Input!$J$13,0)+IF(Input!$K$14=2,K7648*Input!$J$14,0)+IF(Input!$K$15=2,L7648*Input!$J$15,0)+IF(Input!$K$16=2,M7648*Input!$J$16,0)</f>
        <v>0.37851664087836945</v>
      </c>
      <c r="P7648" s="58">
        <f>IF(Input!$K$13=3,J7648*Input!$J$13,0)+IF(Input!$K$14=3,K7648*Input!$J$14,0)+IF(Input!$K$15=3,L7648*Input!$J$15,0)+IF(Input!$K$16=3,M7648*Input!$J$16,0)</f>
        <v>0</v>
      </c>
      <c r="Q7648" s="71">
        <f>IF(Input!$K$13=4,J7648*Input!$J$13,0)+IF(Input!$K$14=4,K7648*Input!$J$14,0)+IF(Input!$K$15=4,L7648*Input!$J$15,0)+IF(Input!$K$16=4,M7648*Input!$J$16,0)</f>
        <v>0</v>
      </c>
    </row>
    <row r="7649" spans="8:17" x14ac:dyDescent="0.25">
      <c r="H7649" s="43">
        <v>7642</v>
      </c>
      <c r="I7649" s="55">
        <f>Bühler!I7675</f>
        <v>2.8881640120006469</v>
      </c>
      <c r="J7649" s="58">
        <f>Bühler!J7675</f>
        <v>49.752544489626018</v>
      </c>
      <c r="K7649" s="58">
        <f>Bühler!K7675</f>
        <v>3.0947901455464173</v>
      </c>
      <c r="L7649" s="58">
        <f>Bühler!L7675</f>
        <v>1.5473950727732086</v>
      </c>
      <c r="M7649" s="57">
        <f>Bühler!M7675</f>
        <v>0</v>
      </c>
      <c r="N7649" s="55">
        <f>IF(Input!$K$13=1,J7649*Input!$J$13,0)+IF(Input!$K$14=1,K7649*Input!$J$14,0)+IF(Input!$K$15=1,L7649*Input!$J$15,0)+IF(Input!$K$16=1,M7649*Input!$J$16,0)</f>
        <v>5.9703053387551224</v>
      </c>
      <c r="O7649" s="58">
        <f>IF(Input!$K$13=2,J7649*Input!$J$13,0)+IF(Input!$K$14=2,K7649*Input!$J$14,0)+IF(Input!$K$15=2,L7649*Input!$J$15,0)+IF(Input!$K$16=2,M7649*Input!$J$16,0)</f>
        <v>0.41779666964876627</v>
      </c>
      <c r="P7649" s="58">
        <f>IF(Input!$K$13=3,J7649*Input!$J$13,0)+IF(Input!$K$14=3,K7649*Input!$J$14,0)+IF(Input!$K$15=3,L7649*Input!$J$15,0)+IF(Input!$K$16=3,M7649*Input!$J$16,0)</f>
        <v>0</v>
      </c>
      <c r="Q7649" s="71">
        <f>IF(Input!$K$13=4,J7649*Input!$J$13,0)+IF(Input!$K$14=4,K7649*Input!$J$14,0)+IF(Input!$K$15=4,L7649*Input!$J$15,0)+IF(Input!$K$16=4,M7649*Input!$J$16,0)</f>
        <v>0</v>
      </c>
    </row>
    <row r="7650" spans="8:17" x14ac:dyDescent="0.25">
      <c r="H7650" s="43">
        <v>7643</v>
      </c>
      <c r="I7650" s="55">
        <f>Bühler!I7676</f>
        <v>2.8881640120006469</v>
      </c>
      <c r="J7650" s="58">
        <f>Bühler!J7676</f>
        <v>49.752544489626018</v>
      </c>
      <c r="K7650" s="58">
        <f>Bühler!K7676</f>
        <v>3.0947901455464173</v>
      </c>
      <c r="L7650" s="58">
        <f>Bühler!L7676</f>
        <v>1.5473950727732086</v>
      </c>
      <c r="M7650" s="57">
        <f>Bühler!M7676</f>
        <v>0</v>
      </c>
      <c r="N7650" s="55">
        <f>IF(Input!$K$13=1,J7650*Input!$J$13,0)+IF(Input!$K$14=1,K7650*Input!$J$14,0)+IF(Input!$K$15=1,L7650*Input!$J$15,0)+IF(Input!$K$16=1,M7650*Input!$J$16,0)</f>
        <v>5.9703053387551224</v>
      </c>
      <c r="O7650" s="58">
        <f>IF(Input!$K$13=2,J7650*Input!$J$13,0)+IF(Input!$K$14=2,K7650*Input!$J$14,0)+IF(Input!$K$15=2,L7650*Input!$J$15,0)+IF(Input!$K$16=2,M7650*Input!$J$16,0)</f>
        <v>0.41779666964876627</v>
      </c>
      <c r="P7650" s="58">
        <f>IF(Input!$K$13=3,J7650*Input!$J$13,0)+IF(Input!$K$14=3,K7650*Input!$J$14,0)+IF(Input!$K$15=3,L7650*Input!$J$15,0)+IF(Input!$K$16=3,M7650*Input!$J$16,0)</f>
        <v>0</v>
      </c>
      <c r="Q7650" s="71">
        <f>IF(Input!$K$13=4,J7650*Input!$J$13,0)+IF(Input!$K$14=4,K7650*Input!$J$14,0)+IF(Input!$K$15=4,L7650*Input!$J$15,0)+IF(Input!$K$16=4,M7650*Input!$J$16,0)</f>
        <v>0</v>
      </c>
    </row>
    <row r="7651" spans="8:17" x14ac:dyDescent="0.25">
      <c r="H7651" s="43">
        <v>7644</v>
      </c>
      <c r="I7651" s="55">
        <f>Bühler!I7677</f>
        <v>3.4559227494024833</v>
      </c>
      <c r="J7651" s="58">
        <f>Bühler!J7677</f>
        <v>59.532959218355906</v>
      </c>
      <c r="K7651" s="58">
        <f>Bühler!K7677</f>
        <v>3.703167695525627</v>
      </c>
      <c r="L7651" s="58">
        <f>Bühler!L7677</f>
        <v>1.8515838477628135</v>
      </c>
      <c r="M7651" s="57">
        <f>Bühler!M7677</f>
        <v>0</v>
      </c>
      <c r="N7651" s="55">
        <f>IF(Input!$K$13=1,J7651*Input!$J$13,0)+IF(Input!$K$14=1,K7651*Input!$J$14,0)+IF(Input!$K$15=1,L7651*Input!$J$15,0)+IF(Input!$K$16=1,M7651*Input!$J$16,0)</f>
        <v>7.143955106202708</v>
      </c>
      <c r="O7651" s="58">
        <f>IF(Input!$K$13=2,J7651*Input!$J$13,0)+IF(Input!$K$14=2,K7651*Input!$J$14,0)+IF(Input!$K$15=2,L7651*Input!$J$15,0)+IF(Input!$K$16=2,M7651*Input!$J$16,0)</f>
        <v>0.49992763889595959</v>
      </c>
      <c r="P7651" s="58">
        <f>IF(Input!$K$13=3,J7651*Input!$J$13,0)+IF(Input!$K$14=3,K7651*Input!$J$14,0)+IF(Input!$K$15=3,L7651*Input!$J$15,0)+IF(Input!$K$16=3,M7651*Input!$J$16,0)</f>
        <v>0</v>
      </c>
      <c r="Q7651" s="71">
        <f>IF(Input!$K$13=4,J7651*Input!$J$13,0)+IF(Input!$K$14=4,K7651*Input!$J$14,0)+IF(Input!$K$15=4,L7651*Input!$J$15,0)+IF(Input!$K$16=4,M7651*Input!$J$16,0)</f>
        <v>0</v>
      </c>
    </row>
    <row r="7652" spans="8:17" x14ac:dyDescent="0.25">
      <c r="H7652" s="43">
        <v>7645</v>
      </c>
      <c r="I7652" s="55">
        <f>Bühler!I7678</f>
        <v>3.4559227494024833</v>
      </c>
      <c r="J7652" s="58">
        <f>Bühler!J7678</f>
        <v>59.532959218355906</v>
      </c>
      <c r="K7652" s="58">
        <f>Bühler!K7678</f>
        <v>3.703167695525627</v>
      </c>
      <c r="L7652" s="58">
        <f>Bühler!L7678</f>
        <v>1.8515838477628135</v>
      </c>
      <c r="M7652" s="57">
        <f>Bühler!M7678</f>
        <v>0</v>
      </c>
      <c r="N7652" s="55">
        <f>IF(Input!$K$13=1,J7652*Input!$J$13,0)+IF(Input!$K$14=1,K7652*Input!$J$14,0)+IF(Input!$K$15=1,L7652*Input!$J$15,0)+IF(Input!$K$16=1,M7652*Input!$J$16,0)</f>
        <v>7.143955106202708</v>
      </c>
      <c r="O7652" s="58">
        <f>IF(Input!$K$13=2,J7652*Input!$J$13,0)+IF(Input!$K$14=2,K7652*Input!$J$14,0)+IF(Input!$K$15=2,L7652*Input!$J$15,0)+IF(Input!$K$16=2,M7652*Input!$J$16,0)</f>
        <v>0.49992763889595959</v>
      </c>
      <c r="P7652" s="58">
        <f>IF(Input!$K$13=3,J7652*Input!$J$13,0)+IF(Input!$K$14=3,K7652*Input!$J$14,0)+IF(Input!$K$15=3,L7652*Input!$J$15,0)+IF(Input!$K$16=3,M7652*Input!$J$16,0)</f>
        <v>0</v>
      </c>
      <c r="Q7652" s="71">
        <f>IF(Input!$K$13=4,J7652*Input!$J$13,0)+IF(Input!$K$14=4,K7652*Input!$J$14,0)+IF(Input!$K$15=4,L7652*Input!$J$15,0)+IF(Input!$K$16=4,M7652*Input!$J$16,0)</f>
        <v>0</v>
      </c>
    </row>
    <row r="7653" spans="8:17" x14ac:dyDescent="0.25">
      <c r="H7653" s="43">
        <v>7646</v>
      </c>
      <c r="I7653" s="55">
        <f>Bühler!I7679</f>
        <v>2.2957201121030781</v>
      </c>
      <c r="J7653" s="58">
        <f>Bühler!J7679</f>
        <v>39.546894337907851</v>
      </c>
      <c r="K7653" s="58">
        <f>Bühler!K7679</f>
        <v>2.459961397742024</v>
      </c>
      <c r="L7653" s="58">
        <f>Bühler!L7679</f>
        <v>1.229980698871012</v>
      </c>
      <c r="M7653" s="57">
        <f>Bühler!M7679</f>
        <v>0</v>
      </c>
      <c r="N7653" s="55">
        <f>IF(Input!$K$13=1,J7653*Input!$J$13,0)+IF(Input!$K$14=1,K7653*Input!$J$14,0)+IF(Input!$K$15=1,L7653*Input!$J$15,0)+IF(Input!$K$16=1,M7653*Input!$J$16,0)</f>
        <v>4.7456273205489419</v>
      </c>
      <c r="O7653" s="58">
        <f>IF(Input!$K$13=2,J7653*Input!$J$13,0)+IF(Input!$K$14=2,K7653*Input!$J$14,0)+IF(Input!$K$15=2,L7653*Input!$J$15,0)+IF(Input!$K$16=2,M7653*Input!$J$16,0)</f>
        <v>0.33209478869517323</v>
      </c>
      <c r="P7653" s="58">
        <f>IF(Input!$K$13=3,J7653*Input!$J$13,0)+IF(Input!$K$14=3,K7653*Input!$J$14,0)+IF(Input!$K$15=3,L7653*Input!$J$15,0)+IF(Input!$K$16=3,M7653*Input!$J$16,0)</f>
        <v>0</v>
      </c>
      <c r="Q7653" s="71">
        <f>IF(Input!$K$13=4,J7653*Input!$J$13,0)+IF(Input!$K$14=4,K7653*Input!$J$14,0)+IF(Input!$K$15=4,L7653*Input!$J$15,0)+IF(Input!$K$16=4,M7653*Input!$J$16,0)</f>
        <v>0</v>
      </c>
    </row>
    <row r="7654" spans="8:17" x14ac:dyDescent="0.25">
      <c r="H7654" s="43">
        <v>7647</v>
      </c>
      <c r="I7654" s="55">
        <f>Bühler!I7680</f>
        <v>3.4559227494024833</v>
      </c>
      <c r="J7654" s="58">
        <f>Bühler!J7680</f>
        <v>59.532959218355906</v>
      </c>
      <c r="K7654" s="58">
        <f>Bühler!K7680</f>
        <v>3.703167695525627</v>
      </c>
      <c r="L7654" s="58">
        <f>Bühler!L7680</f>
        <v>1.8515838477628135</v>
      </c>
      <c r="M7654" s="57">
        <f>Bühler!M7680</f>
        <v>0</v>
      </c>
      <c r="N7654" s="55">
        <f>IF(Input!$K$13=1,J7654*Input!$J$13,0)+IF(Input!$K$14=1,K7654*Input!$J$14,0)+IF(Input!$K$15=1,L7654*Input!$J$15,0)+IF(Input!$K$16=1,M7654*Input!$J$16,0)</f>
        <v>7.143955106202708</v>
      </c>
      <c r="O7654" s="58">
        <f>IF(Input!$K$13=2,J7654*Input!$J$13,0)+IF(Input!$K$14=2,K7654*Input!$J$14,0)+IF(Input!$K$15=2,L7654*Input!$J$15,0)+IF(Input!$K$16=2,M7654*Input!$J$16,0)</f>
        <v>0.49992763889595959</v>
      </c>
      <c r="P7654" s="58">
        <f>IF(Input!$K$13=3,J7654*Input!$J$13,0)+IF(Input!$K$14=3,K7654*Input!$J$14,0)+IF(Input!$K$15=3,L7654*Input!$J$15,0)+IF(Input!$K$16=3,M7654*Input!$J$16,0)</f>
        <v>0</v>
      </c>
      <c r="Q7654" s="71">
        <f>IF(Input!$K$13=4,J7654*Input!$J$13,0)+IF(Input!$K$14=4,K7654*Input!$J$14,0)+IF(Input!$K$15=4,L7654*Input!$J$15,0)+IF(Input!$K$16=4,M7654*Input!$J$16,0)</f>
        <v>0</v>
      </c>
    </row>
    <row r="7655" spans="8:17" x14ac:dyDescent="0.25">
      <c r="H7655" s="43">
        <v>7648</v>
      </c>
      <c r="I7655" s="55">
        <f>Bühler!I7681</f>
        <v>3.4559227494024833</v>
      </c>
      <c r="J7655" s="58">
        <f>Bühler!J7681</f>
        <v>59.532959218355906</v>
      </c>
      <c r="K7655" s="58">
        <f>Bühler!K7681</f>
        <v>3.703167695525627</v>
      </c>
      <c r="L7655" s="58">
        <f>Bühler!L7681</f>
        <v>1.8515838477628135</v>
      </c>
      <c r="M7655" s="57">
        <f>Bühler!M7681</f>
        <v>0</v>
      </c>
      <c r="N7655" s="55">
        <f>IF(Input!$K$13=1,J7655*Input!$J$13,0)+IF(Input!$K$14=1,K7655*Input!$J$14,0)+IF(Input!$K$15=1,L7655*Input!$J$15,0)+IF(Input!$K$16=1,M7655*Input!$J$16,0)</f>
        <v>7.143955106202708</v>
      </c>
      <c r="O7655" s="58">
        <f>IF(Input!$K$13=2,J7655*Input!$J$13,0)+IF(Input!$K$14=2,K7655*Input!$J$14,0)+IF(Input!$K$15=2,L7655*Input!$J$15,0)+IF(Input!$K$16=2,M7655*Input!$J$16,0)</f>
        <v>0.49992763889595959</v>
      </c>
      <c r="P7655" s="58">
        <f>IF(Input!$K$13=3,J7655*Input!$J$13,0)+IF(Input!$K$14=3,K7655*Input!$J$14,0)+IF(Input!$K$15=3,L7655*Input!$J$15,0)+IF(Input!$K$16=3,M7655*Input!$J$16,0)</f>
        <v>0</v>
      </c>
      <c r="Q7655" s="71">
        <f>IF(Input!$K$13=4,J7655*Input!$J$13,0)+IF(Input!$K$14=4,K7655*Input!$J$14,0)+IF(Input!$K$15=4,L7655*Input!$J$15,0)+IF(Input!$K$16=4,M7655*Input!$J$16,0)</f>
        <v>0</v>
      </c>
    </row>
    <row r="7656" spans="8:17" x14ac:dyDescent="0.25">
      <c r="H7656" s="43">
        <v>7649</v>
      </c>
      <c r="I7656" s="55">
        <f>Bühler!I7682</f>
        <v>2.8877384057507212</v>
      </c>
      <c r="J7656" s="58">
        <f>Bühler!J7682</f>
        <v>36.004069271371726</v>
      </c>
      <c r="K7656" s="58">
        <f>Bühler!K7682</f>
        <v>2.1822238205776014</v>
      </c>
      <c r="L7656" s="58">
        <f>Bühler!L7682</f>
        <v>1.0911119102888007</v>
      </c>
      <c r="M7656" s="57">
        <f>Bühler!M7682</f>
        <v>0</v>
      </c>
      <c r="N7656" s="55">
        <f>IF(Input!$K$13=1,J7656*Input!$J$13,0)+IF(Input!$K$14=1,K7656*Input!$J$14,0)+IF(Input!$K$15=1,L7656*Input!$J$15,0)+IF(Input!$K$16=1,M7656*Input!$J$16,0)</f>
        <v>4.3204883125646072</v>
      </c>
      <c r="O7656" s="58">
        <f>IF(Input!$K$13=2,J7656*Input!$J$13,0)+IF(Input!$K$14=2,K7656*Input!$J$14,0)+IF(Input!$K$15=2,L7656*Input!$J$15,0)+IF(Input!$K$16=2,M7656*Input!$J$16,0)</f>
        <v>0.29460021577797618</v>
      </c>
      <c r="P7656" s="58">
        <f>IF(Input!$K$13=3,J7656*Input!$J$13,0)+IF(Input!$K$14=3,K7656*Input!$J$14,0)+IF(Input!$K$15=3,L7656*Input!$J$15,0)+IF(Input!$K$16=3,M7656*Input!$J$16,0)</f>
        <v>0</v>
      </c>
      <c r="Q7656" s="71">
        <f>IF(Input!$K$13=4,J7656*Input!$J$13,0)+IF(Input!$K$14=4,K7656*Input!$J$14,0)+IF(Input!$K$15=4,L7656*Input!$J$15,0)+IF(Input!$K$16=4,M7656*Input!$J$16,0)</f>
        <v>0</v>
      </c>
    </row>
    <row r="7657" spans="8:17" x14ac:dyDescent="0.25">
      <c r="H7657" s="43">
        <v>7650</v>
      </c>
      <c r="I7657" s="55">
        <f>Bühler!I7683</f>
        <v>2.2961457183530047</v>
      </c>
      <c r="J7657" s="58">
        <f>Bühler!J7683</f>
        <v>16.518940618047218</v>
      </c>
      <c r="K7657" s="58">
        <f>Bühler!K7683</f>
        <v>0.93138020511207942</v>
      </c>
      <c r="L7657" s="58">
        <f>Bühler!L7683</f>
        <v>0.46569010255603971</v>
      </c>
      <c r="M7657" s="57">
        <f>Bühler!M7683</f>
        <v>0</v>
      </c>
      <c r="N7657" s="55">
        <f>IF(Input!$K$13=1,J7657*Input!$J$13,0)+IF(Input!$K$14=1,K7657*Input!$J$14,0)+IF(Input!$K$15=1,L7657*Input!$J$15,0)+IF(Input!$K$16=1,M7657*Input!$J$16,0)</f>
        <v>1.9822728741656661</v>
      </c>
      <c r="O7657" s="58">
        <f>IF(Input!$K$13=2,J7657*Input!$J$13,0)+IF(Input!$K$14=2,K7657*Input!$J$14,0)+IF(Input!$K$15=2,L7657*Input!$J$15,0)+IF(Input!$K$16=2,M7657*Input!$J$16,0)</f>
        <v>0.12573632769013071</v>
      </c>
      <c r="P7657" s="58">
        <f>IF(Input!$K$13=3,J7657*Input!$J$13,0)+IF(Input!$K$14=3,K7657*Input!$J$14,0)+IF(Input!$K$15=3,L7657*Input!$J$15,0)+IF(Input!$K$16=3,M7657*Input!$J$16,0)</f>
        <v>0</v>
      </c>
      <c r="Q7657" s="71">
        <f>IF(Input!$K$13=4,J7657*Input!$J$13,0)+IF(Input!$K$14=4,K7657*Input!$J$14,0)+IF(Input!$K$15=4,L7657*Input!$J$15,0)+IF(Input!$K$16=4,M7657*Input!$J$16,0)</f>
        <v>0</v>
      </c>
    </row>
    <row r="7658" spans="8:17" x14ac:dyDescent="0.25">
      <c r="H7658" s="43">
        <v>7651</v>
      </c>
      <c r="I7658" s="55">
        <f>Bühler!I7684</f>
        <v>0.85121249985282854</v>
      </c>
      <c r="J7658" s="58">
        <f>Bühler!J7684</f>
        <v>10.182903494129329</v>
      </c>
      <c r="K7658" s="58">
        <f>Bühler!K7684</f>
        <v>0.61471093537397226</v>
      </c>
      <c r="L7658" s="58">
        <f>Bühler!L7684</f>
        <v>0.30735546768698613</v>
      </c>
      <c r="M7658" s="57">
        <f>Bühler!M7684</f>
        <v>0</v>
      </c>
      <c r="N7658" s="55">
        <f>IF(Input!$K$13=1,J7658*Input!$J$13,0)+IF(Input!$K$14=1,K7658*Input!$J$14,0)+IF(Input!$K$15=1,L7658*Input!$J$15,0)+IF(Input!$K$16=1,M7658*Input!$J$16,0)</f>
        <v>1.2219484192955195</v>
      </c>
      <c r="O7658" s="58">
        <f>IF(Input!$K$13=2,J7658*Input!$J$13,0)+IF(Input!$K$14=2,K7658*Input!$J$14,0)+IF(Input!$K$15=2,L7658*Input!$J$15,0)+IF(Input!$K$16=2,M7658*Input!$J$16,0)</f>
        <v>8.2985976275486262E-2</v>
      </c>
      <c r="P7658" s="58">
        <f>IF(Input!$K$13=3,J7658*Input!$J$13,0)+IF(Input!$K$14=3,K7658*Input!$J$14,0)+IF(Input!$K$15=3,L7658*Input!$J$15,0)+IF(Input!$K$16=3,M7658*Input!$J$16,0)</f>
        <v>0</v>
      </c>
      <c r="Q7658" s="71">
        <f>IF(Input!$K$13=4,J7658*Input!$J$13,0)+IF(Input!$K$14=4,K7658*Input!$J$14,0)+IF(Input!$K$15=4,L7658*Input!$J$15,0)+IF(Input!$K$16=4,M7658*Input!$J$16,0)</f>
        <v>0</v>
      </c>
    </row>
    <row r="7659" spans="8:17" x14ac:dyDescent="0.25">
      <c r="H7659" s="43">
        <v>7652</v>
      </c>
      <c r="I7659" s="55">
        <f>Bühler!I7685</f>
        <v>0.85121249985282854</v>
      </c>
      <c r="J7659" s="58">
        <f>Bühler!J7685</f>
        <v>10.182903494129329</v>
      </c>
      <c r="K7659" s="58">
        <f>Bühler!K7685</f>
        <v>0.61471093537397226</v>
      </c>
      <c r="L7659" s="58">
        <f>Bühler!L7685</f>
        <v>0.30735546768698613</v>
      </c>
      <c r="M7659" s="57">
        <f>Bühler!M7685</f>
        <v>0</v>
      </c>
      <c r="N7659" s="55">
        <f>IF(Input!$K$13=1,J7659*Input!$J$13,0)+IF(Input!$K$14=1,K7659*Input!$J$14,0)+IF(Input!$K$15=1,L7659*Input!$J$15,0)+IF(Input!$K$16=1,M7659*Input!$J$16,0)</f>
        <v>1.2219484192955195</v>
      </c>
      <c r="O7659" s="58">
        <f>IF(Input!$K$13=2,J7659*Input!$J$13,0)+IF(Input!$K$14=2,K7659*Input!$J$14,0)+IF(Input!$K$15=2,L7659*Input!$J$15,0)+IF(Input!$K$16=2,M7659*Input!$J$16,0)</f>
        <v>8.2985976275486262E-2</v>
      </c>
      <c r="P7659" s="58">
        <f>IF(Input!$K$13=3,J7659*Input!$J$13,0)+IF(Input!$K$14=3,K7659*Input!$J$14,0)+IF(Input!$K$15=3,L7659*Input!$J$15,0)+IF(Input!$K$16=3,M7659*Input!$J$16,0)</f>
        <v>0</v>
      </c>
      <c r="Q7659" s="71">
        <f>IF(Input!$K$13=4,J7659*Input!$J$13,0)+IF(Input!$K$14=4,K7659*Input!$J$14,0)+IF(Input!$K$15=4,L7659*Input!$J$15,0)+IF(Input!$K$16=4,M7659*Input!$J$16,0)</f>
        <v>0</v>
      </c>
    </row>
    <row r="7660" spans="8:17" x14ac:dyDescent="0.25">
      <c r="H7660" s="43">
        <v>7653</v>
      </c>
      <c r="I7660" s="55">
        <f>Bühler!I7686</f>
        <v>0.85121249985282854</v>
      </c>
      <c r="J7660" s="58">
        <f>Bühler!J7686</f>
        <v>10.182903494129329</v>
      </c>
      <c r="K7660" s="58">
        <f>Bühler!K7686</f>
        <v>0.61471093537397226</v>
      </c>
      <c r="L7660" s="58">
        <f>Bühler!L7686</f>
        <v>0.30735546768698613</v>
      </c>
      <c r="M7660" s="57">
        <f>Bühler!M7686</f>
        <v>0</v>
      </c>
      <c r="N7660" s="55">
        <f>IF(Input!$K$13=1,J7660*Input!$J$13,0)+IF(Input!$K$14=1,K7660*Input!$J$14,0)+IF(Input!$K$15=1,L7660*Input!$J$15,0)+IF(Input!$K$16=1,M7660*Input!$J$16,0)</f>
        <v>1.2219484192955195</v>
      </c>
      <c r="O7660" s="58">
        <f>IF(Input!$K$13=2,J7660*Input!$J$13,0)+IF(Input!$K$14=2,K7660*Input!$J$14,0)+IF(Input!$K$15=2,L7660*Input!$J$15,0)+IF(Input!$K$16=2,M7660*Input!$J$16,0)</f>
        <v>8.2985976275486262E-2</v>
      </c>
      <c r="P7660" s="58">
        <f>IF(Input!$K$13=3,J7660*Input!$J$13,0)+IF(Input!$K$14=3,K7660*Input!$J$14,0)+IF(Input!$K$15=3,L7660*Input!$J$15,0)+IF(Input!$K$16=3,M7660*Input!$J$16,0)</f>
        <v>0</v>
      </c>
      <c r="Q7660" s="71">
        <f>IF(Input!$K$13=4,J7660*Input!$J$13,0)+IF(Input!$K$14=4,K7660*Input!$J$14,0)+IF(Input!$K$15=4,L7660*Input!$J$15,0)+IF(Input!$K$16=4,M7660*Input!$J$16,0)</f>
        <v>0</v>
      </c>
    </row>
    <row r="7661" spans="8:17" x14ac:dyDescent="0.25">
      <c r="H7661" s="43">
        <v>7654</v>
      </c>
      <c r="I7661" s="55">
        <f>Bühler!I7687</f>
        <v>0.85121249985282854</v>
      </c>
      <c r="J7661" s="58">
        <f>Bühler!J7687</f>
        <v>10.182903494129329</v>
      </c>
      <c r="K7661" s="58">
        <f>Bühler!K7687</f>
        <v>0.61471093537397226</v>
      </c>
      <c r="L7661" s="58">
        <f>Bühler!L7687</f>
        <v>0.30735546768698613</v>
      </c>
      <c r="M7661" s="57">
        <f>Bühler!M7687</f>
        <v>0</v>
      </c>
      <c r="N7661" s="55">
        <f>IF(Input!$K$13=1,J7661*Input!$J$13,0)+IF(Input!$K$14=1,K7661*Input!$J$14,0)+IF(Input!$K$15=1,L7661*Input!$J$15,0)+IF(Input!$K$16=1,M7661*Input!$J$16,0)</f>
        <v>1.2219484192955195</v>
      </c>
      <c r="O7661" s="58">
        <f>IF(Input!$K$13=2,J7661*Input!$J$13,0)+IF(Input!$K$14=2,K7661*Input!$J$14,0)+IF(Input!$K$15=2,L7661*Input!$J$15,0)+IF(Input!$K$16=2,M7661*Input!$J$16,0)</f>
        <v>8.2985976275486262E-2</v>
      </c>
      <c r="P7661" s="58">
        <f>IF(Input!$K$13=3,J7661*Input!$J$13,0)+IF(Input!$K$14=3,K7661*Input!$J$14,0)+IF(Input!$K$15=3,L7661*Input!$J$15,0)+IF(Input!$K$16=3,M7661*Input!$J$16,0)</f>
        <v>0</v>
      </c>
      <c r="Q7661" s="71">
        <f>IF(Input!$K$13=4,J7661*Input!$J$13,0)+IF(Input!$K$14=4,K7661*Input!$J$14,0)+IF(Input!$K$15=4,L7661*Input!$J$15,0)+IF(Input!$K$16=4,M7661*Input!$J$16,0)</f>
        <v>0</v>
      </c>
    </row>
    <row r="7662" spans="8:17" x14ac:dyDescent="0.25">
      <c r="H7662" s="43">
        <v>7655</v>
      </c>
      <c r="I7662" s="55">
        <f>Bühler!I7688</f>
        <v>0.85121249985282854</v>
      </c>
      <c r="J7662" s="58">
        <f>Bühler!J7688</f>
        <v>10.182903494129329</v>
      </c>
      <c r="K7662" s="58">
        <f>Bühler!K7688</f>
        <v>0.61471093537397226</v>
      </c>
      <c r="L7662" s="58">
        <f>Bühler!L7688</f>
        <v>0.30735546768698613</v>
      </c>
      <c r="M7662" s="57">
        <f>Bühler!M7688</f>
        <v>0</v>
      </c>
      <c r="N7662" s="55">
        <f>IF(Input!$K$13=1,J7662*Input!$J$13,0)+IF(Input!$K$14=1,K7662*Input!$J$14,0)+IF(Input!$K$15=1,L7662*Input!$J$15,0)+IF(Input!$K$16=1,M7662*Input!$J$16,0)</f>
        <v>1.2219484192955195</v>
      </c>
      <c r="O7662" s="58">
        <f>IF(Input!$K$13=2,J7662*Input!$J$13,0)+IF(Input!$K$14=2,K7662*Input!$J$14,0)+IF(Input!$K$15=2,L7662*Input!$J$15,0)+IF(Input!$K$16=2,M7662*Input!$J$16,0)</f>
        <v>8.2985976275486262E-2</v>
      </c>
      <c r="P7662" s="58">
        <f>IF(Input!$K$13=3,J7662*Input!$J$13,0)+IF(Input!$K$14=3,K7662*Input!$J$14,0)+IF(Input!$K$15=3,L7662*Input!$J$15,0)+IF(Input!$K$16=3,M7662*Input!$J$16,0)</f>
        <v>0</v>
      </c>
      <c r="Q7662" s="71">
        <f>IF(Input!$K$13=4,J7662*Input!$J$13,0)+IF(Input!$K$14=4,K7662*Input!$J$14,0)+IF(Input!$K$15=4,L7662*Input!$J$15,0)+IF(Input!$K$16=4,M7662*Input!$J$16,0)</f>
        <v>0</v>
      </c>
    </row>
    <row r="7663" spans="8:17" x14ac:dyDescent="0.25">
      <c r="H7663" s="43">
        <v>7656</v>
      </c>
      <c r="I7663" s="55">
        <f>Bühler!I7689</f>
        <v>0.85121249985282854</v>
      </c>
      <c r="J7663" s="58">
        <f>Bühler!J7689</f>
        <v>10.182903494129329</v>
      </c>
      <c r="K7663" s="58">
        <f>Bühler!K7689</f>
        <v>0.61471093537397226</v>
      </c>
      <c r="L7663" s="58">
        <f>Bühler!L7689</f>
        <v>0.30735546768698613</v>
      </c>
      <c r="M7663" s="57">
        <f>Bühler!M7689</f>
        <v>0</v>
      </c>
      <c r="N7663" s="55">
        <f>IF(Input!$K$13=1,J7663*Input!$J$13,0)+IF(Input!$K$14=1,K7663*Input!$J$14,0)+IF(Input!$K$15=1,L7663*Input!$J$15,0)+IF(Input!$K$16=1,M7663*Input!$J$16,0)</f>
        <v>1.2219484192955195</v>
      </c>
      <c r="O7663" s="58">
        <f>IF(Input!$K$13=2,J7663*Input!$J$13,0)+IF(Input!$K$14=2,K7663*Input!$J$14,0)+IF(Input!$K$15=2,L7663*Input!$J$15,0)+IF(Input!$K$16=2,M7663*Input!$J$16,0)</f>
        <v>8.2985976275486262E-2</v>
      </c>
      <c r="P7663" s="58">
        <f>IF(Input!$K$13=3,J7663*Input!$J$13,0)+IF(Input!$K$14=3,K7663*Input!$J$14,0)+IF(Input!$K$15=3,L7663*Input!$J$15,0)+IF(Input!$K$16=3,M7663*Input!$J$16,0)</f>
        <v>0</v>
      </c>
      <c r="Q7663" s="71">
        <f>IF(Input!$K$13=4,J7663*Input!$J$13,0)+IF(Input!$K$14=4,K7663*Input!$J$14,0)+IF(Input!$K$15=4,L7663*Input!$J$15,0)+IF(Input!$K$16=4,M7663*Input!$J$16,0)</f>
        <v>0</v>
      </c>
    </row>
    <row r="7664" spans="8:17" x14ac:dyDescent="0.25">
      <c r="H7664" s="43">
        <v>7657</v>
      </c>
      <c r="I7664" s="55">
        <f>Bühler!I7690</f>
        <v>0.98079789103799953</v>
      </c>
      <c r="J7664" s="58">
        <f>Bühler!J7690</f>
        <v>10.438199873736398</v>
      </c>
      <c r="K7664" s="58">
        <f>Bühler!K7690</f>
        <v>0.61605473219909723</v>
      </c>
      <c r="L7664" s="58">
        <f>Bühler!L7690</f>
        <v>0.30802736609954862</v>
      </c>
      <c r="M7664" s="57">
        <f>Bühler!M7690</f>
        <v>0</v>
      </c>
      <c r="N7664" s="55">
        <f>IF(Input!$K$13=1,J7664*Input!$J$13,0)+IF(Input!$K$14=1,K7664*Input!$J$14,0)+IF(Input!$K$15=1,L7664*Input!$J$15,0)+IF(Input!$K$16=1,M7664*Input!$J$16,0)</f>
        <v>1.2525839848483677</v>
      </c>
      <c r="O7664" s="58">
        <f>IF(Input!$K$13=2,J7664*Input!$J$13,0)+IF(Input!$K$14=2,K7664*Input!$J$14,0)+IF(Input!$K$15=2,L7664*Input!$J$15,0)+IF(Input!$K$16=2,M7664*Input!$J$16,0)</f>
        <v>8.3167388846878132E-2</v>
      </c>
      <c r="P7664" s="58">
        <f>IF(Input!$K$13=3,J7664*Input!$J$13,0)+IF(Input!$K$14=3,K7664*Input!$J$14,0)+IF(Input!$K$15=3,L7664*Input!$J$15,0)+IF(Input!$K$16=3,M7664*Input!$J$16,0)</f>
        <v>0</v>
      </c>
      <c r="Q7664" s="71">
        <f>IF(Input!$K$13=4,J7664*Input!$J$13,0)+IF(Input!$K$14=4,K7664*Input!$J$14,0)+IF(Input!$K$15=4,L7664*Input!$J$15,0)+IF(Input!$K$16=4,M7664*Input!$J$16,0)</f>
        <v>0</v>
      </c>
    </row>
    <row r="7665" spans="8:17" x14ac:dyDescent="0.25">
      <c r="H7665" s="43">
        <v>7658</v>
      </c>
      <c r="I7665" s="55">
        <f>Bühler!I7691</f>
        <v>0.98079789103799953</v>
      </c>
      <c r="J7665" s="58">
        <f>Bühler!J7691</f>
        <v>10.438199873736398</v>
      </c>
      <c r="K7665" s="58">
        <f>Bühler!K7691</f>
        <v>0.61605473219909723</v>
      </c>
      <c r="L7665" s="58">
        <f>Bühler!L7691</f>
        <v>0.30802736609954862</v>
      </c>
      <c r="M7665" s="57">
        <f>Bühler!M7691</f>
        <v>0</v>
      </c>
      <c r="N7665" s="55">
        <f>IF(Input!$K$13=1,J7665*Input!$J$13,0)+IF(Input!$K$14=1,K7665*Input!$J$14,0)+IF(Input!$K$15=1,L7665*Input!$J$15,0)+IF(Input!$K$16=1,M7665*Input!$J$16,0)</f>
        <v>1.2525839848483677</v>
      </c>
      <c r="O7665" s="58">
        <f>IF(Input!$K$13=2,J7665*Input!$J$13,0)+IF(Input!$K$14=2,K7665*Input!$J$14,0)+IF(Input!$K$15=2,L7665*Input!$J$15,0)+IF(Input!$K$16=2,M7665*Input!$J$16,0)</f>
        <v>8.3167388846878132E-2</v>
      </c>
      <c r="P7665" s="58">
        <f>IF(Input!$K$13=3,J7665*Input!$J$13,0)+IF(Input!$K$14=3,K7665*Input!$J$14,0)+IF(Input!$K$15=3,L7665*Input!$J$15,0)+IF(Input!$K$16=3,M7665*Input!$J$16,0)</f>
        <v>0</v>
      </c>
      <c r="Q7665" s="71">
        <f>IF(Input!$K$13=4,J7665*Input!$J$13,0)+IF(Input!$K$14=4,K7665*Input!$J$14,0)+IF(Input!$K$15=4,L7665*Input!$J$15,0)+IF(Input!$K$16=4,M7665*Input!$J$16,0)</f>
        <v>0</v>
      </c>
    </row>
    <row r="7666" spans="8:17" x14ac:dyDescent="0.25">
      <c r="H7666" s="43">
        <v>7659</v>
      </c>
      <c r="I7666" s="55">
        <f>Bühler!I7692</f>
        <v>0.98079789103799953</v>
      </c>
      <c r="J7666" s="58">
        <f>Bühler!J7692</f>
        <v>10.438199873736398</v>
      </c>
      <c r="K7666" s="58">
        <f>Bühler!K7692</f>
        <v>0.61605473219909723</v>
      </c>
      <c r="L7666" s="58">
        <f>Bühler!L7692</f>
        <v>0.30802736609954862</v>
      </c>
      <c r="M7666" s="57">
        <f>Bühler!M7692</f>
        <v>0</v>
      </c>
      <c r="N7666" s="55">
        <f>IF(Input!$K$13=1,J7666*Input!$J$13,0)+IF(Input!$K$14=1,K7666*Input!$J$14,0)+IF(Input!$K$15=1,L7666*Input!$J$15,0)+IF(Input!$K$16=1,M7666*Input!$J$16,0)</f>
        <v>1.2525839848483677</v>
      </c>
      <c r="O7666" s="58">
        <f>IF(Input!$K$13=2,J7666*Input!$J$13,0)+IF(Input!$K$14=2,K7666*Input!$J$14,0)+IF(Input!$K$15=2,L7666*Input!$J$15,0)+IF(Input!$K$16=2,M7666*Input!$J$16,0)</f>
        <v>8.3167388846878132E-2</v>
      </c>
      <c r="P7666" s="58">
        <f>IF(Input!$K$13=3,J7666*Input!$J$13,0)+IF(Input!$K$14=3,K7666*Input!$J$14,0)+IF(Input!$K$15=3,L7666*Input!$J$15,0)+IF(Input!$K$16=3,M7666*Input!$J$16,0)</f>
        <v>0</v>
      </c>
      <c r="Q7666" s="71">
        <f>IF(Input!$K$13=4,J7666*Input!$J$13,0)+IF(Input!$K$14=4,K7666*Input!$J$14,0)+IF(Input!$K$15=4,L7666*Input!$J$15,0)+IF(Input!$K$16=4,M7666*Input!$J$16,0)</f>
        <v>0</v>
      </c>
    </row>
    <row r="7667" spans="8:17" x14ac:dyDescent="0.25">
      <c r="H7667" s="43">
        <v>7660</v>
      </c>
      <c r="I7667" s="55">
        <f>Bühler!I7693</f>
        <v>0.98079789103799953</v>
      </c>
      <c r="J7667" s="58">
        <f>Bühler!J7693</f>
        <v>10.438199873736398</v>
      </c>
      <c r="K7667" s="58">
        <f>Bühler!K7693</f>
        <v>0.61605473219909723</v>
      </c>
      <c r="L7667" s="58">
        <f>Bühler!L7693</f>
        <v>0.30802736609954862</v>
      </c>
      <c r="M7667" s="57">
        <f>Bühler!M7693</f>
        <v>0</v>
      </c>
      <c r="N7667" s="55">
        <f>IF(Input!$K$13=1,J7667*Input!$J$13,0)+IF(Input!$K$14=1,K7667*Input!$J$14,0)+IF(Input!$K$15=1,L7667*Input!$J$15,0)+IF(Input!$K$16=1,M7667*Input!$J$16,0)</f>
        <v>1.2525839848483677</v>
      </c>
      <c r="O7667" s="58">
        <f>IF(Input!$K$13=2,J7667*Input!$J$13,0)+IF(Input!$K$14=2,K7667*Input!$J$14,0)+IF(Input!$K$15=2,L7667*Input!$J$15,0)+IF(Input!$K$16=2,M7667*Input!$J$16,0)</f>
        <v>8.3167388846878132E-2</v>
      </c>
      <c r="P7667" s="58">
        <f>IF(Input!$K$13=3,J7667*Input!$J$13,0)+IF(Input!$K$14=3,K7667*Input!$J$14,0)+IF(Input!$K$15=3,L7667*Input!$J$15,0)+IF(Input!$K$16=3,M7667*Input!$J$16,0)</f>
        <v>0</v>
      </c>
      <c r="Q7667" s="71">
        <f>IF(Input!$K$13=4,J7667*Input!$J$13,0)+IF(Input!$K$14=4,K7667*Input!$J$14,0)+IF(Input!$K$15=4,L7667*Input!$J$15,0)+IF(Input!$K$16=4,M7667*Input!$J$16,0)</f>
        <v>0</v>
      </c>
    </row>
    <row r="7668" spans="8:17" x14ac:dyDescent="0.25">
      <c r="H7668" s="43">
        <v>7661</v>
      </c>
      <c r="I7668" s="55">
        <f>Bühler!I7694</f>
        <v>0.98079789103799953</v>
      </c>
      <c r="J7668" s="58">
        <f>Bühler!J7694</f>
        <v>10.438199873736398</v>
      </c>
      <c r="K7668" s="58">
        <f>Bühler!K7694</f>
        <v>0.61605473219909723</v>
      </c>
      <c r="L7668" s="58">
        <f>Bühler!L7694</f>
        <v>0.30802736609954862</v>
      </c>
      <c r="M7668" s="57">
        <f>Bühler!M7694</f>
        <v>0</v>
      </c>
      <c r="N7668" s="55">
        <f>IF(Input!$K$13=1,J7668*Input!$J$13,0)+IF(Input!$K$14=1,K7668*Input!$J$14,0)+IF(Input!$K$15=1,L7668*Input!$J$15,0)+IF(Input!$K$16=1,M7668*Input!$J$16,0)</f>
        <v>1.2525839848483677</v>
      </c>
      <c r="O7668" s="58">
        <f>IF(Input!$K$13=2,J7668*Input!$J$13,0)+IF(Input!$K$14=2,K7668*Input!$J$14,0)+IF(Input!$K$15=2,L7668*Input!$J$15,0)+IF(Input!$K$16=2,M7668*Input!$J$16,0)</f>
        <v>8.3167388846878132E-2</v>
      </c>
      <c r="P7668" s="58">
        <f>IF(Input!$K$13=3,J7668*Input!$J$13,0)+IF(Input!$K$14=3,K7668*Input!$J$14,0)+IF(Input!$K$15=3,L7668*Input!$J$15,0)+IF(Input!$K$16=3,M7668*Input!$J$16,0)</f>
        <v>0</v>
      </c>
      <c r="Q7668" s="71">
        <f>IF(Input!$K$13=4,J7668*Input!$J$13,0)+IF(Input!$K$14=4,K7668*Input!$J$14,0)+IF(Input!$K$15=4,L7668*Input!$J$15,0)+IF(Input!$K$16=4,M7668*Input!$J$16,0)</f>
        <v>0</v>
      </c>
    </row>
    <row r="7669" spans="8:17" x14ac:dyDescent="0.25">
      <c r="H7669" s="43">
        <v>7662</v>
      </c>
      <c r="I7669" s="55">
        <f>Bühler!I7695</f>
        <v>0.98079789103799953</v>
      </c>
      <c r="J7669" s="58">
        <f>Bühler!J7695</f>
        <v>10.438199873736398</v>
      </c>
      <c r="K7669" s="58">
        <f>Bühler!K7695</f>
        <v>0.61605473219909723</v>
      </c>
      <c r="L7669" s="58">
        <f>Bühler!L7695</f>
        <v>0.30802736609954862</v>
      </c>
      <c r="M7669" s="57">
        <f>Bühler!M7695</f>
        <v>0</v>
      </c>
      <c r="N7669" s="55">
        <f>IF(Input!$K$13=1,J7669*Input!$J$13,0)+IF(Input!$K$14=1,K7669*Input!$J$14,0)+IF(Input!$K$15=1,L7669*Input!$J$15,0)+IF(Input!$K$16=1,M7669*Input!$J$16,0)</f>
        <v>1.2525839848483677</v>
      </c>
      <c r="O7669" s="58">
        <f>IF(Input!$K$13=2,J7669*Input!$J$13,0)+IF(Input!$K$14=2,K7669*Input!$J$14,0)+IF(Input!$K$15=2,L7669*Input!$J$15,0)+IF(Input!$K$16=2,M7669*Input!$J$16,0)</f>
        <v>8.3167388846878132E-2</v>
      </c>
      <c r="P7669" s="58">
        <f>IF(Input!$K$13=3,J7669*Input!$J$13,0)+IF(Input!$K$14=3,K7669*Input!$J$14,0)+IF(Input!$K$15=3,L7669*Input!$J$15,0)+IF(Input!$K$16=3,M7669*Input!$J$16,0)</f>
        <v>0</v>
      </c>
      <c r="Q7669" s="71">
        <f>IF(Input!$K$13=4,J7669*Input!$J$13,0)+IF(Input!$K$14=4,K7669*Input!$J$14,0)+IF(Input!$K$15=4,L7669*Input!$J$15,0)+IF(Input!$K$16=4,M7669*Input!$J$16,0)</f>
        <v>0</v>
      </c>
    </row>
    <row r="7670" spans="8:17" x14ac:dyDescent="0.25">
      <c r="H7670" s="43">
        <v>7663</v>
      </c>
      <c r="I7670" s="55">
        <f>Bühler!I7696</f>
        <v>0.98079789103799953</v>
      </c>
      <c r="J7670" s="58">
        <f>Bühler!J7696</f>
        <v>10.438199873736398</v>
      </c>
      <c r="K7670" s="58">
        <f>Bühler!K7696</f>
        <v>0.61605473219909723</v>
      </c>
      <c r="L7670" s="58">
        <f>Bühler!L7696</f>
        <v>0.30802736609954862</v>
      </c>
      <c r="M7670" s="57">
        <f>Bühler!M7696</f>
        <v>0</v>
      </c>
      <c r="N7670" s="55">
        <f>IF(Input!$K$13=1,J7670*Input!$J$13,0)+IF(Input!$K$14=1,K7670*Input!$J$14,0)+IF(Input!$K$15=1,L7670*Input!$J$15,0)+IF(Input!$K$16=1,M7670*Input!$J$16,0)</f>
        <v>1.2525839848483677</v>
      </c>
      <c r="O7670" s="58">
        <f>IF(Input!$K$13=2,J7670*Input!$J$13,0)+IF(Input!$K$14=2,K7670*Input!$J$14,0)+IF(Input!$K$15=2,L7670*Input!$J$15,0)+IF(Input!$K$16=2,M7670*Input!$J$16,0)</f>
        <v>8.3167388846878132E-2</v>
      </c>
      <c r="P7670" s="58">
        <f>IF(Input!$K$13=3,J7670*Input!$J$13,0)+IF(Input!$K$14=3,K7670*Input!$J$14,0)+IF(Input!$K$15=3,L7670*Input!$J$15,0)+IF(Input!$K$16=3,M7670*Input!$J$16,0)</f>
        <v>0</v>
      </c>
      <c r="Q7670" s="71">
        <f>IF(Input!$K$13=4,J7670*Input!$J$13,0)+IF(Input!$K$14=4,K7670*Input!$J$14,0)+IF(Input!$K$15=4,L7670*Input!$J$15,0)+IF(Input!$K$16=4,M7670*Input!$J$16,0)</f>
        <v>0</v>
      </c>
    </row>
    <row r="7671" spans="8:17" x14ac:dyDescent="0.25">
      <c r="H7671" s="43">
        <v>7664</v>
      </c>
      <c r="I7671" s="55">
        <f>Bühler!I7697</f>
        <v>2.7020981898096887</v>
      </c>
      <c r="J7671" s="58">
        <f>Bühler!J7697</f>
        <v>41.253870751311858</v>
      </c>
      <c r="K7671" s="58">
        <f>Bühler!K7697</f>
        <v>2.5183570719290369</v>
      </c>
      <c r="L7671" s="58">
        <f>Bühler!L7697</f>
        <v>1.2591785359645185</v>
      </c>
      <c r="M7671" s="57">
        <f>Bühler!M7697</f>
        <v>0</v>
      </c>
      <c r="N7671" s="55">
        <f>IF(Input!$K$13=1,J7671*Input!$J$13,0)+IF(Input!$K$14=1,K7671*Input!$J$14,0)+IF(Input!$K$15=1,L7671*Input!$J$15,0)+IF(Input!$K$16=1,M7671*Input!$J$16,0)</f>
        <v>4.9504644901574224</v>
      </c>
      <c r="O7671" s="58">
        <f>IF(Input!$K$13=2,J7671*Input!$J$13,0)+IF(Input!$K$14=2,K7671*Input!$J$14,0)+IF(Input!$K$15=2,L7671*Input!$J$15,0)+IF(Input!$K$16=2,M7671*Input!$J$16,0)</f>
        <v>0.33997820471041995</v>
      </c>
      <c r="P7671" s="58">
        <f>IF(Input!$K$13=3,J7671*Input!$J$13,0)+IF(Input!$K$14=3,K7671*Input!$J$14,0)+IF(Input!$K$15=3,L7671*Input!$J$15,0)+IF(Input!$K$16=3,M7671*Input!$J$16,0)</f>
        <v>0</v>
      </c>
      <c r="Q7671" s="71">
        <f>IF(Input!$K$13=4,J7671*Input!$J$13,0)+IF(Input!$K$14=4,K7671*Input!$J$14,0)+IF(Input!$K$15=4,L7671*Input!$J$15,0)+IF(Input!$K$16=4,M7671*Input!$J$16,0)</f>
        <v>0</v>
      </c>
    </row>
    <row r="7672" spans="8:17" x14ac:dyDescent="0.25">
      <c r="H7672" s="43">
        <v>7665</v>
      </c>
      <c r="I7672" s="55">
        <f>Bühler!I7698</f>
        <v>3.0149727170508105</v>
      </c>
      <c r="J7672" s="58">
        <f>Bühler!J7698</f>
        <v>46.03063473304271</v>
      </c>
      <c r="K7672" s="58">
        <f>Bühler!K7698</f>
        <v>2.8099563118366095</v>
      </c>
      <c r="L7672" s="58">
        <f>Bühler!L7698</f>
        <v>1.4049781559183048</v>
      </c>
      <c r="M7672" s="57">
        <f>Bühler!M7698</f>
        <v>0</v>
      </c>
      <c r="N7672" s="55">
        <f>IF(Input!$K$13=1,J7672*Input!$J$13,0)+IF(Input!$K$14=1,K7672*Input!$J$14,0)+IF(Input!$K$15=1,L7672*Input!$J$15,0)+IF(Input!$K$16=1,M7672*Input!$J$16,0)</f>
        <v>5.5236761679651254</v>
      </c>
      <c r="O7672" s="58">
        <f>IF(Input!$K$13=2,J7672*Input!$J$13,0)+IF(Input!$K$14=2,K7672*Input!$J$14,0)+IF(Input!$K$15=2,L7672*Input!$J$15,0)+IF(Input!$K$16=2,M7672*Input!$J$16,0)</f>
        <v>0.37934410209794228</v>
      </c>
      <c r="P7672" s="58">
        <f>IF(Input!$K$13=3,J7672*Input!$J$13,0)+IF(Input!$K$14=3,K7672*Input!$J$14,0)+IF(Input!$K$15=3,L7672*Input!$J$15,0)+IF(Input!$K$16=3,M7672*Input!$J$16,0)</f>
        <v>0</v>
      </c>
      <c r="Q7672" s="71">
        <f>IF(Input!$K$13=4,J7672*Input!$J$13,0)+IF(Input!$K$14=4,K7672*Input!$J$14,0)+IF(Input!$K$15=4,L7672*Input!$J$15,0)+IF(Input!$K$16=4,M7672*Input!$J$16,0)</f>
        <v>0</v>
      </c>
    </row>
    <row r="7673" spans="8:17" x14ac:dyDescent="0.25">
      <c r="H7673" s="43">
        <v>7666</v>
      </c>
      <c r="I7673" s="55">
        <f>Bühler!I7699</f>
        <v>3.3278472442919322</v>
      </c>
      <c r="J7673" s="58">
        <f>Bühler!J7699</f>
        <v>50.807398714773562</v>
      </c>
      <c r="K7673" s="58">
        <f>Bühler!K7699</f>
        <v>3.1015555517441826</v>
      </c>
      <c r="L7673" s="58">
        <f>Bühler!L7699</f>
        <v>1.5507777758720913</v>
      </c>
      <c r="M7673" s="57">
        <f>Bühler!M7699</f>
        <v>0</v>
      </c>
      <c r="N7673" s="55">
        <f>IF(Input!$K$13=1,J7673*Input!$J$13,0)+IF(Input!$K$14=1,K7673*Input!$J$14,0)+IF(Input!$K$15=1,L7673*Input!$J$15,0)+IF(Input!$K$16=1,M7673*Input!$J$16,0)</f>
        <v>6.0968878457728275</v>
      </c>
      <c r="O7673" s="58">
        <f>IF(Input!$K$13=2,J7673*Input!$J$13,0)+IF(Input!$K$14=2,K7673*Input!$J$14,0)+IF(Input!$K$15=2,L7673*Input!$J$15,0)+IF(Input!$K$16=2,M7673*Input!$J$16,0)</f>
        <v>0.41870999948546461</v>
      </c>
      <c r="P7673" s="58">
        <f>IF(Input!$K$13=3,J7673*Input!$J$13,0)+IF(Input!$K$14=3,K7673*Input!$J$14,0)+IF(Input!$K$15=3,L7673*Input!$J$15,0)+IF(Input!$K$16=3,M7673*Input!$J$16,0)</f>
        <v>0</v>
      </c>
      <c r="Q7673" s="71">
        <f>IF(Input!$K$13=4,J7673*Input!$J$13,0)+IF(Input!$K$14=4,K7673*Input!$J$14,0)+IF(Input!$K$15=4,L7673*Input!$J$15,0)+IF(Input!$K$16=4,M7673*Input!$J$16,0)</f>
        <v>0</v>
      </c>
    </row>
    <row r="7674" spans="8:17" x14ac:dyDescent="0.25">
      <c r="H7674" s="43">
        <v>7667</v>
      </c>
      <c r="I7674" s="55">
        <f>Bühler!I7700</f>
        <v>3.3278472442919322</v>
      </c>
      <c r="J7674" s="58">
        <f>Bühler!J7700</f>
        <v>50.807398714773562</v>
      </c>
      <c r="K7674" s="58">
        <f>Bühler!K7700</f>
        <v>3.1015555517441826</v>
      </c>
      <c r="L7674" s="58">
        <f>Bühler!L7700</f>
        <v>1.5507777758720913</v>
      </c>
      <c r="M7674" s="57">
        <f>Bühler!M7700</f>
        <v>0</v>
      </c>
      <c r="N7674" s="55">
        <f>IF(Input!$K$13=1,J7674*Input!$J$13,0)+IF(Input!$K$14=1,K7674*Input!$J$14,0)+IF(Input!$K$15=1,L7674*Input!$J$15,0)+IF(Input!$K$16=1,M7674*Input!$J$16,0)</f>
        <v>6.0968878457728275</v>
      </c>
      <c r="O7674" s="58">
        <f>IF(Input!$K$13=2,J7674*Input!$J$13,0)+IF(Input!$K$14=2,K7674*Input!$J$14,0)+IF(Input!$K$15=2,L7674*Input!$J$15,0)+IF(Input!$K$16=2,M7674*Input!$J$16,0)</f>
        <v>0.41870999948546461</v>
      </c>
      <c r="P7674" s="58">
        <f>IF(Input!$K$13=3,J7674*Input!$J$13,0)+IF(Input!$K$14=3,K7674*Input!$J$14,0)+IF(Input!$K$15=3,L7674*Input!$J$15,0)+IF(Input!$K$16=3,M7674*Input!$J$16,0)</f>
        <v>0</v>
      </c>
      <c r="Q7674" s="71">
        <f>IF(Input!$K$13=4,J7674*Input!$J$13,0)+IF(Input!$K$14=4,K7674*Input!$J$14,0)+IF(Input!$K$15=4,L7674*Input!$J$15,0)+IF(Input!$K$16=4,M7674*Input!$J$16,0)</f>
        <v>0</v>
      </c>
    </row>
    <row r="7675" spans="8:17" x14ac:dyDescent="0.25">
      <c r="H7675" s="43">
        <v>7668</v>
      </c>
      <c r="I7675" s="55">
        <f>Bühler!I7701</f>
        <v>3.9820394376142776</v>
      </c>
      <c r="J7675" s="58">
        <f>Bühler!J7701</f>
        <v>60.795177949301682</v>
      </c>
      <c r="K7675" s="58">
        <f>Bühler!K7701</f>
        <v>3.7112630533691067</v>
      </c>
      <c r="L7675" s="58">
        <f>Bühler!L7701</f>
        <v>1.8556315266845533</v>
      </c>
      <c r="M7675" s="57">
        <f>Bühler!M7701</f>
        <v>0</v>
      </c>
      <c r="N7675" s="55">
        <f>IF(Input!$K$13=1,J7675*Input!$J$13,0)+IF(Input!$K$14=1,K7675*Input!$J$14,0)+IF(Input!$K$15=1,L7675*Input!$J$15,0)+IF(Input!$K$16=1,M7675*Input!$J$16,0)</f>
        <v>7.2954213539162014</v>
      </c>
      <c r="O7675" s="58">
        <f>IF(Input!$K$13=2,J7675*Input!$J$13,0)+IF(Input!$K$14=2,K7675*Input!$J$14,0)+IF(Input!$K$15=2,L7675*Input!$J$15,0)+IF(Input!$K$16=2,M7675*Input!$J$16,0)</f>
        <v>0.50102051220482935</v>
      </c>
      <c r="P7675" s="58">
        <f>IF(Input!$K$13=3,J7675*Input!$J$13,0)+IF(Input!$K$14=3,K7675*Input!$J$14,0)+IF(Input!$K$15=3,L7675*Input!$J$15,0)+IF(Input!$K$16=3,M7675*Input!$J$16,0)</f>
        <v>0</v>
      </c>
      <c r="Q7675" s="71">
        <f>IF(Input!$K$13=4,J7675*Input!$J$13,0)+IF(Input!$K$14=4,K7675*Input!$J$14,0)+IF(Input!$K$15=4,L7675*Input!$J$15,0)+IF(Input!$K$16=4,M7675*Input!$J$16,0)</f>
        <v>0</v>
      </c>
    </row>
    <row r="7676" spans="8:17" x14ac:dyDescent="0.25">
      <c r="H7676" s="43">
        <v>7669</v>
      </c>
      <c r="I7676" s="55">
        <f>Bühler!I7702</f>
        <v>3.9820394376142776</v>
      </c>
      <c r="J7676" s="58">
        <f>Bühler!J7702</f>
        <v>60.795177949301682</v>
      </c>
      <c r="K7676" s="58">
        <f>Bühler!K7702</f>
        <v>3.7112630533691067</v>
      </c>
      <c r="L7676" s="58">
        <f>Bühler!L7702</f>
        <v>1.8556315266845533</v>
      </c>
      <c r="M7676" s="57">
        <f>Bühler!M7702</f>
        <v>0</v>
      </c>
      <c r="N7676" s="55">
        <f>IF(Input!$K$13=1,J7676*Input!$J$13,0)+IF(Input!$K$14=1,K7676*Input!$J$14,0)+IF(Input!$K$15=1,L7676*Input!$J$15,0)+IF(Input!$K$16=1,M7676*Input!$J$16,0)</f>
        <v>7.2954213539162014</v>
      </c>
      <c r="O7676" s="58">
        <f>IF(Input!$K$13=2,J7676*Input!$J$13,0)+IF(Input!$K$14=2,K7676*Input!$J$14,0)+IF(Input!$K$15=2,L7676*Input!$J$15,0)+IF(Input!$K$16=2,M7676*Input!$J$16,0)</f>
        <v>0.50102051220482935</v>
      </c>
      <c r="P7676" s="58">
        <f>IF(Input!$K$13=3,J7676*Input!$J$13,0)+IF(Input!$K$14=3,K7676*Input!$J$14,0)+IF(Input!$K$15=3,L7676*Input!$J$15,0)+IF(Input!$K$16=3,M7676*Input!$J$16,0)</f>
        <v>0</v>
      </c>
      <c r="Q7676" s="71">
        <f>IF(Input!$K$13=4,J7676*Input!$J$13,0)+IF(Input!$K$14=4,K7676*Input!$J$14,0)+IF(Input!$K$15=4,L7676*Input!$J$15,0)+IF(Input!$K$16=4,M7676*Input!$J$16,0)</f>
        <v>0</v>
      </c>
    </row>
    <row r="7677" spans="8:17" x14ac:dyDescent="0.25">
      <c r="H7677" s="43">
        <v>7670</v>
      </c>
      <c r="I7677" s="55">
        <f>Bühler!I7703</f>
        <v>2.6452119121294846</v>
      </c>
      <c r="J7677" s="58">
        <f>Bühler!J7703</f>
        <v>40.385368209178971</v>
      </c>
      <c r="K7677" s="58">
        <f>Bühler!K7703</f>
        <v>2.465339028309478</v>
      </c>
      <c r="L7677" s="58">
        <f>Bühler!L7703</f>
        <v>1.232669514154739</v>
      </c>
      <c r="M7677" s="57">
        <f>Bühler!M7703</f>
        <v>0</v>
      </c>
      <c r="N7677" s="55">
        <f>IF(Input!$K$13=1,J7677*Input!$J$13,0)+IF(Input!$K$14=1,K7677*Input!$J$14,0)+IF(Input!$K$15=1,L7677*Input!$J$15,0)+IF(Input!$K$16=1,M7677*Input!$J$16,0)</f>
        <v>4.8462441851014759</v>
      </c>
      <c r="O7677" s="58">
        <f>IF(Input!$K$13=2,J7677*Input!$J$13,0)+IF(Input!$K$14=2,K7677*Input!$J$14,0)+IF(Input!$K$15=2,L7677*Input!$J$15,0)+IF(Input!$K$16=2,M7677*Input!$J$16,0)</f>
        <v>0.33282076882177952</v>
      </c>
      <c r="P7677" s="58">
        <f>IF(Input!$K$13=3,J7677*Input!$J$13,0)+IF(Input!$K$14=3,K7677*Input!$J$14,0)+IF(Input!$K$15=3,L7677*Input!$J$15,0)+IF(Input!$K$16=3,M7677*Input!$J$16,0)</f>
        <v>0</v>
      </c>
      <c r="Q7677" s="71">
        <f>IF(Input!$K$13=4,J7677*Input!$J$13,0)+IF(Input!$K$14=4,K7677*Input!$J$14,0)+IF(Input!$K$15=4,L7677*Input!$J$15,0)+IF(Input!$K$16=4,M7677*Input!$J$16,0)</f>
        <v>0</v>
      </c>
    </row>
    <row r="7678" spans="8:17" x14ac:dyDescent="0.25">
      <c r="H7678" s="43">
        <v>7671</v>
      </c>
      <c r="I7678" s="55">
        <f>Bühler!I7704</f>
        <v>3.9820394376142776</v>
      </c>
      <c r="J7678" s="58">
        <f>Bühler!J7704</f>
        <v>60.795177949301682</v>
      </c>
      <c r="K7678" s="58">
        <f>Bühler!K7704</f>
        <v>3.7112630533691067</v>
      </c>
      <c r="L7678" s="58">
        <f>Bühler!L7704</f>
        <v>1.8556315266845533</v>
      </c>
      <c r="M7678" s="57">
        <f>Bühler!M7704</f>
        <v>0</v>
      </c>
      <c r="N7678" s="55">
        <f>IF(Input!$K$13=1,J7678*Input!$J$13,0)+IF(Input!$K$14=1,K7678*Input!$J$14,0)+IF(Input!$K$15=1,L7678*Input!$J$15,0)+IF(Input!$K$16=1,M7678*Input!$J$16,0)</f>
        <v>7.2954213539162014</v>
      </c>
      <c r="O7678" s="58">
        <f>IF(Input!$K$13=2,J7678*Input!$J$13,0)+IF(Input!$K$14=2,K7678*Input!$J$14,0)+IF(Input!$K$15=2,L7678*Input!$J$15,0)+IF(Input!$K$16=2,M7678*Input!$J$16,0)</f>
        <v>0.50102051220482935</v>
      </c>
      <c r="P7678" s="58">
        <f>IF(Input!$K$13=3,J7678*Input!$J$13,0)+IF(Input!$K$14=3,K7678*Input!$J$14,0)+IF(Input!$K$15=3,L7678*Input!$J$15,0)+IF(Input!$K$16=3,M7678*Input!$J$16,0)</f>
        <v>0</v>
      </c>
      <c r="Q7678" s="71">
        <f>IF(Input!$K$13=4,J7678*Input!$J$13,0)+IF(Input!$K$14=4,K7678*Input!$J$14,0)+IF(Input!$K$15=4,L7678*Input!$J$15,0)+IF(Input!$K$16=4,M7678*Input!$J$16,0)</f>
        <v>0</v>
      </c>
    </row>
    <row r="7679" spans="8:17" x14ac:dyDescent="0.25">
      <c r="H7679" s="43">
        <v>7672</v>
      </c>
      <c r="I7679" s="55">
        <f>Bühler!I7705</f>
        <v>3.9820394376142776</v>
      </c>
      <c r="J7679" s="58">
        <f>Bühler!J7705</f>
        <v>60.795177949301682</v>
      </c>
      <c r="K7679" s="58">
        <f>Bühler!K7705</f>
        <v>3.7112630533691067</v>
      </c>
      <c r="L7679" s="58">
        <f>Bühler!L7705</f>
        <v>1.8556315266845533</v>
      </c>
      <c r="M7679" s="57">
        <f>Bühler!M7705</f>
        <v>0</v>
      </c>
      <c r="N7679" s="55">
        <f>IF(Input!$K$13=1,J7679*Input!$J$13,0)+IF(Input!$K$14=1,K7679*Input!$J$14,0)+IF(Input!$K$15=1,L7679*Input!$J$15,0)+IF(Input!$K$16=1,M7679*Input!$J$16,0)</f>
        <v>7.2954213539162014</v>
      </c>
      <c r="O7679" s="58">
        <f>IF(Input!$K$13=2,J7679*Input!$J$13,0)+IF(Input!$K$14=2,K7679*Input!$J$14,0)+IF(Input!$K$15=2,L7679*Input!$J$15,0)+IF(Input!$K$16=2,M7679*Input!$J$16,0)</f>
        <v>0.50102051220482935</v>
      </c>
      <c r="P7679" s="58">
        <f>IF(Input!$K$13=3,J7679*Input!$J$13,0)+IF(Input!$K$14=3,K7679*Input!$J$14,0)+IF(Input!$K$15=3,L7679*Input!$J$15,0)+IF(Input!$K$16=3,M7679*Input!$J$16,0)</f>
        <v>0</v>
      </c>
      <c r="Q7679" s="71">
        <f>IF(Input!$K$13=4,J7679*Input!$J$13,0)+IF(Input!$K$14=4,K7679*Input!$J$14,0)+IF(Input!$K$15=4,L7679*Input!$J$15,0)+IF(Input!$K$16=4,M7679*Input!$J$16,0)</f>
        <v>0</v>
      </c>
    </row>
    <row r="7680" spans="8:17" x14ac:dyDescent="0.25">
      <c r="H7680" s="43">
        <v>7673</v>
      </c>
      <c r="I7680" s="55">
        <f>Bühler!I7706</f>
        <v>3.3273568453464137</v>
      </c>
      <c r="J7680" s="58">
        <f>Bühler!J7706</f>
        <v>36.888260911605848</v>
      </c>
      <c r="K7680" s="58">
        <f>Bühler!K7706</f>
        <v>2.1869942993067952</v>
      </c>
      <c r="L7680" s="58">
        <f>Bühler!L7706</f>
        <v>1.0934971496533976</v>
      </c>
      <c r="M7680" s="57">
        <f>Bühler!M7706</f>
        <v>0</v>
      </c>
      <c r="N7680" s="55">
        <f>IF(Input!$K$13=1,J7680*Input!$J$13,0)+IF(Input!$K$14=1,K7680*Input!$J$14,0)+IF(Input!$K$15=1,L7680*Input!$J$15,0)+IF(Input!$K$16=1,M7680*Input!$J$16,0)</f>
        <v>4.4265913093927018</v>
      </c>
      <c r="O7680" s="58">
        <f>IF(Input!$K$13=2,J7680*Input!$J$13,0)+IF(Input!$K$14=2,K7680*Input!$J$14,0)+IF(Input!$K$15=2,L7680*Input!$J$15,0)+IF(Input!$K$16=2,M7680*Input!$J$16,0)</f>
        <v>0.29524423040641734</v>
      </c>
      <c r="P7680" s="58">
        <f>IF(Input!$K$13=3,J7680*Input!$J$13,0)+IF(Input!$K$14=3,K7680*Input!$J$14,0)+IF(Input!$K$15=3,L7680*Input!$J$15,0)+IF(Input!$K$16=3,M7680*Input!$J$16,0)</f>
        <v>0</v>
      </c>
      <c r="Q7680" s="71">
        <f>IF(Input!$K$13=4,J7680*Input!$J$13,0)+IF(Input!$K$14=4,K7680*Input!$J$14,0)+IF(Input!$K$15=4,L7680*Input!$J$15,0)+IF(Input!$K$16=4,M7680*Input!$J$16,0)</f>
        <v>0</v>
      </c>
    </row>
    <row r="7681" spans="8:17" x14ac:dyDescent="0.25">
      <c r="H7681" s="43">
        <v>7674</v>
      </c>
      <c r="I7681" s="55">
        <f>Bühler!I7707</f>
        <v>2.6457023110750035</v>
      </c>
      <c r="J7681" s="58">
        <f>Bühler!J7707</f>
        <v>17.071736329591708</v>
      </c>
      <c r="K7681" s="58">
        <f>Bühler!K7707</f>
        <v>0.93341626090772312</v>
      </c>
      <c r="L7681" s="58">
        <f>Bühler!L7707</f>
        <v>0.46670813045386156</v>
      </c>
      <c r="M7681" s="57">
        <f>Bühler!M7707</f>
        <v>0</v>
      </c>
      <c r="N7681" s="55">
        <f>IF(Input!$K$13=1,J7681*Input!$J$13,0)+IF(Input!$K$14=1,K7681*Input!$J$14,0)+IF(Input!$K$15=1,L7681*Input!$J$15,0)+IF(Input!$K$16=1,M7681*Input!$J$16,0)</f>
        <v>2.0486083595510047</v>
      </c>
      <c r="O7681" s="58">
        <f>IF(Input!$K$13=2,J7681*Input!$J$13,0)+IF(Input!$K$14=2,K7681*Input!$J$14,0)+IF(Input!$K$15=2,L7681*Input!$J$15,0)+IF(Input!$K$16=2,M7681*Input!$J$16,0)</f>
        <v>0.12601119522254262</v>
      </c>
      <c r="P7681" s="58">
        <f>IF(Input!$K$13=3,J7681*Input!$J$13,0)+IF(Input!$K$14=3,K7681*Input!$J$14,0)+IF(Input!$K$15=3,L7681*Input!$J$15,0)+IF(Input!$K$16=3,M7681*Input!$J$16,0)</f>
        <v>0</v>
      </c>
      <c r="Q7681" s="71">
        <f>IF(Input!$K$13=4,J7681*Input!$J$13,0)+IF(Input!$K$14=4,K7681*Input!$J$14,0)+IF(Input!$K$15=4,L7681*Input!$J$15,0)+IF(Input!$K$16=4,M7681*Input!$J$16,0)</f>
        <v>0</v>
      </c>
    </row>
    <row r="7682" spans="8:17" x14ac:dyDescent="0.25">
      <c r="H7682" s="43">
        <v>7675</v>
      </c>
      <c r="I7682" s="55">
        <f>Bühler!I7708</f>
        <v>0.98079789103799953</v>
      </c>
      <c r="J7682" s="58">
        <f>Bühler!J7708</f>
        <v>10.438199873736398</v>
      </c>
      <c r="K7682" s="58">
        <f>Bühler!K7708</f>
        <v>0.61605473219909723</v>
      </c>
      <c r="L7682" s="58">
        <f>Bühler!L7708</f>
        <v>0.30802736609954862</v>
      </c>
      <c r="M7682" s="57">
        <f>Bühler!M7708</f>
        <v>0</v>
      </c>
      <c r="N7682" s="55">
        <f>IF(Input!$K$13=1,J7682*Input!$J$13,0)+IF(Input!$K$14=1,K7682*Input!$J$14,0)+IF(Input!$K$15=1,L7682*Input!$J$15,0)+IF(Input!$K$16=1,M7682*Input!$J$16,0)</f>
        <v>1.2525839848483677</v>
      </c>
      <c r="O7682" s="58">
        <f>IF(Input!$K$13=2,J7682*Input!$J$13,0)+IF(Input!$K$14=2,K7682*Input!$J$14,0)+IF(Input!$K$15=2,L7682*Input!$J$15,0)+IF(Input!$K$16=2,M7682*Input!$J$16,0)</f>
        <v>8.3167388846878132E-2</v>
      </c>
      <c r="P7682" s="58">
        <f>IF(Input!$K$13=3,J7682*Input!$J$13,0)+IF(Input!$K$14=3,K7682*Input!$J$14,0)+IF(Input!$K$15=3,L7682*Input!$J$15,0)+IF(Input!$K$16=3,M7682*Input!$J$16,0)</f>
        <v>0</v>
      </c>
      <c r="Q7682" s="71">
        <f>IF(Input!$K$13=4,J7682*Input!$J$13,0)+IF(Input!$K$14=4,K7682*Input!$J$14,0)+IF(Input!$K$15=4,L7682*Input!$J$15,0)+IF(Input!$K$16=4,M7682*Input!$J$16,0)</f>
        <v>0</v>
      </c>
    </row>
    <row r="7683" spans="8:17" x14ac:dyDescent="0.25">
      <c r="H7683" s="43">
        <v>7676</v>
      </c>
      <c r="I7683" s="55">
        <f>Bühler!I7709</f>
        <v>0.98079789103799953</v>
      </c>
      <c r="J7683" s="58">
        <f>Bühler!J7709</f>
        <v>10.438199873736398</v>
      </c>
      <c r="K7683" s="58">
        <f>Bühler!K7709</f>
        <v>0.61605473219909723</v>
      </c>
      <c r="L7683" s="58">
        <f>Bühler!L7709</f>
        <v>0.30802736609954862</v>
      </c>
      <c r="M7683" s="57">
        <f>Bühler!M7709</f>
        <v>0</v>
      </c>
      <c r="N7683" s="55">
        <f>IF(Input!$K$13=1,J7683*Input!$J$13,0)+IF(Input!$K$14=1,K7683*Input!$J$14,0)+IF(Input!$K$15=1,L7683*Input!$J$15,0)+IF(Input!$K$16=1,M7683*Input!$J$16,0)</f>
        <v>1.2525839848483677</v>
      </c>
      <c r="O7683" s="58">
        <f>IF(Input!$K$13=2,J7683*Input!$J$13,0)+IF(Input!$K$14=2,K7683*Input!$J$14,0)+IF(Input!$K$15=2,L7683*Input!$J$15,0)+IF(Input!$K$16=2,M7683*Input!$J$16,0)</f>
        <v>8.3167388846878132E-2</v>
      </c>
      <c r="P7683" s="58">
        <f>IF(Input!$K$13=3,J7683*Input!$J$13,0)+IF(Input!$K$14=3,K7683*Input!$J$14,0)+IF(Input!$K$15=3,L7683*Input!$J$15,0)+IF(Input!$K$16=3,M7683*Input!$J$16,0)</f>
        <v>0</v>
      </c>
      <c r="Q7683" s="71">
        <f>IF(Input!$K$13=4,J7683*Input!$J$13,0)+IF(Input!$K$14=4,K7683*Input!$J$14,0)+IF(Input!$K$15=4,L7683*Input!$J$15,0)+IF(Input!$K$16=4,M7683*Input!$J$16,0)</f>
        <v>0</v>
      </c>
    </row>
    <row r="7684" spans="8:17" x14ac:dyDescent="0.25">
      <c r="H7684" s="43">
        <v>7677</v>
      </c>
      <c r="I7684" s="55">
        <f>Bühler!I7710</f>
        <v>0.98079789103799953</v>
      </c>
      <c r="J7684" s="58">
        <f>Bühler!J7710</f>
        <v>10.438199873736398</v>
      </c>
      <c r="K7684" s="58">
        <f>Bühler!K7710</f>
        <v>0.61605473219909723</v>
      </c>
      <c r="L7684" s="58">
        <f>Bühler!L7710</f>
        <v>0.30802736609954862</v>
      </c>
      <c r="M7684" s="57">
        <f>Bühler!M7710</f>
        <v>0</v>
      </c>
      <c r="N7684" s="55">
        <f>IF(Input!$K$13=1,J7684*Input!$J$13,0)+IF(Input!$K$14=1,K7684*Input!$J$14,0)+IF(Input!$K$15=1,L7684*Input!$J$15,0)+IF(Input!$K$16=1,M7684*Input!$J$16,0)</f>
        <v>1.2525839848483677</v>
      </c>
      <c r="O7684" s="58">
        <f>IF(Input!$K$13=2,J7684*Input!$J$13,0)+IF(Input!$K$14=2,K7684*Input!$J$14,0)+IF(Input!$K$15=2,L7684*Input!$J$15,0)+IF(Input!$K$16=2,M7684*Input!$J$16,0)</f>
        <v>8.3167388846878132E-2</v>
      </c>
      <c r="P7684" s="58">
        <f>IF(Input!$K$13=3,J7684*Input!$J$13,0)+IF(Input!$K$14=3,K7684*Input!$J$14,0)+IF(Input!$K$15=3,L7684*Input!$J$15,0)+IF(Input!$K$16=3,M7684*Input!$J$16,0)</f>
        <v>0</v>
      </c>
      <c r="Q7684" s="71">
        <f>IF(Input!$K$13=4,J7684*Input!$J$13,0)+IF(Input!$K$14=4,K7684*Input!$J$14,0)+IF(Input!$K$15=4,L7684*Input!$J$15,0)+IF(Input!$K$16=4,M7684*Input!$J$16,0)</f>
        <v>0</v>
      </c>
    </row>
    <row r="7685" spans="8:17" x14ac:dyDescent="0.25">
      <c r="H7685" s="43">
        <v>7678</v>
      </c>
      <c r="I7685" s="55">
        <f>Bühler!I7711</f>
        <v>0.98079789103799953</v>
      </c>
      <c r="J7685" s="58">
        <f>Bühler!J7711</f>
        <v>10.438199873736398</v>
      </c>
      <c r="K7685" s="58">
        <f>Bühler!K7711</f>
        <v>0.61605473219909723</v>
      </c>
      <c r="L7685" s="58">
        <f>Bühler!L7711</f>
        <v>0.30802736609954862</v>
      </c>
      <c r="M7685" s="57">
        <f>Bühler!M7711</f>
        <v>0</v>
      </c>
      <c r="N7685" s="55">
        <f>IF(Input!$K$13=1,J7685*Input!$J$13,0)+IF(Input!$K$14=1,K7685*Input!$J$14,0)+IF(Input!$K$15=1,L7685*Input!$J$15,0)+IF(Input!$K$16=1,M7685*Input!$J$16,0)</f>
        <v>1.2525839848483677</v>
      </c>
      <c r="O7685" s="58">
        <f>IF(Input!$K$13=2,J7685*Input!$J$13,0)+IF(Input!$K$14=2,K7685*Input!$J$14,0)+IF(Input!$K$15=2,L7685*Input!$J$15,0)+IF(Input!$K$16=2,M7685*Input!$J$16,0)</f>
        <v>8.3167388846878132E-2</v>
      </c>
      <c r="P7685" s="58">
        <f>IF(Input!$K$13=3,J7685*Input!$J$13,0)+IF(Input!$K$14=3,K7685*Input!$J$14,0)+IF(Input!$K$15=3,L7685*Input!$J$15,0)+IF(Input!$K$16=3,M7685*Input!$J$16,0)</f>
        <v>0</v>
      </c>
      <c r="Q7685" s="71">
        <f>IF(Input!$K$13=4,J7685*Input!$J$13,0)+IF(Input!$K$14=4,K7685*Input!$J$14,0)+IF(Input!$K$15=4,L7685*Input!$J$15,0)+IF(Input!$K$16=4,M7685*Input!$J$16,0)</f>
        <v>0</v>
      </c>
    </row>
    <row r="7686" spans="8:17" x14ac:dyDescent="0.25">
      <c r="H7686" s="43">
        <v>7679</v>
      </c>
      <c r="I7686" s="55">
        <f>Bühler!I7712</f>
        <v>0.98079789103799953</v>
      </c>
      <c r="J7686" s="58">
        <f>Bühler!J7712</f>
        <v>10.438199873736398</v>
      </c>
      <c r="K7686" s="58">
        <f>Bühler!K7712</f>
        <v>0.61605473219909723</v>
      </c>
      <c r="L7686" s="58">
        <f>Bühler!L7712</f>
        <v>0.30802736609954862</v>
      </c>
      <c r="M7686" s="57">
        <f>Bühler!M7712</f>
        <v>0</v>
      </c>
      <c r="N7686" s="55">
        <f>IF(Input!$K$13=1,J7686*Input!$J$13,0)+IF(Input!$K$14=1,K7686*Input!$J$14,0)+IF(Input!$K$15=1,L7686*Input!$J$15,0)+IF(Input!$K$16=1,M7686*Input!$J$16,0)</f>
        <v>1.2525839848483677</v>
      </c>
      <c r="O7686" s="58">
        <f>IF(Input!$K$13=2,J7686*Input!$J$13,0)+IF(Input!$K$14=2,K7686*Input!$J$14,0)+IF(Input!$K$15=2,L7686*Input!$J$15,0)+IF(Input!$K$16=2,M7686*Input!$J$16,0)</f>
        <v>8.3167388846878132E-2</v>
      </c>
      <c r="P7686" s="58">
        <f>IF(Input!$K$13=3,J7686*Input!$J$13,0)+IF(Input!$K$14=3,K7686*Input!$J$14,0)+IF(Input!$K$15=3,L7686*Input!$J$15,0)+IF(Input!$K$16=3,M7686*Input!$J$16,0)</f>
        <v>0</v>
      </c>
      <c r="Q7686" s="71">
        <f>IF(Input!$K$13=4,J7686*Input!$J$13,0)+IF(Input!$K$14=4,K7686*Input!$J$14,0)+IF(Input!$K$15=4,L7686*Input!$J$15,0)+IF(Input!$K$16=4,M7686*Input!$J$16,0)</f>
        <v>0</v>
      </c>
    </row>
    <row r="7687" spans="8:17" x14ac:dyDescent="0.25">
      <c r="H7687" s="43">
        <v>7680</v>
      </c>
      <c r="I7687" s="55">
        <f>Bühler!I7713</f>
        <v>0.98079789103799953</v>
      </c>
      <c r="J7687" s="58">
        <f>Bühler!J7713</f>
        <v>10.438199873736398</v>
      </c>
      <c r="K7687" s="58">
        <f>Bühler!K7713</f>
        <v>0.61605473219909723</v>
      </c>
      <c r="L7687" s="58">
        <f>Bühler!L7713</f>
        <v>0.30802736609954862</v>
      </c>
      <c r="M7687" s="57">
        <f>Bühler!M7713</f>
        <v>0</v>
      </c>
      <c r="N7687" s="55">
        <f>IF(Input!$K$13=1,J7687*Input!$J$13,0)+IF(Input!$K$14=1,K7687*Input!$J$14,0)+IF(Input!$K$15=1,L7687*Input!$J$15,0)+IF(Input!$K$16=1,M7687*Input!$J$16,0)</f>
        <v>1.2525839848483677</v>
      </c>
      <c r="O7687" s="58">
        <f>IF(Input!$K$13=2,J7687*Input!$J$13,0)+IF(Input!$K$14=2,K7687*Input!$J$14,0)+IF(Input!$K$15=2,L7687*Input!$J$15,0)+IF(Input!$K$16=2,M7687*Input!$J$16,0)</f>
        <v>8.3167388846878132E-2</v>
      </c>
      <c r="P7687" s="58">
        <f>IF(Input!$K$13=3,J7687*Input!$J$13,0)+IF(Input!$K$14=3,K7687*Input!$J$14,0)+IF(Input!$K$15=3,L7687*Input!$J$15,0)+IF(Input!$K$16=3,M7687*Input!$J$16,0)</f>
        <v>0</v>
      </c>
      <c r="Q7687" s="71">
        <f>IF(Input!$K$13=4,J7687*Input!$J$13,0)+IF(Input!$K$14=4,K7687*Input!$J$14,0)+IF(Input!$K$15=4,L7687*Input!$J$15,0)+IF(Input!$K$16=4,M7687*Input!$J$16,0)</f>
        <v>0</v>
      </c>
    </row>
    <row r="7688" spans="8:17" x14ac:dyDescent="0.25">
      <c r="H7688" s="43">
        <v>7681</v>
      </c>
      <c r="I7688" s="55">
        <f>Bühler!I7714</f>
        <v>2.155738147594652</v>
      </c>
      <c r="J7688" s="58">
        <f>Bühler!J7714</f>
        <v>18.36502658850015</v>
      </c>
      <c r="K7688" s="58">
        <f>Bühler!K7714</f>
        <v>0.96155782365090803</v>
      </c>
      <c r="L7688" s="58">
        <f>Bühler!L7714</f>
        <v>0.48077891182545401</v>
      </c>
      <c r="M7688" s="57">
        <f>Bühler!M7714</f>
        <v>0</v>
      </c>
      <c r="N7688" s="55">
        <f>IF(Input!$K$13=1,J7688*Input!$J$13,0)+IF(Input!$K$14=1,K7688*Input!$J$14,0)+IF(Input!$K$15=1,L7688*Input!$J$15,0)+IF(Input!$K$16=1,M7688*Input!$J$16,0)</f>
        <v>2.2038031906200177</v>
      </c>
      <c r="O7688" s="58">
        <f>IF(Input!$K$13=2,J7688*Input!$J$13,0)+IF(Input!$K$14=2,K7688*Input!$J$14,0)+IF(Input!$K$15=2,L7688*Input!$J$15,0)+IF(Input!$K$16=2,M7688*Input!$J$16,0)</f>
        <v>0.12981030619287259</v>
      </c>
      <c r="P7688" s="58">
        <f>IF(Input!$K$13=3,J7688*Input!$J$13,0)+IF(Input!$K$14=3,K7688*Input!$J$14,0)+IF(Input!$K$15=3,L7688*Input!$J$15,0)+IF(Input!$K$16=3,M7688*Input!$J$16,0)</f>
        <v>0</v>
      </c>
      <c r="Q7688" s="71">
        <f>IF(Input!$K$13=4,J7688*Input!$J$13,0)+IF(Input!$K$14=4,K7688*Input!$J$14,0)+IF(Input!$K$15=4,L7688*Input!$J$15,0)+IF(Input!$K$16=4,M7688*Input!$J$16,0)</f>
        <v>0</v>
      </c>
    </row>
    <row r="7689" spans="8:17" x14ac:dyDescent="0.25">
      <c r="H7689" s="43">
        <v>7682</v>
      </c>
      <c r="I7689" s="55">
        <f>Bühler!I7715</f>
        <v>2.155738147594652</v>
      </c>
      <c r="J7689" s="58">
        <f>Bühler!J7715</f>
        <v>12.050318505513973</v>
      </c>
      <c r="K7689" s="58">
        <f>Bühler!K7715</f>
        <v>0.58276231736418671</v>
      </c>
      <c r="L7689" s="58">
        <f>Bühler!L7715</f>
        <v>0.29138115868209336</v>
      </c>
      <c r="M7689" s="57">
        <f>Bühler!M7715</f>
        <v>0</v>
      </c>
      <c r="N7689" s="55">
        <f>IF(Input!$K$13=1,J7689*Input!$J$13,0)+IF(Input!$K$14=1,K7689*Input!$J$14,0)+IF(Input!$K$15=1,L7689*Input!$J$15,0)+IF(Input!$K$16=1,M7689*Input!$J$16,0)</f>
        <v>1.4460382206616766</v>
      </c>
      <c r="O7689" s="58">
        <f>IF(Input!$K$13=2,J7689*Input!$J$13,0)+IF(Input!$K$14=2,K7689*Input!$J$14,0)+IF(Input!$K$15=2,L7689*Input!$J$15,0)+IF(Input!$K$16=2,M7689*Input!$J$16,0)</f>
        <v>7.8672912844165194E-2</v>
      </c>
      <c r="P7689" s="58">
        <f>IF(Input!$K$13=3,J7689*Input!$J$13,0)+IF(Input!$K$14=3,K7689*Input!$J$14,0)+IF(Input!$K$15=3,L7689*Input!$J$15,0)+IF(Input!$K$16=3,M7689*Input!$J$16,0)</f>
        <v>0</v>
      </c>
      <c r="Q7689" s="71">
        <f>IF(Input!$K$13=4,J7689*Input!$J$13,0)+IF(Input!$K$14=4,K7689*Input!$J$14,0)+IF(Input!$K$15=4,L7689*Input!$J$15,0)+IF(Input!$K$16=4,M7689*Input!$J$16,0)</f>
        <v>0</v>
      </c>
    </row>
    <row r="7690" spans="8:17" x14ac:dyDescent="0.25">
      <c r="H7690" s="43">
        <v>7683</v>
      </c>
      <c r="I7690" s="55">
        <f>Bühler!I7716</f>
        <v>2.155738147594652</v>
      </c>
      <c r="J7690" s="58">
        <f>Bühler!J7716</f>
        <v>12.050318505513973</v>
      </c>
      <c r="K7690" s="58">
        <f>Bühler!K7716</f>
        <v>0.58276231736418671</v>
      </c>
      <c r="L7690" s="58">
        <f>Bühler!L7716</f>
        <v>0.29138115868209336</v>
      </c>
      <c r="M7690" s="57">
        <f>Bühler!M7716</f>
        <v>0</v>
      </c>
      <c r="N7690" s="55">
        <f>IF(Input!$K$13=1,J7690*Input!$J$13,0)+IF(Input!$K$14=1,K7690*Input!$J$14,0)+IF(Input!$K$15=1,L7690*Input!$J$15,0)+IF(Input!$K$16=1,M7690*Input!$J$16,0)</f>
        <v>1.4460382206616766</v>
      </c>
      <c r="O7690" s="58">
        <f>IF(Input!$K$13=2,J7690*Input!$J$13,0)+IF(Input!$K$14=2,K7690*Input!$J$14,0)+IF(Input!$K$15=2,L7690*Input!$J$15,0)+IF(Input!$K$16=2,M7690*Input!$J$16,0)</f>
        <v>7.8672912844165194E-2</v>
      </c>
      <c r="P7690" s="58">
        <f>IF(Input!$K$13=3,J7690*Input!$J$13,0)+IF(Input!$K$14=3,K7690*Input!$J$14,0)+IF(Input!$K$15=3,L7690*Input!$J$15,0)+IF(Input!$K$16=3,M7690*Input!$J$16,0)</f>
        <v>0</v>
      </c>
      <c r="Q7690" s="71">
        <f>IF(Input!$K$13=4,J7690*Input!$J$13,0)+IF(Input!$K$14=4,K7690*Input!$J$14,0)+IF(Input!$K$15=4,L7690*Input!$J$15,0)+IF(Input!$K$16=4,M7690*Input!$J$16,0)</f>
        <v>0</v>
      </c>
    </row>
    <row r="7691" spans="8:17" x14ac:dyDescent="0.25">
      <c r="H7691" s="43">
        <v>7684</v>
      </c>
      <c r="I7691" s="55">
        <f>Bühler!I7717</f>
        <v>2.155738147594652</v>
      </c>
      <c r="J7691" s="58">
        <f>Bühler!J7717</f>
        <v>12.050318505513973</v>
      </c>
      <c r="K7691" s="58">
        <f>Bühler!K7717</f>
        <v>0.58276231736418671</v>
      </c>
      <c r="L7691" s="58">
        <f>Bühler!L7717</f>
        <v>0.29138115868209336</v>
      </c>
      <c r="M7691" s="57">
        <f>Bühler!M7717</f>
        <v>0</v>
      </c>
      <c r="N7691" s="55">
        <f>IF(Input!$K$13=1,J7691*Input!$J$13,0)+IF(Input!$K$14=1,K7691*Input!$J$14,0)+IF(Input!$K$15=1,L7691*Input!$J$15,0)+IF(Input!$K$16=1,M7691*Input!$J$16,0)</f>
        <v>1.4460382206616766</v>
      </c>
      <c r="O7691" s="58">
        <f>IF(Input!$K$13=2,J7691*Input!$J$13,0)+IF(Input!$K$14=2,K7691*Input!$J$14,0)+IF(Input!$K$15=2,L7691*Input!$J$15,0)+IF(Input!$K$16=2,M7691*Input!$J$16,0)</f>
        <v>7.8672912844165194E-2</v>
      </c>
      <c r="P7691" s="58">
        <f>IF(Input!$K$13=3,J7691*Input!$J$13,0)+IF(Input!$K$14=3,K7691*Input!$J$14,0)+IF(Input!$K$15=3,L7691*Input!$J$15,0)+IF(Input!$K$16=3,M7691*Input!$J$16,0)</f>
        <v>0</v>
      </c>
      <c r="Q7691" s="71">
        <f>IF(Input!$K$13=4,J7691*Input!$J$13,0)+IF(Input!$K$14=4,K7691*Input!$J$14,0)+IF(Input!$K$15=4,L7691*Input!$J$15,0)+IF(Input!$K$16=4,M7691*Input!$J$16,0)</f>
        <v>0</v>
      </c>
    </row>
    <row r="7692" spans="8:17" x14ac:dyDescent="0.25">
      <c r="H7692" s="43">
        <v>7685</v>
      </c>
      <c r="I7692" s="55">
        <f>Bühler!I7718</f>
        <v>2.155738147594652</v>
      </c>
      <c r="J7692" s="58">
        <f>Bühler!J7718</f>
        <v>12.050318505513973</v>
      </c>
      <c r="K7692" s="58">
        <f>Bühler!K7718</f>
        <v>0.58276231736418671</v>
      </c>
      <c r="L7692" s="58">
        <f>Bühler!L7718</f>
        <v>0.29138115868209336</v>
      </c>
      <c r="M7692" s="57">
        <f>Bühler!M7718</f>
        <v>0</v>
      </c>
      <c r="N7692" s="55">
        <f>IF(Input!$K$13=1,J7692*Input!$J$13,0)+IF(Input!$K$14=1,K7692*Input!$J$14,0)+IF(Input!$K$15=1,L7692*Input!$J$15,0)+IF(Input!$K$16=1,M7692*Input!$J$16,0)</f>
        <v>1.4460382206616766</v>
      </c>
      <c r="O7692" s="58">
        <f>IF(Input!$K$13=2,J7692*Input!$J$13,0)+IF(Input!$K$14=2,K7692*Input!$J$14,0)+IF(Input!$K$15=2,L7692*Input!$J$15,0)+IF(Input!$K$16=2,M7692*Input!$J$16,0)</f>
        <v>7.8672912844165194E-2</v>
      </c>
      <c r="P7692" s="58">
        <f>IF(Input!$K$13=3,J7692*Input!$J$13,0)+IF(Input!$K$14=3,K7692*Input!$J$14,0)+IF(Input!$K$15=3,L7692*Input!$J$15,0)+IF(Input!$K$16=3,M7692*Input!$J$16,0)</f>
        <v>0</v>
      </c>
      <c r="Q7692" s="71">
        <f>IF(Input!$K$13=4,J7692*Input!$J$13,0)+IF(Input!$K$14=4,K7692*Input!$J$14,0)+IF(Input!$K$15=4,L7692*Input!$J$15,0)+IF(Input!$K$16=4,M7692*Input!$J$16,0)</f>
        <v>0</v>
      </c>
    </row>
    <row r="7693" spans="8:17" x14ac:dyDescent="0.25">
      <c r="H7693" s="43">
        <v>7686</v>
      </c>
      <c r="I7693" s="55">
        <f>Bühler!I7719</f>
        <v>2.155738147594652</v>
      </c>
      <c r="J7693" s="58">
        <f>Bühler!J7719</f>
        <v>12.050318505513973</v>
      </c>
      <c r="K7693" s="58">
        <f>Bühler!K7719</f>
        <v>0.58276231736418671</v>
      </c>
      <c r="L7693" s="58">
        <f>Bühler!L7719</f>
        <v>0.29138115868209336</v>
      </c>
      <c r="M7693" s="57">
        <f>Bühler!M7719</f>
        <v>0</v>
      </c>
      <c r="N7693" s="55">
        <f>IF(Input!$K$13=1,J7693*Input!$J$13,0)+IF(Input!$K$14=1,K7693*Input!$J$14,0)+IF(Input!$K$15=1,L7693*Input!$J$15,0)+IF(Input!$K$16=1,M7693*Input!$J$16,0)</f>
        <v>1.4460382206616766</v>
      </c>
      <c r="O7693" s="58">
        <f>IF(Input!$K$13=2,J7693*Input!$J$13,0)+IF(Input!$K$14=2,K7693*Input!$J$14,0)+IF(Input!$K$15=2,L7693*Input!$J$15,0)+IF(Input!$K$16=2,M7693*Input!$J$16,0)</f>
        <v>7.8672912844165194E-2</v>
      </c>
      <c r="P7693" s="58">
        <f>IF(Input!$K$13=3,J7693*Input!$J$13,0)+IF(Input!$K$14=3,K7693*Input!$J$14,0)+IF(Input!$K$15=3,L7693*Input!$J$15,0)+IF(Input!$K$16=3,M7693*Input!$J$16,0)</f>
        <v>0</v>
      </c>
      <c r="Q7693" s="71">
        <f>IF(Input!$K$13=4,J7693*Input!$J$13,0)+IF(Input!$K$14=4,K7693*Input!$J$14,0)+IF(Input!$K$15=4,L7693*Input!$J$15,0)+IF(Input!$K$16=4,M7693*Input!$J$16,0)</f>
        <v>0</v>
      </c>
    </row>
    <row r="7694" spans="8:17" x14ac:dyDescent="0.25">
      <c r="H7694" s="43">
        <v>7687</v>
      </c>
      <c r="I7694" s="55">
        <f>Bühler!I7720</f>
        <v>2.155738147594652</v>
      </c>
      <c r="J7694" s="58">
        <f>Bühler!J7720</f>
        <v>12.050318505513973</v>
      </c>
      <c r="K7694" s="58">
        <f>Bühler!K7720</f>
        <v>0.58276231736418671</v>
      </c>
      <c r="L7694" s="58">
        <f>Bühler!L7720</f>
        <v>0.29138115868209336</v>
      </c>
      <c r="M7694" s="57">
        <f>Bühler!M7720</f>
        <v>0</v>
      </c>
      <c r="N7694" s="55">
        <f>IF(Input!$K$13=1,J7694*Input!$J$13,0)+IF(Input!$K$14=1,K7694*Input!$J$14,0)+IF(Input!$K$15=1,L7694*Input!$J$15,0)+IF(Input!$K$16=1,M7694*Input!$J$16,0)</f>
        <v>1.4460382206616766</v>
      </c>
      <c r="O7694" s="58">
        <f>IF(Input!$K$13=2,J7694*Input!$J$13,0)+IF(Input!$K$14=2,K7694*Input!$J$14,0)+IF(Input!$K$15=2,L7694*Input!$J$15,0)+IF(Input!$K$16=2,M7694*Input!$J$16,0)</f>
        <v>7.8672912844165194E-2</v>
      </c>
      <c r="P7694" s="58">
        <f>IF(Input!$K$13=3,J7694*Input!$J$13,0)+IF(Input!$K$14=3,K7694*Input!$J$14,0)+IF(Input!$K$15=3,L7694*Input!$J$15,0)+IF(Input!$K$16=3,M7694*Input!$J$16,0)</f>
        <v>0</v>
      </c>
      <c r="Q7694" s="71">
        <f>IF(Input!$K$13=4,J7694*Input!$J$13,0)+IF(Input!$K$14=4,K7694*Input!$J$14,0)+IF(Input!$K$15=4,L7694*Input!$J$15,0)+IF(Input!$K$16=4,M7694*Input!$J$16,0)</f>
        <v>0</v>
      </c>
    </row>
    <row r="7695" spans="8:17" x14ac:dyDescent="0.25">
      <c r="H7695" s="43">
        <v>7688</v>
      </c>
      <c r="I7695" s="55">
        <f>Bühler!I7721</f>
        <v>5.8413549805790561</v>
      </c>
      <c r="J7695" s="58">
        <f>Bühler!J7721</f>
        <v>47.713759844634183</v>
      </c>
      <c r="K7695" s="58">
        <f>Bühler!K7721</f>
        <v>2.4825674719714352</v>
      </c>
      <c r="L7695" s="58">
        <f>Bühler!L7721</f>
        <v>1.2412837359857176</v>
      </c>
      <c r="M7695" s="57">
        <f>Bühler!M7721</f>
        <v>0</v>
      </c>
      <c r="N7695" s="55">
        <f>IF(Input!$K$13=1,J7695*Input!$J$13,0)+IF(Input!$K$14=1,K7695*Input!$J$14,0)+IF(Input!$K$15=1,L7695*Input!$J$15,0)+IF(Input!$K$16=1,M7695*Input!$J$16,0)</f>
        <v>5.7256511813561017</v>
      </c>
      <c r="O7695" s="58">
        <f>IF(Input!$K$13=2,J7695*Input!$J$13,0)+IF(Input!$K$14=2,K7695*Input!$J$14,0)+IF(Input!$K$15=2,L7695*Input!$J$15,0)+IF(Input!$K$16=2,M7695*Input!$J$16,0)</f>
        <v>0.33514660871614377</v>
      </c>
      <c r="P7695" s="58">
        <f>IF(Input!$K$13=3,J7695*Input!$J$13,0)+IF(Input!$K$14=3,K7695*Input!$J$14,0)+IF(Input!$K$15=3,L7695*Input!$J$15,0)+IF(Input!$K$16=3,M7695*Input!$J$16,0)</f>
        <v>0</v>
      </c>
      <c r="Q7695" s="71">
        <f>IF(Input!$K$13=4,J7695*Input!$J$13,0)+IF(Input!$K$14=4,K7695*Input!$J$14,0)+IF(Input!$K$15=4,L7695*Input!$J$15,0)+IF(Input!$K$16=4,M7695*Input!$J$16,0)</f>
        <v>0</v>
      </c>
    </row>
    <row r="7696" spans="8:17" x14ac:dyDescent="0.25">
      <c r="H7696" s="43">
        <v>7689</v>
      </c>
      <c r="I7696" s="55">
        <f>Bühler!I7722</f>
        <v>7.3016937257238208</v>
      </c>
      <c r="J7696" s="58">
        <f>Bühler!J7722</f>
        <v>59.642199805792728</v>
      </c>
      <c r="K7696" s="58">
        <f>Bühler!K7722</f>
        <v>3.1032093399642942</v>
      </c>
      <c r="L7696" s="58">
        <f>Bühler!L7722</f>
        <v>1.5516046699821471</v>
      </c>
      <c r="M7696" s="57">
        <f>Bühler!M7722</f>
        <v>0</v>
      </c>
      <c r="N7696" s="55">
        <f>IF(Input!$K$13=1,J7696*Input!$J$13,0)+IF(Input!$K$14=1,K7696*Input!$J$14,0)+IF(Input!$K$15=1,L7696*Input!$J$15,0)+IF(Input!$K$16=1,M7696*Input!$J$16,0)</f>
        <v>7.1570639766951274</v>
      </c>
      <c r="O7696" s="58">
        <f>IF(Input!$K$13=2,J7696*Input!$J$13,0)+IF(Input!$K$14=2,K7696*Input!$J$14,0)+IF(Input!$K$15=2,L7696*Input!$J$15,0)+IF(Input!$K$16=2,M7696*Input!$J$16,0)</f>
        <v>0.41893326089517968</v>
      </c>
      <c r="P7696" s="58">
        <f>IF(Input!$K$13=3,J7696*Input!$J$13,0)+IF(Input!$K$14=3,K7696*Input!$J$14,0)+IF(Input!$K$15=3,L7696*Input!$J$15,0)+IF(Input!$K$16=3,M7696*Input!$J$16,0)</f>
        <v>0</v>
      </c>
      <c r="Q7696" s="71">
        <f>IF(Input!$K$13=4,J7696*Input!$J$13,0)+IF(Input!$K$14=4,K7696*Input!$J$14,0)+IF(Input!$K$15=4,L7696*Input!$J$15,0)+IF(Input!$K$16=4,M7696*Input!$J$16,0)</f>
        <v>0</v>
      </c>
    </row>
    <row r="7697" spans="8:17" x14ac:dyDescent="0.25">
      <c r="H7697" s="43">
        <v>7690</v>
      </c>
      <c r="I7697" s="55">
        <f>Bühler!I7723</f>
        <v>8.0318630982962027</v>
      </c>
      <c r="J7697" s="58">
        <f>Bühler!J7723</f>
        <v>65.606419786372001</v>
      </c>
      <c r="K7697" s="58">
        <f>Bühler!K7723</f>
        <v>3.4135302739607236</v>
      </c>
      <c r="L7697" s="58">
        <f>Bühler!L7723</f>
        <v>1.7067651369803618</v>
      </c>
      <c r="M7697" s="57">
        <f>Bühler!M7723</f>
        <v>0</v>
      </c>
      <c r="N7697" s="55">
        <f>IF(Input!$K$13=1,J7697*Input!$J$13,0)+IF(Input!$K$14=1,K7697*Input!$J$14,0)+IF(Input!$K$15=1,L7697*Input!$J$15,0)+IF(Input!$K$16=1,M7697*Input!$J$16,0)</f>
        <v>7.8727703743646398</v>
      </c>
      <c r="O7697" s="58">
        <f>IF(Input!$K$13=2,J7697*Input!$J$13,0)+IF(Input!$K$14=2,K7697*Input!$J$14,0)+IF(Input!$K$15=2,L7697*Input!$J$15,0)+IF(Input!$K$16=2,M7697*Input!$J$16,0)</f>
        <v>0.46082658698469764</v>
      </c>
      <c r="P7697" s="58">
        <f>IF(Input!$K$13=3,J7697*Input!$J$13,0)+IF(Input!$K$14=3,K7697*Input!$J$14,0)+IF(Input!$K$15=3,L7697*Input!$J$15,0)+IF(Input!$K$16=3,M7697*Input!$J$16,0)</f>
        <v>0</v>
      </c>
      <c r="Q7697" s="71">
        <f>IF(Input!$K$13=4,J7697*Input!$J$13,0)+IF(Input!$K$14=4,K7697*Input!$J$14,0)+IF(Input!$K$15=4,L7697*Input!$J$15,0)+IF(Input!$K$16=4,M7697*Input!$J$16,0)</f>
        <v>0</v>
      </c>
    </row>
    <row r="7698" spans="8:17" x14ac:dyDescent="0.25">
      <c r="H7698" s="43">
        <v>7691</v>
      </c>
      <c r="I7698" s="55">
        <f>Bühler!I7724</f>
        <v>8.0318630982962027</v>
      </c>
      <c r="J7698" s="58">
        <f>Bühler!J7724</f>
        <v>65.606419786372001</v>
      </c>
      <c r="K7698" s="58">
        <f>Bühler!K7724</f>
        <v>3.4135302739607236</v>
      </c>
      <c r="L7698" s="58">
        <f>Bühler!L7724</f>
        <v>1.7067651369803618</v>
      </c>
      <c r="M7698" s="57">
        <f>Bühler!M7724</f>
        <v>0</v>
      </c>
      <c r="N7698" s="55">
        <f>IF(Input!$K$13=1,J7698*Input!$J$13,0)+IF(Input!$K$14=1,K7698*Input!$J$14,0)+IF(Input!$K$15=1,L7698*Input!$J$15,0)+IF(Input!$K$16=1,M7698*Input!$J$16,0)</f>
        <v>7.8727703743646398</v>
      </c>
      <c r="O7698" s="58">
        <f>IF(Input!$K$13=2,J7698*Input!$J$13,0)+IF(Input!$K$14=2,K7698*Input!$J$14,0)+IF(Input!$K$15=2,L7698*Input!$J$15,0)+IF(Input!$K$16=2,M7698*Input!$J$16,0)</f>
        <v>0.46082658698469764</v>
      </c>
      <c r="P7698" s="58">
        <f>IF(Input!$K$13=3,J7698*Input!$J$13,0)+IF(Input!$K$14=3,K7698*Input!$J$14,0)+IF(Input!$K$15=3,L7698*Input!$J$15,0)+IF(Input!$K$16=3,M7698*Input!$J$16,0)</f>
        <v>0</v>
      </c>
      <c r="Q7698" s="71">
        <f>IF(Input!$K$13=4,J7698*Input!$J$13,0)+IF(Input!$K$14=4,K7698*Input!$J$14,0)+IF(Input!$K$15=4,L7698*Input!$J$15,0)+IF(Input!$K$16=4,M7698*Input!$J$16,0)</f>
        <v>0</v>
      </c>
    </row>
    <row r="7699" spans="8:17" x14ac:dyDescent="0.25">
      <c r="H7699" s="43">
        <v>7692</v>
      </c>
      <c r="I7699" s="55">
        <f>Bühler!I7725</f>
        <v>9.4922018434409665</v>
      </c>
      <c r="J7699" s="58">
        <f>Bühler!J7725</f>
        <v>77.534859747530547</v>
      </c>
      <c r="K7699" s="58">
        <f>Bühler!K7725</f>
        <v>4.034172141953583</v>
      </c>
      <c r="L7699" s="58">
        <f>Bühler!L7725</f>
        <v>2.0170860709767915</v>
      </c>
      <c r="M7699" s="57">
        <f>Bühler!M7725</f>
        <v>0</v>
      </c>
      <c r="N7699" s="55">
        <f>IF(Input!$K$13=1,J7699*Input!$J$13,0)+IF(Input!$K$14=1,K7699*Input!$J$14,0)+IF(Input!$K$15=1,L7699*Input!$J$15,0)+IF(Input!$K$16=1,M7699*Input!$J$16,0)</f>
        <v>9.3041831697036645</v>
      </c>
      <c r="O7699" s="58">
        <f>IF(Input!$K$13=2,J7699*Input!$J$13,0)+IF(Input!$K$14=2,K7699*Input!$J$14,0)+IF(Input!$K$15=2,L7699*Input!$J$15,0)+IF(Input!$K$16=2,M7699*Input!$J$16,0)</f>
        <v>0.54461323916373372</v>
      </c>
      <c r="P7699" s="58">
        <f>IF(Input!$K$13=3,J7699*Input!$J$13,0)+IF(Input!$K$14=3,K7699*Input!$J$14,0)+IF(Input!$K$15=3,L7699*Input!$J$15,0)+IF(Input!$K$16=3,M7699*Input!$J$16,0)</f>
        <v>0</v>
      </c>
      <c r="Q7699" s="71">
        <f>IF(Input!$K$13=4,J7699*Input!$J$13,0)+IF(Input!$K$14=4,K7699*Input!$J$14,0)+IF(Input!$K$15=4,L7699*Input!$J$15,0)+IF(Input!$K$16=4,M7699*Input!$J$16,0)</f>
        <v>0</v>
      </c>
    </row>
    <row r="7700" spans="8:17" x14ac:dyDescent="0.25">
      <c r="H7700" s="43">
        <v>7693</v>
      </c>
      <c r="I7700" s="55">
        <f>Bühler!I7726</f>
        <v>9.4922018434409665</v>
      </c>
      <c r="J7700" s="58">
        <f>Bühler!J7726</f>
        <v>77.534859747530547</v>
      </c>
      <c r="K7700" s="58">
        <f>Bühler!K7726</f>
        <v>4.034172141953583</v>
      </c>
      <c r="L7700" s="58">
        <f>Bühler!L7726</f>
        <v>2.0170860709767915</v>
      </c>
      <c r="M7700" s="57">
        <f>Bühler!M7726</f>
        <v>0</v>
      </c>
      <c r="N7700" s="55">
        <f>IF(Input!$K$13=1,J7700*Input!$J$13,0)+IF(Input!$K$14=1,K7700*Input!$J$14,0)+IF(Input!$K$15=1,L7700*Input!$J$15,0)+IF(Input!$K$16=1,M7700*Input!$J$16,0)</f>
        <v>9.3041831697036645</v>
      </c>
      <c r="O7700" s="58">
        <f>IF(Input!$K$13=2,J7700*Input!$J$13,0)+IF(Input!$K$14=2,K7700*Input!$J$14,0)+IF(Input!$K$15=2,L7700*Input!$J$15,0)+IF(Input!$K$16=2,M7700*Input!$J$16,0)</f>
        <v>0.54461323916373372</v>
      </c>
      <c r="P7700" s="58">
        <f>IF(Input!$K$13=3,J7700*Input!$J$13,0)+IF(Input!$K$14=3,K7700*Input!$J$14,0)+IF(Input!$K$15=3,L7700*Input!$J$15,0)+IF(Input!$K$16=3,M7700*Input!$J$16,0)</f>
        <v>0</v>
      </c>
      <c r="Q7700" s="71">
        <f>IF(Input!$K$13=4,J7700*Input!$J$13,0)+IF(Input!$K$14=4,K7700*Input!$J$14,0)+IF(Input!$K$15=4,L7700*Input!$J$15,0)+IF(Input!$K$16=4,M7700*Input!$J$16,0)</f>
        <v>0</v>
      </c>
    </row>
    <row r="7701" spans="8:17" x14ac:dyDescent="0.25">
      <c r="H7701" s="43">
        <v>7694</v>
      </c>
      <c r="I7701" s="55">
        <f>Bühler!I7727</f>
        <v>6.5715243531514389</v>
      </c>
      <c r="J7701" s="58">
        <f>Bühler!J7727</f>
        <v>53.677979825213448</v>
      </c>
      <c r="K7701" s="58">
        <f>Bühler!K7727</f>
        <v>2.7928884059678647</v>
      </c>
      <c r="L7701" s="58">
        <f>Bühler!L7727</f>
        <v>1.3964442029839323</v>
      </c>
      <c r="M7701" s="57">
        <f>Bühler!M7727</f>
        <v>0</v>
      </c>
      <c r="N7701" s="55">
        <f>IF(Input!$K$13=1,J7701*Input!$J$13,0)+IF(Input!$K$14=1,K7701*Input!$J$14,0)+IF(Input!$K$15=1,L7701*Input!$J$15,0)+IF(Input!$K$16=1,M7701*Input!$J$16,0)</f>
        <v>6.4413575790256132</v>
      </c>
      <c r="O7701" s="58">
        <f>IF(Input!$K$13=2,J7701*Input!$J$13,0)+IF(Input!$K$14=2,K7701*Input!$J$14,0)+IF(Input!$K$15=2,L7701*Input!$J$15,0)+IF(Input!$K$16=2,M7701*Input!$J$16,0)</f>
        <v>0.37703993480566173</v>
      </c>
      <c r="P7701" s="58">
        <f>IF(Input!$K$13=3,J7701*Input!$J$13,0)+IF(Input!$K$14=3,K7701*Input!$J$14,0)+IF(Input!$K$15=3,L7701*Input!$J$15,0)+IF(Input!$K$16=3,M7701*Input!$J$16,0)</f>
        <v>0</v>
      </c>
      <c r="Q7701" s="71">
        <f>IF(Input!$K$13=4,J7701*Input!$J$13,0)+IF(Input!$K$14=4,K7701*Input!$J$14,0)+IF(Input!$K$15=4,L7701*Input!$J$15,0)+IF(Input!$K$16=4,M7701*Input!$J$16,0)</f>
        <v>0</v>
      </c>
    </row>
    <row r="7702" spans="8:17" x14ac:dyDescent="0.25">
      <c r="H7702" s="43">
        <v>7695</v>
      </c>
      <c r="I7702" s="55">
        <f>Bühler!I7728</f>
        <v>9.4922018434409665</v>
      </c>
      <c r="J7702" s="58">
        <f>Bühler!J7728</f>
        <v>77.534859747530547</v>
      </c>
      <c r="K7702" s="58">
        <f>Bühler!K7728</f>
        <v>4.034172141953583</v>
      </c>
      <c r="L7702" s="58">
        <f>Bühler!L7728</f>
        <v>2.0170860709767915</v>
      </c>
      <c r="M7702" s="57">
        <f>Bühler!M7728</f>
        <v>0</v>
      </c>
      <c r="N7702" s="55">
        <f>IF(Input!$K$13=1,J7702*Input!$J$13,0)+IF(Input!$K$14=1,K7702*Input!$J$14,0)+IF(Input!$K$15=1,L7702*Input!$J$15,0)+IF(Input!$K$16=1,M7702*Input!$J$16,0)</f>
        <v>9.3041831697036645</v>
      </c>
      <c r="O7702" s="58">
        <f>IF(Input!$K$13=2,J7702*Input!$J$13,0)+IF(Input!$K$14=2,K7702*Input!$J$14,0)+IF(Input!$K$15=2,L7702*Input!$J$15,0)+IF(Input!$K$16=2,M7702*Input!$J$16,0)</f>
        <v>0.54461323916373372</v>
      </c>
      <c r="P7702" s="58">
        <f>IF(Input!$K$13=3,J7702*Input!$J$13,0)+IF(Input!$K$14=3,K7702*Input!$J$14,0)+IF(Input!$K$15=3,L7702*Input!$J$15,0)+IF(Input!$K$16=3,M7702*Input!$J$16,0)</f>
        <v>0</v>
      </c>
      <c r="Q7702" s="71">
        <f>IF(Input!$K$13=4,J7702*Input!$J$13,0)+IF(Input!$K$14=4,K7702*Input!$J$14,0)+IF(Input!$K$15=4,L7702*Input!$J$15,0)+IF(Input!$K$16=4,M7702*Input!$J$16,0)</f>
        <v>0</v>
      </c>
    </row>
    <row r="7703" spans="8:17" x14ac:dyDescent="0.25">
      <c r="H7703" s="43">
        <v>7696</v>
      </c>
      <c r="I7703" s="55">
        <f>Bühler!I7729</f>
        <v>8.0318630982962027</v>
      </c>
      <c r="J7703" s="58">
        <f>Bühler!J7729</f>
        <v>60.433216626079471</v>
      </c>
      <c r="K7703" s="58">
        <f>Bühler!K7729</f>
        <v>3.1032093399642942</v>
      </c>
      <c r="L7703" s="58">
        <f>Bühler!L7729</f>
        <v>1.5516046699821471</v>
      </c>
      <c r="M7703" s="57">
        <f>Bühler!M7729</f>
        <v>0</v>
      </c>
      <c r="N7703" s="55">
        <f>IF(Input!$K$13=1,J7703*Input!$J$13,0)+IF(Input!$K$14=1,K7703*Input!$J$14,0)+IF(Input!$K$15=1,L7703*Input!$J$15,0)+IF(Input!$K$16=1,M7703*Input!$J$16,0)</f>
        <v>7.2519859951295365</v>
      </c>
      <c r="O7703" s="58">
        <f>IF(Input!$K$13=2,J7703*Input!$J$13,0)+IF(Input!$K$14=2,K7703*Input!$J$14,0)+IF(Input!$K$15=2,L7703*Input!$J$15,0)+IF(Input!$K$16=2,M7703*Input!$J$16,0)</f>
        <v>0.41893326089517968</v>
      </c>
      <c r="P7703" s="58">
        <f>IF(Input!$K$13=3,J7703*Input!$J$13,0)+IF(Input!$K$14=3,K7703*Input!$J$14,0)+IF(Input!$K$15=3,L7703*Input!$J$15,0)+IF(Input!$K$16=3,M7703*Input!$J$16,0)</f>
        <v>0</v>
      </c>
      <c r="Q7703" s="71">
        <f>IF(Input!$K$13=4,J7703*Input!$J$13,0)+IF(Input!$K$14=4,K7703*Input!$J$14,0)+IF(Input!$K$15=4,L7703*Input!$J$15,0)+IF(Input!$K$16=4,M7703*Input!$J$16,0)</f>
        <v>0</v>
      </c>
    </row>
    <row r="7704" spans="8:17" x14ac:dyDescent="0.25">
      <c r="H7704" s="43">
        <v>7697</v>
      </c>
      <c r="I7704" s="55">
        <f>Bühler!I7730</f>
        <v>6.9539940244988783</v>
      </c>
      <c r="J7704" s="58">
        <f>Bühler!J7730</f>
        <v>31.820832307256534</v>
      </c>
      <c r="K7704" s="58">
        <f>Bühler!K7730</f>
        <v>1.4569057934104668</v>
      </c>
      <c r="L7704" s="58">
        <f>Bühler!L7730</f>
        <v>0.72845289670523339</v>
      </c>
      <c r="M7704" s="57">
        <f>Bühler!M7730</f>
        <v>0</v>
      </c>
      <c r="N7704" s="55">
        <f>IF(Input!$K$13=1,J7704*Input!$J$13,0)+IF(Input!$K$14=1,K7704*Input!$J$14,0)+IF(Input!$K$15=1,L7704*Input!$J$15,0)+IF(Input!$K$16=1,M7704*Input!$J$16,0)</f>
        <v>3.8184998768707841</v>
      </c>
      <c r="O7704" s="58">
        <f>IF(Input!$K$13=2,J7704*Input!$J$13,0)+IF(Input!$K$14=2,K7704*Input!$J$14,0)+IF(Input!$K$15=2,L7704*Input!$J$15,0)+IF(Input!$K$16=2,M7704*Input!$J$16,0)</f>
        <v>0.196682282110413</v>
      </c>
      <c r="P7704" s="58">
        <f>IF(Input!$K$13=3,J7704*Input!$J$13,0)+IF(Input!$K$14=3,K7704*Input!$J$14,0)+IF(Input!$K$15=3,L7704*Input!$J$15,0)+IF(Input!$K$16=3,M7704*Input!$J$16,0)</f>
        <v>0</v>
      </c>
      <c r="Q7704" s="71">
        <f>IF(Input!$K$13=4,J7704*Input!$J$13,0)+IF(Input!$K$14=4,K7704*Input!$J$14,0)+IF(Input!$K$15=4,L7704*Input!$J$15,0)+IF(Input!$K$16=4,M7704*Input!$J$16,0)</f>
        <v>0</v>
      </c>
    </row>
    <row r="7705" spans="8:17" x14ac:dyDescent="0.25">
      <c r="H7705" s="43">
        <v>7698</v>
      </c>
      <c r="I7705" s="55">
        <f>Bühler!I7731</f>
        <v>5.8413549805790561</v>
      </c>
      <c r="J7705" s="58">
        <f>Bühler!J7731</f>
        <v>22.357778157566592</v>
      </c>
      <c r="K7705" s="58">
        <f>Bühler!K7731</f>
        <v>0.96155782365090803</v>
      </c>
      <c r="L7705" s="58">
        <f>Bühler!L7731</f>
        <v>0.48077891182545401</v>
      </c>
      <c r="M7705" s="57">
        <f>Bühler!M7731</f>
        <v>0</v>
      </c>
      <c r="N7705" s="55">
        <f>IF(Input!$K$13=1,J7705*Input!$J$13,0)+IF(Input!$K$14=1,K7705*Input!$J$14,0)+IF(Input!$K$15=1,L7705*Input!$J$15,0)+IF(Input!$K$16=1,M7705*Input!$J$16,0)</f>
        <v>2.682933378907991</v>
      </c>
      <c r="O7705" s="58">
        <f>IF(Input!$K$13=2,J7705*Input!$J$13,0)+IF(Input!$K$14=2,K7705*Input!$J$14,0)+IF(Input!$K$15=2,L7705*Input!$J$15,0)+IF(Input!$K$16=2,M7705*Input!$J$16,0)</f>
        <v>0.12981030619287259</v>
      </c>
      <c r="P7705" s="58">
        <f>IF(Input!$K$13=3,J7705*Input!$J$13,0)+IF(Input!$K$14=3,K7705*Input!$J$14,0)+IF(Input!$K$15=3,L7705*Input!$J$15,0)+IF(Input!$K$16=3,M7705*Input!$J$16,0)</f>
        <v>0</v>
      </c>
      <c r="Q7705" s="71">
        <f>IF(Input!$K$13=4,J7705*Input!$J$13,0)+IF(Input!$K$14=4,K7705*Input!$J$14,0)+IF(Input!$K$15=4,L7705*Input!$J$15,0)+IF(Input!$K$16=4,M7705*Input!$J$16,0)</f>
        <v>0</v>
      </c>
    </row>
    <row r="7706" spans="8:17" x14ac:dyDescent="0.25">
      <c r="H7706" s="43">
        <v>7699</v>
      </c>
      <c r="I7706" s="55">
        <f>Bühler!I7732</f>
        <v>2.155738147594652</v>
      </c>
      <c r="J7706" s="58">
        <f>Bühler!J7732</f>
        <v>12.536065281128293</v>
      </c>
      <c r="K7706" s="58">
        <f>Bühler!K7732</f>
        <v>0.61190043323239596</v>
      </c>
      <c r="L7706" s="58">
        <f>Bühler!L7732</f>
        <v>0.30595021661619798</v>
      </c>
      <c r="M7706" s="57">
        <f>Bühler!M7732</f>
        <v>0</v>
      </c>
      <c r="N7706" s="55">
        <f>IF(Input!$K$13=1,J7706*Input!$J$13,0)+IF(Input!$K$14=1,K7706*Input!$J$14,0)+IF(Input!$K$15=1,L7706*Input!$J$15,0)+IF(Input!$K$16=1,M7706*Input!$J$16,0)</f>
        <v>1.5043278337353951</v>
      </c>
      <c r="O7706" s="58">
        <f>IF(Input!$K$13=2,J7706*Input!$J$13,0)+IF(Input!$K$14=2,K7706*Input!$J$14,0)+IF(Input!$K$15=2,L7706*Input!$J$15,0)+IF(Input!$K$16=2,M7706*Input!$J$16,0)</f>
        <v>8.2606558486373452E-2</v>
      </c>
      <c r="P7706" s="58">
        <f>IF(Input!$K$13=3,J7706*Input!$J$13,0)+IF(Input!$K$14=3,K7706*Input!$J$14,0)+IF(Input!$K$15=3,L7706*Input!$J$15,0)+IF(Input!$K$16=3,M7706*Input!$J$16,0)</f>
        <v>0</v>
      </c>
      <c r="Q7706" s="71">
        <f>IF(Input!$K$13=4,J7706*Input!$J$13,0)+IF(Input!$K$14=4,K7706*Input!$J$14,0)+IF(Input!$K$15=4,L7706*Input!$J$15,0)+IF(Input!$K$16=4,M7706*Input!$J$16,0)</f>
        <v>0</v>
      </c>
    </row>
    <row r="7707" spans="8:17" x14ac:dyDescent="0.25">
      <c r="H7707" s="43">
        <v>7700</v>
      </c>
      <c r="I7707" s="55">
        <f>Bühler!I7733</f>
        <v>2.155738147594652</v>
      </c>
      <c r="J7707" s="58">
        <f>Bühler!J7733</f>
        <v>12.050318505513973</v>
      </c>
      <c r="K7707" s="58">
        <f>Bühler!K7733</f>
        <v>0.58276231736418671</v>
      </c>
      <c r="L7707" s="58">
        <f>Bühler!L7733</f>
        <v>0.29138115868209336</v>
      </c>
      <c r="M7707" s="57">
        <f>Bühler!M7733</f>
        <v>0</v>
      </c>
      <c r="N7707" s="55">
        <f>IF(Input!$K$13=1,J7707*Input!$J$13,0)+IF(Input!$K$14=1,K7707*Input!$J$14,0)+IF(Input!$K$15=1,L7707*Input!$J$15,0)+IF(Input!$K$16=1,M7707*Input!$J$16,0)</f>
        <v>1.4460382206616766</v>
      </c>
      <c r="O7707" s="58">
        <f>IF(Input!$K$13=2,J7707*Input!$J$13,0)+IF(Input!$K$14=2,K7707*Input!$J$14,0)+IF(Input!$K$15=2,L7707*Input!$J$15,0)+IF(Input!$K$16=2,M7707*Input!$J$16,0)</f>
        <v>7.8672912844165194E-2</v>
      </c>
      <c r="P7707" s="58">
        <f>IF(Input!$K$13=3,J7707*Input!$J$13,0)+IF(Input!$K$14=3,K7707*Input!$J$14,0)+IF(Input!$K$15=3,L7707*Input!$J$15,0)+IF(Input!$K$16=3,M7707*Input!$J$16,0)</f>
        <v>0</v>
      </c>
      <c r="Q7707" s="71">
        <f>IF(Input!$K$13=4,J7707*Input!$J$13,0)+IF(Input!$K$14=4,K7707*Input!$J$14,0)+IF(Input!$K$15=4,L7707*Input!$J$15,0)+IF(Input!$K$16=4,M7707*Input!$J$16,0)</f>
        <v>0</v>
      </c>
    </row>
    <row r="7708" spans="8:17" x14ac:dyDescent="0.25">
      <c r="H7708" s="43">
        <v>7701</v>
      </c>
      <c r="I7708" s="55">
        <f>Bühler!I7734</f>
        <v>2.155738147594652</v>
      </c>
      <c r="J7708" s="58">
        <f>Bühler!J7734</f>
        <v>12.050318505513973</v>
      </c>
      <c r="K7708" s="58">
        <f>Bühler!K7734</f>
        <v>0.58276231736418671</v>
      </c>
      <c r="L7708" s="58">
        <f>Bühler!L7734</f>
        <v>0.29138115868209336</v>
      </c>
      <c r="M7708" s="57">
        <f>Bühler!M7734</f>
        <v>0</v>
      </c>
      <c r="N7708" s="55">
        <f>IF(Input!$K$13=1,J7708*Input!$J$13,0)+IF(Input!$K$14=1,K7708*Input!$J$14,0)+IF(Input!$K$15=1,L7708*Input!$J$15,0)+IF(Input!$K$16=1,M7708*Input!$J$16,0)</f>
        <v>1.4460382206616766</v>
      </c>
      <c r="O7708" s="58">
        <f>IF(Input!$K$13=2,J7708*Input!$J$13,0)+IF(Input!$K$14=2,K7708*Input!$J$14,0)+IF(Input!$K$15=2,L7708*Input!$J$15,0)+IF(Input!$K$16=2,M7708*Input!$J$16,0)</f>
        <v>7.8672912844165194E-2</v>
      </c>
      <c r="P7708" s="58">
        <f>IF(Input!$K$13=3,J7708*Input!$J$13,0)+IF(Input!$K$14=3,K7708*Input!$J$14,0)+IF(Input!$K$15=3,L7708*Input!$J$15,0)+IF(Input!$K$16=3,M7708*Input!$J$16,0)</f>
        <v>0</v>
      </c>
      <c r="Q7708" s="71">
        <f>IF(Input!$K$13=4,J7708*Input!$J$13,0)+IF(Input!$K$14=4,K7708*Input!$J$14,0)+IF(Input!$K$15=4,L7708*Input!$J$15,0)+IF(Input!$K$16=4,M7708*Input!$J$16,0)</f>
        <v>0</v>
      </c>
    </row>
    <row r="7709" spans="8:17" x14ac:dyDescent="0.25">
      <c r="H7709" s="43">
        <v>7702</v>
      </c>
      <c r="I7709" s="55">
        <f>Bühler!I7735</f>
        <v>2.155738147594652</v>
      </c>
      <c r="J7709" s="58">
        <f>Bühler!J7735</f>
        <v>12.050318505513973</v>
      </c>
      <c r="K7709" s="58">
        <f>Bühler!K7735</f>
        <v>0.58276231736418671</v>
      </c>
      <c r="L7709" s="58">
        <f>Bühler!L7735</f>
        <v>0.29138115868209336</v>
      </c>
      <c r="M7709" s="57">
        <f>Bühler!M7735</f>
        <v>0</v>
      </c>
      <c r="N7709" s="55">
        <f>IF(Input!$K$13=1,J7709*Input!$J$13,0)+IF(Input!$K$14=1,K7709*Input!$J$14,0)+IF(Input!$K$15=1,L7709*Input!$J$15,0)+IF(Input!$K$16=1,M7709*Input!$J$16,0)</f>
        <v>1.4460382206616766</v>
      </c>
      <c r="O7709" s="58">
        <f>IF(Input!$K$13=2,J7709*Input!$J$13,0)+IF(Input!$K$14=2,K7709*Input!$J$14,0)+IF(Input!$K$15=2,L7709*Input!$J$15,0)+IF(Input!$K$16=2,M7709*Input!$J$16,0)</f>
        <v>7.8672912844165194E-2</v>
      </c>
      <c r="P7709" s="58">
        <f>IF(Input!$K$13=3,J7709*Input!$J$13,0)+IF(Input!$K$14=3,K7709*Input!$J$14,0)+IF(Input!$K$15=3,L7709*Input!$J$15,0)+IF(Input!$K$16=3,M7709*Input!$J$16,0)</f>
        <v>0</v>
      </c>
      <c r="Q7709" s="71">
        <f>IF(Input!$K$13=4,J7709*Input!$J$13,0)+IF(Input!$K$14=4,K7709*Input!$J$14,0)+IF(Input!$K$15=4,L7709*Input!$J$15,0)+IF(Input!$K$16=4,M7709*Input!$J$16,0)</f>
        <v>0</v>
      </c>
    </row>
    <row r="7710" spans="8:17" x14ac:dyDescent="0.25">
      <c r="H7710" s="43">
        <v>7703</v>
      </c>
      <c r="I7710" s="55">
        <f>Bühler!I7736</f>
        <v>2.155738147594652</v>
      </c>
      <c r="J7710" s="58">
        <f>Bühler!J7736</f>
        <v>12.050318505513973</v>
      </c>
      <c r="K7710" s="58">
        <f>Bühler!K7736</f>
        <v>0.58276231736418671</v>
      </c>
      <c r="L7710" s="58">
        <f>Bühler!L7736</f>
        <v>0.29138115868209336</v>
      </c>
      <c r="M7710" s="57">
        <f>Bühler!M7736</f>
        <v>0</v>
      </c>
      <c r="N7710" s="55">
        <f>IF(Input!$K$13=1,J7710*Input!$J$13,0)+IF(Input!$K$14=1,K7710*Input!$J$14,0)+IF(Input!$K$15=1,L7710*Input!$J$15,0)+IF(Input!$K$16=1,M7710*Input!$J$16,0)</f>
        <v>1.4460382206616766</v>
      </c>
      <c r="O7710" s="58">
        <f>IF(Input!$K$13=2,J7710*Input!$J$13,0)+IF(Input!$K$14=2,K7710*Input!$J$14,0)+IF(Input!$K$15=2,L7710*Input!$J$15,0)+IF(Input!$K$16=2,M7710*Input!$J$16,0)</f>
        <v>7.8672912844165194E-2</v>
      </c>
      <c r="P7710" s="58">
        <f>IF(Input!$K$13=3,J7710*Input!$J$13,0)+IF(Input!$K$14=3,K7710*Input!$J$14,0)+IF(Input!$K$15=3,L7710*Input!$J$15,0)+IF(Input!$K$16=3,M7710*Input!$J$16,0)</f>
        <v>0</v>
      </c>
      <c r="Q7710" s="71">
        <f>IF(Input!$K$13=4,J7710*Input!$J$13,0)+IF(Input!$K$14=4,K7710*Input!$J$14,0)+IF(Input!$K$15=4,L7710*Input!$J$15,0)+IF(Input!$K$16=4,M7710*Input!$J$16,0)</f>
        <v>0</v>
      </c>
    </row>
    <row r="7711" spans="8:17" x14ac:dyDescent="0.25">
      <c r="H7711" s="43">
        <v>7704</v>
      </c>
      <c r="I7711" s="55">
        <f>Bühler!I7737</f>
        <v>2.155738147594652</v>
      </c>
      <c r="J7711" s="58">
        <f>Bühler!J7737</f>
        <v>12.050318505513973</v>
      </c>
      <c r="K7711" s="58">
        <f>Bühler!K7737</f>
        <v>0.58276231736418671</v>
      </c>
      <c r="L7711" s="58">
        <f>Bühler!L7737</f>
        <v>0.29138115868209336</v>
      </c>
      <c r="M7711" s="57">
        <f>Bühler!M7737</f>
        <v>0</v>
      </c>
      <c r="N7711" s="55">
        <f>IF(Input!$K$13=1,J7711*Input!$J$13,0)+IF(Input!$K$14=1,K7711*Input!$J$14,0)+IF(Input!$K$15=1,L7711*Input!$J$15,0)+IF(Input!$K$16=1,M7711*Input!$J$16,0)</f>
        <v>1.4460382206616766</v>
      </c>
      <c r="O7711" s="58">
        <f>IF(Input!$K$13=2,J7711*Input!$J$13,0)+IF(Input!$K$14=2,K7711*Input!$J$14,0)+IF(Input!$K$15=2,L7711*Input!$J$15,0)+IF(Input!$K$16=2,M7711*Input!$J$16,0)</f>
        <v>7.8672912844165194E-2</v>
      </c>
      <c r="P7711" s="58">
        <f>IF(Input!$K$13=3,J7711*Input!$J$13,0)+IF(Input!$K$14=3,K7711*Input!$J$14,0)+IF(Input!$K$15=3,L7711*Input!$J$15,0)+IF(Input!$K$16=3,M7711*Input!$J$16,0)</f>
        <v>0</v>
      </c>
      <c r="Q7711" s="71">
        <f>IF(Input!$K$13=4,J7711*Input!$J$13,0)+IF(Input!$K$14=4,K7711*Input!$J$14,0)+IF(Input!$K$15=4,L7711*Input!$J$15,0)+IF(Input!$K$16=4,M7711*Input!$J$16,0)</f>
        <v>0</v>
      </c>
    </row>
    <row r="7712" spans="8:17" x14ac:dyDescent="0.25">
      <c r="H7712" s="43">
        <v>7705</v>
      </c>
      <c r="I7712" s="55">
        <f>Bühler!I7738</f>
        <v>1.6881764353181667</v>
      </c>
      <c r="J7712" s="58">
        <f>Bühler!J7738</f>
        <v>15.488318420189779</v>
      </c>
      <c r="K7712" s="58">
        <f>Bühler!K7738</f>
        <v>0.42716190612166249</v>
      </c>
      <c r="L7712" s="58">
        <f>Bühler!L7738</f>
        <v>0.21358095306083125</v>
      </c>
      <c r="M7712" s="57">
        <f>Bühler!M7738</f>
        <v>0</v>
      </c>
      <c r="N7712" s="55">
        <f>IF(Input!$K$13=1,J7712*Input!$J$13,0)+IF(Input!$K$14=1,K7712*Input!$J$14,0)+IF(Input!$K$15=1,L7712*Input!$J$15,0)+IF(Input!$K$16=1,M7712*Input!$J$16,0)</f>
        <v>1.8585982104227734</v>
      </c>
      <c r="O7712" s="58">
        <f>IF(Input!$K$13=2,J7712*Input!$J$13,0)+IF(Input!$K$14=2,K7712*Input!$J$14,0)+IF(Input!$K$15=2,L7712*Input!$J$15,0)+IF(Input!$K$16=2,M7712*Input!$J$16,0)</f>
        <v>5.7666857326424431E-2</v>
      </c>
      <c r="P7712" s="58">
        <f>IF(Input!$K$13=3,J7712*Input!$J$13,0)+IF(Input!$K$14=3,K7712*Input!$J$14,0)+IF(Input!$K$15=3,L7712*Input!$J$15,0)+IF(Input!$K$16=3,M7712*Input!$J$16,0)</f>
        <v>0</v>
      </c>
      <c r="Q7712" s="71">
        <f>IF(Input!$K$13=4,J7712*Input!$J$13,0)+IF(Input!$K$14=4,K7712*Input!$J$14,0)+IF(Input!$K$15=4,L7712*Input!$J$15,0)+IF(Input!$K$16=4,M7712*Input!$J$16,0)</f>
        <v>0</v>
      </c>
    </row>
    <row r="7713" spans="8:17" x14ac:dyDescent="0.25">
      <c r="H7713" s="43">
        <v>7706</v>
      </c>
      <c r="I7713" s="55">
        <f>Bühler!I7739</f>
        <v>3.2959635165735643</v>
      </c>
      <c r="J7713" s="58">
        <f>Bühler!J7739</f>
        <v>14.643944898795272</v>
      </c>
      <c r="K7713" s="58">
        <f>Bühler!K7739</f>
        <v>0.38444571550949624</v>
      </c>
      <c r="L7713" s="58">
        <f>Bühler!L7739</f>
        <v>0.19222285775474812</v>
      </c>
      <c r="M7713" s="57">
        <f>Bühler!M7739</f>
        <v>0</v>
      </c>
      <c r="N7713" s="55">
        <f>IF(Input!$K$13=1,J7713*Input!$J$13,0)+IF(Input!$K$14=1,K7713*Input!$J$14,0)+IF(Input!$K$15=1,L7713*Input!$J$15,0)+IF(Input!$K$16=1,M7713*Input!$J$16,0)</f>
        <v>1.7572733878554325</v>
      </c>
      <c r="O7713" s="58">
        <f>IF(Input!$K$13=2,J7713*Input!$J$13,0)+IF(Input!$K$14=2,K7713*Input!$J$14,0)+IF(Input!$K$15=2,L7713*Input!$J$15,0)+IF(Input!$K$16=2,M7713*Input!$J$16,0)</f>
        <v>5.1900171593781991E-2</v>
      </c>
      <c r="P7713" s="58">
        <f>IF(Input!$K$13=3,J7713*Input!$J$13,0)+IF(Input!$K$14=3,K7713*Input!$J$14,0)+IF(Input!$K$15=3,L7713*Input!$J$15,0)+IF(Input!$K$16=3,M7713*Input!$J$16,0)</f>
        <v>0</v>
      </c>
      <c r="Q7713" s="71">
        <f>IF(Input!$K$13=4,J7713*Input!$J$13,0)+IF(Input!$K$14=4,K7713*Input!$J$14,0)+IF(Input!$K$15=4,L7713*Input!$J$15,0)+IF(Input!$K$16=4,M7713*Input!$J$16,0)</f>
        <v>0</v>
      </c>
    </row>
    <row r="7714" spans="8:17" x14ac:dyDescent="0.25">
      <c r="H7714" s="43">
        <v>7707</v>
      </c>
      <c r="I7714" s="55">
        <f>Bühler!I7740</f>
        <v>3.2959635165735643</v>
      </c>
      <c r="J7714" s="58">
        <f>Bühler!J7740</f>
        <v>14.643944898795272</v>
      </c>
      <c r="K7714" s="58">
        <f>Bühler!K7740</f>
        <v>0.38444571550949624</v>
      </c>
      <c r="L7714" s="58">
        <f>Bühler!L7740</f>
        <v>0.19222285775474812</v>
      </c>
      <c r="M7714" s="57">
        <f>Bühler!M7740</f>
        <v>0</v>
      </c>
      <c r="N7714" s="55">
        <f>IF(Input!$K$13=1,J7714*Input!$J$13,0)+IF(Input!$K$14=1,K7714*Input!$J$14,0)+IF(Input!$K$15=1,L7714*Input!$J$15,0)+IF(Input!$K$16=1,M7714*Input!$J$16,0)</f>
        <v>1.7572733878554325</v>
      </c>
      <c r="O7714" s="58">
        <f>IF(Input!$K$13=2,J7714*Input!$J$13,0)+IF(Input!$K$14=2,K7714*Input!$J$14,0)+IF(Input!$K$15=2,L7714*Input!$J$15,0)+IF(Input!$K$16=2,M7714*Input!$J$16,0)</f>
        <v>5.1900171593781991E-2</v>
      </c>
      <c r="P7714" s="58">
        <f>IF(Input!$K$13=3,J7714*Input!$J$13,0)+IF(Input!$K$14=3,K7714*Input!$J$14,0)+IF(Input!$K$15=3,L7714*Input!$J$15,0)+IF(Input!$K$16=3,M7714*Input!$J$16,0)</f>
        <v>0</v>
      </c>
      <c r="Q7714" s="71">
        <f>IF(Input!$K$13=4,J7714*Input!$J$13,0)+IF(Input!$K$14=4,K7714*Input!$J$14,0)+IF(Input!$K$15=4,L7714*Input!$J$15,0)+IF(Input!$K$16=4,M7714*Input!$J$16,0)</f>
        <v>0</v>
      </c>
    </row>
    <row r="7715" spans="8:17" x14ac:dyDescent="0.25">
      <c r="H7715" s="43">
        <v>7708</v>
      </c>
      <c r="I7715" s="55">
        <f>Bühler!I7741</f>
        <v>3.2959635165735643</v>
      </c>
      <c r="J7715" s="58">
        <f>Bühler!J7741</f>
        <v>14.643944898795272</v>
      </c>
      <c r="K7715" s="58">
        <f>Bühler!K7741</f>
        <v>0.38444571550949624</v>
      </c>
      <c r="L7715" s="58">
        <f>Bühler!L7741</f>
        <v>0.19222285775474812</v>
      </c>
      <c r="M7715" s="57">
        <f>Bühler!M7741</f>
        <v>0</v>
      </c>
      <c r="N7715" s="55">
        <f>IF(Input!$K$13=1,J7715*Input!$J$13,0)+IF(Input!$K$14=1,K7715*Input!$J$14,0)+IF(Input!$K$15=1,L7715*Input!$J$15,0)+IF(Input!$K$16=1,M7715*Input!$J$16,0)</f>
        <v>1.7572733878554325</v>
      </c>
      <c r="O7715" s="58">
        <f>IF(Input!$K$13=2,J7715*Input!$J$13,0)+IF(Input!$K$14=2,K7715*Input!$J$14,0)+IF(Input!$K$15=2,L7715*Input!$J$15,0)+IF(Input!$K$16=2,M7715*Input!$J$16,0)</f>
        <v>5.1900171593781991E-2</v>
      </c>
      <c r="P7715" s="58">
        <f>IF(Input!$K$13=3,J7715*Input!$J$13,0)+IF(Input!$K$14=3,K7715*Input!$J$14,0)+IF(Input!$K$15=3,L7715*Input!$J$15,0)+IF(Input!$K$16=3,M7715*Input!$J$16,0)</f>
        <v>0</v>
      </c>
      <c r="Q7715" s="71">
        <f>IF(Input!$K$13=4,J7715*Input!$J$13,0)+IF(Input!$K$14=4,K7715*Input!$J$14,0)+IF(Input!$K$15=4,L7715*Input!$J$15,0)+IF(Input!$K$16=4,M7715*Input!$J$16,0)</f>
        <v>0</v>
      </c>
    </row>
    <row r="7716" spans="8:17" x14ac:dyDescent="0.25">
      <c r="H7716" s="43">
        <v>7709</v>
      </c>
      <c r="I7716" s="55">
        <f>Bühler!I7742</f>
        <v>3.2959635165735643</v>
      </c>
      <c r="J7716" s="58">
        <f>Bühler!J7742</f>
        <v>14.643944898795272</v>
      </c>
      <c r="K7716" s="58">
        <f>Bühler!K7742</f>
        <v>0.38444571550949624</v>
      </c>
      <c r="L7716" s="58">
        <f>Bühler!L7742</f>
        <v>0.19222285775474812</v>
      </c>
      <c r="M7716" s="57">
        <f>Bühler!M7742</f>
        <v>0</v>
      </c>
      <c r="N7716" s="55">
        <f>IF(Input!$K$13=1,J7716*Input!$J$13,0)+IF(Input!$K$14=1,K7716*Input!$J$14,0)+IF(Input!$K$15=1,L7716*Input!$J$15,0)+IF(Input!$K$16=1,M7716*Input!$J$16,0)</f>
        <v>1.7572733878554325</v>
      </c>
      <c r="O7716" s="58">
        <f>IF(Input!$K$13=2,J7716*Input!$J$13,0)+IF(Input!$K$14=2,K7716*Input!$J$14,0)+IF(Input!$K$15=2,L7716*Input!$J$15,0)+IF(Input!$K$16=2,M7716*Input!$J$16,0)</f>
        <v>5.1900171593781991E-2</v>
      </c>
      <c r="P7716" s="58">
        <f>IF(Input!$K$13=3,J7716*Input!$J$13,0)+IF(Input!$K$14=3,K7716*Input!$J$14,0)+IF(Input!$K$15=3,L7716*Input!$J$15,0)+IF(Input!$K$16=3,M7716*Input!$J$16,0)</f>
        <v>0</v>
      </c>
      <c r="Q7716" s="71">
        <f>IF(Input!$K$13=4,J7716*Input!$J$13,0)+IF(Input!$K$14=4,K7716*Input!$J$14,0)+IF(Input!$K$15=4,L7716*Input!$J$15,0)+IF(Input!$K$16=4,M7716*Input!$J$16,0)</f>
        <v>0</v>
      </c>
    </row>
    <row r="7717" spans="8:17" x14ac:dyDescent="0.25">
      <c r="H7717" s="43">
        <v>7710</v>
      </c>
      <c r="I7717" s="55">
        <f>Bühler!I7743</f>
        <v>4.0998570572012625</v>
      </c>
      <c r="J7717" s="58">
        <f>Bühler!J7743</f>
        <v>14.677440462988093</v>
      </c>
      <c r="K7717" s="58">
        <f>Bühler!K7743</f>
        <v>0.38444571550949624</v>
      </c>
      <c r="L7717" s="58">
        <f>Bühler!L7743</f>
        <v>0.19222285775474812</v>
      </c>
      <c r="M7717" s="57">
        <f>Bühler!M7743</f>
        <v>0</v>
      </c>
      <c r="N7717" s="55">
        <f>IF(Input!$K$13=1,J7717*Input!$J$13,0)+IF(Input!$K$14=1,K7717*Input!$J$14,0)+IF(Input!$K$15=1,L7717*Input!$J$15,0)+IF(Input!$K$16=1,M7717*Input!$J$16,0)</f>
        <v>1.7612928555585712</v>
      </c>
      <c r="O7717" s="58">
        <f>IF(Input!$K$13=2,J7717*Input!$J$13,0)+IF(Input!$K$14=2,K7717*Input!$J$14,0)+IF(Input!$K$15=2,L7717*Input!$J$15,0)+IF(Input!$K$16=2,M7717*Input!$J$16,0)</f>
        <v>5.1900171593781991E-2</v>
      </c>
      <c r="P7717" s="58">
        <f>IF(Input!$K$13=3,J7717*Input!$J$13,0)+IF(Input!$K$14=3,K7717*Input!$J$14,0)+IF(Input!$K$15=3,L7717*Input!$J$15,0)+IF(Input!$K$16=3,M7717*Input!$J$16,0)</f>
        <v>0</v>
      </c>
      <c r="Q7717" s="71">
        <f>IF(Input!$K$13=4,J7717*Input!$J$13,0)+IF(Input!$K$14=4,K7717*Input!$J$14,0)+IF(Input!$K$15=4,L7717*Input!$J$15,0)+IF(Input!$K$16=4,M7717*Input!$J$16,0)</f>
        <v>0</v>
      </c>
    </row>
    <row r="7718" spans="8:17" x14ac:dyDescent="0.25">
      <c r="H7718" s="43">
        <v>7711</v>
      </c>
      <c r="I7718" s="55">
        <f>Bühler!I7744</f>
        <v>5.1449186600172707</v>
      </c>
      <c r="J7718" s="58">
        <f>Bühler!J7744</f>
        <v>14.720984696438759</v>
      </c>
      <c r="K7718" s="58">
        <f>Bühler!K7744</f>
        <v>0.38444571550949624</v>
      </c>
      <c r="L7718" s="58">
        <f>Bühler!L7744</f>
        <v>0.19222285775474812</v>
      </c>
      <c r="M7718" s="57">
        <f>Bühler!M7744</f>
        <v>0</v>
      </c>
      <c r="N7718" s="55">
        <f>IF(Input!$K$13=1,J7718*Input!$J$13,0)+IF(Input!$K$14=1,K7718*Input!$J$14,0)+IF(Input!$K$15=1,L7718*Input!$J$15,0)+IF(Input!$K$16=1,M7718*Input!$J$16,0)</f>
        <v>1.766518163572651</v>
      </c>
      <c r="O7718" s="58">
        <f>IF(Input!$K$13=2,J7718*Input!$J$13,0)+IF(Input!$K$14=2,K7718*Input!$J$14,0)+IF(Input!$K$15=2,L7718*Input!$J$15,0)+IF(Input!$K$16=2,M7718*Input!$J$16,0)</f>
        <v>5.1900171593781991E-2</v>
      </c>
      <c r="P7718" s="58">
        <f>IF(Input!$K$13=3,J7718*Input!$J$13,0)+IF(Input!$K$14=3,K7718*Input!$J$14,0)+IF(Input!$K$15=3,L7718*Input!$J$15,0)+IF(Input!$K$16=3,M7718*Input!$J$16,0)</f>
        <v>0</v>
      </c>
      <c r="Q7718" s="71">
        <f>IF(Input!$K$13=4,J7718*Input!$J$13,0)+IF(Input!$K$14=4,K7718*Input!$J$14,0)+IF(Input!$K$15=4,L7718*Input!$J$15,0)+IF(Input!$K$16=4,M7718*Input!$J$16,0)</f>
        <v>0</v>
      </c>
    </row>
    <row r="7719" spans="8:17" x14ac:dyDescent="0.25">
      <c r="H7719" s="43">
        <v>7712</v>
      </c>
      <c r="I7719" s="55">
        <f>Bühler!I7745</f>
        <v>5.8684228465821988</v>
      </c>
      <c r="J7719" s="58">
        <f>Bühler!J7745</f>
        <v>14.751130704212297</v>
      </c>
      <c r="K7719" s="58">
        <f>Bühler!K7745</f>
        <v>0.38444571550949624</v>
      </c>
      <c r="L7719" s="58">
        <f>Bühler!L7745</f>
        <v>0.19222285775474812</v>
      </c>
      <c r="M7719" s="57">
        <f>Bühler!M7745</f>
        <v>0</v>
      </c>
      <c r="N7719" s="55">
        <f>IF(Input!$K$13=1,J7719*Input!$J$13,0)+IF(Input!$K$14=1,K7719*Input!$J$14,0)+IF(Input!$K$15=1,L7719*Input!$J$15,0)+IF(Input!$K$16=1,M7719*Input!$J$16,0)</f>
        <v>1.7701356845054756</v>
      </c>
      <c r="O7719" s="58">
        <f>IF(Input!$K$13=2,J7719*Input!$J$13,0)+IF(Input!$K$14=2,K7719*Input!$J$14,0)+IF(Input!$K$15=2,L7719*Input!$J$15,0)+IF(Input!$K$16=2,M7719*Input!$J$16,0)</f>
        <v>5.1900171593781991E-2</v>
      </c>
      <c r="P7719" s="58">
        <f>IF(Input!$K$13=3,J7719*Input!$J$13,0)+IF(Input!$K$14=3,K7719*Input!$J$14,0)+IF(Input!$K$15=3,L7719*Input!$J$15,0)+IF(Input!$K$16=3,M7719*Input!$J$16,0)</f>
        <v>0</v>
      </c>
      <c r="Q7719" s="71">
        <f>IF(Input!$K$13=4,J7719*Input!$J$13,0)+IF(Input!$K$14=4,K7719*Input!$J$14,0)+IF(Input!$K$15=4,L7719*Input!$J$15,0)+IF(Input!$K$16=4,M7719*Input!$J$16,0)</f>
        <v>0</v>
      </c>
    </row>
    <row r="7720" spans="8:17" x14ac:dyDescent="0.25">
      <c r="H7720" s="43">
        <v>7713</v>
      </c>
      <c r="I7720" s="55">
        <f>Bühler!I7746</f>
        <v>5.8684228465821988</v>
      </c>
      <c r="J7720" s="58">
        <f>Bühler!J7746</f>
        <v>14.751130704212297</v>
      </c>
      <c r="K7720" s="58">
        <f>Bühler!K7746</f>
        <v>0.38444571550949624</v>
      </c>
      <c r="L7720" s="58">
        <f>Bühler!L7746</f>
        <v>0.19222285775474812</v>
      </c>
      <c r="M7720" s="57">
        <f>Bühler!M7746</f>
        <v>0</v>
      </c>
      <c r="N7720" s="55">
        <f>IF(Input!$K$13=1,J7720*Input!$J$13,0)+IF(Input!$K$14=1,K7720*Input!$J$14,0)+IF(Input!$K$15=1,L7720*Input!$J$15,0)+IF(Input!$K$16=1,M7720*Input!$J$16,0)</f>
        <v>1.7701356845054756</v>
      </c>
      <c r="O7720" s="58">
        <f>IF(Input!$K$13=2,J7720*Input!$J$13,0)+IF(Input!$K$14=2,K7720*Input!$J$14,0)+IF(Input!$K$15=2,L7720*Input!$J$15,0)+IF(Input!$K$16=2,M7720*Input!$J$16,0)</f>
        <v>5.1900171593781991E-2</v>
      </c>
      <c r="P7720" s="58">
        <f>IF(Input!$K$13=3,J7720*Input!$J$13,0)+IF(Input!$K$14=3,K7720*Input!$J$14,0)+IF(Input!$K$15=3,L7720*Input!$J$15,0)+IF(Input!$K$16=3,M7720*Input!$J$16,0)</f>
        <v>0</v>
      </c>
      <c r="Q7720" s="71">
        <f>IF(Input!$K$13=4,J7720*Input!$J$13,0)+IF(Input!$K$14=4,K7720*Input!$J$14,0)+IF(Input!$K$15=4,L7720*Input!$J$15,0)+IF(Input!$K$16=4,M7720*Input!$J$16,0)</f>
        <v>0</v>
      </c>
    </row>
    <row r="7721" spans="8:17" x14ac:dyDescent="0.25">
      <c r="H7721" s="43">
        <v>7714</v>
      </c>
      <c r="I7721" s="55">
        <f>Bühler!I7747</f>
        <v>5.8684228465821988</v>
      </c>
      <c r="J7721" s="58">
        <f>Bühler!J7747</f>
        <v>14.751130704212297</v>
      </c>
      <c r="K7721" s="58">
        <f>Bühler!K7747</f>
        <v>0.38444571550949624</v>
      </c>
      <c r="L7721" s="58">
        <f>Bühler!L7747</f>
        <v>0.19222285775474812</v>
      </c>
      <c r="M7721" s="57">
        <f>Bühler!M7747</f>
        <v>0</v>
      </c>
      <c r="N7721" s="55">
        <f>IF(Input!$K$13=1,J7721*Input!$J$13,0)+IF(Input!$K$14=1,K7721*Input!$J$14,0)+IF(Input!$K$15=1,L7721*Input!$J$15,0)+IF(Input!$K$16=1,M7721*Input!$J$16,0)</f>
        <v>1.7701356845054756</v>
      </c>
      <c r="O7721" s="58">
        <f>IF(Input!$K$13=2,J7721*Input!$J$13,0)+IF(Input!$K$14=2,K7721*Input!$J$14,0)+IF(Input!$K$15=2,L7721*Input!$J$15,0)+IF(Input!$K$16=2,M7721*Input!$J$16,0)</f>
        <v>5.1900171593781991E-2</v>
      </c>
      <c r="P7721" s="58">
        <f>IF(Input!$K$13=3,J7721*Input!$J$13,0)+IF(Input!$K$14=3,K7721*Input!$J$14,0)+IF(Input!$K$15=3,L7721*Input!$J$15,0)+IF(Input!$K$16=3,M7721*Input!$J$16,0)</f>
        <v>0</v>
      </c>
      <c r="Q7721" s="71">
        <f>IF(Input!$K$13=4,J7721*Input!$J$13,0)+IF(Input!$K$14=4,K7721*Input!$J$14,0)+IF(Input!$K$15=4,L7721*Input!$J$15,0)+IF(Input!$K$16=4,M7721*Input!$J$16,0)</f>
        <v>0</v>
      </c>
    </row>
    <row r="7722" spans="8:17" x14ac:dyDescent="0.25">
      <c r="H7722" s="43">
        <v>7715</v>
      </c>
      <c r="I7722" s="55">
        <f>Bühler!I7748</f>
        <v>5.8684228465821988</v>
      </c>
      <c r="J7722" s="58">
        <f>Bühler!J7748</f>
        <v>14.751130704212297</v>
      </c>
      <c r="K7722" s="58">
        <f>Bühler!K7748</f>
        <v>0.38444571550949624</v>
      </c>
      <c r="L7722" s="58">
        <f>Bühler!L7748</f>
        <v>0.19222285775474812</v>
      </c>
      <c r="M7722" s="57">
        <f>Bühler!M7748</f>
        <v>0</v>
      </c>
      <c r="N7722" s="55">
        <f>IF(Input!$K$13=1,J7722*Input!$J$13,0)+IF(Input!$K$14=1,K7722*Input!$J$14,0)+IF(Input!$K$15=1,L7722*Input!$J$15,0)+IF(Input!$K$16=1,M7722*Input!$J$16,0)</f>
        <v>1.7701356845054756</v>
      </c>
      <c r="O7722" s="58">
        <f>IF(Input!$K$13=2,J7722*Input!$J$13,0)+IF(Input!$K$14=2,K7722*Input!$J$14,0)+IF(Input!$K$15=2,L7722*Input!$J$15,0)+IF(Input!$K$16=2,M7722*Input!$J$16,0)</f>
        <v>5.1900171593781991E-2</v>
      </c>
      <c r="P7722" s="58">
        <f>IF(Input!$K$13=3,J7722*Input!$J$13,0)+IF(Input!$K$14=3,K7722*Input!$J$14,0)+IF(Input!$K$15=3,L7722*Input!$J$15,0)+IF(Input!$K$16=3,M7722*Input!$J$16,0)</f>
        <v>0</v>
      </c>
      <c r="Q7722" s="71">
        <f>IF(Input!$K$13=4,J7722*Input!$J$13,0)+IF(Input!$K$14=4,K7722*Input!$J$14,0)+IF(Input!$K$15=4,L7722*Input!$J$15,0)+IF(Input!$K$16=4,M7722*Input!$J$16,0)</f>
        <v>0</v>
      </c>
    </row>
    <row r="7723" spans="8:17" x14ac:dyDescent="0.25">
      <c r="H7723" s="43">
        <v>7716</v>
      </c>
      <c r="I7723" s="55">
        <f>Bühler!I7749</f>
        <v>5.8684228465821988</v>
      </c>
      <c r="J7723" s="58">
        <f>Bühler!J7749</f>
        <v>14.751130704212297</v>
      </c>
      <c r="K7723" s="58">
        <f>Bühler!K7749</f>
        <v>0.38444571550949624</v>
      </c>
      <c r="L7723" s="58">
        <f>Bühler!L7749</f>
        <v>0.19222285775474812</v>
      </c>
      <c r="M7723" s="57">
        <f>Bühler!M7749</f>
        <v>0</v>
      </c>
      <c r="N7723" s="55">
        <f>IF(Input!$K$13=1,J7723*Input!$J$13,0)+IF(Input!$K$14=1,K7723*Input!$J$14,0)+IF(Input!$K$15=1,L7723*Input!$J$15,0)+IF(Input!$K$16=1,M7723*Input!$J$16,0)</f>
        <v>1.7701356845054756</v>
      </c>
      <c r="O7723" s="58">
        <f>IF(Input!$K$13=2,J7723*Input!$J$13,0)+IF(Input!$K$14=2,K7723*Input!$J$14,0)+IF(Input!$K$15=2,L7723*Input!$J$15,0)+IF(Input!$K$16=2,M7723*Input!$J$16,0)</f>
        <v>5.1900171593781991E-2</v>
      </c>
      <c r="P7723" s="58">
        <f>IF(Input!$K$13=3,J7723*Input!$J$13,0)+IF(Input!$K$14=3,K7723*Input!$J$14,0)+IF(Input!$K$15=3,L7723*Input!$J$15,0)+IF(Input!$K$16=3,M7723*Input!$J$16,0)</f>
        <v>0</v>
      </c>
      <c r="Q7723" s="71">
        <f>IF(Input!$K$13=4,J7723*Input!$J$13,0)+IF(Input!$K$14=4,K7723*Input!$J$14,0)+IF(Input!$K$15=4,L7723*Input!$J$15,0)+IF(Input!$K$16=4,M7723*Input!$J$16,0)</f>
        <v>0</v>
      </c>
    </row>
    <row r="7724" spans="8:17" x14ac:dyDescent="0.25">
      <c r="H7724" s="43">
        <v>7717</v>
      </c>
      <c r="I7724" s="55">
        <f>Bühler!I7750</f>
        <v>5.8684228465821988</v>
      </c>
      <c r="J7724" s="58">
        <f>Bühler!J7750</f>
        <v>14.751130704212297</v>
      </c>
      <c r="K7724" s="58">
        <f>Bühler!K7750</f>
        <v>0.38444571550949624</v>
      </c>
      <c r="L7724" s="58">
        <f>Bühler!L7750</f>
        <v>0.19222285775474812</v>
      </c>
      <c r="M7724" s="57">
        <f>Bühler!M7750</f>
        <v>0</v>
      </c>
      <c r="N7724" s="55">
        <f>IF(Input!$K$13=1,J7724*Input!$J$13,0)+IF(Input!$K$14=1,K7724*Input!$J$14,0)+IF(Input!$K$15=1,L7724*Input!$J$15,0)+IF(Input!$K$16=1,M7724*Input!$J$16,0)</f>
        <v>1.7701356845054756</v>
      </c>
      <c r="O7724" s="58">
        <f>IF(Input!$K$13=2,J7724*Input!$J$13,0)+IF(Input!$K$14=2,K7724*Input!$J$14,0)+IF(Input!$K$15=2,L7724*Input!$J$15,0)+IF(Input!$K$16=2,M7724*Input!$J$16,0)</f>
        <v>5.1900171593781991E-2</v>
      </c>
      <c r="P7724" s="58">
        <f>IF(Input!$K$13=3,J7724*Input!$J$13,0)+IF(Input!$K$14=3,K7724*Input!$J$14,0)+IF(Input!$K$15=3,L7724*Input!$J$15,0)+IF(Input!$K$16=3,M7724*Input!$J$16,0)</f>
        <v>0</v>
      </c>
      <c r="Q7724" s="71">
        <f>IF(Input!$K$13=4,J7724*Input!$J$13,0)+IF(Input!$K$14=4,K7724*Input!$J$14,0)+IF(Input!$K$15=4,L7724*Input!$J$15,0)+IF(Input!$K$16=4,M7724*Input!$J$16,0)</f>
        <v>0</v>
      </c>
    </row>
    <row r="7725" spans="8:17" x14ac:dyDescent="0.25">
      <c r="H7725" s="43">
        <v>7718</v>
      </c>
      <c r="I7725" s="55">
        <f>Bühler!I7751</f>
        <v>5.8684228465821988</v>
      </c>
      <c r="J7725" s="58">
        <f>Bühler!J7751</f>
        <v>14.751130704212297</v>
      </c>
      <c r="K7725" s="58">
        <f>Bühler!K7751</f>
        <v>0.38444571550949624</v>
      </c>
      <c r="L7725" s="58">
        <f>Bühler!L7751</f>
        <v>0.19222285775474812</v>
      </c>
      <c r="M7725" s="57">
        <f>Bühler!M7751</f>
        <v>0</v>
      </c>
      <c r="N7725" s="55">
        <f>IF(Input!$K$13=1,J7725*Input!$J$13,0)+IF(Input!$K$14=1,K7725*Input!$J$14,0)+IF(Input!$K$15=1,L7725*Input!$J$15,0)+IF(Input!$K$16=1,M7725*Input!$J$16,0)</f>
        <v>1.7701356845054756</v>
      </c>
      <c r="O7725" s="58">
        <f>IF(Input!$K$13=2,J7725*Input!$J$13,0)+IF(Input!$K$14=2,K7725*Input!$J$14,0)+IF(Input!$K$15=2,L7725*Input!$J$15,0)+IF(Input!$K$16=2,M7725*Input!$J$16,0)</f>
        <v>5.1900171593781991E-2</v>
      </c>
      <c r="P7725" s="58">
        <f>IF(Input!$K$13=3,J7725*Input!$J$13,0)+IF(Input!$K$14=3,K7725*Input!$J$14,0)+IF(Input!$K$15=3,L7725*Input!$J$15,0)+IF(Input!$K$16=3,M7725*Input!$J$16,0)</f>
        <v>0</v>
      </c>
      <c r="Q7725" s="71">
        <f>IF(Input!$K$13=4,J7725*Input!$J$13,0)+IF(Input!$K$14=4,K7725*Input!$J$14,0)+IF(Input!$K$15=4,L7725*Input!$J$15,0)+IF(Input!$K$16=4,M7725*Input!$J$16,0)</f>
        <v>0</v>
      </c>
    </row>
    <row r="7726" spans="8:17" x14ac:dyDescent="0.25">
      <c r="H7726" s="43">
        <v>7719</v>
      </c>
      <c r="I7726" s="55">
        <f>Bühler!I7752</f>
        <v>5.8684228465821988</v>
      </c>
      <c r="J7726" s="58">
        <f>Bühler!J7752</f>
        <v>14.751130704212297</v>
      </c>
      <c r="K7726" s="58">
        <f>Bühler!K7752</f>
        <v>0.38444571550949624</v>
      </c>
      <c r="L7726" s="58">
        <f>Bühler!L7752</f>
        <v>0.19222285775474812</v>
      </c>
      <c r="M7726" s="57">
        <f>Bühler!M7752</f>
        <v>0</v>
      </c>
      <c r="N7726" s="55">
        <f>IF(Input!$K$13=1,J7726*Input!$J$13,0)+IF(Input!$K$14=1,K7726*Input!$J$14,0)+IF(Input!$K$15=1,L7726*Input!$J$15,0)+IF(Input!$K$16=1,M7726*Input!$J$16,0)</f>
        <v>1.7701356845054756</v>
      </c>
      <c r="O7726" s="58">
        <f>IF(Input!$K$13=2,J7726*Input!$J$13,0)+IF(Input!$K$14=2,K7726*Input!$J$14,0)+IF(Input!$K$15=2,L7726*Input!$J$15,0)+IF(Input!$K$16=2,M7726*Input!$J$16,0)</f>
        <v>5.1900171593781991E-2</v>
      </c>
      <c r="P7726" s="58">
        <f>IF(Input!$K$13=3,J7726*Input!$J$13,0)+IF(Input!$K$14=3,K7726*Input!$J$14,0)+IF(Input!$K$15=3,L7726*Input!$J$15,0)+IF(Input!$K$16=3,M7726*Input!$J$16,0)</f>
        <v>0</v>
      </c>
      <c r="Q7726" s="71">
        <f>IF(Input!$K$13=4,J7726*Input!$J$13,0)+IF(Input!$K$14=4,K7726*Input!$J$14,0)+IF(Input!$K$15=4,L7726*Input!$J$15,0)+IF(Input!$K$16=4,M7726*Input!$J$16,0)</f>
        <v>0</v>
      </c>
    </row>
    <row r="7727" spans="8:17" x14ac:dyDescent="0.25">
      <c r="H7727" s="43">
        <v>7720</v>
      </c>
      <c r="I7727" s="55">
        <f>Bühler!I7753</f>
        <v>5.3056973681428099</v>
      </c>
      <c r="J7727" s="58">
        <f>Bühler!J7753</f>
        <v>14.727683809277323</v>
      </c>
      <c r="K7727" s="58">
        <f>Bühler!K7753</f>
        <v>0.38444571550949624</v>
      </c>
      <c r="L7727" s="58">
        <f>Bühler!L7753</f>
        <v>0.19222285775474812</v>
      </c>
      <c r="M7727" s="57">
        <f>Bühler!M7753</f>
        <v>0</v>
      </c>
      <c r="N7727" s="55">
        <f>IF(Input!$K$13=1,J7727*Input!$J$13,0)+IF(Input!$K$14=1,K7727*Input!$J$14,0)+IF(Input!$K$15=1,L7727*Input!$J$15,0)+IF(Input!$K$16=1,M7727*Input!$J$16,0)</f>
        <v>1.7673220571132788</v>
      </c>
      <c r="O7727" s="58">
        <f>IF(Input!$K$13=2,J7727*Input!$J$13,0)+IF(Input!$K$14=2,K7727*Input!$J$14,0)+IF(Input!$K$15=2,L7727*Input!$J$15,0)+IF(Input!$K$16=2,M7727*Input!$J$16,0)</f>
        <v>5.1900171593781991E-2</v>
      </c>
      <c r="P7727" s="58">
        <f>IF(Input!$K$13=3,J7727*Input!$J$13,0)+IF(Input!$K$14=3,K7727*Input!$J$14,0)+IF(Input!$K$15=3,L7727*Input!$J$15,0)+IF(Input!$K$16=3,M7727*Input!$J$16,0)</f>
        <v>0</v>
      </c>
      <c r="Q7727" s="71">
        <f>IF(Input!$K$13=4,J7727*Input!$J$13,0)+IF(Input!$K$14=4,K7727*Input!$J$14,0)+IF(Input!$K$15=4,L7727*Input!$J$15,0)+IF(Input!$K$16=4,M7727*Input!$J$16,0)</f>
        <v>0</v>
      </c>
    </row>
    <row r="7728" spans="8:17" x14ac:dyDescent="0.25">
      <c r="H7728" s="43">
        <v>7721</v>
      </c>
      <c r="I7728" s="55">
        <f>Bühler!I7754</f>
        <v>4.8233612437661915</v>
      </c>
      <c r="J7728" s="58">
        <f>Bühler!J7754</f>
        <v>14.70758647076163</v>
      </c>
      <c r="K7728" s="58">
        <f>Bühler!K7754</f>
        <v>0.38444571550949624</v>
      </c>
      <c r="L7728" s="58">
        <f>Bühler!L7754</f>
        <v>0.19222285775474812</v>
      </c>
      <c r="M7728" s="57">
        <f>Bühler!M7754</f>
        <v>0</v>
      </c>
      <c r="N7728" s="55">
        <f>IF(Input!$K$13=1,J7728*Input!$J$13,0)+IF(Input!$K$14=1,K7728*Input!$J$14,0)+IF(Input!$K$15=1,L7728*Input!$J$15,0)+IF(Input!$K$16=1,M7728*Input!$J$16,0)</f>
        <v>1.7649103764913956</v>
      </c>
      <c r="O7728" s="58">
        <f>IF(Input!$K$13=2,J7728*Input!$J$13,0)+IF(Input!$K$14=2,K7728*Input!$J$14,0)+IF(Input!$K$15=2,L7728*Input!$J$15,0)+IF(Input!$K$16=2,M7728*Input!$J$16,0)</f>
        <v>5.1900171593781991E-2</v>
      </c>
      <c r="P7728" s="58">
        <f>IF(Input!$K$13=3,J7728*Input!$J$13,0)+IF(Input!$K$14=3,K7728*Input!$J$14,0)+IF(Input!$K$15=3,L7728*Input!$J$15,0)+IF(Input!$K$16=3,M7728*Input!$J$16,0)</f>
        <v>0</v>
      </c>
      <c r="Q7728" s="71">
        <f>IF(Input!$K$13=4,J7728*Input!$J$13,0)+IF(Input!$K$14=4,K7728*Input!$J$14,0)+IF(Input!$K$15=4,L7728*Input!$J$15,0)+IF(Input!$K$16=4,M7728*Input!$J$16,0)</f>
        <v>0</v>
      </c>
    </row>
    <row r="7729" spans="8:17" x14ac:dyDescent="0.25">
      <c r="H7729" s="43">
        <v>7722</v>
      </c>
      <c r="I7729" s="55">
        <f>Bühler!I7755</f>
        <v>4.3410251193895713</v>
      </c>
      <c r="J7729" s="58">
        <f>Bühler!J7755</f>
        <v>14.687489132245938</v>
      </c>
      <c r="K7729" s="58">
        <f>Bühler!K7755</f>
        <v>0.38444571550949624</v>
      </c>
      <c r="L7729" s="58">
        <f>Bühler!L7755</f>
        <v>0.19222285775474812</v>
      </c>
      <c r="M7729" s="57">
        <f>Bühler!M7755</f>
        <v>0</v>
      </c>
      <c r="N7729" s="55">
        <f>IF(Input!$K$13=1,J7729*Input!$J$13,0)+IF(Input!$K$14=1,K7729*Input!$J$14,0)+IF(Input!$K$15=1,L7729*Input!$J$15,0)+IF(Input!$K$16=1,M7729*Input!$J$16,0)</f>
        <v>1.7624986958695126</v>
      </c>
      <c r="O7729" s="58">
        <f>IF(Input!$K$13=2,J7729*Input!$J$13,0)+IF(Input!$K$14=2,K7729*Input!$J$14,0)+IF(Input!$K$15=2,L7729*Input!$J$15,0)+IF(Input!$K$16=2,M7729*Input!$J$16,0)</f>
        <v>5.1900171593781991E-2</v>
      </c>
      <c r="P7729" s="58">
        <f>IF(Input!$K$13=3,J7729*Input!$J$13,0)+IF(Input!$K$14=3,K7729*Input!$J$14,0)+IF(Input!$K$15=3,L7729*Input!$J$15,0)+IF(Input!$K$16=3,M7729*Input!$J$16,0)</f>
        <v>0</v>
      </c>
      <c r="Q7729" s="71">
        <f>IF(Input!$K$13=4,J7729*Input!$J$13,0)+IF(Input!$K$14=4,K7729*Input!$J$14,0)+IF(Input!$K$15=4,L7729*Input!$J$15,0)+IF(Input!$K$16=4,M7729*Input!$J$16,0)</f>
        <v>0</v>
      </c>
    </row>
    <row r="7730" spans="8:17" x14ac:dyDescent="0.25">
      <c r="H7730" s="43">
        <v>7723</v>
      </c>
      <c r="I7730" s="55">
        <f>Bühler!I7756</f>
        <v>4.180246411264033</v>
      </c>
      <c r="J7730" s="58">
        <f>Bühler!J7756</f>
        <v>14.680790019407373</v>
      </c>
      <c r="K7730" s="58">
        <f>Bühler!K7756</f>
        <v>0.38444571550949624</v>
      </c>
      <c r="L7730" s="58">
        <f>Bühler!L7756</f>
        <v>0.19222285775474812</v>
      </c>
      <c r="M7730" s="57">
        <f>Bühler!M7756</f>
        <v>0</v>
      </c>
      <c r="N7730" s="55">
        <f>IF(Input!$K$13=1,J7730*Input!$J$13,0)+IF(Input!$K$14=1,K7730*Input!$J$14,0)+IF(Input!$K$15=1,L7730*Input!$J$15,0)+IF(Input!$K$16=1,M7730*Input!$J$16,0)</f>
        <v>1.7616948023288848</v>
      </c>
      <c r="O7730" s="58">
        <f>IF(Input!$K$13=2,J7730*Input!$J$13,0)+IF(Input!$K$14=2,K7730*Input!$J$14,0)+IF(Input!$K$15=2,L7730*Input!$J$15,0)+IF(Input!$K$16=2,M7730*Input!$J$16,0)</f>
        <v>5.1900171593781991E-2</v>
      </c>
      <c r="P7730" s="58">
        <f>IF(Input!$K$13=3,J7730*Input!$J$13,0)+IF(Input!$K$14=3,K7730*Input!$J$14,0)+IF(Input!$K$15=3,L7730*Input!$J$15,0)+IF(Input!$K$16=3,M7730*Input!$J$16,0)</f>
        <v>0</v>
      </c>
      <c r="Q7730" s="71">
        <f>IF(Input!$K$13=4,J7730*Input!$J$13,0)+IF(Input!$K$14=4,K7730*Input!$J$14,0)+IF(Input!$K$15=4,L7730*Input!$J$15,0)+IF(Input!$K$16=4,M7730*Input!$J$16,0)</f>
        <v>0</v>
      </c>
    </row>
    <row r="7731" spans="8:17" x14ac:dyDescent="0.25">
      <c r="H7731" s="43">
        <v>7724</v>
      </c>
      <c r="I7731" s="55">
        <f>Bühler!I7757</f>
        <v>3.3763528706363335</v>
      </c>
      <c r="J7731" s="58">
        <f>Bühler!J7757</f>
        <v>14.647294455214555</v>
      </c>
      <c r="K7731" s="58">
        <f>Bühler!K7757</f>
        <v>0.38444571550949624</v>
      </c>
      <c r="L7731" s="58">
        <f>Bühler!L7757</f>
        <v>0.19222285775474812</v>
      </c>
      <c r="M7731" s="57">
        <f>Bühler!M7757</f>
        <v>0</v>
      </c>
      <c r="N7731" s="55">
        <f>IF(Input!$K$13=1,J7731*Input!$J$13,0)+IF(Input!$K$14=1,K7731*Input!$J$14,0)+IF(Input!$K$15=1,L7731*Input!$J$15,0)+IF(Input!$K$16=1,M7731*Input!$J$16,0)</f>
        <v>1.7576753346257465</v>
      </c>
      <c r="O7731" s="58">
        <f>IF(Input!$K$13=2,J7731*Input!$J$13,0)+IF(Input!$K$14=2,K7731*Input!$J$14,0)+IF(Input!$K$15=2,L7731*Input!$J$15,0)+IF(Input!$K$16=2,M7731*Input!$J$16,0)</f>
        <v>5.1900171593781991E-2</v>
      </c>
      <c r="P7731" s="58">
        <f>IF(Input!$K$13=3,J7731*Input!$J$13,0)+IF(Input!$K$14=3,K7731*Input!$J$14,0)+IF(Input!$K$15=3,L7731*Input!$J$15,0)+IF(Input!$K$16=3,M7731*Input!$J$16,0)</f>
        <v>0</v>
      </c>
      <c r="Q7731" s="71">
        <f>IF(Input!$K$13=4,J7731*Input!$J$13,0)+IF(Input!$K$14=4,K7731*Input!$J$14,0)+IF(Input!$K$15=4,L7731*Input!$J$15,0)+IF(Input!$K$16=4,M7731*Input!$J$16,0)</f>
        <v>0</v>
      </c>
    </row>
    <row r="7732" spans="8:17" x14ac:dyDescent="0.25">
      <c r="H7732" s="43">
        <v>7725</v>
      </c>
      <c r="I7732" s="55">
        <f>Bühler!I7758</f>
        <v>2.4920699759458649</v>
      </c>
      <c r="J7732" s="58">
        <f>Bühler!J7758</f>
        <v>14.610449334602452</v>
      </c>
      <c r="K7732" s="58">
        <f>Bühler!K7758</f>
        <v>0.38444571550949624</v>
      </c>
      <c r="L7732" s="58">
        <f>Bühler!L7758</f>
        <v>0.19222285775474812</v>
      </c>
      <c r="M7732" s="57">
        <f>Bühler!M7758</f>
        <v>0</v>
      </c>
      <c r="N7732" s="55">
        <f>IF(Input!$K$13=1,J7732*Input!$J$13,0)+IF(Input!$K$14=1,K7732*Input!$J$14,0)+IF(Input!$K$15=1,L7732*Input!$J$15,0)+IF(Input!$K$16=1,M7732*Input!$J$16,0)</f>
        <v>1.7532539201522941</v>
      </c>
      <c r="O7732" s="58">
        <f>IF(Input!$K$13=2,J7732*Input!$J$13,0)+IF(Input!$K$14=2,K7732*Input!$J$14,0)+IF(Input!$K$15=2,L7732*Input!$J$15,0)+IF(Input!$K$16=2,M7732*Input!$J$16,0)</f>
        <v>5.1900171593781991E-2</v>
      </c>
      <c r="P7732" s="58">
        <f>IF(Input!$K$13=3,J7732*Input!$J$13,0)+IF(Input!$K$14=3,K7732*Input!$J$14,0)+IF(Input!$K$15=3,L7732*Input!$J$15,0)+IF(Input!$K$16=3,M7732*Input!$J$16,0)</f>
        <v>0</v>
      </c>
      <c r="Q7732" s="71">
        <f>IF(Input!$K$13=4,J7732*Input!$J$13,0)+IF(Input!$K$14=4,K7732*Input!$J$14,0)+IF(Input!$K$15=4,L7732*Input!$J$15,0)+IF(Input!$K$16=4,M7732*Input!$J$16,0)</f>
        <v>0</v>
      </c>
    </row>
    <row r="7733" spans="8:17" x14ac:dyDescent="0.25">
      <c r="H7733" s="43">
        <v>7726</v>
      </c>
      <c r="I7733" s="55">
        <f>Bühler!I7759</f>
        <v>2.4920699759458649</v>
      </c>
      <c r="J7733" s="58">
        <f>Bühler!J7759</f>
        <v>14.610449334602452</v>
      </c>
      <c r="K7733" s="58">
        <f>Bühler!K7759</f>
        <v>0.38444571550949624</v>
      </c>
      <c r="L7733" s="58">
        <f>Bühler!L7759</f>
        <v>0.19222285775474812</v>
      </c>
      <c r="M7733" s="57">
        <f>Bühler!M7759</f>
        <v>0</v>
      </c>
      <c r="N7733" s="55">
        <f>IF(Input!$K$13=1,J7733*Input!$J$13,0)+IF(Input!$K$14=1,K7733*Input!$J$14,0)+IF(Input!$K$15=1,L7733*Input!$J$15,0)+IF(Input!$K$16=1,M7733*Input!$J$16,0)</f>
        <v>1.7532539201522941</v>
      </c>
      <c r="O7733" s="58">
        <f>IF(Input!$K$13=2,J7733*Input!$J$13,0)+IF(Input!$K$14=2,K7733*Input!$J$14,0)+IF(Input!$K$15=2,L7733*Input!$J$15,0)+IF(Input!$K$16=2,M7733*Input!$J$16,0)</f>
        <v>5.1900171593781991E-2</v>
      </c>
      <c r="P7733" s="58">
        <f>IF(Input!$K$13=3,J7733*Input!$J$13,0)+IF(Input!$K$14=3,K7733*Input!$J$14,0)+IF(Input!$K$15=3,L7733*Input!$J$15,0)+IF(Input!$K$16=3,M7733*Input!$J$16,0)</f>
        <v>0</v>
      </c>
      <c r="Q7733" s="71">
        <f>IF(Input!$K$13=4,J7733*Input!$J$13,0)+IF(Input!$K$14=4,K7733*Input!$J$14,0)+IF(Input!$K$15=4,L7733*Input!$J$15,0)+IF(Input!$K$16=4,M7733*Input!$J$16,0)</f>
        <v>0</v>
      </c>
    </row>
    <row r="7734" spans="8:17" x14ac:dyDescent="0.25">
      <c r="H7734" s="43">
        <v>7727</v>
      </c>
      <c r="I7734" s="55">
        <f>Bühler!I7760</f>
        <v>2.4920699759458649</v>
      </c>
      <c r="J7734" s="58">
        <f>Bühler!J7760</f>
        <v>14.610449334602452</v>
      </c>
      <c r="K7734" s="58">
        <f>Bühler!K7760</f>
        <v>0.38444571550949624</v>
      </c>
      <c r="L7734" s="58">
        <f>Bühler!L7760</f>
        <v>0.19222285775474812</v>
      </c>
      <c r="M7734" s="57">
        <f>Bühler!M7760</f>
        <v>0</v>
      </c>
      <c r="N7734" s="55">
        <f>IF(Input!$K$13=1,J7734*Input!$J$13,0)+IF(Input!$K$14=1,K7734*Input!$J$14,0)+IF(Input!$K$15=1,L7734*Input!$J$15,0)+IF(Input!$K$16=1,M7734*Input!$J$16,0)</f>
        <v>1.7532539201522941</v>
      </c>
      <c r="O7734" s="58">
        <f>IF(Input!$K$13=2,J7734*Input!$J$13,0)+IF(Input!$K$14=2,K7734*Input!$J$14,0)+IF(Input!$K$15=2,L7734*Input!$J$15,0)+IF(Input!$K$16=2,M7734*Input!$J$16,0)</f>
        <v>5.1900171593781991E-2</v>
      </c>
      <c r="P7734" s="58">
        <f>IF(Input!$K$13=3,J7734*Input!$J$13,0)+IF(Input!$K$14=3,K7734*Input!$J$14,0)+IF(Input!$K$15=3,L7734*Input!$J$15,0)+IF(Input!$K$16=3,M7734*Input!$J$16,0)</f>
        <v>0</v>
      </c>
      <c r="Q7734" s="71">
        <f>IF(Input!$K$13=4,J7734*Input!$J$13,0)+IF(Input!$K$14=4,K7734*Input!$J$14,0)+IF(Input!$K$15=4,L7734*Input!$J$15,0)+IF(Input!$K$16=4,M7734*Input!$J$16,0)</f>
        <v>0</v>
      </c>
    </row>
    <row r="7735" spans="8:17" x14ac:dyDescent="0.25">
      <c r="H7735" s="43">
        <v>7728</v>
      </c>
      <c r="I7735" s="55">
        <f>Bühler!I7761</f>
        <v>2.4920699759458649</v>
      </c>
      <c r="J7735" s="58">
        <f>Bühler!J7761</f>
        <v>14.610449334602452</v>
      </c>
      <c r="K7735" s="58">
        <f>Bühler!K7761</f>
        <v>0.38444571550949624</v>
      </c>
      <c r="L7735" s="58">
        <f>Bühler!L7761</f>
        <v>0.19222285775474812</v>
      </c>
      <c r="M7735" s="57">
        <f>Bühler!M7761</f>
        <v>0</v>
      </c>
      <c r="N7735" s="55">
        <f>IF(Input!$K$13=1,J7735*Input!$J$13,0)+IF(Input!$K$14=1,K7735*Input!$J$14,0)+IF(Input!$K$15=1,L7735*Input!$J$15,0)+IF(Input!$K$16=1,M7735*Input!$J$16,0)</f>
        <v>1.7532539201522941</v>
      </c>
      <c r="O7735" s="58">
        <f>IF(Input!$K$13=2,J7735*Input!$J$13,0)+IF(Input!$K$14=2,K7735*Input!$J$14,0)+IF(Input!$K$15=2,L7735*Input!$J$15,0)+IF(Input!$K$16=2,M7735*Input!$J$16,0)</f>
        <v>5.1900171593781991E-2</v>
      </c>
      <c r="P7735" s="58">
        <f>IF(Input!$K$13=3,J7735*Input!$J$13,0)+IF(Input!$K$14=3,K7735*Input!$J$14,0)+IF(Input!$K$15=3,L7735*Input!$J$15,0)+IF(Input!$K$16=3,M7735*Input!$J$16,0)</f>
        <v>0</v>
      </c>
      <c r="Q7735" s="71">
        <f>IF(Input!$K$13=4,J7735*Input!$J$13,0)+IF(Input!$K$14=4,K7735*Input!$J$14,0)+IF(Input!$K$15=4,L7735*Input!$J$15,0)+IF(Input!$K$16=4,M7735*Input!$J$16,0)</f>
        <v>0</v>
      </c>
    </row>
    <row r="7736" spans="8:17" x14ac:dyDescent="0.25">
      <c r="H7736" s="43">
        <v>7729</v>
      </c>
      <c r="I7736" s="55">
        <f>Bühler!I7762</f>
        <v>3.1161131993427151</v>
      </c>
      <c r="J7736" s="58">
        <f>Bühler!J7762</f>
        <v>15.657415105624567</v>
      </c>
      <c r="K7736" s="58">
        <f>Bühler!K7762</f>
        <v>0.40202677821709165</v>
      </c>
      <c r="L7736" s="58">
        <f>Bühler!L7762</f>
        <v>0.20101338910854583</v>
      </c>
      <c r="M7736" s="57">
        <f>Bühler!M7762</f>
        <v>0</v>
      </c>
      <c r="N7736" s="55">
        <f>IF(Input!$K$13=1,J7736*Input!$J$13,0)+IF(Input!$K$14=1,K7736*Input!$J$14,0)+IF(Input!$K$15=1,L7736*Input!$J$15,0)+IF(Input!$K$16=1,M7736*Input!$J$16,0)</f>
        <v>1.878889812674948</v>
      </c>
      <c r="O7736" s="58">
        <f>IF(Input!$K$13=2,J7736*Input!$J$13,0)+IF(Input!$K$14=2,K7736*Input!$J$14,0)+IF(Input!$K$15=2,L7736*Input!$J$15,0)+IF(Input!$K$16=2,M7736*Input!$J$16,0)</f>
        <v>5.4273615059307376E-2</v>
      </c>
      <c r="P7736" s="58">
        <f>IF(Input!$K$13=3,J7736*Input!$J$13,0)+IF(Input!$K$14=3,K7736*Input!$J$14,0)+IF(Input!$K$15=3,L7736*Input!$J$15,0)+IF(Input!$K$16=3,M7736*Input!$J$16,0)</f>
        <v>0</v>
      </c>
      <c r="Q7736" s="71">
        <f>IF(Input!$K$13=4,J7736*Input!$J$13,0)+IF(Input!$K$14=4,K7736*Input!$J$14,0)+IF(Input!$K$15=4,L7736*Input!$J$15,0)+IF(Input!$K$16=4,M7736*Input!$J$16,0)</f>
        <v>0</v>
      </c>
    </row>
    <row r="7737" spans="8:17" x14ac:dyDescent="0.25">
      <c r="H7737" s="43">
        <v>7730</v>
      </c>
      <c r="I7737" s="55">
        <f>Bühler!I7763</f>
        <v>3.6187121024625077</v>
      </c>
      <c r="J7737" s="58">
        <f>Bühler!J7763</f>
        <v>15.678356726587893</v>
      </c>
      <c r="K7737" s="58">
        <f>Bühler!K7763</f>
        <v>0.40202677821709165</v>
      </c>
      <c r="L7737" s="58">
        <f>Bühler!L7763</f>
        <v>0.20101338910854583</v>
      </c>
      <c r="M7737" s="57">
        <f>Bühler!M7763</f>
        <v>0</v>
      </c>
      <c r="N7737" s="55">
        <f>IF(Input!$K$13=1,J7737*Input!$J$13,0)+IF(Input!$K$14=1,K7737*Input!$J$14,0)+IF(Input!$K$15=1,L7737*Input!$J$15,0)+IF(Input!$K$16=1,M7737*Input!$J$16,0)</f>
        <v>1.8814028071905471</v>
      </c>
      <c r="O7737" s="58">
        <f>IF(Input!$K$13=2,J7737*Input!$J$13,0)+IF(Input!$K$14=2,K7737*Input!$J$14,0)+IF(Input!$K$15=2,L7737*Input!$J$15,0)+IF(Input!$K$16=2,M7737*Input!$J$16,0)</f>
        <v>5.4273615059307376E-2</v>
      </c>
      <c r="P7737" s="58">
        <f>IF(Input!$K$13=3,J7737*Input!$J$13,0)+IF(Input!$K$14=3,K7737*Input!$J$14,0)+IF(Input!$K$15=3,L7737*Input!$J$15,0)+IF(Input!$K$16=3,M7737*Input!$J$16,0)</f>
        <v>0</v>
      </c>
      <c r="Q7737" s="71">
        <f>IF(Input!$K$13=4,J7737*Input!$J$13,0)+IF(Input!$K$14=4,K7737*Input!$J$14,0)+IF(Input!$K$15=4,L7737*Input!$J$15,0)+IF(Input!$K$16=4,M7737*Input!$J$16,0)</f>
        <v>0</v>
      </c>
    </row>
    <row r="7738" spans="8:17" x14ac:dyDescent="0.25">
      <c r="H7738" s="43">
        <v>7731</v>
      </c>
      <c r="I7738" s="55">
        <f>Bühler!I7764</f>
        <v>3.6187121024625077</v>
      </c>
      <c r="J7738" s="58">
        <f>Bühler!J7764</f>
        <v>15.678356726587893</v>
      </c>
      <c r="K7738" s="58">
        <f>Bühler!K7764</f>
        <v>0.40202677821709165</v>
      </c>
      <c r="L7738" s="58">
        <f>Bühler!L7764</f>
        <v>0.20101338910854583</v>
      </c>
      <c r="M7738" s="57">
        <f>Bühler!M7764</f>
        <v>0</v>
      </c>
      <c r="N7738" s="55">
        <f>IF(Input!$K$13=1,J7738*Input!$J$13,0)+IF(Input!$K$14=1,K7738*Input!$J$14,0)+IF(Input!$K$15=1,L7738*Input!$J$15,0)+IF(Input!$K$16=1,M7738*Input!$J$16,0)</f>
        <v>1.8814028071905471</v>
      </c>
      <c r="O7738" s="58">
        <f>IF(Input!$K$13=2,J7738*Input!$J$13,0)+IF(Input!$K$14=2,K7738*Input!$J$14,0)+IF(Input!$K$15=2,L7738*Input!$J$15,0)+IF(Input!$K$16=2,M7738*Input!$J$16,0)</f>
        <v>5.4273615059307376E-2</v>
      </c>
      <c r="P7738" s="58">
        <f>IF(Input!$K$13=3,J7738*Input!$J$13,0)+IF(Input!$K$14=3,K7738*Input!$J$14,0)+IF(Input!$K$15=3,L7738*Input!$J$15,0)+IF(Input!$K$16=3,M7738*Input!$J$16,0)</f>
        <v>0</v>
      </c>
      <c r="Q7738" s="71">
        <f>IF(Input!$K$13=4,J7738*Input!$J$13,0)+IF(Input!$K$14=4,K7738*Input!$J$14,0)+IF(Input!$K$15=4,L7738*Input!$J$15,0)+IF(Input!$K$16=4,M7738*Input!$J$16,0)</f>
        <v>0</v>
      </c>
    </row>
    <row r="7739" spans="8:17" x14ac:dyDescent="0.25">
      <c r="H7739" s="43">
        <v>7732</v>
      </c>
      <c r="I7739" s="55">
        <f>Bühler!I7765</f>
        <v>3.6187121024625077</v>
      </c>
      <c r="J7739" s="58">
        <f>Bühler!J7765</f>
        <v>15.678356726587893</v>
      </c>
      <c r="K7739" s="58">
        <f>Bühler!K7765</f>
        <v>0.40202677821709165</v>
      </c>
      <c r="L7739" s="58">
        <f>Bühler!L7765</f>
        <v>0.20101338910854583</v>
      </c>
      <c r="M7739" s="57">
        <f>Bühler!M7765</f>
        <v>0</v>
      </c>
      <c r="N7739" s="55">
        <f>IF(Input!$K$13=1,J7739*Input!$J$13,0)+IF(Input!$K$14=1,K7739*Input!$J$14,0)+IF(Input!$K$15=1,L7739*Input!$J$15,0)+IF(Input!$K$16=1,M7739*Input!$J$16,0)</f>
        <v>1.8814028071905471</v>
      </c>
      <c r="O7739" s="58">
        <f>IF(Input!$K$13=2,J7739*Input!$J$13,0)+IF(Input!$K$14=2,K7739*Input!$J$14,0)+IF(Input!$K$15=2,L7739*Input!$J$15,0)+IF(Input!$K$16=2,M7739*Input!$J$16,0)</f>
        <v>5.4273615059307376E-2</v>
      </c>
      <c r="P7739" s="58">
        <f>IF(Input!$K$13=3,J7739*Input!$J$13,0)+IF(Input!$K$14=3,K7739*Input!$J$14,0)+IF(Input!$K$15=3,L7739*Input!$J$15,0)+IF(Input!$K$16=3,M7739*Input!$J$16,0)</f>
        <v>0</v>
      </c>
      <c r="Q7739" s="71">
        <f>IF(Input!$K$13=4,J7739*Input!$J$13,0)+IF(Input!$K$14=4,K7739*Input!$J$14,0)+IF(Input!$K$15=4,L7739*Input!$J$15,0)+IF(Input!$K$16=4,M7739*Input!$J$16,0)</f>
        <v>0</v>
      </c>
    </row>
    <row r="7740" spans="8:17" x14ac:dyDescent="0.25">
      <c r="H7740" s="43">
        <v>7733</v>
      </c>
      <c r="I7740" s="55">
        <f>Bühler!I7766</f>
        <v>3.6187121024625077</v>
      </c>
      <c r="J7740" s="58">
        <f>Bühler!J7766</f>
        <v>15.678356726587893</v>
      </c>
      <c r="K7740" s="58">
        <f>Bühler!K7766</f>
        <v>0.40202677821709165</v>
      </c>
      <c r="L7740" s="58">
        <f>Bühler!L7766</f>
        <v>0.20101338910854583</v>
      </c>
      <c r="M7740" s="57">
        <f>Bühler!M7766</f>
        <v>0</v>
      </c>
      <c r="N7740" s="55">
        <f>IF(Input!$K$13=1,J7740*Input!$J$13,0)+IF(Input!$K$14=1,K7740*Input!$J$14,0)+IF(Input!$K$15=1,L7740*Input!$J$15,0)+IF(Input!$K$16=1,M7740*Input!$J$16,0)</f>
        <v>1.8814028071905471</v>
      </c>
      <c r="O7740" s="58">
        <f>IF(Input!$K$13=2,J7740*Input!$J$13,0)+IF(Input!$K$14=2,K7740*Input!$J$14,0)+IF(Input!$K$15=2,L7740*Input!$J$15,0)+IF(Input!$K$16=2,M7740*Input!$J$16,0)</f>
        <v>5.4273615059307376E-2</v>
      </c>
      <c r="P7740" s="58">
        <f>IF(Input!$K$13=3,J7740*Input!$J$13,0)+IF(Input!$K$14=3,K7740*Input!$J$14,0)+IF(Input!$K$15=3,L7740*Input!$J$15,0)+IF(Input!$K$16=3,M7740*Input!$J$16,0)</f>
        <v>0</v>
      </c>
      <c r="Q7740" s="71">
        <f>IF(Input!$K$13=4,J7740*Input!$J$13,0)+IF(Input!$K$14=4,K7740*Input!$J$14,0)+IF(Input!$K$15=4,L7740*Input!$J$15,0)+IF(Input!$K$16=4,M7740*Input!$J$16,0)</f>
        <v>0</v>
      </c>
    </row>
    <row r="7741" spans="8:17" x14ac:dyDescent="0.25">
      <c r="H7741" s="43">
        <v>7734</v>
      </c>
      <c r="I7741" s="55">
        <f>Bühler!I7767</f>
        <v>4.5233901280781348</v>
      </c>
      <c r="J7741" s="58">
        <f>Bühler!J7767</f>
        <v>15.716051644321876</v>
      </c>
      <c r="K7741" s="58">
        <f>Bühler!K7767</f>
        <v>0.40202677821709165</v>
      </c>
      <c r="L7741" s="58">
        <f>Bühler!L7767</f>
        <v>0.20101338910854583</v>
      </c>
      <c r="M7741" s="57">
        <f>Bühler!M7767</f>
        <v>0</v>
      </c>
      <c r="N7741" s="55">
        <f>IF(Input!$K$13=1,J7741*Input!$J$13,0)+IF(Input!$K$14=1,K7741*Input!$J$14,0)+IF(Input!$K$15=1,L7741*Input!$J$15,0)+IF(Input!$K$16=1,M7741*Input!$J$16,0)</f>
        <v>1.885926197318625</v>
      </c>
      <c r="O7741" s="58">
        <f>IF(Input!$K$13=2,J7741*Input!$J$13,0)+IF(Input!$K$14=2,K7741*Input!$J$14,0)+IF(Input!$K$15=2,L7741*Input!$J$15,0)+IF(Input!$K$16=2,M7741*Input!$J$16,0)</f>
        <v>5.4273615059307376E-2</v>
      </c>
      <c r="P7741" s="58">
        <f>IF(Input!$K$13=3,J7741*Input!$J$13,0)+IF(Input!$K$14=3,K7741*Input!$J$14,0)+IF(Input!$K$15=3,L7741*Input!$J$15,0)+IF(Input!$K$16=3,M7741*Input!$J$16,0)</f>
        <v>0</v>
      </c>
      <c r="Q7741" s="71">
        <f>IF(Input!$K$13=4,J7741*Input!$J$13,0)+IF(Input!$K$14=4,K7741*Input!$J$14,0)+IF(Input!$K$15=4,L7741*Input!$J$15,0)+IF(Input!$K$16=4,M7741*Input!$J$16,0)</f>
        <v>0</v>
      </c>
    </row>
    <row r="7742" spans="8:17" x14ac:dyDescent="0.25">
      <c r="H7742" s="43">
        <v>7735</v>
      </c>
      <c r="I7742" s="55">
        <f>Bühler!I7768</f>
        <v>5.3275483730698037</v>
      </c>
      <c r="J7742" s="58">
        <f>Bühler!J7768</f>
        <v>15.749558237863194</v>
      </c>
      <c r="K7742" s="58">
        <f>Bühler!K7768</f>
        <v>0.40202677821709165</v>
      </c>
      <c r="L7742" s="58">
        <f>Bühler!L7768</f>
        <v>0.20101338910854583</v>
      </c>
      <c r="M7742" s="57">
        <f>Bühler!M7768</f>
        <v>0</v>
      </c>
      <c r="N7742" s="55">
        <f>IF(Input!$K$13=1,J7742*Input!$J$13,0)+IF(Input!$K$14=1,K7742*Input!$J$14,0)+IF(Input!$K$15=1,L7742*Input!$J$15,0)+IF(Input!$K$16=1,M7742*Input!$J$16,0)</f>
        <v>1.8899469885435833</v>
      </c>
      <c r="O7742" s="58">
        <f>IF(Input!$K$13=2,J7742*Input!$J$13,0)+IF(Input!$K$14=2,K7742*Input!$J$14,0)+IF(Input!$K$15=2,L7742*Input!$J$15,0)+IF(Input!$K$16=2,M7742*Input!$J$16,0)</f>
        <v>5.4273615059307376E-2</v>
      </c>
      <c r="P7742" s="58">
        <f>IF(Input!$K$13=3,J7742*Input!$J$13,0)+IF(Input!$K$14=3,K7742*Input!$J$14,0)+IF(Input!$K$15=3,L7742*Input!$J$15,0)+IF(Input!$K$16=3,M7742*Input!$J$16,0)</f>
        <v>0</v>
      </c>
      <c r="Q7742" s="71">
        <f>IF(Input!$K$13=4,J7742*Input!$J$13,0)+IF(Input!$K$14=4,K7742*Input!$J$14,0)+IF(Input!$K$15=4,L7742*Input!$J$15,0)+IF(Input!$K$16=4,M7742*Input!$J$16,0)</f>
        <v>0</v>
      </c>
    </row>
    <row r="7743" spans="8:17" x14ac:dyDescent="0.25">
      <c r="H7743" s="43">
        <v>7736</v>
      </c>
      <c r="I7743" s="55">
        <f>Bühler!I7769</f>
        <v>6.3327461793093889</v>
      </c>
      <c r="J7743" s="58">
        <f>Bühler!J7769</f>
        <v>15.791441479789844</v>
      </c>
      <c r="K7743" s="58">
        <f>Bühler!K7769</f>
        <v>0.40202677821709165</v>
      </c>
      <c r="L7743" s="58">
        <f>Bühler!L7769</f>
        <v>0.20101338910854583</v>
      </c>
      <c r="M7743" s="57">
        <f>Bühler!M7769</f>
        <v>0</v>
      </c>
      <c r="N7743" s="55">
        <f>IF(Input!$K$13=1,J7743*Input!$J$13,0)+IF(Input!$K$14=1,K7743*Input!$J$14,0)+IF(Input!$K$15=1,L7743*Input!$J$15,0)+IF(Input!$K$16=1,M7743*Input!$J$16,0)</f>
        <v>1.8949729775747812</v>
      </c>
      <c r="O7743" s="58">
        <f>IF(Input!$K$13=2,J7743*Input!$J$13,0)+IF(Input!$K$14=2,K7743*Input!$J$14,0)+IF(Input!$K$15=2,L7743*Input!$J$15,0)+IF(Input!$K$16=2,M7743*Input!$J$16,0)</f>
        <v>5.4273615059307376E-2</v>
      </c>
      <c r="P7743" s="58">
        <f>IF(Input!$K$13=3,J7743*Input!$J$13,0)+IF(Input!$K$14=3,K7743*Input!$J$14,0)+IF(Input!$K$15=3,L7743*Input!$J$15,0)+IF(Input!$K$16=3,M7743*Input!$J$16,0)</f>
        <v>0</v>
      </c>
      <c r="Q7743" s="71">
        <f>IF(Input!$K$13=4,J7743*Input!$J$13,0)+IF(Input!$K$14=4,K7743*Input!$J$14,0)+IF(Input!$K$15=4,L7743*Input!$J$15,0)+IF(Input!$K$16=4,M7743*Input!$J$16,0)</f>
        <v>0</v>
      </c>
    </row>
    <row r="7744" spans="8:17" x14ac:dyDescent="0.25">
      <c r="H7744" s="43">
        <v>7737</v>
      </c>
      <c r="I7744" s="55">
        <f>Bühler!I7770</f>
        <v>6.3327461793093889</v>
      </c>
      <c r="J7744" s="58">
        <f>Bühler!J7770</f>
        <v>15.791441479789844</v>
      </c>
      <c r="K7744" s="58">
        <f>Bühler!K7770</f>
        <v>0.40202677821709165</v>
      </c>
      <c r="L7744" s="58">
        <f>Bühler!L7770</f>
        <v>0.20101338910854583</v>
      </c>
      <c r="M7744" s="57">
        <f>Bühler!M7770</f>
        <v>0</v>
      </c>
      <c r="N7744" s="55">
        <f>IF(Input!$K$13=1,J7744*Input!$J$13,0)+IF(Input!$K$14=1,K7744*Input!$J$14,0)+IF(Input!$K$15=1,L7744*Input!$J$15,0)+IF(Input!$K$16=1,M7744*Input!$J$16,0)</f>
        <v>1.8949729775747812</v>
      </c>
      <c r="O7744" s="58">
        <f>IF(Input!$K$13=2,J7744*Input!$J$13,0)+IF(Input!$K$14=2,K7744*Input!$J$14,0)+IF(Input!$K$15=2,L7744*Input!$J$15,0)+IF(Input!$K$16=2,M7744*Input!$J$16,0)</f>
        <v>5.4273615059307376E-2</v>
      </c>
      <c r="P7744" s="58">
        <f>IF(Input!$K$13=3,J7744*Input!$J$13,0)+IF(Input!$K$14=3,K7744*Input!$J$14,0)+IF(Input!$K$15=3,L7744*Input!$J$15,0)+IF(Input!$K$16=3,M7744*Input!$J$16,0)</f>
        <v>0</v>
      </c>
      <c r="Q7744" s="71">
        <f>IF(Input!$K$13=4,J7744*Input!$J$13,0)+IF(Input!$K$14=4,K7744*Input!$J$14,0)+IF(Input!$K$15=4,L7744*Input!$J$15,0)+IF(Input!$K$16=4,M7744*Input!$J$16,0)</f>
        <v>0</v>
      </c>
    </row>
    <row r="7745" spans="8:17" x14ac:dyDescent="0.25">
      <c r="H7745" s="43">
        <v>7738</v>
      </c>
      <c r="I7745" s="55">
        <f>Bühler!I7771</f>
        <v>6.3327461793093889</v>
      </c>
      <c r="J7745" s="58">
        <f>Bühler!J7771</f>
        <v>15.791441479789844</v>
      </c>
      <c r="K7745" s="58">
        <f>Bühler!K7771</f>
        <v>0.40202677821709165</v>
      </c>
      <c r="L7745" s="58">
        <f>Bühler!L7771</f>
        <v>0.20101338910854583</v>
      </c>
      <c r="M7745" s="57">
        <f>Bühler!M7771</f>
        <v>0</v>
      </c>
      <c r="N7745" s="55">
        <f>IF(Input!$K$13=1,J7745*Input!$J$13,0)+IF(Input!$K$14=1,K7745*Input!$J$14,0)+IF(Input!$K$15=1,L7745*Input!$J$15,0)+IF(Input!$K$16=1,M7745*Input!$J$16,0)</f>
        <v>1.8949729775747812</v>
      </c>
      <c r="O7745" s="58">
        <f>IF(Input!$K$13=2,J7745*Input!$J$13,0)+IF(Input!$K$14=2,K7745*Input!$J$14,0)+IF(Input!$K$15=2,L7745*Input!$J$15,0)+IF(Input!$K$16=2,M7745*Input!$J$16,0)</f>
        <v>5.4273615059307376E-2</v>
      </c>
      <c r="P7745" s="58">
        <f>IF(Input!$K$13=3,J7745*Input!$J$13,0)+IF(Input!$K$14=3,K7745*Input!$J$14,0)+IF(Input!$K$15=3,L7745*Input!$J$15,0)+IF(Input!$K$16=3,M7745*Input!$J$16,0)</f>
        <v>0</v>
      </c>
      <c r="Q7745" s="71">
        <f>IF(Input!$K$13=4,J7745*Input!$J$13,0)+IF(Input!$K$14=4,K7745*Input!$J$14,0)+IF(Input!$K$15=4,L7745*Input!$J$15,0)+IF(Input!$K$16=4,M7745*Input!$J$16,0)</f>
        <v>0</v>
      </c>
    </row>
    <row r="7746" spans="8:17" x14ac:dyDescent="0.25">
      <c r="H7746" s="43">
        <v>7739</v>
      </c>
      <c r="I7746" s="55">
        <f>Bühler!I7772</f>
        <v>6.3327461793093889</v>
      </c>
      <c r="J7746" s="58">
        <f>Bühler!J7772</f>
        <v>15.791441479789844</v>
      </c>
      <c r="K7746" s="58">
        <f>Bühler!K7772</f>
        <v>0.40202677821709165</v>
      </c>
      <c r="L7746" s="58">
        <f>Bühler!L7772</f>
        <v>0.20101338910854583</v>
      </c>
      <c r="M7746" s="57">
        <f>Bühler!M7772</f>
        <v>0</v>
      </c>
      <c r="N7746" s="55">
        <f>IF(Input!$K$13=1,J7746*Input!$J$13,0)+IF(Input!$K$14=1,K7746*Input!$J$14,0)+IF(Input!$K$15=1,L7746*Input!$J$15,0)+IF(Input!$K$16=1,M7746*Input!$J$16,0)</f>
        <v>1.8949729775747812</v>
      </c>
      <c r="O7746" s="58">
        <f>IF(Input!$K$13=2,J7746*Input!$J$13,0)+IF(Input!$K$14=2,K7746*Input!$J$14,0)+IF(Input!$K$15=2,L7746*Input!$J$15,0)+IF(Input!$K$16=2,M7746*Input!$J$16,0)</f>
        <v>5.4273615059307376E-2</v>
      </c>
      <c r="P7746" s="58">
        <f>IF(Input!$K$13=3,J7746*Input!$J$13,0)+IF(Input!$K$14=3,K7746*Input!$J$14,0)+IF(Input!$K$15=3,L7746*Input!$J$15,0)+IF(Input!$K$16=3,M7746*Input!$J$16,0)</f>
        <v>0</v>
      </c>
      <c r="Q7746" s="71">
        <f>IF(Input!$K$13=4,J7746*Input!$J$13,0)+IF(Input!$K$14=4,K7746*Input!$J$14,0)+IF(Input!$K$15=4,L7746*Input!$J$15,0)+IF(Input!$K$16=4,M7746*Input!$J$16,0)</f>
        <v>0</v>
      </c>
    </row>
    <row r="7747" spans="8:17" x14ac:dyDescent="0.25">
      <c r="H7747" s="43">
        <v>7740</v>
      </c>
      <c r="I7747" s="55">
        <f>Bühler!I7773</f>
        <v>6.3327461793093889</v>
      </c>
      <c r="J7747" s="58">
        <f>Bühler!J7773</f>
        <v>15.791441479789844</v>
      </c>
      <c r="K7747" s="58">
        <f>Bühler!K7773</f>
        <v>0.40202677821709165</v>
      </c>
      <c r="L7747" s="58">
        <f>Bühler!L7773</f>
        <v>0.20101338910854583</v>
      </c>
      <c r="M7747" s="57">
        <f>Bühler!M7773</f>
        <v>0</v>
      </c>
      <c r="N7747" s="55">
        <f>IF(Input!$K$13=1,J7747*Input!$J$13,0)+IF(Input!$K$14=1,K7747*Input!$J$14,0)+IF(Input!$K$15=1,L7747*Input!$J$15,0)+IF(Input!$K$16=1,M7747*Input!$J$16,0)</f>
        <v>1.8949729775747812</v>
      </c>
      <c r="O7747" s="58">
        <f>IF(Input!$K$13=2,J7747*Input!$J$13,0)+IF(Input!$K$14=2,K7747*Input!$J$14,0)+IF(Input!$K$15=2,L7747*Input!$J$15,0)+IF(Input!$K$16=2,M7747*Input!$J$16,0)</f>
        <v>5.4273615059307376E-2</v>
      </c>
      <c r="P7747" s="58">
        <f>IF(Input!$K$13=3,J7747*Input!$J$13,0)+IF(Input!$K$14=3,K7747*Input!$J$14,0)+IF(Input!$K$15=3,L7747*Input!$J$15,0)+IF(Input!$K$16=3,M7747*Input!$J$16,0)</f>
        <v>0</v>
      </c>
      <c r="Q7747" s="71">
        <f>IF(Input!$K$13=4,J7747*Input!$J$13,0)+IF(Input!$K$14=4,K7747*Input!$J$14,0)+IF(Input!$K$15=4,L7747*Input!$J$15,0)+IF(Input!$K$16=4,M7747*Input!$J$16,0)</f>
        <v>0</v>
      </c>
    </row>
    <row r="7748" spans="8:17" x14ac:dyDescent="0.25">
      <c r="H7748" s="43">
        <v>7741</v>
      </c>
      <c r="I7748" s="55">
        <f>Bühler!I7774</f>
        <v>6.3327461793093889</v>
      </c>
      <c r="J7748" s="58">
        <f>Bühler!J7774</f>
        <v>15.791441479789844</v>
      </c>
      <c r="K7748" s="58">
        <f>Bühler!K7774</f>
        <v>0.40202677821709165</v>
      </c>
      <c r="L7748" s="58">
        <f>Bühler!L7774</f>
        <v>0.20101338910854583</v>
      </c>
      <c r="M7748" s="57">
        <f>Bühler!M7774</f>
        <v>0</v>
      </c>
      <c r="N7748" s="55">
        <f>IF(Input!$K$13=1,J7748*Input!$J$13,0)+IF(Input!$K$14=1,K7748*Input!$J$14,0)+IF(Input!$K$15=1,L7748*Input!$J$15,0)+IF(Input!$K$16=1,M7748*Input!$J$16,0)</f>
        <v>1.8949729775747812</v>
      </c>
      <c r="O7748" s="58">
        <f>IF(Input!$K$13=2,J7748*Input!$J$13,0)+IF(Input!$K$14=2,K7748*Input!$J$14,0)+IF(Input!$K$15=2,L7748*Input!$J$15,0)+IF(Input!$K$16=2,M7748*Input!$J$16,0)</f>
        <v>5.4273615059307376E-2</v>
      </c>
      <c r="P7748" s="58">
        <f>IF(Input!$K$13=3,J7748*Input!$J$13,0)+IF(Input!$K$14=3,K7748*Input!$J$14,0)+IF(Input!$K$15=3,L7748*Input!$J$15,0)+IF(Input!$K$16=3,M7748*Input!$J$16,0)</f>
        <v>0</v>
      </c>
      <c r="Q7748" s="71">
        <f>IF(Input!$K$13=4,J7748*Input!$J$13,0)+IF(Input!$K$14=4,K7748*Input!$J$14,0)+IF(Input!$K$15=4,L7748*Input!$J$15,0)+IF(Input!$K$16=4,M7748*Input!$J$16,0)</f>
        <v>0</v>
      </c>
    </row>
    <row r="7749" spans="8:17" x14ac:dyDescent="0.25">
      <c r="H7749" s="43">
        <v>7742</v>
      </c>
      <c r="I7749" s="55">
        <f>Bühler!I7775</f>
        <v>6.3327461793093889</v>
      </c>
      <c r="J7749" s="58">
        <f>Bühler!J7775</f>
        <v>15.791441479789844</v>
      </c>
      <c r="K7749" s="58">
        <f>Bühler!K7775</f>
        <v>0.40202677821709165</v>
      </c>
      <c r="L7749" s="58">
        <f>Bühler!L7775</f>
        <v>0.20101338910854583</v>
      </c>
      <c r="M7749" s="57">
        <f>Bühler!M7775</f>
        <v>0</v>
      </c>
      <c r="N7749" s="55">
        <f>IF(Input!$K$13=1,J7749*Input!$J$13,0)+IF(Input!$K$14=1,K7749*Input!$J$14,0)+IF(Input!$K$15=1,L7749*Input!$J$15,0)+IF(Input!$K$16=1,M7749*Input!$J$16,0)</f>
        <v>1.8949729775747812</v>
      </c>
      <c r="O7749" s="58">
        <f>IF(Input!$K$13=2,J7749*Input!$J$13,0)+IF(Input!$K$14=2,K7749*Input!$J$14,0)+IF(Input!$K$15=2,L7749*Input!$J$15,0)+IF(Input!$K$16=2,M7749*Input!$J$16,0)</f>
        <v>5.4273615059307376E-2</v>
      </c>
      <c r="P7749" s="58">
        <f>IF(Input!$K$13=3,J7749*Input!$J$13,0)+IF(Input!$K$14=3,K7749*Input!$J$14,0)+IF(Input!$K$15=3,L7749*Input!$J$15,0)+IF(Input!$K$16=3,M7749*Input!$J$16,0)</f>
        <v>0</v>
      </c>
      <c r="Q7749" s="71">
        <f>IF(Input!$K$13=4,J7749*Input!$J$13,0)+IF(Input!$K$14=4,K7749*Input!$J$14,0)+IF(Input!$K$15=4,L7749*Input!$J$15,0)+IF(Input!$K$16=4,M7749*Input!$J$16,0)</f>
        <v>0</v>
      </c>
    </row>
    <row r="7750" spans="8:17" x14ac:dyDescent="0.25">
      <c r="H7750" s="43">
        <v>7743</v>
      </c>
      <c r="I7750" s="55">
        <f>Bühler!I7776</f>
        <v>6.3327461793093889</v>
      </c>
      <c r="J7750" s="58">
        <f>Bühler!J7776</f>
        <v>15.791441479789844</v>
      </c>
      <c r="K7750" s="58">
        <f>Bühler!K7776</f>
        <v>0.40202677821709165</v>
      </c>
      <c r="L7750" s="58">
        <f>Bühler!L7776</f>
        <v>0.20101338910854583</v>
      </c>
      <c r="M7750" s="57">
        <f>Bühler!M7776</f>
        <v>0</v>
      </c>
      <c r="N7750" s="55">
        <f>IF(Input!$K$13=1,J7750*Input!$J$13,0)+IF(Input!$K$14=1,K7750*Input!$J$14,0)+IF(Input!$K$15=1,L7750*Input!$J$15,0)+IF(Input!$K$16=1,M7750*Input!$J$16,0)</f>
        <v>1.8949729775747812</v>
      </c>
      <c r="O7750" s="58">
        <f>IF(Input!$K$13=2,J7750*Input!$J$13,0)+IF(Input!$K$14=2,K7750*Input!$J$14,0)+IF(Input!$K$15=2,L7750*Input!$J$15,0)+IF(Input!$K$16=2,M7750*Input!$J$16,0)</f>
        <v>5.4273615059307376E-2</v>
      </c>
      <c r="P7750" s="58">
        <f>IF(Input!$K$13=3,J7750*Input!$J$13,0)+IF(Input!$K$14=3,K7750*Input!$J$14,0)+IF(Input!$K$15=3,L7750*Input!$J$15,0)+IF(Input!$K$16=3,M7750*Input!$J$16,0)</f>
        <v>0</v>
      </c>
      <c r="Q7750" s="71">
        <f>IF(Input!$K$13=4,J7750*Input!$J$13,0)+IF(Input!$K$14=4,K7750*Input!$J$14,0)+IF(Input!$K$15=4,L7750*Input!$J$15,0)+IF(Input!$K$16=4,M7750*Input!$J$16,0)</f>
        <v>0</v>
      </c>
    </row>
    <row r="7751" spans="8:17" x14ac:dyDescent="0.25">
      <c r="H7751" s="43">
        <v>7744</v>
      </c>
      <c r="I7751" s="55">
        <f>Bühler!I7777</f>
        <v>5.6291077149416777</v>
      </c>
      <c r="J7751" s="58">
        <f>Bühler!J7777</f>
        <v>15.762123210441191</v>
      </c>
      <c r="K7751" s="58">
        <f>Bühler!K7777</f>
        <v>0.40202677821709165</v>
      </c>
      <c r="L7751" s="58">
        <f>Bühler!L7777</f>
        <v>0.20101338910854583</v>
      </c>
      <c r="M7751" s="57">
        <f>Bühler!M7777</f>
        <v>0</v>
      </c>
      <c r="N7751" s="55">
        <f>IF(Input!$K$13=1,J7751*Input!$J$13,0)+IF(Input!$K$14=1,K7751*Input!$J$14,0)+IF(Input!$K$15=1,L7751*Input!$J$15,0)+IF(Input!$K$16=1,M7751*Input!$J$16,0)</f>
        <v>1.8914547852529429</v>
      </c>
      <c r="O7751" s="58">
        <f>IF(Input!$K$13=2,J7751*Input!$J$13,0)+IF(Input!$K$14=2,K7751*Input!$J$14,0)+IF(Input!$K$15=2,L7751*Input!$J$15,0)+IF(Input!$K$16=2,M7751*Input!$J$16,0)</f>
        <v>5.4273615059307376E-2</v>
      </c>
      <c r="P7751" s="58">
        <f>IF(Input!$K$13=3,J7751*Input!$J$13,0)+IF(Input!$K$14=3,K7751*Input!$J$14,0)+IF(Input!$K$15=3,L7751*Input!$J$15,0)+IF(Input!$K$16=3,M7751*Input!$J$16,0)</f>
        <v>0</v>
      </c>
      <c r="Q7751" s="71">
        <f>IF(Input!$K$13=4,J7751*Input!$J$13,0)+IF(Input!$K$14=4,K7751*Input!$J$14,0)+IF(Input!$K$15=4,L7751*Input!$J$15,0)+IF(Input!$K$16=4,M7751*Input!$J$16,0)</f>
        <v>0</v>
      </c>
    </row>
    <row r="7752" spans="8:17" x14ac:dyDescent="0.25">
      <c r="H7752" s="43">
        <v>7745</v>
      </c>
      <c r="I7752" s="55">
        <f>Bühler!I7778</f>
        <v>5.52858793431772</v>
      </c>
      <c r="J7752" s="58">
        <f>Bühler!J7778</f>
        <v>15.757934886248526</v>
      </c>
      <c r="K7752" s="58">
        <f>Bühler!K7778</f>
        <v>0.40202677821709165</v>
      </c>
      <c r="L7752" s="58">
        <f>Bühler!L7778</f>
        <v>0.20101338910854583</v>
      </c>
      <c r="M7752" s="57">
        <f>Bühler!M7778</f>
        <v>0</v>
      </c>
      <c r="N7752" s="55">
        <f>IF(Input!$K$13=1,J7752*Input!$J$13,0)+IF(Input!$K$14=1,K7752*Input!$J$14,0)+IF(Input!$K$15=1,L7752*Input!$J$15,0)+IF(Input!$K$16=1,M7752*Input!$J$16,0)</f>
        <v>1.8909521863498231</v>
      </c>
      <c r="O7752" s="58">
        <f>IF(Input!$K$13=2,J7752*Input!$J$13,0)+IF(Input!$K$14=2,K7752*Input!$J$14,0)+IF(Input!$K$15=2,L7752*Input!$J$15,0)+IF(Input!$K$16=2,M7752*Input!$J$16,0)</f>
        <v>5.4273615059307376E-2</v>
      </c>
      <c r="P7752" s="58">
        <f>IF(Input!$K$13=3,J7752*Input!$J$13,0)+IF(Input!$K$14=3,K7752*Input!$J$14,0)+IF(Input!$K$15=3,L7752*Input!$J$15,0)+IF(Input!$K$16=3,M7752*Input!$J$16,0)</f>
        <v>0</v>
      </c>
      <c r="Q7752" s="71">
        <f>IF(Input!$K$13=4,J7752*Input!$J$13,0)+IF(Input!$K$14=4,K7752*Input!$J$14,0)+IF(Input!$K$15=4,L7752*Input!$J$15,0)+IF(Input!$K$16=4,M7752*Input!$J$16,0)</f>
        <v>0</v>
      </c>
    </row>
    <row r="7753" spans="8:17" x14ac:dyDescent="0.25">
      <c r="H7753" s="43">
        <v>7746</v>
      </c>
      <c r="I7753" s="55">
        <f>Bühler!I7779</f>
        <v>4.7244296893260511</v>
      </c>
      <c r="J7753" s="58">
        <f>Bühler!J7779</f>
        <v>15.724428292707206</v>
      </c>
      <c r="K7753" s="58">
        <f>Bühler!K7779</f>
        <v>0.40202677821709165</v>
      </c>
      <c r="L7753" s="58">
        <f>Bühler!L7779</f>
        <v>0.20101338910854583</v>
      </c>
      <c r="M7753" s="57">
        <f>Bühler!M7779</f>
        <v>0</v>
      </c>
      <c r="N7753" s="55">
        <f>IF(Input!$K$13=1,J7753*Input!$J$13,0)+IF(Input!$K$14=1,K7753*Input!$J$14,0)+IF(Input!$K$15=1,L7753*Input!$J$15,0)+IF(Input!$K$16=1,M7753*Input!$J$16,0)</f>
        <v>1.8869313951248645</v>
      </c>
      <c r="O7753" s="58">
        <f>IF(Input!$K$13=2,J7753*Input!$J$13,0)+IF(Input!$K$14=2,K7753*Input!$J$14,0)+IF(Input!$K$15=2,L7753*Input!$J$15,0)+IF(Input!$K$16=2,M7753*Input!$J$16,0)</f>
        <v>5.4273615059307376E-2</v>
      </c>
      <c r="P7753" s="58">
        <f>IF(Input!$K$13=3,J7753*Input!$J$13,0)+IF(Input!$K$14=3,K7753*Input!$J$14,0)+IF(Input!$K$15=3,L7753*Input!$J$15,0)+IF(Input!$K$16=3,M7753*Input!$J$16,0)</f>
        <v>0</v>
      </c>
      <c r="Q7753" s="71">
        <f>IF(Input!$K$13=4,J7753*Input!$J$13,0)+IF(Input!$K$14=4,K7753*Input!$J$14,0)+IF(Input!$K$15=4,L7753*Input!$J$15,0)+IF(Input!$K$16=4,M7753*Input!$J$16,0)</f>
        <v>0</v>
      </c>
    </row>
    <row r="7754" spans="8:17" x14ac:dyDescent="0.25">
      <c r="H7754" s="43">
        <v>7747</v>
      </c>
      <c r="I7754" s="55">
        <f>Bühler!I7780</f>
        <v>4.4228703474541771</v>
      </c>
      <c r="J7754" s="58">
        <f>Bühler!J7780</f>
        <v>15.711863320129211</v>
      </c>
      <c r="K7754" s="58">
        <f>Bühler!K7780</f>
        <v>0.40202677821709165</v>
      </c>
      <c r="L7754" s="58">
        <f>Bühler!L7780</f>
        <v>0.20101338910854583</v>
      </c>
      <c r="M7754" s="57">
        <f>Bühler!M7780</f>
        <v>0</v>
      </c>
      <c r="N7754" s="55">
        <f>IF(Input!$K$13=1,J7754*Input!$J$13,0)+IF(Input!$K$14=1,K7754*Input!$J$14,0)+IF(Input!$K$15=1,L7754*Input!$J$15,0)+IF(Input!$K$16=1,M7754*Input!$J$16,0)</f>
        <v>1.8854235984155052</v>
      </c>
      <c r="O7754" s="58">
        <f>IF(Input!$K$13=2,J7754*Input!$J$13,0)+IF(Input!$K$14=2,K7754*Input!$J$14,0)+IF(Input!$K$15=2,L7754*Input!$J$15,0)+IF(Input!$K$16=2,M7754*Input!$J$16,0)</f>
        <v>5.4273615059307376E-2</v>
      </c>
      <c r="P7754" s="58">
        <f>IF(Input!$K$13=3,J7754*Input!$J$13,0)+IF(Input!$K$14=3,K7754*Input!$J$14,0)+IF(Input!$K$15=3,L7754*Input!$J$15,0)+IF(Input!$K$16=3,M7754*Input!$J$16,0)</f>
        <v>0</v>
      </c>
      <c r="Q7754" s="71">
        <f>IF(Input!$K$13=4,J7754*Input!$J$13,0)+IF(Input!$K$14=4,K7754*Input!$J$14,0)+IF(Input!$K$15=4,L7754*Input!$J$15,0)+IF(Input!$K$16=4,M7754*Input!$J$16,0)</f>
        <v>0</v>
      </c>
    </row>
    <row r="7755" spans="8:17" x14ac:dyDescent="0.25">
      <c r="H7755" s="43">
        <v>7748</v>
      </c>
      <c r="I7755" s="55">
        <f>Bühler!I7781</f>
        <v>3.7192318830864668</v>
      </c>
      <c r="J7755" s="58">
        <f>Bühler!J7781</f>
        <v>15.682545050780558</v>
      </c>
      <c r="K7755" s="58">
        <f>Bühler!K7781</f>
        <v>0.40202677821709165</v>
      </c>
      <c r="L7755" s="58">
        <f>Bühler!L7781</f>
        <v>0.20101338910854583</v>
      </c>
      <c r="M7755" s="57">
        <f>Bühler!M7781</f>
        <v>0</v>
      </c>
      <c r="N7755" s="55">
        <f>IF(Input!$K$13=1,J7755*Input!$J$13,0)+IF(Input!$K$14=1,K7755*Input!$J$14,0)+IF(Input!$K$15=1,L7755*Input!$J$15,0)+IF(Input!$K$16=1,M7755*Input!$J$16,0)</f>
        <v>1.8819054060936669</v>
      </c>
      <c r="O7755" s="58">
        <f>IF(Input!$K$13=2,J7755*Input!$J$13,0)+IF(Input!$K$14=2,K7755*Input!$J$14,0)+IF(Input!$K$15=2,L7755*Input!$J$15,0)+IF(Input!$K$16=2,M7755*Input!$J$16,0)</f>
        <v>5.4273615059307376E-2</v>
      </c>
      <c r="P7755" s="58">
        <f>IF(Input!$K$13=3,J7755*Input!$J$13,0)+IF(Input!$K$14=3,K7755*Input!$J$14,0)+IF(Input!$K$15=3,L7755*Input!$J$15,0)+IF(Input!$K$16=3,M7755*Input!$J$16,0)</f>
        <v>0</v>
      </c>
      <c r="Q7755" s="71">
        <f>IF(Input!$K$13=4,J7755*Input!$J$13,0)+IF(Input!$K$14=4,K7755*Input!$J$14,0)+IF(Input!$K$15=4,L7755*Input!$J$15,0)+IF(Input!$K$16=4,M7755*Input!$J$16,0)</f>
        <v>0</v>
      </c>
    </row>
    <row r="7756" spans="8:17" x14ac:dyDescent="0.25">
      <c r="H7756" s="43">
        <v>7749</v>
      </c>
      <c r="I7756" s="55">
        <f>Bühler!I7782</f>
        <v>3.1161131993427151</v>
      </c>
      <c r="J7756" s="58">
        <f>Bühler!J7782</f>
        <v>15.657415105624567</v>
      </c>
      <c r="K7756" s="58">
        <f>Bühler!K7782</f>
        <v>0.40202677821709165</v>
      </c>
      <c r="L7756" s="58">
        <f>Bühler!L7782</f>
        <v>0.20101338910854583</v>
      </c>
      <c r="M7756" s="57">
        <f>Bühler!M7782</f>
        <v>0</v>
      </c>
      <c r="N7756" s="55">
        <f>IF(Input!$K$13=1,J7756*Input!$J$13,0)+IF(Input!$K$14=1,K7756*Input!$J$14,0)+IF(Input!$K$15=1,L7756*Input!$J$15,0)+IF(Input!$K$16=1,M7756*Input!$J$16,0)</f>
        <v>1.878889812674948</v>
      </c>
      <c r="O7756" s="58">
        <f>IF(Input!$K$13=2,J7756*Input!$J$13,0)+IF(Input!$K$14=2,K7756*Input!$J$14,0)+IF(Input!$K$15=2,L7756*Input!$J$15,0)+IF(Input!$K$16=2,M7756*Input!$J$16,0)</f>
        <v>5.4273615059307376E-2</v>
      </c>
      <c r="P7756" s="58">
        <f>IF(Input!$K$13=3,J7756*Input!$J$13,0)+IF(Input!$K$14=3,K7756*Input!$J$14,0)+IF(Input!$K$15=3,L7756*Input!$J$15,0)+IF(Input!$K$16=3,M7756*Input!$J$16,0)</f>
        <v>0</v>
      </c>
      <c r="Q7756" s="71">
        <f>IF(Input!$K$13=4,J7756*Input!$J$13,0)+IF(Input!$K$14=4,K7756*Input!$J$14,0)+IF(Input!$K$15=4,L7756*Input!$J$15,0)+IF(Input!$K$16=4,M7756*Input!$J$16,0)</f>
        <v>0</v>
      </c>
    </row>
    <row r="7757" spans="8:17" x14ac:dyDescent="0.25">
      <c r="H7757" s="43">
        <v>7750</v>
      </c>
      <c r="I7757" s="55">
        <f>Bühler!I7783</f>
        <v>2.7140340768468811</v>
      </c>
      <c r="J7757" s="58">
        <f>Bühler!J7783</f>
        <v>15.640661808853908</v>
      </c>
      <c r="K7757" s="58">
        <f>Bühler!K7783</f>
        <v>0.40202677821709165</v>
      </c>
      <c r="L7757" s="58">
        <f>Bühler!L7783</f>
        <v>0.20101338910854583</v>
      </c>
      <c r="M7757" s="57">
        <f>Bühler!M7783</f>
        <v>0</v>
      </c>
      <c r="N7757" s="55">
        <f>IF(Input!$K$13=1,J7757*Input!$J$13,0)+IF(Input!$K$14=1,K7757*Input!$J$14,0)+IF(Input!$K$15=1,L7757*Input!$J$15,0)+IF(Input!$K$16=1,M7757*Input!$J$16,0)</f>
        <v>1.876879417062469</v>
      </c>
      <c r="O7757" s="58">
        <f>IF(Input!$K$13=2,J7757*Input!$J$13,0)+IF(Input!$K$14=2,K7757*Input!$J$14,0)+IF(Input!$K$15=2,L7757*Input!$J$15,0)+IF(Input!$K$16=2,M7757*Input!$J$16,0)</f>
        <v>5.4273615059307376E-2</v>
      </c>
      <c r="P7757" s="58">
        <f>IF(Input!$K$13=3,J7757*Input!$J$13,0)+IF(Input!$K$14=3,K7757*Input!$J$14,0)+IF(Input!$K$15=3,L7757*Input!$J$15,0)+IF(Input!$K$16=3,M7757*Input!$J$16,0)</f>
        <v>0</v>
      </c>
      <c r="Q7757" s="71">
        <f>IF(Input!$K$13=4,J7757*Input!$J$13,0)+IF(Input!$K$14=4,K7757*Input!$J$14,0)+IF(Input!$K$15=4,L7757*Input!$J$15,0)+IF(Input!$K$16=4,M7757*Input!$J$16,0)</f>
        <v>0</v>
      </c>
    </row>
    <row r="7758" spans="8:17" x14ac:dyDescent="0.25">
      <c r="H7758" s="43">
        <v>7751</v>
      </c>
      <c r="I7758" s="55">
        <f>Bühler!I7784</f>
        <v>2.7140340768468811</v>
      </c>
      <c r="J7758" s="58">
        <f>Bühler!J7784</f>
        <v>15.640661808853908</v>
      </c>
      <c r="K7758" s="58">
        <f>Bühler!K7784</f>
        <v>0.40202677821709165</v>
      </c>
      <c r="L7758" s="58">
        <f>Bühler!L7784</f>
        <v>0.20101338910854583</v>
      </c>
      <c r="M7758" s="57">
        <f>Bühler!M7784</f>
        <v>0</v>
      </c>
      <c r="N7758" s="55">
        <f>IF(Input!$K$13=1,J7758*Input!$J$13,0)+IF(Input!$K$14=1,K7758*Input!$J$14,0)+IF(Input!$K$15=1,L7758*Input!$J$15,0)+IF(Input!$K$16=1,M7758*Input!$J$16,0)</f>
        <v>1.876879417062469</v>
      </c>
      <c r="O7758" s="58">
        <f>IF(Input!$K$13=2,J7758*Input!$J$13,0)+IF(Input!$K$14=2,K7758*Input!$J$14,0)+IF(Input!$K$15=2,L7758*Input!$J$15,0)+IF(Input!$K$16=2,M7758*Input!$J$16,0)</f>
        <v>5.4273615059307376E-2</v>
      </c>
      <c r="P7758" s="58">
        <f>IF(Input!$K$13=3,J7758*Input!$J$13,0)+IF(Input!$K$14=3,K7758*Input!$J$14,0)+IF(Input!$K$15=3,L7758*Input!$J$15,0)+IF(Input!$K$16=3,M7758*Input!$J$16,0)</f>
        <v>0</v>
      </c>
      <c r="Q7758" s="71">
        <f>IF(Input!$K$13=4,J7758*Input!$J$13,0)+IF(Input!$K$14=4,K7758*Input!$J$14,0)+IF(Input!$K$15=4,L7758*Input!$J$15,0)+IF(Input!$K$16=4,M7758*Input!$J$16,0)</f>
        <v>0</v>
      </c>
    </row>
    <row r="7759" spans="8:17" x14ac:dyDescent="0.25">
      <c r="H7759" s="43">
        <v>7752</v>
      </c>
      <c r="I7759" s="55">
        <f>Bühler!I7785</f>
        <v>2.7140340768468811</v>
      </c>
      <c r="J7759" s="58">
        <f>Bühler!J7785</f>
        <v>15.640661808853908</v>
      </c>
      <c r="K7759" s="58">
        <f>Bühler!K7785</f>
        <v>0.40202677821709165</v>
      </c>
      <c r="L7759" s="58">
        <f>Bühler!L7785</f>
        <v>0.20101338910854583</v>
      </c>
      <c r="M7759" s="57">
        <f>Bühler!M7785</f>
        <v>0</v>
      </c>
      <c r="N7759" s="55">
        <f>IF(Input!$K$13=1,J7759*Input!$J$13,0)+IF(Input!$K$14=1,K7759*Input!$J$14,0)+IF(Input!$K$15=1,L7759*Input!$J$15,0)+IF(Input!$K$16=1,M7759*Input!$J$16,0)</f>
        <v>1.876879417062469</v>
      </c>
      <c r="O7759" s="58">
        <f>IF(Input!$K$13=2,J7759*Input!$J$13,0)+IF(Input!$K$14=2,K7759*Input!$J$14,0)+IF(Input!$K$15=2,L7759*Input!$J$15,0)+IF(Input!$K$16=2,M7759*Input!$J$16,0)</f>
        <v>5.4273615059307376E-2</v>
      </c>
      <c r="P7759" s="58">
        <f>IF(Input!$K$13=3,J7759*Input!$J$13,0)+IF(Input!$K$14=3,K7759*Input!$J$14,0)+IF(Input!$K$15=3,L7759*Input!$J$15,0)+IF(Input!$K$16=3,M7759*Input!$J$16,0)</f>
        <v>0</v>
      </c>
      <c r="Q7759" s="71">
        <f>IF(Input!$K$13=4,J7759*Input!$J$13,0)+IF(Input!$K$14=4,K7759*Input!$J$14,0)+IF(Input!$K$15=4,L7759*Input!$J$15,0)+IF(Input!$K$16=4,M7759*Input!$J$16,0)</f>
        <v>0</v>
      </c>
    </row>
    <row r="7760" spans="8:17" x14ac:dyDescent="0.25">
      <c r="H7760" s="43">
        <v>7753</v>
      </c>
      <c r="I7760" s="55">
        <f>Bühler!I7786</f>
        <v>1.1885916114167825</v>
      </c>
      <c r="J7760" s="58">
        <f>Bühler!J7786</f>
        <v>10.982723606737055</v>
      </c>
      <c r="K7760" s="58">
        <f>Bühler!K7786</f>
        <v>0.59932161406433626</v>
      </c>
      <c r="L7760" s="58">
        <f>Bühler!L7786</f>
        <v>0.29966080703216813</v>
      </c>
      <c r="M7760" s="57">
        <f>Bühler!M7786</f>
        <v>0</v>
      </c>
      <c r="N7760" s="55">
        <f>IF(Input!$K$13=1,J7760*Input!$J$13,0)+IF(Input!$K$14=1,K7760*Input!$J$14,0)+IF(Input!$K$15=1,L7760*Input!$J$15,0)+IF(Input!$K$16=1,M7760*Input!$J$16,0)</f>
        <v>1.3179268328084466</v>
      </c>
      <c r="O7760" s="58">
        <f>IF(Input!$K$13=2,J7760*Input!$J$13,0)+IF(Input!$K$14=2,K7760*Input!$J$14,0)+IF(Input!$K$15=2,L7760*Input!$J$15,0)+IF(Input!$K$16=2,M7760*Input!$J$16,0)</f>
        <v>8.0908417898685386E-2</v>
      </c>
      <c r="P7760" s="58">
        <f>IF(Input!$K$13=3,J7760*Input!$J$13,0)+IF(Input!$K$14=3,K7760*Input!$J$14,0)+IF(Input!$K$15=3,L7760*Input!$J$15,0)+IF(Input!$K$16=3,M7760*Input!$J$16,0)</f>
        <v>0</v>
      </c>
      <c r="Q7760" s="71">
        <f>IF(Input!$K$13=4,J7760*Input!$J$13,0)+IF(Input!$K$14=4,K7760*Input!$J$14,0)+IF(Input!$K$15=4,L7760*Input!$J$15,0)+IF(Input!$K$16=4,M7760*Input!$J$16,0)</f>
        <v>0</v>
      </c>
    </row>
    <row r="7761" spans="8:17" x14ac:dyDescent="0.25">
      <c r="H7761" s="43">
        <v>7754</v>
      </c>
      <c r="I7761" s="55">
        <f>Bühler!I7787</f>
        <v>1.1885916114167825</v>
      </c>
      <c r="J7761" s="58">
        <f>Bühler!J7787</f>
        <v>10.982723606737055</v>
      </c>
      <c r="K7761" s="58">
        <f>Bühler!K7787</f>
        <v>0.59932161406433626</v>
      </c>
      <c r="L7761" s="58">
        <f>Bühler!L7787</f>
        <v>0.29966080703216813</v>
      </c>
      <c r="M7761" s="57">
        <f>Bühler!M7787</f>
        <v>0</v>
      </c>
      <c r="N7761" s="55">
        <f>IF(Input!$K$13=1,J7761*Input!$J$13,0)+IF(Input!$K$14=1,K7761*Input!$J$14,0)+IF(Input!$K$15=1,L7761*Input!$J$15,0)+IF(Input!$K$16=1,M7761*Input!$J$16,0)</f>
        <v>1.3179268328084466</v>
      </c>
      <c r="O7761" s="58">
        <f>IF(Input!$K$13=2,J7761*Input!$J$13,0)+IF(Input!$K$14=2,K7761*Input!$J$14,0)+IF(Input!$K$15=2,L7761*Input!$J$15,0)+IF(Input!$K$16=2,M7761*Input!$J$16,0)</f>
        <v>8.0908417898685386E-2</v>
      </c>
      <c r="P7761" s="58">
        <f>IF(Input!$K$13=3,J7761*Input!$J$13,0)+IF(Input!$K$14=3,K7761*Input!$J$14,0)+IF(Input!$K$15=3,L7761*Input!$J$15,0)+IF(Input!$K$16=3,M7761*Input!$J$16,0)</f>
        <v>0</v>
      </c>
      <c r="Q7761" s="71">
        <f>IF(Input!$K$13=4,J7761*Input!$J$13,0)+IF(Input!$K$14=4,K7761*Input!$J$14,0)+IF(Input!$K$15=4,L7761*Input!$J$15,0)+IF(Input!$K$16=4,M7761*Input!$J$16,0)</f>
        <v>0</v>
      </c>
    </row>
    <row r="7762" spans="8:17" x14ac:dyDescent="0.25">
      <c r="H7762" s="43">
        <v>7755</v>
      </c>
      <c r="I7762" s="55">
        <f>Bühler!I7788</f>
        <v>1.1885916114167825</v>
      </c>
      <c r="J7762" s="58">
        <f>Bühler!J7788</f>
        <v>10.982723606737055</v>
      </c>
      <c r="K7762" s="58">
        <f>Bühler!K7788</f>
        <v>0.59932161406433626</v>
      </c>
      <c r="L7762" s="58">
        <f>Bühler!L7788</f>
        <v>0.29966080703216813</v>
      </c>
      <c r="M7762" s="57">
        <f>Bühler!M7788</f>
        <v>0</v>
      </c>
      <c r="N7762" s="55">
        <f>IF(Input!$K$13=1,J7762*Input!$J$13,0)+IF(Input!$K$14=1,K7762*Input!$J$14,0)+IF(Input!$K$15=1,L7762*Input!$J$15,0)+IF(Input!$K$16=1,M7762*Input!$J$16,0)</f>
        <v>1.3179268328084466</v>
      </c>
      <c r="O7762" s="58">
        <f>IF(Input!$K$13=2,J7762*Input!$J$13,0)+IF(Input!$K$14=2,K7762*Input!$J$14,0)+IF(Input!$K$15=2,L7762*Input!$J$15,0)+IF(Input!$K$16=2,M7762*Input!$J$16,0)</f>
        <v>8.0908417898685386E-2</v>
      </c>
      <c r="P7762" s="58">
        <f>IF(Input!$K$13=3,J7762*Input!$J$13,0)+IF(Input!$K$14=3,K7762*Input!$J$14,0)+IF(Input!$K$15=3,L7762*Input!$J$15,0)+IF(Input!$K$16=3,M7762*Input!$J$16,0)</f>
        <v>0</v>
      </c>
      <c r="Q7762" s="71">
        <f>IF(Input!$K$13=4,J7762*Input!$J$13,0)+IF(Input!$K$14=4,K7762*Input!$J$14,0)+IF(Input!$K$15=4,L7762*Input!$J$15,0)+IF(Input!$K$16=4,M7762*Input!$J$16,0)</f>
        <v>0</v>
      </c>
    </row>
    <row r="7763" spans="8:17" x14ac:dyDescent="0.25">
      <c r="H7763" s="43">
        <v>7756</v>
      </c>
      <c r="I7763" s="55">
        <f>Bühler!I7789</f>
        <v>1.1885916114167825</v>
      </c>
      <c r="J7763" s="58">
        <f>Bühler!J7789</f>
        <v>10.982723606737055</v>
      </c>
      <c r="K7763" s="58">
        <f>Bühler!K7789</f>
        <v>0.59932161406433626</v>
      </c>
      <c r="L7763" s="58">
        <f>Bühler!L7789</f>
        <v>0.29966080703216813</v>
      </c>
      <c r="M7763" s="57">
        <f>Bühler!M7789</f>
        <v>0</v>
      </c>
      <c r="N7763" s="55">
        <f>IF(Input!$K$13=1,J7763*Input!$J$13,0)+IF(Input!$K$14=1,K7763*Input!$J$14,0)+IF(Input!$K$15=1,L7763*Input!$J$15,0)+IF(Input!$K$16=1,M7763*Input!$J$16,0)</f>
        <v>1.3179268328084466</v>
      </c>
      <c r="O7763" s="58">
        <f>IF(Input!$K$13=2,J7763*Input!$J$13,0)+IF(Input!$K$14=2,K7763*Input!$J$14,0)+IF(Input!$K$15=2,L7763*Input!$J$15,0)+IF(Input!$K$16=2,M7763*Input!$J$16,0)</f>
        <v>8.0908417898685386E-2</v>
      </c>
      <c r="P7763" s="58">
        <f>IF(Input!$K$13=3,J7763*Input!$J$13,0)+IF(Input!$K$14=3,K7763*Input!$J$14,0)+IF(Input!$K$15=3,L7763*Input!$J$15,0)+IF(Input!$K$16=3,M7763*Input!$J$16,0)</f>
        <v>0</v>
      </c>
      <c r="Q7763" s="71">
        <f>IF(Input!$K$13=4,J7763*Input!$J$13,0)+IF(Input!$K$14=4,K7763*Input!$J$14,0)+IF(Input!$K$15=4,L7763*Input!$J$15,0)+IF(Input!$K$16=4,M7763*Input!$J$16,0)</f>
        <v>0</v>
      </c>
    </row>
    <row r="7764" spans="8:17" x14ac:dyDescent="0.25">
      <c r="H7764" s="43">
        <v>7757</v>
      </c>
      <c r="I7764" s="55">
        <f>Bühler!I7790</f>
        <v>1.1885916114167825</v>
      </c>
      <c r="J7764" s="58">
        <f>Bühler!J7790</f>
        <v>10.982723606737055</v>
      </c>
      <c r="K7764" s="58">
        <f>Bühler!K7790</f>
        <v>0.59932161406433626</v>
      </c>
      <c r="L7764" s="58">
        <f>Bühler!L7790</f>
        <v>0.29966080703216813</v>
      </c>
      <c r="M7764" s="57">
        <f>Bühler!M7790</f>
        <v>0</v>
      </c>
      <c r="N7764" s="55">
        <f>IF(Input!$K$13=1,J7764*Input!$J$13,0)+IF(Input!$K$14=1,K7764*Input!$J$14,0)+IF(Input!$K$15=1,L7764*Input!$J$15,0)+IF(Input!$K$16=1,M7764*Input!$J$16,0)</f>
        <v>1.3179268328084466</v>
      </c>
      <c r="O7764" s="58">
        <f>IF(Input!$K$13=2,J7764*Input!$J$13,0)+IF(Input!$K$14=2,K7764*Input!$J$14,0)+IF(Input!$K$15=2,L7764*Input!$J$15,0)+IF(Input!$K$16=2,M7764*Input!$J$16,0)</f>
        <v>8.0908417898685386E-2</v>
      </c>
      <c r="P7764" s="58">
        <f>IF(Input!$K$13=3,J7764*Input!$J$13,0)+IF(Input!$K$14=3,K7764*Input!$J$14,0)+IF(Input!$K$15=3,L7764*Input!$J$15,0)+IF(Input!$K$16=3,M7764*Input!$J$16,0)</f>
        <v>0</v>
      </c>
      <c r="Q7764" s="71">
        <f>IF(Input!$K$13=4,J7764*Input!$J$13,0)+IF(Input!$K$14=4,K7764*Input!$J$14,0)+IF(Input!$K$15=4,L7764*Input!$J$15,0)+IF(Input!$K$16=4,M7764*Input!$J$16,0)</f>
        <v>0</v>
      </c>
    </row>
    <row r="7765" spans="8:17" x14ac:dyDescent="0.25">
      <c r="H7765" s="43">
        <v>7758</v>
      </c>
      <c r="I7765" s="55">
        <f>Bühler!I7791</f>
        <v>1.1885916114167825</v>
      </c>
      <c r="J7765" s="58">
        <f>Bühler!J7791</f>
        <v>10.982723606737055</v>
      </c>
      <c r="K7765" s="58">
        <f>Bühler!K7791</f>
        <v>0.59932161406433626</v>
      </c>
      <c r="L7765" s="58">
        <f>Bühler!L7791</f>
        <v>0.29966080703216813</v>
      </c>
      <c r="M7765" s="57">
        <f>Bühler!M7791</f>
        <v>0</v>
      </c>
      <c r="N7765" s="55">
        <f>IF(Input!$K$13=1,J7765*Input!$J$13,0)+IF(Input!$K$14=1,K7765*Input!$J$14,0)+IF(Input!$K$15=1,L7765*Input!$J$15,0)+IF(Input!$K$16=1,M7765*Input!$J$16,0)</f>
        <v>1.3179268328084466</v>
      </c>
      <c r="O7765" s="58">
        <f>IF(Input!$K$13=2,J7765*Input!$J$13,0)+IF(Input!$K$14=2,K7765*Input!$J$14,0)+IF(Input!$K$15=2,L7765*Input!$J$15,0)+IF(Input!$K$16=2,M7765*Input!$J$16,0)</f>
        <v>8.0908417898685386E-2</v>
      </c>
      <c r="P7765" s="58">
        <f>IF(Input!$K$13=3,J7765*Input!$J$13,0)+IF(Input!$K$14=3,K7765*Input!$J$14,0)+IF(Input!$K$15=3,L7765*Input!$J$15,0)+IF(Input!$K$16=3,M7765*Input!$J$16,0)</f>
        <v>0</v>
      </c>
      <c r="Q7765" s="71">
        <f>IF(Input!$K$13=4,J7765*Input!$J$13,0)+IF(Input!$K$14=4,K7765*Input!$J$14,0)+IF(Input!$K$15=4,L7765*Input!$J$15,0)+IF(Input!$K$16=4,M7765*Input!$J$16,0)</f>
        <v>0</v>
      </c>
    </row>
    <row r="7766" spans="8:17" x14ac:dyDescent="0.25">
      <c r="H7766" s="43">
        <v>7759</v>
      </c>
      <c r="I7766" s="55">
        <f>Bühler!I7792</f>
        <v>1.1885916114167825</v>
      </c>
      <c r="J7766" s="58">
        <f>Bühler!J7792</f>
        <v>10.982723606737055</v>
      </c>
      <c r="K7766" s="58">
        <f>Bühler!K7792</f>
        <v>0.59932161406433626</v>
      </c>
      <c r="L7766" s="58">
        <f>Bühler!L7792</f>
        <v>0.29966080703216813</v>
      </c>
      <c r="M7766" s="57">
        <f>Bühler!M7792</f>
        <v>0</v>
      </c>
      <c r="N7766" s="55">
        <f>IF(Input!$K$13=1,J7766*Input!$J$13,0)+IF(Input!$K$14=1,K7766*Input!$J$14,0)+IF(Input!$K$15=1,L7766*Input!$J$15,0)+IF(Input!$K$16=1,M7766*Input!$J$16,0)</f>
        <v>1.3179268328084466</v>
      </c>
      <c r="O7766" s="58">
        <f>IF(Input!$K$13=2,J7766*Input!$J$13,0)+IF(Input!$K$14=2,K7766*Input!$J$14,0)+IF(Input!$K$15=2,L7766*Input!$J$15,0)+IF(Input!$K$16=2,M7766*Input!$J$16,0)</f>
        <v>8.0908417898685386E-2</v>
      </c>
      <c r="P7766" s="58">
        <f>IF(Input!$K$13=3,J7766*Input!$J$13,0)+IF(Input!$K$14=3,K7766*Input!$J$14,0)+IF(Input!$K$15=3,L7766*Input!$J$15,0)+IF(Input!$K$16=3,M7766*Input!$J$16,0)</f>
        <v>0</v>
      </c>
      <c r="Q7766" s="71">
        <f>IF(Input!$K$13=4,J7766*Input!$J$13,0)+IF(Input!$K$14=4,K7766*Input!$J$14,0)+IF(Input!$K$15=4,L7766*Input!$J$15,0)+IF(Input!$K$16=4,M7766*Input!$J$16,0)</f>
        <v>0</v>
      </c>
    </row>
    <row r="7767" spans="8:17" x14ac:dyDescent="0.25">
      <c r="H7767" s="43">
        <v>7760</v>
      </c>
      <c r="I7767" s="55">
        <f>Bühler!I7793</f>
        <v>5.1703735096630039</v>
      </c>
      <c r="J7767" s="58">
        <f>Bühler!J7793</f>
        <v>46.902290246812989</v>
      </c>
      <c r="K7767" s="58">
        <f>Bühler!K7793</f>
        <v>2.5531100759140721</v>
      </c>
      <c r="L7767" s="58">
        <f>Bühler!L7793</f>
        <v>1.2765550379570361</v>
      </c>
      <c r="M7767" s="57">
        <f>Bühler!M7793</f>
        <v>0</v>
      </c>
      <c r="N7767" s="55">
        <f>IF(Input!$K$13=1,J7767*Input!$J$13,0)+IF(Input!$K$14=1,K7767*Input!$J$14,0)+IF(Input!$K$15=1,L7767*Input!$J$15,0)+IF(Input!$K$16=1,M7767*Input!$J$16,0)</f>
        <v>5.628274829617558</v>
      </c>
      <c r="O7767" s="58">
        <f>IF(Input!$K$13=2,J7767*Input!$J$13,0)+IF(Input!$K$14=2,K7767*Input!$J$14,0)+IF(Input!$K$15=2,L7767*Input!$J$15,0)+IF(Input!$K$16=2,M7767*Input!$J$16,0)</f>
        <v>0.34466986024839974</v>
      </c>
      <c r="P7767" s="58">
        <f>IF(Input!$K$13=3,J7767*Input!$J$13,0)+IF(Input!$K$14=3,K7767*Input!$J$14,0)+IF(Input!$K$15=3,L7767*Input!$J$15,0)+IF(Input!$K$16=3,M7767*Input!$J$16,0)</f>
        <v>0</v>
      </c>
      <c r="Q7767" s="71">
        <f>IF(Input!$K$13=4,J7767*Input!$J$13,0)+IF(Input!$K$14=4,K7767*Input!$J$14,0)+IF(Input!$K$15=4,L7767*Input!$J$15,0)+IF(Input!$K$16=4,M7767*Input!$J$16,0)</f>
        <v>0</v>
      </c>
    </row>
    <row r="7768" spans="8:17" x14ac:dyDescent="0.25">
      <c r="H7768" s="43">
        <v>7761</v>
      </c>
      <c r="I7768" s="55">
        <f>Bühler!I7794</f>
        <v>5.8166701983708791</v>
      </c>
      <c r="J7768" s="58">
        <f>Bühler!J7794</f>
        <v>52.765076527664618</v>
      </c>
      <c r="K7768" s="58">
        <f>Bühler!K7794</f>
        <v>2.8722488354033313</v>
      </c>
      <c r="L7768" s="58">
        <f>Bühler!L7794</f>
        <v>1.4361244177016657</v>
      </c>
      <c r="M7768" s="57">
        <f>Bühler!M7794</f>
        <v>0</v>
      </c>
      <c r="N7768" s="55">
        <f>IF(Input!$K$13=1,J7768*Input!$J$13,0)+IF(Input!$K$14=1,K7768*Input!$J$14,0)+IF(Input!$K$15=1,L7768*Input!$J$15,0)+IF(Input!$K$16=1,M7768*Input!$J$16,0)</f>
        <v>6.3318091833197538</v>
      </c>
      <c r="O7768" s="58">
        <f>IF(Input!$K$13=2,J7768*Input!$J$13,0)+IF(Input!$K$14=2,K7768*Input!$J$14,0)+IF(Input!$K$15=2,L7768*Input!$J$15,0)+IF(Input!$K$16=2,M7768*Input!$J$16,0)</f>
        <v>0.38775359277944971</v>
      </c>
      <c r="P7768" s="58">
        <f>IF(Input!$K$13=3,J7768*Input!$J$13,0)+IF(Input!$K$14=3,K7768*Input!$J$14,0)+IF(Input!$K$15=3,L7768*Input!$J$15,0)+IF(Input!$K$16=3,M7768*Input!$J$16,0)</f>
        <v>0</v>
      </c>
      <c r="Q7768" s="71">
        <f>IF(Input!$K$13=4,J7768*Input!$J$13,0)+IF(Input!$K$14=4,K7768*Input!$J$14,0)+IF(Input!$K$15=4,L7768*Input!$J$15,0)+IF(Input!$K$16=4,M7768*Input!$J$16,0)</f>
        <v>0</v>
      </c>
    </row>
    <row r="7769" spans="8:17" x14ac:dyDescent="0.25">
      <c r="H7769" s="43">
        <v>7762</v>
      </c>
      <c r="I7769" s="55">
        <f>Bühler!I7795</f>
        <v>6.4629668870787533</v>
      </c>
      <c r="J7769" s="58">
        <f>Bühler!J7795</f>
        <v>58.627862808516241</v>
      </c>
      <c r="K7769" s="58">
        <f>Bühler!K7795</f>
        <v>3.1913875948925905</v>
      </c>
      <c r="L7769" s="58">
        <f>Bühler!L7795</f>
        <v>1.5956937974462952</v>
      </c>
      <c r="M7769" s="57">
        <f>Bühler!M7795</f>
        <v>0</v>
      </c>
      <c r="N7769" s="55">
        <f>IF(Input!$K$13=1,J7769*Input!$J$13,0)+IF(Input!$K$14=1,K7769*Input!$J$14,0)+IF(Input!$K$15=1,L7769*Input!$J$15,0)+IF(Input!$K$16=1,M7769*Input!$J$16,0)</f>
        <v>7.0353435370219488</v>
      </c>
      <c r="O7769" s="58">
        <f>IF(Input!$K$13=2,J7769*Input!$J$13,0)+IF(Input!$K$14=2,K7769*Input!$J$14,0)+IF(Input!$K$15=2,L7769*Input!$J$15,0)+IF(Input!$K$16=2,M7769*Input!$J$16,0)</f>
        <v>0.43083732531049967</v>
      </c>
      <c r="P7769" s="58">
        <f>IF(Input!$K$13=3,J7769*Input!$J$13,0)+IF(Input!$K$14=3,K7769*Input!$J$14,0)+IF(Input!$K$15=3,L7769*Input!$J$15,0)+IF(Input!$K$16=3,M7769*Input!$J$16,0)</f>
        <v>0</v>
      </c>
      <c r="Q7769" s="71">
        <f>IF(Input!$K$13=4,J7769*Input!$J$13,0)+IF(Input!$K$14=4,K7769*Input!$J$14,0)+IF(Input!$K$15=4,L7769*Input!$J$15,0)+IF(Input!$K$16=4,M7769*Input!$J$16,0)</f>
        <v>0</v>
      </c>
    </row>
    <row r="7770" spans="8:17" x14ac:dyDescent="0.25">
      <c r="H7770" s="43">
        <v>7763</v>
      </c>
      <c r="I7770" s="55">
        <f>Bühler!I7796</f>
        <v>6.4629668870787533</v>
      </c>
      <c r="J7770" s="58">
        <f>Bühler!J7796</f>
        <v>58.627862808516241</v>
      </c>
      <c r="K7770" s="58">
        <f>Bühler!K7796</f>
        <v>3.1913875948925905</v>
      </c>
      <c r="L7770" s="58">
        <f>Bühler!L7796</f>
        <v>1.5956937974462952</v>
      </c>
      <c r="M7770" s="57">
        <f>Bühler!M7796</f>
        <v>0</v>
      </c>
      <c r="N7770" s="55">
        <f>IF(Input!$K$13=1,J7770*Input!$J$13,0)+IF(Input!$K$14=1,K7770*Input!$J$14,0)+IF(Input!$K$15=1,L7770*Input!$J$15,0)+IF(Input!$K$16=1,M7770*Input!$J$16,0)</f>
        <v>7.0353435370219488</v>
      </c>
      <c r="O7770" s="58">
        <f>IF(Input!$K$13=2,J7770*Input!$J$13,0)+IF(Input!$K$14=2,K7770*Input!$J$14,0)+IF(Input!$K$15=2,L7770*Input!$J$15,0)+IF(Input!$K$16=2,M7770*Input!$J$16,0)</f>
        <v>0.43083732531049967</v>
      </c>
      <c r="P7770" s="58">
        <f>IF(Input!$K$13=3,J7770*Input!$J$13,0)+IF(Input!$K$14=3,K7770*Input!$J$14,0)+IF(Input!$K$15=3,L7770*Input!$J$15,0)+IF(Input!$K$16=3,M7770*Input!$J$16,0)</f>
        <v>0</v>
      </c>
      <c r="Q7770" s="71">
        <f>IF(Input!$K$13=4,J7770*Input!$J$13,0)+IF(Input!$K$14=4,K7770*Input!$J$14,0)+IF(Input!$K$15=4,L7770*Input!$J$15,0)+IF(Input!$K$16=4,M7770*Input!$J$16,0)</f>
        <v>0</v>
      </c>
    </row>
    <row r="7771" spans="8:17" x14ac:dyDescent="0.25">
      <c r="H7771" s="43">
        <v>7764</v>
      </c>
      <c r="I7771" s="55">
        <f>Bühler!I7797</f>
        <v>7.7555602644945028</v>
      </c>
      <c r="J7771" s="58">
        <f>Bühler!J7797</f>
        <v>70.353435370219472</v>
      </c>
      <c r="K7771" s="58">
        <f>Bühler!K7797</f>
        <v>3.8296651138711075</v>
      </c>
      <c r="L7771" s="58">
        <f>Bühler!L7797</f>
        <v>1.9148325569355538</v>
      </c>
      <c r="M7771" s="57">
        <f>Bühler!M7797</f>
        <v>0</v>
      </c>
      <c r="N7771" s="55">
        <f>IF(Input!$K$13=1,J7771*Input!$J$13,0)+IF(Input!$K$14=1,K7771*Input!$J$14,0)+IF(Input!$K$15=1,L7771*Input!$J$15,0)+IF(Input!$K$16=1,M7771*Input!$J$16,0)</f>
        <v>8.4424122444263361</v>
      </c>
      <c r="O7771" s="58">
        <f>IF(Input!$K$13=2,J7771*Input!$J$13,0)+IF(Input!$K$14=2,K7771*Input!$J$14,0)+IF(Input!$K$15=2,L7771*Input!$J$15,0)+IF(Input!$K$16=2,M7771*Input!$J$16,0)</f>
        <v>0.5170047903725995</v>
      </c>
      <c r="P7771" s="58">
        <f>IF(Input!$K$13=3,J7771*Input!$J$13,0)+IF(Input!$K$14=3,K7771*Input!$J$14,0)+IF(Input!$K$15=3,L7771*Input!$J$15,0)+IF(Input!$K$16=3,M7771*Input!$J$16,0)</f>
        <v>0</v>
      </c>
      <c r="Q7771" s="71">
        <f>IF(Input!$K$13=4,J7771*Input!$J$13,0)+IF(Input!$K$14=4,K7771*Input!$J$14,0)+IF(Input!$K$15=4,L7771*Input!$J$15,0)+IF(Input!$K$16=4,M7771*Input!$J$16,0)</f>
        <v>0</v>
      </c>
    </row>
    <row r="7772" spans="8:17" x14ac:dyDescent="0.25">
      <c r="H7772" s="43">
        <v>7765</v>
      </c>
      <c r="I7772" s="55">
        <f>Bühler!I7798</f>
        <v>7.7555602644945028</v>
      </c>
      <c r="J7772" s="58">
        <f>Bühler!J7798</f>
        <v>70.353435370219472</v>
      </c>
      <c r="K7772" s="58">
        <f>Bühler!K7798</f>
        <v>3.8296651138711075</v>
      </c>
      <c r="L7772" s="58">
        <f>Bühler!L7798</f>
        <v>1.9148325569355538</v>
      </c>
      <c r="M7772" s="57">
        <f>Bühler!M7798</f>
        <v>0</v>
      </c>
      <c r="N7772" s="55">
        <f>IF(Input!$K$13=1,J7772*Input!$J$13,0)+IF(Input!$K$14=1,K7772*Input!$J$14,0)+IF(Input!$K$15=1,L7772*Input!$J$15,0)+IF(Input!$K$16=1,M7772*Input!$J$16,0)</f>
        <v>8.4424122444263361</v>
      </c>
      <c r="O7772" s="58">
        <f>IF(Input!$K$13=2,J7772*Input!$J$13,0)+IF(Input!$K$14=2,K7772*Input!$J$14,0)+IF(Input!$K$15=2,L7772*Input!$J$15,0)+IF(Input!$K$16=2,M7772*Input!$J$16,0)</f>
        <v>0.5170047903725995</v>
      </c>
      <c r="P7772" s="58">
        <f>IF(Input!$K$13=3,J7772*Input!$J$13,0)+IF(Input!$K$14=3,K7772*Input!$J$14,0)+IF(Input!$K$15=3,L7772*Input!$J$15,0)+IF(Input!$K$16=3,M7772*Input!$J$16,0)</f>
        <v>0</v>
      </c>
      <c r="Q7772" s="71">
        <f>IF(Input!$K$13=4,J7772*Input!$J$13,0)+IF(Input!$K$14=4,K7772*Input!$J$14,0)+IF(Input!$K$15=4,L7772*Input!$J$15,0)+IF(Input!$K$16=4,M7772*Input!$J$16,0)</f>
        <v>0</v>
      </c>
    </row>
    <row r="7773" spans="8:17" x14ac:dyDescent="0.25">
      <c r="H7773" s="43">
        <v>7766</v>
      </c>
      <c r="I7773" s="55">
        <f>Bühler!I7799</f>
        <v>5.1703735096630039</v>
      </c>
      <c r="J7773" s="58">
        <f>Bühler!J7799</f>
        <v>46.902290246812989</v>
      </c>
      <c r="K7773" s="58">
        <f>Bühler!K7799</f>
        <v>2.5531100759140721</v>
      </c>
      <c r="L7773" s="58">
        <f>Bühler!L7799</f>
        <v>1.2765550379570361</v>
      </c>
      <c r="M7773" s="57">
        <f>Bühler!M7799</f>
        <v>0</v>
      </c>
      <c r="N7773" s="55">
        <f>IF(Input!$K$13=1,J7773*Input!$J$13,0)+IF(Input!$K$14=1,K7773*Input!$J$14,0)+IF(Input!$K$15=1,L7773*Input!$J$15,0)+IF(Input!$K$16=1,M7773*Input!$J$16,0)</f>
        <v>5.628274829617558</v>
      </c>
      <c r="O7773" s="58">
        <f>IF(Input!$K$13=2,J7773*Input!$J$13,0)+IF(Input!$K$14=2,K7773*Input!$J$14,0)+IF(Input!$K$15=2,L7773*Input!$J$15,0)+IF(Input!$K$16=2,M7773*Input!$J$16,0)</f>
        <v>0.34466986024839974</v>
      </c>
      <c r="P7773" s="58">
        <f>IF(Input!$K$13=3,J7773*Input!$J$13,0)+IF(Input!$K$14=3,K7773*Input!$J$14,0)+IF(Input!$K$15=3,L7773*Input!$J$15,0)+IF(Input!$K$16=3,M7773*Input!$J$16,0)</f>
        <v>0</v>
      </c>
      <c r="Q7773" s="71">
        <f>IF(Input!$K$13=4,J7773*Input!$J$13,0)+IF(Input!$K$14=4,K7773*Input!$J$14,0)+IF(Input!$K$15=4,L7773*Input!$J$15,0)+IF(Input!$K$16=4,M7773*Input!$J$16,0)</f>
        <v>0</v>
      </c>
    </row>
    <row r="7774" spans="8:17" x14ac:dyDescent="0.25">
      <c r="H7774" s="43">
        <v>7767</v>
      </c>
      <c r="I7774" s="55">
        <f>Bühler!I7800</f>
        <v>7.7555602644945028</v>
      </c>
      <c r="J7774" s="58">
        <f>Bühler!J7800</f>
        <v>70.353435370219472</v>
      </c>
      <c r="K7774" s="58">
        <f>Bühler!K7800</f>
        <v>3.8296651138711075</v>
      </c>
      <c r="L7774" s="58">
        <f>Bühler!L7800</f>
        <v>1.9148325569355538</v>
      </c>
      <c r="M7774" s="57">
        <f>Bühler!M7800</f>
        <v>0</v>
      </c>
      <c r="N7774" s="55">
        <f>IF(Input!$K$13=1,J7774*Input!$J$13,0)+IF(Input!$K$14=1,K7774*Input!$J$14,0)+IF(Input!$K$15=1,L7774*Input!$J$15,0)+IF(Input!$K$16=1,M7774*Input!$J$16,0)</f>
        <v>8.4424122444263361</v>
      </c>
      <c r="O7774" s="58">
        <f>IF(Input!$K$13=2,J7774*Input!$J$13,0)+IF(Input!$K$14=2,K7774*Input!$J$14,0)+IF(Input!$K$15=2,L7774*Input!$J$15,0)+IF(Input!$K$16=2,M7774*Input!$J$16,0)</f>
        <v>0.5170047903725995</v>
      </c>
      <c r="P7774" s="58">
        <f>IF(Input!$K$13=3,J7774*Input!$J$13,0)+IF(Input!$K$14=3,K7774*Input!$J$14,0)+IF(Input!$K$15=3,L7774*Input!$J$15,0)+IF(Input!$K$16=3,M7774*Input!$J$16,0)</f>
        <v>0</v>
      </c>
      <c r="Q7774" s="71">
        <f>IF(Input!$K$13=4,J7774*Input!$J$13,0)+IF(Input!$K$14=4,K7774*Input!$J$14,0)+IF(Input!$K$15=4,L7774*Input!$J$15,0)+IF(Input!$K$16=4,M7774*Input!$J$16,0)</f>
        <v>0</v>
      </c>
    </row>
    <row r="7775" spans="8:17" x14ac:dyDescent="0.25">
      <c r="H7775" s="43">
        <v>7768</v>
      </c>
      <c r="I7775" s="55">
        <f>Bühler!I7801</f>
        <v>7.7555602644945028</v>
      </c>
      <c r="J7775" s="58">
        <f>Bühler!J7801</f>
        <v>70.353435370219472</v>
      </c>
      <c r="K7775" s="58">
        <f>Bühler!K7801</f>
        <v>3.8296651138711075</v>
      </c>
      <c r="L7775" s="58">
        <f>Bühler!L7801</f>
        <v>1.9148325569355538</v>
      </c>
      <c r="M7775" s="57">
        <f>Bühler!M7801</f>
        <v>0</v>
      </c>
      <c r="N7775" s="55">
        <f>IF(Input!$K$13=1,J7775*Input!$J$13,0)+IF(Input!$K$14=1,K7775*Input!$J$14,0)+IF(Input!$K$15=1,L7775*Input!$J$15,0)+IF(Input!$K$16=1,M7775*Input!$J$16,0)</f>
        <v>8.4424122444263361</v>
      </c>
      <c r="O7775" s="58">
        <f>IF(Input!$K$13=2,J7775*Input!$J$13,0)+IF(Input!$K$14=2,K7775*Input!$J$14,0)+IF(Input!$K$15=2,L7775*Input!$J$15,0)+IF(Input!$K$16=2,M7775*Input!$J$16,0)</f>
        <v>0.5170047903725995</v>
      </c>
      <c r="P7775" s="58">
        <f>IF(Input!$K$13=3,J7775*Input!$J$13,0)+IF(Input!$K$14=3,K7775*Input!$J$14,0)+IF(Input!$K$15=3,L7775*Input!$J$15,0)+IF(Input!$K$16=3,M7775*Input!$J$16,0)</f>
        <v>0</v>
      </c>
      <c r="Q7775" s="71">
        <f>IF(Input!$K$13=4,J7775*Input!$J$13,0)+IF(Input!$K$14=4,K7775*Input!$J$14,0)+IF(Input!$K$15=4,L7775*Input!$J$15,0)+IF(Input!$K$16=4,M7775*Input!$J$16,0)</f>
        <v>0</v>
      </c>
    </row>
    <row r="7776" spans="8:17" x14ac:dyDescent="0.25">
      <c r="H7776" s="43">
        <v>7769</v>
      </c>
      <c r="I7776" s="55">
        <f>Bühler!I7802</f>
        <v>6.4629668870787533</v>
      </c>
      <c r="J7776" s="58">
        <f>Bühler!J7802</f>
        <v>43.139968204261955</v>
      </c>
      <c r="K7776" s="58">
        <f>Bühler!K7802</f>
        <v>2.2339713164248125</v>
      </c>
      <c r="L7776" s="58">
        <f>Bühler!L7802</f>
        <v>1.1169856582124063</v>
      </c>
      <c r="M7776" s="57">
        <f>Bühler!M7802</f>
        <v>0</v>
      </c>
      <c r="N7776" s="55">
        <f>IF(Input!$K$13=1,J7776*Input!$J$13,0)+IF(Input!$K$14=1,K7776*Input!$J$14,0)+IF(Input!$K$15=1,L7776*Input!$J$15,0)+IF(Input!$K$16=1,M7776*Input!$J$16,0)</f>
        <v>5.1767961845114341</v>
      </c>
      <c r="O7776" s="58">
        <f>IF(Input!$K$13=2,J7776*Input!$J$13,0)+IF(Input!$K$14=2,K7776*Input!$J$14,0)+IF(Input!$K$15=2,L7776*Input!$J$15,0)+IF(Input!$K$16=2,M7776*Input!$J$16,0)</f>
        <v>0.30158612771734972</v>
      </c>
      <c r="P7776" s="58">
        <f>IF(Input!$K$13=3,J7776*Input!$J$13,0)+IF(Input!$K$14=3,K7776*Input!$J$14,0)+IF(Input!$K$15=3,L7776*Input!$J$15,0)+IF(Input!$K$16=3,M7776*Input!$J$16,0)</f>
        <v>0</v>
      </c>
      <c r="Q7776" s="71">
        <f>IF(Input!$K$13=4,J7776*Input!$J$13,0)+IF(Input!$K$14=4,K7776*Input!$J$14,0)+IF(Input!$K$15=4,L7776*Input!$J$15,0)+IF(Input!$K$16=4,M7776*Input!$J$16,0)</f>
        <v>0</v>
      </c>
    </row>
    <row r="7777" spans="8:17" x14ac:dyDescent="0.25">
      <c r="H7777" s="43">
        <v>7770</v>
      </c>
      <c r="I7777" s="55">
        <f>Bühler!I7803</f>
        <v>5.2000882999484226</v>
      </c>
      <c r="J7777" s="58">
        <f>Bühler!J7803</f>
        <v>15.958692061113647</v>
      </c>
      <c r="K7777" s="58">
        <f>Bühler!K7803</f>
        <v>0.63827751897851803</v>
      </c>
      <c r="L7777" s="58">
        <f>Bühler!L7803</f>
        <v>0.31913875948925902</v>
      </c>
      <c r="M7777" s="57">
        <f>Bühler!M7803</f>
        <v>0</v>
      </c>
      <c r="N7777" s="55">
        <f>IF(Input!$K$13=1,J7777*Input!$J$13,0)+IF(Input!$K$14=1,K7777*Input!$J$14,0)+IF(Input!$K$15=1,L7777*Input!$J$15,0)+IF(Input!$K$16=1,M7777*Input!$J$16,0)</f>
        <v>1.9150430473336375</v>
      </c>
      <c r="O7777" s="58">
        <f>IF(Input!$K$13=2,J7777*Input!$J$13,0)+IF(Input!$K$14=2,K7777*Input!$J$14,0)+IF(Input!$K$15=2,L7777*Input!$J$15,0)+IF(Input!$K$16=2,M7777*Input!$J$16,0)</f>
        <v>8.6167465062099935E-2</v>
      </c>
      <c r="P7777" s="58">
        <f>IF(Input!$K$13=3,J7777*Input!$J$13,0)+IF(Input!$K$14=3,K7777*Input!$J$14,0)+IF(Input!$K$15=3,L7777*Input!$J$15,0)+IF(Input!$K$16=3,M7777*Input!$J$16,0)</f>
        <v>0</v>
      </c>
      <c r="Q7777" s="71">
        <f>IF(Input!$K$13=4,J7777*Input!$J$13,0)+IF(Input!$K$14=4,K7777*Input!$J$14,0)+IF(Input!$K$15=4,L7777*Input!$J$15,0)+IF(Input!$K$16=4,M7777*Input!$J$16,0)</f>
        <v>0</v>
      </c>
    </row>
    <row r="7778" spans="8:17" x14ac:dyDescent="0.25">
      <c r="H7778" s="43">
        <v>7771</v>
      </c>
      <c r="I7778" s="55">
        <f>Bühler!I7804</f>
        <v>1.8571743928387225</v>
      </c>
      <c r="J7778" s="58">
        <f>Bühler!J7804</f>
        <v>12.191775754662599</v>
      </c>
      <c r="K7778" s="58">
        <f>Bühler!K7804</f>
        <v>0.62928769476755297</v>
      </c>
      <c r="L7778" s="58">
        <f>Bühler!L7804</f>
        <v>0.31464384738377649</v>
      </c>
      <c r="M7778" s="57">
        <f>Bühler!M7804</f>
        <v>0</v>
      </c>
      <c r="N7778" s="55">
        <f>IF(Input!$K$13=1,J7778*Input!$J$13,0)+IF(Input!$K$14=1,K7778*Input!$J$14,0)+IF(Input!$K$15=1,L7778*Input!$J$15,0)+IF(Input!$K$16=1,M7778*Input!$J$16,0)</f>
        <v>1.4630130905595118</v>
      </c>
      <c r="O7778" s="58">
        <f>IF(Input!$K$13=2,J7778*Input!$J$13,0)+IF(Input!$K$14=2,K7778*Input!$J$14,0)+IF(Input!$K$15=2,L7778*Input!$J$15,0)+IF(Input!$K$16=2,M7778*Input!$J$16,0)</f>
        <v>8.4953838793619646E-2</v>
      </c>
      <c r="P7778" s="58">
        <f>IF(Input!$K$13=3,J7778*Input!$J$13,0)+IF(Input!$K$14=3,K7778*Input!$J$14,0)+IF(Input!$K$15=3,L7778*Input!$J$15,0)+IF(Input!$K$16=3,M7778*Input!$J$16,0)</f>
        <v>0</v>
      </c>
      <c r="Q7778" s="71">
        <f>IF(Input!$K$13=4,J7778*Input!$J$13,0)+IF(Input!$K$14=4,K7778*Input!$J$14,0)+IF(Input!$K$15=4,L7778*Input!$J$15,0)+IF(Input!$K$16=4,M7778*Input!$J$16,0)</f>
        <v>0</v>
      </c>
    </row>
    <row r="7779" spans="8:17" x14ac:dyDescent="0.25">
      <c r="H7779" s="43">
        <v>7772</v>
      </c>
      <c r="I7779" s="55">
        <f>Bühler!I7805</f>
        <v>1.8571743928387225</v>
      </c>
      <c r="J7779" s="58">
        <f>Bühler!J7805</f>
        <v>12.191775754662599</v>
      </c>
      <c r="K7779" s="58">
        <f>Bühler!K7805</f>
        <v>0.62928769476755297</v>
      </c>
      <c r="L7779" s="58">
        <f>Bühler!L7805</f>
        <v>0.31464384738377649</v>
      </c>
      <c r="M7779" s="57">
        <f>Bühler!M7805</f>
        <v>0</v>
      </c>
      <c r="N7779" s="55">
        <f>IF(Input!$K$13=1,J7779*Input!$J$13,0)+IF(Input!$K$14=1,K7779*Input!$J$14,0)+IF(Input!$K$15=1,L7779*Input!$J$15,0)+IF(Input!$K$16=1,M7779*Input!$J$16,0)</f>
        <v>1.4630130905595118</v>
      </c>
      <c r="O7779" s="58">
        <f>IF(Input!$K$13=2,J7779*Input!$J$13,0)+IF(Input!$K$14=2,K7779*Input!$J$14,0)+IF(Input!$K$15=2,L7779*Input!$J$15,0)+IF(Input!$K$16=2,M7779*Input!$J$16,0)</f>
        <v>8.4953838793619646E-2</v>
      </c>
      <c r="P7779" s="58">
        <f>IF(Input!$K$13=3,J7779*Input!$J$13,0)+IF(Input!$K$14=3,K7779*Input!$J$14,0)+IF(Input!$K$15=3,L7779*Input!$J$15,0)+IF(Input!$K$16=3,M7779*Input!$J$16,0)</f>
        <v>0</v>
      </c>
      <c r="Q7779" s="71">
        <f>IF(Input!$K$13=4,J7779*Input!$J$13,0)+IF(Input!$K$14=4,K7779*Input!$J$14,0)+IF(Input!$K$15=4,L7779*Input!$J$15,0)+IF(Input!$K$16=4,M7779*Input!$J$16,0)</f>
        <v>0</v>
      </c>
    </row>
    <row r="7780" spans="8:17" x14ac:dyDescent="0.25">
      <c r="H7780" s="43">
        <v>7773</v>
      </c>
      <c r="I7780" s="55">
        <f>Bühler!I7806</f>
        <v>1.8571743928387225</v>
      </c>
      <c r="J7780" s="58">
        <f>Bühler!J7806</f>
        <v>12.191775754662599</v>
      </c>
      <c r="K7780" s="58">
        <f>Bühler!K7806</f>
        <v>0.62928769476755297</v>
      </c>
      <c r="L7780" s="58">
        <f>Bühler!L7806</f>
        <v>0.31464384738377649</v>
      </c>
      <c r="M7780" s="57">
        <f>Bühler!M7806</f>
        <v>0</v>
      </c>
      <c r="N7780" s="55">
        <f>IF(Input!$K$13=1,J7780*Input!$J$13,0)+IF(Input!$K$14=1,K7780*Input!$J$14,0)+IF(Input!$K$15=1,L7780*Input!$J$15,0)+IF(Input!$K$16=1,M7780*Input!$J$16,0)</f>
        <v>1.4630130905595118</v>
      </c>
      <c r="O7780" s="58">
        <f>IF(Input!$K$13=2,J7780*Input!$J$13,0)+IF(Input!$K$14=2,K7780*Input!$J$14,0)+IF(Input!$K$15=2,L7780*Input!$J$15,0)+IF(Input!$K$16=2,M7780*Input!$J$16,0)</f>
        <v>8.4953838793619646E-2</v>
      </c>
      <c r="P7780" s="58">
        <f>IF(Input!$K$13=3,J7780*Input!$J$13,0)+IF(Input!$K$14=3,K7780*Input!$J$14,0)+IF(Input!$K$15=3,L7780*Input!$J$15,0)+IF(Input!$K$16=3,M7780*Input!$J$16,0)</f>
        <v>0</v>
      </c>
      <c r="Q7780" s="71">
        <f>IF(Input!$K$13=4,J7780*Input!$J$13,0)+IF(Input!$K$14=4,K7780*Input!$J$14,0)+IF(Input!$K$15=4,L7780*Input!$J$15,0)+IF(Input!$K$16=4,M7780*Input!$J$16,0)</f>
        <v>0</v>
      </c>
    </row>
    <row r="7781" spans="8:17" x14ac:dyDescent="0.25">
      <c r="H7781" s="43">
        <v>7774</v>
      </c>
      <c r="I7781" s="55">
        <f>Bühler!I7807</f>
        <v>1.8571743928387225</v>
      </c>
      <c r="J7781" s="58">
        <f>Bühler!J7807</f>
        <v>12.191775754662599</v>
      </c>
      <c r="K7781" s="58">
        <f>Bühler!K7807</f>
        <v>0.62928769476755297</v>
      </c>
      <c r="L7781" s="58">
        <f>Bühler!L7807</f>
        <v>0.31464384738377649</v>
      </c>
      <c r="M7781" s="57">
        <f>Bühler!M7807</f>
        <v>0</v>
      </c>
      <c r="N7781" s="55">
        <f>IF(Input!$K$13=1,J7781*Input!$J$13,0)+IF(Input!$K$14=1,K7781*Input!$J$14,0)+IF(Input!$K$15=1,L7781*Input!$J$15,0)+IF(Input!$K$16=1,M7781*Input!$J$16,0)</f>
        <v>1.4630130905595118</v>
      </c>
      <c r="O7781" s="58">
        <f>IF(Input!$K$13=2,J7781*Input!$J$13,0)+IF(Input!$K$14=2,K7781*Input!$J$14,0)+IF(Input!$K$15=2,L7781*Input!$J$15,0)+IF(Input!$K$16=2,M7781*Input!$J$16,0)</f>
        <v>8.4953838793619646E-2</v>
      </c>
      <c r="P7781" s="58">
        <f>IF(Input!$K$13=3,J7781*Input!$J$13,0)+IF(Input!$K$14=3,K7781*Input!$J$14,0)+IF(Input!$K$15=3,L7781*Input!$J$15,0)+IF(Input!$K$16=3,M7781*Input!$J$16,0)</f>
        <v>0</v>
      </c>
      <c r="Q7781" s="71">
        <f>IF(Input!$K$13=4,J7781*Input!$J$13,0)+IF(Input!$K$14=4,K7781*Input!$J$14,0)+IF(Input!$K$15=4,L7781*Input!$J$15,0)+IF(Input!$K$16=4,M7781*Input!$J$16,0)</f>
        <v>0</v>
      </c>
    </row>
    <row r="7782" spans="8:17" x14ac:dyDescent="0.25">
      <c r="H7782" s="43">
        <v>7775</v>
      </c>
      <c r="I7782" s="55">
        <f>Bühler!I7808</f>
        <v>1.8571743928387225</v>
      </c>
      <c r="J7782" s="58">
        <f>Bühler!J7808</f>
        <v>12.191775754662599</v>
      </c>
      <c r="K7782" s="58">
        <f>Bühler!K7808</f>
        <v>0.62928769476755297</v>
      </c>
      <c r="L7782" s="58">
        <f>Bühler!L7808</f>
        <v>0.31464384738377649</v>
      </c>
      <c r="M7782" s="57">
        <f>Bühler!M7808</f>
        <v>0</v>
      </c>
      <c r="N7782" s="55">
        <f>IF(Input!$K$13=1,J7782*Input!$J$13,0)+IF(Input!$K$14=1,K7782*Input!$J$14,0)+IF(Input!$K$15=1,L7782*Input!$J$15,0)+IF(Input!$K$16=1,M7782*Input!$J$16,0)</f>
        <v>1.4630130905595118</v>
      </c>
      <c r="O7782" s="58">
        <f>IF(Input!$K$13=2,J7782*Input!$J$13,0)+IF(Input!$K$14=2,K7782*Input!$J$14,0)+IF(Input!$K$15=2,L7782*Input!$J$15,0)+IF(Input!$K$16=2,M7782*Input!$J$16,0)</f>
        <v>8.4953838793619646E-2</v>
      </c>
      <c r="P7782" s="58">
        <f>IF(Input!$K$13=3,J7782*Input!$J$13,0)+IF(Input!$K$14=3,K7782*Input!$J$14,0)+IF(Input!$K$15=3,L7782*Input!$J$15,0)+IF(Input!$K$16=3,M7782*Input!$J$16,0)</f>
        <v>0</v>
      </c>
      <c r="Q7782" s="71">
        <f>IF(Input!$K$13=4,J7782*Input!$J$13,0)+IF(Input!$K$14=4,K7782*Input!$J$14,0)+IF(Input!$K$15=4,L7782*Input!$J$15,0)+IF(Input!$K$16=4,M7782*Input!$J$16,0)</f>
        <v>0</v>
      </c>
    </row>
    <row r="7783" spans="8:17" x14ac:dyDescent="0.25">
      <c r="H7783" s="43">
        <v>7776</v>
      </c>
      <c r="I7783" s="55">
        <f>Bühler!I7809</f>
        <v>1.8571743928387225</v>
      </c>
      <c r="J7783" s="58">
        <f>Bühler!J7809</f>
        <v>12.191775754662599</v>
      </c>
      <c r="K7783" s="58">
        <f>Bühler!K7809</f>
        <v>0.62928769476755297</v>
      </c>
      <c r="L7783" s="58">
        <f>Bühler!L7809</f>
        <v>0.31464384738377649</v>
      </c>
      <c r="M7783" s="57">
        <f>Bühler!M7809</f>
        <v>0</v>
      </c>
      <c r="N7783" s="55">
        <f>IF(Input!$K$13=1,J7783*Input!$J$13,0)+IF(Input!$K$14=1,K7783*Input!$J$14,0)+IF(Input!$K$15=1,L7783*Input!$J$15,0)+IF(Input!$K$16=1,M7783*Input!$J$16,0)</f>
        <v>1.4630130905595118</v>
      </c>
      <c r="O7783" s="58">
        <f>IF(Input!$K$13=2,J7783*Input!$J$13,0)+IF(Input!$K$14=2,K7783*Input!$J$14,0)+IF(Input!$K$15=2,L7783*Input!$J$15,0)+IF(Input!$K$16=2,M7783*Input!$J$16,0)</f>
        <v>8.4953838793619646E-2</v>
      </c>
      <c r="P7783" s="58">
        <f>IF(Input!$K$13=3,J7783*Input!$J$13,0)+IF(Input!$K$14=3,K7783*Input!$J$14,0)+IF(Input!$K$15=3,L7783*Input!$J$15,0)+IF(Input!$K$16=3,M7783*Input!$J$16,0)</f>
        <v>0</v>
      </c>
      <c r="Q7783" s="71">
        <f>IF(Input!$K$13=4,J7783*Input!$J$13,0)+IF(Input!$K$14=4,K7783*Input!$J$14,0)+IF(Input!$K$15=4,L7783*Input!$J$15,0)+IF(Input!$K$16=4,M7783*Input!$J$16,0)</f>
        <v>0</v>
      </c>
    </row>
    <row r="7784" spans="8:17" x14ac:dyDescent="0.25">
      <c r="H7784" s="43">
        <v>7777</v>
      </c>
      <c r="I7784" s="55">
        <f>Bühler!I7810</f>
        <v>1.6588808208223491</v>
      </c>
      <c r="J7784" s="58">
        <f>Bühler!J7810</f>
        <v>8.2319324989086908</v>
      </c>
      <c r="K7784" s="58">
        <f>Bühler!K7810</f>
        <v>0.40024544757232111</v>
      </c>
      <c r="L7784" s="58">
        <f>Bühler!L7810</f>
        <v>0.20012272378616056</v>
      </c>
      <c r="M7784" s="57">
        <f>Bühler!M7810</f>
        <v>0</v>
      </c>
      <c r="N7784" s="55">
        <f>IF(Input!$K$13=1,J7784*Input!$J$13,0)+IF(Input!$K$14=1,K7784*Input!$J$14,0)+IF(Input!$K$15=1,L7784*Input!$J$15,0)+IF(Input!$K$16=1,M7784*Input!$J$16,0)</f>
        <v>0.98783189986904285</v>
      </c>
      <c r="O7784" s="58">
        <f>IF(Input!$K$13=2,J7784*Input!$J$13,0)+IF(Input!$K$14=2,K7784*Input!$J$14,0)+IF(Input!$K$15=2,L7784*Input!$J$15,0)+IF(Input!$K$16=2,M7784*Input!$J$16,0)</f>
        <v>5.4033135422263345E-2</v>
      </c>
      <c r="P7784" s="58">
        <f>IF(Input!$K$13=3,J7784*Input!$J$13,0)+IF(Input!$K$14=3,K7784*Input!$J$14,0)+IF(Input!$K$15=3,L7784*Input!$J$15,0)+IF(Input!$K$16=3,M7784*Input!$J$16,0)</f>
        <v>0</v>
      </c>
      <c r="Q7784" s="71">
        <f>IF(Input!$K$13=4,J7784*Input!$J$13,0)+IF(Input!$K$14=4,K7784*Input!$J$14,0)+IF(Input!$K$15=4,L7784*Input!$J$15,0)+IF(Input!$K$16=4,M7784*Input!$J$16,0)</f>
        <v>0</v>
      </c>
    </row>
    <row r="7785" spans="8:17" x14ac:dyDescent="0.25">
      <c r="H7785" s="43">
        <v>7778</v>
      </c>
      <c r="I7785" s="55">
        <f>Bühler!I7811</f>
        <v>1.6588808208223491</v>
      </c>
      <c r="J7785" s="58">
        <f>Bühler!J7811</f>
        <v>11.602548103981514</v>
      </c>
      <c r="K7785" s="58">
        <f>Bühler!K7811</f>
        <v>0.60989782487210831</v>
      </c>
      <c r="L7785" s="58">
        <f>Bühler!L7811</f>
        <v>0.30494891243605415</v>
      </c>
      <c r="M7785" s="57">
        <f>Bühler!M7811</f>
        <v>0</v>
      </c>
      <c r="N7785" s="55">
        <f>IF(Input!$K$13=1,J7785*Input!$J$13,0)+IF(Input!$K$14=1,K7785*Input!$J$14,0)+IF(Input!$K$15=1,L7785*Input!$J$15,0)+IF(Input!$K$16=1,M7785*Input!$J$16,0)</f>
        <v>1.3923057724777816</v>
      </c>
      <c r="O7785" s="58">
        <f>IF(Input!$K$13=2,J7785*Input!$J$13,0)+IF(Input!$K$14=2,K7785*Input!$J$14,0)+IF(Input!$K$15=2,L7785*Input!$J$15,0)+IF(Input!$K$16=2,M7785*Input!$J$16,0)</f>
        <v>8.2336206357734615E-2</v>
      </c>
      <c r="P7785" s="58">
        <f>IF(Input!$K$13=3,J7785*Input!$J$13,0)+IF(Input!$K$14=3,K7785*Input!$J$14,0)+IF(Input!$K$15=3,L7785*Input!$J$15,0)+IF(Input!$K$16=3,M7785*Input!$J$16,0)</f>
        <v>0</v>
      </c>
      <c r="Q7785" s="71">
        <f>IF(Input!$K$13=4,J7785*Input!$J$13,0)+IF(Input!$K$14=4,K7785*Input!$J$14,0)+IF(Input!$K$15=4,L7785*Input!$J$15,0)+IF(Input!$K$16=4,M7785*Input!$J$16,0)</f>
        <v>0</v>
      </c>
    </row>
    <row r="7786" spans="8:17" x14ac:dyDescent="0.25">
      <c r="H7786" s="43">
        <v>7779</v>
      </c>
      <c r="I7786" s="55">
        <f>Bühler!I7812</f>
        <v>1.6588808208223491</v>
      </c>
      <c r="J7786" s="58">
        <f>Bühler!J7812</f>
        <v>11.602548103981514</v>
      </c>
      <c r="K7786" s="58">
        <f>Bühler!K7812</f>
        <v>0.60989782487210831</v>
      </c>
      <c r="L7786" s="58">
        <f>Bühler!L7812</f>
        <v>0.30494891243605415</v>
      </c>
      <c r="M7786" s="57">
        <f>Bühler!M7812</f>
        <v>0</v>
      </c>
      <c r="N7786" s="55">
        <f>IF(Input!$K$13=1,J7786*Input!$J$13,0)+IF(Input!$K$14=1,K7786*Input!$J$14,0)+IF(Input!$K$15=1,L7786*Input!$J$15,0)+IF(Input!$K$16=1,M7786*Input!$J$16,0)</f>
        <v>1.3923057724777816</v>
      </c>
      <c r="O7786" s="58">
        <f>IF(Input!$K$13=2,J7786*Input!$J$13,0)+IF(Input!$K$14=2,K7786*Input!$J$14,0)+IF(Input!$K$15=2,L7786*Input!$J$15,0)+IF(Input!$K$16=2,M7786*Input!$J$16,0)</f>
        <v>8.2336206357734615E-2</v>
      </c>
      <c r="P7786" s="58">
        <f>IF(Input!$K$13=3,J7786*Input!$J$13,0)+IF(Input!$K$14=3,K7786*Input!$J$14,0)+IF(Input!$K$15=3,L7786*Input!$J$15,0)+IF(Input!$K$16=3,M7786*Input!$J$16,0)</f>
        <v>0</v>
      </c>
      <c r="Q7786" s="71">
        <f>IF(Input!$K$13=4,J7786*Input!$J$13,0)+IF(Input!$K$14=4,K7786*Input!$J$14,0)+IF(Input!$K$15=4,L7786*Input!$J$15,0)+IF(Input!$K$16=4,M7786*Input!$J$16,0)</f>
        <v>0</v>
      </c>
    </row>
    <row r="7787" spans="8:17" x14ac:dyDescent="0.25">
      <c r="H7787" s="43">
        <v>7780</v>
      </c>
      <c r="I7787" s="55">
        <f>Bühler!I7813</f>
        <v>1.6588808208223491</v>
      </c>
      <c r="J7787" s="58">
        <f>Bühler!J7813</f>
        <v>11.602548103981514</v>
      </c>
      <c r="K7787" s="58">
        <f>Bühler!K7813</f>
        <v>0.60989782487210831</v>
      </c>
      <c r="L7787" s="58">
        <f>Bühler!L7813</f>
        <v>0.30494891243605415</v>
      </c>
      <c r="M7787" s="57">
        <f>Bühler!M7813</f>
        <v>0</v>
      </c>
      <c r="N7787" s="55">
        <f>IF(Input!$K$13=1,J7787*Input!$J$13,0)+IF(Input!$K$14=1,K7787*Input!$J$14,0)+IF(Input!$K$15=1,L7787*Input!$J$15,0)+IF(Input!$K$16=1,M7787*Input!$J$16,0)</f>
        <v>1.3923057724777816</v>
      </c>
      <c r="O7787" s="58">
        <f>IF(Input!$K$13=2,J7787*Input!$J$13,0)+IF(Input!$K$14=2,K7787*Input!$J$14,0)+IF(Input!$K$15=2,L7787*Input!$J$15,0)+IF(Input!$K$16=2,M7787*Input!$J$16,0)</f>
        <v>8.2336206357734615E-2</v>
      </c>
      <c r="P7787" s="58">
        <f>IF(Input!$K$13=3,J7787*Input!$J$13,0)+IF(Input!$K$14=3,K7787*Input!$J$14,0)+IF(Input!$K$15=3,L7787*Input!$J$15,0)+IF(Input!$K$16=3,M7787*Input!$J$16,0)</f>
        <v>0</v>
      </c>
      <c r="Q7787" s="71">
        <f>IF(Input!$K$13=4,J7787*Input!$J$13,0)+IF(Input!$K$14=4,K7787*Input!$J$14,0)+IF(Input!$K$15=4,L7787*Input!$J$15,0)+IF(Input!$K$16=4,M7787*Input!$J$16,0)</f>
        <v>0</v>
      </c>
    </row>
    <row r="7788" spans="8:17" x14ac:dyDescent="0.25">
      <c r="H7788" s="43">
        <v>7781</v>
      </c>
      <c r="I7788" s="55">
        <f>Bühler!I7814</f>
        <v>1.6588808208223491</v>
      </c>
      <c r="J7788" s="58">
        <f>Bühler!J7814</f>
        <v>11.602548103981514</v>
      </c>
      <c r="K7788" s="58">
        <f>Bühler!K7814</f>
        <v>0.60989782487210831</v>
      </c>
      <c r="L7788" s="58">
        <f>Bühler!L7814</f>
        <v>0.30494891243605415</v>
      </c>
      <c r="M7788" s="57">
        <f>Bühler!M7814</f>
        <v>0</v>
      </c>
      <c r="N7788" s="55">
        <f>IF(Input!$K$13=1,J7788*Input!$J$13,0)+IF(Input!$K$14=1,K7788*Input!$J$14,0)+IF(Input!$K$15=1,L7788*Input!$J$15,0)+IF(Input!$K$16=1,M7788*Input!$J$16,0)</f>
        <v>1.3923057724777816</v>
      </c>
      <c r="O7788" s="58">
        <f>IF(Input!$K$13=2,J7788*Input!$J$13,0)+IF(Input!$K$14=2,K7788*Input!$J$14,0)+IF(Input!$K$15=2,L7788*Input!$J$15,0)+IF(Input!$K$16=2,M7788*Input!$J$16,0)</f>
        <v>8.2336206357734615E-2</v>
      </c>
      <c r="P7788" s="58">
        <f>IF(Input!$K$13=3,J7788*Input!$J$13,0)+IF(Input!$K$14=3,K7788*Input!$J$14,0)+IF(Input!$K$15=3,L7788*Input!$J$15,0)+IF(Input!$K$16=3,M7788*Input!$J$16,0)</f>
        <v>0</v>
      </c>
      <c r="Q7788" s="71">
        <f>IF(Input!$K$13=4,J7788*Input!$J$13,0)+IF(Input!$K$14=4,K7788*Input!$J$14,0)+IF(Input!$K$15=4,L7788*Input!$J$15,0)+IF(Input!$K$16=4,M7788*Input!$J$16,0)</f>
        <v>0</v>
      </c>
    </row>
    <row r="7789" spans="8:17" x14ac:dyDescent="0.25">
      <c r="H7789" s="43">
        <v>7782</v>
      </c>
      <c r="I7789" s="55">
        <f>Bühler!I7815</f>
        <v>1.6588808208223491</v>
      </c>
      <c r="J7789" s="58">
        <f>Bühler!J7815</f>
        <v>11.602548103981514</v>
      </c>
      <c r="K7789" s="58">
        <f>Bühler!K7815</f>
        <v>0.60989782487210831</v>
      </c>
      <c r="L7789" s="58">
        <f>Bühler!L7815</f>
        <v>0.30494891243605415</v>
      </c>
      <c r="M7789" s="57">
        <f>Bühler!M7815</f>
        <v>0</v>
      </c>
      <c r="N7789" s="55">
        <f>IF(Input!$K$13=1,J7789*Input!$J$13,0)+IF(Input!$K$14=1,K7789*Input!$J$14,0)+IF(Input!$K$15=1,L7789*Input!$J$15,0)+IF(Input!$K$16=1,M7789*Input!$J$16,0)</f>
        <v>1.3923057724777816</v>
      </c>
      <c r="O7789" s="58">
        <f>IF(Input!$K$13=2,J7789*Input!$J$13,0)+IF(Input!$K$14=2,K7789*Input!$J$14,0)+IF(Input!$K$15=2,L7789*Input!$J$15,0)+IF(Input!$K$16=2,M7789*Input!$J$16,0)</f>
        <v>8.2336206357734615E-2</v>
      </c>
      <c r="P7789" s="58">
        <f>IF(Input!$K$13=3,J7789*Input!$J$13,0)+IF(Input!$K$14=3,K7789*Input!$J$14,0)+IF(Input!$K$15=3,L7789*Input!$J$15,0)+IF(Input!$K$16=3,M7789*Input!$J$16,0)</f>
        <v>0</v>
      </c>
      <c r="Q7789" s="71">
        <f>IF(Input!$K$13=4,J7789*Input!$J$13,0)+IF(Input!$K$14=4,K7789*Input!$J$14,0)+IF(Input!$K$15=4,L7789*Input!$J$15,0)+IF(Input!$K$16=4,M7789*Input!$J$16,0)</f>
        <v>0</v>
      </c>
    </row>
    <row r="7790" spans="8:17" x14ac:dyDescent="0.25">
      <c r="H7790" s="43">
        <v>7783</v>
      </c>
      <c r="I7790" s="55">
        <f>Bühler!I7816</f>
        <v>1.6588808208223491</v>
      </c>
      <c r="J7790" s="58">
        <f>Bühler!J7816</f>
        <v>11.602548103981514</v>
      </c>
      <c r="K7790" s="58">
        <f>Bühler!K7816</f>
        <v>0.60989782487210831</v>
      </c>
      <c r="L7790" s="58">
        <f>Bühler!L7816</f>
        <v>0.30494891243605415</v>
      </c>
      <c r="M7790" s="57">
        <f>Bühler!M7816</f>
        <v>0</v>
      </c>
      <c r="N7790" s="55">
        <f>IF(Input!$K$13=1,J7790*Input!$J$13,0)+IF(Input!$K$14=1,K7790*Input!$J$14,0)+IF(Input!$K$15=1,L7790*Input!$J$15,0)+IF(Input!$K$16=1,M7790*Input!$J$16,0)</f>
        <v>1.3923057724777816</v>
      </c>
      <c r="O7790" s="58">
        <f>IF(Input!$K$13=2,J7790*Input!$J$13,0)+IF(Input!$K$14=2,K7790*Input!$J$14,0)+IF(Input!$K$15=2,L7790*Input!$J$15,0)+IF(Input!$K$16=2,M7790*Input!$J$16,0)</f>
        <v>8.2336206357734615E-2</v>
      </c>
      <c r="P7790" s="58">
        <f>IF(Input!$K$13=3,J7790*Input!$J$13,0)+IF(Input!$K$14=3,K7790*Input!$J$14,0)+IF(Input!$K$15=3,L7790*Input!$J$15,0)+IF(Input!$K$16=3,M7790*Input!$J$16,0)</f>
        <v>0</v>
      </c>
      <c r="Q7790" s="71">
        <f>IF(Input!$K$13=4,J7790*Input!$J$13,0)+IF(Input!$K$14=4,K7790*Input!$J$14,0)+IF(Input!$K$15=4,L7790*Input!$J$15,0)+IF(Input!$K$16=4,M7790*Input!$J$16,0)</f>
        <v>0</v>
      </c>
    </row>
    <row r="7791" spans="8:17" x14ac:dyDescent="0.25">
      <c r="H7791" s="43">
        <v>7784</v>
      </c>
      <c r="I7791" s="55">
        <f>Bühler!I7817</f>
        <v>4.7786470096592177</v>
      </c>
      <c r="J7791" s="58">
        <f>Bühler!J7817</f>
        <v>46.512871696008723</v>
      </c>
      <c r="K7791" s="58">
        <f>Bühler!K7817</f>
        <v>2.5711005179764812</v>
      </c>
      <c r="L7791" s="58">
        <f>Bühler!L7817</f>
        <v>1.2855502589882406</v>
      </c>
      <c r="M7791" s="57">
        <f>Bühler!M7817</f>
        <v>0</v>
      </c>
      <c r="N7791" s="55">
        <f>IF(Input!$K$13=1,J7791*Input!$J$13,0)+IF(Input!$K$14=1,K7791*Input!$J$14,0)+IF(Input!$K$15=1,L7791*Input!$J$15,0)+IF(Input!$K$16=1,M7791*Input!$J$16,0)</f>
        <v>5.5815446035210465</v>
      </c>
      <c r="O7791" s="58">
        <f>IF(Input!$K$13=2,J7791*Input!$J$13,0)+IF(Input!$K$14=2,K7791*Input!$J$14,0)+IF(Input!$K$15=2,L7791*Input!$J$15,0)+IF(Input!$K$16=2,M7791*Input!$J$16,0)</f>
        <v>0.34709856992682497</v>
      </c>
      <c r="P7791" s="58">
        <f>IF(Input!$K$13=3,J7791*Input!$J$13,0)+IF(Input!$K$14=3,K7791*Input!$J$14,0)+IF(Input!$K$15=3,L7791*Input!$J$15,0)+IF(Input!$K$16=3,M7791*Input!$J$16,0)</f>
        <v>0</v>
      </c>
      <c r="Q7791" s="71">
        <f>IF(Input!$K$13=4,J7791*Input!$J$13,0)+IF(Input!$K$14=4,K7791*Input!$J$14,0)+IF(Input!$K$15=4,L7791*Input!$J$15,0)+IF(Input!$K$16=4,M7791*Input!$J$16,0)</f>
        <v>0</v>
      </c>
    </row>
    <row r="7792" spans="8:17" x14ac:dyDescent="0.25">
      <c r="H7792" s="43">
        <v>7785</v>
      </c>
      <c r="I7792" s="55">
        <f>Bühler!I7818</f>
        <v>5.3319640318302852</v>
      </c>
      <c r="J7792" s="58">
        <f>Bühler!J7818</f>
        <v>51.898572629230799</v>
      </c>
      <c r="K7792" s="58">
        <f>Bühler!K7818</f>
        <v>2.8688068937421796</v>
      </c>
      <c r="L7792" s="58">
        <f>Bühler!L7818</f>
        <v>1.4344034468710898</v>
      </c>
      <c r="M7792" s="57">
        <f>Bühler!M7818</f>
        <v>0</v>
      </c>
      <c r="N7792" s="55">
        <f>IF(Input!$K$13=1,J7792*Input!$J$13,0)+IF(Input!$K$14=1,K7792*Input!$J$14,0)+IF(Input!$K$15=1,L7792*Input!$J$15,0)+IF(Input!$K$16=1,M7792*Input!$J$16,0)</f>
        <v>6.2278287155076955</v>
      </c>
      <c r="O7792" s="58">
        <f>IF(Input!$K$13=2,J7792*Input!$J$13,0)+IF(Input!$K$14=2,K7792*Input!$J$14,0)+IF(Input!$K$15=2,L7792*Input!$J$15,0)+IF(Input!$K$16=2,M7792*Input!$J$16,0)</f>
        <v>0.38728893065519421</v>
      </c>
      <c r="P7792" s="58">
        <f>IF(Input!$K$13=3,J7792*Input!$J$13,0)+IF(Input!$K$14=3,K7792*Input!$J$14,0)+IF(Input!$K$15=3,L7792*Input!$J$15,0)+IF(Input!$K$16=3,M7792*Input!$J$16,0)</f>
        <v>0</v>
      </c>
      <c r="Q7792" s="71">
        <f>IF(Input!$K$13=4,J7792*Input!$J$13,0)+IF(Input!$K$14=4,K7792*Input!$J$14,0)+IF(Input!$K$15=4,L7792*Input!$J$15,0)+IF(Input!$K$16=4,M7792*Input!$J$16,0)</f>
        <v>0</v>
      </c>
    </row>
    <row r="7793" spans="8:17" x14ac:dyDescent="0.25">
      <c r="H7793" s="43">
        <v>7786</v>
      </c>
      <c r="I7793" s="55">
        <f>Bühler!I7819</f>
        <v>5.8852810540013527</v>
      </c>
      <c r="J7793" s="58">
        <f>Bühler!J7819</f>
        <v>57.28427356245286</v>
      </c>
      <c r="K7793" s="58">
        <f>Bühler!K7819</f>
        <v>3.1665132695078775</v>
      </c>
      <c r="L7793" s="58">
        <f>Bühler!L7819</f>
        <v>1.5832566347539387</v>
      </c>
      <c r="M7793" s="57">
        <f>Bühler!M7819</f>
        <v>0</v>
      </c>
      <c r="N7793" s="55">
        <f>IF(Input!$K$13=1,J7793*Input!$J$13,0)+IF(Input!$K$14=1,K7793*Input!$J$14,0)+IF(Input!$K$15=1,L7793*Input!$J$15,0)+IF(Input!$K$16=1,M7793*Input!$J$16,0)</f>
        <v>6.8741128274943426</v>
      </c>
      <c r="O7793" s="58">
        <f>IF(Input!$K$13=2,J7793*Input!$J$13,0)+IF(Input!$K$14=2,K7793*Input!$J$14,0)+IF(Input!$K$15=2,L7793*Input!$J$15,0)+IF(Input!$K$16=2,M7793*Input!$J$16,0)</f>
        <v>0.42747929138356344</v>
      </c>
      <c r="P7793" s="58">
        <f>IF(Input!$K$13=3,J7793*Input!$J$13,0)+IF(Input!$K$14=3,K7793*Input!$J$14,0)+IF(Input!$K$15=3,L7793*Input!$J$15,0)+IF(Input!$K$16=3,M7793*Input!$J$16,0)</f>
        <v>0</v>
      </c>
      <c r="Q7793" s="71">
        <f>IF(Input!$K$13=4,J7793*Input!$J$13,0)+IF(Input!$K$14=4,K7793*Input!$J$14,0)+IF(Input!$K$15=4,L7793*Input!$J$15,0)+IF(Input!$K$16=4,M7793*Input!$J$16,0)</f>
        <v>0</v>
      </c>
    </row>
    <row r="7794" spans="8:17" x14ac:dyDescent="0.25">
      <c r="H7794" s="43">
        <v>7787</v>
      </c>
      <c r="I7794" s="55">
        <f>Bühler!I7820</f>
        <v>5.8852810540013527</v>
      </c>
      <c r="J7794" s="58">
        <f>Bühler!J7820</f>
        <v>57.28427356245286</v>
      </c>
      <c r="K7794" s="58">
        <f>Bühler!K7820</f>
        <v>3.1665132695078775</v>
      </c>
      <c r="L7794" s="58">
        <f>Bühler!L7820</f>
        <v>1.5832566347539387</v>
      </c>
      <c r="M7794" s="57">
        <f>Bühler!M7820</f>
        <v>0</v>
      </c>
      <c r="N7794" s="55">
        <f>IF(Input!$K$13=1,J7794*Input!$J$13,0)+IF(Input!$K$14=1,K7794*Input!$J$14,0)+IF(Input!$K$15=1,L7794*Input!$J$15,0)+IF(Input!$K$16=1,M7794*Input!$J$16,0)</f>
        <v>6.8741128274943426</v>
      </c>
      <c r="O7794" s="58">
        <f>IF(Input!$K$13=2,J7794*Input!$J$13,0)+IF(Input!$K$14=2,K7794*Input!$J$14,0)+IF(Input!$K$15=2,L7794*Input!$J$15,0)+IF(Input!$K$16=2,M7794*Input!$J$16,0)</f>
        <v>0.42747929138356344</v>
      </c>
      <c r="P7794" s="58">
        <f>IF(Input!$K$13=3,J7794*Input!$J$13,0)+IF(Input!$K$14=3,K7794*Input!$J$14,0)+IF(Input!$K$15=3,L7794*Input!$J$15,0)+IF(Input!$K$16=3,M7794*Input!$J$16,0)</f>
        <v>0</v>
      </c>
      <c r="Q7794" s="71">
        <f>IF(Input!$K$13=4,J7794*Input!$J$13,0)+IF(Input!$K$14=4,K7794*Input!$J$14,0)+IF(Input!$K$15=4,L7794*Input!$J$15,0)+IF(Input!$K$16=4,M7794*Input!$J$16,0)</f>
        <v>0</v>
      </c>
    </row>
    <row r="7795" spans="8:17" x14ac:dyDescent="0.25">
      <c r="H7795" s="43">
        <v>7788</v>
      </c>
      <c r="I7795" s="55">
        <f>Bühler!I7821</f>
        <v>7.0422166458135846</v>
      </c>
      <c r="J7795" s="58">
        <f>Bühler!J7821</f>
        <v>68.545284604644436</v>
      </c>
      <c r="K7795" s="58">
        <f>Bühler!K7821</f>
        <v>3.7889902370179724</v>
      </c>
      <c r="L7795" s="58">
        <f>Bühler!L7821</f>
        <v>1.8944951185089862</v>
      </c>
      <c r="M7795" s="57">
        <f>Bühler!M7821</f>
        <v>0</v>
      </c>
      <c r="N7795" s="55">
        <f>IF(Input!$K$13=1,J7795*Input!$J$13,0)+IF(Input!$K$14=1,K7795*Input!$J$14,0)+IF(Input!$K$15=1,L7795*Input!$J$15,0)+IF(Input!$K$16=1,M7795*Input!$J$16,0)</f>
        <v>8.225434152557332</v>
      </c>
      <c r="O7795" s="58">
        <f>IF(Input!$K$13=2,J7795*Input!$J$13,0)+IF(Input!$K$14=2,K7795*Input!$J$14,0)+IF(Input!$K$15=2,L7795*Input!$J$15,0)+IF(Input!$K$16=2,M7795*Input!$J$16,0)</f>
        <v>0.5115136819974262</v>
      </c>
      <c r="P7795" s="58">
        <f>IF(Input!$K$13=3,J7795*Input!$J$13,0)+IF(Input!$K$14=3,K7795*Input!$J$14,0)+IF(Input!$K$15=3,L7795*Input!$J$15,0)+IF(Input!$K$16=3,M7795*Input!$J$16,0)</f>
        <v>0</v>
      </c>
      <c r="Q7795" s="71">
        <f>IF(Input!$K$13=4,J7795*Input!$J$13,0)+IF(Input!$K$14=4,K7795*Input!$J$14,0)+IF(Input!$K$15=4,L7795*Input!$J$15,0)+IF(Input!$K$16=4,M7795*Input!$J$16,0)</f>
        <v>0</v>
      </c>
    </row>
    <row r="7796" spans="8:17" x14ac:dyDescent="0.25">
      <c r="H7796" s="43">
        <v>7789</v>
      </c>
      <c r="I7796" s="55">
        <f>Bühler!I7822</f>
        <v>7.0422166458135846</v>
      </c>
      <c r="J7796" s="58">
        <f>Bühler!J7822</f>
        <v>68.545284604644436</v>
      </c>
      <c r="K7796" s="58">
        <f>Bühler!K7822</f>
        <v>3.7889902370179724</v>
      </c>
      <c r="L7796" s="58">
        <f>Bühler!L7822</f>
        <v>1.8944951185089862</v>
      </c>
      <c r="M7796" s="57">
        <f>Bühler!M7822</f>
        <v>0</v>
      </c>
      <c r="N7796" s="55">
        <f>IF(Input!$K$13=1,J7796*Input!$J$13,0)+IF(Input!$K$14=1,K7796*Input!$J$14,0)+IF(Input!$K$15=1,L7796*Input!$J$15,0)+IF(Input!$K$16=1,M7796*Input!$J$16,0)</f>
        <v>8.225434152557332</v>
      </c>
      <c r="O7796" s="58">
        <f>IF(Input!$K$13=2,J7796*Input!$J$13,0)+IF(Input!$K$14=2,K7796*Input!$J$14,0)+IF(Input!$K$15=2,L7796*Input!$J$15,0)+IF(Input!$K$16=2,M7796*Input!$J$16,0)</f>
        <v>0.5115136819974262</v>
      </c>
      <c r="P7796" s="58">
        <f>IF(Input!$K$13=3,J7796*Input!$J$13,0)+IF(Input!$K$14=3,K7796*Input!$J$14,0)+IF(Input!$K$15=3,L7796*Input!$J$15,0)+IF(Input!$K$16=3,M7796*Input!$J$16,0)</f>
        <v>0</v>
      </c>
      <c r="Q7796" s="71">
        <f>IF(Input!$K$13=4,J7796*Input!$J$13,0)+IF(Input!$K$14=4,K7796*Input!$J$14,0)+IF(Input!$K$15=4,L7796*Input!$J$15,0)+IF(Input!$K$16=4,M7796*Input!$J$16,0)</f>
        <v>0</v>
      </c>
    </row>
    <row r="7797" spans="8:17" x14ac:dyDescent="0.25">
      <c r="H7797" s="43">
        <v>7790</v>
      </c>
      <c r="I7797" s="55">
        <f>Bühler!I7823</f>
        <v>4.6780439147190238</v>
      </c>
      <c r="J7797" s="58">
        <f>Bühler!J7823</f>
        <v>45.533653344513802</v>
      </c>
      <c r="K7797" s="58">
        <f>Bühler!K7823</f>
        <v>2.5169720860190816</v>
      </c>
      <c r="L7797" s="58">
        <f>Bühler!L7823</f>
        <v>1.2584860430095408</v>
      </c>
      <c r="M7797" s="57">
        <f>Bühler!M7823</f>
        <v>0</v>
      </c>
      <c r="N7797" s="55">
        <f>IF(Input!$K$13=1,J7797*Input!$J$13,0)+IF(Input!$K$14=1,K7797*Input!$J$14,0)+IF(Input!$K$15=1,L7797*Input!$J$15,0)+IF(Input!$K$16=1,M7797*Input!$J$16,0)</f>
        <v>5.4640384013416563</v>
      </c>
      <c r="O7797" s="58">
        <f>IF(Input!$K$13=2,J7797*Input!$J$13,0)+IF(Input!$K$14=2,K7797*Input!$J$14,0)+IF(Input!$K$15=2,L7797*Input!$J$15,0)+IF(Input!$K$16=2,M7797*Input!$J$16,0)</f>
        <v>0.33979123161257596</v>
      </c>
      <c r="P7797" s="58">
        <f>IF(Input!$K$13=3,J7797*Input!$J$13,0)+IF(Input!$K$14=3,K7797*Input!$J$14,0)+IF(Input!$K$15=3,L7797*Input!$J$15,0)+IF(Input!$K$16=3,M7797*Input!$J$16,0)</f>
        <v>0</v>
      </c>
      <c r="Q7797" s="71">
        <f>IF(Input!$K$13=4,J7797*Input!$J$13,0)+IF(Input!$K$14=4,K7797*Input!$J$14,0)+IF(Input!$K$15=4,L7797*Input!$J$15,0)+IF(Input!$K$16=4,M7797*Input!$J$16,0)</f>
        <v>0</v>
      </c>
    </row>
    <row r="7798" spans="8:17" x14ac:dyDescent="0.25">
      <c r="H7798" s="43">
        <v>7791</v>
      </c>
      <c r="I7798" s="55">
        <f>Bühler!I7824</f>
        <v>7.0422166458135846</v>
      </c>
      <c r="J7798" s="58">
        <f>Bühler!J7824</f>
        <v>68.545284604644436</v>
      </c>
      <c r="K7798" s="58">
        <f>Bühler!K7824</f>
        <v>3.7889902370179724</v>
      </c>
      <c r="L7798" s="58">
        <f>Bühler!L7824</f>
        <v>1.8944951185089862</v>
      </c>
      <c r="M7798" s="57">
        <f>Bühler!M7824</f>
        <v>0</v>
      </c>
      <c r="N7798" s="55">
        <f>IF(Input!$K$13=1,J7798*Input!$J$13,0)+IF(Input!$K$14=1,K7798*Input!$J$14,0)+IF(Input!$K$15=1,L7798*Input!$J$15,0)+IF(Input!$K$16=1,M7798*Input!$J$16,0)</f>
        <v>8.225434152557332</v>
      </c>
      <c r="O7798" s="58">
        <f>IF(Input!$K$13=2,J7798*Input!$J$13,0)+IF(Input!$K$14=2,K7798*Input!$J$14,0)+IF(Input!$K$15=2,L7798*Input!$J$15,0)+IF(Input!$K$16=2,M7798*Input!$J$16,0)</f>
        <v>0.5115136819974262</v>
      </c>
      <c r="P7798" s="58">
        <f>IF(Input!$K$13=3,J7798*Input!$J$13,0)+IF(Input!$K$14=3,K7798*Input!$J$14,0)+IF(Input!$K$15=3,L7798*Input!$J$15,0)+IF(Input!$K$16=3,M7798*Input!$J$16,0)</f>
        <v>0</v>
      </c>
      <c r="Q7798" s="71">
        <f>IF(Input!$K$13=4,J7798*Input!$J$13,0)+IF(Input!$K$14=4,K7798*Input!$J$14,0)+IF(Input!$K$15=4,L7798*Input!$J$15,0)+IF(Input!$K$16=4,M7798*Input!$J$16,0)</f>
        <v>0</v>
      </c>
    </row>
    <row r="7799" spans="8:17" x14ac:dyDescent="0.25">
      <c r="H7799" s="43">
        <v>7792</v>
      </c>
      <c r="I7799" s="55">
        <f>Bühler!I7825</f>
        <v>7.0422166458135846</v>
      </c>
      <c r="J7799" s="58">
        <f>Bühler!J7825</f>
        <v>68.545284604644436</v>
      </c>
      <c r="K7799" s="58">
        <f>Bühler!K7825</f>
        <v>3.7889902370179724</v>
      </c>
      <c r="L7799" s="58">
        <f>Bühler!L7825</f>
        <v>1.8944951185089862</v>
      </c>
      <c r="M7799" s="57">
        <f>Bühler!M7825</f>
        <v>0</v>
      </c>
      <c r="N7799" s="55">
        <f>IF(Input!$K$13=1,J7799*Input!$J$13,0)+IF(Input!$K$14=1,K7799*Input!$J$14,0)+IF(Input!$K$15=1,L7799*Input!$J$15,0)+IF(Input!$K$16=1,M7799*Input!$J$16,0)</f>
        <v>8.225434152557332</v>
      </c>
      <c r="O7799" s="58">
        <f>IF(Input!$K$13=2,J7799*Input!$J$13,0)+IF(Input!$K$14=2,K7799*Input!$J$14,0)+IF(Input!$K$15=2,L7799*Input!$J$15,0)+IF(Input!$K$16=2,M7799*Input!$J$16,0)</f>
        <v>0.5115136819974262</v>
      </c>
      <c r="P7799" s="58">
        <f>IF(Input!$K$13=3,J7799*Input!$J$13,0)+IF(Input!$K$14=3,K7799*Input!$J$14,0)+IF(Input!$K$15=3,L7799*Input!$J$15,0)+IF(Input!$K$16=3,M7799*Input!$J$16,0)</f>
        <v>0</v>
      </c>
      <c r="Q7799" s="71">
        <f>IF(Input!$K$13=4,J7799*Input!$J$13,0)+IF(Input!$K$14=4,K7799*Input!$J$14,0)+IF(Input!$K$15=4,L7799*Input!$J$15,0)+IF(Input!$K$16=4,M7799*Input!$J$16,0)</f>
        <v>0</v>
      </c>
    </row>
    <row r="7800" spans="8:17" x14ac:dyDescent="0.25">
      <c r="H7800" s="43">
        <v>7793</v>
      </c>
      <c r="I7800" s="55">
        <f>Bühler!I7826</f>
        <v>5.8863512996922065</v>
      </c>
      <c r="J7800" s="58">
        <f>Bühler!J7826</f>
        <v>42.273936768692117</v>
      </c>
      <c r="K7800" s="58">
        <f>Bühler!K7826</f>
        <v>2.2327978182427342</v>
      </c>
      <c r="L7800" s="58">
        <f>Bühler!L7826</f>
        <v>1.1163989091213671</v>
      </c>
      <c r="M7800" s="57">
        <f>Bühler!M7826</f>
        <v>0</v>
      </c>
      <c r="N7800" s="55">
        <f>IF(Input!$K$13=1,J7800*Input!$J$13,0)+IF(Input!$K$14=1,K7800*Input!$J$14,0)+IF(Input!$K$15=1,L7800*Input!$J$15,0)+IF(Input!$K$16=1,M7800*Input!$J$16,0)</f>
        <v>5.0728724122430542</v>
      </c>
      <c r="O7800" s="58">
        <f>IF(Input!$K$13=2,J7800*Input!$J$13,0)+IF(Input!$K$14=2,K7800*Input!$J$14,0)+IF(Input!$K$15=2,L7800*Input!$J$15,0)+IF(Input!$K$16=2,M7800*Input!$J$16,0)</f>
        <v>0.30142770546276909</v>
      </c>
      <c r="P7800" s="58">
        <f>IF(Input!$K$13=3,J7800*Input!$J$13,0)+IF(Input!$K$14=3,K7800*Input!$J$14,0)+IF(Input!$K$15=3,L7800*Input!$J$15,0)+IF(Input!$K$16=3,M7800*Input!$J$16,0)</f>
        <v>0</v>
      </c>
      <c r="Q7800" s="71">
        <f>IF(Input!$K$13=4,J7800*Input!$J$13,0)+IF(Input!$K$14=4,K7800*Input!$J$14,0)+IF(Input!$K$15=4,L7800*Input!$J$15,0)+IF(Input!$K$16=4,M7800*Input!$J$16,0)</f>
        <v>0</v>
      </c>
    </row>
    <row r="7801" spans="8:17" x14ac:dyDescent="0.25">
      <c r="H7801" s="43">
        <v>7794</v>
      </c>
      <c r="I7801" s="55">
        <f>Bühler!I7827</f>
        <v>4.6769736690281718</v>
      </c>
      <c r="J7801" s="58">
        <f>Bühler!J7827</f>
        <v>20.387701497838805</v>
      </c>
      <c r="K7801" s="58">
        <f>Bühler!K7827</f>
        <v>0.95296535136266936</v>
      </c>
      <c r="L7801" s="58">
        <f>Bühler!L7827</f>
        <v>0.47648267568133468</v>
      </c>
      <c r="M7801" s="57">
        <f>Bühler!M7827</f>
        <v>0</v>
      </c>
      <c r="N7801" s="55">
        <f>IF(Input!$K$13=1,J7801*Input!$J$13,0)+IF(Input!$K$14=1,K7801*Input!$J$14,0)+IF(Input!$K$15=1,L7801*Input!$J$15,0)+IF(Input!$K$16=1,M7801*Input!$J$16,0)</f>
        <v>2.4465241797406563</v>
      </c>
      <c r="O7801" s="58">
        <f>IF(Input!$K$13=2,J7801*Input!$J$13,0)+IF(Input!$K$14=2,K7801*Input!$J$14,0)+IF(Input!$K$15=2,L7801*Input!$J$15,0)+IF(Input!$K$16=2,M7801*Input!$J$16,0)</f>
        <v>0.12865032243396035</v>
      </c>
      <c r="P7801" s="58">
        <f>IF(Input!$K$13=3,J7801*Input!$J$13,0)+IF(Input!$K$14=3,K7801*Input!$J$14,0)+IF(Input!$K$15=3,L7801*Input!$J$15,0)+IF(Input!$K$16=3,M7801*Input!$J$16,0)</f>
        <v>0</v>
      </c>
      <c r="Q7801" s="71">
        <f>IF(Input!$K$13=4,J7801*Input!$J$13,0)+IF(Input!$K$14=4,K7801*Input!$J$14,0)+IF(Input!$K$15=4,L7801*Input!$J$15,0)+IF(Input!$K$16=4,M7801*Input!$J$16,0)</f>
        <v>0</v>
      </c>
    </row>
    <row r="7802" spans="8:17" x14ac:dyDescent="0.25">
      <c r="H7802" s="43">
        <v>7795</v>
      </c>
      <c r="I7802" s="55">
        <f>Bühler!I7828</f>
        <v>1.6588808208223491</v>
      </c>
      <c r="J7802" s="58">
        <f>Bühler!J7828</f>
        <v>11.908967704442679</v>
      </c>
      <c r="K7802" s="58">
        <f>Bühler!K7828</f>
        <v>0.62895713189936164</v>
      </c>
      <c r="L7802" s="58">
        <f>Bühler!L7828</f>
        <v>0.31447856594968082</v>
      </c>
      <c r="M7802" s="57">
        <f>Bühler!M7828</f>
        <v>0</v>
      </c>
      <c r="N7802" s="55">
        <f>IF(Input!$K$13=1,J7802*Input!$J$13,0)+IF(Input!$K$14=1,K7802*Input!$J$14,0)+IF(Input!$K$15=1,L7802*Input!$J$15,0)+IF(Input!$K$16=1,M7802*Input!$J$16,0)</f>
        <v>1.4290761245331214</v>
      </c>
      <c r="O7802" s="58">
        <f>IF(Input!$K$13=2,J7802*Input!$J$13,0)+IF(Input!$K$14=2,K7802*Input!$J$14,0)+IF(Input!$K$15=2,L7802*Input!$J$15,0)+IF(Input!$K$16=2,M7802*Input!$J$16,0)</f>
        <v>8.4909212806413809E-2</v>
      </c>
      <c r="P7802" s="58">
        <f>IF(Input!$K$13=3,J7802*Input!$J$13,0)+IF(Input!$K$14=3,K7802*Input!$J$14,0)+IF(Input!$K$15=3,L7802*Input!$J$15,0)+IF(Input!$K$16=3,M7802*Input!$J$16,0)</f>
        <v>0</v>
      </c>
      <c r="Q7802" s="71">
        <f>IF(Input!$K$13=4,J7802*Input!$J$13,0)+IF(Input!$K$14=4,K7802*Input!$J$14,0)+IF(Input!$K$15=4,L7802*Input!$J$15,0)+IF(Input!$K$16=4,M7802*Input!$J$16,0)</f>
        <v>0</v>
      </c>
    </row>
    <row r="7803" spans="8:17" x14ac:dyDescent="0.25">
      <c r="H7803" s="43">
        <v>7796</v>
      </c>
      <c r="I7803" s="55">
        <f>Bühler!I7829</f>
        <v>1.6588808208223491</v>
      </c>
      <c r="J7803" s="58">
        <f>Bühler!J7829</f>
        <v>11.908967704442679</v>
      </c>
      <c r="K7803" s="58">
        <f>Bühler!K7829</f>
        <v>0.62895713189936164</v>
      </c>
      <c r="L7803" s="58">
        <f>Bühler!L7829</f>
        <v>0.31447856594968082</v>
      </c>
      <c r="M7803" s="57">
        <f>Bühler!M7829</f>
        <v>0</v>
      </c>
      <c r="N7803" s="55">
        <f>IF(Input!$K$13=1,J7803*Input!$J$13,0)+IF(Input!$K$14=1,K7803*Input!$J$14,0)+IF(Input!$K$15=1,L7803*Input!$J$15,0)+IF(Input!$K$16=1,M7803*Input!$J$16,0)</f>
        <v>1.4290761245331214</v>
      </c>
      <c r="O7803" s="58">
        <f>IF(Input!$K$13=2,J7803*Input!$J$13,0)+IF(Input!$K$14=2,K7803*Input!$J$14,0)+IF(Input!$K$15=2,L7803*Input!$J$15,0)+IF(Input!$K$16=2,M7803*Input!$J$16,0)</f>
        <v>8.4909212806413809E-2</v>
      </c>
      <c r="P7803" s="58">
        <f>IF(Input!$K$13=3,J7803*Input!$J$13,0)+IF(Input!$K$14=3,K7803*Input!$J$14,0)+IF(Input!$K$15=3,L7803*Input!$J$15,0)+IF(Input!$K$16=3,M7803*Input!$J$16,0)</f>
        <v>0</v>
      </c>
      <c r="Q7803" s="71">
        <f>IF(Input!$K$13=4,J7803*Input!$J$13,0)+IF(Input!$K$14=4,K7803*Input!$J$14,0)+IF(Input!$K$15=4,L7803*Input!$J$15,0)+IF(Input!$K$16=4,M7803*Input!$J$16,0)</f>
        <v>0</v>
      </c>
    </row>
    <row r="7804" spans="8:17" x14ac:dyDescent="0.25">
      <c r="H7804" s="43">
        <v>7797</v>
      </c>
      <c r="I7804" s="55">
        <f>Bühler!I7830</f>
        <v>1.6588808208223491</v>
      </c>
      <c r="J7804" s="58">
        <f>Bühler!J7830</f>
        <v>11.908967704442679</v>
      </c>
      <c r="K7804" s="58">
        <f>Bühler!K7830</f>
        <v>0.62895713189936164</v>
      </c>
      <c r="L7804" s="58">
        <f>Bühler!L7830</f>
        <v>0.31447856594968082</v>
      </c>
      <c r="M7804" s="57">
        <f>Bühler!M7830</f>
        <v>0</v>
      </c>
      <c r="N7804" s="55">
        <f>IF(Input!$K$13=1,J7804*Input!$J$13,0)+IF(Input!$K$14=1,K7804*Input!$J$14,0)+IF(Input!$K$15=1,L7804*Input!$J$15,0)+IF(Input!$K$16=1,M7804*Input!$J$16,0)</f>
        <v>1.4290761245331214</v>
      </c>
      <c r="O7804" s="58">
        <f>IF(Input!$K$13=2,J7804*Input!$J$13,0)+IF(Input!$K$14=2,K7804*Input!$J$14,0)+IF(Input!$K$15=2,L7804*Input!$J$15,0)+IF(Input!$K$16=2,M7804*Input!$J$16,0)</f>
        <v>8.4909212806413809E-2</v>
      </c>
      <c r="P7804" s="58">
        <f>IF(Input!$K$13=3,J7804*Input!$J$13,0)+IF(Input!$K$14=3,K7804*Input!$J$14,0)+IF(Input!$K$15=3,L7804*Input!$J$15,0)+IF(Input!$K$16=3,M7804*Input!$J$16,0)</f>
        <v>0</v>
      </c>
      <c r="Q7804" s="71">
        <f>IF(Input!$K$13=4,J7804*Input!$J$13,0)+IF(Input!$K$14=4,K7804*Input!$J$14,0)+IF(Input!$K$15=4,L7804*Input!$J$15,0)+IF(Input!$K$16=4,M7804*Input!$J$16,0)</f>
        <v>0</v>
      </c>
    </row>
    <row r="7805" spans="8:17" x14ac:dyDescent="0.25">
      <c r="H7805" s="43">
        <v>7798</v>
      </c>
      <c r="I7805" s="55">
        <f>Bühler!I7831</f>
        <v>1.6588808208223491</v>
      </c>
      <c r="J7805" s="58">
        <f>Bühler!J7831</f>
        <v>11.908967704442679</v>
      </c>
      <c r="K7805" s="58">
        <f>Bühler!K7831</f>
        <v>0.62895713189936164</v>
      </c>
      <c r="L7805" s="58">
        <f>Bühler!L7831</f>
        <v>0.31447856594968082</v>
      </c>
      <c r="M7805" s="57">
        <f>Bühler!M7831</f>
        <v>0</v>
      </c>
      <c r="N7805" s="55">
        <f>IF(Input!$K$13=1,J7805*Input!$J$13,0)+IF(Input!$K$14=1,K7805*Input!$J$14,0)+IF(Input!$K$15=1,L7805*Input!$J$15,0)+IF(Input!$K$16=1,M7805*Input!$J$16,0)</f>
        <v>1.4290761245331214</v>
      </c>
      <c r="O7805" s="58">
        <f>IF(Input!$K$13=2,J7805*Input!$J$13,0)+IF(Input!$K$14=2,K7805*Input!$J$14,0)+IF(Input!$K$15=2,L7805*Input!$J$15,0)+IF(Input!$K$16=2,M7805*Input!$J$16,0)</f>
        <v>8.4909212806413809E-2</v>
      </c>
      <c r="P7805" s="58">
        <f>IF(Input!$K$13=3,J7805*Input!$J$13,0)+IF(Input!$K$14=3,K7805*Input!$J$14,0)+IF(Input!$K$15=3,L7805*Input!$J$15,0)+IF(Input!$K$16=3,M7805*Input!$J$16,0)</f>
        <v>0</v>
      </c>
      <c r="Q7805" s="71">
        <f>IF(Input!$K$13=4,J7805*Input!$J$13,0)+IF(Input!$K$14=4,K7805*Input!$J$14,0)+IF(Input!$K$15=4,L7805*Input!$J$15,0)+IF(Input!$K$16=4,M7805*Input!$J$16,0)</f>
        <v>0</v>
      </c>
    </row>
    <row r="7806" spans="8:17" x14ac:dyDescent="0.25">
      <c r="H7806" s="43">
        <v>7799</v>
      </c>
      <c r="I7806" s="55">
        <f>Bühler!I7832</f>
        <v>1.6588808208223491</v>
      </c>
      <c r="J7806" s="58">
        <f>Bühler!J7832</f>
        <v>11.908967704442679</v>
      </c>
      <c r="K7806" s="58">
        <f>Bühler!K7832</f>
        <v>0.62895713189936164</v>
      </c>
      <c r="L7806" s="58">
        <f>Bühler!L7832</f>
        <v>0.31447856594968082</v>
      </c>
      <c r="M7806" s="57">
        <f>Bühler!M7832</f>
        <v>0</v>
      </c>
      <c r="N7806" s="55">
        <f>IF(Input!$K$13=1,J7806*Input!$J$13,0)+IF(Input!$K$14=1,K7806*Input!$J$14,0)+IF(Input!$K$15=1,L7806*Input!$J$15,0)+IF(Input!$K$16=1,M7806*Input!$J$16,0)</f>
        <v>1.4290761245331214</v>
      </c>
      <c r="O7806" s="58">
        <f>IF(Input!$K$13=2,J7806*Input!$J$13,0)+IF(Input!$K$14=2,K7806*Input!$J$14,0)+IF(Input!$K$15=2,L7806*Input!$J$15,0)+IF(Input!$K$16=2,M7806*Input!$J$16,0)</f>
        <v>8.4909212806413809E-2</v>
      </c>
      <c r="P7806" s="58">
        <f>IF(Input!$K$13=3,J7806*Input!$J$13,0)+IF(Input!$K$14=3,K7806*Input!$J$14,0)+IF(Input!$K$15=3,L7806*Input!$J$15,0)+IF(Input!$K$16=3,M7806*Input!$J$16,0)</f>
        <v>0</v>
      </c>
      <c r="Q7806" s="71">
        <f>IF(Input!$K$13=4,J7806*Input!$J$13,0)+IF(Input!$K$14=4,K7806*Input!$J$14,0)+IF(Input!$K$15=4,L7806*Input!$J$15,0)+IF(Input!$K$16=4,M7806*Input!$J$16,0)</f>
        <v>0</v>
      </c>
    </row>
    <row r="7807" spans="8:17" x14ac:dyDescent="0.25">
      <c r="H7807" s="43">
        <v>7800</v>
      </c>
      <c r="I7807" s="55">
        <f>Bühler!I7833</f>
        <v>1.6588808208223491</v>
      </c>
      <c r="J7807" s="58">
        <f>Bühler!J7833</f>
        <v>11.908967704442679</v>
      </c>
      <c r="K7807" s="58">
        <f>Bühler!K7833</f>
        <v>0.62895713189936164</v>
      </c>
      <c r="L7807" s="58">
        <f>Bühler!L7833</f>
        <v>0.31447856594968082</v>
      </c>
      <c r="M7807" s="57">
        <f>Bühler!M7833</f>
        <v>0</v>
      </c>
      <c r="N7807" s="55">
        <f>IF(Input!$K$13=1,J7807*Input!$J$13,0)+IF(Input!$K$14=1,K7807*Input!$J$14,0)+IF(Input!$K$15=1,L7807*Input!$J$15,0)+IF(Input!$K$16=1,M7807*Input!$J$16,0)</f>
        <v>1.4290761245331214</v>
      </c>
      <c r="O7807" s="58">
        <f>IF(Input!$K$13=2,J7807*Input!$J$13,0)+IF(Input!$K$14=2,K7807*Input!$J$14,0)+IF(Input!$K$15=2,L7807*Input!$J$15,0)+IF(Input!$K$16=2,M7807*Input!$J$16,0)</f>
        <v>8.4909212806413809E-2</v>
      </c>
      <c r="P7807" s="58">
        <f>IF(Input!$K$13=3,J7807*Input!$J$13,0)+IF(Input!$K$14=3,K7807*Input!$J$14,0)+IF(Input!$K$15=3,L7807*Input!$J$15,0)+IF(Input!$K$16=3,M7807*Input!$J$16,0)</f>
        <v>0</v>
      </c>
      <c r="Q7807" s="71">
        <f>IF(Input!$K$13=4,J7807*Input!$J$13,0)+IF(Input!$K$14=4,K7807*Input!$J$14,0)+IF(Input!$K$15=4,L7807*Input!$J$15,0)+IF(Input!$K$16=4,M7807*Input!$J$16,0)</f>
        <v>0</v>
      </c>
    </row>
    <row r="7808" spans="8:17" x14ac:dyDescent="0.25">
      <c r="H7808" s="43">
        <v>7801</v>
      </c>
      <c r="I7808" s="55">
        <f>Bühler!I7834</f>
        <v>3.3997251931611903</v>
      </c>
      <c r="J7808" s="58">
        <f>Bühler!J7834</f>
        <v>15.203732293068326</v>
      </c>
      <c r="K7808" s="58">
        <f>Bühler!K7834</f>
        <v>0.64113893960142898</v>
      </c>
      <c r="L7808" s="58">
        <f>Bühler!L7834</f>
        <v>0.32056946980071449</v>
      </c>
      <c r="M7808" s="57">
        <f>Bühler!M7834</f>
        <v>0</v>
      </c>
      <c r="N7808" s="55">
        <f>IF(Input!$K$13=1,J7808*Input!$J$13,0)+IF(Input!$K$14=1,K7808*Input!$J$14,0)+IF(Input!$K$15=1,L7808*Input!$J$15,0)+IF(Input!$K$16=1,M7808*Input!$J$16,0)</f>
        <v>1.824447875168199</v>
      </c>
      <c r="O7808" s="58">
        <f>IF(Input!$K$13=2,J7808*Input!$J$13,0)+IF(Input!$K$14=2,K7808*Input!$J$14,0)+IF(Input!$K$15=2,L7808*Input!$J$15,0)+IF(Input!$K$16=2,M7808*Input!$J$16,0)</f>
        <v>8.6553756846192903E-2</v>
      </c>
      <c r="P7808" s="58">
        <f>IF(Input!$K$13=3,J7808*Input!$J$13,0)+IF(Input!$K$14=3,K7808*Input!$J$14,0)+IF(Input!$K$15=3,L7808*Input!$J$15,0)+IF(Input!$K$16=3,M7808*Input!$J$16,0)</f>
        <v>0</v>
      </c>
      <c r="Q7808" s="71">
        <f>IF(Input!$K$13=4,J7808*Input!$J$13,0)+IF(Input!$K$14=4,K7808*Input!$J$14,0)+IF(Input!$K$15=4,L7808*Input!$J$15,0)+IF(Input!$K$16=4,M7808*Input!$J$16,0)</f>
        <v>0</v>
      </c>
    </row>
    <row r="7809" spans="8:17" x14ac:dyDescent="0.25">
      <c r="H7809" s="43">
        <v>7802</v>
      </c>
      <c r="I7809" s="55">
        <f>Bühler!I7835</f>
        <v>3.3997251931611903</v>
      </c>
      <c r="J7809" s="58">
        <f>Bühler!J7835</f>
        <v>15.203732293068326</v>
      </c>
      <c r="K7809" s="58">
        <f>Bühler!K7835</f>
        <v>0.64113893960142898</v>
      </c>
      <c r="L7809" s="58">
        <f>Bühler!L7835</f>
        <v>0.32056946980071449</v>
      </c>
      <c r="M7809" s="57">
        <f>Bühler!M7835</f>
        <v>0</v>
      </c>
      <c r="N7809" s="55">
        <f>IF(Input!$K$13=1,J7809*Input!$J$13,0)+IF(Input!$K$14=1,K7809*Input!$J$14,0)+IF(Input!$K$15=1,L7809*Input!$J$15,0)+IF(Input!$K$16=1,M7809*Input!$J$16,0)</f>
        <v>1.824447875168199</v>
      </c>
      <c r="O7809" s="58">
        <f>IF(Input!$K$13=2,J7809*Input!$J$13,0)+IF(Input!$K$14=2,K7809*Input!$J$14,0)+IF(Input!$K$15=2,L7809*Input!$J$15,0)+IF(Input!$K$16=2,M7809*Input!$J$16,0)</f>
        <v>8.6553756846192903E-2</v>
      </c>
      <c r="P7809" s="58">
        <f>IF(Input!$K$13=3,J7809*Input!$J$13,0)+IF(Input!$K$14=3,K7809*Input!$J$14,0)+IF(Input!$K$15=3,L7809*Input!$J$15,0)+IF(Input!$K$16=3,M7809*Input!$J$16,0)</f>
        <v>0</v>
      </c>
      <c r="Q7809" s="71">
        <f>IF(Input!$K$13=4,J7809*Input!$J$13,0)+IF(Input!$K$14=4,K7809*Input!$J$14,0)+IF(Input!$K$15=4,L7809*Input!$J$15,0)+IF(Input!$K$16=4,M7809*Input!$J$16,0)</f>
        <v>0</v>
      </c>
    </row>
    <row r="7810" spans="8:17" x14ac:dyDescent="0.25">
      <c r="H7810" s="43">
        <v>7803</v>
      </c>
      <c r="I7810" s="55">
        <f>Bühler!I7836</f>
        <v>3.3997251931611903</v>
      </c>
      <c r="J7810" s="58">
        <f>Bühler!J7836</f>
        <v>15.203732293068326</v>
      </c>
      <c r="K7810" s="58">
        <f>Bühler!K7836</f>
        <v>0.64113893960142898</v>
      </c>
      <c r="L7810" s="58">
        <f>Bühler!L7836</f>
        <v>0.32056946980071449</v>
      </c>
      <c r="M7810" s="57">
        <f>Bühler!M7836</f>
        <v>0</v>
      </c>
      <c r="N7810" s="55">
        <f>IF(Input!$K$13=1,J7810*Input!$J$13,0)+IF(Input!$K$14=1,K7810*Input!$J$14,0)+IF(Input!$K$15=1,L7810*Input!$J$15,0)+IF(Input!$K$16=1,M7810*Input!$J$16,0)</f>
        <v>1.824447875168199</v>
      </c>
      <c r="O7810" s="58">
        <f>IF(Input!$K$13=2,J7810*Input!$J$13,0)+IF(Input!$K$14=2,K7810*Input!$J$14,0)+IF(Input!$K$15=2,L7810*Input!$J$15,0)+IF(Input!$K$16=2,M7810*Input!$J$16,0)</f>
        <v>8.6553756846192903E-2</v>
      </c>
      <c r="P7810" s="58">
        <f>IF(Input!$K$13=3,J7810*Input!$J$13,0)+IF(Input!$K$14=3,K7810*Input!$J$14,0)+IF(Input!$K$15=3,L7810*Input!$J$15,0)+IF(Input!$K$16=3,M7810*Input!$J$16,0)</f>
        <v>0</v>
      </c>
      <c r="Q7810" s="71">
        <f>IF(Input!$K$13=4,J7810*Input!$J$13,0)+IF(Input!$K$14=4,K7810*Input!$J$14,0)+IF(Input!$K$15=4,L7810*Input!$J$15,0)+IF(Input!$K$16=4,M7810*Input!$J$16,0)</f>
        <v>0</v>
      </c>
    </row>
    <row r="7811" spans="8:17" x14ac:dyDescent="0.25">
      <c r="H7811" s="43">
        <v>7804</v>
      </c>
      <c r="I7811" s="55">
        <f>Bühler!I7837</f>
        <v>3.3997251931611903</v>
      </c>
      <c r="J7811" s="58">
        <f>Bühler!J7837</f>
        <v>15.203732293068326</v>
      </c>
      <c r="K7811" s="58">
        <f>Bühler!K7837</f>
        <v>0.64113893960142898</v>
      </c>
      <c r="L7811" s="58">
        <f>Bühler!L7837</f>
        <v>0.32056946980071449</v>
      </c>
      <c r="M7811" s="57">
        <f>Bühler!M7837</f>
        <v>0</v>
      </c>
      <c r="N7811" s="55">
        <f>IF(Input!$K$13=1,J7811*Input!$J$13,0)+IF(Input!$K$14=1,K7811*Input!$J$14,0)+IF(Input!$K$15=1,L7811*Input!$J$15,0)+IF(Input!$K$16=1,M7811*Input!$J$16,0)</f>
        <v>1.824447875168199</v>
      </c>
      <c r="O7811" s="58">
        <f>IF(Input!$K$13=2,J7811*Input!$J$13,0)+IF(Input!$K$14=2,K7811*Input!$J$14,0)+IF(Input!$K$15=2,L7811*Input!$J$15,0)+IF(Input!$K$16=2,M7811*Input!$J$16,0)</f>
        <v>8.6553756846192903E-2</v>
      </c>
      <c r="P7811" s="58">
        <f>IF(Input!$K$13=3,J7811*Input!$J$13,0)+IF(Input!$K$14=3,K7811*Input!$J$14,0)+IF(Input!$K$15=3,L7811*Input!$J$15,0)+IF(Input!$K$16=3,M7811*Input!$J$16,0)</f>
        <v>0</v>
      </c>
      <c r="Q7811" s="71">
        <f>IF(Input!$K$13=4,J7811*Input!$J$13,0)+IF(Input!$K$14=4,K7811*Input!$J$14,0)+IF(Input!$K$15=4,L7811*Input!$J$15,0)+IF(Input!$K$16=4,M7811*Input!$J$16,0)</f>
        <v>0</v>
      </c>
    </row>
    <row r="7812" spans="8:17" x14ac:dyDescent="0.25">
      <c r="H7812" s="43">
        <v>7805</v>
      </c>
      <c r="I7812" s="55">
        <f>Bühler!I7838</f>
        <v>3.3997251931611903</v>
      </c>
      <c r="J7812" s="58">
        <f>Bühler!J7838</f>
        <v>15.203732293068326</v>
      </c>
      <c r="K7812" s="58">
        <f>Bühler!K7838</f>
        <v>0.64113893960142898</v>
      </c>
      <c r="L7812" s="58">
        <f>Bühler!L7838</f>
        <v>0.32056946980071449</v>
      </c>
      <c r="M7812" s="57">
        <f>Bühler!M7838</f>
        <v>0</v>
      </c>
      <c r="N7812" s="55">
        <f>IF(Input!$K$13=1,J7812*Input!$J$13,0)+IF(Input!$K$14=1,K7812*Input!$J$14,0)+IF(Input!$K$15=1,L7812*Input!$J$15,0)+IF(Input!$K$16=1,M7812*Input!$J$16,0)</f>
        <v>1.824447875168199</v>
      </c>
      <c r="O7812" s="58">
        <f>IF(Input!$K$13=2,J7812*Input!$J$13,0)+IF(Input!$K$14=2,K7812*Input!$J$14,0)+IF(Input!$K$15=2,L7812*Input!$J$15,0)+IF(Input!$K$16=2,M7812*Input!$J$16,0)</f>
        <v>8.6553756846192903E-2</v>
      </c>
      <c r="P7812" s="58">
        <f>IF(Input!$K$13=3,J7812*Input!$J$13,0)+IF(Input!$K$14=3,K7812*Input!$J$14,0)+IF(Input!$K$15=3,L7812*Input!$J$15,0)+IF(Input!$K$16=3,M7812*Input!$J$16,0)</f>
        <v>0</v>
      </c>
      <c r="Q7812" s="71">
        <f>IF(Input!$K$13=4,J7812*Input!$J$13,0)+IF(Input!$K$14=4,K7812*Input!$J$14,0)+IF(Input!$K$15=4,L7812*Input!$J$15,0)+IF(Input!$K$16=4,M7812*Input!$J$16,0)</f>
        <v>0</v>
      </c>
    </row>
    <row r="7813" spans="8:17" x14ac:dyDescent="0.25">
      <c r="H7813" s="43">
        <v>7806</v>
      </c>
      <c r="I7813" s="55">
        <f>Bühler!I7839</f>
        <v>3.3997251931611903</v>
      </c>
      <c r="J7813" s="58">
        <f>Bühler!J7839</f>
        <v>15.203732293068326</v>
      </c>
      <c r="K7813" s="58">
        <f>Bühler!K7839</f>
        <v>0.64113893960142898</v>
      </c>
      <c r="L7813" s="58">
        <f>Bühler!L7839</f>
        <v>0.32056946980071449</v>
      </c>
      <c r="M7813" s="57">
        <f>Bühler!M7839</f>
        <v>0</v>
      </c>
      <c r="N7813" s="55">
        <f>IF(Input!$K$13=1,J7813*Input!$J$13,0)+IF(Input!$K$14=1,K7813*Input!$J$14,0)+IF(Input!$K$15=1,L7813*Input!$J$15,0)+IF(Input!$K$16=1,M7813*Input!$J$16,0)</f>
        <v>1.824447875168199</v>
      </c>
      <c r="O7813" s="58">
        <f>IF(Input!$K$13=2,J7813*Input!$J$13,0)+IF(Input!$K$14=2,K7813*Input!$J$14,0)+IF(Input!$K$15=2,L7813*Input!$J$15,0)+IF(Input!$K$16=2,M7813*Input!$J$16,0)</f>
        <v>8.6553756846192903E-2</v>
      </c>
      <c r="P7813" s="58">
        <f>IF(Input!$K$13=3,J7813*Input!$J$13,0)+IF(Input!$K$14=3,K7813*Input!$J$14,0)+IF(Input!$K$15=3,L7813*Input!$J$15,0)+IF(Input!$K$16=3,M7813*Input!$J$16,0)</f>
        <v>0</v>
      </c>
      <c r="Q7813" s="71">
        <f>IF(Input!$K$13=4,J7813*Input!$J$13,0)+IF(Input!$K$14=4,K7813*Input!$J$14,0)+IF(Input!$K$15=4,L7813*Input!$J$15,0)+IF(Input!$K$16=4,M7813*Input!$J$16,0)</f>
        <v>0</v>
      </c>
    </row>
    <row r="7814" spans="8:17" x14ac:dyDescent="0.25">
      <c r="H7814" s="43">
        <v>7807</v>
      </c>
      <c r="I7814" s="55">
        <f>Bühler!I7840</f>
        <v>3.3997251931611903</v>
      </c>
      <c r="J7814" s="58">
        <f>Bühler!J7840</f>
        <v>15.203732293068326</v>
      </c>
      <c r="K7814" s="58">
        <f>Bühler!K7840</f>
        <v>0.64113893960142898</v>
      </c>
      <c r="L7814" s="58">
        <f>Bühler!L7840</f>
        <v>0.32056946980071449</v>
      </c>
      <c r="M7814" s="57">
        <f>Bühler!M7840</f>
        <v>0</v>
      </c>
      <c r="N7814" s="55">
        <f>IF(Input!$K$13=1,J7814*Input!$J$13,0)+IF(Input!$K$14=1,K7814*Input!$J$14,0)+IF(Input!$K$15=1,L7814*Input!$J$15,0)+IF(Input!$K$16=1,M7814*Input!$J$16,0)</f>
        <v>1.824447875168199</v>
      </c>
      <c r="O7814" s="58">
        <f>IF(Input!$K$13=2,J7814*Input!$J$13,0)+IF(Input!$K$14=2,K7814*Input!$J$14,0)+IF(Input!$K$15=2,L7814*Input!$J$15,0)+IF(Input!$K$16=2,M7814*Input!$J$16,0)</f>
        <v>8.6553756846192903E-2</v>
      </c>
      <c r="P7814" s="58">
        <f>IF(Input!$K$13=3,J7814*Input!$J$13,0)+IF(Input!$K$14=3,K7814*Input!$J$14,0)+IF(Input!$K$15=3,L7814*Input!$J$15,0)+IF(Input!$K$16=3,M7814*Input!$J$16,0)</f>
        <v>0</v>
      </c>
      <c r="Q7814" s="71">
        <f>IF(Input!$K$13=4,J7814*Input!$J$13,0)+IF(Input!$K$14=4,K7814*Input!$J$14,0)+IF(Input!$K$15=4,L7814*Input!$J$15,0)+IF(Input!$K$16=4,M7814*Input!$J$16,0)</f>
        <v>0</v>
      </c>
    </row>
    <row r="7815" spans="8:17" x14ac:dyDescent="0.25">
      <c r="H7815" s="43">
        <v>7808</v>
      </c>
      <c r="I7815" s="55">
        <f>Bühler!I7841</f>
        <v>9.3662429071590765</v>
      </c>
      <c r="J7815" s="58">
        <f>Bühler!J7841</f>
        <v>57.241974676624913</v>
      </c>
      <c r="K7815" s="58">
        <f>Bühler!K7841</f>
        <v>2.6208982712797804</v>
      </c>
      <c r="L7815" s="58">
        <f>Bühler!L7841</f>
        <v>1.3104491356398902</v>
      </c>
      <c r="M7815" s="57">
        <f>Bühler!M7841</f>
        <v>0</v>
      </c>
      <c r="N7815" s="55">
        <f>IF(Input!$K$13=1,J7815*Input!$J$13,0)+IF(Input!$K$14=1,K7815*Input!$J$14,0)+IF(Input!$K$15=1,L7815*Input!$J$15,0)+IF(Input!$K$16=1,M7815*Input!$J$16,0)</f>
        <v>6.8690369611949897</v>
      </c>
      <c r="O7815" s="58">
        <f>IF(Input!$K$13=2,J7815*Input!$J$13,0)+IF(Input!$K$14=2,K7815*Input!$J$14,0)+IF(Input!$K$15=2,L7815*Input!$J$15,0)+IF(Input!$K$16=2,M7815*Input!$J$16,0)</f>
        <v>0.35382126662277036</v>
      </c>
      <c r="P7815" s="58">
        <f>IF(Input!$K$13=3,J7815*Input!$J$13,0)+IF(Input!$K$14=3,K7815*Input!$J$14,0)+IF(Input!$K$15=3,L7815*Input!$J$15,0)+IF(Input!$K$16=3,M7815*Input!$J$16,0)</f>
        <v>0</v>
      </c>
      <c r="Q7815" s="71">
        <f>IF(Input!$K$13=4,J7815*Input!$J$13,0)+IF(Input!$K$14=4,K7815*Input!$J$14,0)+IF(Input!$K$15=4,L7815*Input!$J$15,0)+IF(Input!$K$16=4,M7815*Input!$J$16,0)</f>
        <v>0</v>
      </c>
    </row>
    <row r="7816" spans="8:17" x14ac:dyDescent="0.25">
      <c r="H7816" s="43">
        <v>7809</v>
      </c>
      <c r="I7816" s="55">
        <f>Bühler!I7842</f>
        <v>10.450755243777497</v>
      </c>
      <c r="J7816" s="58">
        <f>Bühler!J7842</f>
        <v>63.869992797076222</v>
      </c>
      <c r="K7816" s="58">
        <f>Bühler!K7842</f>
        <v>2.9243707026911236</v>
      </c>
      <c r="L7816" s="58">
        <f>Bühler!L7842</f>
        <v>1.4621853513455618</v>
      </c>
      <c r="M7816" s="57">
        <f>Bühler!M7842</f>
        <v>0</v>
      </c>
      <c r="N7816" s="55">
        <f>IF(Input!$K$13=1,J7816*Input!$J$13,0)+IF(Input!$K$14=1,K7816*Input!$J$14,0)+IF(Input!$K$15=1,L7816*Input!$J$15,0)+IF(Input!$K$16=1,M7816*Input!$J$16,0)</f>
        <v>7.6643991356491465</v>
      </c>
      <c r="O7816" s="58">
        <f>IF(Input!$K$13=2,J7816*Input!$J$13,0)+IF(Input!$K$14=2,K7816*Input!$J$14,0)+IF(Input!$K$15=2,L7816*Input!$J$15,0)+IF(Input!$K$16=2,M7816*Input!$J$16,0)</f>
        <v>0.39479004486330171</v>
      </c>
      <c r="P7816" s="58">
        <f>IF(Input!$K$13=3,J7816*Input!$J$13,0)+IF(Input!$K$14=3,K7816*Input!$J$14,0)+IF(Input!$K$15=3,L7816*Input!$J$15,0)+IF(Input!$K$16=3,M7816*Input!$J$16,0)</f>
        <v>0</v>
      </c>
      <c r="Q7816" s="71">
        <f>IF(Input!$K$13=4,J7816*Input!$J$13,0)+IF(Input!$K$14=4,K7816*Input!$J$14,0)+IF(Input!$K$15=4,L7816*Input!$J$15,0)+IF(Input!$K$16=4,M7816*Input!$J$16,0)</f>
        <v>0</v>
      </c>
    </row>
    <row r="7817" spans="8:17" x14ac:dyDescent="0.25">
      <c r="H7817" s="43">
        <v>7810</v>
      </c>
      <c r="I7817" s="55">
        <f>Bühler!I7843</f>
        <v>11.535267580395915</v>
      </c>
      <c r="J7817" s="58">
        <f>Bühler!J7843</f>
        <v>70.498010917527537</v>
      </c>
      <c r="K7817" s="58">
        <f>Bühler!K7843</f>
        <v>3.2278431341024665</v>
      </c>
      <c r="L7817" s="58">
        <f>Bühler!L7843</f>
        <v>1.6139215670512332</v>
      </c>
      <c r="M7817" s="57">
        <f>Bühler!M7843</f>
        <v>0</v>
      </c>
      <c r="N7817" s="55">
        <f>IF(Input!$K$13=1,J7817*Input!$J$13,0)+IF(Input!$K$14=1,K7817*Input!$J$14,0)+IF(Input!$K$15=1,L7817*Input!$J$15,0)+IF(Input!$K$16=1,M7817*Input!$J$16,0)</f>
        <v>8.4597613101033033</v>
      </c>
      <c r="O7817" s="58">
        <f>IF(Input!$K$13=2,J7817*Input!$J$13,0)+IF(Input!$K$14=2,K7817*Input!$J$14,0)+IF(Input!$K$15=2,L7817*Input!$J$15,0)+IF(Input!$K$16=2,M7817*Input!$J$16,0)</f>
        <v>0.43575882310383296</v>
      </c>
      <c r="P7817" s="58">
        <f>IF(Input!$K$13=3,J7817*Input!$J$13,0)+IF(Input!$K$14=3,K7817*Input!$J$14,0)+IF(Input!$K$15=3,L7817*Input!$J$15,0)+IF(Input!$K$16=3,M7817*Input!$J$16,0)</f>
        <v>0</v>
      </c>
      <c r="Q7817" s="71">
        <f>IF(Input!$K$13=4,J7817*Input!$J$13,0)+IF(Input!$K$14=4,K7817*Input!$J$14,0)+IF(Input!$K$15=4,L7817*Input!$J$15,0)+IF(Input!$K$16=4,M7817*Input!$J$16,0)</f>
        <v>0</v>
      </c>
    </row>
    <row r="7818" spans="8:17" x14ac:dyDescent="0.25">
      <c r="H7818" s="43">
        <v>7811</v>
      </c>
      <c r="I7818" s="55">
        <f>Bühler!I7844</f>
        <v>11.535267580395915</v>
      </c>
      <c r="J7818" s="58">
        <f>Bühler!J7844</f>
        <v>70.498010917527537</v>
      </c>
      <c r="K7818" s="58">
        <f>Bühler!K7844</f>
        <v>3.2278431341024665</v>
      </c>
      <c r="L7818" s="58">
        <f>Bühler!L7844</f>
        <v>1.6139215670512332</v>
      </c>
      <c r="M7818" s="57">
        <f>Bühler!M7844</f>
        <v>0</v>
      </c>
      <c r="N7818" s="55">
        <f>IF(Input!$K$13=1,J7818*Input!$J$13,0)+IF(Input!$K$14=1,K7818*Input!$J$14,0)+IF(Input!$K$15=1,L7818*Input!$J$15,0)+IF(Input!$K$16=1,M7818*Input!$J$16,0)</f>
        <v>8.4597613101033033</v>
      </c>
      <c r="O7818" s="58">
        <f>IF(Input!$K$13=2,J7818*Input!$J$13,0)+IF(Input!$K$14=2,K7818*Input!$J$14,0)+IF(Input!$K$15=2,L7818*Input!$J$15,0)+IF(Input!$K$16=2,M7818*Input!$J$16,0)</f>
        <v>0.43575882310383296</v>
      </c>
      <c r="P7818" s="58">
        <f>IF(Input!$K$13=3,J7818*Input!$J$13,0)+IF(Input!$K$14=3,K7818*Input!$J$14,0)+IF(Input!$K$15=3,L7818*Input!$J$15,0)+IF(Input!$K$16=3,M7818*Input!$J$16,0)</f>
        <v>0</v>
      </c>
      <c r="Q7818" s="71">
        <f>IF(Input!$K$13=4,J7818*Input!$J$13,0)+IF(Input!$K$14=4,K7818*Input!$J$14,0)+IF(Input!$K$15=4,L7818*Input!$J$15,0)+IF(Input!$K$16=4,M7818*Input!$J$16,0)</f>
        <v>0</v>
      </c>
    </row>
    <row r="7819" spans="8:17" x14ac:dyDescent="0.25">
      <c r="H7819" s="43">
        <v>7812</v>
      </c>
      <c r="I7819" s="55">
        <f>Bühler!I7845</f>
        <v>13.802884284234429</v>
      </c>
      <c r="J7819" s="58">
        <f>Bühler!J7845</f>
        <v>84.356594260289356</v>
      </c>
      <c r="K7819" s="58">
        <f>Bühler!K7845</f>
        <v>3.8623763997807292</v>
      </c>
      <c r="L7819" s="58">
        <f>Bühler!L7845</f>
        <v>1.9311881998903646</v>
      </c>
      <c r="M7819" s="57">
        <f>Bühler!M7845</f>
        <v>0</v>
      </c>
      <c r="N7819" s="55">
        <f>IF(Input!$K$13=1,J7819*Input!$J$13,0)+IF(Input!$K$14=1,K7819*Input!$J$14,0)+IF(Input!$K$15=1,L7819*Input!$J$15,0)+IF(Input!$K$16=1,M7819*Input!$J$16,0)</f>
        <v>10.122791311234723</v>
      </c>
      <c r="O7819" s="58">
        <f>IF(Input!$K$13=2,J7819*Input!$J$13,0)+IF(Input!$K$14=2,K7819*Input!$J$14,0)+IF(Input!$K$15=2,L7819*Input!$J$15,0)+IF(Input!$K$16=2,M7819*Input!$J$16,0)</f>
        <v>0.52142081397039841</v>
      </c>
      <c r="P7819" s="58">
        <f>IF(Input!$K$13=3,J7819*Input!$J$13,0)+IF(Input!$K$14=3,K7819*Input!$J$14,0)+IF(Input!$K$15=3,L7819*Input!$J$15,0)+IF(Input!$K$16=3,M7819*Input!$J$16,0)</f>
        <v>0</v>
      </c>
      <c r="Q7819" s="71">
        <f>IF(Input!$K$13=4,J7819*Input!$J$13,0)+IF(Input!$K$14=4,K7819*Input!$J$14,0)+IF(Input!$K$15=4,L7819*Input!$J$15,0)+IF(Input!$K$16=4,M7819*Input!$J$16,0)</f>
        <v>0</v>
      </c>
    </row>
    <row r="7820" spans="8:17" x14ac:dyDescent="0.25">
      <c r="H7820" s="43">
        <v>7813</v>
      </c>
      <c r="I7820" s="55">
        <f>Bühler!I7846</f>
        <v>13.802884284234429</v>
      </c>
      <c r="J7820" s="58">
        <f>Bühler!J7846</f>
        <v>84.356594260289356</v>
      </c>
      <c r="K7820" s="58">
        <f>Bühler!K7846</f>
        <v>3.8623763997807292</v>
      </c>
      <c r="L7820" s="58">
        <f>Bühler!L7846</f>
        <v>1.9311881998903646</v>
      </c>
      <c r="M7820" s="57">
        <f>Bühler!M7846</f>
        <v>0</v>
      </c>
      <c r="N7820" s="55">
        <f>IF(Input!$K$13=1,J7820*Input!$J$13,0)+IF(Input!$K$14=1,K7820*Input!$J$14,0)+IF(Input!$K$15=1,L7820*Input!$J$15,0)+IF(Input!$K$16=1,M7820*Input!$J$16,0)</f>
        <v>10.122791311234723</v>
      </c>
      <c r="O7820" s="58">
        <f>IF(Input!$K$13=2,J7820*Input!$J$13,0)+IF(Input!$K$14=2,K7820*Input!$J$14,0)+IF(Input!$K$15=2,L7820*Input!$J$15,0)+IF(Input!$K$16=2,M7820*Input!$J$16,0)</f>
        <v>0.52142081397039841</v>
      </c>
      <c r="P7820" s="58">
        <f>IF(Input!$K$13=3,J7820*Input!$J$13,0)+IF(Input!$K$14=3,K7820*Input!$J$14,0)+IF(Input!$K$15=3,L7820*Input!$J$15,0)+IF(Input!$K$16=3,M7820*Input!$J$16,0)</f>
        <v>0</v>
      </c>
      <c r="Q7820" s="71">
        <f>IF(Input!$K$13=4,J7820*Input!$J$13,0)+IF(Input!$K$14=4,K7820*Input!$J$14,0)+IF(Input!$K$15=4,L7820*Input!$J$15,0)+IF(Input!$K$16=4,M7820*Input!$J$16,0)</f>
        <v>0</v>
      </c>
    </row>
    <row r="7821" spans="8:17" x14ac:dyDescent="0.25">
      <c r="H7821" s="43">
        <v>7814</v>
      </c>
      <c r="I7821" s="55">
        <f>Bühler!I7847</f>
        <v>9.1690588459557283</v>
      </c>
      <c r="J7821" s="58">
        <f>Bühler!J7847</f>
        <v>56.036880472906503</v>
      </c>
      <c r="K7821" s="58">
        <f>Bühler!K7847</f>
        <v>2.5657214655686271</v>
      </c>
      <c r="L7821" s="58">
        <f>Bühler!L7847</f>
        <v>1.2828607327843136</v>
      </c>
      <c r="M7821" s="57">
        <f>Bühler!M7847</f>
        <v>0</v>
      </c>
      <c r="N7821" s="55">
        <f>IF(Input!$K$13=1,J7821*Input!$J$13,0)+IF(Input!$K$14=1,K7821*Input!$J$14,0)+IF(Input!$K$15=1,L7821*Input!$J$15,0)+IF(Input!$K$16=1,M7821*Input!$J$16,0)</f>
        <v>6.7244256567487799</v>
      </c>
      <c r="O7821" s="58">
        <f>IF(Input!$K$13=2,J7821*Input!$J$13,0)+IF(Input!$K$14=2,K7821*Input!$J$14,0)+IF(Input!$K$15=2,L7821*Input!$J$15,0)+IF(Input!$K$16=2,M7821*Input!$J$16,0)</f>
        <v>0.34637239785176466</v>
      </c>
      <c r="P7821" s="58">
        <f>IF(Input!$K$13=3,J7821*Input!$J$13,0)+IF(Input!$K$14=3,K7821*Input!$J$14,0)+IF(Input!$K$15=3,L7821*Input!$J$15,0)+IF(Input!$K$16=3,M7821*Input!$J$16,0)</f>
        <v>0</v>
      </c>
      <c r="Q7821" s="71">
        <f>IF(Input!$K$13=4,J7821*Input!$J$13,0)+IF(Input!$K$14=4,K7821*Input!$J$14,0)+IF(Input!$K$15=4,L7821*Input!$J$15,0)+IF(Input!$K$16=4,M7821*Input!$J$16,0)</f>
        <v>0</v>
      </c>
    </row>
    <row r="7822" spans="8:17" x14ac:dyDescent="0.25">
      <c r="H7822" s="43">
        <v>7815</v>
      </c>
      <c r="I7822" s="55">
        <f>Bühler!I7848</f>
        <v>13.802884284234429</v>
      </c>
      <c r="J7822" s="58">
        <f>Bühler!J7848</f>
        <v>84.356594260289356</v>
      </c>
      <c r="K7822" s="58">
        <f>Bühler!K7848</f>
        <v>3.8623763997807292</v>
      </c>
      <c r="L7822" s="58">
        <f>Bühler!L7848</f>
        <v>1.9311881998903646</v>
      </c>
      <c r="M7822" s="57">
        <f>Bühler!M7848</f>
        <v>0</v>
      </c>
      <c r="N7822" s="55">
        <f>IF(Input!$K$13=1,J7822*Input!$J$13,0)+IF(Input!$K$14=1,K7822*Input!$J$14,0)+IF(Input!$K$15=1,L7822*Input!$J$15,0)+IF(Input!$K$16=1,M7822*Input!$J$16,0)</f>
        <v>10.122791311234723</v>
      </c>
      <c r="O7822" s="58">
        <f>IF(Input!$K$13=2,J7822*Input!$J$13,0)+IF(Input!$K$14=2,K7822*Input!$J$14,0)+IF(Input!$K$15=2,L7822*Input!$J$15,0)+IF(Input!$K$16=2,M7822*Input!$J$16,0)</f>
        <v>0.52142081397039841</v>
      </c>
      <c r="P7822" s="58">
        <f>IF(Input!$K$13=3,J7822*Input!$J$13,0)+IF(Input!$K$14=3,K7822*Input!$J$14,0)+IF(Input!$K$15=3,L7822*Input!$J$15,0)+IF(Input!$K$16=3,M7822*Input!$J$16,0)</f>
        <v>0</v>
      </c>
      <c r="Q7822" s="71">
        <f>IF(Input!$K$13=4,J7822*Input!$J$13,0)+IF(Input!$K$14=4,K7822*Input!$J$14,0)+IF(Input!$K$15=4,L7822*Input!$J$15,0)+IF(Input!$K$16=4,M7822*Input!$J$16,0)</f>
        <v>0</v>
      </c>
    </row>
    <row r="7823" spans="8:17" x14ac:dyDescent="0.25">
      <c r="H7823" s="43">
        <v>7816</v>
      </c>
      <c r="I7823" s="55">
        <f>Bühler!I7849</f>
        <v>13.802884284234429</v>
      </c>
      <c r="J7823" s="58">
        <f>Bühler!J7849</f>
        <v>84.356594260289356</v>
      </c>
      <c r="K7823" s="58">
        <f>Bühler!K7849</f>
        <v>3.8623763997807292</v>
      </c>
      <c r="L7823" s="58">
        <f>Bühler!L7849</f>
        <v>1.9311881998903646</v>
      </c>
      <c r="M7823" s="57">
        <f>Bühler!M7849</f>
        <v>0</v>
      </c>
      <c r="N7823" s="55">
        <f>IF(Input!$K$13=1,J7823*Input!$J$13,0)+IF(Input!$K$14=1,K7823*Input!$J$14,0)+IF(Input!$K$15=1,L7823*Input!$J$15,0)+IF(Input!$K$16=1,M7823*Input!$J$16,0)</f>
        <v>10.122791311234723</v>
      </c>
      <c r="O7823" s="58">
        <f>IF(Input!$K$13=2,J7823*Input!$J$13,0)+IF(Input!$K$14=2,K7823*Input!$J$14,0)+IF(Input!$K$15=2,L7823*Input!$J$15,0)+IF(Input!$K$16=2,M7823*Input!$J$16,0)</f>
        <v>0.52142081397039841</v>
      </c>
      <c r="P7823" s="58">
        <f>IF(Input!$K$13=3,J7823*Input!$J$13,0)+IF(Input!$K$14=3,K7823*Input!$J$14,0)+IF(Input!$K$15=3,L7823*Input!$J$15,0)+IF(Input!$K$16=3,M7823*Input!$J$16,0)</f>
        <v>0</v>
      </c>
      <c r="Q7823" s="71">
        <f>IF(Input!$K$13=4,J7823*Input!$J$13,0)+IF(Input!$K$14=4,K7823*Input!$J$14,0)+IF(Input!$K$15=4,L7823*Input!$J$15,0)+IF(Input!$K$16=4,M7823*Input!$J$16,0)</f>
        <v>0</v>
      </c>
    </row>
    <row r="7824" spans="8:17" x14ac:dyDescent="0.25">
      <c r="H7824" s="43">
        <v>7817</v>
      </c>
      <c r="I7824" s="55">
        <f>Bühler!I7850</f>
        <v>11.533567717799336</v>
      </c>
      <c r="J7824" s="58">
        <f>Bühler!J7850</f>
        <v>53.39317152930942</v>
      </c>
      <c r="K7824" s="58">
        <f>Bühler!K7850</f>
        <v>2.2760432355850728</v>
      </c>
      <c r="L7824" s="58">
        <f>Bühler!L7850</f>
        <v>1.1380216177925364</v>
      </c>
      <c r="M7824" s="57">
        <f>Bühler!M7850</f>
        <v>0</v>
      </c>
      <c r="N7824" s="55">
        <f>IF(Input!$K$13=1,J7824*Input!$J$13,0)+IF(Input!$K$14=1,K7824*Input!$J$14,0)+IF(Input!$K$15=1,L7824*Input!$J$15,0)+IF(Input!$K$16=1,M7824*Input!$J$16,0)</f>
        <v>6.40718058351713</v>
      </c>
      <c r="O7824" s="58">
        <f>IF(Input!$K$13=2,J7824*Input!$J$13,0)+IF(Input!$K$14=2,K7824*Input!$J$14,0)+IF(Input!$K$15=2,L7824*Input!$J$15,0)+IF(Input!$K$16=2,M7824*Input!$J$16,0)</f>
        <v>0.30726583680398478</v>
      </c>
      <c r="P7824" s="58">
        <f>IF(Input!$K$13=3,J7824*Input!$J$13,0)+IF(Input!$K$14=3,K7824*Input!$J$14,0)+IF(Input!$K$15=3,L7824*Input!$J$15,0)+IF(Input!$K$16=3,M7824*Input!$J$16,0)</f>
        <v>0</v>
      </c>
      <c r="Q7824" s="71">
        <f>IF(Input!$K$13=4,J7824*Input!$J$13,0)+IF(Input!$K$14=4,K7824*Input!$J$14,0)+IF(Input!$K$15=4,L7824*Input!$J$15,0)+IF(Input!$K$16=4,M7824*Input!$J$16,0)</f>
        <v>0</v>
      </c>
    </row>
    <row r="7825" spans="8:17" x14ac:dyDescent="0.25">
      <c r="H7825" s="43">
        <v>7818</v>
      </c>
      <c r="I7825" s="55">
        <f>Bühler!I7851</f>
        <v>9.1707587085523095</v>
      </c>
      <c r="J7825" s="58">
        <f>Bühler!J7851</f>
        <v>27.390589611755466</v>
      </c>
      <c r="K7825" s="58">
        <f>Bühler!K7851</f>
        <v>0.97142263575974086</v>
      </c>
      <c r="L7825" s="58">
        <f>Bühler!L7851</f>
        <v>0.48571131787987043</v>
      </c>
      <c r="M7825" s="57">
        <f>Bühler!M7851</f>
        <v>0</v>
      </c>
      <c r="N7825" s="55">
        <f>IF(Input!$K$13=1,J7825*Input!$J$13,0)+IF(Input!$K$14=1,K7825*Input!$J$14,0)+IF(Input!$K$15=1,L7825*Input!$J$15,0)+IF(Input!$K$16=1,M7825*Input!$J$16,0)</f>
        <v>3.2868707534106556</v>
      </c>
      <c r="O7825" s="58">
        <f>IF(Input!$K$13=2,J7825*Input!$J$13,0)+IF(Input!$K$14=2,K7825*Input!$J$14,0)+IF(Input!$K$15=2,L7825*Input!$J$15,0)+IF(Input!$K$16=2,M7825*Input!$J$16,0)</f>
        <v>0.13114205582756502</v>
      </c>
      <c r="P7825" s="58">
        <f>IF(Input!$K$13=3,J7825*Input!$J$13,0)+IF(Input!$K$14=3,K7825*Input!$J$14,0)+IF(Input!$K$15=3,L7825*Input!$J$15,0)+IF(Input!$K$16=3,M7825*Input!$J$16,0)</f>
        <v>0</v>
      </c>
      <c r="Q7825" s="71">
        <f>IF(Input!$K$13=4,J7825*Input!$J$13,0)+IF(Input!$K$14=4,K7825*Input!$J$14,0)+IF(Input!$K$15=4,L7825*Input!$J$15,0)+IF(Input!$K$16=4,M7825*Input!$J$16,0)</f>
        <v>0</v>
      </c>
    </row>
    <row r="7826" spans="8:17" x14ac:dyDescent="0.25">
      <c r="H7826" s="43">
        <v>7819</v>
      </c>
      <c r="I7826" s="55">
        <f>Bühler!I7852</f>
        <v>3.3997251931611903</v>
      </c>
      <c r="J7826" s="58">
        <f>Bühler!J7852</f>
        <v>15.203732293068326</v>
      </c>
      <c r="K7826" s="58">
        <f>Bühler!K7852</f>
        <v>0.64113893960142898</v>
      </c>
      <c r="L7826" s="58">
        <f>Bühler!L7852</f>
        <v>0.32056946980071449</v>
      </c>
      <c r="M7826" s="57">
        <f>Bühler!M7852</f>
        <v>0</v>
      </c>
      <c r="N7826" s="55">
        <f>IF(Input!$K$13=1,J7826*Input!$J$13,0)+IF(Input!$K$14=1,K7826*Input!$J$14,0)+IF(Input!$K$15=1,L7826*Input!$J$15,0)+IF(Input!$K$16=1,M7826*Input!$J$16,0)</f>
        <v>1.824447875168199</v>
      </c>
      <c r="O7826" s="58">
        <f>IF(Input!$K$13=2,J7826*Input!$J$13,0)+IF(Input!$K$14=2,K7826*Input!$J$14,0)+IF(Input!$K$15=2,L7826*Input!$J$15,0)+IF(Input!$K$16=2,M7826*Input!$J$16,0)</f>
        <v>8.6553756846192903E-2</v>
      </c>
      <c r="P7826" s="58">
        <f>IF(Input!$K$13=3,J7826*Input!$J$13,0)+IF(Input!$K$14=3,K7826*Input!$J$14,0)+IF(Input!$K$15=3,L7826*Input!$J$15,0)+IF(Input!$K$16=3,M7826*Input!$J$16,0)</f>
        <v>0</v>
      </c>
      <c r="Q7826" s="71">
        <f>IF(Input!$K$13=4,J7826*Input!$J$13,0)+IF(Input!$K$14=4,K7826*Input!$J$14,0)+IF(Input!$K$15=4,L7826*Input!$J$15,0)+IF(Input!$K$16=4,M7826*Input!$J$16,0)</f>
        <v>0</v>
      </c>
    </row>
    <row r="7827" spans="8:17" x14ac:dyDescent="0.25">
      <c r="H7827" s="43">
        <v>7820</v>
      </c>
      <c r="I7827" s="55">
        <f>Bühler!I7853</f>
        <v>3.3997251931611903</v>
      </c>
      <c r="J7827" s="58">
        <f>Bühler!J7853</f>
        <v>15.203732293068326</v>
      </c>
      <c r="K7827" s="58">
        <f>Bühler!K7853</f>
        <v>0.64113893960142898</v>
      </c>
      <c r="L7827" s="58">
        <f>Bühler!L7853</f>
        <v>0.32056946980071449</v>
      </c>
      <c r="M7827" s="57">
        <f>Bühler!M7853</f>
        <v>0</v>
      </c>
      <c r="N7827" s="55">
        <f>IF(Input!$K$13=1,J7827*Input!$J$13,0)+IF(Input!$K$14=1,K7827*Input!$J$14,0)+IF(Input!$K$15=1,L7827*Input!$J$15,0)+IF(Input!$K$16=1,M7827*Input!$J$16,0)</f>
        <v>1.824447875168199</v>
      </c>
      <c r="O7827" s="58">
        <f>IF(Input!$K$13=2,J7827*Input!$J$13,0)+IF(Input!$K$14=2,K7827*Input!$J$14,0)+IF(Input!$K$15=2,L7827*Input!$J$15,0)+IF(Input!$K$16=2,M7827*Input!$J$16,0)</f>
        <v>8.6553756846192903E-2</v>
      </c>
      <c r="P7827" s="58">
        <f>IF(Input!$K$13=3,J7827*Input!$J$13,0)+IF(Input!$K$14=3,K7827*Input!$J$14,0)+IF(Input!$K$15=3,L7827*Input!$J$15,0)+IF(Input!$K$16=3,M7827*Input!$J$16,0)</f>
        <v>0</v>
      </c>
      <c r="Q7827" s="71">
        <f>IF(Input!$K$13=4,J7827*Input!$J$13,0)+IF(Input!$K$14=4,K7827*Input!$J$14,0)+IF(Input!$K$15=4,L7827*Input!$J$15,0)+IF(Input!$K$16=4,M7827*Input!$J$16,0)</f>
        <v>0</v>
      </c>
    </row>
    <row r="7828" spans="8:17" x14ac:dyDescent="0.25">
      <c r="H7828" s="43">
        <v>7821</v>
      </c>
      <c r="I7828" s="55">
        <f>Bühler!I7854</f>
        <v>3.3997251931611903</v>
      </c>
      <c r="J7828" s="58">
        <f>Bühler!J7854</f>
        <v>15.203732293068326</v>
      </c>
      <c r="K7828" s="58">
        <f>Bühler!K7854</f>
        <v>0.64113893960142898</v>
      </c>
      <c r="L7828" s="58">
        <f>Bühler!L7854</f>
        <v>0.32056946980071449</v>
      </c>
      <c r="M7828" s="57">
        <f>Bühler!M7854</f>
        <v>0</v>
      </c>
      <c r="N7828" s="55">
        <f>IF(Input!$K$13=1,J7828*Input!$J$13,0)+IF(Input!$K$14=1,K7828*Input!$J$14,0)+IF(Input!$K$15=1,L7828*Input!$J$15,0)+IF(Input!$K$16=1,M7828*Input!$J$16,0)</f>
        <v>1.824447875168199</v>
      </c>
      <c r="O7828" s="58">
        <f>IF(Input!$K$13=2,J7828*Input!$J$13,0)+IF(Input!$K$14=2,K7828*Input!$J$14,0)+IF(Input!$K$15=2,L7828*Input!$J$15,0)+IF(Input!$K$16=2,M7828*Input!$J$16,0)</f>
        <v>8.6553756846192903E-2</v>
      </c>
      <c r="P7828" s="58">
        <f>IF(Input!$K$13=3,J7828*Input!$J$13,0)+IF(Input!$K$14=3,K7828*Input!$J$14,0)+IF(Input!$K$15=3,L7828*Input!$J$15,0)+IF(Input!$K$16=3,M7828*Input!$J$16,0)</f>
        <v>0</v>
      </c>
      <c r="Q7828" s="71">
        <f>IF(Input!$K$13=4,J7828*Input!$J$13,0)+IF(Input!$K$14=4,K7828*Input!$J$14,0)+IF(Input!$K$15=4,L7828*Input!$J$15,0)+IF(Input!$K$16=4,M7828*Input!$J$16,0)</f>
        <v>0</v>
      </c>
    </row>
    <row r="7829" spans="8:17" x14ac:dyDescent="0.25">
      <c r="H7829" s="43">
        <v>7822</v>
      </c>
      <c r="I7829" s="55">
        <f>Bühler!I7855</f>
        <v>3.3997251931611903</v>
      </c>
      <c r="J7829" s="58">
        <f>Bühler!J7855</f>
        <v>15.203732293068326</v>
      </c>
      <c r="K7829" s="58">
        <f>Bühler!K7855</f>
        <v>0.64113893960142898</v>
      </c>
      <c r="L7829" s="58">
        <f>Bühler!L7855</f>
        <v>0.32056946980071449</v>
      </c>
      <c r="M7829" s="57">
        <f>Bühler!M7855</f>
        <v>0</v>
      </c>
      <c r="N7829" s="55">
        <f>IF(Input!$K$13=1,J7829*Input!$J$13,0)+IF(Input!$K$14=1,K7829*Input!$J$14,0)+IF(Input!$K$15=1,L7829*Input!$J$15,0)+IF(Input!$K$16=1,M7829*Input!$J$16,0)</f>
        <v>1.824447875168199</v>
      </c>
      <c r="O7829" s="58">
        <f>IF(Input!$K$13=2,J7829*Input!$J$13,0)+IF(Input!$K$14=2,K7829*Input!$J$14,0)+IF(Input!$K$15=2,L7829*Input!$J$15,0)+IF(Input!$K$16=2,M7829*Input!$J$16,0)</f>
        <v>8.6553756846192903E-2</v>
      </c>
      <c r="P7829" s="58">
        <f>IF(Input!$K$13=3,J7829*Input!$J$13,0)+IF(Input!$K$14=3,K7829*Input!$J$14,0)+IF(Input!$K$15=3,L7829*Input!$J$15,0)+IF(Input!$K$16=3,M7829*Input!$J$16,0)</f>
        <v>0</v>
      </c>
      <c r="Q7829" s="71">
        <f>IF(Input!$K$13=4,J7829*Input!$J$13,0)+IF(Input!$K$14=4,K7829*Input!$J$14,0)+IF(Input!$K$15=4,L7829*Input!$J$15,0)+IF(Input!$K$16=4,M7829*Input!$J$16,0)</f>
        <v>0</v>
      </c>
    </row>
    <row r="7830" spans="8:17" x14ac:dyDescent="0.25">
      <c r="H7830" s="43">
        <v>7823</v>
      </c>
      <c r="I7830" s="55">
        <f>Bühler!I7856</f>
        <v>3.3997251931611903</v>
      </c>
      <c r="J7830" s="58">
        <f>Bühler!J7856</f>
        <v>15.203732293068326</v>
      </c>
      <c r="K7830" s="58">
        <f>Bühler!K7856</f>
        <v>0.64113893960142898</v>
      </c>
      <c r="L7830" s="58">
        <f>Bühler!L7856</f>
        <v>0.32056946980071449</v>
      </c>
      <c r="M7830" s="57">
        <f>Bühler!M7856</f>
        <v>0</v>
      </c>
      <c r="N7830" s="55">
        <f>IF(Input!$K$13=1,J7830*Input!$J$13,0)+IF(Input!$K$14=1,K7830*Input!$J$14,0)+IF(Input!$K$15=1,L7830*Input!$J$15,0)+IF(Input!$K$16=1,M7830*Input!$J$16,0)</f>
        <v>1.824447875168199</v>
      </c>
      <c r="O7830" s="58">
        <f>IF(Input!$K$13=2,J7830*Input!$J$13,0)+IF(Input!$K$14=2,K7830*Input!$J$14,0)+IF(Input!$K$15=2,L7830*Input!$J$15,0)+IF(Input!$K$16=2,M7830*Input!$J$16,0)</f>
        <v>8.6553756846192903E-2</v>
      </c>
      <c r="P7830" s="58">
        <f>IF(Input!$K$13=3,J7830*Input!$J$13,0)+IF(Input!$K$14=3,K7830*Input!$J$14,0)+IF(Input!$K$15=3,L7830*Input!$J$15,0)+IF(Input!$K$16=3,M7830*Input!$J$16,0)</f>
        <v>0</v>
      </c>
      <c r="Q7830" s="71">
        <f>IF(Input!$K$13=4,J7830*Input!$J$13,0)+IF(Input!$K$14=4,K7830*Input!$J$14,0)+IF(Input!$K$15=4,L7830*Input!$J$15,0)+IF(Input!$K$16=4,M7830*Input!$J$16,0)</f>
        <v>0</v>
      </c>
    </row>
    <row r="7831" spans="8:17" x14ac:dyDescent="0.25">
      <c r="H7831" s="43">
        <v>7824</v>
      </c>
      <c r="I7831" s="55">
        <f>Bühler!I7857</f>
        <v>3.3997251931611903</v>
      </c>
      <c r="J7831" s="58">
        <f>Bühler!J7857</f>
        <v>15.203732293068326</v>
      </c>
      <c r="K7831" s="58">
        <f>Bühler!K7857</f>
        <v>0.64113893960142898</v>
      </c>
      <c r="L7831" s="58">
        <f>Bühler!L7857</f>
        <v>0.32056946980071449</v>
      </c>
      <c r="M7831" s="57">
        <f>Bühler!M7857</f>
        <v>0</v>
      </c>
      <c r="N7831" s="55">
        <f>IF(Input!$K$13=1,J7831*Input!$J$13,0)+IF(Input!$K$14=1,K7831*Input!$J$14,0)+IF(Input!$K$15=1,L7831*Input!$J$15,0)+IF(Input!$K$16=1,M7831*Input!$J$16,0)</f>
        <v>1.824447875168199</v>
      </c>
      <c r="O7831" s="58">
        <f>IF(Input!$K$13=2,J7831*Input!$J$13,0)+IF(Input!$K$14=2,K7831*Input!$J$14,0)+IF(Input!$K$15=2,L7831*Input!$J$15,0)+IF(Input!$K$16=2,M7831*Input!$J$16,0)</f>
        <v>8.6553756846192903E-2</v>
      </c>
      <c r="P7831" s="58">
        <f>IF(Input!$K$13=3,J7831*Input!$J$13,0)+IF(Input!$K$14=3,K7831*Input!$J$14,0)+IF(Input!$K$15=3,L7831*Input!$J$15,0)+IF(Input!$K$16=3,M7831*Input!$J$16,0)</f>
        <v>0</v>
      </c>
      <c r="Q7831" s="71">
        <f>IF(Input!$K$13=4,J7831*Input!$J$13,0)+IF(Input!$K$14=4,K7831*Input!$J$14,0)+IF(Input!$K$15=4,L7831*Input!$J$15,0)+IF(Input!$K$16=4,M7831*Input!$J$16,0)</f>
        <v>0</v>
      </c>
    </row>
    <row r="7832" spans="8:17" x14ac:dyDescent="0.25">
      <c r="H7832" s="43">
        <v>7825</v>
      </c>
      <c r="I7832" s="55">
        <f>Bühler!I7858</f>
        <v>3.8316764971117609</v>
      </c>
      <c r="J7832" s="58">
        <f>Bühler!J7858</f>
        <v>16.054720225091884</v>
      </c>
      <c r="K7832" s="58">
        <f>Bühler!K7858</f>
        <v>0.64561826235184527</v>
      </c>
      <c r="L7832" s="58">
        <f>Bühler!L7858</f>
        <v>0.32280913117592264</v>
      </c>
      <c r="M7832" s="57">
        <f>Bühler!M7858</f>
        <v>0</v>
      </c>
      <c r="N7832" s="55">
        <f>IF(Input!$K$13=1,J7832*Input!$J$13,0)+IF(Input!$K$14=1,K7832*Input!$J$14,0)+IF(Input!$K$15=1,L7832*Input!$J$15,0)+IF(Input!$K$16=1,M7832*Input!$J$16,0)</f>
        <v>1.9265664270110261</v>
      </c>
      <c r="O7832" s="58">
        <f>IF(Input!$K$13=2,J7832*Input!$J$13,0)+IF(Input!$K$14=2,K7832*Input!$J$14,0)+IF(Input!$K$15=2,L7832*Input!$J$15,0)+IF(Input!$K$16=2,M7832*Input!$J$16,0)</f>
        <v>8.7158465417499109E-2</v>
      </c>
      <c r="P7832" s="58">
        <f>IF(Input!$K$13=3,J7832*Input!$J$13,0)+IF(Input!$K$14=3,K7832*Input!$J$14,0)+IF(Input!$K$15=3,L7832*Input!$J$15,0)+IF(Input!$K$16=3,M7832*Input!$J$16,0)</f>
        <v>0</v>
      </c>
      <c r="Q7832" s="71">
        <f>IF(Input!$K$13=4,J7832*Input!$J$13,0)+IF(Input!$K$14=4,K7832*Input!$J$14,0)+IF(Input!$K$15=4,L7832*Input!$J$15,0)+IF(Input!$K$16=4,M7832*Input!$J$16,0)</f>
        <v>0</v>
      </c>
    </row>
    <row r="7833" spans="8:17" x14ac:dyDescent="0.25">
      <c r="H7833" s="43">
        <v>7826</v>
      </c>
      <c r="I7833" s="55">
        <f>Bühler!I7859</f>
        <v>3.8316764971117609</v>
      </c>
      <c r="J7833" s="58">
        <f>Bühler!J7859</f>
        <v>16.054720225091884</v>
      </c>
      <c r="K7833" s="58">
        <f>Bühler!K7859</f>
        <v>0.64561826235184527</v>
      </c>
      <c r="L7833" s="58">
        <f>Bühler!L7859</f>
        <v>0.32280913117592264</v>
      </c>
      <c r="M7833" s="57">
        <f>Bühler!M7859</f>
        <v>0</v>
      </c>
      <c r="N7833" s="55">
        <f>IF(Input!$K$13=1,J7833*Input!$J$13,0)+IF(Input!$K$14=1,K7833*Input!$J$14,0)+IF(Input!$K$15=1,L7833*Input!$J$15,0)+IF(Input!$K$16=1,M7833*Input!$J$16,0)</f>
        <v>1.9265664270110261</v>
      </c>
      <c r="O7833" s="58">
        <f>IF(Input!$K$13=2,J7833*Input!$J$13,0)+IF(Input!$K$14=2,K7833*Input!$J$14,0)+IF(Input!$K$15=2,L7833*Input!$J$15,0)+IF(Input!$K$16=2,M7833*Input!$J$16,0)</f>
        <v>8.7158465417499109E-2</v>
      </c>
      <c r="P7833" s="58">
        <f>IF(Input!$K$13=3,J7833*Input!$J$13,0)+IF(Input!$K$14=3,K7833*Input!$J$14,0)+IF(Input!$K$15=3,L7833*Input!$J$15,0)+IF(Input!$K$16=3,M7833*Input!$J$16,0)</f>
        <v>0</v>
      </c>
      <c r="Q7833" s="71">
        <f>IF(Input!$K$13=4,J7833*Input!$J$13,0)+IF(Input!$K$14=4,K7833*Input!$J$14,0)+IF(Input!$K$15=4,L7833*Input!$J$15,0)+IF(Input!$K$16=4,M7833*Input!$J$16,0)</f>
        <v>0</v>
      </c>
    </row>
    <row r="7834" spans="8:17" x14ac:dyDescent="0.25">
      <c r="H7834" s="43">
        <v>7827</v>
      </c>
      <c r="I7834" s="55">
        <f>Bühler!I7860</f>
        <v>3.8316764971117609</v>
      </c>
      <c r="J7834" s="58">
        <f>Bühler!J7860</f>
        <v>16.054720225091884</v>
      </c>
      <c r="K7834" s="58">
        <f>Bühler!K7860</f>
        <v>0.64561826235184527</v>
      </c>
      <c r="L7834" s="58">
        <f>Bühler!L7860</f>
        <v>0.32280913117592264</v>
      </c>
      <c r="M7834" s="57">
        <f>Bühler!M7860</f>
        <v>0</v>
      </c>
      <c r="N7834" s="55">
        <f>IF(Input!$K$13=1,J7834*Input!$J$13,0)+IF(Input!$K$14=1,K7834*Input!$J$14,0)+IF(Input!$K$15=1,L7834*Input!$J$15,0)+IF(Input!$K$16=1,M7834*Input!$J$16,0)</f>
        <v>1.9265664270110261</v>
      </c>
      <c r="O7834" s="58">
        <f>IF(Input!$K$13=2,J7834*Input!$J$13,0)+IF(Input!$K$14=2,K7834*Input!$J$14,0)+IF(Input!$K$15=2,L7834*Input!$J$15,0)+IF(Input!$K$16=2,M7834*Input!$J$16,0)</f>
        <v>8.7158465417499109E-2</v>
      </c>
      <c r="P7834" s="58">
        <f>IF(Input!$K$13=3,J7834*Input!$J$13,0)+IF(Input!$K$14=3,K7834*Input!$J$14,0)+IF(Input!$K$15=3,L7834*Input!$J$15,0)+IF(Input!$K$16=3,M7834*Input!$J$16,0)</f>
        <v>0</v>
      </c>
      <c r="Q7834" s="71">
        <f>IF(Input!$K$13=4,J7834*Input!$J$13,0)+IF(Input!$K$14=4,K7834*Input!$J$14,0)+IF(Input!$K$15=4,L7834*Input!$J$15,0)+IF(Input!$K$16=4,M7834*Input!$J$16,0)</f>
        <v>0</v>
      </c>
    </row>
    <row r="7835" spans="8:17" x14ac:dyDescent="0.25">
      <c r="H7835" s="43">
        <v>7828</v>
      </c>
      <c r="I7835" s="55">
        <f>Bühler!I7861</f>
        <v>3.8316764971117609</v>
      </c>
      <c r="J7835" s="58">
        <f>Bühler!J7861</f>
        <v>16.054720225091884</v>
      </c>
      <c r="K7835" s="58">
        <f>Bühler!K7861</f>
        <v>0.64561826235184527</v>
      </c>
      <c r="L7835" s="58">
        <f>Bühler!L7861</f>
        <v>0.32280913117592264</v>
      </c>
      <c r="M7835" s="57">
        <f>Bühler!M7861</f>
        <v>0</v>
      </c>
      <c r="N7835" s="55">
        <f>IF(Input!$K$13=1,J7835*Input!$J$13,0)+IF(Input!$K$14=1,K7835*Input!$J$14,0)+IF(Input!$K$15=1,L7835*Input!$J$15,0)+IF(Input!$K$16=1,M7835*Input!$J$16,0)</f>
        <v>1.9265664270110261</v>
      </c>
      <c r="O7835" s="58">
        <f>IF(Input!$K$13=2,J7835*Input!$J$13,0)+IF(Input!$K$14=2,K7835*Input!$J$14,0)+IF(Input!$K$15=2,L7835*Input!$J$15,0)+IF(Input!$K$16=2,M7835*Input!$J$16,0)</f>
        <v>8.7158465417499109E-2</v>
      </c>
      <c r="P7835" s="58">
        <f>IF(Input!$K$13=3,J7835*Input!$J$13,0)+IF(Input!$K$14=3,K7835*Input!$J$14,0)+IF(Input!$K$15=3,L7835*Input!$J$15,0)+IF(Input!$K$16=3,M7835*Input!$J$16,0)</f>
        <v>0</v>
      </c>
      <c r="Q7835" s="71">
        <f>IF(Input!$K$13=4,J7835*Input!$J$13,0)+IF(Input!$K$14=4,K7835*Input!$J$14,0)+IF(Input!$K$15=4,L7835*Input!$J$15,0)+IF(Input!$K$16=4,M7835*Input!$J$16,0)</f>
        <v>0</v>
      </c>
    </row>
    <row r="7836" spans="8:17" x14ac:dyDescent="0.25">
      <c r="H7836" s="43">
        <v>7829</v>
      </c>
      <c r="I7836" s="55">
        <f>Bühler!I7862</f>
        <v>3.8316764971117609</v>
      </c>
      <c r="J7836" s="58">
        <f>Bühler!J7862</f>
        <v>16.054720225091884</v>
      </c>
      <c r="K7836" s="58">
        <f>Bühler!K7862</f>
        <v>0.64561826235184527</v>
      </c>
      <c r="L7836" s="58">
        <f>Bühler!L7862</f>
        <v>0.32280913117592264</v>
      </c>
      <c r="M7836" s="57">
        <f>Bühler!M7862</f>
        <v>0</v>
      </c>
      <c r="N7836" s="55">
        <f>IF(Input!$K$13=1,J7836*Input!$J$13,0)+IF(Input!$K$14=1,K7836*Input!$J$14,0)+IF(Input!$K$15=1,L7836*Input!$J$15,0)+IF(Input!$K$16=1,M7836*Input!$J$16,0)</f>
        <v>1.9265664270110261</v>
      </c>
      <c r="O7836" s="58">
        <f>IF(Input!$K$13=2,J7836*Input!$J$13,0)+IF(Input!$K$14=2,K7836*Input!$J$14,0)+IF(Input!$K$15=2,L7836*Input!$J$15,0)+IF(Input!$K$16=2,M7836*Input!$J$16,0)</f>
        <v>8.7158465417499109E-2</v>
      </c>
      <c r="P7836" s="58">
        <f>IF(Input!$K$13=3,J7836*Input!$J$13,0)+IF(Input!$K$14=3,K7836*Input!$J$14,0)+IF(Input!$K$15=3,L7836*Input!$J$15,0)+IF(Input!$K$16=3,M7836*Input!$J$16,0)</f>
        <v>0</v>
      </c>
      <c r="Q7836" s="71">
        <f>IF(Input!$K$13=4,J7836*Input!$J$13,0)+IF(Input!$K$14=4,K7836*Input!$J$14,0)+IF(Input!$K$15=4,L7836*Input!$J$15,0)+IF(Input!$K$16=4,M7836*Input!$J$16,0)</f>
        <v>0</v>
      </c>
    </row>
    <row r="7837" spans="8:17" x14ac:dyDescent="0.25">
      <c r="H7837" s="43">
        <v>7830</v>
      </c>
      <c r="I7837" s="55">
        <f>Bühler!I7863</f>
        <v>3.8316764971117609</v>
      </c>
      <c r="J7837" s="58">
        <f>Bühler!J7863</f>
        <v>16.054720225091884</v>
      </c>
      <c r="K7837" s="58">
        <f>Bühler!K7863</f>
        <v>0.64561826235184527</v>
      </c>
      <c r="L7837" s="58">
        <f>Bühler!L7863</f>
        <v>0.32280913117592264</v>
      </c>
      <c r="M7837" s="57">
        <f>Bühler!M7863</f>
        <v>0</v>
      </c>
      <c r="N7837" s="55">
        <f>IF(Input!$K$13=1,J7837*Input!$J$13,0)+IF(Input!$K$14=1,K7837*Input!$J$14,0)+IF(Input!$K$15=1,L7837*Input!$J$15,0)+IF(Input!$K$16=1,M7837*Input!$J$16,0)</f>
        <v>1.9265664270110261</v>
      </c>
      <c r="O7837" s="58">
        <f>IF(Input!$K$13=2,J7837*Input!$J$13,0)+IF(Input!$K$14=2,K7837*Input!$J$14,0)+IF(Input!$K$15=2,L7837*Input!$J$15,0)+IF(Input!$K$16=2,M7837*Input!$J$16,0)</f>
        <v>8.7158465417499109E-2</v>
      </c>
      <c r="P7837" s="58">
        <f>IF(Input!$K$13=3,J7837*Input!$J$13,0)+IF(Input!$K$14=3,K7837*Input!$J$14,0)+IF(Input!$K$15=3,L7837*Input!$J$15,0)+IF(Input!$K$16=3,M7837*Input!$J$16,0)</f>
        <v>0</v>
      </c>
      <c r="Q7837" s="71">
        <f>IF(Input!$K$13=4,J7837*Input!$J$13,0)+IF(Input!$K$14=4,K7837*Input!$J$14,0)+IF(Input!$K$15=4,L7837*Input!$J$15,0)+IF(Input!$K$16=4,M7837*Input!$J$16,0)</f>
        <v>0</v>
      </c>
    </row>
    <row r="7838" spans="8:17" x14ac:dyDescent="0.25">
      <c r="H7838" s="43">
        <v>7831</v>
      </c>
      <c r="I7838" s="55">
        <f>Bühler!I7864</f>
        <v>3.8316764971117609</v>
      </c>
      <c r="J7838" s="58">
        <f>Bühler!J7864</f>
        <v>16.054720225091884</v>
      </c>
      <c r="K7838" s="58">
        <f>Bühler!K7864</f>
        <v>0.64561826235184527</v>
      </c>
      <c r="L7838" s="58">
        <f>Bühler!L7864</f>
        <v>0.32280913117592264</v>
      </c>
      <c r="M7838" s="57">
        <f>Bühler!M7864</f>
        <v>0</v>
      </c>
      <c r="N7838" s="55">
        <f>IF(Input!$K$13=1,J7838*Input!$J$13,0)+IF(Input!$K$14=1,K7838*Input!$J$14,0)+IF(Input!$K$15=1,L7838*Input!$J$15,0)+IF(Input!$K$16=1,M7838*Input!$J$16,0)</f>
        <v>1.9265664270110261</v>
      </c>
      <c r="O7838" s="58">
        <f>IF(Input!$K$13=2,J7838*Input!$J$13,0)+IF(Input!$K$14=2,K7838*Input!$J$14,0)+IF(Input!$K$15=2,L7838*Input!$J$15,0)+IF(Input!$K$16=2,M7838*Input!$J$16,0)</f>
        <v>8.7158465417499109E-2</v>
      </c>
      <c r="P7838" s="58">
        <f>IF(Input!$K$13=3,J7838*Input!$J$13,0)+IF(Input!$K$14=3,K7838*Input!$J$14,0)+IF(Input!$K$15=3,L7838*Input!$J$15,0)+IF(Input!$K$16=3,M7838*Input!$J$16,0)</f>
        <v>0</v>
      </c>
      <c r="Q7838" s="71">
        <f>IF(Input!$K$13=4,J7838*Input!$J$13,0)+IF(Input!$K$14=4,K7838*Input!$J$14,0)+IF(Input!$K$15=4,L7838*Input!$J$15,0)+IF(Input!$K$16=4,M7838*Input!$J$16,0)</f>
        <v>0</v>
      </c>
    </row>
    <row r="7839" spans="8:17" x14ac:dyDescent="0.25">
      <c r="H7839" s="43">
        <v>7832</v>
      </c>
      <c r="I7839" s="55">
        <f>Bühler!I7865</f>
        <v>10.556268749542898</v>
      </c>
      <c r="J7839" s="58">
        <f>Bühler!J7865</f>
        <v>60.096993234716528</v>
      </c>
      <c r="K7839" s="58">
        <f>Bühler!K7865</f>
        <v>2.6392091997352702</v>
      </c>
      <c r="L7839" s="58">
        <f>Bühler!L7865</f>
        <v>1.3196045998676351</v>
      </c>
      <c r="M7839" s="57">
        <f>Bühler!M7865</f>
        <v>0</v>
      </c>
      <c r="N7839" s="55">
        <f>IF(Input!$K$13=1,J7839*Input!$J$13,0)+IF(Input!$K$14=1,K7839*Input!$J$14,0)+IF(Input!$K$15=1,L7839*Input!$J$15,0)+IF(Input!$K$16=1,M7839*Input!$J$16,0)</f>
        <v>7.2116391881659831</v>
      </c>
      <c r="O7839" s="58">
        <f>IF(Input!$K$13=2,J7839*Input!$J$13,0)+IF(Input!$K$14=2,K7839*Input!$J$14,0)+IF(Input!$K$15=2,L7839*Input!$J$15,0)+IF(Input!$K$16=2,M7839*Input!$J$16,0)</f>
        <v>0.35629324196426149</v>
      </c>
      <c r="P7839" s="58">
        <f>IF(Input!$K$13=3,J7839*Input!$J$13,0)+IF(Input!$K$14=3,K7839*Input!$J$14,0)+IF(Input!$K$15=3,L7839*Input!$J$15,0)+IF(Input!$K$16=3,M7839*Input!$J$16,0)</f>
        <v>0</v>
      </c>
      <c r="Q7839" s="71">
        <f>IF(Input!$K$13=4,J7839*Input!$J$13,0)+IF(Input!$K$14=4,K7839*Input!$J$14,0)+IF(Input!$K$15=4,L7839*Input!$J$15,0)+IF(Input!$K$16=4,M7839*Input!$J$16,0)</f>
        <v>0</v>
      </c>
    </row>
    <row r="7840" spans="8:17" x14ac:dyDescent="0.25">
      <c r="H7840" s="43">
        <v>7833</v>
      </c>
      <c r="I7840" s="55">
        <f>Bühler!I7866</f>
        <v>11.77857355212155</v>
      </c>
      <c r="J7840" s="58">
        <f>Bühler!J7866</f>
        <v>67.055592451367929</v>
      </c>
      <c r="K7840" s="58">
        <f>Bühler!K7866</f>
        <v>2.944801843915144</v>
      </c>
      <c r="L7840" s="58">
        <f>Bühler!L7866</f>
        <v>1.472400921957572</v>
      </c>
      <c r="M7840" s="57">
        <f>Bühler!M7866</f>
        <v>0</v>
      </c>
      <c r="N7840" s="55">
        <f>IF(Input!$K$13=1,J7840*Input!$J$13,0)+IF(Input!$K$14=1,K7840*Input!$J$14,0)+IF(Input!$K$15=1,L7840*Input!$J$15,0)+IF(Input!$K$16=1,M7840*Input!$J$16,0)</f>
        <v>8.0466710941641519</v>
      </c>
      <c r="O7840" s="58">
        <f>IF(Input!$K$13=2,J7840*Input!$J$13,0)+IF(Input!$K$14=2,K7840*Input!$J$14,0)+IF(Input!$K$15=2,L7840*Input!$J$15,0)+IF(Input!$K$16=2,M7840*Input!$J$16,0)</f>
        <v>0.39754824892854446</v>
      </c>
      <c r="P7840" s="58">
        <f>IF(Input!$K$13=3,J7840*Input!$J$13,0)+IF(Input!$K$14=3,K7840*Input!$J$14,0)+IF(Input!$K$15=3,L7840*Input!$J$15,0)+IF(Input!$K$16=3,M7840*Input!$J$16,0)</f>
        <v>0</v>
      </c>
      <c r="Q7840" s="71">
        <f>IF(Input!$K$13=4,J7840*Input!$J$13,0)+IF(Input!$K$14=4,K7840*Input!$J$14,0)+IF(Input!$K$15=4,L7840*Input!$J$15,0)+IF(Input!$K$16=4,M7840*Input!$J$16,0)</f>
        <v>0</v>
      </c>
    </row>
    <row r="7841" spans="8:17" x14ac:dyDescent="0.25">
      <c r="H7841" s="43">
        <v>7834</v>
      </c>
      <c r="I7841" s="55">
        <f>Bühler!I7867</f>
        <v>13.000878354700202</v>
      </c>
      <c r="J7841" s="58">
        <f>Bühler!J7867</f>
        <v>74.014191668019322</v>
      </c>
      <c r="K7841" s="58">
        <f>Bühler!K7867</f>
        <v>3.2503944880950177</v>
      </c>
      <c r="L7841" s="58">
        <f>Bühler!L7867</f>
        <v>1.6251972440475089</v>
      </c>
      <c r="M7841" s="57">
        <f>Bühler!M7867</f>
        <v>0</v>
      </c>
      <c r="N7841" s="55">
        <f>IF(Input!$K$13=1,J7841*Input!$J$13,0)+IF(Input!$K$14=1,K7841*Input!$J$14,0)+IF(Input!$K$15=1,L7841*Input!$J$15,0)+IF(Input!$K$16=1,M7841*Input!$J$16,0)</f>
        <v>8.8817030001623181</v>
      </c>
      <c r="O7841" s="58">
        <f>IF(Input!$K$13=2,J7841*Input!$J$13,0)+IF(Input!$K$14=2,K7841*Input!$J$14,0)+IF(Input!$K$15=2,L7841*Input!$J$15,0)+IF(Input!$K$16=2,M7841*Input!$J$16,0)</f>
        <v>0.43880325589282737</v>
      </c>
      <c r="P7841" s="58">
        <f>IF(Input!$K$13=3,J7841*Input!$J$13,0)+IF(Input!$K$14=3,K7841*Input!$J$14,0)+IF(Input!$K$15=3,L7841*Input!$J$15,0)+IF(Input!$K$16=3,M7841*Input!$J$16,0)</f>
        <v>0</v>
      </c>
      <c r="Q7841" s="71">
        <f>IF(Input!$K$13=4,J7841*Input!$J$13,0)+IF(Input!$K$14=4,K7841*Input!$J$14,0)+IF(Input!$K$15=4,L7841*Input!$J$15,0)+IF(Input!$K$16=4,M7841*Input!$J$16,0)</f>
        <v>0</v>
      </c>
    </row>
    <row r="7842" spans="8:17" x14ac:dyDescent="0.25">
      <c r="H7842" s="43">
        <v>7835</v>
      </c>
      <c r="I7842" s="55">
        <f>Bühler!I7868</f>
        <v>13.000878354700202</v>
      </c>
      <c r="J7842" s="58">
        <f>Bühler!J7868</f>
        <v>74.014191668019322</v>
      </c>
      <c r="K7842" s="58">
        <f>Bühler!K7868</f>
        <v>3.2503944880950177</v>
      </c>
      <c r="L7842" s="58">
        <f>Bühler!L7868</f>
        <v>1.6251972440475089</v>
      </c>
      <c r="M7842" s="57">
        <f>Bühler!M7868</f>
        <v>0</v>
      </c>
      <c r="N7842" s="55">
        <f>IF(Input!$K$13=1,J7842*Input!$J$13,0)+IF(Input!$K$14=1,K7842*Input!$J$14,0)+IF(Input!$K$15=1,L7842*Input!$J$15,0)+IF(Input!$K$16=1,M7842*Input!$J$16,0)</f>
        <v>8.8817030001623181</v>
      </c>
      <c r="O7842" s="58">
        <f>IF(Input!$K$13=2,J7842*Input!$J$13,0)+IF(Input!$K$14=2,K7842*Input!$J$14,0)+IF(Input!$K$15=2,L7842*Input!$J$15,0)+IF(Input!$K$16=2,M7842*Input!$J$16,0)</f>
        <v>0.43880325589282737</v>
      </c>
      <c r="P7842" s="58">
        <f>IF(Input!$K$13=3,J7842*Input!$J$13,0)+IF(Input!$K$14=3,K7842*Input!$J$14,0)+IF(Input!$K$15=3,L7842*Input!$J$15,0)+IF(Input!$K$16=3,M7842*Input!$J$16,0)</f>
        <v>0</v>
      </c>
      <c r="Q7842" s="71">
        <f>IF(Input!$K$13=4,J7842*Input!$J$13,0)+IF(Input!$K$14=4,K7842*Input!$J$14,0)+IF(Input!$K$15=4,L7842*Input!$J$15,0)+IF(Input!$K$16=4,M7842*Input!$J$16,0)</f>
        <v>0</v>
      </c>
    </row>
    <row r="7843" spans="8:17" x14ac:dyDescent="0.25">
      <c r="H7843" s="43">
        <v>7836</v>
      </c>
      <c r="I7843" s="55">
        <f>Bühler!I7869</f>
        <v>15.556606578273744</v>
      </c>
      <c r="J7843" s="58">
        <f>Bühler!J7869</f>
        <v>88.563990030108585</v>
      </c>
      <c r="K7843" s="58">
        <f>Bühler!K7869</f>
        <v>3.8893609259256623</v>
      </c>
      <c r="L7843" s="58">
        <f>Bühler!L7869</f>
        <v>1.9446804629628311</v>
      </c>
      <c r="M7843" s="57">
        <f>Bühler!M7869</f>
        <v>0</v>
      </c>
      <c r="N7843" s="55">
        <f>IF(Input!$K$13=1,J7843*Input!$J$13,0)+IF(Input!$K$14=1,K7843*Input!$J$14,0)+IF(Input!$K$15=1,L7843*Input!$J$15,0)+IF(Input!$K$16=1,M7843*Input!$J$16,0)</f>
        <v>10.62767880361303</v>
      </c>
      <c r="O7843" s="58">
        <f>IF(Input!$K$13=2,J7843*Input!$J$13,0)+IF(Input!$K$14=2,K7843*Input!$J$14,0)+IF(Input!$K$15=2,L7843*Input!$J$15,0)+IF(Input!$K$16=2,M7843*Input!$J$16,0)</f>
        <v>0.52506372499996434</v>
      </c>
      <c r="P7843" s="58">
        <f>IF(Input!$K$13=3,J7843*Input!$J$13,0)+IF(Input!$K$14=3,K7843*Input!$J$14,0)+IF(Input!$K$15=3,L7843*Input!$J$15,0)+IF(Input!$K$16=3,M7843*Input!$J$16,0)</f>
        <v>0</v>
      </c>
      <c r="Q7843" s="71">
        <f>IF(Input!$K$13=4,J7843*Input!$J$13,0)+IF(Input!$K$14=4,K7843*Input!$J$14,0)+IF(Input!$K$15=4,L7843*Input!$J$15,0)+IF(Input!$K$16=4,M7843*Input!$J$16,0)</f>
        <v>0</v>
      </c>
    </row>
    <row r="7844" spans="8:17" x14ac:dyDescent="0.25">
      <c r="H7844" s="43">
        <v>7837</v>
      </c>
      <c r="I7844" s="55">
        <f>Bühler!I7870</f>
        <v>15.556606578273744</v>
      </c>
      <c r="J7844" s="58">
        <f>Bühler!J7870</f>
        <v>88.563990030108585</v>
      </c>
      <c r="K7844" s="58">
        <f>Bühler!K7870</f>
        <v>3.8893609259256623</v>
      </c>
      <c r="L7844" s="58">
        <f>Bühler!L7870</f>
        <v>1.9446804629628311</v>
      </c>
      <c r="M7844" s="57">
        <f>Bühler!M7870</f>
        <v>0</v>
      </c>
      <c r="N7844" s="55">
        <f>IF(Input!$K$13=1,J7844*Input!$J$13,0)+IF(Input!$K$14=1,K7844*Input!$J$14,0)+IF(Input!$K$15=1,L7844*Input!$J$15,0)+IF(Input!$K$16=1,M7844*Input!$J$16,0)</f>
        <v>10.62767880361303</v>
      </c>
      <c r="O7844" s="58">
        <f>IF(Input!$K$13=2,J7844*Input!$J$13,0)+IF(Input!$K$14=2,K7844*Input!$J$14,0)+IF(Input!$K$15=2,L7844*Input!$J$15,0)+IF(Input!$K$16=2,M7844*Input!$J$16,0)</f>
        <v>0.52506372499996434</v>
      </c>
      <c r="P7844" s="58">
        <f>IF(Input!$K$13=3,J7844*Input!$J$13,0)+IF(Input!$K$14=3,K7844*Input!$J$14,0)+IF(Input!$K$15=3,L7844*Input!$J$15,0)+IF(Input!$K$16=3,M7844*Input!$J$16,0)</f>
        <v>0</v>
      </c>
      <c r="Q7844" s="71">
        <f>IF(Input!$K$13=4,J7844*Input!$J$13,0)+IF(Input!$K$14=4,K7844*Input!$J$14,0)+IF(Input!$K$15=4,L7844*Input!$J$15,0)+IF(Input!$K$16=4,M7844*Input!$J$16,0)</f>
        <v>0</v>
      </c>
    </row>
    <row r="7845" spans="8:17" x14ac:dyDescent="0.25">
      <c r="H7845" s="43">
        <v>7838</v>
      </c>
      <c r="I7845" s="55">
        <f>Bühler!I7871</f>
        <v>10.334031512710416</v>
      </c>
      <c r="J7845" s="58">
        <f>Bühler!J7871</f>
        <v>58.831793377143562</v>
      </c>
      <c r="K7845" s="58">
        <f>Bühler!K7871</f>
        <v>2.5836469007934757</v>
      </c>
      <c r="L7845" s="58">
        <f>Bühler!L7871</f>
        <v>1.2918234503967378</v>
      </c>
      <c r="M7845" s="57">
        <f>Bühler!M7871</f>
        <v>0</v>
      </c>
      <c r="N7845" s="55">
        <f>IF(Input!$K$13=1,J7845*Input!$J$13,0)+IF(Input!$K$14=1,K7845*Input!$J$14,0)+IF(Input!$K$15=1,L7845*Input!$J$15,0)+IF(Input!$K$16=1,M7845*Input!$J$16,0)</f>
        <v>7.0598152052572276</v>
      </c>
      <c r="O7845" s="58">
        <f>IF(Input!$K$13=2,J7845*Input!$J$13,0)+IF(Input!$K$14=2,K7845*Input!$J$14,0)+IF(Input!$K$15=2,L7845*Input!$J$15,0)+IF(Input!$K$16=2,M7845*Input!$J$16,0)</f>
        <v>0.3487923316071192</v>
      </c>
      <c r="P7845" s="58">
        <f>IF(Input!$K$13=3,J7845*Input!$J$13,0)+IF(Input!$K$14=3,K7845*Input!$J$14,0)+IF(Input!$K$15=3,L7845*Input!$J$15,0)+IF(Input!$K$16=3,M7845*Input!$J$16,0)</f>
        <v>0</v>
      </c>
      <c r="Q7845" s="71">
        <f>IF(Input!$K$13=4,J7845*Input!$J$13,0)+IF(Input!$K$14=4,K7845*Input!$J$14,0)+IF(Input!$K$15=4,L7845*Input!$J$15,0)+IF(Input!$K$16=4,M7845*Input!$J$16,0)</f>
        <v>0</v>
      </c>
    </row>
    <row r="7846" spans="8:17" x14ac:dyDescent="0.25">
      <c r="H7846" s="43">
        <v>7839</v>
      </c>
      <c r="I7846" s="55">
        <f>Bühler!I7872</f>
        <v>15.556606578273744</v>
      </c>
      <c r="J7846" s="58">
        <f>Bühler!J7872</f>
        <v>88.563990030108585</v>
      </c>
      <c r="K7846" s="58">
        <f>Bühler!K7872</f>
        <v>3.8893609259256623</v>
      </c>
      <c r="L7846" s="58">
        <f>Bühler!L7872</f>
        <v>1.9446804629628311</v>
      </c>
      <c r="M7846" s="57">
        <f>Bühler!M7872</f>
        <v>0</v>
      </c>
      <c r="N7846" s="55">
        <f>IF(Input!$K$13=1,J7846*Input!$J$13,0)+IF(Input!$K$14=1,K7846*Input!$J$14,0)+IF(Input!$K$15=1,L7846*Input!$J$15,0)+IF(Input!$K$16=1,M7846*Input!$J$16,0)</f>
        <v>10.62767880361303</v>
      </c>
      <c r="O7846" s="58">
        <f>IF(Input!$K$13=2,J7846*Input!$J$13,0)+IF(Input!$K$14=2,K7846*Input!$J$14,0)+IF(Input!$K$15=2,L7846*Input!$J$15,0)+IF(Input!$K$16=2,M7846*Input!$J$16,0)</f>
        <v>0.52506372499996434</v>
      </c>
      <c r="P7846" s="58">
        <f>IF(Input!$K$13=3,J7846*Input!$J$13,0)+IF(Input!$K$14=3,K7846*Input!$J$14,0)+IF(Input!$K$15=3,L7846*Input!$J$15,0)+IF(Input!$K$16=3,M7846*Input!$J$16,0)</f>
        <v>0</v>
      </c>
      <c r="Q7846" s="71">
        <f>IF(Input!$K$13=4,J7846*Input!$J$13,0)+IF(Input!$K$14=4,K7846*Input!$J$14,0)+IF(Input!$K$15=4,L7846*Input!$J$15,0)+IF(Input!$K$16=4,M7846*Input!$J$16,0)</f>
        <v>0</v>
      </c>
    </row>
    <row r="7847" spans="8:17" x14ac:dyDescent="0.25">
      <c r="H7847" s="43">
        <v>7840</v>
      </c>
      <c r="I7847" s="55">
        <f>Bühler!I7873</f>
        <v>15.556606578273744</v>
      </c>
      <c r="J7847" s="58">
        <f>Bühler!J7873</f>
        <v>88.563990030108585</v>
      </c>
      <c r="K7847" s="58">
        <f>Bühler!K7873</f>
        <v>3.8893609259256623</v>
      </c>
      <c r="L7847" s="58">
        <f>Bühler!L7873</f>
        <v>1.9446804629628311</v>
      </c>
      <c r="M7847" s="57">
        <f>Bühler!M7873</f>
        <v>0</v>
      </c>
      <c r="N7847" s="55">
        <f>IF(Input!$K$13=1,J7847*Input!$J$13,0)+IF(Input!$K$14=1,K7847*Input!$J$14,0)+IF(Input!$K$15=1,L7847*Input!$J$15,0)+IF(Input!$K$16=1,M7847*Input!$J$16,0)</f>
        <v>10.62767880361303</v>
      </c>
      <c r="O7847" s="58">
        <f>IF(Input!$K$13=2,J7847*Input!$J$13,0)+IF(Input!$K$14=2,K7847*Input!$J$14,0)+IF(Input!$K$15=2,L7847*Input!$J$15,0)+IF(Input!$K$16=2,M7847*Input!$J$16,0)</f>
        <v>0.52506372499996434</v>
      </c>
      <c r="P7847" s="58">
        <f>IF(Input!$K$13=3,J7847*Input!$J$13,0)+IF(Input!$K$14=3,K7847*Input!$J$14,0)+IF(Input!$K$15=3,L7847*Input!$J$15,0)+IF(Input!$K$16=3,M7847*Input!$J$16,0)</f>
        <v>0</v>
      </c>
      <c r="Q7847" s="71">
        <f>IF(Input!$K$13=4,J7847*Input!$J$13,0)+IF(Input!$K$14=4,K7847*Input!$J$14,0)+IF(Input!$K$15=4,L7847*Input!$J$15,0)+IF(Input!$K$16=4,M7847*Input!$J$16,0)</f>
        <v>0</v>
      </c>
    </row>
    <row r="7848" spans="8:17" x14ac:dyDescent="0.25">
      <c r="H7848" s="43">
        <v>7841</v>
      </c>
      <c r="I7848" s="55">
        <f>Bühler!I7874</f>
        <v>12.998962516451646</v>
      </c>
      <c r="J7848" s="58">
        <f>Bühler!J7874</f>
        <v>56.340476996756493</v>
      </c>
      <c r="K7848" s="58">
        <f>Bühler!K7874</f>
        <v>2.2919448313490509</v>
      </c>
      <c r="L7848" s="58">
        <f>Bühler!L7874</f>
        <v>1.1459724156745255</v>
      </c>
      <c r="M7848" s="57">
        <f>Bühler!M7874</f>
        <v>0</v>
      </c>
      <c r="N7848" s="55">
        <f>IF(Input!$K$13=1,J7848*Input!$J$13,0)+IF(Input!$K$14=1,K7848*Input!$J$14,0)+IF(Input!$K$15=1,L7848*Input!$J$15,0)+IF(Input!$K$16=1,M7848*Input!$J$16,0)</f>
        <v>6.7608572396107789</v>
      </c>
      <c r="O7848" s="58">
        <f>IF(Input!$K$13=2,J7848*Input!$J$13,0)+IF(Input!$K$14=2,K7848*Input!$J$14,0)+IF(Input!$K$15=2,L7848*Input!$J$15,0)+IF(Input!$K$16=2,M7848*Input!$J$16,0)</f>
        <v>0.30941255223212183</v>
      </c>
      <c r="P7848" s="58">
        <f>IF(Input!$K$13=3,J7848*Input!$J$13,0)+IF(Input!$K$14=3,K7848*Input!$J$14,0)+IF(Input!$K$15=3,L7848*Input!$J$15,0)+IF(Input!$K$16=3,M7848*Input!$J$16,0)</f>
        <v>0</v>
      </c>
      <c r="Q7848" s="71">
        <f>IF(Input!$K$13=4,J7848*Input!$J$13,0)+IF(Input!$K$14=4,K7848*Input!$J$14,0)+IF(Input!$K$15=4,L7848*Input!$J$15,0)+IF(Input!$K$16=4,M7848*Input!$J$16,0)</f>
        <v>0</v>
      </c>
    </row>
    <row r="7849" spans="8:17" x14ac:dyDescent="0.25">
      <c r="H7849" s="43">
        <v>7842</v>
      </c>
      <c r="I7849" s="55">
        <f>Bühler!I7875</f>
        <v>10.335947350958973</v>
      </c>
      <c r="J7849" s="58">
        <f>Bühler!J7875</f>
        <v>29.233241983570423</v>
      </c>
      <c r="K7849" s="58">
        <f>Bühler!K7875</f>
        <v>0.97820948841188682</v>
      </c>
      <c r="L7849" s="58">
        <f>Bühler!L7875</f>
        <v>0.48910474420594341</v>
      </c>
      <c r="M7849" s="57">
        <f>Bühler!M7875</f>
        <v>0</v>
      </c>
      <c r="N7849" s="55">
        <f>IF(Input!$K$13=1,J7849*Input!$J$13,0)+IF(Input!$K$14=1,K7849*Input!$J$14,0)+IF(Input!$K$15=1,L7849*Input!$J$15,0)+IF(Input!$K$16=1,M7849*Input!$J$16,0)</f>
        <v>3.5079890380284504</v>
      </c>
      <c r="O7849" s="58">
        <f>IF(Input!$K$13=2,J7849*Input!$J$13,0)+IF(Input!$K$14=2,K7849*Input!$J$14,0)+IF(Input!$K$15=2,L7849*Input!$J$15,0)+IF(Input!$K$16=2,M7849*Input!$J$16,0)</f>
        <v>0.1320582809356047</v>
      </c>
      <c r="P7849" s="58">
        <f>IF(Input!$K$13=3,J7849*Input!$J$13,0)+IF(Input!$K$14=3,K7849*Input!$J$14,0)+IF(Input!$K$15=3,L7849*Input!$J$15,0)+IF(Input!$K$16=3,M7849*Input!$J$16,0)</f>
        <v>0</v>
      </c>
      <c r="Q7849" s="71">
        <f>IF(Input!$K$13=4,J7849*Input!$J$13,0)+IF(Input!$K$14=4,K7849*Input!$J$14,0)+IF(Input!$K$15=4,L7849*Input!$J$15,0)+IF(Input!$K$16=4,M7849*Input!$J$16,0)</f>
        <v>0</v>
      </c>
    </row>
    <row r="7850" spans="8:17" x14ac:dyDescent="0.25">
      <c r="H7850" s="43">
        <v>7843</v>
      </c>
      <c r="I7850" s="55">
        <f>Bühler!I7876</f>
        <v>3.8316764971117609</v>
      </c>
      <c r="J7850" s="58">
        <f>Bühler!J7876</f>
        <v>16.054720225091884</v>
      </c>
      <c r="K7850" s="58">
        <f>Bühler!K7876</f>
        <v>0.64561826235184527</v>
      </c>
      <c r="L7850" s="58">
        <f>Bühler!L7876</f>
        <v>0.32280913117592264</v>
      </c>
      <c r="M7850" s="57">
        <f>Bühler!M7876</f>
        <v>0</v>
      </c>
      <c r="N7850" s="55">
        <f>IF(Input!$K$13=1,J7850*Input!$J$13,0)+IF(Input!$K$14=1,K7850*Input!$J$14,0)+IF(Input!$K$15=1,L7850*Input!$J$15,0)+IF(Input!$K$16=1,M7850*Input!$J$16,0)</f>
        <v>1.9265664270110261</v>
      </c>
      <c r="O7850" s="58">
        <f>IF(Input!$K$13=2,J7850*Input!$J$13,0)+IF(Input!$K$14=2,K7850*Input!$J$14,0)+IF(Input!$K$15=2,L7850*Input!$J$15,0)+IF(Input!$K$16=2,M7850*Input!$J$16,0)</f>
        <v>8.7158465417499109E-2</v>
      </c>
      <c r="P7850" s="58">
        <f>IF(Input!$K$13=3,J7850*Input!$J$13,0)+IF(Input!$K$14=3,K7850*Input!$J$14,0)+IF(Input!$K$15=3,L7850*Input!$J$15,0)+IF(Input!$K$16=3,M7850*Input!$J$16,0)</f>
        <v>0</v>
      </c>
      <c r="Q7850" s="71">
        <f>IF(Input!$K$13=4,J7850*Input!$J$13,0)+IF(Input!$K$14=4,K7850*Input!$J$14,0)+IF(Input!$K$15=4,L7850*Input!$J$15,0)+IF(Input!$K$16=4,M7850*Input!$J$16,0)</f>
        <v>0</v>
      </c>
    </row>
    <row r="7851" spans="8:17" x14ac:dyDescent="0.25">
      <c r="H7851" s="43">
        <v>7844</v>
      </c>
      <c r="I7851" s="55">
        <f>Bühler!I7877</f>
        <v>3.8316764971117609</v>
      </c>
      <c r="J7851" s="58">
        <f>Bühler!J7877</f>
        <v>16.054720225091884</v>
      </c>
      <c r="K7851" s="58">
        <f>Bühler!K7877</f>
        <v>0.64561826235184527</v>
      </c>
      <c r="L7851" s="58">
        <f>Bühler!L7877</f>
        <v>0.32280913117592264</v>
      </c>
      <c r="M7851" s="57">
        <f>Bühler!M7877</f>
        <v>0</v>
      </c>
      <c r="N7851" s="55">
        <f>IF(Input!$K$13=1,J7851*Input!$J$13,0)+IF(Input!$K$14=1,K7851*Input!$J$14,0)+IF(Input!$K$15=1,L7851*Input!$J$15,0)+IF(Input!$K$16=1,M7851*Input!$J$16,0)</f>
        <v>1.9265664270110261</v>
      </c>
      <c r="O7851" s="58">
        <f>IF(Input!$K$13=2,J7851*Input!$J$13,0)+IF(Input!$K$14=2,K7851*Input!$J$14,0)+IF(Input!$K$15=2,L7851*Input!$J$15,0)+IF(Input!$K$16=2,M7851*Input!$J$16,0)</f>
        <v>8.7158465417499109E-2</v>
      </c>
      <c r="P7851" s="58">
        <f>IF(Input!$K$13=3,J7851*Input!$J$13,0)+IF(Input!$K$14=3,K7851*Input!$J$14,0)+IF(Input!$K$15=3,L7851*Input!$J$15,0)+IF(Input!$K$16=3,M7851*Input!$J$16,0)</f>
        <v>0</v>
      </c>
      <c r="Q7851" s="71">
        <f>IF(Input!$K$13=4,J7851*Input!$J$13,0)+IF(Input!$K$14=4,K7851*Input!$J$14,0)+IF(Input!$K$15=4,L7851*Input!$J$15,0)+IF(Input!$K$16=4,M7851*Input!$J$16,0)</f>
        <v>0</v>
      </c>
    </row>
    <row r="7852" spans="8:17" x14ac:dyDescent="0.25">
      <c r="H7852" s="43">
        <v>7845</v>
      </c>
      <c r="I7852" s="55">
        <f>Bühler!I7878</f>
        <v>3.8316764971117609</v>
      </c>
      <c r="J7852" s="58">
        <f>Bühler!J7878</f>
        <v>16.054720225091884</v>
      </c>
      <c r="K7852" s="58">
        <f>Bühler!K7878</f>
        <v>0.64561826235184527</v>
      </c>
      <c r="L7852" s="58">
        <f>Bühler!L7878</f>
        <v>0.32280913117592264</v>
      </c>
      <c r="M7852" s="57">
        <f>Bühler!M7878</f>
        <v>0</v>
      </c>
      <c r="N7852" s="55">
        <f>IF(Input!$K$13=1,J7852*Input!$J$13,0)+IF(Input!$K$14=1,K7852*Input!$J$14,0)+IF(Input!$K$15=1,L7852*Input!$J$15,0)+IF(Input!$K$16=1,M7852*Input!$J$16,0)</f>
        <v>1.9265664270110261</v>
      </c>
      <c r="O7852" s="58">
        <f>IF(Input!$K$13=2,J7852*Input!$J$13,0)+IF(Input!$K$14=2,K7852*Input!$J$14,0)+IF(Input!$K$15=2,L7852*Input!$J$15,0)+IF(Input!$K$16=2,M7852*Input!$J$16,0)</f>
        <v>8.7158465417499109E-2</v>
      </c>
      <c r="P7852" s="58">
        <f>IF(Input!$K$13=3,J7852*Input!$J$13,0)+IF(Input!$K$14=3,K7852*Input!$J$14,0)+IF(Input!$K$15=3,L7852*Input!$J$15,0)+IF(Input!$K$16=3,M7852*Input!$J$16,0)</f>
        <v>0</v>
      </c>
      <c r="Q7852" s="71">
        <f>IF(Input!$K$13=4,J7852*Input!$J$13,0)+IF(Input!$K$14=4,K7852*Input!$J$14,0)+IF(Input!$K$15=4,L7852*Input!$J$15,0)+IF(Input!$K$16=4,M7852*Input!$J$16,0)</f>
        <v>0</v>
      </c>
    </row>
    <row r="7853" spans="8:17" x14ac:dyDescent="0.25">
      <c r="H7853" s="43">
        <v>7846</v>
      </c>
      <c r="I7853" s="55">
        <f>Bühler!I7879</f>
        <v>3.8316764971117609</v>
      </c>
      <c r="J7853" s="58">
        <f>Bühler!J7879</f>
        <v>16.054720225091884</v>
      </c>
      <c r="K7853" s="58">
        <f>Bühler!K7879</f>
        <v>0.64561826235184527</v>
      </c>
      <c r="L7853" s="58">
        <f>Bühler!L7879</f>
        <v>0.32280913117592264</v>
      </c>
      <c r="M7853" s="57">
        <f>Bühler!M7879</f>
        <v>0</v>
      </c>
      <c r="N7853" s="55">
        <f>IF(Input!$K$13=1,J7853*Input!$J$13,0)+IF(Input!$K$14=1,K7853*Input!$J$14,0)+IF(Input!$K$15=1,L7853*Input!$J$15,0)+IF(Input!$K$16=1,M7853*Input!$J$16,0)</f>
        <v>1.9265664270110261</v>
      </c>
      <c r="O7853" s="58">
        <f>IF(Input!$K$13=2,J7853*Input!$J$13,0)+IF(Input!$K$14=2,K7853*Input!$J$14,0)+IF(Input!$K$15=2,L7853*Input!$J$15,0)+IF(Input!$K$16=2,M7853*Input!$J$16,0)</f>
        <v>8.7158465417499109E-2</v>
      </c>
      <c r="P7853" s="58">
        <f>IF(Input!$K$13=3,J7853*Input!$J$13,0)+IF(Input!$K$14=3,K7853*Input!$J$14,0)+IF(Input!$K$15=3,L7853*Input!$J$15,0)+IF(Input!$K$16=3,M7853*Input!$J$16,0)</f>
        <v>0</v>
      </c>
      <c r="Q7853" s="71">
        <f>IF(Input!$K$13=4,J7853*Input!$J$13,0)+IF(Input!$K$14=4,K7853*Input!$J$14,0)+IF(Input!$K$15=4,L7853*Input!$J$15,0)+IF(Input!$K$16=4,M7853*Input!$J$16,0)</f>
        <v>0</v>
      </c>
    </row>
    <row r="7854" spans="8:17" x14ac:dyDescent="0.25">
      <c r="H7854" s="43">
        <v>7847</v>
      </c>
      <c r="I7854" s="55">
        <f>Bühler!I7880</f>
        <v>3.8316764971117609</v>
      </c>
      <c r="J7854" s="58">
        <f>Bühler!J7880</f>
        <v>16.054720225091884</v>
      </c>
      <c r="K7854" s="58">
        <f>Bühler!K7880</f>
        <v>0.64561826235184527</v>
      </c>
      <c r="L7854" s="58">
        <f>Bühler!L7880</f>
        <v>0.32280913117592264</v>
      </c>
      <c r="M7854" s="57">
        <f>Bühler!M7880</f>
        <v>0</v>
      </c>
      <c r="N7854" s="55">
        <f>IF(Input!$K$13=1,J7854*Input!$J$13,0)+IF(Input!$K$14=1,K7854*Input!$J$14,0)+IF(Input!$K$15=1,L7854*Input!$J$15,0)+IF(Input!$K$16=1,M7854*Input!$J$16,0)</f>
        <v>1.9265664270110261</v>
      </c>
      <c r="O7854" s="58">
        <f>IF(Input!$K$13=2,J7854*Input!$J$13,0)+IF(Input!$K$14=2,K7854*Input!$J$14,0)+IF(Input!$K$15=2,L7854*Input!$J$15,0)+IF(Input!$K$16=2,M7854*Input!$J$16,0)</f>
        <v>8.7158465417499109E-2</v>
      </c>
      <c r="P7854" s="58">
        <f>IF(Input!$K$13=3,J7854*Input!$J$13,0)+IF(Input!$K$14=3,K7854*Input!$J$14,0)+IF(Input!$K$15=3,L7854*Input!$J$15,0)+IF(Input!$K$16=3,M7854*Input!$J$16,0)</f>
        <v>0</v>
      </c>
      <c r="Q7854" s="71">
        <f>IF(Input!$K$13=4,J7854*Input!$J$13,0)+IF(Input!$K$14=4,K7854*Input!$J$14,0)+IF(Input!$K$15=4,L7854*Input!$J$15,0)+IF(Input!$K$16=4,M7854*Input!$J$16,0)</f>
        <v>0</v>
      </c>
    </row>
    <row r="7855" spans="8:17" x14ac:dyDescent="0.25">
      <c r="H7855" s="43">
        <v>7848</v>
      </c>
      <c r="I7855" s="55">
        <f>Bühler!I7881</f>
        <v>3.8316764971117609</v>
      </c>
      <c r="J7855" s="58">
        <f>Bühler!J7881</f>
        <v>16.054720225091884</v>
      </c>
      <c r="K7855" s="58">
        <f>Bühler!K7881</f>
        <v>0.64561826235184527</v>
      </c>
      <c r="L7855" s="58">
        <f>Bühler!L7881</f>
        <v>0.32280913117592264</v>
      </c>
      <c r="M7855" s="57">
        <f>Bühler!M7881</f>
        <v>0</v>
      </c>
      <c r="N7855" s="55">
        <f>IF(Input!$K$13=1,J7855*Input!$J$13,0)+IF(Input!$K$14=1,K7855*Input!$J$14,0)+IF(Input!$K$15=1,L7855*Input!$J$15,0)+IF(Input!$K$16=1,M7855*Input!$J$16,0)</f>
        <v>1.9265664270110261</v>
      </c>
      <c r="O7855" s="58">
        <f>IF(Input!$K$13=2,J7855*Input!$J$13,0)+IF(Input!$K$14=2,K7855*Input!$J$14,0)+IF(Input!$K$15=2,L7855*Input!$J$15,0)+IF(Input!$K$16=2,M7855*Input!$J$16,0)</f>
        <v>8.7158465417499109E-2</v>
      </c>
      <c r="P7855" s="58">
        <f>IF(Input!$K$13=3,J7855*Input!$J$13,0)+IF(Input!$K$14=3,K7855*Input!$J$14,0)+IF(Input!$K$15=3,L7855*Input!$J$15,0)+IF(Input!$K$16=3,M7855*Input!$J$16,0)</f>
        <v>0</v>
      </c>
      <c r="Q7855" s="71">
        <f>IF(Input!$K$13=4,J7855*Input!$J$13,0)+IF(Input!$K$14=4,K7855*Input!$J$14,0)+IF(Input!$K$15=4,L7855*Input!$J$15,0)+IF(Input!$K$16=4,M7855*Input!$J$16,0)</f>
        <v>0</v>
      </c>
    </row>
    <row r="7856" spans="8:17" x14ac:dyDescent="0.25">
      <c r="H7856" s="43">
        <v>7849</v>
      </c>
      <c r="I7856" s="55">
        <f>Bühler!I7882</f>
        <v>3.0312712269347535</v>
      </c>
      <c r="J7856" s="58">
        <f>Bühler!J7882</f>
        <v>20.543104331048465</v>
      </c>
      <c r="K7856" s="58">
        <f>Bühler!K7882</f>
        <v>0.97593671830479689</v>
      </c>
      <c r="L7856" s="58">
        <f>Bühler!L7882</f>
        <v>0.48796835915239845</v>
      </c>
      <c r="M7856" s="57">
        <f>Bühler!M7882</f>
        <v>0</v>
      </c>
      <c r="N7856" s="55">
        <f>IF(Input!$K$13=1,J7856*Input!$J$13,0)+IF(Input!$K$14=1,K7856*Input!$J$14,0)+IF(Input!$K$15=1,L7856*Input!$J$15,0)+IF(Input!$K$16=1,M7856*Input!$J$16,0)</f>
        <v>2.4651725197258156</v>
      </c>
      <c r="O7856" s="58">
        <f>IF(Input!$K$13=2,J7856*Input!$J$13,0)+IF(Input!$K$14=2,K7856*Input!$J$14,0)+IF(Input!$K$15=2,L7856*Input!$J$15,0)+IF(Input!$K$16=2,M7856*Input!$J$16,0)</f>
        <v>0.13175145697114757</v>
      </c>
      <c r="P7856" s="58">
        <f>IF(Input!$K$13=3,J7856*Input!$J$13,0)+IF(Input!$K$14=3,K7856*Input!$J$14,0)+IF(Input!$K$15=3,L7856*Input!$J$15,0)+IF(Input!$K$16=3,M7856*Input!$J$16,0)</f>
        <v>0</v>
      </c>
      <c r="Q7856" s="71">
        <f>IF(Input!$K$13=4,J7856*Input!$J$13,0)+IF(Input!$K$14=4,K7856*Input!$J$14,0)+IF(Input!$K$15=4,L7856*Input!$J$15,0)+IF(Input!$K$16=4,M7856*Input!$J$16,0)</f>
        <v>0</v>
      </c>
    </row>
    <row r="7857" spans="8:17" x14ac:dyDescent="0.25">
      <c r="H7857" s="43">
        <v>7850</v>
      </c>
      <c r="I7857" s="55">
        <f>Bühler!I7883</f>
        <v>3.0312712269347535</v>
      </c>
      <c r="J7857" s="58">
        <f>Bühler!J7883</f>
        <v>13.744014840413147</v>
      </c>
      <c r="K7857" s="58">
        <f>Bühler!K7883</f>
        <v>0.5914767989726043</v>
      </c>
      <c r="L7857" s="58">
        <f>Bühler!L7883</f>
        <v>0.29573839948630215</v>
      </c>
      <c r="M7857" s="57">
        <f>Bühler!M7883</f>
        <v>0</v>
      </c>
      <c r="N7857" s="55">
        <f>IF(Input!$K$13=1,J7857*Input!$J$13,0)+IF(Input!$K$14=1,K7857*Input!$J$14,0)+IF(Input!$K$15=1,L7857*Input!$J$15,0)+IF(Input!$K$16=1,M7857*Input!$J$16,0)</f>
        <v>1.6492817808495777</v>
      </c>
      <c r="O7857" s="58">
        <f>IF(Input!$K$13=2,J7857*Input!$J$13,0)+IF(Input!$K$14=2,K7857*Input!$J$14,0)+IF(Input!$K$15=2,L7857*Input!$J$15,0)+IF(Input!$K$16=2,M7857*Input!$J$16,0)</f>
        <v>7.984936786130159E-2</v>
      </c>
      <c r="P7857" s="58">
        <f>IF(Input!$K$13=3,J7857*Input!$J$13,0)+IF(Input!$K$14=3,K7857*Input!$J$14,0)+IF(Input!$K$15=3,L7857*Input!$J$15,0)+IF(Input!$K$16=3,M7857*Input!$J$16,0)</f>
        <v>0</v>
      </c>
      <c r="Q7857" s="71">
        <f>IF(Input!$K$13=4,J7857*Input!$J$13,0)+IF(Input!$K$14=4,K7857*Input!$J$14,0)+IF(Input!$K$15=4,L7857*Input!$J$15,0)+IF(Input!$K$16=4,M7857*Input!$J$16,0)</f>
        <v>0</v>
      </c>
    </row>
    <row r="7858" spans="8:17" x14ac:dyDescent="0.25">
      <c r="H7858" s="43">
        <v>7851</v>
      </c>
      <c r="I7858" s="55">
        <f>Bühler!I7884</f>
        <v>3.0312712269347535</v>
      </c>
      <c r="J7858" s="58">
        <f>Bühler!J7884</f>
        <v>13.744014840413147</v>
      </c>
      <c r="K7858" s="58">
        <f>Bühler!K7884</f>
        <v>0.5914767989726043</v>
      </c>
      <c r="L7858" s="58">
        <f>Bühler!L7884</f>
        <v>0.29573839948630215</v>
      </c>
      <c r="M7858" s="57">
        <f>Bühler!M7884</f>
        <v>0</v>
      </c>
      <c r="N7858" s="55">
        <f>IF(Input!$K$13=1,J7858*Input!$J$13,0)+IF(Input!$K$14=1,K7858*Input!$J$14,0)+IF(Input!$K$15=1,L7858*Input!$J$15,0)+IF(Input!$K$16=1,M7858*Input!$J$16,0)</f>
        <v>1.6492817808495777</v>
      </c>
      <c r="O7858" s="58">
        <f>IF(Input!$K$13=2,J7858*Input!$J$13,0)+IF(Input!$K$14=2,K7858*Input!$J$14,0)+IF(Input!$K$15=2,L7858*Input!$J$15,0)+IF(Input!$K$16=2,M7858*Input!$J$16,0)</f>
        <v>7.984936786130159E-2</v>
      </c>
      <c r="P7858" s="58">
        <f>IF(Input!$K$13=3,J7858*Input!$J$13,0)+IF(Input!$K$14=3,K7858*Input!$J$14,0)+IF(Input!$K$15=3,L7858*Input!$J$15,0)+IF(Input!$K$16=3,M7858*Input!$J$16,0)</f>
        <v>0</v>
      </c>
      <c r="Q7858" s="71">
        <f>IF(Input!$K$13=4,J7858*Input!$J$13,0)+IF(Input!$K$14=4,K7858*Input!$J$14,0)+IF(Input!$K$15=4,L7858*Input!$J$15,0)+IF(Input!$K$16=4,M7858*Input!$J$16,0)</f>
        <v>0</v>
      </c>
    </row>
    <row r="7859" spans="8:17" x14ac:dyDescent="0.25">
      <c r="H7859" s="43">
        <v>7852</v>
      </c>
      <c r="I7859" s="55">
        <f>Bühler!I7885</f>
        <v>3.0312712269347535</v>
      </c>
      <c r="J7859" s="58">
        <f>Bühler!J7885</f>
        <v>13.744014840413147</v>
      </c>
      <c r="K7859" s="58">
        <f>Bühler!K7885</f>
        <v>0.5914767989726043</v>
      </c>
      <c r="L7859" s="58">
        <f>Bühler!L7885</f>
        <v>0.29573839948630215</v>
      </c>
      <c r="M7859" s="57">
        <f>Bühler!M7885</f>
        <v>0</v>
      </c>
      <c r="N7859" s="55">
        <f>IF(Input!$K$13=1,J7859*Input!$J$13,0)+IF(Input!$K$14=1,K7859*Input!$J$14,0)+IF(Input!$K$15=1,L7859*Input!$J$15,0)+IF(Input!$K$16=1,M7859*Input!$J$16,0)</f>
        <v>1.6492817808495777</v>
      </c>
      <c r="O7859" s="58">
        <f>IF(Input!$K$13=2,J7859*Input!$J$13,0)+IF(Input!$K$14=2,K7859*Input!$J$14,0)+IF(Input!$K$15=2,L7859*Input!$J$15,0)+IF(Input!$K$16=2,M7859*Input!$J$16,0)</f>
        <v>7.984936786130159E-2</v>
      </c>
      <c r="P7859" s="58">
        <f>IF(Input!$K$13=3,J7859*Input!$J$13,0)+IF(Input!$K$14=3,K7859*Input!$J$14,0)+IF(Input!$K$15=3,L7859*Input!$J$15,0)+IF(Input!$K$16=3,M7859*Input!$J$16,0)</f>
        <v>0</v>
      </c>
      <c r="Q7859" s="71">
        <f>IF(Input!$K$13=4,J7859*Input!$J$13,0)+IF(Input!$K$14=4,K7859*Input!$J$14,0)+IF(Input!$K$15=4,L7859*Input!$J$15,0)+IF(Input!$K$16=4,M7859*Input!$J$16,0)</f>
        <v>0</v>
      </c>
    </row>
    <row r="7860" spans="8:17" x14ac:dyDescent="0.25">
      <c r="H7860" s="43">
        <v>7853</v>
      </c>
      <c r="I7860" s="55">
        <f>Bühler!I7886</f>
        <v>3.0312712269347535</v>
      </c>
      <c r="J7860" s="58">
        <f>Bühler!J7886</f>
        <v>13.744014840413147</v>
      </c>
      <c r="K7860" s="58">
        <f>Bühler!K7886</f>
        <v>0.5914767989726043</v>
      </c>
      <c r="L7860" s="58">
        <f>Bühler!L7886</f>
        <v>0.29573839948630215</v>
      </c>
      <c r="M7860" s="57">
        <f>Bühler!M7886</f>
        <v>0</v>
      </c>
      <c r="N7860" s="55">
        <f>IF(Input!$K$13=1,J7860*Input!$J$13,0)+IF(Input!$K$14=1,K7860*Input!$J$14,0)+IF(Input!$K$15=1,L7860*Input!$J$15,0)+IF(Input!$K$16=1,M7860*Input!$J$16,0)</f>
        <v>1.6492817808495777</v>
      </c>
      <c r="O7860" s="58">
        <f>IF(Input!$K$13=2,J7860*Input!$J$13,0)+IF(Input!$K$14=2,K7860*Input!$J$14,0)+IF(Input!$K$15=2,L7860*Input!$J$15,0)+IF(Input!$K$16=2,M7860*Input!$J$16,0)</f>
        <v>7.984936786130159E-2</v>
      </c>
      <c r="P7860" s="58">
        <f>IF(Input!$K$13=3,J7860*Input!$J$13,0)+IF(Input!$K$14=3,K7860*Input!$J$14,0)+IF(Input!$K$15=3,L7860*Input!$J$15,0)+IF(Input!$K$16=3,M7860*Input!$J$16,0)</f>
        <v>0</v>
      </c>
      <c r="Q7860" s="71">
        <f>IF(Input!$K$13=4,J7860*Input!$J$13,0)+IF(Input!$K$14=4,K7860*Input!$J$14,0)+IF(Input!$K$15=4,L7860*Input!$J$15,0)+IF(Input!$K$16=4,M7860*Input!$J$16,0)</f>
        <v>0</v>
      </c>
    </row>
    <row r="7861" spans="8:17" x14ac:dyDescent="0.25">
      <c r="H7861" s="43">
        <v>7854</v>
      </c>
      <c r="I7861" s="55">
        <f>Bühler!I7887</f>
        <v>3.0312712269347535</v>
      </c>
      <c r="J7861" s="58">
        <f>Bühler!J7887</f>
        <v>13.744014840413147</v>
      </c>
      <c r="K7861" s="58">
        <f>Bühler!K7887</f>
        <v>0.5914767989726043</v>
      </c>
      <c r="L7861" s="58">
        <f>Bühler!L7887</f>
        <v>0.29573839948630215</v>
      </c>
      <c r="M7861" s="57">
        <f>Bühler!M7887</f>
        <v>0</v>
      </c>
      <c r="N7861" s="55">
        <f>IF(Input!$K$13=1,J7861*Input!$J$13,0)+IF(Input!$K$14=1,K7861*Input!$J$14,0)+IF(Input!$K$15=1,L7861*Input!$J$15,0)+IF(Input!$K$16=1,M7861*Input!$J$16,0)</f>
        <v>1.6492817808495777</v>
      </c>
      <c r="O7861" s="58">
        <f>IF(Input!$K$13=2,J7861*Input!$J$13,0)+IF(Input!$K$14=2,K7861*Input!$J$14,0)+IF(Input!$K$15=2,L7861*Input!$J$15,0)+IF(Input!$K$16=2,M7861*Input!$J$16,0)</f>
        <v>7.984936786130159E-2</v>
      </c>
      <c r="P7861" s="58">
        <f>IF(Input!$K$13=3,J7861*Input!$J$13,0)+IF(Input!$K$14=3,K7861*Input!$J$14,0)+IF(Input!$K$15=3,L7861*Input!$J$15,0)+IF(Input!$K$16=3,M7861*Input!$J$16,0)</f>
        <v>0</v>
      </c>
      <c r="Q7861" s="71">
        <f>IF(Input!$K$13=4,J7861*Input!$J$13,0)+IF(Input!$K$14=4,K7861*Input!$J$14,0)+IF(Input!$K$15=4,L7861*Input!$J$15,0)+IF(Input!$K$16=4,M7861*Input!$J$16,0)</f>
        <v>0</v>
      </c>
    </row>
    <row r="7862" spans="8:17" x14ac:dyDescent="0.25">
      <c r="H7862" s="43">
        <v>7855</v>
      </c>
      <c r="I7862" s="55">
        <f>Bühler!I7888</f>
        <v>3.0312712269347535</v>
      </c>
      <c r="J7862" s="58">
        <f>Bühler!J7888</f>
        <v>13.744014840413147</v>
      </c>
      <c r="K7862" s="58">
        <f>Bühler!K7888</f>
        <v>0.5914767989726043</v>
      </c>
      <c r="L7862" s="58">
        <f>Bühler!L7888</f>
        <v>0.29573839948630215</v>
      </c>
      <c r="M7862" s="57">
        <f>Bühler!M7888</f>
        <v>0</v>
      </c>
      <c r="N7862" s="55">
        <f>IF(Input!$K$13=1,J7862*Input!$J$13,0)+IF(Input!$K$14=1,K7862*Input!$J$14,0)+IF(Input!$K$15=1,L7862*Input!$J$15,0)+IF(Input!$K$16=1,M7862*Input!$J$16,0)</f>
        <v>1.6492817808495777</v>
      </c>
      <c r="O7862" s="58">
        <f>IF(Input!$K$13=2,J7862*Input!$J$13,0)+IF(Input!$K$14=2,K7862*Input!$J$14,0)+IF(Input!$K$15=2,L7862*Input!$J$15,0)+IF(Input!$K$16=2,M7862*Input!$J$16,0)</f>
        <v>7.984936786130159E-2</v>
      </c>
      <c r="P7862" s="58">
        <f>IF(Input!$K$13=3,J7862*Input!$J$13,0)+IF(Input!$K$14=3,K7862*Input!$J$14,0)+IF(Input!$K$15=3,L7862*Input!$J$15,0)+IF(Input!$K$16=3,M7862*Input!$J$16,0)</f>
        <v>0</v>
      </c>
      <c r="Q7862" s="71">
        <f>IF(Input!$K$13=4,J7862*Input!$J$13,0)+IF(Input!$K$14=4,K7862*Input!$J$14,0)+IF(Input!$K$15=4,L7862*Input!$J$15,0)+IF(Input!$K$16=4,M7862*Input!$J$16,0)</f>
        <v>0</v>
      </c>
    </row>
    <row r="7863" spans="8:17" x14ac:dyDescent="0.25">
      <c r="H7863" s="43">
        <v>7856</v>
      </c>
      <c r="I7863" s="55">
        <f>Bühler!I7889</f>
        <v>8.2137671955651381</v>
      </c>
      <c r="J7863" s="58">
        <f>Bühler!J7889</f>
        <v>53.458434303051675</v>
      </c>
      <c r="K7863" s="58">
        <f>Bühler!K7889</f>
        <v>2.5196911636232939</v>
      </c>
      <c r="L7863" s="58">
        <f>Bühler!L7889</f>
        <v>1.259845581811647</v>
      </c>
      <c r="M7863" s="57">
        <f>Bühler!M7889</f>
        <v>0</v>
      </c>
      <c r="N7863" s="55">
        <f>IF(Input!$K$13=1,J7863*Input!$J$13,0)+IF(Input!$K$14=1,K7863*Input!$J$14,0)+IF(Input!$K$15=1,L7863*Input!$J$15,0)+IF(Input!$K$16=1,M7863*Input!$J$16,0)</f>
        <v>6.4150121163662011</v>
      </c>
      <c r="O7863" s="58">
        <f>IF(Input!$K$13=2,J7863*Input!$J$13,0)+IF(Input!$K$14=2,K7863*Input!$J$14,0)+IF(Input!$K$15=2,L7863*Input!$J$15,0)+IF(Input!$K$16=2,M7863*Input!$J$16,0)</f>
        <v>0.34015830708914468</v>
      </c>
      <c r="P7863" s="58">
        <f>IF(Input!$K$13=3,J7863*Input!$J$13,0)+IF(Input!$K$14=3,K7863*Input!$J$14,0)+IF(Input!$K$15=3,L7863*Input!$J$15,0)+IF(Input!$K$16=3,M7863*Input!$J$16,0)</f>
        <v>0</v>
      </c>
      <c r="Q7863" s="71">
        <f>IF(Input!$K$13=4,J7863*Input!$J$13,0)+IF(Input!$K$14=4,K7863*Input!$J$14,0)+IF(Input!$K$15=4,L7863*Input!$J$15,0)+IF(Input!$K$16=4,M7863*Input!$J$16,0)</f>
        <v>0</v>
      </c>
    </row>
    <row r="7864" spans="8:17" x14ac:dyDescent="0.25">
      <c r="H7864" s="43">
        <v>7857</v>
      </c>
      <c r="I7864" s="55">
        <f>Bühler!I7890</f>
        <v>10.267208994456423</v>
      </c>
      <c r="J7864" s="58">
        <f>Bühler!J7890</f>
        <v>66.82304287881459</v>
      </c>
      <c r="K7864" s="58">
        <f>Bühler!K7890</f>
        <v>3.1496139545291175</v>
      </c>
      <c r="L7864" s="58">
        <f>Bühler!L7890</f>
        <v>1.5748069772645588</v>
      </c>
      <c r="M7864" s="57">
        <f>Bühler!M7890</f>
        <v>0</v>
      </c>
      <c r="N7864" s="55">
        <f>IF(Input!$K$13=1,J7864*Input!$J$13,0)+IF(Input!$K$14=1,K7864*Input!$J$14,0)+IF(Input!$K$15=1,L7864*Input!$J$15,0)+IF(Input!$K$16=1,M7864*Input!$J$16,0)</f>
        <v>8.0187651454577509</v>
      </c>
      <c r="O7864" s="58">
        <f>IF(Input!$K$13=2,J7864*Input!$J$13,0)+IF(Input!$K$14=2,K7864*Input!$J$14,0)+IF(Input!$K$15=2,L7864*Input!$J$15,0)+IF(Input!$K$16=2,M7864*Input!$J$16,0)</f>
        <v>0.42519788386143087</v>
      </c>
      <c r="P7864" s="58">
        <f>IF(Input!$K$13=3,J7864*Input!$J$13,0)+IF(Input!$K$14=3,K7864*Input!$J$14,0)+IF(Input!$K$15=3,L7864*Input!$J$15,0)+IF(Input!$K$16=3,M7864*Input!$J$16,0)</f>
        <v>0</v>
      </c>
      <c r="Q7864" s="71">
        <f>IF(Input!$K$13=4,J7864*Input!$J$13,0)+IF(Input!$K$14=4,K7864*Input!$J$14,0)+IF(Input!$K$15=4,L7864*Input!$J$15,0)+IF(Input!$K$16=4,M7864*Input!$J$16,0)</f>
        <v>0</v>
      </c>
    </row>
    <row r="7865" spans="8:17" x14ac:dyDescent="0.25">
      <c r="H7865" s="43">
        <v>7858</v>
      </c>
      <c r="I7865" s="55">
        <f>Bühler!I7891</f>
        <v>11.293929893902066</v>
      </c>
      <c r="J7865" s="58">
        <f>Bühler!J7891</f>
        <v>73.505347166696055</v>
      </c>
      <c r="K7865" s="58">
        <f>Bühler!K7891</f>
        <v>3.4645753499820295</v>
      </c>
      <c r="L7865" s="58">
        <f>Bühler!L7891</f>
        <v>1.7322876749910148</v>
      </c>
      <c r="M7865" s="57">
        <f>Bühler!M7891</f>
        <v>0</v>
      </c>
      <c r="N7865" s="55">
        <f>IF(Input!$K$13=1,J7865*Input!$J$13,0)+IF(Input!$K$14=1,K7865*Input!$J$14,0)+IF(Input!$K$15=1,L7865*Input!$J$15,0)+IF(Input!$K$16=1,M7865*Input!$J$16,0)</f>
        <v>8.8206416600035258</v>
      </c>
      <c r="O7865" s="58">
        <f>IF(Input!$K$13=2,J7865*Input!$J$13,0)+IF(Input!$K$14=2,K7865*Input!$J$14,0)+IF(Input!$K$15=2,L7865*Input!$J$15,0)+IF(Input!$K$16=2,M7865*Input!$J$16,0)</f>
        <v>0.46771767224757399</v>
      </c>
      <c r="P7865" s="58">
        <f>IF(Input!$K$13=3,J7865*Input!$J$13,0)+IF(Input!$K$14=3,K7865*Input!$J$14,0)+IF(Input!$K$15=3,L7865*Input!$J$15,0)+IF(Input!$K$16=3,M7865*Input!$J$16,0)</f>
        <v>0</v>
      </c>
      <c r="Q7865" s="71">
        <f>IF(Input!$K$13=4,J7865*Input!$J$13,0)+IF(Input!$K$14=4,K7865*Input!$J$14,0)+IF(Input!$K$15=4,L7865*Input!$J$15,0)+IF(Input!$K$16=4,M7865*Input!$J$16,0)</f>
        <v>0</v>
      </c>
    </row>
    <row r="7866" spans="8:17" x14ac:dyDescent="0.25">
      <c r="H7866" s="43">
        <v>7859</v>
      </c>
      <c r="I7866" s="55">
        <f>Bühler!I7892</f>
        <v>11.293929893902066</v>
      </c>
      <c r="J7866" s="58">
        <f>Bühler!J7892</f>
        <v>73.505347166696055</v>
      </c>
      <c r="K7866" s="58">
        <f>Bühler!K7892</f>
        <v>3.4645753499820295</v>
      </c>
      <c r="L7866" s="58">
        <f>Bühler!L7892</f>
        <v>1.7322876749910148</v>
      </c>
      <c r="M7866" s="57">
        <f>Bühler!M7892</f>
        <v>0</v>
      </c>
      <c r="N7866" s="55">
        <f>IF(Input!$K$13=1,J7866*Input!$J$13,0)+IF(Input!$K$14=1,K7866*Input!$J$14,0)+IF(Input!$K$15=1,L7866*Input!$J$15,0)+IF(Input!$K$16=1,M7866*Input!$J$16,0)</f>
        <v>8.8206416600035258</v>
      </c>
      <c r="O7866" s="58">
        <f>IF(Input!$K$13=2,J7866*Input!$J$13,0)+IF(Input!$K$14=2,K7866*Input!$J$14,0)+IF(Input!$K$15=2,L7866*Input!$J$15,0)+IF(Input!$K$16=2,M7866*Input!$J$16,0)</f>
        <v>0.46771767224757399</v>
      </c>
      <c r="P7866" s="58">
        <f>IF(Input!$K$13=3,J7866*Input!$J$13,0)+IF(Input!$K$14=3,K7866*Input!$J$14,0)+IF(Input!$K$15=3,L7866*Input!$J$15,0)+IF(Input!$K$16=3,M7866*Input!$J$16,0)</f>
        <v>0</v>
      </c>
      <c r="Q7866" s="71">
        <f>IF(Input!$K$13=4,J7866*Input!$J$13,0)+IF(Input!$K$14=4,K7866*Input!$J$14,0)+IF(Input!$K$15=4,L7866*Input!$J$15,0)+IF(Input!$K$16=4,M7866*Input!$J$16,0)</f>
        <v>0</v>
      </c>
    </row>
    <row r="7867" spans="8:17" x14ac:dyDescent="0.25">
      <c r="H7867" s="43">
        <v>7860</v>
      </c>
      <c r="I7867" s="55">
        <f>Bühler!I7893</f>
        <v>13.347371692793349</v>
      </c>
      <c r="J7867" s="58">
        <f>Bühler!J7893</f>
        <v>86.869955742458984</v>
      </c>
      <c r="K7867" s="58">
        <f>Bühler!K7893</f>
        <v>4.0944981408878531</v>
      </c>
      <c r="L7867" s="58">
        <f>Bühler!L7893</f>
        <v>2.0472490704439266</v>
      </c>
      <c r="M7867" s="57">
        <f>Bühler!M7893</f>
        <v>0</v>
      </c>
      <c r="N7867" s="55">
        <f>IF(Input!$K$13=1,J7867*Input!$J$13,0)+IF(Input!$K$14=1,K7867*Input!$J$14,0)+IF(Input!$K$15=1,L7867*Input!$J$15,0)+IF(Input!$K$16=1,M7867*Input!$J$16,0)</f>
        <v>10.424394689095077</v>
      </c>
      <c r="O7867" s="58">
        <f>IF(Input!$K$13=2,J7867*Input!$J$13,0)+IF(Input!$K$14=2,K7867*Input!$J$14,0)+IF(Input!$K$15=2,L7867*Input!$J$15,0)+IF(Input!$K$16=2,M7867*Input!$J$16,0)</f>
        <v>0.55275724901986012</v>
      </c>
      <c r="P7867" s="58">
        <f>IF(Input!$K$13=3,J7867*Input!$J$13,0)+IF(Input!$K$14=3,K7867*Input!$J$14,0)+IF(Input!$K$15=3,L7867*Input!$J$15,0)+IF(Input!$K$16=3,M7867*Input!$J$16,0)</f>
        <v>0</v>
      </c>
      <c r="Q7867" s="71">
        <f>IF(Input!$K$13=4,J7867*Input!$J$13,0)+IF(Input!$K$14=4,K7867*Input!$J$14,0)+IF(Input!$K$15=4,L7867*Input!$J$15,0)+IF(Input!$K$16=4,M7867*Input!$J$16,0)</f>
        <v>0</v>
      </c>
    </row>
    <row r="7868" spans="8:17" x14ac:dyDescent="0.25">
      <c r="H7868" s="43">
        <v>7861</v>
      </c>
      <c r="I7868" s="55">
        <f>Bühler!I7894</f>
        <v>13.347371692793349</v>
      </c>
      <c r="J7868" s="58">
        <f>Bühler!J7894</f>
        <v>86.869955742458984</v>
      </c>
      <c r="K7868" s="58">
        <f>Bühler!K7894</f>
        <v>4.0944981408878531</v>
      </c>
      <c r="L7868" s="58">
        <f>Bühler!L7894</f>
        <v>2.0472490704439266</v>
      </c>
      <c r="M7868" s="57">
        <f>Bühler!M7894</f>
        <v>0</v>
      </c>
      <c r="N7868" s="55">
        <f>IF(Input!$K$13=1,J7868*Input!$J$13,0)+IF(Input!$K$14=1,K7868*Input!$J$14,0)+IF(Input!$K$15=1,L7868*Input!$J$15,0)+IF(Input!$K$16=1,M7868*Input!$J$16,0)</f>
        <v>10.424394689095077</v>
      </c>
      <c r="O7868" s="58">
        <f>IF(Input!$K$13=2,J7868*Input!$J$13,0)+IF(Input!$K$14=2,K7868*Input!$J$14,0)+IF(Input!$K$15=2,L7868*Input!$J$15,0)+IF(Input!$K$16=2,M7868*Input!$J$16,0)</f>
        <v>0.55275724901986012</v>
      </c>
      <c r="P7868" s="58">
        <f>IF(Input!$K$13=3,J7868*Input!$J$13,0)+IF(Input!$K$14=3,K7868*Input!$J$14,0)+IF(Input!$K$15=3,L7868*Input!$J$15,0)+IF(Input!$K$16=3,M7868*Input!$J$16,0)</f>
        <v>0</v>
      </c>
      <c r="Q7868" s="71">
        <f>IF(Input!$K$13=4,J7868*Input!$J$13,0)+IF(Input!$K$14=4,K7868*Input!$J$14,0)+IF(Input!$K$15=4,L7868*Input!$J$15,0)+IF(Input!$K$16=4,M7868*Input!$J$16,0)</f>
        <v>0</v>
      </c>
    </row>
    <row r="7869" spans="8:17" x14ac:dyDescent="0.25">
      <c r="H7869" s="43">
        <v>7862</v>
      </c>
      <c r="I7869" s="55">
        <f>Bühler!I7895</f>
        <v>9.2404880950107824</v>
      </c>
      <c r="J7869" s="58">
        <f>Bühler!J7895</f>
        <v>60.14073859093314</v>
      </c>
      <c r="K7869" s="58">
        <f>Bühler!K7895</f>
        <v>2.8346525590762059</v>
      </c>
      <c r="L7869" s="58">
        <f>Bühler!L7895</f>
        <v>1.417326279538103</v>
      </c>
      <c r="M7869" s="57">
        <f>Bühler!M7895</f>
        <v>0</v>
      </c>
      <c r="N7869" s="55">
        <f>IF(Input!$K$13=1,J7869*Input!$J$13,0)+IF(Input!$K$14=1,K7869*Input!$J$14,0)+IF(Input!$K$15=1,L7869*Input!$J$15,0)+IF(Input!$K$16=1,M7869*Input!$J$16,0)</f>
        <v>7.2168886309119769</v>
      </c>
      <c r="O7869" s="58">
        <f>IF(Input!$K$13=2,J7869*Input!$J$13,0)+IF(Input!$K$14=2,K7869*Input!$J$14,0)+IF(Input!$K$15=2,L7869*Input!$J$15,0)+IF(Input!$K$16=2,M7869*Input!$J$16,0)</f>
        <v>0.38267809547528775</v>
      </c>
      <c r="P7869" s="58">
        <f>IF(Input!$K$13=3,J7869*Input!$J$13,0)+IF(Input!$K$14=3,K7869*Input!$J$14,0)+IF(Input!$K$15=3,L7869*Input!$J$15,0)+IF(Input!$K$16=3,M7869*Input!$J$16,0)</f>
        <v>0</v>
      </c>
      <c r="Q7869" s="71">
        <f>IF(Input!$K$13=4,J7869*Input!$J$13,0)+IF(Input!$K$14=4,K7869*Input!$J$14,0)+IF(Input!$K$15=4,L7869*Input!$J$15,0)+IF(Input!$K$16=4,M7869*Input!$J$16,0)</f>
        <v>0</v>
      </c>
    </row>
    <row r="7870" spans="8:17" x14ac:dyDescent="0.25">
      <c r="H7870" s="43">
        <v>7863</v>
      </c>
      <c r="I7870" s="55">
        <f>Bühler!I7896</f>
        <v>13.347371692793349</v>
      </c>
      <c r="J7870" s="58">
        <f>Bühler!J7896</f>
        <v>86.869955742458984</v>
      </c>
      <c r="K7870" s="58">
        <f>Bühler!K7896</f>
        <v>4.0944981408878531</v>
      </c>
      <c r="L7870" s="58">
        <f>Bühler!L7896</f>
        <v>2.0472490704439266</v>
      </c>
      <c r="M7870" s="57">
        <f>Bühler!M7896</f>
        <v>0</v>
      </c>
      <c r="N7870" s="55">
        <f>IF(Input!$K$13=1,J7870*Input!$J$13,0)+IF(Input!$K$14=1,K7870*Input!$J$14,0)+IF(Input!$K$15=1,L7870*Input!$J$15,0)+IF(Input!$K$16=1,M7870*Input!$J$16,0)</f>
        <v>10.424394689095077</v>
      </c>
      <c r="O7870" s="58">
        <f>IF(Input!$K$13=2,J7870*Input!$J$13,0)+IF(Input!$K$14=2,K7870*Input!$J$14,0)+IF(Input!$K$15=2,L7870*Input!$J$15,0)+IF(Input!$K$16=2,M7870*Input!$J$16,0)</f>
        <v>0.55275724901986012</v>
      </c>
      <c r="P7870" s="58">
        <f>IF(Input!$K$13=3,J7870*Input!$J$13,0)+IF(Input!$K$14=3,K7870*Input!$J$14,0)+IF(Input!$K$15=3,L7870*Input!$J$15,0)+IF(Input!$K$16=3,M7870*Input!$J$16,0)</f>
        <v>0</v>
      </c>
      <c r="Q7870" s="71">
        <f>IF(Input!$K$13=4,J7870*Input!$J$13,0)+IF(Input!$K$14=4,K7870*Input!$J$14,0)+IF(Input!$K$15=4,L7870*Input!$J$15,0)+IF(Input!$K$16=4,M7870*Input!$J$16,0)</f>
        <v>0</v>
      </c>
    </row>
    <row r="7871" spans="8:17" x14ac:dyDescent="0.25">
      <c r="H7871" s="43">
        <v>7864</v>
      </c>
      <c r="I7871" s="55">
        <f>Bühler!I7897</f>
        <v>11.293929893902066</v>
      </c>
      <c r="J7871" s="58">
        <f>Bühler!J7897</f>
        <v>67.935323853214044</v>
      </c>
      <c r="K7871" s="58">
        <f>Bühler!K7897</f>
        <v>3.1496139545291175</v>
      </c>
      <c r="L7871" s="58">
        <f>Bühler!L7897</f>
        <v>1.5748069772645588</v>
      </c>
      <c r="M7871" s="57">
        <f>Bühler!M7897</f>
        <v>0</v>
      </c>
      <c r="N7871" s="55">
        <f>IF(Input!$K$13=1,J7871*Input!$J$13,0)+IF(Input!$K$14=1,K7871*Input!$J$14,0)+IF(Input!$K$15=1,L7871*Input!$J$15,0)+IF(Input!$K$16=1,M7871*Input!$J$16,0)</f>
        <v>8.1522388623856852</v>
      </c>
      <c r="O7871" s="58">
        <f>IF(Input!$K$13=2,J7871*Input!$J$13,0)+IF(Input!$K$14=2,K7871*Input!$J$14,0)+IF(Input!$K$15=2,L7871*Input!$J$15,0)+IF(Input!$K$16=2,M7871*Input!$J$16,0)</f>
        <v>0.42519788386143087</v>
      </c>
      <c r="P7871" s="58">
        <f>IF(Input!$K$13=3,J7871*Input!$J$13,0)+IF(Input!$K$14=3,K7871*Input!$J$14,0)+IF(Input!$K$15=3,L7871*Input!$J$15,0)+IF(Input!$K$16=3,M7871*Input!$J$16,0)</f>
        <v>0</v>
      </c>
      <c r="Q7871" s="71">
        <f>IF(Input!$K$13=4,J7871*Input!$J$13,0)+IF(Input!$K$14=4,K7871*Input!$J$14,0)+IF(Input!$K$15=4,L7871*Input!$J$15,0)+IF(Input!$K$16=4,M7871*Input!$J$16,0)</f>
        <v>0</v>
      </c>
    </row>
    <row r="7872" spans="8:17" x14ac:dyDescent="0.25">
      <c r="H7872" s="43">
        <v>7865</v>
      </c>
      <c r="I7872" s="55">
        <f>Bühler!I7898</f>
        <v>9.7782942804346895</v>
      </c>
      <c r="J7872" s="58">
        <f>Bühler!J7898</f>
        <v>36.743496331888821</v>
      </c>
      <c r="K7872" s="58">
        <f>Bühler!K7898</f>
        <v>1.4786919974315107</v>
      </c>
      <c r="L7872" s="58">
        <f>Bühler!L7898</f>
        <v>0.73934599871575535</v>
      </c>
      <c r="M7872" s="57">
        <f>Bühler!M7898</f>
        <v>0</v>
      </c>
      <c r="N7872" s="55">
        <f>IF(Input!$K$13=1,J7872*Input!$J$13,0)+IF(Input!$K$14=1,K7872*Input!$J$14,0)+IF(Input!$K$15=1,L7872*Input!$J$15,0)+IF(Input!$K$16=1,M7872*Input!$J$16,0)</f>
        <v>4.4092195598266581</v>
      </c>
      <c r="O7872" s="58">
        <f>IF(Input!$K$13=2,J7872*Input!$J$13,0)+IF(Input!$K$14=2,K7872*Input!$J$14,0)+IF(Input!$K$15=2,L7872*Input!$J$15,0)+IF(Input!$K$16=2,M7872*Input!$J$16,0)</f>
        <v>0.19962341965325392</v>
      </c>
      <c r="P7872" s="58">
        <f>IF(Input!$K$13=3,J7872*Input!$J$13,0)+IF(Input!$K$14=3,K7872*Input!$J$14,0)+IF(Input!$K$15=3,L7872*Input!$J$15,0)+IF(Input!$K$16=3,M7872*Input!$J$16,0)</f>
        <v>0</v>
      </c>
      <c r="Q7872" s="71">
        <f>IF(Input!$K$13=4,J7872*Input!$J$13,0)+IF(Input!$K$14=4,K7872*Input!$J$14,0)+IF(Input!$K$15=4,L7872*Input!$J$15,0)+IF(Input!$K$16=4,M7872*Input!$J$16,0)</f>
        <v>0</v>
      </c>
    </row>
    <row r="7873" spans="8:17" x14ac:dyDescent="0.25">
      <c r="H7873" s="43">
        <v>7866</v>
      </c>
      <c r="I7873" s="55">
        <f>Bühler!I7899</f>
        <v>8.2137671955651381</v>
      </c>
      <c r="J7873" s="58">
        <f>Bühler!J7899</f>
        <v>26.157474963731389</v>
      </c>
      <c r="K7873" s="58">
        <f>Bühler!K7899</f>
        <v>0.97593671830479689</v>
      </c>
      <c r="L7873" s="58">
        <f>Bühler!L7899</f>
        <v>0.48796835915239845</v>
      </c>
      <c r="M7873" s="57">
        <f>Bühler!M7899</f>
        <v>0</v>
      </c>
      <c r="N7873" s="55">
        <f>IF(Input!$K$13=1,J7873*Input!$J$13,0)+IF(Input!$K$14=1,K7873*Input!$J$14,0)+IF(Input!$K$15=1,L7873*Input!$J$15,0)+IF(Input!$K$16=1,M7873*Input!$J$16,0)</f>
        <v>3.1388969956477664</v>
      </c>
      <c r="O7873" s="58">
        <f>IF(Input!$K$13=2,J7873*Input!$J$13,0)+IF(Input!$K$14=2,K7873*Input!$J$14,0)+IF(Input!$K$15=2,L7873*Input!$J$15,0)+IF(Input!$K$16=2,M7873*Input!$J$16,0)</f>
        <v>0.13175145697114757</v>
      </c>
      <c r="P7873" s="58">
        <f>IF(Input!$K$13=3,J7873*Input!$J$13,0)+IF(Input!$K$14=3,K7873*Input!$J$14,0)+IF(Input!$K$15=3,L7873*Input!$J$15,0)+IF(Input!$K$16=3,M7873*Input!$J$16,0)</f>
        <v>0</v>
      </c>
      <c r="Q7873" s="71">
        <f>IF(Input!$K$13=4,J7873*Input!$J$13,0)+IF(Input!$K$14=4,K7873*Input!$J$14,0)+IF(Input!$K$15=4,L7873*Input!$J$15,0)+IF(Input!$K$16=4,M7873*Input!$J$16,0)</f>
        <v>0</v>
      </c>
    </row>
    <row r="7874" spans="8:17" x14ac:dyDescent="0.25">
      <c r="H7874" s="43">
        <v>7867</v>
      </c>
      <c r="I7874" s="55">
        <f>Bühler!I7900</f>
        <v>3.0312712269347535</v>
      </c>
      <c r="J7874" s="58">
        <f>Bühler!J7900</f>
        <v>14.267021724308171</v>
      </c>
      <c r="K7874" s="58">
        <f>Bühler!K7900</f>
        <v>0.62105063892123447</v>
      </c>
      <c r="L7874" s="58">
        <f>Bühler!L7900</f>
        <v>0.31052531946061723</v>
      </c>
      <c r="M7874" s="57">
        <f>Bühler!M7900</f>
        <v>0</v>
      </c>
      <c r="N7874" s="55">
        <f>IF(Input!$K$13=1,J7874*Input!$J$13,0)+IF(Input!$K$14=1,K7874*Input!$J$14,0)+IF(Input!$K$15=1,L7874*Input!$J$15,0)+IF(Input!$K$16=1,M7874*Input!$J$16,0)</f>
        <v>1.7120426069169803</v>
      </c>
      <c r="O7874" s="58">
        <f>IF(Input!$K$13=2,J7874*Input!$J$13,0)+IF(Input!$K$14=2,K7874*Input!$J$14,0)+IF(Input!$K$15=2,L7874*Input!$J$15,0)+IF(Input!$K$16=2,M7874*Input!$J$16,0)</f>
        <v>8.3841836254366642E-2</v>
      </c>
      <c r="P7874" s="58">
        <f>IF(Input!$K$13=3,J7874*Input!$J$13,0)+IF(Input!$K$14=3,K7874*Input!$J$14,0)+IF(Input!$K$15=3,L7874*Input!$J$15,0)+IF(Input!$K$16=3,M7874*Input!$J$16,0)</f>
        <v>0</v>
      </c>
      <c r="Q7874" s="71">
        <f>IF(Input!$K$13=4,J7874*Input!$J$13,0)+IF(Input!$K$14=4,K7874*Input!$J$14,0)+IF(Input!$K$15=4,L7874*Input!$J$15,0)+IF(Input!$K$16=4,M7874*Input!$J$16,0)</f>
        <v>0</v>
      </c>
    </row>
    <row r="7875" spans="8:17" x14ac:dyDescent="0.25">
      <c r="H7875" s="43">
        <v>7868</v>
      </c>
      <c r="I7875" s="55">
        <f>Bühler!I7901</f>
        <v>3.0312712269347535</v>
      </c>
      <c r="J7875" s="58">
        <f>Bühler!J7901</f>
        <v>13.744014840413147</v>
      </c>
      <c r="K7875" s="58">
        <f>Bühler!K7901</f>
        <v>0.5914767989726043</v>
      </c>
      <c r="L7875" s="58">
        <f>Bühler!L7901</f>
        <v>0.29573839948630215</v>
      </c>
      <c r="M7875" s="57">
        <f>Bühler!M7901</f>
        <v>0</v>
      </c>
      <c r="N7875" s="55">
        <f>IF(Input!$K$13=1,J7875*Input!$J$13,0)+IF(Input!$K$14=1,K7875*Input!$J$14,0)+IF(Input!$K$15=1,L7875*Input!$J$15,0)+IF(Input!$K$16=1,M7875*Input!$J$16,0)</f>
        <v>1.6492817808495777</v>
      </c>
      <c r="O7875" s="58">
        <f>IF(Input!$K$13=2,J7875*Input!$J$13,0)+IF(Input!$K$14=2,K7875*Input!$J$14,0)+IF(Input!$K$15=2,L7875*Input!$J$15,0)+IF(Input!$K$16=2,M7875*Input!$J$16,0)</f>
        <v>7.984936786130159E-2</v>
      </c>
      <c r="P7875" s="58">
        <f>IF(Input!$K$13=3,J7875*Input!$J$13,0)+IF(Input!$K$14=3,K7875*Input!$J$14,0)+IF(Input!$K$15=3,L7875*Input!$J$15,0)+IF(Input!$K$16=3,M7875*Input!$J$16,0)</f>
        <v>0</v>
      </c>
      <c r="Q7875" s="71">
        <f>IF(Input!$K$13=4,J7875*Input!$J$13,0)+IF(Input!$K$14=4,K7875*Input!$J$14,0)+IF(Input!$K$15=4,L7875*Input!$J$15,0)+IF(Input!$K$16=4,M7875*Input!$J$16,0)</f>
        <v>0</v>
      </c>
    </row>
    <row r="7876" spans="8:17" x14ac:dyDescent="0.25">
      <c r="H7876" s="43">
        <v>7869</v>
      </c>
      <c r="I7876" s="55">
        <f>Bühler!I7902</f>
        <v>3.0312712269347535</v>
      </c>
      <c r="J7876" s="58">
        <f>Bühler!J7902</f>
        <v>13.744014840413147</v>
      </c>
      <c r="K7876" s="58">
        <f>Bühler!K7902</f>
        <v>0.5914767989726043</v>
      </c>
      <c r="L7876" s="58">
        <f>Bühler!L7902</f>
        <v>0.29573839948630215</v>
      </c>
      <c r="M7876" s="57">
        <f>Bühler!M7902</f>
        <v>0</v>
      </c>
      <c r="N7876" s="55">
        <f>IF(Input!$K$13=1,J7876*Input!$J$13,0)+IF(Input!$K$14=1,K7876*Input!$J$14,0)+IF(Input!$K$15=1,L7876*Input!$J$15,0)+IF(Input!$K$16=1,M7876*Input!$J$16,0)</f>
        <v>1.6492817808495777</v>
      </c>
      <c r="O7876" s="58">
        <f>IF(Input!$K$13=2,J7876*Input!$J$13,0)+IF(Input!$K$14=2,K7876*Input!$J$14,0)+IF(Input!$K$15=2,L7876*Input!$J$15,0)+IF(Input!$K$16=2,M7876*Input!$J$16,0)</f>
        <v>7.984936786130159E-2</v>
      </c>
      <c r="P7876" s="58">
        <f>IF(Input!$K$13=3,J7876*Input!$J$13,0)+IF(Input!$K$14=3,K7876*Input!$J$14,0)+IF(Input!$K$15=3,L7876*Input!$J$15,0)+IF(Input!$K$16=3,M7876*Input!$J$16,0)</f>
        <v>0</v>
      </c>
      <c r="Q7876" s="71">
        <f>IF(Input!$K$13=4,J7876*Input!$J$13,0)+IF(Input!$K$14=4,K7876*Input!$J$14,0)+IF(Input!$K$15=4,L7876*Input!$J$15,0)+IF(Input!$K$16=4,M7876*Input!$J$16,0)</f>
        <v>0</v>
      </c>
    </row>
    <row r="7877" spans="8:17" x14ac:dyDescent="0.25">
      <c r="H7877" s="43">
        <v>7870</v>
      </c>
      <c r="I7877" s="55">
        <f>Bühler!I7903</f>
        <v>3.0312712269347535</v>
      </c>
      <c r="J7877" s="58">
        <f>Bühler!J7903</f>
        <v>13.744014840413147</v>
      </c>
      <c r="K7877" s="58">
        <f>Bühler!K7903</f>
        <v>0.5914767989726043</v>
      </c>
      <c r="L7877" s="58">
        <f>Bühler!L7903</f>
        <v>0.29573839948630215</v>
      </c>
      <c r="M7877" s="57">
        <f>Bühler!M7903</f>
        <v>0</v>
      </c>
      <c r="N7877" s="55">
        <f>IF(Input!$K$13=1,J7877*Input!$J$13,0)+IF(Input!$K$14=1,K7877*Input!$J$14,0)+IF(Input!$K$15=1,L7877*Input!$J$15,0)+IF(Input!$K$16=1,M7877*Input!$J$16,0)</f>
        <v>1.6492817808495777</v>
      </c>
      <c r="O7877" s="58">
        <f>IF(Input!$K$13=2,J7877*Input!$J$13,0)+IF(Input!$K$14=2,K7877*Input!$J$14,0)+IF(Input!$K$15=2,L7877*Input!$J$15,0)+IF(Input!$K$16=2,M7877*Input!$J$16,0)</f>
        <v>7.984936786130159E-2</v>
      </c>
      <c r="P7877" s="58">
        <f>IF(Input!$K$13=3,J7877*Input!$J$13,0)+IF(Input!$K$14=3,K7877*Input!$J$14,0)+IF(Input!$K$15=3,L7877*Input!$J$15,0)+IF(Input!$K$16=3,M7877*Input!$J$16,0)</f>
        <v>0</v>
      </c>
      <c r="Q7877" s="71">
        <f>IF(Input!$K$13=4,J7877*Input!$J$13,0)+IF(Input!$K$14=4,K7877*Input!$J$14,0)+IF(Input!$K$15=4,L7877*Input!$J$15,0)+IF(Input!$K$16=4,M7877*Input!$J$16,0)</f>
        <v>0</v>
      </c>
    </row>
    <row r="7878" spans="8:17" x14ac:dyDescent="0.25">
      <c r="H7878" s="43">
        <v>7871</v>
      </c>
      <c r="I7878" s="55">
        <f>Bühler!I7904</f>
        <v>3.0312712269347535</v>
      </c>
      <c r="J7878" s="58">
        <f>Bühler!J7904</f>
        <v>13.744014840413147</v>
      </c>
      <c r="K7878" s="58">
        <f>Bühler!K7904</f>
        <v>0.5914767989726043</v>
      </c>
      <c r="L7878" s="58">
        <f>Bühler!L7904</f>
        <v>0.29573839948630215</v>
      </c>
      <c r="M7878" s="57">
        <f>Bühler!M7904</f>
        <v>0</v>
      </c>
      <c r="N7878" s="55">
        <f>IF(Input!$K$13=1,J7878*Input!$J$13,0)+IF(Input!$K$14=1,K7878*Input!$J$14,0)+IF(Input!$K$15=1,L7878*Input!$J$15,0)+IF(Input!$K$16=1,M7878*Input!$J$16,0)</f>
        <v>1.6492817808495777</v>
      </c>
      <c r="O7878" s="58">
        <f>IF(Input!$K$13=2,J7878*Input!$J$13,0)+IF(Input!$K$14=2,K7878*Input!$J$14,0)+IF(Input!$K$15=2,L7878*Input!$J$15,0)+IF(Input!$K$16=2,M7878*Input!$J$16,0)</f>
        <v>7.984936786130159E-2</v>
      </c>
      <c r="P7878" s="58">
        <f>IF(Input!$K$13=3,J7878*Input!$J$13,0)+IF(Input!$K$14=3,K7878*Input!$J$14,0)+IF(Input!$K$15=3,L7878*Input!$J$15,0)+IF(Input!$K$16=3,M7878*Input!$J$16,0)</f>
        <v>0</v>
      </c>
      <c r="Q7878" s="71">
        <f>IF(Input!$K$13=4,J7878*Input!$J$13,0)+IF(Input!$K$14=4,K7878*Input!$J$14,0)+IF(Input!$K$15=4,L7878*Input!$J$15,0)+IF(Input!$K$16=4,M7878*Input!$J$16,0)</f>
        <v>0</v>
      </c>
    </row>
    <row r="7879" spans="8:17" x14ac:dyDescent="0.25">
      <c r="H7879" s="43">
        <v>7872</v>
      </c>
      <c r="I7879" s="55">
        <f>Bühler!I7905</f>
        <v>3.0312712269347535</v>
      </c>
      <c r="J7879" s="58">
        <f>Bühler!J7905</f>
        <v>13.744014840413147</v>
      </c>
      <c r="K7879" s="58">
        <f>Bühler!K7905</f>
        <v>0.5914767989726043</v>
      </c>
      <c r="L7879" s="58">
        <f>Bühler!L7905</f>
        <v>0.29573839948630215</v>
      </c>
      <c r="M7879" s="57">
        <f>Bühler!M7905</f>
        <v>0</v>
      </c>
      <c r="N7879" s="55">
        <f>IF(Input!$K$13=1,J7879*Input!$J$13,0)+IF(Input!$K$14=1,K7879*Input!$J$14,0)+IF(Input!$K$15=1,L7879*Input!$J$15,0)+IF(Input!$K$16=1,M7879*Input!$J$16,0)</f>
        <v>1.6492817808495777</v>
      </c>
      <c r="O7879" s="58">
        <f>IF(Input!$K$13=2,J7879*Input!$J$13,0)+IF(Input!$K$14=2,K7879*Input!$J$14,0)+IF(Input!$K$15=2,L7879*Input!$J$15,0)+IF(Input!$K$16=2,M7879*Input!$J$16,0)</f>
        <v>7.984936786130159E-2</v>
      </c>
      <c r="P7879" s="58">
        <f>IF(Input!$K$13=3,J7879*Input!$J$13,0)+IF(Input!$K$14=3,K7879*Input!$J$14,0)+IF(Input!$K$15=3,L7879*Input!$J$15,0)+IF(Input!$K$16=3,M7879*Input!$J$16,0)</f>
        <v>0</v>
      </c>
      <c r="Q7879" s="71">
        <f>IF(Input!$K$13=4,J7879*Input!$J$13,0)+IF(Input!$K$14=4,K7879*Input!$J$14,0)+IF(Input!$K$15=4,L7879*Input!$J$15,0)+IF(Input!$K$16=4,M7879*Input!$J$16,0)</f>
        <v>0</v>
      </c>
    </row>
    <row r="7880" spans="8:17" x14ac:dyDescent="0.25">
      <c r="H7880" s="43">
        <v>7873</v>
      </c>
      <c r="I7880" s="55">
        <f>Bühler!I7906</f>
        <v>2.1618402772517324</v>
      </c>
      <c r="J7880" s="58">
        <f>Bühler!J7906</f>
        <v>18.385269832266275</v>
      </c>
      <c r="K7880" s="58">
        <f>Bühler!K7906</f>
        <v>0.47609472087909799</v>
      </c>
      <c r="L7880" s="58">
        <f>Bühler!L7906</f>
        <v>0.23804736043954899</v>
      </c>
      <c r="M7880" s="57">
        <f>Bühler!M7906</f>
        <v>0</v>
      </c>
      <c r="N7880" s="55">
        <f>IF(Input!$K$13=1,J7880*Input!$J$13,0)+IF(Input!$K$14=1,K7880*Input!$J$14,0)+IF(Input!$K$15=1,L7880*Input!$J$15,0)+IF(Input!$K$16=1,M7880*Input!$J$16,0)</f>
        <v>2.206232379871953</v>
      </c>
      <c r="O7880" s="58">
        <f>IF(Input!$K$13=2,J7880*Input!$J$13,0)+IF(Input!$K$14=2,K7880*Input!$J$14,0)+IF(Input!$K$15=2,L7880*Input!$J$15,0)+IF(Input!$K$16=2,M7880*Input!$J$16,0)</f>
        <v>6.4272787318678221E-2</v>
      </c>
      <c r="P7880" s="58">
        <f>IF(Input!$K$13=3,J7880*Input!$J$13,0)+IF(Input!$K$14=3,K7880*Input!$J$14,0)+IF(Input!$K$15=3,L7880*Input!$J$15,0)+IF(Input!$K$16=3,M7880*Input!$J$16,0)</f>
        <v>0</v>
      </c>
      <c r="Q7880" s="71">
        <f>IF(Input!$K$13=4,J7880*Input!$J$13,0)+IF(Input!$K$14=4,K7880*Input!$J$14,0)+IF(Input!$K$15=4,L7880*Input!$J$15,0)+IF(Input!$K$16=4,M7880*Input!$J$16,0)</f>
        <v>0</v>
      </c>
    </row>
    <row r="7881" spans="8:17" x14ac:dyDescent="0.25">
      <c r="H7881" s="43">
        <v>7874</v>
      </c>
      <c r="I7881" s="55">
        <f>Bühler!I7907</f>
        <v>4.2207357793962395</v>
      </c>
      <c r="J7881" s="58">
        <f>Bühler!J7907</f>
        <v>17.4294223959402</v>
      </c>
      <c r="K7881" s="58">
        <f>Bühler!K7907</f>
        <v>0.42848524879118821</v>
      </c>
      <c r="L7881" s="58">
        <f>Bühler!L7907</f>
        <v>0.21424262439559411</v>
      </c>
      <c r="M7881" s="57">
        <f>Bühler!M7907</f>
        <v>0</v>
      </c>
      <c r="N7881" s="55">
        <f>IF(Input!$K$13=1,J7881*Input!$J$13,0)+IF(Input!$K$14=1,K7881*Input!$J$14,0)+IF(Input!$K$15=1,L7881*Input!$J$15,0)+IF(Input!$K$16=1,M7881*Input!$J$16,0)</f>
        <v>2.0915306875128241</v>
      </c>
      <c r="O7881" s="58">
        <f>IF(Input!$K$13=2,J7881*Input!$J$13,0)+IF(Input!$K$14=2,K7881*Input!$J$14,0)+IF(Input!$K$15=2,L7881*Input!$J$15,0)+IF(Input!$K$16=2,M7881*Input!$J$16,0)</f>
        <v>5.784550858681041E-2</v>
      </c>
      <c r="P7881" s="58">
        <f>IF(Input!$K$13=3,J7881*Input!$J$13,0)+IF(Input!$K$14=3,K7881*Input!$J$14,0)+IF(Input!$K$15=3,L7881*Input!$J$15,0)+IF(Input!$K$16=3,M7881*Input!$J$16,0)</f>
        <v>0</v>
      </c>
      <c r="Q7881" s="71">
        <f>IF(Input!$K$13=4,J7881*Input!$J$13,0)+IF(Input!$K$14=4,K7881*Input!$J$14,0)+IF(Input!$K$15=4,L7881*Input!$J$15,0)+IF(Input!$K$16=4,M7881*Input!$J$16,0)</f>
        <v>0</v>
      </c>
    </row>
    <row r="7882" spans="8:17" x14ac:dyDescent="0.25">
      <c r="H7882" s="43">
        <v>7875</v>
      </c>
      <c r="I7882" s="55">
        <f>Bühler!I7908</f>
        <v>4.2207357793962395</v>
      </c>
      <c r="J7882" s="58">
        <f>Bühler!J7908</f>
        <v>17.4294223959402</v>
      </c>
      <c r="K7882" s="58">
        <f>Bühler!K7908</f>
        <v>0.42848524879118821</v>
      </c>
      <c r="L7882" s="58">
        <f>Bühler!L7908</f>
        <v>0.21424262439559411</v>
      </c>
      <c r="M7882" s="57">
        <f>Bühler!M7908</f>
        <v>0</v>
      </c>
      <c r="N7882" s="55">
        <f>IF(Input!$K$13=1,J7882*Input!$J$13,0)+IF(Input!$K$14=1,K7882*Input!$J$14,0)+IF(Input!$K$15=1,L7882*Input!$J$15,0)+IF(Input!$K$16=1,M7882*Input!$J$16,0)</f>
        <v>2.0915306875128241</v>
      </c>
      <c r="O7882" s="58">
        <f>IF(Input!$K$13=2,J7882*Input!$J$13,0)+IF(Input!$K$14=2,K7882*Input!$J$14,0)+IF(Input!$K$15=2,L7882*Input!$J$15,0)+IF(Input!$K$16=2,M7882*Input!$J$16,0)</f>
        <v>5.784550858681041E-2</v>
      </c>
      <c r="P7882" s="58">
        <f>IF(Input!$K$13=3,J7882*Input!$J$13,0)+IF(Input!$K$14=3,K7882*Input!$J$14,0)+IF(Input!$K$15=3,L7882*Input!$J$15,0)+IF(Input!$K$16=3,M7882*Input!$J$16,0)</f>
        <v>0</v>
      </c>
      <c r="Q7882" s="71">
        <f>IF(Input!$K$13=4,J7882*Input!$J$13,0)+IF(Input!$K$14=4,K7882*Input!$J$14,0)+IF(Input!$K$15=4,L7882*Input!$J$15,0)+IF(Input!$K$16=4,M7882*Input!$J$16,0)</f>
        <v>0</v>
      </c>
    </row>
    <row r="7883" spans="8:17" x14ac:dyDescent="0.25">
      <c r="H7883" s="43">
        <v>7876</v>
      </c>
      <c r="I7883" s="55">
        <f>Bühler!I7909</f>
        <v>4.2207357793962395</v>
      </c>
      <c r="J7883" s="58">
        <f>Bühler!J7909</f>
        <v>17.4294223959402</v>
      </c>
      <c r="K7883" s="58">
        <f>Bühler!K7909</f>
        <v>0.42848524879118821</v>
      </c>
      <c r="L7883" s="58">
        <f>Bühler!L7909</f>
        <v>0.21424262439559411</v>
      </c>
      <c r="M7883" s="57">
        <f>Bühler!M7909</f>
        <v>0</v>
      </c>
      <c r="N7883" s="55">
        <f>IF(Input!$K$13=1,J7883*Input!$J$13,0)+IF(Input!$K$14=1,K7883*Input!$J$14,0)+IF(Input!$K$15=1,L7883*Input!$J$15,0)+IF(Input!$K$16=1,M7883*Input!$J$16,0)</f>
        <v>2.0915306875128241</v>
      </c>
      <c r="O7883" s="58">
        <f>IF(Input!$K$13=2,J7883*Input!$J$13,0)+IF(Input!$K$14=2,K7883*Input!$J$14,0)+IF(Input!$K$15=2,L7883*Input!$J$15,0)+IF(Input!$K$16=2,M7883*Input!$J$16,0)</f>
        <v>5.784550858681041E-2</v>
      </c>
      <c r="P7883" s="58">
        <f>IF(Input!$K$13=3,J7883*Input!$J$13,0)+IF(Input!$K$14=3,K7883*Input!$J$14,0)+IF(Input!$K$15=3,L7883*Input!$J$15,0)+IF(Input!$K$16=3,M7883*Input!$J$16,0)</f>
        <v>0</v>
      </c>
      <c r="Q7883" s="71">
        <f>IF(Input!$K$13=4,J7883*Input!$J$13,0)+IF(Input!$K$14=4,K7883*Input!$J$14,0)+IF(Input!$K$15=4,L7883*Input!$J$15,0)+IF(Input!$K$16=4,M7883*Input!$J$16,0)</f>
        <v>0</v>
      </c>
    </row>
    <row r="7884" spans="8:17" x14ac:dyDescent="0.25">
      <c r="H7884" s="43">
        <v>7877</v>
      </c>
      <c r="I7884" s="55">
        <f>Bühler!I7910</f>
        <v>4.2207357793962395</v>
      </c>
      <c r="J7884" s="58">
        <f>Bühler!J7910</f>
        <v>17.4294223959402</v>
      </c>
      <c r="K7884" s="58">
        <f>Bühler!K7910</f>
        <v>0.42848524879118821</v>
      </c>
      <c r="L7884" s="58">
        <f>Bühler!L7910</f>
        <v>0.21424262439559411</v>
      </c>
      <c r="M7884" s="57">
        <f>Bühler!M7910</f>
        <v>0</v>
      </c>
      <c r="N7884" s="55">
        <f>IF(Input!$K$13=1,J7884*Input!$J$13,0)+IF(Input!$K$14=1,K7884*Input!$J$14,0)+IF(Input!$K$15=1,L7884*Input!$J$15,0)+IF(Input!$K$16=1,M7884*Input!$J$16,0)</f>
        <v>2.0915306875128241</v>
      </c>
      <c r="O7884" s="58">
        <f>IF(Input!$K$13=2,J7884*Input!$J$13,0)+IF(Input!$K$14=2,K7884*Input!$J$14,0)+IF(Input!$K$15=2,L7884*Input!$J$15,0)+IF(Input!$K$16=2,M7884*Input!$J$16,0)</f>
        <v>5.784550858681041E-2</v>
      </c>
      <c r="P7884" s="58">
        <f>IF(Input!$K$13=3,J7884*Input!$J$13,0)+IF(Input!$K$14=3,K7884*Input!$J$14,0)+IF(Input!$K$15=3,L7884*Input!$J$15,0)+IF(Input!$K$16=3,M7884*Input!$J$16,0)</f>
        <v>0</v>
      </c>
      <c r="Q7884" s="71">
        <f>IF(Input!$K$13=4,J7884*Input!$J$13,0)+IF(Input!$K$14=4,K7884*Input!$J$14,0)+IF(Input!$K$15=4,L7884*Input!$J$15,0)+IF(Input!$K$16=4,M7884*Input!$J$16,0)</f>
        <v>0</v>
      </c>
    </row>
    <row r="7885" spans="8:17" x14ac:dyDescent="0.25">
      <c r="H7885" s="43">
        <v>7878</v>
      </c>
      <c r="I7885" s="55">
        <f>Bühler!I7911</f>
        <v>5.250183530468493</v>
      </c>
      <c r="J7885" s="58">
        <f>Bühler!J7911</f>
        <v>17.472316052234877</v>
      </c>
      <c r="K7885" s="58">
        <f>Bühler!K7911</f>
        <v>0.42848524879118821</v>
      </c>
      <c r="L7885" s="58">
        <f>Bühler!L7911</f>
        <v>0.21424262439559411</v>
      </c>
      <c r="M7885" s="57">
        <f>Bühler!M7911</f>
        <v>0</v>
      </c>
      <c r="N7885" s="55">
        <f>IF(Input!$K$13=1,J7885*Input!$J$13,0)+IF(Input!$K$14=1,K7885*Input!$J$14,0)+IF(Input!$K$15=1,L7885*Input!$J$15,0)+IF(Input!$K$16=1,M7885*Input!$J$16,0)</f>
        <v>2.0966779262681854</v>
      </c>
      <c r="O7885" s="58">
        <f>IF(Input!$K$13=2,J7885*Input!$J$13,0)+IF(Input!$K$14=2,K7885*Input!$J$14,0)+IF(Input!$K$15=2,L7885*Input!$J$15,0)+IF(Input!$K$16=2,M7885*Input!$J$16,0)</f>
        <v>5.784550858681041E-2</v>
      </c>
      <c r="P7885" s="58">
        <f>IF(Input!$K$13=3,J7885*Input!$J$13,0)+IF(Input!$K$14=3,K7885*Input!$J$14,0)+IF(Input!$K$15=3,L7885*Input!$J$15,0)+IF(Input!$K$16=3,M7885*Input!$J$16,0)</f>
        <v>0</v>
      </c>
      <c r="Q7885" s="71">
        <f>IF(Input!$K$13=4,J7885*Input!$J$13,0)+IF(Input!$K$14=4,K7885*Input!$J$14,0)+IF(Input!$K$15=4,L7885*Input!$J$15,0)+IF(Input!$K$16=4,M7885*Input!$J$16,0)</f>
        <v>0</v>
      </c>
    </row>
    <row r="7886" spans="8:17" x14ac:dyDescent="0.25">
      <c r="H7886" s="43">
        <v>7879</v>
      </c>
      <c r="I7886" s="55">
        <f>Bühler!I7912</f>
        <v>6.5884656068624228</v>
      </c>
      <c r="J7886" s="58">
        <f>Bühler!J7912</f>
        <v>17.528077805417954</v>
      </c>
      <c r="K7886" s="58">
        <f>Bühler!K7912</f>
        <v>0.42848524879118821</v>
      </c>
      <c r="L7886" s="58">
        <f>Bühler!L7912</f>
        <v>0.21424262439559411</v>
      </c>
      <c r="M7886" s="57">
        <f>Bühler!M7912</f>
        <v>0</v>
      </c>
      <c r="N7886" s="55">
        <f>IF(Input!$K$13=1,J7886*Input!$J$13,0)+IF(Input!$K$14=1,K7886*Input!$J$14,0)+IF(Input!$K$15=1,L7886*Input!$J$15,0)+IF(Input!$K$16=1,M7886*Input!$J$16,0)</f>
        <v>2.1033693366501542</v>
      </c>
      <c r="O7886" s="58">
        <f>IF(Input!$K$13=2,J7886*Input!$J$13,0)+IF(Input!$K$14=2,K7886*Input!$J$14,0)+IF(Input!$K$15=2,L7886*Input!$J$15,0)+IF(Input!$K$16=2,M7886*Input!$J$16,0)</f>
        <v>5.784550858681041E-2</v>
      </c>
      <c r="P7886" s="58">
        <f>IF(Input!$K$13=3,J7886*Input!$J$13,0)+IF(Input!$K$14=3,K7886*Input!$J$14,0)+IF(Input!$K$15=3,L7886*Input!$J$15,0)+IF(Input!$K$16=3,M7886*Input!$J$16,0)</f>
        <v>0</v>
      </c>
      <c r="Q7886" s="71">
        <f>IF(Input!$K$13=4,J7886*Input!$J$13,0)+IF(Input!$K$14=4,K7886*Input!$J$14,0)+IF(Input!$K$15=4,L7886*Input!$J$15,0)+IF(Input!$K$16=4,M7886*Input!$J$16,0)</f>
        <v>0</v>
      </c>
    </row>
    <row r="7887" spans="8:17" x14ac:dyDescent="0.25">
      <c r="H7887" s="43">
        <v>7880</v>
      </c>
      <c r="I7887" s="55">
        <f>Bühler!I7913</f>
        <v>7.5149685828274491</v>
      </c>
      <c r="J7887" s="58">
        <f>Bühler!J7913</f>
        <v>17.566682096083166</v>
      </c>
      <c r="K7887" s="58">
        <f>Bühler!K7913</f>
        <v>0.42848524879118821</v>
      </c>
      <c r="L7887" s="58">
        <f>Bühler!L7913</f>
        <v>0.21424262439559411</v>
      </c>
      <c r="M7887" s="57">
        <f>Bühler!M7913</f>
        <v>0</v>
      </c>
      <c r="N7887" s="55">
        <f>IF(Input!$K$13=1,J7887*Input!$J$13,0)+IF(Input!$K$14=1,K7887*Input!$J$14,0)+IF(Input!$K$15=1,L7887*Input!$J$15,0)+IF(Input!$K$16=1,M7887*Input!$J$16,0)</f>
        <v>2.1080018515299801</v>
      </c>
      <c r="O7887" s="58">
        <f>IF(Input!$K$13=2,J7887*Input!$J$13,0)+IF(Input!$K$14=2,K7887*Input!$J$14,0)+IF(Input!$K$15=2,L7887*Input!$J$15,0)+IF(Input!$K$16=2,M7887*Input!$J$16,0)</f>
        <v>5.784550858681041E-2</v>
      </c>
      <c r="P7887" s="58">
        <f>IF(Input!$K$13=3,J7887*Input!$J$13,0)+IF(Input!$K$14=3,K7887*Input!$J$14,0)+IF(Input!$K$15=3,L7887*Input!$J$15,0)+IF(Input!$K$16=3,M7887*Input!$J$16,0)</f>
        <v>0</v>
      </c>
      <c r="Q7887" s="71">
        <f>IF(Input!$K$13=4,J7887*Input!$J$13,0)+IF(Input!$K$14=4,K7887*Input!$J$14,0)+IF(Input!$K$15=4,L7887*Input!$J$15,0)+IF(Input!$K$16=4,M7887*Input!$J$16,0)</f>
        <v>0</v>
      </c>
    </row>
    <row r="7888" spans="8:17" x14ac:dyDescent="0.25">
      <c r="H7888" s="43">
        <v>7881</v>
      </c>
      <c r="I7888" s="55">
        <f>Bühler!I7914</f>
        <v>7.5149685828274491</v>
      </c>
      <c r="J7888" s="58">
        <f>Bühler!J7914</f>
        <v>17.566682096083166</v>
      </c>
      <c r="K7888" s="58">
        <f>Bühler!K7914</f>
        <v>0.42848524879118821</v>
      </c>
      <c r="L7888" s="58">
        <f>Bühler!L7914</f>
        <v>0.21424262439559411</v>
      </c>
      <c r="M7888" s="57">
        <f>Bühler!M7914</f>
        <v>0</v>
      </c>
      <c r="N7888" s="55">
        <f>IF(Input!$K$13=1,J7888*Input!$J$13,0)+IF(Input!$K$14=1,K7888*Input!$J$14,0)+IF(Input!$K$15=1,L7888*Input!$J$15,0)+IF(Input!$K$16=1,M7888*Input!$J$16,0)</f>
        <v>2.1080018515299801</v>
      </c>
      <c r="O7888" s="58">
        <f>IF(Input!$K$13=2,J7888*Input!$J$13,0)+IF(Input!$K$14=2,K7888*Input!$J$14,0)+IF(Input!$K$15=2,L7888*Input!$J$15,0)+IF(Input!$K$16=2,M7888*Input!$J$16,0)</f>
        <v>5.784550858681041E-2</v>
      </c>
      <c r="P7888" s="58">
        <f>IF(Input!$K$13=3,J7888*Input!$J$13,0)+IF(Input!$K$14=3,K7888*Input!$J$14,0)+IF(Input!$K$15=3,L7888*Input!$J$15,0)+IF(Input!$K$16=3,M7888*Input!$J$16,0)</f>
        <v>0</v>
      </c>
      <c r="Q7888" s="71">
        <f>IF(Input!$K$13=4,J7888*Input!$J$13,0)+IF(Input!$K$14=4,K7888*Input!$J$14,0)+IF(Input!$K$15=4,L7888*Input!$J$15,0)+IF(Input!$K$16=4,M7888*Input!$J$16,0)</f>
        <v>0</v>
      </c>
    </row>
    <row r="7889" spans="8:17" x14ac:dyDescent="0.25">
      <c r="H7889" s="43">
        <v>7882</v>
      </c>
      <c r="I7889" s="55">
        <f>Bühler!I7915</f>
        <v>7.5149685828274491</v>
      </c>
      <c r="J7889" s="58">
        <f>Bühler!J7915</f>
        <v>17.566682096083166</v>
      </c>
      <c r="K7889" s="58">
        <f>Bühler!K7915</f>
        <v>0.42848524879118821</v>
      </c>
      <c r="L7889" s="58">
        <f>Bühler!L7915</f>
        <v>0.21424262439559411</v>
      </c>
      <c r="M7889" s="57">
        <f>Bühler!M7915</f>
        <v>0</v>
      </c>
      <c r="N7889" s="55">
        <f>IF(Input!$K$13=1,J7889*Input!$J$13,0)+IF(Input!$K$14=1,K7889*Input!$J$14,0)+IF(Input!$K$15=1,L7889*Input!$J$15,0)+IF(Input!$K$16=1,M7889*Input!$J$16,0)</f>
        <v>2.1080018515299801</v>
      </c>
      <c r="O7889" s="58">
        <f>IF(Input!$K$13=2,J7889*Input!$J$13,0)+IF(Input!$K$14=2,K7889*Input!$J$14,0)+IF(Input!$K$15=2,L7889*Input!$J$15,0)+IF(Input!$K$16=2,M7889*Input!$J$16,0)</f>
        <v>5.784550858681041E-2</v>
      </c>
      <c r="P7889" s="58">
        <f>IF(Input!$K$13=3,J7889*Input!$J$13,0)+IF(Input!$K$14=3,K7889*Input!$J$14,0)+IF(Input!$K$15=3,L7889*Input!$J$15,0)+IF(Input!$K$16=3,M7889*Input!$J$16,0)</f>
        <v>0</v>
      </c>
      <c r="Q7889" s="71">
        <f>IF(Input!$K$13=4,J7889*Input!$J$13,0)+IF(Input!$K$14=4,K7889*Input!$J$14,0)+IF(Input!$K$15=4,L7889*Input!$J$15,0)+IF(Input!$K$16=4,M7889*Input!$J$16,0)</f>
        <v>0</v>
      </c>
    </row>
    <row r="7890" spans="8:17" x14ac:dyDescent="0.25">
      <c r="H7890" s="43">
        <v>7883</v>
      </c>
      <c r="I7890" s="55">
        <f>Bühler!I7916</f>
        <v>7.5149685828274491</v>
      </c>
      <c r="J7890" s="58">
        <f>Bühler!J7916</f>
        <v>17.566682096083166</v>
      </c>
      <c r="K7890" s="58">
        <f>Bühler!K7916</f>
        <v>0.42848524879118821</v>
      </c>
      <c r="L7890" s="58">
        <f>Bühler!L7916</f>
        <v>0.21424262439559411</v>
      </c>
      <c r="M7890" s="57">
        <f>Bühler!M7916</f>
        <v>0</v>
      </c>
      <c r="N7890" s="55">
        <f>IF(Input!$K$13=1,J7890*Input!$J$13,0)+IF(Input!$K$14=1,K7890*Input!$J$14,0)+IF(Input!$K$15=1,L7890*Input!$J$15,0)+IF(Input!$K$16=1,M7890*Input!$J$16,0)</f>
        <v>2.1080018515299801</v>
      </c>
      <c r="O7890" s="58">
        <f>IF(Input!$K$13=2,J7890*Input!$J$13,0)+IF(Input!$K$14=2,K7890*Input!$J$14,0)+IF(Input!$K$15=2,L7890*Input!$J$15,0)+IF(Input!$K$16=2,M7890*Input!$J$16,0)</f>
        <v>5.784550858681041E-2</v>
      </c>
      <c r="P7890" s="58">
        <f>IF(Input!$K$13=3,J7890*Input!$J$13,0)+IF(Input!$K$14=3,K7890*Input!$J$14,0)+IF(Input!$K$15=3,L7890*Input!$J$15,0)+IF(Input!$K$16=3,M7890*Input!$J$16,0)</f>
        <v>0</v>
      </c>
      <c r="Q7890" s="71">
        <f>IF(Input!$K$13=4,J7890*Input!$J$13,0)+IF(Input!$K$14=4,K7890*Input!$J$14,0)+IF(Input!$K$15=4,L7890*Input!$J$15,0)+IF(Input!$K$16=4,M7890*Input!$J$16,0)</f>
        <v>0</v>
      </c>
    </row>
    <row r="7891" spans="8:17" x14ac:dyDescent="0.25">
      <c r="H7891" s="43">
        <v>7884</v>
      </c>
      <c r="I7891" s="55">
        <f>Bühler!I7917</f>
        <v>7.5149685828274491</v>
      </c>
      <c r="J7891" s="58">
        <f>Bühler!J7917</f>
        <v>17.566682096083166</v>
      </c>
      <c r="K7891" s="58">
        <f>Bühler!K7917</f>
        <v>0.42848524879118821</v>
      </c>
      <c r="L7891" s="58">
        <f>Bühler!L7917</f>
        <v>0.21424262439559411</v>
      </c>
      <c r="M7891" s="57">
        <f>Bühler!M7917</f>
        <v>0</v>
      </c>
      <c r="N7891" s="55">
        <f>IF(Input!$K$13=1,J7891*Input!$J$13,0)+IF(Input!$K$14=1,K7891*Input!$J$14,0)+IF(Input!$K$15=1,L7891*Input!$J$15,0)+IF(Input!$K$16=1,M7891*Input!$J$16,0)</f>
        <v>2.1080018515299801</v>
      </c>
      <c r="O7891" s="58">
        <f>IF(Input!$K$13=2,J7891*Input!$J$13,0)+IF(Input!$K$14=2,K7891*Input!$J$14,0)+IF(Input!$K$15=2,L7891*Input!$J$15,0)+IF(Input!$K$16=2,M7891*Input!$J$16,0)</f>
        <v>5.784550858681041E-2</v>
      </c>
      <c r="P7891" s="58">
        <f>IF(Input!$K$13=3,J7891*Input!$J$13,0)+IF(Input!$K$14=3,K7891*Input!$J$14,0)+IF(Input!$K$15=3,L7891*Input!$J$15,0)+IF(Input!$K$16=3,M7891*Input!$J$16,0)</f>
        <v>0</v>
      </c>
      <c r="Q7891" s="71">
        <f>IF(Input!$K$13=4,J7891*Input!$J$13,0)+IF(Input!$K$14=4,K7891*Input!$J$14,0)+IF(Input!$K$15=4,L7891*Input!$J$15,0)+IF(Input!$K$16=4,M7891*Input!$J$16,0)</f>
        <v>0</v>
      </c>
    </row>
    <row r="7892" spans="8:17" x14ac:dyDescent="0.25">
      <c r="H7892" s="43">
        <v>7885</v>
      </c>
      <c r="I7892" s="55">
        <f>Bühler!I7918</f>
        <v>7.5149685828274491</v>
      </c>
      <c r="J7892" s="58">
        <f>Bühler!J7918</f>
        <v>17.566682096083166</v>
      </c>
      <c r="K7892" s="58">
        <f>Bühler!K7918</f>
        <v>0.42848524879118821</v>
      </c>
      <c r="L7892" s="58">
        <f>Bühler!L7918</f>
        <v>0.21424262439559411</v>
      </c>
      <c r="M7892" s="57">
        <f>Bühler!M7918</f>
        <v>0</v>
      </c>
      <c r="N7892" s="55">
        <f>IF(Input!$K$13=1,J7892*Input!$J$13,0)+IF(Input!$K$14=1,K7892*Input!$J$14,0)+IF(Input!$K$15=1,L7892*Input!$J$15,0)+IF(Input!$K$16=1,M7892*Input!$J$16,0)</f>
        <v>2.1080018515299801</v>
      </c>
      <c r="O7892" s="58">
        <f>IF(Input!$K$13=2,J7892*Input!$J$13,0)+IF(Input!$K$14=2,K7892*Input!$J$14,0)+IF(Input!$K$15=2,L7892*Input!$J$15,0)+IF(Input!$K$16=2,M7892*Input!$J$16,0)</f>
        <v>5.784550858681041E-2</v>
      </c>
      <c r="P7892" s="58">
        <f>IF(Input!$K$13=3,J7892*Input!$J$13,0)+IF(Input!$K$14=3,K7892*Input!$J$14,0)+IF(Input!$K$15=3,L7892*Input!$J$15,0)+IF(Input!$K$16=3,M7892*Input!$J$16,0)</f>
        <v>0</v>
      </c>
      <c r="Q7892" s="71">
        <f>IF(Input!$K$13=4,J7892*Input!$J$13,0)+IF(Input!$K$14=4,K7892*Input!$J$14,0)+IF(Input!$K$15=4,L7892*Input!$J$15,0)+IF(Input!$K$16=4,M7892*Input!$J$16,0)</f>
        <v>0</v>
      </c>
    </row>
    <row r="7893" spans="8:17" x14ac:dyDescent="0.25">
      <c r="H7893" s="43">
        <v>7886</v>
      </c>
      <c r="I7893" s="55">
        <f>Bühler!I7919</f>
        <v>7.5149685828274491</v>
      </c>
      <c r="J7893" s="58">
        <f>Bühler!J7919</f>
        <v>17.566682096083166</v>
      </c>
      <c r="K7893" s="58">
        <f>Bühler!K7919</f>
        <v>0.42848524879118821</v>
      </c>
      <c r="L7893" s="58">
        <f>Bühler!L7919</f>
        <v>0.21424262439559411</v>
      </c>
      <c r="M7893" s="57">
        <f>Bühler!M7919</f>
        <v>0</v>
      </c>
      <c r="N7893" s="55">
        <f>IF(Input!$K$13=1,J7893*Input!$J$13,0)+IF(Input!$K$14=1,K7893*Input!$J$14,0)+IF(Input!$K$15=1,L7893*Input!$J$15,0)+IF(Input!$K$16=1,M7893*Input!$J$16,0)</f>
        <v>2.1080018515299801</v>
      </c>
      <c r="O7893" s="58">
        <f>IF(Input!$K$13=2,J7893*Input!$J$13,0)+IF(Input!$K$14=2,K7893*Input!$J$14,0)+IF(Input!$K$15=2,L7893*Input!$J$15,0)+IF(Input!$K$16=2,M7893*Input!$J$16,0)</f>
        <v>5.784550858681041E-2</v>
      </c>
      <c r="P7893" s="58">
        <f>IF(Input!$K$13=3,J7893*Input!$J$13,0)+IF(Input!$K$14=3,K7893*Input!$J$14,0)+IF(Input!$K$15=3,L7893*Input!$J$15,0)+IF(Input!$K$16=3,M7893*Input!$J$16,0)</f>
        <v>0</v>
      </c>
      <c r="Q7893" s="71">
        <f>IF(Input!$K$13=4,J7893*Input!$J$13,0)+IF(Input!$K$14=4,K7893*Input!$J$14,0)+IF(Input!$K$15=4,L7893*Input!$J$15,0)+IF(Input!$K$16=4,M7893*Input!$J$16,0)</f>
        <v>0</v>
      </c>
    </row>
    <row r="7894" spans="8:17" x14ac:dyDescent="0.25">
      <c r="H7894" s="43">
        <v>7887</v>
      </c>
      <c r="I7894" s="55">
        <f>Bühler!I7920</f>
        <v>7.5149685828274491</v>
      </c>
      <c r="J7894" s="58">
        <f>Bühler!J7920</f>
        <v>17.566682096083166</v>
      </c>
      <c r="K7894" s="58">
        <f>Bühler!K7920</f>
        <v>0.42848524879118821</v>
      </c>
      <c r="L7894" s="58">
        <f>Bühler!L7920</f>
        <v>0.21424262439559411</v>
      </c>
      <c r="M7894" s="57">
        <f>Bühler!M7920</f>
        <v>0</v>
      </c>
      <c r="N7894" s="55">
        <f>IF(Input!$K$13=1,J7894*Input!$J$13,0)+IF(Input!$K$14=1,K7894*Input!$J$14,0)+IF(Input!$K$15=1,L7894*Input!$J$15,0)+IF(Input!$K$16=1,M7894*Input!$J$16,0)</f>
        <v>2.1080018515299801</v>
      </c>
      <c r="O7894" s="58">
        <f>IF(Input!$K$13=2,J7894*Input!$J$13,0)+IF(Input!$K$14=2,K7894*Input!$J$14,0)+IF(Input!$K$15=2,L7894*Input!$J$15,0)+IF(Input!$K$16=2,M7894*Input!$J$16,0)</f>
        <v>5.784550858681041E-2</v>
      </c>
      <c r="P7894" s="58">
        <f>IF(Input!$K$13=3,J7894*Input!$J$13,0)+IF(Input!$K$14=3,K7894*Input!$J$14,0)+IF(Input!$K$15=3,L7894*Input!$J$15,0)+IF(Input!$K$16=3,M7894*Input!$J$16,0)</f>
        <v>0</v>
      </c>
      <c r="Q7894" s="71">
        <f>IF(Input!$K$13=4,J7894*Input!$J$13,0)+IF(Input!$K$14=4,K7894*Input!$J$14,0)+IF(Input!$K$15=4,L7894*Input!$J$15,0)+IF(Input!$K$16=4,M7894*Input!$J$16,0)</f>
        <v>0</v>
      </c>
    </row>
    <row r="7895" spans="8:17" x14ac:dyDescent="0.25">
      <c r="H7895" s="43">
        <v>7888</v>
      </c>
      <c r="I7895" s="55">
        <f>Bühler!I7921</f>
        <v>6.7943551570768728</v>
      </c>
      <c r="J7895" s="58">
        <f>Bühler!J7921</f>
        <v>17.53665653667689</v>
      </c>
      <c r="K7895" s="58">
        <f>Bühler!K7921</f>
        <v>0.42848524879118821</v>
      </c>
      <c r="L7895" s="58">
        <f>Bühler!L7921</f>
        <v>0.21424262439559411</v>
      </c>
      <c r="M7895" s="57">
        <f>Bühler!M7921</f>
        <v>0</v>
      </c>
      <c r="N7895" s="55">
        <f>IF(Input!$K$13=1,J7895*Input!$J$13,0)+IF(Input!$K$14=1,K7895*Input!$J$14,0)+IF(Input!$K$15=1,L7895*Input!$J$15,0)+IF(Input!$K$16=1,M7895*Input!$J$16,0)</f>
        <v>2.1043987844012269</v>
      </c>
      <c r="O7895" s="58">
        <f>IF(Input!$K$13=2,J7895*Input!$J$13,0)+IF(Input!$K$14=2,K7895*Input!$J$14,0)+IF(Input!$K$15=2,L7895*Input!$J$15,0)+IF(Input!$K$16=2,M7895*Input!$J$16,0)</f>
        <v>5.784550858681041E-2</v>
      </c>
      <c r="P7895" s="58">
        <f>IF(Input!$K$13=3,J7895*Input!$J$13,0)+IF(Input!$K$14=3,K7895*Input!$J$14,0)+IF(Input!$K$15=3,L7895*Input!$J$15,0)+IF(Input!$K$16=3,M7895*Input!$J$16,0)</f>
        <v>0</v>
      </c>
      <c r="Q7895" s="71">
        <f>IF(Input!$K$13=4,J7895*Input!$J$13,0)+IF(Input!$K$14=4,K7895*Input!$J$14,0)+IF(Input!$K$15=4,L7895*Input!$J$15,0)+IF(Input!$K$16=4,M7895*Input!$J$16,0)</f>
        <v>0</v>
      </c>
    </row>
    <row r="7896" spans="8:17" x14ac:dyDescent="0.25">
      <c r="H7896" s="43">
        <v>7889</v>
      </c>
      <c r="I7896" s="55">
        <f>Bühler!I7922</f>
        <v>6.176686506433521</v>
      </c>
      <c r="J7896" s="58">
        <f>Bühler!J7922</f>
        <v>17.510920342900086</v>
      </c>
      <c r="K7896" s="58">
        <f>Bühler!K7922</f>
        <v>0.42848524879118821</v>
      </c>
      <c r="L7896" s="58">
        <f>Bühler!L7922</f>
        <v>0.21424262439559411</v>
      </c>
      <c r="M7896" s="57">
        <f>Bühler!M7922</f>
        <v>0</v>
      </c>
      <c r="N7896" s="55">
        <f>IF(Input!$K$13=1,J7896*Input!$J$13,0)+IF(Input!$K$14=1,K7896*Input!$J$14,0)+IF(Input!$K$15=1,L7896*Input!$J$15,0)+IF(Input!$K$16=1,M7896*Input!$J$16,0)</f>
        <v>2.1013104411480104</v>
      </c>
      <c r="O7896" s="58">
        <f>IF(Input!$K$13=2,J7896*Input!$J$13,0)+IF(Input!$K$14=2,K7896*Input!$J$14,0)+IF(Input!$K$15=2,L7896*Input!$J$15,0)+IF(Input!$K$16=2,M7896*Input!$J$16,0)</f>
        <v>5.784550858681041E-2</v>
      </c>
      <c r="P7896" s="58">
        <f>IF(Input!$K$13=3,J7896*Input!$J$13,0)+IF(Input!$K$14=3,K7896*Input!$J$14,0)+IF(Input!$K$15=3,L7896*Input!$J$15,0)+IF(Input!$K$16=3,M7896*Input!$J$16,0)</f>
        <v>0</v>
      </c>
      <c r="Q7896" s="71">
        <f>IF(Input!$K$13=4,J7896*Input!$J$13,0)+IF(Input!$K$14=4,K7896*Input!$J$14,0)+IF(Input!$K$15=4,L7896*Input!$J$15,0)+IF(Input!$K$16=4,M7896*Input!$J$16,0)</f>
        <v>0</v>
      </c>
    </row>
    <row r="7897" spans="8:17" x14ac:dyDescent="0.25">
      <c r="H7897" s="43">
        <v>7890</v>
      </c>
      <c r="I7897" s="55">
        <f>Bühler!I7923</f>
        <v>5.5590178557901693</v>
      </c>
      <c r="J7897" s="58">
        <f>Bühler!J7923</f>
        <v>17.485184149123278</v>
      </c>
      <c r="K7897" s="58">
        <f>Bühler!K7923</f>
        <v>0.42848524879118821</v>
      </c>
      <c r="L7897" s="58">
        <f>Bühler!L7923</f>
        <v>0.21424262439559411</v>
      </c>
      <c r="M7897" s="57">
        <f>Bühler!M7923</f>
        <v>0</v>
      </c>
      <c r="N7897" s="55">
        <f>IF(Input!$K$13=1,J7897*Input!$J$13,0)+IF(Input!$K$14=1,K7897*Input!$J$14,0)+IF(Input!$K$15=1,L7897*Input!$J$15,0)+IF(Input!$K$16=1,M7897*Input!$J$16,0)</f>
        <v>2.0982220978947934</v>
      </c>
      <c r="O7897" s="58">
        <f>IF(Input!$K$13=2,J7897*Input!$J$13,0)+IF(Input!$K$14=2,K7897*Input!$J$14,0)+IF(Input!$K$15=2,L7897*Input!$J$15,0)+IF(Input!$K$16=2,M7897*Input!$J$16,0)</f>
        <v>5.784550858681041E-2</v>
      </c>
      <c r="P7897" s="58">
        <f>IF(Input!$K$13=3,J7897*Input!$J$13,0)+IF(Input!$K$14=3,K7897*Input!$J$14,0)+IF(Input!$K$15=3,L7897*Input!$J$15,0)+IF(Input!$K$16=3,M7897*Input!$J$16,0)</f>
        <v>0</v>
      </c>
      <c r="Q7897" s="71">
        <f>IF(Input!$K$13=4,J7897*Input!$J$13,0)+IF(Input!$K$14=4,K7897*Input!$J$14,0)+IF(Input!$K$15=4,L7897*Input!$J$15,0)+IF(Input!$K$16=4,M7897*Input!$J$16,0)</f>
        <v>0</v>
      </c>
    </row>
    <row r="7898" spans="8:17" x14ac:dyDescent="0.25">
      <c r="H7898" s="43">
        <v>7891</v>
      </c>
      <c r="I7898" s="55">
        <f>Bühler!I7924</f>
        <v>5.3531283055757175</v>
      </c>
      <c r="J7898" s="58">
        <f>Bühler!J7924</f>
        <v>17.476605417864345</v>
      </c>
      <c r="K7898" s="58">
        <f>Bühler!K7924</f>
        <v>0.42848524879118821</v>
      </c>
      <c r="L7898" s="58">
        <f>Bühler!L7924</f>
        <v>0.21424262439559411</v>
      </c>
      <c r="M7898" s="57">
        <f>Bühler!M7924</f>
        <v>0</v>
      </c>
      <c r="N7898" s="55">
        <f>IF(Input!$K$13=1,J7898*Input!$J$13,0)+IF(Input!$K$14=1,K7898*Input!$J$14,0)+IF(Input!$K$15=1,L7898*Input!$J$15,0)+IF(Input!$K$16=1,M7898*Input!$J$16,0)</f>
        <v>2.0971926501437212</v>
      </c>
      <c r="O7898" s="58">
        <f>IF(Input!$K$13=2,J7898*Input!$J$13,0)+IF(Input!$K$14=2,K7898*Input!$J$14,0)+IF(Input!$K$15=2,L7898*Input!$J$15,0)+IF(Input!$K$16=2,M7898*Input!$J$16,0)</f>
        <v>5.784550858681041E-2</v>
      </c>
      <c r="P7898" s="58">
        <f>IF(Input!$K$13=3,J7898*Input!$J$13,0)+IF(Input!$K$14=3,K7898*Input!$J$14,0)+IF(Input!$K$15=3,L7898*Input!$J$15,0)+IF(Input!$K$16=3,M7898*Input!$J$16,0)</f>
        <v>0</v>
      </c>
      <c r="Q7898" s="71">
        <f>IF(Input!$K$13=4,J7898*Input!$J$13,0)+IF(Input!$K$14=4,K7898*Input!$J$14,0)+IF(Input!$K$15=4,L7898*Input!$J$15,0)+IF(Input!$K$16=4,M7898*Input!$J$16,0)</f>
        <v>0</v>
      </c>
    </row>
    <row r="7899" spans="8:17" x14ac:dyDescent="0.25">
      <c r="H7899" s="43">
        <v>7892</v>
      </c>
      <c r="I7899" s="55">
        <f>Bühler!I7925</f>
        <v>4.3236805545034649</v>
      </c>
      <c r="J7899" s="58">
        <f>Bühler!J7925</f>
        <v>17.433711761569668</v>
      </c>
      <c r="K7899" s="58">
        <f>Bühler!K7925</f>
        <v>0.42848524879118821</v>
      </c>
      <c r="L7899" s="58">
        <f>Bühler!L7925</f>
        <v>0.21424262439559411</v>
      </c>
      <c r="M7899" s="57">
        <f>Bühler!M7925</f>
        <v>0</v>
      </c>
      <c r="N7899" s="55">
        <f>IF(Input!$K$13=1,J7899*Input!$J$13,0)+IF(Input!$K$14=1,K7899*Input!$J$14,0)+IF(Input!$K$15=1,L7899*Input!$J$15,0)+IF(Input!$K$16=1,M7899*Input!$J$16,0)</f>
        <v>2.09204541138836</v>
      </c>
      <c r="O7899" s="58">
        <f>IF(Input!$K$13=2,J7899*Input!$J$13,0)+IF(Input!$K$14=2,K7899*Input!$J$14,0)+IF(Input!$K$15=2,L7899*Input!$J$15,0)+IF(Input!$K$16=2,M7899*Input!$J$16,0)</f>
        <v>5.784550858681041E-2</v>
      </c>
      <c r="P7899" s="58">
        <f>IF(Input!$K$13=3,J7899*Input!$J$13,0)+IF(Input!$K$14=3,K7899*Input!$J$14,0)+IF(Input!$K$15=3,L7899*Input!$J$15,0)+IF(Input!$K$16=3,M7899*Input!$J$16,0)</f>
        <v>0</v>
      </c>
      <c r="Q7899" s="71">
        <f>IF(Input!$K$13=4,J7899*Input!$J$13,0)+IF(Input!$K$14=4,K7899*Input!$J$14,0)+IF(Input!$K$15=4,L7899*Input!$J$15,0)+IF(Input!$K$16=4,M7899*Input!$J$16,0)</f>
        <v>0</v>
      </c>
    </row>
    <row r="7900" spans="8:17" x14ac:dyDescent="0.25">
      <c r="H7900" s="43">
        <v>7893</v>
      </c>
      <c r="I7900" s="55">
        <f>Bühler!I7926</f>
        <v>3.1912880283239855</v>
      </c>
      <c r="J7900" s="58">
        <f>Bühler!J7926</f>
        <v>17.386528739645524</v>
      </c>
      <c r="K7900" s="58">
        <f>Bühler!K7926</f>
        <v>0.42848524879118821</v>
      </c>
      <c r="L7900" s="58">
        <f>Bühler!L7926</f>
        <v>0.21424262439559411</v>
      </c>
      <c r="M7900" s="57">
        <f>Bühler!M7926</f>
        <v>0</v>
      </c>
      <c r="N7900" s="55">
        <f>IF(Input!$K$13=1,J7900*Input!$J$13,0)+IF(Input!$K$14=1,K7900*Input!$J$14,0)+IF(Input!$K$15=1,L7900*Input!$J$15,0)+IF(Input!$K$16=1,M7900*Input!$J$16,0)</f>
        <v>2.0863834487574628</v>
      </c>
      <c r="O7900" s="58">
        <f>IF(Input!$K$13=2,J7900*Input!$J$13,0)+IF(Input!$K$14=2,K7900*Input!$J$14,0)+IF(Input!$K$15=2,L7900*Input!$J$15,0)+IF(Input!$K$16=2,M7900*Input!$J$16,0)</f>
        <v>5.784550858681041E-2</v>
      </c>
      <c r="P7900" s="58">
        <f>IF(Input!$K$13=3,J7900*Input!$J$13,0)+IF(Input!$K$14=3,K7900*Input!$J$14,0)+IF(Input!$K$15=3,L7900*Input!$J$15,0)+IF(Input!$K$16=3,M7900*Input!$J$16,0)</f>
        <v>0</v>
      </c>
      <c r="Q7900" s="71">
        <f>IF(Input!$K$13=4,J7900*Input!$J$13,0)+IF(Input!$K$14=4,K7900*Input!$J$14,0)+IF(Input!$K$15=4,L7900*Input!$J$15,0)+IF(Input!$K$16=4,M7900*Input!$J$16,0)</f>
        <v>0</v>
      </c>
    </row>
    <row r="7901" spans="8:17" x14ac:dyDescent="0.25">
      <c r="H7901" s="43">
        <v>7894</v>
      </c>
      <c r="I7901" s="55">
        <f>Bühler!I7927</f>
        <v>3.1912880283239855</v>
      </c>
      <c r="J7901" s="58">
        <f>Bühler!J7927</f>
        <v>17.386528739645524</v>
      </c>
      <c r="K7901" s="58">
        <f>Bühler!K7927</f>
        <v>0.42848524879118821</v>
      </c>
      <c r="L7901" s="58">
        <f>Bühler!L7927</f>
        <v>0.21424262439559411</v>
      </c>
      <c r="M7901" s="57">
        <f>Bühler!M7927</f>
        <v>0</v>
      </c>
      <c r="N7901" s="55">
        <f>IF(Input!$K$13=1,J7901*Input!$J$13,0)+IF(Input!$K$14=1,K7901*Input!$J$14,0)+IF(Input!$K$15=1,L7901*Input!$J$15,0)+IF(Input!$K$16=1,M7901*Input!$J$16,0)</f>
        <v>2.0863834487574628</v>
      </c>
      <c r="O7901" s="58">
        <f>IF(Input!$K$13=2,J7901*Input!$J$13,0)+IF(Input!$K$14=2,K7901*Input!$J$14,0)+IF(Input!$K$15=2,L7901*Input!$J$15,0)+IF(Input!$K$16=2,M7901*Input!$J$16,0)</f>
        <v>5.784550858681041E-2</v>
      </c>
      <c r="P7901" s="58">
        <f>IF(Input!$K$13=3,J7901*Input!$J$13,0)+IF(Input!$K$14=3,K7901*Input!$J$14,0)+IF(Input!$K$15=3,L7901*Input!$J$15,0)+IF(Input!$K$16=3,M7901*Input!$J$16,0)</f>
        <v>0</v>
      </c>
      <c r="Q7901" s="71">
        <f>IF(Input!$K$13=4,J7901*Input!$J$13,0)+IF(Input!$K$14=4,K7901*Input!$J$14,0)+IF(Input!$K$15=4,L7901*Input!$J$15,0)+IF(Input!$K$16=4,M7901*Input!$J$16,0)</f>
        <v>0</v>
      </c>
    </row>
    <row r="7902" spans="8:17" x14ac:dyDescent="0.25">
      <c r="H7902" s="43">
        <v>7895</v>
      </c>
      <c r="I7902" s="55">
        <f>Bühler!I7928</f>
        <v>3.1912880283239855</v>
      </c>
      <c r="J7902" s="58">
        <f>Bühler!J7928</f>
        <v>17.386528739645524</v>
      </c>
      <c r="K7902" s="58">
        <f>Bühler!K7928</f>
        <v>0.42848524879118821</v>
      </c>
      <c r="L7902" s="58">
        <f>Bühler!L7928</f>
        <v>0.21424262439559411</v>
      </c>
      <c r="M7902" s="57">
        <f>Bühler!M7928</f>
        <v>0</v>
      </c>
      <c r="N7902" s="55">
        <f>IF(Input!$K$13=1,J7902*Input!$J$13,0)+IF(Input!$K$14=1,K7902*Input!$J$14,0)+IF(Input!$K$15=1,L7902*Input!$J$15,0)+IF(Input!$K$16=1,M7902*Input!$J$16,0)</f>
        <v>2.0863834487574628</v>
      </c>
      <c r="O7902" s="58">
        <f>IF(Input!$K$13=2,J7902*Input!$J$13,0)+IF(Input!$K$14=2,K7902*Input!$J$14,0)+IF(Input!$K$15=2,L7902*Input!$J$15,0)+IF(Input!$K$16=2,M7902*Input!$J$16,0)</f>
        <v>5.784550858681041E-2</v>
      </c>
      <c r="P7902" s="58">
        <f>IF(Input!$K$13=3,J7902*Input!$J$13,0)+IF(Input!$K$14=3,K7902*Input!$J$14,0)+IF(Input!$K$15=3,L7902*Input!$J$15,0)+IF(Input!$K$16=3,M7902*Input!$J$16,0)</f>
        <v>0</v>
      </c>
      <c r="Q7902" s="71">
        <f>IF(Input!$K$13=4,J7902*Input!$J$13,0)+IF(Input!$K$14=4,K7902*Input!$J$14,0)+IF(Input!$K$15=4,L7902*Input!$J$15,0)+IF(Input!$K$16=4,M7902*Input!$J$16,0)</f>
        <v>0</v>
      </c>
    </row>
    <row r="7903" spans="8:17" x14ac:dyDescent="0.25">
      <c r="H7903" s="43">
        <v>7896</v>
      </c>
      <c r="I7903" s="55">
        <f>Bühler!I7929</f>
        <v>3.1912880283239855</v>
      </c>
      <c r="J7903" s="58">
        <f>Bühler!J7929</f>
        <v>17.386528739645524</v>
      </c>
      <c r="K7903" s="58">
        <f>Bühler!K7929</f>
        <v>0.42848524879118821</v>
      </c>
      <c r="L7903" s="58">
        <f>Bühler!L7929</f>
        <v>0.21424262439559411</v>
      </c>
      <c r="M7903" s="57">
        <f>Bühler!M7929</f>
        <v>0</v>
      </c>
      <c r="N7903" s="55">
        <f>IF(Input!$K$13=1,J7903*Input!$J$13,0)+IF(Input!$K$14=1,K7903*Input!$J$14,0)+IF(Input!$K$15=1,L7903*Input!$J$15,0)+IF(Input!$K$16=1,M7903*Input!$J$16,0)</f>
        <v>2.0863834487574628</v>
      </c>
      <c r="O7903" s="58">
        <f>IF(Input!$K$13=2,J7903*Input!$J$13,0)+IF(Input!$K$14=2,K7903*Input!$J$14,0)+IF(Input!$K$15=2,L7903*Input!$J$15,0)+IF(Input!$K$16=2,M7903*Input!$J$16,0)</f>
        <v>5.784550858681041E-2</v>
      </c>
      <c r="P7903" s="58">
        <f>IF(Input!$K$13=3,J7903*Input!$J$13,0)+IF(Input!$K$14=3,K7903*Input!$J$14,0)+IF(Input!$K$15=3,L7903*Input!$J$15,0)+IF(Input!$K$16=3,M7903*Input!$J$16,0)</f>
        <v>0</v>
      </c>
      <c r="Q7903" s="71">
        <f>IF(Input!$K$13=4,J7903*Input!$J$13,0)+IF(Input!$K$14=4,K7903*Input!$J$14,0)+IF(Input!$K$15=4,L7903*Input!$J$15,0)+IF(Input!$K$16=4,M7903*Input!$J$16,0)</f>
        <v>0</v>
      </c>
    </row>
    <row r="7904" spans="8:17" x14ac:dyDescent="0.25">
      <c r="H7904" s="43">
        <v>7897</v>
      </c>
      <c r="I7904" s="55">
        <f>Bühler!I7930</f>
        <v>3.7688849664533177</v>
      </c>
      <c r="J7904" s="58">
        <f>Bühler!J7930</f>
        <v>17.945491948092258</v>
      </c>
      <c r="K7904" s="58">
        <f>Bühler!K7930</f>
        <v>0.43836958751089528</v>
      </c>
      <c r="L7904" s="58">
        <f>Bühler!L7930</f>
        <v>0.21918479375544764</v>
      </c>
      <c r="M7904" s="57">
        <f>Bühler!M7930</f>
        <v>0</v>
      </c>
      <c r="N7904" s="55">
        <f>IF(Input!$K$13=1,J7904*Input!$J$13,0)+IF(Input!$K$14=1,K7904*Input!$J$14,0)+IF(Input!$K$15=1,L7904*Input!$J$15,0)+IF(Input!$K$16=1,M7904*Input!$J$16,0)</f>
        <v>2.1534590337710711</v>
      </c>
      <c r="O7904" s="58">
        <f>IF(Input!$K$13=2,J7904*Input!$J$13,0)+IF(Input!$K$14=2,K7904*Input!$J$14,0)+IF(Input!$K$15=2,L7904*Input!$J$15,0)+IF(Input!$K$16=2,M7904*Input!$J$16,0)</f>
        <v>5.917989431397086E-2</v>
      </c>
      <c r="P7904" s="58">
        <f>IF(Input!$K$13=3,J7904*Input!$J$13,0)+IF(Input!$K$14=3,K7904*Input!$J$14,0)+IF(Input!$K$15=3,L7904*Input!$J$15,0)+IF(Input!$K$16=3,M7904*Input!$J$16,0)</f>
        <v>0</v>
      </c>
      <c r="Q7904" s="71">
        <f>IF(Input!$K$13=4,J7904*Input!$J$13,0)+IF(Input!$K$14=4,K7904*Input!$J$14,0)+IF(Input!$K$15=4,L7904*Input!$J$15,0)+IF(Input!$K$16=4,M7904*Input!$J$16,0)</f>
        <v>0</v>
      </c>
    </row>
    <row r="7905" spans="8:17" x14ac:dyDescent="0.25">
      <c r="H7905" s="43">
        <v>7898</v>
      </c>
      <c r="I7905" s="55">
        <f>Bühler!I7931</f>
        <v>4.3767696384619175</v>
      </c>
      <c r="J7905" s="58">
        <f>Bühler!J7931</f>
        <v>17.970820476092616</v>
      </c>
      <c r="K7905" s="58">
        <f>Bühler!K7931</f>
        <v>0.43836958751089528</v>
      </c>
      <c r="L7905" s="58">
        <f>Bühler!L7931</f>
        <v>0.21918479375544764</v>
      </c>
      <c r="M7905" s="57">
        <f>Bühler!M7931</f>
        <v>0</v>
      </c>
      <c r="N7905" s="55">
        <f>IF(Input!$K$13=1,J7905*Input!$J$13,0)+IF(Input!$K$14=1,K7905*Input!$J$14,0)+IF(Input!$K$15=1,L7905*Input!$J$15,0)+IF(Input!$K$16=1,M7905*Input!$J$16,0)</f>
        <v>2.1564984571311139</v>
      </c>
      <c r="O7905" s="58">
        <f>IF(Input!$K$13=2,J7905*Input!$J$13,0)+IF(Input!$K$14=2,K7905*Input!$J$14,0)+IF(Input!$K$15=2,L7905*Input!$J$15,0)+IF(Input!$K$16=2,M7905*Input!$J$16,0)</f>
        <v>5.917989431397086E-2</v>
      </c>
      <c r="P7905" s="58">
        <f>IF(Input!$K$13=3,J7905*Input!$J$13,0)+IF(Input!$K$14=3,K7905*Input!$J$14,0)+IF(Input!$K$15=3,L7905*Input!$J$15,0)+IF(Input!$K$16=3,M7905*Input!$J$16,0)</f>
        <v>0</v>
      </c>
      <c r="Q7905" s="71">
        <f>IF(Input!$K$13=4,J7905*Input!$J$13,0)+IF(Input!$K$14=4,K7905*Input!$J$14,0)+IF(Input!$K$15=4,L7905*Input!$J$15,0)+IF(Input!$K$16=4,M7905*Input!$J$16,0)</f>
        <v>0</v>
      </c>
    </row>
    <row r="7906" spans="8:17" x14ac:dyDescent="0.25">
      <c r="H7906" s="43">
        <v>7899</v>
      </c>
      <c r="I7906" s="55">
        <f>Bühler!I7932</f>
        <v>4.3767696384619175</v>
      </c>
      <c r="J7906" s="58">
        <f>Bühler!J7932</f>
        <v>17.970820476092616</v>
      </c>
      <c r="K7906" s="58">
        <f>Bühler!K7932</f>
        <v>0.43836958751089528</v>
      </c>
      <c r="L7906" s="58">
        <f>Bühler!L7932</f>
        <v>0.21918479375544764</v>
      </c>
      <c r="M7906" s="57">
        <f>Bühler!M7932</f>
        <v>0</v>
      </c>
      <c r="N7906" s="55">
        <f>IF(Input!$K$13=1,J7906*Input!$J$13,0)+IF(Input!$K$14=1,K7906*Input!$J$14,0)+IF(Input!$K$15=1,L7906*Input!$J$15,0)+IF(Input!$K$16=1,M7906*Input!$J$16,0)</f>
        <v>2.1564984571311139</v>
      </c>
      <c r="O7906" s="58">
        <f>IF(Input!$K$13=2,J7906*Input!$J$13,0)+IF(Input!$K$14=2,K7906*Input!$J$14,0)+IF(Input!$K$15=2,L7906*Input!$J$15,0)+IF(Input!$K$16=2,M7906*Input!$J$16,0)</f>
        <v>5.917989431397086E-2</v>
      </c>
      <c r="P7906" s="58">
        <f>IF(Input!$K$13=3,J7906*Input!$J$13,0)+IF(Input!$K$14=3,K7906*Input!$J$14,0)+IF(Input!$K$15=3,L7906*Input!$J$15,0)+IF(Input!$K$16=3,M7906*Input!$J$16,0)</f>
        <v>0</v>
      </c>
      <c r="Q7906" s="71">
        <f>IF(Input!$K$13=4,J7906*Input!$J$13,0)+IF(Input!$K$14=4,K7906*Input!$J$14,0)+IF(Input!$K$15=4,L7906*Input!$J$15,0)+IF(Input!$K$16=4,M7906*Input!$J$16,0)</f>
        <v>0</v>
      </c>
    </row>
    <row r="7907" spans="8:17" x14ac:dyDescent="0.25">
      <c r="H7907" s="43">
        <v>7900</v>
      </c>
      <c r="I7907" s="55">
        <f>Bühler!I7933</f>
        <v>4.3767696384619175</v>
      </c>
      <c r="J7907" s="58">
        <f>Bühler!J7933</f>
        <v>17.970820476092616</v>
      </c>
      <c r="K7907" s="58">
        <f>Bühler!K7933</f>
        <v>0.43836958751089528</v>
      </c>
      <c r="L7907" s="58">
        <f>Bühler!L7933</f>
        <v>0.21918479375544764</v>
      </c>
      <c r="M7907" s="57">
        <f>Bühler!M7933</f>
        <v>0</v>
      </c>
      <c r="N7907" s="55">
        <f>IF(Input!$K$13=1,J7907*Input!$J$13,0)+IF(Input!$K$14=1,K7907*Input!$J$14,0)+IF(Input!$K$15=1,L7907*Input!$J$15,0)+IF(Input!$K$16=1,M7907*Input!$J$16,0)</f>
        <v>2.1564984571311139</v>
      </c>
      <c r="O7907" s="58">
        <f>IF(Input!$K$13=2,J7907*Input!$J$13,0)+IF(Input!$K$14=2,K7907*Input!$J$14,0)+IF(Input!$K$15=2,L7907*Input!$J$15,0)+IF(Input!$K$16=2,M7907*Input!$J$16,0)</f>
        <v>5.917989431397086E-2</v>
      </c>
      <c r="P7907" s="58">
        <f>IF(Input!$K$13=3,J7907*Input!$J$13,0)+IF(Input!$K$14=3,K7907*Input!$J$14,0)+IF(Input!$K$15=3,L7907*Input!$J$15,0)+IF(Input!$K$16=3,M7907*Input!$J$16,0)</f>
        <v>0</v>
      </c>
      <c r="Q7907" s="71">
        <f>IF(Input!$K$13=4,J7907*Input!$J$13,0)+IF(Input!$K$14=4,K7907*Input!$J$14,0)+IF(Input!$K$15=4,L7907*Input!$J$15,0)+IF(Input!$K$16=4,M7907*Input!$J$16,0)</f>
        <v>0</v>
      </c>
    </row>
    <row r="7908" spans="8:17" x14ac:dyDescent="0.25">
      <c r="H7908" s="43">
        <v>7901</v>
      </c>
      <c r="I7908" s="55">
        <f>Bühler!I7934</f>
        <v>4.3767696384619175</v>
      </c>
      <c r="J7908" s="58">
        <f>Bühler!J7934</f>
        <v>17.970820476092616</v>
      </c>
      <c r="K7908" s="58">
        <f>Bühler!K7934</f>
        <v>0.43836958751089528</v>
      </c>
      <c r="L7908" s="58">
        <f>Bühler!L7934</f>
        <v>0.21918479375544764</v>
      </c>
      <c r="M7908" s="57">
        <f>Bühler!M7934</f>
        <v>0</v>
      </c>
      <c r="N7908" s="55">
        <f>IF(Input!$K$13=1,J7908*Input!$J$13,0)+IF(Input!$K$14=1,K7908*Input!$J$14,0)+IF(Input!$K$15=1,L7908*Input!$J$15,0)+IF(Input!$K$16=1,M7908*Input!$J$16,0)</f>
        <v>2.1564984571311139</v>
      </c>
      <c r="O7908" s="58">
        <f>IF(Input!$K$13=2,J7908*Input!$J$13,0)+IF(Input!$K$14=2,K7908*Input!$J$14,0)+IF(Input!$K$15=2,L7908*Input!$J$15,0)+IF(Input!$K$16=2,M7908*Input!$J$16,0)</f>
        <v>5.917989431397086E-2</v>
      </c>
      <c r="P7908" s="58">
        <f>IF(Input!$K$13=3,J7908*Input!$J$13,0)+IF(Input!$K$14=3,K7908*Input!$J$14,0)+IF(Input!$K$15=3,L7908*Input!$J$15,0)+IF(Input!$K$16=3,M7908*Input!$J$16,0)</f>
        <v>0</v>
      </c>
      <c r="Q7908" s="71">
        <f>IF(Input!$K$13=4,J7908*Input!$J$13,0)+IF(Input!$K$14=4,K7908*Input!$J$14,0)+IF(Input!$K$15=4,L7908*Input!$J$15,0)+IF(Input!$K$16=4,M7908*Input!$J$16,0)</f>
        <v>0</v>
      </c>
    </row>
    <row r="7909" spans="8:17" x14ac:dyDescent="0.25">
      <c r="H7909" s="43">
        <v>7902</v>
      </c>
      <c r="I7909" s="55">
        <f>Bühler!I7935</f>
        <v>5.4709620480773973</v>
      </c>
      <c r="J7909" s="58">
        <f>Bühler!J7935</f>
        <v>18.016411826493261</v>
      </c>
      <c r="K7909" s="58">
        <f>Bühler!K7935</f>
        <v>0.43836958751089528</v>
      </c>
      <c r="L7909" s="58">
        <f>Bühler!L7935</f>
        <v>0.21918479375544764</v>
      </c>
      <c r="M7909" s="57">
        <f>Bühler!M7935</f>
        <v>0</v>
      </c>
      <c r="N7909" s="55">
        <f>IF(Input!$K$13=1,J7909*Input!$J$13,0)+IF(Input!$K$14=1,K7909*Input!$J$14,0)+IF(Input!$K$15=1,L7909*Input!$J$15,0)+IF(Input!$K$16=1,M7909*Input!$J$16,0)</f>
        <v>2.1619694191791914</v>
      </c>
      <c r="O7909" s="58">
        <f>IF(Input!$K$13=2,J7909*Input!$J$13,0)+IF(Input!$K$14=2,K7909*Input!$J$14,0)+IF(Input!$K$15=2,L7909*Input!$J$15,0)+IF(Input!$K$16=2,M7909*Input!$J$16,0)</f>
        <v>5.917989431397086E-2</v>
      </c>
      <c r="P7909" s="58">
        <f>IF(Input!$K$13=3,J7909*Input!$J$13,0)+IF(Input!$K$14=3,K7909*Input!$J$14,0)+IF(Input!$K$15=3,L7909*Input!$J$15,0)+IF(Input!$K$16=3,M7909*Input!$J$16,0)</f>
        <v>0</v>
      </c>
      <c r="Q7909" s="71">
        <f>IF(Input!$K$13=4,J7909*Input!$J$13,0)+IF(Input!$K$14=4,K7909*Input!$J$14,0)+IF(Input!$K$15=4,L7909*Input!$J$15,0)+IF(Input!$K$16=4,M7909*Input!$J$16,0)</f>
        <v>0</v>
      </c>
    </row>
    <row r="7910" spans="8:17" x14ac:dyDescent="0.25">
      <c r="H7910" s="43">
        <v>7903</v>
      </c>
      <c r="I7910" s="55">
        <f>Bühler!I7936</f>
        <v>6.4435775232911574</v>
      </c>
      <c r="J7910" s="58">
        <f>Bühler!J7936</f>
        <v>18.056937471293832</v>
      </c>
      <c r="K7910" s="58">
        <f>Bühler!K7936</f>
        <v>0.43836958751089528</v>
      </c>
      <c r="L7910" s="58">
        <f>Bühler!L7936</f>
        <v>0.21918479375544764</v>
      </c>
      <c r="M7910" s="57">
        <f>Bühler!M7936</f>
        <v>0</v>
      </c>
      <c r="N7910" s="55">
        <f>IF(Input!$K$13=1,J7910*Input!$J$13,0)+IF(Input!$K$14=1,K7910*Input!$J$14,0)+IF(Input!$K$15=1,L7910*Input!$J$15,0)+IF(Input!$K$16=1,M7910*Input!$J$16,0)</f>
        <v>2.1668324965552599</v>
      </c>
      <c r="O7910" s="58">
        <f>IF(Input!$K$13=2,J7910*Input!$J$13,0)+IF(Input!$K$14=2,K7910*Input!$J$14,0)+IF(Input!$K$15=2,L7910*Input!$J$15,0)+IF(Input!$K$16=2,M7910*Input!$J$16,0)</f>
        <v>5.917989431397086E-2</v>
      </c>
      <c r="P7910" s="58">
        <f>IF(Input!$K$13=3,J7910*Input!$J$13,0)+IF(Input!$K$14=3,K7910*Input!$J$14,0)+IF(Input!$K$15=3,L7910*Input!$J$15,0)+IF(Input!$K$16=3,M7910*Input!$J$16,0)</f>
        <v>0</v>
      </c>
      <c r="Q7910" s="71">
        <f>IF(Input!$K$13=4,J7910*Input!$J$13,0)+IF(Input!$K$14=4,K7910*Input!$J$14,0)+IF(Input!$K$15=4,L7910*Input!$J$15,0)+IF(Input!$K$16=4,M7910*Input!$J$16,0)</f>
        <v>0</v>
      </c>
    </row>
    <row r="7911" spans="8:17" x14ac:dyDescent="0.25">
      <c r="H7911" s="43">
        <v>7904</v>
      </c>
      <c r="I7911" s="55">
        <f>Bühler!I7937</f>
        <v>7.6593468673083569</v>
      </c>
      <c r="J7911" s="58">
        <f>Bühler!J7937</f>
        <v>18.107594527294548</v>
      </c>
      <c r="K7911" s="58">
        <f>Bühler!K7937</f>
        <v>0.43836958751089528</v>
      </c>
      <c r="L7911" s="58">
        <f>Bühler!L7937</f>
        <v>0.21918479375544764</v>
      </c>
      <c r="M7911" s="57">
        <f>Bühler!M7937</f>
        <v>0</v>
      </c>
      <c r="N7911" s="55">
        <f>IF(Input!$K$13=1,J7911*Input!$J$13,0)+IF(Input!$K$14=1,K7911*Input!$J$14,0)+IF(Input!$K$15=1,L7911*Input!$J$15,0)+IF(Input!$K$16=1,M7911*Input!$J$16,0)</f>
        <v>2.1729113432753455</v>
      </c>
      <c r="O7911" s="58">
        <f>IF(Input!$K$13=2,J7911*Input!$J$13,0)+IF(Input!$K$14=2,K7911*Input!$J$14,0)+IF(Input!$K$15=2,L7911*Input!$J$15,0)+IF(Input!$K$16=2,M7911*Input!$J$16,0)</f>
        <v>5.917989431397086E-2</v>
      </c>
      <c r="P7911" s="58">
        <f>IF(Input!$K$13=3,J7911*Input!$J$13,0)+IF(Input!$K$14=3,K7911*Input!$J$14,0)+IF(Input!$K$15=3,L7911*Input!$J$15,0)+IF(Input!$K$16=3,M7911*Input!$J$16,0)</f>
        <v>0</v>
      </c>
      <c r="Q7911" s="71">
        <f>IF(Input!$K$13=4,J7911*Input!$J$13,0)+IF(Input!$K$14=4,K7911*Input!$J$14,0)+IF(Input!$K$15=4,L7911*Input!$J$15,0)+IF(Input!$K$16=4,M7911*Input!$J$16,0)</f>
        <v>0</v>
      </c>
    </row>
    <row r="7912" spans="8:17" x14ac:dyDescent="0.25">
      <c r="H7912" s="43">
        <v>7905</v>
      </c>
      <c r="I7912" s="55">
        <f>Bühler!I7938</f>
        <v>7.6593468673083569</v>
      </c>
      <c r="J7912" s="58">
        <f>Bühler!J7938</f>
        <v>18.107594527294548</v>
      </c>
      <c r="K7912" s="58">
        <f>Bühler!K7938</f>
        <v>0.43836958751089528</v>
      </c>
      <c r="L7912" s="58">
        <f>Bühler!L7938</f>
        <v>0.21918479375544764</v>
      </c>
      <c r="M7912" s="57">
        <f>Bühler!M7938</f>
        <v>0</v>
      </c>
      <c r="N7912" s="55">
        <f>IF(Input!$K$13=1,J7912*Input!$J$13,0)+IF(Input!$K$14=1,K7912*Input!$J$14,0)+IF(Input!$K$15=1,L7912*Input!$J$15,0)+IF(Input!$K$16=1,M7912*Input!$J$16,0)</f>
        <v>2.1729113432753455</v>
      </c>
      <c r="O7912" s="58">
        <f>IF(Input!$K$13=2,J7912*Input!$J$13,0)+IF(Input!$K$14=2,K7912*Input!$J$14,0)+IF(Input!$K$15=2,L7912*Input!$J$15,0)+IF(Input!$K$16=2,M7912*Input!$J$16,0)</f>
        <v>5.917989431397086E-2</v>
      </c>
      <c r="P7912" s="58">
        <f>IF(Input!$K$13=3,J7912*Input!$J$13,0)+IF(Input!$K$14=3,K7912*Input!$J$14,0)+IF(Input!$K$15=3,L7912*Input!$J$15,0)+IF(Input!$K$16=3,M7912*Input!$J$16,0)</f>
        <v>0</v>
      </c>
      <c r="Q7912" s="71">
        <f>IF(Input!$K$13=4,J7912*Input!$J$13,0)+IF(Input!$K$14=4,K7912*Input!$J$14,0)+IF(Input!$K$15=4,L7912*Input!$J$15,0)+IF(Input!$K$16=4,M7912*Input!$J$16,0)</f>
        <v>0</v>
      </c>
    </row>
    <row r="7913" spans="8:17" x14ac:dyDescent="0.25">
      <c r="H7913" s="43">
        <v>7906</v>
      </c>
      <c r="I7913" s="55">
        <f>Bühler!I7939</f>
        <v>7.6593468673083569</v>
      </c>
      <c r="J7913" s="58">
        <f>Bühler!J7939</f>
        <v>18.107594527294548</v>
      </c>
      <c r="K7913" s="58">
        <f>Bühler!K7939</f>
        <v>0.43836958751089528</v>
      </c>
      <c r="L7913" s="58">
        <f>Bühler!L7939</f>
        <v>0.21918479375544764</v>
      </c>
      <c r="M7913" s="57">
        <f>Bühler!M7939</f>
        <v>0</v>
      </c>
      <c r="N7913" s="55">
        <f>IF(Input!$K$13=1,J7913*Input!$J$13,0)+IF(Input!$K$14=1,K7913*Input!$J$14,0)+IF(Input!$K$15=1,L7913*Input!$J$15,0)+IF(Input!$K$16=1,M7913*Input!$J$16,0)</f>
        <v>2.1729113432753455</v>
      </c>
      <c r="O7913" s="58">
        <f>IF(Input!$K$13=2,J7913*Input!$J$13,0)+IF(Input!$K$14=2,K7913*Input!$J$14,0)+IF(Input!$K$15=2,L7913*Input!$J$15,0)+IF(Input!$K$16=2,M7913*Input!$J$16,0)</f>
        <v>5.917989431397086E-2</v>
      </c>
      <c r="P7913" s="58">
        <f>IF(Input!$K$13=3,J7913*Input!$J$13,0)+IF(Input!$K$14=3,K7913*Input!$J$14,0)+IF(Input!$K$15=3,L7913*Input!$J$15,0)+IF(Input!$K$16=3,M7913*Input!$J$16,0)</f>
        <v>0</v>
      </c>
      <c r="Q7913" s="71">
        <f>IF(Input!$K$13=4,J7913*Input!$J$13,0)+IF(Input!$K$14=4,K7913*Input!$J$14,0)+IF(Input!$K$15=4,L7913*Input!$J$15,0)+IF(Input!$K$16=4,M7913*Input!$J$16,0)</f>
        <v>0</v>
      </c>
    </row>
    <row r="7914" spans="8:17" x14ac:dyDescent="0.25">
      <c r="H7914" s="43">
        <v>7907</v>
      </c>
      <c r="I7914" s="55">
        <f>Bühler!I7940</f>
        <v>7.6593468673083569</v>
      </c>
      <c r="J7914" s="58">
        <f>Bühler!J7940</f>
        <v>18.107594527294548</v>
      </c>
      <c r="K7914" s="58">
        <f>Bühler!K7940</f>
        <v>0.43836958751089528</v>
      </c>
      <c r="L7914" s="58">
        <f>Bühler!L7940</f>
        <v>0.21918479375544764</v>
      </c>
      <c r="M7914" s="57">
        <f>Bühler!M7940</f>
        <v>0</v>
      </c>
      <c r="N7914" s="55">
        <f>IF(Input!$K$13=1,J7914*Input!$J$13,0)+IF(Input!$K$14=1,K7914*Input!$J$14,0)+IF(Input!$K$15=1,L7914*Input!$J$15,0)+IF(Input!$K$16=1,M7914*Input!$J$16,0)</f>
        <v>2.1729113432753455</v>
      </c>
      <c r="O7914" s="58">
        <f>IF(Input!$K$13=2,J7914*Input!$J$13,0)+IF(Input!$K$14=2,K7914*Input!$J$14,0)+IF(Input!$K$15=2,L7914*Input!$J$15,0)+IF(Input!$K$16=2,M7914*Input!$J$16,0)</f>
        <v>5.917989431397086E-2</v>
      </c>
      <c r="P7914" s="58">
        <f>IF(Input!$K$13=3,J7914*Input!$J$13,0)+IF(Input!$K$14=3,K7914*Input!$J$14,0)+IF(Input!$K$15=3,L7914*Input!$J$15,0)+IF(Input!$K$16=3,M7914*Input!$J$16,0)</f>
        <v>0</v>
      </c>
      <c r="Q7914" s="71">
        <f>IF(Input!$K$13=4,J7914*Input!$J$13,0)+IF(Input!$K$14=4,K7914*Input!$J$14,0)+IF(Input!$K$15=4,L7914*Input!$J$15,0)+IF(Input!$K$16=4,M7914*Input!$J$16,0)</f>
        <v>0</v>
      </c>
    </row>
    <row r="7915" spans="8:17" x14ac:dyDescent="0.25">
      <c r="H7915" s="43">
        <v>7908</v>
      </c>
      <c r="I7915" s="55">
        <f>Bühler!I7941</f>
        <v>7.6593468673083569</v>
      </c>
      <c r="J7915" s="58">
        <f>Bühler!J7941</f>
        <v>18.107594527294548</v>
      </c>
      <c r="K7915" s="58">
        <f>Bühler!K7941</f>
        <v>0.43836958751089528</v>
      </c>
      <c r="L7915" s="58">
        <f>Bühler!L7941</f>
        <v>0.21918479375544764</v>
      </c>
      <c r="M7915" s="57">
        <f>Bühler!M7941</f>
        <v>0</v>
      </c>
      <c r="N7915" s="55">
        <f>IF(Input!$K$13=1,J7915*Input!$J$13,0)+IF(Input!$K$14=1,K7915*Input!$J$14,0)+IF(Input!$K$15=1,L7915*Input!$J$15,0)+IF(Input!$K$16=1,M7915*Input!$J$16,0)</f>
        <v>2.1729113432753455</v>
      </c>
      <c r="O7915" s="58">
        <f>IF(Input!$K$13=2,J7915*Input!$J$13,0)+IF(Input!$K$14=2,K7915*Input!$J$14,0)+IF(Input!$K$15=2,L7915*Input!$J$15,0)+IF(Input!$K$16=2,M7915*Input!$J$16,0)</f>
        <v>5.917989431397086E-2</v>
      </c>
      <c r="P7915" s="58">
        <f>IF(Input!$K$13=3,J7915*Input!$J$13,0)+IF(Input!$K$14=3,K7915*Input!$J$14,0)+IF(Input!$K$15=3,L7915*Input!$J$15,0)+IF(Input!$K$16=3,M7915*Input!$J$16,0)</f>
        <v>0</v>
      </c>
      <c r="Q7915" s="71">
        <f>IF(Input!$K$13=4,J7915*Input!$J$13,0)+IF(Input!$K$14=4,K7915*Input!$J$14,0)+IF(Input!$K$15=4,L7915*Input!$J$15,0)+IF(Input!$K$16=4,M7915*Input!$J$16,0)</f>
        <v>0</v>
      </c>
    </row>
    <row r="7916" spans="8:17" x14ac:dyDescent="0.25">
      <c r="H7916" s="43">
        <v>7909</v>
      </c>
      <c r="I7916" s="55">
        <f>Bühler!I7942</f>
        <v>7.6593468673083569</v>
      </c>
      <c r="J7916" s="58">
        <f>Bühler!J7942</f>
        <v>18.107594527294548</v>
      </c>
      <c r="K7916" s="58">
        <f>Bühler!K7942</f>
        <v>0.43836958751089528</v>
      </c>
      <c r="L7916" s="58">
        <f>Bühler!L7942</f>
        <v>0.21918479375544764</v>
      </c>
      <c r="M7916" s="57">
        <f>Bühler!M7942</f>
        <v>0</v>
      </c>
      <c r="N7916" s="55">
        <f>IF(Input!$K$13=1,J7916*Input!$J$13,0)+IF(Input!$K$14=1,K7916*Input!$J$14,0)+IF(Input!$K$15=1,L7916*Input!$J$15,0)+IF(Input!$K$16=1,M7916*Input!$J$16,0)</f>
        <v>2.1729113432753455</v>
      </c>
      <c r="O7916" s="58">
        <f>IF(Input!$K$13=2,J7916*Input!$J$13,0)+IF(Input!$K$14=2,K7916*Input!$J$14,0)+IF(Input!$K$15=2,L7916*Input!$J$15,0)+IF(Input!$K$16=2,M7916*Input!$J$16,0)</f>
        <v>5.917989431397086E-2</v>
      </c>
      <c r="P7916" s="58">
        <f>IF(Input!$K$13=3,J7916*Input!$J$13,0)+IF(Input!$K$14=3,K7916*Input!$J$14,0)+IF(Input!$K$15=3,L7916*Input!$J$15,0)+IF(Input!$K$16=3,M7916*Input!$J$16,0)</f>
        <v>0</v>
      </c>
      <c r="Q7916" s="71">
        <f>IF(Input!$K$13=4,J7916*Input!$J$13,0)+IF(Input!$K$14=4,K7916*Input!$J$14,0)+IF(Input!$K$15=4,L7916*Input!$J$15,0)+IF(Input!$K$16=4,M7916*Input!$J$16,0)</f>
        <v>0</v>
      </c>
    </row>
    <row r="7917" spans="8:17" x14ac:dyDescent="0.25">
      <c r="H7917" s="43">
        <v>7910</v>
      </c>
      <c r="I7917" s="55">
        <f>Bühler!I7943</f>
        <v>7.6593468673083569</v>
      </c>
      <c r="J7917" s="58">
        <f>Bühler!J7943</f>
        <v>18.107594527294548</v>
      </c>
      <c r="K7917" s="58">
        <f>Bühler!K7943</f>
        <v>0.43836958751089528</v>
      </c>
      <c r="L7917" s="58">
        <f>Bühler!L7943</f>
        <v>0.21918479375544764</v>
      </c>
      <c r="M7917" s="57">
        <f>Bühler!M7943</f>
        <v>0</v>
      </c>
      <c r="N7917" s="55">
        <f>IF(Input!$K$13=1,J7917*Input!$J$13,0)+IF(Input!$K$14=1,K7917*Input!$J$14,0)+IF(Input!$K$15=1,L7917*Input!$J$15,0)+IF(Input!$K$16=1,M7917*Input!$J$16,0)</f>
        <v>2.1729113432753455</v>
      </c>
      <c r="O7917" s="58">
        <f>IF(Input!$K$13=2,J7917*Input!$J$13,0)+IF(Input!$K$14=2,K7917*Input!$J$14,0)+IF(Input!$K$15=2,L7917*Input!$J$15,0)+IF(Input!$K$16=2,M7917*Input!$J$16,0)</f>
        <v>5.917989431397086E-2</v>
      </c>
      <c r="P7917" s="58">
        <f>IF(Input!$K$13=3,J7917*Input!$J$13,0)+IF(Input!$K$14=3,K7917*Input!$J$14,0)+IF(Input!$K$15=3,L7917*Input!$J$15,0)+IF(Input!$K$16=3,M7917*Input!$J$16,0)</f>
        <v>0</v>
      </c>
      <c r="Q7917" s="71">
        <f>IF(Input!$K$13=4,J7917*Input!$J$13,0)+IF(Input!$K$14=4,K7917*Input!$J$14,0)+IF(Input!$K$15=4,L7917*Input!$J$15,0)+IF(Input!$K$16=4,M7917*Input!$J$16,0)</f>
        <v>0</v>
      </c>
    </row>
    <row r="7918" spans="8:17" x14ac:dyDescent="0.25">
      <c r="H7918" s="43">
        <v>7911</v>
      </c>
      <c r="I7918" s="55">
        <f>Bühler!I7944</f>
        <v>7.6593468673083569</v>
      </c>
      <c r="J7918" s="58">
        <f>Bühler!J7944</f>
        <v>18.107594527294548</v>
      </c>
      <c r="K7918" s="58">
        <f>Bühler!K7944</f>
        <v>0.43836958751089528</v>
      </c>
      <c r="L7918" s="58">
        <f>Bühler!L7944</f>
        <v>0.21918479375544764</v>
      </c>
      <c r="M7918" s="57">
        <f>Bühler!M7944</f>
        <v>0</v>
      </c>
      <c r="N7918" s="55">
        <f>IF(Input!$K$13=1,J7918*Input!$J$13,0)+IF(Input!$K$14=1,K7918*Input!$J$14,0)+IF(Input!$K$15=1,L7918*Input!$J$15,0)+IF(Input!$K$16=1,M7918*Input!$J$16,0)</f>
        <v>2.1729113432753455</v>
      </c>
      <c r="O7918" s="58">
        <f>IF(Input!$K$13=2,J7918*Input!$J$13,0)+IF(Input!$K$14=2,K7918*Input!$J$14,0)+IF(Input!$K$15=2,L7918*Input!$J$15,0)+IF(Input!$K$16=2,M7918*Input!$J$16,0)</f>
        <v>5.917989431397086E-2</v>
      </c>
      <c r="P7918" s="58">
        <f>IF(Input!$K$13=3,J7918*Input!$J$13,0)+IF(Input!$K$14=3,K7918*Input!$J$14,0)+IF(Input!$K$15=3,L7918*Input!$J$15,0)+IF(Input!$K$16=3,M7918*Input!$J$16,0)</f>
        <v>0</v>
      </c>
      <c r="Q7918" s="71">
        <f>IF(Input!$K$13=4,J7918*Input!$J$13,0)+IF(Input!$K$14=4,K7918*Input!$J$14,0)+IF(Input!$K$15=4,L7918*Input!$J$15,0)+IF(Input!$K$16=4,M7918*Input!$J$16,0)</f>
        <v>0</v>
      </c>
    </row>
    <row r="7919" spans="8:17" x14ac:dyDescent="0.25">
      <c r="H7919" s="43">
        <v>7912</v>
      </c>
      <c r="I7919" s="55">
        <f>Bühler!I7945</f>
        <v>6.8083083264963173</v>
      </c>
      <c r="J7919" s="58">
        <f>Bühler!J7945</f>
        <v>18.072134588094048</v>
      </c>
      <c r="K7919" s="58">
        <f>Bühler!K7945</f>
        <v>0.43836958751089528</v>
      </c>
      <c r="L7919" s="58">
        <f>Bühler!L7945</f>
        <v>0.21918479375544764</v>
      </c>
      <c r="M7919" s="57">
        <f>Bühler!M7945</f>
        <v>0</v>
      </c>
      <c r="N7919" s="55">
        <f>IF(Input!$K$13=1,J7919*Input!$J$13,0)+IF(Input!$K$14=1,K7919*Input!$J$14,0)+IF(Input!$K$15=1,L7919*Input!$J$15,0)+IF(Input!$K$16=1,M7919*Input!$J$16,0)</f>
        <v>2.1686561505712856</v>
      </c>
      <c r="O7919" s="58">
        <f>IF(Input!$K$13=2,J7919*Input!$J$13,0)+IF(Input!$K$14=2,K7919*Input!$J$14,0)+IF(Input!$K$15=2,L7919*Input!$J$15,0)+IF(Input!$K$16=2,M7919*Input!$J$16,0)</f>
        <v>5.917989431397086E-2</v>
      </c>
      <c r="P7919" s="58">
        <f>IF(Input!$K$13=3,J7919*Input!$J$13,0)+IF(Input!$K$14=3,K7919*Input!$J$14,0)+IF(Input!$K$15=3,L7919*Input!$J$15,0)+IF(Input!$K$16=3,M7919*Input!$J$16,0)</f>
        <v>0</v>
      </c>
      <c r="Q7919" s="71">
        <f>IF(Input!$K$13=4,J7919*Input!$J$13,0)+IF(Input!$K$14=4,K7919*Input!$J$14,0)+IF(Input!$K$15=4,L7919*Input!$J$15,0)+IF(Input!$K$16=4,M7919*Input!$J$16,0)</f>
        <v>0</v>
      </c>
    </row>
    <row r="7920" spans="8:17" x14ac:dyDescent="0.25">
      <c r="H7920" s="43">
        <v>7913</v>
      </c>
      <c r="I7920" s="55">
        <f>Bühler!I7946</f>
        <v>6.6867313920945968</v>
      </c>
      <c r="J7920" s="58">
        <f>Bühler!J7946</f>
        <v>18.067068882493974</v>
      </c>
      <c r="K7920" s="58">
        <f>Bühler!K7946</f>
        <v>0.43836958751089528</v>
      </c>
      <c r="L7920" s="58">
        <f>Bühler!L7946</f>
        <v>0.21918479375544764</v>
      </c>
      <c r="M7920" s="57">
        <f>Bühler!M7946</f>
        <v>0</v>
      </c>
      <c r="N7920" s="55">
        <f>IF(Input!$K$13=1,J7920*Input!$J$13,0)+IF(Input!$K$14=1,K7920*Input!$J$14,0)+IF(Input!$K$15=1,L7920*Input!$J$15,0)+IF(Input!$K$16=1,M7920*Input!$J$16,0)</f>
        <v>2.1680482658992766</v>
      </c>
      <c r="O7920" s="58">
        <f>IF(Input!$K$13=2,J7920*Input!$J$13,0)+IF(Input!$K$14=2,K7920*Input!$J$14,0)+IF(Input!$K$15=2,L7920*Input!$J$15,0)+IF(Input!$K$16=2,M7920*Input!$J$16,0)</f>
        <v>5.917989431397086E-2</v>
      </c>
      <c r="P7920" s="58">
        <f>IF(Input!$K$13=3,J7920*Input!$J$13,0)+IF(Input!$K$14=3,K7920*Input!$J$14,0)+IF(Input!$K$15=3,L7920*Input!$J$15,0)+IF(Input!$K$16=3,M7920*Input!$J$16,0)</f>
        <v>0</v>
      </c>
      <c r="Q7920" s="71">
        <f>IF(Input!$K$13=4,J7920*Input!$J$13,0)+IF(Input!$K$14=4,K7920*Input!$J$14,0)+IF(Input!$K$15=4,L7920*Input!$J$15,0)+IF(Input!$K$16=4,M7920*Input!$J$16,0)</f>
        <v>0</v>
      </c>
    </row>
    <row r="7921" spans="8:17" x14ac:dyDescent="0.25">
      <c r="H7921" s="43">
        <v>7914</v>
      </c>
      <c r="I7921" s="55">
        <f>Bühler!I7947</f>
        <v>5.7141159168808375</v>
      </c>
      <c r="J7921" s="58">
        <f>Bühler!J7947</f>
        <v>18.026543237693403</v>
      </c>
      <c r="K7921" s="58">
        <f>Bühler!K7947</f>
        <v>0.43836958751089528</v>
      </c>
      <c r="L7921" s="58">
        <f>Bühler!L7947</f>
        <v>0.21918479375544764</v>
      </c>
      <c r="M7921" s="57">
        <f>Bühler!M7947</f>
        <v>0</v>
      </c>
      <c r="N7921" s="55">
        <f>IF(Input!$K$13=1,J7921*Input!$J$13,0)+IF(Input!$K$14=1,K7921*Input!$J$14,0)+IF(Input!$K$15=1,L7921*Input!$J$15,0)+IF(Input!$K$16=1,M7921*Input!$J$16,0)</f>
        <v>2.1631851885232081</v>
      </c>
      <c r="O7921" s="58">
        <f>IF(Input!$K$13=2,J7921*Input!$J$13,0)+IF(Input!$K$14=2,K7921*Input!$J$14,0)+IF(Input!$K$15=2,L7921*Input!$J$15,0)+IF(Input!$K$16=2,M7921*Input!$J$16,0)</f>
        <v>5.917989431397086E-2</v>
      </c>
      <c r="P7921" s="58">
        <f>IF(Input!$K$13=3,J7921*Input!$J$13,0)+IF(Input!$K$14=3,K7921*Input!$J$14,0)+IF(Input!$K$15=3,L7921*Input!$J$15,0)+IF(Input!$K$16=3,M7921*Input!$J$16,0)</f>
        <v>0</v>
      </c>
      <c r="Q7921" s="71">
        <f>IF(Input!$K$13=4,J7921*Input!$J$13,0)+IF(Input!$K$14=4,K7921*Input!$J$14,0)+IF(Input!$K$15=4,L7921*Input!$J$15,0)+IF(Input!$K$16=4,M7921*Input!$J$16,0)</f>
        <v>0</v>
      </c>
    </row>
    <row r="7922" spans="8:17" x14ac:dyDescent="0.25">
      <c r="H7922" s="43">
        <v>7915</v>
      </c>
      <c r="I7922" s="55">
        <f>Bühler!I7948</f>
        <v>5.3493851136756776</v>
      </c>
      <c r="J7922" s="58">
        <f>Bühler!J7948</f>
        <v>18.011346120893187</v>
      </c>
      <c r="K7922" s="58">
        <f>Bühler!K7948</f>
        <v>0.43836958751089528</v>
      </c>
      <c r="L7922" s="58">
        <f>Bühler!L7948</f>
        <v>0.21918479375544764</v>
      </c>
      <c r="M7922" s="57">
        <f>Bühler!M7948</f>
        <v>0</v>
      </c>
      <c r="N7922" s="55">
        <f>IF(Input!$K$13=1,J7922*Input!$J$13,0)+IF(Input!$K$14=1,K7922*Input!$J$14,0)+IF(Input!$K$15=1,L7922*Input!$J$15,0)+IF(Input!$K$16=1,M7922*Input!$J$16,0)</f>
        <v>2.1613615345071824</v>
      </c>
      <c r="O7922" s="58">
        <f>IF(Input!$K$13=2,J7922*Input!$J$13,0)+IF(Input!$K$14=2,K7922*Input!$J$14,0)+IF(Input!$K$15=2,L7922*Input!$J$15,0)+IF(Input!$K$16=2,M7922*Input!$J$16,0)</f>
        <v>5.917989431397086E-2</v>
      </c>
      <c r="P7922" s="58">
        <f>IF(Input!$K$13=3,J7922*Input!$J$13,0)+IF(Input!$K$14=3,K7922*Input!$J$14,0)+IF(Input!$K$15=3,L7922*Input!$J$15,0)+IF(Input!$K$16=3,M7922*Input!$J$16,0)</f>
        <v>0</v>
      </c>
      <c r="Q7922" s="71">
        <f>IF(Input!$K$13=4,J7922*Input!$J$13,0)+IF(Input!$K$14=4,K7922*Input!$J$14,0)+IF(Input!$K$15=4,L7922*Input!$J$15,0)+IF(Input!$K$16=4,M7922*Input!$J$16,0)</f>
        <v>0</v>
      </c>
    </row>
    <row r="7923" spans="8:17" x14ac:dyDescent="0.25">
      <c r="H7923" s="43">
        <v>7916</v>
      </c>
      <c r="I7923" s="55">
        <f>Bühler!I7949</f>
        <v>4.4983465728636389</v>
      </c>
      <c r="J7923" s="58">
        <f>Bühler!J7949</f>
        <v>17.975886181692687</v>
      </c>
      <c r="K7923" s="58">
        <f>Bühler!K7949</f>
        <v>0.43836958751089528</v>
      </c>
      <c r="L7923" s="58">
        <f>Bühler!L7949</f>
        <v>0.21918479375544764</v>
      </c>
      <c r="M7923" s="57">
        <f>Bühler!M7949</f>
        <v>0</v>
      </c>
      <c r="N7923" s="55">
        <f>IF(Input!$K$13=1,J7923*Input!$J$13,0)+IF(Input!$K$14=1,K7923*Input!$J$14,0)+IF(Input!$K$15=1,L7923*Input!$J$15,0)+IF(Input!$K$16=1,M7923*Input!$J$16,0)</f>
        <v>2.1571063418031224</v>
      </c>
      <c r="O7923" s="58">
        <f>IF(Input!$K$13=2,J7923*Input!$J$13,0)+IF(Input!$K$14=2,K7923*Input!$J$14,0)+IF(Input!$K$15=2,L7923*Input!$J$15,0)+IF(Input!$K$16=2,M7923*Input!$J$16,0)</f>
        <v>5.917989431397086E-2</v>
      </c>
      <c r="P7923" s="58">
        <f>IF(Input!$K$13=3,J7923*Input!$J$13,0)+IF(Input!$K$14=3,K7923*Input!$J$14,0)+IF(Input!$K$15=3,L7923*Input!$J$15,0)+IF(Input!$K$16=3,M7923*Input!$J$16,0)</f>
        <v>0</v>
      </c>
      <c r="Q7923" s="71">
        <f>IF(Input!$K$13=4,J7923*Input!$J$13,0)+IF(Input!$K$14=4,K7923*Input!$J$14,0)+IF(Input!$K$15=4,L7923*Input!$J$15,0)+IF(Input!$K$16=4,M7923*Input!$J$16,0)</f>
        <v>0</v>
      </c>
    </row>
    <row r="7924" spans="8:17" x14ac:dyDescent="0.25">
      <c r="H7924" s="43">
        <v>7917</v>
      </c>
      <c r="I7924" s="55">
        <f>Bühler!I7950</f>
        <v>3.7688849664533177</v>
      </c>
      <c r="J7924" s="58">
        <f>Bühler!J7950</f>
        <v>17.945491948092258</v>
      </c>
      <c r="K7924" s="58">
        <f>Bühler!K7950</f>
        <v>0.43836958751089528</v>
      </c>
      <c r="L7924" s="58">
        <f>Bühler!L7950</f>
        <v>0.21918479375544764</v>
      </c>
      <c r="M7924" s="57">
        <f>Bühler!M7950</f>
        <v>0</v>
      </c>
      <c r="N7924" s="55">
        <f>IF(Input!$K$13=1,J7924*Input!$J$13,0)+IF(Input!$K$14=1,K7924*Input!$J$14,0)+IF(Input!$K$15=1,L7924*Input!$J$15,0)+IF(Input!$K$16=1,M7924*Input!$J$16,0)</f>
        <v>2.1534590337710711</v>
      </c>
      <c r="O7924" s="58">
        <f>IF(Input!$K$13=2,J7924*Input!$J$13,0)+IF(Input!$K$14=2,K7924*Input!$J$14,0)+IF(Input!$K$15=2,L7924*Input!$J$15,0)+IF(Input!$K$16=2,M7924*Input!$J$16,0)</f>
        <v>5.917989431397086E-2</v>
      </c>
      <c r="P7924" s="58">
        <f>IF(Input!$K$13=3,J7924*Input!$J$13,0)+IF(Input!$K$14=3,K7924*Input!$J$14,0)+IF(Input!$K$15=3,L7924*Input!$J$15,0)+IF(Input!$K$16=3,M7924*Input!$J$16,0)</f>
        <v>0</v>
      </c>
      <c r="Q7924" s="71">
        <f>IF(Input!$K$13=4,J7924*Input!$J$13,0)+IF(Input!$K$14=4,K7924*Input!$J$14,0)+IF(Input!$K$15=4,L7924*Input!$J$15,0)+IF(Input!$K$16=4,M7924*Input!$J$16,0)</f>
        <v>0</v>
      </c>
    </row>
    <row r="7925" spans="8:17" x14ac:dyDescent="0.25">
      <c r="H7925" s="43">
        <v>7918</v>
      </c>
      <c r="I7925" s="55">
        <f>Bühler!I7951</f>
        <v>3.2825772288464385</v>
      </c>
      <c r="J7925" s="58">
        <f>Bühler!J7951</f>
        <v>17.92522912569197</v>
      </c>
      <c r="K7925" s="58">
        <f>Bühler!K7951</f>
        <v>0.43836958751089528</v>
      </c>
      <c r="L7925" s="58">
        <f>Bühler!L7951</f>
        <v>0.21918479375544764</v>
      </c>
      <c r="M7925" s="57">
        <f>Bühler!M7951</f>
        <v>0</v>
      </c>
      <c r="N7925" s="55">
        <f>IF(Input!$K$13=1,J7925*Input!$J$13,0)+IF(Input!$K$14=1,K7925*Input!$J$14,0)+IF(Input!$K$15=1,L7925*Input!$J$15,0)+IF(Input!$K$16=1,M7925*Input!$J$16,0)</f>
        <v>2.1510274950830364</v>
      </c>
      <c r="O7925" s="58">
        <f>IF(Input!$K$13=2,J7925*Input!$J$13,0)+IF(Input!$K$14=2,K7925*Input!$J$14,0)+IF(Input!$K$15=2,L7925*Input!$J$15,0)+IF(Input!$K$16=2,M7925*Input!$J$16,0)</f>
        <v>5.917989431397086E-2</v>
      </c>
      <c r="P7925" s="58">
        <f>IF(Input!$K$13=3,J7925*Input!$J$13,0)+IF(Input!$K$14=3,K7925*Input!$J$14,0)+IF(Input!$K$15=3,L7925*Input!$J$15,0)+IF(Input!$K$16=3,M7925*Input!$J$16,0)</f>
        <v>0</v>
      </c>
      <c r="Q7925" s="71">
        <f>IF(Input!$K$13=4,J7925*Input!$J$13,0)+IF(Input!$K$14=4,K7925*Input!$J$14,0)+IF(Input!$K$15=4,L7925*Input!$J$15,0)+IF(Input!$K$16=4,M7925*Input!$J$16,0)</f>
        <v>0</v>
      </c>
    </row>
    <row r="7926" spans="8:17" x14ac:dyDescent="0.25">
      <c r="H7926" s="43">
        <v>7919</v>
      </c>
      <c r="I7926" s="55">
        <f>Bühler!I7952</f>
        <v>3.2825772288464385</v>
      </c>
      <c r="J7926" s="58">
        <f>Bühler!J7952</f>
        <v>17.92522912569197</v>
      </c>
      <c r="K7926" s="58">
        <f>Bühler!K7952</f>
        <v>0.43836958751089528</v>
      </c>
      <c r="L7926" s="58">
        <f>Bühler!L7952</f>
        <v>0.21918479375544764</v>
      </c>
      <c r="M7926" s="57">
        <f>Bühler!M7952</f>
        <v>0</v>
      </c>
      <c r="N7926" s="55">
        <f>IF(Input!$K$13=1,J7926*Input!$J$13,0)+IF(Input!$K$14=1,K7926*Input!$J$14,0)+IF(Input!$K$15=1,L7926*Input!$J$15,0)+IF(Input!$K$16=1,M7926*Input!$J$16,0)</f>
        <v>2.1510274950830364</v>
      </c>
      <c r="O7926" s="58">
        <f>IF(Input!$K$13=2,J7926*Input!$J$13,0)+IF(Input!$K$14=2,K7926*Input!$J$14,0)+IF(Input!$K$15=2,L7926*Input!$J$15,0)+IF(Input!$K$16=2,M7926*Input!$J$16,0)</f>
        <v>5.917989431397086E-2</v>
      </c>
      <c r="P7926" s="58">
        <f>IF(Input!$K$13=3,J7926*Input!$J$13,0)+IF(Input!$K$14=3,K7926*Input!$J$14,0)+IF(Input!$K$15=3,L7926*Input!$J$15,0)+IF(Input!$K$16=3,M7926*Input!$J$16,0)</f>
        <v>0</v>
      </c>
      <c r="Q7926" s="71">
        <f>IF(Input!$K$13=4,J7926*Input!$J$13,0)+IF(Input!$K$14=4,K7926*Input!$J$14,0)+IF(Input!$K$15=4,L7926*Input!$J$15,0)+IF(Input!$K$16=4,M7926*Input!$J$16,0)</f>
        <v>0</v>
      </c>
    </row>
    <row r="7927" spans="8:17" x14ac:dyDescent="0.25">
      <c r="H7927" s="43">
        <v>7920</v>
      </c>
      <c r="I7927" s="55">
        <f>Bühler!I7953</f>
        <v>3.2825772288464385</v>
      </c>
      <c r="J7927" s="58">
        <f>Bühler!J7953</f>
        <v>17.92522912569197</v>
      </c>
      <c r="K7927" s="58">
        <f>Bühler!K7953</f>
        <v>0.43836958751089528</v>
      </c>
      <c r="L7927" s="58">
        <f>Bühler!L7953</f>
        <v>0.21918479375544764</v>
      </c>
      <c r="M7927" s="57">
        <f>Bühler!M7953</f>
        <v>0</v>
      </c>
      <c r="N7927" s="55">
        <f>IF(Input!$K$13=1,J7927*Input!$J$13,0)+IF(Input!$K$14=1,K7927*Input!$J$14,0)+IF(Input!$K$15=1,L7927*Input!$J$15,0)+IF(Input!$K$16=1,M7927*Input!$J$16,0)</f>
        <v>2.1510274950830364</v>
      </c>
      <c r="O7927" s="58">
        <f>IF(Input!$K$13=2,J7927*Input!$J$13,0)+IF(Input!$K$14=2,K7927*Input!$J$14,0)+IF(Input!$K$15=2,L7927*Input!$J$15,0)+IF(Input!$K$16=2,M7927*Input!$J$16,0)</f>
        <v>5.917989431397086E-2</v>
      </c>
      <c r="P7927" s="58">
        <f>IF(Input!$K$13=3,J7927*Input!$J$13,0)+IF(Input!$K$14=3,K7927*Input!$J$14,0)+IF(Input!$K$15=3,L7927*Input!$J$15,0)+IF(Input!$K$16=3,M7927*Input!$J$16,0)</f>
        <v>0</v>
      </c>
      <c r="Q7927" s="71">
        <f>IF(Input!$K$13=4,J7927*Input!$J$13,0)+IF(Input!$K$14=4,K7927*Input!$J$14,0)+IF(Input!$K$15=4,L7927*Input!$J$15,0)+IF(Input!$K$16=4,M7927*Input!$J$16,0)</f>
        <v>0</v>
      </c>
    </row>
    <row r="7928" spans="8:17" x14ac:dyDescent="0.25">
      <c r="H7928" s="43">
        <v>7921</v>
      </c>
      <c r="I7928" s="55">
        <f>Bühler!I7954</f>
        <v>2.5850499047786553</v>
      </c>
      <c r="J7928" s="58">
        <f>Bühler!J7954</f>
        <v>14.29659183161256</v>
      </c>
      <c r="K7928" s="58">
        <f>Bühler!K7954</f>
        <v>0.6203831686312159</v>
      </c>
      <c r="L7928" s="58">
        <f>Bühler!L7954</f>
        <v>0.31019158431560795</v>
      </c>
      <c r="M7928" s="57">
        <f>Bühler!M7954</f>
        <v>0</v>
      </c>
      <c r="N7928" s="55">
        <f>IF(Input!$K$13=1,J7928*Input!$J$13,0)+IF(Input!$K$14=1,K7928*Input!$J$14,0)+IF(Input!$K$15=1,L7928*Input!$J$15,0)+IF(Input!$K$16=1,M7928*Input!$J$16,0)</f>
        <v>1.7155910197935071</v>
      </c>
      <c r="O7928" s="58">
        <f>IF(Input!$K$13=2,J7928*Input!$J$13,0)+IF(Input!$K$14=2,K7928*Input!$J$14,0)+IF(Input!$K$15=2,L7928*Input!$J$15,0)+IF(Input!$K$16=2,M7928*Input!$J$16,0)</f>
        <v>8.375172776521414E-2</v>
      </c>
      <c r="P7928" s="58">
        <f>IF(Input!$K$13=3,J7928*Input!$J$13,0)+IF(Input!$K$14=3,K7928*Input!$J$14,0)+IF(Input!$K$15=3,L7928*Input!$J$15,0)+IF(Input!$K$16=3,M7928*Input!$J$16,0)</f>
        <v>0</v>
      </c>
      <c r="Q7928" s="71">
        <f>IF(Input!$K$13=4,J7928*Input!$J$13,0)+IF(Input!$K$14=4,K7928*Input!$J$14,0)+IF(Input!$K$15=4,L7928*Input!$J$15,0)+IF(Input!$K$16=4,M7928*Input!$J$16,0)</f>
        <v>0</v>
      </c>
    </row>
    <row r="7929" spans="8:17" x14ac:dyDescent="0.25">
      <c r="H7929" s="43">
        <v>7922</v>
      </c>
      <c r="I7929" s="55">
        <f>Bühler!I7955</f>
        <v>2.5850499047786553</v>
      </c>
      <c r="J7929" s="58">
        <f>Bühler!J7955</f>
        <v>14.29659183161256</v>
      </c>
      <c r="K7929" s="58">
        <f>Bühler!K7955</f>
        <v>0.6203831686312159</v>
      </c>
      <c r="L7929" s="58">
        <f>Bühler!L7955</f>
        <v>0.31019158431560795</v>
      </c>
      <c r="M7929" s="57">
        <f>Bühler!M7955</f>
        <v>0</v>
      </c>
      <c r="N7929" s="55">
        <f>IF(Input!$K$13=1,J7929*Input!$J$13,0)+IF(Input!$K$14=1,K7929*Input!$J$14,0)+IF(Input!$K$15=1,L7929*Input!$J$15,0)+IF(Input!$K$16=1,M7929*Input!$J$16,0)</f>
        <v>1.7155910197935071</v>
      </c>
      <c r="O7929" s="58">
        <f>IF(Input!$K$13=2,J7929*Input!$J$13,0)+IF(Input!$K$14=2,K7929*Input!$J$14,0)+IF(Input!$K$15=2,L7929*Input!$J$15,0)+IF(Input!$K$16=2,M7929*Input!$J$16,0)</f>
        <v>8.375172776521414E-2</v>
      </c>
      <c r="P7929" s="58">
        <f>IF(Input!$K$13=3,J7929*Input!$J$13,0)+IF(Input!$K$14=3,K7929*Input!$J$14,0)+IF(Input!$K$15=3,L7929*Input!$J$15,0)+IF(Input!$K$16=3,M7929*Input!$J$16,0)</f>
        <v>0</v>
      </c>
      <c r="Q7929" s="71">
        <f>IF(Input!$K$13=4,J7929*Input!$J$13,0)+IF(Input!$K$14=4,K7929*Input!$J$14,0)+IF(Input!$K$15=4,L7929*Input!$J$15,0)+IF(Input!$K$16=4,M7929*Input!$J$16,0)</f>
        <v>0</v>
      </c>
    </row>
    <row r="7930" spans="8:17" x14ac:dyDescent="0.25">
      <c r="H7930" s="43">
        <v>7923</v>
      </c>
      <c r="I7930" s="55">
        <f>Bühler!I7956</f>
        <v>2.5850499047786553</v>
      </c>
      <c r="J7930" s="58">
        <f>Bühler!J7956</f>
        <v>14.29659183161256</v>
      </c>
      <c r="K7930" s="58">
        <f>Bühler!K7956</f>
        <v>0.6203831686312159</v>
      </c>
      <c r="L7930" s="58">
        <f>Bühler!L7956</f>
        <v>0.31019158431560795</v>
      </c>
      <c r="M7930" s="57">
        <f>Bühler!M7956</f>
        <v>0</v>
      </c>
      <c r="N7930" s="55">
        <f>IF(Input!$K$13=1,J7930*Input!$J$13,0)+IF(Input!$K$14=1,K7930*Input!$J$14,0)+IF(Input!$K$15=1,L7930*Input!$J$15,0)+IF(Input!$K$16=1,M7930*Input!$J$16,0)</f>
        <v>1.7155910197935071</v>
      </c>
      <c r="O7930" s="58">
        <f>IF(Input!$K$13=2,J7930*Input!$J$13,0)+IF(Input!$K$14=2,K7930*Input!$J$14,0)+IF(Input!$K$15=2,L7930*Input!$J$15,0)+IF(Input!$K$16=2,M7930*Input!$J$16,0)</f>
        <v>8.375172776521414E-2</v>
      </c>
      <c r="P7930" s="58">
        <f>IF(Input!$K$13=3,J7930*Input!$J$13,0)+IF(Input!$K$14=3,K7930*Input!$J$14,0)+IF(Input!$K$15=3,L7930*Input!$J$15,0)+IF(Input!$K$16=3,M7930*Input!$J$16,0)</f>
        <v>0</v>
      </c>
      <c r="Q7930" s="71">
        <f>IF(Input!$K$13=4,J7930*Input!$J$13,0)+IF(Input!$K$14=4,K7930*Input!$J$14,0)+IF(Input!$K$15=4,L7930*Input!$J$15,0)+IF(Input!$K$16=4,M7930*Input!$J$16,0)</f>
        <v>0</v>
      </c>
    </row>
    <row r="7931" spans="8:17" x14ac:dyDescent="0.25">
      <c r="H7931" s="43">
        <v>7924</v>
      </c>
      <c r="I7931" s="55">
        <f>Bühler!I7957</f>
        <v>2.5850499047786553</v>
      </c>
      <c r="J7931" s="58">
        <f>Bühler!J7957</f>
        <v>14.29659183161256</v>
      </c>
      <c r="K7931" s="58">
        <f>Bühler!K7957</f>
        <v>0.6203831686312159</v>
      </c>
      <c r="L7931" s="58">
        <f>Bühler!L7957</f>
        <v>0.31019158431560795</v>
      </c>
      <c r="M7931" s="57">
        <f>Bühler!M7957</f>
        <v>0</v>
      </c>
      <c r="N7931" s="55">
        <f>IF(Input!$K$13=1,J7931*Input!$J$13,0)+IF(Input!$K$14=1,K7931*Input!$J$14,0)+IF(Input!$K$15=1,L7931*Input!$J$15,0)+IF(Input!$K$16=1,M7931*Input!$J$16,0)</f>
        <v>1.7155910197935071</v>
      </c>
      <c r="O7931" s="58">
        <f>IF(Input!$K$13=2,J7931*Input!$J$13,0)+IF(Input!$K$14=2,K7931*Input!$J$14,0)+IF(Input!$K$15=2,L7931*Input!$J$15,0)+IF(Input!$K$16=2,M7931*Input!$J$16,0)</f>
        <v>8.375172776521414E-2</v>
      </c>
      <c r="P7931" s="58">
        <f>IF(Input!$K$13=3,J7931*Input!$J$13,0)+IF(Input!$K$14=3,K7931*Input!$J$14,0)+IF(Input!$K$15=3,L7931*Input!$J$15,0)+IF(Input!$K$16=3,M7931*Input!$J$16,0)</f>
        <v>0</v>
      </c>
      <c r="Q7931" s="71">
        <f>IF(Input!$K$13=4,J7931*Input!$J$13,0)+IF(Input!$K$14=4,K7931*Input!$J$14,0)+IF(Input!$K$15=4,L7931*Input!$J$15,0)+IF(Input!$K$16=4,M7931*Input!$J$16,0)</f>
        <v>0</v>
      </c>
    </row>
    <row r="7932" spans="8:17" x14ac:dyDescent="0.25">
      <c r="H7932" s="43">
        <v>7925</v>
      </c>
      <c r="I7932" s="55">
        <f>Bühler!I7958</f>
        <v>2.5850499047786553</v>
      </c>
      <c r="J7932" s="58">
        <f>Bühler!J7958</f>
        <v>14.29659183161256</v>
      </c>
      <c r="K7932" s="58">
        <f>Bühler!K7958</f>
        <v>0.6203831686312159</v>
      </c>
      <c r="L7932" s="58">
        <f>Bühler!L7958</f>
        <v>0.31019158431560795</v>
      </c>
      <c r="M7932" s="57">
        <f>Bühler!M7958</f>
        <v>0</v>
      </c>
      <c r="N7932" s="55">
        <f>IF(Input!$K$13=1,J7932*Input!$J$13,0)+IF(Input!$K$14=1,K7932*Input!$J$14,0)+IF(Input!$K$15=1,L7932*Input!$J$15,0)+IF(Input!$K$16=1,M7932*Input!$J$16,0)</f>
        <v>1.7155910197935071</v>
      </c>
      <c r="O7932" s="58">
        <f>IF(Input!$K$13=2,J7932*Input!$J$13,0)+IF(Input!$K$14=2,K7932*Input!$J$14,0)+IF(Input!$K$15=2,L7932*Input!$J$15,0)+IF(Input!$K$16=2,M7932*Input!$J$16,0)</f>
        <v>8.375172776521414E-2</v>
      </c>
      <c r="P7932" s="58">
        <f>IF(Input!$K$13=3,J7932*Input!$J$13,0)+IF(Input!$K$14=3,K7932*Input!$J$14,0)+IF(Input!$K$15=3,L7932*Input!$J$15,0)+IF(Input!$K$16=3,M7932*Input!$J$16,0)</f>
        <v>0</v>
      </c>
      <c r="Q7932" s="71">
        <f>IF(Input!$K$13=4,J7932*Input!$J$13,0)+IF(Input!$K$14=4,K7932*Input!$J$14,0)+IF(Input!$K$15=4,L7932*Input!$J$15,0)+IF(Input!$K$16=4,M7932*Input!$J$16,0)</f>
        <v>0</v>
      </c>
    </row>
    <row r="7933" spans="8:17" x14ac:dyDescent="0.25">
      <c r="H7933" s="43">
        <v>7926</v>
      </c>
      <c r="I7933" s="55">
        <f>Bühler!I7959</f>
        <v>2.5850499047786553</v>
      </c>
      <c r="J7933" s="58">
        <f>Bühler!J7959</f>
        <v>14.29659183161256</v>
      </c>
      <c r="K7933" s="58">
        <f>Bühler!K7959</f>
        <v>0.6203831686312159</v>
      </c>
      <c r="L7933" s="58">
        <f>Bühler!L7959</f>
        <v>0.31019158431560795</v>
      </c>
      <c r="M7933" s="57">
        <f>Bühler!M7959</f>
        <v>0</v>
      </c>
      <c r="N7933" s="55">
        <f>IF(Input!$K$13=1,J7933*Input!$J$13,0)+IF(Input!$K$14=1,K7933*Input!$J$14,0)+IF(Input!$K$15=1,L7933*Input!$J$15,0)+IF(Input!$K$16=1,M7933*Input!$J$16,0)</f>
        <v>1.7155910197935071</v>
      </c>
      <c r="O7933" s="58">
        <f>IF(Input!$K$13=2,J7933*Input!$J$13,0)+IF(Input!$K$14=2,K7933*Input!$J$14,0)+IF(Input!$K$15=2,L7933*Input!$J$15,0)+IF(Input!$K$16=2,M7933*Input!$J$16,0)</f>
        <v>8.375172776521414E-2</v>
      </c>
      <c r="P7933" s="58">
        <f>IF(Input!$K$13=3,J7933*Input!$J$13,0)+IF(Input!$K$14=3,K7933*Input!$J$14,0)+IF(Input!$K$15=3,L7933*Input!$J$15,0)+IF(Input!$K$16=3,M7933*Input!$J$16,0)</f>
        <v>0</v>
      </c>
      <c r="Q7933" s="71">
        <f>IF(Input!$K$13=4,J7933*Input!$J$13,0)+IF(Input!$K$14=4,K7933*Input!$J$14,0)+IF(Input!$K$15=4,L7933*Input!$J$15,0)+IF(Input!$K$16=4,M7933*Input!$J$16,0)</f>
        <v>0</v>
      </c>
    </row>
    <row r="7934" spans="8:17" x14ac:dyDescent="0.25">
      <c r="H7934" s="43">
        <v>7927</v>
      </c>
      <c r="I7934" s="55">
        <f>Bühler!I7960</f>
        <v>2.5850499047786553</v>
      </c>
      <c r="J7934" s="58">
        <f>Bühler!J7960</f>
        <v>14.29659183161256</v>
      </c>
      <c r="K7934" s="58">
        <f>Bühler!K7960</f>
        <v>0.6203831686312159</v>
      </c>
      <c r="L7934" s="58">
        <f>Bühler!L7960</f>
        <v>0.31019158431560795</v>
      </c>
      <c r="M7934" s="57">
        <f>Bühler!M7960</f>
        <v>0</v>
      </c>
      <c r="N7934" s="55">
        <f>IF(Input!$K$13=1,J7934*Input!$J$13,0)+IF(Input!$K$14=1,K7934*Input!$J$14,0)+IF(Input!$K$15=1,L7934*Input!$J$15,0)+IF(Input!$K$16=1,M7934*Input!$J$16,0)</f>
        <v>1.7155910197935071</v>
      </c>
      <c r="O7934" s="58">
        <f>IF(Input!$K$13=2,J7934*Input!$J$13,0)+IF(Input!$K$14=2,K7934*Input!$J$14,0)+IF(Input!$K$15=2,L7934*Input!$J$15,0)+IF(Input!$K$16=2,M7934*Input!$J$16,0)</f>
        <v>8.375172776521414E-2</v>
      </c>
      <c r="P7934" s="58">
        <f>IF(Input!$K$13=3,J7934*Input!$J$13,0)+IF(Input!$K$14=3,K7934*Input!$J$14,0)+IF(Input!$K$15=3,L7934*Input!$J$15,0)+IF(Input!$K$16=3,M7934*Input!$J$16,0)</f>
        <v>0</v>
      </c>
      <c r="Q7934" s="71">
        <f>IF(Input!$K$13=4,J7934*Input!$J$13,0)+IF(Input!$K$14=4,K7934*Input!$J$14,0)+IF(Input!$K$15=4,L7934*Input!$J$15,0)+IF(Input!$K$16=4,M7934*Input!$J$16,0)</f>
        <v>0</v>
      </c>
    </row>
    <row r="7935" spans="8:17" x14ac:dyDescent="0.25">
      <c r="H7935" s="43">
        <v>7928</v>
      </c>
      <c r="I7935" s="55">
        <f>Bühler!I7961</f>
        <v>11.244967085787151</v>
      </c>
      <c r="J7935" s="58">
        <f>Bühler!J7961</f>
        <v>61.155523568385419</v>
      </c>
      <c r="K7935" s="58">
        <f>Bühler!K7961</f>
        <v>2.6428322983689796</v>
      </c>
      <c r="L7935" s="58">
        <f>Bühler!L7961</f>
        <v>1.3214161491844898</v>
      </c>
      <c r="M7935" s="57">
        <f>Bühler!M7961</f>
        <v>0</v>
      </c>
      <c r="N7935" s="55">
        <f>IF(Input!$K$13=1,J7935*Input!$J$13,0)+IF(Input!$K$14=1,K7935*Input!$J$14,0)+IF(Input!$K$15=1,L7935*Input!$J$15,0)+IF(Input!$K$16=1,M7935*Input!$J$16,0)</f>
        <v>7.3386628282062496</v>
      </c>
      <c r="O7935" s="58">
        <f>IF(Input!$K$13=2,J7935*Input!$J$13,0)+IF(Input!$K$14=2,K7935*Input!$J$14,0)+IF(Input!$K$15=2,L7935*Input!$J$15,0)+IF(Input!$K$16=2,M7935*Input!$J$16,0)</f>
        <v>0.35678236027981225</v>
      </c>
      <c r="P7935" s="58">
        <f>IF(Input!$K$13=3,J7935*Input!$J$13,0)+IF(Input!$K$14=3,K7935*Input!$J$14,0)+IF(Input!$K$15=3,L7935*Input!$J$15,0)+IF(Input!$K$16=3,M7935*Input!$J$16,0)</f>
        <v>0</v>
      </c>
      <c r="Q7935" s="71">
        <f>IF(Input!$K$13=4,J7935*Input!$J$13,0)+IF(Input!$K$14=4,K7935*Input!$J$14,0)+IF(Input!$K$15=4,L7935*Input!$J$15,0)+IF(Input!$K$16=4,M7935*Input!$J$16,0)</f>
        <v>0</v>
      </c>
    </row>
    <row r="7936" spans="8:17" x14ac:dyDescent="0.25">
      <c r="H7936" s="43">
        <v>7929</v>
      </c>
      <c r="I7936" s="55">
        <f>Bühler!I7962</f>
        <v>12.650587971510545</v>
      </c>
      <c r="J7936" s="58">
        <f>Bühler!J7962</f>
        <v>68.799964014433598</v>
      </c>
      <c r="K7936" s="58">
        <f>Bühler!K7962</f>
        <v>2.973186335665102</v>
      </c>
      <c r="L7936" s="58">
        <f>Bühler!L7962</f>
        <v>1.486593167832551</v>
      </c>
      <c r="M7936" s="57">
        <f>Bühler!M7962</f>
        <v>0</v>
      </c>
      <c r="N7936" s="55">
        <f>IF(Input!$K$13=1,J7936*Input!$J$13,0)+IF(Input!$K$14=1,K7936*Input!$J$14,0)+IF(Input!$K$15=1,L7936*Input!$J$15,0)+IF(Input!$K$16=1,M7936*Input!$J$16,0)</f>
        <v>8.2559956817320312</v>
      </c>
      <c r="O7936" s="58">
        <f>IF(Input!$K$13=2,J7936*Input!$J$13,0)+IF(Input!$K$14=2,K7936*Input!$J$14,0)+IF(Input!$K$15=2,L7936*Input!$J$15,0)+IF(Input!$K$16=2,M7936*Input!$J$16,0)</f>
        <v>0.40138015531478877</v>
      </c>
      <c r="P7936" s="58">
        <f>IF(Input!$K$13=3,J7936*Input!$J$13,0)+IF(Input!$K$14=3,K7936*Input!$J$14,0)+IF(Input!$K$15=3,L7936*Input!$J$15,0)+IF(Input!$K$16=3,M7936*Input!$J$16,0)</f>
        <v>0</v>
      </c>
      <c r="Q7936" s="71">
        <f>IF(Input!$K$13=4,J7936*Input!$J$13,0)+IF(Input!$K$14=4,K7936*Input!$J$14,0)+IF(Input!$K$15=4,L7936*Input!$J$15,0)+IF(Input!$K$16=4,M7936*Input!$J$16,0)</f>
        <v>0</v>
      </c>
    </row>
    <row r="7937" spans="8:17" x14ac:dyDescent="0.25">
      <c r="H7937" s="43">
        <v>7930</v>
      </c>
      <c r="I7937" s="55">
        <f>Bühler!I7963</f>
        <v>14.056208857233937</v>
      </c>
      <c r="J7937" s="58">
        <f>Bühler!J7963</f>
        <v>76.444404460481763</v>
      </c>
      <c r="K7937" s="58">
        <f>Bühler!K7963</f>
        <v>3.3035403729612245</v>
      </c>
      <c r="L7937" s="58">
        <f>Bühler!L7963</f>
        <v>1.6517701864806122</v>
      </c>
      <c r="M7937" s="57">
        <f>Bühler!M7963</f>
        <v>0</v>
      </c>
      <c r="N7937" s="55">
        <f>IF(Input!$K$13=1,J7937*Input!$J$13,0)+IF(Input!$K$14=1,K7937*Input!$J$14,0)+IF(Input!$K$15=1,L7937*Input!$J$15,0)+IF(Input!$K$16=1,M7937*Input!$J$16,0)</f>
        <v>9.1733285352578111</v>
      </c>
      <c r="O7937" s="58">
        <f>IF(Input!$K$13=2,J7937*Input!$J$13,0)+IF(Input!$K$14=2,K7937*Input!$J$14,0)+IF(Input!$K$15=2,L7937*Input!$J$15,0)+IF(Input!$K$16=2,M7937*Input!$J$16,0)</f>
        <v>0.44597795034976528</v>
      </c>
      <c r="P7937" s="58">
        <f>IF(Input!$K$13=3,J7937*Input!$J$13,0)+IF(Input!$K$14=3,K7937*Input!$J$14,0)+IF(Input!$K$15=3,L7937*Input!$J$15,0)+IF(Input!$K$16=3,M7937*Input!$J$16,0)</f>
        <v>0</v>
      </c>
      <c r="Q7937" s="71">
        <f>IF(Input!$K$13=4,J7937*Input!$J$13,0)+IF(Input!$K$14=4,K7937*Input!$J$14,0)+IF(Input!$K$15=4,L7937*Input!$J$15,0)+IF(Input!$K$16=4,M7937*Input!$J$16,0)</f>
        <v>0</v>
      </c>
    </row>
    <row r="7938" spans="8:17" x14ac:dyDescent="0.25">
      <c r="H7938" s="43">
        <v>7931</v>
      </c>
      <c r="I7938" s="55">
        <f>Bühler!I7964</f>
        <v>14.056208857233937</v>
      </c>
      <c r="J7938" s="58">
        <f>Bühler!J7964</f>
        <v>76.444404460481763</v>
      </c>
      <c r="K7938" s="58">
        <f>Bühler!K7964</f>
        <v>3.3035403729612245</v>
      </c>
      <c r="L7938" s="58">
        <f>Bühler!L7964</f>
        <v>1.6517701864806122</v>
      </c>
      <c r="M7938" s="57">
        <f>Bühler!M7964</f>
        <v>0</v>
      </c>
      <c r="N7938" s="55">
        <f>IF(Input!$K$13=1,J7938*Input!$J$13,0)+IF(Input!$K$14=1,K7938*Input!$J$14,0)+IF(Input!$K$15=1,L7938*Input!$J$15,0)+IF(Input!$K$16=1,M7938*Input!$J$16,0)</f>
        <v>9.1733285352578111</v>
      </c>
      <c r="O7938" s="58">
        <f>IF(Input!$K$13=2,J7938*Input!$J$13,0)+IF(Input!$K$14=2,K7938*Input!$J$14,0)+IF(Input!$K$15=2,L7938*Input!$J$15,0)+IF(Input!$K$16=2,M7938*Input!$J$16,0)</f>
        <v>0.44597795034976528</v>
      </c>
      <c r="P7938" s="58">
        <f>IF(Input!$K$13=3,J7938*Input!$J$13,0)+IF(Input!$K$14=3,K7938*Input!$J$14,0)+IF(Input!$K$15=3,L7938*Input!$J$15,0)+IF(Input!$K$16=3,M7938*Input!$J$16,0)</f>
        <v>0</v>
      </c>
      <c r="Q7938" s="71">
        <f>IF(Input!$K$13=4,J7938*Input!$J$13,0)+IF(Input!$K$14=4,K7938*Input!$J$14,0)+IF(Input!$K$15=4,L7938*Input!$J$15,0)+IF(Input!$K$16=4,M7938*Input!$J$16,0)</f>
        <v>0</v>
      </c>
    </row>
    <row r="7939" spans="8:17" x14ac:dyDescent="0.25">
      <c r="H7939" s="43">
        <v>7932</v>
      </c>
      <c r="I7939" s="55">
        <f>Bühler!I7965</f>
        <v>16.867450628680722</v>
      </c>
      <c r="J7939" s="58">
        <f>Bühler!J7965</f>
        <v>91.733285352578122</v>
      </c>
      <c r="K7939" s="58">
        <f>Bühler!K7965</f>
        <v>3.9642484475534694</v>
      </c>
      <c r="L7939" s="58">
        <f>Bühler!L7965</f>
        <v>1.9821242237767347</v>
      </c>
      <c r="M7939" s="57">
        <f>Bühler!M7965</f>
        <v>0</v>
      </c>
      <c r="N7939" s="55">
        <f>IF(Input!$K$13=1,J7939*Input!$J$13,0)+IF(Input!$K$14=1,K7939*Input!$J$14,0)+IF(Input!$K$15=1,L7939*Input!$J$15,0)+IF(Input!$K$16=1,M7939*Input!$J$16,0)</f>
        <v>11.007994242309374</v>
      </c>
      <c r="O7939" s="58">
        <f>IF(Input!$K$13=2,J7939*Input!$J$13,0)+IF(Input!$K$14=2,K7939*Input!$J$14,0)+IF(Input!$K$15=2,L7939*Input!$J$15,0)+IF(Input!$K$16=2,M7939*Input!$J$16,0)</f>
        <v>0.53517354041971832</v>
      </c>
      <c r="P7939" s="58">
        <f>IF(Input!$K$13=3,J7939*Input!$J$13,0)+IF(Input!$K$14=3,K7939*Input!$J$14,0)+IF(Input!$K$15=3,L7939*Input!$J$15,0)+IF(Input!$K$16=3,M7939*Input!$J$16,0)</f>
        <v>0</v>
      </c>
      <c r="Q7939" s="71">
        <f>IF(Input!$K$13=4,J7939*Input!$J$13,0)+IF(Input!$K$14=4,K7939*Input!$J$14,0)+IF(Input!$K$15=4,L7939*Input!$J$15,0)+IF(Input!$K$16=4,M7939*Input!$J$16,0)</f>
        <v>0</v>
      </c>
    </row>
    <row r="7940" spans="8:17" x14ac:dyDescent="0.25">
      <c r="H7940" s="43">
        <v>7933</v>
      </c>
      <c r="I7940" s="55">
        <f>Bühler!I7966</f>
        <v>16.867450628680722</v>
      </c>
      <c r="J7940" s="58">
        <f>Bühler!J7966</f>
        <v>91.733285352578122</v>
      </c>
      <c r="K7940" s="58">
        <f>Bühler!K7966</f>
        <v>3.9642484475534694</v>
      </c>
      <c r="L7940" s="58">
        <f>Bühler!L7966</f>
        <v>1.9821242237767347</v>
      </c>
      <c r="M7940" s="57">
        <f>Bühler!M7966</f>
        <v>0</v>
      </c>
      <c r="N7940" s="55">
        <f>IF(Input!$K$13=1,J7940*Input!$J$13,0)+IF(Input!$K$14=1,K7940*Input!$J$14,0)+IF(Input!$K$15=1,L7940*Input!$J$15,0)+IF(Input!$K$16=1,M7940*Input!$J$16,0)</f>
        <v>11.007994242309374</v>
      </c>
      <c r="O7940" s="58">
        <f>IF(Input!$K$13=2,J7940*Input!$J$13,0)+IF(Input!$K$14=2,K7940*Input!$J$14,0)+IF(Input!$K$15=2,L7940*Input!$J$15,0)+IF(Input!$K$16=2,M7940*Input!$J$16,0)</f>
        <v>0.53517354041971832</v>
      </c>
      <c r="P7940" s="58">
        <f>IF(Input!$K$13=3,J7940*Input!$J$13,0)+IF(Input!$K$14=3,K7940*Input!$J$14,0)+IF(Input!$K$15=3,L7940*Input!$J$15,0)+IF(Input!$K$16=3,M7940*Input!$J$16,0)</f>
        <v>0</v>
      </c>
      <c r="Q7940" s="71">
        <f>IF(Input!$K$13=4,J7940*Input!$J$13,0)+IF(Input!$K$14=4,K7940*Input!$J$14,0)+IF(Input!$K$15=4,L7940*Input!$J$15,0)+IF(Input!$K$16=4,M7940*Input!$J$16,0)</f>
        <v>0</v>
      </c>
    </row>
    <row r="7941" spans="8:17" x14ac:dyDescent="0.25">
      <c r="H7941" s="43">
        <v>7934</v>
      </c>
      <c r="I7941" s="55">
        <f>Bühler!I7967</f>
        <v>11.244967085787151</v>
      </c>
      <c r="J7941" s="58">
        <f>Bühler!J7967</f>
        <v>61.155523568385419</v>
      </c>
      <c r="K7941" s="58">
        <f>Bühler!K7967</f>
        <v>2.6428322983689796</v>
      </c>
      <c r="L7941" s="58">
        <f>Bühler!L7967</f>
        <v>1.3214161491844898</v>
      </c>
      <c r="M7941" s="57">
        <f>Bühler!M7967</f>
        <v>0</v>
      </c>
      <c r="N7941" s="55">
        <f>IF(Input!$K$13=1,J7941*Input!$J$13,0)+IF(Input!$K$14=1,K7941*Input!$J$14,0)+IF(Input!$K$15=1,L7941*Input!$J$15,0)+IF(Input!$K$16=1,M7941*Input!$J$16,0)</f>
        <v>7.3386628282062496</v>
      </c>
      <c r="O7941" s="58">
        <f>IF(Input!$K$13=2,J7941*Input!$J$13,0)+IF(Input!$K$14=2,K7941*Input!$J$14,0)+IF(Input!$K$15=2,L7941*Input!$J$15,0)+IF(Input!$K$16=2,M7941*Input!$J$16,0)</f>
        <v>0.35678236027981225</v>
      </c>
      <c r="P7941" s="58">
        <f>IF(Input!$K$13=3,J7941*Input!$J$13,0)+IF(Input!$K$14=3,K7941*Input!$J$14,0)+IF(Input!$K$15=3,L7941*Input!$J$15,0)+IF(Input!$K$16=3,M7941*Input!$J$16,0)</f>
        <v>0</v>
      </c>
      <c r="Q7941" s="71">
        <f>IF(Input!$K$13=4,J7941*Input!$J$13,0)+IF(Input!$K$14=4,K7941*Input!$J$14,0)+IF(Input!$K$15=4,L7941*Input!$J$15,0)+IF(Input!$K$16=4,M7941*Input!$J$16,0)</f>
        <v>0</v>
      </c>
    </row>
    <row r="7942" spans="8:17" x14ac:dyDescent="0.25">
      <c r="H7942" s="43">
        <v>7935</v>
      </c>
      <c r="I7942" s="55">
        <f>Bühler!I7968</f>
        <v>16.867450628680722</v>
      </c>
      <c r="J7942" s="58">
        <f>Bühler!J7968</f>
        <v>91.733285352578122</v>
      </c>
      <c r="K7942" s="58">
        <f>Bühler!K7968</f>
        <v>3.9642484475534694</v>
      </c>
      <c r="L7942" s="58">
        <f>Bühler!L7968</f>
        <v>1.9821242237767347</v>
      </c>
      <c r="M7942" s="57">
        <f>Bühler!M7968</f>
        <v>0</v>
      </c>
      <c r="N7942" s="55">
        <f>IF(Input!$K$13=1,J7942*Input!$J$13,0)+IF(Input!$K$14=1,K7942*Input!$J$14,0)+IF(Input!$K$15=1,L7942*Input!$J$15,0)+IF(Input!$K$16=1,M7942*Input!$J$16,0)</f>
        <v>11.007994242309374</v>
      </c>
      <c r="O7942" s="58">
        <f>IF(Input!$K$13=2,J7942*Input!$J$13,0)+IF(Input!$K$14=2,K7942*Input!$J$14,0)+IF(Input!$K$15=2,L7942*Input!$J$15,0)+IF(Input!$K$16=2,M7942*Input!$J$16,0)</f>
        <v>0.53517354041971832</v>
      </c>
      <c r="P7942" s="58">
        <f>IF(Input!$K$13=3,J7942*Input!$J$13,0)+IF(Input!$K$14=3,K7942*Input!$J$14,0)+IF(Input!$K$15=3,L7942*Input!$J$15,0)+IF(Input!$K$16=3,M7942*Input!$J$16,0)</f>
        <v>0</v>
      </c>
      <c r="Q7942" s="71">
        <f>IF(Input!$K$13=4,J7942*Input!$J$13,0)+IF(Input!$K$14=4,K7942*Input!$J$14,0)+IF(Input!$K$15=4,L7942*Input!$J$15,0)+IF(Input!$K$16=4,M7942*Input!$J$16,0)</f>
        <v>0</v>
      </c>
    </row>
    <row r="7943" spans="8:17" x14ac:dyDescent="0.25">
      <c r="H7943" s="43">
        <v>7936</v>
      </c>
      <c r="I7943" s="55">
        <f>Bühler!I7969</f>
        <v>16.867450628680722</v>
      </c>
      <c r="J7943" s="58">
        <f>Bühler!J7969</f>
        <v>91.733285352578122</v>
      </c>
      <c r="K7943" s="58">
        <f>Bühler!K7969</f>
        <v>3.9642484475534694</v>
      </c>
      <c r="L7943" s="58">
        <f>Bühler!L7969</f>
        <v>1.9821242237767347</v>
      </c>
      <c r="M7943" s="57">
        <f>Bühler!M7969</f>
        <v>0</v>
      </c>
      <c r="N7943" s="55">
        <f>IF(Input!$K$13=1,J7943*Input!$J$13,0)+IF(Input!$K$14=1,K7943*Input!$J$14,0)+IF(Input!$K$15=1,L7943*Input!$J$15,0)+IF(Input!$K$16=1,M7943*Input!$J$16,0)</f>
        <v>11.007994242309374</v>
      </c>
      <c r="O7943" s="58">
        <f>IF(Input!$K$13=2,J7943*Input!$J$13,0)+IF(Input!$K$14=2,K7943*Input!$J$14,0)+IF(Input!$K$15=2,L7943*Input!$J$15,0)+IF(Input!$K$16=2,M7943*Input!$J$16,0)</f>
        <v>0.53517354041971832</v>
      </c>
      <c r="P7943" s="58">
        <f>IF(Input!$K$13=3,J7943*Input!$J$13,0)+IF(Input!$K$14=3,K7943*Input!$J$14,0)+IF(Input!$K$15=3,L7943*Input!$J$15,0)+IF(Input!$K$16=3,M7943*Input!$J$16,0)</f>
        <v>0</v>
      </c>
      <c r="Q7943" s="71">
        <f>IF(Input!$K$13=4,J7943*Input!$J$13,0)+IF(Input!$K$14=4,K7943*Input!$J$14,0)+IF(Input!$K$15=4,L7943*Input!$J$15,0)+IF(Input!$K$16=4,M7943*Input!$J$16,0)</f>
        <v>0</v>
      </c>
    </row>
    <row r="7944" spans="8:17" x14ac:dyDescent="0.25">
      <c r="H7944" s="43">
        <v>7937</v>
      </c>
      <c r="I7944" s="55">
        <f>Bühler!I7970</f>
        <v>14.056208857233937</v>
      </c>
      <c r="J7944" s="58">
        <f>Bühler!J7970</f>
        <v>58.079351000938267</v>
      </c>
      <c r="K7944" s="58">
        <f>Bühler!K7970</f>
        <v>2.3124782610728571</v>
      </c>
      <c r="L7944" s="58">
        <f>Bühler!L7970</f>
        <v>1.1562391305364286</v>
      </c>
      <c r="M7944" s="57">
        <f>Bühler!M7970</f>
        <v>0</v>
      </c>
      <c r="N7944" s="55">
        <f>IF(Input!$K$13=1,J7944*Input!$J$13,0)+IF(Input!$K$14=1,K7944*Input!$J$14,0)+IF(Input!$K$15=1,L7944*Input!$J$15,0)+IF(Input!$K$16=1,M7944*Input!$J$16,0)</f>
        <v>6.9695221201125914</v>
      </c>
      <c r="O7944" s="58">
        <f>IF(Input!$K$13=2,J7944*Input!$J$13,0)+IF(Input!$K$14=2,K7944*Input!$J$14,0)+IF(Input!$K$15=2,L7944*Input!$J$15,0)+IF(Input!$K$16=2,M7944*Input!$J$16,0)</f>
        <v>0.31218456524483573</v>
      </c>
      <c r="P7944" s="58">
        <f>IF(Input!$K$13=3,J7944*Input!$J$13,0)+IF(Input!$K$14=3,K7944*Input!$J$14,0)+IF(Input!$K$15=3,L7944*Input!$J$15,0)+IF(Input!$K$16=3,M7944*Input!$J$16,0)</f>
        <v>0</v>
      </c>
      <c r="Q7944" s="71">
        <f>IF(Input!$K$13=4,J7944*Input!$J$13,0)+IF(Input!$K$14=4,K7944*Input!$J$14,0)+IF(Input!$K$15=4,L7944*Input!$J$15,0)+IF(Input!$K$16=4,M7944*Input!$J$16,0)</f>
        <v>0</v>
      </c>
    </row>
    <row r="7945" spans="8:17" x14ac:dyDescent="0.25">
      <c r="H7945" s="43">
        <v>7938</v>
      </c>
      <c r="I7945" s="55">
        <f>Bühler!I7971</f>
        <v>11.309593333406617</v>
      </c>
      <c r="J7945" s="58">
        <f>Bühler!J7971</f>
        <v>24.495428417552844</v>
      </c>
      <c r="K7945" s="58">
        <f>Bühler!K7971</f>
        <v>0.6607080745922449</v>
      </c>
      <c r="L7945" s="58">
        <f>Bühler!L7971</f>
        <v>0.33035403729612245</v>
      </c>
      <c r="M7945" s="57">
        <f>Bühler!M7971</f>
        <v>0</v>
      </c>
      <c r="N7945" s="55">
        <f>IF(Input!$K$13=1,J7945*Input!$J$13,0)+IF(Input!$K$14=1,K7945*Input!$J$14,0)+IF(Input!$K$15=1,L7945*Input!$J$15,0)+IF(Input!$K$16=1,M7945*Input!$J$16,0)</f>
        <v>2.9394514101063414</v>
      </c>
      <c r="O7945" s="58">
        <f>IF(Input!$K$13=2,J7945*Input!$J$13,0)+IF(Input!$K$14=2,K7945*Input!$J$14,0)+IF(Input!$K$15=2,L7945*Input!$J$15,0)+IF(Input!$K$16=2,M7945*Input!$J$16,0)</f>
        <v>8.9195590069953062E-2</v>
      </c>
      <c r="P7945" s="58">
        <f>IF(Input!$K$13=3,J7945*Input!$J$13,0)+IF(Input!$K$14=3,K7945*Input!$J$14,0)+IF(Input!$K$15=3,L7945*Input!$J$15,0)+IF(Input!$K$16=3,M7945*Input!$J$16,0)</f>
        <v>0</v>
      </c>
      <c r="Q7945" s="71">
        <f>IF(Input!$K$13=4,J7945*Input!$J$13,0)+IF(Input!$K$14=4,K7945*Input!$J$14,0)+IF(Input!$K$15=4,L7945*Input!$J$15,0)+IF(Input!$K$16=4,M7945*Input!$J$16,0)</f>
        <v>0</v>
      </c>
    </row>
    <row r="7946" spans="8:17" x14ac:dyDescent="0.25">
      <c r="H7946" s="43">
        <v>7939</v>
      </c>
      <c r="I7946" s="55">
        <f>Bühler!I7972</f>
        <v>4.0391404762166481</v>
      </c>
      <c r="J7946" s="58">
        <f>Bühler!J7972</f>
        <v>16.446662672408834</v>
      </c>
      <c r="K7946" s="58">
        <f>Bühler!K7972</f>
        <v>0.65140232706277668</v>
      </c>
      <c r="L7946" s="58">
        <f>Bühler!L7972</f>
        <v>0.32570116353138834</v>
      </c>
      <c r="M7946" s="57">
        <f>Bühler!M7972</f>
        <v>0</v>
      </c>
      <c r="N7946" s="55">
        <f>IF(Input!$K$13=1,J7946*Input!$J$13,0)+IF(Input!$K$14=1,K7946*Input!$J$14,0)+IF(Input!$K$15=1,L7946*Input!$J$15,0)+IF(Input!$K$16=1,M7946*Input!$J$16,0)</f>
        <v>1.97359952068906</v>
      </c>
      <c r="O7946" s="58">
        <f>IF(Input!$K$13=2,J7946*Input!$J$13,0)+IF(Input!$K$14=2,K7946*Input!$J$14,0)+IF(Input!$K$15=2,L7946*Input!$J$15,0)+IF(Input!$K$16=2,M7946*Input!$J$16,0)</f>
        <v>8.7939314153474848E-2</v>
      </c>
      <c r="P7946" s="58">
        <f>IF(Input!$K$13=3,J7946*Input!$J$13,0)+IF(Input!$K$14=3,K7946*Input!$J$14,0)+IF(Input!$K$15=3,L7946*Input!$J$15,0)+IF(Input!$K$16=3,M7946*Input!$J$16,0)</f>
        <v>0</v>
      </c>
      <c r="Q7946" s="71">
        <f>IF(Input!$K$13=4,J7946*Input!$J$13,0)+IF(Input!$K$14=4,K7946*Input!$J$14,0)+IF(Input!$K$15=4,L7946*Input!$J$15,0)+IF(Input!$K$16=4,M7946*Input!$J$16,0)</f>
        <v>0</v>
      </c>
    </row>
    <row r="7947" spans="8:17" x14ac:dyDescent="0.25">
      <c r="H7947" s="43">
        <v>7940</v>
      </c>
      <c r="I7947" s="55">
        <f>Bühler!I7973</f>
        <v>4.0391404762166481</v>
      </c>
      <c r="J7947" s="58">
        <f>Bühler!J7973</f>
        <v>16.446662672408834</v>
      </c>
      <c r="K7947" s="58">
        <f>Bühler!K7973</f>
        <v>0.65140232706277668</v>
      </c>
      <c r="L7947" s="58">
        <f>Bühler!L7973</f>
        <v>0.32570116353138834</v>
      </c>
      <c r="M7947" s="57">
        <f>Bühler!M7973</f>
        <v>0</v>
      </c>
      <c r="N7947" s="55">
        <f>IF(Input!$K$13=1,J7947*Input!$J$13,0)+IF(Input!$K$14=1,K7947*Input!$J$14,0)+IF(Input!$K$15=1,L7947*Input!$J$15,0)+IF(Input!$K$16=1,M7947*Input!$J$16,0)</f>
        <v>1.97359952068906</v>
      </c>
      <c r="O7947" s="58">
        <f>IF(Input!$K$13=2,J7947*Input!$J$13,0)+IF(Input!$K$14=2,K7947*Input!$J$14,0)+IF(Input!$K$15=2,L7947*Input!$J$15,0)+IF(Input!$K$16=2,M7947*Input!$J$16,0)</f>
        <v>8.7939314153474848E-2</v>
      </c>
      <c r="P7947" s="58">
        <f>IF(Input!$K$13=3,J7947*Input!$J$13,0)+IF(Input!$K$14=3,K7947*Input!$J$14,0)+IF(Input!$K$15=3,L7947*Input!$J$15,0)+IF(Input!$K$16=3,M7947*Input!$J$16,0)</f>
        <v>0</v>
      </c>
      <c r="Q7947" s="71">
        <f>IF(Input!$K$13=4,J7947*Input!$J$13,0)+IF(Input!$K$14=4,K7947*Input!$J$14,0)+IF(Input!$K$15=4,L7947*Input!$J$15,0)+IF(Input!$K$16=4,M7947*Input!$J$16,0)</f>
        <v>0</v>
      </c>
    </row>
    <row r="7948" spans="8:17" x14ac:dyDescent="0.25">
      <c r="H7948" s="43">
        <v>7941</v>
      </c>
      <c r="I7948" s="55">
        <f>Bühler!I7974</f>
        <v>4.0391404762166481</v>
      </c>
      <c r="J7948" s="58">
        <f>Bühler!J7974</f>
        <v>16.446662672408834</v>
      </c>
      <c r="K7948" s="58">
        <f>Bühler!K7974</f>
        <v>0.65140232706277668</v>
      </c>
      <c r="L7948" s="58">
        <f>Bühler!L7974</f>
        <v>0.32570116353138834</v>
      </c>
      <c r="M7948" s="57">
        <f>Bühler!M7974</f>
        <v>0</v>
      </c>
      <c r="N7948" s="55">
        <f>IF(Input!$K$13=1,J7948*Input!$J$13,0)+IF(Input!$K$14=1,K7948*Input!$J$14,0)+IF(Input!$K$15=1,L7948*Input!$J$15,0)+IF(Input!$K$16=1,M7948*Input!$J$16,0)</f>
        <v>1.97359952068906</v>
      </c>
      <c r="O7948" s="58">
        <f>IF(Input!$K$13=2,J7948*Input!$J$13,0)+IF(Input!$K$14=2,K7948*Input!$J$14,0)+IF(Input!$K$15=2,L7948*Input!$J$15,0)+IF(Input!$K$16=2,M7948*Input!$J$16,0)</f>
        <v>8.7939314153474848E-2</v>
      </c>
      <c r="P7948" s="58">
        <f>IF(Input!$K$13=3,J7948*Input!$J$13,0)+IF(Input!$K$14=3,K7948*Input!$J$14,0)+IF(Input!$K$15=3,L7948*Input!$J$15,0)+IF(Input!$K$16=3,M7948*Input!$J$16,0)</f>
        <v>0</v>
      </c>
      <c r="Q7948" s="71">
        <f>IF(Input!$K$13=4,J7948*Input!$J$13,0)+IF(Input!$K$14=4,K7948*Input!$J$14,0)+IF(Input!$K$15=4,L7948*Input!$J$15,0)+IF(Input!$K$16=4,M7948*Input!$J$16,0)</f>
        <v>0</v>
      </c>
    </row>
    <row r="7949" spans="8:17" x14ac:dyDescent="0.25">
      <c r="H7949" s="43">
        <v>7942</v>
      </c>
      <c r="I7949" s="55">
        <f>Bühler!I7975</f>
        <v>4.0391404762166481</v>
      </c>
      <c r="J7949" s="58">
        <f>Bühler!J7975</f>
        <v>16.446662672408834</v>
      </c>
      <c r="K7949" s="58">
        <f>Bühler!K7975</f>
        <v>0.65140232706277668</v>
      </c>
      <c r="L7949" s="58">
        <f>Bühler!L7975</f>
        <v>0.32570116353138834</v>
      </c>
      <c r="M7949" s="57">
        <f>Bühler!M7975</f>
        <v>0</v>
      </c>
      <c r="N7949" s="55">
        <f>IF(Input!$K$13=1,J7949*Input!$J$13,0)+IF(Input!$K$14=1,K7949*Input!$J$14,0)+IF(Input!$K$15=1,L7949*Input!$J$15,0)+IF(Input!$K$16=1,M7949*Input!$J$16,0)</f>
        <v>1.97359952068906</v>
      </c>
      <c r="O7949" s="58">
        <f>IF(Input!$K$13=2,J7949*Input!$J$13,0)+IF(Input!$K$14=2,K7949*Input!$J$14,0)+IF(Input!$K$15=2,L7949*Input!$J$15,0)+IF(Input!$K$16=2,M7949*Input!$J$16,0)</f>
        <v>8.7939314153474848E-2</v>
      </c>
      <c r="P7949" s="58">
        <f>IF(Input!$K$13=3,J7949*Input!$J$13,0)+IF(Input!$K$14=3,K7949*Input!$J$14,0)+IF(Input!$K$15=3,L7949*Input!$J$15,0)+IF(Input!$K$16=3,M7949*Input!$J$16,0)</f>
        <v>0</v>
      </c>
      <c r="Q7949" s="71">
        <f>IF(Input!$K$13=4,J7949*Input!$J$13,0)+IF(Input!$K$14=4,K7949*Input!$J$14,0)+IF(Input!$K$15=4,L7949*Input!$J$15,0)+IF(Input!$K$16=4,M7949*Input!$J$16,0)</f>
        <v>0</v>
      </c>
    </row>
    <row r="7950" spans="8:17" x14ac:dyDescent="0.25">
      <c r="H7950" s="43">
        <v>7943</v>
      </c>
      <c r="I7950" s="55">
        <f>Bühler!I7976</f>
        <v>4.0391404762166481</v>
      </c>
      <c r="J7950" s="58">
        <f>Bühler!J7976</f>
        <v>16.446662672408834</v>
      </c>
      <c r="K7950" s="58">
        <f>Bühler!K7976</f>
        <v>0.65140232706277668</v>
      </c>
      <c r="L7950" s="58">
        <f>Bühler!L7976</f>
        <v>0.32570116353138834</v>
      </c>
      <c r="M7950" s="57">
        <f>Bühler!M7976</f>
        <v>0</v>
      </c>
      <c r="N7950" s="55">
        <f>IF(Input!$K$13=1,J7950*Input!$J$13,0)+IF(Input!$K$14=1,K7950*Input!$J$14,0)+IF(Input!$K$15=1,L7950*Input!$J$15,0)+IF(Input!$K$16=1,M7950*Input!$J$16,0)</f>
        <v>1.97359952068906</v>
      </c>
      <c r="O7950" s="58">
        <f>IF(Input!$K$13=2,J7950*Input!$J$13,0)+IF(Input!$K$14=2,K7950*Input!$J$14,0)+IF(Input!$K$15=2,L7950*Input!$J$15,0)+IF(Input!$K$16=2,M7950*Input!$J$16,0)</f>
        <v>8.7939314153474848E-2</v>
      </c>
      <c r="P7950" s="58">
        <f>IF(Input!$K$13=3,J7950*Input!$J$13,0)+IF(Input!$K$14=3,K7950*Input!$J$14,0)+IF(Input!$K$15=3,L7950*Input!$J$15,0)+IF(Input!$K$16=3,M7950*Input!$J$16,0)</f>
        <v>0</v>
      </c>
      <c r="Q7950" s="71">
        <f>IF(Input!$K$13=4,J7950*Input!$J$13,0)+IF(Input!$K$14=4,K7950*Input!$J$14,0)+IF(Input!$K$15=4,L7950*Input!$J$15,0)+IF(Input!$K$16=4,M7950*Input!$J$16,0)</f>
        <v>0</v>
      </c>
    </row>
    <row r="7951" spans="8:17" x14ac:dyDescent="0.25">
      <c r="H7951" s="43">
        <v>7944</v>
      </c>
      <c r="I7951" s="55">
        <f>Bühler!I7977</f>
        <v>4.0391404762166481</v>
      </c>
      <c r="J7951" s="58">
        <f>Bühler!J7977</f>
        <v>16.446662672408834</v>
      </c>
      <c r="K7951" s="58">
        <f>Bühler!K7977</f>
        <v>0.65140232706277668</v>
      </c>
      <c r="L7951" s="58">
        <f>Bühler!L7977</f>
        <v>0.32570116353138834</v>
      </c>
      <c r="M7951" s="57">
        <f>Bühler!M7977</f>
        <v>0</v>
      </c>
      <c r="N7951" s="55">
        <f>IF(Input!$K$13=1,J7951*Input!$J$13,0)+IF(Input!$K$14=1,K7951*Input!$J$14,0)+IF(Input!$K$15=1,L7951*Input!$J$15,0)+IF(Input!$K$16=1,M7951*Input!$J$16,0)</f>
        <v>1.97359952068906</v>
      </c>
      <c r="O7951" s="58">
        <f>IF(Input!$K$13=2,J7951*Input!$J$13,0)+IF(Input!$K$14=2,K7951*Input!$J$14,0)+IF(Input!$K$15=2,L7951*Input!$J$15,0)+IF(Input!$K$16=2,M7951*Input!$J$16,0)</f>
        <v>8.7939314153474848E-2</v>
      </c>
      <c r="P7951" s="58">
        <f>IF(Input!$K$13=3,J7951*Input!$J$13,0)+IF(Input!$K$14=3,K7951*Input!$J$14,0)+IF(Input!$K$15=3,L7951*Input!$J$15,0)+IF(Input!$K$16=3,M7951*Input!$J$16,0)</f>
        <v>0</v>
      </c>
      <c r="Q7951" s="71">
        <f>IF(Input!$K$13=4,J7951*Input!$J$13,0)+IF(Input!$K$14=4,K7951*Input!$J$14,0)+IF(Input!$K$15=4,L7951*Input!$J$15,0)+IF(Input!$K$16=4,M7951*Input!$J$16,0)</f>
        <v>0</v>
      </c>
    </row>
    <row r="7952" spans="8:17" x14ac:dyDescent="0.25">
      <c r="H7952" s="43">
        <v>7945</v>
      </c>
      <c r="I7952" s="55">
        <f>Bühler!I7978</f>
        <v>3.9149398714550072</v>
      </c>
      <c r="J7952" s="58">
        <f>Bühler!J7978</f>
        <v>12.003423037168728</v>
      </c>
      <c r="K7952" s="58">
        <f>Bühler!K7978</f>
        <v>0.41576852967831585</v>
      </c>
      <c r="L7952" s="58">
        <f>Bühler!L7978</f>
        <v>0.20788426483915792</v>
      </c>
      <c r="M7952" s="57">
        <f>Bühler!M7978</f>
        <v>0</v>
      </c>
      <c r="N7952" s="55">
        <f>IF(Input!$K$13=1,J7952*Input!$J$13,0)+IF(Input!$K$14=1,K7952*Input!$J$14,0)+IF(Input!$K$15=1,L7952*Input!$J$15,0)+IF(Input!$K$16=1,M7952*Input!$J$16,0)</f>
        <v>1.4404107644602473</v>
      </c>
      <c r="O7952" s="58">
        <f>IF(Input!$K$13=2,J7952*Input!$J$13,0)+IF(Input!$K$14=2,K7952*Input!$J$14,0)+IF(Input!$K$15=2,L7952*Input!$J$15,0)+IF(Input!$K$16=2,M7952*Input!$J$16,0)</f>
        <v>5.6128751506572636E-2</v>
      </c>
      <c r="P7952" s="58">
        <f>IF(Input!$K$13=3,J7952*Input!$J$13,0)+IF(Input!$K$14=3,K7952*Input!$J$14,0)+IF(Input!$K$15=3,L7952*Input!$J$15,0)+IF(Input!$K$16=3,M7952*Input!$J$16,0)</f>
        <v>0</v>
      </c>
      <c r="Q7952" s="71">
        <f>IF(Input!$K$13=4,J7952*Input!$J$13,0)+IF(Input!$K$14=4,K7952*Input!$J$14,0)+IF(Input!$K$15=4,L7952*Input!$J$15,0)+IF(Input!$K$16=4,M7952*Input!$J$16,0)</f>
        <v>0</v>
      </c>
    </row>
    <row r="7953" spans="8:17" x14ac:dyDescent="0.25">
      <c r="H7953" s="43">
        <v>7946</v>
      </c>
      <c r="I7953" s="55">
        <f>Bühler!I7979</f>
        <v>3.9149398714550072</v>
      </c>
      <c r="J7953" s="58">
        <f>Bühler!J7979</f>
        <v>16.069357320058433</v>
      </c>
      <c r="K7953" s="58">
        <f>Bühler!K7979</f>
        <v>0.63355204522410036</v>
      </c>
      <c r="L7953" s="58">
        <f>Bühler!L7979</f>
        <v>0.31677602261205018</v>
      </c>
      <c r="M7953" s="57">
        <f>Bühler!M7979</f>
        <v>0</v>
      </c>
      <c r="N7953" s="55">
        <f>IF(Input!$K$13=1,J7953*Input!$J$13,0)+IF(Input!$K$14=1,K7953*Input!$J$14,0)+IF(Input!$K$15=1,L7953*Input!$J$15,0)+IF(Input!$K$16=1,M7953*Input!$J$16,0)</f>
        <v>1.9283228784070119</v>
      </c>
      <c r="O7953" s="58">
        <f>IF(Input!$K$13=2,J7953*Input!$J$13,0)+IF(Input!$K$14=2,K7953*Input!$J$14,0)+IF(Input!$K$15=2,L7953*Input!$J$15,0)+IF(Input!$K$16=2,M7953*Input!$J$16,0)</f>
        <v>8.552952610525355E-2</v>
      </c>
      <c r="P7953" s="58">
        <f>IF(Input!$K$13=3,J7953*Input!$J$13,0)+IF(Input!$K$14=3,K7953*Input!$J$14,0)+IF(Input!$K$15=3,L7953*Input!$J$15,0)+IF(Input!$K$16=3,M7953*Input!$J$16,0)</f>
        <v>0</v>
      </c>
      <c r="Q7953" s="71">
        <f>IF(Input!$K$13=4,J7953*Input!$J$13,0)+IF(Input!$K$14=4,K7953*Input!$J$14,0)+IF(Input!$K$15=4,L7953*Input!$J$15,0)+IF(Input!$K$16=4,M7953*Input!$J$16,0)</f>
        <v>0</v>
      </c>
    </row>
    <row r="7954" spans="8:17" x14ac:dyDescent="0.25">
      <c r="H7954" s="43">
        <v>7947</v>
      </c>
      <c r="I7954" s="55">
        <f>Bühler!I7980</f>
        <v>3.9149398714550072</v>
      </c>
      <c r="J7954" s="58">
        <f>Bühler!J7980</f>
        <v>16.069357320058433</v>
      </c>
      <c r="K7954" s="58">
        <f>Bühler!K7980</f>
        <v>0.63355204522410036</v>
      </c>
      <c r="L7954" s="58">
        <f>Bühler!L7980</f>
        <v>0.31677602261205018</v>
      </c>
      <c r="M7954" s="57">
        <f>Bühler!M7980</f>
        <v>0</v>
      </c>
      <c r="N7954" s="55">
        <f>IF(Input!$K$13=1,J7954*Input!$J$13,0)+IF(Input!$K$14=1,K7954*Input!$J$14,0)+IF(Input!$K$15=1,L7954*Input!$J$15,0)+IF(Input!$K$16=1,M7954*Input!$J$16,0)</f>
        <v>1.9283228784070119</v>
      </c>
      <c r="O7954" s="58">
        <f>IF(Input!$K$13=2,J7954*Input!$J$13,0)+IF(Input!$K$14=2,K7954*Input!$J$14,0)+IF(Input!$K$15=2,L7954*Input!$J$15,0)+IF(Input!$K$16=2,M7954*Input!$J$16,0)</f>
        <v>8.552952610525355E-2</v>
      </c>
      <c r="P7954" s="58">
        <f>IF(Input!$K$13=3,J7954*Input!$J$13,0)+IF(Input!$K$14=3,K7954*Input!$J$14,0)+IF(Input!$K$15=3,L7954*Input!$J$15,0)+IF(Input!$K$16=3,M7954*Input!$J$16,0)</f>
        <v>0</v>
      </c>
      <c r="Q7954" s="71">
        <f>IF(Input!$K$13=4,J7954*Input!$J$13,0)+IF(Input!$K$14=4,K7954*Input!$J$14,0)+IF(Input!$K$15=4,L7954*Input!$J$15,0)+IF(Input!$K$16=4,M7954*Input!$J$16,0)</f>
        <v>0</v>
      </c>
    </row>
    <row r="7955" spans="8:17" x14ac:dyDescent="0.25">
      <c r="H7955" s="43">
        <v>7948</v>
      </c>
      <c r="I7955" s="55">
        <f>Bühler!I7981</f>
        <v>3.9149398714550072</v>
      </c>
      <c r="J7955" s="58">
        <f>Bühler!J7981</f>
        <v>16.069357320058433</v>
      </c>
      <c r="K7955" s="58">
        <f>Bühler!K7981</f>
        <v>0.63355204522410036</v>
      </c>
      <c r="L7955" s="58">
        <f>Bühler!L7981</f>
        <v>0.31677602261205018</v>
      </c>
      <c r="M7955" s="57">
        <f>Bühler!M7981</f>
        <v>0</v>
      </c>
      <c r="N7955" s="55">
        <f>IF(Input!$K$13=1,J7955*Input!$J$13,0)+IF(Input!$K$14=1,K7955*Input!$J$14,0)+IF(Input!$K$15=1,L7955*Input!$J$15,0)+IF(Input!$K$16=1,M7955*Input!$J$16,0)</f>
        <v>1.9283228784070119</v>
      </c>
      <c r="O7955" s="58">
        <f>IF(Input!$K$13=2,J7955*Input!$J$13,0)+IF(Input!$K$14=2,K7955*Input!$J$14,0)+IF(Input!$K$15=2,L7955*Input!$J$15,0)+IF(Input!$K$16=2,M7955*Input!$J$16,0)</f>
        <v>8.552952610525355E-2</v>
      </c>
      <c r="P7955" s="58">
        <f>IF(Input!$K$13=3,J7955*Input!$J$13,0)+IF(Input!$K$14=3,K7955*Input!$J$14,0)+IF(Input!$K$15=3,L7955*Input!$J$15,0)+IF(Input!$K$16=3,M7955*Input!$J$16,0)</f>
        <v>0</v>
      </c>
      <c r="Q7955" s="71">
        <f>IF(Input!$K$13=4,J7955*Input!$J$13,0)+IF(Input!$K$14=4,K7955*Input!$J$14,0)+IF(Input!$K$15=4,L7955*Input!$J$15,0)+IF(Input!$K$16=4,M7955*Input!$J$16,0)</f>
        <v>0</v>
      </c>
    </row>
    <row r="7956" spans="8:17" x14ac:dyDescent="0.25">
      <c r="H7956" s="43">
        <v>7949</v>
      </c>
      <c r="I7956" s="55">
        <f>Bühler!I7982</f>
        <v>3.9149398714550072</v>
      </c>
      <c r="J7956" s="58">
        <f>Bühler!J7982</f>
        <v>16.069357320058433</v>
      </c>
      <c r="K7956" s="58">
        <f>Bühler!K7982</f>
        <v>0.63355204522410036</v>
      </c>
      <c r="L7956" s="58">
        <f>Bühler!L7982</f>
        <v>0.31677602261205018</v>
      </c>
      <c r="M7956" s="57">
        <f>Bühler!M7982</f>
        <v>0</v>
      </c>
      <c r="N7956" s="55">
        <f>IF(Input!$K$13=1,J7956*Input!$J$13,0)+IF(Input!$K$14=1,K7956*Input!$J$14,0)+IF(Input!$K$15=1,L7956*Input!$J$15,0)+IF(Input!$K$16=1,M7956*Input!$J$16,0)</f>
        <v>1.9283228784070119</v>
      </c>
      <c r="O7956" s="58">
        <f>IF(Input!$K$13=2,J7956*Input!$J$13,0)+IF(Input!$K$14=2,K7956*Input!$J$14,0)+IF(Input!$K$15=2,L7956*Input!$J$15,0)+IF(Input!$K$16=2,M7956*Input!$J$16,0)</f>
        <v>8.552952610525355E-2</v>
      </c>
      <c r="P7956" s="58">
        <f>IF(Input!$K$13=3,J7956*Input!$J$13,0)+IF(Input!$K$14=3,K7956*Input!$J$14,0)+IF(Input!$K$15=3,L7956*Input!$J$15,0)+IF(Input!$K$16=3,M7956*Input!$J$16,0)</f>
        <v>0</v>
      </c>
      <c r="Q7956" s="71">
        <f>IF(Input!$K$13=4,J7956*Input!$J$13,0)+IF(Input!$K$14=4,K7956*Input!$J$14,0)+IF(Input!$K$15=4,L7956*Input!$J$15,0)+IF(Input!$K$16=4,M7956*Input!$J$16,0)</f>
        <v>0</v>
      </c>
    </row>
    <row r="7957" spans="8:17" x14ac:dyDescent="0.25">
      <c r="H7957" s="43">
        <v>7950</v>
      </c>
      <c r="I7957" s="55">
        <f>Bühler!I7983</f>
        <v>3.9149398714550072</v>
      </c>
      <c r="J7957" s="58">
        <f>Bühler!J7983</f>
        <v>16.069357320058433</v>
      </c>
      <c r="K7957" s="58">
        <f>Bühler!K7983</f>
        <v>0.63355204522410036</v>
      </c>
      <c r="L7957" s="58">
        <f>Bühler!L7983</f>
        <v>0.31677602261205018</v>
      </c>
      <c r="M7957" s="57">
        <f>Bühler!M7983</f>
        <v>0</v>
      </c>
      <c r="N7957" s="55">
        <f>IF(Input!$K$13=1,J7957*Input!$J$13,0)+IF(Input!$K$14=1,K7957*Input!$J$14,0)+IF(Input!$K$15=1,L7957*Input!$J$15,0)+IF(Input!$K$16=1,M7957*Input!$J$16,0)</f>
        <v>1.9283228784070119</v>
      </c>
      <c r="O7957" s="58">
        <f>IF(Input!$K$13=2,J7957*Input!$J$13,0)+IF(Input!$K$14=2,K7957*Input!$J$14,0)+IF(Input!$K$15=2,L7957*Input!$J$15,0)+IF(Input!$K$16=2,M7957*Input!$J$16,0)</f>
        <v>8.552952610525355E-2</v>
      </c>
      <c r="P7957" s="58">
        <f>IF(Input!$K$13=3,J7957*Input!$J$13,0)+IF(Input!$K$14=3,K7957*Input!$J$14,0)+IF(Input!$K$15=3,L7957*Input!$J$15,0)+IF(Input!$K$16=3,M7957*Input!$J$16,0)</f>
        <v>0</v>
      </c>
      <c r="Q7957" s="71">
        <f>IF(Input!$K$13=4,J7957*Input!$J$13,0)+IF(Input!$K$14=4,K7957*Input!$J$14,0)+IF(Input!$K$15=4,L7957*Input!$J$15,0)+IF(Input!$K$16=4,M7957*Input!$J$16,0)</f>
        <v>0</v>
      </c>
    </row>
    <row r="7958" spans="8:17" x14ac:dyDescent="0.25">
      <c r="H7958" s="43">
        <v>7951</v>
      </c>
      <c r="I7958" s="55">
        <f>Bühler!I7984</f>
        <v>3.9149398714550072</v>
      </c>
      <c r="J7958" s="58">
        <f>Bühler!J7984</f>
        <v>16.069357320058433</v>
      </c>
      <c r="K7958" s="58">
        <f>Bühler!K7984</f>
        <v>0.63355204522410036</v>
      </c>
      <c r="L7958" s="58">
        <f>Bühler!L7984</f>
        <v>0.31677602261205018</v>
      </c>
      <c r="M7958" s="57">
        <f>Bühler!M7984</f>
        <v>0</v>
      </c>
      <c r="N7958" s="55">
        <f>IF(Input!$K$13=1,J7958*Input!$J$13,0)+IF(Input!$K$14=1,K7958*Input!$J$14,0)+IF(Input!$K$15=1,L7958*Input!$J$15,0)+IF(Input!$K$16=1,M7958*Input!$J$16,0)</f>
        <v>1.9283228784070119</v>
      </c>
      <c r="O7958" s="58">
        <f>IF(Input!$K$13=2,J7958*Input!$J$13,0)+IF(Input!$K$14=2,K7958*Input!$J$14,0)+IF(Input!$K$15=2,L7958*Input!$J$15,0)+IF(Input!$K$16=2,M7958*Input!$J$16,0)</f>
        <v>8.552952610525355E-2</v>
      </c>
      <c r="P7958" s="58">
        <f>IF(Input!$K$13=3,J7958*Input!$J$13,0)+IF(Input!$K$14=3,K7958*Input!$J$14,0)+IF(Input!$K$15=3,L7958*Input!$J$15,0)+IF(Input!$K$16=3,M7958*Input!$J$16,0)</f>
        <v>0</v>
      </c>
      <c r="Q7958" s="71">
        <f>IF(Input!$K$13=4,J7958*Input!$J$13,0)+IF(Input!$K$14=4,K7958*Input!$J$14,0)+IF(Input!$K$15=4,L7958*Input!$J$15,0)+IF(Input!$K$16=4,M7958*Input!$J$16,0)</f>
        <v>0</v>
      </c>
    </row>
    <row r="7959" spans="8:17" x14ac:dyDescent="0.25">
      <c r="H7959" s="43">
        <v>7952</v>
      </c>
      <c r="I7959" s="55">
        <f>Bühler!I7985</f>
        <v>11.277552597449422</v>
      </c>
      <c r="J7959" s="58">
        <f>Bühler!J7985</f>
        <v>62.080488171038809</v>
      </c>
      <c r="K7959" s="58">
        <f>Bühler!K7985</f>
        <v>2.6708178406478478</v>
      </c>
      <c r="L7959" s="58">
        <f>Bühler!L7985</f>
        <v>1.3354089203239239</v>
      </c>
      <c r="M7959" s="57">
        <f>Bühler!M7985</f>
        <v>0</v>
      </c>
      <c r="N7959" s="55">
        <f>IF(Input!$K$13=1,J7959*Input!$J$13,0)+IF(Input!$K$14=1,K7959*Input!$J$14,0)+IF(Input!$K$15=1,L7959*Input!$J$15,0)+IF(Input!$K$16=1,M7959*Input!$J$16,0)</f>
        <v>7.4496585805246571</v>
      </c>
      <c r="O7959" s="58">
        <f>IF(Input!$K$13=2,J7959*Input!$J$13,0)+IF(Input!$K$14=2,K7959*Input!$J$14,0)+IF(Input!$K$15=2,L7959*Input!$J$15,0)+IF(Input!$K$16=2,M7959*Input!$J$16,0)</f>
        <v>0.36056040848745941</v>
      </c>
      <c r="P7959" s="58">
        <f>IF(Input!$K$13=3,J7959*Input!$J$13,0)+IF(Input!$K$14=3,K7959*Input!$J$14,0)+IF(Input!$K$15=3,L7959*Input!$J$15,0)+IF(Input!$K$16=3,M7959*Input!$J$16,0)</f>
        <v>0</v>
      </c>
      <c r="Q7959" s="71">
        <f>IF(Input!$K$13=4,J7959*Input!$J$13,0)+IF(Input!$K$14=4,K7959*Input!$J$14,0)+IF(Input!$K$15=4,L7959*Input!$J$15,0)+IF(Input!$K$16=4,M7959*Input!$J$16,0)</f>
        <v>0</v>
      </c>
    </row>
    <row r="7960" spans="8:17" x14ac:dyDescent="0.25">
      <c r="H7960" s="43">
        <v>7953</v>
      </c>
      <c r="I7960" s="55">
        <f>Bühler!I7986</f>
        <v>12.583374477154093</v>
      </c>
      <c r="J7960" s="58">
        <f>Bühler!J7986</f>
        <v>69.268755222422257</v>
      </c>
      <c r="K7960" s="58">
        <f>Bühler!K7986</f>
        <v>2.980070432722862</v>
      </c>
      <c r="L7960" s="58">
        <f>Bühler!L7986</f>
        <v>1.490035216361431</v>
      </c>
      <c r="M7960" s="57">
        <f>Bühler!M7986</f>
        <v>0</v>
      </c>
      <c r="N7960" s="55">
        <f>IF(Input!$K$13=1,J7960*Input!$J$13,0)+IF(Input!$K$14=1,K7960*Input!$J$14,0)+IF(Input!$K$15=1,L7960*Input!$J$15,0)+IF(Input!$K$16=1,M7960*Input!$J$16,0)</f>
        <v>8.3122506266906697</v>
      </c>
      <c r="O7960" s="58">
        <f>IF(Input!$K$13=2,J7960*Input!$J$13,0)+IF(Input!$K$14=2,K7960*Input!$J$14,0)+IF(Input!$K$15=2,L7960*Input!$J$15,0)+IF(Input!$K$16=2,M7960*Input!$J$16,0)</f>
        <v>0.40230950841758634</v>
      </c>
      <c r="P7960" s="58">
        <f>IF(Input!$K$13=3,J7960*Input!$J$13,0)+IF(Input!$K$14=3,K7960*Input!$J$14,0)+IF(Input!$K$15=3,L7960*Input!$J$15,0)+IF(Input!$K$16=3,M7960*Input!$J$16,0)</f>
        <v>0</v>
      </c>
      <c r="Q7960" s="71">
        <f>IF(Input!$K$13=4,J7960*Input!$J$13,0)+IF(Input!$K$14=4,K7960*Input!$J$14,0)+IF(Input!$K$15=4,L7960*Input!$J$15,0)+IF(Input!$K$16=4,M7960*Input!$J$16,0)</f>
        <v>0</v>
      </c>
    </row>
    <row r="7961" spans="8:17" x14ac:dyDescent="0.25">
      <c r="H7961" s="43">
        <v>7954</v>
      </c>
      <c r="I7961" s="55">
        <f>Bühler!I7987</f>
        <v>13.889196356858765</v>
      </c>
      <c r="J7961" s="58">
        <f>Bühler!J7987</f>
        <v>76.457022273805691</v>
      </c>
      <c r="K7961" s="58">
        <f>Bühler!K7987</f>
        <v>3.2893230247978757</v>
      </c>
      <c r="L7961" s="58">
        <f>Bühler!L7987</f>
        <v>1.6446615123989379</v>
      </c>
      <c r="M7961" s="57">
        <f>Bühler!M7987</f>
        <v>0</v>
      </c>
      <c r="N7961" s="55">
        <f>IF(Input!$K$13=1,J7961*Input!$J$13,0)+IF(Input!$K$14=1,K7961*Input!$J$14,0)+IF(Input!$K$15=1,L7961*Input!$J$15,0)+IF(Input!$K$16=1,M7961*Input!$J$16,0)</f>
        <v>9.1748426728566823</v>
      </c>
      <c r="O7961" s="58">
        <f>IF(Input!$K$13=2,J7961*Input!$J$13,0)+IF(Input!$K$14=2,K7961*Input!$J$14,0)+IF(Input!$K$15=2,L7961*Input!$J$15,0)+IF(Input!$K$16=2,M7961*Input!$J$16,0)</f>
        <v>0.44405860834771321</v>
      </c>
      <c r="P7961" s="58">
        <f>IF(Input!$K$13=3,J7961*Input!$J$13,0)+IF(Input!$K$14=3,K7961*Input!$J$14,0)+IF(Input!$K$15=3,L7961*Input!$J$15,0)+IF(Input!$K$16=3,M7961*Input!$J$16,0)</f>
        <v>0</v>
      </c>
      <c r="Q7961" s="71">
        <f>IF(Input!$K$13=4,J7961*Input!$J$13,0)+IF(Input!$K$14=4,K7961*Input!$J$14,0)+IF(Input!$K$15=4,L7961*Input!$J$15,0)+IF(Input!$K$16=4,M7961*Input!$J$16,0)</f>
        <v>0</v>
      </c>
    </row>
    <row r="7962" spans="8:17" x14ac:dyDescent="0.25">
      <c r="H7962" s="43">
        <v>7955</v>
      </c>
      <c r="I7962" s="55">
        <f>Bühler!I7988</f>
        <v>13.889196356858765</v>
      </c>
      <c r="J7962" s="58">
        <f>Bühler!J7988</f>
        <v>76.457022273805691</v>
      </c>
      <c r="K7962" s="58">
        <f>Bühler!K7988</f>
        <v>3.2893230247978757</v>
      </c>
      <c r="L7962" s="58">
        <f>Bühler!L7988</f>
        <v>1.6446615123989379</v>
      </c>
      <c r="M7962" s="57">
        <f>Bühler!M7988</f>
        <v>0</v>
      </c>
      <c r="N7962" s="55">
        <f>IF(Input!$K$13=1,J7962*Input!$J$13,0)+IF(Input!$K$14=1,K7962*Input!$J$14,0)+IF(Input!$K$15=1,L7962*Input!$J$15,0)+IF(Input!$K$16=1,M7962*Input!$J$16,0)</f>
        <v>9.1748426728566823</v>
      </c>
      <c r="O7962" s="58">
        <f>IF(Input!$K$13=2,J7962*Input!$J$13,0)+IF(Input!$K$14=2,K7962*Input!$J$14,0)+IF(Input!$K$15=2,L7962*Input!$J$15,0)+IF(Input!$K$16=2,M7962*Input!$J$16,0)</f>
        <v>0.44405860834771321</v>
      </c>
      <c r="P7962" s="58">
        <f>IF(Input!$K$13=3,J7962*Input!$J$13,0)+IF(Input!$K$14=3,K7962*Input!$J$14,0)+IF(Input!$K$15=3,L7962*Input!$J$15,0)+IF(Input!$K$16=3,M7962*Input!$J$16,0)</f>
        <v>0</v>
      </c>
      <c r="Q7962" s="71">
        <f>IF(Input!$K$13=4,J7962*Input!$J$13,0)+IF(Input!$K$14=4,K7962*Input!$J$14,0)+IF(Input!$K$15=4,L7962*Input!$J$15,0)+IF(Input!$K$16=4,M7962*Input!$J$16,0)</f>
        <v>0</v>
      </c>
    </row>
    <row r="7963" spans="8:17" x14ac:dyDescent="0.25">
      <c r="H7963" s="43">
        <v>7956</v>
      </c>
      <c r="I7963" s="55">
        <f>Bühler!I7989</f>
        <v>16.619551196241257</v>
      </c>
      <c r="J7963" s="58">
        <f>Bühler!J7989</f>
        <v>91.48703519942562</v>
      </c>
      <c r="K7963" s="58">
        <f>Bühler!K7989</f>
        <v>3.9359420809547232</v>
      </c>
      <c r="L7963" s="58">
        <f>Bühler!L7989</f>
        <v>1.9679710404773616</v>
      </c>
      <c r="M7963" s="57">
        <f>Bühler!M7989</f>
        <v>0</v>
      </c>
      <c r="N7963" s="55">
        <f>IF(Input!$K$13=1,J7963*Input!$J$13,0)+IF(Input!$K$14=1,K7963*Input!$J$14,0)+IF(Input!$K$15=1,L7963*Input!$J$15,0)+IF(Input!$K$16=1,M7963*Input!$J$16,0)</f>
        <v>10.978444223931074</v>
      </c>
      <c r="O7963" s="58">
        <f>IF(Input!$K$13=2,J7963*Input!$J$13,0)+IF(Input!$K$14=2,K7963*Input!$J$14,0)+IF(Input!$K$15=2,L7963*Input!$J$15,0)+IF(Input!$K$16=2,M7963*Input!$J$16,0)</f>
        <v>0.5313521809288877</v>
      </c>
      <c r="P7963" s="58">
        <f>IF(Input!$K$13=3,J7963*Input!$J$13,0)+IF(Input!$K$14=3,K7963*Input!$J$14,0)+IF(Input!$K$15=3,L7963*Input!$J$15,0)+IF(Input!$K$16=3,M7963*Input!$J$16,0)</f>
        <v>0</v>
      </c>
      <c r="Q7963" s="71">
        <f>IF(Input!$K$13=4,J7963*Input!$J$13,0)+IF(Input!$K$14=4,K7963*Input!$J$14,0)+IF(Input!$K$15=4,L7963*Input!$J$15,0)+IF(Input!$K$16=4,M7963*Input!$J$16,0)</f>
        <v>0</v>
      </c>
    </row>
    <row r="7964" spans="8:17" x14ac:dyDescent="0.25">
      <c r="H7964" s="43">
        <v>7957</v>
      </c>
      <c r="I7964" s="55">
        <f>Bühler!I7990</f>
        <v>16.619551196241257</v>
      </c>
      <c r="J7964" s="58">
        <f>Bühler!J7990</f>
        <v>91.48703519942562</v>
      </c>
      <c r="K7964" s="58">
        <f>Bühler!K7990</f>
        <v>3.9359420809547232</v>
      </c>
      <c r="L7964" s="58">
        <f>Bühler!L7990</f>
        <v>1.9679710404773616</v>
      </c>
      <c r="M7964" s="57">
        <f>Bühler!M7990</f>
        <v>0</v>
      </c>
      <c r="N7964" s="55">
        <f>IF(Input!$K$13=1,J7964*Input!$J$13,0)+IF(Input!$K$14=1,K7964*Input!$J$14,0)+IF(Input!$K$15=1,L7964*Input!$J$15,0)+IF(Input!$K$16=1,M7964*Input!$J$16,0)</f>
        <v>10.978444223931074</v>
      </c>
      <c r="O7964" s="58">
        <f>IF(Input!$K$13=2,J7964*Input!$J$13,0)+IF(Input!$K$14=2,K7964*Input!$J$14,0)+IF(Input!$K$15=2,L7964*Input!$J$15,0)+IF(Input!$K$16=2,M7964*Input!$J$16,0)</f>
        <v>0.5313521809288877</v>
      </c>
      <c r="P7964" s="58">
        <f>IF(Input!$K$13=3,J7964*Input!$J$13,0)+IF(Input!$K$14=3,K7964*Input!$J$14,0)+IF(Input!$K$15=3,L7964*Input!$J$15,0)+IF(Input!$K$16=3,M7964*Input!$J$16,0)</f>
        <v>0</v>
      </c>
      <c r="Q7964" s="71">
        <f>IF(Input!$K$13=4,J7964*Input!$J$13,0)+IF(Input!$K$14=4,K7964*Input!$J$14,0)+IF(Input!$K$15=4,L7964*Input!$J$15,0)+IF(Input!$K$16=4,M7964*Input!$J$16,0)</f>
        <v>0</v>
      </c>
    </row>
    <row r="7965" spans="8:17" x14ac:dyDescent="0.25">
      <c r="H7965" s="43">
        <v>7958</v>
      </c>
      <c r="I7965" s="55">
        <f>Bühler!I7991</f>
        <v>11.040130437503118</v>
      </c>
      <c r="J7965" s="58">
        <f>Bühler!J7991</f>
        <v>60.773530525332724</v>
      </c>
      <c r="K7965" s="58">
        <f>Bühler!K7991</f>
        <v>2.6145900966342088</v>
      </c>
      <c r="L7965" s="58">
        <f>Bühler!L7991</f>
        <v>1.3072950483171044</v>
      </c>
      <c r="M7965" s="57">
        <f>Bühler!M7991</f>
        <v>0</v>
      </c>
      <c r="N7965" s="55">
        <f>IF(Input!$K$13=1,J7965*Input!$J$13,0)+IF(Input!$K$14=1,K7965*Input!$J$14,0)+IF(Input!$K$15=1,L7965*Input!$J$15,0)+IF(Input!$K$16=1,M7965*Input!$J$16,0)</f>
        <v>7.2928236630399264</v>
      </c>
      <c r="O7965" s="58">
        <f>IF(Input!$K$13=2,J7965*Input!$J$13,0)+IF(Input!$K$14=2,K7965*Input!$J$14,0)+IF(Input!$K$15=2,L7965*Input!$J$15,0)+IF(Input!$K$16=2,M7965*Input!$J$16,0)</f>
        <v>0.35296966304561816</v>
      </c>
      <c r="P7965" s="58">
        <f>IF(Input!$K$13=3,J7965*Input!$J$13,0)+IF(Input!$K$14=3,K7965*Input!$J$14,0)+IF(Input!$K$15=3,L7965*Input!$J$15,0)+IF(Input!$K$16=3,M7965*Input!$J$16,0)</f>
        <v>0</v>
      </c>
      <c r="Q7965" s="71">
        <f>IF(Input!$K$13=4,J7965*Input!$J$13,0)+IF(Input!$K$14=4,K7965*Input!$J$14,0)+IF(Input!$K$15=4,L7965*Input!$J$15,0)+IF(Input!$K$16=4,M7965*Input!$J$16,0)</f>
        <v>0</v>
      </c>
    </row>
    <row r="7966" spans="8:17" x14ac:dyDescent="0.25">
      <c r="H7966" s="43">
        <v>7959</v>
      </c>
      <c r="I7966" s="55">
        <f>Bühler!I7992</f>
        <v>16.619551196241257</v>
      </c>
      <c r="J7966" s="58">
        <f>Bühler!J7992</f>
        <v>91.48703519942562</v>
      </c>
      <c r="K7966" s="58">
        <f>Bühler!K7992</f>
        <v>3.9359420809547232</v>
      </c>
      <c r="L7966" s="58">
        <f>Bühler!L7992</f>
        <v>1.9679710404773616</v>
      </c>
      <c r="M7966" s="57">
        <f>Bühler!M7992</f>
        <v>0</v>
      </c>
      <c r="N7966" s="55">
        <f>IF(Input!$K$13=1,J7966*Input!$J$13,0)+IF(Input!$K$14=1,K7966*Input!$J$14,0)+IF(Input!$K$15=1,L7966*Input!$J$15,0)+IF(Input!$K$16=1,M7966*Input!$J$16,0)</f>
        <v>10.978444223931074</v>
      </c>
      <c r="O7966" s="58">
        <f>IF(Input!$K$13=2,J7966*Input!$J$13,0)+IF(Input!$K$14=2,K7966*Input!$J$14,0)+IF(Input!$K$15=2,L7966*Input!$J$15,0)+IF(Input!$K$16=2,M7966*Input!$J$16,0)</f>
        <v>0.5313521809288877</v>
      </c>
      <c r="P7966" s="58">
        <f>IF(Input!$K$13=3,J7966*Input!$J$13,0)+IF(Input!$K$14=3,K7966*Input!$J$14,0)+IF(Input!$K$15=3,L7966*Input!$J$15,0)+IF(Input!$K$16=3,M7966*Input!$J$16,0)</f>
        <v>0</v>
      </c>
      <c r="Q7966" s="71">
        <f>IF(Input!$K$13=4,J7966*Input!$J$13,0)+IF(Input!$K$14=4,K7966*Input!$J$14,0)+IF(Input!$K$15=4,L7966*Input!$J$15,0)+IF(Input!$K$16=4,M7966*Input!$J$16,0)</f>
        <v>0</v>
      </c>
    </row>
    <row r="7967" spans="8:17" x14ac:dyDescent="0.25">
      <c r="H7967" s="43">
        <v>7960</v>
      </c>
      <c r="I7967" s="55">
        <f>Bühler!I7993</f>
        <v>16.619551196241257</v>
      </c>
      <c r="J7967" s="58">
        <f>Bühler!J7993</f>
        <v>91.48703519942562</v>
      </c>
      <c r="K7967" s="58">
        <f>Bühler!K7993</f>
        <v>3.9359420809547232</v>
      </c>
      <c r="L7967" s="58">
        <f>Bühler!L7993</f>
        <v>1.9679710404773616</v>
      </c>
      <c r="M7967" s="57">
        <f>Bühler!M7993</f>
        <v>0</v>
      </c>
      <c r="N7967" s="55">
        <f>IF(Input!$K$13=1,J7967*Input!$J$13,0)+IF(Input!$K$14=1,K7967*Input!$J$14,0)+IF(Input!$K$15=1,L7967*Input!$J$15,0)+IF(Input!$K$16=1,M7967*Input!$J$16,0)</f>
        <v>10.978444223931074</v>
      </c>
      <c r="O7967" s="58">
        <f>IF(Input!$K$13=2,J7967*Input!$J$13,0)+IF(Input!$K$14=2,K7967*Input!$J$14,0)+IF(Input!$K$15=2,L7967*Input!$J$15,0)+IF(Input!$K$16=2,M7967*Input!$J$16,0)</f>
        <v>0.5313521809288877</v>
      </c>
      <c r="P7967" s="58">
        <f>IF(Input!$K$13=3,J7967*Input!$J$13,0)+IF(Input!$K$14=3,K7967*Input!$J$14,0)+IF(Input!$K$15=3,L7967*Input!$J$15,0)+IF(Input!$K$16=3,M7967*Input!$J$16,0)</f>
        <v>0</v>
      </c>
      <c r="Q7967" s="71">
        <f>IF(Input!$K$13=4,J7967*Input!$J$13,0)+IF(Input!$K$14=4,K7967*Input!$J$14,0)+IF(Input!$K$15=4,L7967*Input!$J$15,0)+IF(Input!$K$16=4,M7967*Input!$J$16,0)</f>
        <v>0</v>
      </c>
    </row>
    <row r="7968" spans="8:17" x14ac:dyDescent="0.25">
      <c r="H7968" s="43">
        <v>7961</v>
      </c>
      <c r="I7968" s="55">
        <f>Bühler!I7994</f>
        <v>13.891722124517766</v>
      </c>
      <c r="J7968" s="58">
        <f>Bühler!J7994</f>
        <v>58.351565747669611</v>
      </c>
      <c r="K7968" s="58">
        <f>Bühler!K7994</f>
        <v>2.319394440562605</v>
      </c>
      <c r="L7968" s="58">
        <f>Bühler!L7994</f>
        <v>1.1596972202813025</v>
      </c>
      <c r="M7968" s="57">
        <f>Bühler!M7994</f>
        <v>0</v>
      </c>
      <c r="N7968" s="55">
        <f>IF(Input!$K$13=1,J7968*Input!$J$13,0)+IF(Input!$K$14=1,K7968*Input!$J$14,0)+IF(Input!$K$15=1,L7968*Input!$J$15,0)+IF(Input!$K$16=1,M7968*Input!$J$16,0)</f>
        <v>7.0021878897203527</v>
      </c>
      <c r="O7968" s="58">
        <f>IF(Input!$K$13=2,J7968*Input!$J$13,0)+IF(Input!$K$14=2,K7968*Input!$J$14,0)+IF(Input!$K$15=2,L7968*Input!$J$15,0)+IF(Input!$K$16=2,M7968*Input!$J$16,0)</f>
        <v>0.31311824947595168</v>
      </c>
      <c r="P7968" s="58">
        <f>IF(Input!$K$13=3,J7968*Input!$J$13,0)+IF(Input!$K$14=3,K7968*Input!$J$14,0)+IF(Input!$K$15=3,L7968*Input!$J$15,0)+IF(Input!$K$16=3,M7968*Input!$J$16,0)</f>
        <v>0</v>
      </c>
      <c r="Q7968" s="71">
        <f>IF(Input!$K$13=4,J7968*Input!$J$13,0)+IF(Input!$K$14=4,K7968*Input!$J$14,0)+IF(Input!$K$15=4,L7968*Input!$J$15,0)+IF(Input!$K$16=4,M7968*Input!$J$16,0)</f>
        <v>0</v>
      </c>
    </row>
    <row r="7969" spans="8:17" x14ac:dyDescent="0.25">
      <c r="H7969" s="43">
        <v>7962</v>
      </c>
      <c r="I7969" s="55">
        <f>Bühler!I7995</f>
        <v>11.037604669844116</v>
      </c>
      <c r="J7969" s="58">
        <f>Bühler!J7995</f>
        <v>30.438924526678285</v>
      </c>
      <c r="K7969" s="58">
        <f>Bühler!K7995</f>
        <v>0.98992507066265689</v>
      </c>
      <c r="L7969" s="58">
        <f>Bühler!L7995</f>
        <v>0.49496253533132845</v>
      </c>
      <c r="M7969" s="57">
        <f>Bühler!M7995</f>
        <v>0</v>
      </c>
      <c r="N7969" s="55">
        <f>IF(Input!$K$13=1,J7969*Input!$J$13,0)+IF(Input!$K$14=1,K7969*Input!$J$14,0)+IF(Input!$K$15=1,L7969*Input!$J$15,0)+IF(Input!$K$16=1,M7969*Input!$J$16,0)</f>
        <v>3.652670943201394</v>
      </c>
      <c r="O7969" s="58">
        <f>IF(Input!$K$13=2,J7969*Input!$J$13,0)+IF(Input!$K$14=2,K7969*Input!$J$14,0)+IF(Input!$K$15=2,L7969*Input!$J$15,0)+IF(Input!$K$16=2,M7969*Input!$J$16,0)</f>
        <v>0.13363988453945869</v>
      </c>
      <c r="P7969" s="58">
        <f>IF(Input!$K$13=3,J7969*Input!$J$13,0)+IF(Input!$K$14=3,K7969*Input!$J$14,0)+IF(Input!$K$15=3,L7969*Input!$J$15,0)+IF(Input!$K$16=3,M7969*Input!$J$16,0)</f>
        <v>0</v>
      </c>
      <c r="Q7969" s="71">
        <f>IF(Input!$K$13=4,J7969*Input!$J$13,0)+IF(Input!$K$14=4,K7969*Input!$J$14,0)+IF(Input!$K$15=4,L7969*Input!$J$15,0)+IF(Input!$K$16=4,M7969*Input!$J$16,0)</f>
        <v>0</v>
      </c>
    </row>
    <row r="7970" spans="8:17" x14ac:dyDescent="0.25">
      <c r="H7970" s="43">
        <v>7963</v>
      </c>
      <c r="I7970" s="55">
        <f>Bühler!I7996</f>
        <v>3.9149398714550072</v>
      </c>
      <c r="J7970" s="58">
        <f>Bühler!J7996</f>
        <v>16.438987709412043</v>
      </c>
      <c r="K7970" s="58">
        <f>Bühler!K7996</f>
        <v>0.65335054663735348</v>
      </c>
      <c r="L7970" s="58">
        <f>Bühler!L7996</f>
        <v>0.32667527331867674</v>
      </c>
      <c r="M7970" s="57">
        <f>Bühler!M7996</f>
        <v>0</v>
      </c>
      <c r="N7970" s="55">
        <f>IF(Input!$K$13=1,J7970*Input!$J$13,0)+IF(Input!$K$14=1,K7970*Input!$J$14,0)+IF(Input!$K$15=1,L7970*Input!$J$15,0)+IF(Input!$K$16=1,M7970*Input!$J$16,0)</f>
        <v>1.972678525129445</v>
      </c>
      <c r="O7970" s="58">
        <f>IF(Input!$K$13=2,J7970*Input!$J$13,0)+IF(Input!$K$14=2,K7970*Input!$J$14,0)+IF(Input!$K$15=2,L7970*Input!$J$15,0)+IF(Input!$K$16=2,M7970*Input!$J$16,0)</f>
        <v>8.8202323796042717E-2</v>
      </c>
      <c r="P7970" s="58">
        <f>IF(Input!$K$13=3,J7970*Input!$J$13,0)+IF(Input!$K$14=3,K7970*Input!$J$14,0)+IF(Input!$K$15=3,L7970*Input!$J$15,0)+IF(Input!$K$16=3,M7970*Input!$J$16,0)</f>
        <v>0</v>
      </c>
      <c r="Q7970" s="71">
        <f>IF(Input!$K$13=4,J7970*Input!$J$13,0)+IF(Input!$K$14=4,K7970*Input!$J$14,0)+IF(Input!$K$15=4,L7970*Input!$J$15,0)+IF(Input!$K$16=4,M7970*Input!$J$16,0)</f>
        <v>0</v>
      </c>
    </row>
    <row r="7971" spans="8:17" x14ac:dyDescent="0.25">
      <c r="H7971" s="43">
        <v>7964</v>
      </c>
      <c r="I7971" s="55">
        <f>Bühler!I7997</f>
        <v>3.9149398714550072</v>
      </c>
      <c r="J7971" s="58">
        <f>Bühler!J7997</f>
        <v>16.438987709412043</v>
      </c>
      <c r="K7971" s="58">
        <f>Bühler!K7997</f>
        <v>0.65335054663735348</v>
      </c>
      <c r="L7971" s="58">
        <f>Bühler!L7997</f>
        <v>0.32667527331867674</v>
      </c>
      <c r="M7971" s="57">
        <f>Bühler!M7997</f>
        <v>0</v>
      </c>
      <c r="N7971" s="55">
        <f>IF(Input!$K$13=1,J7971*Input!$J$13,0)+IF(Input!$K$14=1,K7971*Input!$J$14,0)+IF(Input!$K$15=1,L7971*Input!$J$15,0)+IF(Input!$K$16=1,M7971*Input!$J$16,0)</f>
        <v>1.972678525129445</v>
      </c>
      <c r="O7971" s="58">
        <f>IF(Input!$K$13=2,J7971*Input!$J$13,0)+IF(Input!$K$14=2,K7971*Input!$J$14,0)+IF(Input!$K$15=2,L7971*Input!$J$15,0)+IF(Input!$K$16=2,M7971*Input!$J$16,0)</f>
        <v>8.8202323796042717E-2</v>
      </c>
      <c r="P7971" s="58">
        <f>IF(Input!$K$13=3,J7971*Input!$J$13,0)+IF(Input!$K$14=3,K7971*Input!$J$14,0)+IF(Input!$K$15=3,L7971*Input!$J$15,0)+IF(Input!$K$16=3,M7971*Input!$J$16,0)</f>
        <v>0</v>
      </c>
      <c r="Q7971" s="71">
        <f>IF(Input!$K$13=4,J7971*Input!$J$13,0)+IF(Input!$K$14=4,K7971*Input!$J$14,0)+IF(Input!$K$15=4,L7971*Input!$J$15,0)+IF(Input!$K$16=4,M7971*Input!$J$16,0)</f>
        <v>0</v>
      </c>
    </row>
    <row r="7972" spans="8:17" x14ac:dyDescent="0.25">
      <c r="H7972" s="43">
        <v>7965</v>
      </c>
      <c r="I7972" s="55">
        <f>Bühler!I7998</f>
        <v>3.9149398714550072</v>
      </c>
      <c r="J7972" s="58">
        <f>Bühler!J7998</f>
        <v>16.438987709412043</v>
      </c>
      <c r="K7972" s="58">
        <f>Bühler!K7998</f>
        <v>0.65335054663735348</v>
      </c>
      <c r="L7972" s="58">
        <f>Bühler!L7998</f>
        <v>0.32667527331867674</v>
      </c>
      <c r="M7972" s="57">
        <f>Bühler!M7998</f>
        <v>0</v>
      </c>
      <c r="N7972" s="55">
        <f>IF(Input!$K$13=1,J7972*Input!$J$13,0)+IF(Input!$K$14=1,K7972*Input!$J$14,0)+IF(Input!$K$15=1,L7972*Input!$J$15,0)+IF(Input!$K$16=1,M7972*Input!$J$16,0)</f>
        <v>1.972678525129445</v>
      </c>
      <c r="O7972" s="58">
        <f>IF(Input!$K$13=2,J7972*Input!$J$13,0)+IF(Input!$K$14=2,K7972*Input!$J$14,0)+IF(Input!$K$15=2,L7972*Input!$J$15,0)+IF(Input!$K$16=2,M7972*Input!$J$16,0)</f>
        <v>8.8202323796042717E-2</v>
      </c>
      <c r="P7972" s="58">
        <f>IF(Input!$K$13=3,J7972*Input!$J$13,0)+IF(Input!$K$14=3,K7972*Input!$J$14,0)+IF(Input!$K$15=3,L7972*Input!$J$15,0)+IF(Input!$K$16=3,M7972*Input!$J$16,0)</f>
        <v>0</v>
      </c>
      <c r="Q7972" s="71">
        <f>IF(Input!$K$13=4,J7972*Input!$J$13,0)+IF(Input!$K$14=4,K7972*Input!$J$14,0)+IF(Input!$K$15=4,L7972*Input!$J$15,0)+IF(Input!$K$16=4,M7972*Input!$J$16,0)</f>
        <v>0</v>
      </c>
    </row>
    <row r="7973" spans="8:17" x14ac:dyDescent="0.25">
      <c r="H7973" s="43">
        <v>7966</v>
      </c>
      <c r="I7973" s="55">
        <f>Bühler!I7999</f>
        <v>3.9149398714550072</v>
      </c>
      <c r="J7973" s="58">
        <f>Bühler!J7999</f>
        <v>16.438987709412043</v>
      </c>
      <c r="K7973" s="58">
        <f>Bühler!K7999</f>
        <v>0.65335054663735348</v>
      </c>
      <c r="L7973" s="58">
        <f>Bühler!L7999</f>
        <v>0.32667527331867674</v>
      </c>
      <c r="M7973" s="57">
        <f>Bühler!M7999</f>
        <v>0</v>
      </c>
      <c r="N7973" s="55">
        <f>IF(Input!$K$13=1,J7973*Input!$J$13,0)+IF(Input!$K$14=1,K7973*Input!$J$14,0)+IF(Input!$K$15=1,L7973*Input!$J$15,0)+IF(Input!$K$16=1,M7973*Input!$J$16,0)</f>
        <v>1.972678525129445</v>
      </c>
      <c r="O7973" s="58">
        <f>IF(Input!$K$13=2,J7973*Input!$J$13,0)+IF(Input!$K$14=2,K7973*Input!$J$14,0)+IF(Input!$K$15=2,L7973*Input!$J$15,0)+IF(Input!$K$16=2,M7973*Input!$J$16,0)</f>
        <v>8.8202323796042717E-2</v>
      </c>
      <c r="P7973" s="58">
        <f>IF(Input!$K$13=3,J7973*Input!$J$13,0)+IF(Input!$K$14=3,K7973*Input!$J$14,0)+IF(Input!$K$15=3,L7973*Input!$J$15,0)+IF(Input!$K$16=3,M7973*Input!$J$16,0)</f>
        <v>0</v>
      </c>
      <c r="Q7973" s="71">
        <f>IF(Input!$K$13=4,J7973*Input!$J$13,0)+IF(Input!$K$14=4,K7973*Input!$J$14,0)+IF(Input!$K$15=4,L7973*Input!$J$15,0)+IF(Input!$K$16=4,M7973*Input!$J$16,0)</f>
        <v>0</v>
      </c>
    </row>
    <row r="7974" spans="8:17" x14ac:dyDescent="0.25">
      <c r="H7974" s="43">
        <v>7967</v>
      </c>
      <c r="I7974" s="55">
        <f>Bühler!I8000</f>
        <v>3.9149398714550072</v>
      </c>
      <c r="J7974" s="58">
        <f>Bühler!J8000</f>
        <v>16.438987709412043</v>
      </c>
      <c r="K7974" s="58">
        <f>Bühler!K8000</f>
        <v>0.65335054663735348</v>
      </c>
      <c r="L7974" s="58">
        <f>Bühler!L8000</f>
        <v>0.32667527331867674</v>
      </c>
      <c r="M7974" s="57">
        <f>Bühler!M8000</f>
        <v>0</v>
      </c>
      <c r="N7974" s="55">
        <f>IF(Input!$K$13=1,J7974*Input!$J$13,0)+IF(Input!$K$14=1,K7974*Input!$J$14,0)+IF(Input!$K$15=1,L7974*Input!$J$15,0)+IF(Input!$K$16=1,M7974*Input!$J$16,0)</f>
        <v>1.972678525129445</v>
      </c>
      <c r="O7974" s="58">
        <f>IF(Input!$K$13=2,J7974*Input!$J$13,0)+IF(Input!$K$14=2,K7974*Input!$J$14,0)+IF(Input!$K$15=2,L7974*Input!$J$15,0)+IF(Input!$K$16=2,M7974*Input!$J$16,0)</f>
        <v>8.8202323796042717E-2</v>
      </c>
      <c r="P7974" s="58">
        <f>IF(Input!$K$13=3,J7974*Input!$J$13,0)+IF(Input!$K$14=3,K7974*Input!$J$14,0)+IF(Input!$K$15=3,L7974*Input!$J$15,0)+IF(Input!$K$16=3,M7974*Input!$J$16,0)</f>
        <v>0</v>
      </c>
      <c r="Q7974" s="71">
        <f>IF(Input!$K$13=4,J7974*Input!$J$13,0)+IF(Input!$K$14=4,K7974*Input!$J$14,0)+IF(Input!$K$15=4,L7974*Input!$J$15,0)+IF(Input!$K$16=4,M7974*Input!$J$16,0)</f>
        <v>0</v>
      </c>
    </row>
    <row r="7975" spans="8:17" x14ac:dyDescent="0.25">
      <c r="H7975" s="43">
        <v>7968</v>
      </c>
      <c r="I7975" s="55">
        <f>Bühler!I8001</f>
        <v>3.9149398714550072</v>
      </c>
      <c r="J7975" s="58">
        <f>Bühler!J8001</f>
        <v>16.438987709412043</v>
      </c>
      <c r="K7975" s="58">
        <f>Bühler!K8001</f>
        <v>0.65335054663735348</v>
      </c>
      <c r="L7975" s="58">
        <f>Bühler!L8001</f>
        <v>0.32667527331867674</v>
      </c>
      <c r="M7975" s="57">
        <f>Bühler!M8001</f>
        <v>0</v>
      </c>
      <c r="N7975" s="55">
        <f>IF(Input!$K$13=1,J7975*Input!$J$13,0)+IF(Input!$K$14=1,K7975*Input!$J$14,0)+IF(Input!$K$15=1,L7975*Input!$J$15,0)+IF(Input!$K$16=1,M7975*Input!$J$16,0)</f>
        <v>1.972678525129445</v>
      </c>
      <c r="O7975" s="58">
        <f>IF(Input!$K$13=2,J7975*Input!$J$13,0)+IF(Input!$K$14=2,K7975*Input!$J$14,0)+IF(Input!$K$15=2,L7975*Input!$J$15,0)+IF(Input!$K$16=2,M7975*Input!$J$16,0)</f>
        <v>8.8202323796042717E-2</v>
      </c>
      <c r="P7975" s="58">
        <f>IF(Input!$K$13=3,J7975*Input!$J$13,0)+IF(Input!$K$14=3,K7975*Input!$J$14,0)+IF(Input!$K$15=3,L7975*Input!$J$15,0)+IF(Input!$K$16=3,M7975*Input!$J$16,0)</f>
        <v>0</v>
      </c>
      <c r="Q7975" s="71">
        <f>IF(Input!$K$13=4,J7975*Input!$J$13,0)+IF(Input!$K$14=4,K7975*Input!$J$14,0)+IF(Input!$K$15=4,L7975*Input!$J$15,0)+IF(Input!$K$16=4,M7975*Input!$J$16,0)</f>
        <v>0</v>
      </c>
    </row>
    <row r="7976" spans="8:17" x14ac:dyDescent="0.25">
      <c r="H7976" s="43">
        <v>7969</v>
      </c>
      <c r="I7976" s="55">
        <f>Bühler!I8002</f>
        <v>5.3867011913338105</v>
      </c>
      <c r="J7976" s="58">
        <f>Bühler!J8002</f>
        <v>19.163923117746496</v>
      </c>
      <c r="K7976" s="58">
        <f>Bühler!K8002</f>
        <v>0.66754018455427111</v>
      </c>
      <c r="L7976" s="58">
        <f>Bühler!L8002</f>
        <v>0.33377009227713555</v>
      </c>
      <c r="M7976" s="57">
        <f>Bühler!M8002</f>
        <v>0</v>
      </c>
      <c r="N7976" s="55">
        <f>IF(Input!$K$13=1,J7976*Input!$J$13,0)+IF(Input!$K$14=1,K7976*Input!$J$14,0)+IF(Input!$K$15=1,L7976*Input!$J$15,0)+IF(Input!$K$16=1,M7976*Input!$J$16,0)</f>
        <v>2.2996707741295794</v>
      </c>
      <c r="O7976" s="58">
        <f>IF(Input!$K$13=2,J7976*Input!$J$13,0)+IF(Input!$K$14=2,K7976*Input!$J$14,0)+IF(Input!$K$15=2,L7976*Input!$J$15,0)+IF(Input!$K$16=2,M7976*Input!$J$16,0)</f>
        <v>9.0117924914826592E-2</v>
      </c>
      <c r="P7976" s="58">
        <f>IF(Input!$K$13=3,J7976*Input!$J$13,0)+IF(Input!$K$14=3,K7976*Input!$J$14,0)+IF(Input!$K$15=3,L7976*Input!$J$15,0)+IF(Input!$K$16=3,M7976*Input!$J$16,0)</f>
        <v>0</v>
      </c>
      <c r="Q7976" s="71">
        <f>IF(Input!$K$13=4,J7976*Input!$J$13,0)+IF(Input!$K$14=4,K7976*Input!$J$14,0)+IF(Input!$K$15=4,L7976*Input!$J$15,0)+IF(Input!$K$16=4,M7976*Input!$J$16,0)</f>
        <v>0</v>
      </c>
    </row>
    <row r="7977" spans="8:17" x14ac:dyDescent="0.25">
      <c r="H7977" s="43">
        <v>7970</v>
      </c>
      <c r="I7977" s="55">
        <f>Bühler!I8003</f>
        <v>5.3867011913338105</v>
      </c>
      <c r="J7977" s="58">
        <f>Bühler!J8003</f>
        <v>19.163923117746496</v>
      </c>
      <c r="K7977" s="58">
        <f>Bühler!K8003</f>
        <v>0.66754018455427111</v>
      </c>
      <c r="L7977" s="58">
        <f>Bühler!L8003</f>
        <v>0.33377009227713555</v>
      </c>
      <c r="M7977" s="57">
        <f>Bühler!M8003</f>
        <v>0</v>
      </c>
      <c r="N7977" s="55">
        <f>IF(Input!$K$13=1,J7977*Input!$J$13,0)+IF(Input!$K$14=1,K7977*Input!$J$14,0)+IF(Input!$K$15=1,L7977*Input!$J$15,0)+IF(Input!$K$16=1,M7977*Input!$J$16,0)</f>
        <v>2.2996707741295794</v>
      </c>
      <c r="O7977" s="58">
        <f>IF(Input!$K$13=2,J7977*Input!$J$13,0)+IF(Input!$K$14=2,K7977*Input!$J$14,0)+IF(Input!$K$15=2,L7977*Input!$J$15,0)+IF(Input!$K$16=2,M7977*Input!$J$16,0)</f>
        <v>9.0117924914826592E-2</v>
      </c>
      <c r="P7977" s="58">
        <f>IF(Input!$K$13=3,J7977*Input!$J$13,0)+IF(Input!$K$14=3,K7977*Input!$J$14,0)+IF(Input!$K$15=3,L7977*Input!$J$15,0)+IF(Input!$K$16=3,M7977*Input!$J$16,0)</f>
        <v>0</v>
      </c>
      <c r="Q7977" s="71">
        <f>IF(Input!$K$13=4,J7977*Input!$J$13,0)+IF(Input!$K$14=4,K7977*Input!$J$14,0)+IF(Input!$K$15=4,L7977*Input!$J$15,0)+IF(Input!$K$16=4,M7977*Input!$J$16,0)</f>
        <v>0</v>
      </c>
    </row>
    <row r="7978" spans="8:17" x14ac:dyDescent="0.25">
      <c r="H7978" s="43">
        <v>7971</v>
      </c>
      <c r="I7978" s="55">
        <f>Bühler!I8004</f>
        <v>5.3867011913338105</v>
      </c>
      <c r="J7978" s="58">
        <f>Bühler!J8004</f>
        <v>19.163923117746496</v>
      </c>
      <c r="K7978" s="58">
        <f>Bühler!K8004</f>
        <v>0.66754018455427111</v>
      </c>
      <c r="L7978" s="58">
        <f>Bühler!L8004</f>
        <v>0.33377009227713555</v>
      </c>
      <c r="M7978" s="57">
        <f>Bühler!M8004</f>
        <v>0</v>
      </c>
      <c r="N7978" s="55">
        <f>IF(Input!$K$13=1,J7978*Input!$J$13,0)+IF(Input!$K$14=1,K7978*Input!$J$14,0)+IF(Input!$K$15=1,L7978*Input!$J$15,0)+IF(Input!$K$16=1,M7978*Input!$J$16,0)</f>
        <v>2.2996707741295794</v>
      </c>
      <c r="O7978" s="58">
        <f>IF(Input!$K$13=2,J7978*Input!$J$13,0)+IF(Input!$K$14=2,K7978*Input!$J$14,0)+IF(Input!$K$15=2,L7978*Input!$J$15,0)+IF(Input!$K$16=2,M7978*Input!$J$16,0)</f>
        <v>9.0117924914826592E-2</v>
      </c>
      <c r="P7978" s="58">
        <f>IF(Input!$K$13=3,J7978*Input!$J$13,0)+IF(Input!$K$14=3,K7978*Input!$J$14,0)+IF(Input!$K$15=3,L7978*Input!$J$15,0)+IF(Input!$K$16=3,M7978*Input!$J$16,0)</f>
        <v>0</v>
      </c>
      <c r="Q7978" s="71">
        <f>IF(Input!$K$13=4,J7978*Input!$J$13,0)+IF(Input!$K$14=4,K7978*Input!$J$14,0)+IF(Input!$K$15=4,L7978*Input!$J$15,0)+IF(Input!$K$16=4,M7978*Input!$J$16,0)</f>
        <v>0</v>
      </c>
    </row>
    <row r="7979" spans="8:17" x14ac:dyDescent="0.25">
      <c r="H7979" s="43">
        <v>7972</v>
      </c>
      <c r="I7979" s="55">
        <f>Bühler!I8005</f>
        <v>5.3867011913338105</v>
      </c>
      <c r="J7979" s="58">
        <f>Bühler!J8005</f>
        <v>19.163923117746496</v>
      </c>
      <c r="K7979" s="58">
        <f>Bühler!K8005</f>
        <v>0.66754018455427111</v>
      </c>
      <c r="L7979" s="58">
        <f>Bühler!L8005</f>
        <v>0.33377009227713555</v>
      </c>
      <c r="M7979" s="57">
        <f>Bühler!M8005</f>
        <v>0</v>
      </c>
      <c r="N7979" s="55">
        <f>IF(Input!$K$13=1,J7979*Input!$J$13,0)+IF(Input!$K$14=1,K7979*Input!$J$14,0)+IF(Input!$K$15=1,L7979*Input!$J$15,0)+IF(Input!$K$16=1,M7979*Input!$J$16,0)</f>
        <v>2.2996707741295794</v>
      </c>
      <c r="O7979" s="58">
        <f>IF(Input!$K$13=2,J7979*Input!$J$13,0)+IF(Input!$K$14=2,K7979*Input!$J$14,0)+IF(Input!$K$15=2,L7979*Input!$J$15,0)+IF(Input!$K$16=2,M7979*Input!$J$16,0)</f>
        <v>9.0117924914826592E-2</v>
      </c>
      <c r="P7979" s="58">
        <f>IF(Input!$K$13=3,J7979*Input!$J$13,0)+IF(Input!$K$14=3,K7979*Input!$J$14,0)+IF(Input!$K$15=3,L7979*Input!$J$15,0)+IF(Input!$K$16=3,M7979*Input!$J$16,0)</f>
        <v>0</v>
      </c>
      <c r="Q7979" s="71">
        <f>IF(Input!$K$13=4,J7979*Input!$J$13,0)+IF(Input!$K$14=4,K7979*Input!$J$14,0)+IF(Input!$K$15=4,L7979*Input!$J$15,0)+IF(Input!$K$16=4,M7979*Input!$J$16,0)</f>
        <v>0</v>
      </c>
    </row>
    <row r="7980" spans="8:17" x14ac:dyDescent="0.25">
      <c r="H7980" s="43">
        <v>7973</v>
      </c>
      <c r="I7980" s="55">
        <f>Bühler!I8006</f>
        <v>5.3867011913338105</v>
      </c>
      <c r="J7980" s="58">
        <f>Bühler!J8006</f>
        <v>19.163923117746496</v>
      </c>
      <c r="K7980" s="58">
        <f>Bühler!K8006</f>
        <v>0.66754018455427111</v>
      </c>
      <c r="L7980" s="58">
        <f>Bühler!L8006</f>
        <v>0.33377009227713555</v>
      </c>
      <c r="M7980" s="57">
        <f>Bühler!M8006</f>
        <v>0</v>
      </c>
      <c r="N7980" s="55">
        <f>IF(Input!$K$13=1,J7980*Input!$J$13,0)+IF(Input!$K$14=1,K7980*Input!$J$14,0)+IF(Input!$K$15=1,L7980*Input!$J$15,0)+IF(Input!$K$16=1,M7980*Input!$J$16,0)</f>
        <v>2.2996707741295794</v>
      </c>
      <c r="O7980" s="58">
        <f>IF(Input!$K$13=2,J7980*Input!$J$13,0)+IF(Input!$K$14=2,K7980*Input!$J$14,0)+IF(Input!$K$15=2,L7980*Input!$J$15,0)+IF(Input!$K$16=2,M7980*Input!$J$16,0)</f>
        <v>9.0117924914826592E-2</v>
      </c>
      <c r="P7980" s="58">
        <f>IF(Input!$K$13=3,J7980*Input!$J$13,0)+IF(Input!$K$14=3,K7980*Input!$J$14,0)+IF(Input!$K$15=3,L7980*Input!$J$15,0)+IF(Input!$K$16=3,M7980*Input!$J$16,0)</f>
        <v>0</v>
      </c>
      <c r="Q7980" s="71">
        <f>IF(Input!$K$13=4,J7980*Input!$J$13,0)+IF(Input!$K$14=4,K7980*Input!$J$14,0)+IF(Input!$K$15=4,L7980*Input!$J$15,0)+IF(Input!$K$16=4,M7980*Input!$J$16,0)</f>
        <v>0</v>
      </c>
    </row>
    <row r="7981" spans="8:17" x14ac:dyDescent="0.25">
      <c r="H7981" s="43">
        <v>7974</v>
      </c>
      <c r="I7981" s="55">
        <f>Bühler!I8007</f>
        <v>5.3867011913338105</v>
      </c>
      <c r="J7981" s="58">
        <f>Bühler!J8007</f>
        <v>19.163923117746496</v>
      </c>
      <c r="K7981" s="58">
        <f>Bühler!K8007</f>
        <v>0.66754018455427111</v>
      </c>
      <c r="L7981" s="58">
        <f>Bühler!L8007</f>
        <v>0.33377009227713555</v>
      </c>
      <c r="M7981" s="57">
        <f>Bühler!M8007</f>
        <v>0</v>
      </c>
      <c r="N7981" s="55">
        <f>IF(Input!$K$13=1,J7981*Input!$J$13,0)+IF(Input!$K$14=1,K7981*Input!$J$14,0)+IF(Input!$K$15=1,L7981*Input!$J$15,0)+IF(Input!$K$16=1,M7981*Input!$J$16,0)</f>
        <v>2.2996707741295794</v>
      </c>
      <c r="O7981" s="58">
        <f>IF(Input!$K$13=2,J7981*Input!$J$13,0)+IF(Input!$K$14=2,K7981*Input!$J$14,0)+IF(Input!$K$15=2,L7981*Input!$J$15,0)+IF(Input!$K$16=2,M7981*Input!$J$16,0)</f>
        <v>9.0117924914826592E-2</v>
      </c>
      <c r="P7981" s="58">
        <f>IF(Input!$K$13=3,J7981*Input!$J$13,0)+IF(Input!$K$14=3,K7981*Input!$J$14,0)+IF(Input!$K$15=3,L7981*Input!$J$15,0)+IF(Input!$K$16=3,M7981*Input!$J$16,0)</f>
        <v>0</v>
      </c>
      <c r="Q7981" s="71">
        <f>IF(Input!$K$13=4,J7981*Input!$J$13,0)+IF(Input!$K$14=4,K7981*Input!$J$14,0)+IF(Input!$K$15=4,L7981*Input!$J$15,0)+IF(Input!$K$16=4,M7981*Input!$J$16,0)</f>
        <v>0</v>
      </c>
    </row>
    <row r="7982" spans="8:17" x14ac:dyDescent="0.25">
      <c r="H7982" s="43">
        <v>7975</v>
      </c>
      <c r="I7982" s="55">
        <f>Bühler!I8008</f>
        <v>5.3867011913338105</v>
      </c>
      <c r="J7982" s="58">
        <f>Bühler!J8008</f>
        <v>19.163923117746496</v>
      </c>
      <c r="K7982" s="58">
        <f>Bühler!K8008</f>
        <v>0.66754018455427111</v>
      </c>
      <c r="L7982" s="58">
        <f>Bühler!L8008</f>
        <v>0.33377009227713555</v>
      </c>
      <c r="M7982" s="57">
        <f>Bühler!M8008</f>
        <v>0</v>
      </c>
      <c r="N7982" s="55">
        <f>IF(Input!$K$13=1,J7982*Input!$J$13,0)+IF(Input!$K$14=1,K7982*Input!$J$14,0)+IF(Input!$K$15=1,L7982*Input!$J$15,0)+IF(Input!$K$16=1,M7982*Input!$J$16,0)</f>
        <v>2.2996707741295794</v>
      </c>
      <c r="O7982" s="58">
        <f>IF(Input!$K$13=2,J7982*Input!$J$13,0)+IF(Input!$K$14=2,K7982*Input!$J$14,0)+IF(Input!$K$15=2,L7982*Input!$J$15,0)+IF(Input!$K$16=2,M7982*Input!$J$16,0)</f>
        <v>9.0117924914826592E-2</v>
      </c>
      <c r="P7982" s="58">
        <f>IF(Input!$K$13=3,J7982*Input!$J$13,0)+IF(Input!$K$14=3,K7982*Input!$J$14,0)+IF(Input!$K$15=3,L7982*Input!$J$15,0)+IF(Input!$K$16=3,M7982*Input!$J$16,0)</f>
        <v>0</v>
      </c>
      <c r="Q7982" s="71">
        <f>IF(Input!$K$13=4,J7982*Input!$J$13,0)+IF(Input!$K$14=4,K7982*Input!$J$14,0)+IF(Input!$K$15=4,L7982*Input!$J$15,0)+IF(Input!$K$16=4,M7982*Input!$J$16,0)</f>
        <v>0</v>
      </c>
    </row>
    <row r="7983" spans="8:17" x14ac:dyDescent="0.25">
      <c r="H7983" s="43">
        <v>7976</v>
      </c>
      <c r="I7983" s="55">
        <f>Bühler!I8009</f>
        <v>14.840361782124647</v>
      </c>
      <c r="J7983" s="58">
        <f>Bühler!J8009</f>
        <v>70.561656738124725</v>
      </c>
      <c r="K7983" s="58">
        <f>Bühler!K8009</f>
        <v>2.7288233604960954</v>
      </c>
      <c r="L7983" s="58">
        <f>Bühler!L8009</f>
        <v>1.3644116802480477</v>
      </c>
      <c r="M7983" s="57">
        <f>Bühler!M8009</f>
        <v>0</v>
      </c>
      <c r="N7983" s="55">
        <f>IF(Input!$K$13=1,J7983*Input!$J$13,0)+IF(Input!$K$14=1,K7983*Input!$J$14,0)+IF(Input!$K$15=1,L7983*Input!$J$15,0)+IF(Input!$K$16=1,M7983*Input!$J$16,0)</f>
        <v>8.4673988085749663</v>
      </c>
      <c r="O7983" s="58">
        <f>IF(Input!$K$13=2,J7983*Input!$J$13,0)+IF(Input!$K$14=2,K7983*Input!$J$14,0)+IF(Input!$K$15=2,L7983*Input!$J$15,0)+IF(Input!$K$16=2,M7983*Input!$J$16,0)</f>
        <v>0.36839115366697284</v>
      </c>
      <c r="P7983" s="58">
        <f>IF(Input!$K$13=3,J7983*Input!$J$13,0)+IF(Input!$K$14=3,K7983*Input!$J$14,0)+IF(Input!$K$15=3,L7983*Input!$J$15,0)+IF(Input!$K$16=3,M7983*Input!$J$16,0)</f>
        <v>0</v>
      </c>
      <c r="Q7983" s="71">
        <f>IF(Input!$K$13=4,J7983*Input!$J$13,0)+IF(Input!$K$14=4,K7983*Input!$J$14,0)+IF(Input!$K$15=4,L7983*Input!$J$15,0)+IF(Input!$K$16=4,M7983*Input!$J$16,0)</f>
        <v>0</v>
      </c>
    </row>
    <row r="7984" spans="8:17" x14ac:dyDescent="0.25">
      <c r="H7984" s="43">
        <v>7977</v>
      </c>
      <c r="I7984" s="55">
        <f>Bühler!I8010</f>
        <v>16.558719462160134</v>
      </c>
      <c r="J7984" s="58">
        <f>Bühler!J8010</f>
        <v>78.731953834118116</v>
      </c>
      <c r="K7984" s="58">
        <f>Bühler!K8010</f>
        <v>3.0447923811851174</v>
      </c>
      <c r="L7984" s="58">
        <f>Bühler!L8010</f>
        <v>1.5223961905925587</v>
      </c>
      <c r="M7984" s="57">
        <f>Bühler!M8010</f>
        <v>0</v>
      </c>
      <c r="N7984" s="55">
        <f>IF(Input!$K$13=1,J7984*Input!$J$13,0)+IF(Input!$K$14=1,K7984*Input!$J$14,0)+IF(Input!$K$15=1,L7984*Input!$J$15,0)+IF(Input!$K$16=1,M7984*Input!$J$16,0)</f>
        <v>9.4478344600941728</v>
      </c>
      <c r="O7984" s="58">
        <f>IF(Input!$K$13=2,J7984*Input!$J$13,0)+IF(Input!$K$14=2,K7984*Input!$J$14,0)+IF(Input!$K$15=2,L7984*Input!$J$15,0)+IF(Input!$K$16=2,M7984*Input!$J$16,0)</f>
        <v>0.41104697145999081</v>
      </c>
      <c r="P7984" s="58">
        <f>IF(Input!$K$13=3,J7984*Input!$J$13,0)+IF(Input!$K$14=3,K7984*Input!$J$14,0)+IF(Input!$K$15=3,L7984*Input!$J$15,0)+IF(Input!$K$16=3,M7984*Input!$J$16,0)</f>
        <v>0</v>
      </c>
      <c r="Q7984" s="71">
        <f>IF(Input!$K$13=4,J7984*Input!$J$13,0)+IF(Input!$K$14=4,K7984*Input!$J$14,0)+IF(Input!$K$15=4,L7984*Input!$J$15,0)+IF(Input!$K$16=4,M7984*Input!$J$16,0)</f>
        <v>0</v>
      </c>
    </row>
    <row r="7985" spans="8:17" x14ac:dyDescent="0.25">
      <c r="H7985" s="43">
        <v>7978</v>
      </c>
      <c r="I7985" s="55">
        <f>Bühler!I8011</f>
        <v>18.277077142195619</v>
      </c>
      <c r="J7985" s="58">
        <f>Bühler!J8011</f>
        <v>86.902250930111506</v>
      </c>
      <c r="K7985" s="58">
        <f>Bühler!K8011</f>
        <v>3.3607614018741394</v>
      </c>
      <c r="L7985" s="58">
        <f>Bühler!L8011</f>
        <v>1.6803807009370697</v>
      </c>
      <c r="M7985" s="57">
        <f>Bühler!M8011</f>
        <v>0</v>
      </c>
      <c r="N7985" s="55">
        <f>IF(Input!$K$13=1,J7985*Input!$J$13,0)+IF(Input!$K$14=1,K7985*Input!$J$14,0)+IF(Input!$K$15=1,L7985*Input!$J$15,0)+IF(Input!$K$16=1,M7985*Input!$J$16,0)</f>
        <v>10.428270111613381</v>
      </c>
      <c r="O7985" s="58">
        <f>IF(Input!$K$13=2,J7985*Input!$J$13,0)+IF(Input!$K$14=2,K7985*Input!$J$14,0)+IF(Input!$K$15=2,L7985*Input!$J$15,0)+IF(Input!$K$16=2,M7985*Input!$J$16,0)</f>
        <v>0.45370278925300878</v>
      </c>
      <c r="P7985" s="58">
        <f>IF(Input!$K$13=3,J7985*Input!$J$13,0)+IF(Input!$K$14=3,K7985*Input!$J$14,0)+IF(Input!$K$15=3,L7985*Input!$J$15,0)+IF(Input!$K$16=3,M7985*Input!$J$16,0)</f>
        <v>0</v>
      </c>
      <c r="Q7985" s="71">
        <f>IF(Input!$K$13=4,J7985*Input!$J$13,0)+IF(Input!$K$14=4,K7985*Input!$J$14,0)+IF(Input!$K$15=4,L7985*Input!$J$15,0)+IF(Input!$K$16=4,M7985*Input!$J$16,0)</f>
        <v>0</v>
      </c>
    </row>
    <row r="7986" spans="8:17" x14ac:dyDescent="0.25">
      <c r="H7986" s="43">
        <v>7979</v>
      </c>
      <c r="I7986" s="55">
        <f>Bühler!I8012</f>
        <v>18.277077142195619</v>
      </c>
      <c r="J7986" s="58">
        <f>Bühler!J8012</f>
        <v>86.902250930111506</v>
      </c>
      <c r="K7986" s="58">
        <f>Bühler!K8012</f>
        <v>3.3607614018741394</v>
      </c>
      <c r="L7986" s="58">
        <f>Bühler!L8012</f>
        <v>1.6803807009370697</v>
      </c>
      <c r="M7986" s="57">
        <f>Bühler!M8012</f>
        <v>0</v>
      </c>
      <c r="N7986" s="55">
        <f>IF(Input!$K$13=1,J7986*Input!$J$13,0)+IF(Input!$K$14=1,K7986*Input!$J$14,0)+IF(Input!$K$15=1,L7986*Input!$J$15,0)+IF(Input!$K$16=1,M7986*Input!$J$16,0)</f>
        <v>10.428270111613381</v>
      </c>
      <c r="O7986" s="58">
        <f>IF(Input!$K$13=2,J7986*Input!$J$13,0)+IF(Input!$K$14=2,K7986*Input!$J$14,0)+IF(Input!$K$15=2,L7986*Input!$J$15,0)+IF(Input!$K$16=2,M7986*Input!$J$16,0)</f>
        <v>0.45370278925300878</v>
      </c>
      <c r="P7986" s="58">
        <f>IF(Input!$K$13=3,J7986*Input!$J$13,0)+IF(Input!$K$14=3,K7986*Input!$J$14,0)+IF(Input!$K$15=3,L7986*Input!$J$15,0)+IF(Input!$K$16=3,M7986*Input!$J$16,0)</f>
        <v>0</v>
      </c>
      <c r="Q7986" s="71">
        <f>IF(Input!$K$13=4,J7986*Input!$J$13,0)+IF(Input!$K$14=4,K7986*Input!$J$14,0)+IF(Input!$K$15=4,L7986*Input!$J$15,0)+IF(Input!$K$16=4,M7986*Input!$J$16,0)</f>
        <v>0</v>
      </c>
    </row>
    <row r="7987" spans="8:17" x14ac:dyDescent="0.25">
      <c r="H7987" s="43">
        <v>7980</v>
      </c>
      <c r="I7987" s="55">
        <f>Bühler!I8013</f>
        <v>21.870006836815271</v>
      </c>
      <c r="J7987" s="58">
        <f>Bühler!J8013</f>
        <v>103.98559940355224</v>
      </c>
      <c r="K7987" s="58">
        <f>Bühler!K8013</f>
        <v>4.0214238996784575</v>
      </c>
      <c r="L7987" s="58">
        <f>Bühler!L8013</f>
        <v>2.0107119498392287</v>
      </c>
      <c r="M7987" s="57">
        <f>Bühler!M8013</f>
        <v>0</v>
      </c>
      <c r="N7987" s="55">
        <f>IF(Input!$K$13=1,J7987*Input!$J$13,0)+IF(Input!$K$14=1,K7987*Input!$J$14,0)+IF(Input!$K$15=1,L7987*Input!$J$15,0)+IF(Input!$K$16=1,M7987*Input!$J$16,0)</f>
        <v>12.478271928426269</v>
      </c>
      <c r="O7987" s="58">
        <f>IF(Input!$K$13=2,J7987*Input!$J$13,0)+IF(Input!$K$14=2,K7987*Input!$J$14,0)+IF(Input!$K$15=2,L7987*Input!$J$15,0)+IF(Input!$K$16=2,M7987*Input!$J$16,0)</f>
        <v>0.54289222645659174</v>
      </c>
      <c r="P7987" s="58">
        <f>IF(Input!$K$13=3,J7987*Input!$J$13,0)+IF(Input!$K$14=3,K7987*Input!$J$14,0)+IF(Input!$K$15=3,L7987*Input!$J$15,0)+IF(Input!$K$16=3,M7987*Input!$J$16,0)</f>
        <v>0</v>
      </c>
      <c r="Q7987" s="71">
        <f>IF(Input!$K$13=4,J7987*Input!$J$13,0)+IF(Input!$K$14=4,K7987*Input!$J$14,0)+IF(Input!$K$15=4,L7987*Input!$J$15,0)+IF(Input!$K$16=4,M7987*Input!$J$16,0)</f>
        <v>0</v>
      </c>
    </row>
    <row r="7988" spans="8:17" x14ac:dyDescent="0.25">
      <c r="H7988" s="43">
        <v>7981</v>
      </c>
      <c r="I7988" s="55">
        <f>Bühler!I8014</f>
        <v>21.870006836815271</v>
      </c>
      <c r="J7988" s="58">
        <f>Bühler!J8014</f>
        <v>103.98559940355224</v>
      </c>
      <c r="K7988" s="58">
        <f>Bühler!K8014</f>
        <v>4.0214238996784575</v>
      </c>
      <c r="L7988" s="58">
        <f>Bühler!L8014</f>
        <v>2.0107119498392287</v>
      </c>
      <c r="M7988" s="57">
        <f>Bühler!M8014</f>
        <v>0</v>
      </c>
      <c r="N7988" s="55">
        <f>IF(Input!$K$13=1,J7988*Input!$J$13,0)+IF(Input!$K$14=1,K7988*Input!$J$14,0)+IF(Input!$K$15=1,L7988*Input!$J$15,0)+IF(Input!$K$16=1,M7988*Input!$J$16,0)</f>
        <v>12.478271928426269</v>
      </c>
      <c r="O7988" s="58">
        <f>IF(Input!$K$13=2,J7988*Input!$J$13,0)+IF(Input!$K$14=2,K7988*Input!$J$14,0)+IF(Input!$K$15=2,L7988*Input!$J$15,0)+IF(Input!$K$16=2,M7988*Input!$J$16,0)</f>
        <v>0.54289222645659174</v>
      </c>
      <c r="P7988" s="58">
        <f>IF(Input!$K$13=3,J7988*Input!$J$13,0)+IF(Input!$K$14=3,K7988*Input!$J$14,0)+IF(Input!$K$15=3,L7988*Input!$J$15,0)+IF(Input!$K$16=3,M7988*Input!$J$16,0)</f>
        <v>0</v>
      </c>
      <c r="Q7988" s="71">
        <f>IF(Input!$K$13=4,J7988*Input!$J$13,0)+IF(Input!$K$14=4,K7988*Input!$J$14,0)+IF(Input!$K$15=4,L7988*Input!$J$15,0)+IF(Input!$K$16=4,M7988*Input!$J$16,0)</f>
        <v>0</v>
      </c>
    </row>
    <row r="7989" spans="8:17" x14ac:dyDescent="0.25">
      <c r="H7989" s="43">
        <v>7982</v>
      </c>
      <c r="I7989" s="55">
        <f>Bühler!I8015</f>
        <v>14.527933113027286</v>
      </c>
      <c r="J7989" s="58">
        <f>Bühler!J8015</f>
        <v>69.076148175216829</v>
      </c>
      <c r="K7989" s="58">
        <f>Bühler!K8015</f>
        <v>2.6713744476435459</v>
      </c>
      <c r="L7989" s="58">
        <f>Bühler!L8015</f>
        <v>1.335687223821773</v>
      </c>
      <c r="M7989" s="57">
        <f>Bühler!M8015</f>
        <v>0</v>
      </c>
      <c r="N7989" s="55">
        <f>IF(Input!$K$13=1,J7989*Input!$J$13,0)+IF(Input!$K$14=1,K7989*Input!$J$14,0)+IF(Input!$K$15=1,L7989*Input!$J$15,0)+IF(Input!$K$16=1,M7989*Input!$J$16,0)</f>
        <v>8.2891377810260192</v>
      </c>
      <c r="O7989" s="58">
        <f>IF(Input!$K$13=2,J7989*Input!$J$13,0)+IF(Input!$K$14=2,K7989*Input!$J$14,0)+IF(Input!$K$15=2,L7989*Input!$J$15,0)+IF(Input!$K$16=2,M7989*Input!$J$16,0)</f>
        <v>0.36063555043187867</v>
      </c>
      <c r="P7989" s="58">
        <f>IF(Input!$K$13=3,J7989*Input!$J$13,0)+IF(Input!$K$14=3,K7989*Input!$J$14,0)+IF(Input!$K$15=3,L7989*Input!$J$15,0)+IF(Input!$K$16=3,M7989*Input!$J$16,0)</f>
        <v>0</v>
      </c>
      <c r="Q7989" s="71">
        <f>IF(Input!$K$13=4,J7989*Input!$J$13,0)+IF(Input!$K$14=4,K7989*Input!$J$14,0)+IF(Input!$K$15=4,L7989*Input!$J$15,0)+IF(Input!$K$16=4,M7989*Input!$J$16,0)</f>
        <v>0</v>
      </c>
    </row>
    <row r="7990" spans="8:17" x14ac:dyDescent="0.25">
      <c r="H7990" s="43">
        <v>7983</v>
      </c>
      <c r="I7990" s="55">
        <f>Bühler!I8016</f>
        <v>21.870006836815271</v>
      </c>
      <c r="J7990" s="58">
        <f>Bühler!J8016</f>
        <v>103.98559940355224</v>
      </c>
      <c r="K7990" s="58">
        <f>Bühler!K8016</f>
        <v>4.0214238996784575</v>
      </c>
      <c r="L7990" s="58">
        <f>Bühler!L8016</f>
        <v>2.0107119498392287</v>
      </c>
      <c r="M7990" s="57">
        <f>Bühler!M8016</f>
        <v>0</v>
      </c>
      <c r="N7990" s="55">
        <f>IF(Input!$K$13=1,J7990*Input!$J$13,0)+IF(Input!$K$14=1,K7990*Input!$J$14,0)+IF(Input!$K$15=1,L7990*Input!$J$15,0)+IF(Input!$K$16=1,M7990*Input!$J$16,0)</f>
        <v>12.478271928426269</v>
      </c>
      <c r="O7990" s="58">
        <f>IF(Input!$K$13=2,J7990*Input!$J$13,0)+IF(Input!$K$14=2,K7990*Input!$J$14,0)+IF(Input!$K$15=2,L7990*Input!$J$15,0)+IF(Input!$K$16=2,M7990*Input!$J$16,0)</f>
        <v>0.54289222645659174</v>
      </c>
      <c r="P7990" s="58">
        <f>IF(Input!$K$13=3,J7990*Input!$J$13,0)+IF(Input!$K$14=3,K7990*Input!$J$14,0)+IF(Input!$K$15=3,L7990*Input!$J$15,0)+IF(Input!$K$16=3,M7990*Input!$J$16,0)</f>
        <v>0</v>
      </c>
      <c r="Q7990" s="71">
        <f>IF(Input!$K$13=4,J7990*Input!$J$13,0)+IF(Input!$K$14=4,K7990*Input!$J$14,0)+IF(Input!$K$15=4,L7990*Input!$J$15,0)+IF(Input!$K$16=4,M7990*Input!$J$16,0)</f>
        <v>0</v>
      </c>
    </row>
    <row r="7991" spans="8:17" x14ac:dyDescent="0.25">
      <c r="H7991" s="43">
        <v>7984</v>
      </c>
      <c r="I7991" s="55">
        <f>Bühler!I8017</f>
        <v>21.870006836815271</v>
      </c>
      <c r="J7991" s="58">
        <f>Bühler!J8017</f>
        <v>103.98559940355224</v>
      </c>
      <c r="K7991" s="58">
        <f>Bühler!K8017</f>
        <v>4.0214238996784575</v>
      </c>
      <c r="L7991" s="58">
        <f>Bühler!L8017</f>
        <v>2.0107119498392287</v>
      </c>
      <c r="M7991" s="57">
        <f>Bühler!M8017</f>
        <v>0</v>
      </c>
      <c r="N7991" s="55">
        <f>IF(Input!$K$13=1,J7991*Input!$J$13,0)+IF(Input!$K$14=1,K7991*Input!$J$14,0)+IF(Input!$K$15=1,L7991*Input!$J$15,0)+IF(Input!$K$16=1,M7991*Input!$J$16,0)</f>
        <v>12.478271928426269</v>
      </c>
      <c r="O7991" s="58">
        <f>IF(Input!$K$13=2,J7991*Input!$J$13,0)+IF(Input!$K$14=2,K7991*Input!$J$14,0)+IF(Input!$K$15=2,L7991*Input!$J$15,0)+IF(Input!$K$16=2,M7991*Input!$J$16,0)</f>
        <v>0.54289222645659174</v>
      </c>
      <c r="P7991" s="58">
        <f>IF(Input!$K$13=3,J7991*Input!$J$13,0)+IF(Input!$K$14=3,K7991*Input!$J$14,0)+IF(Input!$K$15=3,L7991*Input!$J$15,0)+IF(Input!$K$16=3,M7991*Input!$J$16,0)</f>
        <v>0</v>
      </c>
      <c r="Q7991" s="71">
        <f>IF(Input!$K$13=4,J7991*Input!$J$13,0)+IF(Input!$K$14=4,K7991*Input!$J$14,0)+IF(Input!$K$15=4,L7991*Input!$J$15,0)+IF(Input!$K$16=4,M7991*Input!$J$16,0)</f>
        <v>0</v>
      </c>
    </row>
    <row r="7992" spans="8:17" x14ac:dyDescent="0.25">
      <c r="H7992" s="43">
        <v>7985</v>
      </c>
      <c r="I7992" s="55">
        <f>Bühler!I8018</f>
        <v>18.274383791599956</v>
      </c>
      <c r="J7992" s="58">
        <f>Bühler!J8018</f>
        <v>67.112821177228724</v>
      </c>
      <c r="K7992" s="58">
        <f>Bühler!K8018</f>
        <v>2.3697676551676619</v>
      </c>
      <c r="L7992" s="58">
        <f>Bühler!L8018</f>
        <v>1.1848838275838309</v>
      </c>
      <c r="M7992" s="57">
        <f>Bühler!M8018</f>
        <v>0</v>
      </c>
      <c r="N7992" s="55">
        <f>IF(Input!$K$13=1,J7992*Input!$J$13,0)+IF(Input!$K$14=1,K7992*Input!$J$14,0)+IF(Input!$K$15=1,L7992*Input!$J$15,0)+IF(Input!$K$16=1,M7992*Input!$J$16,0)</f>
        <v>8.0535385412674465</v>
      </c>
      <c r="O7992" s="58">
        <f>IF(Input!$K$13=2,J7992*Input!$J$13,0)+IF(Input!$K$14=2,K7992*Input!$J$14,0)+IF(Input!$K$15=2,L7992*Input!$J$15,0)+IF(Input!$K$16=2,M7992*Input!$J$16,0)</f>
        <v>0.31991863344763433</v>
      </c>
      <c r="P7992" s="58">
        <f>IF(Input!$K$13=3,J7992*Input!$J$13,0)+IF(Input!$K$14=3,K7992*Input!$J$14,0)+IF(Input!$K$15=3,L7992*Input!$J$15,0)+IF(Input!$K$16=3,M7992*Input!$J$16,0)</f>
        <v>0</v>
      </c>
      <c r="Q7992" s="71">
        <f>IF(Input!$K$13=4,J7992*Input!$J$13,0)+IF(Input!$K$14=4,K7992*Input!$J$14,0)+IF(Input!$K$15=4,L7992*Input!$J$15,0)+IF(Input!$K$16=4,M7992*Input!$J$16,0)</f>
        <v>0</v>
      </c>
    </row>
    <row r="7993" spans="8:17" x14ac:dyDescent="0.25">
      <c r="H7993" s="43">
        <v>7986</v>
      </c>
      <c r="I7993" s="55">
        <f>Bühler!I8019</f>
        <v>14.530626463622955</v>
      </c>
      <c r="J7993" s="58">
        <f>Bühler!J8019</f>
        <v>35.935951639331236</v>
      </c>
      <c r="K7993" s="58">
        <f>Bühler!K8019</f>
        <v>1.0114245220519258</v>
      </c>
      <c r="L7993" s="58">
        <f>Bühler!L8019</f>
        <v>0.50571226102596289</v>
      </c>
      <c r="M7993" s="57">
        <f>Bühler!M8019</f>
        <v>0</v>
      </c>
      <c r="N7993" s="55">
        <f>IF(Input!$K$13=1,J7993*Input!$J$13,0)+IF(Input!$K$14=1,K7993*Input!$J$14,0)+IF(Input!$K$15=1,L7993*Input!$J$15,0)+IF(Input!$K$16=1,M7993*Input!$J$16,0)</f>
        <v>4.3123141967197478</v>
      </c>
      <c r="O7993" s="58">
        <f>IF(Input!$K$13=2,J7993*Input!$J$13,0)+IF(Input!$K$14=2,K7993*Input!$J$14,0)+IF(Input!$K$15=2,L7993*Input!$J$15,0)+IF(Input!$K$16=2,M7993*Input!$J$16,0)</f>
        <v>0.13654231047700999</v>
      </c>
      <c r="P7993" s="58">
        <f>IF(Input!$K$13=3,J7993*Input!$J$13,0)+IF(Input!$K$14=3,K7993*Input!$J$14,0)+IF(Input!$K$15=3,L7993*Input!$J$15,0)+IF(Input!$K$16=3,M7993*Input!$J$16,0)</f>
        <v>0</v>
      </c>
      <c r="Q7993" s="71">
        <f>IF(Input!$K$13=4,J7993*Input!$J$13,0)+IF(Input!$K$14=4,K7993*Input!$J$14,0)+IF(Input!$K$15=4,L7993*Input!$J$15,0)+IF(Input!$K$16=4,M7993*Input!$J$16,0)</f>
        <v>0</v>
      </c>
    </row>
    <row r="7994" spans="8:17" x14ac:dyDescent="0.25">
      <c r="H7994" s="43">
        <v>7987</v>
      </c>
      <c r="I7994" s="55">
        <f>Bühler!I8020</f>
        <v>5.3867011913338105</v>
      </c>
      <c r="J7994" s="58">
        <f>Bühler!J8020</f>
        <v>19.163923117746496</v>
      </c>
      <c r="K7994" s="58">
        <f>Bühler!K8020</f>
        <v>0.66754018455427111</v>
      </c>
      <c r="L7994" s="58">
        <f>Bühler!L8020</f>
        <v>0.33377009227713555</v>
      </c>
      <c r="M7994" s="57">
        <f>Bühler!M8020</f>
        <v>0</v>
      </c>
      <c r="N7994" s="55">
        <f>IF(Input!$K$13=1,J7994*Input!$J$13,0)+IF(Input!$K$14=1,K7994*Input!$J$14,0)+IF(Input!$K$15=1,L7994*Input!$J$15,0)+IF(Input!$K$16=1,M7994*Input!$J$16,0)</f>
        <v>2.2996707741295794</v>
      </c>
      <c r="O7994" s="58">
        <f>IF(Input!$K$13=2,J7994*Input!$J$13,0)+IF(Input!$K$14=2,K7994*Input!$J$14,0)+IF(Input!$K$15=2,L7994*Input!$J$15,0)+IF(Input!$K$16=2,M7994*Input!$J$16,0)</f>
        <v>9.0117924914826592E-2</v>
      </c>
      <c r="P7994" s="58">
        <f>IF(Input!$K$13=3,J7994*Input!$J$13,0)+IF(Input!$K$14=3,K7994*Input!$J$14,0)+IF(Input!$K$15=3,L7994*Input!$J$15,0)+IF(Input!$K$16=3,M7994*Input!$J$16,0)</f>
        <v>0</v>
      </c>
      <c r="Q7994" s="71">
        <f>IF(Input!$K$13=4,J7994*Input!$J$13,0)+IF(Input!$K$14=4,K7994*Input!$J$14,0)+IF(Input!$K$15=4,L7994*Input!$J$15,0)+IF(Input!$K$16=4,M7994*Input!$J$16,0)</f>
        <v>0</v>
      </c>
    </row>
    <row r="7995" spans="8:17" x14ac:dyDescent="0.25">
      <c r="H7995" s="43">
        <v>7988</v>
      </c>
      <c r="I7995" s="55">
        <f>Bühler!I8021</f>
        <v>5.3867011913338105</v>
      </c>
      <c r="J7995" s="58">
        <f>Bühler!J8021</f>
        <v>19.163923117746496</v>
      </c>
      <c r="K7995" s="58">
        <f>Bühler!K8021</f>
        <v>0.66754018455427111</v>
      </c>
      <c r="L7995" s="58">
        <f>Bühler!L8021</f>
        <v>0.33377009227713555</v>
      </c>
      <c r="M7995" s="57">
        <f>Bühler!M8021</f>
        <v>0</v>
      </c>
      <c r="N7995" s="55">
        <f>IF(Input!$K$13=1,J7995*Input!$J$13,0)+IF(Input!$K$14=1,K7995*Input!$J$14,0)+IF(Input!$K$15=1,L7995*Input!$J$15,0)+IF(Input!$K$16=1,M7995*Input!$J$16,0)</f>
        <v>2.2996707741295794</v>
      </c>
      <c r="O7995" s="58">
        <f>IF(Input!$K$13=2,J7995*Input!$J$13,0)+IF(Input!$K$14=2,K7995*Input!$J$14,0)+IF(Input!$K$15=2,L7995*Input!$J$15,0)+IF(Input!$K$16=2,M7995*Input!$J$16,0)</f>
        <v>9.0117924914826592E-2</v>
      </c>
      <c r="P7995" s="58">
        <f>IF(Input!$K$13=3,J7995*Input!$J$13,0)+IF(Input!$K$14=3,K7995*Input!$J$14,0)+IF(Input!$K$15=3,L7995*Input!$J$15,0)+IF(Input!$K$16=3,M7995*Input!$J$16,0)</f>
        <v>0</v>
      </c>
      <c r="Q7995" s="71">
        <f>IF(Input!$K$13=4,J7995*Input!$J$13,0)+IF(Input!$K$14=4,K7995*Input!$J$14,0)+IF(Input!$K$15=4,L7995*Input!$J$15,0)+IF(Input!$K$16=4,M7995*Input!$J$16,0)</f>
        <v>0</v>
      </c>
    </row>
    <row r="7996" spans="8:17" x14ac:dyDescent="0.25">
      <c r="H7996" s="43">
        <v>7989</v>
      </c>
      <c r="I7996" s="55">
        <f>Bühler!I8022</f>
        <v>5.3867011913338105</v>
      </c>
      <c r="J7996" s="58">
        <f>Bühler!J8022</f>
        <v>19.163923117746496</v>
      </c>
      <c r="K7996" s="58">
        <f>Bühler!K8022</f>
        <v>0.66754018455427111</v>
      </c>
      <c r="L7996" s="58">
        <f>Bühler!L8022</f>
        <v>0.33377009227713555</v>
      </c>
      <c r="M7996" s="57">
        <f>Bühler!M8022</f>
        <v>0</v>
      </c>
      <c r="N7996" s="55">
        <f>IF(Input!$K$13=1,J7996*Input!$J$13,0)+IF(Input!$K$14=1,K7996*Input!$J$14,0)+IF(Input!$K$15=1,L7996*Input!$J$15,0)+IF(Input!$K$16=1,M7996*Input!$J$16,0)</f>
        <v>2.2996707741295794</v>
      </c>
      <c r="O7996" s="58">
        <f>IF(Input!$K$13=2,J7996*Input!$J$13,0)+IF(Input!$K$14=2,K7996*Input!$J$14,0)+IF(Input!$K$15=2,L7996*Input!$J$15,0)+IF(Input!$K$16=2,M7996*Input!$J$16,0)</f>
        <v>9.0117924914826592E-2</v>
      </c>
      <c r="P7996" s="58">
        <f>IF(Input!$K$13=3,J7996*Input!$J$13,0)+IF(Input!$K$14=3,K7996*Input!$J$14,0)+IF(Input!$K$15=3,L7996*Input!$J$15,0)+IF(Input!$K$16=3,M7996*Input!$J$16,0)</f>
        <v>0</v>
      </c>
      <c r="Q7996" s="71">
        <f>IF(Input!$K$13=4,J7996*Input!$J$13,0)+IF(Input!$K$14=4,K7996*Input!$J$14,0)+IF(Input!$K$15=4,L7996*Input!$J$15,0)+IF(Input!$K$16=4,M7996*Input!$J$16,0)</f>
        <v>0</v>
      </c>
    </row>
    <row r="7997" spans="8:17" x14ac:dyDescent="0.25">
      <c r="H7997" s="43">
        <v>7990</v>
      </c>
      <c r="I7997" s="55">
        <f>Bühler!I8023</f>
        <v>5.3867011913338105</v>
      </c>
      <c r="J7997" s="58">
        <f>Bühler!J8023</f>
        <v>19.163923117746496</v>
      </c>
      <c r="K7997" s="58">
        <f>Bühler!K8023</f>
        <v>0.66754018455427111</v>
      </c>
      <c r="L7997" s="58">
        <f>Bühler!L8023</f>
        <v>0.33377009227713555</v>
      </c>
      <c r="M7997" s="57">
        <f>Bühler!M8023</f>
        <v>0</v>
      </c>
      <c r="N7997" s="55">
        <f>IF(Input!$K$13=1,J7997*Input!$J$13,0)+IF(Input!$K$14=1,K7997*Input!$J$14,0)+IF(Input!$K$15=1,L7997*Input!$J$15,0)+IF(Input!$K$16=1,M7997*Input!$J$16,0)</f>
        <v>2.2996707741295794</v>
      </c>
      <c r="O7997" s="58">
        <f>IF(Input!$K$13=2,J7997*Input!$J$13,0)+IF(Input!$K$14=2,K7997*Input!$J$14,0)+IF(Input!$K$15=2,L7997*Input!$J$15,0)+IF(Input!$K$16=2,M7997*Input!$J$16,0)</f>
        <v>9.0117924914826592E-2</v>
      </c>
      <c r="P7997" s="58">
        <f>IF(Input!$K$13=3,J7997*Input!$J$13,0)+IF(Input!$K$14=3,K7997*Input!$J$14,0)+IF(Input!$K$15=3,L7997*Input!$J$15,0)+IF(Input!$K$16=3,M7997*Input!$J$16,0)</f>
        <v>0</v>
      </c>
      <c r="Q7997" s="71">
        <f>IF(Input!$K$13=4,J7997*Input!$J$13,0)+IF(Input!$K$14=4,K7997*Input!$J$14,0)+IF(Input!$K$15=4,L7997*Input!$J$15,0)+IF(Input!$K$16=4,M7997*Input!$J$16,0)</f>
        <v>0</v>
      </c>
    </row>
    <row r="7998" spans="8:17" x14ac:dyDescent="0.25">
      <c r="H7998" s="43">
        <v>7991</v>
      </c>
      <c r="I7998" s="55">
        <f>Bühler!I8024</f>
        <v>5.3867011913338105</v>
      </c>
      <c r="J7998" s="58">
        <f>Bühler!J8024</f>
        <v>19.163923117746496</v>
      </c>
      <c r="K7998" s="58">
        <f>Bühler!K8024</f>
        <v>0.66754018455427111</v>
      </c>
      <c r="L7998" s="58">
        <f>Bühler!L8024</f>
        <v>0.33377009227713555</v>
      </c>
      <c r="M7998" s="57">
        <f>Bühler!M8024</f>
        <v>0</v>
      </c>
      <c r="N7998" s="55">
        <f>IF(Input!$K$13=1,J7998*Input!$J$13,0)+IF(Input!$K$14=1,K7998*Input!$J$14,0)+IF(Input!$K$15=1,L7998*Input!$J$15,0)+IF(Input!$K$16=1,M7998*Input!$J$16,0)</f>
        <v>2.2996707741295794</v>
      </c>
      <c r="O7998" s="58">
        <f>IF(Input!$K$13=2,J7998*Input!$J$13,0)+IF(Input!$K$14=2,K7998*Input!$J$14,0)+IF(Input!$K$15=2,L7998*Input!$J$15,0)+IF(Input!$K$16=2,M7998*Input!$J$16,0)</f>
        <v>9.0117924914826592E-2</v>
      </c>
      <c r="P7998" s="58">
        <f>IF(Input!$K$13=3,J7998*Input!$J$13,0)+IF(Input!$K$14=3,K7998*Input!$J$14,0)+IF(Input!$K$15=3,L7998*Input!$J$15,0)+IF(Input!$K$16=3,M7998*Input!$J$16,0)</f>
        <v>0</v>
      </c>
      <c r="Q7998" s="71">
        <f>IF(Input!$K$13=4,J7998*Input!$J$13,0)+IF(Input!$K$14=4,K7998*Input!$J$14,0)+IF(Input!$K$15=4,L7998*Input!$J$15,0)+IF(Input!$K$16=4,M7998*Input!$J$16,0)</f>
        <v>0</v>
      </c>
    </row>
    <row r="7999" spans="8:17" x14ac:dyDescent="0.25">
      <c r="H7999" s="43">
        <v>7992</v>
      </c>
      <c r="I7999" s="55">
        <f>Bühler!I8025</f>
        <v>5.3867011913338105</v>
      </c>
      <c r="J7999" s="58">
        <f>Bühler!J8025</f>
        <v>19.163923117746496</v>
      </c>
      <c r="K7999" s="58">
        <f>Bühler!K8025</f>
        <v>0.66754018455427111</v>
      </c>
      <c r="L7999" s="58">
        <f>Bühler!L8025</f>
        <v>0.33377009227713555</v>
      </c>
      <c r="M7999" s="57">
        <f>Bühler!M8025</f>
        <v>0</v>
      </c>
      <c r="N7999" s="55">
        <f>IF(Input!$K$13=1,J7999*Input!$J$13,0)+IF(Input!$K$14=1,K7999*Input!$J$14,0)+IF(Input!$K$15=1,L7999*Input!$J$15,0)+IF(Input!$K$16=1,M7999*Input!$J$16,0)</f>
        <v>2.2996707741295794</v>
      </c>
      <c r="O7999" s="58">
        <f>IF(Input!$K$13=2,J7999*Input!$J$13,0)+IF(Input!$K$14=2,K7999*Input!$J$14,0)+IF(Input!$K$15=2,L7999*Input!$J$15,0)+IF(Input!$K$16=2,M7999*Input!$J$16,0)</f>
        <v>9.0117924914826592E-2</v>
      </c>
      <c r="P7999" s="58">
        <f>IF(Input!$K$13=3,J7999*Input!$J$13,0)+IF(Input!$K$14=3,K7999*Input!$J$14,0)+IF(Input!$K$15=3,L7999*Input!$J$15,0)+IF(Input!$K$16=3,M7999*Input!$J$16,0)</f>
        <v>0</v>
      </c>
      <c r="Q7999" s="71">
        <f>IF(Input!$K$13=4,J7999*Input!$J$13,0)+IF(Input!$K$14=4,K7999*Input!$J$14,0)+IF(Input!$K$15=4,L7999*Input!$J$15,0)+IF(Input!$K$16=4,M7999*Input!$J$16,0)</f>
        <v>0</v>
      </c>
    </row>
    <row r="8000" spans="8:17" x14ac:dyDescent="0.25">
      <c r="H8000" s="43">
        <v>7993</v>
      </c>
      <c r="I8000" s="55">
        <f>Bühler!I8026</f>
        <v>5.7322622344942671</v>
      </c>
      <c r="J8000" s="58">
        <f>Bühler!J8026</f>
        <v>19.877910799634286</v>
      </c>
      <c r="K8000" s="58">
        <f>Bühler!K8026</f>
        <v>0.67533917751891459</v>
      </c>
      <c r="L8000" s="58">
        <f>Bühler!L8026</f>
        <v>0.3376695887594573</v>
      </c>
      <c r="M8000" s="57">
        <f>Bühler!M8026</f>
        <v>0</v>
      </c>
      <c r="N8000" s="55">
        <f>IF(Input!$K$13=1,J8000*Input!$J$13,0)+IF(Input!$K$14=1,K8000*Input!$J$14,0)+IF(Input!$K$15=1,L8000*Input!$J$15,0)+IF(Input!$K$16=1,M8000*Input!$J$16,0)</f>
        <v>2.385349295956114</v>
      </c>
      <c r="O8000" s="58">
        <f>IF(Input!$K$13=2,J8000*Input!$J$13,0)+IF(Input!$K$14=2,K8000*Input!$J$14,0)+IF(Input!$K$15=2,L8000*Input!$J$15,0)+IF(Input!$K$16=2,M8000*Input!$J$16,0)</f>
        <v>9.1170788965053456E-2</v>
      </c>
      <c r="P8000" s="58">
        <f>IF(Input!$K$13=3,J8000*Input!$J$13,0)+IF(Input!$K$14=3,K8000*Input!$J$14,0)+IF(Input!$K$15=3,L8000*Input!$J$15,0)+IF(Input!$K$16=3,M8000*Input!$J$16,0)</f>
        <v>0</v>
      </c>
      <c r="Q8000" s="71">
        <f>IF(Input!$K$13=4,J8000*Input!$J$13,0)+IF(Input!$K$14=4,K8000*Input!$J$14,0)+IF(Input!$K$15=4,L8000*Input!$J$15,0)+IF(Input!$K$16=4,M8000*Input!$J$16,0)</f>
        <v>0</v>
      </c>
    </row>
    <row r="8001" spans="8:17" x14ac:dyDescent="0.25">
      <c r="H8001" s="43">
        <v>7994</v>
      </c>
      <c r="I8001" s="55">
        <f>Bühler!I8027</f>
        <v>5.7322622344942671</v>
      </c>
      <c r="J8001" s="58">
        <f>Bühler!J8027</f>
        <v>19.877910799634286</v>
      </c>
      <c r="K8001" s="58">
        <f>Bühler!K8027</f>
        <v>0.67533917751891459</v>
      </c>
      <c r="L8001" s="58">
        <f>Bühler!L8027</f>
        <v>0.3376695887594573</v>
      </c>
      <c r="M8001" s="57">
        <f>Bühler!M8027</f>
        <v>0</v>
      </c>
      <c r="N8001" s="55">
        <f>IF(Input!$K$13=1,J8001*Input!$J$13,0)+IF(Input!$K$14=1,K8001*Input!$J$14,0)+IF(Input!$K$15=1,L8001*Input!$J$15,0)+IF(Input!$K$16=1,M8001*Input!$J$16,0)</f>
        <v>2.385349295956114</v>
      </c>
      <c r="O8001" s="58">
        <f>IF(Input!$K$13=2,J8001*Input!$J$13,0)+IF(Input!$K$14=2,K8001*Input!$J$14,0)+IF(Input!$K$15=2,L8001*Input!$J$15,0)+IF(Input!$K$16=2,M8001*Input!$J$16,0)</f>
        <v>9.1170788965053456E-2</v>
      </c>
      <c r="P8001" s="58">
        <f>IF(Input!$K$13=3,J8001*Input!$J$13,0)+IF(Input!$K$14=3,K8001*Input!$J$14,0)+IF(Input!$K$15=3,L8001*Input!$J$15,0)+IF(Input!$K$16=3,M8001*Input!$J$16,0)</f>
        <v>0</v>
      </c>
      <c r="Q8001" s="71">
        <f>IF(Input!$K$13=4,J8001*Input!$J$13,0)+IF(Input!$K$14=4,K8001*Input!$J$14,0)+IF(Input!$K$15=4,L8001*Input!$J$15,0)+IF(Input!$K$16=4,M8001*Input!$J$16,0)</f>
        <v>0</v>
      </c>
    </row>
    <row r="8002" spans="8:17" x14ac:dyDescent="0.25">
      <c r="H8002" s="43">
        <v>7995</v>
      </c>
      <c r="I8002" s="55">
        <f>Bühler!I8028</f>
        <v>5.7322622344942671</v>
      </c>
      <c r="J8002" s="58">
        <f>Bühler!J8028</f>
        <v>19.877910799634286</v>
      </c>
      <c r="K8002" s="58">
        <f>Bühler!K8028</f>
        <v>0.67533917751891459</v>
      </c>
      <c r="L8002" s="58">
        <f>Bühler!L8028</f>
        <v>0.3376695887594573</v>
      </c>
      <c r="M8002" s="57">
        <f>Bühler!M8028</f>
        <v>0</v>
      </c>
      <c r="N8002" s="55">
        <f>IF(Input!$K$13=1,J8002*Input!$J$13,0)+IF(Input!$K$14=1,K8002*Input!$J$14,0)+IF(Input!$K$15=1,L8002*Input!$J$15,0)+IF(Input!$K$16=1,M8002*Input!$J$16,0)</f>
        <v>2.385349295956114</v>
      </c>
      <c r="O8002" s="58">
        <f>IF(Input!$K$13=2,J8002*Input!$J$13,0)+IF(Input!$K$14=2,K8002*Input!$J$14,0)+IF(Input!$K$15=2,L8002*Input!$J$15,0)+IF(Input!$K$16=2,M8002*Input!$J$16,0)</f>
        <v>9.1170788965053456E-2</v>
      </c>
      <c r="P8002" s="58">
        <f>IF(Input!$K$13=3,J8002*Input!$J$13,0)+IF(Input!$K$14=3,K8002*Input!$J$14,0)+IF(Input!$K$15=3,L8002*Input!$J$15,0)+IF(Input!$K$16=3,M8002*Input!$J$16,0)</f>
        <v>0</v>
      </c>
      <c r="Q8002" s="71">
        <f>IF(Input!$K$13=4,J8002*Input!$J$13,0)+IF(Input!$K$14=4,K8002*Input!$J$14,0)+IF(Input!$K$15=4,L8002*Input!$J$15,0)+IF(Input!$K$16=4,M8002*Input!$J$16,0)</f>
        <v>0</v>
      </c>
    </row>
    <row r="8003" spans="8:17" x14ac:dyDescent="0.25">
      <c r="H8003" s="43">
        <v>7996</v>
      </c>
      <c r="I8003" s="55">
        <f>Bühler!I8029</f>
        <v>5.7322622344942671</v>
      </c>
      <c r="J8003" s="58">
        <f>Bühler!J8029</f>
        <v>19.877910799634286</v>
      </c>
      <c r="K8003" s="58">
        <f>Bühler!K8029</f>
        <v>0.67533917751891459</v>
      </c>
      <c r="L8003" s="58">
        <f>Bühler!L8029</f>
        <v>0.3376695887594573</v>
      </c>
      <c r="M8003" s="57">
        <f>Bühler!M8029</f>
        <v>0</v>
      </c>
      <c r="N8003" s="55">
        <f>IF(Input!$K$13=1,J8003*Input!$J$13,0)+IF(Input!$K$14=1,K8003*Input!$J$14,0)+IF(Input!$K$15=1,L8003*Input!$J$15,0)+IF(Input!$K$16=1,M8003*Input!$J$16,0)</f>
        <v>2.385349295956114</v>
      </c>
      <c r="O8003" s="58">
        <f>IF(Input!$K$13=2,J8003*Input!$J$13,0)+IF(Input!$K$14=2,K8003*Input!$J$14,0)+IF(Input!$K$15=2,L8003*Input!$J$15,0)+IF(Input!$K$16=2,M8003*Input!$J$16,0)</f>
        <v>9.1170788965053456E-2</v>
      </c>
      <c r="P8003" s="58">
        <f>IF(Input!$K$13=3,J8003*Input!$J$13,0)+IF(Input!$K$14=3,K8003*Input!$J$14,0)+IF(Input!$K$15=3,L8003*Input!$J$15,0)+IF(Input!$K$16=3,M8003*Input!$J$16,0)</f>
        <v>0</v>
      </c>
      <c r="Q8003" s="71">
        <f>IF(Input!$K$13=4,J8003*Input!$J$13,0)+IF(Input!$K$14=4,K8003*Input!$J$14,0)+IF(Input!$K$15=4,L8003*Input!$J$15,0)+IF(Input!$K$16=4,M8003*Input!$J$16,0)</f>
        <v>0</v>
      </c>
    </row>
    <row r="8004" spans="8:17" x14ac:dyDescent="0.25">
      <c r="H8004" s="43">
        <v>7997</v>
      </c>
      <c r="I8004" s="55">
        <f>Bühler!I8030</f>
        <v>5.7322622344942671</v>
      </c>
      <c r="J8004" s="58">
        <f>Bühler!J8030</f>
        <v>19.877910799634286</v>
      </c>
      <c r="K8004" s="58">
        <f>Bühler!K8030</f>
        <v>0.67533917751891459</v>
      </c>
      <c r="L8004" s="58">
        <f>Bühler!L8030</f>
        <v>0.3376695887594573</v>
      </c>
      <c r="M8004" s="57">
        <f>Bühler!M8030</f>
        <v>0</v>
      </c>
      <c r="N8004" s="55">
        <f>IF(Input!$K$13=1,J8004*Input!$J$13,0)+IF(Input!$K$14=1,K8004*Input!$J$14,0)+IF(Input!$K$15=1,L8004*Input!$J$15,0)+IF(Input!$K$16=1,M8004*Input!$J$16,0)</f>
        <v>2.385349295956114</v>
      </c>
      <c r="O8004" s="58">
        <f>IF(Input!$K$13=2,J8004*Input!$J$13,0)+IF(Input!$K$14=2,K8004*Input!$J$14,0)+IF(Input!$K$15=2,L8004*Input!$J$15,0)+IF(Input!$K$16=2,M8004*Input!$J$16,0)</f>
        <v>9.1170788965053456E-2</v>
      </c>
      <c r="P8004" s="58">
        <f>IF(Input!$K$13=3,J8004*Input!$J$13,0)+IF(Input!$K$14=3,K8004*Input!$J$14,0)+IF(Input!$K$15=3,L8004*Input!$J$15,0)+IF(Input!$K$16=3,M8004*Input!$J$16,0)</f>
        <v>0</v>
      </c>
      <c r="Q8004" s="71">
        <f>IF(Input!$K$13=4,J8004*Input!$J$13,0)+IF(Input!$K$14=4,K8004*Input!$J$14,0)+IF(Input!$K$15=4,L8004*Input!$J$15,0)+IF(Input!$K$16=4,M8004*Input!$J$16,0)</f>
        <v>0</v>
      </c>
    </row>
    <row r="8005" spans="8:17" x14ac:dyDescent="0.25">
      <c r="H8005" s="43">
        <v>7998</v>
      </c>
      <c r="I8005" s="55">
        <f>Bühler!I8031</f>
        <v>5.7322622344942671</v>
      </c>
      <c r="J8005" s="58">
        <f>Bühler!J8031</f>
        <v>19.877910799634286</v>
      </c>
      <c r="K8005" s="58">
        <f>Bühler!K8031</f>
        <v>0.67533917751891459</v>
      </c>
      <c r="L8005" s="58">
        <f>Bühler!L8031</f>
        <v>0.3376695887594573</v>
      </c>
      <c r="M8005" s="57">
        <f>Bühler!M8031</f>
        <v>0</v>
      </c>
      <c r="N8005" s="55">
        <f>IF(Input!$K$13=1,J8005*Input!$J$13,0)+IF(Input!$K$14=1,K8005*Input!$J$14,0)+IF(Input!$K$15=1,L8005*Input!$J$15,0)+IF(Input!$K$16=1,M8005*Input!$J$16,0)</f>
        <v>2.385349295956114</v>
      </c>
      <c r="O8005" s="58">
        <f>IF(Input!$K$13=2,J8005*Input!$J$13,0)+IF(Input!$K$14=2,K8005*Input!$J$14,0)+IF(Input!$K$15=2,L8005*Input!$J$15,0)+IF(Input!$K$16=2,M8005*Input!$J$16,0)</f>
        <v>9.1170788965053456E-2</v>
      </c>
      <c r="P8005" s="58">
        <f>IF(Input!$K$13=3,J8005*Input!$J$13,0)+IF(Input!$K$14=3,K8005*Input!$J$14,0)+IF(Input!$K$15=3,L8005*Input!$J$15,0)+IF(Input!$K$16=3,M8005*Input!$J$16,0)</f>
        <v>0</v>
      </c>
      <c r="Q8005" s="71">
        <f>IF(Input!$K$13=4,J8005*Input!$J$13,0)+IF(Input!$K$14=4,K8005*Input!$J$14,0)+IF(Input!$K$15=4,L8005*Input!$J$15,0)+IF(Input!$K$16=4,M8005*Input!$J$16,0)</f>
        <v>0</v>
      </c>
    </row>
    <row r="8006" spans="8:17" x14ac:dyDescent="0.25">
      <c r="H8006" s="43">
        <v>7999</v>
      </c>
      <c r="I8006" s="55">
        <f>Bühler!I8032</f>
        <v>5.7322622344942671</v>
      </c>
      <c r="J8006" s="58">
        <f>Bühler!J8032</f>
        <v>19.877910799634286</v>
      </c>
      <c r="K8006" s="58">
        <f>Bühler!K8032</f>
        <v>0.67533917751891459</v>
      </c>
      <c r="L8006" s="58">
        <f>Bühler!L8032</f>
        <v>0.3376695887594573</v>
      </c>
      <c r="M8006" s="57">
        <f>Bühler!M8032</f>
        <v>0</v>
      </c>
      <c r="N8006" s="55">
        <f>IF(Input!$K$13=1,J8006*Input!$J$13,0)+IF(Input!$K$14=1,K8006*Input!$J$14,0)+IF(Input!$K$15=1,L8006*Input!$J$15,0)+IF(Input!$K$16=1,M8006*Input!$J$16,0)</f>
        <v>2.385349295956114</v>
      </c>
      <c r="O8006" s="58">
        <f>IF(Input!$K$13=2,J8006*Input!$J$13,0)+IF(Input!$K$14=2,K8006*Input!$J$14,0)+IF(Input!$K$15=2,L8006*Input!$J$15,0)+IF(Input!$K$16=2,M8006*Input!$J$16,0)</f>
        <v>9.1170788965053456E-2</v>
      </c>
      <c r="P8006" s="58">
        <f>IF(Input!$K$13=3,J8006*Input!$J$13,0)+IF(Input!$K$14=3,K8006*Input!$J$14,0)+IF(Input!$K$15=3,L8006*Input!$J$15,0)+IF(Input!$K$16=3,M8006*Input!$J$16,0)</f>
        <v>0</v>
      </c>
      <c r="Q8006" s="71">
        <f>IF(Input!$K$13=4,J8006*Input!$J$13,0)+IF(Input!$K$14=4,K8006*Input!$J$14,0)+IF(Input!$K$15=4,L8006*Input!$J$15,0)+IF(Input!$K$16=4,M8006*Input!$J$16,0)</f>
        <v>0</v>
      </c>
    </row>
    <row r="8007" spans="8:17" x14ac:dyDescent="0.25">
      <c r="H8007" s="43">
        <v>8000</v>
      </c>
      <c r="I8007" s="55">
        <f>Bühler!I8033</f>
        <v>15.792382456031705</v>
      </c>
      <c r="J8007" s="58">
        <f>Bühler!J8033</f>
        <v>72.981378271345932</v>
      </c>
      <c r="K8007" s="58">
        <f>Bühler!K8033</f>
        <v>2.7607046984030781</v>
      </c>
      <c r="L8007" s="58">
        <f>Bühler!L8033</f>
        <v>1.380352349201539</v>
      </c>
      <c r="M8007" s="57">
        <f>Bühler!M8033</f>
        <v>0</v>
      </c>
      <c r="N8007" s="55">
        <f>IF(Input!$K$13=1,J8007*Input!$J$13,0)+IF(Input!$K$14=1,K8007*Input!$J$14,0)+IF(Input!$K$15=1,L8007*Input!$J$15,0)+IF(Input!$K$16=1,M8007*Input!$J$16,0)</f>
        <v>8.7577653925615113</v>
      </c>
      <c r="O8007" s="58">
        <f>IF(Input!$K$13=2,J8007*Input!$J$13,0)+IF(Input!$K$14=2,K8007*Input!$J$14,0)+IF(Input!$K$15=2,L8007*Input!$J$15,0)+IF(Input!$K$16=2,M8007*Input!$J$16,0)</f>
        <v>0.37269513428441553</v>
      </c>
      <c r="P8007" s="58">
        <f>IF(Input!$K$13=3,J8007*Input!$J$13,0)+IF(Input!$K$14=3,K8007*Input!$J$14,0)+IF(Input!$K$15=3,L8007*Input!$J$15,0)+IF(Input!$K$16=3,M8007*Input!$J$16,0)</f>
        <v>0</v>
      </c>
      <c r="Q8007" s="71">
        <f>IF(Input!$K$13=4,J8007*Input!$J$13,0)+IF(Input!$K$14=4,K8007*Input!$J$14,0)+IF(Input!$K$15=4,L8007*Input!$J$15,0)+IF(Input!$K$16=4,M8007*Input!$J$16,0)</f>
        <v>0</v>
      </c>
    </row>
    <row r="8008" spans="8:17" x14ac:dyDescent="0.25">
      <c r="H8008" s="43">
        <v>8001</v>
      </c>
      <c r="I8008" s="55">
        <f>Bühler!I8034</f>
        <v>17.620974108835377</v>
      </c>
      <c r="J8008" s="58">
        <f>Bühler!J8034</f>
        <v>81.431853650133348</v>
      </c>
      <c r="K8008" s="58">
        <f>Bühler!K8034</f>
        <v>3.080365242428698</v>
      </c>
      <c r="L8008" s="58">
        <f>Bühler!L8034</f>
        <v>1.540182621214349</v>
      </c>
      <c r="M8008" s="57">
        <f>Bühler!M8034</f>
        <v>0</v>
      </c>
      <c r="N8008" s="55">
        <f>IF(Input!$K$13=1,J8008*Input!$J$13,0)+IF(Input!$K$14=1,K8008*Input!$J$14,0)+IF(Input!$K$15=1,L8008*Input!$J$15,0)+IF(Input!$K$16=1,M8008*Input!$J$16,0)</f>
        <v>9.7718224380160006</v>
      </c>
      <c r="O8008" s="58">
        <f>IF(Input!$K$13=2,J8008*Input!$J$13,0)+IF(Input!$K$14=2,K8008*Input!$J$14,0)+IF(Input!$K$15=2,L8008*Input!$J$15,0)+IF(Input!$K$16=2,M8008*Input!$J$16,0)</f>
        <v>0.41584930772787421</v>
      </c>
      <c r="P8008" s="58">
        <f>IF(Input!$K$13=3,J8008*Input!$J$13,0)+IF(Input!$K$14=3,K8008*Input!$J$14,0)+IF(Input!$K$15=3,L8008*Input!$J$15,0)+IF(Input!$K$16=3,M8008*Input!$J$16,0)</f>
        <v>0</v>
      </c>
      <c r="Q8008" s="71">
        <f>IF(Input!$K$13=4,J8008*Input!$J$13,0)+IF(Input!$K$14=4,K8008*Input!$J$14,0)+IF(Input!$K$15=4,L8008*Input!$J$15,0)+IF(Input!$K$16=4,M8008*Input!$J$16,0)</f>
        <v>0</v>
      </c>
    </row>
    <row r="8009" spans="8:17" x14ac:dyDescent="0.25">
      <c r="H8009" s="43">
        <v>8002</v>
      </c>
      <c r="I8009" s="55">
        <f>Bühler!I8035</f>
        <v>19.449565761639043</v>
      </c>
      <c r="J8009" s="58">
        <f>Bühler!J8035</f>
        <v>89.882329028920765</v>
      </c>
      <c r="K8009" s="58">
        <f>Bühler!K8035</f>
        <v>3.4000257864543175</v>
      </c>
      <c r="L8009" s="58">
        <f>Bühler!L8035</f>
        <v>1.7000128932271588</v>
      </c>
      <c r="M8009" s="57">
        <f>Bühler!M8035</f>
        <v>0</v>
      </c>
      <c r="N8009" s="55">
        <f>IF(Input!$K$13=1,J8009*Input!$J$13,0)+IF(Input!$K$14=1,K8009*Input!$J$14,0)+IF(Input!$K$15=1,L8009*Input!$J$15,0)+IF(Input!$K$16=1,M8009*Input!$J$16,0)</f>
        <v>10.785879483470492</v>
      </c>
      <c r="O8009" s="58">
        <f>IF(Input!$K$13=2,J8009*Input!$J$13,0)+IF(Input!$K$14=2,K8009*Input!$J$14,0)+IF(Input!$K$15=2,L8009*Input!$J$15,0)+IF(Input!$K$16=2,M8009*Input!$J$16,0)</f>
        <v>0.45900348117133283</v>
      </c>
      <c r="P8009" s="58">
        <f>IF(Input!$K$13=3,J8009*Input!$J$13,0)+IF(Input!$K$14=3,K8009*Input!$J$14,0)+IF(Input!$K$15=3,L8009*Input!$J$15,0)+IF(Input!$K$16=3,M8009*Input!$J$16,0)</f>
        <v>0</v>
      </c>
      <c r="Q8009" s="71">
        <f>IF(Input!$K$13=4,J8009*Input!$J$13,0)+IF(Input!$K$14=4,K8009*Input!$J$14,0)+IF(Input!$K$15=4,L8009*Input!$J$15,0)+IF(Input!$K$16=4,M8009*Input!$J$16,0)</f>
        <v>0</v>
      </c>
    </row>
    <row r="8010" spans="8:17" x14ac:dyDescent="0.25">
      <c r="H8010" s="43">
        <v>8003</v>
      </c>
      <c r="I8010" s="55">
        <f>Bühler!I8036</f>
        <v>19.449565761639043</v>
      </c>
      <c r="J8010" s="58">
        <f>Bühler!J8036</f>
        <v>89.882329028920765</v>
      </c>
      <c r="K8010" s="58">
        <f>Bühler!K8036</f>
        <v>3.4000257864543175</v>
      </c>
      <c r="L8010" s="58">
        <f>Bühler!L8036</f>
        <v>1.7000128932271588</v>
      </c>
      <c r="M8010" s="57">
        <f>Bühler!M8036</f>
        <v>0</v>
      </c>
      <c r="N8010" s="55">
        <f>IF(Input!$K$13=1,J8010*Input!$J$13,0)+IF(Input!$K$14=1,K8010*Input!$J$14,0)+IF(Input!$K$15=1,L8010*Input!$J$15,0)+IF(Input!$K$16=1,M8010*Input!$J$16,0)</f>
        <v>10.785879483470492</v>
      </c>
      <c r="O8010" s="58">
        <f>IF(Input!$K$13=2,J8010*Input!$J$13,0)+IF(Input!$K$14=2,K8010*Input!$J$14,0)+IF(Input!$K$15=2,L8010*Input!$J$15,0)+IF(Input!$K$16=2,M8010*Input!$J$16,0)</f>
        <v>0.45900348117133283</v>
      </c>
      <c r="P8010" s="58">
        <f>IF(Input!$K$13=3,J8010*Input!$J$13,0)+IF(Input!$K$14=3,K8010*Input!$J$14,0)+IF(Input!$K$15=3,L8010*Input!$J$15,0)+IF(Input!$K$16=3,M8010*Input!$J$16,0)</f>
        <v>0</v>
      </c>
      <c r="Q8010" s="71">
        <f>IF(Input!$K$13=4,J8010*Input!$J$13,0)+IF(Input!$K$14=4,K8010*Input!$J$14,0)+IF(Input!$K$15=4,L8010*Input!$J$15,0)+IF(Input!$K$16=4,M8010*Input!$J$16,0)</f>
        <v>0</v>
      </c>
    </row>
    <row r="8011" spans="8:17" x14ac:dyDescent="0.25">
      <c r="H8011" s="43">
        <v>8004</v>
      </c>
      <c r="I8011" s="55">
        <f>Bühler!I8037</f>
        <v>23.272984672046718</v>
      </c>
      <c r="J8011" s="58">
        <f>Bühler!J8037</f>
        <v>107.55150482093083</v>
      </c>
      <c r="K8011" s="58">
        <f>Bühler!K8037</f>
        <v>4.0684069239624305</v>
      </c>
      <c r="L8011" s="58">
        <f>Bühler!L8037</f>
        <v>2.0342034619812153</v>
      </c>
      <c r="M8011" s="57">
        <f>Bühler!M8037</f>
        <v>0</v>
      </c>
      <c r="N8011" s="55">
        <f>IF(Input!$K$13=1,J8011*Input!$J$13,0)+IF(Input!$K$14=1,K8011*Input!$J$14,0)+IF(Input!$K$15=1,L8011*Input!$J$15,0)+IF(Input!$K$16=1,M8011*Input!$J$16,0)</f>
        <v>12.9061805785117</v>
      </c>
      <c r="O8011" s="58">
        <f>IF(Input!$K$13=2,J8011*Input!$J$13,0)+IF(Input!$K$14=2,K8011*Input!$J$14,0)+IF(Input!$K$15=2,L8011*Input!$J$15,0)+IF(Input!$K$16=2,M8011*Input!$J$16,0)</f>
        <v>0.54923493473492813</v>
      </c>
      <c r="P8011" s="58">
        <f>IF(Input!$K$13=3,J8011*Input!$J$13,0)+IF(Input!$K$14=3,K8011*Input!$J$14,0)+IF(Input!$K$15=3,L8011*Input!$J$15,0)+IF(Input!$K$16=3,M8011*Input!$J$16,0)</f>
        <v>0</v>
      </c>
      <c r="Q8011" s="71">
        <f>IF(Input!$K$13=4,J8011*Input!$J$13,0)+IF(Input!$K$14=4,K8011*Input!$J$14,0)+IF(Input!$K$15=4,L8011*Input!$J$15,0)+IF(Input!$K$16=4,M8011*Input!$J$16,0)</f>
        <v>0</v>
      </c>
    </row>
    <row r="8012" spans="8:17" x14ac:dyDescent="0.25">
      <c r="H8012" s="43">
        <v>8005</v>
      </c>
      <c r="I8012" s="55">
        <f>Bühler!I8038</f>
        <v>23.272984672046718</v>
      </c>
      <c r="J8012" s="58">
        <f>Bühler!J8038</f>
        <v>107.55150482093083</v>
      </c>
      <c r="K8012" s="58">
        <f>Bühler!K8038</f>
        <v>4.0684069239624305</v>
      </c>
      <c r="L8012" s="58">
        <f>Bühler!L8038</f>
        <v>2.0342034619812153</v>
      </c>
      <c r="M8012" s="57">
        <f>Bühler!M8038</f>
        <v>0</v>
      </c>
      <c r="N8012" s="55">
        <f>IF(Input!$K$13=1,J8012*Input!$J$13,0)+IF(Input!$K$14=1,K8012*Input!$J$14,0)+IF(Input!$K$15=1,L8012*Input!$J$15,0)+IF(Input!$K$16=1,M8012*Input!$J$16,0)</f>
        <v>12.9061805785117</v>
      </c>
      <c r="O8012" s="58">
        <f>IF(Input!$K$13=2,J8012*Input!$J$13,0)+IF(Input!$K$14=2,K8012*Input!$J$14,0)+IF(Input!$K$15=2,L8012*Input!$J$15,0)+IF(Input!$K$16=2,M8012*Input!$J$16,0)</f>
        <v>0.54923493473492813</v>
      </c>
      <c r="P8012" s="58">
        <f>IF(Input!$K$13=3,J8012*Input!$J$13,0)+IF(Input!$K$14=3,K8012*Input!$J$14,0)+IF(Input!$K$15=3,L8012*Input!$J$15,0)+IF(Input!$K$16=3,M8012*Input!$J$16,0)</f>
        <v>0</v>
      </c>
      <c r="Q8012" s="71">
        <f>IF(Input!$K$13=4,J8012*Input!$J$13,0)+IF(Input!$K$14=4,K8012*Input!$J$14,0)+IF(Input!$K$15=4,L8012*Input!$J$15,0)+IF(Input!$K$16=4,M8012*Input!$J$16,0)</f>
        <v>0</v>
      </c>
    </row>
    <row r="8013" spans="8:17" x14ac:dyDescent="0.25">
      <c r="H8013" s="43">
        <v>8006</v>
      </c>
      <c r="I8013" s="55">
        <f>Bühler!I8039</f>
        <v>15.459911246431036</v>
      </c>
      <c r="J8013" s="58">
        <f>Bühler!J8039</f>
        <v>71.444928202475481</v>
      </c>
      <c r="K8013" s="58">
        <f>Bühler!K8039</f>
        <v>2.7025845994893287</v>
      </c>
      <c r="L8013" s="58">
        <f>Bühler!L8039</f>
        <v>1.3512922997446644</v>
      </c>
      <c r="M8013" s="57">
        <f>Bühler!M8039</f>
        <v>0</v>
      </c>
      <c r="N8013" s="55">
        <f>IF(Input!$K$13=1,J8013*Input!$J$13,0)+IF(Input!$K$14=1,K8013*Input!$J$14,0)+IF(Input!$K$15=1,L8013*Input!$J$15,0)+IF(Input!$K$16=1,M8013*Input!$J$16,0)</f>
        <v>8.5733913842970573</v>
      </c>
      <c r="O8013" s="58">
        <f>IF(Input!$K$13=2,J8013*Input!$J$13,0)+IF(Input!$K$14=2,K8013*Input!$J$14,0)+IF(Input!$K$15=2,L8013*Input!$J$15,0)+IF(Input!$K$16=2,M8013*Input!$J$16,0)</f>
        <v>0.36484892093105936</v>
      </c>
      <c r="P8013" s="58">
        <f>IF(Input!$K$13=3,J8013*Input!$J$13,0)+IF(Input!$K$14=3,K8013*Input!$J$14,0)+IF(Input!$K$15=3,L8013*Input!$J$15,0)+IF(Input!$K$16=3,M8013*Input!$J$16,0)</f>
        <v>0</v>
      </c>
      <c r="Q8013" s="71">
        <f>IF(Input!$K$13=4,J8013*Input!$J$13,0)+IF(Input!$K$14=4,K8013*Input!$J$14,0)+IF(Input!$K$15=4,L8013*Input!$J$15,0)+IF(Input!$K$16=4,M8013*Input!$J$16,0)</f>
        <v>0</v>
      </c>
    </row>
    <row r="8014" spans="8:17" x14ac:dyDescent="0.25">
      <c r="H8014" s="43">
        <v>8007</v>
      </c>
      <c r="I8014" s="55">
        <f>Bühler!I8040</f>
        <v>23.272984672046718</v>
      </c>
      <c r="J8014" s="58">
        <f>Bühler!J8040</f>
        <v>107.55150482093083</v>
      </c>
      <c r="K8014" s="58">
        <f>Bühler!K8040</f>
        <v>4.0684069239624305</v>
      </c>
      <c r="L8014" s="58">
        <f>Bühler!L8040</f>
        <v>2.0342034619812153</v>
      </c>
      <c r="M8014" s="57">
        <f>Bühler!M8040</f>
        <v>0</v>
      </c>
      <c r="N8014" s="55">
        <f>IF(Input!$K$13=1,J8014*Input!$J$13,0)+IF(Input!$K$14=1,K8014*Input!$J$14,0)+IF(Input!$K$15=1,L8014*Input!$J$15,0)+IF(Input!$K$16=1,M8014*Input!$J$16,0)</f>
        <v>12.9061805785117</v>
      </c>
      <c r="O8014" s="58">
        <f>IF(Input!$K$13=2,J8014*Input!$J$13,0)+IF(Input!$K$14=2,K8014*Input!$J$14,0)+IF(Input!$K$15=2,L8014*Input!$J$15,0)+IF(Input!$K$16=2,M8014*Input!$J$16,0)</f>
        <v>0.54923493473492813</v>
      </c>
      <c r="P8014" s="58">
        <f>IF(Input!$K$13=3,J8014*Input!$J$13,0)+IF(Input!$K$14=3,K8014*Input!$J$14,0)+IF(Input!$K$15=3,L8014*Input!$J$15,0)+IF(Input!$K$16=3,M8014*Input!$J$16,0)</f>
        <v>0</v>
      </c>
      <c r="Q8014" s="71">
        <f>IF(Input!$K$13=4,J8014*Input!$J$13,0)+IF(Input!$K$14=4,K8014*Input!$J$14,0)+IF(Input!$K$15=4,L8014*Input!$J$15,0)+IF(Input!$K$16=4,M8014*Input!$J$16,0)</f>
        <v>0</v>
      </c>
    </row>
    <row r="8015" spans="8:17" x14ac:dyDescent="0.25">
      <c r="H8015" s="43">
        <v>8008</v>
      </c>
      <c r="I8015" s="55">
        <f>Bühler!I8041</f>
        <v>23.272984672046718</v>
      </c>
      <c r="J8015" s="58">
        <f>Bühler!J8041</f>
        <v>107.55150482093083</v>
      </c>
      <c r="K8015" s="58">
        <f>Bühler!K8041</f>
        <v>4.0684069239624305</v>
      </c>
      <c r="L8015" s="58">
        <f>Bühler!L8041</f>
        <v>2.0342034619812153</v>
      </c>
      <c r="M8015" s="57">
        <f>Bühler!M8041</f>
        <v>0</v>
      </c>
      <c r="N8015" s="55">
        <f>IF(Input!$K$13=1,J8015*Input!$J$13,0)+IF(Input!$K$14=1,K8015*Input!$J$14,0)+IF(Input!$K$15=1,L8015*Input!$J$15,0)+IF(Input!$K$16=1,M8015*Input!$J$16,0)</f>
        <v>12.9061805785117</v>
      </c>
      <c r="O8015" s="58">
        <f>IF(Input!$K$13=2,J8015*Input!$J$13,0)+IF(Input!$K$14=2,K8015*Input!$J$14,0)+IF(Input!$K$15=2,L8015*Input!$J$15,0)+IF(Input!$K$16=2,M8015*Input!$J$16,0)</f>
        <v>0.54923493473492813</v>
      </c>
      <c r="P8015" s="58">
        <f>IF(Input!$K$13=3,J8015*Input!$J$13,0)+IF(Input!$K$14=3,K8015*Input!$J$14,0)+IF(Input!$K$15=3,L8015*Input!$J$15,0)+IF(Input!$K$16=3,M8015*Input!$J$16,0)</f>
        <v>0</v>
      </c>
      <c r="Q8015" s="71">
        <f>IF(Input!$K$13=4,J8015*Input!$J$13,0)+IF(Input!$K$14=4,K8015*Input!$J$14,0)+IF(Input!$K$15=4,L8015*Input!$J$15,0)+IF(Input!$K$16=4,M8015*Input!$J$16,0)</f>
        <v>0</v>
      </c>
    </row>
    <row r="8016" spans="8:17" x14ac:dyDescent="0.25">
      <c r="H8016" s="43">
        <v>8009</v>
      </c>
      <c r="I8016" s="55">
        <f>Bühler!I8042</f>
        <v>19.446699630521799</v>
      </c>
      <c r="J8016" s="58">
        <f>Bühler!J8042</f>
        <v>69.588516094941127</v>
      </c>
      <c r="K8016" s="58">
        <f>Bühler!K8042</f>
        <v>2.3974540801921469</v>
      </c>
      <c r="L8016" s="58">
        <f>Bühler!L8042</f>
        <v>1.1987270400960734</v>
      </c>
      <c r="M8016" s="57">
        <f>Bühler!M8042</f>
        <v>0</v>
      </c>
      <c r="N8016" s="55">
        <f>IF(Input!$K$13=1,J8016*Input!$J$13,0)+IF(Input!$K$14=1,K8016*Input!$J$14,0)+IF(Input!$K$15=1,L8016*Input!$J$15,0)+IF(Input!$K$16=1,M8016*Input!$J$16,0)</f>
        <v>8.3506219313929346</v>
      </c>
      <c r="O8016" s="58">
        <f>IF(Input!$K$13=2,J8016*Input!$J$13,0)+IF(Input!$K$14=2,K8016*Input!$J$14,0)+IF(Input!$K$15=2,L8016*Input!$J$15,0)+IF(Input!$K$16=2,M8016*Input!$J$16,0)</f>
        <v>0.32365630082593982</v>
      </c>
      <c r="P8016" s="58">
        <f>IF(Input!$K$13=3,J8016*Input!$J$13,0)+IF(Input!$K$14=3,K8016*Input!$J$14,0)+IF(Input!$K$15=3,L8016*Input!$J$15,0)+IF(Input!$K$16=3,M8016*Input!$J$16,0)</f>
        <v>0</v>
      </c>
      <c r="Q8016" s="71">
        <f>IF(Input!$K$13=4,J8016*Input!$J$13,0)+IF(Input!$K$14=4,K8016*Input!$J$14,0)+IF(Input!$K$15=4,L8016*Input!$J$15,0)+IF(Input!$K$16=4,M8016*Input!$J$16,0)</f>
        <v>0</v>
      </c>
    </row>
    <row r="8017" spans="8:17" x14ac:dyDescent="0.25">
      <c r="H8017" s="43">
        <v>8010</v>
      </c>
      <c r="I8017" s="55">
        <f>Bühler!I8043</f>
        <v>15.462777377548283</v>
      </c>
      <c r="J8017" s="58">
        <f>Bühler!J8043</f>
        <v>37.460372531130091</v>
      </c>
      <c r="K8017" s="58">
        <f>Bühler!K8043</f>
        <v>1.0232411780589616</v>
      </c>
      <c r="L8017" s="58">
        <f>Bühler!L8043</f>
        <v>0.51162058902948082</v>
      </c>
      <c r="M8017" s="57">
        <f>Bühler!M8043</f>
        <v>0</v>
      </c>
      <c r="N8017" s="55">
        <f>IF(Input!$K$13=1,J8017*Input!$J$13,0)+IF(Input!$K$14=1,K8017*Input!$J$14,0)+IF(Input!$K$15=1,L8017*Input!$J$15,0)+IF(Input!$K$16=1,M8017*Input!$J$16,0)</f>
        <v>4.4952447037356107</v>
      </c>
      <c r="O8017" s="58">
        <f>IF(Input!$K$13=2,J8017*Input!$J$13,0)+IF(Input!$K$14=2,K8017*Input!$J$14,0)+IF(Input!$K$15=2,L8017*Input!$J$15,0)+IF(Input!$K$16=2,M8017*Input!$J$16,0)</f>
        <v>0.13813755903795982</v>
      </c>
      <c r="P8017" s="58">
        <f>IF(Input!$K$13=3,J8017*Input!$J$13,0)+IF(Input!$K$14=3,K8017*Input!$J$14,0)+IF(Input!$K$15=3,L8017*Input!$J$15,0)+IF(Input!$K$16=3,M8017*Input!$J$16,0)</f>
        <v>0</v>
      </c>
      <c r="Q8017" s="71">
        <f>IF(Input!$K$13=4,J8017*Input!$J$13,0)+IF(Input!$K$14=4,K8017*Input!$J$14,0)+IF(Input!$K$15=4,L8017*Input!$J$15,0)+IF(Input!$K$16=4,M8017*Input!$J$16,0)</f>
        <v>0</v>
      </c>
    </row>
    <row r="8018" spans="8:17" x14ac:dyDescent="0.25">
      <c r="H8018" s="43">
        <v>8011</v>
      </c>
      <c r="I8018" s="55">
        <f>Bühler!I8044</f>
        <v>5.7322622344942671</v>
      </c>
      <c r="J8018" s="58">
        <f>Bühler!J8044</f>
        <v>19.877910799634286</v>
      </c>
      <c r="K8018" s="58">
        <f>Bühler!K8044</f>
        <v>0.67533917751891459</v>
      </c>
      <c r="L8018" s="58">
        <f>Bühler!L8044</f>
        <v>0.3376695887594573</v>
      </c>
      <c r="M8018" s="57">
        <f>Bühler!M8044</f>
        <v>0</v>
      </c>
      <c r="N8018" s="55">
        <f>IF(Input!$K$13=1,J8018*Input!$J$13,0)+IF(Input!$K$14=1,K8018*Input!$J$14,0)+IF(Input!$K$15=1,L8018*Input!$J$15,0)+IF(Input!$K$16=1,M8018*Input!$J$16,0)</f>
        <v>2.385349295956114</v>
      </c>
      <c r="O8018" s="58">
        <f>IF(Input!$K$13=2,J8018*Input!$J$13,0)+IF(Input!$K$14=2,K8018*Input!$J$14,0)+IF(Input!$K$15=2,L8018*Input!$J$15,0)+IF(Input!$K$16=2,M8018*Input!$J$16,0)</f>
        <v>9.1170788965053456E-2</v>
      </c>
      <c r="P8018" s="58">
        <f>IF(Input!$K$13=3,J8018*Input!$J$13,0)+IF(Input!$K$14=3,K8018*Input!$J$14,0)+IF(Input!$K$15=3,L8018*Input!$J$15,0)+IF(Input!$K$16=3,M8018*Input!$J$16,0)</f>
        <v>0</v>
      </c>
      <c r="Q8018" s="71">
        <f>IF(Input!$K$13=4,J8018*Input!$J$13,0)+IF(Input!$K$14=4,K8018*Input!$J$14,0)+IF(Input!$K$15=4,L8018*Input!$J$15,0)+IF(Input!$K$16=4,M8018*Input!$J$16,0)</f>
        <v>0</v>
      </c>
    </row>
    <row r="8019" spans="8:17" x14ac:dyDescent="0.25">
      <c r="H8019" s="43">
        <v>8012</v>
      </c>
      <c r="I8019" s="55">
        <f>Bühler!I8045</f>
        <v>5.7322622344942671</v>
      </c>
      <c r="J8019" s="58">
        <f>Bühler!J8045</f>
        <v>19.877910799634286</v>
      </c>
      <c r="K8019" s="58">
        <f>Bühler!K8045</f>
        <v>0.67533917751891459</v>
      </c>
      <c r="L8019" s="58">
        <f>Bühler!L8045</f>
        <v>0.3376695887594573</v>
      </c>
      <c r="M8019" s="57">
        <f>Bühler!M8045</f>
        <v>0</v>
      </c>
      <c r="N8019" s="55">
        <f>IF(Input!$K$13=1,J8019*Input!$J$13,0)+IF(Input!$K$14=1,K8019*Input!$J$14,0)+IF(Input!$K$15=1,L8019*Input!$J$15,0)+IF(Input!$K$16=1,M8019*Input!$J$16,0)</f>
        <v>2.385349295956114</v>
      </c>
      <c r="O8019" s="58">
        <f>IF(Input!$K$13=2,J8019*Input!$J$13,0)+IF(Input!$K$14=2,K8019*Input!$J$14,0)+IF(Input!$K$15=2,L8019*Input!$J$15,0)+IF(Input!$K$16=2,M8019*Input!$J$16,0)</f>
        <v>9.1170788965053456E-2</v>
      </c>
      <c r="P8019" s="58">
        <f>IF(Input!$K$13=3,J8019*Input!$J$13,0)+IF(Input!$K$14=3,K8019*Input!$J$14,0)+IF(Input!$K$15=3,L8019*Input!$J$15,0)+IF(Input!$K$16=3,M8019*Input!$J$16,0)</f>
        <v>0</v>
      </c>
      <c r="Q8019" s="71">
        <f>IF(Input!$K$13=4,J8019*Input!$J$13,0)+IF(Input!$K$14=4,K8019*Input!$J$14,0)+IF(Input!$K$15=4,L8019*Input!$J$15,0)+IF(Input!$K$16=4,M8019*Input!$J$16,0)</f>
        <v>0</v>
      </c>
    </row>
    <row r="8020" spans="8:17" x14ac:dyDescent="0.25">
      <c r="H8020" s="43">
        <v>8013</v>
      </c>
      <c r="I8020" s="55">
        <f>Bühler!I8046</f>
        <v>5.7322622344942671</v>
      </c>
      <c r="J8020" s="58">
        <f>Bühler!J8046</f>
        <v>19.877910799634286</v>
      </c>
      <c r="K8020" s="58">
        <f>Bühler!K8046</f>
        <v>0.67533917751891459</v>
      </c>
      <c r="L8020" s="58">
        <f>Bühler!L8046</f>
        <v>0.3376695887594573</v>
      </c>
      <c r="M8020" s="57">
        <f>Bühler!M8046</f>
        <v>0</v>
      </c>
      <c r="N8020" s="55">
        <f>IF(Input!$K$13=1,J8020*Input!$J$13,0)+IF(Input!$K$14=1,K8020*Input!$J$14,0)+IF(Input!$K$15=1,L8020*Input!$J$15,0)+IF(Input!$K$16=1,M8020*Input!$J$16,0)</f>
        <v>2.385349295956114</v>
      </c>
      <c r="O8020" s="58">
        <f>IF(Input!$K$13=2,J8020*Input!$J$13,0)+IF(Input!$K$14=2,K8020*Input!$J$14,0)+IF(Input!$K$15=2,L8020*Input!$J$15,0)+IF(Input!$K$16=2,M8020*Input!$J$16,0)</f>
        <v>9.1170788965053456E-2</v>
      </c>
      <c r="P8020" s="58">
        <f>IF(Input!$K$13=3,J8020*Input!$J$13,0)+IF(Input!$K$14=3,K8020*Input!$J$14,0)+IF(Input!$K$15=3,L8020*Input!$J$15,0)+IF(Input!$K$16=3,M8020*Input!$J$16,0)</f>
        <v>0</v>
      </c>
      <c r="Q8020" s="71">
        <f>IF(Input!$K$13=4,J8020*Input!$J$13,0)+IF(Input!$K$14=4,K8020*Input!$J$14,0)+IF(Input!$K$15=4,L8020*Input!$J$15,0)+IF(Input!$K$16=4,M8020*Input!$J$16,0)</f>
        <v>0</v>
      </c>
    </row>
    <row r="8021" spans="8:17" x14ac:dyDescent="0.25">
      <c r="H8021" s="43">
        <v>8014</v>
      </c>
      <c r="I8021" s="55">
        <f>Bühler!I8047</f>
        <v>5.7322622344942671</v>
      </c>
      <c r="J8021" s="58">
        <f>Bühler!J8047</f>
        <v>19.877910799634286</v>
      </c>
      <c r="K8021" s="58">
        <f>Bühler!K8047</f>
        <v>0.67533917751891459</v>
      </c>
      <c r="L8021" s="58">
        <f>Bühler!L8047</f>
        <v>0.3376695887594573</v>
      </c>
      <c r="M8021" s="57">
        <f>Bühler!M8047</f>
        <v>0</v>
      </c>
      <c r="N8021" s="55">
        <f>IF(Input!$K$13=1,J8021*Input!$J$13,0)+IF(Input!$K$14=1,K8021*Input!$J$14,0)+IF(Input!$K$15=1,L8021*Input!$J$15,0)+IF(Input!$K$16=1,M8021*Input!$J$16,0)</f>
        <v>2.385349295956114</v>
      </c>
      <c r="O8021" s="58">
        <f>IF(Input!$K$13=2,J8021*Input!$J$13,0)+IF(Input!$K$14=2,K8021*Input!$J$14,0)+IF(Input!$K$15=2,L8021*Input!$J$15,0)+IF(Input!$K$16=2,M8021*Input!$J$16,0)</f>
        <v>9.1170788965053456E-2</v>
      </c>
      <c r="P8021" s="58">
        <f>IF(Input!$K$13=3,J8021*Input!$J$13,0)+IF(Input!$K$14=3,K8021*Input!$J$14,0)+IF(Input!$K$15=3,L8021*Input!$J$15,0)+IF(Input!$K$16=3,M8021*Input!$J$16,0)</f>
        <v>0</v>
      </c>
      <c r="Q8021" s="71">
        <f>IF(Input!$K$13=4,J8021*Input!$J$13,0)+IF(Input!$K$14=4,K8021*Input!$J$14,0)+IF(Input!$K$15=4,L8021*Input!$J$15,0)+IF(Input!$K$16=4,M8021*Input!$J$16,0)</f>
        <v>0</v>
      </c>
    </row>
    <row r="8022" spans="8:17" x14ac:dyDescent="0.25">
      <c r="H8022" s="43">
        <v>8015</v>
      </c>
      <c r="I8022" s="55">
        <f>Bühler!I8048</f>
        <v>5.7322622344942671</v>
      </c>
      <c r="J8022" s="58">
        <f>Bühler!J8048</f>
        <v>19.877910799634286</v>
      </c>
      <c r="K8022" s="58">
        <f>Bühler!K8048</f>
        <v>0.67533917751891459</v>
      </c>
      <c r="L8022" s="58">
        <f>Bühler!L8048</f>
        <v>0.3376695887594573</v>
      </c>
      <c r="M8022" s="57">
        <f>Bühler!M8048</f>
        <v>0</v>
      </c>
      <c r="N8022" s="55">
        <f>IF(Input!$K$13=1,J8022*Input!$J$13,0)+IF(Input!$K$14=1,K8022*Input!$J$14,0)+IF(Input!$K$15=1,L8022*Input!$J$15,0)+IF(Input!$K$16=1,M8022*Input!$J$16,0)</f>
        <v>2.385349295956114</v>
      </c>
      <c r="O8022" s="58">
        <f>IF(Input!$K$13=2,J8022*Input!$J$13,0)+IF(Input!$K$14=2,K8022*Input!$J$14,0)+IF(Input!$K$15=2,L8022*Input!$J$15,0)+IF(Input!$K$16=2,M8022*Input!$J$16,0)</f>
        <v>9.1170788965053456E-2</v>
      </c>
      <c r="P8022" s="58">
        <f>IF(Input!$K$13=3,J8022*Input!$J$13,0)+IF(Input!$K$14=3,K8022*Input!$J$14,0)+IF(Input!$K$15=3,L8022*Input!$J$15,0)+IF(Input!$K$16=3,M8022*Input!$J$16,0)</f>
        <v>0</v>
      </c>
      <c r="Q8022" s="71">
        <f>IF(Input!$K$13=4,J8022*Input!$J$13,0)+IF(Input!$K$14=4,K8022*Input!$J$14,0)+IF(Input!$K$15=4,L8022*Input!$J$15,0)+IF(Input!$K$16=4,M8022*Input!$J$16,0)</f>
        <v>0</v>
      </c>
    </row>
    <row r="8023" spans="8:17" x14ac:dyDescent="0.25">
      <c r="H8023" s="43">
        <v>8016</v>
      </c>
      <c r="I8023" s="55">
        <f>Bühler!I8049</f>
        <v>5.7322622344942671</v>
      </c>
      <c r="J8023" s="58">
        <f>Bühler!J8049</f>
        <v>19.877910799634286</v>
      </c>
      <c r="K8023" s="58">
        <f>Bühler!K8049</f>
        <v>0.67533917751891459</v>
      </c>
      <c r="L8023" s="58">
        <f>Bühler!L8049</f>
        <v>0.3376695887594573</v>
      </c>
      <c r="M8023" s="57">
        <f>Bühler!M8049</f>
        <v>0</v>
      </c>
      <c r="N8023" s="55">
        <f>IF(Input!$K$13=1,J8023*Input!$J$13,0)+IF(Input!$K$14=1,K8023*Input!$J$14,0)+IF(Input!$K$15=1,L8023*Input!$J$15,0)+IF(Input!$K$16=1,M8023*Input!$J$16,0)</f>
        <v>2.385349295956114</v>
      </c>
      <c r="O8023" s="58">
        <f>IF(Input!$K$13=2,J8023*Input!$J$13,0)+IF(Input!$K$14=2,K8023*Input!$J$14,0)+IF(Input!$K$15=2,L8023*Input!$J$15,0)+IF(Input!$K$16=2,M8023*Input!$J$16,0)</f>
        <v>9.1170788965053456E-2</v>
      </c>
      <c r="P8023" s="58">
        <f>IF(Input!$K$13=3,J8023*Input!$J$13,0)+IF(Input!$K$14=3,K8023*Input!$J$14,0)+IF(Input!$K$15=3,L8023*Input!$J$15,0)+IF(Input!$K$16=3,M8023*Input!$J$16,0)</f>
        <v>0</v>
      </c>
      <c r="Q8023" s="71">
        <f>IF(Input!$K$13=4,J8023*Input!$J$13,0)+IF(Input!$K$14=4,K8023*Input!$J$14,0)+IF(Input!$K$15=4,L8023*Input!$J$15,0)+IF(Input!$K$16=4,M8023*Input!$J$16,0)</f>
        <v>0</v>
      </c>
    </row>
    <row r="8024" spans="8:17" x14ac:dyDescent="0.25">
      <c r="H8024" s="43">
        <v>8017</v>
      </c>
      <c r="I8024" s="55">
        <f>Bühler!I8050</f>
        <v>5.2826420023807303</v>
      </c>
      <c r="J8024" s="58">
        <f>Bühler!J8050</f>
        <v>26.226337021618232</v>
      </c>
      <c r="K8024" s="58">
        <f>Bühler!K8050</f>
        <v>1.0233823017117349</v>
      </c>
      <c r="L8024" s="58">
        <f>Bühler!L8050</f>
        <v>0.51169115085586747</v>
      </c>
      <c r="M8024" s="57">
        <f>Bühler!M8050</f>
        <v>0</v>
      </c>
      <c r="N8024" s="55">
        <f>IF(Input!$K$13=1,J8024*Input!$J$13,0)+IF(Input!$K$14=1,K8024*Input!$J$14,0)+IF(Input!$K$15=1,L8024*Input!$J$15,0)+IF(Input!$K$16=1,M8024*Input!$J$16,0)</f>
        <v>3.1471604425941875</v>
      </c>
      <c r="O8024" s="58">
        <f>IF(Input!$K$13=2,J8024*Input!$J$13,0)+IF(Input!$K$14=2,K8024*Input!$J$14,0)+IF(Input!$K$15=2,L8024*Input!$J$15,0)+IF(Input!$K$16=2,M8024*Input!$J$16,0)</f>
        <v>0.13815661073108421</v>
      </c>
      <c r="P8024" s="58">
        <f>IF(Input!$K$13=3,J8024*Input!$J$13,0)+IF(Input!$K$14=3,K8024*Input!$J$14,0)+IF(Input!$K$15=3,L8024*Input!$J$15,0)+IF(Input!$K$16=3,M8024*Input!$J$16,0)</f>
        <v>0</v>
      </c>
      <c r="Q8024" s="71">
        <f>IF(Input!$K$13=4,J8024*Input!$J$13,0)+IF(Input!$K$14=4,K8024*Input!$J$14,0)+IF(Input!$K$15=4,L8024*Input!$J$15,0)+IF(Input!$K$16=4,M8024*Input!$J$16,0)</f>
        <v>0</v>
      </c>
    </row>
    <row r="8025" spans="8:17" x14ac:dyDescent="0.25">
      <c r="H8025" s="43">
        <v>8018</v>
      </c>
      <c r="I8025" s="55">
        <f>Bühler!I8051</f>
        <v>5.2826420023807303</v>
      </c>
      <c r="J8025" s="58">
        <f>Bühler!J8051</f>
        <v>18.149210564623029</v>
      </c>
      <c r="K8025" s="58">
        <f>Bühler!K8051</f>
        <v>0.62023169800711209</v>
      </c>
      <c r="L8025" s="58">
        <f>Bühler!L8051</f>
        <v>0.31011584900355604</v>
      </c>
      <c r="M8025" s="57">
        <f>Bühler!M8051</f>
        <v>0</v>
      </c>
      <c r="N8025" s="55">
        <f>IF(Input!$K$13=1,J8025*Input!$J$13,0)+IF(Input!$K$14=1,K8025*Input!$J$14,0)+IF(Input!$K$15=1,L8025*Input!$J$15,0)+IF(Input!$K$16=1,M8025*Input!$J$16,0)</f>
        <v>2.1779052677547632</v>
      </c>
      <c r="O8025" s="58">
        <f>IF(Input!$K$13=2,J8025*Input!$J$13,0)+IF(Input!$K$14=2,K8025*Input!$J$14,0)+IF(Input!$K$15=2,L8025*Input!$J$15,0)+IF(Input!$K$16=2,M8025*Input!$J$16,0)</f>
        <v>8.3731279230960132E-2</v>
      </c>
      <c r="P8025" s="58">
        <f>IF(Input!$K$13=3,J8025*Input!$J$13,0)+IF(Input!$K$14=3,K8025*Input!$J$14,0)+IF(Input!$K$15=3,L8025*Input!$J$15,0)+IF(Input!$K$16=3,M8025*Input!$J$16,0)</f>
        <v>0</v>
      </c>
      <c r="Q8025" s="71">
        <f>IF(Input!$K$13=4,J8025*Input!$J$13,0)+IF(Input!$K$14=4,K8025*Input!$J$14,0)+IF(Input!$K$15=4,L8025*Input!$J$15,0)+IF(Input!$K$16=4,M8025*Input!$J$16,0)</f>
        <v>0</v>
      </c>
    </row>
    <row r="8026" spans="8:17" x14ac:dyDescent="0.25">
      <c r="H8026" s="43">
        <v>8019</v>
      </c>
      <c r="I8026" s="55">
        <f>Bühler!I8052</f>
        <v>5.2826420023807303</v>
      </c>
      <c r="J8026" s="58">
        <f>Bühler!J8052</f>
        <v>18.149210564623029</v>
      </c>
      <c r="K8026" s="58">
        <f>Bühler!K8052</f>
        <v>0.62023169800711209</v>
      </c>
      <c r="L8026" s="58">
        <f>Bühler!L8052</f>
        <v>0.31011584900355604</v>
      </c>
      <c r="M8026" s="57">
        <f>Bühler!M8052</f>
        <v>0</v>
      </c>
      <c r="N8026" s="55">
        <f>IF(Input!$K$13=1,J8026*Input!$J$13,0)+IF(Input!$K$14=1,K8026*Input!$J$14,0)+IF(Input!$K$15=1,L8026*Input!$J$15,0)+IF(Input!$K$16=1,M8026*Input!$J$16,0)</f>
        <v>2.1779052677547632</v>
      </c>
      <c r="O8026" s="58">
        <f>IF(Input!$K$13=2,J8026*Input!$J$13,0)+IF(Input!$K$14=2,K8026*Input!$J$14,0)+IF(Input!$K$15=2,L8026*Input!$J$15,0)+IF(Input!$K$16=2,M8026*Input!$J$16,0)</f>
        <v>8.3731279230960132E-2</v>
      </c>
      <c r="P8026" s="58">
        <f>IF(Input!$K$13=3,J8026*Input!$J$13,0)+IF(Input!$K$14=3,K8026*Input!$J$14,0)+IF(Input!$K$15=3,L8026*Input!$J$15,0)+IF(Input!$K$16=3,M8026*Input!$J$16,0)</f>
        <v>0</v>
      </c>
      <c r="Q8026" s="71">
        <f>IF(Input!$K$13=4,J8026*Input!$J$13,0)+IF(Input!$K$14=4,K8026*Input!$J$14,0)+IF(Input!$K$15=4,L8026*Input!$J$15,0)+IF(Input!$K$16=4,M8026*Input!$J$16,0)</f>
        <v>0</v>
      </c>
    </row>
    <row r="8027" spans="8:17" x14ac:dyDescent="0.25">
      <c r="H8027" s="43">
        <v>8020</v>
      </c>
      <c r="I8027" s="55">
        <f>Bühler!I8053</f>
        <v>5.2826420023807303</v>
      </c>
      <c r="J8027" s="58">
        <f>Bühler!J8053</f>
        <v>18.149210564623029</v>
      </c>
      <c r="K8027" s="58">
        <f>Bühler!K8053</f>
        <v>0.62023169800711209</v>
      </c>
      <c r="L8027" s="58">
        <f>Bühler!L8053</f>
        <v>0.31011584900355604</v>
      </c>
      <c r="M8027" s="57">
        <f>Bühler!M8053</f>
        <v>0</v>
      </c>
      <c r="N8027" s="55">
        <f>IF(Input!$K$13=1,J8027*Input!$J$13,0)+IF(Input!$K$14=1,K8027*Input!$J$14,0)+IF(Input!$K$15=1,L8027*Input!$J$15,0)+IF(Input!$K$16=1,M8027*Input!$J$16,0)</f>
        <v>2.1779052677547632</v>
      </c>
      <c r="O8027" s="58">
        <f>IF(Input!$K$13=2,J8027*Input!$J$13,0)+IF(Input!$K$14=2,K8027*Input!$J$14,0)+IF(Input!$K$15=2,L8027*Input!$J$15,0)+IF(Input!$K$16=2,M8027*Input!$J$16,0)</f>
        <v>8.3731279230960132E-2</v>
      </c>
      <c r="P8027" s="58">
        <f>IF(Input!$K$13=3,J8027*Input!$J$13,0)+IF(Input!$K$14=3,K8027*Input!$J$14,0)+IF(Input!$K$15=3,L8027*Input!$J$15,0)+IF(Input!$K$16=3,M8027*Input!$J$16,0)</f>
        <v>0</v>
      </c>
      <c r="Q8027" s="71">
        <f>IF(Input!$K$13=4,J8027*Input!$J$13,0)+IF(Input!$K$14=4,K8027*Input!$J$14,0)+IF(Input!$K$15=4,L8027*Input!$J$15,0)+IF(Input!$K$16=4,M8027*Input!$J$16,0)</f>
        <v>0</v>
      </c>
    </row>
    <row r="8028" spans="8:17" x14ac:dyDescent="0.25">
      <c r="H8028" s="43">
        <v>8021</v>
      </c>
      <c r="I8028" s="55">
        <f>Bühler!I8054</f>
        <v>5.2826420023807303</v>
      </c>
      <c r="J8028" s="58">
        <f>Bühler!J8054</f>
        <v>18.149210564623029</v>
      </c>
      <c r="K8028" s="58">
        <f>Bühler!K8054</f>
        <v>0.62023169800711209</v>
      </c>
      <c r="L8028" s="58">
        <f>Bühler!L8054</f>
        <v>0.31011584900355604</v>
      </c>
      <c r="M8028" s="57">
        <f>Bühler!M8054</f>
        <v>0</v>
      </c>
      <c r="N8028" s="55">
        <f>IF(Input!$K$13=1,J8028*Input!$J$13,0)+IF(Input!$K$14=1,K8028*Input!$J$14,0)+IF(Input!$K$15=1,L8028*Input!$J$15,0)+IF(Input!$K$16=1,M8028*Input!$J$16,0)</f>
        <v>2.1779052677547632</v>
      </c>
      <c r="O8028" s="58">
        <f>IF(Input!$K$13=2,J8028*Input!$J$13,0)+IF(Input!$K$14=2,K8028*Input!$J$14,0)+IF(Input!$K$15=2,L8028*Input!$J$15,0)+IF(Input!$K$16=2,M8028*Input!$J$16,0)</f>
        <v>8.3731279230960132E-2</v>
      </c>
      <c r="P8028" s="58">
        <f>IF(Input!$K$13=3,J8028*Input!$J$13,0)+IF(Input!$K$14=3,K8028*Input!$J$14,0)+IF(Input!$K$15=3,L8028*Input!$J$15,0)+IF(Input!$K$16=3,M8028*Input!$J$16,0)</f>
        <v>0</v>
      </c>
      <c r="Q8028" s="71">
        <f>IF(Input!$K$13=4,J8028*Input!$J$13,0)+IF(Input!$K$14=4,K8028*Input!$J$14,0)+IF(Input!$K$15=4,L8028*Input!$J$15,0)+IF(Input!$K$16=4,M8028*Input!$J$16,0)</f>
        <v>0</v>
      </c>
    </row>
    <row r="8029" spans="8:17" x14ac:dyDescent="0.25">
      <c r="H8029" s="43">
        <v>8022</v>
      </c>
      <c r="I8029" s="55">
        <f>Bühler!I8055</f>
        <v>5.2826420023807303</v>
      </c>
      <c r="J8029" s="58">
        <f>Bühler!J8055</f>
        <v>18.149210564623029</v>
      </c>
      <c r="K8029" s="58">
        <f>Bühler!K8055</f>
        <v>0.62023169800711209</v>
      </c>
      <c r="L8029" s="58">
        <f>Bühler!L8055</f>
        <v>0.31011584900355604</v>
      </c>
      <c r="M8029" s="57">
        <f>Bühler!M8055</f>
        <v>0</v>
      </c>
      <c r="N8029" s="55">
        <f>IF(Input!$K$13=1,J8029*Input!$J$13,0)+IF(Input!$K$14=1,K8029*Input!$J$14,0)+IF(Input!$K$15=1,L8029*Input!$J$15,0)+IF(Input!$K$16=1,M8029*Input!$J$16,0)</f>
        <v>2.1779052677547632</v>
      </c>
      <c r="O8029" s="58">
        <f>IF(Input!$K$13=2,J8029*Input!$J$13,0)+IF(Input!$K$14=2,K8029*Input!$J$14,0)+IF(Input!$K$15=2,L8029*Input!$J$15,0)+IF(Input!$K$16=2,M8029*Input!$J$16,0)</f>
        <v>8.3731279230960132E-2</v>
      </c>
      <c r="P8029" s="58">
        <f>IF(Input!$K$13=3,J8029*Input!$J$13,0)+IF(Input!$K$14=3,K8029*Input!$J$14,0)+IF(Input!$K$15=3,L8029*Input!$J$15,0)+IF(Input!$K$16=3,M8029*Input!$J$16,0)</f>
        <v>0</v>
      </c>
      <c r="Q8029" s="71">
        <f>IF(Input!$K$13=4,J8029*Input!$J$13,0)+IF(Input!$K$14=4,K8029*Input!$J$14,0)+IF(Input!$K$15=4,L8029*Input!$J$15,0)+IF(Input!$K$16=4,M8029*Input!$J$16,0)</f>
        <v>0</v>
      </c>
    </row>
    <row r="8030" spans="8:17" x14ac:dyDescent="0.25">
      <c r="H8030" s="43">
        <v>8023</v>
      </c>
      <c r="I8030" s="55">
        <f>Bühler!I8056</f>
        <v>5.2826420023807303</v>
      </c>
      <c r="J8030" s="58">
        <f>Bühler!J8056</f>
        <v>18.149210564623029</v>
      </c>
      <c r="K8030" s="58">
        <f>Bühler!K8056</f>
        <v>0.62023169800711209</v>
      </c>
      <c r="L8030" s="58">
        <f>Bühler!L8056</f>
        <v>0.31011584900355604</v>
      </c>
      <c r="M8030" s="57">
        <f>Bühler!M8056</f>
        <v>0</v>
      </c>
      <c r="N8030" s="55">
        <f>IF(Input!$K$13=1,J8030*Input!$J$13,0)+IF(Input!$K$14=1,K8030*Input!$J$14,0)+IF(Input!$K$15=1,L8030*Input!$J$15,0)+IF(Input!$K$16=1,M8030*Input!$J$16,0)</f>
        <v>2.1779052677547632</v>
      </c>
      <c r="O8030" s="58">
        <f>IF(Input!$K$13=2,J8030*Input!$J$13,0)+IF(Input!$K$14=2,K8030*Input!$J$14,0)+IF(Input!$K$15=2,L8030*Input!$J$15,0)+IF(Input!$K$16=2,M8030*Input!$J$16,0)</f>
        <v>8.3731279230960132E-2</v>
      </c>
      <c r="P8030" s="58">
        <f>IF(Input!$K$13=3,J8030*Input!$J$13,0)+IF(Input!$K$14=3,K8030*Input!$J$14,0)+IF(Input!$K$15=3,L8030*Input!$J$15,0)+IF(Input!$K$16=3,M8030*Input!$J$16,0)</f>
        <v>0</v>
      </c>
      <c r="Q8030" s="71">
        <f>IF(Input!$K$13=4,J8030*Input!$J$13,0)+IF(Input!$K$14=4,K8030*Input!$J$14,0)+IF(Input!$K$15=4,L8030*Input!$J$15,0)+IF(Input!$K$16=4,M8030*Input!$J$16,0)</f>
        <v>0</v>
      </c>
    </row>
    <row r="8031" spans="8:17" x14ac:dyDescent="0.25">
      <c r="H8031" s="43">
        <v>8024</v>
      </c>
      <c r="I8031" s="55">
        <f>Bühler!I8057</f>
        <v>14.314255748386495</v>
      </c>
      <c r="J8031" s="58">
        <f>Bühler!J8057</f>
        <v>68.443354558392386</v>
      </c>
      <c r="K8031" s="58">
        <f>Bühler!K8057</f>
        <v>2.6421870335102975</v>
      </c>
      <c r="L8031" s="58">
        <f>Bühler!L8057</f>
        <v>1.3210935167551487</v>
      </c>
      <c r="M8031" s="57">
        <f>Bühler!M8057</f>
        <v>0</v>
      </c>
      <c r="N8031" s="55">
        <f>IF(Input!$K$13=1,J8031*Input!$J$13,0)+IF(Input!$K$14=1,K8031*Input!$J$14,0)+IF(Input!$K$15=1,L8031*Input!$J$15,0)+IF(Input!$K$16=1,M8031*Input!$J$16,0)</f>
        <v>8.2132025470070857</v>
      </c>
      <c r="O8031" s="58">
        <f>IF(Input!$K$13=2,J8031*Input!$J$13,0)+IF(Input!$K$14=2,K8031*Input!$J$14,0)+IF(Input!$K$15=2,L8031*Input!$J$15,0)+IF(Input!$K$16=2,M8031*Input!$J$16,0)</f>
        <v>0.35669524952389015</v>
      </c>
      <c r="P8031" s="58">
        <f>IF(Input!$K$13=3,J8031*Input!$J$13,0)+IF(Input!$K$14=3,K8031*Input!$J$14,0)+IF(Input!$K$15=3,L8031*Input!$J$15,0)+IF(Input!$K$16=3,M8031*Input!$J$16,0)</f>
        <v>0</v>
      </c>
      <c r="Q8031" s="71">
        <f>IF(Input!$K$13=4,J8031*Input!$J$13,0)+IF(Input!$K$14=4,K8031*Input!$J$14,0)+IF(Input!$K$15=4,L8031*Input!$J$15,0)+IF(Input!$K$16=4,M8031*Input!$J$16,0)</f>
        <v>0</v>
      </c>
    </row>
    <row r="8032" spans="8:17" x14ac:dyDescent="0.25">
      <c r="H8032" s="43">
        <v>8025</v>
      </c>
      <c r="I8032" s="55">
        <f>Bühler!I8058</f>
        <v>17.892819685483119</v>
      </c>
      <c r="J8032" s="58">
        <f>Bühler!J8058</f>
        <v>85.554193197990486</v>
      </c>
      <c r="K8032" s="58">
        <f>Bühler!K8058</f>
        <v>3.3027337918878721</v>
      </c>
      <c r="L8032" s="58">
        <f>Bühler!L8058</f>
        <v>1.651366895943936</v>
      </c>
      <c r="M8032" s="57">
        <f>Bühler!M8058</f>
        <v>0</v>
      </c>
      <c r="N8032" s="55">
        <f>IF(Input!$K$13=1,J8032*Input!$J$13,0)+IF(Input!$K$14=1,K8032*Input!$J$14,0)+IF(Input!$K$15=1,L8032*Input!$J$15,0)+IF(Input!$K$16=1,M8032*Input!$J$16,0)</f>
        <v>10.266503183758857</v>
      </c>
      <c r="O8032" s="58">
        <f>IF(Input!$K$13=2,J8032*Input!$J$13,0)+IF(Input!$K$14=2,K8032*Input!$J$14,0)+IF(Input!$K$15=2,L8032*Input!$J$15,0)+IF(Input!$K$16=2,M8032*Input!$J$16,0)</f>
        <v>0.4458690619048627</v>
      </c>
      <c r="P8032" s="58">
        <f>IF(Input!$K$13=3,J8032*Input!$J$13,0)+IF(Input!$K$14=3,K8032*Input!$J$14,0)+IF(Input!$K$15=3,L8032*Input!$J$15,0)+IF(Input!$K$16=3,M8032*Input!$J$16,0)</f>
        <v>0</v>
      </c>
      <c r="Q8032" s="71">
        <f>IF(Input!$K$13=4,J8032*Input!$J$13,0)+IF(Input!$K$14=4,K8032*Input!$J$14,0)+IF(Input!$K$15=4,L8032*Input!$J$15,0)+IF(Input!$K$16=4,M8032*Input!$J$16,0)</f>
        <v>0</v>
      </c>
    </row>
    <row r="8033" spans="8:17" x14ac:dyDescent="0.25">
      <c r="H8033" s="43">
        <v>8026</v>
      </c>
      <c r="I8033" s="55">
        <f>Bühler!I8059</f>
        <v>19.682101654031431</v>
      </c>
      <c r="J8033" s="58">
        <f>Bühler!J8059</f>
        <v>94.109612517789543</v>
      </c>
      <c r="K8033" s="58">
        <f>Bühler!K8059</f>
        <v>3.6330071710766587</v>
      </c>
      <c r="L8033" s="58">
        <f>Bühler!L8059</f>
        <v>1.8165035855383294</v>
      </c>
      <c r="M8033" s="57">
        <f>Bühler!M8059</f>
        <v>0</v>
      </c>
      <c r="N8033" s="55">
        <f>IF(Input!$K$13=1,J8033*Input!$J$13,0)+IF(Input!$K$14=1,K8033*Input!$J$14,0)+IF(Input!$K$15=1,L8033*Input!$J$15,0)+IF(Input!$K$16=1,M8033*Input!$J$16,0)</f>
        <v>11.293153502134745</v>
      </c>
      <c r="O8033" s="58">
        <f>IF(Input!$K$13=2,J8033*Input!$J$13,0)+IF(Input!$K$14=2,K8033*Input!$J$14,0)+IF(Input!$K$15=2,L8033*Input!$J$15,0)+IF(Input!$K$16=2,M8033*Input!$J$16,0)</f>
        <v>0.49045596809534892</v>
      </c>
      <c r="P8033" s="58">
        <f>IF(Input!$K$13=3,J8033*Input!$J$13,0)+IF(Input!$K$14=3,K8033*Input!$J$14,0)+IF(Input!$K$15=3,L8033*Input!$J$15,0)+IF(Input!$K$16=3,M8033*Input!$J$16,0)</f>
        <v>0</v>
      </c>
      <c r="Q8033" s="71">
        <f>IF(Input!$K$13=4,J8033*Input!$J$13,0)+IF(Input!$K$14=4,K8033*Input!$J$14,0)+IF(Input!$K$15=4,L8033*Input!$J$15,0)+IF(Input!$K$16=4,M8033*Input!$J$16,0)</f>
        <v>0</v>
      </c>
    </row>
    <row r="8034" spans="8:17" x14ac:dyDescent="0.25">
      <c r="H8034" s="43">
        <v>8027</v>
      </c>
      <c r="I8034" s="55">
        <f>Bühler!I8060</f>
        <v>19.682101654031431</v>
      </c>
      <c r="J8034" s="58">
        <f>Bühler!J8060</f>
        <v>94.109612517789543</v>
      </c>
      <c r="K8034" s="58">
        <f>Bühler!K8060</f>
        <v>3.6330071710766587</v>
      </c>
      <c r="L8034" s="58">
        <f>Bühler!L8060</f>
        <v>1.8165035855383294</v>
      </c>
      <c r="M8034" s="57">
        <f>Bühler!M8060</f>
        <v>0</v>
      </c>
      <c r="N8034" s="55">
        <f>IF(Input!$K$13=1,J8034*Input!$J$13,0)+IF(Input!$K$14=1,K8034*Input!$J$14,0)+IF(Input!$K$15=1,L8034*Input!$J$15,0)+IF(Input!$K$16=1,M8034*Input!$J$16,0)</f>
        <v>11.293153502134745</v>
      </c>
      <c r="O8034" s="58">
        <f>IF(Input!$K$13=2,J8034*Input!$J$13,0)+IF(Input!$K$14=2,K8034*Input!$J$14,0)+IF(Input!$K$15=2,L8034*Input!$J$15,0)+IF(Input!$K$16=2,M8034*Input!$J$16,0)</f>
        <v>0.49045596809534892</v>
      </c>
      <c r="P8034" s="58">
        <f>IF(Input!$K$13=3,J8034*Input!$J$13,0)+IF(Input!$K$14=3,K8034*Input!$J$14,0)+IF(Input!$K$15=3,L8034*Input!$J$15,0)+IF(Input!$K$16=3,M8034*Input!$J$16,0)</f>
        <v>0</v>
      </c>
      <c r="Q8034" s="71">
        <f>IF(Input!$K$13=4,J8034*Input!$J$13,0)+IF(Input!$K$14=4,K8034*Input!$J$14,0)+IF(Input!$K$15=4,L8034*Input!$J$15,0)+IF(Input!$K$16=4,M8034*Input!$J$16,0)</f>
        <v>0</v>
      </c>
    </row>
    <row r="8035" spans="8:17" x14ac:dyDescent="0.25">
      <c r="H8035" s="43">
        <v>8028</v>
      </c>
      <c r="I8035" s="55">
        <f>Bühler!I8061</f>
        <v>23.260665591128056</v>
      </c>
      <c r="J8035" s="58">
        <f>Bühler!J8061</f>
        <v>111.22045115738764</v>
      </c>
      <c r="K8035" s="58">
        <f>Bühler!K8061</f>
        <v>4.2935539294542338</v>
      </c>
      <c r="L8035" s="58">
        <f>Bühler!L8061</f>
        <v>2.1467769647271169</v>
      </c>
      <c r="M8035" s="57">
        <f>Bühler!M8061</f>
        <v>0</v>
      </c>
      <c r="N8035" s="55">
        <f>IF(Input!$K$13=1,J8035*Input!$J$13,0)+IF(Input!$K$14=1,K8035*Input!$J$14,0)+IF(Input!$K$15=1,L8035*Input!$J$15,0)+IF(Input!$K$16=1,M8035*Input!$J$16,0)</f>
        <v>13.346454138886516</v>
      </c>
      <c r="O8035" s="58">
        <f>IF(Input!$K$13=2,J8035*Input!$J$13,0)+IF(Input!$K$14=2,K8035*Input!$J$14,0)+IF(Input!$K$15=2,L8035*Input!$J$15,0)+IF(Input!$K$16=2,M8035*Input!$J$16,0)</f>
        <v>0.57962978047632152</v>
      </c>
      <c r="P8035" s="58">
        <f>IF(Input!$K$13=3,J8035*Input!$J$13,0)+IF(Input!$K$14=3,K8035*Input!$J$14,0)+IF(Input!$K$15=3,L8035*Input!$J$15,0)+IF(Input!$K$16=3,M8035*Input!$J$16,0)</f>
        <v>0</v>
      </c>
      <c r="Q8035" s="71">
        <f>IF(Input!$K$13=4,J8035*Input!$J$13,0)+IF(Input!$K$14=4,K8035*Input!$J$14,0)+IF(Input!$K$15=4,L8035*Input!$J$15,0)+IF(Input!$K$16=4,M8035*Input!$J$16,0)</f>
        <v>0</v>
      </c>
    </row>
    <row r="8036" spans="8:17" x14ac:dyDescent="0.25">
      <c r="H8036" s="43">
        <v>8029</v>
      </c>
      <c r="I8036" s="55">
        <f>Bühler!I8062</f>
        <v>23.260665591128056</v>
      </c>
      <c r="J8036" s="58">
        <f>Bühler!J8062</f>
        <v>111.22045115738764</v>
      </c>
      <c r="K8036" s="58">
        <f>Bühler!K8062</f>
        <v>4.2935539294542338</v>
      </c>
      <c r="L8036" s="58">
        <f>Bühler!L8062</f>
        <v>2.1467769647271169</v>
      </c>
      <c r="M8036" s="57">
        <f>Bühler!M8062</f>
        <v>0</v>
      </c>
      <c r="N8036" s="55">
        <f>IF(Input!$K$13=1,J8036*Input!$J$13,0)+IF(Input!$K$14=1,K8036*Input!$J$14,0)+IF(Input!$K$15=1,L8036*Input!$J$15,0)+IF(Input!$K$16=1,M8036*Input!$J$16,0)</f>
        <v>13.346454138886516</v>
      </c>
      <c r="O8036" s="58">
        <f>IF(Input!$K$13=2,J8036*Input!$J$13,0)+IF(Input!$K$14=2,K8036*Input!$J$14,0)+IF(Input!$K$15=2,L8036*Input!$J$15,0)+IF(Input!$K$16=2,M8036*Input!$J$16,0)</f>
        <v>0.57962978047632152</v>
      </c>
      <c r="P8036" s="58">
        <f>IF(Input!$K$13=3,J8036*Input!$J$13,0)+IF(Input!$K$14=3,K8036*Input!$J$14,0)+IF(Input!$K$15=3,L8036*Input!$J$15,0)+IF(Input!$K$16=3,M8036*Input!$J$16,0)</f>
        <v>0</v>
      </c>
      <c r="Q8036" s="71">
        <f>IF(Input!$K$13=4,J8036*Input!$J$13,0)+IF(Input!$K$14=4,K8036*Input!$J$14,0)+IF(Input!$K$15=4,L8036*Input!$J$15,0)+IF(Input!$K$16=4,M8036*Input!$J$16,0)</f>
        <v>0</v>
      </c>
    </row>
    <row r="8037" spans="8:17" x14ac:dyDescent="0.25">
      <c r="H8037" s="43">
        <v>8030</v>
      </c>
      <c r="I8037" s="55">
        <f>Bühler!I8063</f>
        <v>16.10353771693481</v>
      </c>
      <c r="J8037" s="58">
        <f>Bühler!J8063</f>
        <v>76.998773878191429</v>
      </c>
      <c r="K8037" s="58">
        <f>Bühler!K8063</f>
        <v>2.9724604126990846</v>
      </c>
      <c r="L8037" s="58">
        <f>Bühler!L8063</f>
        <v>1.4862302063495423</v>
      </c>
      <c r="M8037" s="57">
        <f>Bühler!M8063</f>
        <v>0</v>
      </c>
      <c r="N8037" s="55">
        <f>IF(Input!$K$13=1,J8037*Input!$J$13,0)+IF(Input!$K$14=1,K8037*Input!$J$14,0)+IF(Input!$K$15=1,L8037*Input!$J$15,0)+IF(Input!$K$16=1,M8037*Input!$J$16,0)</f>
        <v>9.2398528653829715</v>
      </c>
      <c r="O8037" s="58">
        <f>IF(Input!$K$13=2,J8037*Input!$J$13,0)+IF(Input!$K$14=2,K8037*Input!$J$14,0)+IF(Input!$K$15=2,L8037*Input!$J$15,0)+IF(Input!$K$16=2,M8037*Input!$J$16,0)</f>
        <v>0.40128215571437642</v>
      </c>
      <c r="P8037" s="58">
        <f>IF(Input!$K$13=3,J8037*Input!$J$13,0)+IF(Input!$K$14=3,K8037*Input!$J$14,0)+IF(Input!$K$15=3,L8037*Input!$J$15,0)+IF(Input!$K$16=3,M8037*Input!$J$16,0)</f>
        <v>0</v>
      </c>
      <c r="Q8037" s="71">
        <f>IF(Input!$K$13=4,J8037*Input!$J$13,0)+IF(Input!$K$14=4,K8037*Input!$J$14,0)+IF(Input!$K$15=4,L8037*Input!$J$15,0)+IF(Input!$K$16=4,M8037*Input!$J$16,0)</f>
        <v>0</v>
      </c>
    </row>
    <row r="8038" spans="8:17" x14ac:dyDescent="0.25">
      <c r="H8038" s="43">
        <v>8031</v>
      </c>
      <c r="I8038" s="55">
        <f>Bühler!I8064</f>
        <v>23.260665591128056</v>
      </c>
      <c r="J8038" s="58">
        <f>Bühler!J8064</f>
        <v>111.22045115738764</v>
      </c>
      <c r="K8038" s="58">
        <f>Bühler!K8064</f>
        <v>4.2935539294542338</v>
      </c>
      <c r="L8038" s="58">
        <f>Bühler!L8064</f>
        <v>2.1467769647271169</v>
      </c>
      <c r="M8038" s="57">
        <f>Bühler!M8064</f>
        <v>0</v>
      </c>
      <c r="N8038" s="55">
        <f>IF(Input!$K$13=1,J8038*Input!$J$13,0)+IF(Input!$K$14=1,K8038*Input!$J$14,0)+IF(Input!$K$15=1,L8038*Input!$J$15,0)+IF(Input!$K$16=1,M8038*Input!$J$16,0)</f>
        <v>13.346454138886516</v>
      </c>
      <c r="O8038" s="58">
        <f>IF(Input!$K$13=2,J8038*Input!$J$13,0)+IF(Input!$K$14=2,K8038*Input!$J$14,0)+IF(Input!$K$15=2,L8038*Input!$J$15,0)+IF(Input!$K$16=2,M8038*Input!$J$16,0)</f>
        <v>0.57962978047632152</v>
      </c>
      <c r="P8038" s="58">
        <f>IF(Input!$K$13=3,J8038*Input!$J$13,0)+IF(Input!$K$14=3,K8038*Input!$J$14,0)+IF(Input!$K$15=3,L8038*Input!$J$15,0)+IF(Input!$K$16=3,M8038*Input!$J$16,0)</f>
        <v>0</v>
      </c>
      <c r="Q8038" s="71">
        <f>IF(Input!$K$13=4,J8038*Input!$J$13,0)+IF(Input!$K$14=4,K8038*Input!$J$14,0)+IF(Input!$K$15=4,L8038*Input!$J$15,0)+IF(Input!$K$16=4,M8038*Input!$J$16,0)</f>
        <v>0</v>
      </c>
    </row>
    <row r="8039" spans="8:17" x14ac:dyDescent="0.25">
      <c r="H8039" s="43">
        <v>8032</v>
      </c>
      <c r="I8039" s="55">
        <f>Bühler!I8065</f>
        <v>19.682101654031431</v>
      </c>
      <c r="J8039" s="58">
        <f>Bühler!J8065</f>
        <v>87.492581997251165</v>
      </c>
      <c r="K8039" s="58">
        <f>Bühler!K8065</f>
        <v>3.3027337918878721</v>
      </c>
      <c r="L8039" s="58">
        <f>Bühler!L8065</f>
        <v>1.651366895943936</v>
      </c>
      <c r="M8039" s="57">
        <f>Bühler!M8065</f>
        <v>0</v>
      </c>
      <c r="N8039" s="55">
        <f>IF(Input!$K$13=1,J8039*Input!$J$13,0)+IF(Input!$K$14=1,K8039*Input!$J$14,0)+IF(Input!$K$15=1,L8039*Input!$J$15,0)+IF(Input!$K$16=1,M8039*Input!$J$16,0)</f>
        <v>10.499109839670139</v>
      </c>
      <c r="O8039" s="58">
        <f>IF(Input!$K$13=2,J8039*Input!$J$13,0)+IF(Input!$K$14=2,K8039*Input!$J$14,0)+IF(Input!$K$15=2,L8039*Input!$J$15,0)+IF(Input!$K$16=2,M8039*Input!$J$16,0)</f>
        <v>0.4458690619048627</v>
      </c>
      <c r="P8039" s="58">
        <f>IF(Input!$K$13=3,J8039*Input!$J$13,0)+IF(Input!$K$14=3,K8039*Input!$J$14,0)+IF(Input!$K$15=3,L8039*Input!$J$15,0)+IF(Input!$K$16=3,M8039*Input!$J$16,0)</f>
        <v>0</v>
      </c>
      <c r="Q8039" s="71">
        <f>IF(Input!$K$13=4,J8039*Input!$J$13,0)+IF(Input!$K$14=4,K8039*Input!$J$14,0)+IF(Input!$K$15=4,L8039*Input!$J$15,0)+IF(Input!$K$16=4,M8039*Input!$J$16,0)</f>
        <v>0</v>
      </c>
    </row>
    <row r="8040" spans="8:17" x14ac:dyDescent="0.25">
      <c r="H8040" s="43">
        <v>8033</v>
      </c>
      <c r="I8040" s="55">
        <f>Bühler!I8066</f>
        <v>17.040780652841072</v>
      </c>
      <c r="J8040" s="58">
        <f>Bühler!J8066</f>
        <v>49.52671669568759</v>
      </c>
      <c r="K8040" s="58">
        <f>Bühler!K8066</f>
        <v>1.55057924501778</v>
      </c>
      <c r="L8040" s="58">
        <f>Bühler!L8066</f>
        <v>0.77528962250889</v>
      </c>
      <c r="M8040" s="57">
        <f>Bühler!M8066</f>
        <v>0</v>
      </c>
      <c r="N8040" s="55">
        <f>IF(Input!$K$13=1,J8040*Input!$J$13,0)+IF(Input!$K$14=1,K8040*Input!$J$14,0)+IF(Input!$K$15=1,L8040*Input!$J$15,0)+IF(Input!$K$16=1,M8040*Input!$J$16,0)</f>
        <v>5.9432060034825103</v>
      </c>
      <c r="O8040" s="58">
        <f>IF(Input!$K$13=2,J8040*Input!$J$13,0)+IF(Input!$K$14=2,K8040*Input!$J$14,0)+IF(Input!$K$15=2,L8040*Input!$J$15,0)+IF(Input!$K$16=2,M8040*Input!$J$16,0)</f>
        <v>0.20932819807740027</v>
      </c>
      <c r="P8040" s="58">
        <f>IF(Input!$K$13=3,J8040*Input!$J$13,0)+IF(Input!$K$14=3,K8040*Input!$J$14,0)+IF(Input!$K$15=3,L8040*Input!$J$15,0)+IF(Input!$K$16=3,M8040*Input!$J$16,0)</f>
        <v>0</v>
      </c>
      <c r="Q8040" s="71">
        <f>IF(Input!$K$13=4,J8040*Input!$J$13,0)+IF(Input!$K$14=4,K8040*Input!$J$14,0)+IF(Input!$K$15=4,L8040*Input!$J$15,0)+IF(Input!$K$16=4,M8040*Input!$J$16,0)</f>
        <v>0</v>
      </c>
    </row>
    <row r="8041" spans="8:17" x14ac:dyDescent="0.25">
      <c r="H8041" s="43">
        <v>8034</v>
      </c>
      <c r="I8041" s="55">
        <f>Bühler!I8067</f>
        <v>14.314255748386495</v>
      </c>
      <c r="J8041" s="58">
        <f>Bühler!J8067</f>
        <v>36.010585246457822</v>
      </c>
      <c r="K8041" s="58">
        <f>Bühler!K8067</f>
        <v>1.0233823017117349</v>
      </c>
      <c r="L8041" s="58">
        <f>Bühler!L8067</f>
        <v>0.51169115085586747</v>
      </c>
      <c r="M8041" s="57">
        <f>Bühler!M8067</f>
        <v>0</v>
      </c>
      <c r="N8041" s="55">
        <f>IF(Input!$K$13=1,J8041*Input!$J$13,0)+IF(Input!$K$14=1,K8041*Input!$J$14,0)+IF(Input!$K$15=1,L8041*Input!$J$15,0)+IF(Input!$K$16=1,M8041*Input!$J$16,0)</f>
        <v>4.3212702295749388</v>
      </c>
      <c r="O8041" s="58">
        <f>IF(Input!$K$13=2,J8041*Input!$J$13,0)+IF(Input!$K$14=2,K8041*Input!$J$14,0)+IF(Input!$K$15=2,L8041*Input!$J$15,0)+IF(Input!$K$16=2,M8041*Input!$J$16,0)</f>
        <v>0.13815661073108421</v>
      </c>
      <c r="P8041" s="58">
        <f>IF(Input!$K$13=3,J8041*Input!$J$13,0)+IF(Input!$K$14=3,K8041*Input!$J$14,0)+IF(Input!$K$15=3,L8041*Input!$J$15,0)+IF(Input!$K$16=3,M8041*Input!$J$16,0)</f>
        <v>0</v>
      </c>
      <c r="Q8041" s="71">
        <f>IF(Input!$K$13=4,J8041*Input!$J$13,0)+IF(Input!$K$14=4,K8041*Input!$J$14,0)+IF(Input!$K$15=4,L8041*Input!$J$15,0)+IF(Input!$K$16=4,M8041*Input!$J$16,0)</f>
        <v>0</v>
      </c>
    </row>
    <row r="8042" spans="8:17" x14ac:dyDescent="0.25">
      <c r="H8042" s="43">
        <v>8035</v>
      </c>
      <c r="I8042" s="55">
        <f>Bühler!I8068</f>
        <v>5.2826420023807303</v>
      </c>
      <c r="J8042" s="58">
        <f>Bühler!J8068</f>
        <v>18.77052798439189</v>
      </c>
      <c r="K8042" s="58">
        <f>Bühler!K8068</f>
        <v>0.65124328290746758</v>
      </c>
      <c r="L8042" s="58">
        <f>Bühler!L8068</f>
        <v>0.32562164145373379</v>
      </c>
      <c r="M8042" s="57">
        <f>Bühler!M8068</f>
        <v>0</v>
      </c>
      <c r="N8042" s="55">
        <f>IF(Input!$K$13=1,J8042*Input!$J$13,0)+IF(Input!$K$14=1,K8042*Input!$J$14,0)+IF(Input!$K$15=1,L8042*Input!$J$15,0)+IF(Input!$K$16=1,M8042*Input!$J$16,0)</f>
        <v>2.2524633581270268</v>
      </c>
      <c r="O8042" s="58">
        <f>IF(Input!$K$13=2,J8042*Input!$J$13,0)+IF(Input!$K$14=2,K8042*Input!$J$14,0)+IF(Input!$K$15=2,L8042*Input!$J$15,0)+IF(Input!$K$16=2,M8042*Input!$J$16,0)</f>
        <v>8.7917843192508116E-2</v>
      </c>
      <c r="P8042" s="58">
        <f>IF(Input!$K$13=3,J8042*Input!$J$13,0)+IF(Input!$K$14=3,K8042*Input!$J$14,0)+IF(Input!$K$15=3,L8042*Input!$J$15,0)+IF(Input!$K$16=3,M8042*Input!$J$16,0)</f>
        <v>0</v>
      </c>
      <c r="Q8042" s="71">
        <f>IF(Input!$K$13=4,J8042*Input!$J$13,0)+IF(Input!$K$14=4,K8042*Input!$J$14,0)+IF(Input!$K$15=4,L8042*Input!$J$15,0)+IF(Input!$K$16=4,M8042*Input!$J$16,0)</f>
        <v>0</v>
      </c>
    </row>
    <row r="8043" spans="8:17" x14ac:dyDescent="0.25">
      <c r="H8043" s="43">
        <v>8036</v>
      </c>
      <c r="I8043" s="55">
        <f>Bühler!I8069</f>
        <v>5.2826420023807303</v>
      </c>
      <c r="J8043" s="58">
        <f>Bühler!J8069</f>
        <v>18.149210564623029</v>
      </c>
      <c r="K8043" s="58">
        <f>Bühler!K8069</f>
        <v>0.62023169800711209</v>
      </c>
      <c r="L8043" s="58">
        <f>Bühler!L8069</f>
        <v>0.31011584900355604</v>
      </c>
      <c r="M8043" s="57">
        <f>Bühler!M8069</f>
        <v>0</v>
      </c>
      <c r="N8043" s="55">
        <f>IF(Input!$K$13=1,J8043*Input!$J$13,0)+IF(Input!$K$14=1,K8043*Input!$J$14,0)+IF(Input!$K$15=1,L8043*Input!$J$15,0)+IF(Input!$K$16=1,M8043*Input!$J$16,0)</f>
        <v>2.1779052677547632</v>
      </c>
      <c r="O8043" s="58">
        <f>IF(Input!$K$13=2,J8043*Input!$J$13,0)+IF(Input!$K$14=2,K8043*Input!$J$14,0)+IF(Input!$K$15=2,L8043*Input!$J$15,0)+IF(Input!$K$16=2,M8043*Input!$J$16,0)</f>
        <v>8.3731279230960132E-2</v>
      </c>
      <c r="P8043" s="58">
        <f>IF(Input!$K$13=3,J8043*Input!$J$13,0)+IF(Input!$K$14=3,K8043*Input!$J$14,0)+IF(Input!$K$15=3,L8043*Input!$J$15,0)+IF(Input!$K$16=3,M8043*Input!$J$16,0)</f>
        <v>0</v>
      </c>
      <c r="Q8043" s="71">
        <f>IF(Input!$K$13=4,J8043*Input!$J$13,0)+IF(Input!$K$14=4,K8043*Input!$J$14,0)+IF(Input!$K$15=4,L8043*Input!$J$15,0)+IF(Input!$K$16=4,M8043*Input!$J$16,0)</f>
        <v>0</v>
      </c>
    </row>
    <row r="8044" spans="8:17" x14ac:dyDescent="0.25">
      <c r="H8044" s="43">
        <v>8037</v>
      </c>
      <c r="I8044" s="55">
        <f>Bühler!I8070</f>
        <v>5.2826420023807303</v>
      </c>
      <c r="J8044" s="58">
        <f>Bühler!J8070</f>
        <v>18.149210564623029</v>
      </c>
      <c r="K8044" s="58">
        <f>Bühler!K8070</f>
        <v>0.62023169800711209</v>
      </c>
      <c r="L8044" s="58">
        <f>Bühler!L8070</f>
        <v>0.31011584900355604</v>
      </c>
      <c r="M8044" s="57">
        <f>Bühler!M8070</f>
        <v>0</v>
      </c>
      <c r="N8044" s="55">
        <f>IF(Input!$K$13=1,J8044*Input!$J$13,0)+IF(Input!$K$14=1,K8044*Input!$J$14,0)+IF(Input!$K$15=1,L8044*Input!$J$15,0)+IF(Input!$K$16=1,M8044*Input!$J$16,0)</f>
        <v>2.1779052677547632</v>
      </c>
      <c r="O8044" s="58">
        <f>IF(Input!$K$13=2,J8044*Input!$J$13,0)+IF(Input!$K$14=2,K8044*Input!$J$14,0)+IF(Input!$K$15=2,L8044*Input!$J$15,0)+IF(Input!$K$16=2,M8044*Input!$J$16,0)</f>
        <v>8.3731279230960132E-2</v>
      </c>
      <c r="P8044" s="58">
        <f>IF(Input!$K$13=3,J8044*Input!$J$13,0)+IF(Input!$K$14=3,K8044*Input!$J$14,0)+IF(Input!$K$15=3,L8044*Input!$J$15,0)+IF(Input!$K$16=3,M8044*Input!$J$16,0)</f>
        <v>0</v>
      </c>
      <c r="Q8044" s="71">
        <f>IF(Input!$K$13=4,J8044*Input!$J$13,0)+IF(Input!$K$14=4,K8044*Input!$J$14,0)+IF(Input!$K$15=4,L8044*Input!$J$15,0)+IF(Input!$K$16=4,M8044*Input!$J$16,0)</f>
        <v>0</v>
      </c>
    </row>
    <row r="8045" spans="8:17" x14ac:dyDescent="0.25">
      <c r="H8045" s="43">
        <v>8038</v>
      </c>
      <c r="I8045" s="55">
        <f>Bühler!I8071</f>
        <v>5.2826420023807303</v>
      </c>
      <c r="J8045" s="58">
        <f>Bühler!J8071</f>
        <v>18.149210564623029</v>
      </c>
      <c r="K8045" s="58">
        <f>Bühler!K8071</f>
        <v>0.62023169800711209</v>
      </c>
      <c r="L8045" s="58">
        <f>Bühler!L8071</f>
        <v>0.31011584900355604</v>
      </c>
      <c r="M8045" s="57">
        <f>Bühler!M8071</f>
        <v>0</v>
      </c>
      <c r="N8045" s="55">
        <f>IF(Input!$K$13=1,J8045*Input!$J$13,0)+IF(Input!$K$14=1,K8045*Input!$J$14,0)+IF(Input!$K$15=1,L8045*Input!$J$15,0)+IF(Input!$K$16=1,M8045*Input!$J$16,0)</f>
        <v>2.1779052677547632</v>
      </c>
      <c r="O8045" s="58">
        <f>IF(Input!$K$13=2,J8045*Input!$J$13,0)+IF(Input!$K$14=2,K8045*Input!$J$14,0)+IF(Input!$K$15=2,L8045*Input!$J$15,0)+IF(Input!$K$16=2,M8045*Input!$J$16,0)</f>
        <v>8.3731279230960132E-2</v>
      </c>
      <c r="P8045" s="58">
        <f>IF(Input!$K$13=3,J8045*Input!$J$13,0)+IF(Input!$K$14=3,K8045*Input!$J$14,0)+IF(Input!$K$15=3,L8045*Input!$J$15,0)+IF(Input!$K$16=3,M8045*Input!$J$16,0)</f>
        <v>0</v>
      </c>
      <c r="Q8045" s="71">
        <f>IF(Input!$K$13=4,J8045*Input!$J$13,0)+IF(Input!$K$14=4,K8045*Input!$J$14,0)+IF(Input!$K$15=4,L8045*Input!$J$15,0)+IF(Input!$K$16=4,M8045*Input!$J$16,0)</f>
        <v>0</v>
      </c>
    </row>
    <row r="8046" spans="8:17" x14ac:dyDescent="0.25">
      <c r="H8046" s="43">
        <v>8039</v>
      </c>
      <c r="I8046" s="55">
        <f>Bühler!I8072</f>
        <v>5.2826420023807303</v>
      </c>
      <c r="J8046" s="58">
        <f>Bühler!J8072</f>
        <v>18.149210564623029</v>
      </c>
      <c r="K8046" s="58">
        <f>Bühler!K8072</f>
        <v>0.62023169800711209</v>
      </c>
      <c r="L8046" s="58">
        <f>Bühler!L8072</f>
        <v>0.31011584900355604</v>
      </c>
      <c r="M8046" s="57">
        <f>Bühler!M8072</f>
        <v>0</v>
      </c>
      <c r="N8046" s="55">
        <f>IF(Input!$K$13=1,J8046*Input!$J$13,0)+IF(Input!$K$14=1,K8046*Input!$J$14,0)+IF(Input!$K$15=1,L8046*Input!$J$15,0)+IF(Input!$K$16=1,M8046*Input!$J$16,0)</f>
        <v>2.1779052677547632</v>
      </c>
      <c r="O8046" s="58">
        <f>IF(Input!$K$13=2,J8046*Input!$J$13,0)+IF(Input!$K$14=2,K8046*Input!$J$14,0)+IF(Input!$K$15=2,L8046*Input!$J$15,0)+IF(Input!$K$16=2,M8046*Input!$J$16,0)</f>
        <v>8.3731279230960132E-2</v>
      </c>
      <c r="P8046" s="58">
        <f>IF(Input!$K$13=3,J8046*Input!$J$13,0)+IF(Input!$K$14=3,K8046*Input!$J$14,0)+IF(Input!$K$15=3,L8046*Input!$J$15,0)+IF(Input!$K$16=3,M8046*Input!$J$16,0)</f>
        <v>0</v>
      </c>
      <c r="Q8046" s="71">
        <f>IF(Input!$K$13=4,J8046*Input!$J$13,0)+IF(Input!$K$14=4,K8046*Input!$J$14,0)+IF(Input!$K$15=4,L8046*Input!$J$15,0)+IF(Input!$K$16=4,M8046*Input!$J$16,0)</f>
        <v>0</v>
      </c>
    </row>
    <row r="8047" spans="8:17" x14ac:dyDescent="0.25">
      <c r="H8047" s="43">
        <v>8040</v>
      </c>
      <c r="I8047" s="55">
        <f>Bühler!I8073</f>
        <v>5.2826420023807303</v>
      </c>
      <c r="J8047" s="58">
        <f>Bühler!J8073</f>
        <v>18.149210564623029</v>
      </c>
      <c r="K8047" s="58">
        <f>Bühler!K8073</f>
        <v>0.62023169800711209</v>
      </c>
      <c r="L8047" s="58">
        <f>Bühler!L8073</f>
        <v>0.31011584900355604</v>
      </c>
      <c r="M8047" s="57">
        <f>Bühler!M8073</f>
        <v>0</v>
      </c>
      <c r="N8047" s="55">
        <f>IF(Input!$K$13=1,J8047*Input!$J$13,0)+IF(Input!$K$14=1,K8047*Input!$J$14,0)+IF(Input!$K$15=1,L8047*Input!$J$15,0)+IF(Input!$K$16=1,M8047*Input!$J$16,0)</f>
        <v>2.1779052677547632</v>
      </c>
      <c r="O8047" s="58">
        <f>IF(Input!$K$13=2,J8047*Input!$J$13,0)+IF(Input!$K$14=2,K8047*Input!$J$14,0)+IF(Input!$K$15=2,L8047*Input!$J$15,0)+IF(Input!$K$16=2,M8047*Input!$J$16,0)</f>
        <v>8.3731279230960132E-2</v>
      </c>
      <c r="P8047" s="58">
        <f>IF(Input!$K$13=3,J8047*Input!$J$13,0)+IF(Input!$K$14=3,K8047*Input!$J$14,0)+IF(Input!$K$15=3,L8047*Input!$J$15,0)+IF(Input!$K$16=3,M8047*Input!$J$16,0)</f>
        <v>0</v>
      </c>
      <c r="Q8047" s="71">
        <f>IF(Input!$K$13=4,J8047*Input!$J$13,0)+IF(Input!$K$14=4,K8047*Input!$J$14,0)+IF(Input!$K$15=4,L8047*Input!$J$15,0)+IF(Input!$K$16=4,M8047*Input!$J$16,0)</f>
        <v>0</v>
      </c>
    </row>
    <row r="8048" spans="8:17" x14ac:dyDescent="0.25">
      <c r="H8048" s="43">
        <v>8041</v>
      </c>
      <c r="I8048" s="55">
        <f>Bühler!I8074</f>
        <v>2.6355041191852977</v>
      </c>
      <c r="J8048" s="58">
        <f>Bühler!J8074</f>
        <v>21.282221244342768</v>
      </c>
      <c r="K8048" s="58">
        <f>Bühler!K8074</f>
        <v>0.52502753563653326</v>
      </c>
      <c r="L8048" s="58">
        <f>Bühler!L8074</f>
        <v>0.26251376781826663</v>
      </c>
      <c r="M8048" s="57">
        <f>Bühler!M8074</f>
        <v>0</v>
      </c>
      <c r="N8048" s="55">
        <f>IF(Input!$K$13=1,J8048*Input!$J$13,0)+IF(Input!$K$14=1,K8048*Input!$J$14,0)+IF(Input!$K$15=1,L8048*Input!$J$15,0)+IF(Input!$K$16=1,M8048*Input!$J$16,0)</f>
        <v>2.5538665493211319</v>
      </c>
      <c r="O8048" s="58">
        <f>IF(Input!$K$13=2,J8048*Input!$J$13,0)+IF(Input!$K$14=2,K8048*Input!$J$14,0)+IF(Input!$K$15=2,L8048*Input!$J$15,0)+IF(Input!$K$16=2,M8048*Input!$J$16,0)</f>
        <v>7.0878717310931982E-2</v>
      </c>
      <c r="P8048" s="58">
        <f>IF(Input!$K$13=3,J8048*Input!$J$13,0)+IF(Input!$K$14=3,K8048*Input!$J$14,0)+IF(Input!$K$15=3,L8048*Input!$J$15,0)+IF(Input!$K$16=3,M8048*Input!$J$16,0)</f>
        <v>0</v>
      </c>
      <c r="Q8048" s="71">
        <f>IF(Input!$K$13=4,J8048*Input!$J$13,0)+IF(Input!$K$14=4,K8048*Input!$J$14,0)+IF(Input!$K$15=4,L8048*Input!$J$15,0)+IF(Input!$K$16=4,M8048*Input!$J$16,0)</f>
        <v>0</v>
      </c>
    </row>
    <row r="8049" spans="8:17" x14ac:dyDescent="0.25">
      <c r="H8049" s="43">
        <v>8042</v>
      </c>
      <c r="I8049" s="55">
        <f>Bühler!I8075</f>
        <v>5.1455080422189159</v>
      </c>
      <c r="J8049" s="58">
        <f>Bühler!J8075</f>
        <v>20.214899893085125</v>
      </c>
      <c r="K8049" s="58">
        <f>Bühler!K8075</f>
        <v>0.47252478207288001</v>
      </c>
      <c r="L8049" s="58">
        <f>Bühler!L8075</f>
        <v>0.23626239103644001</v>
      </c>
      <c r="M8049" s="57">
        <f>Bühler!M8075</f>
        <v>0</v>
      </c>
      <c r="N8049" s="55">
        <f>IF(Input!$K$13=1,J8049*Input!$J$13,0)+IF(Input!$K$14=1,K8049*Input!$J$14,0)+IF(Input!$K$15=1,L8049*Input!$J$15,0)+IF(Input!$K$16=1,M8049*Input!$J$16,0)</f>
        <v>2.425787987170215</v>
      </c>
      <c r="O8049" s="58">
        <f>IF(Input!$K$13=2,J8049*Input!$J$13,0)+IF(Input!$K$14=2,K8049*Input!$J$14,0)+IF(Input!$K$15=2,L8049*Input!$J$15,0)+IF(Input!$K$16=2,M8049*Input!$J$16,0)</f>
        <v>6.3790845579838801E-2</v>
      </c>
      <c r="P8049" s="58">
        <f>IF(Input!$K$13=3,J8049*Input!$J$13,0)+IF(Input!$K$14=3,K8049*Input!$J$14,0)+IF(Input!$K$15=3,L8049*Input!$J$15,0)+IF(Input!$K$16=3,M8049*Input!$J$16,0)</f>
        <v>0</v>
      </c>
      <c r="Q8049" s="71">
        <f>IF(Input!$K$13=4,J8049*Input!$J$13,0)+IF(Input!$K$14=4,K8049*Input!$J$14,0)+IF(Input!$K$15=4,L8049*Input!$J$15,0)+IF(Input!$K$16=4,M8049*Input!$J$16,0)</f>
        <v>0</v>
      </c>
    </row>
    <row r="8050" spans="8:17" x14ac:dyDescent="0.25">
      <c r="H8050" s="43">
        <v>8043</v>
      </c>
      <c r="I8050" s="55">
        <f>Bühler!I8076</f>
        <v>5.1455080422189159</v>
      </c>
      <c r="J8050" s="58">
        <f>Bühler!J8076</f>
        <v>20.214899893085125</v>
      </c>
      <c r="K8050" s="58">
        <f>Bühler!K8076</f>
        <v>0.47252478207288001</v>
      </c>
      <c r="L8050" s="58">
        <f>Bühler!L8076</f>
        <v>0.23626239103644001</v>
      </c>
      <c r="M8050" s="57">
        <f>Bühler!M8076</f>
        <v>0</v>
      </c>
      <c r="N8050" s="55">
        <f>IF(Input!$K$13=1,J8050*Input!$J$13,0)+IF(Input!$K$14=1,K8050*Input!$J$14,0)+IF(Input!$K$15=1,L8050*Input!$J$15,0)+IF(Input!$K$16=1,M8050*Input!$J$16,0)</f>
        <v>2.425787987170215</v>
      </c>
      <c r="O8050" s="58">
        <f>IF(Input!$K$13=2,J8050*Input!$J$13,0)+IF(Input!$K$14=2,K8050*Input!$J$14,0)+IF(Input!$K$15=2,L8050*Input!$J$15,0)+IF(Input!$K$16=2,M8050*Input!$J$16,0)</f>
        <v>6.3790845579838801E-2</v>
      </c>
      <c r="P8050" s="58">
        <f>IF(Input!$K$13=3,J8050*Input!$J$13,0)+IF(Input!$K$14=3,K8050*Input!$J$14,0)+IF(Input!$K$15=3,L8050*Input!$J$15,0)+IF(Input!$K$16=3,M8050*Input!$J$16,0)</f>
        <v>0</v>
      </c>
      <c r="Q8050" s="71">
        <f>IF(Input!$K$13=4,J8050*Input!$J$13,0)+IF(Input!$K$14=4,K8050*Input!$J$14,0)+IF(Input!$K$15=4,L8050*Input!$J$15,0)+IF(Input!$K$16=4,M8050*Input!$J$16,0)</f>
        <v>0</v>
      </c>
    </row>
    <row r="8051" spans="8:17" x14ac:dyDescent="0.25">
      <c r="H8051" s="43">
        <v>8044</v>
      </c>
      <c r="I8051" s="55">
        <f>Bühler!I8077</f>
        <v>5.1455080422189159</v>
      </c>
      <c r="J8051" s="58">
        <f>Bühler!J8077</f>
        <v>20.214899893085125</v>
      </c>
      <c r="K8051" s="58">
        <f>Bühler!K8077</f>
        <v>0.47252478207288001</v>
      </c>
      <c r="L8051" s="58">
        <f>Bühler!L8077</f>
        <v>0.23626239103644001</v>
      </c>
      <c r="M8051" s="57">
        <f>Bühler!M8077</f>
        <v>0</v>
      </c>
      <c r="N8051" s="55">
        <f>IF(Input!$K$13=1,J8051*Input!$J$13,0)+IF(Input!$K$14=1,K8051*Input!$J$14,0)+IF(Input!$K$15=1,L8051*Input!$J$15,0)+IF(Input!$K$16=1,M8051*Input!$J$16,0)</f>
        <v>2.425787987170215</v>
      </c>
      <c r="O8051" s="58">
        <f>IF(Input!$K$13=2,J8051*Input!$J$13,0)+IF(Input!$K$14=2,K8051*Input!$J$14,0)+IF(Input!$K$15=2,L8051*Input!$J$15,0)+IF(Input!$K$16=2,M8051*Input!$J$16,0)</f>
        <v>6.3790845579838801E-2</v>
      </c>
      <c r="P8051" s="58">
        <f>IF(Input!$K$13=3,J8051*Input!$J$13,0)+IF(Input!$K$14=3,K8051*Input!$J$14,0)+IF(Input!$K$15=3,L8051*Input!$J$15,0)+IF(Input!$K$16=3,M8051*Input!$J$16,0)</f>
        <v>0</v>
      </c>
      <c r="Q8051" s="71">
        <f>IF(Input!$K$13=4,J8051*Input!$J$13,0)+IF(Input!$K$14=4,K8051*Input!$J$14,0)+IF(Input!$K$15=4,L8051*Input!$J$15,0)+IF(Input!$K$16=4,M8051*Input!$J$16,0)</f>
        <v>0</v>
      </c>
    </row>
    <row r="8052" spans="8:17" x14ac:dyDescent="0.25">
      <c r="H8052" s="43">
        <v>8045</v>
      </c>
      <c r="I8052" s="55">
        <f>Bühler!I8078</f>
        <v>5.1455080422189159</v>
      </c>
      <c r="J8052" s="58">
        <f>Bühler!J8078</f>
        <v>20.214899893085125</v>
      </c>
      <c r="K8052" s="58">
        <f>Bühler!K8078</f>
        <v>0.47252478207288001</v>
      </c>
      <c r="L8052" s="58">
        <f>Bühler!L8078</f>
        <v>0.23626239103644001</v>
      </c>
      <c r="M8052" s="57">
        <f>Bühler!M8078</f>
        <v>0</v>
      </c>
      <c r="N8052" s="55">
        <f>IF(Input!$K$13=1,J8052*Input!$J$13,0)+IF(Input!$K$14=1,K8052*Input!$J$14,0)+IF(Input!$K$15=1,L8052*Input!$J$15,0)+IF(Input!$K$16=1,M8052*Input!$J$16,0)</f>
        <v>2.425787987170215</v>
      </c>
      <c r="O8052" s="58">
        <f>IF(Input!$K$13=2,J8052*Input!$J$13,0)+IF(Input!$K$14=2,K8052*Input!$J$14,0)+IF(Input!$K$15=2,L8052*Input!$J$15,0)+IF(Input!$K$16=2,M8052*Input!$J$16,0)</f>
        <v>6.3790845579838801E-2</v>
      </c>
      <c r="P8052" s="58">
        <f>IF(Input!$K$13=3,J8052*Input!$J$13,0)+IF(Input!$K$14=3,K8052*Input!$J$14,0)+IF(Input!$K$15=3,L8052*Input!$J$15,0)+IF(Input!$K$16=3,M8052*Input!$J$16,0)</f>
        <v>0</v>
      </c>
      <c r="Q8052" s="71">
        <f>IF(Input!$K$13=4,J8052*Input!$J$13,0)+IF(Input!$K$14=4,K8052*Input!$J$14,0)+IF(Input!$K$15=4,L8052*Input!$J$15,0)+IF(Input!$K$16=4,M8052*Input!$J$16,0)</f>
        <v>0</v>
      </c>
    </row>
    <row r="8053" spans="8:17" x14ac:dyDescent="0.25">
      <c r="H8053" s="43">
        <v>8046</v>
      </c>
      <c r="I8053" s="55">
        <f>Bühler!I8079</f>
        <v>6.4005100037357243</v>
      </c>
      <c r="J8053" s="58">
        <f>Bühler!J8079</f>
        <v>20.267191641481656</v>
      </c>
      <c r="K8053" s="58">
        <f>Bühler!K8079</f>
        <v>0.47252478207288001</v>
      </c>
      <c r="L8053" s="58">
        <f>Bühler!L8079</f>
        <v>0.23626239103644001</v>
      </c>
      <c r="M8053" s="57">
        <f>Bühler!M8079</f>
        <v>0</v>
      </c>
      <c r="N8053" s="55">
        <f>IF(Input!$K$13=1,J8053*Input!$J$13,0)+IF(Input!$K$14=1,K8053*Input!$J$14,0)+IF(Input!$K$15=1,L8053*Input!$J$15,0)+IF(Input!$K$16=1,M8053*Input!$J$16,0)</f>
        <v>2.4320629969777987</v>
      </c>
      <c r="O8053" s="58">
        <f>IF(Input!$K$13=2,J8053*Input!$J$13,0)+IF(Input!$K$14=2,K8053*Input!$J$14,0)+IF(Input!$K$15=2,L8053*Input!$J$15,0)+IF(Input!$K$16=2,M8053*Input!$J$16,0)</f>
        <v>6.3790845579838801E-2</v>
      </c>
      <c r="P8053" s="58">
        <f>IF(Input!$K$13=3,J8053*Input!$J$13,0)+IF(Input!$K$14=3,K8053*Input!$J$14,0)+IF(Input!$K$15=3,L8053*Input!$J$15,0)+IF(Input!$K$16=3,M8053*Input!$J$16,0)</f>
        <v>0</v>
      </c>
      <c r="Q8053" s="71">
        <f>IF(Input!$K$13=4,J8053*Input!$J$13,0)+IF(Input!$K$14=4,K8053*Input!$J$14,0)+IF(Input!$K$15=4,L8053*Input!$J$15,0)+IF(Input!$K$16=4,M8053*Input!$J$16,0)</f>
        <v>0</v>
      </c>
    </row>
    <row r="8054" spans="8:17" x14ac:dyDescent="0.25">
      <c r="H8054" s="43">
        <v>8047</v>
      </c>
      <c r="I8054" s="55">
        <f>Bühler!I8080</f>
        <v>8.0320125537075757</v>
      </c>
      <c r="J8054" s="58">
        <f>Bühler!J8080</f>
        <v>20.33517091439715</v>
      </c>
      <c r="K8054" s="58">
        <f>Bühler!K8080</f>
        <v>0.47252478207288001</v>
      </c>
      <c r="L8054" s="58">
        <f>Bühler!L8080</f>
        <v>0.23626239103644001</v>
      </c>
      <c r="M8054" s="57">
        <f>Bühler!M8080</f>
        <v>0</v>
      </c>
      <c r="N8054" s="55">
        <f>IF(Input!$K$13=1,J8054*Input!$J$13,0)+IF(Input!$K$14=1,K8054*Input!$J$14,0)+IF(Input!$K$15=1,L8054*Input!$J$15,0)+IF(Input!$K$16=1,M8054*Input!$J$16,0)</f>
        <v>2.4402205097276579</v>
      </c>
      <c r="O8054" s="58">
        <f>IF(Input!$K$13=2,J8054*Input!$J$13,0)+IF(Input!$K$14=2,K8054*Input!$J$14,0)+IF(Input!$K$15=2,L8054*Input!$J$15,0)+IF(Input!$K$16=2,M8054*Input!$J$16,0)</f>
        <v>6.3790845579838801E-2</v>
      </c>
      <c r="P8054" s="58">
        <f>IF(Input!$K$13=3,J8054*Input!$J$13,0)+IF(Input!$K$14=3,K8054*Input!$J$14,0)+IF(Input!$K$15=3,L8054*Input!$J$15,0)+IF(Input!$K$16=3,M8054*Input!$J$16,0)</f>
        <v>0</v>
      </c>
      <c r="Q8054" s="71">
        <f>IF(Input!$K$13=4,J8054*Input!$J$13,0)+IF(Input!$K$14=4,K8054*Input!$J$14,0)+IF(Input!$K$15=4,L8054*Input!$J$15,0)+IF(Input!$K$16=4,M8054*Input!$J$16,0)</f>
        <v>0</v>
      </c>
    </row>
    <row r="8055" spans="8:17" x14ac:dyDescent="0.25">
      <c r="H8055" s="43">
        <v>8048</v>
      </c>
      <c r="I8055" s="55">
        <f>Bühler!I8081</f>
        <v>9.1615143190727029</v>
      </c>
      <c r="J8055" s="58">
        <f>Bühler!J8081</f>
        <v>20.382233487954029</v>
      </c>
      <c r="K8055" s="58">
        <f>Bühler!K8081</f>
        <v>0.47252478207288001</v>
      </c>
      <c r="L8055" s="58">
        <f>Bühler!L8081</f>
        <v>0.23626239103644001</v>
      </c>
      <c r="M8055" s="57">
        <f>Bühler!M8081</f>
        <v>0</v>
      </c>
      <c r="N8055" s="55">
        <f>IF(Input!$K$13=1,J8055*Input!$J$13,0)+IF(Input!$K$14=1,K8055*Input!$J$14,0)+IF(Input!$K$15=1,L8055*Input!$J$15,0)+IF(Input!$K$16=1,M8055*Input!$J$16,0)</f>
        <v>2.4458680185544832</v>
      </c>
      <c r="O8055" s="58">
        <f>IF(Input!$K$13=2,J8055*Input!$J$13,0)+IF(Input!$K$14=2,K8055*Input!$J$14,0)+IF(Input!$K$15=2,L8055*Input!$J$15,0)+IF(Input!$K$16=2,M8055*Input!$J$16,0)</f>
        <v>6.3790845579838801E-2</v>
      </c>
      <c r="P8055" s="58">
        <f>IF(Input!$K$13=3,J8055*Input!$J$13,0)+IF(Input!$K$14=3,K8055*Input!$J$14,0)+IF(Input!$K$15=3,L8055*Input!$J$15,0)+IF(Input!$K$16=3,M8055*Input!$J$16,0)</f>
        <v>0</v>
      </c>
      <c r="Q8055" s="71">
        <f>IF(Input!$K$13=4,J8055*Input!$J$13,0)+IF(Input!$K$14=4,K8055*Input!$J$14,0)+IF(Input!$K$15=4,L8055*Input!$J$15,0)+IF(Input!$K$16=4,M8055*Input!$J$16,0)</f>
        <v>0</v>
      </c>
    </row>
    <row r="8056" spans="8:17" x14ac:dyDescent="0.25">
      <c r="H8056" s="43">
        <v>8049</v>
      </c>
      <c r="I8056" s="55">
        <f>Bühler!I8082</f>
        <v>9.1615143190727029</v>
      </c>
      <c r="J8056" s="58">
        <f>Bühler!J8082</f>
        <v>20.382233487954029</v>
      </c>
      <c r="K8056" s="58">
        <f>Bühler!K8082</f>
        <v>0.47252478207288001</v>
      </c>
      <c r="L8056" s="58">
        <f>Bühler!L8082</f>
        <v>0.23626239103644001</v>
      </c>
      <c r="M8056" s="57">
        <f>Bühler!M8082</f>
        <v>0</v>
      </c>
      <c r="N8056" s="55">
        <f>IF(Input!$K$13=1,J8056*Input!$J$13,0)+IF(Input!$K$14=1,K8056*Input!$J$14,0)+IF(Input!$K$15=1,L8056*Input!$J$15,0)+IF(Input!$K$16=1,M8056*Input!$J$16,0)</f>
        <v>2.4458680185544832</v>
      </c>
      <c r="O8056" s="58">
        <f>IF(Input!$K$13=2,J8056*Input!$J$13,0)+IF(Input!$K$14=2,K8056*Input!$J$14,0)+IF(Input!$K$15=2,L8056*Input!$J$15,0)+IF(Input!$K$16=2,M8056*Input!$J$16,0)</f>
        <v>6.3790845579838801E-2</v>
      </c>
      <c r="P8056" s="58">
        <f>IF(Input!$K$13=3,J8056*Input!$J$13,0)+IF(Input!$K$14=3,K8056*Input!$J$14,0)+IF(Input!$K$15=3,L8056*Input!$J$15,0)+IF(Input!$K$16=3,M8056*Input!$J$16,0)</f>
        <v>0</v>
      </c>
      <c r="Q8056" s="71">
        <f>IF(Input!$K$13=4,J8056*Input!$J$13,0)+IF(Input!$K$14=4,K8056*Input!$J$14,0)+IF(Input!$K$15=4,L8056*Input!$J$15,0)+IF(Input!$K$16=4,M8056*Input!$J$16,0)</f>
        <v>0</v>
      </c>
    </row>
    <row r="8057" spans="8:17" x14ac:dyDescent="0.25">
      <c r="H8057" s="43">
        <v>8050</v>
      </c>
      <c r="I8057" s="55">
        <f>Bühler!I8083</f>
        <v>9.1615143190727029</v>
      </c>
      <c r="J8057" s="58">
        <f>Bühler!J8083</f>
        <v>20.382233487954029</v>
      </c>
      <c r="K8057" s="58">
        <f>Bühler!K8083</f>
        <v>0.47252478207288001</v>
      </c>
      <c r="L8057" s="58">
        <f>Bühler!L8083</f>
        <v>0.23626239103644001</v>
      </c>
      <c r="M8057" s="57">
        <f>Bühler!M8083</f>
        <v>0</v>
      </c>
      <c r="N8057" s="55">
        <f>IF(Input!$K$13=1,J8057*Input!$J$13,0)+IF(Input!$K$14=1,K8057*Input!$J$14,0)+IF(Input!$K$15=1,L8057*Input!$J$15,0)+IF(Input!$K$16=1,M8057*Input!$J$16,0)</f>
        <v>2.4458680185544832</v>
      </c>
      <c r="O8057" s="58">
        <f>IF(Input!$K$13=2,J8057*Input!$J$13,0)+IF(Input!$K$14=2,K8057*Input!$J$14,0)+IF(Input!$K$15=2,L8057*Input!$J$15,0)+IF(Input!$K$16=2,M8057*Input!$J$16,0)</f>
        <v>6.3790845579838801E-2</v>
      </c>
      <c r="P8057" s="58">
        <f>IF(Input!$K$13=3,J8057*Input!$J$13,0)+IF(Input!$K$14=3,K8057*Input!$J$14,0)+IF(Input!$K$15=3,L8057*Input!$J$15,0)+IF(Input!$K$16=3,M8057*Input!$J$16,0)</f>
        <v>0</v>
      </c>
      <c r="Q8057" s="71">
        <f>IF(Input!$K$13=4,J8057*Input!$J$13,0)+IF(Input!$K$14=4,K8057*Input!$J$14,0)+IF(Input!$K$15=4,L8057*Input!$J$15,0)+IF(Input!$K$16=4,M8057*Input!$J$16,0)</f>
        <v>0</v>
      </c>
    </row>
    <row r="8058" spans="8:17" x14ac:dyDescent="0.25">
      <c r="H8058" s="43">
        <v>8051</v>
      </c>
      <c r="I8058" s="55">
        <f>Bühler!I8084</f>
        <v>9.1615143190727029</v>
      </c>
      <c r="J8058" s="58">
        <f>Bühler!J8084</f>
        <v>20.382233487954029</v>
      </c>
      <c r="K8058" s="58">
        <f>Bühler!K8084</f>
        <v>0.47252478207288001</v>
      </c>
      <c r="L8058" s="58">
        <f>Bühler!L8084</f>
        <v>0.23626239103644001</v>
      </c>
      <c r="M8058" s="57">
        <f>Bühler!M8084</f>
        <v>0</v>
      </c>
      <c r="N8058" s="55">
        <f>IF(Input!$K$13=1,J8058*Input!$J$13,0)+IF(Input!$K$14=1,K8058*Input!$J$14,0)+IF(Input!$K$15=1,L8058*Input!$J$15,0)+IF(Input!$K$16=1,M8058*Input!$J$16,0)</f>
        <v>2.4458680185544832</v>
      </c>
      <c r="O8058" s="58">
        <f>IF(Input!$K$13=2,J8058*Input!$J$13,0)+IF(Input!$K$14=2,K8058*Input!$J$14,0)+IF(Input!$K$15=2,L8058*Input!$J$15,0)+IF(Input!$K$16=2,M8058*Input!$J$16,0)</f>
        <v>6.3790845579838801E-2</v>
      </c>
      <c r="P8058" s="58">
        <f>IF(Input!$K$13=3,J8058*Input!$J$13,0)+IF(Input!$K$14=3,K8058*Input!$J$14,0)+IF(Input!$K$15=3,L8058*Input!$J$15,0)+IF(Input!$K$16=3,M8058*Input!$J$16,0)</f>
        <v>0</v>
      </c>
      <c r="Q8058" s="71">
        <f>IF(Input!$K$13=4,J8058*Input!$J$13,0)+IF(Input!$K$14=4,K8058*Input!$J$14,0)+IF(Input!$K$15=4,L8058*Input!$J$15,0)+IF(Input!$K$16=4,M8058*Input!$J$16,0)</f>
        <v>0</v>
      </c>
    </row>
    <row r="8059" spans="8:17" x14ac:dyDescent="0.25">
      <c r="H8059" s="43">
        <v>8052</v>
      </c>
      <c r="I8059" s="55">
        <f>Bühler!I8085</f>
        <v>9.1615143190727029</v>
      </c>
      <c r="J8059" s="58">
        <f>Bühler!J8085</f>
        <v>20.382233487954029</v>
      </c>
      <c r="K8059" s="58">
        <f>Bühler!K8085</f>
        <v>0.47252478207288001</v>
      </c>
      <c r="L8059" s="58">
        <f>Bühler!L8085</f>
        <v>0.23626239103644001</v>
      </c>
      <c r="M8059" s="57">
        <f>Bühler!M8085</f>
        <v>0</v>
      </c>
      <c r="N8059" s="55">
        <f>IF(Input!$K$13=1,J8059*Input!$J$13,0)+IF(Input!$K$14=1,K8059*Input!$J$14,0)+IF(Input!$K$15=1,L8059*Input!$J$15,0)+IF(Input!$K$16=1,M8059*Input!$J$16,0)</f>
        <v>2.4458680185544832</v>
      </c>
      <c r="O8059" s="58">
        <f>IF(Input!$K$13=2,J8059*Input!$J$13,0)+IF(Input!$K$14=2,K8059*Input!$J$14,0)+IF(Input!$K$15=2,L8059*Input!$J$15,0)+IF(Input!$K$16=2,M8059*Input!$J$16,0)</f>
        <v>6.3790845579838801E-2</v>
      </c>
      <c r="P8059" s="58">
        <f>IF(Input!$K$13=3,J8059*Input!$J$13,0)+IF(Input!$K$14=3,K8059*Input!$J$14,0)+IF(Input!$K$15=3,L8059*Input!$J$15,0)+IF(Input!$K$16=3,M8059*Input!$J$16,0)</f>
        <v>0</v>
      </c>
      <c r="Q8059" s="71">
        <f>IF(Input!$K$13=4,J8059*Input!$J$13,0)+IF(Input!$K$14=4,K8059*Input!$J$14,0)+IF(Input!$K$15=4,L8059*Input!$J$15,0)+IF(Input!$K$16=4,M8059*Input!$J$16,0)</f>
        <v>0</v>
      </c>
    </row>
    <row r="8060" spans="8:17" x14ac:dyDescent="0.25">
      <c r="H8060" s="43">
        <v>8053</v>
      </c>
      <c r="I8060" s="55">
        <f>Bühler!I8086</f>
        <v>9.1615143190727029</v>
      </c>
      <c r="J8060" s="58">
        <f>Bühler!J8086</f>
        <v>20.382233487954029</v>
      </c>
      <c r="K8060" s="58">
        <f>Bühler!K8086</f>
        <v>0.47252478207288001</v>
      </c>
      <c r="L8060" s="58">
        <f>Bühler!L8086</f>
        <v>0.23626239103644001</v>
      </c>
      <c r="M8060" s="57">
        <f>Bühler!M8086</f>
        <v>0</v>
      </c>
      <c r="N8060" s="55">
        <f>IF(Input!$K$13=1,J8060*Input!$J$13,0)+IF(Input!$K$14=1,K8060*Input!$J$14,0)+IF(Input!$K$15=1,L8060*Input!$J$15,0)+IF(Input!$K$16=1,M8060*Input!$J$16,0)</f>
        <v>2.4458680185544832</v>
      </c>
      <c r="O8060" s="58">
        <f>IF(Input!$K$13=2,J8060*Input!$J$13,0)+IF(Input!$K$14=2,K8060*Input!$J$14,0)+IF(Input!$K$15=2,L8060*Input!$J$15,0)+IF(Input!$K$16=2,M8060*Input!$J$16,0)</f>
        <v>6.3790845579838801E-2</v>
      </c>
      <c r="P8060" s="58">
        <f>IF(Input!$K$13=3,J8060*Input!$J$13,0)+IF(Input!$K$14=3,K8060*Input!$J$14,0)+IF(Input!$K$15=3,L8060*Input!$J$15,0)+IF(Input!$K$16=3,M8060*Input!$J$16,0)</f>
        <v>0</v>
      </c>
      <c r="Q8060" s="71">
        <f>IF(Input!$K$13=4,J8060*Input!$J$13,0)+IF(Input!$K$14=4,K8060*Input!$J$14,0)+IF(Input!$K$15=4,L8060*Input!$J$15,0)+IF(Input!$K$16=4,M8060*Input!$J$16,0)</f>
        <v>0</v>
      </c>
    </row>
    <row r="8061" spans="8:17" x14ac:dyDescent="0.25">
      <c r="H8061" s="43">
        <v>8054</v>
      </c>
      <c r="I8061" s="55">
        <f>Bühler!I8087</f>
        <v>9.1615143190727029</v>
      </c>
      <c r="J8061" s="58">
        <f>Bühler!J8087</f>
        <v>20.382233487954029</v>
      </c>
      <c r="K8061" s="58">
        <f>Bühler!K8087</f>
        <v>0.47252478207288001</v>
      </c>
      <c r="L8061" s="58">
        <f>Bühler!L8087</f>
        <v>0.23626239103644001</v>
      </c>
      <c r="M8061" s="57">
        <f>Bühler!M8087</f>
        <v>0</v>
      </c>
      <c r="N8061" s="55">
        <f>IF(Input!$K$13=1,J8061*Input!$J$13,0)+IF(Input!$K$14=1,K8061*Input!$J$14,0)+IF(Input!$K$15=1,L8061*Input!$J$15,0)+IF(Input!$K$16=1,M8061*Input!$J$16,0)</f>
        <v>2.4458680185544832</v>
      </c>
      <c r="O8061" s="58">
        <f>IF(Input!$K$13=2,J8061*Input!$J$13,0)+IF(Input!$K$14=2,K8061*Input!$J$14,0)+IF(Input!$K$15=2,L8061*Input!$J$15,0)+IF(Input!$K$16=2,M8061*Input!$J$16,0)</f>
        <v>6.3790845579838801E-2</v>
      </c>
      <c r="P8061" s="58">
        <f>IF(Input!$K$13=3,J8061*Input!$J$13,0)+IF(Input!$K$14=3,K8061*Input!$J$14,0)+IF(Input!$K$15=3,L8061*Input!$J$15,0)+IF(Input!$K$16=3,M8061*Input!$J$16,0)</f>
        <v>0</v>
      </c>
      <c r="Q8061" s="71">
        <f>IF(Input!$K$13=4,J8061*Input!$J$13,0)+IF(Input!$K$14=4,K8061*Input!$J$14,0)+IF(Input!$K$15=4,L8061*Input!$J$15,0)+IF(Input!$K$16=4,M8061*Input!$J$16,0)</f>
        <v>0</v>
      </c>
    </row>
    <row r="8062" spans="8:17" x14ac:dyDescent="0.25">
      <c r="H8062" s="43">
        <v>8055</v>
      </c>
      <c r="I8062" s="55">
        <f>Bühler!I8088</f>
        <v>9.1615143190727029</v>
      </c>
      <c r="J8062" s="58">
        <f>Bühler!J8088</f>
        <v>20.382233487954029</v>
      </c>
      <c r="K8062" s="58">
        <f>Bühler!K8088</f>
        <v>0.47252478207288001</v>
      </c>
      <c r="L8062" s="58">
        <f>Bühler!L8088</f>
        <v>0.23626239103644001</v>
      </c>
      <c r="M8062" s="57">
        <f>Bühler!M8088</f>
        <v>0</v>
      </c>
      <c r="N8062" s="55">
        <f>IF(Input!$K$13=1,J8062*Input!$J$13,0)+IF(Input!$K$14=1,K8062*Input!$J$14,0)+IF(Input!$K$15=1,L8062*Input!$J$15,0)+IF(Input!$K$16=1,M8062*Input!$J$16,0)</f>
        <v>2.4458680185544832</v>
      </c>
      <c r="O8062" s="58">
        <f>IF(Input!$K$13=2,J8062*Input!$J$13,0)+IF(Input!$K$14=2,K8062*Input!$J$14,0)+IF(Input!$K$15=2,L8062*Input!$J$15,0)+IF(Input!$K$16=2,M8062*Input!$J$16,0)</f>
        <v>6.3790845579838801E-2</v>
      </c>
      <c r="P8062" s="58">
        <f>IF(Input!$K$13=3,J8062*Input!$J$13,0)+IF(Input!$K$14=3,K8062*Input!$J$14,0)+IF(Input!$K$15=3,L8062*Input!$J$15,0)+IF(Input!$K$16=3,M8062*Input!$J$16,0)</f>
        <v>0</v>
      </c>
      <c r="Q8062" s="71">
        <f>IF(Input!$K$13=4,J8062*Input!$J$13,0)+IF(Input!$K$14=4,K8062*Input!$J$14,0)+IF(Input!$K$15=4,L8062*Input!$J$15,0)+IF(Input!$K$16=4,M8062*Input!$J$16,0)</f>
        <v>0</v>
      </c>
    </row>
    <row r="8063" spans="8:17" x14ac:dyDescent="0.25">
      <c r="H8063" s="43">
        <v>8056</v>
      </c>
      <c r="I8063" s="55">
        <f>Bühler!I8089</f>
        <v>8.2830129460109347</v>
      </c>
      <c r="J8063" s="58">
        <f>Bühler!J8089</f>
        <v>20.345629264076457</v>
      </c>
      <c r="K8063" s="58">
        <f>Bühler!K8089</f>
        <v>0.47252478207288001</v>
      </c>
      <c r="L8063" s="58">
        <f>Bühler!L8089</f>
        <v>0.23626239103644001</v>
      </c>
      <c r="M8063" s="57">
        <f>Bühler!M8089</f>
        <v>0</v>
      </c>
      <c r="N8063" s="55">
        <f>IF(Input!$K$13=1,J8063*Input!$J$13,0)+IF(Input!$K$14=1,K8063*Input!$J$14,0)+IF(Input!$K$15=1,L8063*Input!$J$15,0)+IF(Input!$K$16=1,M8063*Input!$J$16,0)</f>
        <v>2.4414755116891746</v>
      </c>
      <c r="O8063" s="58">
        <f>IF(Input!$K$13=2,J8063*Input!$J$13,0)+IF(Input!$K$14=2,K8063*Input!$J$14,0)+IF(Input!$K$15=2,L8063*Input!$J$15,0)+IF(Input!$K$16=2,M8063*Input!$J$16,0)</f>
        <v>6.3790845579838801E-2</v>
      </c>
      <c r="P8063" s="58">
        <f>IF(Input!$K$13=3,J8063*Input!$J$13,0)+IF(Input!$K$14=3,K8063*Input!$J$14,0)+IF(Input!$K$15=3,L8063*Input!$J$15,0)+IF(Input!$K$16=3,M8063*Input!$J$16,0)</f>
        <v>0</v>
      </c>
      <c r="Q8063" s="71">
        <f>IF(Input!$K$13=4,J8063*Input!$J$13,0)+IF(Input!$K$14=4,K8063*Input!$J$14,0)+IF(Input!$K$15=4,L8063*Input!$J$15,0)+IF(Input!$K$16=4,M8063*Input!$J$16,0)</f>
        <v>0</v>
      </c>
    </row>
    <row r="8064" spans="8:17" x14ac:dyDescent="0.25">
      <c r="H8064" s="43">
        <v>8057</v>
      </c>
      <c r="I8064" s="55">
        <f>Bühler!I8090</f>
        <v>7.5300117691008515</v>
      </c>
      <c r="J8064" s="58">
        <f>Bühler!J8090</f>
        <v>20.314254215038538</v>
      </c>
      <c r="K8064" s="58">
        <f>Bühler!K8090</f>
        <v>0.47252478207288001</v>
      </c>
      <c r="L8064" s="58">
        <f>Bühler!L8090</f>
        <v>0.23626239103644001</v>
      </c>
      <c r="M8064" s="57">
        <f>Bühler!M8090</f>
        <v>0</v>
      </c>
      <c r="N8064" s="55">
        <f>IF(Input!$K$13=1,J8064*Input!$J$13,0)+IF(Input!$K$14=1,K8064*Input!$J$14,0)+IF(Input!$K$15=1,L8064*Input!$J$15,0)+IF(Input!$K$16=1,M8064*Input!$J$16,0)</f>
        <v>2.4377105058046245</v>
      </c>
      <c r="O8064" s="58">
        <f>IF(Input!$K$13=2,J8064*Input!$J$13,0)+IF(Input!$K$14=2,K8064*Input!$J$14,0)+IF(Input!$K$15=2,L8064*Input!$J$15,0)+IF(Input!$K$16=2,M8064*Input!$J$16,0)</f>
        <v>6.3790845579838801E-2</v>
      </c>
      <c r="P8064" s="58">
        <f>IF(Input!$K$13=3,J8064*Input!$J$13,0)+IF(Input!$K$14=3,K8064*Input!$J$14,0)+IF(Input!$K$15=3,L8064*Input!$J$15,0)+IF(Input!$K$16=3,M8064*Input!$J$16,0)</f>
        <v>0</v>
      </c>
      <c r="Q8064" s="71">
        <f>IF(Input!$K$13=4,J8064*Input!$J$13,0)+IF(Input!$K$14=4,K8064*Input!$J$14,0)+IF(Input!$K$15=4,L8064*Input!$J$15,0)+IF(Input!$K$16=4,M8064*Input!$J$16,0)</f>
        <v>0</v>
      </c>
    </row>
    <row r="8065" spans="8:17" x14ac:dyDescent="0.25">
      <c r="H8065" s="43">
        <v>8058</v>
      </c>
      <c r="I8065" s="55">
        <f>Bühler!I8091</f>
        <v>6.7770105921907664</v>
      </c>
      <c r="J8065" s="58">
        <f>Bühler!J8091</f>
        <v>20.282879166000615</v>
      </c>
      <c r="K8065" s="58">
        <f>Bühler!K8091</f>
        <v>0.47252478207288001</v>
      </c>
      <c r="L8065" s="58">
        <f>Bühler!L8091</f>
        <v>0.23626239103644001</v>
      </c>
      <c r="M8065" s="57">
        <f>Bühler!M8091</f>
        <v>0</v>
      </c>
      <c r="N8065" s="55">
        <f>IF(Input!$K$13=1,J8065*Input!$J$13,0)+IF(Input!$K$14=1,K8065*Input!$J$14,0)+IF(Input!$K$15=1,L8065*Input!$J$15,0)+IF(Input!$K$16=1,M8065*Input!$J$16,0)</f>
        <v>2.4339454999200738</v>
      </c>
      <c r="O8065" s="58">
        <f>IF(Input!$K$13=2,J8065*Input!$J$13,0)+IF(Input!$K$14=2,K8065*Input!$J$14,0)+IF(Input!$K$15=2,L8065*Input!$J$15,0)+IF(Input!$K$16=2,M8065*Input!$J$16,0)</f>
        <v>6.3790845579838801E-2</v>
      </c>
      <c r="P8065" s="58">
        <f>IF(Input!$K$13=3,J8065*Input!$J$13,0)+IF(Input!$K$14=3,K8065*Input!$J$14,0)+IF(Input!$K$15=3,L8065*Input!$J$15,0)+IF(Input!$K$16=3,M8065*Input!$J$16,0)</f>
        <v>0</v>
      </c>
      <c r="Q8065" s="71">
        <f>IF(Input!$K$13=4,J8065*Input!$J$13,0)+IF(Input!$K$14=4,K8065*Input!$J$14,0)+IF(Input!$K$15=4,L8065*Input!$J$15,0)+IF(Input!$K$16=4,M8065*Input!$J$16,0)</f>
        <v>0</v>
      </c>
    </row>
    <row r="8066" spans="8:17" x14ac:dyDescent="0.25">
      <c r="H8066" s="43">
        <v>8059</v>
      </c>
      <c r="I8066" s="55">
        <f>Bühler!I8092</f>
        <v>6.5260101998874047</v>
      </c>
      <c r="J8066" s="58">
        <f>Bühler!J8092</f>
        <v>20.272420816321311</v>
      </c>
      <c r="K8066" s="58">
        <f>Bühler!K8092</f>
        <v>0.47252478207288001</v>
      </c>
      <c r="L8066" s="58">
        <f>Bühler!L8092</f>
        <v>0.23626239103644001</v>
      </c>
      <c r="M8066" s="57">
        <f>Bühler!M8092</f>
        <v>0</v>
      </c>
      <c r="N8066" s="55">
        <f>IF(Input!$K$13=1,J8066*Input!$J$13,0)+IF(Input!$K$14=1,K8066*Input!$J$14,0)+IF(Input!$K$15=1,L8066*Input!$J$15,0)+IF(Input!$K$16=1,M8066*Input!$J$16,0)</f>
        <v>2.4326904979585571</v>
      </c>
      <c r="O8066" s="58">
        <f>IF(Input!$K$13=2,J8066*Input!$J$13,0)+IF(Input!$K$14=2,K8066*Input!$J$14,0)+IF(Input!$K$15=2,L8066*Input!$J$15,0)+IF(Input!$K$16=2,M8066*Input!$J$16,0)</f>
        <v>6.3790845579838801E-2</v>
      </c>
      <c r="P8066" s="58">
        <f>IF(Input!$K$13=3,J8066*Input!$J$13,0)+IF(Input!$K$14=3,K8066*Input!$J$14,0)+IF(Input!$K$15=3,L8066*Input!$J$15,0)+IF(Input!$K$16=3,M8066*Input!$J$16,0)</f>
        <v>0</v>
      </c>
      <c r="Q8066" s="71">
        <f>IF(Input!$K$13=4,J8066*Input!$J$13,0)+IF(Input!$K$14=4,K8066*Input!$J$14,0)+IF(Input!$K$15=4,L8066*Input!$J$15,0)+IF(Input!$K$16=4,M8066*Input!$J$16,0)</f>
        <v>0</v>
      </c>
    </row>
    <row r="8067" spans="8:17" x14ac:dyDescent="0.25">
      <c r="H8067" s="43">
        <v>8060</v>
      </c>
      <c r="I8067" s="55">
        <f>Bühler!I8093</f>
        <v>5.2710082383705954</v>
      </c>
      <c r="J8067" s="58">
        <f>Bühler!J8093</f>
        <v>20.220129067924777</v>
      </c>
      <c r="K8067" s="58">
        <f>Bühler!K8093</f>
        <v>0.47252478207288001</v>
      </c>
      <c r="L8067" s="58">
        <f>Bühler!L8093</f>
        <v>0.23626239103644001</v>
      </c>
      <c r="M8067" s="57">
        <f>Bühler!M8093</f>
        <v>0</v>
      </c>
      <c r="N8067" s="55">
        <f>IF(Input!$K$13=1,J8067*Input!$J$13,0)+IF(Input!$K$14=1,K8067*Input!$J$14,0)+IF(Input!$K$15=1,L8067*Input!$J$15,0)+IF(Input!$K$16=1,M8067*Input!$J$16,0)</f>
        <v>2.426415488150973</v>
      </c>
      <c r="O8067" s="58">
        <f>IF(Input!$K$13=2,J8067*Input!$J$13,0)+IF(Input!$K$14=2,K8067*Input!$J$14,0)+IF(Input!$K$15=2,L8067*Input!$J$15,0)+IF(Input!$K$16=2,M8067*Input!$J$16,0)</f>
        <v>6.3790845579838801E-2</v>
      </c>
      <c r="P8067" s="58">
        <f>IF(Input!$K$13=3,J8067*Input!$J$13,0)+IF(Input!$K$14=3,K8067*Input!$J$14,0)+IF(Input!$K$15=3,L8067*Input!$J$15,0)+IF(Input!$K$16=3,M8067*Input!$J$16,0)</f>
        <v>0</v>
      </c>
      <c r="Q8067" s="71">
        <f>IF(Input!$K$13=4,J8067*Input!$J$13,0)+IF(Input!$K$14=4,K8067*Input!$J$14,0)+IF(Input!$K$15=4,L8067*Input!$J$15,0)+IF(Input!$K$16=4,M8067*Input!$J$16,0)</f>
        <v>0</v>
      </c>
    </row>
    <row r="8068" spans="8:17" x14ac:dyDescent="0.25">
      <c r="H8068" s="43">
        <v>8061</v>
      </c>
      <c r="I8068" s="55">
        <f>Bühler!I8094</f>
        <v>3.890506080702107</v>
      </c>
      <c r="J8068" s="58">
        <f>Bühler!J8094</f>
        <v>20.162608144688591</v>
      </c>
      <c r="K8068" s="58">
        <f>Bühler!K8094</f>
        <v>0.47252478207288001</v>
      </c>
      <c r="L8068" s="58">
        <f>Bühler!L8094</f>
        <v>0.23626239103644001</v>
      </c>
      <c r="M8068" s="57">
        <f>Bühler!M8094</f>
        <v>0</v>
      </c>
      <c r="N8068" s="55">
        <f>IF(Input!$K$13=1,J8068*Input!$J$13,0)+IF(Input!$K$14=1,K8068*Input!$J$14,0)+IF(Input!$K$15=1,L8068*Input!$J$15,0)+IF(Input!$K$16=1,M8068*Input!$J$16,0)</f>
        <v>2.4195129773626309</v>
      </c>
      <c r="O8068" s="58">
        <f>IF(Input!$K$13=2,J8068*Input!$J$13,0)+IF(Input!$K$14=2,K8068*Input!$J$14,0)+IF(Input!$K$15=2,L8068*Input!$J$15,0)+IF(Input!$K$16=2,M8068*Input!$J$16,0)</f>
        <v>6.3790845579838801E-2</v>
      </c>
      <c r="P8068" s="58">
        <f>IF(Input!$K$13=3,J8068*Input!$J$13,0)+IF(Input!$K$14=3,K8068*Input!$J$14,0)+IF(Input!$K$15=3,L8068*Input!$J$15,0)+IF(Input!$K$16=3,M8068*Input!$J$16,0)</f>
        <v>0</v>
      </c>
      <c r="Q8068" s="71">
        <f>IF(Input!$K$13=4,J8068*Input!$J$13,0)+IF(Input!$K$14=4,K8068*Input!$J$14,0)+IF(Input!$K$15=4,L8068*Input!$J$15,0)+IF(Input!$K$16=4,M8068*Input!$J$16,0)</f>
        <v>0</v>
      </c>
    </row>
    <row r="8069" spans="8:17" x14ac:dyDescent="0.25">
      <c r="H8069" s="43">
        <v>8062</v>
      </c>
      <c r="I8069" s="55">
        <f>Bühler!I8095</f>
        <v>3.890506080702107</v>
      </c>
      <c r="J8069" s="58">
        <f>Bühler!J8095</f>
        <v>20.162608144688591</v>
      </c>
      <c r="K8069" s="58">
        <f>Bühler!K8095</f>
        <v>0.47252478207288001</v>
      </c>
      <c r="L8069" s="58">
        <f>Bühler!L8095</f>
        <v>0.23626239103644001</v>
      </c>
      <c r="M8069" s="57">
        <f>Bühler!M8095</f>
        <v>0</v>
      </c>
      <c r="N8069" s="55">
        <f>IF(Input!$K$13=1,J8069*Input!$J$13,0)+IF(Input!$K$14=1,K8069*Input!$J$14,0)+IF(Input!$K$15=1,L8069*Input!$J$15,0)+IF(Input!$K$16=1,M8069*Input!$J$16,0)</f>
        <v>2.4195129773626309</v>
      </c>
      <c r="O8069" s="58">
        <f>IF(Input!$K$13=2,J8069*Input!$J$13,0)+IF(Input!$K$14=2,K8069*Input!$J$14,0)+IF(Input!$K$15=2,L8069*Input!$J$15,0)+IF(Input!$K$16=2,M8069*Input!$J$16,0)</f>
        <v>6.3790845579838801E-2</v>
      </c>
      <c r="P8069" s="58">
        <f>IF(Input!$K$13=3,J8069*Input!$J$13,0)+IF(Input!$K$14=3,K8069*Input!$J$14,0)+IF(Input!$K$15=3,L8069*Input!$J$15,0)+IF(Input!$K$16=3,M8069*Input!$J$16,0)</f>
        <v>0</v>
      </c>
      <c r="Q8069" s="71">
        <f>IF(Input!$K$13=4,J8069*Input!$J$13,0)+IF(Input!$K$14=4,K8069*Input!$J$14,0)+IF(Input!$K$15=4,L8069*Input!$J$15,0)+IF(Input!$K$16=4,M8069*Input!$J$16,0)</f>
        <v>0</v>
      </c>
    </row>
    <row r="8070" spans="8:17" x14ac:dyDescent="0.25">
      <c r="H8070" s="43">
        <v>8063</v>
      </c>
      <c r="I8070" s="55">
        <f>Bühler!I8096</f>
        <v>3.890506080702107</v>
      </c>
      <c r="J8070" s="58">
        <f>Bühler!J8096</f>
        <v>20.162608144688591</v>
      </c>
      <c r="K8070" s="58">
        <f>Bühler!K8096</f>
        <v>0.47252478207288001</v>
      </c>
      <c r="L8070" s="58">
        <f>Bühler!L8096</f>
        <v>0.23626239103644001</v>
      </c>
      <c r="M8070" s="57">
        <f>Bühler!M8096</f>
        <v>0</v>
      </c>
      <c r="N8070" s="55">
        <f>IF(Input!$K$13=1,J8070*Input!$J$13,0)+IF(Input!$K$14=1,K8070*Input!$J$14,0)+IF(Input!$K$15=1,L8070*Input!$J$15,0)+IF(Input!$K$16=1,M8070*Input!$J$16,0)</f>
        <v>2.4195129773626309</v>
      </c>
      <c r="O8070" s="58">
        <f>IF(Input!$K$13=2,J8070*Input!$J$13,0)+IF(Input!$K$14=2,K8070*Input!$J$14,0)+IF(Input!$K$15=2,L8070*Input!$J$15,0)+IF(Input!$K$16=2,M8070*Input!$J$16,0)</f>
        <v>6.3790845579838801E-2</v>
      </c>
      <c r="P8070" s="58">
        <f>IF(Input!$K$13=3,J8070*Input!$J$13,0)+IF(Input!$K$14=3,K8070*Input!$J$14,0)+IF(Input!$K$15=3,L8070*Input!$J$15,0)+IF(Input!$K$16=3,M8070*Input!$J$16,0)</f>
        <v>0</v>
      </c>
      <c r="Q8070" s="71">
        <f>IF(Input!$K$13=4,J8070*Input!$J$13,0)+IF(Input!$K$14=4,K8070*Input!$J$14,0)+IF(Input!$K$15=4,L8070*Input!$J$15,0)+IF(Input!$K$16=4,M8070*Input!$J$16,0)</f>
        <v>0</v>
      </c>
    </row>
    <row r="8071" spans="8:17" x14ac:dyDescent="0.25">
      <c r="H8071" s="43">
        <v>8064</v>
      </c>
      <c r="I8071" s="55">
        <f>Bühler!I8097</f>
        <v>3.890506080702107</v>
      </c>
      <c r="J8071" s="58">
        <f>Bühler!J8097</f>
        <v>20.162608144688591</v>
      </c>
      <c r="K8071" s="58">
        <f>Bühler!K8097</f>
        <v>0.47252478207288001</v>
      </c>
      <c r="L8071" s="58">
        <f>Bühler!L8097</f>
        <v>0.23626239103644001</v>
      </c>
      <c r="M8071" s="57">
        <f>Bühler!M8097</f>
        <v>0</v>
      </c>
      <c r="N8071" s="55">
        <f>IF(Input!$K$13=1,J8071*Input!$J$13,0)+IF(Input!$K$14=1,K8071*Input!$J$14,0)+IF(Input!$K$15=1,L8071*Input!$J$15,0)+IF(Input!$K$16=1,M8071*Input!$J$16,0)</f>
        <v>2.4195129773626309</v>
      </c>
      <c r="O8071" s="58">
        <f>IF(Input!$K$13=2,J8071*Input!$J$13,0)+IF(Input!$K$14=2,K8071*Input!$J$14,0)+IF(Input!$K$15=2,L8071*Input!$J$15,0)+IF(Input!$K$16=2,M8071*Input!$J$16,0)</f>
        <v>6.3790845579838801E-2</v>
      </c>
      <c r="P8071" s="58">
        <f>IF(Input!$K$13=3,J8071*Input!$J$13,0)+IF(Input!$K$14=3,K8071*Input!$J$14,0)+IF(Input!$K$15=3,L8071*Input!$J$15,0)+IF(Input!$K$16=3,M8071*Input!$J$16,0)</f>
        <v>0</v>
      </c>
      <c r="Q8071" s="71">
        <f>IF(Input!$K$13=4,J8071*Input!$J$13,0)+IF(Input!$K$14=4,K8071*Input!$J$14,0)+IF(Input!$K$15=4,L8071*Input!$J$15,0)+IF(Input!$K$16=4,M8071*Input!$J$16,0)</f>
        <v>0</v>
      </c>
    </row>
    <row r="8072" spans="8:17" x14ac:dyDescent="0.25">
      <c r="H8072" s="43">
        <v>8065</v>
      </c>
      <c r="I8072" s="55">
        <f>Bühler!I8098</f>
        <v>4.9041402136021928</v>
      </c>
      <c r="J8072" s="58">
        <f>Bühler!J8098</f>
        <v>21.924756021949104</v>
      </c>
      <c r="K8072" s="58">
        <f>Bühler!K8098</f>
        <v>0.50157447323924953</v>
      </c>
      <c r="L8072" s="58">
        <f>Bühler!L8098</f>
        <v>0.25078723661962476</v>
      </c>
      <c r="M8072" s="57">
        <f>Bühler!M8098</f>
        <v>0</v>
      </c>
      <c r="N8072" s="55">
        <f>IF(Input!$K$13=1,J8072*Input!$J$13,0)+IF(Input!$K$14=1,K8072*Input!$J$14,0)+IF(Input!$K$15=1,L8072*Input!$J$15,0)+IF(Input!$K$16=1,M8072*Input!$J$16,0)</f>
        <v>2.6309707226338923</v>
      </c>
      <c r="O8072" s="58">
        <f>IF(Input!$K$13=2,J8072*Input!$J$13,0)+IF(Input!$K$14=2,K8072*Input!$J$14,0)+IF(Input!$K$15=2,L8072*Input!$J$15,0)+IF(Input!$K$16=2,M8072*Input!$J$16,0)</f>
        <v>6.7712553887298688E-2</v>
      </c>
      <c r="P8072" s="58">
        <f>IF(Input!$K$13=3,J8072*Input!$J$13,0)+IF(Input!$K$14=3,K8072*Input!$J$14,0)+IF(Input!$K$15=3,L8072*Input!$J$15,0)+IF(Input!$K$16=3,M8072*Input!$J$16,0)</f>
        <v>0</v>
      </c>
      <c r="Q8072" s="71">
        <f>IF(Input!$K$13=4,J8072*Input!$J$13,0)+IF(Input!$K$14=4,K8072*Input!$J$14,0)+IF(Input!$K$15=4,L8072*Input!$J$15,0)+IF(Input!$K$16=4,M8072*Input!$J$16,0)</f>
        <v>0</v>
      </c>
    </row>
    <row r="8073" spans="8:17" x14ac:dyDescent="0.25">
      <c r="H8073" s="43">
        <v>8066</v>
      </c>
      <c r="I8073" s="55">
        <f>Bühler!I8099</f>
        <v>5.6951305706348041</v>
      </c>
      <c r="J8073" s="58">
        <f>Bühler!J8099</f>
        <v>21.957713953492128</v>
      </c>
      <c r="K8073" s="58">
        <f>Bühler!K8099</f>
        <v>0.50157447323924953</v>
      </c>
      <c r="L8073" s="58">
        <f>Bühler!L8099</f>
        <v>0.25078723661962476</v>
      </c>
      <c r="M8073" s="57">
        <f>Bühler!M8099</f>
        <v>0</v>
      </c>
      <c r="N8073" s="55">
        <f>IF(Input!$K$13=1,J8073*Input!$J$13,0)+IF(Input!$K$14=1,K8073*Input!$J$14,0)+IF(Input!$K$15=1,L8073*Input!$J$15,0)+IF(Input!$K$16=1,M8073*Input!$J$16,0)</f>
        <v>2.6349256744190552</v>
      </c>
      <c r="O8073" s="58">
        <f>IF(Input!$K$13=2,J8073*Input!$J$13,0)+IF(Input!$K$14=2,K8073*Input!$J$14,0)+IF(Input!$K$15=2,L8073*Input!$J$15,0)+IF(Input!$K$16=2,M8073*Input!$J$16,0)</f>
        <v>6.7712553887298688E-2</v>
      </c>
      <c r="P8073" s="58">
        <f>IF(Input!$K$13=3,J8073*Input!$J$13,0)+IF(Input!$K$14=3,K8073*Input!$J$14,0)+IF(Input!$K$15=3,L8073*Input!$J$15,0)+IF(Input!$K$16=3,M8073*Input!$J$16,0)</f>
        <v>0</v>
      </c>
      <c r="Q8073" s="71">
        <f>IF(Input!$K$13=4,J8073*Input!$J$13,0)+IF(Input!$K$14=4,K8073*Input!$J$14,0)+IF(Input!$K$15=4,L8073*Input!$J$15,0)+IF(Input!$K$16=4,M8073*Input!$J$16,0)</f>
        <v>0</v>
      </c>
    </row>
    <row r="8074" spans="8:17" x14ac:dyDescent="0.25">
      <c r="H8074" s="43">
        <v>8067</v>
      </c>
      <c r="I8074" s="55">
        <f>Bühler!I8100</f>
        <v>5.6951305706348041</v>
      </c>
      <c r="J8074" s="58">
        <f>Bühler!J8100</f>
        <v>21.957713953492128</v>
      </c>
      <c r="K8074" s="58">
        <f>Bühler!K8100</f>
        <v>0.50157447323924953</v>
      </c>
      <c r="L8074" s="58">
        <f>Bühler!L8100</f>
        <v>0.25078723661962476</v>
      </c>
      <c r="M8074" s="57">
        <f>Bühler!M8100</f>
        <v>0</v>
      </c>
      <c r="N8074" s="55">
        <f>IF(Input!$K$13=1,J8074*Input!$J$13,0)+IF(Input!$K$14=1,K8074*Input!$J$14,0)+IF(Input!$K$15=1,L8074*Input!$J$15,0)+IF(Input!$K$16=1,M8074*Input!$J$16,0)</f>
        <v>2.6349256744190552</v>
      </c>
      <c r="O8074" s="58">
        <f>IF(Input!$K$13=2,J8074*Input!$J$13,0)+IF(Input!$K$14=2,K8074*Input!$J$14,0)+IF(Input!$K$15=2,L8074*Input!$J$15,0)+IF(Input!$K$16=2,M8074*Input!$J$16,0)</f>
        <v>6.7712553887298688E-2</v>
      </c>
      <c r="P8074" s="58">
        <f>IF(Input!$K$13=3,J8074*Input!$J$13,0)+IF(Input!$K$14=3,K8074*Input!$J$14,0)+IF(Input!$K$15=3,L8074*Input!$J$15,0)+IF(Input!$K$16=3,M8074*Input!$J$16,0)</f>
        <v>0</v>
      </c>
      <c r="Q8074" s="71">
        <f>IF(Input!$K$13=4,J8074*Input!$J$13,0)+IF(Input!$K$14=4,K8074*Input!$J$14,0)+IF(Input!$K$15=4,L8074*Input!$J$15,0)+IF(Input!$K$16=4,M8074*Input!$J$16,0)</f>
        <v>0</v>
      </c>
    </row>
    <row r="8075" spans="8:17" x14ac:dyDescent="0.25">
      <c r="H8075" s="43">
        <v>8068</v>
      </c>
      <c r="I8075" s="55">
        <f>Bühler!I8101</f>
        <v>5.6951305706348041</v>
      </c>
      <c r="J8075" s="58">
        <f>Bühler!J8101</f>
        <v>21.957713953492128</v>
      </c>
      <c r="K8075" s="58">
        <f>Bühler!K8101</f>
        <v>0.50157447323924953</v>
      </c>
      <c r="L8075" s="58">
        <f>Bühler!L8101</f>
        <v>0.25078723661962476</v>
      </c>
      <c r="M8075" s="57">
        <f>Bühler!M8101</f>
        <v>0</v>
      </c>
      <c r="N8075" s="55">
        <f>IF(Input!$K$13=1,J8075*Input!$J$13,0)+IF(Input!$K$14=1,K8075*Input!$J$14,0)+IF(Input!$K$15=1,L8075*Input!$J$15,0)+IF(Input!$K$16=1,M8075*Input!$J$16,0)</f>
        <v>2.6349256744190552</v>
      </c>
      <c r="O8075" s="58">
        <f>IF(Input!$K$13=2,J8075*Input!$J$13,0)+IF(Input!$K$14=2,K8075*Input!$J$14,0)+IF(Input!$K$15=2,L8075*Input!$J$15,0)+IF(Input!$K$16=2,M8075*Input!$J$16,0)</f>
        <v>6.7712553887298688E-2</v>
      </c>
      <c r="P8075" s="58">
        <f>IF(Input!$K$13=3,J8075*Input!$J$13,0)+IF(Input!$K$14=3,K8075*Input!$J$14,0)+IF(Input!$K$15=3,L8075*Input!$J$15,0)+IF(Input!$K$16=3,M8075*Input!$J$16,0)</f>
        <v>0</v>
      </c>
      <c r="Q8075" s="71">
        <f>IF(Input!$K$13=4,J8075*Input!$J$13,0)+IF(Input!$K$14=4,K8075*Input!$J$14,0)+IF(Input!$K$15=4,L8075*Input!$J$15,0)+IF(Input!$K$16=4,M8075*Input!$J$16,0)</f>
        <v>0</v>
      </c>
    </row>
    <row r="8076" spans="8:17" x14ac:dyDescent="0.25">
      <c r="H8076" s="43">
        <v>8069</v>
      </c>
      <c r="I8076" s="55">
        <f>Bühler!I8102</f>
        <v>5.6951305706348041</v>
      </c>
      <c r="J8076" s="58">
        <f>Bühler!J8102</f>
        <v>21.957713953492128</v>
      </c>
      <c r="K8076" s="58">
        <f>Bühler!K8102</f>
        <v>0.50157447323924953</v>
      </c>
      <c r="L8076" s="58">
        <f>Bühler!L8102</f>
        <v>0.25078723661962476</v>
      </c>
      <c r="M8076" s="57">
        <f>Bühler!M8102</f>
        <v>0</v>
      </c>
      <c r="N8076" s="55">
        <f>IF(Input!$K$13=1,J8076*Input!$J$13,0)+IF(Input!$K$14=1,K8076*Input!$J$14,0)+IF(Input!$K$15=1,L8076*Input!$J$15,0)+IF(Input!$K$16=1,M8076*Input!$J$16,0)</f>
        <v>2.6349256744190552</v>
      </c>
      <c r="O8076" s="58">
        <f>IF(Input!$K$13=2,J8076*Input!$J$13,0)+IF(Input!$K$14=2,K8076*Input!$J$14,0)+IF(Input!$K$15=2,L8076*Input!$J$15,0)+IF(Input!$K$16=2,M8076*Input!$J$16,0)</f>
        <v>6.7712553887298688E-2</v>
      </c>
      <c r="P8076" s="58">
        <f>IF(Input!$K$13=3,J8076*Input!$J$13,0)+IF(Input!$K$14=3,K8076*Input!$J$14,0)+IF(Input!$K$15=3,L8076*Input!$J$15,0)+IF(Input!$K$16=3,M8076*Input!$J$16,0)</f>
        <v>0</v>
      </c>
      <c r="Q8076" s="71">
        <f>IF(Input!$K$13=4,J8076*Input!$J$13,0)+IF(Input!$K$14=4,K8076*Input!$J$14,0)+IF(Input!$K$15=4,L8076*Input!$J$15,0)+IF(Input!$K$16=4,M8076*Input!$J$16,0)</f>
        <v>0</v>
      </c>
    </row>
    <row r="8077" spans="8:17" x14ac:dyDescent="0.25">
      <c r="H8077" s="43">
        <v>8070</v>
      </c>
      <c r="I8077" s="55">
        <f>Bühler!I8103</f>
        <v>7.1189132132935047</v>
      </c>
      <c r="J8077" s="58">
        <f>Bühler!J8103</f>
        <v>22.017038230269574</v>
      </c>
      <c r="K8077" s="58">
        <f>Bühler!K8103</f>
        <v>0.50157447323924953</v>
      </c>
      <c r="L8077" s="58">
        <f>Bühler!L8103</f>
        <v>0.25078723661962476</v>
      </c>
      <c r="M8077" s="57">
        <f>Bühler!M8103</f>
        <v>0</v>
      </c>
      <c r="N8077" s="55">
        <f>IF(Input!$K$13=1,J8077*Input!$J$13,0)+IF(Input!$K$14=1,K8077*Input!$J$14,0)+IF(Input!$K$15=1,L8077*Input!$J$15,0)+IF(Input!$K$16=1,M8077*Input!$J$16,0)</f>
        <v>2.6420445876323488</v>
      </c>
      <c r="O8077" s="58">
        <f>IF(Input!$K$13=2,J8077*Input!$J$13,0)+IF(Input!$K$14=2,K8077*Input!$J$14,0)+IF(Input!$K$15=2,L8077*Input!$J$15,0)+IF(Input!$K$16=2,M8077*Input!$J$16,0)</f>
        <v>6.7712553887298688E-2</v>
      </c>
      <c r="P8077" s="58">
        <f>IF(Input!$K$13=3,J8077*Input!$J$13,0)+IF(Input!$K$14=3,K8077*Input!$J$14,0)+IF(Input!$K$15=3,L8077*Input!$J$15,0)+IF(Input!$K$16=3,M8077*Input!$J$16,0)</f>
        <v>0</v>
      </c>
      <c r="Q8077" s="71">
        <f>IF(Input!$K$13=4,J8077*Input!$J$13,0)+IF(Input!$K$14=4,K8077*Input!$J$14,0)+IF(Input!$K$15=4,L8077*Input!$J$15,0)+IF(Input!$K$16=4,M8077*Input!$J$16,0)</f>
        <v>0</v>
      </c>
    </row>
    <row r="8078" spans="8:17" x14ac:dyDescent="0.25">
      <c r="H8078" s="43">
        <v>8071</v>
      </c>
      <c r="I8078" s="55">
        <f>Bühler!I8104</f>
        <v>8.3844977845456832</v>
      </c>
      <c r="J8078" s="58">
        <f>Bühler!J8104</f>
        <v>22.069770920738414</v>
      </c>
      <c r="K8078" s="58">
        <f>Bühler!K8104</f>
        <v>0.50157447323924953</v>
      </c>
      <c r="L8078" s="58">
        <f>Bühler!L8104</f>
        <v>0.25078723661962476</v>
      </c>
      <c r="M8078" s="57">
        <f>Bühler!M8104</f>
        <v>0</v>
      </c>
      <c r="N8078" s="55">
        <f>IF(Input!$K$13=1,J8078*Input!$J$13,0)+IF(Input!$K$14=1,K8078*Input!$J$14,0)+IF(Input!$K$15=1,L8078*Input!$J$15,0)+IF(Input!$K$16=1,M8078*Input!$J$16,0)</f>
        <v>2.6483725104886093</v>
      </c>
      <c r="O8078" s="58">
        <f>IF(Input!$K$13=2,J8078*Input!$J$13,0)+IF(Input!$K$14=2,K8078*Input!$J$14,0)+IF(Input!$K$15=2,L8078*Input!$J$15,0)+IF(Input!$K$16=2,M8078*Input!$J$16,0)</f>
        <v>6.7712553887298688E-2</v>
      </c>
      <c r="P8078" s="58">
        <f>IF(Input!$K$13=3,J8078*Input!$J$13,0)+IF(Input!$K$14=3,K8078*Input!$J$14,0)+IF(Input!$K$15=3,L8078*Input!$J$15,0)+IF(Input!$K$16=3,M8078*Input!$J$16,0)</f>
        <v>0</v>
      </c>
      <c r="Q8078" s="71">
        <f>IF(Input!$K$13=4,J8078*Input!$J$13,0)+IF(Input!$K$14=4,K8078*Input!$J$14,0)+IF(Input!$K$15=4,L8078*Input!$J$15,0)+IF(Input!$K$16=4,M8078*Input!$J$16,0)</f>
        <v>0</v>
      </c>
    </row>
    <row r="8079" spans="8:17" x14ac:dyDescent="0.25">
      <c r="H8079" s="43">
        <v>8072</v>
      </c>
      <c r="I8079" s="55">
        <f>Bühler!I8105</f>
        <v>9.9664784986109076</v>
      </c>
      <c r="J8079" s="58">
        <f>Bühler!J8105</f>
        <v>22.135686783824465</v>
      </c>
      <c r="K8079" s="58">
        <f>Bühler!K8105</f>
        <v>0.50157447323924953</v>
      </c>
      <c r="L8079" s="58">
        <f>Bühler!L8105</f>
        <v>0.25078723661962476</v>
      </c>
      <c r="M8079" s="57">
        <f>Bühler!M8105</f>
        <v>0</v>
      </c>
      <c r="N8079" s="55">
        <f>IF(Input!$K$13=1,J8079*Input!$J$13,0)+IF(Input!$K$14=1,K8079*Input!$J$14,0)+IF(Input!$K$15=1,L8079*Input!$J$15,0)+IF(Input!$K$16=1,M8079*Input!$J$16,0)</f>
        <v>2.6562824140589356</v>
      </c>
      <c r="O8079" s="58">
        <f>IF(Input!$K$13=2,J8079*Input!$J$13,0)+IF(Input!$K$14=2,K8079*Input!$J$14,0)+IF(Input!$K$15=2,L8079*Input!$J$15,0)+IF(Input!$K$16=2,M8079*Input!$J$16,0)</f>
        <v>6.7712553887298688E-2</v>
      </c>
      <c r="P8079" s="58">
        <f>IF(Input!$K$13=3,J8079*Input!$J$13,0)+IF(Input!$K$14=3,K8079*Input!$J$14,0)+IF(Input!$K$15=3,L8079*Input!$J$15,0)+IF(Input!$K$16=3,M8079*Input!$J$16,0)</f>
        <v>0</v>
      </c>
      <c r="Q8079" s="71">
        <f>IF(Input!$K$13=4,J8079*Input!$J$13,0)+IF(Input!$K$14=4,K8079*Input!$J$14,0)+IF(Input!$K$15=4,L8079*Input!$J$15,0)+IF(Input!$K$16=4,M8079*Input!$J$16,0)</f>
        <v>0</v>
      </c>
    </row>
    <row r="8080" spans="8:17" x14ac:dyDescent="0.25">
      <c r="H8080" s="43">
        <v>8073</v>
      </c>
      <c r="I8080" s="55">
        <f>Bühler!I8106</f>
        <v>9.9664784986109076</v>
      </c>
      <c r="J8080" s="58">
        <f>Bühler!J8106</f>
        <v>22.135686783824465</v>
      </c>
      <c r="K8080" s="58">
        <f>Bühler!K8106</f>
        <v>0.50157447323924953</v>
      </c>
      <c r="L8080" s="58">
        <f>Bühler!L8106</f>
        <v>0.25078723661962476</v>
      </c>
      <c r="M8080" s="57">
        <f>Bühler!M8106</f>
        <v>0</v>
      </c>
      <c r="N8080" s="55">
        <f>IF(Input!$K$13=1,J8080*Input!$J$13,0)+IF(Input!$K$14=1,K8080*Input!$J$14,0)+IF(Input!$K$15=1,L8080*Input!$J$15,0)+IF(Input!$K$16=1,M8080*Input!$J$16,0)</f>
        <v>2.6562824140589356</v>
      </c>
      <c r="O8080" s="58">
        <f>IF(Input!$K$13=2,J8080*Input!$J$13,0)+IF(Input!$K$14=2,K8080*Input!$J$14,0)+IF(Input!$K$15=2,L8080*Input!$J$15,0)+IF(Input!$K$16=2,M8080*Input!$J$16,0)</f>
        <v>6.7712553887298688E-2</v>
      </c>
      <c r="P8080" s="58">
        <f>IF(Input!$K$13=3,J8080*Input!$J$13,0)+IF(Input!$K$14=3,K8080*Input!$J$14,0)+IF(Input!$K$15=3,L8080*Input!$J$15,0)+IF(Input!$K$16=3,M8080*Input!$J$16,0)</f>
        <v>0</v>
      </c>
      <c r="Q8080" s="71">
        <f>IF(Input!$K$13=4,J8080*Input!$J$13,0)+IF(Input!$K$14=4,K8080*Input!$J$14,0)+IF(Input!$K$15=4,L8080*Input!$J$15,0)+IF(Input!$K$16=4,M8080*Input!$J$16,0)</f>
        <v>0</v>
      </c>
    </row>
    <row r="8081" spans="8:17" x14ac:dyDescent="0.25">
      <c r="H8081" s="43">
        <v>8074</v>
      </c>
      <c r="I8081" s="55">
        <f>Bühler!I8107</f>
        <v>9.9664784986109076</v>
      </c>
      <c r="J8081" s="58">
        <f>Bühler!J8107</f>
        <v>22.135686783824465</v>
      </c>
      <c r="K8081" s="58">
        <f>Bühler!K8107</f>
        <v>0.50157447323924953</v>
      </c>
      <c r="L8081" s="58">
        <f>Bühler!L8107</f>
        <v>0.25078723661962476</v>
      </c>
      <c r="M8081" s="57">
        <f>Bühler!M8107</f>
        <v>0</v>
      </c>
      <c r="N8081" s="55">
        <f>IF(Input!$K$13=1,J8081*Input!$J$13,0)+IF(Input!$K$14=1,K8081*Input!$J$14,0)+IF(Input!$K$15=1,L8081*Input!$J$15,0)+IF(Input!$K$16=1,M8081*Input!$J$16,0)</f>
        <v>2.6562824140589356</v>
      </c>
      <c r="O8081" s="58">
        <f>IF(Input!$K$13=2,J8081*Input!$J$13,0)+IF(Input!$K$14=2,K8081*Input!$J$14,0)+IF(Input!$K$15=2,L8081*Input!$J$15,0)+IF(Input!$K$16=2,M8081*Input!$J$16,0)</f>
        <v>6.7712553887298688E-2</v>
      </c>
      <c r="P8081" s="58">
        <f>IF(Input!$K$13=3,J8081*Input!$J$13,0)+IF(Input!$K$14=3,K8081*Input!$J$14,0)+IF(Input!$K$15=3,L8081*Input!$J$15,0)+IF(Input!$K$16=3,M8081*Input!$J$16,0)</f>
        <v>0</v>
      </c>
      <c r="Q8081" s="71">
        <f>IF(Input!$K$13=4,J8081*Input!$J$13,0)+IF(Input!$K$14=4,K8081*Input!$J$14,0)+IF(Input!$K$15=4,L8081*Input!$J$15,0)+IF(Input!$K$16=4,M8081*Input!$J$16,0)</f>
        <v>0</v>
      </c>
    </row>
    <row r="8082" spans="8:17" x14ac:dyDescent="0.25">
      <c r="H8082" s="43">
        <v>8075</v>
      </c>
      <c r="I8082" s="55">
        <f>Bühler!I8108</f>
        <v>9.9664784986109076</v>
      </c>
      <c r="J8082" s="58">
        <f>Bühler!J8108</f>
        <v>22.135686783824465</v>
      </c>
      <c r="K8082" s="58">
        <f>Bühler!K8108</f>
        <v>0.50157447323924953</v>
      </c>
      <c r="L8082" s="58">
        <f>Bühler!L8108</f>
        <v>0.25078723661962476</v>
      </c>
      <c r="M8082" s="57">
        <f>Bühler!M8108</f>
        <v>0</v>
      </c>
      <c r="N8082" s="55">
        <f>IF(Input!$K$13=1,J8082*Input!$J$13,0)+IF(Input!$K$14=1,K8082*Input!$J$14,0)+IF(Input!$K$15=1,L8082*Input!$J$15,0)+IF(Input!$K$16=1,M8082*Input!$J$16,0)</f>
        <v>2.6562824140589356</v>
      </c>
      <c r="O8082" s="58">
        <f>IF(Input!$K$13=2,J8082*Input!$J$13,0)+IF(Input!$K$14=2,K8082*Input!$J$14,0)+IF(Input!$K$15=2,L8082*Input!$J$15,0)+IF(Input!$K$16=2,M8082*Input!$J$16,0)</f>
        <v>6.7712553887298688E-2</v>
      </c>
      <c r="P8082" s="58">
        <f>IF(Input!$K$13=3,J8082*Input!$J$13,0)+IF(Input!$K$14=3,K8082*Input!$J$14,0)+IF(Input!$K$15=3,L8082*Input!$J$15,0)+IF(Input!$K$16=3,M8082*Input!$J$16,0)</f>
        <v>0</v>
      </c>
      <c r="Q8082" s="71">
        <f>IF(Input!$K$13=4,J8082*Input!$J$13,0)+IF(Input!$K$14=4,K8082*Input!$J$14,0)+IF(Input!$K$15=4,L8082*Input!$J$15,0)+IF(Input!$K$16=4,M8082*Input!$J$16,0)</f>
        <v>0</v>
      </c>
    </row>
    <row r="8083" spans="8:17" x14ac:dyDescent="0.25">
      <c r="H8083" s="43">
        <v>8076</v>
      </c>
      <c r="I8083" s="55">
        <f>Bühler!I8109</f>
        <v>9.9664784986109076</v>
      </c>
      <c r="J8083" s="58">
        <f>Bühler!J8109</f>
        <v>22.135686783824465</v>
      </c>
      <c r="K8083" s="58">
        <f>Bühler!K8109</f>
        <v>0.50157447323924953</v>
      </c>
      <c r="L8083" s="58">
        <f>Bühler!L8109</f>
        <v>0.25078723661962476</v>
      </c>
      <c r="M8083" s="57">
        <f>Bühler!M8109</f>
        <v>0</v>
      </c>
      <c r="N8083" s="55">
        <f>IF(Input!$K$13=1,J8083*Input!$J$13,0)+IF(Input!$K$14=1,K8083*Input!$J$14,0)+IF(Input!$K$15=1,L8083*Input!$J$15,0)+IF(Input!$K$16=1,M8083*Input!$J$16,0)</f>
        <v>2.6562824140589356</v>
      </c>
      <c r="O8083" s="58">
        <f>IF(Input!$K$13=2,J8083*Input!$J$13,0)+IF(Input!$K$14=2,K8083*Input!$J$14,0)+IF(Input!$K$15=2,L8083*Input!$J$15,0)+IF(Input!$K$16=2,M8083*Input!$J$16,0)</f>
        <v>6.7712553887298688E-2</v>
      </c>
      <c r="P8083" s="58">
        <f>IF(Input!$K$13=3,J8083*Input!$J$13,0)+IF(Input!$K$14=3,K8083*Input!$J$14,0)+IF(Input!$K$15=3,L8083*Input!$J$15,0)+IF(Input!$K$16=3,M8083*Input!$J$16,0)</f>
        <v>0</v>
      </c>
      <c r="Q8083" s="71">
        <f>IF(Input!$K$13=4,J8083*Input!$J$13,0)+IF(Input!$K$14=4,K8083*Input!$J$14,0)+IF(Input!$K$15=4,L8083*Input!$J$15,0)+IF(Input!$K$16=4,M8083*Input!$J$16,0)</f>
        <v>0</v>
      </c>
    </row>
    <row r="8084" spans="8:17" x14ac:dyDescent="0.25">
      <c r="H8084" s="43">
        <v>8077</v>
      </c>
      <c r="I8084" s="55">
        <f>Bühler!I8110</f>
        <v>9.9664784986109076</v>
      </c>
      <c r="J8084" s="58">
        <f>Bühler!J8110</f>
        <v>22.135686783824465</v>
      </c>
      <c r="K8084" s="58">
        <f>Bühler!K8110</f>
        <v>0.50157447323924953</v>
      </c>
      <c r="L8084" s="58">
        <f>Bühler!L8110</f>
        <v>0.25078723661962476</v>
      </c>
      <c r="M8084" s="57">
        <f>Bühler!M8110</f>
        <v>0</v>
      </c>
      <c r="N8084" s="55">
        <f>IF(Input!$K$13=1,J8084*Input!$J$13,0)+IF(Input!$K$14=1,K8084*Input!$J$14,0)+IF(Input!$K$15=1,L8084*Input!$J$15,0)+IF(Input!$K$16=1,M8084*Input!$J$16,0)</f>
        <v>2.6562824140589356</v>
      </c>
      <c r="O8084" s="58">
        <f>IF(Input!$K$13=2,J8084*Input!$J$13,0)+IF(Input!$K$14=2,K8084*Input!$J$14,0)+IF(Input!$K$15=2,L8084*Input!$J$15,0)+IF(Input!$K$16=2,M8084*Input!$J$16,0)</f>
        <v>6.7712553887298688E-2</v>
      </c>
      <c r="P8084" s="58">
        <f>IF(Input!$K$13=3,J8084*Input!$J$13,0)+IF(Input!$K$14=3,K8084*Input!$J$14,0)+IF(Input!$K$15=3,L8084*Input!$J$15,0)+IF(Input!$K$16=3,M8084*Input!$J$16,0)</f>
        <v>0</v>
      </c>
      <c r="Q8084" s="71">
        <f>IF(Input!$K$13=4,J8084*Input!$J$13,0)+IF(Input!$K$14=4,K8084*Input!$J$14,0)+IF(Input!$K$15=4,L8084*Input!$J$15,0)+IF(Input!$K$16=4,M8084*Input!$J$16,0)</f>
        <v>0</v>
      </c>
    </row>
    <row r="8085" spans="8:17" x14ac:dyDescent="0.25">
      <c r="H8085" s="43">
        <v>8078</v>
      </c>
      <c r="I8085" s="55">
        <f>Bühler!I8111</f>
        <v>9.9664784986109076</v>
      </c>
      <c r="J8085" s="58">
        <f>Bühler!J8111</f>
        <v>22.135686783824465</v>
      </c>
      <c r="K8085" s="58">
        <f>Bühler!K8111</f>
        <v>0.50157447323924953</v>
      </c>
      <c r="L8085" s="58">
        <f>Bühler!L8111</f>
        <v>0.25078723661962476</v>
      </c>
      <c r="M8085" s="57">
        <f>Bühler!M8111</f>
        <v>0</v>
      </c>
      <c r="N8085" s="55">
        <f>IF(Input!$K$13=1,J8085*Input!$J$13,0)+IF(Input!$K$14=1,K8085*Input!$J$14,0)+IF(Input!$K$15=1,L8085*Input!$J$15,0)+IF(Input!$K$16=1,M8085*Input!$J$16,0)</f>
        <v>2.6562824140589356</v>
      </c>
      <c r="O8085" s="58">
        <f>IF(Input!$K$13=2,J8085*Input!$J$13,0)+IF(Input!$K$14=2,K8085*Input!$J$14,0)+IF(Input!$K$15=2,L8085*Input!$J$15,0)+IF(Input!$K$16=2,M8085*Input!$J$16,0)</f>
        <v>6.7712553887298688E-2</v>
      </c>
      <c r="P8085" s="58">
        <f>IF(Input!$K$13=3,J8085*Input!$J$13,0)+IF(Input!$K$14=3,K8085*Input!$J$14,0)+IF(Input!$K$15=3,L8085*Input!$J$15,0)+IF(Input!$K$16=3,M8085*Input!$J$16,0)</f>
        <v>0</v>
      </c>
      <c r="Q8085" s="71">
        <f>IF(Input!$K$13=4,J8085*Input!$J$13,0)+IF(Input!$K$14=4,K8085*Input!$J$14,0)+IF(Input!$K$15=4,L8085*Input!$J$15,0)+IF(Input!$K$16=4,M8085*Input!$J$16,0)</f>
        <v>0</v>
      </c>
    </row>
    <row r="8086" spans="8:17" x14ac:dyDescent="0.25">
      <c r="H8086" s="43">
        <v>8079</v>
      </c>
      <c r="I8086" s="55">
        <f>Bühler!I8112</f>
        <v>9.9664784986109076</v>
      </c>
      <c r="J8086" s="58">
        <f>Bühler!J8112</f>
        <v>22.135686783824465</v>
      </c>
      <c r="K8086" s="58">
        <f>Bühler!K8112</f>
        <v>0.50157447323924953</v>
      </c>
      <c r="L8086" s="58">
        <f>Bühler!L8112</f>
        <v>0.25078723661962476</v>
      </c>
      <c r="M8086" s="57">
        <f>Bühler!M8112</f>
        <v>0</v>
      </c>
      <c r="N8086" s="55">
        <f>IF(Input!$K$13=1,J8086*Input!$J$13,0)+IF(Input!$K$14=1,K8086*Input!$J$14,0)+IF(Input!$K$15=1,L8086*Input!$J$15,0)+IF(Input!$K$16=1,M8086*Input!$J$16,0)</f>
        <v>2.6562824140589356</v>
      </c>
      <c r="O8086" s="58">
        <f>IF(Input!$K$13=2,J8086*Input!$J$13,0)+IF(Input!$K$14=2,K8086*Input!$J$14,0)+IF(Input!$K$15=2,L8086*Input!$J$15,0)+IF(Input!$K$16=2,M8086*Input!$J$16,0)</f>
        <v>6.7712553887298688E-2</v>
      </c>
      <c r="P8086" s="58">
        <f>IF(Input!$K$13=3,J8086*Input!$J$13,0)+IF(Input!$K$14=3,K8086*Input!$J$14,0)+IF(Input!$K$15=3,L8086*Input!$J$15,0)+IF(Input!$K$16=3,M8086*Input!$J$16,0)</f>
        <v>0</v>
      </c>
      <c r="Q8086" s="71">
        <f>IF(Input!$K$13=4,J8086*Input!$J$13,0)+IF(Input!$K$14=4,K8086*Input!$J$14,0)+IF(Input!$K$15=4,L8086*Input!$J$15,0)+IF(Input!$K$16=4,M8086*Input!$J$16,0)</f>
        <v>0</v>
      </c>
    </row>
    <row r="8087" spans="8:17" x14ac:dyDescent="0.25">
      <c r="H8087" s="43">
        <v>8080</v>
      </c>
      <c r="I8087" s="55">
        <f>Bühler!I8113</f>
        <v>8.8590919987652512</v>
      </c>
      <c r="J8087" s="58">
        <f>Bühler!J8113</f>
        <v>22.08954567966423</v>
      </c>
      <c r="K8087" s="58">
        <f>Bühler!K8113</f>
        <v>0.50157447323924953</v>
      </c>
      <c r="L8087" s="58">
        <f>Bühler!L8113</f>
        <v>0.25078723661962476</v>
      </c>
      <c r="M8087" s="57">
        <f>Bühler!M8113</f>
        <v>0</v>
      </c>
      <c r="N8087" s="55">
        <f>IF(Input!$K$13=1,J8087*Input!$J$13,0)+IF(Input!$K$14=1,K8087*Input!$J$14,0)+IF(Input!$K$15=1,L8087*Input!$J$15,0)+IF(Input!$K$16=1,M8087*Input!$J$16,0)</f>
        <v>2.6507454815597074</v>
      </c>
      <c r="O8087" s="58">
        <f>IF(Input!$K$13=2,J8087*Input!$J$13,0)+IF(Input!$K$14=2,K8087*Input!$J$14,0)+IF(Input!$K$15=2,L8087*Input!$J$15,0)+IF(Input!$K$16=2,M8087*Input!$J$16,0)</f>
        <v>6.7712553887298688E-2</v>
      </c>
      <c r="P8087" s="58">
        <f>IF(Input!$K$13=3,J8087*Input!$J$13,0)+IF(Input!$K$14=3,K8087*Input!$J$14,0)+IF(Input!$K$15=3,L8087*Input!$J$15,0)+IF(Input!$K$16=3,M8087*Input!$J$16,0)</f>
        <v>0</v>
      </c>
      <c r="Q8087" s="71">
        <f>IF(Input!$K$13=4,J8087*Input!$J$13,0)+IF(Input!$K$14=4,K8087*Input!$J$14,0)+IF(Input!$K$15=4,L8087*Input!$J$15,0)+IF(Input!$K$16=4,M8087*Input!$J$16,0)</f>
        <v>0</v>
      </c>
    </row>
    <row r="8088" spans="8:17" x14ac:dyDescent="0.25">
      <c r="H8088" s="43">
        <v>8081</v>
      </c>
      <c r="I8088" s="55">
        <f>Bühler!I8114</f>
        <v>8.7008939273587274</v>
      </c>
      <c r="J8088" s="58">
        <f>Bühler!J8114</f>
        <v>22.082954093355625</v>
      </c>
      <c r="K8088" s="58">
        <f>Bühler!K8114</f>
        <v>0.50157447323924953</v>
      </c>
      <c r="L8088" s="58">
        <f>Bühler!L8114</f>
        <v>0.25078723661962476</v>
      </c>
      <c r="M8088" s="57">
        <f>Bühler!M8114</f>
        <v>0</v>
      </c>
      <c r="N8088" s="55">
        <f>IF(Input!$K$13=1,J8088*Input!$J$13,0)+IF(Input!$K$14=1,K8088*Input!$J$14,0)+IF(Input!$K$15=1,L8088*Input!$J$15,0)+IF(Input!$K$16=1,M8088*Input!$J$16,0)</f>
        <v>2.6499544912026747</v>
      </c>
      <c r="O8088" s="58">
        <f>IF(Input!$K$13=2,J8088*Input!$J$13,0)+IF(Input!$K$14=2,K8088*Input!$J$14,0)+IF(Input!$K$15=2,L8088*Input!$J$15,0)+IF(Input!$K$16=2,M8088*Input!$J$16,0)</f>
        <v>6.7712553887298688E-2</v>
      </c>
      <c r="P8088" s="58">
        <f>IF(Input!$K$13=3,J8088*Input!$J$13,0)+IF(Input!$K$14=3,K8088*Input!$J$14,0)+IF(Input!$K$15=3,L8088*Input!$J$15,0)+IF(Input!$K$16=3,M8088*Input!$J$16,0)</f>
        <v>0</v>
      </c>
      <c r="Q8088" s="71">
        <f>IF(Input!$K$13=4,J8088*Input!$J$13,0)+IF(Input!$K$14=4,K8088*Input!$J$14,0)+IF(Input!$K$15=4,L8088*Input!$J$15,0)+IF(Input!$K$16=4,M8088*Input!$J$16,0)</f>
        <v>0</v>
      </c>
    </row>
    <row r="8089" spans="8:17" x14ac:dyDescent="0.25">
      <c r="H8089" s="43">
        <v>8082</v>
      </c>
      <c r="I8089" s="55">
        <f>Bühler!I8115</f>
        <v>7.4353093561065506</v>
      </c>
      <c r="J8089" s="58">
        <f>Bühler!J8115</f>
        <v>22.030221402886784</v>
      </c>
      <c r="K8089" s="58">
        <f>Bühler!K8115</f>
        <v>0.50157447323924953</v>
      </c>
      <c r="L8089" s="58">
        <f>Bühler!L8115</f>
        <v>0.25078723661962476</v>
      </c>
      <c r="M8089" s="57">
        <f>Bühler!M8115</f>
        <v>0</v>
      </c>
      <c r="N8089" s="55">
        <f>IF(Input!$K$13=1,J8089*Input!$J$13,0)+IF(Input!$K$14=1,K8089*Input!$J$14,0)+IF(Input!$K$15=1,L8089*Input!$J$15,0)+IF(Input!$K$16=1,M8089*Input!$J$16,0)</f>
        <v>2.6436265683464142</v>
      </c>
      <c r="O8089" s="58">
        <f>IF(Input!$K$13=2,J8089*Input!$J$13,0)+IF(Input!$K$14=2,K8089*Input!$J$14,0)+IF(Input!$K$15=2,L8089*Input!$J$15,0)+IF(Input!$K$16=2,M8089*Input!$J$16,0)</f>
        <v>6.7712553887298688E-2</v>
      </c>
      <c r="P8089" s="58">
        <f>IF(Input!$K$13=3,J8089*Input!$J$13,0)+IF(Input!$K$14=3,K8089*Input!$J$14,0)+IF(Input!$K$15=3,L8089*Input!$J$15,0)+IF(Input!$K$16=3,M8089*Input!$J$16,0)</f>
        <v>0</v>
      </c>
      <c r="Q8089" s="71">
        <f>IF(Input!$K$13=4,J8089*Input!$J$13,0)+IF(Input!$K$14=4,K8089*Input!$J$14,0)+IF(Input!$K$15=4,L8089*Input!$J$15,0)+IF(Input!$K$16=4,M8089*Input!$J$16,0)</f>
        <v>0</v>
      </c>
    </row>
    <row r="8090" spans="8:17" x14ac:dyDescent="0.25">
      <c r="H8090" s="43">
        <v>8083</v>
      </c>
      <c r="I8090" s="55">
        <f>Bühler!I8116</f>
        <v>6.9607151418869835</v>
      </c>
      <c r="J8090" s="58">
        <f>Bühler!J8116</f>
        <v>22.010446643960968</v>
      </c>
      <c r="K8090" s="58">
        <f>Bühler!K8116</f>
        <v>0.50157447323924953</v>
      </c>
      <c r="L8090" s="58">
        <f>Bühler!L8116</f>
        <v>0.25078723661962476</v>
      </c>
      <c r="M8090" s="57">
        <f>Bühler!M8116</f>
        <v>0</v>
      </c>
      <c r="N8090" s="55">
        <f>IF(Input!$K$13=1,J8090*Input!$J$13,0)+IF(Input!$K$14=1,K8090*Input!$J$14,0)+IF(Input!$K$15=1,L8090*Input!$J$15,0)+IF(Input!$K$16=1,M8090*Input!$J$16,0)</f>
        <v>2.6412535972753162</v>
      </c>
      <c r="O8090" s="58">
        <f>IF(Input!$K$13=2,J8090*Input!$J$13,0)+IF(Input!$K$14=2,K8090*Input!$J$14,0)+IF(Input!$K$15=2,L8090*Input!$J$15,0)+IF(Input!$K$16=2,M8090*Input!$J$16,0)</f>
        <v>6.7712553887298688E-2</v>
      </c>
      <c r="P8090" s="58">
        <f>IF(Input!$K$13=3,J8090*Input!$J$13,0)+IF(Input!$K$14=3,K8090*Input!$J$14,0)+IF(Input!$K$15=3,L8090*Input!$J$15,0)+IF(Input!$K$16=3,M8090*Input!$J$16,0)</f>
        <v>0</v>
      </c>
      <c r="Q8090" s="71">
        <f>IF(Input!$K$13=4,J8090*Input!$J$13,0)+IF(Input!$K$14=4,K8090*Input!$J$14,0)+IF(Input!$K$15=4,L8090*Input!$J$15,0)+IF(Input!$K$16=4,M8090*Input!$J$16,0)</f>
        <v>0</v>
      </c>
    </row>
    <row r="8091" spans="8:17" x14ac:dyDescent="0.25">
      <c r="H8091" s="43">
        <v>8084</v>
      </c>
      <c r="I8091" s="55">
        <f>Bühler!I8117</f>
        <v>5.8533286420413271</v>
      </c>
      <c r="J8091" s="58">
        <f>Bühler!J8117</f>
        <v>21.964305539800733</v>
      </c>
      <c r="K8091" s="58">
        <f>Bühler!K8117</f>
        <v>0.50157447323924953</v>
      </c>
      <c r="L8091" s="58">
        <f>Bühler!L8117</f>
        <v>0.25078723661962476</v>
      </c>
      <c r="M8091" s="57">
        <f>Bühler!M8117</f>
        <v>0</v>
      </c>
      <c r="N8091" s="55">
        <f>IF(Input!$K$13=1,J8091*Input!$J$13,0)+IF(Input!$K$14=1,K8091*Input!$J$14,0)+IF(Input!$K$15=1,L8091*Input!$J$15,0)+IF(Input!$K$16=1,M8091*Input!$J$16,0)</f>
        <v>2.6357166647760879</v>
      </c>
      <c r="O8091" s="58">
        <f>IF(Input!$K$13=2,J8091*Input!$J$13,0)+IF(Input!$K$14=2,K8091*Input!$J$14,0)+IF(Input!$K$15=2,L8091*Input!$J$15,0)+IF(Input!$K$16=2,M8091*Input!$J$16,0)</f>
        <v>6.7712553887298688E-2</v>
      </c>
      <c r="P8091" s="58">
        <f>IF(Input!$K$13=3,J8091*Input!$J$13,0)+IF(Input!$K$14=3,K8091*Input!$J$14,0)+IF(Input!$K$15=3,L8091*Input!$J$15,0)+IF(Input!$K$16=3,M8091*Input!$J$16,0)</f>
        <v>0</v>
      </c>
      <c r="Q8091" s="71">
        <f>IF(Input!$K$13=4,J8091*Input!$J$13,0)+IF(Input!$K$14=4,K8091*Input!$J$14,0)+IF(Input!$K$15=4,L8091*Input!$J$15,0)+IF(Input!$K$16=4,M8091*Input!$J$16,0)</f>
        <v>0</v>
      </c>
    </row>
    <row r="8092" spans="8:17" x14ac:dyDescent="0.25">
      <c r="H8092" s="43">
        <v>8085</v>
      </c>
      <c r="I8092" s="55">
        <f>Bühler!I8118</f>
        <v>4.9041402136021928</v>
      </c>
      <c r="J8092" s="58">
        <f>Bühler!J8118</f>
        <v>21.924756021949104</v>
      </c>
      <c r="K8092" s="58">
        <f>Bühler!K8118</f>
        <v>0.50157447323924953</v>
      </c>
      <c r="L8092" s="58">
        <f>Bühler!L8118</f>
        <v>0.25078723661962476</v>
      </c>
      <c r="M8092" s="57">
        <f>Bühler!M8118</f>
        <v>0</v>
      </c>
      <c r="N8092" s="55">
        <f>IF(Input!$K$13=1,J8092*Input!$J$13,0)+IF(Input!$K$14=1,K8092*Input!$J$14,0)+IF(Input!$K$15=1,L8092*Input!$J$15,0)+IF(Input!$K$16=1,M8092*Input!$J$16,0)</f>
        <v>2.6309707226338923</v>
      </c>
      <c r="O8092" s="58">
        <f>IF(Input!$K$13=2,J8092*Input!$J$13,0)+IF(Input!$K$14=2,K8092*Input!$J$14,0)+IF(Input!$K$15=2,L8092*Input!$J$15,0)+IF(Input!$K$16=2,M8092*Input!$J$16,0)</f>
        <v>6.7712553887298688E-2</v>
      </c>
      <c r="P8092" s="58">
        <f>IF(Input!$K$13=3,J8092*Input!$J$13,0)+IF(Input!$K$14=3,K8092*Input!$J$14,0)+IF(Input!$K$15=3,L8092*Input!$J$15,0)+IF(Input!$K$16=3,M8092*Input!$J$16,0)</f>
        <v>0</v>
      </c>
      <c r="Q8092" s="71">
        <f>IF(Input!$K$13=4,J8092*Input!$J$13,0)+IF(Input!$K$14=4,K8092*Input!$J$14,0)+IF(Input!$K$15=4,L8092*Input!$J$15,0)+IF(Input!$K$16=4,M8092*Input!$J$16,0)</f>
        <v>0</v>
      </c>
    </row>
    <row r="8093" spans="8:17" x14ac:dyDescent="0.25">
      <c r="H8093" s="43">
        <v>8086</v>
      </c>
      <c r="I8093" s="55">
        <f>Bühler!I8119</f>
        <v>4.2713479279761044</v>
      </c>
      <c r="J8093" s="58">
        <f>Bühler!J8119</f>
        <v>21.898389676714686</v>
      </c>
      <c r="K8093" s="58">
        <f>Bühler!K8119</f>
        <v>0.50157447323924953</v>
      </c>
      <c r="L8093" s="58">
        <f>Bühler!L8119</f>
        <v>0.25078723661962476</v>
      </c>
      <c r="M8093" s="57">
        <f>Bühler!M8119</f>
        <v>0</v>
      </c>
      <c r="N8093" s="55">
        <f>IF(Input!$K$13=1,J8093*Input!$J$13,0)+IF(Input!$K$14=1,K8093*Input!$J$14,0)+IF(Input!$K$15=1,L8093*Input!$J$15,0)+IF(Input!$K$16=1,M8093*Input!$J$16,0)</f>
        <v>2.6278067612057621</v>
      </c>
      <c r="O8093" s="58">
        <f>IF(Input!$K$13=2,J8093*Input!$J$13,0)+IF(Input!$K$14=2,K8093*Input!$J$14,0)+IF(Input!$K$15=2,L8093*Input!$J$15,0)+IF(Input!$K$16=2,M8093*Input!$J$16,0)</f>
        <v>6.7712553887298688E-2</v>
      </c>
      <c r="P8093" s="58">
        <f>IF(Input!$K$13=3,J8093*Input!$J$13,0)+IF(Input!$K$14=3,K8093*Input!$J$14,0)+IF(Input!$K$15=3,L8093*Input!$J$15,0)+IF(Input!$K$16=3,M8093*Input!$J$16,0)</f>
        <v>0</v>
      </c>
      <c r="Q8093" s="71">
        <f>IF(Input!$K$13=4,J8093*Input!$J$13,0)+IF(Input!$K$14=4,K8093*Input!$J$14,0)+IF(Input!$K$15=4,L8093*Input!$J$15,0)+IF(Input!$K$16=4,M8093*Input!$J$16,0)</f>
        <v>0</v>
      </c>
    </row>
    <row r="8094" spans="8:17" x14ac:dyDescent="0.25">
      <c r="H8094" s="43">
        <v>8087</v>
      </c>
      <c r="I8094" s="55">
        <f>Bühler!I8120</f>
        <v>4.2713479279761044</v>
      </c>
      <c r="J8094" s="58">
        <f>Bühler!J8120</f>
        <v>21.898389676714686</v>
      </c>
      <c r="K8094" s="58">
        <f>Bühler!K8120</f>
        <v>0.50157447323924953</v>
      </c>
      <c r="L8094" s="58">
        <f>Bühler!L8120</f>
        <v>0.25078723661962476</v>
      </c>
      <c r="M8094" s="57">
        <f>Bühler!M8120</f>
        <v>0</v>
      </c>
      <c r="N8094" s="55">
        <f>IF(Input!$K$13=1,J8094*Input!$J$13,0)+IF(Input!$K$14=1,K8094*Input!$J$14,0)+IF(Input!$K$15=1,L8094*Input!$J$15,0)+IF(Input!$K$16=1,M8094*Input!$J$16,0)</f>
        <v>2.6278067612057621</v>
      </c>
      <c r="O8094" s="58">
        <f>IF(Input!$K$13=2,J8094*Input!$J$13,0)+IF(Input!$K$14=2,K8094*Input!$J$14,0)+IF(Input!$K$15=2,L8094*Input!$J$15,0)+IF(Input!$K$16=2,M8094*Input!$J$16,0)</f>
        <v>6.7712553887298688E-2</v>
      </c>
      <c r="P8094" s="58">
        <f>IF(Input!$K$13=3,J8094*Input!$J$13,0)+IF(Input!$K$14=3,K8094*Input!$J$14,0)+IF(Input!$K$15=3,L8094*Input!$J$15,0)+IF(Input!$K$16=3,M8094*Input!$J$16,0)</f>
        <v>0</v>
      </c>
      <c r="Q8094" s="71">
        <f>IF(Input!$K$13=4,J8094*Input!$J$13,0)+IF(Input!$K$14=4,K8094*Input!$J$14,0)+IF(Input!$K$15=4,L8094*Input!$J$15,0)+IF(Input!$K$16=4,M8094*Input!$J$16,0)</f>
        <v>0</v>
      </c>
    </row>
    <row r="8095" spans="8:17" x14ac:dyDescent="0.25">
      <c r="H8095" s="43">
        <v>8088</v>
      </c>
      <c r="I8095" s="55">
        <f>Bühler!I8121</f>
        <v>4.2713479279761044</v>
      </c>
      <c r="J8095" s="58">
        <f>Bühler!J8121</f>
        <v>21.898389676714686</v>
      </c>
      <c r="K8095" s="58">
        <f>Bühler!K8121</f>
        <v>0.50157447323924953</v>
      </c>
      <c r="L8095" s="58">
        <f>Bühler!L8121</f>
        <v>0.25078723661962476</v>
      </c>
      <c r="M8095" s="57">
        <f>Bühler!M8121</f>
        <v>0</v>
      </c>
      <c r="N8095" s="55">
        <f>IF(Input!$K$13=1,J8095*Input!$J$13,0)+IF(Input!$K$14=1,K8095*Input!$J$14,0)+IF(Input!$K$15=1,L8095*Input!$J$15,0)+IF(Input!$K$16=1,M8095*Input!$J$16,0)</f>
        <v>2.6278067612057621</v>
      </c>
      <c r="O8095" s="58">
        <f>IF(Input!$K$13=2,J8095*Input!$J$13,0)+IF(Input!$K$14=2,K8095*Input!$J$14,0)+IF(Input!$K$15=2,L8095*Input!$J$15,0)+IF(Input!$K$16=2,M8095*Input!$J$16,0)</f>
        <v>6.7712553887298688E-2</v>
      </c>
      <c r="P8095" s="58">
        <f>IF(Input!$K$13=3,J8095*Input!$J$13,0)+IF(Input!$K$14=3,K8095*Input!$J$14,0)+IF(Input!$K$15=3,L8095*Input!$J$15,0)+IF(Input!$K$16=3,M8095*Input!$J$16,0)</f>
        <v>0</v>
      </c>
      <c r="Q8095" s="71">
        <f>IF(Input!$K$13=4,J8095*Input!$J$13,0)+IF(Input!$K$14=4,K8095*Input!$J$14,0)+IF(Input!$K$15=4,L8095*Input!$J$15,0)+IF(Input!$K$16=4,M8095*Input!$J$16,0)</f>
        <v>0</v>
      </c>
    </row>
    <row r="8096" spans="8:17" x14ac:dyDescent="0.25">
      <c r="H8096" s="43">
        <v>8089</v>
      </c>
      <c r="I8096" s="55">
        <f>Bühler!I8122</f>
        <v>4.6654877703994062</v>
      </c>
      <c r="J8096" s="58">
        <f>Bühler!J8122</f>
        <v>19.432676428380123</v>
      </c>
      <c r="K8096" s="58">
        <f>Bühler!K8122</f>
        <v>0.67704277603603302</v>
      </c>
      <c r="L8096" s="58">
        <f>Bühler!L8122</f>
        <v>0.33852138801801651</v>
      </c>
      <c r="M8096" s="57">
        <f>Bühler!M8122</f>
        <v>0</v>
      </c>
      <c r="N8096" s="55">
        <f>IF(Input!$K$13=1,J8096*Input!$J$13,0)+IF(Input!$K$14=1,K8096*Input!$J$14,0)+IF(Input!$K$15=1,L8096*Input!$J$15,0)+IF(Input!$K$16=1,M8096*Input!$J$16,0)</f>
        <v>2.3319211714056145</v>
      </c>
      <c r="O8096" s="58">
        <f>IF(Input!$K$13=2,J8096*Input!$J$13,0)+IF(Input!$K$14=2,K8096*Input!$J$14,0)+IF(Input!$K$15=2,L8096*Input!$J$15,0)+IF(Input!$K$16=2,M8096*Input!$J$16,0)</f>
        <v>9.1400774764864468E-2</v>
      </c>
      <c r="P8096" s="58">
        <f>IF(Input!$K$13=3,J8096*Input!$J$13,0)+IF(Input!$K$14=3,K8096*Input!$J$14,0)+IF(Input!$K$15=3,L8096*Input!$J$15,0)+IF(Input!$K$16=3,M8096*Input!$J$16,0)</f>
        <v>0</v>
      </c>
      <c r="Q8096" s="71">
        <f>IF(Input!$K$13=4,J8096*Input!$J$13,0)+IF(Input!$K$14=4,K8096*Input!$J$14,0)+IF(Input!$K$15=4,L8096*Input!$J$15,0)+IF(Input!$K$16=4,M8096*Input!$J$16,0)</f>
        <v>0</v>
      </c>
    </row>
    <row r="8097" spans="8:17" x14ac:dyDescent="0.25">
      <c r="H8097" s="43">
        <v>8090</v>
      </c>
      <c r="I8097" s="55">
        <f>Bühler!I8123</f>
        <v>4.6654877703994062</v>
      </c>
      <c r="J8097" s="58">
        <f>Bühler!J8123</f>
        <v>19.432676428380123</v>
      </c>
      <c r="K8097" s="58">
        <f>Bühler!K8123</f>
        <v>0.67704277603603302</v>
      </c>
      <c r="L8097" s="58">
        <f>Bühler!L8123</f>
        <v>0.33852138801801651</v>
      </c>
      <c r="M8097" s="57">
        <f>Bühler!M8123</f>
        <v>0</v>
      </c>
      <c r="N8097" s="55">
        <f>IF(Input!$K$13=1,J8097*Input!$J$13,0)+IF(Input!$K$14=1,K8097*Input!$J$14,0)+IF(Input!$K$15=1,L8097*Input!$J$15,0)+IF(Input!$K$16=1,M8097*Input!$J$16,0)</f>
        <v>2.3319211714056145</v>
      </c>
      <c r="O8097" s="58">
        <f>IF(Input!$K$13=2,J8097*Input!$J$13,0)+IF(Input!$K$14=2,K8097*Input!$J$14,0)+IF(Input!$K$15=2,L8097*Input!$J$15,0)+IF(Input!$K$16=2,M8097*Input!$J$16,0)</f>
        <v>9.1400774764864468E-2</v>
      </c>
      <c r="P8097" s="58">
        <f>IF(Input!$K$13=3,J8097*Input!$J$13,0)+IF(Input!$K$14=3,K8097*Input!$J$14,0)+IF(Input!$K$15=3,L8097*Input!$J$15,0)+IF(Input!$K$16=3,M8097*Input!$J$16,0)</f>
        <v>0</v>
      </c>
      <c r="Q8097" s="71">
        <f>IF(Input!$K$13=4,J8097*Input!$J$13,0)+IF(Input!$K$14=4,K8097*Input!$J$14,0)+IF(Input!$K$15=4,L8097*Input!$J$15,0)+IF(Input!$K$16=4,M8097*Input!$J$16,0)</f>
        <v>0</v>
      </c>
    </row>
    <row r="8098" spans="8:17" x14ac:dyDescent="0.25">
      <c r="H8098" s="43">
        <v>8091</v>
      </c>
      <c r="I8098" s="55">
        <f>Bühler!I8124</f>
        <v>4.6654877703994062</v>
      </c>
      <c r="J8098" s="58">
        <f>Bühler!J8124</f>
        <v>19.432676428380123</v>
      </c>
      <c r="K8098" s="58">
        <f>Bühler!K8124</f>
        <v>0.67704277603603302</v>
      </c>
      <c r="L8098" s="58">
        <f>Bühler!L8124</f>
        <v>0.33852138801801651</v>
      </c>
      <c r="M8098" s="57">
        <f>Bühler!M8124</f>
        <v>0</v>
      </c>
      <c r="N8098" s="55">
        <f>IF(Input!$K$13=1,J8098*Input!$J$13,0)+IF(Input!$K$14=1,K8098*Input!$J$14,0)+IF(Input!$K$15=1,L8098*Input!$J$15,0)+IF(Input!$K$16=1,M8098*Input!$J$16,0)</f>
        <v>2.3319211714056145</v>
      </c>
      <c r="O8098" s="58">
        <f>IF(Input!$K$13=2,J8098*Input!$J$13,0)+IF(Input!$K$14=2,K8098*Input!$J$14,0)+IF(Input!$K$15=2,L8098*Input!$J$15,0)+IF(Input!$K$16=2,M8098*Input!$J$16,0)</f>
        <v>9.1400774764864468E-2</v>
      </c>
      <c r="P8098" s="58">
        <f>IF(Input!$K$13=3,J8098*Input!$J$13,0)+IF(Input!$K$14=3,K8098*Input!$J$14,0)+IF(Input!$K$15=3,L8098*Input!$J$15,0)+IF(Input!$K$16=3,M8098*Input!$J$16,0)</f>
        <v>0</v>
      </c>
      <c r="Q8098" s="71">
        <f>IF(Input!$K$13=4,J8098*Input!$J$13,0)+IF(Input!$K$14=4,K8098*Input!$J$14,0)+IF(Input!$K$15=4,L8098*Input!$J$15,0)+IF(Input!$K$16=4,M8098*Input!$J$16,0)</f>
        <v>0</v>
      </c>
    </row>
    <row r="8099" spans="8:17" x14ac:dyDescent="0.25">
      <c r="H8099" s="43">
        <v>8092</v>
      </c>
      <c r="I8099" s="55">
        <f>Bühler!I8125</f>
        <v>4.6654877703994062</v>
      </c>
      <c r="J8099" s="58">
        <f>Bühler!J8125</f>
        <v>19.432676428380123</v>
      </c>
      <c r="K8099" s="58">
        <f>Bühler!K8125</f>
        <v>0.67704277603603302</v>
      </c>
      <c r="L8099" s="58">
        <f>Bühler!L8125</f>
        <v>0.33852138801801651</v>
      </c>
      <c r="M8099" s="57">
        <f>Bühler!M8125</f>
        <v>0</v>
      </c>
      <c r="N8099" s="55">
        <f>IF(Input!$K$13=1,J8099*Input!$J$13,0)+IF(Input!$K$14=1,K8099*Input!$J$14,0)+IF(Input!$K$15=1,L8099*Input!$J$15,0)+IF(Input!$K$16=1,M8099*Input!$J$16,0)</f>
        <v>2.3319211714056145</v>
      </c>
      <c r="O8099" s="58">
        <f>IF(Input!$K$13=2,J8099*Input!$J$13,0)+IF(Input!$K$14=2,K8099*Input!$J$14,0)+IF(Input!$K$15=2,L8099*Input!$J$15,0)+IF(Input!$K$16=2,M8099*Input!$J$16,0)</f>
        <v>9.1400774764864468E-2</v>
      </c>
      <c r="P8099" s="58">
        <f>IF(Input!$K$13=3,J8099*Input!$J$13,0)+IF(Input!$K$14=3,K8099*Input!$J$14,0)+IF(Input!$K$15=3,L8099*Input!$J$15,0)+IF(Input!$K$16=3,M8099*Input!$J$16,0)</f>
        <v>0</v>
      </c>
      <c r="Q8099" s="71">
        <f>IF(Input!$K$13=4,J8099*Input!$J$13,0)+IF(Input!$K$14=4,K8099*Input!$J$14,0)+IF(Input!$K$15=4,L8099*Input!$J$15,0)+IF(Input!$K$16=4,M8099*Input!$J$16,0)</f>
        <v>0</v>
      </c>
    </row>
    <row r="8100" spans="8:17" x14ac:dyDescent="0.25">
      <c r="H8100" s="43">
        <v>8093</v>
      </c>
      <c r="I8100" s="55">
        <f>Bühler!I8126</f>
        <v>4.6654877703994062</v>
      </c>
      <c r="J8100" s="58">
        <f>Bühler!J8126</f>
        <v>19.432676428380123</v>
      </c>
      <c r="K8100" s="58">
        <f>Bühler!K8126</f>
        <v>0.67704277603603302</v>
      </c>
      <c r="L8100" s="58">
        <f>Bühler!L8126</f>
        <v>0.33852138801801651</v>
      </c>
      <c r="M8100" s="57">
        <f>Bühler!M8126</f>
        <v>0</v>
      </c>
      <c r="N8100" s="55">
        <f>IF(Input!$K$13=1,J8100*Input!$J$13,0)+IF(Input!$K$14=1,K8100*Input!$J$14,0)+IF(Input!$K$15=1,L8100*Input!$J$15,0)+IF(Input!$K$16=1,M8100*Input!$J$16,0)</f>
        <v>2.3319211714056145</v>
      </c>
      <c r="O8100" s="58">
        <f>IF(Input!$K$13=2,J8100*Input!$J$13,0)+IF(Input!$K$14=2,K8100*Input!$J$14,0)+IF(Input!$K$15=2,L8100*Input!$J$15,0)+IF(Input!$K$16=2,M8100*Input!$J$16,0)</f>
        <v>9.1400774764864468E-2</v>
      </c>
      <c r="P8100" s="58">
        <f>IF(Input!$K$13=3,J8100*Input!$J$13,0)+IF(Input!$K$14=3,K8100*Input!$J$14,0)+IF(Input!$K$15=3,L8100*Input!$J$15,0)+IF(Input!$K$16=3,M8100*Input!$J$16,0)</f>
        <v>0</v>
      </c>
      <c r="Q8100" s="71">
        <f>IF(Input!$K$13=4,J8100*Input!$J$13,0)+IF(Input!$K$14=4,K8100*Input!$J$14,0)+IF(Input!$K$15=4,L8100*Input!$J$15,0)+IF(Input!$K$16=4,M8100*Input!$J$16,0)</f>
        <v>0</v>
      </c>
    </row>
    <row r="8101" spans="8:17" x14ac:dyDescent="0.25">
      <c r="H8101" s="43">
        <v>8094</v>
      </c>
      <c r="I8101" s="55">
        <f>Bühler!I8127</f>
        <v>4.6654877703994062</v>
      </c>
      <c r="J8101" s="58">
        <f>Bühler!J8127</f>
        <v>19.432676428380123</v>
      </c>
      <c r="K8101" s="58">
        <f>Bühler!K8127</f>
        <v>0.67704277603603302</v>
      </c>
      <c r="L8101" s="58">
        <f>Bühler!L8127</f>
        <v>0.33852138801801651</v>
      </c>
      <c r="M8101" s="57">
        <f>Bühler!M8127</f>
        <v>0</v>
      </c>
      <c r="N8101" s="55">
        <f>IF(Input!$K$13=1,J8101*Input!$J$13,0)+IF(Input!$K$14=1,K8101*Input!$J$14,0)+IF(Input!$K$15=1,L8101*Input!$J$15,0)+IF(Input!$K$16=1,M8101*Input!$J$16,0)</f>
        <v>2.3319211714056145</v>
      </c>
      <c r="O8101" s="58">
        <f>IF(Input!$K$13=2,J8101*Input!$J$13,0)+IF(Input!$K$14=2,K8101*Input!$J$14,0)+IF(Input!$K$15=2,L8101*Input!$J$15,0)+IF(Input!$K$16=2,M8101*Input!$J$16,0)</f>
        <v>9.1400774764864468E-2</v>
      </c>
      <c r="P8101" s="58">
        <f>IF(Input!$K$13=3,J8101*Input!$J$13,0)+IF(Input!$K$14=3,K8101*Input!$J$14,0)+IF(Input!$K$15=3,L8101*Input!$J$15,0)+IF(Input!$K$16=3,M8101*Input!$J$16,0)</f>
        <v>0</v>
      </c>
      <c r="Q8101" s="71">
        <f>IF(Input!$K$13=4,J8101*Input!$J$13,0)+IF(Input!$K$14=4,K8101*Input!$J$14,0)+IF(Input!$K$15=4,L8101*Input!$J$15,0)+IF(Input!$K$16=4,M8101*Input!$J$16,0)</f>
        <v>0</v>
      </c>
    </row>
    <row r="8102" spans="8:17" x14ac:dyDescent="0.25">
      <c r="H8102" s="43">
        <v>8095</v>
      </c>
      <c r="I8102" s="55">
        <f>Bühler!I8128</f>
        <v>4.6654877703994062</v>
      </c>
      <c r="J8102" s="58">
        <f>Bühler!J8128</f>
        <v>19.432676428380123</v>
      </c>
      <c r="K8102" s="58">
        <f>Bühler!K8128</f>
        <v>0.67704277603603302</v>
      </c>
      <c r="L8102" s="58">
        <f>Bühler!L8128</f>
        <v>0.33852138801801651</v>
      </c>
      <c r="M8102" s="57">
        <f>Bühler!M8128</f>
        <v>0</v>
      </c>
      <c r="N8102" s="55">
        <f>IF(Input!$K$13=1,J8102*Input!$J$13,0)+IF(Input!$K$14=1,K8102*Input!$J$14,0)+IF(Input!$K$15=1,L8102*Input!$J$15,0)+IF(Input!$K$16=1,M8102*Input!$J$16,0)</f>
        <v>2.3319211714056145</v>
      </c>
      <c r="O8102" s="58">
        <f>IF(Input!$K$13=2,J8102*Input!$J$13,0)+IF(Input!$K$14=2,K8102*Input!$J$14,0)+IF(Input!$K$15=2,L8102*Input!$J$15,0)+IF(Input!$K$16=2,M8102*Input!$J$16,0)</f>
        <v>9.1400774764864468E-2</v>
      </c>
      <c r="P8102" s="58">
        <f>IF(Input!$K$13=3,J8102*Input!$J$13,0)+IF(Input!$K$14=3,K8102*Input!$J$14,0)+IF(Input!$K$15=3,L8102*Input!$J$15,0)+IF(Input!$K$16=3,M8102*Input!$J$16,0)</f>
        <v>0</v>
      </c>
      <c r="Q8102" s="71">
        <f>IF(Input!$K$13=4,J8102*Input!$J$13,0)+IF(Input!$K$14=4,K8102*Input!$J$14,0)+IF(Input!$K$15=4,L8102*Input!$J$15,0)+IF(Input!$K$16=4,M8102*Input!$J$16,0)</f>
        <v>0</v>
      </c>
    </row>
    <row r="8103" spans="8:17" x14ac:dyDescent="0.25">
      <c r="H8103" s="43">
        <v>8096</v>
      </c>
      <c r="I8103" s="55">
        <f>Bühler!I8129</f>
        <v>20.29487180123742</v>
      </c>
      <c r="J8103" s="58">
        <f>Bühler!J8129</f>
        <v>83.238086642513252</v>
      </c>
      <c r="K8103" s="58">
        <f>Bühler!K8129</f>
        <v>2.8842022259135005</v>
      </c>
      <c r="L8103" s="58">
        <f>Bühler!L8129</f>
        <v>1.4421011129567503</v>
      </c>
      <c r="M8103" s="57">
        <f>Bühler!M8129</f>
        <v>0</v>
      </c>
      <c r="N8103" s="55">
        <f>IF(Input!$K$13=1,J8103*Input!$J$13,0)+IF(Input!$K$14=1,K8103*Input!$J$14,0)+IF(Input!$K$15=1,L8103*Input!$J$15,0)+IF(Input!$K$16=1,M8103*Input!$J$16,0)</f>
        <v>9.98857039710159</v>
      </c>
      <c r="O8103" s="58">
        <f>IF(Input!$K$13=2,J8103*Input!$J$13,0)+IF(Input!$K$14=2,K8103*Input!$J$14,0)+IF(Input!$K$15=2,L8103*Input!$J$15,0)+IF(Input!$K$16=2,M8103*Input!$J$16,0)</f>
        <v>0.38936730049832258</v>
      </c>
      <c r="P8103" s="58">
        <f>IF(Input!$K$13=3,J8103*Input!$J$13,0)+IF(Input!$K$14=3,K8103*Input!$J$14,0)+IF(Input!$K$15=3,L8103*Input!$J$15,0)+IF(Input!$K$16=3,M8103*Input!$J$16,0)</f>
        <v>0</v>
      </c>
      <c r="Q8103" s="71">
        <f>IF(Input!$K$13=4,J8103*Input!$J$13,0)+IF(Input!$K$14=4,K8103*Input!$J$14,0)+IF(Input!$K$15=4,L8103*Input!$J$15,0)+IF(Input!$K$16=4,M8103*Input!$J$16,0)</f>
        <v>0</v>
      </c>
    </row>
    <row r="8104" spans="8:17" x14ac:dyDescent="0.25">
      <c r="H8104" s="43">
        <v>8097</v>
      </c>
      <c r="I8104" s="55">
        <f>Bühler!I8130</f>
        <v>22.831730776392092</v>
      </c>
      <c r="J8104" s="58">
        <f>Bühler!J8130</f>
        <v>93.642847472827413</v>
      </c>
      <c r="K8104" s="58">
        <f>Bühler!K8130</f>
        <v>3.2447275041526877</v>
      </c>
      <c r="L8104" s="58">
        <f>Bühler!L8130</f>
        <v>1.6223637520763439</v>
      </c>
      <c r="M8104" s="57">
        <f>Bühler!M8130</f>
        <v>0</v>
      </c>
      <c r="N8104" s="55">
        <f>IF(Input!$K$13=1,J8104*Input!$J$13,0)+IF(Input!$K$14=1,K8104*Input!$J$14,0)+IF(Input!$K$15=1,L8104*Input!$J$15,0)+IF(Input!$K$16=1,M8104*Input!$J$16,0)</f>
        <v>11.23714169673929</v>
      </c>
      <c r="O8104" s="58">
        <f>IF(Input!$K$13=2,J8104*Input!$J$13,0)+IF(Input!$K$14=2,K8104*Input!$J$14,0)+IF(Input!$K$15=2,L8104*Input!$J$15,0)+IF(Input!$K$16=2,M8104*Input!$J$16,0)</f>
        <v>0.43803821306061286</v>
      </c>
      <c r="P8104" s="58">
        <f>IF(Input!$K$13=3,J8104*Input!$J$13,0)+IF(Input!$K$14=3,K8104*Input!$J$14,0)+IF(Input!$K$15=3,L8104*Input!$J$15,0)+IF(Input!$K$16=3,M8104*Input!$J$16,0)</f>
        <v>0</v>
      </c>
      <c r="Q8104" s="71">
        <f>IF(Input!$K$13=4,J8104*Input!$J$13,0)+IF(Input!$K$14=4,K8104*Input!$J$14,0)+IF(Input!$K$15=4,L8104*Input!$J$15,0)+IF(Input!$K$16=4,M8104*Input!$J$16,0)</f>
        <v>0</v>
      </c>
    </row>
    <row r="8105" spans="8:17" x14ac:dyDescent="0.25">
      <c r="H8105" s="43">
        <v>8098</v>
      </c>
      <c r="I8105" s="55">
        <f>Bühler!I8131</f>
        <v>25.368589751546768</v>
      </c>
      <c r="J8105" s="58">
        <f>Bühler!J8131</f>
        <v>104.04760830314156</v>
      </c>
      <c r="K8105" s="58">
        <f>Bühler!K8131</f>
        <v>3.6052527823918759</v>
      </c>
      <c r="L8105" s="58">
        <f>Bühler!L8131</f>
        <v>1.8026263911959379</v>
      </c>
      <c r="M8105" s="57">
        <f>Bühler!M8131</f>
        <v>0</v>
      </c>
      <c r="N8105" s="55">
        <f>IF(Input!$K$13=1,J8105*Input!$J$13,0)+IF(Input!$K$14=1,K8105*Input!$J$14,0)+IF(Input!$K$15=1,L8105*Input!$J$15,0)+IF(Input!$K$16=1,M8105*Input!$J$16,0)</f>
        <v>12.485712996376986</v>
      </c>
      <c r="O8105" s="58">
        <f>IF(Input!$K$13=2,J8105*Input!$J$13,0)+IF(Input!$K$14=2,K8105*Input!$J$14,0)+IF(Input!$K$15=2,L8105*Input!$J$15,0)+IF(Input!$K$16=2,M8105*Input!$J$16,0)</f>
        <v>0.48670912562290325</v>
      </c>
      <c r="P8105" s="58">
        <f>IF(Input!$K$13=3,J8105*Input!$J$13,0)+IF(Input!$K$14=3,K8105*Input!$J$14,0)+IF(Input!$K$15=3,L8105*Input!$J$15,0)+IF(Input!$K$16=3,M8105*Input!$J$16,0)</f>
        <v>0</v>
      </c>
      <c r="Q8105" s="71">
        <f>IF(Input!$K$13=4,J8105*Input!$J$13,0)+IF(Input!$K$14=4,K8105*Input!$J$14,0)+IF(Input!$K$15=4,L8105*Input!$J$15,0)+IF(Input!$K$16=4,M8105*Input!$J$16,0)</f>
        <v>0</v>
      </c>
    </row>
    <row r="8106" spans="8:17" x14ac:dyDescent="0.25">
      <c r="H8106" s="43">
        <v>8099</v>
      </c>
      <c r="I8106" s="55">
        <f>Bühler!I8132</f>
        <v>25.368589751546768</v>
      </c>
      <c r="J8106" s="58">
        <f>Bühler!J8132</f>
        <v>104.04760830314156</v>
      </c>
      <c r="K8106" s="58">
        <f>Bühler!K8132</f>
        <v>3.6052527823918759</v>
      </c>
      <c r="L8106" s="58">
        <f>Bühler!L8132</f>
        <v>1.8026263911959379</v>
      </c>
      <c r="M8106" s="57">
        <f>Bühler!M8132</f>
        <v>0</v>
      </c>
      <c r="N8106" s="55">
        <f>IF(Input!$K$13=1,J8106*Input!$J$13,0)+IF(Input!$K$14=1,K8106*Input!$J$14,0)+IF(Input!$K$15=1,L8106*Input!$J$15,0)+IF(Input!$K$16=1,M8106*Input!$J$16,0)</f>
        <v>12.485712996376986</v>
      </c>
      <c r="O8106" s="58">
        <f>IF(Input!$K$13=2,J8106*Input!$J$13,0)+IF(Input!$K$14=2,K8106*Input!$J$14,0)+IF(Input!$K$15=2,L8106*Input!$J$15,0)+IF(Input!$K$16=2,M8106*Input!$J$16,0)</f>
        <v>0.48670912562290325</v>
      </c>
      <c r="P8106" s="58">
        <f>IF(Input!$K$13=3,J8106*Input!$J$13,0)+IF(Input!$K$14=3,K8106*Input!$J$14,0)+IF(Input!$K$15=3,L8106*Input!$J$15,0)+IF(Input!$K$16=3,M8106*Input!$J$16,0)</f>
        <v>0</v>
      </c>
      <c r="Q8106" s="71">
        <f>IF(Input!$K$13=4,J8106*Input!$J$13,0)+IF(Input!$K$14=4,K8106*Input!$J$14,0)+IF(Input!$K$15=4,L8106*Input!$J$15,0)+IF(Input!$K$16=4,M8106*Input!$J$16,0)</f>
        <v>0</v>
      </c>
    </row>
    <row r="8107" spans="8:17" x14ac:dyDescent="0.25">
      <c r="H8107" s="43">
        <v>8100</v>
      </c>
      <c r="I8107" s="55">
        <f>Bühler!I8133</f>
        <v>30.442307701856119</v>
      </c>
      <c r="J8107" s="58">
        <f>Bühler!J8133</f>
        <v>124.85712996376986</v>
      </c>
      <c r="K8107" s="58">
        <f>Bühler!K8133</f>
        <v>4.3263033388702503</v>
      </c>
      <c r="L8107" s="58">
        <f>Bühler!L8133</f>
        <v>2.1631516694351252</v>
      </c>
      <c r="M8107" s="57">
        <f>Bühler!M8133</f>
        <v>0</v>
      </c>
      <c r="N8107" s="55">
        <f>IF(Input!$K$13=1,J8107*Input!$J$13,0)+IF(Input!$K$14=1,K8107*Input!$J$14,0)+IF(Input!$K$15=1,L8107*Input!$J$15,0)+IF(Input!$K$16=1,M8107*Input!$J$16,0)</f>
        <v>14.982855595652383</v>
      </c>
      <c r="O8107" s="58">
        <f>IF(Input!$K$13=2,J8107*Input!$J$13,0)+IF(Input!$K$14=2,K8107*Input!$J$14,0)+IF(Input!$K$15=2,L8107*Input!$J$15,0)+IF(Input!$K$16=2,M8107*Input!$J$16,0)</f>
        <v>0.58405095074748381</v>
      </c>
      <c r="P8107" s="58">
        <f>IF(Input!$K$13=3,J8107*Input!$J$13,0)+IF(Input!$K$14=3,K8107*Input!$J$14,0)+IF(Input!$K$15=3,L8107*Input!$J$15,0)+IF(Input!$K$16=3,M8107*Input!$J$16,0)</f>
        <v>0</v>
      </c>
      <c r="Q8107" s="71">
        <f>IF(Input!$K$13=4,J8107*Input!$J$13,0)+IF(Input!$K$14=4,K8107*Input!$J$14,0)+IF(Input!$K$15=4,L8107*Input!$J$15,0)+IF(Input!$K$16=4,M8107*Input!$J$16,0)</f>
        <v>0</v>
      </c>
    </row>
    <row r="8108" spans="8:17" x14ac:dyDescent="0.25">
      <c r="H8108" s="43">
        <v>8101</v>
      </c>
      <c r="I8108" s="55">
        <f>Bühler!I8134</f>
        <v>30.442307701856119</v>
      </c>
      <c r="J8108" s="58">
        <f>Bühler!J8134</f>
        <v>124.85712996376986</v>
      </c>
      <c r="K8108" s="58">
        <f>Bühler!K8134</f>
        <v>4.3263033388702503</v>
      </c>
      <c r="L8108" s="58">
        <f>Bühler!L8134</f>
        <v>2.1631516694351252</v>
      </c>
      <c r="M8108" s="57">
        <f>Bühler!M8134</f>
        <v>0</v>
      </c>
      <c r="N8108" s="55">
        <f>IF(Input!$K$13=1,J8108*Input!$J$13,0)+IF(Input!$K$14=1,K8108*Input!$J$14,0)+IF(Input!$K$15=1,L8108*Input!$J$15,0)+IF(Input!$K$16=1,M8108*Input!$J$16,0)</f>
        <v>14.982855595652383</v>
      </c>
      <c r="O8108" s="58">
        <f>IF(Input!$K$13=2,J8108*Input!$J$13,0)+IF(Input!$K$14=2,K8108*Input!$J$14,0)+IF(Input!$K$15=2,L8108*Input!$J$15,0)+IF(Input!$K$16=2,M8108*Input!$J$16,0)</f>
        <v>0.58405095074748381</v>
      </c>
      <c r="P8108" s="58">
        <f>IF(Input!$K$13=3,J8108*Input!$J$13,0)+IF(Input!$K$14=3,K8108*Input!$J$14,0)+IF(Input!$K$15=3,L8108*Input!$J$15,0)+IF(Input!$K$16=3,M8108*Input!$J$16,0)</f>
        <v>0</v>
      </c>
      <c r="Q8108" s="71">
        <f>IF(Input!$K$13=4,J8108*Input!$J$13,0)+IF(Input!$K$14=4,K8108*Input!$J$14,0)+IF(Input!$K$15=4,L8108*Input!$J$15,0)+IF(Input!$K$16=4,M8108*Input!$J$16,0)</f>
        <v>0</v>
      </c>
    </row>
    <row r="8109" spans="8:17" x14ac:dyDescent="0.25">
      <c r="H8109" s="43">
        <v>8102</v>
      </c>
      <c r="I8109" s="55">
        <f>Bühler!I8135</f>
        <v>20.29487180123742</v>
      </c>
      <c r="J8109" s="58">
        <f>Bühler!J8135</f>
        <v>83.238086642513252</v>
      </c>
      <c r="K8109" s="58">
        <f>Bühler!K8135</f>
        <v>2.8842022259135005</v>
      </c>
      <c r="L8109" s="58">
        <f>Bühler!L8135</f>
        <v>1.4421011129567503</v>
      </c>
      <c r="M8109" s="57">
        <f>Bühler!M8135</f>
        <v>0</v>
      </c>
      <c r="N8109" s="55">
        <f>IF(Input!$K$13=1,J8109*Input!$J$13,0)+IF(Input!$K$14=1,K8109*Input!$J$14,0)+IF(Input!$K$15=1,L8109*Input!$J$15,0)+IF(Input!$K$16=1,M8109*Input!$J$16,0)</f>
        <v>9.98857039710159</v>
      </c>
      <c r="O8109" s="58">
        <f>IF(Input!$K$13=2,J8109*Input!$J$13,0)+IF(Input!$K$14=2,K8109*Input!$J$14,0)+IF(Input!$K$15=2,L8109*Input!$J$15,0)+IF(Input!$K$16=2,M8109*Input!$J$16,0)</f>
        <v>0.38936730049832258</v>
      </c>
      <c r="P8109" s="58">
        <f>IF(Input!$K$13=3,J8109*Input!$J$13,0)+IF(Input!$K$14=3,K8109*Input!$J$14,0)+IF(Input!$K$15=3,L8109*Input!$J$15,0)+IF(Input!$K$16=3,M8109*Input!$J$16,0)</f>
        <v>0</v>
      </c>
      <c r="Q8109" s="71">
        <f>IF(Input!$K$13=4,J8109*Input!$J$13,0)+IF(Input!$K$14=4,K8109*Input!$J$14,0)+IF(Input!$K$15=4,L8109*Input!$J$15,0)+IF(Input!$K$16=4,M8109*Input!$J$16,0)</f>
        <v>0</v>
      </c>
    </row>
    <row r="8110" spans="8:17" x14ac:dyDescent="0.25">
      <c r="H8110" s="43">
        <v>8103</v>
      </c>
      <c r="I8110" s="55">
        <f>Bühler!I8136</f>
        <v>30.442307701856119</v>
      </c>
      <c r="J8110" s="58">
        <f>Bühler!J8136</f>
        <v>124.85712996376986</v>
      </c>
      <c r="K8110" s="58">
        <f>Bühler!K8136</f>
        <v>4.3263033388702503</v>
      </c>
      <c r="L8110" s="58">
        <f>Bühler!L8136</f>
        <v>2.1631516694351252</v>
      </c>
      <c r="M8110" s="57">
        <f>Bühler!M8136</f>
        <v>0</v>
      </c>
      <c r="N8110" s="55">
        <f>IF(Input!$K$13=1,J8110*Input!$J$13,0)+IF(Input!$K$14=1,K8110*Input!$J$14,0)+IF(Input!$K$15=1,L8110*Input!$J$15,0)+IF(Input!$K$16=1,M8110*Input!$J$16,0)</f>
        <v>14.982855595652383</v>
      </c>
      <c r="O8110" s="58">
        <f>IF(Input!$K$13=2,J8110*Input!$J$13,0)+IF(Input!$K$14=2,K8110*Input!$J$14,0)+IF(Input!$K$15=2,L8110*Input!$J$15,0)+IF(Input!$K$16=2,M8110*Input!$J$16,0)</f>
        <v>0.58405095074748381</v>
      </c>
      <c r="P8110" s="58">
        <f>IF(Input!$K$13=3,J8110*Input!$J$13,0)+IF(Input!$K$14=3,K8110*Input!$J$14,0)+IF(Input!$K$15=3,L8110*Input!$J$15,0)+IF(Input!$K$16=3,M8110*Input!$J$16,0)</f>
        <v>0</v>
      </c>
      <c r="Q8110" s="71">
        <f>IF(Input!$K$13=4,J8110*Input!$J$13,0)+IF(Input!$K$14=4,K8110*Input!$J$14,0)+IF(Input!$K$15=4,L8110*Input!$J$15,0)+IF(Input!$K$16=4,M8110*Input!$J$16,0)</f>
        <v>0</v>
      </c>
    </row>
    <row r="8111" spans="8:17" x14ac:dyDescent="0.25">
      <c r="H8111" s="43">
        <v>8104</v>
      </c>
      <c r="I8111" s="55">
        <f>Bühler!I8137</f>
        <v>30.442307701856119</v>
      </c>
      <c r="J8111" s="58">
        <f>Bühler!J8137</f>
        <v>124.85712996376986</v>
      </c>
      <c r="K8111" s="58">
        <f>Bühler!K8137</f>
        <v>4.3263033388702503</v>
      </c>
      <c r="L8111" s="58">
        <f>Bühler!L8137</f>
        <v>2.1631516694351252</v>
      </c>
      <c r="M8111" s="57">
        <f>Bühler!M8137</f>
        <v>0</v>
      </c>
      <c r="N8111" s="55">
        <f>IF(Input!$K$13=1,J8111*Input!$J$13,0)+IF(Input!$K$14=1,K8111*Input!$J$14,0)+IF(Input!$K$15=1,L8111*Input!$J$15,0)+IF(Input!$K$16=1,M8111*Input!$J$16,0)</f>
        <v>14.982855595652383</v>
      </c>
      <c r="O8111" s="58">
        <f>IF(Input!$K$13=2,J8111*Input!$J$13,0)+IF(Input!$K$14=2,K8111*Input!$J$14,0)+IF(Input!$K$15=2,L8111*Input!$J$15,0)+IF(Input!$K$16=2,M8111*Input!$J$16,0)</f>
        <v>0.58405095074748381</v>
      </c>
      <c r="P8111" s="58">
        <f>IF(Input!$K$13=3,J8111*Input!$J$13,0)+IF(Input!$K$14=3,K8111*Input!$J$14,0)+IF(Input!$K$15=3,L8111*Input!$J$15,0)+IF(Input!$K$16=3,M8111*Input!$J$16,0)</f>
        <v>0</v>
      </c>
      <c r="Q8111" s="71">
        <f>IF(Input!$K$13=4,J8111*Input!$J$13,0)+IF(Input!$K$14=4,K8111*Input!$J$14,0)+IF(Input!$K$15=4,L8111*Input!$J$15,0)+IF(Input!$K$16=4,M8111*Input!$J$16,0)</f>
        <v>0</v>
      </c>
    </row>
    <row r="8112" spans="8:17" x14ac:dyDescent="0.25">
      <c r="H8112" s="43">
        <v>8105</v>
      </c>
      <c r="I8112" s="55">
        <f>Bühler!I8138</f>
        <v>25.368589751546768</v>
      </c>
      <c r="J8112" s="58">
        <f>Bühler!J8138</f>
        <v>81.078117481451798</v>
      </c>
      <c r="K8112" s="58">
        <f>Bühler!K8138</f>
        <v>2.5236769476743124</v>
      </c>
      <c r="L8112" s="58">
        <f>Bühler!L8138</f>
        <v>1.2618384738371562</v>
      </c>
      <c r="M8112" s="57">
        <f>Bühler!M8138</f>
        <v>0</v>
      </c>
      <c r="N8112" s="55">
        <f>IF(Input!$K$13=1,J8112*Input!$J$13,0)+IF(Input!$K$14=1,K8112*Input!$J$14,0)+IF(Input!$K$15=1,L8112*Input!$J$15,0)+IF(Input!$K$16=1,M8112*Input!$J$16,0)</f>
        <v>9.7293740977742154</v>
      </c>
      <c r="O8112" s="58">
        <f>IF(Input!$K$13=2,J8112*Input!$J$13,0)+IF(Input!$K$14=2,K8112*Input!$J$14,0)+IF(Input!$K$15=2,L8112*Input!$J$15,0)+IF(Input!$K$16=2,M8112*Input!$J$16,0)</f>
        <v>0.34069638793603219</v>
      </c>
      <c r="P8112" s="58">
        <f>IF(Input!$K$13=3,J8112*Input!$J$13,0)+IF(Input!$K$14=3,K8112*Input!$J$14,0)+IF(Input!$K$15=3,L8112*Input!$J$15,0)+IF(Input!$K$16=3,M8112*Input!$J$16,0)</f>
        <v>0</v>
      </c>
      <c r="Q8112" s="71">
        <f>IF(Input!$K$13=4,J8112*Input!$J$13,0)+IF(Input!$K$14=4,K8112*Input!$J$14,0)+IF(Input!$K$15=4,L8112*Input!$J$15,0)+IF(Input!$K$16=4,M8112*Input!$J$16,0)</f>
        <v>0</v>
      </c>
    </row>
    <row r="8113" spans="8:17" x14ac:dyDescent="0.25">
      <c r="H8113" s="43">
        <v>8106</v>
      </c>
      <c r="I8113" s="55">
        <f>Bühler!I8139</f>
        <v>20.411508995497403</v>
      </c>
      <c r="J8113" s="58">
        <f>Bühler!J8139</f>
        <v>37.425461959582051</v>
      </c>
      <c r="K8113" s="58">
        <f>Bühler!K8139</f>
        <v>0.72105055647837513</v>
      </c>
      <c r="L8113" s="58">
        <f>Bühler!L8139</f>
        <v>0.36052527823918756</v>
      </c>
      <c r="M8113" s="57">
        <f>Bühler!M8139</f>
        <v>0</v>
      </c>
      <c r="N8113" s="55">
        <f>IF(Input!$K$13=1,J8113*Input!$J$13,0)+IF(Input!$K$14=1,K8113*Input!$J$14,0)+IF(Input!$K$15=1,L8113*Input!$J$15,0)+IF(Input!$K$16=1,M8113*Input!$J$16,0)</f>
        <v>4.4910554351498462</v>
      </c>
      <c r="O8113" s="58">
        <f>IF(Input!$K$13=2,J8113*Input!$J$13,0)+IF(Input!$K$14=2,K8113*Input!$J$14,0)+IF(Input!$K$15=2,L8113*Input!$J$15,0)+IF(Input!$K$16=2,M8113*Input!$J$16,0)</f>
        <v>9.7341825124580644E-2</v>
      </c>
      <c r="P8113" s="58">
        <f>IF(Input!$K$13=3,J8113*Input!$J$13,0)+IF(Input!$K$14=3,K8113*Input!$J$14,0)+IF(Input!$K$15=3,L8113*Input!$J$15,0)+IF(Input!$K$16=3,M8113*Input!$J$16,0)</f>
        <v>0</v>
      </c>
      <c r="Q8113" s="71">
        <f>IF(Input!$K$13=4,J8113*Input!$J$13,0)+IF(Input!$K$14=4,K8113*Input!$J$14,0)+IF(Input!$K$15=4,L8113*Input!$J$15,0)+IF(Input!$K$16=4,M8113*Input!$J$16,0)</f>
        <v>0</v>
      </c>
    </row>
    <row r="8114" spans="8:17" x14ac:dyDescent="0.25">
      <c r="H8114" s="43">
        <v>8107</v>
      </c>
      <c r="I8114" s="55">
        <f>Bühler!I8140</f>
        <v>7.2898246412490719</v>
      </c>
      <c r="J8114" s="58">
        <f>Bühler!J8140</f>
        <v>22.99462793898963</v>
      </c>
      <c r="K8114" s="58">
        <f>Bühler!K8140</f>
        <v>0.71089491483783462</v>
      </c>
      <c r="L8114" s="58">
        <f>Bühler!L8140</f>
        <v>0.35544745741891731</v>
      </c>
      <c r="M8114" s="57">
        <f>Bühler!M8140</f>
        <v>0</v>
      </c>
      <c r="N8114" s="55">
        <f>IF(Input!$K$13=1,J8114*Input!$J$13,0)+IF(Input!$K$14=1,K8114*Input!$J$14,0)+IF(Input!$K$15=1,L8114*Input!$J$15,0)+IF(Input!$K$16=1,M8114*Input!$J$16,0)</f>
        <v>2.7593553526787558</v>
      </c>
      <c r="O8114" s="58">
        <f>IF(Input!$K$13=2,J8114*Input!$J$13,0)+IF(Input!$K$14=2,K8114*Input!$J$14,0)+IF(Input!$K$15=2,L8114*Input!$J$15,0)+IF(Input!$K$16=2,M8114*Input!$J$16,0)</f>
        <v>9.5970813503107683E-2</v>
      </c>
      <c r="P8114" s="58">
        <f>IF(Input!$K$13=3,J8114*Input!$J$13,0)+IF(Input!$K$14=3,K8114*Input!$J$14,0)+IF(Input!$K$15=3,L8114*Input!$J$15,0)+IF(Input!$K$16=3,M8114*Input!$J$16,0)</f>
        <v>0</v>
      </c>
      <c r="Q8114" s="71">
        <f>IF(Input!$K$13=4,J8114*Input!$J$13,0)+IF(Input!$K$14=4,K8114*Input!$J$14,0)+IF(Input!$K$15=4,L8114*Input!$J$15,0)+IF(Input!$K$16=4,M8114*Input!$J$16,0)</f>
        <v>0</v>
      </c>
    </row>
    <row r="8115" spans="8:17" x14ac:dyDescent="0.25">
      <c r="H8115" s="43">
        <v>8108</v>
      </c>
      <c r="I8115" s="55">
        <f>Bühler!I8141</f>
        <v>7.2898246412490719</v>
      </c>
      <c r="J8115" s="58">
        <f>Bühler!J8141</f>
        <v>22.99462793898963</v>
      </c>
      <c r="K8115" s="58">
        <f>Bühler!K8141</f>
        <v>0.71089491483783462</v>
      </c>
      <c r="L8115" s="58">
        <f>Bühler!L8141</f>
        <v>0.35544745741891731</v>
      </c>
      <c r="M8115" s="57">
        <f>Bühler!M8141</f>
        <v>0</v>
      </c>
      <c r="N8115" s="55">
        <f>IF(Input!$K$13=1,J8115*Input!$J$13,0)+IF(Input!$K$14=1,K8115*Input!$J$14,0)+IF(Input!$K$15=1,L8115*Input!$J$15,0)+IF(Input!$K$16=1,M8115*Input!$J$16,0)</f>
        <v>2.7593553526787558</v>
      </c>
      <c r="O8115" s="58">
        <f>IF(Input!$K$13=2,J8115*Input!$J$13,0)+IF(Input!$K$14=2,K8115*Input!$J$14,0)+IF(Input!$K$15=2,L8115*Input!$J$15,0)+IF(Input!$K$16=2,M8115*Input!$J$16,0)</f>
        <v>9.5970813503107683E-2</v>
      </c>
      <c r="P8115" s="58">
        <f>IF(Input!$K$13=3,J8115*Input!$J$13,0)+IF(Input!$K$14=3,K8115*Input!$J$14,0)+IF(Input!$K$15=3,L8115*Input!$J$15,0)+IF(Input!$K$16=3,M8115*Input!$J$16,0)</f>
        <v>0</v>
      </c>
      <c r="Q8115" s="71">
        <f>IF(Input!$K$13=4,J8115*Input!$J$13,0)+IF(Input!$K$14=4,K8115*Input!$J$14,0)+IF(Input!$K$15=4,L8115*Input!$J$15,0)+IF(Input!$K$16=4,M8115*Input!$J$16,0)</f>
        <v>0</v>
      </c>
    </row>
    <row r="8116" spans="8:17" x14ac:dyDescent="0.25">
      <c r="H8116" s="43">
        <v>8109</v>
      </c>
      <c r="I8116" s="55">
        <f>Bühler!I8142</f>
        <v>7.2898246412490719</v>
      </c>
      <c r="J8116" s="58">
        <f>Bühler!J8142</f>
        <v>22.99462793898963</v>
      </c>
      <c r="K8116" s="58">
        <f>Bühler!K8142</f>
        <v>0.71089491483783462</v>
      </c>
      <c r="L8116" s="58">
        <f>Bühler!L8142</f>
        <v>0.35544745741891731</v>
      </c>
      <c r="M8116" s="57">
        <f>Bühler!M8142</f>
        <v>0</v>
      </c>
      <c r="N8116" s="55">
        <f>IF(Input!$K$13=1,J8116*Input!$J$13,0)+IF(Input!$K$14=1,K8116*Input!$J$14,0)+IF(Input!$K$15=1,L8116*Input!$J$15,0)+IF(Input!$K$16=1,M8116*Input!$J$16,0)</f>
        <v>2.7593553526787558</v>
      </c>
      <c r="O8116" s="58">
        <f>IF(Input!$K$13=2,J8116*Input!$J$13,0)+IF(Input!$K$14=2,K8116*Input!$J$14,0)+IF(Input!$K$15=2,L8116*Input!$J$15,0)+IF(Input!$K$16=2,M8116*Input!$J$16,0)</f>
        <v>9.5970813503107683E-2</v>
      </c>
      <c r="P8116" s="58">
        <f>IF(Input!$K$13=3,J8116*Input!$J$13,0)+IF(Input!$K$14=3,K8116*Input!$J$14,0)+IF(Input!$K$15=3,L8116*Input!$J$15,0)+IF(Input!$K$16=3,M8116*Input!$J$16,0)</f>
        <v>0</v>
      </c>
      <c r="Q8116" s="71">
        <f>IF(Input!$K$13=4,J8116*Input!$J$13,0)+IF(Input!$K$14=4,K8116*Input!$J$14,0)+IF(Input!$K$15=4,L8116*Input!$J$15,0)+IF(Input!$K$16=4,M8116*Input!$J$16,0)</f>
        <v>0</v>
      </c>
    </row>
    <row r="8117" spans="8:17" x14ac:dyDescent="0.25">
      <c r="H8117" s="43">
        <v>8110</v>
      </c>
      <c r="I8117" s="55">
        <f>Bühler!I8143</f>
        <v>7.2898246412490719</v>
      </c>
      <c r="J8117" s="58">
        <f>Bühler!J8143</f>
        <v>22.99462793898963</v>
      </c>
      <c r="K8117" s="58">
        <f>Bühler!K8143</f>
        <v>0.71089491483783462</v>
      </c>
      <c r="L8117" s="58">
        <f>Bühler!L8143</f>
        <v>0.35544745741891731</v>
      </c>
      <c r="M8117" s="57">
        <f>Bühler!M8143</f>
        <v>0</v>
      </c>
      <c r="N8117" s="55">
        <f>IF(Input!$K$13=1,J8117*Input!$J$13,0)+IF(Input!$K$14=1,K8117*Input!$J$14,0)+IF(Input!$K$15=1,L8117*Input!$J$15,0)+IF(Input!$K$16=1,M8117*Input!$J$16,0)</f>
        <v>2.7593553526787558</v>
      </c>
      <c r="O8117" s="58">
        <f>IF(Input!$K$13=2,J8117*Input!$J$13,0)+IF(Input!$K$14=2,K8117*Input!$J$14,0)+IF(Input!$K$15=2,L8117*Input!$J$15,0)+IF(Input!$K$16=2,M8117*Input!$J$16,0)</f>
        <v>9.5970813503107683E-2</v>
      </c>
      <c r="P8117" s="58">
        <f>IF(Input!$K$13=3,J8117*Input!$J$13,0)+IF(Input!$K$14=3,K8117*Input!$J$14,0)+IF(Input!$K$15=3,L8117*Input!$J$15,0)+IF(Input!$K$16=3,M8117*Input!$J$16,0)</f>
        <v>0</v>
      </c>
      <c r="Q8117" s="71">
        <f>IF(Input!$K$13=4,J8117*Input!$J$13,0)+IF(Input!$K$14=4,K8117*Input!$J$14,0)+IF(Input!$K$15=4,L8117*Input!$J$15,0)+IF(Input!$K$16=4,M8117*Input!$J$16,0)</f>
        <v>0</v>
      </c>
    </row>
    <row r="8118" spans="8:17" x14ac:dyDescent="0.25">
      <c r="H8118" s="43">
        <v>8111</v>
      </c>
      <c r="I8118" s="55">
        <f>Bühler!I8144</f>
        <v>7.2898246412490719</v>
      </c>
      <c r="J8118" s="58">
        <f>Bühler!J8144</f>
        <v>22.99462793898963</v>
      </c>
      <c r="K8118" s="58">
        <f>Bühler!K8144</f>
        <v>0.71089491483783462</v>
      </c>
      <c r="L8118" s="58">
        <f>Bühler!L8144</f>
        <v>0.35544745741891731</v>
      </c>
      <c r="M8118" s="57">
        <f>Bühler!M8144</f>
        <v>0</v>
      </c>
      <c r="N8118" s="55">
        <f>IF(Input!$K$13=1,J8118*Input!$J$13,0)+IF(Input!$K$14=1,K8118*Input!$J$14,0)+IF(Input!$K$15=1,L8118*Input!$J$15,0)+IF(Input!$K$16=1,M8118*Input!$J$16,0)</f>
        <v>2.7593553526787558</v>
      </c>
      <c r="O8118" s="58">
        <f>IF(Input!$K$13=2,J8118*Input!$J$13,0)+IF(Input!$K$14=2,K8118*Input!$J$14,0)+IF(Input!$K$15=2,L8118*Input!$J$15,0)+IF(Input!$K$16=2,M8118*Input!$J$16,0)</f>
        <v>9.5970813503107683E-2</v>
      </c>
      <c r="P8118" s="58">
        <f>IF(Input!$K$13=3,J8118*Input!$J$13,0)+IF(Input!$K$14=3,K8118*Input!$J$14,0)+IF(Input!$K$15=3,L8118*Input!$J$15,0)+IF(Input!$K$16=3,M8118*Input!$J$16,0)</f>
        <v>0</v>
      </c>
      <c r="Q8118" s="71">
        <f>IF(Input!$K$13=4,J8118*Input!$J$13,0)+IF(Input!$K$14=4,K8118*Input!$J$14,0)+IF(Input!$K$15=4,L8118*Input!$J$15,0)+IF(Input!$K$16=4,M8118*Input!$J$16,0)</f>
        <v>0</v>
      </c>
    </row>
    <row r="8119" spans="8:17" x14ac:dyDescent="0.25">
      <c r="H8119" s="43">
        <v>8112</v>
      </c>
      <c r="I8119" s="55">
        <f>Bühler!I8145</f>
        <v>7.2898246412490719</v>
      </c>
      <c r="J8119" s="58">
        <f>Bühler!J8145</f>
        <v>22.99462793898963</v>
      </c>
      <c r="K8119" s="58">
        <f>Bühler!K8145</f>
        <v>0.71089491483783462</v>
      </c>
      <c r="L8119" s="58">
        <f>Bühler!L8145</f>
        <v>0.35544745741891731</v>
      </c>
      <c r="M8119" s="57">
        <f>Bühler!M8145</f>
        <v>0</v>
      </c>
      <c r="N8119" s="55">
        <f>IF(Input!$K$13=1,J8119*Input!$J$13,0)+IF(Input!$K$14=1,K8119*Input!$J$14,0)+IF(Input!$K$15=1,L8119*Input!$J$15,0)+IF(Input!$K$16=1,M8119*Input!$J$16,0)</f>
        <v>2.7593553526787558</v>
      </c>
      <c r="O8119" s="58">
        <f>IF(Input!$K$13=2,J8119*Input!$J$13,0)+IF(Input!$K$14=2,K8119*Input!$J$14,0)+IF(Input!$K$15=2,L8119*Input!$J$15,0)+IF(Input!$K$16=2,M8119*Input!$J$16,0)</f>
        <v>9.5970813503107683E-2</v>
      </c>
      <c r="P8119" s="58">
        <f>IF(Input!$K$13=3,J8119*Input!$J$13,0)+IF(Input!$K$14=3,K8119*Input!$J$14,0)+IF(Input!$K$15=3,L8119*Input!$J$15,0)+IF(Input!$K$16=3,M8119*Input!$J$16,0)</f>
        <v>0</v>
      </c>
      <c r="Q8119" s="71">
        <f>IF(Input!$K$13=4,J8119*Input!$J$13,0)+IF(Input!$K$14=4,K8119*Input!$J$14,0)+IF(Input!$K$15=4,L8119*Input!$J$15,0)+IF(Input!$K$16=4,M8119*Input!$J$16,0)</f>
        <v>0</v>
      </c>
    </row>
    <row r="8120" spans="8:17" x14ac:dyDescent="0.25">
      <c r="H8120" s="43">
        <v>8113</v>
      </c>
      <c r="I8120" s="55">
        <f>Bühler!I8146</f>
        <v>6.0038834368556175</v>
      </c>
      <c r="J8120" s="58">
        <f>Bühler!J8146</f>
        <v>15.57543646715332</v>
      </c>
      <c r="K8120" s="58">
        <f>Bühler!K8146</f>
        <v>0.44028684099025378</v>
      </c>
      <c r="L8120" s="58">
        <f>Bühler!L8146</f>
        <v>0.22014342049512689</v>
      </c>
      <c r="M8120" s="57">
        <f>Bühler!M8146</f>
        <v>0</v>
      </c>
      <c r="N8120" s="55">
        <f>IF(Input!$K$13=1,J8120*Input!$J$13,0)+IF(Input!$K$14=1,K8120*Input!$J$14,0)+IF(Input!$K$15=1,L8120*Input!$J$15,0)+IF(Input!$K$16=1,M8120*Input!$J$16,0)</f>
        <v>1.8690523760583984</v>
      </c>
      <c r="O8120" s="58">
        <f>IF(Input!$K$13=2,J8120*Input!$J$13,0)+IF(Input!$K$14=2,K8120*Input!$J$14,0)+IF(Input!$K$15=2,L8120*Input!$J$15,0)+IF(Input!$K$16=2,M8120*Input!$J$16,0)</f>
        <v>5.9438723533684255E-2</v>
      </c>
      <c r="P8120" s="58">
        <f>IF(Input!$K$13=3,J8120*Input!$J$13,0)+IF(Input!$K$14=3,K8120*Input!$J$14,0)+IF(Input!$K$15=3,L8120*Input!$J$15,0)+IF(Input!$K$16=3,M8120*Input!$J$16,0)</f>
        <v>0</v>
      </c>
      <c r="Q8120" s="71">
        <f>IF(Input!$K$13=4,J8120*Input!$J$13,0)+IF(Input!$K$14=4,K8120*Input!$J$14,0)+IF(Input!$K$15=4,L8120*Input!$J$15,0)+IF(Input!$K$16=4,M8120*Input!$J$16,0)</f>
        <v>0</v>
      </c>
    </row>
    <row r="8121" spans="8:17" x14ac:dyDescent="0.25">
      <c r="H8121" s="43">
        <v>8114</v>
      </c>
      <c r="I8121" s="55">
        <f>Bühler!I8147</f>
        <v>6.0038834368556175</v>
      </c>
      <c r="J8121" s="58">
        <f>Bühler!J8147</f>
        <v>20.327032825065562</v>
      </c>
      <c r="K8121" s="58">
        <f>Bühler!K8147</f>
        <v>0.67091328150895824</v>
      </c>
      <c r="L8121" s="58">
        <f>Bühler!L8147</f>
        <v>0.33545664075447912</v>
      </c>
      <c r="M8121" s="57">
        <f>Bühler!M8147</f>
        <v>0</v>
      </c>
      <c r="N8121" s="55">
        <f>IF(Input!$K$13=1,J8121*Input!$J$13,0)+IF(Input!$K$14=1,K8121*Input!$J$14,0)+IF(Input!$K$15=1,L8121*Input!$J$15,0)+IF(Input!$K$16=1,M8121*Input!$J$16,0)</f>
        <v>2.4392439390078673</v>
      </c>
      <c r="O8121" s="58">
        <f>IF(Input!$K$13=2,J8121*Input!$J$13,0)+IF(Input!$K$14=2,K8121*Input!$J$14,0)+IF(Input!$K$15=2,L8121*Input!$J$15,0)+IF(Input!$K$16=2,M8121*Input!$J$16,0)</f>
        <v>9.0573293003709365E-2</v>
      </c>
      <c r="P8121" s="58">
        <f>IF(Input!$K$13=3,J8121*Input!$J$13,0)+IF(Input!$K$14=3,K8121*Input!$J$14,0)+IF(Input!$K$15=3,L8121*Input!$J$15,0)+IF(Input!$K$16=3,M8121*Input!$J$16,0)</f>
        <v>0</v>
      </c>
      <c r="Q8121" s="71">
        <f>IF(Input!$K$13=4,J8121*Input!$J$13,0)+IF(Input!$K$14=4,K8121*Input!$J$14,0)+IF(Input!$K$15=4,L8121*Input!$J$15,0)+IF(Input!$K$16=4,M8121*Input!$J$16,0)</f>
        <v>0</v>
      </c>
    </row>
    <row r="8122" spans="8:17" x14ac:dyDescent="0.25">
      <c r="H8122" s="43">
        <v>8115</v>
      </c>
      <c r="I8122" s="55">
        <f>Bühler!I8148</f>
        <v>6.0038834368556175</v>
      </c>
      <c r="J8122" s="58">
        <f>Bühler!J8148</f>
        <v>20.327032825065562</v>
      </c>
      <c r="K8122" s="58">
        <f>Bühler!K8148</f>
        <v>0.67091328150895824</v>
      </c>
      <c r="L8122" s="58">
        <f>Bühler!L8148</f>
        <v>0.33545664075447912</v>
      </c>
      <c r="M8122" s="57">
        <f>Bühler!M8148</f>
        <v>0</v>
      </c>
      <c r="N8122" s="55">
        <f>IF(Input!$K$13=1,J8122*Input!$J$13,0)+IF(Input!$K$14=1,K8122*Input!$J$14,0)+IF(Input!$K$15=1,L8122*Input!$J$15,0)+IF(Input!$K$16=1,M8122*Input!$J$16,0)</f>
        <v>2.4392439390078673</v>
      </c>
      <c r="O8122" s="58">
        <f>IF(Input!$K$13=2,J8122*Input!$J$13,0)+IF(Input!$K$14=2,K8122*Input!$J$14,0)+IF(Input!$K$15=2,L8122*Input!$J$15,0)+IF(Input!$K$16=2,M8122*Input!$J$16,0)</f>
        <v>9.0573293003709365E-2</v>
      </c>
      <c r="P8122" s="58">
        <f>IF(Input!$K$13=3,J8122*Input!$J$13,0)+IF(Input!$K$14=3,K8122*Input!$J$14,0)+IF(Input!$K$15=3,L8122*Input!$J$15,0)+IF(Input!$K$16=3,M8122*Input!$J$16,0)</f>
        <v>0</v>
      </c>
      <c r="Q8122" s="71">
        <f>IF(Input!$K$13=4,J8122*Input!$J$13,0)+IF(Input!$K$14=4,K8122*Input!$J$14,0)+IF(Input!$K$15=4,L8122*Input!$J$15,0)+IF(Input!$K$16=4,M8122*Input!$J$16,0)</f>
        <v>0</v>
      </c>
    </row>
    <row r="8123" spans="8:17" x14ac:dyDescent="0.25">
      <c r="H8123" s="43">
        <v>8116</v>
      </c>
      <c r="I8123" s="55">
        <f>Bühler!I8149</f>
        <v>6.0038834368556175</v>
      </c>
      <c r="J8123" s="58">
        <f>Bühler!J8149</f>
        <v>20.327032825065562</v>
      </c>
      <c r="K8123" s="58">
        <f>Bühler!K8149</f>
        <v>0.67091328150895824</v>
      </c>
      <c r="L8123" s="58">
        <f>Bühler!L8149</f>
        <v>0.33545664075447912</v>
      </c>
      <c r="M8123" s="57">
        <f>Bühler!M8149</f>
        <v>0</v>
      </c>
      <c r="N8123" s="55">
        <f>IF(Input!$K$13=1,J8123*Input!$J$13,0)+IF(Input!$K$14=1,K8123*Input!$J$14,0)+IF(Input!$K$15=1,L8123*Input!$J$15,0)+IF(Input!$K$16=1,M8123*Input!$J$16,0)</f>
        <v>2.4392439390078673</v>
      </c>
      <c r="O8123" s="58">
        <f>IF(Input!$K$13=2,J8123*Input!$J$13,0)+IF(Input!$K$14=2,K8123*Input!$J$14,0)+IF(Input!$K$15=2,L8123*Input!$J$15,0)+IF(Input!$K$16=2,M8123*Input!$J$16,0)</f>
        <v>9.0573293003709365E-2</v>
      </c>
      <c r="P8123" s="58">
        <f>IF(Input!$K$13=3,J8123*Input!$J$13,0)+IF(Input!$K$14=3,K8123*Input!$J$14,0)+IF(Input!$K$15=3,L8123*Input!$J$15,0)+IF(Input!$K$16=3,M8123*Input!$J$16,0)</f>
        <v>0</v>
      </c>
      <c r="Q8123" s="71">
        <f>IF(Input!$K$13=4,J8123*Input!$J$13,0)+IF(Input!$K$14=4,K8123*Input!$J$14,0)+IF(Input!$K$15=4,L8123*Input!$J$15,0)+IF(Input!$K$16=4,M8123*Input!$J$16,0)</f>
        <v>0</v>
      </c>
    </row>
    <row r="8124" spans="8:17" x14ac:dyDescent="0.25">
      <c r="H8124" s="43">
        <v>8117</v>
      </c>
      <c r="I8124" s="55">
        <f>Bühler!I8150</f>
        <v>6.0038834368556175</v>
      </c>
      <c r="J8124" s="58">
        <f>Bühler!J8150</f>
        <v>20.327032825065562</v>
      </c>
      <c r="K8124" s="58">
        <f>Bühler!K8150</f>
        <v>0.67091328150895824</v>
      </c>
      <c r="L8124" s="58">
        <f>Bühler!L8150</f>
        <v>0.33545664075447912</v>
      </c>
      <c r="M8124" s="57">
        <f>Bühler!M8150</f>
        <v>0</v>
      </c>
      <c r="N8124" s="55">
        <f>IF(Input!$K$13=1,J8124*Input!$J$13,0)+IF(Input!$K$14=1,K8124*Input!$J$14,0)+IF(Input!$K$15=1,L8124*Input!$J$15,0)+IF(Input!$K$16=1,M8124*Input!$J$16,0)</f>
        <v>2.4392439390078673</v>
      </c>
      <c r="O8124" s="58">
        <f>IF(Input!$K$13=2,J8124*Input!$J$13,0)+IF(Input!$K$14=2,K8124*Input!$J$14,0)+IF(Input!$K$15=2,L8124*Input!$J$15,0)+IF(Input!$K$16=2,M8124*Input!$J$16,0)</f>
        <v>9.0573293003709365E-2</v>
      </c>
      <c r="P8124" s="58">
        <f>IF(Input!$K$13=3,J8124*Input!$J$13,0)+IF(Input!$K$14=3,K8124*Input!$J$14,0)+IF(Input!$K$15=3,L8124*Input!$J$15,0)+IF(Input!$K$16=3,M8124*Input!$J$16,0)</f>
        <v>0</v>
      </c>
      <c r="Q8124" s="71">
        <f>IF(Input!$K$13=4,J8124*Input!$J$13,0)+IF(Input!$K$14=4,K8124*Input!$J$14,0)+IF(Input!$K$15=4,L8124*Input!$J$15,0)+IF(Input!$K$16=4,M8124*Input!$J$16,0)</f>
        <v>0</v>
      </c>
    </row>
    <row r="8125" spans="8:17" x14ac:dyDescent="0.25">
      <c r="H8125" s="43">
        <v>8118</v>
      </c>
      <c r="I8125" s="55">
        <f>Bühler!I8151</f>
        <v>6.0038834368556175</v>
      </c>
      <c r="J8125" s="58">
        <f>Bühler!J8151</f>
        <v>20.327032825065562</v>
      </c>
      <c r="K8125" s="58">
        <f>Bühler!K8151</f>
        <v>0.67091328150895824</v>
      </c>
      <c r="L8125" s="58">
        <f>Bühler!L8151</f>
        <v>0.33545664075447912</v>
      </c>
      <c r="M8125" s="57">
        <f>Bühler!M8151</f>
        <v>0</v>
      </c>
      <c r="N8125" s="55">
        <f>IF(Input!$K$13=1,J8125*Input!$J$13,0)+IF(Input!$K$14=1,K8125*Input!$J$14,0)+IF(Input!$K$15=1,L8125*Input!$J$15,0)+IF(Input!$K$16=1,M8125*Input!$J$16,0)</f>
        <v>2.4392439390078673</v>
      </c>
      <c r="O8125" s="58">
        <f>IF(Input!$K$13=2,J8125*Input!$J$13,0)+IF(Input!$K$14=2,K8125*Input!$J$14,0)+IF(Input!$K$15=2,L8125*Input!$J$15,0)+IF(Input!$K$16=2,M8125*Input!$J$16,0)</f>
        <v>9.0573293003709365E-2</v>
      </c>
      <c r="P8125" s="58">
        <f>IF(Input!$K$13=3,J8125*Input!$J$13,0)+IF(Input!$K$14=3,K8125*Input!$J$14,0)+IF(Input!$K$15=3,L8125*Input!$J$15,0)+IF(Input!$K$16=3,M8125*Input!$J$16,0)</f>
        <v>0</v>
      </c>
      <c r="Q8125" s="71">
        <f>IF(Input!$K$13=4,J8125*Input!$J$13,0)+IF(Input!$K$14=4,K8125*Input!$J$14,0)+IF(Input!$K$15=4,L8125*Input!$J$15,0)+IF(Input!$K$16=4,M8125*Input!$J$16,0)</f>
        <v>0</v>
      </c>
    </row>
    <row r="8126" spans="8:17" x14ac:dyDescent="0.25">
      <c r="H8126" s="43">
        <v>8119</v>
      </c>
      <c r="I8126" s="55">
        <f>Bühler!I8152</f>
        <v>6.0038834368556175</v>
      </c>
      <c r="J8126" s="58">
        <f>Bühler!J8152</f>
        <v>20.327032825065562</v>
      </c>
      <c r="K8126" s="58">
        <f>Bühler!K8152</f>
        <v>0.67091328150895824</v>
      </c>
      <c r="L8126" s="58">
        <f>Bühler!L8152</f>
        <v>0.33545664075447912</v>
      </c>
      <c r="M8126" s="57">
        <f>Bühler!M8152</f>
        <v>0</v>
      </c>
      <c r="N8126" s="55">
        <f>IF(Input!$K$13=1,J8126*Input!$J$13,0)+IF(Input!$K$14=1,K8126*Input!$J$14,0)+IF(Input!$K$15=1,L8126*Input!$J$15,0)+IF(Input!$K$16=1,M8126*Input!$J$16,0)</f>
        <v>2.4392439390078673</v>
      </c>
      <c r="O8126" s="58">
        <f>IF(Input!$K$13=2,J8126*Input!$J$13,0)+IF(Input!$K$14=2,K8126*Input!$J$14,0)+IF(Input!$K$15=2,L8126*Input!$J$15,0)+IF(Input!$K$16=2,M8126*Input!$J$16,0)</f>
        <v>9.0573293003709365E-2</v>
      </c>
      <c r="P8126" s="58">
        <f>IF(Input!$K$13=3,J8126*Input!$J$13,0)+IF(Input!$K$14=3,K8126*Input!$J$14,0)+IF(Input!$K$15=3,L8126*Input!$J$15,0)+IF(Input!$K$16=3,M8126*Input!$J$16,0)</f>
        <v>0</v>
      </c>
      <c r="Q8126" s="71">
        <f>IF(Input!$K$13=4,J8126*Input!$J$13,0)+IF(Input!$K$14=4,K8126*Input!$J$14,0)+IF(Input!$K$15=4,L8126*Input!$J$15,0)+IF(Input!$K$16=4,M8126*Input!$J$16,0)</f>
        <v>0</v>
      </c>
    </row>
    <row r="8127" spans="8:17" x14ac:dyDescent="0.25">
      <c r="H8127" s="43">
        <v>8120</v>
      </c>
      <c r="I8127" s="55">
        <f>Bühler!I8153</f>
        <v>17.295057771329247</v>
      </c>
      <c r="J8127" s="58">
        <f>Bühler!J8153</f>
        <v>77.008162465821329</v>
      </c>
      <c r="K8127" s="58">
        <f>Bühler!K8153</f>
        <v>2.8283188023612009</v>
      </c>
      <c r="L8127" s="58">
        <f>Bühler!L8153</f>
        <v>1.4141594011806005</v>
      </c>
      <c r="M8127" s="57">
        <f>Bühler!M8153</f>
        <v>0</v>
      </c>
      <c r="N8127" s="55">
        <f>IF(Input!$K$13=1,J8127*Input!$J$13,0)+IF(Input!$K$14=1,K8127*Input!$J$14,0)+IF(Input!$K$15=1,L8127*Input!$J$15,0)+IF(Input!$K$16=1,M8127*Input!$J$16,0)</f>
        <v>9.2409794958985589</v>
      </c>
      <c r="O8127" s="58">
        <f>IF(Input!$K$13=2,J8127*Input!$J$13,0)+IF(Input!$K$14=2,K8127*Input!$J$14,0)+IF(Input!$K$15=2,L8127*Input!$J$15,0)+IF(Input!$K$16=2,M8127*Input!$J$16,0)</f>
        <v>0.38182303831876208</v>
      </c>
      <c r="P8127" s="58">
        <f>IF(Input!$K$13=3,J8127*Input!$J$13,0)+IF(Input!$K$14=3,K8127*Input!$J$14,0)+IF(Input!$K$15=3,L8127*Input!$J$15,0)+IF(Input!$K$16=3,M8127*Input!$J$16,0)</f>
        <v>0</v>
      </c>
      <c r="Q8127" s="71">
        <f>IF(Input!$K$13=4,J8127*Input!$J$13,0)+IF(Input!$K$14=4,K8127*Input!$J$14,0)+IF(Input!$K$15=4,L8127*Input!$J$15,0)+IF(Input!$K$16=4,M8127*Input!$J$16,0)</f>
        <v>0</v>
      </c>
    </row>
    <row r="8128" spans="8:17" x14ac:dyDescent="0.25">
      <c r="H8128" s="43">
        <v>8121</v>
      </c>
      <c r="I8128" s="55">
        <f>Bühler!I8154</f>
        <v>19.297643408009474</v>
      </c>
      <c r="J8128" s="58">
        <f>Bühler!J8154</f>
        <v>85.924897067126963</v>
      </c>
      <c r="K8128" s="58">
        <f>Bühler!K8154</f>
        <v>3.1558083478977617</v>
      </c>
      <c r="L8128" s="58">
        <f>Bühler!L8154</f>
        <v>1.5779041739488808</v>
      </c>
      <c r="M8128" s="57">
        <f>Bühler!M8154</f>
        <v>0</v>
      </c>
      <c r="N8128" s="55">
        <f>IF(Input!$K$13=1,J8128*Input!$J$13,0)+IF(Input!$K$14=1,K8128*Input!$J$14,0)+IF(Input!$K$15=1,L8128*Input!$J$15,0)+IF(Input!$K$16=1,M8128*Input!$J$16,0)</f>
        <v>10.310987648055235</v>
      </c>
      <c r="O8128" s="58">
        <f>IF(Input!$K$13=2,J8128*Input!$J$13,0)+IF(Input!$K$14=2,K8128*Input!$J$14,0)+IF(Input!$K$15=2,L8128*Input!$J$15,0)+IF(Input!$K$16=2,M8128*Input!$J$16,0)</f>
        <v>0.4260341269661978</v>
      </c>
      <c r="P8128" s="58">
        <f>IF(Input!$K$13=3,J8128*Input!$J$13,0)+IF(Input!$K$14=3,K8128*Input!$J$14,0)+IF(Input!$K$15=3,L8128*Input!$J$15,0)+IF(Input!$K$16=3,M8128*Input!$J$16,0)</f>
        <v>0</v>
      </c>
      <c r="Q8128" s="71">
        <f>IF(Input!$K$13=4,J8128*Input!$J$13,0)+IF(Input!$K$14=4,K8128*Input!$J$14,0)+IF(Input!$K$15=4,L8128*Input!$J$15,0)+IF(Input!$K$16=4,M8128*Input!$J$16,0)</f>
        <v>0</v>
      </c>
    </row>
    <row r="8129" spans="8:17" x14ac:dyDescent="0.25">
      <c r="H8129" s="43">
        <v>8122</v>
      </c>
      <c r="I8129" s="55">
        <f>Bühler!I8155</f>
        <v>21.300229044689704</v>
      </c>
      <c r="J8129" s="58">
        <f>Bühler!J8155</f>
        <v>94.841631668432598</v>
      </c>
      <c r="K8129" s="58">
        <f>Bühler!K8155</f>
        <v>3.4832978934343215</v>
      </c>
      <c r="L8129" s="58">
        <f>Bühler!L8155</f>
        <v>1.7416489467171608</v>
      </c>
      <c r="M8129" s="57">
        <f>Bühler!M8155</f>
        <v>0</v>
      </c>
      <c r="N8129" s="55">
        <f>IF(Input!$K$13=1,J8129*Input!$J$13,0)+IF(Input!$K$14=1,K8129*Input!$J$14,0)+IF(Input!$K$15=1,L8129*Input!$J$15,0)+IF(Input!$K$16=1,M8129*Input!$J$16,0)</f>
        <v>11.380995800211911</v>
      </c>
      <c r="O8129" s="58">
        <f>IF(Input!$K$13=2,J8129*Input!$J$13,0)+IF(Input!$K$14=2,K8129*Input!$J$14,0)+IF(Input!$K$15=2,L8129*Input!$J$15,0)+IF(Input!$K$16=2,M8129*Input!$J$16,0)</f>
        <v>0.47024521561363342</v>
      </c>
      <c r="P8129" s="58">
        <f>IF(Input!$K$13=3,J8129*Input!$J$13,0)+IF(Input!$K$14=3,K8129*Input!$J$14,0)+IF(Input!$K$15=3,L8129*Input!$J$15,0)+IF(Input!$K$16=3,M8129*Input!$J$16,0)</f>
        <v>0</v>
      </c>
      <c r="Q8129" s="71">
        <f>IF(Input!$K$13=4,J8129*Input!$J$13,0)+IF(Input!$K$14=4,K8129*Input!$J$14,0)+IF(Input!$K$15=4,L8129*Input!$J$15,0)+IF(Input!$K$16=4,M8129*Input!$J$16,0)</f>
        <v>0</v>
      </c>
    </row>
    <row r="8130" spans="8:17" x14ac:dyDescent="0.25">
      <c r="H8130" s="43">
        <v>8123</v>
      </c>
      <c r="I8130" s="55">
        <f>Bühler!I8156</f>
        <v>21.300229044689704</v>
      </c>
      <c r="J8130" s="58">
        <f>Bühler!J8156</f>
        <v>94.841631668432598</v>
      </c>
      <c r="K8130" s="58">
        <f>Bühler!K8156</f>
        <v>3.4832978934343215</v>
      </c>
      <c r="L8130" s="58">
        <f>Bühler!L8156</f>
        <v>1.7416489467171608</v>
      </c>
      <c r="M8130" s="57">
        <f>Bühler!M8156</f>
        <v>0</v>
      </c>
      <c r="N8130" s="55">
        <f>IF(Input!$K$13=1,J8130*Input!$J$13,0)+IF(Input!$K$14=1,K8130*Input!$J$14,0)+IF(Input!$K$15=1,L8130*Input!$J$15,0)+IF(Input!$K$16=1,M8130*Input!$J$16,0)</f>
        <v>11.380995800211911</v>
      </c>
      <c r="O8130" s="58">
        <f>IF(Input!$K$13=2,J8130*Input!$J$13,0)+IF(Input!$K$14=2,K8130*Input!$J$14,0)+IF(Input!$K$15=2,L8130*Input!$J$15,0)+IF(Input!$K$16=2,M8130*Input!$J$16,0)</f>
        <v>0.47024521561363342</v>
      </c>
      <c r="P8130" s="58">
        <f>IF(Input!$K$13=3,J8130*Input!$J$13,0)+IF(Input!$K$14=3,K8130*Input!$J$14,0)+IF(Input!$K$15=3,L8130*Input!$J$15,0)+IF(Input!$K$16=3,M8130*Input!$J$16,0)</f>
        <v>0</v>
      </c>
      <c r="Q8130" s="71">
        <f>IF(Input!$K$13=4,J8130*Input!$J$13,0)+IF(Input!$K$14=4,K8130*Input!$J$14,0)+IF(Input!$K$15=4,L8130*Input!$J$15,0)+IF(Input!$K$16=4,M8130*Input!$J$16,0)</f>
        <v>0</v>
      </c>
    </row>
    <row r="8131" spans="8:17" x14ac:dyDescent="0.25">
      <c r="H8131" s="43">
        <v>8124</v>
      </c>
      <c r="I8131" s="55">
        <f>Bühler!I8157</f>
        <v>25.487453557748363</v>
      </c>
      <c r="J8131" s="58">
        <f>Bühler!J8157</f>
        <v>113.48571310752618</v>
      </c>
      <c r="K8131" s="58">
        <f>Bühler!K8157</f>
        <v>4.1680487613744024</v>
      </c>
      <c r="L8131" s="58">
        <f>Bühler!L8157</f>
        <v>2.0840243806872012</v>
      </c>
      <c r="M8131" s="57">
        <f>Bühler!M8157</f>
        <v>0</v>
      </c>
      <c r="N8131" s="55">
        <f>IF(Input!$K$13=1,J8131*Input!$J$13,0)+IF(Input!$K$14=1,K8131*Input!$J$14,0)+IF(Input!$K$15=1,L8131*Input!$J$15,0)+IF(Input!$K$16=1,M8131*Input!$J$16,0)</f>
        <v>13.618285572903142</v>
      </c>
      <c r="O8131" s="58">
        <f>IF(Input!$K$13=2,J8131*Input!$J$13,0)+IF(Input!$K$14=2,K8131*Input!$J$14,0)+IF(Input!$K$15=2,L8131*Input!$J$15,0)+IF(Input!$K$16=2,M8131*Input!$J$16,0)</f>
        <v>0.56268658278554429</v>
      </c>
      <c r="P8131" s="58">
        <f>IF(Input!$K$13=3,J8131*Input!$J$13,0)+IF(Input!$K$14=3,K8131*Input!$J$14,0)+IF(Input!$K$15=3,L8131*Input!$J$15,0)+IF(Input!$K$16=3,M8131*Input!$J$16,0)</f>
        <v>0</v>
      </c>
      <c r="Q8131" s="71">
        <f>IF(Input!$K$13=4,J8131*Input!$J$13,0)+IF(Input!$K$14=4,K8131*Input!$J$14,0)+IF(Input!$K$15=4,L8131*Input!$J$15,0)+IF(Input!$K$16=4,M8131*Input!$J$16,0)</f>
        <v>0</v>
      </c>
    </row>
    <row r="8132" spans="8:17" x14ac:dyDescent="0.25">
      <c r="H8132" s="43">
        <v>8125</v>
      </c>
      <c r="I8132" s="55">
        <f>Bühler!I8158</f>
        <v>25.487453557748363</v>
      </c>
      <c r="J8132" s="58">
        <f>Bühler!J8158</f>
        <v>113.48571310752618</v>
      </c>
      <c r="K8132" s="58">
        <f>Bühler!K8158</f>
        <v>4.1680487613744024</v>
      </c>
      <c r="L8132" s="58">
        <f>Bühler!L8158</f>
        <v>2.0840243806872012</v>
      </c>
      <c r="M8132" s="57">
        <f>Bühler!M8158</f>
        <v>0</v>
      </c>
      <c r="N8132" s="55">
        <f>IF(Input!$K$13=1,J8132*Input!$J$13,0)+IF(Input!$K$14=1,K8132*Input!$J$14,0)+IF(Input!$K$15=1,L8132*Input!$J$15,0)+IF(Input!$K$16=1,M8132*Input!$J$16,0)</f>
        <v>13.618285572903142</v>
      </c>
      <c r="O8132" s="58">
        <f>IF(Input!$K$13=2,J8132*Input!$J$13,0)+IF(Input!$K$14=2,K8132*Input!$J$14,0)+IF(Input!$K$15=2,L8132*Input!$J$15,0)+IF(Input!$K$16=2,M8132*Input!$J$16,0)</f>
        <v>0.56268658278554429</v>
      </c>
      <c r="P8132" s="58">
        <f>IF(Input!$K$13=3,J8132*Input!$J$13,0)+IF(Input!$K$14=3,K8132*Input!$J$14,0)+IF(Input!$K$15=3,L8132*Input!$J$15,0)+IF(Input!$K$16=3,M8132*Input!$J$16,0)</f>
        <v>0</v>
      </c>
      <c r="Q8132" s="71">
        <f>IF(Input!$K$13=4,J8132*Input!$J$13,0)+IF(Input!$K$14=4,K8132*Input!$J$14,0)+IF(Input!$K$15=4,L8132*Input!$J$15,0)+IF(Input!$K$16=4,M8132*Input!$J$16,0)</f>
        <v>0</v>
      </c>
    </row>
    <row r="8133" spans="8:17" x14ac:dyDescent="0.25">
      <c r="H8133" s="43">
        <v>8126</v>
      </c>
      <c r="I8133" s="55">
        <f>Bühler!I8159</f>
        <v>16.930951291932839</v>
      </c>
      <c r="J8133" s="58">
        <f>Bühler!J8159</f>
        <v>75.386937992856687</v>
      </c>
      <c r="K8133" s="58">
        <f>Bühler!K8159</f>
        <v>2.7687752486272816</v>
      </c>
      <c r="L8133" s="58">
        <f>Bühler!L8159</f>
        <v>1.3843876243136408</v>
      </c>
      <c r="M8133" s="57">
        <f>Bühler!M8159</f>
        <v>0</v>
      </c>
      <c r="N8133" s="55">
        <f>IF(Input!$K$13=1,J8133*Input!$J$13,0)+IF(Input!$K$14=1,K8133*Input!$J$14,0)+IF(Input!$K$15=1,L8133*Input!$J$15,0)+IF(Input!$K$16=1,M8133*Input!$J$16,0)</f>
        <v>9.0464325591428025</v>
      </c>
      <c r="O8133" s="58">
        <f>IF(Input!$K$13=2,J8133*Input!$J$13,0)+IF(Input!$K$14=2,K8133*Input!$J$14,0)+IF(Input!$K$15=2,L8133*Input!$J$15,0)+IF(Input!$K$16=2,M8133*Input!$J$16,0)</f>
        <v>0.37378465856468301</v>
      </c>
      <c r="P8133" s="58">
        <f>IF(Input!$K$13=3,J8133*Input!$J$13,0)+IF(Input!$K$14=3,K8133*Input!$J$14,0)+IF(Input!$K$15=3,L8133*Input!$J$15,0)+IF(Input!$K$16=3,M8133*Input!$J$16,0)</f>
        <v>0</v>
      </c>
      <c r="Q8133" s="71">
        <f>IF(Input!$K$13=4,J8133*Input!$J$13,0)+IF(Input!$K$14=4,K8133*Input!$J$14,0)+IF(Input!$K$15=4,L8133*Input!$J$15,0)+IF(Input!$K$16=4,M8133*Input!$J$16,0)</f>
        <v>0</v>
      </c>
    </row>
    <row r="8134" spans="8:17" x14ac:dyDescent="0.25">
      <c r="H8134" s="43">
        <v>8127</v>
      </c>
      <c r="I8134" s="55">
        <f>Bühler!I8160</f>
        <v>25.487453557748363</v>
      </c>
      <c r="J8134" s="58">
        <f>Bühler!J8160</f>
        <v>113.48571310752618</v>
      </c>
      <c r="K8134" s="58">
        <f>Bühler!K8160</f>
        <v>4.1680487613744024</v>
      </c>
      <c r="L8134" s="58">
        <f>Bühler!L8160</f>
        <v>2.0840243806872012</v>
      </c>
      <c r="M8134" s="57">
        <f>Bühler!M8160</f>
        <v>0</v>
      </c>
      <c r="N8134" s="55">
        <f>IF(Input!$K$13=1,J8134*Input!$J$13,0)+IF(Input!$K$14=1,K8134*Input!$J$14,0)+IF(Input!$K$15=1,L8134*Input!$J$15,0)+IF(Input!$K$16=1,M8134*Input!$J$16,0)</f>
        <v>13.618285572903142</v>
      </c>
      <c r="O8134" s="58">
        <f>IF(Input!$K$13=2,J8134*Input!$J$13,0)+IF(Input!$K$14=2,K8134*Input!$J$14,0)+IF(Input!$K$15=2,L8134*Input!$J$15,0)+IF(Input!$K$16=2,M8134*Input!$J$16,0)</f>
        <v>0.56268658278554429</v>
      </c>
      <c r="P8134" s="58">
        <f>IF(Input!$K$13=3,J8134*Input!$J$13,0)+IF(Input!$K$14=3,K8134*Input!$J$14,0)+IF(Input!$K$15=3,L8134*Input!$J$15,0)+IF(Input!$K$16=3,M8134*Input!$J$16,0)</f>
        <v>0</v>
      </c>
      <c r="Q8134" s="71">
        <f>IF(Input!$K$13=4,J8134*Input!$J$13,0)+IF(Input!$K$14=4,K8134*Input!$J$14,0)+IF(Input!$K$15=4,L8134*Input!$J$15,0)+IF(Input!$K$16=4,M8134*Input!$J$16,0)</f>
        <v>0</v>
      </c>
    </row>
    <row r="8135" spans="8:17" x14ac:dyDescent="0.25">
      <c r="H8135" s="43">
        <v>8128</v>
      </c>
      <c r="I8135" s="55">
        <f>Bühler!I8161</f>
        <v>25.487453557748363</v>
      </c>
      <c r="J8135" s="58">
        <f>Bühler!J8161</f>
        <v>113.48571310752618</v>
      </c>
      <c r="K8135" s="58">
        <f>Bühler!K8161</f>
        <v>4.1680487613744024</v>
      </c>
      <c r="L8135" s="58">
        <f>Bühler!L8161</f>
        <v>2.0840243806872012</v>
      </c>
      <c r="M8135" s="57">
        <f>Bühler!M8161</f>
        <v>0</v>
      </c>
      <c r="N8135" s="55">
        <f>IF(Input!$K$13=1,J8135*Input!$J$13,0)+IF(Input!$K$14=1,K8135*Input!$J$14,0)+IF(Input!$K$15=1,L8135*Input!$J$15,0)+IF(Input!$K$16=1,M8135*Input!$J$16,0)</f>
        <v>13.618285572903142</v>
      </c>
      <c r="O8135" s="58">
        <f>IF(Input!$K$13=2,J8135*Input!$J$13,0)+IF(Input!$K$14=2,K8135*Input!$J$14,0)+IF(Input!$K$15=2,L8135*Input!$J$15,0)+IF(Input!$K$16=2,M8135*Input!$J$16,0)</f>
        <v>0.56268658278554429</v>
      </c>
      <c r="P8135" s="58">
        <f>IF(Input!$K$13=3,J8135*Input!$J$13,0)+IF(Input!$K$14=3,K8135*Input!$J$14,0)+IF(Input!$K$15=3,L8135*Input!$J$15,0)+IF(Input!$K$16=3,M8135*Input!$J$16,0)</f>
        <v>0</v>
      </c>
      <c r="Q8135" s="71">
        <f>IF(Input!$K$13=4,J8135*Input!$J$13,0)+IF(Input!$K$14=4,K8135*Input!$J$14,0)+IF(Input!$K$15=4,L8135*Input!$J$15,0)+IF(Input!$K$16=4,M8135*Input!$J$16,0)</f>
        <v>0</v>
      </c>
    </row>
    <row r="8136" spans="8:17" x14ac:dyDescent="0.25">
      <c r="H8136" s="43">
        <v>8129</v>
      </c>
      <c r="I8136" s="55">
        <f>Bühler!I8162</f>
        <v>21.304102517874774</v>
      </c>
      <c r="J8136" s="58">
        <f>Bühler!J8162</f>
        <v>73.683945606129697</v>
      </c>
      <c r="K8136" s="58">
        <f>Bühler!K8162</f>
        <v>2.4561715915242011</v>
      </c>
      <c r="L8136" s="58">
        <f>Bühler!L8162</f>
        <v>1.2280857957621005</v>
      </c>
      <c r="M8136" s="57">
        <f>Bühler!M8162</f>
        <v>0</v>
      </c>
      <c r="N8136" s="55">
        <f>IF(Input!$K$13=1,J8136*Input!$J$13,0)+IF(Input!$K$14=1,K8136*Input!$J$14,0)+IF(Input!$K$15=1,L8136*Input!$J$15,0)+IF(Input!$K$16=1,M8136*Input!$J$16,0)</f>
        <v>8.8420734727355637</v>
      </c>
      <c r="O8136" s="58">
        <f>IF(Input!$K$13=2,J8136*Input!$J$13,0)+IF(Input!$K$14=2,K8136*Input!$J$14,0)+IF(Input!$K$15=2,L8136*Input!$J$15,0)+IF(Input!$K$16=2,M8136*Input!$J$16,0)</f>
        <v>0.33158316485576711</v>
      </c>
      <c r="P8136" s="58">
        <f>IF(Input!$K$13=3,J8136*Input!$J$13,0)+IF(Input!$K$14=3,K8136*Input!$J$14,0)+IF(Input!$K$15=3,L8136*Input!$J$15,0)+IF(Input!$K$16=3,M8136*Input!$J$16,0)</f>
        <v>0</v>
      </c>
      <c r="Q8136" s="71">
        <f>IF(Input!$K$13=4,J8136*Input!$J$13,0)+IF(Input!$K$14=4,K8136*Input!$J$14,0)+IF(Input!$K$15=4,L8136*Input!$J$15,0)+IF(Input!$K$16=4,M8136*Input!$J$16,0)</f>
        <v>0</v>
      </c>
    </row>
    <row r="8137" spans="8:17" x14ac:dyDescent="0.25">
      <c r="H8137" s="43">
        <v>8130</v>
      </c>
      <c r="I8137" s="55">
        <f>Bühler!I8163</f>
        <v>16.927077818747776</v>
      </c>
      <c r="J8137" s="58">
        <f>Bühler!J8163</f>
        <v>39.935832900214223</v>
      </c>
      <c r="K8137" s="58">
        <f>Bühler!K8163</f>
        <v>1.048302002357747</v>
      </c>
      <c r="L8137" s="58">
        <f>Bühler!L8163</f>
        <v>0.52415100117887348</v>
      </c>
      <c r="M8137" s="57">
        <f>Bühler!M8163</f>
        <v>0</v>
      </c>
      <c r="N8137" s="55">
        <f>IF(Input!$K$13=1,J8137*Input!$J$13,0)+IF(Input!$K$14=1,K8137*Input!$J$14,0)+IF(Input!$K$15=1,L8137*Input!$J$15,0)+IF(Input!$K$16=1,M8137*Input!$J$16,0)</f>
        <v>4.7922999480257067</v>
      </c>
      <c r="O8137" s="58">
        <f>IF(Input!$K$13=2,J8137*Input!$J$13,0)+IF(Input!$K$14=2,K8137*Input!$J$14,0)+IF(Input!$K$15=2,L8137*Input!$J$15,0)+IF(Input!$K$16=2,M8137*Input!$J$16,0)</f>
        <v>0.14152077031829585</v>
      </c>
      <c r="P8137" s="58">
        <f>IF(Input!$K$13=3,J8137*Input!$J$13,0)+IF(Input!$K$14=3,K8137*Input!$J$14,0)+IF(Input!$K$15=3,L8137*Input!$J$15,0)+IF(Input!$K$16=3,M8137*Input!$J$16,0)</f>
        <v>0</v>
      </c>
      <c r="Q8137" s="71">
        <f>IF(Input!$K$13=4,J8137*Input!$J$13,0)+IF(Input!$K$14=4,K8137*Input!$J$14,0)+IF(Input!$K$15=4,L8137*Input!$J$15,0)+IF(Input!$K$16=4,M8137*Input!$J$16,0)</f>
        <v>0</v>
      </c>
    </row>
    <row r="8138" spans="8:17" x14ac:dyDescent="0.25">
      <c r="H8138" s="43">
        <v>8131</v>
      </c>
      <c r="I8138" s="55">
        <f>Bühler!I8164</f>
        <v>6.0038834368556175</v>
      </c>
      <c r="J8138" s="58">
        <f>Bühler!J8164</f>
        <v>20.75899613033031</v>
      </c>
      <c r="K8138" s="58">
        <f>Bühler!K8164</f>
        <v>0.69187932155611309</v>
      </c>
      <c r="L8138" s="58">
        <f>Bühler!L8164</f>
        <v>0.34593966077805655</v>
      </c>
      <c r="M8138" s="57">
        <f>Bühler!M8164</f>
        <v>0</v>
      </c>
      <c r="N8138" s="55">
        <f>IF(Input!$K$13=1,J8138*Input!$J$13,0)+IF(Input!$K$14=1,K8138*Input!$J$14,0)+IF(Input!$K$15=1,L8138*Input!$J$15,0)+IF(Input!$K$16=1,M8138*Input!$J$16,0)</f>
        <v>2.4910795356396371</v>
      </c>
      <c r="O8138" s="58">
        <f>IF(Input!$K$13=2,J8138*Input!$J$13,0)+IF(Input!$K$14=2,K8138*Input!$J$14,0)+IF(Input!$K$15=2,L8138*Input!$J$15,0)+IF(Input!$K$16=2,M8138*Input!$J$16,0)</f>
        <v>9.3403708410075267E-2</v>
      </c>
      <c r="P8138" s="58">
        <f>IF(Input!$K$13=3,J8138*Input!$J$13,0)+IF(Input!$K$14=3,K8138*Input!$J$14,0)+IF(Input!$K$15=3,L8138*Input!$J$15,0)+IF(Input!$K$16=3,M8138*Input!$J$16,0)</f>
        <v>0</v>
      </c>
      <c r="Q8138" s="71">
        <f>IF(Input!$K$13=4,J8138*Input!$J$13,0)+IF(Input!$K$14=4,K8138*Input!$J$14,0)+IF(Input!$K$15=4,L8138*Input!$J$15,0)+IF(Input!$K$16=4,M8138*Input!$J$16,0)</f>
        <v>0</v>
      </c>
    </row>
    <row r="8139" spans="8:17" x14ac:dyDescent="0.25">
      <c r="H8139" s="43">
        <v>8132</v>
      </c>
      <c r="I8139" s="55">
        <f>Bühler!I8165</f>
        <v>6.0038834368556175</v>
      </c>
      <c r="J8139" s="58">
        <f>Bühler!J8165</f>
        <v>20.75899613033031</v>
      </c>
      <c r="K8139" s="58">
        <f>Bühler!K8165</f>
        <v>0.69187932155611309</v>
      </c>
      <c r="L8139" s="58">
        <f>Bühler!L8165</f>
        <v>0.34593966077805655</v>
      </c>
      <c r="M8139" s="57">
        <f>Bühler!M8165</f>
        <v>0</v>
      </c>
      <c r="N8139" s="55">
        <f>IF(Input!$K$13=1,J8139*Input!$J$13,0)+IF(Input!$K$14=1,K8139*Input!$J$14,0)+IF(Input!$K$15=1,L8139*Input!$J$15,0)+IF(Input!$K$16=1,M8139*Input!$J$16,0)</f>
        <v>2.4910795356396371</v>
      </c>
      <c r="O8139" s="58">
        <f>IF(Input!$K$13=2,J8139*Input!$J$13,0)+IF(Input!$K$14=2,K8139*Input!$J$14,0)+IF(Input!$K$15=2,L8139*Input!$J$15,0)+IF(Input!$K$16=2,M8139*Input!$J$16,0)</f>
        <v>9.3403708410075267E-2</v>
      </c>
      <c r="P8139" s="58">
        <f>IF(Input!$K$13=3,J8139*Input!$J$13,0)+IF(Input!$K$14=3,K8139*Input!$J$14,0)+IF(Input!$K$15=3,L8139*Input!$J$15,0)+IF(Input!$K$16=3,M8139*Input!$J$16,0)</f>
        <v>0</v>
      </c>
      <c r="Q8139" s="71">
        <f>IF(Input!$K$13=4,J8139*Input!$J$13,0)+IF(Input!$K$14=4,K8139*Input!$J$14,0)+IF(Input!$K$15=4,L8139*Input!$J$15,0)+IF(Input!$K$16=4,M8139*Input!$J$16,0)</f>
        <v>0</v>
      </c>
    </row>
    <row r="8140" spans="8:17" x14ac:dyDescent="0.25">
      <c r="H8140" s="43">
        <v>8133</v>
      </c>
      <c r="I8140" s="55">
        <f>Bühler!I8166</f>
        <v>6.0038834368556175</v>
      </c>
      <c r="J8140" s="58">
        <f>Bühler!J8166</f>
        <v>20.75899613033031</v>
      </c>
      <c r="K8140" s="58">
        <f>Bühler!K8166</f>
        <v>0.69187932155611309</v>
      </c>
      <c r="L8140" s="58">
        <f>Bühler!L8166</f>
        <v>0.34593966077805655</v>
      </c>
      <c r="M8140" s="57">
        <f>Bühler!M8166</f>
        <v>0</v>
      </c>
      <c r="N8140" s="55">
        <f>IF(Input!$K$13=1,J8140*Input!$J$13,0)+IF(Input!$K$14=1,K8140*Input!$J$14,0)+IF(Input!$K$15=1,L8140*Input!$J$15,0)+IF(Input!$K$16=1,M8140*Input!$J$16,0)</f>
        <v>2.4910795356396371</v>
      </c>
      <c r="O8140" s="58">
        <f>IF(Input!$K$13=2,J8140*Input!$J$13,0)+IF(Input!$K$14=2,K8140*Input!$J$14,0)+IF(Input!$K$15=2,L8140*Input!$J$15,0)+IF(Input!$K$16=2,M8140*Input!$J$16,0)</f>
        <v>9.3403708410075267E-2</v>
      </c>
      <c r="P8140" s="58">
        <f>IF(Input!$K$13=3,J8140*Input!$J$13,0)+IF(Input!$K$14=3,K8140*Input!$J$14,0)+IF(Input!$K$15=3,L8140*Input!$J$15,0)+IF(Input!$K$16=3,M8140*Input!$J$16,0)</f>
        <v>0</v>
      </c>
      <c r="Q8140" s="71">
        <f>IF(Input!$K$13=4,J8140*Input!$J$13,0)+IF(Input!$K$14=4,K8140*Input!$J$14,0)+IF(Input!$K$15=4,L8140*Input!$J$15,0)+IF(Input!$K$16=4,M8140*Input!$J$16,0)</f>
        <v>0</v>
      </c>
    </row>
    <row r="8141" spans="8:17" x14ac:dyDescent="0.25">
      <c r="H8141" s="43">
        <v>8134</v>
      </c>
      <c r="I8141" s="55">
        <f>Bühler!I8167</f>
        <v>6.0038834368556175</v>
      </c>
      <c r="J8141" s="58">
        <f>Bühler!J8167</f>
        <v>20.75899613033031</v>
      </c>
      <c r="K8141" s="58">
        <f>Bühler!K8167</f>
        <v>0.69187932155611309</v>
      </c>
      <c r="L8141" s="58">
        <f>Bühler!L8167</f>
        <v>0.34593966077805655</v>
      </c>
      <c r="M8141" s="57">
        <f>Bühler!M8167</f>
        <v>0</v>
      </c>
      <c r="N8141" s="55">
        <f>IF(Input!$K$13=1,J8141*Input!$J$13,0)+IF(Input!$K$14=1,K8141*Input!$J$14,0)+IF(Input!$K$15=1,L8141*Input!$J$15,0)+IF(Input!$K$16=1,M8141*Input!$J$16,0)</f>
        <v>2.4910795356396371</v>
      </c>
      <c r="O8141" s="58">
        <f>IF(Input!$K$13=2,J8141*Input!$J$13,0)+IF(Input!$K$14=2,K8141*Input!$J$14,0)+IF(Input!$K$15=2,L8141*Input!$J$15,0)+IF(Input!$K$16=2,M8141*Input!$J$16,0)</f>
        <v>9.3403708410075267E-2</v>
      </c>
      <c r="P8141" s="58">
        <f>IF(Input!$K$13=3,J8141*Input!$J$13,0)+IF(Input!$K$14=3,K8141*Input!$J$14,0)+IF(Input!$K$15=3,L8141*Input!$J$15,0)+IF(Input!$K$16=3,M8141*Input!$J$16,0)</f>
        <v>0</v>
      </c>
      <c r="Q8141" s="71">
        <f>IF(Input!$K$13=4,J8141*Input!$J$13,0)+IF(Input!$K$14=4,K8141*Input!$J$14,0)+IF(Input!$K$15=4,L8141*Input!$J$15,0)+IF(Input!$K$16=4,M8141*Input!$J$16,0)</f>
        <v>0</v>
      </c>
    </row>
    <row r="8142" spans="8:17" x14ac:dyDescent="0.25">
      <c r="H8142" s="43">
        <v>8135</v>
      </c>
      <c r="I8142" s="55">
        <f>Bühler!I8168</f>
        <v>6.0038834368556175</v>
      </c>
      <c r="J8142" s="58">
        <f>Bühler!J8168</f>
        <v>20.75899613033031</v>
      </c>
      <c r="K8142" s="58">
        <f>Bühler!K8168</f>
        <v>0.69187932155611309</v>
      </c>
      <c r="L8142" s="58">
        <f>Bühler!L8168</f>
        <v>0.34593966077805655</v>
      </c>
      <c r="M8142" s="57">
        <f>Bühler!M8168</f>
        <v>0</v>
      </c>
      <c r="N8142" s="55">
        <f>IF(Input!$K$13=1,J8142*Input!$J$13,0)+IF(Input!$K$14=1,K8142*Input!$J$14,0)+IF(Input!$K$15=1,L8142*Input!$J$15,0)+IF(Input!$K$16=1,M8142*Input!$J$16,0)</f>
        <v>2.4910795356396371</v>
      </c>
      <c r="O8142" s="58">
        <f>IF(Input!$K$13=2,J8142*Input!$J$13,0)+IF(Input!$K$14=2,K8142*Input!$J$14,0)+IF(Input!$K$15=2,L8142*Input!$J$15,0)+IF(Input!$K$16=2,M8142*Input!$J$16,0)</f>
        <v>9.3403708410075267E-2</v>
      </c>
      <c r="P8142" s="58">
        <f>IF(Input!$K$13=3,J8142*Input!$J$13,0)+IF(Input!$K$14=3,K8142*Input!$J$14,0)+IF(Input!$K$15=3,L8142*Input!$J$15,0)+IF(Input!$K$16=3,M8142*Input!$J$16,0)</f>
        <v>0</v>
      </c>
      <c r="Q8142" s="71">
        <f>IF(Input!$K$13=4,J8142*Input!$J$13,0)+IF(Input!$K$14=4,K8142*Input!$J$14,0)+IF(Input!$K$15=4,L8142*Input!$J$15,0)+IF(Input!$K$16=4,M8142*Input!$J$16,0)</f>
        <v>0</v>
      </c>
    </row>
    <row r="8143" spans="8:17" x14ac:dyDescent="0.25">
      <c r="H8143" s="43">
        <v>8136</v>
      </c>
      <c r="I8143" s="55">
        <f>Bühler!I8169</f>
        <v>6.0038834368556175</v>
      </c>
      <c r="J8143" s="58">
        <f>Bühler!J8169</f>
        <v>20.75899613033031</v>
      </c>
      <c r="K8143" s="58">
        <f>Bühler!K8169</f>
        <v>0.69187932155611309</v>
      </c>
      <c r="L8143" s="58">
        <f>Bühler!L8169</f>
        <v>0.34593966077805655</v>
      </c>
      <c r="M8143" s="57">
        <f>Bühler!M8169</f>
        <v>0</v>
      </c>
      <c r="N8143" s="55">
        <f>IF(Input!$K$13=1,J8143*Input!$J$13,0)+IF(Input!$K$14=1,K8143*Input!$J$14,0)+IF(Input!$K$15=1,L8143*Input!$J$15,0)+IF(Input!$K$16=1,M8143*Input!$J$16,0)</f>
        <v>2.4910795356396371</v>
      </c>
      <c r="O8143" s="58">
        <f>IF(Input!$K$13=2,J8143*Input!$J$13,0)+IF(Input!$K$14=2,K8143*Input!$J$14,0)+IF(Input!$K$15=2,L8143*Input!$J$15,0)+IF(Input!$K$16=2,M8143*Input!$J$16,0)</f>
        <v>9.3403708410075267E-2</v>
      </c>
      <c r="P8143" s="58">
        <f>IF(Input!$K$13=3,J8143*Input!$J$13,0)+IF(Input!$K$14=3,K8143*Input!$J$14,0)+IF(Input!$K$15=3,L8143*Input!$J$15,0)+IF(Input!$K$16=3,M8143*Input!$J$16,0)</f>
        <v>0</v>
      </c>
      <c r="Q8143" s="71">
        <f>IF(Input!$K$13=4,J8143*Input!$J$13,0)+IF(Input!$K$14=4,K8143*Input!$J$14,0)+IF(Input!$K$15=4,L8143*Input!$J$15,0)+IF(Input!$K$16=4,M8143*Input!$J$16,0)</f>
        <v>0</v>
      </c>
    </row>
    <row r="8144" spans="8:17" x14ac:dyDescent="0.25">
      <c r="H8144" s="43">
        <v>8137</v>
      </c>
      <c r="I8144" s="55">
        <f>Bühler!I8170</f>
        <v>5.3867011913338105</v>
      </c>
      <c r="J8144" s="58">
        <f>Bühler!J8170</f>
        <v>19.163923117746496</v>
      </c>
      <c r="K8144" s="58">
        <f>Bühler!K8170</f>
        <v>0.66754018455427111</v>
      </c>
      <c r="L8144" s="58">
        <f>Bühler!L8170</f>
        <v>0.33377009227713555</v>
      </c>
      <c r="M8144" s="57">
        <f>Bühler!M8170</f>
        <v>0</v>
      </c>
      <c r="N8144" s="55">
        <f>IF(Input!$K$13=1,J8144*Input!$J$13,0)+IF(Input!$K$14=1,K8144*Input!$J$14,0)+IF(Input!$K$15=1,L8144*Input!$J$15,0)+IF(Input!$K$16=1,M8144*Input!$J$16,0)</f>
        <v>2.2996707741295794</v>
      </c>
      <c r="O8144" s="58">
        <f>IF(Input!$K$13=2,J8144*Input!$J$13,0)+IF(Input!$K$14=2,K8144*Input!$J$14,0)+IF(Input!$K$15=2,L8144*Input!$J$15,0)+IF(Input!$K$16=2,M8144*Input!$J$16,0)</f>
        <v>9.0117924914826592E-2</v>
      </c>
      <c r="P8144" s="58">
        <f>IF(Input!$K$13=3,J8144*Input!$J$13,0)+IF(Input!$K$14=3,K8144*Input!$J$14,0)+IF(Input!$K$15=3,L8144*Input!$J$15,0)+IF(Input!$K$16=3,M8144*Input!$J$16,0)</f>
        <v>0</v>
      </c>
      <c r="Q8144" s="71">
        <f>IF(Input!$K$13=4,J8144*Input!$J$13,0)+IF(Input!$K$14=4,K8144*Input!$J$14,0)+IF(Input!$K$15=4,L8144*Input!$J$15,0)+IF(Input!$K$16=4,M8144*Input!$J$16,0)</f>
        <v>0</v>
      </c>
    </row>
    <row r="8145" spans="8:17" x14ac:dyDescent="0.25">
      <c r="H8145" s="43">
        <v>8138</v>
      </c>
      <c r="I8145" s="55">
        <f>Bühler!I8171</f>
        <v>5.3867011913338105</v>
      </c>
      <c r="J8145" s="58">
        <f>Bühler!J8171</f>
        <v>19.163923117746496</v>
      </c>
      <c r="K8145" s="58">
        <f>Bühler!K8171</f>
        <v>0.66754018455427111</v>
      </c>
      <c r="L8145" s="58">
        <f>Bühler!L8171</f>
        <v>0.33377009227713555</v>
      </c>
      <c r="M8145" s="57">
        <f>Bühler!M8171</f>
        <v>0</v>
      </c>
      <c r="N8145" s="55">
        <f>IF(Input!$K$13=1,J8145*Input!$J$13,0)+IF(Input!$K$14=1,K8145*Input!$J$14,0)+IF(Input!$K$15=1,L8145*Input!$J$15,0)+IF(Input!$K$16=1,M8145*Input!$J$16,0)</f>
        <v>2.2996707741295794</v>
      </c>
      <c r="O8145" s="58">
        <f>IF(Input!$K$13=2,J8145*Input!$J$13,0)+IF(Input!$K$14=2,K8145*Input!$J$14,0)+IF(Input!$K$15=2,L8145*Input!$J$15,0)+IF(Input!$K$16=2,M8145*Input!$J$16,0)</f>
        <v>9.0117924914826592E-2</v>
      </c>
      <c r="P8145" s="58">
        <f>IF(Input!$K$13=3,J8145*Input!$J$13,0)+IF(Input!$K$14=3,K8145*Input!$J$14,0)+IF(Input!$K$15=3,L8145*Input!$J$15,0)+IF(Input!$K$16=3,M8145*Input!$J$16,0)</f>
        <v>0</v>
      </c>
      <c r="Q8145" s="71">
        <f>IF(Input!$K$13=4,J8145*Input!$J$13,0)+IF(Input!$K$14=4,K8145*Input!$J$14,0)+IF(Input!$K$15=4,L8145*Input!$J$15,0)+IF(Input!$K$16=4,M8145*Input!$J$16,0)</f>
        <v>0</v>
      </c>
    </row>
    <row r="8146" spans="8:17" x14ac:dyDescent="0.25">
      <c r="H8146" s="43">
        <v>8139</v>
      </c>
      <c r="I8146" s="55">
        <f>Bühler!I8172</f>
        <v>5.3867011913338105</v>
      </c>
      <c r="J8146" s="58">
        <f>Bühler!J8172</f>
        <v>19.163923117746496</v>
      </c>
      <c r="K8146" s="58">
        <f>Bühler!K8172</f>
        <v>0.66754018455427111</v>
      </c>
      <c r="L8146" s="58">
        <f>Bühler!L8172</f>
        <v>0.33377009227713555</v>
      </c>
      <c r="M8146" s="57">
        <f>Bühler!M8172</f>
        <v>0</v>
      </c>
      <c r="N8146" s="55">
        <f>IF(Input!$K$13=1,J8146*Input!$J$13,0)+IF(Input!$K$14=1,K8146*Input!$J$14,0)+IF(Input!$K$15=1,L8146*Input!$J$15,0)+IF(Input!$K$16=1,M8146*Input!$J$16,0)</f>
        <v>2.2996707741295794</v>
      </c>
      <c r="O8146" s="58">
        <f>IF(Input!$K$13=2,J8146*Input!$J$13,0)+IF(Input!$K$14=2,K8146*Input!$J$14,0)+IF(Input!$K$15=2,L8146*Input!$J$15,0)+IF(Input!$K$16=2,M8146*Input!$J$16,0)</f>
        <v>9.0117924914826592E-2</v>
      </c>
      <c r="P8146" s="58">
        <f>IF(Input!$K$13=3,J8146*Input!$J$13,0)+IF(Input!$K$14=3,K8146*Input!$J$14,0)+IF(Input!$K$15=3,L8146*Input!$J$15,0)+IF(Input!$K$16=3,M8146*Input!$J$16,0)</f>
        <v>0</v>
      </c>
      <c r="Q8146" s="71">
        <f>IF(Input!$K$13=4,J8146*Input!$J$13,0)+IF(Input!$K$14=4,K8146*Input!$J$14,0)+IF(Input!$K$15=4,L8146*Input!$J$15,0)+IF(Input!$K$16=4,M8146*Input!$J$16,0)</f>
        <v>0</v>
      </c>
    </row>
    <row r="8147" spans="8:17" x14ac:dyDescent="0.25">
      <c r="H8147" s="43">
        <v>8140</v>
      </c>
      <c r="I8147" s="55">
        <f>Bühler!I8173</f>
        <v>5.3867011913338105</v>
      </c>
      <c r="J8147" s="58">
        <f>Bühler!J8173</f>
        <v>19.163923117746496</v>
      </c>
      <c r="K8147" s="58">
        <f>Bühler!K8173</f>
        <v>0.66754018455427111</v>
      </c>
      <c r="L8147" s="58">
        <f>Bühler!L8173</f>
        <v>0.33377009227713555</v>
      </c>
      <c r="M8147" s="57">
        <f>Bühler!M8173</f>
        <v>0</v>
      </c>
      <c r="N8147" s="55">
        <f>IF(Input!$K$13=1,J8147*Input!$J$13,0)+IF(Input!$K$14=1,K8147*Input!$J$14,0)+IF(Input!$K$15=1,L8147*Input!$J$15,0)+IF(Input!$K$16=1,M8147*Input!$J$16,0)</f>
        <v>2.2996707741295794</v>
      </c>
      <c r="O8147" s="58">
        <f>IF(Input!$K$13=2,J8147*Input!$J$13,0)+IF(Input!$K$14=2,K8147*Input!$J$14,0)+IF(Input!$K$15=2,L8147*Input!$J$15,0)+IF(Input!$K$16=2,M8147*Input!$J$16,0)</f>
        <v>9.0117924914826592E-2</v>
      </c>
      <c r="P8147" s="58">
        <f>IF(Input!$K$13=3,J8147*Input!$J$13,0)+IF(Input!$K$14=3,K8147*Input!$J$14,0)+IF(Input!$K$15=3,L8147*Input!$J$15,0)+IF(Input!$K$16=3,M8147*Input!$J$16,0)</f>
        <v>0</v>
      </c>
      <c r="Q8147" s="71">
        <f>IF(Input!$K$13=4,J8147*Input!$J$13,0)+IF(Input!$K$14=4,K8147*Input!$J$14,0)+IF(Input!$K$15=4,L8147*Input!$J$15,0)+IF(Input!$K$16=4,M8147*Input!$J$16,0)</f>
        <v>0</v>
      </c>
    </row>
    <row r="8148" spans="8:17" x14ac:dyDescent="0.25">
      <c r="H8148" s="43">
        <v>8141</v>
      </c>
      <c r="I8148" s="55">
        <f>Bühler!I8174</f>
        <v>5.3867011913338105</v>
      </c>
      <c r="J8148" s="58">
        <f>Bühler!J8174</f>
        <v>19.163923117746496</v>
      </c>
      <c r="K8148" s="58">
        <f>Bühler!K8174</f>
        <v>0.66754018455427111</v>
      </c>
      <c r="L8148" s="58">
        <f>Bühler!L8174</f>
        <v>0.33377009227713555</v>
      </c>
      <c r="M8148" s="57">
        <f>Bühler!M8174</f>
        <v>0</v>
      </c>
      <c r="N8148" s="55">
        <f>IF(Input!$K$13=1,J8148*Input!$J$13,0)+IF(Input!$K$14=1,K8148*Input!$J$14,0)+IF(Input!$K$15=1,L8148*Input!$J$15,0)+IF(Input!$K$16=1,M8148*Input!$J$16,0)</f>
        <v>2.2996707741295794</v>
      </c>
      <c r="O8148" s="58">
        <f>IF(Input!$K$13=2,J8148*Input!$J$13,0)+IF(Input!$K$14=2,K8148*Input!$J$14,0)+IF(Input!$K$15=2,L8148*Input!$J$15,0)+IF(Input!$K$16=2,M8148*Input!$J$16,0)</f>
        <v>9.0117924914826592E-2</v>
      </c>
      <c r="P8148" s="58">
        <f>IF(Input!$K$13=3,J8148*Input!$J$13,0)+IF(Input!$K$14=3,K8148*Input!$J$14,0)+IF(Input!$K$15=3,L8148*Input!$J$15,0)+IF(Input!$K$16=3,M8148*Input!$J$16,0)</f>
        <v>0</v>
      </c>
      <c r="Q8148" s="71">
        <f>IF(Input!$K$13=4,J8148*Input!$J$13,0)+IF(Input!$K$14=4,K8148*Input!$J$14,0)+IF(Input!$K$15=4,L8148*Input!$J$15,0)+IF(Input!$K$16=4,M8148*Input!$J$16,0)</f>
        <v>0</v>
      </c>
    </row>
    <row r="8149" spans="8:17" x14ac:dyDescent="0.25">
      <c r="H8149" s="43">
        <v>8142</v>
      </c>
      <c r="I8149" s="55">
        <f>Bühler!I8175</f>
        <v>5.3867011913338105</v>
      </c>
      <c r="J8149" s="58">
        <f>Bühler!J8175</f>
        <v>19.163923117746496</v>
      </c>
      <c r="K8149" s="58">
        <f>Bühler!K8175</f>
        <v>0.66754018455427111</v>
      </c>
      <c r="L8149" s="58">
        <f>Bühler!L8175</f>
        <v>0.33377009227713555</v>
      </c>
      <c r="M8149" s="57">
        <f>Bühler!M8175</f>
        <v>0</v>
      </c>
      <c r="N8149" s="55">
        <f>IF(Input!$K$13=1,J8149*Input!$J$13,0)+IF(Input!$K$14=1,K8149*Input!$J$14,0)+IF(Input!$K$15=1,L8149*Input!$J$15,0)+IF(Input!$K$16=1,M8149*Input!$J$16,0)</f>
        <v>2.2996707741295794</v>
      </c>
      <c r="O8149" s="58">
        <f>IF(Input!$K$13=2,J8149*Input!$J$13,0)+IF(Input!$K$14=2,K8149*Input!$J$14,0)+IF(Input!$K$15=2,L8149*Input!$J$15,0)+IF(Input!$K$16=2,M8149*Input!$J$16,0)</f>
        <v>9.0117924914826592E-2</v>
      </c>
      <c r="P8149" s="58">
        <f>IF(Input!$K$13=3,J8149*Input!$J$13,0)+IF(Input!$K$14=3,K8149*Input!$J$14,0)+IF(Input!$K$15=3,L8149*Input!$J$15,0)+IF(Input!$K$16=3,M8149*Input!$J$16,0)</f>
        <v>0</v>
      </c>
      <c r="Q8149" s="71">
        <f>IF(Input!$K$13=4,J8149*Input!$J$13,0)+IF(Input!$K$14=4,K8149*Input!$J$14,0)+IF(Input!$K$15=4,L8149*Input!$J$15,0)+IF(Input!$K$16=4,M8149*Input!$J$16,0)</f>
        <v>0</v>
      </c>
    </row>
    <row r="8150" spans="8:17" x14ac:dyDescent="0.25">
      <c r="H8150" s="43">
        <v>8143</v>
      </c>
      <c r="I8150" s="55">
        <f>Bühler!I8176</f>
        <v>5.3867011913338105</v>
      </c>
      <c r="J8150" s="58">
        <f>Bühler!J8176</f>
        <v>19.163923117746496</v>
      </c>
      <c r="K8150" s="58">
        <f>Bühler!K8176</f>
        <v>0.66754018455427111</v>
      </c>
      <c r="L8150" s="58">
        <f>Bühler!L8176</f>
        <v>0.33377009227713555</v>
      </c>
      <c r="M8150" s="57">
        <f>Bühler!M8176</f>
        <v>0</v>
      </c>
      <c r="N8150" s="55">
        <f>IF(Input!$K$13=1,J8150*Input!$J$13,0)+IF(Input!$K$14=1,K8150*Input!$J$14,0)+IF(Input!$K$15=1,L8150*Input!$J$15,0)+IF(Input!$K$16=1,M8150*Input!$J$16,0)</f>
        <v>2.2996707741295794</v>
      </c>
      <c r="O8150" s="58">
        <f>IF(Input!$K$13=2,J8150*Input!$J$13,0)+IF(Input!$K$14=2,K8150*Input!$J$14,0)+IF(Input!$K$15=2,L8150*Input!$J$15,0)+IF(Input!$K$16=2,M8150*Input!$J$16,0)</f>
        <v>9.0117924914826592E-2</v>
      </c>
      <c r="P8150" s="58">
        <f>IF(Input!$K$13=3,J8150*Input!$J$13,0)+IF(Input!$K$14=3,K8150*Input!$J$14,0)+IF(Input!$K$15=3,L8150*Input!$J$15,0)+IF(Input!$K$16=3,M8150*Input!$J$16,0)</f>
        <v>0</v>
      </c>
      <c r="Q8150" s="71">
        <f>IF(Input!$K$13=4,J8150*Input!$J$13,0)+IF(Input!$K$14=4,K8150*Input!$J$14,0)+IF(Input!$K$15=4,L8150*Input!$J$15,0)+IF(Input!$K$16=4,M8150*Input!$J$16,0)</f>
        <v>0</v>
      </c>
    </row>
    <row r="8151" spans="8:17" x14ac:dyDescent="0.25">
      <c r="H8151" s="43">
        <v>8144</v>
      </c>
      <c r="I8151" s="55">
        <f>Bühler!I8177</f>
        <v>14.840361782124647</v>
      </c>
      <c r="J8151" s="58">
        <f>Bühler!J8177</f>
        <v>70.561656738124725</v>
      </c>
      <c r="K8151" s="58">
        <f>Bühler!K8177</f>
        <v>2.7288233604960954</v>
      </c>
      <c r="L8151" s="58">
        <f>Bühler!L8177</f>
        <v>1.3644116802480477</v>
      </c>
      <c r="M8151" s="57">
        <f>Bühler!M8177</f>
        <v>0</v>
      </c>
      <c r="N8151" s="55">
        <f>IF(Input!$K$13=1,J8151*Input!$J$13,0)+IF(Input!$K$14=1,K8151*Input!$J$14,0)+IF(Input!$K$15=1,L8151*Input!$J$15,0)+IF(Input!$K$16=1,M8151*Input!$J$16,0)</f>
        <v>8.4673988085749663</v>
      </c>
      <c r="O8151" s="58">
        <f>IF(Input!$K$13=2,J8151*Input!$J$13,0)+IF(Input!$K$14=2,K8151*Input!$J$14,0)+IF(Input!$K$15=2,L8151*Input!$J$15,0)+IF(Input!$K$16=2,M8151*Input!$J$16,0)</f>
        <v>0.36839115366697284</v>
      </c>
      <c r="P8151" s="58">
        <f>IF(Input!$K$13=3,J8151*Input!$J$13,0)+IF(Input!$K$14=3,K8151*Input!$J$14,0)+IF(Input!$K$15=3,L8151*Input!$J$15,0)+IF(Input!$K$16=3,M8151*Input!$J$16,0)</f>
        <v>0</v>
      </c>
      <c r="Q8151" s="71">
        <f>IF(Input!$K$13=4,J8151*Input!$J$13,0)+IF(Input!$K$14=4,K8151*Input!$J$14,0)+IF(Input!$K$15=4,L8151*Input!$J$15,0)+IF(Input!$K$16=4,M8151*Input!$J$16,0)</f>
        <v>0</v>
      </c>
    </row>
    <row r="8152" spans="8:17" x14ac:dyDescent="0.25">
      <c r="H8152" s="43">
        <v>8145</v>
      </c>
      <c r="I8152" s="55">
        <f>Bühler!I8178</f>
        <v>16.558719462160134</v>
      </c>
      <c r="J8152" s="58">
        <f>Bühler!J8178</f>
        <v>78.731953834118116</v>
      </c>
      <c r="K8152" s="58">
        <f>Bühler!K8178</f>
        <v>3.0447923811851174</v>
      </c>
      <c r="L8152" s="58">
        <f>Bühler!L8178</f>
        <v>1.5223961905925587</v>
      </c>
      <c r="M8152" s="57">
        <f>Bühler!M8178</f>
        <v>0</v>
      </c>
      <c r="N8152" s="55">
        <f>IF(Input!$K$13=1,J8152*Input!$J$13,0)+IF(Input!$K$14=1,K8152*Input!$J$14,0)+IF(Input!$K$15=1,L8152*Input!$J$15,0)+IF(Input!$K$16=1,M8152*Input!$J$16,0)</f>
        <v>9.4478344600941728</v>
      </c>
      <c r="O8152" s="58">
        <f>IF(Input!$K$13=2,J8152*Input!$J$13,0)+IF(Input!$K$14=2,K8152*Input!$J$14,0)+IF(Input!$K$15=2,L8152*Input!$J$15,0)+IF(Input!$K$16=2,M8152*Input!$J$16,0)</f>
        <v>0.41104697145999081</v>
      </c>
      <c r="P8152" s="58">
        <f>IF(Input!$K$13=3,J8152*Input!$J$13,0)+IF(Input!$K$14=3,K8152*Input!$J$14,0)+IF(Input!$K$15=3,L8152*Input!$J$15,0)+IF(Input!$K$16=3,M8152*Input!$J$16,0)</f>
        <v>0</v>
      </c>
      <c r="Q8152" s="71">
        <f>IF(Input!$K$13=4,J8152*Input!$J$13,0)+IF(Input!$K$14=4,K8152*Input!$J$14,0)+IF(Input!$K$15=4,L8152*Input!$J$15,0)+IF(Input!$K$16=4,M8152*Input!$J$16,0)</f>
        <v>0</v>
      </c>
    </row>
    <row r="8153" spans="8:17" x14ac:dyDescent="0.25">
      <c r="H8153" s="43">
        <v>8146</v>
      </c>
      <c r="I8153" s="55">
        <f>Bühler!I8179</f>
        <v>18.277077142195619</v>
      </c>
      <c r="J8153" s="58">
        <f>Bühler!J8179</f>
        <v>86.902250930111506</v>
      </c>
      <c r="K8153" s="58">
        <f>Bühler!K8179</f>
        <v>3.3607614018741394</v>
      </c>
      <c r="L8153" s="58">
        <f>Bühler!L8179</f>
        <v>1.6803807009370697</v>
      </c>
      <c r="M8153" s="57">
        <f>Bühler!M8179</f>
        <v>0</v>
      </c>
      <c r="N8153" s="55">
        <f>IF(Input!$K$13=1,J8153*Input!$J$13,0)+IF(Input!$K$14=1,K8153*Input!$J$14,0)+IF(Input!$K$15=1,L8153*Input!$J$15,0)+IF(Input!$K$16=1,M8153*Input!$J$16,0)</f>
        <v>10.428270111613381</v>
      </c>
      <c r="O8153" s="58">
        <f>IF(Input!$K$13=2,J8153*Input!$J$13,0)+IF(Input!$K$14=2,K8153*Input!$J$14,0)+IF(Input!$K$15=2,L8153*Input!$J$15,0)+IF(Input!$K$16=2,M8153*Input!$J$16,0)</f>
        <v>0.45370278925300878</v>
      </c>
      <c r="P8153" s="58">
        <f>IF(Input!$K$13=3,J8153*Input!$J$13,0)+IF(Input!$K$14=3,K8153*Input!$J$14,0)+IF(Input!$K$15=3,L8153*Input!$J$15,0)+IF(Input!$K$16=3,M8153*Input!$J$16,0)</f>
        <v>0</v>
      </c>
      <c r="Q8153" s="71">
        <f>IF(Input!$K$13=4,J8153*Input!$J$13,0)+IF(Input!$K$14=4,K8153*Input!$J$14,0)+IF(Input!$K$15=4,L8153*Input!$J$15,0)+IF(Input!$K$16=4,M8153*Input!$J$16,0)</f>
        <v>0</v>
      </c>
    </row>
    <row r="8154" spans="8:17" x14ac:dyDescent="0.25">
      <c r="H8154" s="43">
        <v>8147</v>
      </c>
      <c r="I8154" s="55">
        <f>Bühler!I8180</f>
        <v>18.277077142195619</v>
      </c>
      <c r="J8154" s="58">
        <f>Bühler!J8180</f>
        <v>86.902250930111506</v>
      </c>
      <c r="K8154" s="58">
        <f>Bühler!K8180</f>
        <v>3.3607614018741394</v>
      </c>
      <c r="L8154" s="58">
        <f>Bühler!L8180</f>
        <v>1.6803807009370697</v>
      </c>
      <c r="M8154" s="57">
        <f>Bühler!M8180</f>
        <v>0</v>
      </c>
      <c r="N8154" s="55">
        <f>IF(Input!$K$13=1,J8154*Input!$J$13,0)+IF(Input!$K$14=1,K8154*Input!$J$14,0)+IF(Input!$K$15=1,L8154*Input!$J$15,0)+IF(Input!$K$16=1,M8154*Input!$J$16,0)</f>
        <v>10.428270111613381</v>
      </c>
      <c r="O8154" s="58">
        <f>IF(Input!$K$13=2,J8154*Input!$J$13,0)+IF(Input!$K$14=2,K8154*Input!$J$14,0)+IF(Input!$K$15=2,L8154*Input!$J$15,0)+IF(Input!$K$16=2,M8154*Input!$J$16,0)</f>
        <v>0.45370278925300878</v>
      </c>
      <c r="P8154" s="58">
        <f>IF(Input!$K$13=3,J8154*Input!$J$13,0)+IF(Input!$K$14=3,K8154*Input!$J$14,0)+IF(Input!$K$15=3,L8154*Input!$J$15,0)+IF(Input!$K$16=3,M8154*Input!$J$16,0)</f>
        <v>0</v>
      </c>
      <c r="Q8154" s="71">
        <f>IF(Input!$K$13=4,J8154*Input!$J$13,0)+IF(Input!$K$14=4,K8154*Input!$J$14,0)+IF(Input!$K$15=4,L8154*Input!$J$15,0)+IF(Input!$K$16=4,M8154*Input!$J$16,0)</f>
        <v>0</v>
      </c>
    </row>
    <row r="8155" spans="8:17" x14ac:dyDescent="0.25">
      <c r="H8155" s="43">
        <v>8148</v>
      </c>
      <c r="I8155" s="55">
        <f>Bühler!I8181</f>
        <v>21.870006836815271</v>
      </c>
      <c r="J8155" s="58">
        <f>Bühler!J8181</f>
        <v>103.98559940355224</v>
      </c>
      <c r="K8155" s="58">
        <f>Bühler!K8181</f>
        <v>4.0214238996784575</v>
      </c>
      <c r="L8155" s="58">
        <f>Bühler!L8181</f>
        <v>2.0107119498392287</v>
      </c>
      <c r="M8155" s="57">
        <f>Bühler!M8181</f>
        <v>0</v>
      </c>
      <c r="N8155" s="55">
        <f>IF(Input!$K$13=1,J8155*Input!$J$13,0)+IF(Input!$K$14=1,K8155*Input!$J$14,0)+IF(Input!$K$15=1,L8155*Input!$J$15,0)+IF(Input!$K$16=1,M8155*Input!$J$16,0)</f>
        <v>12.478271928426269</v>
      </c>
      <c r="O8155" s="58">
        <f>IF(Input!$K$13=2,J8155*Input!$J$13,0)+IF(Input!$K$14=2,K8155*Input!$J$14,0)+IF(Input!$K$15=2,L8155*Input!$J$15,0)+IF(Input!$K$16=2,M8155*Input!$J$16,0)</f>
        <v>0.54289222645659174</v>
      </c>
      <c r="P8155" s="58">
        <f>IF(Input!$K$13=3,J8155*Input!$J$13,0)+IF(Input!$K$14=3,K8155*Input!$J$14,0)+IF(Input!$K$15=3,L8155*Input!$J$15,0)+IF(Input!$K$16=3,M8155*Input!$J$16,0)</f>
        <v>0</v>
      </c>
      <c r="Q8155" s="71">
        <f>IF(Input!$K$13=4,J8155*Input!$J$13,0)+IF(Input!$K$14=4,K8155*Input!$J$14,0)+IF(Input!$K$15=4,L8155*Input!$J$15,0)+IF(Input!$K$16=4,M8155*Input!$J$16,0)</f>
        <v>0</v>
      </c>
    </row>
    <row r="8156" spans="8:17" x14ac:dyDescent="0.25">
      <c r="H8156" s="43">
        <v>8149</v>
      </c>
      <c r="I8156" s="55">
        <f>Bühler!I8182</f>
        <v>21.870006836815271</v>
      </c>
      <c r="J8156" s="58">
        <f>Bühler!J8182</f>
        <v>103.98559940355224</v>
      </c>
      <c r="K8156" s="58">
        <f>Bühler!K8182</f>
        <v>4.0214238996784575</v>
      </c>
      <c r="L8156" s="58">
        <f>Bühler!L8182</f>
        <v>2.0107119498392287</v>
      </c>
      <c r="M8156" s="57">
        <f>Bühler!M8182</f>
        <v>0</v>
      </c>
      <c r="N8156" s="55">
        <f>IF(Input!$K$13=1,J8156*Input!$J$13,0)+IF(Input!$K$14=1,K8156*Input!$J$14,0)+IF(Input!$K$15=1,L8156*Input!$J$15,0)+IF(Input!$K$16=1,M8156*Input!$J$16,0)</f>
        <v>12.478271928426269</v>
      </c>
      <c r="O8156" s="58">
        <f>IF(Input!$K$13=2,J8156*Input!$J$13,0)+IF(Input!$K$14=2,K8156*Input!$J$14,0)+IF(Input!$K$15=2,L8156*Input!$J$15,0)+IF(Input!$K$16=2,M8156*Input!$J$16,0)</f>
        <v>0.54289222645659174</v>
      </c>
      <c r="P8156" s="58">
        <f>IF(Input!$K$13=3,J8156*Input!$J$13,0)+IF(Input!$K$14=3,K8156*Input!$J$14,0)+IF(Input!$K$15=3,L8156*Input!$J$15,0)+IF(Input!$K$16=3,M8156*Input!$J$16,0)</f>
        <v>0</v>
      </c>
      <c r="Q8156" s="71">
        <f>IF(Input!$K$13=4,J8156*Input!$J$13,0)+IF(Input!$K$14=4,K8156*Input!$J$14,0)+IF(Input!$K$15=4,L8156*Input!$J$15,0)+IF(Input!$K$16=4,M8156*Input!$J$16,0)</f>
        <v>0</v>
      </c>
    </row>
    <row r="8157" spans="8:17" x14ac:dyDescent="0.25">
      <c r="H8157" s="43">
        <v>8150</v>
      </c>
      <c r="I8157" s="55">
        <f>Bühler!I8183</f>
        <v>14.527933113027286</v>
      </c>
      <c r="J8157" s="58">
        <f>Bühler!J8183</f>
        <v>69.076148175216829</v>
      </c>
      <c r="K8157" s="58">
        <f>Bühler!K8183</f>
        <v>2.6713744476435459</v>
      </c>
      <c r="L8157" s="58">
        <f>Bühler!L8183</f>
        <v>1.335687223821773</v>
      </c>
      <c r="M8157" s="57">
        <f>Bühler!M8183</f>
        <v>0</v>
      </c>
      <c r="N8157" s="55">
        <f>IF(Input!$K$13=1,J8157*Input!$J$13,0)+IF(Input!$K$14=1,K8157*Input!$J$14,0)+IF(Input!$K$15=1,L8157*Input!$J$15,0)+IF(Input!$K$16=1,M8157*Input!$J$16,0)</f>
        <v>8.2891377810260192</v>
      </c>
      <c r="O8157" s="58">
        <f>IF(Input!$K$13=2,J8157*Input!$J$13,0)+IF(Input!$K$14=2,K8157*Input!$J$14,0)+IF(Input!$K$15=2,L8157*Input!$J$15,0)+IF(Input!$K$16=2,M8157*Input!$J$16,0)</f>
        <v>0.36063555043187867</v>
      </c>
      <c r="P8157" s="58">
        <f>IF(Input!$K$13=3,J8157*Input!$J$13,0)+IF(Input!$K$14=3,K8157*Input!$J$14,0)+IF(Input!$K$15=3,L8157*Input!$J$15,0)+IF(Input!$K$16=3,M8157*Input!$J$16,0)</f>
        <v>0</v>
      </c>
      <c r="Q8157" s="71">
        <f>IF(Input!$K$13=4,J8157*Input!$J$13,0)+IF(Input!$K$14=4,K8157*Input!$J$14,0)+IF(Input!$K$15=4,L8157*Input!$J$15,0)+IF(Input!$K$16=4,M8157*Input!$J$16,0)</f>
        <v>0</v>
      </c>
    </row>
    <row r="8158" spans="8:17" x14ac:dyDescent="0.25">
      <c r="H8158" s="43">
        <v>8151</v>
      </c>
      <c r="I8158" s="55">
        <f>Bühler!I8184</f>
        <v>21.870006836815271</v>
      </c>
      <c r="J8158" s="58">
        <f>Bühler!J8184</f>
        <v>103.98559940355224</v>
      </c>
      <c r="K8158" s="58">
        <f>Bühler!K8184</f>
        <v>4.0214238996784575</v>
      </c>
      <c r="L8158" s="58">
        <f>Bühler!L8184</f>
        <v>2.0107119498392287</v>
      </c>
      <c r="M8158" s="57">
        <f>Bühler!M8184</f>
        <v>0</v>
      </c>
      <c r="N8158" s="55">
        <f>IF(Input!$K$13=1,J8158*Input!$J$13,0)+IF(Input!$K$14=1,K8158*Input!$J$14,0)+IF(Input!$K$15=1,L8158*Input!$J$15,0)+IF(Input!$K$16=1,M8158*Input!$J$16,0)</f>
        <v>12.478271928426269</v>
      </c>
      <c r="O8158" s="58">
        <f>IF(Input!$K$13=2,J8158*Input!$J$13,0)+IF(Input!$K$14=2,K8158*Input!$J$14,0)+IF(Input!$K$15=2,L8158*Input!$J$15,0)+IF(Input!$K$16=2,M8158*Input!$J$16,0)</f>
        <v>0.54289222645659174</v>
      </c>
      <c r="P8158" s="58">
        <f>IF(Input!$K$13=3,J8158*Input!$J$13,0)+IF(Input!$K$14=3,K8158*Input!$J$14,0)+IF(Input!$K$15=3,L8158*Input!$J$15,0)+IF(Input!$K$16=3,M8158*Input!$J$16,0)</f>
        <v>0</v>
      </c>
      <c r="Q8158" s="71">
        <f>IF(Input!$K$13=4,J8158*Input!$J$13,0)+IF(Input!$K$14=4,K8158*Input!$J$14,0)+IF(Input!$K$15=4,L8158*Input!$J$15,0)+IF(Input!$K$16=4,M8158*Input!$J$16,0)</f>
        <v>0</v>
      </c>
    </row>
    <row r="8159" spans="8:17" x14ac:dyDescent="0.25">
      <c r="H8159" s="43">
        <v>8152</v>
      </c>
      <c r="I8159" s="55">
        <f>Bühler!I8185</f>
        <v>21.870006836815271</v>
      </c>
      <c r="J8159" s="58">
        <f>Bühler!J8185</f>
        <v>103.98559940355224</v>
      </c>
      <c r="K8159" s="58">
        <f>Bühler!K8185</f>
        <v>4.0214238996784575</v>
      </c>
      <c r="L8159" s="58">
        <f>Bühler!L8185</f>
        <v>2.0107119498392287</v>
      </c>
      <c r="M8159" s="57">
        <f>Bühler!M8185</f>
        <v>0</v>
      </c>
      <c r="N8159" s="55">
        <f>IF(Input!$K$13=1,J8159*Input!$J$13,0)+IF(Input!$K$14=1,K8159*Input!$J$14,0)+IF(Input!$K$15=1,L8159*Input!$J$15,0)+IF(Input!$K$16=1,M8159*Input!$J$16,0)</f>
        <v>12.478271928426269</v>
      </c>
      <c r="O8159" s="58">
        <f>IF(Input!$K$13=2,J8159*Input!$J$13,0)+IF(Input!$K$14=2,K8159*Input!$J$14,0)+IF(Input!$K$15=2,L8159*Input!$J$15,0)+IF(Input!$K$16=2,M8159*Input!$J$16,0)</f>
        <v>0.54289222645659174</v>
      </c>
      <c r="P8159" s="58">
        <f>IF(Input!$K$13=3,J8159*Input!$J$13,0)+IF(Input!$K$14=3,K8159*Input!$J$14,0)+IF(Input!$K$15=3,L8159*Input!$J$15,0)+IF(Input!$K$16=3,M8159*Input!$J$16,0)</f>
        <v>0</v>
      </c>
      <c r="Q8159" s="71">
        <f>IF(Input!$K$13=4,J8159*Input!$J$13,0)+IF(Input!$K$14=4,K8159*Input!$J$14,0)+IF(Input!$K$15=4,L8159*Input!$J$15,0)+IF(Input!$K$16=4,M8159*Input!$J$16,0)</f>
        <v>0</v>
      </c>
    </row>
    <row r="8160" spans="8:17" x14ac:dyDescent="0.25">
      <c r="H8160" s="43">
        <v>8153</v>
      </c>
      <c r="I8160" s="55">
        <f>Bühler!I8186</f>
        <v>18.274383791599956</v>
      </c>
      <c r="J8160" s="58">
        <f>Bühler!J8186</f>
        <v>67.112821177228724</v>
      </c>
      <c r="K8160" s="58">
        <f>Bühler!K8186</f>
        <v>2.3697676551676619</v>
      </c>
      <c r="L8160" s="58">
        <f>Bühler!L8186</f>
        <v>1.1848838275838309</v>
      </c>
      <c r="M8160" s="57">
        <f>Bühler!M8186</f>
        <v>0</v>
      </c>
      <c r="N8160" s="55">
        <f>IF(Input!$K$13=1,J8160*Input!$J$13,0)+IF(Input!$K$14=1,K8160*Input!$J$14,0)+IF(Input!$K$15=1,L8160*Input!$J$15,0)+IF(Input!$K$16=1,M8160*Input!$J$16,0)</f>
        <v>8.0535385412674465</v>
      </c>
      <c r="O8160" s="58">
        <f>IF(Input!$K$13=2,J8160*Input!$J$13,0)+IF(Input!$K$14=2,K8160*Input!$J$14,0)+IF(Input!$K$15=2,L8160*Input!$J$15,0)+IF(Input!$K$16=2,M8160*Input!$J$16,0)</f>
        <v>0.31991863344763433</v>
      </c>
      <c r="P8160" s="58">
        <f>IF(Input!$K$13=3,J8160*Input!$J$13,0)+IF(Input!$K$14=3,K8160*Input!$J$14,0)+IF(Input!$K$15=3,L8160*Input!$J$15,0)+IF(Input!$K$16=3,M8160*Input!$J$16,0)</f>
        <v>0</v>
      </c>
      <c r="Q8160" s="71">
        <f>IF(Input!$K$13=4,J8160*Input!$J$13,0)+IF(Input!$K$14=4,K8160*Input!$J$14,0)+IF(Input!$K$15=4,L8160*Input!$J$15,0)+IF(Input!$K$16=4,M8160*Input!$J$16,0)</f>
        <v>0</v>
      </c>
    </row>
    <row r="8161" spans="8:17" x14ac:dyDescent="0.25">
      <c r="H8161" s="43">
        <v>8154</v>
      </c>
      <c r="I8161" s="55">
        <f>Bühler!I8187</f>
        <v>14.530626463622955</v>
      </c>
      <c r="J8161" s="58">
        <f>Bühler!J8187</f>
        <v>35.935951639331236</v>
      </c>
      <c r="K8161" s="58">
        <f>Bühler!K8187</f>
        <v>1.0114245220519258</v>
      </c>
      <c r="L8161" s="58">
        <f>Bühler!L8187</f>
        <v>0.50571226102596289</v>
      </c>
      <c r="M8161" s="57">
        <f>Bühler!M8187</f>
        <v>0</v>
      </c>
      <c r="N8161" s="55">
        <f>IF(Input!$K$13=1,J8161*Input!$J$13,0)+IF(Input!$K$14=1,K8161*Input!$J$14,0)+IF(Input!$K$15=1,L8161*Input!$J$15,0)+IF(Input!$K$16=1,M8161*Input!$J$16,0)</f>
        <v>4.3123141967197478</v>
      </c>
      <c r="O8161" s="58">
        <f>IF(Input!$K$13=2,J8161*Input!$J$13,0)+IF(Input!$K$14=2,K8161*Input!$J$14,0)+IF(Input!$K$15=2,L8161*Input!$J$15,0)+IF(Input!$K$16=2,M8161*Input!$J$16,0)</f>
        <v>0.13654231047700999</v>
      </c>
      <c r="P8161" s="58">
        <f>IF(Input!$K$13=3,J8161*Input!$J$13,0)+IF(Input!$K$14=3,K8161*Input!$J$14,0)+IF(Input!$K$15=3,L8161*Input!$J$15,0)+IF(Input!$K$16=3,M8161*Input!$J$16,0)</f>
        <v>0</v>
      </c>
      <c r="Q8161" s="71">
        <f>IF(Input!$K$13=4,J8161*Input!$J$13,0)+IF(Input!$K$14=4,K8161*Input!$J$14,0)+IF(Input!$K$15=4,L8161*Input!$J$15,0)+IF(Input!$K$16=4,M8161*Input!$J$16,0)</f>
        <v>0</v>
      </c>
    </row>
    <row r="8162" spans="8:17" x14ac:dyDescent="0.25">
      <c r="H8162" s="43">
        <v>8155</v>
      </c>
      <c r="I8162" s="55">
        <f>Bühler!I8188</f>
        <v>5.3867011913338105</v>
      </c>
      <c r="J8162" s="58">
        <f>Bühler!J8188</f>
        <v>19.163923117746496</v>
      </c>
      <c r="K8162" s="58">
        <f>Bühler!K8188</f>
        <v>0.66754018455427111</v>
      </c>
      <c r="L8162" s="58">
        <f>Bühler!L8188</f>
        <v>0.33377009227713555</v>
      </c>
      <c r="M8162" s="57">
        <f>Bühler!M8188</f>
        <v>0</v>
      </c>
      <c r="N8162" s="55">
        <f>IF(Input!$K$13=1,J8162*Input!$J$13,0)+IF(Input!$K$14=1,K8162*Input!$J$14,0)+IF(Input!$K$15=1,L8162*Input!$J$15,0)+IF(Input!$K$16=1,M8162*Input!$J$16,0)</f>
        <v>2.2996707741295794</v>
      </c>
      <c r="O8162" s="58">
        <f>IF(Input!$K$13=2,J8162*Input!$J$13,0)+IF(Input!$K$14=2,K8162*Input!$J$14,0)+IF(Input!$K$15=2,L8162*Input!$J$15,0)+IF(Input!$K$16=2,M8162*Input!$J$16,0)</f>
        <v>9.0117924914826592E-2</v>
      </c>
      <c r="P8162" s="58">
        <f>IF(Input!$K$13=3,J8162*Input!$J$13,0)+IF(Input!$K$14=3,K8162*Input!$J$14,0)+IF(Input!$K$15=3,L8162*Input!$J$15,0)+IF(Input!$K$16=3,M8162*Input!$J$16,0)</f>
        <v>0</v>
      </c>
      <c r="Q8162" s="71">
        <f>IF(Input!$K$13=4,J8162*Input!$J$13,0)+IF(Input!$K$14=4,K8162*Input!$J$14,0)+IF(Input!$K$15=4,L8162*Input!$J$15,0)+IF(Input!$K$16=4,M8162*Input!$J$16,0)</f>
        <v>0</v>
      </c>
    </row>
    <row r="8163" spans="8:17" x14ac:dyDescent="0.25">
      <c r="H8163" s="43">
        <v>8156</v>
      </c>
      <c r="I8163" s="55">
        <f>Bühler!I8189</f>
        <v>5.3867011913338105</v>
      </c>
      <c r="J8163" s="58">
        <f>Bühler!J8189</f>
        <v>19.163923117746496</v>
      </c>
      <c r="K8163" s="58">
        <f>Bühler!K8189</f>
        <v>0.66754018455427111</v>
      </c>
      <c r="L8163" s="58">
        <f>Bühler!L8189</f>
        <v>0.33377009227713555</v>
      </c>
      <c r="M8163" s="57">
        <f>Bühler!M8189</f>
        <v>0</v>
      </c>
      <c r="N8163" s="55">
        <f>IF(Input!$K$13=1,J8163*Input!$J$13,0)+IF(Input!$K$14=1,K8163*Input!$J$14,0)+IF(Input!$K$15=1,L8163*Input!$J$15,0)+IF(Input!$K$16=1,M8163*Input!$J$16,0)</f>
        <v>2.2996707741295794</v>
      </c>
      <c r="O8163" s="58">
        <f>IF(Input!$K$13=2,J8163*Input!$J$13,0)+IF(Input!$K$14=2,K8163*Input!$J$14,0)+IF(Input!$K$15=2,L8163*Input!$J$15,0)+IF(Input!$K$16=2,M8163*Input!$J$16,0)</f>
        <v>9.0117924914826592E-2</v>
      </c>
      <c r="P8163" s="58">
        <f>IF(Input!$K$13=3,J8163*Input!$J$13,0)+IF(Input!$K$14=3,K8163*Input!$J$14,0)+IF(Input!$K$15=3,L8163*Input!$J$15,0)+IF(Input!$K$16=3,M8163*Input!$J$16,0)</f>
        <v>0</v>
      </c>
      <c r="Q8163" s="71">
        <f>IF(Input!$K$13=4,J8163*Input!$J$13,0)+IF(Input!$K$14=4,K8163*Input!$J$14,0)+IF(Input!$K$15=4,L8163*Input!$J$15,0)+IF(Input!$K$16=4,M8163*Input!$J$16,0)</f>
        <v>0</v>
      </c>
    </row>
    <row r="8164" spans="8:17" x14ac:dyDescent="0.25">
      <c r="H8164" s="43">
        <v>8157</v>
      </c>
      <c r="I8164" s="55">
        <f>Bühler!I8190</f>
        <v>5.3867011913338105</v>
      </c>
      <c r="J8164" s="58">
        <f>Bühler!J8190</f>
        <v>19.163923117746496</v>
      </c>
      <c r="K8164" s="58">
        <f>Bühler!K8190</f>
        <v>0.66754018455427111</v>
      </c>
      <c r="L8164" s="58">
        <f>Bühler!L8190</f>
        <v>0.33377009227713555</v>
      </c>
      <c r="M8164" s="57">
        <f>Bühler!M8190</f>
        <v>0</v>
      </c>
      <c r="N8164" s="55">
        <f>IF(Input!$K$13=1,J8164*Input!$J$13,0)+IF(Input!$K$14=1,K8164*Input!$J$14,0)+IF(Input!$K$15=1,L8164*Input!$J$15,0)+IF(Input!$K$16=1,M8164*Input!$J$16,0)</f>
        <v>2.2996707741295794</v>
      </c>
      <c r="O8164" s="58">
        <f>IF(Input!$K$13=2,J8164*Input!$J$13,0)+IF(Input!$K$14=2,K8164*Input!$J$14,0)+IF(Input!$K$15=2,L8164*Input!$J$15,0)+IF(Input!$K$16=2,M8164*Input!$J$16,0)</f>
        <v>9.0117924914826592E-2</v>
      </c>
      <c r="P8164" s="58">
        <f>IF(Input!$K$13=3,J8164*Input!$J$13,0)+IF(Input!$K$14=3,K8164*Input!$J$14,0)+IF(Input!$K$15=3,L8164*Input!$J$15,0)+IF(Input!$K$16=3,M8164*Input!$J$16,0)</f>
        <v>0</v>
      </c>
      <c r="Q8164" s="71">
        <f>IF(Input!$K$13=4,J8164*Input!$J$13,0)+IF(Input!$K$14=4,K8164*Input!$J$14,0)+IF(Input!$K$15=4,L8164*Input!$J$15,0)+IF(Input!$K$16=4,M8164*Input!$J$16,0)</f>
        <v>0</v>
      </c>
    </row>
    <row r="8165" spans="8:17" x14ac:dyDescent="0.25">
      <c r="H8165" s="43">
        <v>8158</v>
      </c>
      <c r="I8165" s="55">
        <f>Bühler!I8191</f>
        <v>5.3867011913338105</v>
      </c>
      <c r="J8165" s="58">
        <f>Bühler!J8191</f>
        <v>19.163923117746496</v>
      </c>
      <c r="K8165" s="58">
        <f>Bühler!K8191</f>
        <v>0.66754018455427111</v>
      </c>
      <c r="L8165" s="58">
        <f>Bühler!L8191</f>
        <v>0.33377009227713555</v>
      </c>
      <c r="M8165" s="57">
        <f>Bühler!M8191</f>
        <v>0</v>
      </c>
      <c r="N8165" s="55">
        <f>IF(Input!$K$13=1,J8165*Input!$J$13,0)+IF(Input!$K$14=1,K8165*Input!$J$14,0)+IF(Input!$K$15=1,L8165*Input!$J$15,0)+IF(Input!$K$16=1,M8165*Input!$J$16,0)</f>
        <v>2.2996707741295794</v>
      </c>
      <c r="O8165" s="58">
        <f>IF(Input!$K$13=2,J8165*Input!$J$13,0)+IF(Input!$K$14=2,K8165*Input!$J$14,0)+IF(Input!$K$15=2,L8165*Input!$J$15,0)+IF(Input!$K$16=2,M8165*Input!$J$16,0)</f>
        <v>9.0117924914826592E-2</v>
      </c>
      <c r="P8165" s="58">
        <f>IF(Input!$K$13=3,J8165*Input!$J$13,0)+IF(Input!$K$14=3,K8165*Input!$J$14,0)+IF(Input!$K$15=3,L8165*Input!$J$15,0)+IF(Input!$K$16=3,M8165*Input!$J$16,0)</f>
        <v>0</v>
      </c>
      <c r="Q8165" s="71">
        <f>IF(Input!$K$13=4,J8165*Input!$J$13,0)+IF(Input!$K$14=4,K8165*Input!$J$14,0)+IF(Input!$K$15=4,L8165*Input!$J$15,0)+IF(Input!$K$16=4,M8165*Input!$J$16,0)</f>
        <v>0</v>
      </c>
    </row>
    <row r="8166" spans="8:17" x14ac:dyDescent="0.25">
      <c r="H8166" s="43">
        <v>8159</v>
      </c>
      <c r="I8166" s="55">
        <f>Bühler!I8192</f>
        <v>5.3867011913338105</v>
      </c>
      <c r="J8166" s="58">
        <f>Bühler!J8192</f>
        <v>19.163923117746496</v>
      </c>
      <c r="K8166" s="58">
        <f>Bühler!K8192</f>
        <v>0.66754018455427111</v>
      </c>
      <c r="L8166" s="58">
        <f>Bühler!L8192</f>
        <v>0.33377009227713555</v>
      </c>
      <c r="M8166" s="57">
        <f>Bühler!M8192</f>
        <v>0</v>
      </c>
      <c r="N8166" s="55">
        <f>IF(Input!$K$13=1,J8166*Input!$J$13,0)+IF(Input!$K$14=1,K8166*Input!$J$14,0)+IF(Input!$K$15=1,L8166*Input!$J$15,0)+IF(Input!$K$16=1,M8166*Input!$J$16,0)</f>
        <v>2.2996707741295794</v>
      </c>
      <c r="O8166" s="58">
        <f>IF(Input!$K$13=2,J8166*Input!$J$13,0)+IF(Input!$K$14=2,K8166*Input!$J$14,0)+IF(Input!$K$15=2,L8166*Input!$J$15,0)+IF(Input!$K$16=2,M8166*Input!$J$16,0)</f>
        <v>9.0117924914826592E-2</v>
      </c>
      <c r="P8166" s="58">
        <f>IF(Input!$K$13=3,J8166*Input!$J$13,0)+IF(Input!$K$14=3,K8166*Input!$J$14,0)+IF(Input!$K$15=3,L8166*Input!$J$15,0)+IF(Input!$K$16=3,M8166*Input!$J$16,0)</f>
        <v>0</v>
      </c>
      <c r="Q8166" s="71">
        <f>IF(Input!$K$13=4,J8166*Input!$J$13,0)+IF(Input!$K$14=4,K8166*Input!$J$14,0)+IF(Input!$K$15=4,L8166*Input!$J$15,0)+IF(Input!$K$16=4,M8166*Input!$J$16,0)</f>
        <v>0</v>
      </c>
    </row>
    <row r="8167" spans="8:17" x14ac:dyDescent="0.25">
      <c r="H8167" s="43">
        <v>8160</v>
      </c>
      <c r="I8167" s="55">
        <f>Bühler!I8193</f>
        <v>5.3867011913338105</v>
      </c>
      <c r="J8167" s="58">
        <f>Bühler!J8193</f>
        <v>19.163923117746496</v>
      </c>
      <c r="K8167" s="58">
        <f>Bühler!K8193</f>
        <v>0.66754018455427111</v>
      </c>
      <c r="L8167" s="58">
        <f>Bühler!L8193</f>
        <v>0.33377009227713555</v>
      </c>
      <c r="M8167" s="57">
        <f>Bühler!M8193</f>
        <v>0</v>
      </c>
      <c r="N8167" s="55">
        <f>IF(Input!$K$13=1,J8167*Input!$J$13,0)+IF(Input!$K$14=1,K8167*Input!$J$14,0)+IF(Input!$K$15=1,L8167*Input!$J$15,0)+IF(Input!$K$16=1,M8167*Input!$J$16,0)</f>
        <v>2.2996707741295794</v>
      </c>
      <c r="O8167" s="58">
        <f>IF(Input!$K$13=2,J8167*Input!$J$13,0)+IF(Input!$K$14=2,K8167*Input!$J$14,0)+IF(Input!$K$15=2,L8167*Input!$J$15,0)+IF(Input!$K$16=2,M8167*Input!$J$16,0)</f>
        <v>9.0117924914826592E-2</v>
      </c>
      <c r="P8167" s="58">
        <f>IF(Input!$K$13=3,J8167*Input!$J$13,0)+IF(Input!$K$14=3,K8167*Input!$J$14,0)+IF(Input!$K$15=3,L8167*Input!$J$15,0)+IF(Input!$K$16=3,M8167*Input!$J$16,0)</f>
        <v>0</v>
      </c>
      <c r="Q8167" s="71">
        <f>IF(Input!$K$13=4,J8167*Input!$J$13,0)+IF(Input!$K$14=4,K8167*Input!$J$14,0)+IF(Input!$K$15=4,L8167*Input!$J$15,0)+IF(Input!$K$16=4,M8167*Input!$J$16,0)</f>
        <v>0</v>
      </c>
    </row>
    <row r="8168" spans="8:17" x14ac:dyDescent="0.25">
      <c r="H8168" s="43">
        <v>8161</v>
      </c>
      <c r="I8168" s="55">
        <f>Bühler!I8194</f>
        <v>4.3068229314573863</v>
      </c>
      <c r="J8168" s="58">
        <f>Bühler!J8194</f>
        <v>16.990806950317797</v>
      </c>
      <c r="K8168" s="58">
        <f>Bühler!K8194</f>
        <v>0.65054551737730348</v>
      </c>
      <c r="L8168" s="58">
        <f>Bühler!L8194</f>
        <v>0.32527275868865174</v>
      </c>
      <c r="M8168" s="57">
        <f>Bühler!M8194</f>
        <v>0</v>
      </c>
      <c r="N8168" s="55">
        <f>IF(Input!$K$13=1,J8168*Input!$J$13,0)+IF(Input!$K$14=1,K8168*Input!$J$14,0)+IF(Input!$K$15=1,L8168*Input!$J$15,0)+IF(Input!$K$16=1,M8168*Input!$J$16,0)</f>
        <v>2.0388968340381357</v>
      </c>
      <c r="O8168" s="58">
        <f>IF(Input!$K$13=2,J8168*Input!$J$13,0)+IF(Input!$K$14=2,K8168*Input!$J$14,0)+IF(Input!$K$15=2,L8168*Input!$J$15,0)+IF(Input!$K$16=2,M8168*Input!$J$16,0)</f>
        <v>8.7823644845935966E-2</v>
      </c>
      <c r="P8168" s="58">
        <f>IF(Input!$K$13=3,J8168*Input!$J$13,0)+IF(Input!$K$14=3,K8168*Input!$J$14,0)+IF(Input!$K$15=3,L8168*Input!$J$15,0)+IF(Input!$K$16=3,M8168*Input!$J$16,0)</f>
        <v>0</v>
      </c>
      <c r="Q8168" s="71">
        <f>IF(Input!$K$13=4,J8168*Input!$J$13,0)+IF(Input!$K$14=4,K8168*Input!$J$14,0)+IF(Input!$K$15=4,L8168*Input!$J$15,0)+IF(Input!$K$16=4,M8168*Input!$J$16,0)</f>
        <v>0</v>
      </c>
    </row>
    <row r="8169" spans="8:17" x14ac:dyDescent="0.25">
      <c r="H8169" s="43">
        <v>8162</v>
      </c>
      <c r="I8169" s="55">
        <f>Bühler!I8195</f>
        <v>4.3068229314573863</v>
      </c>
      <c r="J8169" s="58">
        <f>Bühler!J8195</f>
        <v>16.990806950317797</v>
      </c>
      <c r="K8169" s="58">
        <f>Bühler!K8195</f>
        <v>0.65054551737730348</v>
      </c>
      <c r="L8169" s="58">
        <f>Bühler!L8195</f>
        <v>0.32527275868865174</v>
      </c>
      <c r="M8169" s="57">
        <f>Bühler!M8195</f>
        <v>0</v>
      </c>
      <c r="N8169" s="55">
        <f>IF(Input!$K$13=1,J8169*Input!$J$13,0)+IF(Input!$K$14=1,K8169*Input!$J$14,0)+IF(Input!$K$15=1,L8169*Input!$J$15,0)+IF(Input!$K$16=1,M8169*Input!$J$16,0)</f>
        <v>2.0388968340381357</v>
      </c>
      <c r="O8169" s="58">
        <f>IF(Input!$K$13=2,J8169*Input!$J$13,0)+IF(Input!$K$14=2,K8169*Input!$J$14,0)+IF(Input!$K$15=2,L8169*Input!$J$15,0)+IF(Input!$K$16=2,M8169*Input!$J$16,0)</f>
        <v>8.7823644845935966E-2</v>
      </c>
      <c r="P8169" s="58">
        <f>IF(Input!$K$13=3,J8169*Input!$J$13,0)+IF(Input!$K$14=3,K8169*Input!$J$14,0)+IF(Input!$K$15=3,L8169*Input!$J$15,0)+IF(Input!$K$16=3,M8169*Input!$J$16,0)</f>
        <v>0</v>
      </c>
      <c r="Q8169" s="71">
        <f>IF(Input!$K$13=4,J8169*Input!$J$13,0)+IF(Input!$K$14=4,K8169*Input!$J$14,0)+IF(Input!$K$15=4,L8169*Input!$J$15,0)+IF(Input!$K$16=4,M8169*Input!$J$16,0)</f>
        <v>0</v>
      </c>
    </row>
    <row r="8170" spans="8:17" x14ac:dyDescent="0.25">
      <c r="H8170" s="43">
        <v>8163</v>
      </c>
      <c r="I8170" s="55">
        <f>Bühler!I8196</f>
        <v>4.3068229314573863</v>
      </c>
      <c r="J8170" s="58">
        <f>Bühler!J8196</f>
        <v>16.990806950317797</v>
      </c>
      <c r="K8170" s="58">
        <f>Bühler!K8196</f>
        <v>0.65054551737730348</v>
      </c>
      <c r="L8170" s="58">
        <f>Bühler!L8196</f>
        <v>0.32527275868865174</v>
      </c>
      <c r="M8170" s="57">
        <f>Bühler!M8196</f>
        <v>0</v>
      </c>
      <c r="N8170" s="55">
        <f>IF(Input!$K$13=1,J8170*Input!$J$13,0)+IF(Input!$K$14=1,K8170*Input!$J$14,0)+IF(Input!$K$15=1,L8170*Input!$J$15,0)+IF(Input!$K$16=1,M8170*Input!$J$16,0)</f>
        <v>2.0388968340381357</v>
      </c>
      <c r="O8170" s="58">
        <f>IF(Input!$K$13=2,J8170*Input!$J$13,0)+IF(Input!$K$14=2,K8170*Input!$J$14,0)+IF(Input!$K$15=2,L8170*Input!$J$15,0)+IF(Input!$K$16=2,M8170*Input!$J$16,0)</f>
        <v>8.7823644845935966E-2</v>
      </c>
      <c r="P8170" s="58">
        <f>IF(Input!$K$13=3,J8170*Input!$J$13,0)+IF(Input!$K$14=3,K8170*Input!$J$14,0)+IF(Input!$K$15=3,L8170*Input!$J$15,0)+IF(Input!$K$16=3,M8170*Input!$J$16,0)</f>
        <v>0</v>
      </c>
      <c r="Q8170" s="71">
        <f>IF(Input!$K$13=4,J8170*Input!$J$13,0)+IF(Input!$K$14=4,K8170*Input!$J$14,0)+IF(Input!$K$15=4,L8170*Input!$J$15,0)+IF(Input!$K$16=4,M8170*Input!$J$16,0)</f>
        <v>0</v>
      </c>
    </row>
    <row r="8171" spans="8:17" x14ac:dyDescent="0.25">
      <c r="H8171" s="43">
        <v>8164</v>
      </c>
      <c r="I8171" s="55">
        <f>Bühler!I8197</f>
        <v>4.3068229314573863</v>
      </c>
      <c r="J8171" s="58">
        <f>Bühler!J8197</f>
        <v>16.990806950317797</v>
      </c>
      <c r="K8171" s="58">
        <f>Bühler!K8197</f>
        <v>0.65054551737730348</v>
      </c>
      <c r="L8171" s="58">
        <f>Bühler!L8197</f>
        <v>0.32527275868865174</v>
      </c>
      <c r="M8171" s="57">
        <f>Bühler!M8197</f>
        <v>0</v>
      </c>
      <c r="N8171" s="55">
        <f>IF(Input!$K$13=1,J8171*Input!$J$13,0)+IF(Input!$K$14=1,K8171*Input!$J$14,0)+IF(Input!$K$15=1,L8171*Input!$J$15,0)+IF(Input!$K$16=1,M8171*Input!$J$16,0)</f>
        <v>2.0388968340381357</v>
      </c>
      <c r="O8171" s="58">
        <f>IF(Input!$K$13=2,J8171*Input!$J$13,0)+IF(Input!$K$14=2,K8171*Input!$J$14,0)+IF(Input!$K$15=2,L8171*Input!$J$15,0)+IF(Input!$K$16=2,M8171*Input!$J$16,0)</f>
        <v>8.7823644845935966E-2</v>
      </c>
      <c r="P8171" s="58">
        <f>IF(Input!$K$13=3,J8171*Input!$J$13,0)+IF(Input!$K$14=3,K8171*Input!$J$14,0)+IF(Input!$K$15=3,L8171*Input!$J$15,0)+IF(Input!$K$16=3,M8171*Input!$J$16,0)</f>
        <v>0</v>
      </c>
      <c r="Q8171" s="71">
        <f>IF(Input!$K$13=4,J8171*Input!$J$13,0)+IF(Input!$K$14=4,K8171*Input!$J$14,0)+IF(Input!$K$15=4,L8171*Input!$J$15,0)+IF(Input!$K$16=4,M8171*Input!$J$16,0)</f>
        <v>0</v>
      </c>
    </row>
    <row r="8172" spans="8:17" x14ac:dyDescent="0.25">
      <c r="H8172" s="43">
        <v>8165</v>
      </c>
      <c r="I8172" s="55">
        <f>Bühler!I8198</f>
        <v>4.3068229314573863</v>
      </c>
      <c r="J8172" s="58">
        <f>Bühler!J8198</f>
        <v>16.990806950317797</v>
      </c>
      <c r="K8172" s="58">
        <f>Bühler!K8198</f>
        <v>0.65054551737730348</v>
      </c>
      <c r="L8172" s="58">
        <f>Bühler!L8198</f>
        <v>0.32527275868865174</v>
      </c>
      <c r="M8172" s="57">
        <f>Bühler!M8198</f>
        <v>0</v>
      </c>
      <c r="N8172" s="55">
        <f>IF(Input!$K$13=1,J8172*Input!$J$13,0)+IF(Input!$K$14=1,K8172*Input!$J$14,0)+IF(Input!$K$15=1,L8172*Input!$J$15,0)+IF(Input!$K$16=1,M8172*Input!$J$16,0)</f>
        <v>2.0388968340381357</v>
      </c>
      <c r="O8172" s="58">
        <f>IF(Input!$K$13=2,J8172*Input!$J$13,0)+IF(Input!$K$14=2,K8172*Input!$J$14,0)+IF(Input!$K$15=2,L8172*Input!$J$15,0)+IF(Input!$K$16=2,M8172*Input!$J$16,0)</f>
        <v>8.7823644845935966E-2</v>
      </c>
      <c r="P8172" s="58">
        <f>IF(Input!$K$13=3,J8172*Input!$J$13,0)+IF(Input!$K$14=3,K8172*Input!$J$14,0)+IF(Input!$K$15=3,L8172*Input!$J$15,0)+IF(Input!$K$16=3,M8172*Input!$J$16,0)</f>
        <v>0</v>
      </c>
      <c r="Q8172" s="71">
        <f>IF(Input!$K$13=4,J8172*Input!$J$13,0)+IF(Input!$K$14=4,K8172*Input!$J$14,0)+IF(Input!$K$15=4,L8172*Input!$J$15,0)+IF(Input!$K$16=4,M8172*Input!$J$16,0)</f>
        <v>0</v>
      </c>
    </row>
    <row r="8173" spans="8:17" x14ac:dyDescent="0.25">
      <c r="H8173" s="43">
        <v>8166</v>
      </c>
      <c r="I8173" s="55">
        <f>Bühler!I8199</f>
        <v>4.3068229314573863</v>
      </c>
      <c r="J8173" s="58">
        <f>Bühler!J8199</f>
        <v>16.990806950317797</v>
      </c>
      <c r="K8173" s="58">
        <f>Bühler!K8199</f>
        <v>0.65054551737730348</v>
      </c>
      <c r="L8173" s="58">
        <f>Bühler!L8199</f>
        <v>0.32527275868865174</v>
      </c>
      <c r="M8173" s="57">
        <f>Bühler!M8199</f>
        <v>0</v>
      </c>
      <c r="N8173" s="55">
        <f>IF(Input!$K$13=1,J8173*Input!$J$13,0)+IF(Input!$K$14=1,K8173*Input!$J$14,0)+IF(Input!$K$15=1,L8173*Input!$J$15,0)+IF(Input!$K$16=1,M8173*Input!$J$16,0)</f>
        <v>2.0388968340381357</v>
      </c>
      <c r="O8173" s="58">
        <f>IF(Input!$K$13=2,J8173*Input!$J$13,0)+IF(Input!$K$14=2,K8173*Input!$J$14,0)+IF(Input!$K$15=2,L8173*Input!$J$15,0)+IF(Input!$K$16=2,M8173*Input!$J$16,0)</f>
        <v>8.7823644845935966E-2</v>
      </c>
      <c r="P8173" s="58">
        <f>IF(Input!$K$13=3,J8173*Input!$J$13,0)+IF(Input!$K$14=3,K8173*Input!$J$14,0)+IF(Input!$K$15=3,L8173*Input!$J$15,0)+IF(Input!$K$16=3,M8173*Input!$J$16,0)</f>
        <v>0</v>
      </c>
      <c r="Q8173" s="71">
        <f>IF(Input!$K$13=4,J8173*Input!$J$13,0)+IF(Input!$K$14=4,K8173*Input!$J$14,0)+IF(Input!$K$15=4,L8173*Input!$J$15,0)+IF(Input!$K$16=4,M8173*Input!$J$16,0)</f>
        <v>0</v>
      </c>
    </row>
    <row r="8174" spans="8:17" x14ac:dyDescent="0.25">
      <c r="H8174" s="43">
        <v>8167</v>
      </c>
      <c r="I8174" s="55">
        <f>Bühler!I8200</f>
        <v>4.3068229314573863</v>
      </c>
      <c r="J8174" s="58">
        <f>Bühler!J8200</f>
        <v>16.990806950317797</v>
      </c>
      <c r="K8174" s="58">
        <f>Bühler!K8200</f>
        <v>0.65054551737730348</v>
      </c>
      <c r="L8174" s="58">
        <f>Bühler!L8200</f>
        <v>0.32527275868865174</v>
      </c>
      <c r="M8174" s="57">
        <f>Bühler!M8200</f>
        <v>0</v>
      </c>
      <c r="N8174" s="55">
        <f>IF(Input!$K$13=1,J8174*Input!$J$13,0)+IF(Input!$K$14=1,K8174*Input!$J$14,0)+IF(Input!$K$15=1,L8174*Input!$J$15,0)+IF(Input!$K$16=1,M8174*Input!$J$16,0)</f>
        <v>2.0388968340381357</v>
      </c>
      <c r="O8174" s="58">
        <f>IF(Input!$K$13=2,J8174*Input!$J$13,0)+IF(Input!$K$14=2,K8174*Input!$J$14,0)+IF(Input!$K$15=2,L8174*Input!$J$15,0)+IF(Input!$K$16=2,M8174*Input!$J$16,0)</f>
        <v>8.7823644845935966E-2</v>
      </c>
      <c r="P8174" s="58">
        <f>IF(Input!$K$13=3,J8174*Input!$J$13,0)+IF(Input!$K$14=3,K8174*Input!$J$14,0)+IF(Input!$K$15=3,L8174*Input!$J$15,0)+IF(Input!$K$16=3,M8174*Input!$J$16,0)</f>
        <v>0</v>
      </c>
      <c r="Q8174" s="71">
        <f>IF(Input!$K$13=4,J8174*Input!$J$13,0)+IF(Input!$K$14=4,K8174*Input!$J$14,0)+IF(Input!$K$15=4,L8174*Input!$J$15,0)+IF(Input!$K$16=4,M8174*Input!$J$16,0)</f>
        <v>0</v>
      </c>
    </row>
    <row r="8175" spans="8:17" x14ac:dyDescent="0.25">
      <c r="H8175" s="43">
        <v>8168</v>
      </c>
      <c r="I8175" s="55">
        <f>Bühler!I8201</f>
        <v>11.865297176165097</v>
      </c>
      <c r="J8175" s="58">
        <f>Bühler!J8201</f>
        <v>63.237513648617309</v>
      </c>
      <c r="K8175" s="58">
        <f>Bühler!K8201</f>
        <v>2.6593512210363097</v>
      </c>
      <c r="L8175" s="58">
        <f>Bühler!L8201</f>
        <v>1.3296756105181549</v>
      </c>
      <c r="M8175" s="57">
        <f>Bühler!M8201</f>
        <v>0</v>
      </c>
      <c r="N8175" s="55">
        <f>IF(Input!$K$13=1,J8175*Input!$J$13,0)+IF(Input!$K$14=1,K8175*Input!$J$14,0)+IF(Input!$K$15=1,L8175*Input!$J$15,0)+IF(Input!$K$16=1,M8175*Input!$J$16,0)</f>
        <v>7.5885016378340771</v>
      </c>
      <c r="O8175" s="58">
        <f>IF(Input!$K$13=2,J8175*Input!$J$13,0)+IF(Input!$K$14=2,K8175*Input!$J$14,0)+IF(Input!$K$15=2,L8175*Input!$J$15,0)+IF(Input!$K$16=2,M8175*Input!$J$16,0)</f>
        <v>0.35901241483990182</v>
      </c>
      <c r="P8175" s="58">
        <f>IF(Input!$K$13=3,J8175*Input!$J$13,0)+IF(Input!$K$14=3,K8175*Input!$J$14,0)+IF(Input!$K$15=3,L8175*Input!$J$15,0)+IF(Input!$K$16=3,M8175*Input!$J$16,0)</f>
        <v>0</v>
      </c>
      <c r="Q8175" s="71">
        <f>IF(Input!$K$13=4,J8175*Input!$J$13,0)+IF(Input!$K$14=4,K8175*Input!$J$14,0)+IF(Input!$K$15=4,L8175*Input!$J$15,0)+IF(Input!$K$16=4,M8175*Input!$J$16,0)</f>
        <v>0</v>
      </c>
    </row>
    <row r="8176" spans="8:17" x14ac:dyDescent="0.25">
      <c r="H8176" s="43">
        <v>8169</v>
      </c>
      <c r="I8176" s="55">
        <f>Bühler!I8202</f>
        <v>13.239173691300003</v>
      </c>
      <c r="J8176" s="58">
        <f>Bühler!J8202</f>
        <v>70.559752071088809</v>
      </c>
      <c r="K8176" s="58">
        <f>Bühler!K8202</f>
        <v>2.967276099261567</v>
      </c>
      <c r="L8176" s="58">
        <f>Bühler!L8202</f>
        <v>1.4836380496307835</v>
      </c>
      <c r="M8176" s="57">
        <f>Bühler!M8202</f>
        <v>0</v>
      </c>
      <c r="N8176" s="55">
        <f>IF(Input!$K$13=1,J8176*Input!$J$13,0)+IF(Input!$K$14=1,K8176*Input!$J$14,0)+IF(Input!$K$15=1,L8176*Input!$J$15,0)+IF(Input!$K$16=1,M8176*Input!$J$16,0)</f>
        <v>8.4671702485306568</v>
      </c>
      <c r="O8176" s="58">
        <f>IF(Input!$K$13=2,J8176*Input!$J$13,0)+IF(Input!$K$14=2,K8176*Input!$J$14,0)+IF(Input!$K$15=2,L8176*Input!$J$15,0)+IF(Input!$K$16=2,M8176*Input!$J$16,0)</f>
        <v>0.40058227340031149</v>
      </c>
      <c r="P8176" s="58">
        <f>IF(Input!$K$13=3,J8176*Input!$J$13,0)+IF(Input!$K$14=3,K8176*Input!$J$14,0)+IF(Input!$K$15=3,L8176*Input!$J$15,0)+IF(Input!$K$16=3,M8176*Input!$J$16,0)</f>
        <v>0</v>
      </c>
      <c r="Q8176" s="71">
        <f>IF(Input!$K$13=4,J8176*Input!$J$13,0)+IF(Input!$K$14=4,K8176*Input!$J$14,0)+IF(Input!$K$15=4,L8176*Input!$J$15,0)+IF(Input!$K$16=4,M8176*Input!$J$16,0)</f>
        <v>0</v>
      </c>
    </row>
    <row r="8177" spans="8:17" x14ac:dyDescent="0.25">
      <c r="H8177" s="43">
        <v>8170</v>
      </c>
      <c r="I8177" s="55">
        <f>Bühler!I8203</f>
        <v>14.613050206434909</v>
      </c>
      <c r="J8177" s="58">
        <f>Bühler!J8203</f>
        <v>77.881990493560295</v>
      </c>
      <c r="K8177" s="58">
        <f>Bühler!K8203</f>
        <v>3.2752009774868238</v>
      </c>
      <c r="L8177" s="58">
        <f>Bühler!L8203</f>
        <v>1.6376004887434119</v>
      </c>
      <c r="M8177" s="57">
        <f>Bühler!M8203</f>
        <v>0</v>
      </c>
      <c r="N8177" s="55">
        <f>IF(Input!$K$13=1,J8177*Input!$J$13,0)+IF(Input!$K$14=1,K8177*Input!$J$14,0)+IF(Input!$K$15=1,L8177*Input!$J$15,0)+IF(Input!$K$16=1,M8177*Input!$J$16,0)</f>
        <v>9.3458388592272357</v>
      </c>
      <c r="O8177" s="58">
        <f>IF(Input!$K$13=2,J8177*Input!$J$13,0)+IF(Input!$K$14=2,K8177*Input!$J$14,0)+IF(Input!$K$15=2,L8177*Input!$J$15,0)+IF(Input!$K$16=2,M8177*Input!$J$16,0)</f>
        <v>0.44215213196072123</v>
      </c>
      <c r="P8177" s="58">
        <f>IF(Input!$K$13=3,J8177*Input!$J$13,0)+IF(Input!$K$14=3,K8177*Input!$J$14,0)+IF(Input!$K$15=3,L8177*Input!$J$15,0)+IF(Input!$K$16=3,M8177*Input!$J$16,0)</f>
        <v>0</v>
      </c>
      <c r="Q8177" s="71">
        <f>IF(Input!$K$13=4,J8177*Input!$J$13,0)+IF(Input!$K$14=4,K8177*Input!$J$14,0)+IF(Input!$K$15=4,L8177*Input!$J$15,0)+IF(Input!$K$16=4,M8177*Input!$J$16,0)</f>
        <v>0</v>
      </c>
    </row>
    <row r="8178" spans="8:17" x14ac:dyDescent="0.25">
      <c r="H8178" s="43">
        <v>8171</v>
      </c>
      <c r="I8178" s="55">
        <f>Bühler!I8204</f>
        <v>14.613050206434909</v>
      </c>
      <c r="J8178" s="58">
        <f>Bühler!J8204</f>
        <v>77.881990493560295</v>
      </c>
      <c r="K8178" s="58">
        <f>Bühler!K8204</f>
        <v>3.2752009774868238</v>
      </c>
      <c r="L8178" s="58">
        <f>Bühler!L8204</f>
        <v>1.6376004887434119</v>
      </c>
      <c r="M8178" s="57">
        <f>Bühler!M8204</f>
        <v>0</v>
      </c>
      <c r="N8178" s="55">
        <f>IF(Input!$K$13=1,J8178*Input!$J$13,0)+IF(Input!$K$14=1,K8178*Input!$J$14,0)+IF(Input!$K$15=1,L8178*Input!$J$15,0)+IF(Input!$K$16=1,M8178*Input!$J$16,0)</f>
        <v>9.3458388592272357</v>
      </c>
      <c r="O8178" s="58">
        <f>IF(Input!$K$13=2,J8178*Input!$J$13,0)+IF(Input!$K$14=2,K8178*Input!$J$14,0)+IF(Input!$K$15=2,L8178*Input!$J$15,0)+IF(Input!$K$16=2,M8178*Input!$J$16,0)</f>
        <v>0.44215213196072123</v>
      </c>
      <c r="P8178" s="58">
        <f>IF(Input!$K$13=3,J8178*Input!$J$13,0)+IF(Input!$K$14=3,K8178*Input!$J$14,0)+IF(Input!$K$15=3,L8178*Input!$J$15,0)+IF(Input!$K$16=3,M8178*Input!$J$16,0)</f>
        <v>0</v>
      </c>
      <c r="Q8178" s="71">
        <f>IF(Input!$K$13=4,J8178*Input!$J$13,0)+IF(Input!$K$14=4,K8178*Input!$J$14,0)+IF(Input!$K$15=4,L8178*Input!$J$15,0)+IF(Input!$K$16=4,M8178*Input!$J$16,0)</f>
        <v>0</v>
      </c>
    </row>
    <row r="8179" spans="8:17" x14ac:dyDescent="0.25">
      <c r="H8179" s="43">
        <v>8172</v>
      </c>
      <c r="I8179" s="55">
        <f>Bühler!I8205</f>
        <v>17.485701101716984</v>
      </c>
      <c r="J8179" s="58">
        <f>Bühler!J8205</f>
        <v>93.192125376909729</v>
      </c>
      <c r="K8179" s="58">
        <f>Bühler!K8205</f>
        <v>3.919043904685088</v>
      </c>
      <c r="L8179" s="58">
        <f>Bühler!L8205</f>
        <v>1.959521952342544</v>
      </c>
      <c r="M8179" s="57">
        <f>Bühler!M8205</f>
        <v>0</v>
      </c>
      <c r="N8179" s="55">
        <f>IF(Input!$K$13=1,J8179*Input!$J$13,0)+IF(Input!$K$14=1,K8179*Input!$J$14,0)+IF(Input!$K$15=1,L8179*Input!$J$15,0)+IF(Input!$K$16=1,M8179*Input!$J$16,0)</f>
        <v>11.183055045229167</v>
      </c>
      <c r="O8179" s="58">
        <f>IF(Input!$K$13=2,J8179*Input!$J$13,0)+IF(Input!$K$14=2,K8179*Input!$J$14,0)+IF(Input!$K$15=2,L8179*Input!$J$15,0)+IF(Input!$K$16=2,M8179*Input!$J$16,0)</f>
        <v>0.52907092713248693</v>
      </c>
      <c r="P8179" s="58">
        <f>IF(Input!$K$13=3,J8179*Input!$J$13,0)+IF(Input!$K$14=3,K8179*Input!$J$14,0)+IF(Input!$K$15=3,L8179*Input!$J$15,0)+IF(Input!$K$16=3,M8179*Input!$J$16,0)</f>
        <v>0</v>
      </c>
      <c r="Q8179" s="71">
        <f>IF(Input!$K$13=4,J8179*Input!$J$13,0)+IF(Input!$K$14=4,K8179*Input!$J$14,0)+IF(Input!$K$15=4,L8179*Input!$J$15,0)+IF(Input!$K$16=4,M8179*Input!$J$16,0)</f>
        <v>0</v>
      </c>
    </row>
    <row r="8180" spans="8:17" x14ac:dyDescent="0.25">
      <c r="H8180" s="43">
        <v>8173</v>
      </c>
      <c r="I8180" s="55">
        <f>Bühler!I8206</f>
        <v>17.485701101716984</v>
      </c>
      <c r="J8180" s="58">
        <f>Bühler!J8206</f>
        <v>93.192125376909729</v>
      </c>
      <c r="K8180" s="58">
        <f>Bühler!K8206</f>
        <v>3.919043904685088</v>
      </c>
      <c r="L8180" s="58">
        <f>Bühler!L8206</f>
        <v>1.959521952342544</v>
      </c>
      <c r="M8180" s="57">
        <f>Bühler!M8206</f>
        <v>0</v>
      </c>
      <c r="N8180" s="55">
        <f>IF(Input!$K$13=1,J8180*Input!$J$13,0)+IF(Input!$K$14=1,K8180*Input!$J$14,0)+IF(Input!$K$15=1,L8180*Input!$J$15,0)+IF(Input!$K$16=1,M8180*Input!$J$16,0)</f>
        <v>11.183055045229167</v>
      </c>
      <c r="O8180" s="58">
        <f>IF(Input!$K$13=2,J8180*Input!$J$13,0)+IF(Input!$K$14=2,K8180*Input!$J$14,0)+IF(Input!$K$15=2,L8180*Input!$J$15,0)+IF(Input!$K$16=2,M8180*Input!$J$16,0)</f>
        <v>0.52907092713248693</v>
      </c>
      <c r="P8180" s="58">
        <f>IF(Input!$K$13=3,J8180*Input!$J$13,0)+IF(Input!$K$14=3,K8180*Input!$J$14,0)+IF(Input!$K$15=3,L8180*Input!$J$15,0)+IF(Input!$K$16=3,M8180*Input!$J$16,0)</f>
        <v>0</v>
      </c>
      <c r="Q8180" s="71">
        <f>IF(Input!$K$13=4,J8180*Input!$J$13,0)+IF(Input!$K$14=4,K8180*Input!$J$14,0)+IF(Input!$K$15=4,L8180*Input!$J$15,0)+IF(Input!$K$16=4,M8180*Input!$J$16,0)</f>
        <v>0</v>
      </c>
    </row>
    <row r="8181" spans="8:17" x14ac:dyDescent="0.25">
      <c r="H8181" s="43">
        <v>8174</v>
      </c>
      <c r="I8181" s="55">
        <f>Bühler!I8207</f>
        <v>11.615501446140568</v>
      </c>
      <c r="J8181" s="58">
        <f>Bühler!J8207</f>
        <v>61.90619757180432</v>
      </c>
      <c r="K8181" s="58">
        <f>Bühler!K8207</f>
        <v>2.6033648795408082</v>
      </c>
      <c r="L8181" s="58">
        <f>Bühler!L8207</f>
        <v>1.3016824397704041</v>
      </c>
      <c r="M8181" s="57">
        <f>Bühler!M8207</f>
        <v>0</v>
      </c>
      <c r="N8181" s="55">
        <f>IF(Input!$K$13=1,J8181*Input!$J$13,0)+IF(Input!$K$14=1,K8181*Input!$J$14,0)+IF(Input!$K$15=1,L8181*Input!$J$15,0)+IF(Input!$K$16=1,M8181*Input!$J$16,0)</f>
        <v>7.4287437086165182</v>
      </c>
      <c r="O8181" s="58">
        <f>IF(Input!$K$13=2,J8181*Input!$J$13,0)+IF(Input!$K$14=2,K8181*Input!$J$14,0)+IF(Input!$K$15=2,L8181*Input!$J$15,0)+IF(Input!$K$16=2,M8181*Input!$J$16,0)</f>
        <v>0.35145425873800906</v>
      </c>
      <c r="P8181" s="58">
        <f>IF(Input!$K$13=3,J8181*Input!$J$13,0)+IF(Input!$K$14=3,K8181*Input!$J$14,0)+IF(Input!$K$15=3,L8181*Input!$J$15,0)+IF(Input!$K$16=3,M8181*Input!$J$16,0)</f>
        <v>0</v>
      </c>
      <c r="Q8181" s="71">
        <f>IF(Input!$K$13=4,J8181*Input!$J$13,0)+IF(Input!$K$14=4,K8181*Input!$J$14,0)+IF(Input!$K$15=4,L8181*Input!$J$15,0)+IF(Input!$K$16=4,M8181*Input!$J$16,0)</f>
        <v>0</v>
      </c>
    </row>
    <row r="8182" spans="8:17" x14ac:dyDescent="0.25">
      <c r="H8182" s="43">
        <v>8175</v>
      </c>
      <c r="I8182" s="55">
        <f>Bühler!I8208</f>
        <v>17.485701101716984</v>
      </c>
      <c r="J8182" s="58">
        <f>Bühler!J8208</f>
        <v>93.192125376909729</v>
      </c>
      <c r="K8182" s="58">
        <f>Bühler!K8208</f>
        <v>3.919043904685088</v>
      </c>
      <c r="L8182" s="58">
        <f>Bühler!L8208</f>
        <v>1.959521952342544</v>
      </c>
      <c r="M8182" s="57">
        <f>Bühler!M8208</f>
        <v>0</v>
      </c>
      <c r="N8182" s="55">
        <f>IF(Input!$K$13=1,J8182*Input!$J$13,0)+IF(Input!$K$14=1,K8182*Input!$J$14,0)+IF(Input!$K$15=1,L8182*Input!$J$15,0)+IF(Input!$K$16=1,M8182*Input!$J$16,0)</f>
        <v>11.183055045229167</v>
      </c>
      <c r="O8182" s="58">
        <f>IF(Input!$K$13=2,J8182*Input!$J$13,0)+IF(Input!$K$14=2,K8182*Input!$J$14,0)+IF(Input!$K$15=2,L8182*Input!$J$15,0)+IF(Input!$K$16=2,M8182*Input!$J$16,0)</f>
        <v>0.52907092713248693</v>
      </c>
      <c r="P8182" s="58">
        <f>IF(Input!$K$13=3,J8182*Input!$J$13,0)+IF(Input!$K$14=3,K8182*Input!$J$14,0)+IF(Input!$K$15=3,L8182*Input!$J$15,0)+IF(Input!$K$16=3,M8182*Input!$J$16,0)</f>
        <v>0</v>
      </c>
      <c r="Q8182" s="71">
        <f>IF(Input!$K$13=4,J8182*Input!$J$13,0)+IF(Input!$K$14=4,K8182*Input!$J$14,0)+IF(Input!$K$15=4,L8182*Input!$J$15,0)+IF(Input!$K$16=4,M8182*Input!$J$16,0)</f>
        <v>0</v>
      </c>
    </row>
    <row r="8183" spans="8:17" x14ac:dyDescent="0.25">
      <c r="H8183" s="43">
        <v>8176</v>
      </c>
      <c r="I8183" s="55">
        <f>Bühler!I8209</f>
        <v>17.485701101716984</v>
      </c>
      <c r="J8183" s="58">
        <f>Bühler!J8209</f>
        <v>93.192125376909729</v>
      </c>
      <c r="K8183" s="58">
        <f>Bühler!K8209</f>
        <v>3.919043904685088</v>
      </c>
      <c r="L8183" s="58">
        <f>Bühler!L8209</f>
        <v>1.959521952342544</v>
      </c>
      <c r="M8183" s="57">
        <f>Bühler!M8209</f>
        <v>0</v>
      </c>
      <c r="N8183" s="55">
        <f>IF(Input!$K$13=1,J8183*Input!$J$13,0)+IF(Input!$K$14=1,K8183*Input!$J$14,0)+IF(Input!$K$15=1,L8183*Input!$J$15,0)+IF(Input!$K$16=1,M8183*Input!$J$16,0)</f>
        <v>11.183055045229167</v>
      </c>
      <c r="O8183" s="58">
        <f>IF(Input!$K$13=2,J8183*Input!$J$13,0)+IF(Input!$K$14=2,K8183*Input!$J$14,0)+IF(Input!$K$15=2,L8183*Input!$J$15,0)+IF(Input!$K$16=2,M8183*Input!$J$16,0)</f>
        <v>0.52907092713248693</v>
      </c>
      <c r="P8183" s="58">
        <f>IF(Input!$K$13=3,J8183*Input!$J$13,0)+IF(Input!$K$14=3,K8183*Input!$J$14,0)+IF(Input!$K$15=3,L8183*Input!$J$15,0)+IF(Input!$K$16=3,M8183*Input!$J$16,0)</f>
        <v>0</v>
      </c>
      <c r="Q8183" s="71">
        <f>IF(Input!$K$13=4,J8183*Input!$J$13,0)+IF(Input!$K$14=4,K8183*Input!$J$14,0)+IF(Input!$K$15=4,L8183*Input!$J$15,0)+IF(Input!$K$16=4,M8183*Input!$J$16,0)</f>
        <v>0</v>
      </c>
    </row>
    <row r="8184" spans="8:17" x14ac:dyDescent="0.25">
      <c r="H8184" s="43">
        <v>8177</v>
      </c>
      <c r="I8184" s="55">
        <f>Bühler!I8210</f>
        <v>14.610896794969182</v>
      </c>
      <c r="J8184" s="58">
        <f>Bühler!J8210</f>
        <v>59.582513010948276</v>
      </c>
      <c r="K8184" s="58">
        <f>Bühler!K8210</f>
        <v>2.3094365866894271</v>
      </c>
      <c r="L8184" s="58">
        <f>Bühler!L8210</f>
        <v>1.1547182933447135</v>
      </c>
      <c r="M8184" s="57">
        <f>Bühler!M8210</f>
        <v>0</v>
      </c>
      <c r="N8184" s="55">
        <f>IF(Input!$K$13=1,J8184*Input!$J$13,0)+IF(Input!$K$14=1,K8184*Input!$J$14,0)+IF(Input!$K$15=1,L8184*Input!$J$15,0)+IF(Input!$K$16=1,M8184*Input!$J$16,0)</f>
        <v>7.1499015613137926</v>
      </c>
      <c r="O8184" s="58">
        <f>IF(Input!$K$13=2,J8184*Input!$J$13,0)+IF(Input!$K$14=2,K8184*Input!$J$14,0)+IF(Input!$K$15=2,L8184*Input!$J$15,0)+IF(Input!$K$16=2,M8184*Input!$J$16,0)</f>
        <v>0.31177393920307261</v>
      </c>
      <c r="P8184" s="58">
        <f>IF(Input!$K$13=3,J8184*Input!$J$13,0)+IF(Input!$K$14=3,K8184*Input!$J$14,0)+IF(Input!$K$15=3,L8184*Input!$J$15,0)+IF(Input!$K$16=3,M8184*Input!$J$16,0)</f>
        <v>0</v>
      </c>
      <c r="Q8184" s="71">
        <f>IF(Input!$K$13=4,J8184*Input!$J$13,0)+IF(Input!$K$14=4,K8184*Input!$J$14,0)+IF(Input!$K$15=4,L8184*Input!$J$15,0)+IF(Input!$K$16=4,M8184*Input!$J$16,0)</f>
        <v>0</v>
      </c>
    </row>
    <row r="8185" spans="8:17" x14ac:dyDescent="0.25">
      <c r="H8185" s="43">
        <v>8178</v>
      </c>
      <c r="I8185" s="55">
        <f>Bühler!I8211</f>
        <v>11.617654857606297</v>
      </c>
      <c r="J8185" s="58">
        <f>Bühler!J8211</f>
        <v>31.260159592566872</v>
      </c>
      <c r="K8185" s="58">
        <f>Bühler!K8211</f>
        <v>0.98567502632924764</v>
      </c>
      <c r="L8185" s="58">
        <f>Bühler!L8211</f>
        <v>0.49283751316462382</v>
      </c>
      <c r="M8185" s="57">
        <f>Bühler!M8211</f>
        <v>0</v>
      </c>
      <c r="N8185" s="55">
        <f>IF(Input!$K$13=1,J8185*Input!$J$13,0)+IF(Input!$K$14=1,K8185*Input!$J$14,0)+IF(Input!$K$15=1,L8185*Input!$J$15,0)+IF(Input!$K$16=1,M8185*Input!$J$16,0)</f>
        <v>3.7512191511080246</v>
      </c>
      <c r="O8185" s="58">
        <f>IF(Input!$K$13=2,J8185*Input!$J$13,0)+IF(Input!$K$14=2,K8185*Input!$J$14,0)+IF(Input!$K$15=2,L8185*Input!$J$15,0)+IF(Input!$K$16=2,M8185*Input!$J$16,0)</f>
        <v>0.13306612855444844</v>
      </c>
      <c r="P8185" s="58">
        <f>IF(Input!$K$13=3,J8185*Input!$J$13,0)+IF(Input!$K$14=3,K8185*Input!$J$14,0)+IF(Input!$K$15=3,L8185*Input!$J$15,0)+IF(Input!$K$16=3,M8185*Input!$J$16,0)</f>
        <v>0</v>
      </c>
      <c r="Q8185" s="71">
        <f>IF(Input!$K$13=4,J8185*Input!$J$13,0)+IF(Input!$K$14=4,K8185*Input!$J$14,0)+IF(Input!$K$15=4,L8185*Input!$J$15,0)+IF(Input!$K$16=4,M8185*Input!$J$16,0)</f>
        <v>0</v>
      </c>
    </row>
    <row r="8186" spans="8:17" x14ac:dyDescent="0.25">
      <c r="H8186" s="43">
        <v>8179</v>
      </c>
      <c r="I8186" s="55">
        <f>Bühler!I8212</f>
        <v>4.3068229314573863</v>
      </c>
      <c r="J8186" s="58">
        <f>Bühler!J8212</f>
        <v>16.990806950317797</v>
      </c>
      <c r="K8186" s="58">
        <f>Bühler!K8212</f>
        <v>0.65054551737730348</v>
      </c>
      <c r="L8186" s="58">
        <f>Bühler!L8212</f>
        <v>0.32527275868865174</v>
      </c>
      <c r="M8186" s="57">
        <f>Bühler!M8212</f>
        <v>0</v>
      </c>
      <c r="N8186" s="55">
        <f>IF(Input!$K$13=1,J8186*Input!$J$13,0)+IF(Input!$K$14=1,K8186*Input!$J$14,0)+IF(Input!$K$15=1,L8186*Input!$J$15,0)+IF(Input!$K$16=1,M8186*Input!$J$16,0)</f>
        <v>2.0388968340381357</v>
      </c>
      <c r="O8186" s="58">
        <f>IF(Input!$K$13=2,J8186*Input!$J$13,0)+IF(Input!$K$14=2,K8186*Input!$J$14,0)+IF(Input!$K$15=2,L8186*Input!$J$15,0)+IF(Input!$K$16=2,M8186*Input!$J$16,0)</f>
        <v>8.7823644845935966E-2</v>
      </c>
      <c r="P8186" s="58">
        <f>IF(Input!$K$13=3,J8186*Input!$J$13,0)+IF(Input!$K$14=3,K8186*Input!$J$14,0)+IF(Input!$K$15=3,L8186*Input!$J$15,0)+IF(Input!$K$16=3,M8186*Input!$J$16,0)</f>
        <v>0</v>
      </c>
      <c r="Q8186" s="71">
        <f>IF(Input!$K$13=4,J8186*Input!$J$13,0)+IF(Input!$K$14=4,K8186*Input!$J$14,0)+IF(Input!$K$15=4,L8186*Input!$J$15,0)+IF(Input!$K$16=4,M8186*Input!$J$16,0)</f>
        <v>0</v>
      </c>
    </row>
    <row r="8187" spans="8:17" x14ac:dyDescent="0.25">
      <c r="H8187" s="43">
        <v>8180</v>
      </c>
      <c r="I8187" s="55">
        <f>Bühler!I8213</f>
        <v>4.3068229314573863</v>
      </c>
      <c r="J8187" s="58">
        <f>Bühler!J8213</f>
        <v>16.990806950317797</v>
      </c>
      <c r="K8187" s="58">
        <f>Bühler!K8213</f>
        <v>0.65054551737730348</v>
      </c>
      <c r="L8187" s="58">
        <f>Bühler!L8213</f>
        <v>0.32527275868865174</v>
      </c>
      <c r="M8187" s="57">
        <f>Bühler!M8213</f>
        <v>0</v>
      </c>
      <c r="N8187" s="55">
        <f>IF(Input!$K$13=1,J8187*Input!$J$13,0)+IF(Input!$K$14=1,K8187*Input!$J$14,0)+IF(Input!$K$15=1,L8187*Input!$J$15,0)+IF(Input!$K$16=1,M8187*Input!$J$16,0)</f>
        <v>2.0388968340381357</v>
      </c>
      <c r="O8187" s="58">
        <f>IF(Input!$K$13=2,J8187*Input!$J$13,0)+IF(Input!$K$14=2,K8187*Input!$J$14,0)+IF(Input!$K$15=2,L8187*Input!$J$15,0)+IF(Input!$K$16=2,M8187*Input!$J$16,0)</f>
        <v>8.7823644845935966E-2</v>
      </c>
      <c r="P8187" s="58">
        <f>IF(Input!$K$13=3,J8187*Input!$J$13,0)+IF(Input!$K$14=3,K8187*Input!$J$14,0)+IF(Input!$K$15=3,L8187*Input!$J$15,0)+IF(Input!$K$16=3,M8187*Input!$J$16,0)</f>
        <v>0</v>
      </c>
      <c r="Q8187" s="71">
        <f>IF(Input!$K$13=4,J8187*Input!$J$13,0)+IF(Input!$K$14=4,K8187*Input!$J$14,0)+IF(Input!$K$15=4,L8187*Input!$J$15,0)+IF(Input!$K$16=4,M8187*Input!$J$16,0)</f>
        <v>0</v>
      </c>
    </row>
    <row r="8188" spans="8:17" x14ac:dyDescent="0.25">
      <c r="H8188" s="43">
        <v>8181</v>
      </c>
      <c r="I8188" s="55">
        <f>Bühler!I8214</f>
        <v>4.3068229314573863</v>
      </c>
      <c r="J8188" s="58">
        <f>Bühler!J8214</f>
        <v>16.990806950317797</v>
      </c>
      <c r="K8188" s="58">
        <f>Bühler!K8214</f>
        <v>0.65054551737730348</v>
      </c>
      <c r="L8188" s="58">
        <f>Bühler!L8214</f>
        <v>0.32527275868865174</v>
      </c>
      <c r="M8188" s="57">
        <f>Bühler!M8214</f>
        <v>0</v>
      </c>
      <c r="N8188" s="55">
        <f>IF(Input!$K$13=1,J8188*Input!$J$13,0)+IF(Input!$K$14=1,K8188*Input!$J$14,0)+IF(Input!$K$15=1,L8188*Input!$J$15,0)+IF(Input!$K$16=1,M8188*Input!$J$16,0)</f>
        <v>2.0388968340381357</v>
      </c>
      <c r="O8188" s="58">
        <f>IF(Input!$K$13=2,J8188*Input!$J$13,0)+IF(Input!$K$14=2,K8188*Input!$J$14,0)+IF(Input!$K$15=2,L8188*Input!$J$15,0)+IF(Input!$K$16=2,M8188*Input!$J$16,0)</f>
        <v>8.7823644845935966E-2</v>
      </c>
      <c r="P8188" s="58">
        <f>IF(Input!$K$13=3,J8188*Input!$J$13,0)+IF(Input!$K$14=3,K8188*Input!$J$14,0)+IF(Input!$K$15=3,L8188*Input!$J$15,0)+IF(Input!$K$16=3,M8188*Input!$J$16,0)</f>
        <v>0</v>
      </c>
      <c r="Q8188" s="71">
        <f>IF(Input!$K$13=4,J8188*Input!$J$13,0)+IF(Input!$K$14=4,K8188*Input!$J$14,0)+IF(Input!$K$15=4,L8188*Input!$J$15,0)+IF(Input!$K$16=4,M8188*Input!$J$16,0)</f>
        <v>0</v>
      </c>
    </row>
    <row r="8189" spans="8:17" x14ac:dyDescent="0.25">
      <c r="H8189" s="43">
        <v>8182</v>
      </c>
      <c r="I8189" s="55">
        <f>Bühler!I8215</f>
        <v>4.3068229314573863</v>
      </c>
      <c r="J8189" s="58">
        <f>Bühler!J8215</f>
        <v>16.990806950317797</v>
      </c>
      <c r="K8189" s="58">
        <f>Bühler!K8215</f>
        <v>0.65054551737730348</v>
      </c>
      <c r="L8189" s="58">
        <f>Bühler!L8215</f>
        <v>0.32527275868865174</v>
      </c>
      <c r="M8189" s="57">
        <f>Bühler!M8215</f>
        <v>0</v>
      </c>
      <c r="N8189" s="55">
        <f>IF(Input!$K$13=1,J8189*Input!$J$13,0)+IF(Input!$K$14=1,K8189*Input!$J$14,0)+IF(Input!$K$15=1,L8189*Input!$J$15,0)+IF(Input!$K$16=1,M8189*Input!$J$16,0)</f>
        <v>2.0388968340381357</v>
      </c>
      <c r="O8189" s="58">
        <f>IF(Input!$K$13=2,J8189*Input!$J$13,0)+IF(Input!$K$14=2,K8189*Input!$J$14,0)+IF(Input!$K$15=2,L8189*Input!$J$15,0)+IF(Input!$K$16=2,M8189*Input!$J$16,0)</f>
        <v>8.7823644845935966E-2</v>
      </c>
      <c r="P8189" s="58">
        <f>IF(Input!$K$13=3,J8189*Input!$J$13,0)+IF(Input!$K$14=3,K8189*Input!$J$14,0)+IF(Input!$K$15=3,L8189*Input!$J$15,0)+IF(Input!$K$16=3,M8189*Input!$J$16,0)</f>
        <v>0</v>
      </c>
      <c r="Q8189" s="71">
        <f>IF(Input!$K$13=4,J8189*Input!$J$13,0)+IF(Input!$K$14=4,K8189*Input!$J$14,0)+IF(Input!$K$15=4,L8189*Input!$J$15,0)+IF(Input!$K$16=4,M8189*Input!$J$16,0)</f>
        <v>0</v>
      </c>
    </row>
    <row r="8190" spans="8:17" x14ac:dyDescent="0.25">
      <c r="H8190" s="43">
        <v>8183</v>
      </c>
      <c r="I8190" s="55">
        <f>Bühler!I8216</f>
        <v>4.3068229314573863</v>
      </c>
      <c r="J8190" s="58">
        <f>Bühler!J8216</f>
        <v>16.990806950317797</v>
      </c>
      <c r="K8190" s="58">
        <f>Bühler!K8216</f>
        <v>0.65054551737730348</v>
      </c>
      <c r="L8190" s="58">
        <f>Bühler!L8216</f>
        <v>0.32527275868865174</v>
      </c>
      <c r="M8190" s="57">
        <f>Bühler!M8216</f>
        <v>0</v>
      </c>
      <c r="N8190" s="55">
        <f>IF(Input!$K$13=1,J8190*Input!$J$13,0)+IF(Input!$K$14=1,K8190*Input!$J$14,0)+IF(Input!$K$15=1,L8190*Input!$J$15,0)+IF(Input!$K$16=1,M8190*Input!$J$16,0)</f>
        <v>2.0388968340381357</v>
      </c>
      <c r="O8190" s="58">
        <f>IF(Input!$K$13=2,J8190*Input!$J$13,0)+IF(Input!$K$14=2,K8190*Input!$J$14,0)+IF(Input!$K$15=2,L8190*Input!$J$15,0)+IF(Input!$K$16=2,M8190*Input!$J$16,0)</f>
        <v>8.7823644845935966E-2</v>
      </c>
      <c r="P8190" s="58">
        <f>IF(Input!$K$13=3,J8190*Input!$J$13,0)+IF(Input!$K$14=3,K8190*Input!$J$14,0)+IF(Input!$K$15=3,L8190*Input!$J$15,0)+IF(Input!$K$16=3,M8190*Input!$J$16,0)</f>
        <v>0</v>
      </c>
      <c r="Q8190" s="71">
        <f>IF(Input!$K$13=4,J8190*Input!$J$13,0)+IF(Input!$K$14=4,K8190*Input!$J$14,0)+IF(Input!$K$15=4,L8190*Input!$J$15,0)+IF(Input!$K$16=4,M8190*Input!$J$16,0)</f>
        <v>0</v>
      </c>
    </row>
    <row r="8191" spans="8:17" x14ac:dyDescent="0.25">
      <c r="H8191" s="43">
        <v>8184</v>
      </c>
      <c r="I8191" s="55">
        <f>Bühler!I8217</f>
        <v>4.3068229314573863</v>
      </c>
      <c r="J8191" s="58">
        <f>Bühler!J8217</f>
        <v>16.990806950317797</v>
      </c>
      <c r="K8191" s="58">
        <f>Bühler!K8217</f>
        <v>0.65054551737730348</v>
      </c>
      <c r="L8191" s="58">
        <f>Bühler!L8217</f>
        <v>0.32527275868865174</v>
      </c>
      <c r="M8191" s="57">
        <f>Bühler!M8217</f>
        <v>0</v>
      </c>
      <c r="N8191" s="55">
        <f>IF(Input!$K$13=1,J8191*Input!$J$13,0)+IF(Input!$K$14=1,K8191*Input!$J$14,0)+IF(Input!$K$15=1,L8191*Input!$J$15,0)+IF(Input!$K$16=1,M8191*Input!$J$16,0)</f>
        <v>2.0388968340381357</v>
      </c>
      <c r="O8191" s="58">
        <f>IF(Input!$K$13=2,J8191*Input!$J$13,0)+IF(Input!$K$14=2,K8191*Input!$J$14,0)+IF(Input!$K$15=2,L8191*Input!$J$15,0)+IF(Input!$K$16=2,M8191*Input!$J$16,0)</f>
        <v>8.7823644845935966E-2</v>
      </c>
      <c r="P8191" s="58">
        <f>IF(Input!$K$13=3,J8191*Input!$J$13,0)+IF(Input!$K$14=3,K8191*Input!$J$14,0)+IF(Input!$K$15=3,L8191*Input!$J$15,0)+IF(Input!$K$16=3,M8191*Input!$J$16,0)</f>
        <v>0</v>
      </c>
      <c r="Q8191" s="71">
        <f>IF(Input!$K$13=4,J8191*Input!$J$13,0)+IF(Input!$K$14=4,K8191*Input!$J$14,0)+IF(Input!$K$15=4,L8191*Input!$J$15,0)+IF(Input!$K$16=4,M8191*Input!$J$16,0)</f>
        <v>0</v>
      </c>
    </row>
    <row r="8192" spans="8:17" x14ac:dyDescent="0.25">
      <c r="H8192" s="43">
        <v>8185</v>
      </c>
      <c r="I8192" s="55">
        <f>Bühler!I8218</f>
        <v>5.4077181565721739</v>
      </c>
      <c r="J8192" s="58">
        <f>Bühler!J8218</f>
        <v>26.556520527744429</v>
      </c>
      <c r="K8192" s="58">
        <f>Bühler!K8218</f>
        <v>1.0278528794121333</v>
      </c>
      <c r="L8192" s="58">
        <f>Bühler!L8218</f>
        <v>0.51392643970606666</v>
      </c>
      <c r="M8192" s="57">
        <f>Bühler!M8218</f>
        <v>0</v>
      </c>
      <c r="N8192" s="55">
        <f>IF(Input!$K$13=1,J8192*Input!$J$13,0)+IF(Input!$K$14=1,K8192*Input!$J$14,0)+IF(Input!$K$15=1,L8192*Input!$J$15,0)+IF(Input!$K$16=1,M8192*Input!$J$16,0)</f>
        <v>3.1867824633293313</v>
      </c>
      <c r="O8192" s="58">
        <f>IF(Input!$K$13=2,J8192*Input!$J$13,0)+IF(Input!$K$14=2,K8192*Input!$J$14,0)+IF(Input!$K$15=2,L8192*Input!$J$15,0)+IF(Input!$K$16=2,M8192*Input!$J$16,0)</f>
        <v>0.138760138720638</v>
      </c>
      <c r="P8192" s="58">
        <f>IF(Input!$K$13=3,J8192*Input!$J$13,0)+IF(Input!$K$14=3,K8192*Input!$J$14,0)+IF(Input!$K$15=3,L8192*Input!$J$15,0)+IF(Input!$K$16=3,M8192*Input!$J$16,0)</f>
        <v>0</v>
      </c>
      <c r="Q8192" s="71">
        <f>IF(Input!$K$13=4,J8192*Input!$J$13,0)+IF(Input!$K$14=4,K8192*Input!$J$14,0)+IF(Input!$K$15=4,L8192*Input!$J$15,0)+IF(Input!$K$16=4,M8192*Input!$J$16,0)</f>
        <v>0</v>
      </c>
    </row>
    <row r="8193" spans="8:17" x14ac:dyDescent="0.25">
      <c r="H8193" s="43">
        <v>8186</v>
      </c>
      <c r="I8193" s="55">
        <f>Bühler!I8219</f>
        <v>5.4077181565721739</v>
      </c>
      <c r="J8193" s="58">
        <f>Bühler!J8219</f>
        <v>18.402700240200407</v>
      </c>
      <c r="K8193" s="58">
        <f>Bühler!K8219</f>
        <v>0.62294113903765658</v>
      </c>
      <c r="L8193" s="58">
        <f>Bühler!L8219</f>
        <v>0.31147056951882829</v>
      </c>
      <c r="M8193" s="57">
        <f>Bühler!M8219</f>
        <v>0</v>
      </c>
      <c r="N8193" s="55">
        <f>IF(Input!$K$13=1,J8193*Input!$J$13,0)+IF(Input!$K$14=1,K8193*Input!$J$14,0)+IF(Input!$K$15=1,L8193*Input!$J$15,0)+IF(Input!$K$16=1,M8193*Input!$J$16,0)</f>
        <v>2.2083240288240487</v>
      </c>
      <c r="O8193" s="58">
        <f>IF(Input!$K$13=2,J8193*Input!$J$13,0)+IF(Input!$K$14=2,K8193*Input!$J$14,0)+IF(Input!$K$15=2,L8193*Input!$J$15,0)+IF(Input!$K$16=2,M8193*Input!$J$16,0)</f>
        <v>8.4097053770083641E-2</v>
      </c>
      <c r="P8193" s="58">
        <f>IF(Input!$K$13=3,J8193*Input!$J$13,0)+IF(Input!$K$14=3,K8193*Input!$J$14,0)+IF(Input!$K$15=3,L8193*Input!$J$15,0)+IF(Input!$K$16=3,M8193*Input!$J$16,0)</f>
        <v>0</v>
      </c>
      <c r="Q8193" s="71">
        <f>IF(Input!$K$13=4,J8193*Input!$J$13,0)+IF(Input!$K$14=4,K8193*Input!$J$14,0)+IF(Input!$K$15=4,L8193*Input!$J$15,0)+IF(Input!$K$16=4,M8193*Input!$J$16,0)</f>
        <v>0</v>
      </c>
    </row>
    <row r="8194" spans="8:17" x14ac:dyDescent="0.25">
      <c r="H8194" s="43">
        <v>8187</v>
      </c>
      <c r="I8194" s="55">
        <f>Bühler!I8220</f>
        <v>5.4077181565721739</v>
      </c>
      <c r="J8194" s="58">
        <f>Bühler!J8220</f>
        <v>18.402700240200407</v>
      </c>
      <c r="K8194" s="58">
        <f>Bühler!K8220</f>
        <v>0.62294113903765658</v>
      </c>
      <c r="L8194" s="58">
        <f>Bühler!L8220</f>
        <v>0.31147056951882829</v>
      </c>
      <c r="M8194" s="57">
        <f>Bühler!M8220</f>
        <v>0</v>
      </c>
      <c r="N8194" s="55">
        <f>IF(Input!$K$13=1,J8194*Input!$J$13,0)+IF(Input!$K$14=1,K8194*Input!$J$14,0)+IF(Input!$K$15=1,L8194*Input!$J$15,0)+IF(Input!$K$16=1,M8194*Input!$J$16,0)</f>
        <v>2.2083240288240487</v>
      </c>
      <c r="O8194" s="58">
        <f>IF(Input!$K$13=2,J8194*Input!$J$13,0)+IF(Input!$K$14=2,K8194*Input!$J$14,0)+IF(Input!$K$15=2,L8194*Input!$J$15,0)+IF(Input!$K$16=2,M8194*Input!$J$16,0)</f>
        <v>8.4097053770083641E-2</v>
      </c>
      <c r="P8194" s="58">
        <f>IF(Input!$K$13=3,J8194*Input!$J$13,0)+IF(Input!$K$14=3,K8194*Input!$J$14,0)+IF(Input!$K$15=3,L8194*Input!$J$15,0)+IF(Input!$K$16=3,M8194*Input!$J$16,0)</f>
        <v>0</v>
      </c>
      <c r="Q8194" s="71">
        <f>IF(Input!$K$13=4,J8194*Input!$J$13,0)+IF(Input!$K$14=4,K8194*Input!$J$14,0)+IF(Input!$K$15=4,L8194*Input!$J$15,0)+IF(Input!$K$16=4,M8194*Input!$J$16,0)</f>
        <v>0</v>
      </c>
    </row>
    <row r="8195" spans="8:17" x14ac:dyDescent="0.25">
      <c r="H8195" s="43">
        <v>8188</v>
      </c>
      <c r="I8195" s="55">
        <f>Bühler!I8221</f>
        <v>5.4077181565721739</v>
      </c>
      <c r="J8195" s="58">
        <f>Bühler!J8221</f>
        <v>18.402700240200407</v>
      </c>
      <c r="K8195" s="58">
        <f>Bühler!K8221</f>
        <v>0.62294113903765658</v>
      </c>
      <c r="L8195" s="58">
        <f>Bühler!L8221</f>
        <v>0.31147056951882829</v>
      </c>
      <c r="M8195" s="57">
        <f>Bühler!M8221</f>
        <v>0</v>
      </c>
      <c r="N8195" s="55">
        <f>IF(Input!$K$13=1,J8195*Input!$J$13,0)+IF(Input!$K$14=1,K8195*Input!$J$14,0)+IF(Input!$K$15=1,L8195*Input!$J$15,0)+IF(Input!$K$16=1,M8195*Input!$J$16,0)</f>
        <v>2.2083240288240487</v>
      </c>
      <c r="O8195" s="58">
        <f>IF(Input!$K$13=2,J8195*Input!$J$13,0)+IF(Input!$K$14=2,K8195*Input!$J$14,0)+IF(Input!$K$15=2,L8195*Input!$J$15,0)+IF(Input!$K$16=2,M8195*Input!$J$16,0)</f>
        <v>8.4097053770083641E-2</v>
      </c>
      <c r="P8195" s="58">
        <f>IF(Input!$K$13=3,J8195*Input!$J$13,0)+IF(Input!$K$14=3,K8195*Input!$J$14,0)+IF(Input!$K$15=3,L8195*Input!$J$15,0)+IF(Input!$K$16=3,M8195*Input!$J$16,0)</f>
        <v>0</v>
      </c>
      <c r="Q8195" s="71">
        <f>IF(Input!$K$13=4,J8195*Input!$J$13,0)+IF(Input!$K$14=4,K8195*Input!$J$14,0)+IF(Input!$K$15=4,L8195*Input!$J$15,0)+IF(Input!$K$16=4,M8195*Input!$J$16,0)</f>
        <v>0</v>
      </c>
    </row>
    <row r="8196" spans="8:17" x14ac:dyDescent="0.25">
      <c r="H8196" s="43">
        <v>8189</v>
      </c>
      <c r="I8196" s="55">
        <f>Bühler!I8222</f>
        <v>5.4077181565721739</v>
      </c>
      <c r="J8196" s="58">
        <f>Bühler!J8222</f>
        <v>18.402700240200407</v>
      </c>
      <c r="K8196" s="58">
        <f>Bühler!K8222</f>
        <v>0.62294113903765658</v>
      </c>
      <c r="L8196" s="58">
        <f>Bühler!L8222</f>
        <v>0.31147056951882829</v>
      </c>
      <c r="M8196" s="57">
        <f>Bühler!M8222</f>
        <v>0</v>
      </c>
      <c r="N8196" s="55">
        <f>IF(Input!$K$13=1,J8196*Input!$J$13,0)+IF(Input!$K$14=1,K8196*Input!$J$14,0)+IF(Input!$K$15=1,L8196*Input!$J$15,0)+IF(Input!$K$16=1,M8196*Input!$J$16,0)</f>
        <v>2.2083240288240487</v>
      </c>
      <c r="O8196" s="58">
        <f>IF(Input!$K$13=2,J8196*Input!$J$13,0)+IF(Input!$K$14=2,K8196*Input!$J$14,0)+IF(Input!$K$15=2,L8196*Input!$J$15,0)+IF(Input!$K$16=2,M8196*Input!$J$16,0)</f>
        <v>8.4097053770083641E-2</v>
      </c>
      <c r="P8196" s="58">
        <f>IF(Input!$K$13=3,J8196*Input!$J$13,0)+IF(Input!$K$14=3,K8196*Input!$J$14,0)+IF(Input!$K$15=3,L8196*Input!$J$15,0)+IF(Input!$K$16=3,M8196*Input!$J$16,0)</f>
        <v>0</v>
      </c>
      <c r="Q8196" s="71">
        <f>IF(Input!$K$13=4,J8196*Input!$J$13,0)+IF(Input!$K$14=4,K8196*Input!$J$14,0)+IF(Input!$K$15=4,L8196*Input!$J$15,0)+IF(Input!$K$16=4,M8196*Input!$J$16,0)</f>
        <v>0</v>
      </c>
    </row>
    <row r="8197" spans="8:17" x14ac:dyDescent="0.25">
      <c r="H8197" s="43">
        <v>8190</v>
      </c>
      <c r="I8197" s="55">
        <f>Bühler!I8223</f>
        <v>5.4077181565721739</v>
      </c>
      <c r="J8197" s="58">
        <f>Bühler!J8223</f>
        <v>18.402700240200407</v>
      </c>
      <c r="K8197" s="58">
        <f>Bühler!K8223</f>
        <v>0.62294113903765658</v>
      </c>
      <c r="L8197" s="58">
        <f>Bühler!L8223</f>
        <v>0.31147056951882829</v>
      </c>
      <c r="M8197" s="57">
        <f>Bühler!M8223</f>
        <v>0</v>
      </c>
      <c r="N8197" s="55">
        <f>IF(Input!$K$13=1,J8197*Input!$J$13,0)+IF(Input!$K$14=1,K8197*Input!$J$14,0)+IF(Input!$K$15=1,L8197*Input!$J$15,0)+IF(Input!$K$16=1,M8197*Input!$J$16,0)</f>
        <v>2.2083240288240487</v>
      </c>
      <c r="O8197" s="58">
        <f>IF(Input!$K$13=2,J8197*Input!$J$13,0)+IF(Input!$K$14=2,K8197*Input!$J$14,0)+IF(Input!$K$15=2,L8197*Input!$J$15,0)+IF(Input!$K$16=2,M8197*Input!$J$16,0)</f>
        <v>8.4097053770083641E-2</v>
      </c>
      <c r="P8197" s="58">
        <f>IF(Input!$K$13=3,J8197*Input!$J$13,0)+IF(Input!$K$14=3,K8197*Input!$J$14,0)+IF(Input!$K$15=3,L8197*Input!$J$15,0)+IF(Input!$K$16=3,M8197*Input!$J$16,0)</f>
        <v>0</v>
      </c>
      <c r="Q8197" s="71">
        <f>IF(Input!$K$13=4,J8197*Input!$J$13,0)+IF(Input!$K$14=4,K8197*Input!$J$14,0)+IF(Input!$K$15=4,L8197*Input!$J$15,0)+IF(Input!$K$16=4,M8197*Input!$J$16,0)</f>
        <v>0</v>
      </c>
    </row>
    <row r="8198" spans="8:17" x14ac:dyDescent="0.25">
      <c r="H8198" s="43">
        <v>8191</v>
      </c>
      <c r="I8198" s="55">
        <f>Bühler!I8224</f>
        <v>5.4077181565721739</v>
      </c>
      <c r="J8198" s="58">
        <f>Bühler!J8224</f>
        <v>18.402700240200407</v>
      </c>
      <c r="K8198" s="58">
        <f>Bühler!K8224</f>
        <v>0.62294113903765658</v>
      </c>
      <c r="L8198" s="58">
        <f>Bühler!L8224</f>
        <v>0.31147056951882829</v>
      </c>
      <c r="M8198" s="57">
        <f>Bühler!M8224</f>
        <v>0</v>
      </c>
      <c r="N8198" s="55">
        <f>IF(Input!$K$13=1,J8198*Input!$J$13,0)+IF(Input!$K$14=1,K8198*Input!$J$14,0)+IF(Input!$K$15=1,L8198*Input!$J$15,0)+IF(Input!$K$16=1,M8198*Input!$J$16,0)</f>
        <v>2.2083240288240487</v>
      </c>
      <c r="O8198" s="58">
        <f>IF(Input!$K$13=2,J8198*Input!$J$13,0)+IF(Input!$K$14=2,K8198*Input!$J$14,0)+IF(Input!$K$15=2,L8198*Input!$J$15,0)+IF(Input!$K$16=2,M8198*Input!$J$16,0)</f>
        <v>8.4097053770083641E-2</v>
      </c>
      <c r="P8198" s="58">
        <f>IF(Input!$K$13=3,J8198*Input!$J$13,0)+IF(Input!$K$14=3,K8198*Input!$J$14,0)+IF(Input!$K$15=3,L8198*Input!$J$15,0)+IF(Input!$K$16=3,M8198*Input!$J$16,0)</f>
        <v>0</v>
      </c>
      <c r="Q8198" s="71">
        <f>IF(Input!$K$13=4,J8198*Input!$J$13,0)+IF(Input!$K$14=4,K8198*Input!$J$14,0)+IF(Input!$K$15=4,L8198*Input!$J$15,0)+IF(Input!$K$16=4,M8198*Input!$J$16,0)</f>
        <v>0</v>
      </c>
    </row>
    <row r="8199" spans="8:17" x14ac:dyDescent="0.25">
      <c r="H8199" s="43">
        <v>8192</v>
      </c>
      <c r="I8199" s="55">
        <f>Bühler!I8225</f>
        <v>14.653171779098793</v>
      </c>
      <c r="J8199" s="58">
        <f>Bühler!J8225</f>
        <v>69.313153158030161</v>
      </c>
      <c r="K8199" s="58">
        <f>Bühler!K8225</f>
        <v>2.6537292523004172</v>
      </c>
      <c r="L8199" s="58">
        <f>Bühler!L8225</f>
        <v>1.3268646261502086</v>
      </c>
      <c r="M8199" s="57">
        <f>Bühler!M8225</f>
        <v>0</v>
      </c>
      <c r="N8199" s="55">
        <f>IF(Input!$K$13=1,J8199*Input!$J$13,0)+IF(Input!$K$14=1,K8199*Input!$J$14,0)+IF(Input!$K$15=1,L8199*Input!$J$15,0)+IF(Input!$K$16=1,M8199*Input!$J$16,0)</f>
        <v>8.3175783789636188</v>
      </c>
      <c r="O8199" s="58">
        <f>IF(Input!$K$13=2,J8199*Input!$J$13,0)+IF(Input!$K$14=2,K8199*Input!$J$14,0)+IF(Input!$K$15=2,L8199*Input!$J$15,0)+IF(Input!$K$16=2,M8199*Input!$J$16,0)</f>
        <v>0.35825344906055634</v>
      </c>
      <c r="P8199" s="58">
        <f>IF(Input!$K$13=3,J8199*Input!$J$13,0)+IF(Input!$K$14=3,K8199*Input!$J$14,0)+IF(Input!$K$15=3,L8199*Input!$J$15,0)+IF(Input!$K$16=3,M8199*Input!$J$16,0)</f>
        <v>0</v>
      </c>
      <c r="Q8199" s="71">
        <f>IF(Input!$K$13=4,J8199*Input!$J$13,0)+IF(Input!$K$14=4,K8199*Input!$J$14,0)+IF(Input!$K$15=4,L8199*Input!$J$15,0)+IF(Input!$K$16=4,M8199*Input!$J$16,0)</f>
        <v>0</v>
      </c>
    </row>
    <row r="8200" spans="8:17" x14ac:dyDescent="0.25">
      <c r="H8200" s="43">
        <v>8193</v>
      </c>
      <c r="I8200" s="55">
        <f>Bühler!I8226</f>
        <v>18.316464723873494</v>
      </c>
      <c r="J8200" s="58">
        <f>Bühler!J8226</f>
        <v>86.641441447537716</v>
      </c>
      <c r="K8200" s="58">
        <f>Bühler!K8226</f>
        <v>3.3171615653755211</v>
      </c>
      <c r="L8200" s="58">
        <f>Bühler!L8226</f>
        <v>1.6585807826877605</v>
      </c>
      <c r="M8200" s="57">
        <f>Bühler!M8226</f>
        <v>0</v>
      </c>
      <c r="N8200" s="55">
        <f>IF(Input!$K$13=1,J8200*Input!$J$13,0)+IF(Input!$K$14=1,K8200*Input!$J$14,0)+IF(Input!$K$15=1,L8200*Input!$J$15,0)+IF(Input!$K$16=1,M8200*Input!$J$16,0)</f>
        <v>10.396972973704525</v>
      </c>
      <c r="O8200" s="58">
        <f>IF(Input!$K$13=2,J8200*Input!$J$13,0)+IF(Input!$K$14=2,K8200*Input!$J$14,0)+IF(Input!$K$15=2,L8200*Input!$J$15,0)+IF(Input!$K$16=2,M8200*Input!$J$16,0)</f>
        <v>0.44781681132569529</v>
      </c>
      <c r="P8200" s="58">
        <f>IF(Input!$K$13=3,J8200*Input!$J$13,0)+IF(Input!$K$14=3,K8200*Input!$J$14,0)+IF(Input!$K$15=3,L8200*Input!$J$15,0)+IF(Input!$K$16=3,M8200*Input!$J$16,0)</f>
        <v>0</v>
      </c>
      <c r="Q8200" s="71">
        <f>IF(Input!$K$13=4,J8200*Input!$J$13,0)+IF(Input!$K$14=4,K8200*Input!$J$14,0)+IF(Input!$K$15=4,L8200*Input!$J$15,0)+IF(Input!$K$16=4,M8200*Input!$J$16,0)</f>
        <v>0</v>
      </c>
    </row>
    <row r="8201" spans="8:17" x14ac:dyDescent="0.25">
      <c r="H8201" s="43">
        <v>8194</v>
      </c>
      <c r="I8201" s="55">
        <f>Bühler!I8227</f>
        <v>20.148111196260842</v>
      </c>
      <c r="J8201" s="58">
        <f>Bühler!J8227</f>
        <v>95.305585592291465</v>
      </c>
      <c r="K8201" s="58">
        <f>Bühler!K8227</f>
        <v>3.6488777219130726</v>
      </c>
      <c r="L8201" s="58">
        <f>Bühler!L8227</f>
        <v>1.8244388609565363</v>
      </c>
      <c r="M8201" s="57">
        <f>Bühler!M8227</f>
        <v>0</v>
      </c>
      <c r="N8201" s="55">
        <f>IF(Input!$K$13=1,J8201*Input!$J$13,0)+IF(Input!$K$14=1,K8201*Input!$J$14,0)+IF(Input!$K$15=1,L8201*Input!$J$15,0)+IF(Input!$K$16=1,M8201*Input!$J$16,0)</f>
        <v>11.436670271074975</v>
      </c>
      <c r="O8201" s="58">
        <f>IF(Input!$K$13=2,J8201*Input!$J$13,0)+IF(Input!$K$14=2,K8201*Input!$J$14,0)+IF(Input!$K$15=2,L8201*Input!$J$15,0)+IF(Input!$K$16=2,M8201*Input!$J$16,0)</f>
        <v>0.49259849245826476</v>
      </c>
      <c r="P8201" s="58">
        <f>IF(Input!$K$13=3,J8201*Input!$J$13,0)+IF(Input!$K$14=3,K8201*Input!$J$14,0)+IF(Input!$K$15=3,L8201*Input!$J$15,0)+IF(Input!$K$16=3,M8201*Input!$J$16,0)</f>
        <v>0</v>
      </c>
      <c r="Q8201" s="71">
        <f>IF(Input!$K$13=4,J8201*Input!$J$13,0)+IF(Input!$K$14=4,K8201*Input!$J$14,0)+IF(Input!$K$15=4,L8201*Input!$J$15,0)+IF(Input!$K$16=4,M8201*Input!$J$16,0)</f>
        <v>0</v>
      </c>
    </row>
    <row r="8202" spans="8:17" x14ac:dyDescent="0.25">
      <c r="H8202" s="43">
        <v>8195</v>
      </c>
      <c r="I8202" s="55">
        <f>Bühler!I8228</f>
        <v>20.148111196260842</v>
      </c>
      <c r="J8202" s="58">
        <f>Bühler!J8228</f>
        <v>95.305585592291465</v>
      </c>
      <c r="K8202" s="58">
        <f>Bühler!K8228</f>
        <v>3.6488777219130726</v>
      </c>
      <c r="L8202" s="58">
        <f>Bühler!L8228</f>
        <v>1.8244388609565363</v>
      </c>
      <c r="M8202" s="57">
        <f>Bühler!M8228</f>
        <v>0</v>
      </c>
      <c r="N8202" s="55">
        <f>IF(Input!$K$13=1,J8202*Input!$J$13,0)+IF(Input!$K$14=1,K8202*Input!$J$14,0)+IF(Input!$K$15=1,L8202*Input!$J$15,0)+IF(Input!$K$16=1,M8202*Input!$J$16,0)</f>
        <v>11.436670271074975</v>
      </c>
      <c r="O8202" s="58">
        <f>IF(Input!$K$13=2,J8202*Input!$J$13,0)+IF(Input!$K$14=2,K8202*Input!$J$14,0)+IF(Input!$K$15=2,L8202*Input!$J$15,0)+IF(Input!$K$16=2,M8202*Input!$J$16,0)</f>
        <v>0.49259849245826476</v>
      </c>
      <c r="P8202" s="58">
        <f>IF(Input!$K$13=3,J8202*Input!$J$13,0)+IF(Input!$K$14=3,K8202*Input!$J$14,0)+IF(Input!$K$15=3,L8202*Input!$J$15,0)+IF(Input!$K$16=3,M8202*Input!$J$16,0)</f>
        <v>0</v>
      </c>
      <c r="Q8202" s="71">
        <f>IF(Input!$K$13=4,J8202*Input!$J$13,0)+IF(Input!$K$14=4,K8202*Input!$J$14,0)+IF(Input!$K$15=4,L8202*Input!$J$15,0)+IF(Input!$K$16=4,M8202*Input!$J$16,0)</f>
        <v>0</v>
      </c>
    </row>
    <row r="8203" spans="8:17" x14ac:dyDescent="0.25">
      <c r="H8203" s="43">
        <v>8196</v>
      </c>
      <c r="I8203" s="55">
        <f>Bühler!I8229</f>
        <v>23.811404141035538</v>
      </c>
      <c r="J8203" s="58">
        <f>Bühler!J8229</f>
        <v>112.63387388179902</v>
      </c>
      <c r="K8203" s="58">
        <f>Bühler!K8229</f>
        <v>4.3123100349881769</v>
      </c>
      <c r="L8203" s="58">
        <f>Bühler!L8229</f>
        <v>2.1561550174940884</v>
      </c>
      <c r="M8203" s="57">
        <f>Bühler!M8229</f>
        <v>0</v>
      </c>
      <c r="N8203" s="55">
        <f>IF(Input!$K$13=1,J8203*Input!$J$13,0)+IF(Input!$K$14=1,K8203*Input!$J$14,0)+IF(Input!$K$15=1,L8203*Input!$J$15,0)+IF(Input!$K$16=1,M8203*Input!$J$16,0)</f>
        <v>13.516064865815881</v>
      </c>
      <c r="O8203" s="58">
        <f>IF(Input!$K$13=2,J8203*Input!$J$13,0)+IF(Input!$K$14=2,K8203*Input!$J$14,0)+IF(Input!$K$15=2,L8203*Input!$J$15,0)+IF(Input!$K$16=2,M8203*Input!$J$16,0)</f>
        <v>0.58216185472340387</v>
      </c>
      <c r="P8203" s="58">
        <f>IF(Input!$K$13=3,J8203*Input!$J$13,0)+IF(Input!$K$14=3,K8203*Input!$J$14,0)+IF(Input!$K$15=3,L8203*Input!$J$15,0)+IF(Input!$K$16=3,M8203*Input!$J$16,0)</f>
        <v>0</v>
      </c>
      <c r="Q8203" s="71">
        <f>IF(Input!$K$13=4,J8203*Input!$J$13,0)+IF(Input!$K$14=4,K8203*Input!$J$14,0)+IF(Input!$K$15=4,L8203*Input!$J$15,0)+IF(Input!$K$16=4,M8203*Input!$J$16,0)</f>
        <v>0</v>
      </c>
    </row>
    <row r="8204" spans="8:17" x14ac:dyDescent="0.25">
      <c r="H8204" s="43">
        <v>8197</v>
      </c>
      <c r="I8204" s="55">
        <f>Bühler!I8230</f>
        <v>23.811404141035538</v>
      </c>
      <c r="J8204" s="58">
        <f>Bühler!J8230</f>
        <v>112.63387388179902</v>
      </c>
      <c r="K8204" s="58">
        <f>Bühler!K8230</f>
        <v>4.3123100349881769</v>
      </c>
      <c r="L8204" s="58">
        <f>Bühler!L8230</f>
        <v>2.1561550174940884</v>
      </c>
      <c r="M8204" s="57">
        <f>Bühler!M8230</f>
        <v>0</v>
      </c>
      <c r="N8204" s="55">
        <f>IF(Input!$K$13=1,J8204*Input!$J$13,0)+IF(Input!$K$14=1,K8204*Input!$J$14,0)+IF(Input!$K$15=1,L8204*Input!$J$15,0)+IF(Input!$K$16=1,M8204*Input!$J$16,0)</f>
        <v>13.516064865815881</v>
      </c>
      <c r="O8204" s="58">
        <f>IF(Input!$K$13=2,J8204*Input!$J$13,0)+IF(Input!$K$14=2,K8204*Input!$J$14,0)+IF(Input!$K$15=2,L8204*Input!$J$15,0)+IF(Input!$K$16=2,M8204*Input!$J$16,0)</f>
        <v>0.58216185472340387</v>
      </c>
      <c r="P8204" s="58">
        <f>IF(Input!$K$13=3,J8204*Input!$J$13,0)+IF(Input!$K$14=3,K8204*Input!$J$14,0)+IF(Input!$K$15=3,L8204*Input!$J$15,0)+IF(Input!$K$16=3,M8204*Input!$J$16,0)</f>
        <v>0</v>
      </c>
      <c r="Q8204" s="71">
        <f>IF(Input!$K$13=4,J8204*Input!$J$13,0)+IF(Input!$K$14=4,K8204*Input!$J$14,0)+IF(Input!$K$15=4,L8204*Input!$J$15,0)+IF(Input!$K$16=4,M8204*Input!$J$16,0)</f>
        <v>0</v>
      </c>
    </row>
    <row r="8205" spans="8:17" x14ac:dyDescent="0.25">
      <c r="H8205" s="43">
        <v>8198</v>
      </c>
      <c r="I8205" s="55">
        <f>Bühler!I8231</f>
        <v>16.484818251486143</v>
      </c>
      <c r="J8205" s="58">
        <f>Bühler!J8231</f>
        <v>77.977297302783938</v>
      </c>
      <c r="K8205" s="58">
        <f>Bühler!K8231</f>
        <v>2.9854454088379692</v>
      </c>
      <c r="L8205" s="58">
        <f>Bühler!L8231</f>
        <v>1.4927227044189846</v>
      </c>
      <c r="M8205" s="57">
        <f>Bühler!M8231</f>
        <v>0</v>
      </c>
      <c r="N8205" s="55">
        <f>IF(Input!$K$13=1,J8205*Input!$J$13,0)+IF(Input!$K$14=1,K8205*Input!$J$14,0)+IF(Input!$K$15=1,L8205*Input!$J$15,0)+IF(Input!$K$16=1,M8205*Input!$J$16,0)</f>
        <v>9.3572756763340728</v>
      </c>
      <c r="O8205" s="58">
        <f>IF(Input!$K$13=2,J8205*Input!$J$13,0)+IF(Input!$K$14=2,K8205*Input!$J$14,0)+IF(Input!$K$15=2,L8205*Input!$J$15,0)+IF(Input!$K$16=2,M8205*Input!$J$16,0)</f>
        <v>0.40303513019312581</v>
      </c>
      <c r="P8205" s="58">
        <f>IF(Input!$K$13=3,J8205*Input!$J$13,0)+IF(Input!$K$14=3,K8205*Input!$J$14,0)+IF(Input!$K$15=3,L8205*Input!$J$15,0)+IF(Input!$K$16=3,M8205*Input!$J$16,0)</f>
        <v>0</v>
      </c>
      <c r="Q8205" s="71">
        <f>IF(Input!$K$13=4,J8205*Input!$J$13,0)+IF(Input!$K$14=4,K8205*Input!$J$14,0)+IF(Input!$K$15=4,L8205*Input!$J$15,0)+IF(Input!$K$16=4,M8205*Input!$J$16,0)</f>
        <v>0</v>
      </c>
    </row>
    <row r="8206" spans="8:17" x14ac:dyDescent="0.25">
      <c r="H8206" s="43">
        <v>8199</v>
      </c>
      <c r="I8206" s="55">
        <f>Bühler!I8232</f>
        <v>23.811404141035538</v>
      </c>
      <c r="J8206" s="58">
        <f>Bühler!J8232</f>
        <v>112.63387388179902</v>
      </c>
      <c r="K8206" s="58">
        <f>Bühler!K8232</f>
        <v>4.3123100349881769</v>
      </c>
      <c r="L8206" s="58">
        <f>Bühler!L8232</f>
        <v>2.1561550174940884</v>
      </c>
      <c r="M8206" s="57">
        <f>Bühler!M8232</f>
        <v>0</v>
      </c>
      <c r="N8206" s="55">
        <f>IF(Input!$K$13=1,J8206*Input!$J$13,0)+IF(Input!$K$14=1,K8206*Input!$J$14,0)+IF(Input!$K$15=1,L8206*Input!$J$15,0)+IF(Input!$K$16=1,M8206*Input!$J$16,0)</f>
        <v>13.516064865815881</v>
      </c>
      <c r="O8206" s="58">
        <f>IF(Input!$K$13=2,J8206*Input!$J$13,0)+IF(Input!$K$14=2,K8206*Input!$J$14,0)+IF(Input!$K$15=2,L8206*Input!$J$15,0)+IF(Input!$K$16=2,M8206*Input!$J$16,0)</f>
        <v>0.58216185472340387</v>
      </c>
      <c r="P8206" s="58">
        <f>IF(Input!$K$13=3,J8206*Input!$J$13,0)+IF(Input!$K$14=3,K8206*Input!$J$14,0)+IF(Input!$K$15=3,L8206*Input!$J$15,0)+IF(Input!$K$16=3,M8206*Input!$J$16,0)</f>
        <v>0</v>
      </c>
      <c r="Q8206" s="71">
        <f>IF(Input!$K$13=4,J8206*Input!$J$13,0)+IF(Input!$K$14=4,K8206*Input!$J$14,0)+IF(Input!$K$15=4,L8206*Input!$J$15,0)+IF(Input!$K$16=4,M8206*Input!$J$16,0)</f>
        <v>0</v>
      </c>
    </row>
    <row r="8207" spans="8:17" x14ac:dyDescent="0.25">
      <c r="H8207" s="43">
        <v>8200</v>
      </c>
      <c r="I8207" s="55">
        <f>Bühler!I8233</f>
        <v>20.148111196260842</v>
      </c>
      <c r="J8207" s="58">
        <f>Bühler!J8233</f>
        <v>88.625725125957331</v>
      </c>
      <c r="K8207" s="58">
        <f>Bühler!K8233</f>
        <v>3.3171615653755211</v>
      </c>
      <c r="L8207" s="58">
        <f>Bühler!L8233</f>
        <v>1.6585807826877605</v>
      </c>
      <c r="M8207" s="57">
        <f>Bühler!M8233</f>
        <v>0</v>
      </c>
      <c r="N8207" s="55">
        <f>IF(Input!$K$13=1,J8207*Input!$J$13,0)+IF(Input!$K$14=1,K8207*Input!$J$14,0)+IF(Input!$K$15=1,L8207*Input!$J$15,0)+IF(Input!$K$16=1,M8207*Input!$J$16,0)</f>
        <v>10.635087015114879</v>
      </c>
      <c r="O8207" s="58">
        <f>IF(Input!$K$13=2,J8207*Input!$J$13,0)+IF(Input!$K$14=2,K8207*Input!$J$14,0)+IF(Input!$K$15=2,L8207*Input!$J$15,0)+IF(Input!$K$16=2,M8207*Input!$J$16,0)</f>
        <v>0.44781681132569529</v>
      </c>
      <c r="P8207" s="58">
        <f>IF(Input!$K$13=3,J8207*Input!$J$13,0)+IF(Input!$K$14=3,K8207*Input!$J$14,0)+IF(Input!$K$15=3,L8207*Input!$J$15,0)+IF(Input!$K$16=3,M8207*Input!$J$16,0)</f>
        <v>0</v>
      </c>
      <c r="Q8207" s="71">
        <f>IF(Input!$K$13=4,J8207*Input!$J$13,0)+IF(Input!$K$14=4,K8207*Input!$J$14,0)+IF(Input!$K$15=4,L8207*Input!$J$15,0)+IF(Input!$K$16=4,M8207*Input!$J$16,0)</f>
        <v>0</v>
      </c>
    </row>
    <row r="8208" spans="8:17" x14ac:dyDescent="0.25">
      <c r="H8208" s="43">
        <v>8201</v>
      </c>
      <c r="I8208" s="55">
        <f>Bühler!I8234</f>
        <v>17.444252117974756</v>
      </c>
      <c r="J8208" s="58">
        <f>Bühler!J8234</f>
        <v>50.258787054257368</v>
      </c>
      <c r="K8208" s="58">
        <f>Bühler!K8234</f>
        <v>1.5573528475941416</v>
      </c>
      <c r="L8208" s="58">
        <f>Bühler!L8234</f>
        <v>0.7786764237970708</v>
      </c>
      <c r="M8208" s="57">
        <f>Bühler!M8234</f>
        <v>0</v>
      </c>
      <c r="N8208" s="55">
        <f>IF(Input!$K$13=1,J8208*Input!$J$13,0)+IF(Input!$K$14=1,K8208*Input!$J$14,0)+IF(Input!$K$15=1,L8208*Input!$J$15,0)+IF(Input!$K$16=1,M8208*Input!$J$16,0)</f>
        <v>6.0310544465108844</v>
      </c>
      <c r="O8208" s="58">
        <f>IF(Input!$K$13=2,J8208*Input!$J$13,0)+IF(Input!$K$14=2,K8208*Input!$J$14,0)+IF(Input!$K$15=2,L8208*Input!$J$15,0)+IF(Input!$K$16=2,M8208*Input!$J$16,0)</f>
        <v>0.2102426344252091</v>
      </c>
      <c r="P8208" s="58">
        <f>IF(Input!$K$13=3,J8208*Input!$J$13,0)+IF(Input!$K$14=3,K8208*Input!$J$14,0)+IF(Input!$K$15=3,L8208*Input!$J$15,0)+IF(Input!$K$16=3,M8208*Input!$J$16,0)</f>
        <v>0</v>
      </c>
      <c r="Q8208" s="71">
        <f>IF(Input!$K$13=4,J8208*Input!$J$13,0)+IF(Input!$K$14=4,K8208*Input!$J$14,0)+IF(Input!$K$15=4,L8208*Input!$J$15,0)+IF(Input!$K$16=4,M8208*Input!$J$16,0)</f>
        <v>0</v>
      </c>
    </row>
    <row r="8209" spans="8:17" x14ac:dyDescent="0.25">
      <c r="H8209" s="43">
        <v>8202</v>
      </c>
      <c r="I8209" s="55">
        <f>Bühler!I8235</f>
        <v>14.653171779098793</v>
      </c>
      <c r="J8209" s="58">
        <f>Bühler!J8235</f>
        <v>36.572428618814939</v>
      </c>
      <c r="K8209" s="58">
        <f>Bühler!K8235</f>
        <v>1.0278528794121333</v>
      </c>
      <c r="L8209" s="58">
        <f>Bühler!L8235</f>
        <v>0.51392643970606666</v>
      </c>
      <c r="M8209" s="57">
        <f>Bühler!M8235</f>
        <v>0</v>
      </c>
      <c r="N8209" s="55">
        <f>IF(Input!$K$13=1,J8209*Input!$J$13,0)+IF(Input!$K$14=1,K8209*Input!$J$14,0)+IF(Input!$K$15=1,L8209*Input!$J$15,0)+IF(Input!$K$16=1,M8209*Input!$J$16,0)</f>
        <v>4.388691434257793</v>
      </c>
      <c r="O8209" s="58">
        <f>IF(Input!$K$13=2,J8209*Input!$J$13,0)+IF(Input!$K$14=2,K8209*Input!$J$14,0)+IF(Input!$K$15=2,L8209*Input!$J$15,0)+IF(Input!$K$16=2,M8209*Input!$J$16,0)</f>
        <v>0.138760138720638</v>
      </c>
      <c r="P8209" s="58">
        <f>IF(Input!$K$13=3,J8209*Input!$J$13,0)+IF(Input!$K$14=3,K8209*Input!$J$14,0)+IF(Input!$K$15=3,L8209*Input!$J$15,0)+IF(Input!$K$16=3,M8209*Input!$J$16,0)</f>
        <v>0</v>
      </c>
      <c r="Q8209" s="71">
        <f>IF(Input!$K$13=4,J8209*Input!$J$13,0)+IF(Input!$K$14=4,K8209*Input!$J$14,0)+IF(Input!$K$15=4,L8209*Input!$J$15,0)+IF(Input!$K$16=4,M8209*Input!$J$16,0)</f>
        <v>0</v>
      </c>
    </row>
    <row r="8210" spans="8:17" x14ac:dyDescent="0.25">
      <c r="H8210" s="43">
        <v>8203</v>
      </c>
      <c r="I8210" s="55">
        <f>Bühler!I8236</f>
        <v>5.4077181565721739</v>
      </c>
      <c r="J8210" s="58">
        <f>Bühler!J8236</f>
        <v>19.029917185396101</v>
      </c>
      <c r="K8210" s="58">
        <f>Bühler!K8236</f>
        <v>0.65408819598953938</v>
      </c>
      <c r="L8210" s="58">
        <f>Bühler!L8236</f>
        <v>0.32704409799476969</v>
      </c>
      <c r="M8210" s="57">
        <f>Bühler!M8236</f>
        <v>0</v>
      </c>
      <c r="N8210" s="55">
        <f>IF(Input!$K$13=1,J8210*Input!$J$13,0)+IF(Input!$K$14=1,K8210*Input!$J$14,0)+IF(Input!$K$15=1,L8210*Input!$J$15,0)+IF(Input!$K$16=1,M8210*Input!$J$16,0)</f>
        <v>2.2835900622475322</v>
      </c>
      <c r="O8210" s="58">
        <f>IF(Input!$K$13=2,J8210*Input!$J$13,0)+IF(Input!$K$14=2,K8210*Input!$J$14,0)+IF(Input!$K$15=2,L8210*Input!$J$15,0)+IF(Input!$K$16=2,M8210*Input!$J$16,0)</f>
        <v>8.830190645858782E-2</v>
      </c>
      <c r="P8210" s="58">
        <f>IF(Input!$K$13=3,J8210*Input!$J$13,0)+IF(Input!$K$14=3,K8210*Input!$J$14,0)+IF(Input!$K$15=3,L8210*Input!$J$15,0)+IF(Input!$K$16=3,M8210*Input!$J$16,0)</f>
        <v>0</v>
      </c>
      <c r="Q8210" s="71">
        <f>IF(Input!$K$13=4,J8210*Input!$J$13,0)+IF(Input!$K$14=4,K8210*Input!$J$14,0)+IF(Input!$K$15=4,L8210*Input!$J$15,0)+IF(Input!$K$16=4,M8210*Input!$J$16,0)</f>
        <v>0</v>
      </c>
    </row>
    <row r="8211" spans="8:17" x14ac:dyDescent="0.25">
      <c r="H8211" s="43">
        <v>8204</v>
      </c>
      <c r="I8211" s="55">
        <f>Bühler!I8237</f>
        <v>5.4077181565721739</v>
      </c>
      <c r="J8211" s="58">
        <f>Bühler!J8237</f>
        <v>18.402700240200407</v>
      </c>
      <c r="K8211" s="58">
        <f>Bühler!K8237</f>
        <v>0.62294113903765658</v>
      </c>
      <c r="L8211" s="58">
        <f>Bühler!L8237</f>
        <v>0.31147056951882829</v>
      </c>
      <c r="M8211" s="57">
        <f>Bühler!M8237</f>
        <v>0</v>
      </c>
      <c r="N8211" s="55">
        <f>IF(Input!$K$13=1,J8211*Input!$J$13,0)+IF(Input!$K$14=1,K8211*Input!$J$14,0)+IF(Input!$K$15=1,L8211*Input!$J$15,0)+IF(Input!$K$16=1,M8211*Input!$J$16,0)</f>
        <v>2.2083240288240487</v>
      </c>
      <c r="O8211" s="58">
        <f>IF(Input!$K$13=2,J8211*Input!$J$13,0)+IF(Input!$K$14=2,K8211*Input!$J$14,0)+IF(Input!$K$15=2,L8211*Input!$J$15,0)+IF(Input!$K$16=2,M8211*Input!$J$16,0)</f>
        <v>8.4097053770083641E-2</v>
      </c>
      <c r="P8211" s="58">
        <f>IF(Input!$K$13=3,J8211*Input!$J$13,0)+IF(Input!$K$14=3,K8211*Input!$J$14,0)+IF(Input!$K$15=3,L8211*Input!$J$15,0)+IF(Input!$K$16=3,M8211*Input!$J$16,0)</f>
        <v>0</v>
      </c>
      <c r="Q8211" s="71">
        <f>IF(Input!$K$13=4,J8211*Input!$J$13,0)+IF(Input!$K$14=4,K8211*Input!$J$14,0)+IF(Input!$K$15=4,L8211*Input!$J$15,0)+IF(Input!$K$16=4,M8211*Input!$J$16,0)</f>
        <v>0</v>
      </c>
    </row>
    <row r="8212" spans="8:17" x14ac:dyDescent="0.25">
      <c r="H8212" s="43">
        <v>8205</v>
      </c>
      <c r="I8212" s="55">
        <f>Bühler!I8238</f>
        <v>5.4077181565721739</v>
      </c>
      <c r="J8212" s="58">
        <f>Bühler!J8238</f>
        <v>18.402700240200407</v>
      </c>
      <c r="K8212" s="58">
        <f>Bühler!K8238</f>
        <v>0.62294113903765658</v>
      </c>
      <c r="L8212" s="58">
        <f>Bühler!L8238</f>
        <v>0.31147056951882829</v>
      </c>
      <c r="M8212" s="57">
        <f>Bühler!M8238</f>
        <v>0</v>
      </c>
      <c r="N8212" s="55">
        <f>IF(Input!$K$13=1,J8212*Input!$J$13,0)+IF(Input!$K$14=1,K8212*Input!$J$14,0)+IF(Input!$K$15=1,L8212*Input!$J$15,0)+IF(Input!$K$16=1,M8212*Input!$J$16,0)</f>
        <v>2.2083240288240487</v>
      </c>
      <c r="O8212" s="58">
        <f>IF(Input!$K$13=2,J8212*Input!$J$13,0)+IF(Input!$K$14=2,K8212*Input!$J$14,0)+IF(Input!$K$15=2,L8212*Input!$J$15,0)+IF(Input!$K$16=2,M8212*Input!$J$16,0)</f>
        <v>8.4097053770083641E-2</v>
      </c>
      <c r="P8212" s="58">
        <f>IF(Input!$K$13=3,J8212*Input!$J$13,0)+IF(Input!$K$14=3,K8212*Input!$J$14,0)+IF(Input!$K$15=3,L8212*Input!$J$15,0)+IF(Input!$K$16=3,M8212*Input!$J$16,0)</f>
        <v>0</v>
      </c>
      <c r="Q8212" s="71">
        <f>IF(Input!$K$13=4,J8212*Input!$J$13,0)+IF(Input!$K$14=4,K8212*Input!$J$14,0)+IF(Input!$K$15=4,L8212*Input!$J$15,0)+IF(Input!$K$16=4,M8212*Input!$J$16,0)</f>
        <v>0</v>
      </c>
    </row>
    <row r="8213" spans="8:17" x14ac:dyDescent="0.25">
      <c r="H8213" s="43">
        <v>8206</v>
      </c>
      <c r="I8213" s="55">
        <f>Bühler!I8239</f>
        <v>5.4077181565721739</v>
      </c>
      <c r="J8213" s="58">
        <f>Bühler!J8239</f>
        <v>18.402700240200407</v>
      </c>
      <c r="K8213" s="58">
        <f>Bühler!K8239</f>
        <v>0.62294113903765658</v>
      </c>
      <c r="L8213" s="58">
        <f>Bühler!L8239</f>
        <v>0.31147056951882829</v>
      </c>
      <c r="M8213" s="57">
        <f>Bühler!M8239</f>
        <v>0</v>
      </c>
      <c r="N8213" s="55">
        <f>IF(Input!$K$13=1,J8213*Input!$J$13,0)+IF(Input!$K$14=1,K8213*Input!$J$14,0)+IF(Input!$K$15=1,L8213*Input!$J$15,0)+IF(Input!$K$16=1,M8213*Input!$J$16,0)</f>
        <v>2.2083240288240487</v>
      </c>
      <c r="O8213" s="58">
        <f>IF(Input!$K$13=2,J8213*Input!$J$13,0)+IF(Input!$K$14=2,K8213*Input!$J$14,0)+IF(Input!$K$15=2,L8213*Input!$J$15,0)+IF(Input!$K$16=2,M8213*Input!$J$16,0)</f>
        <v>8.4097053770083641E-2</v>
      </c>
      <c r="P8213" s="58">
        <f>IF(Input!$K$13=3,J8213*Input!$J$13,0)+IF(Input!$K$14=3,K8213*Input!$J$14,0)+IF(Input!$K$15=3,L8213*Input!$J$15,0)+IF(Input!$K$16=3,M8213*Input!$J$16,0)</f>
        <v>0</v>
      </c>
      <c r="Q8213" s="71">
        <f>IF(Input!$K$13=4,J8213*Input!$J$13,0)+IF(Input!$K$14=4,K8213*Input!$J$14,0)+IF(Input!$K$15=4,L8213*Input!$J$15,0)+IF(Input!$K$16=4,M8213*Input!$J$16,0)</f>
        <v>0</v>
      </c>
    </row>
    <row r="8214" spans="8:17" x14ac:dyDescent="0.25">
      <c r="H8214" s="43">
        <v>8207</v>
      </c>
      <c r="I8214" s="55">
        <f>Bühler!I8240</f>
        <v>5.4077181565721739</v>
      </c>
      <c r="J8214" s="58">
        <f>Bühler!J8240</f>
        <v>18.402700240200407</v>
      </c>
      <c r="K8214" s="58">
        <f>Bühler!K8240</f>
        <v>0.62294113903765658</v>
      </c>
      <c r="L8214" s="58">
        <f>Bühler!L8240</f>
        <v>0.31147056951882829</v>
      </c>
      <c r="M8214" s="57">
        <f>Bühler!M8240</f>
        <v>0</v>
      </c>
      <c r="N8214" s="55">
        <f>IF(Input!$K$13=1,J8214*Input!$J$13,0)+IF(Input!$K$14=1,K8214*Input!$J$14,0)+IF(Input!$K$15=1,L8214*Input!$J$15,0)+IF(Input!$K$16=1,M8214*Input!$J$16,0)</f>
        <v>2.2083240288240487</v>
      </c>
      <c r="O8214" s="58">
        <f>IF(Input!$K$13=2,J8214*Input!$J$13,0)+IF(Input!$K$14=2,K8214*Input!$J$14,0)+IF(Input!$K$15=2,L8214*Input!$J$15,0)+IF(Input!$K$16=2,M8214*Input!$J$16,0)</f>
        <v>8.4097053770083641E-2</v>
      </c>
      <c r="P8214" s="58">
        <f>IF(Input!$K$13=3,J8214*Input!$J$13,0)+IF(Input!$K$14=3,K8214*Input!$J$14,0)+IF(Input!$K$15=3,L8214*Input!$J$15,0)+IF(Input!$K$16=3,M8214*Input!$J$16,0)</f>
        <v>0</v>
      </c>
      <c r="Q8214" s="71">
        <f>IF(Input!$K$13=4,J8214*Input!$J$13,0)+IF(Input!$K$14=4,K8214*Input!$J$14,0)+IF(Input!$K$15=4,L8214*Input!$J$15,0)+IF(Input!$K$16=4,M8214*Input!$J$16,0)</f>
        <v>0</v>
      </c>
    </row>
    <row r="8215" spans="8:17" x14ac:dyDescent="0.25">
      <c r="H8215" s="43">
        <v>8208</v>
      </c>
      <c r="I8215" s="55">
        <f>Bühler!I8241</f>
        <v>5.4077181565721739</v>
      </c>
      <c r="J8215" s="58">
        <f>Bühler!J8241</f>
        <v>18.402700240200407</v>
      </c>
      <c r="K8215" s="58">
        <f>Bühler!K8241</f>
        <v>0.62294113903765658</v>
      </c>
      <c r="L8215" s="58">
        <f>Bühler!L8241</f>
        <v>0.31147056951882829</v>
      </c>
      <c r="M8215" s="57">
        <f>Bühler!M8241</f>
        <v>0</v>
      </c>
      <c r="N8215" s="55">
        <f>IF(Input!$K$13=1,J8215*Input!$J$13,0)+IF(Input!$K$14=1,K8215*Input!$J$14,0)+IF(Input!$K$15=1,L8215*Input!$J$15,0)+IF(Input!$K$16=1,M8215*Input!$J$16,0)</f>
        <v>2.2083240288240487</v>
      </c>
      <c r="O8215" s="58">
        <f>IF(Input!$K$13=2,J8215*Input!$J$13,0)+IF(Input!$K$14=2,K8215*Input!$J$14,0)+IF(Input!$K$15=2,L8215*Input!$J$15,0)+IF(Input!$K$16=2,M8215*Input!$J$16,0)</f>
        <v>8.4097053770083641E-2</v>
      </c>
      <c r="P8215" s="58">
        <f>IF(Input!$K$13=3,J8215*Input!$J$13,0)+IF(Input!$K$14=3,K8215*Input!$J$14,0)+IF(Input!$K$15=3,L8215*Input!$J$15,0)+IF(Input!$K$16=3,M8215*Input!$J$16,0)</f>
        <v>0</v>
      </c>
      <c r="Q8215" s="71">
        <f>IF(Input!$K$13=4,J8215*Input!$J$13,0)+IF(Input!$K$14=4,K8215*Input!$J$14,0)+IF(Input!$K$15=4,L8215*Input!$J$15,0)+IF(Input!$K$16=4,M8215*Input!$J$16,0)</f>
        <v>0</v>
      </c>
    </row>
    <row r="8216" spans="8:17" x14ac:dyDescent="0.25">
      <c r="H8216" s="43">
        <v>8209</v>
      </c>
      <c r="I8216" s="55">
        <f>Bühler!I8242</f>
        <v>2.5340047244852482</v>
      </c>
      <c r="J8216" s="58">
        <f>Bühler!J8242</f>
        <v>20.661445941754948</v>
      </c>
      <c r="K8216" s="58">
        <f>Bühler!K8242</f>
        <v>0.51454193247422586</v>
      </c>
      <c r="L8216" s="58">
        <f>Bühler!L8242</f>
        <v>0.25727096623711293</v>
      </c>
      <c r="M8216" s="57">
        <f>Bühler!M8242</f>
        <v>0</v>
      </c>
      <c r="N8216" s="55">
        <f>IF(Input!$K$13=1,J8216*Input!$J$13,0)+IF(Input!$K$14=1,K8216*Input!$J$14,0)+IF(Input!$K$15=1,L8216*Input!$J$15,0)+IF(Input!$K$16=1,M8216*Input!$J$16,0)</f>
        <v>2.4793735130105938</v>
      </c>
      <c r="O8216" s="58">
        <f>IF(Input!$K$13=2,J8216*Input!$J$13,0)+IF(Input!$K$14=2,K8216*Input!$J$14,0)+IF(Input!$K$15=2,L8216*Input!$J$15,0)+IF(Input!$K$16=2,M8216*Input!$J$16,0)</f>
        <v>6.9463160884020492E-2</v>
      </c>
      <c r="P8216" s="58">
        <f>IF(Input!$K$13=3,J8216*Input!$J$13,0)+IF(Input!$K$14=3,K8216*Input!$J$14,0)+IF(Input!$K$15=3,L8216*Input!$J$15,0)+IF(Input!$K$16=3,M8216*Input!$J$16,0)</f>
        <v>0</v>
      </c>
      <c r="Q8216" s="71">
        <f>IF(Input!$K$13=4,J8216*Input!$J$13,0)+IF(Input!$K$14=4,K8216*Input!$J$14,0)+IF(Input!$K$15=4,L8216*Input!$J$15,0)+IF(Input!$K$16=4,M8216*Input!$J$16,0)</f>
        <v>0</v>
      </c>
    </row>
    <row r="8217" spans="8:17" x14ac:dyDescent="0.25">
      <c r="H8217" s="43">
        <v>8210</v>
      </c>
      <c r="I8217" s="55">
        <f>Bühler!I8243</f>
        <v>4.9473425573283425</v>
      </c>
      <c r="J8217" s="58">
        <f>Bühler!J8243</f>
        <v>19.618011857982641</v>
      </c>
      <c r="K8217" s="58">
        <f>Bühler!K8243</f>
        <v>0.4630877392268033</v>
      </c>
      <c r="L8217" s="58">
        <f>Bühler!L8243</f>
        <v>0.23154386961340165</v>
      </c>
      <c r="M8217" s="57">
        <f>Bühler!M8243</f>
        <v>0</v>
      </c>
      <c r="N8217" s="55">
        <f>IF(Input!$K$13=1,J8217*Input!$J$13,0)+IF(Input!$K$14=1,K8217*Input!$J$14,0)+IF(Input!$K$15=1,L8217*Input!$J$15,0)+IF(Input!$K$16=1,M8217*Input!$J$16,0)</f>
        <v>2.3541614229579166</v>
      </c>
      <c r="O8217" s="58">
        <f>IF(Input!$K$13=2,J8217*Input!$J$13,0)+IF(Input!$K$14=2,K8217*Input!$J$14,0)+IF(Input!$K$15=2,L8217*Input!$J$15,0)+IF(Input!$K$16=2,M8217*Input!$J$16,0)</f>
        <v>6.2516844795618448E-2</v>
      </c>
      <c r="P8217" s="58">
        <f>IF(Input!$K$13=3,J8217*Input!$J$13,0)+IF(Input!$K$14=3,K8217*Input!$J$14,0)+IF(Input!$K$15=3,L8217*Input!$J$15,0)+IF(Input!$K$16=3,M8217*Input!$J$16,0)</f>
        <v>0</v>
      </c>
      <c r="Q8217" s="71">
        <f>IF(Input!$K$13=4,J8217*Input!$J$13,0)+IF(Input!$K$14=4,K8217*Input!$J$14,0)+IF(Input!$K$15=4,L8217*Input!$J$15,0)+IF(Input!$K$16=4,M8217*Input!$J$16,0)</f>
        <v>0</v>
      </c>
    </row>
    <row r="8218" spans="8:17" x14ac:dyDescent="0.25">
      <c r="H8218" s="43">
        <v>8211</v>
      </c>
      <c r="I8218" s="55">
        <f>Bühler!I8244</f>
        <v>4.9473425573283425</v>
      </c>
      <c r="J8218" s="58">
        <f>Bühler!J8244</f>
        <v>19.618011857982641</v>
      </c>
      <c r="K8218" s="58">
        <f>Bühler!K8244</f>
        <v>0.4630877392268033</v>
      </c>
      <c r="L8218" s="58">
        <f>Bühler!L8244</f>
        <v>0.23154386961340165</v>
      </c>
      <c r="M8218" s="57">
        <f>Bühler!M8244</f>
        <v>0</v>
      </c>
      <c r="N8218" s="55">
        <f>IF(Input!$K$13=1,J8218*Input!$J$13,0)+IF(Input!$K$14=1,K8218*Input!$J$14,0)+IF(Input!$K$15=1,L8218*Input!$J$15,0)+IF(Input!$K$16=1,M8218*Input!$J$16,0)</f>
        <v>2.3541614229579166</v>
      </c>
      <c r="O8218" s="58">
        <f>IF(Input!$K$13=2,J8218*Input!$J$13,0)+IF(Input!$K$14=2,K8218*Input!$J$14,0)+IF(Input!$K$15=2,L8218*Input!$J$15,0)+IF(Input!$K$16=2,M8218*Input!$J$16,0)</f>
        <v>6.2516844795618448E-2</v>
      </c>
      <c r="P8218" s="58">
        <f>IF(Input!$K$13=3,J8218*Input!$J$13,0)+IF(Input!$K$14=3,K8218*Input!$J$14,0)+IF(Input!$K$15=3,L8218*Input!$J$15,0)+IF(Input!$K$16=3,M8218*Input!$J$16,0)</f>
        <v>0</v>
      </c>
      <c r="Q8218" s="71">
        <f>IF(Input!$K$13=4,J8218*Input!$J$13,0)+IF(Input!$K$14=4,K8218*Input!$J$14,0)+IF(Input!$K$15=4,L8218*Input!$J$15,0)+IF(Input!$K$16=4,M8218*Input!$J$16,0)</f>
        <v>0</v>
      </c>
    </row>
    <row r="8219" spans="8:17" x14ac:dyDescent="0.25">
      <c r="H8219" s="43">
        <v>8212</v>
      </c>
      <c r="I8219" s="55">
        <f>Bühler!I8245</f>
        <v>4.9473425573283425</v>
      </c>
      <c r="J8219" s="58">
        <f>Bühler!J8245</f>
        <v>19.618011857982641</v>
      </c>
      <c r="K8219" s="58">
        <f>Bühler!K8245</f>
        <v>0.4630877392268033</v>
      </c>
      <c r="L8219" s="58">
        <f>Bühler!L8245</f>
        <v>0.23154386961340165</v>
      </c>
      <c r="M8219" s="57">
        <f>Bühler!M8245</f>
        <v>0</v>
      </c>
      <c r="N8219" s="55">
        <f>IF(Input!$K$13=1,J8219*Input!$J$13,0)+IF(Input!$K$14=1,K8219*Input!$J$14,0)+IF(Input!$K$15=1,L8219*Input!$J$15,0)+IF(Input!$K$16=1,M8219*Input!$J$16,0)</f>
        <v>2.3541614229579166</v>
      </c>
      <c r="O8219" s="58">
        <f>IF(Input!$K$13=2,J8219*Input!$J$13,0)+IF(Input!$K$14=2,K8219*Input!$J$14,0)+IF(Input!$K$15=2,L8219*Input!$J$15,0)+IF(Input!$K$16=2,M8219*Input!$J$16,0)</f>
        <v>6.2516844795618448E-2</v>
      </c>
      <c r="P8219" s="58">
        <f>IF(Input!$K$13=3,J8219*Input!$J$13,0)+IF(Input!$K$14=3,K8219*Input!$J$14,0)+IF(Input!$K$15=3,L8219*Input!$J$15,0)+IF(Input!$K$16=3,M8219*Input!$J$16,0)</f>
        <v>0</v>
      </c>
      <c r="Q8219" s="71">
        <f>IF(Input!$K$13=4,J8219*Input!$J$13,0)+IF(Input!$K$14=4,K8219*Input!$J$14,0)+IF(Input!$K$15=4,L8219*Input!$J$15,0)+IF(Input!$K$16=4,M8219*Input!$J$16,0)</f>
        <v>0</v>
      </c>
    </row>
    <row r="8220" spans="8:17" x14ac:dyDescent="0.25">
      <c r="H8220" s="43">
        <v>8213</v>
      </c>
      <c r="I8220" s="55">
        <f>Bühler!I8246</f>
        <v>4.9473425573283425</v>
      </c>
      <c r="J8220" s="58">
        <f>Bühler!J8246</f>
        <v>19.618011857982641</v>
      </c>
      <c r="K8220" s="58">
        <f>Bühler!K8246</f>
        <v>0.4630877392268033</v>
      </c>
      <c r="L8220" s="58">
        <f>Bühler!L8246</f>
        <v>0.23154386961340165</v>
      </c>
      <c r="M8220" s="57">
        <f>Bühler!M8246</f>
        <v>0</v>
      </c>
      <c r="N8220" s="55">
        <f>IF(Input!$K$13=1,J8220*Input!$J$13,0)+IF(Input!$K$14=1,K8220*Input!$J$14,0)+IF(Input!$K$15=1,L8220*Input!$J$15,0)+IF(Input!$K$16=1,M8220*Input!$J$16,0)</f>
        <v>2.3541614229579166</v>
      </c>
      <c r="O8220" s="58">
        <f>IF(Input!$K$13=2,J8220*Input!$J$13,0)+IF(Input!$K$14=2,K8220*Input!$J$14,0)+IF(Input!$K$15=2,L8220*Input!$J$15,0)+IF(Input!$K$16=2,M8220*Input!$J$16,0)</f>
        <v>6.2516844795618448E-2</v>
      </c>
      <c r="P8220" s="58">
        <f>IF(Input!$K$13=3,J8220*Input!$J$13,0)+IF(Input!$K$14=3,K8220*Input!$J$14,0)+IF(Input!$K$15=3,L8220*Input!$J$15,0)+IF(Input!$K$16=3,M8220*Input!$J$16,0)</f>
        <v>0</v>
      </c>
      <c r="Q8220" s="71">
        <f>IF(Input!$K$13=4,J8220*Input!$J$13,0)+IF(Input!$K$14=4,K8220*Input!$J$14,0)+IF(Input!$K$15=4,L8220*Input!$J$15,0)+IF(Input!$K$16=4,M8220*Input!$J$16,0)</f>
        <v>0</v>
      </c>
    </row>
    <row r="8221" spans="8:17" x14ac:dyDescent="0.25">
      <c r="H8221" s="43">
        <v>8214</v>
      </c>
      <c r="I8221" s="55">
        <f>Bühler!I8247</f>
        <v>6.1540114737498897</v>
      </c>
      <c r="J8221" s="58">
        <f>Bühler!J8247</f>
        <v>19.668289729500206</v>
      </c>
      <c r="K8221" s="58">
        <f>Bühler!K8247</f>
        <v>0.4630877392268033</v>
      </c>
      <c r="L8221" s="58">
        <f>Bühler!L8247</f>
        <v>0.23154386961340165</v>
      </c>
      <c r="M8221" s="57">
        <f>Bühler!M8247</f>
        <v>0</v>
      </c>
      <c r="N8221" s="55">
        <f>IF(Input!$K$13=1,J8221*Input!$J$13,0)+IF(Input!$K$14=1,K8221*Input!$J$14,0)+IF(Input!$K$15=1,L8221*Input!$J$15,0)+IF(Input!$K$16=1,M8221*Input!$J$16,0)</f>
        <v>2.3601947675400248</v>
      </c>
      <c r="O8221" s="58">
        <f>IF(Input!$K$13=2,J8221*Input!$J$13,0)+IF(Input!$K$14=2,K8221*Input!$J$14,0)+IF(Input!$K$15=2,L8221*Input!$J$15,0)+IF(Input!$K$16=2,M8221*Input!$J$16,0)</f>
        <v>6.2516844795618448E-2</v>
      </c>
      <c r="P8221" s="58">
        <f>IF(Input!$K$13=3,J8221*Input!$J$13,0)+IF(Input!$K$14=3,K8221*Input!$J$14,0)+IF(Input!$K$15=3,L8221*Input!$J$15,0)+IF(Input!$K$16=3,M8221*Input!$J$16,0)</f>
        <v>0</v>
      </c>
      <c r="Q8221" s="71">
        <f>IF(Input!$K$13=4,J8221*Input!$J$13,0)+IF(Input!$K$14=4,K8221*Input!$J$14,0)+IF(Input!$K$15=4,L8221*Input!$J$15,0)+IF(Input!$K$16=4,M8221*Input!$J$16,0)</f>
        <v>0</v>
      </c>
    </row>
    <row r="8222" spans="8:17" x14ac:dyDescent="0.25">
      <c r="H8222" s="43">
        <v>8215</v>
      </c>
      <c r="I8222" s="55">
        <f>Bühler!I8248</f>
        <v>7.7226810650978992</v>
      </c>
      <c r="J8222" s="58">
        <f>Bühler!J8248</f>
        <v>19.733650962473039</v>
      </c>
      <c r="K8222" s="58">
        <f>Bühler!K8248</f>
        <v>0.4630877392268033</v>
      </c>
      <c r="L8222" s="58">
        <f>Bühler!L8248</f>
        <v>0.23154386961340165</v>
      </c>
      <c r="M8222" s="57">
        <f>Bühler!M8248</f>
        <v>0</v>
      </c>
      <c r="N8222" s="55">
        <f>IF(Input!$K$13=1,J8222*Input!$J$13,0)+IF(Input!$K$14=1,K8222*Input!$J$14,0)+IF(Input!$K$15=1,L8222*Input!$J$15,0)+IF(Input!$K$16=1,M8222*Input!$J$16,0)</f>
        <v>2.3680381154967645</v>
      </c>
      <c r="O8222" s="58">
        <f>IF(Input!$K$13=2,J8222*Input!$J$13,0)+IF(Input!$K$14=2,K8222*Input!$J$14,0)+IF(Input!$K$15=2,L8222*Input!$J$15,0)+IF(Input!$K$16=2,M8222*Input!$J$16,0)</f>
        <v>6.2516844795618448E-2</v>
      </c>
      <c r="P8222" s="58">
        <f>IF(Input!$K$13=3,J8222*Input!$J$13,0)+IF(Input!$K$14=3,K8222*Input!$J$14,0)+IF(Input!$K$15=3,L8222*Input!$J$15,0)+IF(Input!$K$16=3,M8222*Input!$J$16,0)</f>
        <v>0</v>
      </c>
      <c r="Q8222" s="71">
        <f>IF(Input!$K$13=4,J8222*Input!$J$13,0)+IF(Input!$K$14=4,K8222*Input!$J$14,0)+IF(Input!$K$15=4,L8222*Input!$J$15,0)+IF(Input!$K$16=4,M8222*Input!$J$16,0)</f>
        <v>0</v>
      </c>
    </row>
    <row r="8223" spans="8:17" x14ac:dyDescent="0.25">
      <c r="H8223" s="43">
        <v>8216</v>
      </c>
      <c r="I8223" s="55">
        <f>Bühler!I8249</f>
        <v>8.8086830898772934</v>
      </c>
      <c r="J8223" s="58">
        <f>Bühler!J8249</f>
        <v>19.778901046838847</v>
      </c>
      <c r="K8223" s="58">
        <f>Bühler!K8249</f>
        <v>0.4630877392268033</v>
      </c>
      <c r="L8223" s="58">
        <f>Bühler!L8249</f>
        <v>0.23154386961340165</v>
      </c>
      <c r="M8223" s="57">
        <f>Bühler!M8249</f>
        <v>0</v>
      </c>
      <c r="N8223" s="55">
        <f>IF(Input!$K$13=1,J8223*Input!$J$13,0)+IF(Input!$K$14=1,K8223*Input!$J$14,0)+IF(Input!$K$15=1,L8223*Input!$J$15,0)+IF(Input!$K$16=1,M8223*Input!$J$16,0)</f>
        <v>2.3734681256206613</v>
      </c>
      <c r="O8223" s="58">
        <f>IF(Input!$K$13=2,J8223*Input!$J$13,0)+IF(Input!$K$14=2,K8223*Input!$J$14,0)+IF(Input!$K$15=2,L8223*Input!$J$15,0)+IF(Input!$K$16=2,M8223*Input!$J$16,0)</f>
        <v>6.2516844795618448E-2</v>
      </c>
      <c r="P8223" s="58">
        <f>IF(Input!$K$13=3,J8223*Input!$J$13,0)+IF(Input!$K$14=3,K8223*Input!$J$14,0)+IF(Input!$K$15=3,L8223*Input!$J$15,0)+IF(Input!$K$16=3,M8223*Input!$J$16,0)</f>
        <v>0</v>
      </c>
      <c r="Q8223" s="71">
        <f>IF(Input!$K$13=4,J8223*Input!$J$13,0)+IF(Input!$K$14=4,K8223*Input!$J$14,0)+IF(Input!$K$15=4,L8223*Input!$J$15,0)+IF(Input!$K$16=4,M8223*Input!$J$16,0)</f>
        <v>0</v>
      </c>
    </row>
    <row r="8224" spans="8:17" x14ac:dyDescent="0.25">
      <c r="H8224" s="43">
        <v>8217</v>
      </c>
      <c r="I8224" s="55">
        <f>Bühler!I8250</f>
        <v>8.8086830898772934</v>
      </c>
      <c r="J8224" s="58">
        <f>Bühler!J8250</f>
        <v>19.778901046838847</v>
      </c>
      <c r="K8224" s="58">
        <f>Bühler!K8250</f>
        <v>0.4630877392268033</v>
      </c>
      <c r="L8224" s="58">
        <f>Bühler!L8250</f>
        <v>0.23154386961340165</v>
      </c>
      <c r="M8224" s="57">
        <f>Bühler!M8250</f>
        <v>0</v>
      </c>
      <c r="N8224" s="55">
        <f>IF(Input!$K$13=1,J8224*Input!$J$13,0)+IF(Input!$K$14=1,K8224*Input!$J$14,0)+IF(Input!$K$15=1,L8224*Input!$J$15,0)+IF(Input!$K$16=1,M8224*Input!$J$16,0)</f>
        <v>2.3734681256206613</v>
      </c>
      <c r="O8224" s="58">
        <f>IF(Input!$K$13=2,J8224*Input!$J$13,0)+IF(Input!$K$14=2,K8224*Input!$J$14,0)+IF(Input!$K$15=2,L8224*Input!$J$15,0)+IF(Input!$K$16=2,M8224*Input!$J$16,0)</f>
        <v>6.2516844795618448E-2</v>
      </c>
      <c r="P8224" s="58">
        <f>IF(Input!$K$13=3,J8224*Input!$J$13,0)+IF(Input!$K$14=3,K8224*Input!$J$14,0)+IF(Input!$K$15=3,L8224*Input!$J$15,0)+IF(Input!$K$16=3,M8224*Input!$J$16,0)</f>
        <v>0</v>
      </c>
      <c r="Q8224" s="71">
        <f>IF(Input!$K$13=4,J8224*Input!$J$13,0)+IF(Input!$K$14=4,K8224*Input!$J$14,0)+IF(Input!$K$15=4,L8224*Input!$J$15,0)+IF(Input!$K$16=4,M8224*Input!$J$16,0)</f>
        <v>0</v>
      </c>
    </row>
    <row r="8225" spans="8:17" x14ac:dyDescent="0.25">
      <c r="H8225" s="43">
        <v>8218</v>
      </c>
      <c r="I8225" s="55">
        <f>Bühler!I8251</f>
        <v>8.8086830898772934</v>
      </c>
      <c r="J8225" s="58">
        <f>Bühler!J8251</f>
        <v>19.778901046838847</v>
      </c>
      <c r="K8225" s="58">
        <f>Bühler!K8251</f>
        <v>0.4630877392268033</v>
      </c>
      <c r="L8225" s="58">
        <f>Bühler!L8251</f>
        <v>0.23154386961340165</v>
      </c>
      <c r="M8225" s="57">
        <f>Bühler!M8251</f>
        <v>0</v>
      </c>
      <c r="N8225" s="55">
        <f>IF(Input!$K$13=1,J8225*Input!$J$13,0)+IF(Input!$K$14=1,K8225*Input!$J$14,0)+IF(Input!$K$15=1,L8225*Input!$J$15,0)+IF(Input!$K$16=1,M8225*Input!$J$16,0)</f>
        <v>2.3734681256206613</v>
      </c>
      <c r="O8225" s="58">
        <f>IF(Input!$K$13=2,J8225*Input!$J$13,0)+IF(Input!$K$14=2,K8225*Input!$J$14,0)+IF(Input!$K$15=2,L8225*Input!$J$15,0)+IF(Input!$K$16=2,M8225*Input!$J$16,0)</f>
        <v>6.2516844795618448E-2</v>
      </c>
      <c r="P8225" s="58">
        <f>IF(Input!$K$13=3,J8225*Input!$J$13,0)+IF(Input!$K$14=3,K8225*Input!$J$14,0)+IF(Input!$K$15=3,L8225*Input!$J$15,0)+IF(Input!$K$16=3,M8225*Input!$J$16,0)</f>
        <v>0</v>
      </c>
      <c r="Q8225" s="71">
        <f>IF(Input!$K$13=4,J8225*Input!$J$13,0)+IF(Input!$K$14=4,K8225*Input!$J$14,0)+IF(Input!$K$15=4,L8225*Input!$J$15,0)+IF(Input!$K$16=4,M8225*Input!$J$16,0)</f>
        <v>0</v>
      </c>
    </row>
    <row r="8226" spans="8:17" x14ac:dyDescent="0.25">
      <c r="H8226" s="43">
        <v>8219</v>
      </c>
      <c r="I8226" s="55">
        <f>Bühler!I8252</f>
        <v>8.8086830898772934</v>
      </c>
      <c r="J8226" s="58">
        <f>Bühler!J8252</f>
        <v>19.778901046838847</v>
      </c>
      <c r="K8226" s="58">
        <f>Bühler!K8252</f>
        <v>0.4630877392268033</v>
      </c>
      <c r="L8226" s="58">
        <f>Bühler!L8252</f>
        <v>0.23154386961340165</v>
      </c>
      <c r="M8226" s="57">
        <f>Bühler!M8252</f>
        <v>0</v>
      </c>
      <c r="N8226" s="55">
        <f>IF(Input!$K$13=1,J8226*Input!$J$13,0)+IF(Input!$K$14=1,K8226*Input!$J$14,0)+IF(Input!$K$15=1,L8226*Input!$J$15,0)+IF(Input!$K$16=1,M8226*Input!$J$16,0)</f>
        <v>2.3734681256206613</v>
      </c>
      <c r="O8226" s="58">
        <f>IF(Input!$K$13=2,J8226*Input!$J$13,0)+IF(Input!$K$14=2,K8226*Input!$J$14,0)+IF(Input!$K$15=2,L8226*Input!$J$15,0)+IF(Input!$K$16=2,M8226*Input!$J$16,0)</f>
        <v>6.2516844795618448E-2</v>
      </c>
      <c r="P8226" s="58">
        <f>IF(Input!$K$13=3,J8226*Input!$J$13,0)+IF(Input!$K$14=3,K8226*Input!$J$14,0)+IF(Input!$K$15=3,L8226*Input!$J$15,0)+IF(Input!$K$16=3,M8226*Input!$J$16,0)</f>
        <v>0</v>
      </c>
      <c r="Q8226" s="71">
        <f>IF(Input!$K$13=4,J8226*Input!$J$13,0)+IF(Input!$K$14=4,K8226*Input!$J$14,0)+IF(Input!$K$15=4,L8226*Input!$J$15,0)+IF(Input!$K$16=4,M8226*Input!$J$16,0)</f>
        <v>0</v>
      </c>
    </row>
    <row r="8227" spans="8:17" x14ac:dyDescent="0.25">
      <c r="H8227" s="43">
        <v>8220</v>
      </c>
      <c r="I8227" s="55">
        <f>Bühler!I8253</f>
        <v>8.8086830898772934</v>
      </c>
      <c r="J8227" s="58">
        <f>Bühler!J8253</f>
        <v>19.778901046838847</v>
      </c>
      <c r="K8227" s="58">
        <f>Bühler!K8253</f>
        <v>0.4630877392268033</v>
      </c>
      <c r="L8227" s="58">
        <f>Bühler!L8253</f>
        <v>0.23154386961340165</v>
      </c>
      <c r="M8227" s="57">
        <f>Bühler!M8253</f>
        <v>0</v>
      </c>
      <c r="N8227" s="55">
        <f>IF(Input!$K$13=1,J8227*Input!$J$13,0)+IF(Input!$K$14=1,K8227*Input!$J$14,0)+IF(Input!$K$15=1,L8227*Input!$J$15,0)+IF(Input!$K$16=1,M8227*Input!$J$16,0)</f>
        <v>2.3734681256206613</v>
      </c>
      <c r="O8227" s="58">
        <f>IF(Input!$K$13=2,J8227*Input!$J$13,0)+IF(Input!$K$14=2,K8227*Input!$J$14,0)+IF(Input!$K$15=2,L8227*Input!$J$15,0)+IF(Input!$K$16=2,M8227*Input!$J$16,0)</f>
        <v>6.2516844795618448E-2</v>
      </c>
      <c r="P8227" s="58">
        <f>IF(Input!$K$13=3,J8227*Input!$J$13,0)+IF(Input!$K$14=3,K8227*Input!$J$14,0)+IF(Input!$K$15=3,L8227*Input!$J$15,0)+IF(Input!$K$16=3,M8227*Input!$J$16,0)</f>
        <v>0</v>
      </c>
      <c r="Q8227" s="71">
        <f>IF(Input!$K$13=4,J8227*Input!$J$13,0)+IF(Input!$K$14=4,K8227*Input!$J$14,0)+IF(Input!$K$15=4,L8227*Input!$J$15,0)+IF(Input!$K$16=4,M8227*Input!$J$16,0)</f>
        <v>0</v>
      </c>
    </row>
    <row r="8228" spans="8:17" x14ac:dyDescent="0.25">
      <c r="H8228" s="43">
        <v>8221</v>
      </c>
      <c r="I8228" s="55">
        <f>Bühler!I8254</f>
        <v>8.8086830898772934</v>
      </c>
      <c r="J8228" s="58">
        <f>Bühler!J8254</f>
        <v>19.778901046838847</v>
      </c>
      <c r="K8228" s="58">
        <f>Bühler!K8254</f>
        <v>0.4630877392268033</v>
      </c>
      <c r="L8228" s="58">
        <f>Bühler!L8254</f>
        <v>0.23154386961340165</v>
      </c>
      <c r="M8228" s="57">
        <f>Bühler!M8254</f>
        <v>0</v>
      </c>
      <c r="N8228" s="55">
        <f>IF(Input!$K$13=1,J8228*Input!$J$13,0)+IF(Input!$K$14=1,K8228*Input!$J$14,0)+IF(Input!$K$15=1,L8228*Input!$J$15,0)+IF(Input!$K$16=1,M8228*Input!$J$16,0)</f>
        <v>2.3734681256206613</v>
      </c>
      <c r="O8228" s="58">
        <f>IF(Input!$K$13=2,J8228*Input!$J$13,0)+IF(Input!$K$14=2,K8228*Input!$J$14,0)+IF(Input!$K$15=2,L8228*Input!$J$15,0)+IF(Input!$K$16=2,M8228*Input!$J$16,0)</f>
        <v>6.2516844795618448E-2</v>
      </c>
      <c r="P8228" s="58">
        <f>IF(Input!$K$13=3,J8228*Input!$J$13,0)+IF(Input!$K$14=3,K8228*Input!$J$14,0)+IF(Input!$K$15=3,L8228*Input!$J$15,0)+IF(Input!$K$16=3,M8228*Input!$J$16,0)</f>
        <v>0</v>
      </c>
      <c r="Q8228" s="71">
        <f>IF(Input!$K$13=4,J8228*Input!$J$13,0)+IF(Input!$K$14=4,K8228*Input!$J$14,0)+IF(Input!$K$15=4,L8228*Input!$J$15,0)+IF(Input!$K$16=4,M8228*Input!$J$16,0)</f>
        <v>0</v>
      </c>
    </row>
    <row r="8229" spans="8:17" x14ac:dyDescent="0.25">
      <c r="H8229" s="43">
        <v>8222</v>
      </c>
      <c r="I8229" s="55">
        <f>Bühler!I8255</f>
        <v>8.8086830898772934</v>
      </c>
      <c r="J8229" s="58">
        <f>Bühler!J8255</f>
        <v>19.778901046838847</v>
      </c>
      <c r="K8229" s="58">
        <f>Bühler!K8255</f>
        <v>0.4630877392268033</v>
      </c>
      <c r="L8229" s="58">
        <f>Bühler!L8255</f>
        <v>0.23154386961340165</v>
      </c>
      <c r="M8229" s="57">
        <f>Bühler!M8255</f>
        <v>0</v>
      </c>
      <c r="N8229" s="55">
        <f>IF(Input!$K$13=1,J8229*Input!$J$13,0)+IF(Input!$K$14=1,K8229*Input!$J$14,0)+IF(Input!$K$15=1,L8229*Input!$J$15,0)+IF(Input!$K$16=1,M8229*Input!$J$16,0)</f>
        <v>2.3734681256206613</v>
      </c>
      <c r="O8229" s="58">
        <f>IF(Input!$K$13=2,J8229*Input!$J$13,0)+IF(Input!$K$14=2,K8229*Input!$J$14,0)+IF(Input!$K$15=2,L8229*Input!$J$15,0)+IF(Input!$K$16=2,M8229*Input!$J$16,0)</f>
        <v>6.2516844795618448E-2</v>
      </c>
      <c r="P8229" s="58">
        <f>IF(Input!$K$13=3,J8229*Input!$J$13,0)+IF(Input!$K$14=3,K8229*Input!$J$14,0)+IF(Input!$K$15=3,L8229*Input!$J$15,0)+IF(Input!$K$16=3,M8229*Input!$J$16,0)</f>
        <v>0</v>
      </c>
      <c r="Q8229" s="71">
        <f>IF(Input!$K$13=4,J8229*Input!$J$13,0)+IF(Input!$K$14=4,K8229*Input!$J$14,0)+IF(Input!$K$15=4,L8229*Input!$J$15,0)+IF(Input!$K$16=4,M8229*Input!$J$16,0)</f>
        <v>0</v>
      </c>
    </row>
    <row r="8230" spans="8:17" x14ac:dyDescent="0.25">
      <c r="H8230" s="43">
        <v>8223</v>
      </c>
      <c r="I8230" s="55">
        <f>Bühler!I8256</f>
        <v>8.8086830898772934</v>
      </c>
      <c r="J8230" s="58">
        <f>Bühler!J8256</f>
        <v>19.778901046838847</v>
      </c>
      <c r="K8230" s="58">
        <f>Bühler!K8256</f>
        <v>0.4630877392268033</v>
      </c>
      <c r="L8230" s="58">
        <f>Bühler!L8256</f>
        <v>0.23154386961340165</v>
      </c>
      <c r="M8230" s="57">
        <f>Bühler!M8256</f>
        <v>0</v>
      </c>
      <c r="N8230" s="55">
        <f>IF(Input!$K$13=1,J8230*Input!$J$13,0)+IF(Input!$K$14=1,K8230*Input!$J$14,0)+IF(Input!$K$15=1,L8230*Input!$J$15,0)+IF(Input!$K$16=1,M8230*Input!$J$16,0)</f>
        <v>2.3734681256206613</v>
      </c>
      <c r="O8230" s="58">
        <f>IF(Input!$K$13=2,J8230*Input!$J$13,0)+IF(Input!$K$14=2,K8230*Input!$J$14,0)+IF(Input!$K$15=2,L8230*Input!$J$15,0)+IF(Input!$K$16=2,M8230*Input!$J$16,0)</f>
        <v>6.2516844795618448E-2</v>
      </c>
      <c r="P8230" s="58">
        <f>IF(Input!$K$13=3,J8230*Input!$J$13,0)+IF(Input!$K$14=3,K8230*Input!$J$14,0)+IF(Input!$K$15=3,L8230*Input!$J$15,0)+IF(Input!$K$16=3,M8230*Input!$J$16,0)</f>
        <v>0</v>
      </c>
      <c r="Q8230" s="71">
        <f>IF(Input!$K$13=4,J8230*Input!$J$13,0)+IF(Input!$K$14=4,K8230*Input!$J$14,0)+IF(Input!$K$15=4,L8230*Input!$J$15,0)+IF(Input!$K$16=4,M8230*Input!$J$16,0)</f>
        <v>0</v>
      </c>
    </row>
    <row r="8231" spans="8:17" x14ac:dyDescent="0.25">
      <c r="H8231" s="43">
        <v>8224</v>
      </c>
      <c r="I8231" s="55">
        <f>Bühler!I8257</f>
        <v>7.9640148483822086</v>
      </c>
      <c r="J8231" s="58">
        <f>Bühler!J8257</f>
        <v>19.74370653677655</v>
      </c>
      <c r="K8231" s="58">
        <f>Bühler!K8257</f>
        <v>0.4630877392268033</v>
      </c>
      <c r="L8231" s="58">
        <f>Bühler!L8257</f>
        <v>0.23154386961340165</v>
      </c>
      <c r="M8231" s="57">
        <f>Bühler!M8257</f>
        <v>0</v>
      </c>
      <c r="N8231" s="55">
        <f>IF(Input!$K$13=1,J8231*Input!$J$13,0)+IF(Input!$K$14=1,K8231*Input!$J$14,0)+IF(Input!$K$15=1,L8231*Input!$J$15,0)+IF(Input!$K$16=1,M8231*Input!$J$16,0)</f>
        <v>2.3692447844131861</v>
      </c>
      <c r="O8231" s="58">
        <f>IF(Input!$K$13=2,J8231*Input!$J$13,0)+IF(Input!$K$14=2,K8231*Input!$J$14,0)+IF(Input!$K$15=2,L8231*Input!$J$15,0)+IF(Input!$K$16=2,M8231*Input!$J$16,0)</f>
        <v>6.2516844795618448E-2</v>
      </c>
      <c r="P8231" s="58">
        <f>IF(Input!$K$13=3,J8231*Input!$J$13,0)+IF(Input!$K$14=3,K8231*Input!$J$14,0)+IF(Input!$K$15=3,L8231*Input!$J$15,0)+IF(Input!$K$16=3,M8231*Input!$J$16,0)</f>
        <v>0</v>
      </c>
      <c r="Q8231" s="71">
        <f>IF(Input!$K$13=4,J8231*Input!$J$13,0)+IF(Input!$K$14=4,K8231*Input!$J$14,0)+IF(Input!$K$15=4,L8231*Input!$J$15,0)+IF(Input!$K$16=4,M8231*Input!$J$16,0)</f>
        <v>0</v>
      </c>
    </row>
    <row r="8232" spans="8:17" x14ac:dyDescent="0.25">
      <c r="H8232" s="43">
        <v>8225</v>
      </c>
      <c r="I8232" s="55">
        <f>Bühler!I8258</f>
        <v>7.2400134985292812</v>
      </c>
      <c r="J8232" s="58">
        <f>Bühler!J8258</f>
        <v>19.713539813866014</v>
      </c>
      <c r="K8232" s="58">
        <f>Bühler!K8258</f>
        <v>0.4630877392268033</v>
      </c>
      <c r="L8232" s="58">
        <f>Bühler!L8258</f>
        <v>0.23154386961340165</v>
      </c>
      <c r="M8232" s="57">
        <f>Bühler!M8258</f>
        <v>0</v>
      </c>
      <c r="N8232" s="55">
        <f>IF(Input!$K$13=1,J8232*Input!$J$13,0)+IF(Input!$K$14=1,K8232*Input!$J$14,0)+IF(Input!$K$15=1,L8232*Input!$J$15,0)+IF(Input!$K$16=1,M8232*Input!$J$16,0)</f>
        <v>2.3656247776639217</v>
      </c>
      <c r="O8232" s="58">
        <f>IF(Input!$K$13=2,J8232*Input!$J$13,0)+IF(Input!$K$14=2,K8232*Input!$J$14,0)+IF(Input!$K$15=2,L8232*Input!$J$15,0)+IF(Input!$K$16=2,M8232*Input!$J$16,0)</f>
        <v>6.2516844795618448E-2</v>
      </c>
      <c r="P8232" s="58">
        <f>IF(Input!$K$13=3,J8232*Input!$J$13,0)+IF(Input!$K$14=3,K8232*Input!$J$14,0)+IF(Input!$K$15=3,L8232*Input!$J$15,0)+IF(Input!$K$16=3,M8232*Input!$J$16,0)</f>
        <v>0</v>
      </c>
      <c r="Q8232" s="71">
        <f>IF(Input!$K$13=4,J8232*Input!$J$13,0)+IF(Input!$K$14=4,K8232*Input!$J$14,0)+IF(Input!$K$15=4,L8232*Input!$J$15,0)+IF(Input!$K$16=4,M8232*Input!$J$16,0)</f>
        <v>0</v>
      </c>
    </row>
    <row r="8233" spans="8:17" x14ac:dyDescent="0.25">
      <c r="H8233" s="43">
        <v>8226</v>
      </c>
      <c r="I8233" s="55">
        <f>Bühler!I8259</f>
        <v>6.5160121486763529</v>
      </c>
      <c r="J8233" s="58">
        <f>Bühler!J8259</f>
        <v>19.683373090955474</v>
      </c>
      <c r="K8233" s="58">
        <f>Bühler!K8259</f>
        <v>0.4630877392268033</v>
      </c>
      <c r="L8233" s="58">
        <f>Bühler!L8259</f>
        <v>0.23154386961340165</v>
      </c>
      <c r="M8233" s="57">
        <f>Bühler!M8259</f>
        <v>0</v>
      </c>
      <c r="N8233" s="55">
        <f>IF(Input!$K$13=1,J8233*Input!$J$13,0)+IF(Input!$K$14=1,K8233*Input!$J$14,0)+IF(Input!$K$15=1,L8233*Input!$J$15,0)+IF(Input!$K$16=1,M8233*Input!$J$16,0)</f>
        <v>2.3620047709146568</v>
      </c>
      <c r="O8233" s="58">
        <f>IF(Input!$K$13=2,J8233*Input!$J$13,0)+IF(Input!$K$14=2,K8233*Input!$J$14,0)+IF(Input!$K$15=2,L8233*Input!$J$15,0)+IF(Input!$K$16=2,M8233*Input!$J$16,0)</f>
        <v>6.2516844795618448E-2</v>
      </c>
      <c r="P8233" s="58">
        <f>IF(Input!$K$13=3,J8233*Input!$J$13,0)+IF(Input!$K$14=3,K8233*Input!$J$14,0)+IF(Input!$K$15=3,L8233*Input!$J$15,0)+IF(Input!$K$16=3,M8233*Input!$J$16,0)</f>
        <v>0</v>
      </c>
      <c r="Q8233" s="71">
        <f>IF(Input!$K$13=4,J8233*Input!$J$13,0)+IF(Input!$K$14=4,K8233*Input!$J$14,0)+IF(Input!$K$15=4,L8233*Input!$J$15,0)+IF(Input!$K$16=4,M8233*Input!$J$16,0)</f>
        <v>0</v>
      </c>
    </row>
    <row r="8234" spans="8:17" x14ac:dyDescent="0.25">
      <c r="H8234" s="43">
        <v>8227</v>
      </c>
      <c r="I8234" s="55">
        <f>Bühler!I8260</f>
        <v>6.2746783653920435</v>
      </c>
      <c r="J8234" s="58">
        <f>Bühler!J8260</f>
        <v>19.673317516651963</v>
      </c>
      <c r="K8234" s="58">
        <f>Bühler!K8260</f>
        <v>0.4630877392268033</v>
      </c>
      <c r="L8234" s="58">
        <f>Bühler!L8260</f>
        <v>0.23154386961340165</v>
      </c>
      <c r="M8234" s="57">
        <f>Bühler!M8260</f>
        <v>0</v>
      </c>
      <c r="N8234" s="55">
        <f>IF(Input!$K$13=1,J8234*Input!$J$13,0)+IF(Input!$K$14=1,K8234*Input!$J$14,0)+IF(Input!$K$15=1,L8234*Input!$J$15,0)+IF(Input!$K$16=1,M8234*Input!$J$16,0)</f>
        <v>2.3607981019982356</v>
      </c>
      <c r="O8234" s="58">
        <f>IF(Input!$K$13=2,J8234*Input!$J$13,0)+IF(Input!$K$14=2,K8234*Input!$J$14,0)+IF(Input!$K$15=2,L8234*Input!$J$15,0)+IF(Input!$K$16=2,M8234*Input!$J$16,0)</f>
        <v>6.2516844795618448E-2</v>
      </c>
      <c r="P8234" s="58">
        <f>IF(Input!$K$13=3,J8234*Input!$J$13,0)+IF(Input!$K$14=3,K8234*Input!$J$14,0)+IF(Input!$K$15=3,L8234*Input!$J$15,0)+IF(Input!$K$16=3,M8234*Input!$J$16,0)</f>
        <v>0</v>
      </c>
      <c r="Q8234" s="71">
        <f>IF(Input!$K$13=4,J8234*Input!$J$13,0)+IF(Input!$K$14=4,K8234*Input!$J$14,0)+IF(Input!$K$15=4,L8234*Input!$J$15,0)+IF(Input!$K$16=4,M8234*Input!$J$16,0)</f>
        <v>0</v>
      </c>
    </row>
    <row r="8235" spans="8:17" x14ac:dyDescent="0.25">
      <c r="H8235" s="43">
        <v>8228</v>
      </c>
      <c r="I8235" s="55">
        <f>Bühler!I8261</f>
        <v>5.0680094489704963</v>
      </c>
      <c r="J8235" s="58">
        <f>Bühler!J8261</f>
        <v>19.623039645134398</v>
      </c>
      <c r="K8235" s="58">
        <f>Bühler!K8261</f>
        <v>0.4630877392268033</v>
      </c>
      <c r="L8235" s="58">
        <f>Bühler!L8261</f>
        <v>0.23154386961340165</v>
      </c>
      <c r="M8235" s="57">
        <f>Bühler!M8261</f>
        <v>0</v>
      </c>
      <c r="N8235" s="55">
        <f>IF(Input!$K$13=1,J8235*Input!$J$13,0)+IF(Input!$K$14=1,K8235*Input!$J$14,0)+IF(Input!$K$15=1,L8235*Input!$J$15,0)+IF(Input!$K$16=1,M8235*Input!$J$16,0)</f>
        <v>2.3547647574161275</v>
      </c>
      <c r="O8235" s="58">
        <f>IF(Input!$K$13=2,J8235*Input!$J$13,0)+IF(Input!$K$14=2,K8235*Input!$J$14,0)+IF(Input!$K$15=2,L8235*Input!$J$15,0)+IF(Input!$K$16=2,M8235*Input!$J$16,0)</f>
        <v>6.2516844795618448E-2</v>
      </c>
      <c r="P8235" s="58">
        <f>IF(Input!$K$13=3,J8235*Input!$J$13,0)+IF(Input!$K$14=3,K8235*Input!$J$14,0)+IF(Input!$K$15=3,L8235*Input!$J$15,0)+IF(Input!$K$16=3,M8235*Input!$J$16,0)</f>
        <v>0</v>
      </c>
      <c r="Q8235" s="71">
        <f>IF(Input!$K$13=4,J8235*Input!$J$13,0)+IF(Input!$K$14=4,K8235*Input!$J$14,0)+IF(Input!$K$15=4,L8235*Input!$J$15,0)+IF(Input!$K$16=4,M8235*Input!$J$16,0)</f>
        <v>0</v>
      </c>
    </row>
    <row r="8236" spans="8:17" x14ac:dyDescent="0.25">
      <c r="H8236" s="43">
        <v>8229</v>
      </c>
      <c r="I8236" s="55">
        <f>Bühler!I8262</f>
        <v>3.7406736409067949</v>
      </c>
      <c r="J8236" s="58">
        <f>Bühler!J8262</f>
        <v>19.567733986465079</v>
      </c>
      <c r="K8236" s="58">
        <f>Bühler!K8262</f>
        <v>0.4630877392268033</v>
      </c>
      <c r="L8236" s="58">
        <f>Bühler!L8262</f>
        <v>0.23154386961340165</v>
      </c>
      <c r="M8236" s="57">
        <f>Bühler!M8262</f>
        <v>0</v>
      </c>
      <c r="N8236" s="55">
        <f>IF(Input!$K$13=1,J8236*Input!$J$13,0)+IF(Input!$K$14=1,K8236*Input!$J$14,0)+IF(Input!$K$15=1,L8236*Input!$J$15,0)+IF(Input!$K$16=1,M8236*Input!$J$16,0)</f>
        <v>2.3481280783758094</v>
      </c>
      <c r="O8236" s="58">
        <f>IF(Input!$K$13=2,J8236*Input!$J$13,0)+IF(Input!$K$14=2,K8236*Input!$J$14,0)+IF(Input!$K$15=2,L8236*Input!$J$15,0)+IF(Input!$K$16=2,M8236*Input!$J$16,0)</f>
        <v>6.2516844795618448E-2</v>
      </c>
      <c r="P8236" s="58">
        <f>IF(Input!$K$13=3,J8236*Input!$J$13,0)+IF(Input!$K$14=3,K8236*Input!$J$14,0)+IF(Input!$K$15=3,L8236*Input!$J$15,0)+IF(Input!$K$16=3,M8236*Input!$J$16,0)</f>
        <v>0</v>
      </c>
      <c r="Q8236" s="71">
        <f>IF(Input!$K$13=4,J8236*Input!$J$13,0)+IF(Input!$K$14=4,K8236*Input!$J$14,0)+IF(Input!$K$15=4,L8236*Input!$J$15,0)+IF(Input!$K$16=4,M8236*Input!$J$16,0)</f>
        <v>0</v>
      </c>
    </row>
    <row r="8237" spans="8:17" x14ac:dyDescent="0.25">
      <c r="H8237" s="43">
        <v>8230</v>
      </c>
      <c r="I8237" s="55">
        <f>Bühler!I8263</f>
        <v>3.7406736409067949</v>
      </c>
      <c r="J8237" s="58">
        <f>Bühler!J8263</f>
        <v>19.567733986465079</v>
      </c>
      <c r="K8237" s="58">
        <f>Bühler!K8263</f>
        <v>0.4630877392268033</v>
      </c>
      <c r="L8237" s="58">
        <f>Bühler!L8263</f>
        <v>0.23154386961340165</v>
      </c>
      <c r="M8237" s="57">
        <f>Bühler!M8263</f>
        <v>0</v>
      </c>
      <c r="N8237" s="55">
        <f>IF(Input!$K$13=1,J8237*Input!$J$13,0)+IF(Input!$K$14=1,K8237*Input!$J$14,0)+IF(Input!$K$15=1,L8237*Input!$J$15,0)+IF(Input!$K$16=1,M8237*Input!$J$16,0)</f>
        <v>2.3481280783758094</v>
      </c>
      <c r="O8237" s="58">
        <f>IF(Input!$K$13=2,J8237*Input!$J$13,0)+IF(Input!$K$14=2,K8237*Input!$J$14,0)+IF(Input!$K$15=2,L8237*Input!$J$15,0)+IF(Input!$K$16=2,M8237*Input!$J$16,0)</f>
        <v>6.2516844795618448E-2</v>
      </c>
      <c r="P8237" s="58">
        <f>IF(Input!$K$13=3,J8237*Input!$J$13,0)+IF(Input!$K$14=3,K8237*Input!$J$14,0)+IF(Input!$K$15=3,L8237*Input!$J$15,0)+IF(Input!$K$16=3,M8237*Input!$J$16,0)</f>
        <v>0</v>
      </c>
      <c r="Q8237" s="71">
        <f>IF(Input!$K$13=4,J8237*Input!$J$13,0)+IF(Input!$K$14=4,K8237*Input!$J$14,0)+IF(Input!$K$15=4,L8237*Input!$J$15,0)+IF(Input!$K$16=4,M8237*Input!$J$16,0)</f>
        <v>0</v>
      </c>
    </row>
    <row r="8238" spans="8:17" x14ac:dyDescent="0.25">
      <c r="H8238" s="43">
        <v>8231</v>
      </c>
      <c r="I8238" s="55">
        <f>Bühler!I8264</f>
        <v>3.7406736409067949</v>
      </c>
      <c r="J8238" s="58">
        <f>Bühler!J8264</f>
        <v>19.567733986465079</v>
      </c>
      <c r="K8238" s="58">
        <f>Bühler!K8264</f>
        <v>0.4630877392268033</v>
      </c>
      <c r="L8238" s="58">
        <f>Bühler!L8264</f>
        <v>0.23154386961340165</v>
      </c>
      <c r="M8238" s="57">
        <f>Bühler!M8264</f>
        <v>0</v>
      </c>
      <c r="N8238" s="55">
        <f>IF(Input!$K$13=1,J8238*Input!$J$13,0)+IF(Input!$K$14=1,K8238*Input!$J$14,0)+IF(Input!$K$15=1,L8238*Input!$J$15,0)+IF(Input!$K$16=1,M8238*Input!$J$16,0)</f>
        <v>2.3481280783758094</v>
      </c>
      <c r="O8238" s="58">
        <f>IF(Input!$K$13=2,J8238*Input!$J$13,0)+IF(Input!$K$14=2,K8238*Input!$J$14,0)+IF(Input!$K$15=2,L8238*Input!$J$15,0)+IF(Input!$K$16=2,M8238*Input!$J$16,0)</f>
        <v>6.2516844795618448E-2</v>
      </c>
      <c r="P8238" s="58">
        <f>IF(Input!$K$13=3,J8238*Input!$J$13,0)+IF(Input!$K$14=3,K8238*Input!$J$14,0)+IF(Input!$K$15=3,L8238*Input!$J$15,0)+IF(Input!$K$16=3,M8238*Input!$J$16,0)</f>
        <v>0</v>
      </c>
      <c r="Q8238" s="71">
        <f>IF(Input!$K$13=4,J8238*Input!$J$13,0)+IF(Input!$K$14=4,K8238*Input!$J$14,0)+IF(Input!$K$15=4,L8238*Input!$J$15,0)+IF(Input!$K$16=4,M8238*Input!$J$16,0)</f>
        <v>0</v>
      </c>
    </row>
    <row r="8239" spans="8:17" x14ac:dyDescent="0.25">
      <c r="H8239" s="43">
        <v>8232</v>
      </c>
      <c r="I8239" s="55">
        <f>Bühler!I8265</f>
        <v>3.7406736409067949</v>
      </c>
      <c r="J8239" s="58">
        <f>Bühler!J8265</f>
        <v>19.567733986465079</v>
      </c>
      <c r="K8239" s="58">
        <f>Bühler!K8265</f>
        <v>0.4630877392268033</v>
      </c>
      <c r="L8239" s="58">
        <f>Bühler!L8265</f>
        <v>0.23154386961340165</v>
      </c>
      <c r="M8239" s="57">
        <f>Bühler!M8265</f>
        <v>0</v>
      </c>
      <c r="N8239" s="55">
        <f>IF(Input!$K$13=1,J8239*Input!$J$13,0)+IF(Input!$K$14=1,K8239*Input!$J$14,0)+IF(Input!$K$15=1,L8239*Input!$J$15,0)+IF(Input!$K$16=1,M8239*Input!$J$16,0)</f>
        <v>2.3481280783758094</v>
      </c>
      <c r="O8239" s="58">
        <f>IF(Input!$K$13=2,J8239*Input!$J$13,0)+IF(Input!$K$14=2,K8239*Input!$J$14,0)+IF(Input!$K$15=2,L8239*Input!$J$15,0)+IF(Input!$K$16=2,M8239*Input!$J$16,0)</f>
        <v>6.2516844795618448E-2</v>
      </c>
      <c r="P8239" s="58">
        <f>IF(Input!$K$13=3,J8239*Input!$J$13,0)+IF(Input!$K$14=3,K8239*Input!$J$14,0)+IF(Input!$K$15=3,L8239*Input!$J$15,0)+IF(Input!$K$16=3,M8239*Input!$J$16,0)</f>
        <v>0</v>
      </c>
      <c r="Q8239" s="71">
        <f>IF(Input!$K$13=4,J8239*Input!$J$13,0)+IF(Input!$K$14=4,K8239*Input!$J$14,0)+IF(Input!$K$15=4,L8239*Input!$J$15,0)+IF(Input!$K$16=4,M8239*Input!$J$16,0)</f>
        <v>0</v>
      </c>
    </row>
    <row r="8240" spans="8:17" x14ac:dyDescent="0.25">
      <c r="H8240" s="43">
        <v>8233</v>
      </c>
      <c r="I8240" s="55">
        <f>Bühler!I8266</f>
        <v>3.2580201052363247</v>
      </c>
      <c r="J8240" s="58">
        <f>Bühler!J8266</f>
        <v>16.154823114856676</v>
      </c>
      <c r="K8240" s="58">
        <f>Bühler!K8266</f>
        <v>0.40992738893313596</v>
      </c>
      <c r="L8240" s="58">
        <f>Bühler!L8266</f>
        <v>0.20496369446656798</v>
      </c>
      <c r="M8240" s="57">
        <f>Bühler!M8266</f>
        <v>0</v>
      </c>
      <c r="N8240" s="55">
        <f>IF(Input!$K$13=1,J8240*Input!$J$13,0)+IF(Input!$K$14=1,K8240*Input!$J$14,0)+IF(Input!$K$15=1,L8240*Input!$J$15,0)+IF(Input!$K$16=1,M8240*Input!$J$16,0)</f>
        <v>1.9385787737828011</v>
      </c>
      <c r="O8240" s="58">
        <f>IF(Input!$K$13=2,J8240*Input!$J$13,0)+IF(Input!$K$14=2,K8240*Input!$J$14,0)+IF(Input!$K$15=2,L8240*Input!$J$15,0)+IF(Input!$K$16=2,M8240*Input!$J$16,0)</f>
        <v>5.5340197505973354E-2</v>
      </c>
      <c r="P8240" s="58">
        <f>IF(Input!$K$13=3,J8240*Input!$J$13,0)+IF(Input!$K$14=3,K8240*Input!$J$14,0)+IF(Input!$K$15=3,L8240*Input!$J$15,0)+IF(Input!$K$16=3,M8240*Input!$J$16,0)</f>
        <v>0</v>
      </c>
      <c r="Q8240" s="71">
        <f>IF(Input!$K$13=4,J8240*Input!$J$13,0)+IF(Input!$K$14=4,K8240*Input!$J$14,0)+IF(Input!$K$15=4,L8240*Input!$J$15,0)+IF(Input!$K$16=4,M8240*Input!$J$16,0)</f>
        <v>0</v>
      </c>
    </row>
    <row r="8241" spans="8:17" x14ac:dyDescent="0.25">
      <c r="H8241" s="43">
        <v>8234</v>
      </c>
      <c r="I8241" s="55">
        <f>Bühler!I8267</f>
        <v>3.7835072189841186</v>
      </c>
      <c r="J8241" s="58">
        <f>Bühler!J8267</f>
        <v>16.176718411262833</v>
      </c>
      <c r="K8241" s="58">
        <f>Bühler!K8267</f>
        <v>0.40992738893313596</v>
      </c>
      <c r="L8241" s="58">
        <f>Bühler!L8267</f>
        <v>0.20496369446656798</v>
      </c>
      <c r="M8241" s="57">
        <f>Bühler!M8267</f>
        <v>0</v>
      </c>
      <c r="N8241" s="55">
        <f>IF(Input!$K$13=1,J8241*Input!$J$13,0)+IF(Input!$K$14=1,K8241*Input!$J$14,0)+IF(Input!$K$15=1,L8241*Input!$J$15,0)+IF(Input!$K$16=1,M8241*Input!$J$16,0)</f>
        <v>1.9412062093515399</v>
      </c>
      <c r="O8241" s="58">
        <f>IF(Input!$K$13=2,J8241*Input!$J$13,0)+IF(Input!$K$14=2,K8241*Input!$J$14,0)+IF(Input!$K$15=2,L8241*Input!$J$15,0)+IF(Input!$K$16=2,M8241*Input!$J$16,0)</f>
        <v>5.5340197505973354E-2</v>
      </c>
      <c r="P8241" s="58">
        <f>IF(Input!$K$13=3,J8241*Input!$J$13,0)+IF(Input!$K$14=3,K8241*Input!$J$14,0)+IF(Input!$K$15=3,L8241*Input!$J$15,0)+IF(Input!$K$16=3,M8241*Input!$J$16,0)</f>
        <v>0</v>
      </c>
      <c r="Q8241" s="71">
        <f>IF(Input!$K$13=4,J8241*Input!$J$13,0)+IF(Input!$K$14=4,K8241*Input!$J$14,0)+IF(Input!$K$15=4,L8241*Input!$J$15,0)+IF(Input!$K$16=4,M8241*Input!$J$16,0)</f>
        <v>0</v>
      </c>
    </row>
    <row r="8242" spans="8:17" x14ac:dyDescent="0.25">
      <c r="H8242" s="43">
        <v>8235</v>
      </c>
      <c r="I8242" s="55">
        <f>Bühler!I8268</f>
        <v>3.7835072189841186</v>
      </c>
      <c r="J8242" s="58">
        <f>Bühler!J8268</f>
        <v>16.176718411262833</v>
      </c>
      <c r="K8242" s="58">
        <f>Bühler!K8268</f>
        <v>0.40992738893313596</v>
      </c>
      <c r="L8242" s="58">
        <f>Bühler!L8268</f>
        <v>0.20496369446656798</v>
      </c>
      <c r="M8242" s="57">
        <f>Bühler!M8268</f>
        <v>0</v>
      </c>
      <c r="N8242" s="55">
        <f>IF(Input!$K$13=1,J8242*Input!$J$13,0)+IF(Input!$K$14=1,K8242*Input!$J$14,0)+IF(Input!$K$15=1,L8242*Input!$J$15,0)+IF(Input!$K$16=1,M8242*Input!$J$16,0)</f>
        <v>1.9412062093515399</v>
      </c>
      <c r="O8242" s="58">
        <f>IF(Input!$K$13=2,J8242*Input!$J$13,0)+IF(Input!$K$14=2,K8242*Input!$J$14,0)+IF(Input!$K$15=2,L8242*Input!$J$15,0)+IF(Input!$K$16=2,M8242*Input!$J$16,0)</f>
        <v>5.5340197505973354E-2</v>
      </c>
      <c r="P8242" s="58">
        <f>IF(Input!$K$13=3,J8242*Input!$J$13,0)+IF(Input!$K$14=3,K8242*Input!$J$14,0)+IF(Input!$K$15=3,L8242*Input!$J$15,0)+IF(Input!$K$16=3,M8242*Input!$J$16,0)</f>
        <v>0</v>
      </c>
      <c r="Q8242" s="71">
        <f>IF(Input!$K$13=4,J8242*Input!$J$13,0)+IF(Input!$K$14=4,K8242*Input!$J$14,0)+IF(Input!$K$15=4,L8242*Input!$J$15,0)+IF(Input!$K$16=4,M8242*Input!$J$16,0)</f>
        <v>0</v>
      </c>
    </row>
    <row r="8243" spans="8:17" x14ac:dyDescent="0.25">
      <c r="H8243" s="43">
        <v>8236</v>
      </c>
      <c r="I8243" s="55">
        <f>Bühler!I8269</f>
        <v>3.7835072189841186</v>
      </c>
      <c r="J8243" s="58">
        <f>Bühler!J8269</f>
        <v>16.176718411262833</v>
      </c>
      <c r="K8243" s="58">
        <f>Bühler!K8269</f>
        <v>0.40992738893313596</v>
      </c>
      <c r="L8243" s="58">
        <f>Bühler!L8269</f>
        <v>0.20496369446656798</v>
      </c>
      <c r="M8243" s="57">
        <f>Bühler!M8269</f>
        <v>0</v>
      </c>
      <c r="N8243" s="55">
        <f>IF(Input!$K$13=1,J8243*Input!$J$13,0)+IF(Input!$K$14=1,K8243*Input!$J$14,0)+IF(Input!$K$15=1,L8243*Input!$J$15,0)+IF(Input!$K$16=1,M8243*Input!$J$16,0)</f>
        <v>1.9412062093515399</v>
      </c>
      <c r="O8243" s="58">
        <f>IF(Input!$K$13=2,J8243*Input!$J$13,0)+IF(Input!$K$14=2,K8243*Input!$J$14,0)+IF(Input!$K$15=2,L8243*Input!$J$15,0)+IF(Input!$K$16=2,M8243*Input!$J$16,0)</f>
        <v>5.5340197505973354E-2</v>
      </c>
      <c r="P8243" s="58">
        <f>IF(Input!$K$13=3,J8243*Input!$J$13,0)+IF(Input!$K$14=3,K8243*Input!$J$14,0)+IF(Input!$K$15=3,L8243*Input!$J$15,0)+IF(Input!$K$16=3,M8243*Input!$J$16,0)</f>
        <v>0</v>
      </c>
      <c r="Q8243" s="71">
        <f>IF(Input!$K$13=4,J8243*Input!$J$13,0)+IF(Input!$K$14=4,K8243*Input!$J$14,0)+IF(Input!$K$15=4,L8243*Input!$J$15,0)+IF(Input!$K$16=4,M8243*Input!$J$16,0)</f>
        <v>0</v>
      </c>
    </row>
    <row r="8244" spans="8:17" x14ac:dyDescent="0.25">
      <c r="H8244" s="43">
        <v>8237</v>
      </c>
      <c r="I8244" s="55">
        <f>Bühler!I8270</f>
        <v>3.7835072189841186</v>
      </c>
      <c r="J8244" s="58">
        <f>Bühler!J8270</f>
        <v>16.176718411262833</v>
      </c>
      <c r="K8244" s="58">
        <f>Bühler!K8270</f>
        <v>0.40992738893313596</v>
      </c>
      <c r="L8244" s="58">
        <f>Bühler!L8270</f>
        <v>0.20496369446656798</v>
      </c>
      <c r="M8244" s="57">
        <f>Bühler!M8270</f>
        <v>0</v>
      </c>
      <c r="N8244" s="55">
        <f>IF(Input!$K$13=1,J8244*Input!$J$13,0)+IF(Input!$K$14=1,K8244*Input!$J$14,0)+IF(Input!$K$15=1,L8244*Input!$J$15,0)+IF(Input!$K$16=1,M8244*Input!$J$16,0)</f>
        <v>1.9412062093515399</v>
      </c>
      <c r="O8244" s="58">
        <f>IF(Input!$K$13=2,J8244*Input!$J$13,0)+IF(Input!$K$14=2,K8244*Input!$J$14,0)+IF(Input!$K$15=2,L8244*Input!$J$15,0)+IF(Input!$K$16=2,M8244*Input!$J$16,0)</f>
        <v>5.5340197505973354E-2</v>
      </c>
      <c r="P8244" s="58">
        <f>IF(Input!$K$13=3,J8244*Input!$J$13,0)+IF(Input!$K$14=3,K8244*Input!$J$14,0)+IF(Input!$K$15=3,L8244*Input!$J$15,0)+IF(Input!$K$16=3,M8244*Input!$J$16,0)</f>
        <v>0</v>
      </c>
      <c r="Q8244" s="71">
        <f>IF(Input!$K$13=4,J8244*Input!$J$13,0)+IF(Input!$K$14=4,K8244*Input!$J$14,0)+IF(Input!$K$15=4,L8244*Input!$J$15,0)+IF(Input!$K$16=4,M8244*Input!$J$16,0)</f>
        <v>0</v>
      </c>
    </row>
    <row r="8245" spans="8:17" x14ac:dyDescent="0.25">
      <c r="H8245" s="43">
        <v>8238</v>
      </c>
      <c r="I8245" s="55">
        <f>Bühler!I8271</f>
        <v>4.7293840237301481</v>
      </c>
      <c r="J8245" s="58">
        <f>Bühler!J8271</f>
        <v>16.21612994479392</v>
      </c>
      <c r="K8245" s="58">
        <f>Bühler!K8271</f>
        <v>0.40992738893313596</v>
      </c>
      <c r="L8245" s="58">
        <f>Bühler!L8271</f>
        <v>0.20496369446656798</v>
      </c>
      <c r="M8245" s="57">
        <f>Bühler!M8271</f>
        <v>0</v>
      </c>
      <c r="N8245" s="55">
        <f>IF(Input!$K$13=1,J8245*Input!$J$13,0)+IF(Input!$K$14=1,K8245*Input!$J$14,0)+IF(Input!$K$15=1,L8245*Input!$J$15,0)+IF(Input!$K$16=1,M8245*Input!$J$16,0)</f>
        <v>1.9459355933752702</v>
      </c>
      <c r="O8245" s="58">
        <f>IF(Input!$K$13=2,J8245*Input!$J$13,0)+IF(Input!$K$14=2,K8245*Input!$J$14,0)+IF(Input!$K$15=2,L8245*Input!$J$15,0)+IF(Input!$K$16=2,M8245*Input!$J$16,0)</f>
        <v>5.5340197505973354E-2</v>
      </c>
      <c r="P8245" s="58">
        <f>IF(Input!$K$13=3,J8245*Input!$J$13,0)+IF(Input!$K$14=3,K8245*Input!$J$14,0)+IF(Input!$K$15=3,L8245*Input!$J$15,0)+IF(Input!$K$16=3,M8245*Input!$J$16,0)</f>
        <v>0</v>
      </c>
      <c r="Q8245" s="71">
        <f>IF(Input!$K$13=4,J8245*Input!$J$13,0)+IF(Input!$K$14=4,K8245*Input!$J$14,0)+IF(Input!$K$15=4,L8245*Input!$J$15,0)+IF(Input!$K$16=4,M8245*Input!$J$16,0)</f>
        <v>0</v>
      </c>
    </row>
    <row r="8246" spans="8:17" x14ac:dyDescent="0.25">
      <c r="H8246" s="43">
        <v>8239</v>
      </c>
      <c r="I8246" s="55">
        <f>Bühler!I8272</f>
        <v>5.5701634057266185</v>
      </c>
      <c r="J8246" s="58">
        <f>Bühler!J8272</f>
        <v>16.251162419043769</v>
      </c>
      <c r="K8246" s="58">
        <f>Bühler!K8272</f>
        <v>0.40992738893313596</v>
      </c>
      <c r="L8246" s="58">
        <f>Bühler!L8272</f>
        <v>0.20496369446656798</v>
      </c>
      <c r="M8246" s="57">
        <f>Bühler!M8272</f>
        <v>0</v>
      </c>
      <c r="N8246" s="55">
        <f>IF(Input!$K$13=1,J8246*Input!$J$13,0)+IF(Input!$K$14=1,K8246*Input!$J$14,0)+IF(Input!$K$15=1,L8246*Input!$J$15,0)+IF(Input!$K$16=1,M8246*Input!$J$16,0)</f>
        <v>1.9501394902852522</v>
      </c>
      <c r="O8246" s="58">
        <f>IF(Input!$K$13=2,J8246*Input!$J$13,0)+IF(Input!$K$14=2,K8246*Input!$J$14,0)+IF(Input!$K$15=2,L8246*Input!$J$15,0)+IF(Input!$K$16=2,M8246*Input!$J$16,0)</f>
        <v>5.5340197505973354E-2</v>
      </c>
      <c r="P8246" s="58">
        <f>IF(Input!$K$13=3,J8246*Input!$J$13,0)+IF(Input!$K$14=3,K8246*Input!$J$14,0)+IF(Input!$K$15=3,L8246*Input!$J$15,0)+IF(Input!$K$16=3,M8246*Input!$J$16,0)</f>
        <v>0</v>
      </c>
      <c r="Q8246" s="71">
        <f>IF(Input!$K$13=4,J8246*Input!$J$13,0)+IF(Input!$K$14=4,K8246*Input!$J$14,0)+IF(Input!$K$15=4,L8246*Input!$J$15,0)+IF(Input!$K$16=4,M8246*Input!$J$16,0)</f>
        <v>0</v>
      </c>
    </row>
    <row r="8247" spans="8:17" x14ac:dyDescent="0.25">
      <c r="H8247" s="43">
        <v>8240</v>
      </c>
      <c r="I8247" s="55">
        <f>Bühler!I8273</f>
        <v>6.6211376332222072</v>
      </c>
      <c r="J8247" s="58">
        <f>Bühler!J8273</f>
        <v>16.294953011856087</v>
      </c>
      <c r="K8247" s="58">
        <f>Bühler!K8273</f>
        <v>0.40992738893313596</v>
      </c>
      <c r="L8247" s="58">
        <f>Bühler!L8273</f>
        <v>0.20496369446656798</v>
      </c>
      <c r="M8247" s="57">
        <f>Bühler!M8273</f>
        <v>0</v>
      </c>
      <c r="N8247" s="55">
        <f>IF(Input!$K$13=1,J8247*Input!$J$13,0)+IF(Input!$K$14=1,K8247*Input!$J$14,0)+IF(Input!$K$15=1,L8247*Input!$J$15,0)+IF(Input!$K$16=1,M8247*Input!$J$16,0)</f>
        <v>1.9553943614227305</v>
      </c>
      <c r="O8247" s="58">
        <f>IF(Input!$K$13=2,J8247*Input!$J$13,0)+IF(Input!$K$14=2,K8247*Input!$J$14,0)+IF(Input!$K$15=2,L8247*Input!$J$15,0)+IF(Input!$K$16=2,M8247*Input!$J$16,0)</f>
        <v>5.5340197505973354E-2</v>
      </c>
      <c r="P8247" s="58">
        <f>IF(Input!$K$13=3,J8247*Input!$J$13,0)+IF(Input!$K$14=3,K8247*Input!$J$14,0)+IF(Input!$K$15=3,L8247*Input!$J$15,0)+IF(Input!$K$16=3,M8247*Input!$J$16,0)</f>
        <v>0</v>
      </c>
      <c r="Q8247" s="71">
        <f>IF(Input!$K$13=4,J8247*Input!$J$13,0)+IF(Input!$K$14=4,K8247*Input!$J$14,0)+IF(Input!$K$15=4,L8247*Input!$J$15,0)+IF(Input!$K$16=4,M8247*Input!$J$16,0)</f>
        <v>0</v>
      </c>
    </row>
    <row r="8248" spans="8:17" x14ac:dyDescent="0.25">
      <c r="H8248" s="43">
        <v>8241</v>
      </c>
      <c r="I8248" s="55">
        <f>Bühler!I8274</f>
        <v>6.6211376332222072</v>
      </c>
      <c r="J8248" s="58">
        <f>Bühler!J8274</f>
        <v>16.294953011856087</v>
      </c>
      <c r="K8248" s="58">
        <f>Bühler!K8274</f>
        <v>0.40992738893313596</v>
      </c>
      <c r="L8248" s="58">
        <f>Bühler!L8274</f>
        <v>0.20496369446656798</v>
      </c>
      <c r="M8248" s="57">
        <f>Bühler!M8274</f>
        <v>0</v>
      </c>
      <c r="N8248" s="55">
        <f>IF(Input!$K$13=1,J8248*Input!$J$13,0)+IF(Input!$K$14=1,K8248*Input!$J$14,0)+IF(Input!$K$15=1,L8248*Input!$J$15,0)+IF(Input!$K$16=1,M8248*Input!$J$16,0)</f>
        <v>1.9553943614227305</v>
      </c>
      <c r="O8248" s="58">
        <f>IF(Input!$K$13=2,J8248*Input!$J$13,0)+IF(Input!$K$14=2,K8248*Input!$J$14,0)+IF(Input!$K$15=2,L8248*Input!$J$15,0)+IF(Input!$K$16=2,M8248*Input!$J$16,0)</f>
        <v>5.5340197505973354E-2</v>
      </c>
      <c r="P8248" s="58">
        <f>IF(Input!$K$13=3,J8248*Input!$J$13,0)+IF(Input!$K$14=3,K8248*Input!$J$14,0)+IF(Input!$K$15=3,L8248*Input!$J$15,0)+IF(Input!$K$16=3,M8248*Input!$J$16,0)</f>
        <v>0</v>
      </c>
      <c r="Q8248" s="71">
        <f>IF(Input!$K$13=4,J8248*Input!$J$13,0)+IF(Input!$K$14=4,K8248*Input!$J$14,0)+IF(Input!$K$15=4,L8248*Input!$J$15,0)+IF(Input!$K$16=4,M8248*Input!$J$16,0)</f>
        <v>0</v>
      </c>
    </row>
    <row r="8249" spans="8:17" x14ac:dyDescent="0.25">
      <c r="H8249" s="43">
        <v>8242</v>
      </c>
      <c r="I8249" s="55">
        <f>Bühler!I8275</f>
        <v>6.6211376332222072</v>
      </c>
      <c r="J8249" s="58">
        <f>Bühler!J8275</f>
        <v>16.294953011856087</v>
      </c>
      <c r="K8249" s="58">
        <f>Bühler!K8275</f>
        <v>0.40992738893313596</v>
      </c>
      <c r="L8249" s="58">
        <f>Bühler!L8275</f>
        <v>0.20496369446656798</v>
      </c>
      <c r="M8249" s="57">
        <f>Bühler!M8275</f>
        <v>0</v>
      </c>
      <c r="N8249" s="55">
        <f>IF(Input!$K$13=1,J8249*Input!$J$13,0)+IF(Input!$K$14=1,K8249*Input!$J$14,0)+IF(Input!$K$15=1,L8249*Input!$J$15,0)+IF(Input!$K$16=1,M8249*Input!$J$16,0)</f>
        <v>1.9553943614227305</v>
      </c>
      <c r="O8249" s="58">
        <f>IF(Input!$K$13=2,J8249*Input!$J$13,0)+IF(Input!$K$14=2,K8249*Input!$J$14,0)+IF(Input!$K$15=2,L8249*Input!$J$15,0)+IF(Input!$K$16=2,M8249*Input!$J$16,0)</f>
        <v>5.5340197505973354E-2</v>
      </c>
      <c r="P8249" s="58">
        <f>IF(Input!$K$13=3,J8249*Input!$J$13,0)+IF(Input!$K$14=3,K8249*Input!$J$14,0)+IF(Input!$K$15=3,L8249*Input!$J$15,0)+IF(Input!$K$16=3,M8249*Input!$J$16,0)</f>
        <v>0</v>
      </c>
      <c r="Q8249" s="71">
        <f>IF(Input!$K$13=4,J8249*Input!$J$13,0)+IF(Input!$K$14=4,K8249*Input!$J$14,0)+IF(Input!$K$15=4,L8249*Input!$J$15,0)+IF(Input!$K$16=4,M8249*Input!$J$16,0)</f>
        <v>0</v>
      </c>
    </row>
    <row r="8250" spans="8:17" x14ac:dyDescent="0.25">
      <c r="H8250" s="43">
        <v>8243</v>
      </c>
      <c r="I8250" s="55">
        <f>Bühler!I8276</f>
        <v>6.6211376332222072</v>
      </c>
      <c r="J8250" s="58">
        <f>Bühler!J8276</f>
        <v>16.294953011856087</v>
      </c>
      <c r="K8250" s="58">
        <f>Bühler!K8276</f>
        <v>0.40992738893313596</v>
      </c>
      <c r="L8250" s="58">
        <f>Bühler!L8276</f>
        <v>0.20496369446656798</v>
      </c>
      <c r="M8250" s="57">
        <f>Bühler!M8276</f>
        <v>0</v>
      </c>
      <c r="N8250" s="55">
        <f>IF(Input!$K$13=1,J8250*Input!$J$13,0)+IF(Input!$K$14=1,K8250*Input!$J$14,0)+IF(Input!$K$15=1,L8250*Input!$J$15,0)+IF(Input!$K$16=1,M8250*Input!$J$16,0)</f>
        <v>1.9553943614227305</v>
      </c>
      <c r="O8250" s="58">
        <f>IF(Input!$K$13=2,J8250*Input!$J$13,0)+IF(Input!$K$14=2,K8250*Input!$J$14,0)+IF(Input!$K$15=2,L8250*Input!$J$15,0)+IF(Input!$K$16=2,M8250*Input!$J$16,0)</f>
        <v>5.5340197505973354E-2</v>
      </c>
      <c r="P8250" s="58">
        <f>IF(Input!$K$13=3,J8250*Input!$J$13,0)+IF(Input!$K$14=3,K8250*Input!$J$14,0)+IF(Input!$K$15=3,L8250*Input!$J$15,0)+IF(Input!$K$16=3,M8250*Input!$J$16,0)</f>
        <v>0</v>
      </c>
      <c r="Q8250" s="71">
        <f>IF(Input!$K$13=4,J8250*Input!$J$13,0)+IF(Input!$K$14=4,K8250*Input!$J$14,0)+IF(Input!$K$15=4,L8250*Input!$J$15,0)+IF(Input!$K$16=4,M8250*Input!$J$16,0)</f>
        <v>0</v>
      </c>
    </row>
    <row r="8251" spans="8:17" x14ac:dyDescent="0.25">
      <c r="H8251" s="43">
        <v>8244</v>
      </c>
      <c r="I8251" s="55">
        <f>Bühler!I8277</f>
        <v>6.6211376332222072</v>
      </c>
      <c r="J8251" s="58">
        <f>Bühler!J8277</f>
        <v>16.294953011856087</v>
      </c>
      <c r="K8251" s="58">
        <f>Bühler!K8277</f>
        <v>0.40992738893313596</v>
      </c>
      <c r="L8251" s="58">
        <f>Bühler!L8277</f>
        <v>0.20496369446656798</v>
      </c>
      <c r="M8251" s="57">
        <f>Bühler!M8277</f>
        <v>0</v>
      </c>
      <c r="N8251" s="55">
        <f>IF(Input!$K$13=1,J8251*Input!$J$13,0)+IF(Input!$K$14=1,K8251*Input!$J$14,0)+IF(Input!$K$15=1,L8251*Input!$J$15,0)+IF(Input!$K$16=1,M8251*Input!$J$16,0)</f>
        <v>1.9553943614227305</v>
      </c>
      <c r="O8251" s="58">
        <f>IF(Input!$K$13=2,J8251*Input!$J$13,0)+IF(Input!$K$14=2,K8251*Input!$J$14,0)+IF(Input!$K$15=2,L8251*Input!$J$15,0)+IF(Input!$K$16=2,M8251*Input!$J$16,0)</f>
        <v>5.5340197505973354E-2</v>
      </c>
      <c r="P8251" s="58">
        <f>IF(Input!$K$13=3,J8251*Input!$J$13,0)+IF(Input!$K$14=3,K8251*Input!$J$14,0)+IF(Input!$K$15=3,L8251*Input!$J$15,0)+IF(Input!$K$16=3,M8251*Input!$J$16,0)</f>
        <v>0</v>
      </c>
      <c r="Q8251" s="71">
        <f>IF(Input!$K$13=4,J8251*Input!$J$13,0)+IF(Input!$K$14=4,K8251*Input!$J$14,0)+IF(Input!$K$15=4,L8251*Input!$J$15,0)+IF(Input!$K$16=4,M8251*Input!$J$16,0)</f>
        <v>0</v>
      </c>
    </row>
    <row r="8252" spans="8:17" x14ac:dyDescent="0.25">
      <c r="H8252" s="43">
        <v>8245</v>
      </c>
      <c r="I8252" s="55">
        <f>Bühler!I8278</f>
        <v>6.6211376332222072</v>
      </c>
      <c r="J8252" s="58">
        <f>Bühler!J8278</f>
        <v>16.294953011856087</v>
      </c>
      <c r="K8252" s="58">
        <f>Bühler!K8278</f>
        <v>0.40992738893313596</v>
      </c>
      <c r="L8252" s="58">
        <f>Bühler!L8278</f>
        <v>0.20496369446656798</v>
      </c>
      <c r="M8252" s="57">
        <f>Bühler!M8278</f>
        <v>0</v>
      </c>
      <c r="N8252" s="55">
        <f>IF(Input!$K$13=1,J8252*Input!$J$13,0)+IF(Input!$K$14=1,K8252*Input!$J$14,0)+IF(Input!$K$15=1,L8252*Input!$J$15,0)+IF(Input!$K$16=1,M8252*Input!$J$16,0)</f>
        <v>1.9553943614227305</v>
      </c>
      <c r="O8252" s="58">
        <f>IF(Input!$K$13=2,J8252*Input!$J$13,0)+IF(Input!$K$14=2,K8252*Input!$J$14,0)+IF(Input!$K$15=2,L8252*Input!$J$15,0)+IF(Input!$K$16=2,M8252*Input!$J$16,0)</f>
        <v>5.5340197505973354E-2</v>
      </c>
      <c r="P8252" s="58">
        <f>IF(Input!$K$13=3,J8252*Input!$J$13,0)+IF(Input!$K$14=3,K8252*Input!$J$14,0)+IF(Input!$K$15=3,L8252*Input!$J$15,0)+IF(Input!$K$16=3,M8252*Input!$J$16,0)</f>
        <v>0</v>
      </c>
      <c r="Q8252" s="71">
        <f>IF(Input!$K$13=4,J8252*Input!$J$13,0)+IF(Input!$K$14=4,K8252*Input!$J$14,0)+IF(Input!$K$15=4,L8252*Input!$J$15,0)+IF(Input!$K$16=4,M8252*Input!$J$16,0)</f>
        <v>0</v>
      </c>
    </row>
    <row r="8253" spans="8:17" x14ac:dyDescent="0.25">
      <c r="H8253" s="43">
        <v>8246</v>
      </c>
      <c r="I8253" s="55">
        <f>Bühler!I8279</f>
        <v>6.6211376332222072</v>
      </c>
      <c r="J8253" s="58">
        <f>Bühler!J8279</f>
        <v>16.294953011856087</v>
      </c>
      <c r="K8253" s="58">
        <f>Bühler!K8279</f>
        <v>0.40992738893313596</v>
      </c>
      <c r="L8253" s="58">
        <f>Bühler!L8279</f>
        <v>0.20496369446656798</v>
      </c>
      <c r="M8253" s="57">
        <f>Bühler!M8279</f>
        <v>0</v>
      </c>
      <c r="N8253" s="55">
        <f>IF(Input!$K$13=1,J8253*Input!$J$13,0)+IF(Input!$K$14=1,K8253*Input!$J$14,0)+IF(Input!$K$15=1,L8253*Input!$J$15,0)+IF(Input!$K$16=1,M8253*Input!$J$16,0)</f>
        <v>1.9553943614227305</v>
      </c>
      <c r="O8253" s="58">
        <f>IF(Input!$K$13=2,J8253*Input!$J$13,0)+IF(Input!$K$14=2,K8253*Input!$J$14,0)+IF(Input!$K$15=2,L8253*Input!$J$15,0)+IF(Input!$K$16=2,M8253*Input!$J$16,0)</f>
        <v>5.5340197505973354E-2</v>
      </c>
      <c r="P8253" s="58">
        <f>IF(Input!$K$13=3,J8253*Input!$J$13,0)+IF(Input!$K$14=3,K8253*Input!$J$14,0)+IF(Input!$K$15=3,L8253*Input!$J$15,0)+IF(Input!$K$16=3,M8253*Input!$J$16,0)</f>
        <v>0</v>
      </c>
      <c r="Q8253" s="71">
        <f>IF(Input!$K$13=4,J8253*Input!$J$13,0)+IF(Input!$K$14=4,K8253*Input!$J$14,0)+IF(Input!$K$15=4,L8253*Input!$J$15,0)+IF(Input!$K$16=4,M8253*Input!$J$16,0)</f>
        <v>0</v>
      </c>
    </row>
    <row r="8254" spans="8:17" x14ac:dyDescent="0.25">
      <c r="H8254" s="43">
        <v>8247</v>
      </c>
      <c r="I8254" s="55">
        <f>Bühler!I8280</f>
        <v>6.6211376332222072</v>
      </c>
      <c r="J8254" s="58">
        <f>Bühler!J8280</f>
        <v>16.294953011856087</v>
      </c>
      <c r="K8254" s="58">
        <f>Bühler!K8280</f>
        <v>0.40992738893313596</v>
      </c>
      <c r="L8254" s="58">
        <f>Bühler!L8280</f>
        <v>0.20496369446656798</v>
      </c>
      <c r="M8254" s="57">
        <f>Bühler!M8280</f>
        <v>0</v>
      </c>
      <c r="N8254" s="55">
        <f>IF(Input!$K$13=1,J8254*Input!$J$13,0)+IF(Input!$K$14=1,K8254*Input!$J$14,0)+IF(Input!$K$15=1,L8254*Input!$J$15,0)+IF(Input!$K$16=1,M8254*Input!$J$16,0)</f>
        <v>1.9553943614227305</v>
      </c>
      <c r="O8254" s="58">
        <f>IF(Input!$K$13=2,J8254*Input!$J$13,0)+IF(Input!$K$14=2,K8254*Input!$J$14,0)+IF(Input!$K$15=2,L8254*Input!$J$15,0)+IF(Input!$K$16=2,M8254*Input!$J$16,0)</f>
        <v>5.5340197505973354E-2</v>
      </c>
      <c r="P8254" s="58">
        <f>IF(Input!$K$13=3,J8254*Input!$J$13,0)+IF(Input!$K$14=3,K8254*Input!$J$14,0)+IF(Input!$K$15=3,L8254*Input!$J$15,0)+IF(Input!$K$16=3,M8254*Input!$J$16,0)</f>
        <v>0</v>
      </c>
      <c r="Q8254" s="71">
        <f>IF(Input!$K$13=4,J8254*Input!$J$13,0)+IF(Input!$K$14=4,K8254*Input!$J$14,0)+IF(Input!$K$15=4,L8254*Input!$J$15,0)+IF(Input!$K$16=4,M8254*Input!$J$16,0)</f>
        <v>0</v>
      </c>
    </row>
    <row r="8255" spans="8:17" x14ac:dyDescent="0.25">
      <c r="H8255" s="43">
        <v>8248</v>
      </c>
      <c r="I8255" s="55">
        <f>Bühler!I8281</f>
        <v>5.8854556739752955</v>
      </c>
      <c r="J8255" s="58">
        <f>Bühler!J8281</f>
        <v>16.264299596887465</v>
      </c>
      <c r="K8255" s="58">
        <f>Bühler!K8281</f>
        <v>0.40992738893313596</v>
      </c>
      <c r="L8255" s="58">
        <f>Bühler!L8281</f>
        <v>0.20496369446656798</v>
      </c>
      <c r="M8255" s="57">
        <f>Bühler!M8281</f>
        <v>0</v>
      </c>
      <c r="N8255" s="55">
        <f>IF(Input!$K$13=1,J8255*Input!$J$13,0)+IF(Input!$K$14=1,K8255*Input!$J$14,0)+IF(Input!$K$15=1,L8255*Input!$J$15,0)+IF(Input!$K$16=1,M8255*Input!$J$16,0)</f>
        <v>1.9517159516264957</v>
      </c>
      <c r="O8255" s="58">
        <f>IF(Input!$K$13=2,J8255*Input!$J$13,0)+IF(Input!$K$14=2,K8255*Input!$J$14,0)+IF(Input!$K$15=2,L8255*Input!$J$15,0)+IF(Input!$K$16=2,M8255*Input!$J$16,0)</f>
        <v>5.5340197505973354E-2</v>
      </c>
      <c r="P8255" s="58">
        <f>IF(Input!$K$13=3,J8255*Input!$J$13,0)+IF(Input!$K$14=3,K8255*Input!$J$14,0)+IF(Input!$K$15=3,L8255*Input!$J$15,0)+IF(Input!$K$16=3,M8255*Input!$J$16,0)</f>
        <v>0</v>
      </c>
      <c r="Q8255" s="71">
        <f>IF(Input!$K$13=4,J8255*Input!$J$13,0)+IF(Input!$K$14=4,K8255*Input!$J$14,0)+IF(Input!$K$15=4,L8255*Input!$J$15,0)+IF(Input!$K$16=4,M8255*Input!$J$16,0)</f>
        <v>0</v>
      </c>
    </row>
    <row r="8256" spans="8:17" x14ac:dyDescent="0.25">
      <c r="H8256" s="43">
        <v>8249</v>
      </c>
      <c r="I8256" s="55">
        <f>Bühler!I8282</f>
        <v>5.7803582512257368</v>
      </c>
      <c r="J8256" s="58">
        <f>Bühler!J8282</f>
        <v>16.259920537606234</v>
      </c>
      <c r="K8256" s="58">
        <f>Bühler!K8282</f>
        <v>0.40992738893313596</v>
      </c>
      <c r="L8256" s="58">
        <f>Bühler!L8282</f>
        <v>0.20496369446656798</v>
      </c>
      <c r="M8256" s="57">
        <f>Bühler!M8282</f>
        <v>0</v>
      </c>
      <c r="N8256" s="55">
        <f>IF(Input!$K$13=1,J8256*Input!$J$13,0)+IF(Input!$K$14=1,K8256*Input!$J$14,0)+IF(Input!$K$15=1,L8256*Input!$J$15,0)+IF(Input!$K$16=1,M8256*Input!$J$16,0)</f>
        <v>1.951190464512748</v>
      </c>
      <c r="O8256" s="58">
        <f>IF(Input!$K$13=2,J8256*Input!$J$13,0)+IF(Input!$K$14=2,K8256*Input!$J$14,0)+IF(Input!$K$15=2,L8256*Input!$J$15,0)+IF(Input!$K$16=2,M8256*Input!$J$16,0)</f>
        <v>5.5340197505973354E-2</v>
      </c>
      <c r="P8256" s="58">
        <f>IF(Input!$K$13=3,J8256*Input!$J$13,0)+IF(Input!$K$14=3,K8256*Input!$J$14,0)+IF(Input!$K$15=3,L8256*Input!$J$15,0)+IF(Input!$K$16=3,M8256*Input!$J$16,0)</f>
        <v>0</v>
      </c>
      <c r="Q8256" s="71">
        <f>IF(Input!$K$13=4,J8256*Input!$J$13,0)+IF(Input!$K$14=4,K8256*Input!$J$14,0)+IF(Input!$K$15=4,L8256*Input!$J$15,0)+IF(Input!$K$16=4,M8256*Input!$J$16,0)</f>
        <v>0</v>
      </c>
    </row>
    <row r="8257" spans="8:17" x14ac:dyDescent="0.25">
      <c r="H8257" s="43">
        <v>8250</v>
      </c>
      <c r="I8257" s="55">
        <f>Bühler!I8283</f>
        <v>4.9395788692292664</v>
      </c>
      <c r="J8257" s="58">
        <f>Bühler!J8283</f>
        <v>16.224888063356381</v>
      </c>
      <c r="K8257" s="58">
        <f>Bühler!K8283</f>
        <v>0.40992738893313596</v>
      </c>
      <c r="L8257" s="58">
        <f>Bühler!L8283</f>
        <v>0.20496369446656798</v>
      </c>
      <c r="M8257" s="57">
        <f>Bühler!M8283</f>
        <v>0</v>
      </c>
      <c r="N8257" s="55">
        <f>IF(Input!$K$13=1,J8257*Input!$J$13,0)+IF(Input!$K$14=1,K8257*Input!$J$14,0)+IF(Input!$K$15=1,L8257*Input!$J$15,0)+IF(Input!$K$16=1,M8257*Input!$J$16,0)</f>
        <v>1.9469865676027658</v>
      </c>
      <c r="O8257" s="58">
        <f>IF(Input!$K$13=2,J8257*Input!$J$13,0)+IF(Input!$K$14=2,K8257*Input!$J$14,0)+IF(Input!$K$15=2,L8257*Input!$J$15,0)+IF(Input!$K$16=2,M8257*Input!$J$16,0)</f>
        <v>5.5340197505973354E-2</v>
      </c>
      <c r="P8257" s="58">
        <f>IF(Input!$K$13=3,J8257*Input!$J$13,0)+IF(Input!$K$14=3,K8257*Input!$J$14,0)+IF(Input!$K$15=3,L8257*Input!$J$15,0)+IF(Input!$K$16=3,M8257*Input!$J$16,0)</f>
        <v>0</v>
      </c>
      <c r="Q8257" s="71">
        <f>IF(Input!$K$13=4,J8257*Input!$J$13,0)+IF(Input!$K$14=4,K8257*Input!$J$14,0)+IF(Input!$K$15=4,L8257*Input!$J$15,0)+IF(Input!$K$16=4,M8257*Input!$J$16,0)</f>
        <v>0</v>
      </c>
    </row>
    <row r="8258" spans="8:17" x14ac:dyDescent="0.25">
      <c r="H8258" s="43">
        <v>8251</v>
      </c>
      <c r="I8258" s="55">
        <f>Bühler!I8284</f>
        <v>4.6242866009805903</v>
      </c>
      <c r="J8258" s="58">
        <f>Bühler!J8284</f>
        <v>16.211750885512686</v>
      </c>
      <c r="K8258" s="58">
        <f>Bühler!K8284</f>
        <v>0.40992738893313596</v>
      </c>
      <c r="L8258" s="58">
        <f>Bühler!L8284</f>
        <v>0.20496369446656798</v>
      </c>
      <c r="M8258" s="57">
        <f>Bühler!M8284</f>
        <v>0</v>
      </c>
      <c r="N8258" s="55">
        <f>IF(Input!$K$13=1,J8258*Input!$J$13,0)+IF(Input!$K$14=1,K8258*Input!$J$14,0)+IF(Input!$K$15=1,L8258*Input!$J$15,0)+IF(Input!$K$16=1,M8258*Input!$J$16,0)</f>
        <v>1.9454101062615221</v>
      </c>
      <c r="O8258" s="58">
        <f>IF(Input!$K$13=2,J8258*Input!$J$13,0)+IF(Input!$K$14=2,K8258*Input!$J$14,0)+IF(Input!$K$15=2,L8258*Input!$J$15,0)+IF(Input!$K$16=2,M8258*Input!$J$16,0)</f>
        <v>5.5340197505973354E-2</v>
      </c>
      <c r="P8258" s="58">
        <f>IF(Input!$K$13=3,J8258*Input!$J$13,0)+IF(Input!$K$14=3,K8258*Input!$J$14,0)+IF(Input!$K$15=3,L8258*Input!$J$15,0)+IF(Input!$K$16=3,M8258*Input!$J$16,0)</f>
        <v>0</v>
      </c>
      <c r="Q8258" s="71">
        <f>IF(Input!$K$13=4,J8258*Input!$J$13,0)+IF(Input!$K$14=4,K8258*Input!$J$14,0)+IF(Input!$K$15=4,L8258*Input!$J$15,0)+IF(Input!$K$16=4,M8258*Input!$J$16,0)</f>
        <v>0</v>
      </c>
    </row>
    <row r="8259" spans="8:17" x14ac:dyDescent="0.25">
      <c r="H8259" s="43">
        <v>8252</v>
      </c>
      <c r="I8259" s="55">
        <f>Bühler!I8285</f>
        <v>3.8886046417336777</v>
      </c>
      <c r="J8259" s="58">
        <f>Bühler!J8285</f>
        <v>16.181097470544067</v>
      </c>
      <c r="K8259" s="58">
        <f>Bühler!K8285</f>
        <v>0.40992738893313596</v>
      </c>
      <c r="L8259" s="58">
        <f>Bühler!L8285</f>
        <v>0.20496369446656798</v>
      </c>
      <c r="M8259" s="57">
        <f>Bühler!M8285</f>
        <v>0</v>
      </c>
      <c r="N8259" s="55">
        <f>IF(Input!$K$13=1,J8259*Input!$J$13,0)+IF(Input!$K$14=1,K8259*Input!$J$14,0)+IF(Input!$K$15=1,L8259*Input!$J$15,0)+IF(Input!$K$16=1,M8259*Input!$J$16,0)</f>
        <v>1.941731696465288</v>
      </c>
      <c r="O8259" s="58">
        <f>IF(Input!$K$13=2,J8259*Input!$J$13,0)+IF(Input!$K$14=2,K8259*Input!$J$14,0)+IF(Input!$K$15=2,L8259*Input!$J$15,0)+IF(Input!$K$16=2,M8259*Input!$J$16,0)</f>
        <v>5.5340197505973354E-2</v>
      </c>
      <c r="P8259" s="58">
        <f>IF(Input!$K$13=3,J8259*Input!$J$13,0)+IF(Input!$K$14=3,K8259*Input!$J$14,0)+IF(Input!$K$15=3,L8259*Input!$J$15,0)+IF(Input!$K$16=3,M8259*Input!$J$16,0)</f>
        <v>0</v>
      </c>
      <c r="Q8259" s="71">
        <f>IF(Input!$K$13=4,J8259*Input!$J$13,0)+IF(Input!$K$14=4,K8259*Input!$J$14,0)+IF(Input!$K$15=4,L8259*Input!$J$15,0)+IF(Input!$K$16=4,M8259*Input!$J$16,0)</f>
        <v>0</v>
      </c>
    </row>
    <row r="8260" spans="8:17" x14ac:dyDescent="0.25">
      <c r="H8260" s="43">
        <v>8253</v>
      </c>
      <c r="I8260" s="55">
        <f>Bühler!I8286</f>
        <v>3.2580201052363247</v>
      </c>
      <c r="J8260" s="58">
        <f>Bühler!J8286</f>
        <v>16.154823114856676</v>
      </c>
      <c r="K8260" s="58">
        <f>Bühler!K8286</f>
        <v>0.40992738893313596</v>
      </c>
      <c r="L8260" s="58">
        <f>Bühler!L8286</f>
        <v>0.20496369446656798</v>
      </c>
      <c r="M8260" s="57">
        <f>Bühler!M8286</f>
        <v>0</v>
      </c>
      <c r="N8260" s="55">
        <f>IF(Input!$K$13=1,J8260*Input!$J$13,0)+IF(Input!$K$14=1,K8260*Input!$J$14,0)+IF(Input!$K$15=1,L8260*Input!$J$15,0)+IF(Input!$K$16=1,M8260*Input!$J$16,0)</f>
        <v>1.9385787737828011</v>
      </c>
      <c r="O8260" s="58">
        <f>IF(Input!$K$13=2,J8260*Input!$J$13,0)+IF(Input!$K$14=2,K8260*Input!$J$14,0)+IF(Input!$K$15=2,L8260*Input!$J$15,0)+IF(Input!$K$16=2,M8260*Input!$J$16,0)</f>
        <v>5.5340197505973354E-2</v>
      </c>
      <c r="P8260" s="58">
        <f>IF(Input!$K$13=3,J8260*Input!$J$13,0)+IF(Input!$K$14=3,K8260*Input!$J$14,0)+IF(Input!$K$15=3,L8260*Input!$J$15,0)+IF(Input!$K$16=3,M8260*Input!$J$16,0)</f>
        <v>0</v>
      </c>
      <c r="Q8260" s="71">
        <f>IF(Input!$K$13=4,J8260*Input!$J$13,0)+IF(Input!$K$14=4,K8260*Input!$J$14,0)+IF(Input!$K$15=4,L8260*Input!$J$15,0)+IF(Input!$K$16=4,M8260*Input!$J$16,0)</f>
        <v>0</v>
      </c>
    </row>
    <row r="8261" spans="8:17" x14ac:dyDescent="0.25">
      <c r="H8261" s="43">
        <v>8254</v>
      </c>
      <c r="I8261" s="55">
        <f>Bühler!I8287</f>
        <v>2.837630414238089</v>
      </c>
      <c r="J8261" s="58">
        <f>Bühler!J8287</f>
        <v>16.137306877731749</v>
      </c>
      <c r="K8261" s="58">
        <f>Bühler!K8287</f>
        <v>0.40992738893313596</v>
      </c>
      <c r="L8261" s="58">
        <f>Bühler!L8287</f>
        <v>0.20496369446656798</v>
      </c>
      <c r="M8261" s="57">
        <f>Bühler!M8287</f>
        <v>0</v>
      </c>
      <c r="N8261" s="55">
        <f>IF(Input!$K$13=1,J8261*Input!$J$13,0)+IF(Input!$K$14=1,K8261*Input!$J$14,0)+IF(Input!$K$15=1,L8261*Input!$J$15,0)+IF(Input!$K$16=1,M8261*Input!$J$16,0)</f>
        <v>1.9364768253278097</v>
      </c>
      <c r="O8261" s="58">
        <f>IF(Input!$K$13=2,J8261*Input!$J$13,0)+IF(Input!$K$14=2,K8261*Input!$J$14,0)+IF(Input!$K$15=2,L8261*Input!$J$15,0)+IF(Input!$K$16=2,M8261*Input!$J$16,0)</f>
        <v>5.5340197505973354E-2</v>
      </c>
      <c r="P8261" s="58">
        <f>IF(Input!$K$13=3,J8261*Input!$J$13,0)+IF(Input!$K$14=3,K8261*Input!$J$14,0)+IF(Input!$K$15=3,L8261*Input!$J$15,0)+IF(Input!$K$16=3,M8261*Input!$J$16,0)</f>
        <v>0</v>
      </c>
      <c r="Q8261" s="71">
        <f>IF(Input!$K$13=4,J8261*Input!$J$13,0)+IF(Input!$K$14=4,K8261*Input!$J$14,0)+IF(Input!$K$15=4,L8261*Input!$J$15,0)+IF(Input!$K$16=4,M8261*Input!$J$16,0)</f>
        <v>0</v>
      </c>
    </row>
    <row r="8262" spans="8:17" x14ac:dyDescent="0.25">
      <c r="H8262" s="43">
        <v>8255</v>
      </c>
      <c r="I8262" s="55">
        <f>Bühler!I8288</f>
        <v>2.837630414238089</v>
      </c>
      <c r="J8262" s="58">
        <f>Bühler!J8288</f>
        <v>16.137306877731749</v>
      </c>
      <c r="K8262" s="58">
        <f>Bühler!K8288</f>
        <v>0.40992738893313596</v>
      </c>
      <c r="L8262" s="58">
        <f>Bühler!L8288</f>
        <v>0.20496369446656798</v>
      </c>
      <c r="M8262" s="57">
        <f>Bühler!M8288</f>
        <v>0</v>
      </c>
      <c r="N8262" s="55">
        <f>IF(Input!$K$13=1,J8262*Input!$J$13,0)+IF(Input!$K$14=1,K8262*Input!$J$14,0)+IF(Input!$K$15=1,L8262*Input!$J$15,0)+IF(Input!$K$16=1,M8262*Input!$J$16,0)</f>
        <v>1.9364768253278097</v>
      </c>
      <c r="O8262" s="58">
        <f>IF(Input!$K$13=2,J8262*Input!$J$13,0)+IF(Input!$K$14=2,K8262*Input!$J$14,0)+IF(Input!$K$15=2,L8262*Input!$J$15,0)+IF(Input!$K$16=2,M8262*Input!$J$16,0)</f>
        <v>5.5340197505973354E-2</v>
      </c>
      <c r="P8262" s="58">
        <f>IF(Input!$K$13=3,J8262*Input!$J$13,0)+IF(Input!$K$14=3,K8262*Input!$J$14,0)+IF(Input!$K$15=3,L8262*Input!$J$15,0)+IF(Input!$K$16=3,M8262*Input!$J$16,0)</f>
        <v>0</v>
      </c>
      <c r="Q8262" s="71">
        <f>IF(Input!$K$13=4,J8262*Input!$J$13,0)+IF(Input!$K$14=4,K8262*Input!$J$14,0)+IF(Input!$K$15=4,L8262*Input!$J$15,0)+IF(Input!$K$16=4,M8262*Input!$J$16,0)</f>
        <v>0</v>
      </c>
    </row>
    <row r="8263" spans="8:17" x14ac:dyDescent="0.25">
      <c r="H8263" s="43">
        <v>8256</v>
      </c>
      <c r="I8263" s="55">
        <f>Bühler!I8289</f>
        <v>2.837630414238089</v>
      </c>
      <c r="J8263" s="58">
        <f>Bühler!J8289</f>
        <v>16.137306877731749</v>
      </c>
      <c r="K8263" s="58">
        <f>Bühler!K8289</f>
        <v>0.40992738893313596</v>
      </c>
      <c r="L8263" s="58">
        <f>Bühler!L8289</f>
        <v>0.20496369446656798</v>
      </c>
      <c r="M8263" s="57">
        <f>Bühler!M8289</f>
        <v>0</v>
      </c>
      <c r="N8263" s="55">
        <f>IF(Input!$K$13=1,J8263*Input!$J$13,0)+IF(Input!$K$14=1,K8263*Input!$J$14,0)+IF(Input!$K$15=1,L8263*Input!$J$15,0)+IF(Input!$K$16=1,M8263*Input!$J$16,0)</f>
        <v>1.9364768253278097</v>
      </c>
      <c r="O8263" s="58">
        <f>IF(Input!$K$13=2,J8263*Input!$J$13,0)+IF(Input!$K$14=2,K8263*Input!$J$14,0)+IF(Input!$K$15=2,L8263*Input!$J$15,0)+IF(Input!$K$16=2,M8263*Input!$J$16,0)</f>
        <v>5.5340197505973354E-2</v>
      </c>
      <c r="P8263" s="58">
        <f>IF(Input!$K$13=3,J8263*Input!$J$13,0)+IF(Input!$K$14=3,K8263*Input!$J$14,0)+IF(Input!$K$15=3,L8263*Input!$J$15,0)+IF(Input!$K$16=3,M8263*Input!$J$16,0)</f>
        <v>0</v>
      </c>
      <c r="Q8263" s="71">
        <f>IF(Input!$K$13=4,J8263*Input!$J$13,0)+IF(Input!$K$14=4,K8263*Input!$J$14,0)+IF(Input!$K$15=4,L8263*Input!$J$15,0)+IF(Input!$K$16=4,M8263*Input!$J$16,0)</f>
        <v>0</v>
      </c>
    </row>
    <row r="8264" spans="8:17" x14ac:dyDescent="0.25">
      <c r="H8264" s="43">
        <v>8257</v>
      </c>
      <c r="I8264" s="55">
        <f>Bühler!I8290</f>
        <v>2.7560447978433751</v>
      </c>
      <c r="J8264" s="58">
        <f>Bühler!J8290</f>
        <v>14.702371614250374</v>
      </c>
      <c r="K8264" s="58">
        <f>Bühler!K8290</f>
        <v>0.62296213449654803</v>
      </c>
      <c r="L8264" s="58">
        <f>Bühler!L8290</f>
        <v>0.31148106724827401</v>
      </c>
      <c r="M8264" s="57">
        <f>Bühler!M8290</f>
        <v>0</v>
      </c>
      <c r="N8264" s="55">
        <f>IF(Input!$K$13=1,J8264*Input!$J$13,0)+IF(Input!$K$14=1,K8264*Input!$J$14,0)+IF(Input!$K$15=1,L8264*Input!$J$15,0)+IF(Input!$K$16=1,M8264*Input!$J$16,0)</f>
        <v>1.7642845937100449</v>
      </c>
      <c r="O8264" s="58">
        <f>IF(Input!$K$13=2,J8264*Input!$J$13,0)+IF(Input!$K$14=2,K8264*Input!$J$14,0)+IF(Input!$K$15=2,L8264*Input!$J$15,0)+IF(Input!$K$16=2,M8264*Input!$J$16,0)</f>
        <v>8.4099888157033981E-2</v>
      </c>
      <c r="P8264" s="58">
        <f>IF(Input!$K$13=3,J8264*Input!$J$13,0)+IF(Input!$K$14=3,K8264*Input!$J$14,0)+IF(Input!$K$15=3,L8264*Input!$J$15,0)+IF(Input!$K$16=3,M8264*Input!$J$16,0)</f>
        <v>0</v>
      </c>
      <c r="Q8264" s="71">
        <f>IF(Input!$K$13=4,J8264*Input!$J$13,0)+IF(Input!$K$14=4,K8264*Input!$J$14,0)+IF(Input!$K$15=4,L8264*Input!$J$15,0)+IF(Input!$K$16=4,M8264*Input!$J$16,0)</f>
        <v>0</v>
      </c>
    </row>
    <row r="8265" spans="8:17" x14ac:dyDescent="0.25">
      <c r="H8265" s="43">
        <v>8258</v>
      </c>
      <c r="I8265" s="55">
        <f>Bühler!I8291</f>
        <v>2.7560447978433751</v>
      </c>
      <c r="J8265" s="58">
        <f>Bühler!J8291</f>
        <v>14.702371614250374</v>
      </c>
      <c r="K8265" s="58">
        <f>Bühler!K8291</f>
        <v>0.62296213449654803</v>
      </c>
      <c r="L8265" s="58">
        <f>Bühler!L8291</f>
        <v>0.31148106724827401</v>
      </c>
      <c r="M8265" s="57">
        <f>Bühler!M8291</f>
        <v>0</v>
      </c>
      <c r="N8265" s="55">
        <f>IF(Input!$K$13=1,J8265*Input!$J$13,0)+IF(Input!$K$14=1,K8265*Input!$J$14,0)+IF(Input!$K$15=1,L8265*Input!$J$15,0)+IF(Input!$K$16=1,M8265*Input!$J$16,0)</f>
        <v>1.7642845937100449</v>
      </c>
      <c r="O8265" s="58">
        <f>IF(Input!$K$13=2,J8265*Input!$J$13,0)+IF(Input!$K$14=2,K8265*Input!$J$14,0)+IF(Input!$K$15=2,L8265*Input!$J$15,0)+IF(Input!$K$16=2,M8265*Input!$J$16,0)</f>
        <v>8.4099888157033981E-2</v>
      </c>
      <c r="P8265" s="58">
        <f>IF(Input!$K$13=3,J8265*Input!$J$13,0)+IF(Input!$K$14=3,K8265*Input!$J$14,0)+IF(Input!$K$15=3,L8265*Input!$J$15,0)+IF(Input!$K$16=3,M8265*Input!$J$16,0)</f>
        <v>0</v>
      </c>
      <c r="Q8265" s="71">
        <f>IF(Input!$K$13=4,J8265*Input!$J$13,0)+IF(Input!$K$14=4,K8265*Input!$J$14,0)+IF(Input!$K$15=4,L8265*Input!$J$15,0)+IF(Input!$K$16=4,M8265*Input!$J$16,0)</f>
        <v>0</v>
      </c>
    </row>
    <row r="8266" spans="8:17" x14ac:dyDescent="0.25">
      <c r="H8266" s="43">
        <v>8259</v>
      </c>
      <c r="I8266" s="55">
        <f>Bühler!I8292</f>
        <v>2.7560447978433751</v>
      </c>
      <c r="J8266" s="58">
        <f>Bühler!J8292</f>
        <v>14.702371614250374</v>
      </c>
      <c r="K8266" s="58">
        <f>Bühler!K8292</f>
        <v>0.62296213449654803</v>
      </c>
      <c r="L8266" s="58">
        <f>Bühler!L8292</f>
        <v>0.31148106724827401</v>
      </c>
      <c r="M8266" s="57">
        <f>Bühler!M8292</f>
        <v>0</v>
      </c>
      <c r="N8266" s="55">
        <f>IF(Input!$K$13=1,J8266*Input!$J$13,0)+IF(Input!$K$14=1,K8266*Input!$J$14,0)+IF(Input!$K$15=1,L8266*Input!$J$15,0)+IF(Input!$K$16=1,M8266*Input!$J$16,0)</f>
        <v>1.7642845937100449</v>
      </c>
      <c r="O8266" s="58">
        <f>IF(Input!$K$13=2,J8266*Input!$J$13,0)+IF(Input!$K$14=2,K8266*Input!$J$14,0)+IF(Input!$K$15=2,L8266*Input!$J$15,0)+IF(Input!$K$16=2,M8266*Input!$J$16,0)</f>
        <v>8.4099888157033981E-2</v>
      </c>
      <c r="P8266" s="58">
        <f>IF(Input!$K$13=3,J8266*Input!$J$13,0)+IF(Input!$K$14=3,K8266*Input!$J$14,0)+IF(Input!$K$15=3,L8266*Input!$J$15,0)+IF(Input!$K$16=3,M8266*Input!$J$16,0)</f>
        <v>0</v>
      </c>
      <c r="Q8266" s="71">
        <f>IF(Input!$K$13=4,J8266*Input!$J$13,0)+IF(Input!$K$14=4,K8266*Input!$J$14,0)+IF(Input!$K$15=4,L8266*Input!$J$15,0)+IF(Input!$K$16=4,M8266*Input!$J$16,0)</f>
        <v>0</v>
      </c>
    </row>
    <row r="8267" spans="8:17" x14ac:dyDescent="0.25">
      <c r="H8267" s="43">
        <v>8260</v>
      </c>
      <c r="I8267" s="55">
        <f>Bühler!I8293</f>
        <v>2.7560447978433751</v>
      </c>
      <c r="J8267" s="58">
        <f>Bühler!J8293</f>
        <v>14.702371614250374</v>
      </c>
      <c r="K8267" s="58">
        <f>Bühler!K8293</f>
        <v>0.62296213449654803</v>
      </c>
      <c r="L8267" s="58">
        <f>Bühler!L8293</f>
        <v>0.31148106724827401</v>
      </c>
      <c r="M8267" s="57">
        <f>Bühler!M8293</f>
        <v>0</v>
      </c>
      <c r="N8267" s="55">
        <f>IF(Input!$K$13=1,J8267*Input!$J$13,0)+IF(Input!$K$14=1,K8267*Input!$J$14,0)+IF(Input!$K$15=1,L8267*Input!$J$15,0)+IF(Input!$K$16=1,M8267*Input!$J$16,0)</f>
        <v>1.7642845937100449</v>
      </c>
      <c r="O8267" s="58">
        <f>IF(Input!$K$13=2,J8267*Input!$J$13,0)+IF(Input!$K$14=2,K8267*Input!$J$14,0)+IF(Input!$K$15=2,L8267*Input!$J$15,0)+IF(Input!$K$16=2,M8267*Input!$J$16,0)</f>
        <v>8.4099888157033981E-2</v>
      </c>
      <c r="P8267" s="58">
        <f>IF(Input!$K$13=3,J8267*Input!$J$13,0)+IF(Input!$K$14=3,K8267*Input!$J$14,0)+IF(Input!$K$15=3,L8267*Input!$J$15,0)+IF(Input!$K$16=3,M8267*Input!$J$16,0)</f>
        <v>0</v>
      </c>
      <c r="Q8267" s="71">
        <f>IF(Input!$K$13=4,J8267*Input!$J$13,0)+IF(Input!$K$14=4,K8267*Input!$J$14,0)+IF(Input!$K$15=4,L8267*Input!$J$15,0)+IF(Input!$K$16=4,M8267*Input!$J$16,0)</f>
        <v>0</v>
      </c>
    </row>
    <row r="8268" spans="8:17" x14ac:dyDescent="0.25">
      <c r="H8268" s="43">
        <v>8261</v>
      </c>
      <c r="I8268" s="55">
        <f>Bühler!I8294</f>
        <v>2.7560447978433751</v>
      </c>
      <c r="J8268" s="58">
        <f>Bühler!J8294</f>
        <v>14.702371614250374</v>
      </c>
      <c r="K8268" s="58">
        <f>Bühler!K8294</f>
        <v>0.62296213449654803</v>
      </c>
      <c r="L8268" s="58">
        <f>Bühler!L8294</f>
        <v>0.31148106724827401</v>
      </c>
      <c r="M8268" s="57">
        <f>Bühler!M8294</f>
        <v>0</v>
      </c>
      <c r="N8268" s="55">
        <f>IF(Input!$K$13=1,J8268*Input!$J$13,0)+IF(Input!$K$14=1,K8268*Input!$J$14,0)+IF(Input!$K$15=1,L8268*Input!$J$15,0)+IF(Input!$K$16=1,M8268*Input!$J$16,0)</f>
        <v>1.7642845937100449</v>
      </c>
      <c r="O8268" s="58">
        <f>IF(Input!$K$13=2,J8268*Input!$J$13,0)+IF(Input!$K$14=2,K8268*Input!$J$14,0)+IF(Input!$K$15=2,L8268*Input!$J$15,0)+IF(Input!$K$16=2,M8268*Input!$J$16,0)</f>
        <v>8.4099888157033981E-2</v>
      </c>
      <c r="P8268" s="58">
        <f>IF(Input!$K$13=3,J8268*Input!$J$13,0)+IF(Input!$K$14=3,K8268*Input!$J$14,0)+IF(Input!$K$15=3,L8268*Input!$J$15,0)+IF(Input!$K$16=3,M8268*Input!$J$16,0)</f>
        <v>0</v>
      </c>
      <c r="Q8268" s="71">
        <f>IF(Input!$K$13=4,J8268*Input!$J$13,0)+IF(Input!$K$14=4,K8268*Input!$J$14,0)+IF(Input!$K$15=4,L8268*Input!$J$15,0)+IF(Input!$K$16=4,M8268*Input!$J$16,0)</f>
        <v>0</v>
      </c>
    </row>
    <row r="8269" spans="8:17" x14ac:dyDescent="0.25">
      <c r="H8269" s="43">
        <v>8262</v>
      </c>
      <c r="I8269" s="55">
        <f>Bühler!I8295</f>
        <v>2.7560447978433751</v>
      </c>
      <c r="J8269" s="58">
        <f>Bühler!J8295</f>
        <v>14.702371614250374</v>
      </c>
      <c r="K8269" s="58">
        <f>Bühler!K8295</f>
        <v>0.62296213449654803</v>
      </c>
      <c r="L8269" s="58">
        <f>Bühler!L8295</f>
        <v>0.31148106724827401</v>
      </c>
      <c r="M8269" s="57">
        <f>Bühler!M8295</f>
        <v>0</v>
      </c>
      <c r="N8269" s="55">
        <f>IF(Input!$K$13=1,J8269*Input!$J$13,0)+IF(Input!$K$14=1,K8269*Input!$J$14,0)+IF(Input!$K$15=1,L8269*Input!$J$15,0)+IF(Input!$K$16=1,M8269*Input!$J$16,0)</f>
        <v>1.7642845937100449</v>
      </c>
      <c r="O8269" s="58">
        <f>IF(Input!$K$13=2,J8269*Input!$J$13,0)+IF(Input!$K$14=2,K8269*Input!$J$14,0)+IF(Input!$K$15=2,L8269*Input!$J$15,0)+IF(Input!$K$16=2,M8269*Input!$J$16,0)</f>
        <v>8.4099888157033981E-2</v>
      </c>
      <c r="P8269" s="58">
        <f>IF(Input!$K$13=3,J8269*Input!$J$13,0)+IF(Input!$K$14=3,K8269*Input!$J$14,0)+IF(Input!$K$15=3,L8269*Input!$J$15,0)+IF(Input!$K$16=3,M8269*Input!$J$16,0)</f>
        <v>0</v>
      </c>
      <c r="Q8269" s="71">
        <f>IF(Input!$K$13=4,J8269*Input!$J$13,0)+IF(Input!$K$14=4,K8269*Input!$J$14,0)+IF(Input!$K$15=4,L8269*Input!$J$15,0)+IF(Input!$K$16=4,M8269*Input!$J$16,0)</f>
        <v>0</v>
      </c>
    </row>
    <row r="8270" spans="8:17" x14ac:dyDescent="0.25">
      <c r="H8270" s="43">
        <v>8263</v>
      </c>
      <c r="I8270" s="55">
        <f>Bühler!I8296</f>
        <v>2.7560447978433751</v>
      </c>
      <c r="J8270" s="58">
        <f>Bühler!J8296</f>
        <v>14.702371614250374</v>
      </c>
      <c r="K8270" s="58">
        <f>Bühler!K8296</f>
        <v>0.62296213449654803</v>
      </c>
      <c r="L8270" s="58">
        <f>Bühler!L8296</f>
        <v>0.31148106724827401</v>
      </c>
      <c r="M8270" s="57">
        <f>Bühler!M8296</f>
        <v>0</v>
      </c>
      <c r="N8270" s="55">
        <f>IF(Input!$K$13=1,J8270*Input!$J$13,0)+IF(Input!$K$14=1,K8270*Input!$J$14,0)+IF(Input!$K$15=1,L8270*Input!$J$15,0)+IF(Input!$K$16=1,M8270*Input!$J$16,0)</f>
        <v>1.7642845937100449</v>
      </c>
      <c r="O8270" s="58">
        <f>IF(Input!$K$13=2,J8270*Input!$J$13,0)+IF(Input!$K$14=2,K8270*Input!$J$14,0)+IF(Input!$K$15=2,L8270*Input!$J$15,0)+IF(Input!$K$16=2,M8270*Input!$J$16,0)</f>
        <v>8.4099888157033981E-2</v>
      </c>
      <c r="P8270" s="58">
        <f>IF(Input!$K$13=3,J8270*Input!$J$13,0)+IF(Input!$K$14=3,K8270*Input!$J$14,0)+IF(Input!$K$15=3,L8270*Input!$J$15,0)+IF(Input!$K$16=3,M8270*Input!$J$16,0)</f>
        <v>0</v>
      </c>
      <c r="Q8270" s="71">
        <f>IF(Input!$K$13=4,J8270*Input!$J$13,0)+IF(Input!$K$14=4,K8270*Input!$J$14,0)+IF(Input!$K$15=4,L8270*Input!$J$15,0)+IF(Input!$K$16=4,M8270*Input!$J$16,0)</f>
        <v>0</v>
      </c>
    </row>
    <row r="8271" spans="8:17" x14ac:dyDescent="0.25">
      <c r="H8271" s="43">
        <v>8264</v>
      </c>
      <c r="I8271" s="55">
        <f>Bühler!I8297</f>
        <v>11.98879487061868</v>
      </c>
      <c r="J8271" s="58">
        <f>Bühler!J8297</f>
        <v>62.900817444496326</v>
      </c>
      <c r="K8271" s="58">
        <f>Bühler!K8297</f>
        <v>2.6538186929552947</v>
      </c>
      <c r="L8271" s="58">
        <f>Bühler!L8297</f>
        <v>1.3269093464776474</v>
      </c>
      <c r="M8271" s="57">
        <f>Bühler!M8297</f>
        <v>0</v>
      </c>
      <c r="N8271" s="55">
        <f>IF(Input!$K$13=1,J8271*Input!$J$13,0)+IF(Input!$K$14=1,K8271*Input!$J$14,0)+IF(Input!$K$15=1,L8271*Input!$J$15,0)+IF(Input!$K$16=1,M8271*Input!$J$16,0)</f>
        <v>7.5480980933395587</v>
      </c>
      <c r="O8271" s="58">
        <f>IF(Input!$K$13=2,J8271*Input!$J$13,0)+IF(Input!$K$14=2,K8271*Input!$J$14,0)+IF(Input!$K$15=2,L8271*Input!$J$15,0)+IF(Input!$K$16=2,M8271*Input!$J$16,0)</f>
        <v>0.35826552354896479</v>
      </c>
      <c r="P8271" s="58">
        <f>IF(Input!$K$13=3,J8271*Input!$J$13,0)+IF(Input!$K$14=3,K8271*Input!$J$14,0)+IF(Input!$K$15=3,L8271*Input!$J$15,0)+IF(Input!$K$16=3,M8271*Input!$J$16,0)</f>
        <v>0</v>
      </c>
      <c r="Q8271" s="71">
        <f>IF(Input!$K$13=4,J8271*Input!$J$13,0)+IF(Input!$K$14=4,K8271*Input!$J$14,0)+IF(Input!$K$15=4,L8271*Input!$J$15,0)+IF(Input!$K$16=4,M8271*Input!$J$16,0)</f>
        <v>0</v>
      </c>
    </row>
    <row r="8272" spans="8:17" x14ac:dyDescent="0.25">
      <c r="H8272" s="43">
        <v>8265</v>
      </c>
      <c r="I8272" s="55">
        <f>Bühler!I8298</f>
        <v>13.487394229446016</v>
      </c>
      <c r="J8272" s="58">
        <f>Bühler!J8298</f>
        <v>70.763419625058361</v>
      </c>
      <c r="K8272" s="58">
        <f>Bühler!K8298</f>
        <v>2.9855460295747061</v>
      </c>
      <c r="L8272" s="58">
        <f>Bühler!L8298</f>
        <v>1.492773014787353</v>
      </c>
      <c r="M8272" s="57">
        <f>Bühler!M8298</f>
        <v>0</v>
      </c>
      <c r="N8272" s="55">
        <f>IF(Input!$K$13=1,J8272*Input!$J$13,0)+IF(Input!$K$14=1,K8272*Input!$J$14,0)+IF(Input!$K$15=1,L8272*Input!$J$15,0)+IF(Input!$K$16=1,M8272*Input!$J$16,0)</f>
        <v>8.491610355007003</v>
      </c>
      <c r="O8272" s="58">
        <f>IF(Input!$K$13=2,J8272*Input!$J$13,0)+IF(Input!$K$14=2,K8272*Input!$J$14,0)+IF(Input!$K$15=2,L8272*Input!$J$15,0)+IF(Input!$K$16=2,M8272*Input!$J$16,0)</f>
        <v>0.40304871399258535</v>
      </c>
      <c r="P8272" s="58">
        <f>IF(Input!$K$13=3,J8272*Input!$J$13,0)+IF(Input!$K$14=3,K8272*Input!$J$14,0)+IF(Input!$K$15=3,L8272*Input!$J$15,0)+IF(Input!$K$16=3,M8272*Input!$J$16,0)</f>
        <v>0</v>
      </c>
      <c r="Q8272" s="71">
        <f>IF(Input!$K$13=4,J8272*Input!$J$13,0)+IF(Input!$K$14=4,K8272*Input!$J$14,0)+IF(Input!$K$15=4,L8272*Input!$J$15,0)+IF(Input!$K$16=4,M8272*Input!$J$16,0)</f>
        <v>0</v>
      </c>
    </row>
    <row r="8273" spans="8:17" x14ac:dyDescent="0.25">
      <c r="H8273" s="43">
        <v>8266</v>
      </c>
      <c r="I8273" s="55">
        <f>Bühler!I8299</f>
        <v>14.985993588273351</v>
      </c>
      <c r="J8273" s="58">
        <f>Bühler!J8299</f>
        <v>78.626021805620411</v>
      </c>
      <c r="K8273" s="58">
        <f>Bühler!K8299</f>
        <v>3.3172733661941178</v>
      </c>
      <c r="L8273" s="58">
        <f>Bühler!L8299</f>
        <v>1.6586366830970589</v>
      </c>
      <c r="M8273" s="57">
        <f>Bühler!M8299</f>
        <v>0</v>
      </c>
      <c r="N8273" s="55">
        <f>IF(Input!$K$13=1,J8273*Input!$J$13,0)+IF(Input!$K$14=1,K8273*Input!$J$14,0)+IF(Input!$K$15=1,L8273*Input!$J$15,0)+IF(Input!$K$16=1,M8273*Input!$J$16,0)</f>
        <v>9.4351226166744482</v>
      </c>
      <c r="O8273" s="58">
        <f>IF(Input!$K$13=2,J8273*Input!$J$13,0)+IF(Input!$K$14=2,K8273*Input!$J$14,0)+IF(Input!$K$15=2,L8273*Input!$J$15,0)+IF(Input!$K$16=2,M8273*Input!$J$16,0)</f>
        <v>0.44783190443620591</v>
      </c>
      <c r="P8273" s="58">
        <f>IF(Input!$K$13=3,J8273*Input!$J$13,0)+IF(Input!$K$14=3,K8273*Input!$J$14,0)+IF(Input!$K$15=3,L8273*Input!$J$15,0)+IF(Input!$K$16=3,M8273*Input!$J$16,0)</f>
        <v>0</v>
      </c>
      <c r="Q8273" s="71">
        <f>IF(Input!$K$13=4,J8273*Input!$J$13,0)+IF(Input!$K$14=4,K8273*Input!$J$14,0)+IF(Input!$K$15=4,L8273*Input!$J$15,0)+IF(Input!$K$16=4,M8273*Input!$J$16,0)</f>
        <v>0</v>
      </c>
    </row>
    <row r="8274" spans="8:17" x14ac:dyDescent="0.25">
      <c r="H8274" s="43">
        <v>8267</v>
      </c>
      <c r="I8274" s="55">
        <f>Bühler!I8300</f>
        <v>14.985993588273351</v>
      </c>
      <c r="J8274" s="58">
        <f>Bühler!J8300</f>
        <v>78.626021805620411</v>
      </c>
      <c r="K8274" s="58">
        <f>Bühler!K8300</f>
        <v>3.3172733661941178</v>
      </c>
      <c r="L8274" s="58">
        <f>Bühler!L8300</f>
        <v>1.6586366830970589</v>
      </c>
      <c r="M8274" s="57">
        <f>Bühler!M8300</f>
        <v>0</v>
      </c>
      <c r="N8274" s="55">
        <f>IF(Input!$K$13=1,J8274*Input!$J$13,0)+IF(Input!$K$14=1,K8274*Input!$J$14,0)+IF(Input!$K$15=1,L8274*Input!$J$15,0)+IF(Input!$K$16=1,M8274*Input!$J$16,0)</f>
        <v>9.4351226166744482</v>
      </c>
      <c r="O8274" s="58">
        <f>IF(Input!$K$13=2,J8274*Input!$J$13,0)+IF(Input!$K$14=2,K8274*Input!$J$14,0)+IF(Input!$K$15=2,L8274*Input!$J$15,0)+IF(Input!$K$16=2,M8274*Input!$J$16,0)</f>
        <v>0.44783190443620591</v>
      </c>
      <c r="P8274" s="58">
        <f>IF(Input!$K$13=3,J8274*Input!$J$13,0)+IF(Input!$K$14=3,K8274*Input!$J$14,0)+IF(Input!$K$15=3,L8274*Input!$J$15,0)+IF(Input!$K$16=3,M8274*Input!$J$16,0)</f>
        <v>0</v>
      </c>
      <c r="Q8274" s="71">
        <f>IF(Input!$K$13=4,J8274*Input!$J$13,0)+IF(Input!$K$14=4,K8274*Input!$J$14,0)+IF(Input!$K$15=4,L8274*Input!$J$15,0)+IF(Input!$K$16=4,M8274*Input!$J$16,0)</f>
        <v>0</v>
      </c>
    </row>
    <row r="8275" spans="8:17" x14ac:dyDescent="0.25">
      <c r="H8275" s="43">
        <v>8268</v>
      </c>
      <c r="I8275" s="55">
        <f>Bühler!I8301</f>
        <v>17.983192305928014</v>
      </c>
      <c r="J8275" s="58">
        <f>Bühler!J8301</f>
        <v>94.351226166744482</v>
      </c>
      <c r="K8275" s="58">
        <f>Bühler!K8301</f>
        <v>3.9807280394329414</v>
      </c>
      <c r="L8275" s="58">
        <f>Bühler!L8301</f>
        <v>1.9903640197164707</v>
      </c>
      <c r="M8275" s="57">
        <f>Bühler!M8301</f>
        <v>0</v>
      </c>
      <c r="N8275" s="55">
        <f>IF(Input!$K$13=1,J8275*Input!$J$13,0)+IF(Input!$K$14=1,K8275*Input!$J$14,0)+IF(Input!$K$15=1,L8275*Input!$J$15,0)+IF(Input!$K$16=1,M8275*Input!$J$16,0)</f>
        <v>11.322147140009337</v>
      </c>
      <c r="O8275" s="58">
        <f>IF(Input!$K$13=2,J8275*Input!$J$13,0)+IF(Input!$K$14=2,K8275*Input!$J$14,0)+IF(Input!$K$15=2,L8275*Input!$J$15,0)+IF(Input!$K$16=2,M8275*Input!$J$16,0)</f>
        <v>0.53739828532344713</v>
      </c>
      <c r="P8275" s="58">
        <f>IF(Input!$K$13=3,J8275*Input!$J$13,0)+IF(Input!$K$14=3,K8275*Input!$J$14,0)+IF(Input!$K$15=3,L8275*Input!$J$15,0)+IF(Input!$K$16=3,M8275*Input!$J$16,0)</f>
        <v>0</v>
      </c>
      <c r="Q8275" s="71">
        <f>IF(Input!$K$13=4,J8275*Input!$J$13,0)+IF(Input!$K$14=4,K8275*Input!$J$14,0)+IF(Input!$K$15=4,L8275*Input!$J$15,0)+IF(Input!$K$16=4,M8275*Input!$J$16,0)</f>
        <v>0</v>
      </c>
    </row>
    <row r="8276" spans="8:17" x14ac:dyDescent="0.25">
      <c r="H8276" s="43">
        <v>8269</v>
      </c>
      <c r="I8276" s="55">
        <f>Bühler!I8302</f>
        <v>17.983192305928014</v>
      </c>
      <c r="J8276" s="58">
        <f>Bühler!J8302</f>
        <v>94.351226166744482</v>
      </c>
      <c r="K8276" s="58">
        <f>Bühler!K8302</f>
        <v>3.9807280394329414</v>
      </c>
      <c r="L8276" s="58">
        <f>Bühler!L8302</f>
        <v>1.9903640197164707</v>
      </c>
      <c r="M8276" s="57">
        <f>Bühler!M8302</f>
        <v>0</v>
      </c>
      <c r="N8276" s="55">
        <f>IF(Input!$K$13=1,J8276*Input!$J$13,0)+IF(Input!$K$14=1,K8276*Input!$J$14,0)+IF(Input!$K$15=1,L8276*Input!$J$15,0)+IF(Input!$K$16=1,M8276*Input!$J$16,0)</f>
        <v>11.322147140009337</v>
      </c>
      <c r="O8276" s="58">
        <f>IF(Input!$K$13=2,J8276*Input!$J$13,0)+IF(Input!$K$14=2,K8276*Input!$J$14,0)+IF(Input!$K$15=2,L8276*Input!$J$15,0)+IF(Input!$K$16=2,M8276*Input!$J$16,0)</f>
        <v>0.53739828532344713</v>
      </c>
      <c r="P8276" s="58">
        <f>IF(Input!$K$13=3,J8276*Input!$J$13,0)+IF(Input!$K$14=3,K8276*Input!$J$14,0)+IF(Input!$K$15=3,L8276*Input!$J$15,0)+IF(Input!$K$16=3,M8276*Input!$J$16,0)</f>
        <v>0</v>
      </c>
      <c r="Q8276" s="71">
        <f>IF(Input!$K$13=4,J8276*Input!$J$13,0)+IF(Input!$K$14=4,K8276*Input!$J$14,0)+IF(Input!$K$15=4,L8276*Input!$J$15,0)+IF(Input!$K$16=4,M8276*Input!$J$16,0)</f>
        <v>0</v>
      </c>
    </row>
    <row r="8277" spans="8:17" x14ac:dyDescent="0.25">
      <c r="H8277" s="43">
        <v>8270</v>
      </c>
      <c r="I8277" s="55">
        <f>Bühler!I8303</f>
        <v>11.98879487061868</v>
      </c>
      <c r="J8277" s="58">
        <f>Bühler!J8303</f>
        <v>62.900817444496326</v>
      </c>
      <c r="K8277" s="58">
        <f>Bühler!K8303</f>
        <v>2.6538186929552947</v>
      </c>
      <c r="L8277" s="58">
        <f>Bühler!L8303</f>
        <v>1.3269093464776474</v>
      </c>
      <c r="M8277" s="57">
        <f>Bühler!M8303</f>
        <v>0</v>
      </c>
      <c r="N8277" s="55">
        <f>IF(Input!$K$13=1,J8277*Input!$J$13,0)+IF(Input!$K$14=1,K8277*Input!$J$14,0)+IF(Input!$K$15=1,L8277*Input!$J$15,0)+IF(Input!$K$16=1,M8277*Input!$J$16,0)</f>
        <v>7.5480980933395587</v>
      </c>
      <c r="O8277" s="58">
        <f>IF(Input!$K$13=2,J8277*Input!$J$13,0)+IF(Input!$K$14=2,K8277*Input!$J$14,0)+IF(Input!$K$15=2,L8277*Input!$J$15,0)+IF(Input!$K$16=2,M8277*Input!$J$16,0)</f>
        <v>0.35826552354896479</v>
      </c>
      <c r="P8277" s="58">
        <f>IF(Input!$K$13=3,J8277*Input!$J$13,0)+IF(Input!$K$14=3,K8277*Input!$J$14,0)+IF(Input!$K$15=3,L8277*Input!$J$15,0)+IF(Input!$K$16=3,M8277*Input!$J$16,0)</f>
        <v>0</v>
      </c>
      <c r="Q8277" s="71">
        <f>IF(Input!$K$13=4,J8277*Input!$J$13,0)+IF(Input!$K$14=4,K8277*Input!$J$14,0)+IF(Input!$K$15=4,L8277*Input!$J$15,0)+IF(Input!$K$16=4,M8277*Input!$J$16,0)</f>
        <v>0</v>
      </c>
    </row>
    <row r="8278" spans="8:17" x14ac:dyDescent="0.25">
      <c r="H8278" s="43">
        <v>8271</v>
      </c>
      <c r="I8278" s="55">
        <f>Bühler!I8304</f>
        <v>17.983192305928014</v>
      </c>
      <c r="J8278" s="58">
        <f>Bühler!J8304</f>
        <v>94.351226166744482</v>
      </c>
      <c r="K8278" s="58">
        <f>Bühler!K8304</f>
        <v>3.9807280394329414</v>
      </c>
      <c r="L8278" s="58">
        <f>Bühler!L8304</f>
        <v>1.9903640197164707</v>
      </c>
      <c r="M8278" s="57">
        <f>Bühler!M8304</f>
        <v>0</v>
      </c>
      <c r="N8278" s="55">
        <f>IF(Input!$K$13=1,J8278*Input!$J$13,0)+IF(Input!$K$14=1,K8278*Input!$J$14,0)+IF(Input!$K$15=1,L8278*Input!$J$15,0)+IF(Input!$K$16=1,M8278*Input!$J$16,0)</f>
        <v>11.322147140009337</v>
      </c>
      <c r="O8278" s="58">
        <f>IF(Input!$K$13=2,J8278*Input!$J$13,0)+IF(Input!$K$14=2,K8278*Input!$J$14,0)+IF(Input!$K$15=2,L8278*Input!$J$15,0)+IF(Input!$K$16=2,M8278*Input!$J$16,0)</f>
        <v>0.53739828532344713</v>
      </c>
      <c r="P8278" s="58">
        <f>IF(Input!$K$13=3,J8278*Input!$J$13,0)+IF(Input!$K$14=3,K8278*Input!$J$14,0)+IF(Input!$K$15=3,L8278*Input!$J$15,0)+IF(Input!$K$16=3,M8278*Input!$J$16,0)</f>
        <v>0</v>
      </c>
      <c r="Q8278" s="71">
        <f>IF(Input!$K$13=4,J8278*Input!$J$13,0)+IF(Input!$K$14=4,K8278*Input!$J$14,0)+IF(Input!$K$15=4,L8278*Input!$J$15,0)+IF(Input!$K$16=4,M8278*Input!$J$16,0)</f>
        <v>0</v>
      </c>
    </row>
    <row r="8279" spans="8:17" x14ac:dyDescent="0.25">
      <c r="H8279" s="43">
        <v>8272</v>
      </c>
      <c r="I8279" s="55">
        <f>Bühler!I8305</f>
        <v>17.983192305928014</v>
      </c>
      <c r="J8279" s="58">
        <f>Bühler!J8305</f>
        <v>94.351226166744482</v>
      </c>
      <c r="K8279" s="58">
        <f>Bühler!K8305</f>
        <v>3.9807280394329414</v>
      </c>
      <c r="L8279" s="58">
        <f>Bühler!L8305</f>
        <v>1.9903640197164707</v>
      </c>
      <c r="M8279" s="57">
        <f>Bühler!M8305</f>
        <v>0</v>
      </c>
      <c r="N8279" s="55">
        <f>IF(Input!$K$13=1,J8279*Input!$J$13,0)+IF(Input!$K$14=1,K8279*Input!$J$14,0)+IF(Input!$K$15=1,L8279*Input!$J$15,0)+IF(Input!$K$16=1,M8279*Input!$J$16,0)</f>
        <v>11.322147140009337</v>
      </c>
      <c r="O8279" s="58">
        <f>IF(Input!$K$13=2,J8279*Input!$J$13,0)+IF(Input!$K$14=2,K8279*Input!$J$14,0)+IF(Input!$K$15=2,L8279*Input!$J$15,0)+IF(Input!$K$16=2,M8279*Input!$J$16,0)</f>
        <v>0.53739828532344713</v>
      </c>
      <c r="P8279" s="58">
        <f>IF(Input!$K$13=3,J8279*Input!$J$13,0)+IF(Input!$K$14=3,K8279*Input!$J$14,0)+IF(Input!$K$15=3,L8279*Input!$J$15,0)+IF(Input!$K$16=3,M8279*Input!$J$16,0)</f>
        <v>0</v>
      </c>
      <c r="Q8279" s="71">
        <f>IF(Input!$K$13=4,J8279*Input!$J$13,0)+IF(Input!$K$14=4,K8279*Input!$J$14,0)+IF(Input!$K$15=4,L8279*Input!$J$15,0)+IF(Input!$K$16=4,M8279*Input!$J$16,0)</f>
        <v>0</v>
      </c>
    </row>
    <row r="8280" spans="8:17" x14ac:dyDescent="0.25">
      <c r="H8280" s="43">
        <v>8273</v>
      </c>
      <c r="I8280" s="55">
        <f>Bühler!I8306</f>
        <v>14.985993588273351</v>
      </c>
      <c r="J8280" s="58">
        <f>Bühler!J8306</f>
        <v>59.908663180123121</v>
      </c>
      <c r="K8280" s="58">
        <f>Bühler!K8306</f>
        <v>2.3220913563358825</v>
      </c>
      <c r="L8280" s="58">
        <f>Bühler!L8306</f>
        <v>1.1610456781679412</v>
      </c>
      <c r="M8280" s="57">
        <f>Bühler!M8306</f>
        <v>0</v>
      </c>
      <c r="N8280" s="55">
        <f>IF(Input!$K$13=1,J8280*Input!$J$13,0)+IF(Input!$K$14=1,K8280*Input!$J$14,0)+IF(Input!$K$15=1,L8280*Input!$J$15,0)+IF(Input!$K$16=1,M8280*Input!$J$16,0)</f>
        <v>7.1890395816147743</v>
      </c>
      <c r="O8280" s="58">
        <f>IF(Input!$K$13=2,J8280*Input!$J$13,0)+IF(Input!$K$14=2,K8280*Input!$J$14,0)+IF(Input!$K$15=2,L8280*Input!$J$15,0)+IF(Input!$K$16=2,M8280*Input!$J$16,0)</f>
        <v>0.31348233310534412</v>
      </c>
      <c r="P8280" s="58">
        <f>IF(Input!$K$13=3,J8280*Input!$J$13,0)+IF(Input!$K$14=3,K8280*Input!$J$14,0)+IF(Input!$K$15=3,L8280*Input!$J$15,0)+IF(Input!$K$16=3,M8280*Input!$J$16,0)</f>
        <v>0</v>
      </c>
      <c r="Q8280" s="71">
        <f>IF(Input!$K$13=4,J8280*Input!$J$13,0)+IF(Input!$K$14=4,K8280*Input!$J$14,0)+IF(Input!$K$15=4,L8280*Input!$J$15,0)+IF(Input!$K$16=4,M8280*Input!$J$16,0)</f>
        <v>0</v>
      </c>
    </row>
    <row r="8281" spans="8:17" x14ac:dyDescent="0.25">
      <c r="H8281" s="43">
        <v>8274</v>
      </c>
      <c r="I8281" s="55">
        <f>Bühler!I8307</f>
        <v>12.057695990564765</v>
      </c>
      <c r="J8281" s="58">
        <f>Bühler!J8307</f>
        <v>25.540743073443359</v>
      </c>
      <c r="K8281" s="58">
        <f>Bühler!K8307</f>
        <v>0.66345467323882368</v>
      </c>
      <c r="L8281" s="58">
        <f>Bühler!L8307</f>
        <v>0.33172733661941184</v>
      </c>
      <c r="M8281" s="57">
        <f>Bühler!M8307</f>
        <v>0</v>
      </c>
      <c r="N8281" s="55">
        <f>IF(Input!$K$13=1,J8281*Input!$J$13,0)+IF(Input!$K$14=1,K8281*Input!$J$14,0)+IF(Input!$K$15=1,L8281*Input!$J$15,0)+IF(Input!$K$16=1,M8281*Input!$J$16,0)</f>
        <v>3.0648891688132029</v>
      </c>
      <c r="O8281" s="58">
        <f>IF(Input!$K$13=2,J8281*Input!$J$13,0)+IF(Input!$K$14=2,K8281*Input!$J$14,0)+IF(Input!$K$15=2,L8281*Input!$J$15,0)+IF(Input!$K$16=2,M8281*Input!$J$16,0)</f>
        <v>8.9566380887241198E-2</v>
      </c>
      <c r="P8281" s="58">
        <f>IF(Input!$K$13=3,J8281*Input!$J$13,0)+IF(Input!$K$14=3,K8281*Input!$J$14,0)+IF(Input!$K$15=3,L8281*Input!$J$15,0)+IF(Input!$K$16=3,M8281*Input!$J$16,0)</f>
        <v>0</v>
      </c>
      <c r="Q8281" s="71">
        <f>IF(Input!$K$13=4,J8281*Input!$J$13,0)+IF(Input!$K$14=4,K8281*Input!$J$14,0)+IF(Input!$K$15=4,L8281*Input!$J$15,0)+IF(Input!$K$16=4,M8281*Input!$J$16,0)</f>
        <v>0</v>
      </c>
    </row>
    <row r="8282" spans="8:17" x14ac:dyDescent="0.25">
      <c r="H8282" s="43">
        <v>8275</v>
      </c>
      <c r="I8282" s="55">
        <f>Bühler!I8308</f>
        <v>4.3063199966302728</v>
      </c>
      <c r="J8282" s="58">
        <f>Bühler!J8308</f>
        <v>16.967669233765516</v>
      </c>
      <c r="K8282" s="58">
        <f>Bühler!K8308</f>
        <v>0.6541102412213754</v>
      </c>
      <c r="L8282" s="58">
        <f>Bühler!L8308</f>
        <v>0.3270551206106877</v>
      </c>
      <c r="M8282" s="57">
        <f>Bühler!M8308</f>
        <v>0</v>
      </c>
      <c r="N8282" s="55">
        <f>IF(Input!$K$13=1,J8282*Input!$J$13,0)+IF(Input!$K$14=1,K8282*Input!$J$14,0)+IF(Input!$K$15=1,L8282*Input!$J$15,0)+IF(Input!$K$16=1,M8282*Input!$J$16,0)</f>
        <v>2.0361203080518617</v>
      </c>
      <c r="O8282" s="58">
        <f>IF(Input!$K$13=2,J8282*Input!$J$13,0)+IF(Input!$K$14=2,K8282*Input!$J$14,0)+IF(Input!$K$15=2,L8282*Input!$J$15,0)+IF(Input!$K$16=2,M8282*Input!$J$16,0)</f>
        <v>8.8304882564885667E-2</v>
      </c>
      <c r="P8282" s="58">
        <f>IF(Input!$K$13=3,J8282*Input!$J$13,0)+IF(Input!$K$14=3,K8282*Input!$J$14,0)+IF(Input!$K$15=3,L8282*Input!$J$15,0)+IF(Input!$K$16=3,M8282*Input!$J$16,0)</f>
        <v>0</v>
      </c>
      <c r="Q8282" s="71">
        <f>IF(Input!$K$13=4,J8282*Input!$J$13,0)+IF(Input!$K$14=4,K8282*Input!$J$14,0)+IF(Input!$K$15=4,L8282*Input!$J$15,0)+IF(Input!$K$16=4,M8282*Input!$J$16,0)</f>
        <v>0</v>
      </c>
    </row>
    <row r="8283" spans="8:17" x14ac:dyDescent="0.25">
      <c r="H8283" s="43">
        <v>8276</v>
      </c>
      <c r="I8283" s="55">
        <f>Bühler!I8309</f>
        <v>4.3063199966302728</v>
      </c>
      <c r="J8283" s="58">
        <f>Bühler!J8309</f>
        <v>16.967669233765516</v>
      </c>
      <c r="K8283" s="58">
        <f>Bühler!K8309</f>
        <v>0.6541102412213754</v>
      </c>
      <c r="L8283" s="58">
        <f>Bühler!L8309</f>
        <v>0.3270551206106877</v>
      </c>
      <c r="M8283" s="57">
        <f>Bühler!M8309</f>
        <v>0</v>
      </c>
      <c r="N8283" s="55">
        <f>IF(Input!$K$13=1,J8283*Input!$J$13,0)+IF(Input!$K$14=1,K8283*Input!$J$14,0)+IF(Input!$K$15=1,L8283*Input!$J$15,0)+IF(Input!$K$16=1,M8283*Input!$J$16,0)</f>
        <v>2.0361203080518617</v>
      </c>
      <c r="O8283" s="58">
        <f>IF(Input!$K$13=2,J8283*Input!$J$13,0)+IF(Input!$K$14=2,K8283*Input!$J$14,0)+IF(Input!$K$15=2,L8283*Input!$J$15,0)+IF(Input!$K$16=2,M8283*Input!$J$16,0)</f>
        <v>8.8304882564885667E-2</v>
      </c>
      <c r="P8283" s="58">
        <f>IF(Input!$K$13=3,J8283*Input!$J$13,0)+IF(Input!$K$14=3,K8283*Input!$J$14,0)+IF(Input!$K$15=3,L8283*Input!$J$15,0)+IF(Input!$K$16=3,M8283*Input!$J$16,0)</f>
        <v>0</v>
      </c>
      <c r="Q8283" s="71">
        <f>IF(Input!$K$13=4,J8283*Input!$J$13,0)+IF(Input!$K$14=4,K8283*Input!$J$14,0)+IF(Input!$K$15=4,L8283*Input!$J$15,0)+IF(Input!$K$16=4,M8283*Input!$J$16,0)</f>
        <v>0</v>
      </c>
    </row>
    <row r="8284" spans="8:17" x14ac:dyDescent="0.25">
      <c r="H8284" s="43">
        <v>8277</v>
      </c>
      <c r="I8284" s="55">
        <f>Bühler!I8310</f>
        <v>4.3063199966302728</v>
      </c>
      <c r="J8284" s="58">
        <f>Bühler!J8310</f>
        <v>16.967669233765516</v>
      </c>
      <c r="K8284" s="58">
        <f>Bühler!K8310</f>
        <v>0.6541102412213754</v>
      </c>
      <c r="L8284" s="58">
        <f>Bühler!L8310</f>
        <v>0.3270551206106877</v>
      </c>
      <c r="M8284" s="57">
        <f>Bühler!M8310</f>
        <v>0</v>
      </c>
      <c r="N8284" s="55">
        <f>IF(Input!$K$13=1,J8284*Input!$J$13,0)+IF(Input!$K$14=1,K8284*Input!$J$14,0)+IF(Input!$K$15=1,L8284*Input!$J$15,0)+IF(Input!$K$16=1,M8284*Input!$J$16,0)</f>
        <v>2.0361203080518617</v>
      </c>
      <c r="O8284" s="58">
        <f>IF(Input!$K$13=2,J8284*Input!$J$13,0)+IF(Input!$K$14=2,K8284*Input!$J$14,0)+IF(Input!$K$15=2,L8284*Input!$J$15,0)+IF(Input!$K$16=2,M8284*Input!$J$16,0)</f>
        <v>8.8304882564885667E-2</v>
      </c>
      <c r="P8284" s="58">
        <f>IF(Input!$K$13=3,J8284*Input!$J$13,0)+IF(Input!$K$14=3,K8284*Input!$J$14,0)+IF(Input!$K$15=3,L8284*Input!$J$15,0)+IF(Input!$K$16=3,M8284*Input!$J$16,0)</f>
        <v>0</v>
      </c>
      <c r="Q8284" s="71">
        <f>IF(Input!$K$13=4,J8284*Input!$J$13,0)+IF(Input!$K$14=4,K8284*Input!$J$14,0)+IF(Input!$K$15=4,L8284*Input!$J$15,0)+IF(Input!$K$16=4,M8284*Input!$J$16,0)</f>
        <v>0</v>
      </c>
    </row>
    <row r="8285" spans="8:17" x14ac:dyDescent="0.25">
      <c r="H8285" s="43">
        <v>8278</v>
      </c>
      <c r="I8285" s="55">
        <f>Bühler!I8311</f>
        <v>4.3063199966302728</v>
      </c>
      <c r="J8285" s="58">
        <f>Bühler!J8311</f>
        <v>16.967669233765516</v>
      </c>
      <c r="K8285" s="58">
        <f>Bühler!K8311</f>
        <v>0.6541102412213754</v>
      </c>
      <c r="L8285" s="58">
        <f>Bühler!L8311</f>
        <v>0.3270551206106877</v>
      </c>
      <c r="M8285" s="57">
        <f>Bühler!M8311</f>
        <v>0</v>
      </c>
      <c r="N8285" s="55">
        <f>IF(Input!$K$13=1,J8285*Input!$J$13,0)+IF(Input!$K$14=1,K8285*Input!$J$14,0)+IF(Input!$K$15=1,L8285*Input!$J$15,0)+IF(Input!$K$16=1,M8285*Input!$J$16,0)</f>
        <v>2.0361203080518617</v>
      </c>
      <c r="O8285" s="58">
        <f>IF(Input!$K$13=2,J8285*Input!$J$13,0)+IF(Input!$K$14=2,K8285*Input!$J$14,0)+IF(Input!$K$15=2,L8285*Input!$J$15,0)+IF(Input!$K$16=2,M8285*Input!$J$16,0)</f>
        <v>8.8304882564885667E-2</v>
      </c>
      <c r="P8285" s="58">
        <f>IF(Input!$K$13=3,J8285*Input!$J$13,0)+IF(Input!$K$14=3,K8285*Input!$J$14,0)+IF(Input!$K$15=3,L8285*Input!$J$15,0)+IF(Input!$K$16=3,M8285*Input!$J$16,0)</f>
        <v>0</v>
      </c>
      <c r="Q8285" s="71">
        <f>IF(Input!$K$13=4,J8285*Input!$J$13,0)+IF(Input!$K$14=4,K8285*Input!$J$14,0)+IF(Input!$K$15=4,L8285*Input!$J$15,0)+IF(Input!$K$16=4,M8285*Input!$J$16,0)</f>
        <v>0</v>
      </c>
    </row>
    <row r="8286" spans="8:17" x14ac:dyDescent="0.25">
      <c r="H8286" s="43">
        <v>8279</v>
      </c>
      <c r="I8286" s="55">
        <f>Bühler!I8312</f>
        <v>4.3063199966302728</v>
      </c>
      <c r="J8286" s="58">
        <f>Bühler!J8312</f>
        <v>16.967669233765516</v>
      </c>
      <c r="K8286" s="58">
        <f>Bühler!K8312</f>
        <v>0.6541102412213754</v>
      </c>
      <c r="L8286" s="58">
        <f>Bühler!L8312</f>
        <v>0.3270551206106877</v>
      </c>
      <c r="M8286" s="57">
        <f>Bühler!M8312</f>
        <v>0</v>
      </c>
      <c r="N8286" s="55">
        <f>IF(Input!$K$13=1,J8286*Input!$J$13,0)+IF(Input!$K$14=1,K8286*Input!$J$14,0)+IF(Input!$K$15=1,L8286*Input!$J$15,0)+IF(Input!$K$16=1,M8286*Input!$J$16,0)</f>
        <v>2.0361203080518617</v>
      </c>
      <c r="O8286" s="58">
        <f>IF(Input!$K$13=2,J8286*Input!$J$13,0)+IF(Input!$K$14=2,K8286*Input!$J$14,0)+IF(Input!$K$15=2,L8286*Input!$J$15,0)+IF(Input!$K$16=2,M8286*Input!$J$16,0)</f>
        <v>8.8304882564885667E-2</v>
      </c>
      <c r="P8286" s="58">
        <f>IF(Input!$K$13=3,J8286*Input!$J$13,0)+IF(Input!$K$14=3,K8286*Input!$J$14,0)+IF(Input!$K$15=3,L8286*Input!$J$15,0)+IF(Input!$K$16=3,M8286*Input!$J$16,0)</f>
        <v>0</v>
      </c>
      <c r="Q8286" s="71">
        <f>IF(Input!$K$13=4,J8286*Input!$J$13,0)+IF(Input!$K$14=4,K8286*Input!$J$14,0)+IF(Input!$K$15=4,L8286*Input!$J$15,0)+IF(Input!$K$16=4,M8286*Input!$J$16,0)</f>
        <v>0</v>
      </c>
    </row>
    <row r="8287" spans="8:17" x14ac:dyDescent="0.25">
      <c r="H8287" s="43">
        <v>8280</v>
      </c>
      <c r="I8287" s="55">
        <f>Bühler!I8313</f>
        <v>4.3063199966302728</v>
      </c>
      <c r="J8287" s="58">
        <f>Bühler!J8313</f>
        <v>16.967669233765516</v>
      </c>
      <c r="K8287" s="58">
        <f>Bühler!K8313</f>
        <v>0.6541102412213754</v>
      </c>
      <c r="L8287" s="58">
        <f>Bühler!L8313</f>
        <v>0.3270551206106877</v>
      </c>
      <c r="M8287" s="57">
        <f>Bühler!M8313</f>
        <v>0</v>
      </c>
      <c r="N8287" s="55">
        <f>IF(Input!$K$13=1,J8287*Input!$J$13,0)+IF(Input!$K$14=1,K8287*Input!$J$14,0)+IF(Input!$K$15=1,L8287*Input!$J$15,0)+IF(Input!$K$16=1,M8287*Input!$J$16,0)</f>
        <v>2.0361203080518617</v>
      </c>
      <c r="O8287" s="58">
        <f>IF(Input!$K$13=2,J8287*Input!$J$13,0)+IF(Input!$K$14=2,K8287*Input!$J$14,0)+IF(Input!$K$15=2,L8287*Input!$J$15,0)+IF(Input!$K$16=2,M8287*Input!$J$16,0)</f>
        <v>8.8304882564885667E-2</v>
      </c>
      <c r="P8287" s="58">
        <f>IF(Input!$K$13=3,J8287*Input!$J$13,0)+IF(Input!$K$14=3,K8287*Input!$J$14,0)+IF(Input!$K$15=3,L8287*Input!$J$15,0)+IF(Input!$K$16=3,M8287*Input!$J$16,0)</f>
        <v>0</v>
      </c>
      <c r="Q8287" s="71">
        <f>IF(Input!$K$13=4,J8287*Input!$J$13,0)+IF(Input!$K$14=4,K8287*Input!$J$14,0)+IF(Input!$K$15=4,L8287*Input!$J$15,0)+IF(Input!$K$16=4,M8287*Input!$J$16,0)</f>
        <v>0</v>
      </c>
    </row>
    <row r="8288" spans="8:17" x14ac:dyDescent="0.25">
      <c r="H8288" s="43">
        <v>8281</v>
      </c>
      <c r="I8288" s="55">
        <f>Bühler!I8314</f>
        <v>2.5780159895986174</v>
      </c>
      <c r="J8288" s="58">
        <f>Bühler!J8314</f>
        <v>9.7684656811627804</v>
      </c>
      <c r="K8288" s="58">
        <f>Bühler!K8314</f>
        <v>0.4065696662080967</v>
      </c>
      <c r="L8288" s="58">
        <f>Bühler!L8314</f>
        <v>0.20328483310404835</v>
      </c>
      <c r="M8288" s="57">
        <f>Bühler!M8314</f>
        <v>0</v>
      </c>
      <c r="N8288" s="55">
        <f>IF(Input!$K$13=1,J8288*Input!$J$13,0)+IF(Input!$K$14=1,K8288*Input!$J$14,0)+IF(Input!$K$15=1,L8288*Input!$J$15,0)+IF(Input!$K$16=1,M8288*Input!$J$16,0)</f>
        <v>1.1722158817395336</v>
      </c>
      <c r="O8288" s="58">
        <f>IF(Input!$K$13=2,J8288*Input!$J$13,0)+IF(Input!$K$14=2,K8288*Input!$J$14,0)+IF(Input!$K$15=2,L8288*Input!$J$15,0)+IF(Input!$K$16=2,M8288*Input!$J$16,0)</f>
        <v>5.4886904938093055E-2</v>
      </c>
      <c r="P8288" s="58">
        <f>IF(Input!$K$13=3,J8288*Input!$J$13,0)+IF(Input!$K$14=3,K8288*Input!$J$14,0)+IF(Input!$K$15=3,L8288*Input!$J$15,0)+IF(Input!$K$16=3,M8288*Input!$J$16,0)</f>
        <v>0</v>
      </c>
      <c r="Q8288" s="71">
        <f>IF(Input!$K$13=4,J8288*Input!$J$13,0)+IF(Input!$K$14=4,K8288*Input!$J$14,0)+IF(Input!$K$15=4,L8288*Input!$J$15,0)+IF(Input!$K$16=4,M8288*Input!$J$16,0)</f>
        <v>0</v>
      </c>
    </row>
    <row r="8289" spans="8:17" x14ac:dyDescent="0.25">
      <c r="H8289" s="43">
        <v>8282</v>
      </c>
      <c r="I8289" s="55">
        <f>Bühler!I8315</f>
        <v>2.5780159895986174</v>
      </c>
      <c r="J8289" s="58">
        <f>Bühler!J8315</f>
        <v>13.422359266086927</v>
      </c>
      <c r="K8289" s="58">
        <f>Bühler!K8315</f>
        <v>0.61953472945995702</v>
      </c>
      <c r="L8289" s="58">
        <f>Bühler!L8315</f>
        <v>0.30976736472997851</v>
      </c>
      <c r="M8289" s="57">
        <f>Bühler!M8315</f>
        <v>0</v>
      </c>
      <c r="N8289" s="55">
        <f>IF(Input!$K$13=1,J8289*Input!$J$13,0)+IF(Input!$K$14=1,K8289*Input!$J$14,0)+IF(Input!$K$15=1,L8289*Input!$J$15,0)+IF(Input!$K$16=1,M8289*Input!$J$16,0)</f>
        <v>1.6106831119304312</v>
      </c>
      <c r="O8289" s="58">
        <f>IF(Input!$K$13=2,J8289*Input!$J$13,0)+IF(Input!$K$14=2,K8289*Input!$J$14,0)+IF(Input!$K$15=2,L8289*Input!$J$15,0)+IF(Input!$K$16=2,M8289*Input!$J$16,0)</f>
        <v>8.3637188477094199E-2</v>
      </c>
      <c r="P8289" s="58">
        <f>IF(Input!$K$13=3,J8289*Input!$J$13,0)+IF(Input!$K$14=3,K8289*Input!$J$14,0)+IF(Input!$K$15=3,L8289*Input!$J$15,0)+IF(Input!$K$16=3,M8289*Input!$J$16,0)</f>
        <v>0</v>
      </c>
      <c r="Q8289" s="71">
        <f>IF(Input!$K$13=4,J8289*Input!$J$13,0)+IF(Input!$K$14=4,K8289*Input!$J$14,0)+IF(Input!$K$15=4,L8289*Input!$J$15,0)+IF(Input!$K$16=4,M8289*Input!$J$16,0)</f>
        <v>0</v>
      </c>
    </row>
    <row r="8290" spans="8:17" x14ac:dyDescent="0.25">
      <c r="H8290" s="43">
        <v>8283</v>
      </c>
      <c r="I8290" s="55">
        <f>Bühler!I8316</f>
        <v>2.5780159895986174</v>
      </c>
      <c r="J8290" s="58">
        <f>Bühler!J8316</f>
        <v>13.422359266086927</v>
      </c>
      <c r="K8290" s="58">
        <f>Bühler!K8316</f>
        <v>0.61953472945995702</v>
      </c>
      <c r="L8290" s="58">
        <f>Bühler!L8316</f>
        <v>0.30976736472997851</v>
      </c>
      <c r="M8290" s="57">
        <f>Bühler!M8316</f>
        <v>0</v>
      </c>
      <c r="N8290" s="55">
        <f>IF(Input!$K$13=1,J8290*Input!$J$13,0)+IF(Input!$K$14=1,K8290*Input!$J$14,0)+IF(Input!$K$15=1,L8290*Input!$J$15,0)+IF(Input!$K$16=1,M8290*Input!$J$16,0)</f>
        <v>1.6106831119304312</v>
      </c>
      <c r="O8290" s="58">
        <f>IF(Input!$K$13=2,J8290*Input!$J$13,0)+IF(Input!$K$14=2,K8290*Input!$J$14,0)+IF(Input!$K$15=2,L8290*Input!$J$15,0)+IF(Input!$K$16=2,M8290*Input!$J$16,0)</f>
        <v>8.3637188477094199E-2</v>
      </c>
      <c r="P8290" s="58">
        <f>IF(Input!$K$13=3,J8290*Input!$J$13,0)+IF(Input!$K$14=3,K8290*Input!$J$14,0)+IF(Input!$K$15=3,L8290*Input!$J$15,0)+IF(Input!$K$16=3,M8290*Input!$J$16,0)</f>
        <v>0</v>
      </c>
      <c r="Q8290" s="71">
        <f>IF(Input!$K$13=4,J8290*Input!$J$13,0)+IF(Input!$K$14=4,K8290*Input!$J$14,0)+IF(Input!$K$15=4,L8290*Input!$J$15,0)+IF(Input!$K$16=4,M8290*Input!$J$16,0)</f>
        <v>0</v>
      </c>
    </row>
    <row r="8291" spans="8:17" x14ac:dyDescent="0.25">
      <c r="H8291" s="43">
        <v>8284</v>
      </c>
      <c r="I8291" s="55">
        <f>Bühler!I8317</f>
        <v>2.5780159895986174</v>
      </c>
      <c r="J8291" s="58">
        <f>Bühler!J8317</f>
        <v>13.422359266086927</v>
      </c>
      <c r="K8291" s="58">
        <f>Bühler!K8317</f>
        <v>0.61953472945995702</v>
      </c>
      <c r="L8291" s="58">
        <f>Bühler!L8317</f>
        <v>0.30976736472997851</v>
      </c>
      <c r="M8291" s="57">
        <f>Bühler!M8317</f>
        <v>0</v>
      </c>
      <c r="N8291" s="55">
        <f>IF(Input!$K$13=1,J8291*Input!$J$13,0)+IF(Input!$K$14=1,K8291*Input!$J$14,0)+IF(Input!$K$15=1,L8291*Input!$J$15,0)+IF(Input!$K$16=1,M8291*Input!$J$16,0)</f>
        <v>1.6106831119304312</v>
      </c>
      <c r="O8291" s="58">
        <f>IF(Input!$K$13=2,J8291*Input!$J$13,0)+IF(Input!$K$14=2,K8291*Input!$J$14,0)+IF(Input!$K$15=2,L8291*Input!$J$15,0)+IF(Input!$K$16=2,M8291*Input!$J$16,0)</f>
        <v>8.3637188477094199E-2</v>
      </c>
      <c r="P8291" s="58">
        <f>IF(Input!$K$13=3,J8291*Input!$J$13,0)+IF(Input!$K$14=3,K8291*Input!$J$14,0)+IF(Input!$K$15=3,L8291*Input!$J$15,0)+IF(Input!$K$16=3,M8291*Input!$J$16,0)</f>
        <v>0</v>
      </c>
      <c r="Q8291" s="71">
        <f>IF(Input!$K$13=4,J8291*Input!$J$13,0)+IF(Input!$K$14=4,K8291*Input!$J$14,0)+IF(Input!$K$15=4,L8291*Input!$J$15,0)+IF(Input!$K$16=4,M8291*Input!$J$16,0)</f>
        <v>0</v>
      </c>
    </row>
    <row r="8292" spans="8:17" x14ac:dyDescent="0.25">
      <c r="H8292" s="43">
        <v>8285</v>
      </c>
      <c r="I8292" s="55">
        <f>Bühler!I8318</f>
        <v>2.5780159895986174</v>
      </c>
      <c r="J8292" s="58">
        <f>Bühler!J8318</f>
        <v>13.422359266086927</v>
      </c>
      <c r="K8292" s="58">
        <f>Bühler!K8318</f>
        <v>0.61953472945995702</v>
      </c>
      <c r="L8292" s="58">
        <f>Bühler!L8318</f>
        <v>0.30976736472997851</v>
      </c>
      <c r="M8292" s="57">
        <f>Bühler!M8318</f>
        <v>0</v>
      </c>
      <c r="N8292" s="55">
        <f>IF(Input!$K$13=1,J8292*Input!$J$13,0)+IF(Input!$K$14=1,K8292*Input!$J$14,0)+IF(Input!$K$15=1,L8292*Input!$J$15,0)+IF(Input!$K$16=1,M8292*Input!$J$16,0)</f>
        <v>1.6106831119304312</v>
      </c>
      <c r="O8292" s="58">
        <f>IF(Input!$K$13=2,J8292*Input!$J$13,0)+IF(Input!$K$14=2,K8292*Input!$J$14,0)+IF(Input!$K$15=2,L8292*Input!$J$15,0)+IF(Input!$K$16=2,M8292*Input!$J$16,0)</f>
        <v>8.3637188477094199E-2</v>
      </c>
      <c r="P8292" s="58">
        <f>IF(Input!$K$13=3,J8292*Input!$J$13,0)+IF(Input!$K$14=3,K8292*Input!$J$14,0)+IF(Input!$K$15=3,L8292*Input!$J$15,0)+IF(Input!$K$16=3,M8292*Input!$J$16,0)</f>
        <v>0</v>
      </c>
      <c r="Q8292" s="71">
        <f>IF(Input!$K$13=4,J8292*Input!$J$13,0)+IF(Input!$K$14=4,K8292*Input!$J$14,0)+IF(Input!$K$15=4,L8292*Input!$J$15,0)+IF(Input!$K$16=4,M8292*Input!$J$16,0)</f>
        <v>0</v>
      </c>
    </row>
    <row r="8293" spans="8:17" x14ac:dyDescent="0.25">
      <c r="H8293" s="43">
        <v>8286</v>
      </c>
      <c r="I8293" s="55">
        <f>Bühler!I8319</f>
        <v>2.5780159895986174</v>
      </c>
      <c r="J8293" s="58">
        <f>Bühler!J8319</f>
        <v>13.422359266086927</v>
      </c>
      <c r="K8293" s="58">
        <f>Bühler!K8319</f>
        <v>0.61953472945995702</v>
      </c>
      <c r="L8293" s="58">
        <f>Bühler!L8319</f>
        <v>0.30976736472997851</v>
      </c>
      <c r="M8293" s="57">
        <f>Bühler!M8319</f>
        <v>0</v>
      </c>
      <c r="N8293" s="55">
        <f>IF(Input!$K$13=1,J8293*Input!$J$13,0)+IF(Input!$K$14=1,K8293*Input!$J$14,0)+IF(Input!$K$15=1,L8293*Input!$J$15,0)+IF(Input!$K$16=1,M8293*Input!$J$16,0)</f>
        <v>1.6106831119304312</v>
      </c>
      <c r="O8293" s="58">
        <f>IF(Input!$K$13=2,J8293*Input!$J$13,0)+IF(Input!$K$14=2,K8293*Input!$J$14,0)+IF(Input!$K$15=2,L8293*Input!$J$15,0)+IF(Input!$K$16=2,M8293*Input!$J$16,0)</f>
        <v>8.3637188477094199E-2</v>
      </c>
      <c r="P8293" s="58">
        <f>IF(Input!$K$13=3,J8293*Input!$J$13,0)+IF(Input!$K$14=3,K8293*Input!$J$14,0)+IF(Input!$K$15=3,L8293*Input!$J$15,0)+IF(Input!$K$16=3,M8293*Input!$J$16,0)</f>
        <v>0</v>
      </c>
      <c r="Q8293" s="71">
        <f>IF(Input!$K$13=4,J8293*Input!$J$13,0)+IF(Input!$K$14=4,K8293*Input!$J$14,0)+IF(Input!$K$15=4,L8293*Input!$J$15,0)+IF(Input!$K$16=4,M8293*Input!$J$16,0)</f>
        <v>0</v>
      </c>
    </row>
    <row r="8294" spans="8:17" x14ac:dyDescent="0.25">
      <c r="H8294" s="43">
        <v>8287</v>
      </c>
      <c r="I8294" s="55">
        <f>Bühler!I8320</f>
        <v>2.5780159895986174</v>
      </c>
      <c r="J8294" s="58">
        <f>Bühler!J8320</f>
        <v>13.422359266086927</v>
      </c>
      <c r="K8294" s="58">
        <f>Bühler!K8320</f>
        <v>0.61953472945995702</v>
      </c>
      <c r="L8294" s="58">
        <f>Bühler!L8320</f>
        <v>0.30976736472997851</v>
      </c>
      <c r="M8294" s="57">
        <f>Bühler!M8320</f>
        <v>0</v>
      </c>
      <c r="N8294" s="55">
        <f>IF(Input!$K$13=1,J8294*Input!$J$13,0)+IF(Input!$K$14=1,K8294*Input!$J$14,0)+IF(Input!$K$15=1,L8294*Input!$J$15,0)+IF(Input!$K$16=1,M8294*Input!$J$16,0)</f>
        <v>1.6106831119304312</v>
      </c>
      <c r="O8294" s="58">
        <f>IF(Input!$K$13=2,J8294*Input!$J$13,0)+IF(Input!$K$14=2,K8294*Input!$J$14,0)+IF(Input!$K$15=2,L8294*Input!$J$15,0)+IF(Input!$K$16=2,M8294*Input!$J$16,0)</f>
        <v>8.3637188477094199E-2</v>
      </c>
      <c r="P8294" s="58">
        <f>IF(Input!$K$13=3,J8294*Input!$J$13,0)+IF(Input!$K$14=3,K8294*Input!$J$14,0)+IF(Input!$K$15=3,L8294*Input!$J$15,0)+IF(Input!$K$16=3,M8294*Input!$J$16,0)</f>
        <v>0</v>
      </c>
      <c r="Q8294" s="71">
        <f>IF(Input!$K$13=4,J8294*Input!$J$13,0)+IF(Input!$K$14=4,K8294*Input!$J$14,0)+IF(Input!$K$15=4,L8294*Input!$J$15,0)+IF(Input!$K$16=4,M8294*Input!$J$16,0)</f>
        <v>0</v>
      </c>
    </row>
    <row r="8295" spans="8:17" x14ac:dyDescent="0.25">
      <c r="H8295" s="43">
        <v>8288</v>
      </c>
      <c r="I8295" s="55">
        <f>Bühler!I8321</f>
        <v>7.4263492861663396</v>
      </c>
      <c r="J8295" s="58">
        <f>Bühler!J8321</f>
        <v>52.855233963613571</v>
      </c>
      <c r="K8295" s="58">
        <f>Bühler!K8321</f>
        <v>2.6117260938796307</v>
      </c>
      <c r="L8295" s="58">
        <f>Bühler!L8321</f>
        <v>1.3058630469398154</v>
      </c>
      <c r="M8295" s="57">
        <f>Bühler!M8321</f>
        <v>0</v>
      </c>
      <c r="N8295" s="55">
        <f>IF(Input!$K$13=1,J8295*Input!$J$13,0)+IF(Input!$K$14=1,K8295*Input!$J$14,0)+IF(Input!$K$15=1,L8295*Input!$J$15,0)+IF(Input!$K$16=1,M8295*Input!$J$16,0)</f>
        <v>6.3426280756336286</v>
      </c>
      <c r="O8295" s="58">
        <f>IF(Input!$K$13=2,J8295*Input!$J$13,0)+IF(Input!$K$14=2,K8295*Input!$J$14,0)+IF(Input!$K$15=2,L8295*Input!$J$15,0)+IF(Input!$K$16=2,M8295*Input!$J$16,0)</f>
        <v>0.35258302267375013</v>
      </c>
      <c r="P8295" s="58">
        <f>IF(Input!$K$13=3,J8295*Input!$J$13,0)+IF(Input!$K$14=3,K8295*Input!$J$14,0)+IF(Input!$K$15=3,L8295*Input!$J$15,0)+IF(Input!$K$16=3,M8295*Input!$J$16,0)</f>
        <v>0</v>
      </c>
      <c r="Q8295" s="71">
        <f>IF(Input!$K$13=4,J8295*Input!$J$13,0)+IF(Input!$K$14=4,K8295*Input!$J$14,0)+IF(Input!$K$15=4,L8295*Input!$J$15,0)+IF(Input!$K$16=4,M8295*Input!$J$16,0)</f>
        <v>0</v>
      </c>
    </row>
    <row r="8296" spans="8:17" x14ac:dyDescent="0.25">
      <c r="H8296" s="43">
        <v>8289</v>
      </c>
      <c r="I8296" s="55">
        <f>Bühler!I8322</f>
        <v>8.2862423614066518</v>
      </c>
      <c r="J8296" s="58">
        <f>Bühler!J8322</f>
        <v>58.975313685716209</v>
      </c>
      <c r="K8296" s="58">
        <f>Bühler!K8322</f>
        <v>2.9141364836972725</v>
      </c>
      <c r="L8296" s="58">
        <f>Bühler!L8322</f>
        <v>1.4570682418486363</v>
      </c>
      <c r="M8296" s="57">
        <f>Bühler!M8322</f>
        <v>0</v>
      </c>
      <c r="N8296" s="55">
        <f>IF(Input!$K$13=1,J8296*Input!$J$13,0)+IF(Input!$K$14=1,K8296*Input!$J$14,0)+IF(Input!$K$15=1,L8296*Input!$J$15,0)+IF(Input!$K$16=1,M8296*Input!$J$16,0)</f>
        <v>7.0770376422859451</v>
      </c>
      <c r="O8296" s="58">
        <f>IF(Input!$K$13=2,J8296*Input!$J$13,0)+IF(Input!$K$14=2,K8296*Input!$J$14,0)+IF(Input!$K$15=2,L8296*Input!$J$15,0)+IF(Input!$K$16=2,M8296*Input!$J$16,0)</f>
        <v>0.39340842529913178</v>
      </c>
      <c r="P8296" s="58">
        <f>IF(Input!$K$13=3,J8296*Input!$J$13,0)+IF(Input!$K$14=3,K8296*Input!$J$14,0)+IF(Input!$K$15=3,L8296*Input!$J$15,0)+IF(Input!$K$16=3,M8296*Input!$J$16,0)</f>
        <v>0</v>
      </c>
      <c r="Q8296" s="71">
        <f>IF(Input!$K$13=4,J8296*Input!$J$13,0)+IF(Input!$K$14=4,K8296*Input!$J$14,0)+IF(Input!$K$15=4,L8296*Input!$J$15,0)+IF(Input!$K$16=4,M8296*Input!$J$16,0)</f>
        <v>0</v>
      </c>
    </row>
    <row r="8297" spans="8:17" x14ac:dyDescent="0.25">
      <c r="H8297" s="43">
        <v>8290</v>
      </c>
      <c r="I8297" s="55">
        <f>Bühler!I8323</f>
        <v>9.1461354366469649</v>
      </c>
      <c r="J8297" s="58">
        <f>Bühler!J8323</f>
        <v>65.095393407818833</v>
      </c>
      <c r="K8297" s="58">
        <f>Bühler!K8323</f>
        <v>3.2165468735149143</v>
      </c>
      <c r="L8297" s="58">
        <f>Bühler!L8323</f>
        <v>1.6082734367574572</v>
      </c>
      <c r="M8297" s="57">
        <f>Bühler!M8323</f>
        <v>0</v>
      </c>
      <c r="N8297" s="55">
        <f>IF(Input!$K$13=1,J8297*Input!$J$13,0)+IF(Input!$K$14=1,K8297*Input!$J$14,0)+IF(Input!$K$15=1,L8297*Input!$J$15,0)+IF(Input!$K$16=1,M8297*Input!$J$16,0)</f>
        <v>7.8114472089382598</v>
      </c>
      <c r="O8297" s="58">
        <f>IF(Input!$K$13=2,J8297*Input!$J$13,0)+IF(Input!$K$14=2,K8297*Input!$J$14,0)+IF(Input!$K$15=2,L8297*Input!$J$15,0)+IF(Input!$K$16=2,M8297*Input!$J$16,0)</f>
        <v>0.43423382792451343</v>
      </c>
      <c r="P8297" s="58">
        <f>IF(Input!$K$13=3,J8297*Input!$J$13,0)+IF(Input!$K$14=3,K8297*Input!$J$14,0)+IF(Input!$K$15=3,L8297*Input!$J$15,0)+IF(Input!$K$16=3,M8297*Input!$J$16,0)</f>
        <v>0</v>
      </c>
      <c r="Q8297" s="71">
        <f>IF(Input!$K$13=4,J8297*Input!$J$13,0)+IF(Input!$K$14=4,K8297*Input!$J$14,0)+IF(Input!$K$15=4,L8297*Input!$J$15,0)+IF(Input!$K$16=4,M8297*Input!$J$16,0)</f>
        <v>0</v>
      </c>
    </row>
    <row r="8298" spans="8:17" x14ac:dyDescent="0.25">
      <c r="H8298" s="43">
        <v>8291</v>
      </c>
      <c r="I8298" s="55">
        <f>Bühler!I8324</f>
        <v>9.1461354366469649</v>
      </c>
      <c r="J8298" s="58">
        <f>Bühler!J8324</f>
        <v>65.095393407818833</v>
      </c>
      <c r="K8298" s="58">
        <f>Bühler!K8324</f>
        <v>3.2165468735149143</v>
      </c>
      <c r="L8298" s="58">
        <f>Bühler!L8324</f>
        <v>1.6082734367574572</v>
      </c>
      <c r="M8298" s="57">
        <f>Bühler!M8324</f>
        <v>0</v>
      </c>
      <c r="N8298" s="55">
        <f>IF(Input!$K$13=1,J8298*Input!$J$13,0)+IF(Input!$K$14=1,K8298*Input!$J$14,0)+IF(Input!$K$15=1,L8298*Input!$J$15,0)+IF(Input!$K$16=1,M8298*Input!$J$16,0)</f>
        <v>7.8114472089382598</v>
      </c>
      <c r="O8298" s="58">
        <f>IF(Input!$K$13=2,J8298*Input!$J$13,0)+IF(Input!$K$14=2,K8298*Input!$J$14,0)+IF(Input!$K$15=2,L8298*Input!$J$15,0)+IF(Input!$K$16=2,M8298*Input!$J$16,0)</f>
        <v>0.43423382792451343</v>
      </c>
      <c r="P8298" s="58">
        <f>IF(Input!$K$13=3,J8298*Input!$J$13,0)+IF(Input!$K$14=3,K8298*Input!$J$14,0)+IF(Input!$K$15=3,L8298*Input!$J$15,0)+IF(Input!$K$16=3,M8298*Input!$J$16,0)</f>
        <v>0</v>
      </c>
      <c r="Q8298" s="71">
        <f>IF(Input!$K$13=4,J8298*Input!$J$13,0)+IF(Input!$K$14=4,K8298*Input!$J$14,0)+IF(Input!$K$15=4,L8298*Input!$J$15,0)+IF(Input!$K$16=4,M8298*Input!$J$16,0)</f>
        <v>0</v>
      </c>
    </row>
    <row r="8299" spans="8:17" x14ac:dyDescent="0.25">
      <c r="H8299" s="43">
        <v>8292</v>
      </c>
      <c r="I8299" s="55">
        <f>Bühler!I8325</f>
        <v>10.944093684876712</v>
      </c>
      <c r="J8299" s="58">
        <f>Bühler!J8325</f>
        <v>77.891923735851591</v>
      </c>
      <c r="K8299" s="58">
        <f>Bühler!K8325</f>
        <v>3.848859506769982</v>
      </c>
      <c r="L8299" s="58">
        <f>Bühler!L8325</f>
        <v>1.924429753384991</v>
      </c>
      <c r="M8299" s="57">
        <f>Bühler!M8325</f>
        <v>0</v>
      </c>
      <c r="N8299" s="55">
        <f>IF(Input!$K$13=1,J8299*Input!$J$13,0)+IF(Input!$K$14=1,K8299*Input!$J$14,0)+IF(Input!$K$15=1,L8299*Input!$J$15,0)+IF(Input!$K$16=1,M8299*Input!$J$16,0)</f>
        <v>9.3470308483021913</v>
      </c>
      <c r="O8299" s="58">
        <f>IF(Input!$K$13=2,J8299*Input!$J$13,0)+IF(Input!$K$14=2,K8299*Input!$J$14,0)+IF(Input!$K$15=2,L8299*Input!$J$15,0)+IF(Input!$K$16=2,M8299*Input!$J$16,0)</f>
        <v>0.51959603341394756</v>
      </c>
      <c r="P8299" s="58">
        <f>IF(Input!$K$13=3,J8299*Input!$J$13,0)+IF(Input!$K$14=3,K8299*Input!$J$14,0)+IF(Input!$K$15=3,L8299*Input!$J$15,0)+IF(Input!$K$16=3,M8299*Input!$J$16,0)</f>
        <v>0</v>
      </c>
      <c r="Q8299" s="71">
        <f>IF(Input!$K$13=4,J8299*Input!$J$13,0)+IF(Input!$K$14=4,K8299*Input!$J$14,0)+IF(Input!$K$15=4,L8299*Input!$J$15,0)+IF(Input!$K$16=4,M8299*Input!$J$16,0)</f>
        <v>0</v>
      </c>
    </row>
    <row r="8300" spans="8:17" x14ac:dyDescent="0.25">
      <c r="H8300" s="43">
        <v>8293</v>
      </c>
      <c r="I8300" s="55">
        <f>Bühler!I8326</f>
        <v>10.944093684876712</v>
      </c>
      <c r="J8300" s="58">
        <f>Bühler!J8326</f>
        <v>77.891923735851591</v>
      </c>
      <c r="K8300" s="58">
        <f>Bühler!K8326</f>
        <v>3.848859506769982</v>
      </c>
      <c r="L8300" s="58">
        <f>Bühler!L8326</f>
        <v>1.924429753384991</v>
      </c>
      <c r="M8300" s="57">
        <f>Bühler!M8326</f>
        <v>0</v>
      </c>
      <c r="N8300" s="55">
        <f>IF(Input!$K$13=1,J8300*Input!$J$13,0)+IF(Input!$K$14=1,K8300*Input!$J$14,0)+IF(Input!$K$15=1,L8300*Input!$J$15,0)+IF(Input!$K$16=1,M8300*Input!$J$16,0)</f>
        <v>9.3470308483021913</v>
      </c>
      <c r="O8300" s="58">
        <f>IF(Input!$K$13=2,J8300*Input!$J$13,0)+IF(Input!$K$14=2,K8300*Input!$J$14,0)+IF(Input!$K$15=2,L8300*Input!$J$15,0)+IF(Input!$K$16=2,M8300*Input!$J$16,0)</f>
        <v>0.51959603341394756</v>
      </c>
      <c r="P8300" s="58">
        <f>IF(Input!$K$13=3,J8300*Input!$J$13,0)+IF(Input!$K$14=3,K8300*Input!$J$14,0)+IF(Input!$K$15=3,L8300*Input!$J$15,0)+IF(Input!$K$16=3,M8300*Input!$J$16,0)</f>
        <v>0</v>
      </c>
      <c r="Q8300" s="71">
        <f>IF(Input!$K$13=4,J8300*Input!$J$13,0)+IF(Input!$K$14=4,K8300*Input!$J$14,0)+IF(Input!$K$15=4,L8300*Input!$J$15,0)+IF(Input!$K$16=4,M8300*Input!$J$16,0)</f>
        <v>0</v>
      </c>
    </row>
    <row r="8301" spans="8:17" x14ac:dyDescent="0.25">
      <c r="H8301" s="43">
        <v>8294</v>
      </c>
      <c r="I8301" s="55">
        <f>Bühler!I8327</f>
        <v>7.2700050906681</v>
      </c>
      <c r="J8301" s="58">
        <f>Bühler!J8327</f>
        <v>51.742492195958562</v>
      </c>
      <c r="K8301" s="58">
        <f>Bühler!K8327</f>
        <v>2.5567423866400598</v>
      </c>
      <c r="L8301" s="58">
        <f>Bühler!L8327</f>
        <v>1.2783711933200299</v>
      </c>
      <c r="M8301" s="57">
        <f>Bühler!M8327</f>
        <v>0</v>
      </c>
      <c r="N8301" s="55">
        <f>IF(Input!$K$13=1,J8301*Input!$J$13,0)+IF(Input!$K$14=1,K8301*Input!$J$14,0)+IF(Input!$K$15=1,L8301*Input!$J$15,0)+IF(Input!$K$16=1,M8301*Input!$J$16,0)</f>
        <v>6.2090990635150272</v>
      </c>
      <c r="O8301" s="58">
        <f>IF(Input!$K$13=2,J8301*Input!$J$13,0)+IF(Input!$K$14=2,K8301*Input!$J$14,0)+IF(Input!$K$15=2,L8301*Input!$J$15,0)+IF(Input!$K$16=2,M8301*Input!$J$16,0)</f>
        <v>0.34516022219640807</v>
      </c>
      <c r="P8301" s="58">
        <f>IF(Input!$K$13=3,J8301*Input!$J$13,0)+IF(Input!$K$14=3,K8301*Input!$J$14,0)+IF(Input!$K$15=3,L8301*Input!$J$15,0)+IF(Input!$K$16=3,M8301*Input!$J$16,0)</f>
        <v>0</v>
      </c>
      <c r="Q8301" s="71">
        <f>IF(Input!$K$13=4,J8301*Input!$J$13,0)+IF(Input!$K$14=4,K8301*Input!$J$14,0)+IF(Input!$K$15=4,L8301*Input!$J$15,0)+IF(Input!$K$16=4,M8301*Input!$J$16,0)</f>
        <v>0</v>
      </c>
    </row>
    <row r="8302" spans="8:17" x14ac:dyDescent="0.25">
      <c r="H8302" s="43">
        <v>8295</v>
      </c>
      <c r="I8302" s="55">
        <f>Bühler!I8328</f>
        <v>10.944093684876712</v>
      </c>
      <c r="J8302" s="58">
        <f>Bühler!J8328</f>
        <v>77.891923735851591</v>
      </c>
      <c r="K8302" s="58">
        <f>Bühler!K8328</f>
        <v>3.848859506769982</v>
      </c>
      <c r="L8302" s="58">
        <f>Bühler!L8328</f>
        <v>1.924429753384991</v>
      </c>
      <c r="M8302" s="57">
        <f>Bühler!M8328</f>
        <v>0</v>
      </c>
      <c r="N8302" s="55">
        <f>IF(Input!$K$13=1,J8302*Input!$J$13,0)+IF(Input!$K$14=1,K8302*Input!$J$14,0)+IF(Input!$K$15=1,L8302*Input!$J$15,0)+IF(Input!$K$16=1,M8302*Input!$J$16,0)</f>
        <v>9.3470308483021913</v>
      </c>
      <c r="O8302" s="58">
        <f>IF(Input!$K$13=2,J8302*Input!$J$13,0)+IF(Input!$K$14=2,K8302*Input!$J$14,0)+IF(Input!$K$15=2,L8302*Input!$J$15,0)+IF(Input!$K$16=2,M8302*Input!$J$16,0)</f>
        <v>0.51959603341394756</v>
      </c>
      <c r="P8302" s="58">
        <f>IF(Input!$K$13=3,J8302*Input!$J$13,0)+IF(Input!$K$14=3,K8302*Input!$J$14,0)+IF(Input!$K$15=3,L8302*Input!$J$15,0)+IF(Input!$K$16=3,M8302*Input!$J$16,0)</f>
        <v>0</v>
      </c>
      <c r="Q8302" s="71">
        <f>IF(Input!$K$13=4,J8302*Input!$J$13,0)+IF(Input!$K$14=4,K8302*Input!$J$14,0)+IF(Input!$K$15=4,L8302*Input!$J$15,0)+IF(Input!$K$16=4,M8302*Input!$J$16,0)</f>
        <v>0</v>
      </c>
    </row>
    <row r="8303" spans="8:17" x14ac:dyDescent="0.25">
      <c r="H8303" s="43">
        <v>8296</v>
      </c>
      <c r="I8303" s="55">
        <f>Bühler!I8329</f>
        <v>10.944093684876712</v>
      </c>
      <c r="J8303" s="58">
        <f>Bühler!J8329</f>
        <v>77.891923735851591</v>
      </c>
      <c r="K8303" s="58">
        <f>Bühler!K8329</f>
        <v>3.848859506769982</v>
      </c>
      <c r="L8303" s="58">
        <f>Bühler!L8329</f>
        <v>1.924429753384991</v>
      </c>
      <c r="M8303" s="57">
        <f>Bühler!M8329</f>
        <v>0</v>
      </c>
      <c r="N8303" s="55">
        <f>IF(Input!$K$13=1,J8303*Input!$J$13,0)+IF(Input!$K$14=1,K8303*Input!$J$14,0)+IF(Input!$K$15=1,L8303*Input!$J$15,0)+IF(Input!$K$16=1,M8303*Input!$J$16,0)</f>
        <v>9.3470308483021913</v>
      </c>
      <c r="O8303" s="58">
        <f>IF(Input!$K$13=2,J8303*Input!$J$13,0)+IF(Input!$K$14=2,K8303*Input!$J$14,0)+IF(Input!$K$15=2,L8303*Input!$J$15,0)+IF(Input!$K$16=2,M8303*Input!$J$16,0)</f>
        <v>0.51959603341394756</v>
      </c>
      <c r="P8303" s="58">
        <f>IF(Input!$K$13=3,J8303*Input!$J$13,0)+IF(Input!$K$14=3,K8303*Input!$J$14,0)+IF(Input!$K$15=3,L8303*Input!$J$15,0)+IF(Input!$K$16=3,M8303*Input!$J$16,0)</f>
        <v>0</v>
      </c>
      <c r="Q8303" s="71">
        <f>IF(Input!$K$13=4,J8303*Input!$J$13,0)+IF(Input!$K$14=4,K8303*Input!$J$14,0)+IF(Input!$K$15=4,L8303*Input!$J$15,0)+IF(Input!$K$16=4,M8303*Input!$J$16,0)</f>
        <v>0</v>
      </c>
    </row>
    <row r="8304" spans="8:17" x14ac:dyDescent="0.25">
      <c r="H8304" s="43">
        <v>8297</v>
      </c>
      <c r="I8304" s="55">
        <f>Bühler!I8330</f>
        <v>9.1477986727692873</v>
      </c>
      <c r="J8304" s="58">
        <f>Bühler!J8330</f>
        <v>48.824081908275545</v>
      </c>
      <c r="K8304" s="58">
        <f>Bühler!K8330</f>
        <v>2.268077923632311</v>
      </c>
      <c r="L8304" s="58">
        <f>Bühler!L8330</f>
        <v>1.1340389618161555</v>
      </c>
      <c r="M8304" s="57">
        <f>Bühler!M8330</f>
        <v>0</v>
      </c>
      <c r="N8304" s="55">
        <f>IF(Input!$K$13=1,J8304*Input!$J$13,0)+IF(Input!$K$14=1,K8304*Input!$J$14,0)+IF(Input!$K$15=1,L8304*Input!$J$15,0)+IF(Input!$K$16=1,M8304*Input!$J$16,0)</f>
        <v>5.8588898289930649</v>
      </c>
      <c r="O8304" s="58">
        <f>IF(Input!$K$13=2,J8304*Input!$J$13,0)+IF(Input!$K$14=2,K8304*Input!$J$14,0)+IF(Input!$K$15=2,L8304*Input!$J$15,0)+IF(Input!$K$16=2,M8304*Input!$J$16,0)</f>
        <v>0.30619051969036193</v>
      </c>
      <c r="P8304" s="58">
        <f>IF(Input!$K$13=3,J8304*Input!$J$13,0)+IF(Input!$K$14=3,K8304*Input!$J$14,0)+IF(Input!$K$15=3,L8304*Input!$J$15,0)+IF(Input!$K$16=3,M8304*Input!$J$16,0)</f>
        <v>0</v>
      </c>
      <c r="Q8304" s="71">
        <f>IF(Input!$K$13=4,J8304*Input!$J$13,0)+IF(Input!$K$14=4,K8304*Input!$J$14,0)+IF(Input!$K$15=4,L8304*Input!$J$15,0)+IF(Input!$K$16=4,M8304*Input!$J$16,0)</f>
        <v>0</v>
      </c>
    </row>
    <row r="8305" spans="8:17" x14ac:dyDescent="0.25">
      <c r="H8305" s="43">
        <v>8298</v>
      </c>
      <c r="I8305" s="55">
        <f>Bühler!I8331</f>
        <v>7.2683418545457794</v>
      </c>
      <c r="J8305" s="58">
        <f>Bühler!J8331</f>
        <v>24.482644213291927</v>
      </c>
      <c r="K8305" s="58">
        <f>Bühler!K8331</f>
        <v>0.9680230147811828</v>
      </c>
      <c r="L8305" s="58">
        <f>Bühler!L8331</f>
        <v>0.4840115073905914</v>
      </c>
      <c r="M8305" s="57">
        <f>Bühler!M8331</f>
        <v>0</v>
      </c>
      <c r="N8305" s="55">
        <f>IF(Input!$K$13=1,J8305*Input!$J$13,0)+IF(Input!$K$14=1,K8305*Input!$J$14,0)+IF(Input!$K$15=1,L8305*Input!$J$15,0)+IF(Input!$K$16=1,M8305*Input!$J$16,0)</f>
        <v>2.9379173055950312</v>
      </c>
      <c r="O8305" s="58">
        <f>IF(Input!$K$13=2,J8305*Input!$J$13,0)+IF(Input!$K$14=2,K8305*Input!$J$14,0)+IF(Input!$K$15=2,L8305*Input!$J$15,0)+IF(Input!$K$16=2,M8305*Input!$J$16,0)</f>
        <v>0.13068310699545968</v>
      </c>
      <c r="P8305" s="58">
        <f>IF(Input!$K$13=3,J8305*Input!$J$13,0)+IF(Input!$K$14=3,K8305*Input!$J$14,0)+IF(Input!$K$15=3,L8305*Input!$J$15,0)+IF(Input!$K$16=3,M8305*Input!$J$16,0)</f>
        <v>0</v>
      </c>
      <c r="Q8305" s="71">
        <f>IF(Input!$K$13=4,J8305*Input!$J$13,0)+IF(Input!$K$14=4,K8305*Input!$J$14,0)+IF(Input!$K$15=4,L8305*Input!$J$15,0)+IF(Input!$K$16=4,M8305*Input!$J$16,0)</f>
        <v>0</v>
      </c>
    </row>
    <row r="8306" spans="8:17" x14ac:dyDescent="0.25">
      <c r="H8306" s="43">
        <v>8299</v>
      </c>
      <c r="I8306" s="55">
        <f>Bühler!I8332</f>
        <v>2.5780159895986174</v>
      </c>
      <c r="J8306" s="58">
        <f>Bühler!J8332</f>
        <v>13.754531410170939</v>
      </c>
      <c r="K8306" s="58">
        <f>Bühler!K8332</f>
        <v>0.63889518975558057</v>
      </c>
      <c r="L8306" s="58">
        <f>Bühler!L8332</f>
        <v>0.31944759487779029</v>
      </c>
      <c r="M8306" s="57">
        <f>Bühler!M8332</f>
        <v>0</v>
      </c>
      <c r="N8306" s="55">
        <f>IF(Input!$K$13=1,J8306*Input!$J$13,0)+IF(Input!$K$14=1,K8306*Input!$J$14,0)+IF(Input!$K$15=1,L8306*Input!$J$15,0)+IF(Input!$K$16=1,M8306*Input!$J$16,0)</f>
        <v>1.6505437692205127</v>
      </c>
      <c r="O8306" s="58">
        <f>IF(Input!$K$13=2,J8306*Input!$J$13,0)+IF(Input!$K$14=2,K8306*Input!$J$14,0)+IF(Input!$K$15=2,L8306*Input!$J$15,0)+IF(Input!$K$16=2,M8306*Input!$J$16,0)</f>
        <v>8.6250850617003383E-2</v>
      </c>
      <c r="P8306" s="58">
        <f>IF(Input!$K$13=3,J8306*Input!$J$13,0)+IF(Input!$K$14=3,K8306*Input!$J$14,0)+IF(Input!$K$15=3,L8306*Input!$J$15,0)+IF(Input!$K$16=3,M8306*Input!$J$16,0)</f>
        <v>0</v>
      </c>
      <c r="Q8306" s="71">
        <f>IF(Input!$K$13=4,J8306*Input!$J$13,0)+IF(Input!$K$14=4,K8306*Input!$J$14,0)+IF(Input!$K$15=4,L8306*Input!$J$15,0)+IF(Input!$K$16=4,M8306*Input!$J$16,0)</f>
        <v>0</v>
      </c>
    </row>
    <row r="8307" spans="8:17" x14ac:dyDescent="0.25">
      <c r="H8307" s="43">
        <v>8300</v>
      </c>
      <c r="I8307" s="55">
        <f>Bühler!I8333</f>
        <v>2.5780159895986174</v>
      </c>
      <c r="J8307" s="58">
        <f>Bühler!J8333</f>
        <v>13.754531410170939</v>
      </c>
      <c r="K8307" s="58">
        <f>Bühler!K8333</f>
        <v>0.63889518975558057</v>
      </c>
      <c r="L8307" s="58">
        <f>Bühler!L8333</f>
        <v>0.31944759487779029</v>
      </c>
      <c r="M8307" s="57">
        <f>Bühler!M8333</f>
        <v>0</v>
      </c>
      <c r="N8307" s="55">
        <f>IF(Input!$K$13=1,J8307*Input!$J$13,0)+IF(Input!$K$14=1,K8307*Input!$J$14,0)+IF(Input!$K$15=1,L8307*Input!$J$15,0)+IF(Input!$K$16=1,M8307*Input!$J$16,0)</f>
        <v>1.6505437692205127</v>
      </c>
      <c r="O8307" s="58">
        <f>IF(Input!$K$13=2,J8307*Input!$J$13,0)+IF(Input!$K$14=2,K8307*Input!$J$14,0)+IF(Input!$K$15=2,L8307*Input!$J$15,0)+IF(Input!$K$16=2,M8307*Input!$J$16,0)</f>
        <v>8.6250850617003383E-2</v>
      </c>
      <c r="P8307" s="58">
        <f>IF(Input!$K$13=3,J8307*Input!$J$13,0)+IF(Input!$K$14=3,K8307*Input!$J$14,0)+IF(Input!$K$15=3,L8307*Input!$J$15,0)+IF(Input!$K$16=3,M8307*Input!$J$16,0)</f>
        <v>0</v>
      </c>
      <c r="Q8307" s="71">
        <f>IF(Input!$K$13=4,J8307*Input!$J$13,0)+IF(Input!$K$14=4,K8307*Input!$J$14,0)+IF(Input!$K$15=4,L8307*Input!$J$15,0)+IF(Input!$K$16=4,M8307*Input!$J$16,0)</f>
        <v>0</v>
      </c>
    </row>
    <row r="8308" spans="8:17" x14ac:dyDescent="0.25">
      <c r="H8308" s="43">
        <v>8301</v>
      </c>
      <c r="I8308" s="55">
        <f>Bühler!I8334</f>
        <v>2.5780159895986174</v>
      </c>
      <c r="J8308" s="58">
        <f>Bühler!J8334</f>
        <v>13.754531410170939</v>
      </c>
      <c r="K8308" s="58">
        <f>Bühler!K8334</f>
        <v>0.63889518975558057</v>
      </c>
      <c r="L8308" s="58">
        <f>Bühler!L8334</f>
        <v>0.31944759487779029</v>
      </c>
      <c r="M8308" s="57">
        <f>Bühler!M8334</f>
        <v>0</v>
      </c>
      <c r="N8308" s="55">
        <f>IF(Input!$K$13=1,J8308*Input!$J$13,0)+IF(Input!$K$14=1,K8308*Input!$J$14,0)+IF(Input!$K$15=1,L8308*Input!$J$15,0)+IF(Input!$K$16=1,M8308*Input!$J$16,0)</f>
        <v>1.6505437692205127</v>
      </c>
      <c r="O8308" s="58">
        <f>IF(Input!$K$13=2,J8308*Input!$J$13,0)+IF(Input!$K$14=2,K8308*Input!$J$14,0)+IF(Input!$K$15=2,L8308*Input!$J$15,0)+IF(Input!$K$16=2,M8308*Input!$J$16,0)</f>
        <v>8.6250850617003383E-2</v>
      </c>
      <c r="P8308" s="58">
        <f>IF(Input!$K$13=3,J8308*Input!$J$13,0)+IF(Input!$K$14=3,K8308*Input!$J$14,0)+IF(Input!$K$15=3,L8308*Input!$J$15,0)+IF(Input!$K$16=3,M8308*Input!$J$16,0)</f>
        <v>0</v>
      </c>
      <c r="Q8308" s="71">
        <f>IF(Input!$K$13=4,J8308*Input!$J$13,0)+IF(Input!$K$14=4,K8308*Input!$J$14,0)+IF(Input!$K$15=4,L8308*Input!$J$15,0)+IF(Input!$K$16=4,M8308*Input!$J$16,0)</f>
        <v>0</v>
      </c>
    </row>
    <row r="8309" spans="8:17" x14ac:dyDescent="0.25">
      <c r="H8309" s="43">
        <v>8302</v>
      </c>
      <c r="I8309" s="55">
        <f>Bühler!I8335</f>
        <v>2.5780159895986174</v>
      </c>
      <c r="J8309" s="58">
        <f>Bühler!J8335</f>
        <v>13.754531410170939</v>
      </c>
      <c r="K8309" s="58">
        <f>Bühler!K8335</f>
        <v>0.63889518975558057</v>
      </c>
      <c r="L8309" s="58">
        <f>Bühler!L8335</f>
        <v>0.31944759487779029</v>
      </c>
      <c r="M8309" s="57">
        <f>Bühler!M8335</f>
        <v>0</v>
      </c>
      <c r="N8309" s="55">
        <f>IF(Input!$K$13=1,J8309*Input!$J$13,0)+IF(Input!$K$14=1,K8309*Input!$J$14,0)+IF(Input!$K$15=1,L8309*Input!$J$15,0)+IF(Input!$K$16=1,M8309*Input!$J$16,0)</f>
        <v>1.6505437692205127</v>
      </c>
      <c r="O8309" s="58">
        <f>IF(Input!$K$13=2,J8309*Input!$J$13,0)+IF(Input!$K$14=2,K8309*Input!$J$14,0)+IF(Input!$K$15=2,L8309*Input!$J$15,0)+IF(Input!$K$16=2,M8309*Input!$J$16,0)</f>
        <v>8.6250850617003383E-2</v>
      </c>
      <c r="P8309" s="58">
        <f>IF(Input!$K$13=3,J8309*Input!$J$13,0)+IF(Input!$K$14=3,K8309*Input!$J$14,0)+IF(Input!$K$15=3,L8309*Input!$J$15,0)+IF(Input!$K$16=3,M8309*Input!$J$16,0)</f>
        <v>0</v>
      </c>
      <c r="Q8309" s="71">
        <f>IF(Input!$K$13=4,J8309*Input!$J$13,0)+IF(Input!$K$14=4,K8309*Input!$J$14,0)+IF(Input!$K$15=4,L8309*Input!$J$15,0)+IF(Input!$K$16=4,M8309*Input!$J$16,0)</f>
        <v>0</v>
      </c>
    </row>
    <row r="8310" spans="8:17" x14ac:dyDescent="0.25">
      <c r="H8310" s="43">
        <v>8303</v>
      </c>
      <c r="I8310" s="55">
        <f>Bühler!I8336</f>
        <v>2.5780159895986174</v>
      </c>
      <c r="J8310" s="58">
        <f>Bühler!J8336</f>
        <v>13.754531410170939</v>
      </c>
      <c r="K8310" s="58">
        <f>Bühler!K8336</f>
        <v>0.63889518975558057</v>
      </c>
      <c r="L8310" s="58">
        <f>Bühler!L8336</f>
        <v>0.31944759487779029</v>
      </c>
      <c r="M8310" s="57">
        <f>Bühler!M8336</f>
        <v>0</v>
      </c>
      <c r="N8310" s="55">
        <f>IF(Input!$K$13=1,J8310*Input!$J$13,0)+IF(Input!$K$14=1,K8310*Input!$J$14,0)+IF(Input!$K$15=1,L8310*Input!$J$15,0)+IF(Input!$K$16=1,M8310*Input!$J$16,0)</f>
        <v>1.6505437692205127</v>
      </c>
      <c r="O8310" s="58">
        <f>IF(Input!$K$13=2,J8310*Input!$J$13,0)+IF(Input!$K$14=2,K8310*Input!$J$14,0)+IF(Input!$K$15=2,L8310*Input!$J$15,0)+IF(Input!$K$16=2,M8310*Input!$J$16,0)</f>
        <v>8.6250850617003383E-2</v>
      </c>
      <c r="P8310" s="58">
        <f>IF(Input!$K$13=3,J8310*Input!$J$13,0)+IF(Input!$K$14=3,K8310*Input!$J$14,0)+IF(Input!$K$15=3,L8310*Input!$J$15,0)+IF(Input!$K$16=3,M8310*Input!$J$16,0)</f>
        <v>0</v>
      </c>
      <c r="Q8310" s="71">
        <f>IF(Input!$K$13=4,J8310*Input!$J$13,0)+IF(Input!$K$14=4,K8310*Input!$J$14,0)+IF(Input!$K$15=4,L8310*Input!$J$15,0)+IF(Input!$K$16=4,M8310*Input!$J$16,0)</f>
        <v>0</v>
      </c>
    </row>
    <row r="8311" spans="8:17" x14ac:dyDescent="0.25">
      <c r="H8311" s="43">
        <v>8304</v>
      </c>
      <c r="I8311" s="55">
        <f>Bühler!I8337</f>
        <v>2.5780159895986174</v>
      </c>
      <c r="J8311" s="58">
        <f>Bühler!J8337</f>
        <v>13.754531410170939</v>
      </c>
      <c r="K8311" s="58">
        <f>Bühler!K8337</f>
        <v>0.63889518975558057</v>
      </c>
      <c r="L8311" s="58">
        <f>Bühler!L8337</f>
        <v>0.31944759487779029</v>
      </c>
      <c r="M8311" s="57">
        <f>Bühler!M8337</f>
        <v>0</v>
      </c>
      <c r="N8311" s="55">
        <f>IF(Input!$K$13=1,J8311*Input!$J$13,0)+IF(Input!$K$14=1,K8311*Input!$J$14,0)+IF(Input!$K$15=1,L8311*Input!$J$15,0)+IF(Input!$K$16=1,M8311*Input!$J$16,0)</f>
        <v>1.6505437692205127</v>
      </c>
      <c r="O8311" s="58">
        <f>IF(Input!$K$13=2,J8311*Input!$J$13,0)+IF(Input!$K$14=2,K8311*Input!$J$14,0)+IF(Input!$K$15=2,L8311*Input!$J$15,0)+IF(Input!$K$16=2,M8311*Input!$J$16,0)</f>
        <v>8.6250850617003383E-2</v>
      </c>
      <c r="P8311" s="58">
        <f>IF(Input!$K$13=3,J8311*Input!$J$13,0)+IF(Input!$K$14=3,K8311*Input!$J$14,0)+IF(Input!$K$15=3,L8311*Input!$J$15,0)+IF(Input!$K$16=3,M8311*Input!$J$16,0)</f>
        <v>0</v>
      </c>
      <c r="Q8311" s="71">
        <f>IF(Input!$K$13=4,J8311*Input!$J$13,0)+IF(Input!$K$14=4,K8311*Input!$J$14,0)+IF(Input!$K$15=4,L8311*Input!$J$15,0)+IF(Input!$K$16=4,M8311*Input!$J$16,0)</f>
        <v>0</v>
      </c>
    </row>
    <row r="8312" spans="8:17" x14ac:dyDescent="0.25">
      <c r="H8312" s="43">
        <v>8305</v>
      </c>
      <c r="I8312" s="55">
        <f>Bühler!I8338</f>
        <v>2.7517982372353353</v>
      </c>
      <c r="J8312" s="58">
        <f>Bühler!J8338</f>
        <v>13.927250395032988</v>
      </c>
      <c r="K8312" s="58">
        <f>Bühler!K8338</f>
        <v>0.63441995547580432</v>
      </c>
      <c r="L8312" s="58">
        <f>Bühler!L8338</f>
        <v>0.31720997773790216</v>
      </c>
      <c r="M8312" s="57">
        <f>Bühler!M8338</f>
        <v>0</v>
      </c>
      <c r="N8312" s="55">
        <f>IF(Input!$K$13=1,J8312*Input!$J$13,0)+IF(Input!$K$14=1,K8312*Input!$J$14,0)+IF(Input!$K$15=1,L8312*Input!$J$15,0)+IF(Input!$K$16=1,M8312*Input!$J$16,0)</f>
        <v>1.6712700474039586</v>
      </c>
      <c r="O8312" s="58">
        <f>IF(Input!$K$13=2,J8312*Input!$J$13,0)+IF(Input!$K$14=2,K8312*Input!$J$14,0)+IF(Input!$K$15=2,L8312*Input!$J$15,0)+IF(Input!$K$16=2,M8312*Input!$J$16,0)</f>
        <v>8.564669398923358E-2</v>
      </c>
      <c r="P8312" s="58">
        <f>IF(Input!$K$13=3,J8312*Input!$J$13,0)+IF(Input!$K$14=3,K8312*Input!$J$14,0)+IF(Input!$K$15=3,L8312*Input!$J$15,0)+IF(Input!$K$16=3,M8312*Input!$J$16,0)</f>
        <v>0</v>
      </c>
      <c r="Q8312" s="71">
        <f>IF(Input!$K$13=4,J8312*Input!$J$13,0)+IF(Input!$K$14=4,K8312*Input!$J$14,0)+IF(Input!$K$15=4,L8312*Input!$J$15,0)+IF(Input!$K$16=4,M8312*Input!$J$16,0)</f>
        <v>0</v>
      </c>
    </row>
    <row r="8313" spans="8:17" x14ac:dyDescent="0.25">
      <c r="H8313" s="43">
        <v>8306</v>
      </c>
      <c r="I8313" s="55">
        <f>Bühler!I8339</f>
        <v>2.7517982372353353</v>
      </c>
      <c r="J8313" s="58">
        <f>Bühler!J8339</f>
        <v>13.927250395032988</v>
      </c>
      <c r="K8313" s="58">
        <f>Bühler!K8339</f>
        <v>0.63441995547580432</v>
      </c>
      <c r="L8313" s="58">
        <f>Bühler!L8339</f>
        <v>0.31720997773790216</v>
      </c>
      <c r="M8313" s="57">
        <f>Bühler!M8339</f>
        <v>0</v>
      </c>
      <c r="N8313" s="55">
        <f>IF(Input!$K$13=1,J8313*Input!$J$13,0)+IF(Input!$K$14=1,K8313*Input!$J$14,0)+IF(Input!$K$15=1,L8313*Input!$J$15,0)+IF(Input!$K$16=1,M8313*Input!$J$16,0)</f>
        <v>1.6712700474039586</v>
      </c>
      <c r="O8313" s="58">
        <f>IF(Input!$K$13=2,J8313*Input!$J$13,0)+IF(Input!$K$14=2,K8313*Input!$J$14,0)+IF(Input!$K$15=2,L8313*Input!$J$15,0)+IF(Input!$K$16=2,M8313*Input!$J$16,0)</f>
        <v>8.564669398923358E-2</v>
      </c>
      <c r="P8313" s="58">
        <f>IF(Input!$K$13=3,J8313*Input!$J$13,0)+IF(Input!$K$14=3,K8313*Input!$J$14,0)+IF(Input!$K$15=3,L8313*Input!$J$15,0)+IF(Input!$K$16=3,M8313*Input!$J$16,0)</f>
        <v>0</v>
      </c>
      <c r="Q8313" s="71">
        <f>IF(Input!$K$13=4,J8313*Input!$J$13,0)+IF(Input!$K$14=4,K8313*Input!$J$14,0)+IF(Input!$K$15=4,L8313*Input!$J$15,0)+IF(Input!$K$16=4,M8313*Input!$J$16,0)</f>
        <v>0</v>
      </c>
    </row>
    <row r="8314" spans="8:17" x14ac:dyDescent="0.25">
      <c r="H8314" s="43">
        <v>8307</v>
      </c>
      <c r="I8314" s="55">
        <f>Bühler!I8340</f>
        <v>2.7517982372353353</v>
      </c>
      <c r="J8314" s="58">
        <f>Bühler!J8340</f>
        <v>13.927250395032988</v>
      </c>
      <c r="K8314" s="58">
        <f>Bühler!K8340</f>
        <v>0.63441995547580432</v>
      </c>
      <c r="L8314" s="58">
        <f>Bühler!L8340</f>
        <v>0.31720997773790216</v>
      </c>
      <c r="M8314" s="57">
        <f>Bühler!M8340</f>
        <v>0</v>
      </c>
      <c r="N8314" s="55">
        <f>IF(Input!$K$13=1,J8314*Input!$J$13,0)+IF(Input!$K$14=1,K8314*Input!$J$14,0)+IF(Input!$K$15=1,L8314*Input!$J$15,0)+IF(Input!$K$16=1,M8314*Input!$J$16,0)</f>
        <v>1.6712700474039586</v>
      </c>
      <c r="O8314" s="58">
        <f>IF(Input!$K$13=2,J8314*Input!$J$13,0)+IF(Input!$K$14=2,K8314*Input!$J$14,0)+IF(Input!$K$15=2,L8314*Input!$J$15,0)+IF(Input!$K$16=2,M8314*Input!$J$16,0)</f>
        <v>8.564669398923358E-2</v>
      </c>
      <c r="P8314" s="58">
        <f>IF(Input!$K$13=3,J8314*Input!$J$13,0)+IF(Input!$K$14=3,K8314*Input!$J$14,0)+IF(Input!$K$15=3,L8314*Input!$J$15,0)+IF(Input!$K$16=3,M8314*Input!$J$16,0)</f>
        <v>0</v>
      </c>
      <c r="Q8314" s="71">
        <f>IF(Input!$K$13=4,J8314*Input!$J$13,0)+IF(Input!$K$14=4,K8314*Input!$J$14,0)+IF(Input!$K$15=4,L8314*Input!$J$15,0)+IF(Input!$K$16=4,M8314*Input!$J$16,0)</f>
        <v>0</v>
      </c>
    </row>
    <row r="8315" spans="8:17" x14ac:dyDescent="0.25">
      <c r="H8315" s="43">
        <v>8308</v>
      </c>
      <c r="I8315" s="55">
        <f>Bühler!I8341</f>
        <v>2.7517982372353353</v>
      </c>
      <c r="J8315" s="58">
        <f>Bühler!J8341</f>
        <v>13.927250395032988</v>
      </c>
      <c r="K8315" s="58">
        <f>Bühler!K8341</f>
        <v>0.63441995547580432</v>
      </c>
      <c r="L8315" s="58">
        <f>Bühler!L8341</f>
        <v>0.31720997773790216</v>
      </c>
      <c r="M8315" s="57">
        <f>Bühler!M8341</f>
        <v>0</v>
      </c>
      <c r="N8315" s="55">
        <f>IF(Input!$K$13=1,J8315*Input!$J$13,0)+IF(Input!$K$14=1,K8315*Input!$J$14,0)+IF(Input!$K$15=1,L8315*Input!$J$15,0)+IF(Input!$K$16=1,M8315*Input!$J$16,0)</f>
        <v>1.6712700474039586</v>
      </c>
      <c r="O8315" s="58">
        <f>IF(Input!$K$13=2,J8315*Input!$J$13,0)+IF(Input!$K$14=2,K8315*Input!$J$14,0)+IF(Input!$K$15=2,L8315*Input!$J$15,0)+IF(Input!$K$16=2,M8315*Input!$J$16,0)</f>
        <v>8.564669398923358E-2</v>
      </c>
      <c r="P8315" s="58">
        <f>IF(Input!$K$13=3,J8315*Input!$J$13,0)+IF(Input!$K$14=3,K8315*Input!$J$14,0)+IF(Input!$K$15=3,L8315*Input!$J$15,0)+IF(Input!$K$16=3,M8315*Input!$J$16,0)</f>
        <v>0</v>
      </c>
      <c r="Q8315" s="71">
        <f>IF(Input!$K$13=4,J8315*Input!$J$13,0)+IF(Input!$K$14=4,K8315*Input!$J$14,0)+IF(Input!$K$15=4,L8315*Input!$J$15,0)+IF(Input!$K$16=4,M8315*Input!$J$16,0)</f>
        <v>0</v>
      </c>
    </row>
    <row r="8316" spans="8:17" x14ac:dyDescent="0.25">
      <c r="H8316" s="43">
        <v>8309</v>
      </c>
      <c r="I8316" s="55">
        <f>Bühler!I8342</f>
        <v>2.7517982372353353</v>
      </c>
      <c r="J8316" s="58">
        <f>Bühler!J8342</f>
        <v>13.927250395032988</v>
      </c>
      <c r="K8316" s="58">
        <f>Bühler!K8342</f>
        <v>0.63441995547580432</v>
      </c>
      <c r="L8316" s="58">
        <f>Bühler!L8342</f>
        <v>0.31720997773790216</v>
      </c>
      <c r="M8316" s="57">
        <f>Bühler!M8342</f>
        <v>0</v>
      </c>
      <c r="N8316" s="55">
        <f>IF(Input!$K$13=1,J8316*Input!$J$13,0)+IF(Input!$K$14=1,K8316*Input!$J$14,0)+IF(Input!$K$15=1,L8316*Input!$J$15,0)+IF(Input!$K$16=1,M8316*Input!$J$16,0)</f>
        <v>1.6712700474039586</v>
      </c>
      <c r="O8316" s="58">
        <f>IF(Input!$K$13=2,J8316*Input!$J$13,0)+IF(Input!$K$14=2,K8316*Input!$J$14,0)+IF(Input!$K$15=2,L8316*Input!$J$15,0)+IF(Input!$K$16=2,M8316*Input!$J$16,0)</f>
        <v>8.564669398923358E-2</v>
      </c>
      <c r="P8316" s="58">
        <f>IF(Input!$K$13=3,J8316*Input!$J$13,0)+IF(Input!$K$14=3,K8316*Input!$J$14,0)+IF(Input!$K$15=3,L8316*Input!$J$15,0)+IF(Input!$K$16=3,M8316*Input!$J$16,0)</f>
        <v>0</v>
      </c>
      <c r="Q8316" s="71">
        <f>IF(Input!$K$13=4,J8316*Input!$J$13,0)+IF(Input!$K$14=4,K8316*Input!$J$14,0)+IF(Input!$K$15=4,L8316*Input!$J$15,0)+IF(Input!$K$16=4,M8316*Input!$J$16,0)</f>
        <v>0</v>
      </c>
    </row>
    <row r="8317" spans="8:17" x14ac:dyDescent="0.25">
      <c r="H8317" s="43">
        <v>8310</v>
      </c>
      <c r="I8317" s="55">
        <f>Bühler!I8343</f>
        <v>2.7517982372353353</v>
      </c>
      <c r="J8317" s="58">
        <f>Bühler!J8343</f>
        <v>13.927250395032988</v>
      </c>
      <c r="K8317" s="58">
        <f>Bühler!K8343</f>
        <v>0.63441995547580432</v>
      </c>
      <c r="L8317" s="58">
        <f>Bühler!L8343</f>
        <v>0.31720997773790216</v>
      </c>
      <c r="M8317" s="57">
        <f>Bühler!M8343</f>
        <v>0</v>
      </c>
      <c r="N8317" s="55">
        <f>IF(Input!$K$13=1,J8317*Input!$J$13,0)+IF(Input!$K$14=1,K8317*Input!$J$14,0)+IF(Input!$K$15=1,L8317*Input!$J$15,0)+IF(Input!$K$16=1,M8317*Input!$J$16,0)</f>
        <v>1.6712700474039586</v>
      </c>
      <c r="O8317" s="58">
        <f>IF(Input!$K$13=2,J8317*Input!$J$13,0)+IF(Input!$K$14=2,K8317*Input!$J$14,0)+IF(Input!$K$15=2,L8317*Input!$J$15,0)+IF(Input!$K$16=2,M8317*Input!$J$16,0)</f>
        <v>8.564669398923358E-2</v>
      </c>
      <c r="P8317" s="58">
        <f>IF(Input!$K$13=3,J8317*Input!$J$13,0)+IF(Input!$K$14=3,K8317*Input!$J$14,0)+IF(Input!$K$15=3,L8317*Input!$J$15,0)+IF(Input!$K$16=3,M8317*Input!$J$16,0)</f>
        <v>0</v>
      </c>
      <c r="Q8317" s="71">
        <f>IF(Input!$K$13=4,J8317*Input!$J$13,0)+IF(Input!$K$14=4,K8317*Input!$J$14,0)+IF(Input!$K$15=4,L8317*Input!$J$15,0)+IF(Input!$K$16=4,M8317*Input!$J$16,0)</f>
        <v>0</v>
      </c>
    </row>
    <row r="8318" spans="8:17" x14ac:dyDescent="0.25">
      <c r="H8318" s="43">
        <v>8311</v>
      </c>
      <c r="I8318" s="55">
        <f>Bühler!I8344</f>
        <v>2.7517982372353353</v>
      </c>
      <c r="J8318" s="58">
        <f>Bühler!J8344</f>
        <v>13.927250395032988</v>
      </c>
      <c r="K8318" s="58">
        <f>Bühler!K8344</f>
        <v>0.63441995547580432</v>
      </c>
      <c r="L8318" s="58">
        <f>Bühler!L8344</f>
        <v>0.31720997773790216</v>
      </c>
      <c r="M8318" s="57">
        <f>Bühler!M8344</f>
        <v>0</v>
      </c>
      <c r="N8318" s="55">
        <f>IF(Input!$K$13=1,J8318*Input!$J$13,0)+IF(Input!$K$14=1,K8318*Input!$J$14,0)+IF(Input!$K$15=1,L8318*Input!$J$15,0)+IF(Input!$K$16=1,M8318*Input!$J$16,0)</f>
        <v>1.6712700474039586</v>
      </c>
      <c r="O8318" s="58">
        <f>IF(Input!$K$13=2,J8318*Input!$J$13,0)+IF(Input!$K$14=2,K8318*Input!$J$14,0)+IF(Input!$K$15=2,L8318*Input!$J$15,0)+IF(Input!$K$16=2,M8318*Input!$J$16,0)</f>
        <v>8.564669398923358E-2</v>
      </c>
      <c r="P8318" s="58">
        <f>IF(Input!$K$13=3,J8318*Input!$J$13,0)+IF(Input!$K$14=3,K8318*Input!$J$14,0)+IF(Input!$K$15=3,L8318*Input!$J$15,0)+IF(Input!$K$16=3,M8318*Input!$J$16,0)</f>
        <v>0</v>
      </c>
      <c r="Q8318" s="71">
        <f>IF(Input!$K$13=4,J8318*Input!$J$13,0)+IF(Input!$K$14=4,K8318*Input!$J$14,0)+IF(Input!$K$15=4,L8318*Input!$J$15,0)+IF(Input!$K$16=4,M8318*Input!$J$16,0)</f>
        <v>0</v>
      </c>
    </row>
    <row r="8319" spans="8:17" x14ac:dyDescent="0.25">
      <c r="H8319" s="43">
        <v>8312</v>
      </c>
      <c r="I8319" s="55">
        <f>Bühler!I8345</f>
        <v>7.5812041435833475</v>
      </c>
      <c r="J8319" s="58">
        <f>Bühler!J8345</f>
        <v>52.959446839487491</v>
      </c>
      <c r="K8319" s="58">
        <f>Bühler!K8345</f>
        <v>2.5934318785965456</v>
      </c>
      <c r="L8319" s="58">
        <f>Bühler!L8345</f>
        <v>1.2967159392982728</v>
      </c>
      <c r="M8319" s="57">
        <f>Bühler!M8345</f>
        <v>0</v>
      </c>
      <c r="N8319" s="55">
        <f>IF(Input!$K$13=1,J8319*Input!$J$13,0)+IF(Input!$K$14=1,K8319*Input!$J$14,0)+IF(Input!$K$15=1,L8319*Input!$J$15,0)+IF(Input!$K$16=1,M8319*Input!$J$16,0)</f>
        <v>6.3551336207384983</v>
      </c>
      <c r="O8319" s="58">
        <f>IF(Input!$K$13=2,J8319*Input!$J$13,0)+IF(Input!$K$14=2,K8319*Input!$J$14,0)+IF(Input!$K$15=2,L8319*Input!$J$15,0)+IF(Input!$K$16=2,M8319*Input!$J$16,0)</f>
        <v>0.35011330361053361</v>
      </c>
      <c r="P8319" s="58">
        <f>IF(Input!$K$13=3,J8319*Input!$J$13,0)+IF(Input!$K$14=3,K8319*Input!$J$14,0)+IF(Input!$K$15=3,L8319*Input!$J$15,0)+IF(Input!$K$16=3,M8319*Input!$J$16,0)</f>
        <v>0</v>
      </c>
      <c r="Q8319" s="71">
        <f>IF(Input!$K$13=4,J8319*Input!$J$13,0)+IF(Input!$K$14=4,K8319*Input!$J$14,0)+IF(Input!$K$15=4,L8319*Input!$J$15,0)+IF(Input!$K$16=4,M8319*Input!$J$16,0)</f>
        <v>0</v>
      </c>
    </row>
    <row r="8320" spans="8:17" x14ac:dyDescent="0.25">
      <c r="H8320" s="43">
        <v>8313</v>
      </c>
      <c r="I8320" s="55">
        <f>Bühler!I8346</f>
        <v>8.4590277812614207</v>
      </c>
      <c r="J8320" s="58">
        <f>Bühler!J8346</f>
        <v>59.091593315638683</v>
      </c>
      <c r="K8320" s="58">
        <f>Bühler!K8346</f>
        <v>2.8937239908550931</v>
      </c>
      <c r="L8320" s="58">
        <f>Bühler!L8346</f>
        <v>1.4468619954275466</v>
      </c>
      <c r="M8320" s="57">
        <f>Bühler!M8346</f>
        <v>0</v>
      </c>
      <c r="N8320" s="55">
        <f>IF(Input!$K$13=1,J8320*Input!$J$13,0)+IF(Input!$K$14=1,K8320*Input!$J$14,0)+IF(Input!$K$15=1,L8320*Input!$J$15,0)+IF(Input!$K$16=1,M8320*Input!$J$16,0)</f>
        <v>7.090991197876642</v>
      </c>
      <c r="O8320" s="58">
        <f>IF(Input!$K$13=2,J8320*Input!$J$13,0)+IF(Input!$K$14=2,K8320*Input!$J$14,0)+IF(Input!$K$15=2,L8320*Input!$J$15,0)+IF(Input!$K$16=2,M8320*Input!$J$16,0)</f>
        <v>0.3906527387654376</v>
      </c>
      <c r="P8320" s="58">
        <f>IF(Input!$K$13=3,J8320*Input!$J$13,0)+IF(Input!$K$14=3,K8320*Input!$J$14,0)+IF(Input!$K$15=3,L8320*Input!$J$15,0)+IF(Input!$K$16=3,M8320*Input!$J$16,0)</f>
        <v>0</v>
      </c>
      <c r="Q8320" s="71">
        <f>IF(Input!$K$13=4,J8320*Input!$J$13,0)+IF(Input!$K$14=4,K8320*Input!$J$14,0)+IF(Input!$K$15=4,L8320*Input!$J$15,0)+IF(Input!$K$16=4,M8320*Input!$J$16,0)</f>
        <v>0</v>
      </c>
    </row>
    <row r="8321" spans="8:17" x14ac:dyDescent="0.25">
      <c r="H8321" s="43">
        <v>8314</v>
      </c>
      <c r="I8321" s="55">
        <f>Bühler!I8347</f>
        <v>9.3368514189394922</v>
      </c>
      <c r="J8321" s="58">
        <f>Bühler!J8347</f>
        <v>65.223739791789868</v>
      </c>
      <c r="K8321" s="58">
        <f>Bühler!K8347</f>
        <v>3.1940161031136403</v>
      </c>
      <c r="L8321" s="58">
        <f>Bühler!L8347</f>
        <v>1.5970080515568201</v>
      </c>
      <c r="M8321" s="57">
        <f>Bühler!M8347</f>
        <v>0</v>
      </c>
      <c r="N8321" s="55">
        <f>IF(Input!$K$13=1,J8321*Input!$J$13,0)+IF(Input!$K$14=1,K8321*Input!$J$14,0)+IF(Input!$K$15=1,L8321*Input!$J$15,0)+IF(Input!$K$16=1,M8321*Input!$J$16,0)</f>
        <v>7.8268487750147839</v>
      </c>
      <c r="O8321" s="58">
        <f>IF(Input!$K$13=2,J8321*Input!$J$13,0)+IF(Input!$K$14=2,K8321*Input!$J$14,0)+IF(Input!$K$15=2,L8321*Input!$J$15,0)+IF(Input!$K$16=2,M8321*Input!$J$16,0)</f>
        <v>0.43119217392034143</v>
      </c>
      <c r="P8321" s="58">
        <f>IF(Input!$K$13=3,J8321*Input!$J$13,0)+IF(Input!$K$14=3,K8321*Input!$J$14,0)+IF(Input!$K$15=3,L8321*Input!$J$15,0)+IF(Input!$K$16=3,M8321*Input!$J$16,0)</f>
        <v>0</v>
      </c>
      <c r="Q8321" s="71">
        <f>IF(Input!$K$13=4,J8321*Input!$J$13,0)+IF(Input!$K$14=4,K8321*Input!$J$14,0)+IF(Input!$K$15=4,L8321*Input!$J$15,0)+IF(Input!$K$16=4,M8321*Input!$J$16,0)</f>
        <v>0</v>
      </c>
    </row>
    <row r="8322" spans="8:17" x14ac:dyDescent="0.25">
      <c r="H8322" s="43">
        <v>8315</v>
      </c>
      <c r="I8322" s="55">
        <f>Bühler!I8348</f>
        <v>9.3368514189394922</v>
      </c>
      <c r="J8322" s="58">
        <f>Bühler!J8348</f>
        <v>65.223739791789868</v>
      </c>
      <c r="K8322" s="58">
        <f>Bühler!K8348</f>
        <v>3.1940161031136403</v>
      </c>
      <c r="L8322" s="58">
        <f>Bühler!L8348</f>
        <v>1.5970080515568201</v>
      </c>
      <c r="M8322" s="57">
        <f>Bühler!M8348</f>
        <v>0</v>
      </c>
      <c r="N8322" s="55">
        <f>IF(Input!$K$13=1,J8322*Input!$J$13,0)+IF(Input!$K$14=1,K8322*Input!$J$14,0)+IF(Input!$K$15=1,L8322*Input!$J$15,0)+IF(Input!$K$16=1,M8322*Input!$J$16,0)</f>
        <v>7.8268487750147839</v>
      </c>
      <c r="O8322" s="58">
        <f>IF(Input!$K$13=2,J8322*Input!$J$13,0)+IF(Input!$K$14=2,K8322*Input!$J$14,0)+IF(Input!$K$15=2,L8322*Input!$J$15,0)+IF(Input!$K$16=2,M8322*Input!$J$16,0)</f>
        <v>0.43119217392034143</v>
      </c>
      <c r="P8322" s="58">
        <f>IF(Input!$K$13=3,J8322*Input!$J$13,0)+IF(Input!$K$14=3,K8322*Input!$J$14,0)+IF(Input!$K$15=3,L8322*Input!$J$15,0)+IF(Input!$K$16=3,M8322*Input!$J$16,0)</f>
        <v>0</v>
      </c>
      <c r="Q8322" s="71">
        <f>IF(Input!$K$13=4,J8322*Input!$J$13,0)+IF(Input!$K$14=4,K8322*Input!$J$14,0)+IF(Input!$K$15=4,L8322*Input!$J$15,0)+IF(Input!$K$16=4,M8322*Input!$J$16,0)</f>
        <v>0</v>
      </c>
    </row>
    <row r="8323" spans="8:17" x14ac:dyDescent="0.25">
      <c r="H8323" s="43">
        <v>8316</v>
      </c>
      <c r="I8323" s="55">
        <f>Bühler!I8349</f>
        <v>11.172300843175458</v>
      </c>
      <c r="J8323" s="58">
        <f>Bühler!J8349</f>
        <v>78.045500605560505</v>
      </c>
      <c r="K8323" s="58">
        <f>Bühler!K8349</f>
        <v>3.8218996105633303</v>
      </c>
      <c r="L8323" s="58">
        <f>Bühler!L8349</f>
        <v>1.9109498052816651</v>
      </c>
      <c r="M8323" s="57">
        <f>Bühler!M8349</f>
        <v>0</v>
      </c>
      <c r="N8323" s="55">
        <f>IF(Input!$K$13=1,J8323*Input!$J$13,0)+IF(Input!$K$14=1,K8323*Input!$J$14,0)+IF(Input!$K$15=1,L8323*Input!$J$15,0)+IF(Input!$K$16=1,M8323*Input!$J$16,0)</f>
        <v>9.3654600726672594</v>
      </c>
      <c r="O8323" s="58">
        <f>IF(Input!$K$13=2,J8323*Input!$J$13,0)+IF(Input!$K$14=2,K8323*Input!$J$14,0)+IF(Input!$K$15=2,L8323*Input!$J$15,0)+IF(Input!$K$16=2,M8323*Input!$J$16,0)</f>
        <v>0.51595644742604962</v>
      </c>
      <c r="P8323" s="58">
        <f>IF(Input!$K$13=3,J8323*Input!$J$13,0)+IF(Input!$K$14=3,K8323*Input!$J$14,0)+IF(Input!$K$15=3,L8323*Input!$J$15,0)+IF(Input!$K$16=3,M8323*Input!$J$16,0)</f>
        <v>0</v>
      </c>
      <c r="Q8323" s="71">
        <f>IF(Input!$K$13=4,J8323*Input!$J$13,0)+IF(Input!$K$14=4,K8323*Input!$J$14,0)+IF(Input!$K$15=4,L8323*Input!$J$15,0)+IF(Input!$K$16=4,M8323*Input!$J$16,0)</f>
        <v>0</v>
      </c>
    </row>
    <row r="8324" spans="8:17" x14ac:dyDescent="0.25">
      <c r="H8324" s="43">
        <v>8317</v>
      </c>
      <c r="I8324" s="55">
        <f>Bühler!I8350</f>
        <v>11.172300843175458</v>
      </c>
      <c r="J8324" s="58">
        <f>Bühler!J8350</f>
        <v>78.045500605560505</v>
      </c>
      <c r="K8324" s="58">
        <f>Bühler!K8350</f>
        <v>3.8218996105633303</v>
      </c>
      <c r="L8324" s="58">
        <f>Bühler!L8350</f>
        <v>1.9109498052816651</v>
      </c>
      <c r="M8324" s="57">
        <f>Bühler!M8350</f>
        <v>0</v>
      </c>
      <c r="N8324" s="55">
        <f>IF(Input!$K$13=1,J8324*Input!$J$13,0)+IF(Input!$K$14=1,K8324*Input!$J$14,0)+IF(Input!$K$15=1,L8324*Input!$J$15,0)+IF(Input!$K$16=1,M8324*Input!$J$16,0)</f>
        <v>9.3654600726672594</v>
      </c>
      <c r="O8324" s="58">
        <f>IF(Input!$K$13=2,J8324*Input!$J$13,0)+IF(Input!$K$14=2,K8324*Input!$J$14,0)+IF(Input!$K$15=2,L8324*Input!$J$15,0)+IF(Input!$K$16=2,M8324*Input!$J$16,0)</f>
        <v>0.51595644742604962</v>
      </c>
      <c r="P8324" s="58">
        <f>IF(Input!$K$13=3,J8324*Input!$J$13,0)+IF(Input!$K$14=3,K8324*Input!$J$14,0)+IF(Input!$K$15=3,L8324*Input!$J$15,0)+IF(Input!$K$16=3,M8324*Input!$J$16,0)</f>
        <v>0</v>
      </c>
      <c r="Q8324" s="71">
        <f>IF(Input!$K$13=4,J8324*Input!$J$13,0)+IF(Input!$K$14=4,K8324*Input!$J$14,0)+IF(Input!$K$15=4,L8324*Input!$J$15,0)+IF(Input!$K$16=4,M8324*Input!$J$16,0)</f>
        <v>0</v>
      </c>
    </row>
    <row r="8325" spans="8:17" x14ac:dyDescent="0.25">
      <c r="H8325" s="43">
        <v>8318</v>
      </c>
      <c r="I8325" s="55">
        <f>Bühler!I8351</f>
        <v>7.4215998458236987</v>
      </c>
      <c r="J8325" s="58">
        <f>Bühler!J8351</f>
        <v>51.844511116550919</v>
      </c>
      <c r="K8325" s="58">
        <f>Bühler!K8351</f>
        <v>2.5388333127313554</v>
      </c>
      <c r="L8325" s="58">
        <f>Bühler!L8351</f>
        <v>1.2694166563656777</v>
      </c>
      <c r="M8325" s="57">
        <f>Bühler!M8351</f>
        <v>0</v>
      </c>
      <c r="N8325" s="55">
        <f>IF(Input!$K$13=1,J8325*Input!$J$13,0)+IF(Input!$K$14=1,K8325*Input!$J$14,0)+IF(Input!$K$15=1,L8325*Input!$J$15,0)+IF(Input!$K$16=1,M8325*Input!$J$16,0)</f>
        <v>6.2213413339861097</v>
      </c>
      <c r="O8325" s="58">
        <f>IF(Input!$K$13=2,J8325*Input!$J$13,0)+IF(Input!$K$14=2,K8325*Input!$J$14,0)+IF(Input!$K$15=2,L8325*Input!$J$15,0)+IF(Input!$K$16=2,M8325*Input!$J$16,0)</f>
        <v>0.34274249721873296</v>
      </c>
      <c r="P8325" s="58">
        <f>IF(Input!$K$13=3,J8325*Input!$J$13,0)+IF(Input!$K$14=3,K8325*Input!$J$14,0)+IF(Input!$K$15=3,L8325*Input!$J$15,0)+IF(Input!$K$16=3,M8325*Input!$J$16,0)</f>
        <v>0</v>
      </c>
      <c r="Q8325" s="71">
        <f>IF(Input!$K$13=4,J8325*Input!$J$13,0)+IF(Input!$K$14=4,K8325*Input!$J$14,0)+IF(Input!$K$15=4,L8325*Input!$J$15,0)+IF(Input!$K$16=4,M8325*Input!$J$16,0)</f>
        <v>0</v>
      </c>
    </row>
    <row r="8326" spans="8:17" x14ac:dyDescent="0.25">
      <c r="H8326" s="43">
        <v>8319</v>
      </c>
      <c r="I8326" s="55">
        <f>Bühler!I8352</f>
        <v>11.172300843175458</v>
      </c>
      <c r="J8326" s="58">
        <f>Bühler!J8352</f>
        <v>78.045500605560505</v>
      </c>
      <c r="K8326" s="58">
        <f>Bühler!K8352</f>
        <v>3.8218996105633303</v>
      </c>
      <c r="L8326" s="58">
        <f>Bühler!L8352</f>
        <v>1.9109498052816651</v>
      </c>
      <c r="M8326" s="57">
        <f>Bühler!M8352</f>
        <v>0</v>
      </c>
      <c r="N8326" s="55">
        <f>IF(Input!$K$13=1,J8326*Input!$J$13,0)+IF(Input!$K$14=1,K8326*Input!$J$14,0)+IF(Input!$K$15=1,L8326*Input!$J$15,0)+IF(Input!$K$16=1,M8326*Input!$J$16,0)</f>
        <v>9.3654600726672594</v>
      </c>
      <c r="O8326" s="58">
        <f>IF(Input!$K$13=2,J8326*Input!$J$13,0)+IF(Input!$K$14=2,K8326*Input!$J$14,0)+IF(Input!$K$15=2,L8326*Input!$J$15,0)+IF(Input!$K$16=2,M8326*Input!$J$16,0)</f>
        <v>0.51595644742604962</v>
      </c>
      <c r="P8326" s="58">
        <f>IF(Input!$K$13=3,J8326*Input!$J$13,0)+IF(Input!$K$14=3,K8326*Input!$J$14,0)+IF(Input!$K$15=3,L8326*Input!$J$15,0)+IF(Input!$K$16=3,M8326*Input!$J$16,0)</f>
        <v>0</v>
      </c>
      <c r="Q8326" s="71">
        <f>IF(Input!$K$13=4,J8326*Input!$J$13,0)+IF(Input!$K$14=4,K8326*Input!$J$14,0)+IF(Input!$K$15=4,L8326*Input!$J$15,0)+IF(Input!$K$16=4,M8326*Input!$J$16,0)</f>
        <v>0</v>
      </c>
    </row>
    <row r="8327" spans="8:17" x14ac:dyDescent="0.25">
      <c r="H8327" s="43">
        <v>8320</v>
      </c>
      <c r="I8327" s="55">
        <f>Bühler!I8353</f>
        <v>11.172300843175458</v>
      </c>
      <c r="J8327" s="58">
        <f>Bühler!J8353</f>
        <v>78.045500605560505</v>
      </c>
      <c r="K8327" s="58">
        <f>Bühler!K8353</f>
        <v>3.8218996105633303</v>
      </c>
      <c r="L8327" s="58">
        <f>Bühler!L8353</f>
        <v>1.9109498052816651</v>
      </c>
      <c r="M8327" s="57">
        <f>Bühler!M8353</f>
        <v>0</v>
      </c>
      <c r="N8327" s="55">
        <f>IF(Input!$K$13=1,J8327*Input!$J$13,0)+IF(Input!$K$14=1,K8327*Input!$J$14,0)+IF(Input!$K$15=1,L8327*Input!$J$15,0)+IF(Input!$K$16=1,M8327*Input!$J$16,0)</f>
        <v>9.3654600726672594</v>
      </c>
      <c r="O8327" s="58">
        <f>IF(Input!$K$13=2,J8327*Input!$J$13,0)+IF(Input!$K$14=2,K8327*Input!$J$14,0)+IF(Input!$K$15=2,L8327*Input!$J$15,0)+IF(Input!$K$16=2,M8327*Input!$J$16,0)</f>
        <v>0.51595644742604962</v>
      </c>
      <c r="P8327" s="58">
        <f>IF(Input!$K$13=3,J8327*Input!$J$13,0)+IF(Input!$K$14=3,K8327*Input!$J$14,0)+IF(Input!$K$15=3,L8327*Input!$J$15,0)+IF(Input!$K$16=3,M8327*Input!$J$16,0)</f>
        <v>0</v>
      </c>
      <c r="Q8327" s="71">
        <f>IF(Input!$K$13=4,J8327*Input!$J$13,0)+IF(Input!$K$14=4,K8327*Input!$J$14,0)+IF(Input!$K$15=4,L8327*Input!$J$15,0)+IF(Input!$K$16=4,M8327*Input!$J$16,0)</f>
        <v>0</v>
      </c>
    </row>
    <row r="8328" spans="8:17" x14ac:dyDescent="0.25">
      <c r="H8328" s="43">
        <v>8321</v>
      </c>
      <c r="I8328" s="55">
        <f>Bühler!I8354</f>
        <v>9.335475519820875</v>
      </c>
      <c r="J8328" s="58">
        <f>Bühler!J8354</f>
        <v>48.972213328138821</v>
      </c>
      <c r="K8328" s="58">
        <f>Bühler!K8354</f>
        <v>2.2521908419391052</v>
      </c>
      <c r="L8328" s="58">
        <f>Bühler!L8354</f>
        <v>1.1260954209695526</v>
      </c>
      <c r="M8328" s="57">
        <f>Bühler!M8354</f>
        <v>0</v>
      </c>
      <c r="N8328" s="55">
        <f>IF(Input!$K$13=1,J8328*Input!$J$13,0)+IF(Input!$K$14=1,K8328*Input!$J$14,0)+IF(Input!$K$15=1,L8328*Input!$J$15,0)+IF(Input!$K$16=1,M8328*Input!$J$16,0)</f>
        <v>5.8766655993766586</v>
      </c>
      <c r="O8328" s="58">
        <f>IF(Input!$K$13=2,J8328*Input!$J$13,0)+IF(Input!$K$14=2,K8328*Input!$J$14,0)+IF(Input!$K$15=2,L8328*Input!$J$15,0)+IF(Input!$K$16=2,M8328*Input!$J$16,0)</f>
        <v>0.30404576366177921</v>
      </c>
      <c r="P8328" s="58">
        <f>IF(Input!$K$13=3,J8328*Input!$J$13,0)+IF(Input!$K$14=3,K8328*Input!$J$14,0)+IF(Input!$K$15=3,L8328*Input!$J$15,0)+IF(Input!$K$16=3,M8328*Input!$J$16,0)</f>
        <v>0</v>
      </c>
      <c r="Q8328" s="71">
        <f>IF(Input!$K$13=4,J8328*Input!$J$13,0)+IF(Input!$K$14=4,K8328*Input!$J$14,0)+IF(Input!$K$15=4,L8328*Input!$J$15,0)+IF(Input!$K$16=4,M8328*Input!$J$16,0)</f>
        <v>0</v>
      </c>
    </row>
    <row r="8329" spans="8:17" x14ac:dyDescent="0.25">
      <c r="H8329" s="43">
        <v>8322</v>
      </c>
      <c r="I8329" s="55">
        <f>Bühler!I8355</f>
        <v>7.4229757449423159</v>
      </c>
      <c r="J8329" s="58">
        <f>Bühler!J8355</f>
        <v>24.626611054033031</v>
      </c>
      <c r="K8329" s="58">
        <f>Bühler!K8355</f>
        <v>0.96124235678152181</v>
      </c>
      <c r="L8329" s="58">
        <f>Bühler!L8355</f>
        <v>0.48062117839076091</v>
      </c>
      <c r="M8329" s="57">
        <f>Bühler!M8355</f>
        <v>0</v>
      </c>
      <c r="N8329" s="55">
        <f>IF(Input!$K$13=1,J8329*Input!$J$13,0)+IF(Input!$K$14=1,K8329*Input!$J$14,0)+IF(Input!$K$15=1,L8329*Input!$J$15,0)+IF(Input!$K$16=1,M8329*Input!$J$16,0)</f>
        <v>2.9551933264839638</v>
      </c>
      <c r="O8329" s="58">
        <f>IF(Input!$K$13=2,J8329*Input!$J$13,0)+IF(Input!$K$14=2,K8329*Input!$J$14,0)+IF(Input!$K$15=2,L8329*Input!$J$15,0)+IF(Input!$K$16=2,M8329*Input!$J$16,0)</f>
        <v>0.12976771816550545</v>
      </c>
      <c r="P8329" s="58">
        <f>IF(Input!$K$13=3,J8329*Input!$J$13,0)+IF(Input!$K$14=3,K8329*Input!$J$14,0)+IF(Input!$K$15=3,L8329*Input!$J$15,0)+IF(Input!$K$16=3,M8329*Input!$J$16,0)</f>
        <v>0</v>
      </c>
      <c r="Q8329" s="71">
        <f>IF(Input!$K$13=4,J8329*Input!$J$13,0)+IF(Input!$K$14=4,K8329*Input!$J$14,0)+IF(Input!$K$15=4,L8329*Input!$J$15,0)+IF(Input!$K$16=4,M8329*Input!$J$16,0)</f>
        <v>0</v>
      </c>
    </row>
    <row r="8330" spans="8:17" x14ac:dyDescent="0.25">
      <c r="H8330" s="43">
        <v>8323</v>
      </c>
      <c r="I8330" s="55">
        <f>Bühler!I8356</f>
        <v>2.7517982372353353</v>
      </c>
      <c r="J8330" s="58">
        <f>Bühler!J8356</f>
        <v>13.927250395032988</v>
      </c>
      <c r="K8330" s="58">
        <f>Bühler!K8356</f>
        <v>0.63441995547580432</v>
      </c>
      <c r="L8330" s="58">
        <f>Bühler!L8356</f>
        <v>0.31720997773790216</v>
      </c>
      <c r="M8330" s="57">
        <f>Bühler!M8356</f>
        <v>0</v>
      </c>
      <c r="N8330" s="55">
        <f>IF(Input!$K$13=1,J8330*Input!$J$13,0)+IF(Input!$K$14=1,K8330*Input!$J$14,0)+IF(Input!$K$15=1,L8330*Input!$J$15,0)+IF(Input!$K$16=1,M8330*Input!$J$16,0)</f>
        <v>1.6712700474039586</v>
      </c>
      <c r="O8330" s="58">
        <f>IF(Input!$K$13=2,J8330*Input!$J$13,0)+IF(Input!$K$14=2,K8330*Input!$J$14,0)+IF(Input!$K$15=2,L8330*Input!$J$15,0)+IF(Input!$K$16=2,M8330*Input!$J$16,0)</f>
        <v>8.564669398923358E-2</v>
      </c>
      <c r="P8330" s="58">
        <f>IF(Input!$K$13=3,J8330*Input!$J$13,0)+IF(Input!$K$14=3,K8330*Input!$J$14,0)+IF(Input!$K$15=3,L8330*Input!$J$15,0)+IF(Input!$K$16=3,M8330*Input!$J$16,0)</f>
        <v>0</v>
      </c>
      <c r="Q8330" s="71">
        <f>IF(Input!$K$13=4,J8330*Input!$J$13,0)+IF(Input!$K$14=4,K8330*Input!$J$14,0)+IF(Input!$K$15=4,L8330*Input!$J$15,0)+IF(Input!$K$16=4,M8330*Input!$J$16,0)</f>
        <v>0</v>
      </c>
    </row>
    <row r="8331" spans="8:17" x14ac:dyDescent="0.25">
      <c r="H8331" s="43">
        <v>8324</v>
      </c>
      <c r="I8331" s="55">
        <f>Bühler!I8357</f>
        <v>2.7517982372353353</v>
      </c>
      <c r="J8331" s="58">
        <f>Bühler!J8357</f>
        <v>13.927250395032988</v>
      </c>
      <c r="K8331" s="58">
        <f>Bühler!K8357</f>
        <v>0.63441995547580432</v>
      </c>
      <c r="L8331" s="58">
        <f>Bühler!L8357</f>
        <v>0.31720997773790216</v>
      </c>
      <c r="M8331" s="57">
        <f>Bühler!M8357</f>
        <v>0</v>
      </c>
      <c r="N8331" s="55">
        <f>IF(Input!$K$13=1,J8331*Input!$J$13,0)+IF(Input!$K$14=1,K8331*Input!$J$14,0)+IF(Input!$K$15=1,L8331*Input!$J$15,0)+IF(Input!$K$16=1,M8331*Input!$J$16,0)</f>
        <v>1.6712700474039586</v>
      </c>
      <c r="O8331" s="58">
        <f>IF(Input!$K$13=2,J8331*Input!$J$13,0)+IF(Input!$K$14=2,K8331*Input!$J$14,0)+IF(Input!$K$15=2,L8331*Input!$J$15,0)+IF(Input!$K$16=2,M8331*Input!$J$16,0)</f>
        <v>8.564669398923358E-2</v>
      </c>
      <c r="P8331" s="58">
        <f>IF(Input!$K$13=3,J8331*Input!$J$13,0)+IF(Input!$K$14=3,K8331*Input!$J$14,0)+IF(Input!$K$15=3,L8331*Input!$J$15,0)+IF(Input!$K$16=3,M8331*Input!$J$16,0)</f>
        <v>0</v>
      </c>
      <c r="Q8331" s="71">
        <f>IF(Input!$K$13=4,J8331*Input!$J$13,0)+IF(Input!$K$14=4,K8331*Input!$J$14,0)+IF(Input!$K$15=4,L8331*Input!$J$15,0)+IF(Input!$K$16=4,M8331*Input!$J$16,0)</f>
        <v>0</v>
      </c>
    </row>
    <row r="8332" spans="8:17" x14ac:dyDescent="0.25">
      <c r="H8332" s="43">
        <v>8325</v>
      </c>
      <c r="I8332" s="55">
        <f>Bühler!I8358</f>
        <v>2.7517982372353353</v>
      </c>
      <c r="J8332" s="58">
        <f>Bühler!J8358</f>
        <v>13.927250395032988</v>
      </c>
      <c r="K8332" s="58">
        <f>Bühler!K8358</f>
        <v>0.63441995547580432</v>
      </c>
      <c r="L8332" s="58">
        <f>Bühler!L8358</f>
        <v>0.31720997773790216</v>
      </c>
      <c r="M8332" s="57">
        <f>Bühler!M8358</f>
        <v>0</v>
      </c>
      <c r="N8332" s="55">
        <f>IF(Input!$K$13=1,J8332*Input!$J$13,0)+IF(Input!$K$14=1,K8332*Input!$J$14,0)+IF(Input!$K$15=1,L8332*Input!$J$15,0)+IF(Input!$K$16=1,M8332*Input!$J$16,0)</f>
        <v>1.6712700474039586</v>
      </c>
      <c r="O8332" s="58">
        <f>IF(Input!$K$13=2,J8332*Input!$J$13,0)+IF(Input!$K$14=2,K8332*Input!$J$14,0)+IF(Input!$K$15=2,L8332*Input!$J$15,0)+IF(Input!$K$16=2,M8332*Input!$J$16,0)</f>
        <v>8.564669398923358E-2</v>
      </c>
      <c r="P8332" s="58">
        <f>IF(Input!$K$13=3,J8332*Input!$J$13,0)+IF(Input!$K$14=3,K8332*Input!$J$14,0)+IF(Input!$K$15=3,L8332*Input!$J$15,0)+IF(Input!$K$16=3,M8332*Input!$J$16,0)</f>
        <v>0</v>
      </c>
      <c r="Q8332" s="71">
        <f>IF(Input!$K$13=4,J8332*Input!$J$13,0)+IF(Input!$K$14=4,K8332*Input!$J$14,0)+IF(Input!$K$15=4,L8332*Input!$J$15,0)+IF(Input!$K$16=4,M8332*Input!$J$16,0)</f>
        <v>0</v>
      </c>
    </row>
    <row r="8333" spans="8:17" x14ac:dyDescent="0.25">
      <c r="H8333" s="43">
        <v>8326</v>
      </c>
      <c r="I8333" s="55">
        <f>Bühler!I8359</f>
        <v>2.7517982372353353</v>
      </c>
      <c r="J8333" s="58">
        <f>Bühler!J8359</f>
        <v>13.927250395032988</v>
      </c>
      <c r="K8333" s="58">
        <f>Bühler!K8359</f>
        <v>0.63441995547580432</v>
      </c>
      <c r="L8333" s="58">
        <f>Bühler!L8359</f>
        <v>0.31720997773790216</v>
      </c>
      <c r="M8333" s="57">
        <f>Bühler!M8359</f>
        <v>0</v>
      </c>
      <c r="N8333" s="55">
        <f>IF(Input!$K$13=1,J8333*Input!$J$13,0)+IF(Input!$K$14=1,K8333*Input!$J$14,0)+IF(Input!$K$15=1,L8333*Input!$J$15,0)+IF(Input!$K$16=1,M8333*Input!$J$16,0)</f>
        <v>1.6712700474039586</v>
      </c>
      <c r="O8333" s="58">
        <f>IF(Input!$K$13=2,J8333*Input!$J$13,0)+IF(Input!$K$14=2,K8333*Input!$J$14,0)+IF(Input!$K$15=2,L8333*Input!$J$15,0)+IF(Input!$K$16=2,M8333*Input!$J$16,0)</f>
        <v>8.564669398923358E-2</v>
      </c>
      <c r="P8333" s="58">
        <f>IF(Input!$K$13=3,J8333*Input!$J$13,0)+IF(Input!$K$14=3,K8333*Input!$J$14,0)+IF(Input!$K$15=3,L8333*Input!$J$15,0)+IF(Input!$K$16=3,M8333*Input!$J$16,0)</f>
        <v>0</v>
      </c>
      <c r="Q8333" s="71">
        <f>IF(Input!$K$13=4,J8333*Input!$J$13,0)+IF(Input!$K$14=4,K8333*Input!$J$14,0)+IF(Input!$K$15=4,L8333*Input!$J$15,0)+IF(Input!$K$16=4,M8333*Input!$J$16,0)</f>
        <v>0</v>
      </c>
    </row>
    <row r="8334" spans="8:17" x14ac:dyDescent="0.25">
      <c r="H8334" s="43">
        <v>8327</v>
      </c>
      <c r="I8334" s="55">
        <f>Bühler!I8360</f>
        <v>2.7517982372353353</v>
      </c>
      <c r="J8334" s="58">
        <f>Bühler!J8360</f>
        <v>13.927250395032988</v>
      </c>
      <c r="K8334" s="58">
        <f>Bühler!K8360</f>
        <v>0.63441995547580432</v>
      </c>
      <c r="L8334" s="58">
        <f>Bühler!L8360</f>
        <v>0.31720997773790216</v>
      </c>
      <c r="M8334" s="57">
        <f>Bühler!M8360</f>
        <v>0</v>
      </c>
      <c r="N8334" s="55">
        <f>IF(Input!$K$13=1,J8334*Input!$J$13,0)+IF(Input!$K$14=1,K8334*Input!$J$14,0)+IF(Input!$K$15=1,L8334*Input!$J$15,0)+IF(Input!$K$16=1,M8334*Input!$J$16,0)</f>
        <v>1.6712700474039586</v>
      </c>
      <c r="O8334" s="58">
        <f>IF(Input!$K$13=2,J8334*Input!$J$13,0)+IF(Input!$K$14=2,K8334*Input!$J$14,0)+IF(Input!$K$15=2,L8334*Input!$J$15,0)+IF(Input!$K$16=2,M8334*Input!$J$16,0)</f>
        <v>8.564669398923358E-2</v>
      </c>
      <c r="P8334" s="58">
        <f>IF(Input!$K$13=3,J8334*Input!$J$13,0)+IF(Input!$K$14=3,K8334*Input!$J$14,0)+IF(Input!$K$15=3,L8334*Input!$J$15,0)+IF(Input!$K$16=3,M8334*Input!$J$16,0)</f>
        <v>0</v>
      </c>
      <c r="Q8334" s="71">
        <f>IF(Input!$K$13=4,J8334*Input!$J$13,0)+IF(Input!$K$14=4,K8334*Input!$J$14,0)+IF(Input!$K$15=4,L8334*Input!$J$15,0)+IF(Input!$K$16=4,M8334*Input!$J$16,0)</f>
        <v>0</v>
      </c>
    </row>
    <row r="8335" spans="8:17" x14ac:dyDescent="0.25">
      <c r="H8335" s="43">
        <v>8328</v>
      </c>
      <c r="I8335" s="55">
        <f>Bühler!I8361</f>
        <v>2.7517982372353353</v>
      </c>
      <c r="J8335" s="58">
        <f>Bühler!J8361</f>
        <v>13.927250395032988</v>
      </c>
      <c r="K8335" s="58">
        <f>Bühler!K8361</f>
        <v>0.63441995547580432</v>
      </c>
      <c r="L8335" s="58">
        <f>Bühler!L8361</f>
        <v>0.31720997773790216</v>
      </c>
      <c r="M8335" s="57">
        <f>Bühler!M8361</f>
        <v>0</v>
      </c>
      <c r="N8335" s="55">
        <f>IF(Input!$K$13=1,J8335*Input!$J$13,0)+IF(Input!$K$14=1,K8335*Input!$J$14,0)+IF(Input!$K$15=1,L8335*Input!$J$15,0)+IF(Input!$K$16=1,M8335*Input!$J$16,0)</f>
        <v>1.6712700474039586</v>
      </c>
      <c r="O8335" s="58">
        <f>IF(Input!$K$13=2,J8335*Input!$J$13,0)+IF(Input!$K$14=2,K8335*Input!$J$14,0)+IF(Input!$K$15=2,L8335*Input!$J$15,0)+IF(Input!$K$16=2,M8335*Input!$J$16,0)</f>
        <v>8.564669398923358E-2</v>
      </c>
      <c r="P8335" s="58">
        <f>IF(Input!$K$13=3,J8335*Input!$J$13,0)+IF(Input!$K$14=3,K8335*Input!$J$14,0)+IF(Input!$K$15=3,L8335*Input!$J$15,0)+IF(Input!$K$16=3,M8335*Input!$J$16,0)</f>
        <v>0</v>
      </c>
      <c r="Q8335" s="71">
        <f>IF(Input!$K$13=4,J8335*Input!$J$13,0)+IF(Input!$K$14=4,K8335*Input!$J$14,0)+IF(Input!$K$15=4,L8335*Input!$J$15,0)+IF(Input!$K$16=4,M8335*Input!$J$16,0)</f>
        <v>0</v>
      </c>
    </row>
    <row r="8336" spans="8:17" x14ac:dyDescent="0.25">
      <c r="H8336" s="43">
        <v>8329</v>
      </c>
      <c r="I8336" s="55">
        <f>Bühler!I8362</f>
        <v>3.2269446715809629</v>
      </c>
      <c r="J8336" s="58">
        <f>Bühler!J8362</f>
        <v>14.863337120258903</v>
      </c>
      <c r="K8336" s="58">
        <f>Bühler!K8362</f>
        <v>0.63934721050126231</v>
      </c>
      <c r="L8336" s="58">
        <f>Bühler!L8362</f>
        <v>0.31967360525063115</v>
      </c>
      <c r="M8336" s="57">
        <f>Bühler!M8362</f>
        <v>0</v>
      </c>
      <c r="N8336" s="55">
        <f>IF(Input!$K$13=1,J8336*Input!$J$13,0)+IF(Input!$K$14=1,K8336*Input!$J$14,0)+IF(Input!$K$15=1,L8336*Input!$J$15,0)+IF(Input!$K$16=1,M8336*Input!$J$16,0)</f>
        <v>1.7836004544310682</v>
      </c>
      <c r="O8336" s="58">
        <f>IF(Input!$K$13=2,J8336*Input!$J$13,0)+IF(Input!$K$14=2,K8336*Input!$J$14,0)+IF(Input!$K$15=2,L8336*Input!$J$15,0)+IF(Input!$K$16=2,M8336*Input!$J$16,0)</f>
        <v>8.6311873417670409E-2</v>
      </c>
      <c r="P8336" s="58">
        <f>IF(Input!$K$13=3,J8336*Input!$J$13,0)+IF(Input!$K$14=3,K8336*Input!$J$14,0)+IF(Input!$K$15=3,L8336*Input!$J$15,0)+IF(Input!$K$16=3,M8336*Input!$J$16,0)</f>
        <v>0</v>
      </c>
      <c r="Q8336" s="71">
        <f>IF(Input!$K$13=4,J8336*Input!$J$13,0)+IF(Input!$K$14=4,K8336*Input!$J$14,0)+IF(Input!$K$15=4,L8336*Input!$J$15,0)+IF(Input!$K$16=4,M8336*Input!$J$16,0)</f>
        <v>0</v>
      </c>
    </row>
    <row r="8337" spans="8:17" x14ac:dyDescent="0.25">
      <c r="H8337" s="43">
        <v>8330</v>
      </c>
      <c r="I8337" s="55">
        <f>Bühler!I8363</f>
        <v>3.2269446715809629</v>
      </c>
      <c r="J8337" s="58">
        <f>Bühler!J8363</f>
        <v>14.863337120258903</v>
      </c>
      <c r="K8337" s="58">
        <f>Bühler!K8363</f>
        <v>0.63934721050126231</v>
      </c>
      <c r="L8337" s="58">
        <f>Bühler!L8363</f>
        <v>0.31967360525063115</v>
      </c>
      <c r="M8337" s="57">
        <f>Bühler!M8363</f>
        <v>0</v>
      </c>
      <c r="N8337" s="55">
        <f>IF(Input!$K$13=1,J8337*Input!$J$13,0)+IF(Input!$K$14=1,K8337*Input!$J$14,0)+IF(Input!$K$15=1,L8337*Input!$J$15,0)+IF(Input!$K$16=1,M8337*Input!$J$16,0)</f>
        <v>1.7836004544310682</v>
      </c>
      <c r="O8337" s="58">
        <f>IF(Input!$K$13=2,J8337*Input!$J$13,0)+IF(Input!$K$14=2,K8337*Input!$J$14,0)+IF(Input!$K$15=2,L8337*Input!$J$15,0)+IF(Input!$K$16=2,M8337*Input!$J$16,0)</f>
        <v>8.6311873417670409E-2</v>
      </c>
      <c r="P8337" s="58">
        <f>IF(Input!$K$13=3,J8337*Input!$J$13,0)+IF(Input!$K$14=3,K8337*Input!$J$14,0)+IF(Input!$K$15=3,L8337*Input!$J$15,0)+IF(Input!$K$16=3,M8337*Input!$J$16,0)</f>
        <v>0</v>
      </c>
      <c r="Q8337" s="71">
        <f>IF(Input!$K$13=4,J8337*Input!$J$13,0)+IF(Input!$K$14=4,K8337*Input!$J$14,0)+IF(Input!$K$15=4,L8337*Input!$J$15,0)+IF(Input!$K$16=4,M8337*Input!$J$16,0)</f>
        <v>0</v>
      </c>
    </row>
    <row r="8338" spans="8:17" x14ac:dyDescent="0.25">
      <c r="H8338" s="43">
        <v>8331</v>
      </c>
      <c r="I8338" s="55">
        <f>Bühler!I8364</f>
        <v>3.2269446715809629</v>
      </c>
      <c r="J8338" s="58">
        <f>Bühler!J8364</f>
        <v>14.863337120258903</v>
      </c>
      <c r="K8338" s="58">
        <f>Bühler!K8364</f>
        <v>0.63934721050126231</v>
      </c>
      <c r="L8338" s="58">
        <f>Bühler!L8364</f>
        <v>0.31967360525063115</v>
      </c>
      <c r="M8338" s="57">
        <f>Bühler!M8364</f>
        <v>0</v>
      </c>
      <c r="N8338" s="55">
        <f>IF(Input!$K$13=1,J8338*Input!$J$13,0)+IF(Input!$K$14=1,K8338*Input!$J$14,0)+IF(Input!$K$15=1,L8338*Input!$J$15,0)+IF(Input!$K$16=1,M8338*Input!$J$16,0)</f>
        <v>1.7836004544310682</v>
      </c>
      <c r="O8338" s="58">
        <f>IF(Input!$K$13=2,J8338*Input!$J$13,0)+IF(Input!$K$14=2,K8338*Input!$J$14,0)+IF(Input!$K$15=2,L8338*Input!$J$15,0)+IF(Input!$K$16=2,M8338*Input!$J$16,0)</f>
        <v>8.6311873417670409E-2</v>
      </c>
      <c r="P8338" s="58">
        <f>IF(Input!$K$13=3,J8338*Input!$J$13,0)+IF(Input!$K$14=3,K8338*Input!$J$14,0)+IF(Input!$K$15=3,L8338*Input!$J$15,0)+IF(Input!$K$16=3,M8338*Input!$J$16,0)</f>
        <v>0</v>
      </c>
      <c r="Q8338" s="71">
        <f>IF(Input!$K$13=4,J8338*Input!$J$13,0)+IF(Input!$K$14=4,K8338*Input!$J$14,0)+IF(Input!$K$15=4,L8338*Input!$J$15,0)+IF(Input!$K$16=4,M8338*Input!$J$16,0)</f>
        <v>0</v>
      </c>
    </row>
    <row r="8339" spans="8:17" x14ac:dyDescent="0.25">
      <c r="H8339" s="43">
        <v>8332</v>
      </c>
      <c r="I8339" s="55">
        <f>Bühler!I8365</f>
        <v>3.2269446715809629</v>
      </c>
      <c r="J8339" s="58">
        <f>Bühler!J8365</f>
        <v>14.863337120258903</v>
      </c>
      <c r="K8339" s="58">
        <f>Bühler!K8365</f>
        <v>0.63934721050126231</v>
      </c>
      <c r="L8339" s="58">
        <f>Bühler!L8365</f>
        <v>0.31967360525063115</v>
      </c>
      <c r="M8339" s="57">
        <f>Bühler!M8365</f>
        <v>0</v>
      </c>
      <c r="N8339" s="55">
        <f>IF(Input!$K$13=1,J8339*Input!$J$13,0)+IF(Input!$K$14=1,K8339*Input!$J$14,0)+IF(Input!$K$15=1,L8339*Input!$J$15,0)+IF(Input!$K$16=1,M8339*Input!$J$16,0)</f>
        <v>1.7836004544310682</v>
      </c>
      <c r="O8339" s="58">
        <f>IF(Input!$K$13=2,J8339*Input!$J$13,0)+IF(Input!$K$14=2,K8339*Input!$J$14,0)+IF(Input!$K$15=2,L8339*Input!$J$15,0)+IF(Input!$K$16=2,M8339*Input!$J$16,0)</f>
        <v>8.6311873417670409E-2</v>
      </c>
      <c r="P8339" s="58">
        <f>IF(Input!$K$13=3,J8339*Input!$J$13,0)+IF(Input!$K$14=3,K8339*Input!$J$14,0)+IF(Input!$K$15=3,L8339*Input!$J$15,0)+IF(Input!$K$16=3,M8339*Input!$J$16,0)</f>
        <v>0</v>
      </c>
      <c r="Q8339" s="71">
        <f>IF(Input!$K$13=4,J8339*Input!$J$13,0)+IF(Input!$K$14=4,K8339*Input!$J$14,0)+IF(Input!$K$15=4,L8339*Input!$J$15,0)+IF(Input!$K$16=4,M8339*Input!$J$16,0)</f>
        <v>0</v>
      </c>
    </row>
    <row r="8340" spans="8:17" x14ac:dyDescent="0.25">
      <c r="H8340" s="43">
        <v>8333</v>
      </c>
      <c r="I8340" s="55">
        <f>Bühler!I8366</f>
        <v>3.2269446715809629</v>
      </c>
      <c r="J8340" s="58">
        <f>Bühler!J8366</f>
        <v>14.863337120258903</v>
      </c>
      <c r="K8340" s="58">
        <f>Bühler!K8366</f>
        <v>0.63934721050126231</v>
      </c>
      <c r="L8340" s="58">
        <f>Bühler!L8366</f>
        <v>0.31967360525063115</v>
      </c>
      <c r="M8340" s="57">
        <f>Bühler!M8366</f>
        <v>0</v>
      </c>
      <c r="N8340" s="55">
        <f>IF(Input!$K$13=1,J8340*Input!$J$13,0)+IF(Input!$K$14=1,K8340*Input!$J$14,0)+IF(Input!$K$15=1,L8340*Input!$J$15,0)+IF(Input!$K$16=1,M8340*Input!$J$16,0)</f>
        <v>1.7836004544310682</v>
      </c>
      <c r="O8340" s="58">
        <f>IF(Input!$K$13=2,J8340*Input!$J$13,0)+IF(Input!$K$14=2,K8340*Input!$J$14,0)+IF(Input!$K$15=2,L8340*Input!$J$15,0)+IF(Input!$K$16=2,M8340*Input!$J$16,0)</f>
        <v>8.6311873417670409E-2</v>
      </c>
      <c r="P8340" s="58">
        <f>IF(Input!$K$13=3,J8340*Input!$J$13,0)+IF(Input!$K$14=3,K8340*Input!$J$14,0)+IF(Input!$K$15=3,L8340*Input!$J$15,0)+IF(Input!$K$16=3,M8340*Input!$J$16,0)</f>
        <v>0</v>
      </c>
      <c r="Q8340" s="71">
        <f>IF(Input!$K$13=4,J8340*Input!$J$13,0)+IF(Input!$K$14=4,K8340*Input!$J$14,0)+IF(Input!$K$15=4,L8340*Input!$J$15,0)+IF(Input!$K$16=4,M8340*Input!$J$16,0)</f>
        <v>0</v>
      </c>
    </row>
    <row r="8341" spans="8:17" x14ac:dyDescent="0.25">
      <c r="H8341" s="43">
        <v>8334</v>
      </c>
      <c r="I8341" s="55">
        <f>Bühler!I8367</f>
        <v>3.2269446715809629</v>
      </c>
      <c r="J8341" s="58">
        <f>Bühler!J8367</f>
        <v>14.863337120258903</v>
      </c>
      <c r="K8341" s="58">
        <f>Bühler!K8367</f>
        <v>0.63934721050126231</v>
      </c>
      <c r="L8341" s="58">
        <f>Bühler!L8367</f>
        <v>0.31967360525063115</v>
      </c>
      <c r="M8341" s="57">
        <f>Bühler!M8367</f>
        <v>0</v>
      </c>
      <c r="N8341" s="55">
        <f>IF(Input!$K$13=1,J8341*Input!$J$13,0)+IF(Input!$K$14=1,K8341*Input!$J$14,0)+IF(Input!$K$15=1,L8341*Input!$J$15,0)+IF(Input!$K$16=1,M8341*Input!$J$16,0)</f>
        <v>1.7836004544310682</v>
      </c>
      <c r="O8341" s="58">
        <f>IF(Input!$K$13=2,J8341*Input!$J$13,0)+IF(Input!$K$14=2,K8341*Input!$J$14,0)+IF(Input!$K$15=2,L8341*Input!$J$15,0)+IF(Input!$K$16=2,M8341*Input!$J$16,0)</f>
        <v>8.6311873417670409E-2</v>
      </c>
      <c r="P8341" s="58">
        <f>IF(Input!$K$13=3,J8341*Input!$J$13,0)+IF(Input!$K$14=3,K8341*Input!$J$14,0)+IF(Input!$K$15=3,L8341*Input!$J$15,0)+IF(Input!$K$16=3,M8341*Input!$J$16,0)</f>
        <v>0</v>
      </c>
      <c r="Q8341" s="71">
        <f>IF(Input!$K$13=4,J8341*Input!$J$13,0)+IF(Input!$K$14=4,K8341*Input!$J$14,0)+IF(Input!$K$15=4,L8341*Input!$J$15,0)+IF(Input!$K$16=4,M8341*Input!$J$16,0)</f>
        <v>0</v>
      </c>
    </row>
    <row r="8342" spans="8:17" x14ac:dyDescent="0.25">
      <c r="H8342" s="43">
        <v>8335</v>
      </c>
      <c r="I8342" s="55">
        <f>Bühler!I8368</f>
        <v>3.2269446715809629</v>
      </c>
      <c r="J8342" s="58">
        <f>Bühler!J8368</f>
        <v>14.863337120258903</v>
      </c>
      <c r="K8342" s="58">
        <f>Bühler!K8368</f>
        <v>0.63934721050126231</v>
      </c>
      <c r="L8342" s="58">
        <f>Bühler!L8368</f>
        <v>0.31967360525063115</v>
      </c>
      <c r="M8342" s="57">
        <f>Bühler!M8368</f>
        <v>0</v>
      </c>
      <c r="N8342" s="55">
        <f>IF(Input!$K$13=1,J8342*Input!$J$13,0)+IF(Input!$K$14=1,K8342*Input!$J$14,0)+IF(Input!$K$15=1,L8342*Input!$J$15,0)+IF(Input!$K$16=1,M8342*Input!$J$16,0)</f>
        <v>1.7836004544310682</v>
      </c>
      <c r="O8342" s="58">
        <f>IF(Input!$K$13=2,J8342*Input!$J$13,0)+IF(Input!$K$14=2,K8342*Input!$J$14,0)+IF(Input!$K$15=2,L8342*Input!$J$15,0)+IF(Input!$K$16=2,M8342*Input!$J$16,0)</f>
        <v>8.6311873417670409E-2</v>
      </c>
      <c r="P8342" s="58">
        <f>IF(Input!$K$13=3,J8342*Input!$J$13,0)+IF(Input!$K$14=3,K8342*Input!$J$14,0)+IF(Input!$K$15=3,L8342*Input!$J$15,0)+IF(Input!$K$16=3,M8342*Input!$J$16,0)</f>
        <v>0</v>
      </c>
      <c r="Q8342" s="71">
        <f>IF(Input!$K$13=4,J8342*Input!$J$13,0)+IF(Input!$K$14=4,K8342*Input!$J$14,0)+IF(Input!$K$15=4,L8342*Input!$J$15,0)+IF(Input!$K$16=4,M8342*Input!$J$16,0)</f>
        <v>0</v>
      </c>
    </row>
    <row r="8343" spans="8:17" x14ac:dyDescent="0.25">
      <c r="H8343" s="43">
        <v>8336</v>
      </c>
      <c r="I8343" s="55">
        <f>Bühler!I8369</f>
        <v>8.8902325702055514</v>
      </c>
      <c r="J8343" s="58">
        <f>Bühler!J8369</f>
        <v>56.099967253388272</v>
      </c>
      <c r="K8343" s="58">
        <f>Bühler!K8369</f>
        <v>2.6135738998975842</v>
      </c>
      <c r="L8343" s="58">
        <f>Bühler!L8369</f>
        <v>1.3067869499487921</v>
      </c>
      <c r="M8343" s="57">
        <f>Bühler!M8369</f>
        <v>0</v>
      </c>
      <c r="N8343" s="55">
        <f>IF(Input!$K$13=1,J8343*Input!$J$13,0)+IF(Input!$K$14=1,K8343*Input!$J$14,0)+IF(Input!$K$15=1,L8343*Input!$J$15,0)+IF(Input!$K$16=1,M8343*Input!$J$16,0)</f>
        <v>6.7319960704065922</v>
      </c>
      <c r="O8343" s="58">
        <f>IF(Input!$K$13=2,J8343*Input!$J$13,0)+IF(Input!$K$14=2,K8343*Input!$J$14,0)+IF(Input!$K$15=2,L8343*Input!$J$15,0)+IF(Input!$K$16=2,M8343*Input!$J$16,0)</f>
        <v>0.35283247648617388</v>
      </c>
      <c r="P8343" s="58">
        <f>IF(Input!$K$13=3,J8343*Input!$J$13,0)+IF(Input!$K$14=3,K8343*Input!$J$14,0)+IF(Input!$K$15=3,L8343*Input!$J$15,0)+IF(Input!$K$16=3,M8343*Input!$J$16,0)</f>
        <v>0</v>
      </c>
      <c r="Q8343" s="71">
        <f>IF(Input!$K$13=4,J8343*Input!$J$13,0)+IF(Input!$K$14=4,K8343*Input!$J$14,0)+IF(Input!$K$15=4,L8343*Input!$J$15,0)+IF(Input!$K$16=4,M8343*Input!$J$16,0)</f>
        <v>0</v>
      </c>
    </row>
    <row r="8344" spans="8:17" x14ac:dyDescent="0.25">
      <c r="H8344" s="43">
        <v>8337</v>
      </c>
      <c r="I8344" s="55">
        <f>Bühler!I8370</f>
        <v>9.9196279204398792</v>
      </c>
      <c r="J8344" s="58">
        <f>Bühler!J8370</f>
        <v>62.595752935359556</v>
      </c>
      <c r="K8344" s="58">
        <f>Bühler!K8370</f>
        <v>2.9161982462015152</v>
      </c>
      <c r="L8344" s="58">
        <f>Bühler!L8370</f>
        <v>1.4580991231007576</v>
      </c>
      <c r="M8344" s="57">
        <f>Bühler!M8370</f>
        <v>0</v>
      </c>
      <c r="N8344" s="55">
        <f>IF(Input!$K$13=1,J8344*Input!$J$13,0)+IF(Input!$K$14=1,K8344*Input!$J$14,0)+IF(Input!$K$15=1,L8344*Input!$J$15,0)+IF(Input!$K$16=1,M8344*Input!$J$16,0)</f>
        <v>7.5114903522431469</v>
      </c>
      <c r="O8344" s="58">
        <f>IF(Input!$K$13=2,J8344*Input!$J$13,0)+IF(Input!$K$14=2,K8344*Input!$J$14,0)+IF(Input!$K$15=2,L8344*Input!$J$15,0)+IF(Input!$K$16=2,M8344*Input!$J$16,0)</f>
        <v>0.39368676323720453</v>
      </c>
      <c r="P8344" s="58">
        <f>IF(Input!$K$13=3,J8344*Input!$J$13,0)+IF(Input!$K$14=3,K8344*Input!$J$14,0)+IF(Input!$K$15=3,L8344*Input!$J$15,0)+IF(Input!$K$16=3,M8344*Input!$J$16,0)</f>
        <v>0</v>
      </c>
      <c r="Q8344" s="71">
        <f>IF(Input!$K$13=4,J8344*Input!$J$13,0)+IF(Input!$K$14=4,K8344*Input!$J$14,0)+IF(Input!$K$15=4,L8344*Input!$J$15,0)+IF(Input!$K$16=4,M8344*Input!$J$16,0)</f>
        <v>0</v>
      </c>
    </row>
    <row r="8345" spans="8:17" x14ac:dyDescent="0.25">
      <c r="H8345" s="43">
        <v>8338</v>
      </c>
      <c r="I8345" s="55">
        <f>Bühler!I8371</f>
        <v>10.949023270674207</v>
      </c>
      <c r="J8345" s="58">
        <f>Bühler!J8371</f>
        <v>69.091538617330826</v>
      </c>
      <c r="K8345" s="58">
        <f>Bühler!K8371</f>
        <v>3.2188225925054459</v>
      </c>
      <c r="L8345" s="58">
        <f>Bühler!L8371</f>
        <v>1.6094112962527229</v>
      </c>
      <c r="M8345" s="57">
        <f>Bühler!M8371</f>
        <v>0</v>
      </c>
      <c r="N8345" s="55">
        <f>IF(Input!$K$13=1,J8345*Input!$J$13,0)+IF(Input!$K$14=1,K8345*Input!$J$14,0)+IF(Input!$K$15=1,L8345*Input!$J$15,0)+IF(Input!$K$16=1,M8345*Input!$J$16,0)</f>
        <v>8.2909846340796989</v>
      </c>
      <c r="O8345" s="58">
        <f>IF(Input!$K$13=2,J8345*Input!$J$13,0)+IF(Input!$K$14=2,K8345*Input!$J$14,0)+IF(Input!$K$15=2,L8345*Input!$J$15,0)+IF(Input!$K$16=2,M8345*Input!$J$16,0)</f>
        <v>0.43454104998823517</v>
      </c>
      <c r="P8345" s="58">
        <f>IF(Input!$K$13=3,J8345*Input!$J$13,0)+IF(Input!$K$14=3,K8345*Input!$J$14,0)+IF(Input!$K$15=3,L8345*Input!$J$15,0)+IF(Input!$K$16=3,M8345*Input!$J$16,0)</f>
        <v>0</v>
      </c>
      <c r="Q8345" s="71">
        <f>IF(Input!$K$13=4,J8345*Input!$J$13,0)+IF(Input!$K$14=4,K8345*Input!$J$14,0)+IF(Input!$K$15=4,L8345*Input!$J$15,0)+IF(Input!$K$16=4,M8345*Input!$J$16,0)</f>
        <v>0</v>
      </c>
    </row>
    <row r="8346" spans="8:17" x14ac:dyDescent="0.25">
      <c r="H8346" s="43">
        <v>8339</v>
      </c>
      <c r="I8346" s="55">
        <f>Bühler!I8372</f>
        <v>10.949023270674207</v>
      </c>
      <c r="J8346" s="58">
        <f>Bühler!J8372</f>
        <v>69.091538617330826</v>
      </c>
      <c r="K8346" s="58">
        <f>Bühler!K8372</f>
        <v>3.2188225925054459</v>
      </c>
      <c r="L8346" s="58">
        <f>Bühler!L8372</f>
        <v>1.6094112962527229</v>
      </c>
      <c r="M8346" s="57">
        <f>Bühler!M8372</f>
        <v>0</v>
      </c>
      <c r="N8346" s="55">
        <f>IF(Input!$K$13=1,J8346*Input!$J$13,0)+IF(Input!$K$14=1,K8346*Input!$J$14,0)+IF(Input!$K$15=1,L8346*Input!$J$15,0)+IF(Input!$K$16=1,M8346*Input!$J$16,0)</f>
        <v>8.2909846340796989</v>
      </c>
      <c r="O8346" s="58">
        <f>IF(Input!$K$13=2,J8346*Input!$J$13,0)+IF(Input!$K$14=2,K8346*Input!$J$14,0)+IF(Input!$K$15=2,L8346*Input!$J$15,0)+IF(Input!$K$16=2,M8346*Input!$J$16,0)</f>
        <v>0.43454104998823517</v>
      </c>
      <c r="P8346" s="58">
        <f>IF(Input!$K$13=3,J8346*Input!$J$13,0)+IF(Input!$K$14=3,K8346*Input!$J$14,0)+IF(Input!$K$15=3,L8346*Input!$J$15,0)+IF(Input!$K$16=3,M8346*Input!$J$16,0)</f>
        <v>0</v>
      </c>
      <c r="Q8346" s="71">
        <f>IF(Input!$K$13=4,J8346*Input!$J$13,0)+IF(Input!$K$14=4,K8346*Input!$J$14,0)+IF(Input!$K$15=4,L8346*Input!$J$15,0)+IF(Input!$K$16=4,M8346*Input!$J$16,0)</f>
        <v>0</v>
      </c>
    </row>
    <row r="8347" spans="8:17" x14ac:dyDescent="0.25">
      <c r="H8347" s="43">
        <v>8340</v>
      </c>
      <c r="I8347" s="55">
        <f>Bühler!I8373</f>
        <v>13.101395366618709</v>
      </c>
      <c r="J8347" s="58">
        <f>Bühler!J8373</f>
        <v>82.673635952361664</v>
      </c>
      <c r="K8347" s="58">
        <f>Bühler!K8373</f>
        <v>3.8515825893227551</v>
      </c>
      <c r="L8347" s="58">
        <f>Bühler!L8373</f>
        <v>1.9257912946613776</v>
      </c>
      <c r="M8347" s="57">
        <f>Bühler!M8373</f>
        <v>0</v>
      </c>
      <c r="N8347" s="55">
        <f>IF(Input!$K$13=1,J8347*Input!$J$13,0)+IF(Input!$K$14=1,K8347*Input!$J$14,0)+IF(Input!$K$15=1,L8347*Input!$J$15,0)+IF(Input!$K$16=1,M8347*Input!$J$16,0)</f>
        <v>9.9208363142833988</v>
      </c>
      <c r="O8347" s="58">
        <f>IF(Input!$K$13=2,J8347*Input!$J$13,0)+IF(Input!$K$14=2,K8347*Input!$J$14,0)+IF(Input!$K$15=2,L8347*Input!$J$15,0)+IF(Input!$K$16=2,M8347*Input!$J$16,0)</f>
        <v>0.51996364955857199</v>
      </c>
      <c r="P8347" s="58">
        <f>IF(Input!$K$13=3,J8347*Input!$J$13,0)+IF(Input!$K$14=3,K8347*Input!$J$14,0)+IF(Input!$K$15=3,L8347*Input!$J$15,0)+IF(Input!$K$16=3,M8347*Input!$J$16,0)</f>
        <v>0</v>
      </c>
      <c r="Q8347" s="71">
        <f>IF(Input!$K$13=4,J8347*Input!$J$13,0)+IF(Input!$K$14=4,K8347*Input!$J$14,0)+IF(Input!$K$15=4,L8347*Input!$J$15,0)+IF(Input!$K$16=4,M8347*Input!$J$16,0)</f>
        <v>0</v>
      </c>
    </row>
    <row r="8348" spans="8:17" x14ac:dyDescent="0.25">
      <c r="H8348" s="43">
        <v>8341</v>
      </c>
      <c r="I8348" s="55">
        <f>Bühler!I8374</f>
        <v>13.101395366618709</v>
      </c>
      <c r="J8348" s="58">
        <f>Bühler!J8374</f>
        <v>82.673635952361664</v>
      </c>
      <c r="K8348" s="58">
        <f>Bühler!K8374</f>
        <v>3.8515825893227551</v>
      </c>
      <c r="L8348" s="58">
        <f>Bühler!L8374</f>
        <v>1.9257912946613776</v>
      </c>
      <c r="M8348" s="57">
        <f>Bühler!M8374</f>
        <v>0</v>
      </c>
      <c r="N8348" s="55">
        <f>IF(Input!$K$13=1,J8348*Input!$J$13,0)+IF(Input!$K$14=1,K8348*Input!$J$14,0)+IF(Input!$K$15=1,L8348*Input!$J$15,0)+IF(Input!$K$16=1,M8348*Input!$J$16,0)</f>
        <v>9.9208363142833988</v>
      </c>
      <c r="O8348" s="58">
        <f>IF(Input!$K$13=2,J8348*Input!$J$13,0)+IF(Input!$K$14=2,K8348*Input!$J$14,0)+IF(Input!$K$15=2,L8348*Input!$J$15,0)+IF(Input!$K$16=2,M8348*Input!$J$16,0)</f>
        <v>0.51996364955857199</v>
      </c>
      <c r="P8348" s="58">
        <f>IF(Input!$K$13=3,J8348*Input!$J$13,0)+IF(Input!$K$14=3,K8348*Input!$J$14,0)+IF(Input!$K$15=3,L8348*Input!$J$15,0)+IF(Input!$K$16=3,M8348*Input!$J$16,0)</f>
        <v>0</v>
      </c>
      <c r="Q8348" s="71">
        <f>IF(Input!$K$13=4,J8348*Input!$J$13,0)+IF(Input!$K$14=4,K8348*Input!$J$14,0)+IF(Input!$K$15=4,L8348*Input!$J$15,0)+IF(Input!$K$16=4,M8348*Input!$J$16,0)</f>
        <v>0</v>
      </c>
    </row>
    <row r="8349" spans="8:17" x14ac:dyDescent="0.25">
      <c r="H8349" s="43">
        <v>8342</v>
      </c>
      <c r="I8349" s="55">
        <f>Bühler!I8375</f>
        <v>8.7030697792538554</v>
      </c>
      <c r="J8349" s="58">
        <f>Bühler!J8375</f>
        <v>54.918915311211677</v>
      </c>
      <c r="K8349" s="58">
        <f>Bühler!K8375</f>
        <v>2.5585512914786879</v>
      </c>
      <c r="L8349" s="58">
        <f>Bühler!L8375</f>
        <v>1.2792756457393439</v>
      </c>
      <c r="M8349" s="57">
        <f>Bühler!M8375</f>
        <v>0</v>
      </c>
      <c r="N8349" s="55">
        <f>IF(Input!$K$13=1,J8349*Input!$J$13,0)+IF(Input!$K$14=1,K8349*Input!$J$14,0)+IF(Input!$K$15=1,L8349*Input!$J$15,0)+IF(Input!$K$16=1,M8349*Input!$J$16,0)</f>
        <v>6.5902698373454012</v>
      </c>
      <c r="O8349" s="58">
        <f>IF(Input!$K$13=2,J8349*Input!$J$13,0)+IF(Input!$K$14=2,K8349*Input!$J$14,0)+IF(Input!$K$15=2,L8349*Input!$J$15,0)+IF(Input!$K$16=2,M8349*Input!$J$16,0)</f>
        <v>0.34540442434962282</v>
      </c>
      <c r="P8349" s="58">
        <f>IF(Input!$K$13=3,J8349*Input!$J$13,0)+IF(Input!$K$14=3,K8349*Input!$J$14,0)+IF(Input!$K$15=3,L8349*Input!$J$15,0)+IF(Input!$K$16=3,M8349*Input!$J$16,0)</f>
        <v>0</v>
      </c>
      <c r="Q8349" s="71">
        <f>IF(Input!$K$13=4,J8349*Input!$J$13,0)+IF(Input!$K$14=4,K8349*Input!$J$14,0)+IF(Input!$K$15=4,L8349*Input!$J$15,0)+IF(Input!$K$16=4,M8349*Input!$J$16,0)</f>
        <v>0</v>
      </c>
    </row>
    <row r="8350" spans="8:17" x14ac:dyDescent="0.25">
      <c r="H8350" s="43">
        <v>8343</v>
      </c>
      <c r="I8350" s="55">
        <f>Bühler!I8376</f>
        <v>13.101395366618709</v>
      </c>
      <c r="J8350" s="58">
        <f>Bühler!J8376</f>
        <v>82.673635952361664</v>
      </c>
      <c r="K8350" s="58">
        <f>Bühler!K8376</f>
        <v>3.8515825893227551</v>
      </c>
      <c r="L8350" s="58">
        <f>Bühler!L8376</f>
        <v>1.9257912946613776</v>
      </c>
      <c r="M8350" s="57">
        <f>Bühler!M8376</f>
        <v>0</v>
      </c>
      <c r="N8350" s="55">
        <f>IF(Input!$K$13=1,J8350*Input!$J$13,0)+IF(Input!$K$14=1,K8350*Input!$J$14,0)+IF(Input!$K$15=1,L8350*Input!$J$15,0)+IF(Input!$K$16=1,M8350*Input!$J$16,0)</f>
        <v>9.9208363142833988</v>
      </c>
      <c r="O8350" s="58">
        <f>IF(Input!$K$13=2,J8350*Input!$J$13,0)+IF(Input!$K$14=2,K8350*Input!$J$14,0)+IF(Input!$K$15=2,L8350*Input!$J$15,0)+IF(Input!$K$16=2,M8350*Input!$J$16,0)</f>
        <v>0.51996364955857199</v>
      </c>
      <c r="P8350" s="58">
        <f>IF(Input!$K$13=3,J8350*Input!$J$13,0)+IF(Input!$K$14=3,K8350*Input!$J$14,0)+IF(Input!$K$15=3,L8350*Input!$J$15,0)+IF(Input!$K$16=3,M8350*Input!$J$16,0)</f>
        <v>0</v>
      </c>
      <c r="Q8350" s="71">
        <f>IF(Input!$K$13=4,J8350*Input!$J$13,0)+IF(Input!$K$14=4,K8350*Input!$J$14,0)+IF(Input!$K$15=4,L8350*Input!$J$15,0)+IF(Input!$K$16=4,M8350*Input!$J$16,0)</f>
        <v>0</v>
      </c>
    </row>
    <row r="8351" spans="8:17" x14ac:dyDescent="0.25">
      <c r="H8351" s="43">
        <v>8344</v>
      </c>
      <c r="I8351" s="55">
        <f>Bühler!I8377</f>
        <v>13.101395366618709</v>
      </c>
      <c r="J8351" s="58">
        <f>Bühler!J8377</f>
        <v>82.673635952361664</v>
      </c>
      <c r="K8351" s="58">
        <f>Bühler!K8377</f>
        <v>3.8515825893227551</v>
      </c>
      <c r="L8351" s="58">
        <f>Bühler!L8377</f>
        <v>1.9257912946613776</v>
      </c>
      <c r="M8351" s="57">
        <f>Bühler!M8377</f>
        <v>0</v>
      </c>
      <c r="N8351" s="55">
        <f>IF(Input!$K$13=1,J8351*Input!$J$13,0)+IF(Input!$K$14=1,K8351*Input!$J$14,0)+IF(Input!$K$15=1,L8351*Input!$J$15,0)+IF(Input!$K$16=1,M8351*Input!$J$16,0)</f>
        <v>9.9208363142833988</v>
      </c>
      <c r="O8351" s="58">
        <f>IF(Input!$K$13=2,J8351*Input!$J$13,0)+IF(Input!$K$14=2,K8351*Input!$J$14,0)+IF(Input!$K$15=2,L8351*Input!$J$15,0)+IF(Input!$K$16=2,M8351*Input!$J$16,0)</f>
        <v>0.51996364955857199</v>
      </c>
      <c r="P8351" s="58">
        <f>IF(Input!$K$13=3,J8351*Input!$J$13,0)+IF(Input!$K$14=3,K8351*Input!$J$14,0)+IF(Input!$K$15=3,L8351*Input!$J$15,0)+IF(Input!$K$16=3,M8351*Input!$J$16,0)</f>
        <v>0</v>
      </c>
      <c r="Q8351" s="71">
        <f>IF(Input!$K$13=4,J8351*Input!$J$13,0)+IF(Input!$K$14=4,K8351*Input!$J$14,0)+IF(Input!$K$15=4,L8351*Input!$J$15,0)+IF(Input!$K$16=4,M8351*Input!$J$16,0)</f>
        <v>0</v>
      </c>
    </row>
    <row r="8352" spans="8:17" x14ac:dyDescent="0.25">
      <c r="H8352" s="43">
        <v>8345</v>
      </c>
      <c r="I8352" s="55">
        <f>Bühler!I8378</f>
        <v>10.947409798338416</v>
      </c>
      <c r="J8352" s="58">
        <f>Bühler!J8378</f>
        <v>52.214249342330604</v>
      </c>
      <c r="K8352" s="58">
        <f>Bühler!K8378</f>
        <v>2.2696825972794814</v>
      </c>
      <c r="L8352" s="58">
        <f>Bühler!L8378</f>
        <v>1.1348412986397407</v>
      </c>
      <c r="M8352" s="57">
        <f>Bühler!M8378</f>
        <v>0</v>
      </c>
      <c r="N8352" s="55">
        <f>IF(Input!$K$13=1,J8352*Input!$J$13,0)+IF(Input!$K$14=1,K8352*Input!$J$14,0)+IF(Input!$K$15=1,L8352*Input!$J$15,0)+IF(Input!$K$16=1,M8352*Input!$J$16,0)</f>
        <v>6.2657099210796723</v>
      </c>
      <c r="O8352" s="58">
        <f>IF(Input!$K$13=2,J8352*Input!$J$13,0)+IF(Input!$K$14=2,K8352*Input!$J$14,0)+IF(Input!$K$15=2,L8352*Input!$J$15,0)+IF(Input!$K$16=2,M8352*Input!$J$16,0)</f>
        <v>0.30640715063272994</v>
      </c>
      <c r="P8352" s="58">
        <f>IF(Input!$K$13=3,J8352*Input!$J$13,0)+IF(Input!$K$14=3,K8352*Input!$J$14,0)+IF(Input!$K$15=3,L8352*Input!$J$15,0)+IF(Input!$K$16=3,M8352*Input!$J$16,0)</f>
        <v>0</v>
      </c>
      <c r="Q8352" s="71">
        <f>IF(Input!$K$13=4,J8352*Input!$J$13,0)+IF(Input!$K$14=4,K8352*Input!$J$14,0)+IF(Input!$K$15=4,L8352*Input!$J$15,0)+IF(Input!$K$16=4,M8352*Input!$J$16,0)</f>
        <v>0</v>
      </c>
    </row>
    <row r="8353" spans="8:17" x14ac:dyDescent="0.25">
      <c r="H8353" s="43">
        <v>8346</v>
      </c>
      <c r="I8353" s="55">
        <f>Bühler!I8379</f>
        <v>8.7046832515896462</v>
      </c>
      <c r="J8353" s="58">
        <f>Bühler!J8379</f>
        <v>26.653528663029487</v>
      </c>
      <c r="K8353" s="58">
        <f>Bühler!K8379</f>
        <v>0.9687078946988823</v>
      </c>
      <c r="L8353" s="58">
        <f>Bühler!L8379</f>
        <v>0.48435394734944115</v>
      </c>
      <c r="M8353" s="57">
        <f>Bühler!M8379</f>
        <v>0</v>
      </c>
      <c r="N8353" s="55">
        <f>IF(Input!$K$13=1,J8353*Input!$J$13,0)+IF(Input!$K$14=1,K8353*Input!$J$14,0)+IF(Input!$K$15=1,L8353*Input!$J$15,0)+IF(Input!$K$16=1,M8353*Input!$J$16,0)</f>
        <v>3.1984234395635385</v>
      </c>
      <c r="O8353" s="58">
        <f>IF(Input!$K$13=2,J8353*Input!$J$13,0)+IF(Input!$K$14=2,K8353*Input!$J$14,0)+IF(Input!$K$15=2,L8353*Input!$J$15,0)+IF(Input!$K$16=2,M8353*Input!$J$16,0)</f>
        <v>0.13077556578434912</v>
      </c>
      <c r="P8353" s="58">
        <f>IF(Input!$K$13=3,J8353*Input!$J$13,0)+IF(Input!$K$14=3,K8353*Input!$J$14,0)+IF(Input!$K$15=3,L8353*Input!$J$15,0)+IF(Input!$K$16=3,M8353*Input!$J$16,0)</f>
        <v>0</v>
      </c>
      <c r="Q8353" s="71">
        <f>IF(Input!$K$13=4,J8353*Input!$J$13,0)+IF(Input!$K$14=4,K8353*Input!$J$14,0)+IF(Input!$K$15=4,L8353*Input!$J$15,0)+IF(Input!$K$16=4,M8353*Input!$J$16,0)</f>
        <v>0</v>
      </c>
    </row>
    <row r="8354" spans="8:17" x14ac:dyDescent="0.25">
      <c r="H8354" s="43">
        <v>8347</v>
      </c>
      <c r="I8354" s="55">
        <f>Bühler!I8380</f>
        <v>3.2269446715809629</v>
      </c>
      <c r="J8354" s="58">
        <f>Bühler!J8380</f>
        <v>14.863337120258903</v>
      </c>
      <c r="K8354" s="58">
        <f>Bühler!K8380</f>
        <v>0.63934721050126231</v>
      </c>
      <c r="L8354" s="58">
        <f>Bühler!L8380</f>
        <v>0.31967360525063115</v>
      </c>
      <c r="M8354" s="57">
        <f>Bühler!M8380</f>
        <v>0</v>
      </c>
      <c r="N8354" s="55">
        <f>IF(Input!$K$13=1,J8354*Input!$J$13,0)+IF(Input!$K$14=1,K8354*Input!$J$14,0)+IF(Input!$K$15=1,L8354*Input!$J$15,0)+IF(Input!$K$16=1,M8354*Input!$J$16,0)</f>
        <v>1.7836004544310682</v>
      </c>
      <c r="O8354" s="58">
        <f>IF(Input!$K$13=2,J8354*Input!$J$13,0)+IF(Input!$K$14=2,K8354*Input!$J$14,0)+IF(Input!$K$15=2,L8354*Input!$J$15,0)+IF(Input!$K$16=2,M8354*Input!$J$16,0)</f>
        <v>8.6311873417670409E-2</v>
      </c>
      <c r="P8354" s="58">
        <f>IF(Input!$K$13=3,J8354*Input!$J$13,0)+IF(Input!$K$14=3,K8354*Input!$J$14,0)+IF(Input!$K$15=3,L8354*Input!$J$15,0)+IF(Input!$K$16=3,M8354*Input!$J$16,0)</f>
        <v>0</v>
      </c>
      <c r="Q8354" s="71">
        <f>IF(Input!$K$13=4,J8354*Input!$J$13,0)+IF(Input!$K$14=4,K8354*Input!$J$14,0)+IF(Input!$K$15=4,L8354*Input!$J$15,0)+IF(Input!$K$16=4,M8354*Input!$J$16,0)</f>
        <v>0</v>
      </c>
    </row>
    <row r="8355" spans="8:17" x14ac:dyDescent="0.25">
      <c r="H8355" s="43">
        <v>8348</v>
      </c>
      <c r="I8355" s="55">
        <f>Bühler!I8381</f>
        <v>3.2269446715809629</v>
      </c>
      <c r="J8355" s="58">
        <f>Bühler!J8381</f>
        <v>14.863337120258903</v>
      </c>
      <c r="K8355" s="58">
        <f>Bühler!K8381</f>
        <v>0.63934721050126231</v>
      </c>
      <c r="L8355" s="58">
        <f>Bühler!L8381</f>
        <v>0.31967360525063115</v>
      </c>
      <c r="M8355" s="57">
        <f>Bühler!M8381</f>
        <v>0</v>
      </c>
      <c r="N8355" s="55">
        <f>IF(Input!$K$13=1,J8355*Input!$J$13,0)+IF(Input!$K$14=1,K8355*Input!$J$14,0)+IF(Input!$K$15=1,L8355*Input!$J$15,0)+IF(Input!$K$16=1,M8355*Input!$J$16,0)</f>
        <v>1.7836004544310682</v>
      </c>
      <c r="O8355" s="58">
        <f>IF(Input!$K$13=2,J8355*Input!$J$13,0)+IF(Input!$K$14=2,K8355*Input!$J$14,0)+IF(Input!$K$15=2,L8355*Input!$J$15,0)+IF(Input!$K$16=2,M8355*Input!$J$16,0)</f>
        <v>8.6311873417670409E-2</v>
      </c>
      <c r="P8355" s="58">
        <f>IF(Input!$K$13=3,J8355*Input!$J$13,0)+IF(Input!$K$14=3,K8355*Input!$J$14,0)+IF(Input!$K$15=3,L8355*Input!$J$15,0)+IF(Input!$K$16=3,M8355*Input!$J$16,0)</f>
        <v>0</v>
      </c>
      <c r="Q8355" s="71">
        <f>IF(Input!$K$13=4,J8355*Input!$J$13,0)+IF(Input!$K$14=4,K8355*Input!$J$14,0)+IF(Input!$K$15=4,L8355*Input!$J$15,0)+IF(Input!$K$16=4,M8355*Input!$J$16,0)</f>
        <v>0</v>
      </c>
    </row>
    <row r="8356" spans="8:17" x14ac:dyDescent="0.25">
      <c r="H8356" s="43">
        <v>8349</v>
      </c>
      <c r="I8356" s="55">
        <f>Bühler!I8382</f>
        <v>3.2269446715809629</v>
      </c>
      <c r="J8356" s="58">
        <f>Bühler!J8382</f>
        <v>14.863337120258903</v>
      </c>
      <c r="K8356" s="58">
        <f>Bühler!K8382</f>
        <v>0.63934721050126231</v>
      </c>
      <c r="L8356" s="58">
        <f>Bühler!L8382</f>
        <v>0.31967360525063115</v>
      </c>
      <c r="M8356" s="57">
        <f>Bühler!M8382</f>
        <v>0</v>
      </c>
      <c r="N8356" s="55">
        <f>IF(Input!$K$13=1,J8356*Input!$J$13,0)+IF(Input!$K$14=1,K8356*Input!$J$14,0)+IF(Input!$K$15=1,L8356*Input!$J$15,0)+IF(Input!$K$16=1,M8356*Input!$J$16,0)</f>
        <v>1.7836004544310682</v>
      </c>
      <c r="O8356" s="58">
        <f>IF(Input!$K$13=2,J8356*Input!$J$13,0)+IF(Input!$K$14=2,K8356*Input!$J$14,0)+IF(Input!$K$15=2,L8356*Input!$J$15,0)+IF(Input!$K$16=2,M8356*Input!$J$16,0)</f>
        <v>8.6311873417670409E-2</v>
      </c>
      <c r="P8356" s="58">
        <f>IF(Input!$K$13=3,J8356*Input!$J$13,0)+IF(Input!$K$14=3,K8356*Input!$J$14,0)+IF(Input!$K$15=3,L8356*Input!$J$15,0)+IF(Input!$K$16=3,M8356*Input!$J$16,0)</f>
        <v>0</v>
      </c>
      <c r="Q8356" s="71">
        <f>IF(Input!$K$13=4,J8356*Input!$J$13,0)+IF(Input!$K$14=4,K8356*Input!$J$14,0)+IF(Input!$K$15=4,L8356*Input!$J$15,0)+IF(Input!$K$16=4,M8356*Input!$J$16,0)</f>
        <v>0</v>
      </c>
    </row>
    <row r="8357" spans="8:17" x14ac:dyDescent="0.25">
      <c r="H8357" s="43">
        <v>8350</v>
      </c>
      <c r="I8357" s="55">
        <f>Bühler!I8383</f>
        <v>3.2269446715809629</v>
      </c>
      <c r="J8357" s="58">
        <f>Bühler!J8383</f>
        <v>14.863337120258903</v>
      </c>
      <c r="K8357" s="58">
        <f>Bühler!K8383</f>
        <v>0.63934721050126231</v>
      </c>
      <c r="L8357" s="58">
        <f>Bühler!L8383</f>
        <v>0.31967360525063115</v>
      </c>
      <c r="M8357" s="57">
        <f>Bühler!M8383</f>
        <v>0</v>
      </c>
      <c r="N8357" s="55">
        <f>IF(Input!$K$13=1,J8357*Input!$J$13,0)+IF(Input!$K$14=1,K8357*Input!$J$14,0)+IF(Input!$K$15=1,L8357*Input!$J$15,0)+IF(Input!$K$16=1,M8357*Input!$J$16,0)</f>
        <v>1.7836004544310682</v>
      </c>
      <c r="O8357" s="58">
        <f>IF(Input!$K$13=2,J8357*Input!$J$13,0)+IF(Input!$K$14=2,K8357*Input!$J$14,0)+IF(Input!$K$15=2,L8357*Input!$J$15,0)+IF(Input!$K$16=2,M8357*Input!$J$16,0)</f>
        <v>8.6311873417670409E-2</v>
      </c>
      <c r="P8357" s="58">
        <f>IF(Input!$K$13=3,J8357*Input!$J$13,0)+IF(Input!$K$14=3,K8357*Input!$J$14,0)+IF(Input!$K$15=3,L8357*Input!$J$15,0)+IF(Input!$K$16=3,M8357*Input!$J$16,0)</f>
        <v>0</v>
      </c>
      <c r="Q8357" s="71">
        <f>IF(Input!$K$13=4,J8357*Input!$J$13,0)+IF(Input!$K$14=4,K8357*Input!$J$14,0)+IF(Input!$K$15=4,L8357*Input!$J$15,0)+IF(Input!$K$16=4,M8357*Input!$J$16,0)</f>
        <v>0</v>
      </c>
    </row>
    <row r="8358" spans="8:17" x14ac:dyDescent="0.25">
      <c r="H8358" s="43">
        <v>8351</v>
      </c>
      <c r="I8358" s="55">
        <f>Bühler!I8384</f>
        <v>3.2269446715809629</v>
      </c>
      <c r="J8358" s="58">
        <f>Bühler!J8384</f>
        <v>14.863337120258903</v>
      </c>
      <c r="K8358" s="58">
        <f>Bühler!K8384</f>
        <v>0.63934721050126231</v>
      </c>
      <c r="L8358" s="58">
        <f>Bühler!L8384</f>
        <v>0.31967360525063115</v>
      </c>
      <c r="M8358" s="57">
        <f>Bühler!M8384</f>
        <v>0</v>
      </c>
      <c r="N8358" s="55">
        <f>IF(Input!$K$13=1,J8358*Input!$J$13,0)+IF(Input!$K$14=1,K8358*Input!$J$14,0)+IF(Input!$K$15=1,L8358*Input!$J$15,0)+IF(Input!$K$16=1,M8358*Input!$J$16,0)</f>
        <v>1.7836004544310682</v>
      </c>
      <c r="O8358" s="58">
        <f>IF(Input!$K$13=2,J8358*Input!$J$13,0)+IF(Input!$K$14=2,K8358*Input!$J$14,0)+IF(Input!$K$15=2,L8358*Input!$J$15,0)+IF(Input!$K$16=2,M8358*Input!$J$16,0)</f>
        <v>8.6311873417670409E-2</v>
      </c>
      <c r="P8358" s="58">
        <f>IF(Input!$K$13=3,J8358*Input!$J$13,0)+IF(Input!$K$14=3,K8358*Input!$J$14,0)+IF(Input!$K$15=3,L8358*Input!$J$15,0)+IF(Input!$K$16=3,M8358*Input!$J$16,0)</f>
        <v>0</v>
      </c>
      <c r="Q8358" s="71">
        <f>IF(Input!$K$13=4,J8358*Input!$J$13,0)+IF(Input!$K$14=4,K8358*Input!$J$14,0)+IF(Input!$K$15=4,L8358*Input!$J$15,0)+IF(Input!$K$16=4,M8358*Input!$J$16,0)</f>
        <v>0</v>
      </c>
    </row>
    <row r="8359" spans="8:17" x14ac:dyDescent="0.25">
      <c r="H8359" s="43">
        <v>8352</v>
      </c>
      <c r="I8359" s="55">
        <f>Bühler!I8385</f>
        <v>3.2269446715809629</v>
      </c>
      <c r="J8359" s="58">
        <f>Bühler!J8385</f>
        <v>14.863337120258903</v>
      </c>
      <c r="K8359" s="58">
        <f>Bühler!K8385</f>
        <v>0.63934721050126231</v>
      </c>
      <c r="L8359" s="58">
        <f>Bühler!L8385</f>
        <v>0.31967360525063115</v>
      </c>
      <c r="M8359" s="57">
        <f>Bühler!M8385</f>
        <v>0</v>
      </c>
      <c r="N8359" s="55">
        <f>IF(Input!$K$13=1,J8359*Input!$J$13,0)+IF(Input!$K$14=1,K8359*Input!$J$14,0)+IF(Input!$K$15=1,L8359*Input!$J$15,0)+IF(Input!$K$16=1,M8359*Input!$J$16,0)</f>
        <v>1.7836004544310682</v>
      </c>
      <c r="O8359" s="58">
        <f>IF(Input!$K$13=2,J8359*Input!$J$13,0)+IF(Input!$K$14=2,K8359*Input!$J$14,0)+IF(Input!$K$15=2,L8359*Input!$J$15,0)+IF(Input!$K$16=2,M8359*Input!$J$16,0)</f>
        <v>8.6311873417670409E-2</v>
      </c>
      <c r="P8359" s="58">
        <f>IF(Input!$K$13=3,J8359*Input!$J$13,0)+IF(Input!$K$14=3,K8359*Input!$J$14,0)+IF(Input!$K$15=3,L8359*Input!$J$15,0)+IF(Input!$K$16=3,M8359*Input!$J$16,0)</f>
        <v>0</v>
      </c>
      <c r="Q8359" s="71">
        <f>IF(Input!$K$13=4,J8359*Input!$J$13,0)+IF(Input!$K$14=4,K8359*Input!$J$14,0)+IF(Input!$K$15=4,L8359*Input!$J$15,0)+IF(Input!$K$16=4,M8359*Input!$J$16,0)</f>
        <v>0</v>
      </c>
    </row>
    <row r="8360" spans="8:17" x14ac:dyDescent="0.25">
      <c r="H8360" s="43">
        <v>8353</v>
      </c>
      <c r="I8360" s="55">
        <f>Bühler!I8386</f>
        <v>3.6149599464948223</v>
      </c>
      <c r="J8360" s="58">
        <f>Bühler!J8386</f>
        <v>21.995156159414009</v>
      </c>
      <c r="K8360" s="58">
        <f>Bühler!K8386</f>
        <v>0.98552264807405654</v>
      </c>
      <c r="L8360" s="58">
        <f>Bühler!L8386</f>
        <v>0.49276132403702827</v>
      </c>
      <c r="M8360" s="57">
        <f>Bühler!M8386</f>
        <v>0</v>
      </c>
      <c r="N8360" s="55">
        <f>IF(Input!$K$13=1,J8360*Input!$J$13,0)+IF(Input!$K$14=1,K8360*Input!$J$14,0)+IF(Input!$K$15=1,L8360*Input!$J$15,0)+IF(Input!$K$16=1,M8360*Input!$J$16,0)</f>
        <v>2.6394187391296811</v>
      </c>
      <c r="O8360" s="58">
        <f>IF(Input!$K$13=2,J8360*Input!$J$13,0)+IF(Input!$K$14=2,K8360*Input!$J$14,0)+IF(Input!$K$15=2,L8360*Input!$J$15,0)+IF(Input!$K$16=2,M8360*Input!$J$16,0)</f>
        <v>0.13304555748999763</v>
      </c>
      <c r="P8360" s="58">
        <f>IF(Input!$K$13=3,J8360*Input!$J$13,0)+IF(Input!$K$14=3,K8360*Input!$J$14,0)+IF(Input!$K$15=3,L8360*Input!$J$15,0)+IF(Input!$K$16=3,M8360*Input!$J$16,0)</f>
        <v>0</v>
      </c>
      <c r="Q8360" s="71">
        <f>IF(Input!$K$13=4,J8360*Input!$J$13,0)+IF(Input!$K$14=4,K8360*Input!$J$14,0)+IF(Input!$K$15=4,L8360*Input!$J$15,0)+IF(Input!$K$16=4,M8360*Input!$J$16,0)</f>
        <v>0</v>
      </c>
    </row>
    <row r="8361" spans="8:17" x14ac:dyDescent="0.25">
      <c r="H8361" s="43">
        <v>8354</v>
      </c>
      <c r="I8361" s="55">
        <f>Bühler!I8387</f>
        <v>3.6149599464948223</v>
      </c>
      <c r="J8361" s="58">
        <f>Bühler!J8387</f>
        <v>14.87314573034593</v>
      </c>
      <c r="K8361" s="58">
        <f>Bühler!K8387</f>
        <v>0.59728645337821606</v>
      </c>
      <c r="L8361" s="58">
        <f>Bühler!L8387</f>
        <v>0.29864322668910803</v>
      </c>
      <c r="M8361" s="57">
        <f>Bühler!M8387</f>
        <v>0</v>
      </c>
      <c r="N8361" s="55">
        <f>IF(Input!$K$13=1,J8361*Input!$J$13,0)+IF(Input!$K$14=1,K8361*Input!$J$14,0)+IF(Input!$K$15=1,L8361*Input!$J$15,0)+IF(Input!$K$16=1,M8361*Input!$J$16,0)</f>
        <v>1.7847774876415117</v>
      </c>
      <c r="O8361" s="58">
        <f>IF(Input!$K$13=2,J8361*Input!$J$13,0)+IF(Input!$K$14=2,K8361*Input!$J$14,0)+IF(Input!$K$15=2,L8361*Input!$J$15,0)+IF(Input!$K$16=2,M8361*Input!$J$16,0)</f>
        <v>8.063367120605916E-2</v>
      </c>
      <c r="P8361" s="58">
        <f>IF(Input!$K$13=3,J8361*Input!$J$13,0)+IF(Input!$K$14=3,K8361*Input!$J$14,0)+IF(Input!$K$15=3,L8361*Input!$J$15,0)+IF(Input!$K$16=3,M8361*Input!$J$16,0)</f>
        <v>0</v>
      </c>
      <c r="Q8361" s="71">
        <f>IF(Input!$K$13=4,J8361*Input!$J$13,0)+IF(Input!$K$14=4,K8361*Input!$J$14,0)+IF(Input!$K$15=4,L8361*Input!$J$15,0)+IF(Input!$K$16=4,M8361*Input!$J$16,0)</f>
        <v>0</v>
      </c>
    </row>
    <row r="8362" spans="8:17" x14ac:dyDescent="0.25">
      <c r="H8362" s="43">
        <v>8355</v>
      </c>
      <c r="I8362" s="55">
        <f>Bühler!I8388</f>
        <v>3.6149599464948223</v>
      </c>
      <c r="J8362" s="58">
        <f>Bühler!J8388</f>
        <v>14.87314573034593</v>
      </c>
      <c r="K8362" s="58">
        <f>Bühler!K8388</f>
        <v>0.59728645337821606</v>
      </c>
      <c r="L8362" s="58">
        <f>Bühler!L8388</f>
        <v>0.29864322668910803</v>
      </c>
      <c r="M8362" s="57">
        <f>Bühler!M8388</f>
        <v>0</v>
      </c>
      <c r="N8362" s="55">
        <f>IF(Input!$K$13=1,J8362*Input!$J$13,0)+IF(Input!$K$14=1,K8362*Input!$J$14,0)+IF(Input!$K$15=1,L8362*Input!$J$15,0)+IF(Input!$K$16=1,M8362*Input!$J$16,0)</f>
        <v>1.7847774876415117</v>
      </c>
      <c r="O8362" s="58">
        <f>IF(Input!$K$13=2,J8362*Input!$J$13,0)+IF(Input!$K$14=2,K8362*Input!$J$14,0)+IF(Input!$K$15=2,L8362*Input!$J$15,0)+IF(Input!$K$16=2,M8362*Input!$J$16,0)</f>
        <v>8.063367120605916E-2</v>
      </c>
      <c r="P8362" s="58">
        <f>IF(Input!$K$13=3,J8362*Input!$J$13,0)+IF(Input!$K$14=3,K8362*Input!$J$14,0)+IF(Input!$K$15=3,L8362*Input!$J$15,0)+IF(Input!$K$16=3,M8362*Input!$J$16,0)</f>
        <v>0</v>
      </c>
      <c r="Q8362" s="71">
        <f>IF(Input!$K$13=4,J8362*Input!$J$13,0)+IF(Input!$K$14=4,K8362*Input!$J$14,0)+IF(Input!$K$15=4,L8362*Input!$J$15,0)+IF(Input!$K$16=4,M8362*Input!$J$16,0)</f>
        <v>0</v>
      </c>
    </row>
    <row r="8363" spans="8:17" x14ac:dyDescent="0.25">
      <c r="H8363" s="43">
        <v>8356</v>
      </c>
      <c r="I8363" s="55">
        <f>Bühler!I8389</f>
        <v>3.6149599464948223</v>
      </c>
      <c r="J8363" s="58">
        <f>Bühler!J8389</f>
        <v>14.87314573034593</v>
      </c>
      <c r="K8363" s="58">
        <f>Bühler!K8389</f>
        <v>0.59728645337821606</v>
      </c>
      <c r="L8363" s="58">
        <f>Bühler!L8389</f>
        <v>0.29864322668910803</v>
      </c>
      <c r="M8363" s="57">
        <f>Bühler!M8389</f>
        <v>0</v>
      </c>
      <c r="N8363" s="55">
        <f>IF(Input!$K$13=1,J8363*Input!$J$13,0)+IF(Input!$K$14=1,K8363*Input!$J$14,0)+IF(Input!$K$15=1,L8363*Input!$J$15,0)+IF(Input!$K$16=1,M8363*Input!$J$16,0)</f>
        <v>1.7847774876415117</v>
      </c>
      <c r="O8363" s="58">
        <f>IF(Input!$K$13=2,J8363*Input!$J$13,0)+IF(Input!$K$14=2,K8363*Input!$J$14,0)+IF(Input!$K$15=2,L8363*Input!$J$15,0)+IF(Input!$K$16=2,M8363*Input!$J$16,0)</f>
        <v>8.063367120605916E-2</v>
      </c>
      <c r="P8363" s="58">
        <f>IF(Input!$K$13=3,J8363*Input!$J$13,0)+IF(Input!$K$14=3,K8363*Input!$J$14,0)+IF(Input!$K$15=3,L8363*Input!$J$15,0)+IF(Input!$K$16=3,M8363*Input!$J$16,0)</f>
        <v>0</v>
      </c>
      <c r="Q8363" s="71">
        <f>IF(Input!$K$13=4,J8363*Input!$J$13,0)+IF(Input!$K$14=4,K8363*Input!$J$14,0)+IF(Input!$K$15=4,L8363*Input!$J$15,0)+IF(Input!$K$16=4,M8363*Input!$J$16,0)</f>
        <v>0</v>
      </c>
    </row>
    <row r="8364" spans="8:17" x14ac:dyDescent="0.25">
      <c r="H8364" s="43">
        <v>8357</v>
      </c>
      <c r="I8364" s="55">
        <f>Bühler!I8390</f>
        <v>3.6149599464948223</v>
      </c>
      <c r="J8364" s="58">
        <f>Bühler!J8390</f>
        <v>14.87314573034593</v>
      </c>
      <c r="K8364" s="58">
        <f>Bühler!K8390</f>
        <v>0.59728645337821606</v>
      </c>
      <c r="L8364" s="58">
        <f>Bühler!L8390</f>
        <v>0.29864322668910803</v>
      </c>
      <c r="M8364" s="57">
        <f>Bühler!M8390</f>
        <v>0</v>
      </c>
      <c r="N8364" s="55">
        <f>IF(Input!$K$13=1,J8364*Input!$J$13,0)+IF(Input!$K$14=1,K8364*Input!$J$14,0)+IF(Input!$K$15=1,L8364*Input!$J$15,0)+IF(Input!$K$16=1,M8364*Input!$J$16,0)</f>
        <v>1.7847774876415117</v>
      </c>
      <c r="O8364" s="58">
        <f>IF(Input!$K$13=2,J8364*Input!$J$13,0)+IF(Input!$K$14=2,K8364*Input!$J$14,0)+IF(Input!$K$15=2,L8364*Input!$J$15,0)+IF(Input!$K$16=2,M8364*Input!$J$16,0)</f>
        <v>8.063367120605916E-2</v>
      </c>
      <c r="P8364" s="58">
        <f>IF(Input!$K$13=3,J8364*Input!$J$13,0)+IF(Input!$K$14=3,K8364*Input!$J$14,0)+IF(Input!$K$15=3,L8364*Input!$J$15,0)+IF(Input!$K$16=3,M8364*Input!$J$16,0)</f>
        <v>0</v>
      </c>
      <c r="Q8364" s="71">
        <f>IF(Input!$K$13=4,J8364*Input!$J$13,0)+IF(Input!$K$14=4,K8364*Input!$J$14,0)+IF(Input!$K$15=4,L8364*Input!$J$15,0)+IF(Input!$K$16=4,M8364*Input!$J$16,0)</f>
        <v>0</v>
      </c>
    </row>
    <row r="8365" spans="8:17" x14ac:dyDescent="0.25">
      <c r="H8365" s="43">
        <v>8358</v>
      </c>
      <c r="I8365" s="55">
        <f>Bühler!I8391</f>
        <v>3.6149599464948223</v>
      </c>
      <c r="J8365" s="58">
        <f>Bühler!J8391</f>
        <v>14.87314573034593</v>
      </c>
      <c r="K8365" s="58">
        <f>Bühler!K8391</f>
        <v>0.59728645337821606</v>
      </c>
      <c r="L8365" s="58">
        <f>Bühler!L8391</f>
        <v>0.29864322668910803</v>
      </c>
      <c r="M8365" s="57">
        <f>Bühler!M8391</f>
        <v>0</v>
      </c>
      <c r="N8365" s="55">
        <f>IF(Input!$K$13=1,J8365*Input!$J$13,0)+IF(Input!$K$14=1,K8365*Input!$J$14,0)+IF(Input!$K$15=1,L8365*Input!$J$15,0)+IF(Input!$K$16=1,M8365*Input!$J$16,0)</f>
        <v>1.7847774876415117</v>
      </c>
      <c r="O8365" s="58">
        <f>IF(Input!$K$13=2,J8365*Input!$J$13,0)+IF(Input!$K$14=2,K8365*Input!$J$14,0)+IF(Input!$K$15=2,L8365*Input!$J$15,0)+IF(Input!$K$16=2,M8365*Input!$J$16,0)</f>
        <v>8.063367120605916E-2</v>
      </c>
      <c r="P8365" s="58">
        <f>IF(Input!$K$13=3,J8365*Input!$J$13,0)+IF(Input!$K$14=3,K8365*Input!$J$14,0)+IF(Input!$K$15=3,L8365*Input!$J$15,0)+IF(Input!$K$16=3,M8365*Input!$J$16,0)</f>
        <v>0</v>
      </c>
      <c r="Q8365" s="71">
        <f>IF(Input!$K$13=4,J8365*Input!$J$13,0)+IF(Input!$K$14=4,K8365*Input!$J$14,0)+IF(Input!$K$15=4,L8365*Input!$J$15,0)+IF(Input!$K$16=4,M8365*Input!$J$16,0)</f>
        <v>0</v>
      </c>
    </row>
    <row r="8366" spans="8:17" x14ac:dyDescent="0.25">
      <c r="H8366" s="43">
        <v>8359</v>
      </c>
      <c r="I8366" s="55">
        <f>Bühler!I8392</f>
        <v>3.6149599464948223</v>
      </c>
      <c r="J8366" s="58">
        <f>Bühler!J8392</f>
        <v>14.87314573034593</v>
      </c>
      <c r="K8366" s="58">
        <f>Bühler!K8392</f>
        <v>0.59728645337821606</v>
      </c>
      <c r="L8366" s="58">
        <f>Bühler!L8392</f>
        <v>0.29864322668910803</v>
      </c>
      <c r="M8366" s="57">
        <f>Bühler!M8392</f>
        <v>0</v>
      </c>
      <c r="N8366" s="55">
        <f>IF(Input!$K$13=1,J8366*Input!$J$13,0)+IF(Input!$K$14=1,K8366*Input!$J$14,0)+IF(Input!$K$15=1,L8366*Input!$J$15,0)+IF(Input!$K$16=1,M8366*Input!$J$16,0)</f>
        <v>1.7847774876415117</v>
      </c>
      <c r="O8366" s="58">
        <f>IF(Input!$K$13=2,J8366*Input!$J$13,0)+IF(Input!$K$14=2,K8366*Input!$J$14,0)+IF(Input!$K$15=2,L8366*Input!$J$15,0)+IF(Input!$K$16=2,M8366*Input!$J$16,0)</f>
        <v>8.063367120605916E-2</v>
      </c>
      <c r="P8366" s="58">
        <f>IF(Input!$K$13=3,J8366*Input!$J$13,0)+IF(Input!$K$14=3,K8366*Input!$J$14,0)+IF(Input!$K$15=3,L8366*Input!$J$15,0)+IF(Input!$K$16=3,M8366*Input!$J$16,0)</f>
        <v>0</v>
      </c>
      <c r="Q8366" s="71">
        <f>IF(Input!$K$13=4,J8366*Input!$J$13,0)+IF(Input!$K$14=4,K8366*Input!$J$14,0)+IF(Input!$K$15=4,L8366*Input!$J$15,0)+IF(Input!$K$16=4,M8366*Input!$J$16,0)</f>
        <v>0</v>
      </c>
    </row>
    <row r="8367" spans="8:17" x14ac:dyDescent="0.25">
      <c r="H8367" s="43">
        <v>8360</v>
      </c>
      <c r="I8367" s="55">
        <f>Bühler!I8393</f>
        <v>9.7953753388891958</v>
      </c>
      <c r="J8367" s="58">
        <f>Bühler!J8393</f>
        <v>57.288217275330013</v>
      </c>
      <c r="K8367" s="58">
        <f>Bühler!K8393</f>
        <v>2.5444402913912003</v>
      </c>
      <c r="L8367" s="58">
        <f>Bühler!L8393</f>
        <v>1.2722201456956002</v>
      </c>
      <c r="M8367" s="57">
        <f>Bühler!M8393</f>
        <v>0</v>
      </c>
      <c r="N8367" s="55">
        <f>IF(Input!$K$13=1,J8367*Input!$J$13,0)+IF(Input!$K$14=1,K8367*Input!$J$14,0)+IF(Input!$K$15=1,L8367*Input!$J$15,0)+IF(Input!$K$16=1,M8367*Input!$J$16,0)</f>
        <v>6.8745860730396009</v>
      </c>
      <c r="O8367" s="58">
        <f>IF(Input!$K$13=2,J8367*Input!$J$13,0)+IF(Input!$K$14=2,K8367*Input!$J$14,0)+IF(Input!$K$15=2,L8367*Input!$J$15,0)+IF(Input!$K$16=2,M8367*Input!$J$16,0)</f>
        <v>0.34349943933781202</v>
      </c>
      <c r="P8367" s="58">
        <f>IF(Input!$K$13=3,J8367*Input!$J$13,0)+IF(Input!$K$14=3,K8367*Input!$J$14,0)+IF(Input!$K$15=3,L8367*Input!$J$15,0)+IF(Input!$K$16=3,M8367*Input!$J$16,0)</f>
        <v>0</v>
      </c>
      <c r="Q8367" s="71">
        <f>IF(Input!$K$13=4,J8367*Input!$J$13,0)+IF(Input!$K$14=4,K8367*Input!$J$14,0)+IF(Input!$K$15=4,L8367*Input!$J$15,0)+IF(Input!$K$16=4,M8367*Input!$J$16,0)</f>
        <v>0</v>
      </c>
    </row>
    <row r="8368" spans="8:17" x14ac:dyDescent="0.25">
      <c r="H8368" s="43">
        <v>8361</v>
      </c>
      <c r="I8368" s="55">
        <f>Bühler!I8394</f>
        <v>12.244219173611492</v>
      </c>
      <c r="J8368" s="58">
        <f>Bühler!J8394</f>
        <v>71.610271594162498</v>
      </c>
      <c r="K8368" s="58">
        <f>Bühler!K8394</f>
        <v>3.1805503642390001</v>
      </c>
      <c r="L8368" s="58">
        <f>Bühler!L8394</f>
        <v>1.5902751821195</v>
      </c>
      <c r="M8368" s="57">
        <f>Bühler!M8394</f>
        <v>0</v>
      </c>
      <c r="N8368" s="55">
        <f>IF(Input!$K$13=1,J8368*Input!$J$13,0)+IF(Input!$K$14=1,K8368*Input!$J$14,0)+IF(Input!$K$15=1,L8368*Input!$J$15,0)+IF(Input!$K$16=1,M8368*Input!$J$16,0)</f>
        <v>8.5932325912994987</v>
      </c>
      <c r="O8368" s="58">
        <f>IF(Input!$K$13=2,J8368*Input!$J$13,0)+IF(Input!$K$14=2,K8368*Input!$J$14,0)+IF(Input!$K$15=2,L8368*Input!$J$15,0)+IF(Input!$K$16=2,M8368*Input!$J$16,0)</f>
        <v>0.42937429917226499</v>
      </c>
      <c r="P8368" s="58">
        <f>IF(Input!$K$13=3,J8368*Input!$J$13,0)+IF(Input!$K$14=3,K8368*Input!$J$14,0)+IF(Input!$K$15=3,L8368*Input!$J$15,0)+IF(Input!$K$16=3,M8368*Input!$J$16,0)</f>
        <v>0</v>
      </c>
      <c r="Q8368" s="71">
        <f>IF(Input!$K$13=4,J8368*Input!$J$13,0)+IF(Input!$K$14=4,K8368*Input!$J$14,0)+IF(Input!$K$15=4,L8368*Input!$J$15,0)+IF(Input!$K$16=4,M8368*Input!$J$16,0)</f>
        <v>0</v>
      </c>
    </row>
    <row r="8369" spans="8:17" x14ac:dyDescent="0.25">
      <c r="H8369" s="43">
        <v>8362</v>
      </c>
      <c r="I8369" s="55">
        <f>Bühler!I8395</f>
        <v>13.468641090972643</v>
      </c>
      <c r="J8369" s="58">
        <f>Bühler!J8395</f>
        <v>78.771298753578762</v>
      </c>
      <c r="K8369" s="58">
        <f>Bühler!K8395</f>
        <v>3.4986054006629002</v>
      </c>
      <c r="L8369" s="58">
        <f>Bühler!L8395</f>
        <v>1.7493027003314501</v>
      </c>
      <c r="M8369" s="57">
        <f>Bühler!M8395</f>
        <v>0</v>
      </c>
      <c r="N8369" s="55">
        <f>IF(Input!$K$13=1,J8369*Input!$J$13,0)+IF(Input!$K$14=1,K8369*Input!$J$14,0)+IF(Input!$K$15=1,L8369*Input!$J$15,0)+IF(Input!$K$16=1,M8369*Input!$J$16,0)</f>
        <v>9.4525558504294516</v>
      </c>
      <c r="O8369" s="58">
        <f>IF(Input!$K$13=2,J8369*Input!$J$13,0)+IF(Input!$K$14=2,K8369*Input!$J$14,0)+IF(Input!$K$15=2,L8369*Input!$J$15,0)+IF(Input!$K$16=2,M8369*Input!$J$16,0)</f>
        <v>0.47231172908949148</v>
      </c>
      <c r="P8369" s="58">
        <f>IF(Input!$K$13=3,J8369*Input!$J$13,0)+IF(Input!$K$14=3,K8369*Input!$J$14,0)+IF(Input!$K$15=3,L8369*Input!$J$15,0)+IF(Input!$K$16=3,M8369*Input!$J$16,0)</f>
        <v>0</v>
      </c>
      <c r="Q8369" s="71">
        <f>IF(Input!$K$13=4,J8369*Input!$J$13,0)+IF(Input!$K$14=4,K8369*Input!$J$14,0)+IF(Input!$K$15=4,L8369*Input!$J$15,0)+IF(Input!$K$16=4,M8369*Input!$J$16,0)</f>
        <v>0</v>
      </c>
    </row>
    <row r="8370" spans="8:17" x14ac:dyDescent="0.25">
      <c r="H8370" s="43">
        <v>8363</v>
      </c>
      <c r="I8370" s="55">
        <f>Bühler!I8396</f>
        <v>13.468641090972643</v>
      </c>
      <c r="J8370" s="58">
        <f>Bühler!J8396</f>
        <v>78.771298753578762</v>
      </c>
      <c r="K8370" s="58">
        <f>Bühler!K8396</f>
        <v>3.4986054006629002</v>
      </c>
      <c r="L8370" s="58">
        <f>Bühler!L8396</f>
        <v>1.7493027003314501</v>
      </c>
      <c r="M8370" s="57">
        <f>Bühler!M8396</f>
        <v>0</v>
      </c>
      <c r="N8370" s="55">
        <f>IF(Input!$K$13=1,J8370*Input!$J$13,0)+IF(Input!$K$14=1,K8370*Input!$J$14,0)+IF(Input!$K$15=1,L8370*Input!$J$15,0)+IF(Input!$K$16=1,M8370*Input!$J$16,0)</f>
        <v>9.4525558504294516</v>
      </c>
      <c r="O8370" s="58">
        <f>IF(Input!$K$13=2,J8370*Input!$J$13,0)+IF(Input!$K$14=2,K8370*Input!$J$14,0)+IF(Input!$K$15=2,L8370*Input!$J$15,0)+IF(Input!$K$16=2,M8370*Input!$J$16,0)</f>
        <v>0.47231172908949148</v>
      </c>
      <c r="P8370" s="58">
        <f>IF(Input!$K$13=3,J8370*Input!$J$13,0)+IF(Input!$K$14=3,K8370*Input!$J$14,0)+IF(Input!$K$15=3,L8370*Input!$J$15,0)+IF(Input!$K$16=3,M8370*Input!$J$16,0)</f>
        <v>0</v>
      </c>
      <c r="Q8370" s="71">
        <f>IF(Input!$K$13=4,J8370*Input!$J$13,0)+IF(Input!$K$14=4,K8370*Input!$J$14,0)+IF(Input!$K$15=4,L8370*Input!$J$15,0)+IF(Input!$K$16=4,M8370*Input!$J$16,0)</f>
        <v>0</v>
      </c>
    </row>
    <row r="8371" spans="8:17" x14ac:dyDescent="0.25">
      <c r="H8371" s="43">
        <v>8364</v>
      </c>
      <c r="I8371" s="55">
        <f>Bühler!I8397</f>
        <v>15.917484925694941</v>
      </c>
      <c r="J8371" s="58">
        <f>Bühler!J8397</f>
        <v>93.093353072411261</v>
      </c>
      <c r="K8371" s="58">
        <f>Bühler!K8397</f>
        <v>4.1347154735106999</v>
      </c>
      <c r="L8371" s="58">
        <f>Bühler!L8397</f>
        <v>2.06735773675535</v>
      </c>
      <c r="M8371" s="57">
        <f>Bühler!M8397</f>
        <v>0</v>
      </c>
      <c r="N8371" s="55">
        <f>IF(Input!$K$13=1,J8371*Input!$J$13,0)+IF(Input!$K$14=1,K8371*Input!$J$14,0)+IF(Input!$K$15=1,L8371*Input!$J$15,0)+IF(Input!$K$16=1,M8371*Input!$J$16,0)</f>
        <v>11.17120236868935</v>
      </c>
      <c r="O8371" s="58">
        <f>IF(Input!$K$13=2,J8371*Input!$J$13,0)+IF(Input!$K$14=2,K8371*Input!$J$14,0)+IF(Input!$K$15=2,L8371*Input!$J$15,0)+IF(Input!$K$16=2,M8371*Input!$J$16,0)</f>
        <v>0.55818658892394446</v>
      </c>
      <c r="P8371" s="58">
        <f>IF(Input!$K$13=3,J8371*Input!$J$13,0)+IF(Input!$K$14=3,K8371*Input!$J$14,0)+IF(Input!$K$15=3,L8371*Input!$J$15,0)+IF(Input!$K$16=3,M8371*Input!$J$16,0)</f>
        <v>0</v>
      </c>
      <c r="Q8371" s="71">
        <f>IF(Input!$K$13=4,J8371*Input!$J$13,0)+IF(Input!$K$14=4,K8371*Input!$J$14,0)+IF(Input!$K$15=4,L8371*Input!$J$15,0)+IF(Input!$K$16=4,M8371*Input!$J$16,0)</f>
        <v>0</v>
      </c>
    </row>
    <row r="8372" spans="8:17" x14ac:dyDescent="0.25">
      <c r="H8372" s="43">
        <v>8365</v>
      </c>
      <c r="I8372" s="55">
        <f>Bühler!I8398</f>
        <v>15.917484925694941</v>
      </c>
      <c r="J8372" s="58">
        <f>Bühler!J8398</f>
        <v>93.093353072411261</v>
      </c>
      <c r="K8372" s="58">
        <f>Bühler!K8398</f>
        <v>4.1347154735106999</v>
      </c>
      <c r="L8372" s="58">
        <f>Bühler!L8398</f>
        <v>2.06735773675535</v>
      </c>
      <c r="M8372" s="57">
        <f>Bühler!M8398</f>
        <v>0</v>
      </c>
      <c r="N8372" s="55">
        <f>IF(Input!$K$13=1,J8372*Input!$J$13,0)+IF(Input!$K$14=1,K8372*Input!$J$14,0)+IF(Input!$K$15=1,L8372*Input!$J$15,0)+IF(Input!$K$16=1,M8372*Input!$J$16,0)</f>
        <v>11.17120236868935</v>
      </c>
      <c r="O8372" s="58">
        <f>IF(Input!$K$13=2,J8372*Input!$J$13,0)+IF(Input!$K$14=2,K8372*Input!$J$14,0)+IF(Input!$K$15=2,L8372*Input!$J$15,0)+IF(Input!$K$16=2,M8372*Input!$J$16,0)</f>
        <v>0.55818658892394446</v>
      </c>
      <c r="P8372" s="58">
        <f>IF(Input!$K$13=3,J8372*Input!$J$13,0)+IF(Input!$K$14=3,K8372*Input!$J$14,0)+IF(Input!$K$15=3,L8372*Input!$J$15,0)+IF(Input!$K$16=3,M8372*Input!$J$16,0)</f>
        <v>0</v>
      </c>
      <c r="Q8372" s="71">
        <f>IF(Input!$K$13=4,J8372*Input!$J$13,0)+IF(Input!$K$14=4,K8372*Input!$J$14,0)+IF(Input!$K$15=4,L8372*Input!$J$15,0)+IF(Input!$K$16=4,M8372*Input!$J$16,0)</f>
        <v>0</v>
      </c>
    </row>
    <row r="8373" spans="8:17" x14ac:dyDescent="0.25">
      <c r="H8373" s="43">
        <v>8366</v>
      </c>
      <c r="I8373" s="55">
        <f>Bühler!I8399</f>
        <v>11.019797256250344</v>
      </c>
      <c r="J8373" s="58">
        <f>Bühler!J8399</f>
        <v>64.449244434746262</v>
      </c>
      <c r="K8373" s="58">
        <f>Bühler!K8399</f>
        <v>2.8624953278151004</v>
      </c>
      <c r="L8373" s="58">
        <f>Bühler!L8399</f>
        <v>1.4312476639075502</v>
      </c>
      <c r="M8373" s="57">
        <f>Bühler!M8399</f>
        <v>0</v>
      </c>
      <c r="N8373" s="55">
        <f>IF(Input!$K$13=1,J8373*Input!$J$13,0)+IF(Input!$K$14=1,K8373*Input!$J$14,0)+IF(Input!$K$15=1,L8373*Input!$J$15,0)+IF(Input!$K$16=1,M8373*Input!$J$16,0)</f>
        <v>7.7339093321695511</v>
      </c>
      <c r="O8373" s="58">
        <f>IF(Input!$K$13=2,J8373*Input!$J$13,0)+IF(Input!$K$14=2,K8373*Input!$J$14,0)+IF(Input!$K$15=2,L8373*Input!$J$15,0)+IF(Input!$K$16=2,M8373*Input!$J$16,0)</f>
        <v>0.38643686925503851</v>
      </c>
      <c r="P8373" s="58">
        <f>IF(Input!$K$13=3,J8373*Input!$J$13,0)+IF(Input!$K$14=3,K8373*Input!$J$14,0)+IF(Input!$K$15=3,L8373*Input!$J$15,0)+IF(Input!$K$16=3,M8373*Input!$J$16,0)</f>
        <v>0</v>
      </c>
      <c r="Q8373" s="71">
        <f>IF(Input!$K$13=4,J8373*Input!$J$13,0)+IF(Input!$K$14=4,K8373*Input!$J$14,0)+IF(Input!$K$15=4,L8373*Input!$J$15,0)+IF(Input!$K$16=4,M8373*Input!$J$16,0)</f>
        <v>0</v>
      </c>
    </row>
    <row r="8374" spans="8:17" x14ac:dyDescent="0.25">
      <c r="H8374" s="43">
        <v>8367</v>
      </c>
      <c r="I8374" s="55">
        <f>Bühler!I8400</f>
        <v>15.917484925694941</v>
      </c>
      <c r="J8374" s="58">
        <f>Bühler!J8400</f>
        <v>93.093353072411261</v>
      </c>
      <c r="K8374" s="58">
        <f>Bühler!K8400</f>
        <v>4.1347154735106999</v>
      </c>
      <c r="L8374" s="58">
        <f>Bühler!L8400</f>
        <v>2.06735773675535</v>
      </c>
      <c r="M8374" s="57">
        <f>Bühler!M8400</f>
        <v>0</v>
      </c>
      <c r="N8374" s="55">
        <f>IF(Input!$K$13=1,J8374*Input!$J$13,0)+IF(Input!$K$14=1,K8374*Input!$J$14,0)+IF(Input!$K$15=1,L8374*Input!$J$15,0)+IF(Input!$K$16=1,M8374*Input!$J$16,0)</f>
        <v>11.17120236868935</v>
      </c>
      <c r="O8374" s="58">
        <f>IF(Input!$K$13=2,J8374*Input!$J$13,0)+IF(Input!$K$14=2,K8374*Input!$J$14,0)+IF(Input!$K$15=2,L8374*Input!$J$15,0)+IF(Input!$K$16=2,M8374*Input!$J$16,0)</f>
        <v>0.55818658892394446</v>
      </c>
      <c r="P8374" s="58">
        <f>IF(Input!$K$13=3,J8374*Input!$J$13,0)+IF(Input!$K$14=3,K8374*Input!$J$14,0)+IF(Input!$K$15=3,L8374*Input!$J$15,0)+IF(Input!$K$16=3,M8374*Input!$J$16,0)</f>
        <v>0</v>
      </c>
      <c r="Q8374" s="71">
        <f>IF(Input!$K$13=4,J8374*Input!$J$13,0)+IF(Input!$K$14=4,K8374*Input!$J$14,0)+IF(Input!$K$15=4,L8374*Input!$J$15,0)+IF(Input!$K$16=4,M8374*Input!$J$16,0)</f>
        <v>0</v>
      </c>
    </row>
    <row r="8375" spans="8:17" x14ac:dyDescent="0.25">
      <c r="H8375" s="43">
        <v>8368</v>
      </c>
      <c r="I8375" s="55">
        <f>Bühler!I8401</f>
        <v>13.468641090972643</v>
      </c>
      <c r="J8375" s="58">
        <f>Bühler!J8401</f>
        <v>72.936728671303754</v>
      </c>
      <c r="K8375" s="58">
        <f>Bühler!K8401</f>
        <v>3.1805503642390001</v>
      </c>
      <c r="L8375" s="58">
        <f>Bühler!L8401</f>
        <v>1.5902751821195</v>
      </c>
      <c r="M8375" s="57">
        <f>Bühler!M8401</f>
        <v>0</v>
      </c>
      <c r="N8375" s="55">
        <f>IF(Input!$K$13=1,J8375*Input!$J$13,0)+IF(Input!$K$14=1,K8375*Input!$J$14,0)+IF(Input!$K$15=1,L8375*Input!$J$15,0)+IF(Input!$K$16=1,M8375*Input!$J$16,0)</f>
        <v>8.7524074405564498</v>
      </c>
      <c r="O8375" s="58">
        <f>IF(Input!$K$13=2,J8375*Input!$J$13,0)+IF(Input!$K$14=2,K8375*Input!$J$14,0)+IF(Input!$K$15=2,L8375*Input!$J$15,0)+IF(Input!$K$16=2,M8375*Input!$J$16,0)</f>
        <v>0.42937429917226499</v>
      </c>
      <c r="P8375" s="58">
        <f>IF(Input!$K$13=3,J8375*Input!$J$13,0)+IF(Input!$K$14=3,K8375*Input!$J$14,0)+IF(Input!$K$15=3,L8375*Input!$J$15,0)+IF(Input!$K$16=3,M8375*Input!$J$16,0)</f>
        <v>0</v>
      </c>
      <c r="Q8375" s="71">
        <f>IF(Input!$K$13=4,J8375*Input!$J$13,0)+IF(Input!$K$14=4,K8375*Input!$J$14,0)+IF(Input!$K$15=4,L8375*Input!$J$15,0)+IF(Input!$K$16=4,M8375*Input!$J$16,0)</f>
        <v>0</v>
      </c>
    </row>
    <row r="8376" spans="8:17" x14ac:dyDescent="0.25">
      <c r="H8376" s="43">
        <v>8369</v>
      </c>
      <c r="I8376" s="55">
        <f>Bühler!I8402</f>
        <v>11.661161117725232</v>
      </c>
      <c r="J8376" s="58">
        <f>Bühler!J8402</f>
        <v>40.025272348310345</v>
      </c>
      <c r="K8376" s="58">
        <f>Bühler!K8402</f>
        <v>1.4932161334455401</v>
      </c>
      <c r="L8376" s="58">
        <f>Bühler!L8402</f>
        <v>0.74660806672277003</v>
      </c>
      <c r="M8376" s="57">
        <f>Bühler!M8402</f>
        <v>0</v>
      </c>
      <c r="N8376" s="55">
        <f>IF(Input!$K$13=1,J8376*Input!$J$13,0)+IF(Input!$K$14=1,K8376*Input!$J$14,0)+IF(Input!$K$15=1,L8376*Input!$J$15,0)+IF(Input!$K$16=1,M8376*Input!$J$16,0)</f>
        <v>4.8030326817972409</v>
      </c>
      <c r="O8376" s="58">
        <f>IF(Input!$K$13=2,J8376*Input!$J$13,0)+IF(Input!$K$14=2,K8376*Input!$J$14,0)+IF(Input!$K$15=2,L8376*Input!$J$15,0)+IF(Input!$K$16=2,M8376*Input!$J$16,0)</f>
        <v>0.20158417801514789</v>
      </c>
      <c r="P8376" s="58">
        <f>IF(Input!$K$13=3,J8376*Input!$J$13,0)+IF(Input!$K$14=3,K8376*Input!$J$14,0)+IF(Input!$K$15=3,L8376*Input!$J$15,0)+IF(Input!$K$16=3,M8376*Input!$J$16,0)</f>
        <v>0</v>
      </c>
      <c r="Q8376" s="71">
        <f>IF(Input!$K$13=4,J8376*Input!$J$13,0)+IF(Input!$K$14=4,K8376*Input!$J$14,0)+IF(Input!$K$15=4,L8376*Input!$J$15,0)+IF(Input!$K$16=4,M8376*Input!$J$16,0)</f>
        <v>0</v>
      </c>
    </row>
    <row r="8377" spans="8:17" x14ac:dyDescent="0.25">
      <c r="H8377" s="43">
        <v>8370</v>
      </c>
      <c r="I8377" s="55">
        <f>Bühler!I8403</f>
        <v>9.7953753388891958</v>
      </c>
      <c r="J8377" s="58">
        <f>Bühler!J8403</f>
        <v>28.690606167841253</v>
      </c>
      <c r="K8377" s="58">
        <f>Bühler!K8403</f>
        <v>0.98552264807405654</v>
      </c>
      <c r="L8377" s="58">
        <f>Bühler!L8403</f>
        <v>0.49276132403702827</v>
      </c>
      <c r="M8377" s="57">
        <f>Bühler!M8403</f>
        <v>0</v>
      </c>
      <c r="N8377" s="55">
        <f>IF(Input!$K$13=1,J8377*Input!$J$13,0)+IF(Input!$K$14=1,K8377*Input!$J$14,0)+IF(Input!$K$15=1,L8377*Input!$J$15,0)+IF(Input!$K$16=1,M8377*Input!$J$16,0)</f>
        <v>3.4428727401409502</v>
      </c>
      <c r="O8377" s="58">
        <f>IF(Input!$K$13=2,J8377*Input!$J$13,0)+IF(Input!$K$14=2,K8377*Input!$J$14,0)+IF(Input!$K$15=2,L8377*Input!$J$15,0)+IF(Input!$K$16=2,M8377*Input!$J$16,0)</f>
        <v>0.13304555748999763</v>
      </c>
      <c r="P8377" s="58">
        <f>IF(Input!$K$13=3,J8377*Input!$J$13,0)+IF(Input!$K$14=3,K8377*Input!$J$14,0)+IF(Input!$K$15=3,L8377*Input!$J$15,0)+IF(Input!$K$16=3,M8377*Input!$J$16,0)</f>
        <v>0</v>
      </c>
      <c r="Q8377" s="71">
        <f>IF(Input!$K$13=4,J8377*Input!$J$13,0)+IF(Input!$K$14=4,K8377*Input!$J$14,0)+IF(Input!$K$15=4,L8377*Input!$J$15,0)+IF(Input!$K$16=4,M8377*Input!$J$16,0)</f>
        <v>0</v>
      </c>
    </row>
    <row r="8378" spans="8:17" x14ac:dyDescent="0.25">
      <c r="H8378" s="43">
        <v>8371</v>
      </c>
      <c r="I8378" s="55">
        <f>Bühler!I8404</f>
        <v>3.6149599464948223</v>
      </c>
      <c r="J8378" s="58">
        <f>Bühler!J8404</f>
        <v>15.42099268642809</v>
      </c>
      <c r="K8378" s="58">
        <f>Bühler!K8404</f>
        <v>0.62715077604712688</v>
      </c>
      <c r="L8378" s="58">
        <f>Bühler!L8404</f>
        <v>0.31357538802356344</v>
      </c>
      <c r="M8378" s="57">
        <f>Bühler!M8404</f>
        <v>0</v>
      </c>
      <c r="N8378" s="55">
        <f>IF(Input!$K$13=1,J8378*Input!$J$13,0)+IF(Input!$K$14=1,K8378*Input!$J$14,0)+IF(Input!$K$15=1,L8378*Input!$J$15,0)+IF(Input!$K$16=1,M8378*Input!$J$16,0)</f>
        <v>1.8505191223713706</v>
      </c>
      <c r="O8378" s="58">
        <f>IF(Input!$K$13=2,J8378*Input!$J$13,0)+IF(Input!$K$14=2,K8378*Input!$J$14,0)+IF(Input!$K$15=2,L8378*Input!$J$15,0)+IF(Input!$K$16=2,M8378*Input!$J$16,0)</f>
        <v>8.4665354766362125E-2</v>
      </c>
      <c r="P8378" s="58">
        <f>IF(Input!$K$13=3,J8378*Input!$J$13,0)+IF(Input!$K$14=3,K8378*Input!$J$14,0)+IF(Input!$K$15=3,L8378*Input!$J$15,0)+IF(Input!$K$16=3,M8378*Input!$J$16,0)</f>
        <v>0</v>
      </c>
      <c r="Q8378" s="71">
        <f>IF(Input!$K$13=4,J8378*Input!$J$13,0)+IF(Input!$K$14=4,K8378*Input!$J$14,0)+IF(Input!$K$15=4,L8378*Input!$J$15,0)+IF(Input!$K$16=4,M8378*Input!$J$16,0)</f>
        <v>0</v>
      </c>
    </row>
    <row r="8379" spans="8:17" x14ac:dyDescent="0.25">
      <c r="H8379" s="43">
        <v>8372</v>
      </c>
      <c r="I8379" s="55">
        <f>Bühler!I8405</f>
        <v>3.6149599464948223</v>
      </c>
      <c r="J8379" s="58">
        <f>Bühler!J8405</f>
        <v>14.87314573034593</v>
      </c>
      <c r="K8379" s="58">
        <f>Bühler!K8405</f>
        <v>0.59728645337821606</v>
      </c>
      <c r="L8379" s="58">
        <f>Bühler!L8405</f>
        <v>0.29864322668910803</v>
      </c>
      <c r="M8379" s="57">
        <f>Bühler!M8405</f>
        <v>0</v>
      </c>
      <c r="N8379" s="55">
        <f>IF(Input!$K$13=1,J8379*Input!$J$13,0)+IF(Input!$K$14=1,K8379*Input!$J$14,0)+IF(Input!$K$15=1,L8379*Input!$J$15,0)+IF(Input!$K$16=1,M8379*Input!$J$16,0)</f>
        <v>1.7847774876415117</v>
      </c>
      <c r="O8379" s="58">
        <f>IF(Input!$K$13=2,J8379*Input!$J$13,0)+IF(Input!$K$14=2,K8379*Input!$J$14,0)+IF(Input!$K$15=2,L8379*Input!$J$15,0)+IF(Input!$K$16=2,M8379*Input!$J$16,0)</f>
        <v>8.063367120605916E-2</v>
      </c>
      <c r="P8379" s="58">
        <f>IF(Input!$K$13=3,J8379*Input!$J$13,0)+IF(Input!$K$14=3,K8379*Input!$J$14,0)+IF(Input!$K$15=3,L8379*Input!$J$15,0)+IF(Input!$K$16=3,M8379*Input!$J$16,0)</f>
        <v>0</v>
      </c>
      <c r="Q8379" s="71">
        <f>IF(Input!$K$13=4,J8379*Input!$J$13,0)+IF(Input!$K$14=4,K8379*Input!$J$14,0)+IF(Input!$K$15=4,L8379*Input!$J$15,0)+IF(Input!$K$16=4,M8379*Input!$J$16,0)</f>
        <v>0</v>
      </c>
    </row>
    <row r="8380" spans="8:17" x14ac:dyDescent="0.25">
      <c r="H8380" s="43">
        <v>8373</v>
      </c>
      <c r="I8380" s="55">
        <f>Bühler!I8406</f>
        <v>3.6149599464948223</v>
      </c>
      <c r="J8380" s="58">
        <f>Bühler!J8406</f>
        <v>14.87314573034593</v>
      </c>
      <c r="K8380" s="58">
        <f>Bühler!K8406</f>
        <v>0.59728645337821606</v>
      </c>
      <c r="L8380" s="58">
        <f>Bühler!L8406</f>
        <v>0.29864322668910803</v>
      </c>
      <c r="M8380" s="57">
        <f>Bühler!M8406</f>
        <v>0</v>
      </c>
      <c r="N8380" s="55">
        <f>IF(Input!$K$13=1,J8380*Input!$J$13,0)+IF(Input!$K$14=1,K8380*Input!$J$14,0)+IF(Input!$K$15=1,L8380*Input!$J$15,0)+IF(Input!$K$16=1,M8380*Input!$J$16,0)</f>
        <v>1.7847774876415117</v>
      </c>
      <c r="O8380" s="58">
        <f>IF(Input!$K$13=2,J8380*Input!$J$13,0)+IF(Input!$K$14=2,K8380*Input!$J$14,0)+IF(Input!$K$15=2,L8380*Input!$J$15,0)+IF(Input!$K$16=2,M8380*Input!$J$16,0)</f>
        <v>8.063367120605916E-2</v>
      </c>
      <c r="P8380" s="58">
        <f>IF(Input!$K$13=3,J8380*Input!$J$13,0)+IF(Input!$K$14=3,K8380*Input!$J$14,0)+IF(Input!$K$15=3,L8380*Input!$J$15,0)+IF(Input!$K$16=3,M8380*Input!$J$16,0)</f>
        <v>0</v>
      </c>
      <c r="Q8380" s="71">
        <f>IF(Input!$K$13=4,J8380*Input!$J$13,0)+IF(Input!$K$14=4,K8380*Input!$J$14,0)+IF(Input!$K$15=4,L8380*Input!$J$15,0)+IF(Input!$K$16=4,M8380*Input!$J$16,0)</f>
        <v>0</v>
      </c>
    </row>
    <row r="8381" spans="8:17" x14ac:dyDescent="0.25">
      <c r="H8381" s="43">
        <v>8374</v>
      </c>
      <c r="I8381" s="55">
        <f>Bühler!I8407</f>
        <v>3.6149599464948223</v>
      </c>
      <c r="J8381" s="58">
        <f>Bühler!J8407</f>
        <v>14.87314573034593</v>
      </c>
      <c r="K8381" s="58">
        <f>Bühler!K8407</f>
        <v>0.59728645337821606</v>
      </c>
      <c r="L8381" s="58">
        <f>Bühler!L8407</f>
        <v>0.29864322668910803</v>
      </c>
      <c r="M8381" s="57">
        <f>Bühler!M8407</f>
        <v>0</v>
      </c>
      <c r="N8381" s="55">
        <f>IF(Input!$K$13=1,J8381*Input!$J$13,0)+IF(Input!$K$14=1,K8381*Input!$J$14,0)+IF(Input!$K$15=1,L8381*Input!$J$15,0)+IF(Input!$K$16=1,M8381*Input!$J$16,0)</f>
        <v>1.7847774876415117</v>
      </c>
      <c r="O8381" s="58">
        <f>IF(Input!$K$13=2,J8381*Input!$J$13,0)+IF(Input!$K$14=2,K8381*Input!$J$14,0)+IF(Input!$K$15=2,L8381*Input!$J$15,0)+IF(Input!$K$16=2,M8381*Input!$J$16,0)</f>
        <v>8.063367120605916E-2</v>
      </c>
      <c r="P8381" s="58">
        <f>IF(Input!$K$13=3,J8381*Input!$J$13,0)+IF(Input!$K$14=3,K8381*Input!$J$14,0)+IF(Input!$K$15=3,L8381*Input!$J$15,0)+IF(Input!$K$16=3,M8381*Input!$J$16,0)</f>
        <v>0</v>
      </c>
      <c r="Q8381" s="71">
        <f>IF(Input!$K$13=4,J8381*Input!$J$13,0)+IF(Input!$K$14=4,K8381*Input!$J$14,0)+IF(Input!$K$15=4,L8381*Input!$J$15,0)+IF(Input!$K$16=4,M8381*Input!$J$16,0)</f>
        <v>0</v>
      </c>
    </row>
    <row r="8382" spans="8:17" x14ac:dyDescent="0.25">
      <c r="H8382" s="43">
        <v>8375</v>
      </c>
      <c r="I8382" s="55">
        <f>Bühler!I8408</f>
        <v>3.6149599464948223</v>
      </c>
      <c r="J8382" s="58">
        <f>Bühler!J8408</f>
        <v>14.87314573034593</v>
      </c>
      <c r="K8382" s="58">
        <f>Bühler!K8408</f>
        <v>0.59728645337821606</v>
      </c>
      <c r="L8382" s="58">
        <f>Bühler!L8408</f>
        <v>0.29864322668910803</v>
      </c>
      <c r="M8382" s="57">
        <f>Bühler!M8408</f>
        <v>0</v>
      </c>
      <c r="N8382" s="55">
        <f>IF(Input!$K$13=1,J8382*Input!$J$13,0)+IF(Input!$K$14=1,K8382*Input!$J$14,0)+IF(Input!$K$15=1,L8382*Input!$J$15,0)+IF(Input!$K$16=1,M8382*Input!$J$16,0)</f>
        <v>1.7847774876415117</v>
      </c>
      <c r="O8382" s="58">
        <f>IF(Input!$K$13=2,J8382*Input!$J$13,0)+IF(Input!$K$14=2,K8382*Input!$J$14,0)+IF(Input!$K$15=2,L8382*Input!$J$15,0)+IF(Input!$K$16=2,M8382*Input!$J$16,0)</f>
        <v>8.063367120605916E-2</v>
      </c>
      <c r="P8382" s="58">
        <f>IF(Input!$K$13=3,J8382*Input!$J$13,0)+IF(Input!$K$14=3,K8382*Input!$J$14,0)+IF(Input!$K$15=3,L8382*Input!$J$15,0)+IF(Input!$K$16=3,M8382*Input!$J$16,0)</f>
        <v>0</v>
      </c>
      <c r="Q8382" s="71">
        <f>IF(Input!$K$13=4,J8382*Input!$J$13,0)+IF(Input!$K$14=4,K8382*Input!$J$14,0)+IF(Input!$K$15=4,L8382*Input!$J$15,0)+IF(Input!$K$16=4,M8382*Input!$J$16,0)</f>
        <v>0</v>
      </c>
    </row>
    <row r="8383" spans="8:17" x14ac:dyDescent="0.25">
      <c r="H8383" s="43">
        <v>8376</v>
      </c>
      <c r="I8383" s="55">
        <f>Bühler!I8409</f>
        <v>3.6149599464948223</v>
      </c>
      <c r="J8383" s="58">
        <f>Bühler!J8409</f>
        <v>14.87314573034593</v>
      </c>
      <c r="K8383" s="58">
        <f>Bühler!K8409</f>
        <v>0.59728645337821606</v>
      </c>
      <c r="L8383" s="58">
        <f>Bühler!L8409</f>
        <v>0.29864322668910803</v>
      </c>
      <c r="M8383" s="57">
        <f>Bühler!M8409</f>
        <v>0</v>
      </c>
      <c r="N8383" s="55">
        <f>IF(Input!$K$13=1,J8383*Input!$J$13,0)+IF(Input!$K$14=1,K8383*Input!$J$14,0)+IF(Input!$K$15=1,L8383*Input!$J$15,0)+IF(Input!$K$16=1,M8383*Input!$J$16,0)</f>
        <v>1.7847774876415117</v>
      </c>
      <c r="O8383" s="58">
        <f>IF(Input!$K$13=2,J8383*Input!$J$13,0)+IF(Input!$K$14=2,K8383*Input!$J$14,0)+IF(Input!$K$15=2,L8383*Input!$J$15,0)+IF(Input!$K$16=2,M8383*Input!$J$16,0)</f>
        <v>8.063367120605916E-2</v>
      </c>
      <c r="P8383" s="58">
        <f>IF(Input!$K$13=3,J8383*Input!$J$13,0)+IF(Input!$K$14=3,K8383*Input!$J$14,0)+IF(Input!$K$15=3,L8383*Input!$J$15,0)+IF(Input!$K$16=3,M8383*Input!$J$16,0)</f>
        <v>0</v>
      </c>
      <c r="Q8383" s="71">
        <f>IF(Input!$K$13=4,J8383*Input!$J$13,0)+IF(Input!$K$14=4,K8383*Input!$J$14,0)+IF(Input!$K$15=4,L8383*Input!$J$15,0)+IF(Input!$K$16=4,M8383*Input!$J$16,0)</f>
        <v>0</v>
      </c>
    </row>
    <row r="8384" spans="8:17" x14ac:dyDescent="0.25">
      <c r="H8384" s="43">
        <v>8377</v>
      </c>
      <c r="I8384" s="55">
        <f>Bühler!I8410</f>
        <v>1.5697604748347755</v>
      </c>
      <c r="J8384" s="58">
        <f>Bühler!J8410</f>
        <v>14.764080567170655</v>
      </c>
      <c r="K8384" s="58">
        <f>Bühler!K8410</f>
        <v>0.41492870243230362</v>
      </c>
      <c r="L8384" s="58">
        <f>Bühler!L8410</f>
        <v>0.20746435121615181</v>
      </c>
      <c r="M8384" s="57">
        <f>Bühler!M8410</f>
        <v>0</v>
      </c>
      <c r="N8384" s="55">
        <f>IF(Input!$K$13=1,J8384*Input!$J$13,0)+IF(Input!$K$14=1,K8384*Input!$J$14,0)+IF(Input!$K$15=1,L8384*Input!$J$15,0)+IF(Input!$K$16=1,M8384*Input!$J$16,0)</f>
        <v>1.7716896680604786</v>
      </c>
      <c r="O8384" s="58">
        <f>IF(Input!$K$13=2,J8384*Input!$J$13,0)+IF(Input!$K$14=2,K8384*Input!$J$14,0)+IF(Input!$K$15=2,L8384*Input!$J$15,0)+IF(Input!$K$16=2,M8384*Input!$J$16,0)</f>
        <v>5.6015374828360984E-2</v>
      </c>
      <c r="P8384" s="58">
        <f>IF(Input!$K$13=3,J8384*Input!$J$13,0)+IF(Input!$K$14=3,K8384*Input!$J$14,0)+IF(Input!$K$15=3,L8384*Input!$J$15,0)+IF(Input!$K$16=3,M8384*Input!$J$16,0)</f>
        <v>0</v>
      </c>
      <c r="Q8384" s="71">
        <f>IF(Input!$K$13=4,J8384*Input!$J$13,0)+IF(Input!$K$14=4,K8384*Input!$J$14,0)+IF(Input!$K$15=4,L8384*Input!$J$15,0)+IF(Input!$K$16=4,M8384*Input!$J$16,0)</f>
        <v>0</v>
      </c>
    </row>
    <row r="8385" spans="8:17" x14ac:dyDescent="0.25">
      <c r="H8385" s="43">
        <v>8378</v>
      </c>
      <c r="I8385" s="55">
        <f>Bühler!I8411</f>
        <v>3.0647704508678948</v>
      </c>
      <c r="J8385" s="58">
        <f>Bühler!J8411</f>
        <v>13.947575524509039</v>
      </c>
      <c r="K8385" s="58">
        <f>Bühler!K8411</f>
        <v>0.37343583218907328</v>
      </c>
      <c r="L8385" s="58">
        <f>Bühler!L8411</f>
        <v>0.18671791609453664</v>
      </c>
      <c r="M8385" s="57">
        <f>Bühler!M8411</f>
        <v>0</v>
      </c>
      <c r="N8385" s="55">
        <f>IF(Input!$K$13=1,J8385*Input!$J$13,0)+IF(Input!$K$14=1,K8385*Input!$J$14,0)+IF(Input!$K$15=1,L8385*Input!$J$15,0)+IF(Input!$K$16=1,M8385*Input!$J$16,0)</f>
        <v>1.6737090629410847</v>
      </c>
      <c r="O8385" s="58">
        <f>IF(Input!$K$13=2,J8385*Input!$J$13,0)+IF(Input!$K$14=2,K8385*Input!$J$14,0)+IF(Input!$K$15=2,L8385*Input!$J$15,0)+IF(Input!$K$16=2,M8385*Input!$J$16,0)</f>
        <v>5.0413837345524889E-2</v>
      </c>
      <c r="P8385" s="58">
        <f>IF(Input!$K$13=3,J8385*Input!$J$13,0)+IF(Input!$K$14=3,K8385*Input!$J$14,0)+IF(Input!$K$15=3,L8385*Input!$J$15,0)+IF(Input!$K$16=3,M8385*Input!$J$16,0)</f>
        <v>0</v>
      </c>
      <c r="Q8385" s="71">
        <f>IF(Input!$K$13=4,J8385*Input!$J$13,0)+IF(Input!$K$14=4,K8385*Input!$J$14,0)+IF(Input!$K$15=4,L8385*Input!$J$15,0)+IF(Input!$K$16=4,M8385*Input!$J$16,0)</f>
        <v>0</v>
      </c>
    </row>
    <row r="8386" spans="8:17" x14ac:dyDescent="0.25">
      <c r="H8386" s="43">
        <v>8379</v>
      </c>
      <c r="I8386" s="55">
        <f>Bühler!I8412</f>
        <v>3.0647704508678948</v>
      </c>
      <c r="J8386" s="58">
        <f>Bühler!J8412</f>
        <v>13.947575524509039</v>
      </c>
      <c r="K8386" s="58">
        <f>Bühler!K8412</f>
        <v>0.37343583218907328</v>
      </c>
      <c r="L8386" s="58">
        <f>Bühler!L8412</f>
        <v>0.18671791609453664</v>
      </c>
      <c r="M8386" s="57">
        <f>Bühler!M8412</f>
        <v>0</v>
      </c>
      <c r="N8386" s="55">
        <f>IF(Input!$K$13=1,J8386*Input!$J$13,0)+IF(Input!$K$14=1,K8386*Input!$J$14,0)+IF(Input!$K$15=1,L8386*Input!$J$15,0)+IF(Input!$K$16=1,M8386*Input!$J$16,0)</f>
        <v>1.6737090629410847</v>
      </c>
      <c r="O8386" s="58">
        <f>IF(Input!$K$13=2,J8386*Input!$J$13,0)+IF(Input!$K$14=2,K8386*Input!$J$14,0)+IF(Input!$K$15=2,L8386*Input!$J$15,0)+IF(Input!$K$16=2,M8386*Input!$J$16,0)</f>
        <v>5.0413837345524889E-2</v>
      </c>
      <c r="P8386" s="58">
        <f>IF(Input!$K$13=3,J8386*Input!$J$13,0)+IF(Input!$K$14=3,K8386*Input!$J$14,0)+IF(Input!$K$15=3,L8386*Input!$J$15,0)+IF(Input!$K$16=3,M8386*Input!$J$16,0)</f>
        <v>0</v>
      </c>
      <c r="Q8386" s="71">
        <f>IF(Input!$K$13=4,J8386*Input!$J$13,0)+IF(Input!$K$14=4,K8386*Input!$J$14,0)+IF(Input!$K$15=4,L8386*Input!$J$15,0)+IF(Input!$K$16=4,M8386*Input!$J$16,0)</f>
        <v>0</v>
      </c>
    </row>
    <row r="8387" spans="8:17" x14ac:dyDescent="0.25">
      <c r="H8387" s="43">
        <v>8380</v>
      </c>
      <c r="I8387" s="55">
        <f>Bühler!I8413</f>
        <v>3.0647704508678948</v>
      </c>
      <c r="J8387" s="58">
        <f>Bühler!J8413</f>
        <v>13.947575524509039</v>
      </c>
      <c r="K8387" s="58">
        <f>Bühler!K8413</f>
        <v>0.37343583218907328</v>
      </c>
      <c r="L8387" s="58">
        <f>Bühler!L8413</f>
        <v>0.18671791609453664</v>
      </c>
      <c r="M8387" s="57">
        <f>Bühler!M8413</f>
        <v>0</v>
      </c>
      <c r="N8387" s="55">
        <f>IF(Input!$K$13=1,J8387*Input!$J$13,0)+IF(Input!$K$14=1,K8387*Input!$J$14,0)+IF(Input!$K$15=1,L8387*Input!$J$15,0)+IF(Input!$K$16=1,M8387*Input!$J$16,0)</f>
        <v>1.6737090629410847</v>
      </c>
      <c r="O8387" s="58">
        <f>IF(Input!$K$13=2,J8387*Input!$J$13,0)+IF(Input!$K$14=2,K8387*Input!$J$14,0)+IF(Input!$K$15=2,L8387*Input!$J$15,0)+IF(Input!$K$16=2,M8387*Input!$J$16,0)</f>
        <v>5.0413837345524889E-2</v>
      </c>
      <c r="P8387" s="58">
        <f>IF(Input!$K$13=3,J8387*Input!$J$13,0)+IF(Input!$K$14=3,K8387*Input!$J$14,0)+IF(Input!$K$15=3,L8387*Input!$J$15,0)+IF(Input!$K$16=3,M8387*Input!$J$16,0)</f>
        <v>0</v>
      </c>
      <c r="Q8387" s="71">
        <f>IF(Input!$K$13=4,J8387*Input!$J$13,0)+IF(Input!$K$14=4,K8387*Input!$J$14,0)+IF(Input!$K$15=4,L8387*Input!$J$15,0)+IF(Input!$K$16=4,M8387*Input!$J$16,0)</f>
        <v>0</v>
      </c>
    </row>
    <row r="8388" spans="8:17" x14ac:dyDescent="0.25">
      <c r="H8388" s="43">
        <v>8381</v>
      </c>
      <c r="I8388" s="55">
        <f>Bühler!I8414</f>
        <v>3.0647704508678948</v>
      </c>
      <c r="J8388" s="58">
        <f>Bühler!J8414</f>
        <v>13.947575524509039</v>
      </c>
      <c r="K8388" s="58">
        <f>Bühler!K8414</f>
        <v>0.37343583218907328</v>
      </c>
      <c r="L8388" s="58">
        <f>Bühler!L8414</f>
        <v>0.18671791609453664</v>
      </c>
      <c r="M8388" s="57">
        <f>Bühler!M8414</f>
        <v>0</v>
      </c>
      <c r="N8388" s="55">
        <f>IF(Input!$K$13=1,J8388*Input!$J$13,0)+IF(Input!$K$14=1,K8388*Input!$J$14,0)+IF(Input!$K$15=1,L8388*Input!$J$15,0)+IF(Input!$K$16=1,M8388*Input!$J$16,0)</f>
        <v>1.6737090629410847</v>
      </c>
      <c r="O8388" s="58">
        <f>IF(Input!$K$13=2,J8388*Input!$J$13,0)+IF(Input!$K$14=2,K8388*Input!$J$14,0)+IF(Input!$K$15=2,L8388*Input!$J$15,0)+IF(Input!$K$16=2,M8388*Input!$J$16,0)</f>
        <v>5.0413837345524889E-2</v>
      </c>
      <c r="P8388" s="58">
        <f>IF(Input!$K$13=3,J8388*Input!$J$13,0)+IF(Input!$K$14=3,K8388*Input!$J$14,0)+IF(Input!$K$15=3,L8388*Input!$J$15,0)+IF(Input!$K$16=3,M8388*Input!$J$16,0)</f>
        <v>0</v>
      </c>
      <c r="Q8388" s="71">
        <f>IF(Input!$K$13=4,J8388*Input!$J$13,0)+IF(Input!$K$14=4,K8388*Input!$J$14,0)+IF(Input!$K$15=4,L8388*Input!$J$15,0)+IF(Input!$K$16=4,M8388*Input!$J$16,0)</f>
        <v>0</v>
      </c>
    </row>
    <row r="8389" spans="8:17" x14ac:dyDescent="0.25">
      <c r="H8389" s="43">
        <v>8382</v>
      </c>
      <c r="I8389" s="55">
        <f>Bühler!I8415</f>
        <v>3.8122754388844546</v>
      </c>
      <c r="J8389" s="58">
        <f>Bühler!J8415</f>
        <v>13.978721565676395</v>
      </c>
      <c r="K8389" s="58">
        <f>Bühler!K8415</f>
        <v>0.37343583218907328</v>
      </c>
      <c r="L8389" s="58">
        <f>Bühler!L8415</f>
        <v>0.18671791609453664</v>
      </c>
      <c r="M8389" s="57">
        <f>Bühler!M8415</f>
        <v>0</v>
      </c>
      <c r="N8389" s="55">
        <f>IF(Input!$K$13=1,J8389*Input!$J$13,0)+IF(Input!$K$14=1,K8389*Input!$J$14,0)+IF(Input!$K$15=1,L8389*Input!$J$15,0)+IF(Input!$K$16=1,M8389*Input!$J$16,0)</f>
        <v>1.6774465878811673</v>
      </c>
      <c r="O8389" s="58">
        <f>IF(Input!$K$13=2,J8389*Input!$J$13,0)+IF(Input!$K$14=2,K8389*Input!$J$14,0)+IF(Input!$K$15=2,L8389*Input!$J$15,0)+IF(Input!$K$16=2,M8389*Input!$J$16,0)</f>
        <v>5.0413837345524889E-2</v>
      </c>
      <c r="P8389" s="58">
        <f>IF(Input!$K$13=3,J8389*Input!$J$13,0)+IF(Input!$K$14=3,K8389*Input!$J$14,0)+IF(Input!$K$15=3,L8389*Input!$J$15,0)+IF(Input!$K$16=3,M8389*Input!$J$16,0)</f>
        <v>0</v>
      </c>
      <c r="Q8389" s="71">
        <f>IF(Input!$K$13=4,J8389*Input!$J$13,0)+IF(Input!$K$14=4,K8389*Input!$J$14,0)+IF(Input!$K$15=4,L8389*Input!$J$15,0)+IF(Input!$K$16=4,M8389*Input!$J$16,0)</f>
        <v>0</v>
      </c>
    </row>
    <row r="8390" spans="8:17" x14ac:dyDescent="0.25">
      <c r="H8390" s="43">
        <v>8383</v>
      </c>
      <c r="I8390" s="55">
        <f>Bühler!I8416</f>
        <v>4.7840319233059816</v>
      </c>
      <c r="J8390" s="58">
        <f>Bühler!J8416</f>
        <v>14.019211419193958</v>
      </c>
      <c r="K8390" s="58">
        <f>Bühler!K8416</f>
        <v>0.37343583218907328</v>
      </c>
      <c r="L8390" s="58">
        <f>Bühler!L8416</f>
        <v>0.18671791609453664</v>
      </c>
      <c r="M8390" s="57">
        <f>Bühler!M8416</f>
        <v>0</v>
      </c>
      <c r="N8390" s="55">
        <f>IF(Input!$K$13=1,J8390*Input!$J$13,0)+IF(Input!$K$14=1,K8390*Input!$J$14,0)+IF(Input!$K$15=1,L8390*Input!$J$15,0)+IF(Input!$K$16=1,M8390*Input!$J$16,0)</f>
        <v>1.6823053703032749</v>
      </c>
      <c r="O8390" s="58">
        <f>IF(Input!$K$13=2,J8390*Input!$J$13,0)+IF(Input!$K$14=2,K8390*Input!$J$14,0)+IF(Input!$K$15=2,L8390*Input!$J$15,0)+IF(Input!$K$16=2,M8390*Input!$J$16,0)</f>
        <v>5.0413837345524889E-2</v>
      </c>
      <c r="P8390" s="58">
        <f>IF(Input!$K$13=3,J8390*Input!$J$13,0)+IF(Input!$K$14=3,K8390*Input!$J$14,0)+IF(Input!$K$15=3,L8390*Input!$J$15,0)+IF(Input!$K$16=3,M8390*Input!$J$16,0)</f>
        <v>0</v>
      </c>
      <c r="Q8390" s="71">
        <f>IF(Input!$K$13=4,J8390*Input!$J$13,0)+IF(Input!$K$14=4,K8390*Input!$J$14,0)+IF(Input!$K$15=4,L8390*Input!$J$15,0)+IF(Input!$K$16=4,M8390*Input!$J$16,0)</f>
        <v>0</v>
      </c>
    </row>
    <row r="8391" spans="8:17" x14ac:dyDescent="0.25">
      <c r="H8391" s="43">
        <v>8384</v>
      </c>
      <c r="I8391" s="55">
        <f>Bühler!I8417</f>
        <v>5.456786412520886</v>
      </c>
      <c r="J8391" s="58">
        <f>Bühler!J8417</f>
        <v>14.047242856244578</v>
      </c>
      <c r="K8391" s="58">
        <f>Bühler!K8417</f>
        <v>0.37343583218907328</v>
      </c>
      <c r="L8391" s="58">
        <f>Bühler!L8417</f>
        <v>0.18671791609453664</v>
      </c>
      <c r="M8391" s="57">
        <f>Bühler!M8417</f>
        <v>0</v>
      </c>
      <c r="N8391" s="55">
        <f>IF(Input!$K$13=1,J8391*Input!$J$13,0)+IF(Input!$K$14=1,K8391*Input!$J$14,0)+IF(Input!$K$15=1,L8391*Input!$J$15,0)+IF(Input!$K$16=1,M8391*Input!$J$16,0)</f>
        <v>1.6856691427493493</v>
      </c>
      <c r="O8391" s="58">
        <f>IF(Input!$K$13=2,J8391*Input!$J$13,0)+IF(Input!$K$14=2,K8391*Input!$J$14,0)+IF(Input!$K$15=2,L8391*Input!$J$15,0)+IF(Input!$K$16=2,M8391*Input!$J$16,0)</f>
        <v>5.0413837345524889E-2</v>
      </c>
      <c r="P8391" s="58">
        <f>IF(Input!$K$13=3,J8391*Input!$J$13,0)+IF(Input!$K$14=3,K8391*Input!$J$14,0)+IF(Input!$K$15=3,L8391*Input!$J$15,0)+IF(Input!$K$16=3,M8391*Input!$J$16,0)</f>
        <v>0</v>
      </c>
      <c r="Q8391" s="71">
        <f>IF(Input!$K$13=4,J8391*Input!$J$13,0)+IF(Input!$K$14=4,K8391*Input!$J$14,0)+IF(Input!$K$15=4,L8391*Input!$J$15,0)+IF(Input!$K$16=4,M8391*Input!$J$16,0)</f>
        <v>0</v>
      </c>
    </row>
    <row r="8392" spans="8:17" x14ac:dyDescent="0.25">
      <c r="H8392" s="43">
        <v>8385</v>
      </c>
      <c r="I8392" s="55">
        <f>Bühler!I8418</f>
        <v>5.456786412520886</v>
      </c>
      <c r="J8392" s="58">
        <f>Bühler!J8418</f>
        <v>14.047242856244578</v>
      </c>
      <c r="K8392" s="58">
        <f>Bühler!K8418</f>
        <v>0.37343583218907328</v>
      </c>
      <c r="L8392" s="58">
        <f>Bühler!L8418</f>
        <v>0.18671791609453664</v>
      </c>
      <c r="M8392" s="57">
        <f>Bühler!M8418</f>
        <v>0</v>
      </c>
      <c r="N8392" s="55">
        <f>IF(Input!$K$13=1,J8392*Input!$J$13,0)+IF(Input!$K$14=1,K8392*Input!$J$14,0)+IF(Input!$K$15=1,L8392*Input!$J$15,0)+IF(Input!$K$16=1,M8392*Input!$J$16,0)</f>
        <v>1.6856691427493493</v>
      </c>
      <c r="O8392" s="58">
        <f>IF(Input!$K$13=2,J8392*Input!$J$13,0)+IF(Input!$K$14=2,K8392*Input!$J$14,0)+IF(Input!$K$15=2,L8392*Input!$J$15,0)+IF(Input!$K$16=2,M8392*Input!$J$16,0)</f>
        <v>5.0413837345524889E-2</v>
      </c>
      <c r="P8392" s="58">
        <f>IF(Input!$K$13=3,J8392*Input!$J$13,0)+IF(Input!$K$14=3,K8392*Input!$J$14,0)+IF(Input!$K$15=3,L8392*Input!$J$15,0)+IF(Input!$K$16=3,M8392*Input!$J$16,0)</f>
        <v>0</v>
      </c>
      <c r="Q8392" s="71">
        <f>IF(Input!$K$13=4,J8392*Input!$J$13,0)+IF(Input!$K$14=4,K8392*Input!$J$14,0)+IF(Input!$K$15=4,L8392*Input!$J$15,0)+IF(Input!$K$16=4,M8392*Input!$J$16,0)</f>
        <v>0</v>
      </c>
    </row>
    <row r="8393" spans="8:17" x14ac:dyDescent="0.25">
      <c r="H8393" s="43">
        <v>8386</v>
      </c>
      <c r="I8393" s="55">
        <f>Bühler!I8419</f>
        <v>5.456786412520886</v>
      </c>
      <c r="J8393" s="58">
        <f>Bühler!J8419</f>
        <v>14.047242856244578</v>
      </c>
      <c r="K8393" s="58">
        <f>Bühler!K8419</f>
        <v>0.37343583218907328</v>
      </c>
      <c r="L8393" s="58">
        <f>Bühler!L8419</f>
        <v>0.18671791609453664</v>
      </c>
      <c r="M8393" s="57">
        <f>Bühler!M8419</f>
        <v>0</v>
      </c>
      <c r="N8393" s="55">
        <f>IF(Input!$K$13=1,J8393*Input!$J$13,0)+IF(Input!$K$14=1,K8393*Input!$J$14,0)+IF(Input!$K$15=1,L8393*Input!$J$15,0)+IF(Input!$K$16=1,M8393*Input!$J$16,0)</f>
        <v>1.6856691427493493</v>
      </c>
      <c r="O8393" s="58">
        <f>IF(Input!$K$13=2,J8393*Input!$J$13,0)+IF(Input!$K$14=2,K8393*Input!$J$14,0)+IF(Input!$K$15=2,L8393*Input!$J$15,0)+IF(Input!$K$16=2,M8393*Input!$J$16,0)</f>
        <v>5.0413837345524889E-2</v>
      </c>
      <c r="P8393" s="58">
        <f>IF(Input!$K$13=3,J8393*Input!$J$13,0)+IF(Input!$K$14=3,K8393*Input!$J$14,0)+IF(Input!$K$15=3,L8393*Input!$J$15,0)+IF(Input!$K$16=3,M8393*Input!$J$16,0)</f>
        <v>0</v>
      </c>
      <c r="Q8393" s="71">
        <f>IF(Input!$K$13=4,J8393*Input!$J$13,0)+IF(Input!$K$14=4,K8393*Input!$J$14,0)+IF(Input!$K$15=4,L8393*Input!$J$15,0)+IF(Input!$K$16=4,M8393*Input!$J$16,0)</f>
        <v>0</v>
      </c>
    </row>
    <row r="8394" spans="8:17" x14ac:dyDescent="0.25">
      <c r="H8394" s="43">
        <v>8387</v>
      </c>
      <c r="I8394" s="55">
        <f>Bühler!I8420</f>
        <v>5.456786412520886</v>
      </c>
      <c r="J8394" s="58">
        <f>Bühler!J8420</f>
        <v>14.047242856244578</v>
      </c>
      <c r="K8394" s="58">
        <f>Bühler!K8420</f>
        <v>0.37343583218907328</v>
      </c>
      <c r="L8394" s="58">
        <f>Bühler!L8420</f>
        <v>0.18671791609453664</v>
      </c>
      <c r="M8394" s="57">
        <f>Bühler!M8420</f>
        <v>0</v>
      </c>
      <c r="N8394" s="55">
        <f>IF(Input!$K$13=1,J8394*Input!$J$13,0)+IF(Input!$K$14=1,K8394*Input!$J$14,0)+IF(Input!$K$15=1,L8394*Input!$J$15,0)+IF(Input!$K$16=1,M8394*Input!$J$16,0)</f>
        <v>1.6856691427493493</v>
      </c>
      <c r="O8394" s="58">
        <f>IF(Input!$K$13=2,J8394*Input!$J$13,0)+IF(Input!$K$14=2,K8394*Input!$J$14,0)+IF(Input!$K$15=2,L8394*Input!$J$15,0)+IF(Input!$K$16=2,M8394*Input!$J$16,0)</f>
        <v>5.0413837345524889E-2</v>
      </c>
      <c r="P8394" s="58">
        <f>IF(Input!$K$13=3,J8394*Input!$J$13,0)+IF(Input!$K$14=3,K8394*Input!$J$14,0)+IF(Input!$K$15=3,L8394*Input!$J$15,0)+IF(Input!$K$16=3,M8394*Input!$J$16,0)</f>
        <v>0</v>
      </c>
      <c r="Q8394" s="71">
        <f>IF(Input!$K$13=4,J8394*Input!$J$13,0)+IF(Input!$K$14=4,K8394*Input!$J$14,0)+IF(Input!$K$15=4,L8394*Input!$J$15,0)+IF(Input!$K$16=4,M8394*Input!$J$16,0)</f>
        <v>0</v>
      </c>
    </row>
    <row r="8395" spans="8:17" x14ac:dyDescent="0.25">
      <c r="H8395" s="43">
        <v>8388</v>
      </c>
      <c r="I8395" s="55">
        <f>Bühler!I8421</f>
        <v>5.456786412520886</v>
      </c>
      <c r="J8395" s="58">
        <f>Bühler!J8421</f>
        <v>14.047242856244578</v>
      </c>
      <c r="K8395" s="58">
        <f>Bühler!K8421</f>
        <v>0.37343583218907328</v>
      </c>
      <c r="L8395" s="58">
        <f>Bühler!L8421</f>
        <v>0.18671791609453664</v>
      </c>
      <c r="M8395" s="57">
        <f>Bühler!M8421</f>
        <v>0</v>
      </c>
      <c r="N8395" s="55">
        <f>IF(Input!$K$13=1,J8395*Input!$J$13,0)+IF(Input!$K$14=1,K8395*Input!$J$14,0)+IF(Input!$K$15=1,L8395*Input!$J$15,0)+IF(Input!$K$16=1,M8395*Input!$J$16,0)</f>
        <v>1.6856691427493493</v>
      </c>
      <c r="O8395" s="58">
        <f>IF(Input!$K$13=2,J8395*Input!$J$13,0)+IF(Input!$K$14=2,K8395*Input!$J$14,0)+IF(Input!$K$15=2,L8395*Input!$J$15,0)+IF(Input!$K$16=2,M8395*Input!$J$16,0)</f>
        <v>5.0413837345524889E-2</v>
      </c>
      <c r="P8395" s="58">
        <f>IF(Input!$K$13=3,J8395*Input!$J$13,0)+IF(Input!$K$14=3,K8395*Input!$J$14,0)+IF(Input!$K$15=3,L8395*Input!$J$15,0)+IF(Input!$K$16=3,M8395*Input!$J$16,0)</f>
        <v>0</v>
      </c>
      <c r="Q8395" s="71">
        <f>IF(Input!$K$13=4,J8395*Input!$J$13,0)+IF(Input!$K$14=4,K8395*Input!$J$14,0)+IF(Input!$K$15=4,L8395*Input!$J$15,0)+IF(Input!$K$16=4,M8395*Input!$J$16,0)</f>
        <v>0</v>
      </c>
    </row>
    <row r="8396" spans="8:17" x14ac:dyDescent="0.25">
      <c r="H8396" s="43">
        <v>8389</v>
      </c>
      <c r="I8396" s="55">
        <f>Bühler!I8422</f>
        <v>5.456786412520886</v>
      </c>
      <c r="J8396" s="58">
        <f>Bühler!J8422</f>
        <v>14.047242856244578</v>
      </c>
      <c r="K8396" s="58">
        <f>Bühler!K8422</f>
        <v>0.37343583218907328</v>
      </c>
      <c r="L8396" s="58">
        <f>Bühler!L8422</f>
        <v>0.18671791609453664</v>
      </c>
      <c r="M8396" s="57">
        <f>Bühler!M8422</f>
        <v>0</v>
      </c>
      <c r="N8396" s="55">
        <f>IF(Input!$K$13=1,J8396*Input!$J$13,0)+IF(Input!$K$14=1,K8396*Input!$J$14,0)+IF(Input!$K$15=1,L8396*Input!$J$15,0)+IF(Input!$K$16=1,M8396*Input!$J$16,0)</f>
        <v>1.6856691427493493</v>
      </c>
      <c r="O8396" s="58">
        <f>IF(Input!$K$13=2,J8396*Input!$J$13,0)+IF(Input!$K$14=2,K8396*Input!$J$14,0)+IF(Input!$K$15=2,L8396*Input!$J$15,0)+IF(Input!$K$16=2,M8396*Input!$J$16,0)</f>
        <v>5.0413837345524889E-2</v>
      </c>
      <c r="P8396" s="58">
        <f>IF(Input!$K$13=3,J8396*Input!$J$13,0)+IF(Input!$K$14=3,K8396*Input!$J$14,0)+IF(Input!$K$15=3,L8396*Input!$J$15,0)+IF(Input!$K$16=3,M8396*Input!$J$16,0)</f>
        <v>0</v>
      </c>
      <c r="Q8396" s="71">
        <f>IF(Input!$K$13=4,J8396*Input!$J$13,0)+IF(Input!$K$14=4,K8396*Input!$J$14,0)+IF(Input!$K$15=4,L8396*Input!$J$15,0)+IF(Input!$K$16=4,M8396*Input!$J$16,0)</f>
        <v>0</v>
      </c>
    </row>
    <row r="8397" spans="8:17" x14ac:dyDescent="0.25">
      <c r="H8397" s="43">
        <v>8390</v>
      </c>
      <c r="I8397" s="55">
        <f>Bühler!I8423</f>
        <v>5.456786412520886</v>
      </c>
      <c r="J8397" s="58">
        <f>Bühler!J8423</f>
        <v>14.047242856244578</v>
      </c>
      <c r="K8397" s="58">
        <f>Bühler!K8423</f>
        <v>0.37343583218907328</v>
      </c>
      <c r="L8397" s="58">
        <f>Bühler!L8423</f>
        <v>0.18671791609453664</v>
      </c>
      <c r="M8397" s="57">
        <f>Bühler!M8423</f>
        <v>0</v>
      </c>
      <c r="N8397" s="55">
        <f>IF(Input!$K$13=1,J8397*Input!$J$13,0)+IF(Input!$K$14=1,K8397*Input!$J$14,0)+IF(Input!$K$15=1,L8397*Input!$J$15,0)+IF(Input!$K$16=1,M8397*Input!$J$16,0)</f>
        <v>1.6856691427493493</v>
      </c>
      <c r="O8397" s="58">
        <f>IF(Input!$K$13=2,J8397*Input!$J$13,0)+IF(Input!$K$14=2,K8397*Input!$J$14,0)+IF(Input!$K$15=2,L8397*Input!$J$15,0)+IF(Input!$K$16=2,M8397*Input!$J$16,0)</f>
        <v>5.0413837345524889E-2</v>
      </c>
      <c r="P8397" s="58">
        <f>IF(Input!$K$13=3,J8397*Input!$J$13,0)+IF(Input!$K$14=3,K8397*Input!$J$14,0)+IF(Input!$K$15=3,L8397*Input!$J$15,0)+IF(Input!$K$16=3,M8397*Input!$J$16,0)</f>
        <v>0</v>
      </c>
      <c r="Q8397" s="71">
        <f>IF(Input!$K$13=4,J8397*Input!$J$13,0)+IF(Input!$K$14=4,K8397*Input!$J$14,0)+IF(Input!$K$15=4,L8397*Input!$J$15,0)+IF(Input!$K$16=4,M8397*Input!$J$16,0)</f>
        <v>0</v>
      </c>
    </row>
    <row r="8398" spans="8:17" x14ac:dyDescent="0.25">
      <c r="H8398" s="43">
        <v>8391</v>
      </c>
      <c r="I8398" s="55">
        <f>Bühler!I8424</f>
        <v>5.456786412520886</v>
      </c>
      <c r="J8398" s="58">
        <f>Bühler!J8424</f>
        <v>14.047242856244578</v>
      </c>
      <c r="K8398" s="58">
        <f>Bühler!K8424</f>
        <v>0.37343583218907328</v>
      </c>
      <c r="L8398" s="58">
        <f>Bühler!L8424</f>
        <v>0.18671791609453664</v>
      </c>
      <c r="M8398" s="57">
        <f>Bühler!M8424</f>
        <v>0</v>
      </c>
      <c r="N8398" s="55">
        <f>IF(Input!$K$13=1,J8398*Input!$J$13,0)+IF(Input!$K$14=1,K8398*Input!$J$14,0)+IF(Input!$K$15=1,L8398*Input!$J$15,0)+IF(Input!$K$16=1,M8398*Input!$J$16,0)</f>
        <v>1.6856691427493493</v>
      </c>
      <c r="O8398" s="58">
        <f>IF(Input!$K$13=2,J8398*Input!$J$13,0)+IF(Input!$K$14=2,K8398*Input!$J$14,0)+IF(Input!$K$15=2,L8398*Input!$J$15,0)+IF(Input!$K$16=2,M8398*Input!$J$16,0)</f>
        <v>5.0413837345524889E-2</v>
      </c>
      <c r="P8398" s="58">
        <f>IF(Input!$K$13=3,J8398*Input!$J$13,0)+IF(Input!$K$14=3,K8398*Input!$J$14,0)+IF(Input!$K$15=3,L8398*Input!$J$15,0)+IF(Input!$K$16=3,M8398*Input!$J$16,0)</f>
        <v>0</v>
      </c>
      <c r="Q8398" s="71">
        <f>IF(Input!$K$13=4,J8398*Input!$J$13,0)+IF(Input!$K$14=4,K8398*Input!$J$14,0)+IF(Input!$K$15=4,L8398*Input!$J$15,0)+IF(Input!$K$16=4,M8398*Input!$J$16,0)</f>
        <v>0</v>
      </c>
    </row>
    <row r="8399" spans="8:17" x14ac:dyDescent="0.25">
      <c r="H8399" s="43">
        <v>8392</v>
      </c>
      <c r="I8399" s="55">
        <f>Bühler!I8425</f>
        <v>4.9335329209092942</v>
      </c>
      <c r="J8399" s="58">
        <f>Bühler!J8425</f>
        <v>14.025440627427429</v>
      </c>
      <c r="K8399" s="58">
        <f>Bühler!K8425</f>
        <v>0.37343583218907328</v>
      </c>
      <c r="L8399" s="58">
        <f>Bühler!L8425</f>
        <v>0.18671791609453664</v>
      </c>
      <c r="M8399" s="57">
        <f>Bühler!M8425</f>
        <v>0</v>
      </c>
      <c r="N8399" s="55">
        <f>IF(Input!$K$13=1,J8399*Input!$J$13,0)+IF(Input!$K$14=1,K8399*Input!$J$14,0)+IF(Input!$K$15=1,L8399*Input!$J$15,0)+IF(Input!$K$16=1,M8399*Input!$J$16,0)</f>
        <v>1.6830528752912914</v>
      </c>
      <c r="O8399" s="58">
        <f>IF(Input!$K$13=2,J8399*Input!$J$13,0)+IF(Input!$K$14=2,K8399*Input!$J$14,0)+IF(Input!$K$15=2,L8399*Input!$J$15,0)+IF(Input!$K$16=2,M8399*Input!$J$16,0)</f>
        <v>5.0413837345524889E-2</v>
      </c>
      <c r="P8399" s="58">
        <f>IF(Input!$K$13=3,J8399*Input!$J$13,0)+IF(Input!$K$14=3,K8399*Input!$J$14,0)+IF(Input!$K$15=3,L8399*Input!$J$15,0)+IF(Input!$K$16=3,M8399*Input!$J$16,0)</f>
        <v>0</v>
      </c>
      <c r="Q8399" s="71">
        <f>IF(Input!$K$13=4,J8399*Input!$J$13,0)+IF(Input!$K$14=4,K8399*Input!$J$14,0)+IF(Input!$K$15=4,L8399*Input!$J$15,0)+IF(Input!$K$16=4,M8399*Input!$J$16,0)</f>
        <v>0</v>
      </c>
    </row>
    <row r="8400" spans="8:17" x14ac:dyDescent="0.25">
      <c r="H8400" s="43">
        <v>8393</v>
      </c>
      <c r="I8400" s="55">
        <f>Bühler!I8426</f>
        <v>4.4850299280993582</v>
      </c>
      <c r="J8400" s="58">
        <f>Bühler!J8426</f>
        <v>14.006753002727017</v>
      </c>
      <c r="K8400" s="58">
        <f>Bühler!K8426</f>
        <v>0.37343583218907328</v>
      </c>
      <c r="L8400" s="58">
        <f>Bühler!L8426</f>
        <v>0.18671791609453664</v>
      </c>
      <c r="M8400" s="57">
        <f>Bühler!M8426</f>
        <v>0</v>
      </c>
      <c r="N8400" s="55">
        <f>IF(Input!$K$13=1,J8400*Input!$J$13,0)+IF(Input!$K$14=1,K8400*Input!$J$14,0)+IF(Input!$K$15=1,L8400*Input!$J$15,0)+IF(Input!$K$16=1,M8400*Input!$J$16,0)</f>
        <v>1.680810360327242</v>
      </c>
      <c r="O8400" s="58">
        <f>IF(Input!$K$13=2,J8400*Input!$J$13,0)+IF(Input!$K$14=2,K8400*Input!$J$14,0)+IF(Input!$K$15=2,L8400*Input!$J$15,0)+IF(Input!$K$16=2,M8400*Input!$J$16,0)</f>
        <v>5.0413837345524889E-2</v>
      </c>
      <c r="P8400" s="58">
        <f>IF(Input!$K$13=3,J8400*Input!$J$13,0)+IF(Input!$K$14=3,K8400*Input!$J$14,0)+IF(Input!$K$15=3,L8400*Input!$J$15,0)+IF(Input!$K$16=3,M8400*Input!$J$16,0)</f>
        <v>0</v>
      </c>
      <c r="Q8400" s="71">
        <f>IF(Input!$K$13=4,J8400*Input!$J$13,0)+IF(Input!$K$14=4,K8400*Input!$J$14,0)+IF(Input!$K$15=4,L8400*Input!$J$15,0)+IF(Input!$K$16=4,M8400*Input!$J$16,0)</f>
        <v>0</v>
      </c>
    </row>
    <row r="8401" spans="8:17" x14ac:dyDescent="0.25">
      <c r="H8401" s="43">
        <v>8394</v>
      </c>
      <c r="I8401" s="55">
        <f>Bühler!I8427</f>
        <v>4.0365269352894222</v>
      </c>
      <c r="J8401" s="58">
        <f>Bühler!J8427</f>
        <v>13.988065378026603</v>
      </c>
      <c r="K8401" s="58">
        <f>Bühler!K8427</f>
        <v>0.37343583218907328</v>
      </c>
      <c r="L8401" s="58">
        <f>Bühler!L8427</f>
        <v>0.18671791609453664</v>
      </c>
      <c r="M8401" s="57">
        <f>Bühler!M8427</f>
        <v>0</v>
      </c>
      <c r="N8401" s="55">
        <f>IF(Input!$K$13=1,J8401*Input!$J$13,0)+IF(Input!$K$14=1,K8401*Input!$J$14,0)+IF(Input!$K$15=1,L8401*Input!$J$15,0)+IF(Input!$K$16=1,M8401*Input!$J$16,0)</f>
        <v>1.6785678453631923</v>
      </c>
      <c r="O8401" s="58">
        <f>IF(Input!$K$13=2,J8401*Input!$J$13,0)+IF(Input!$K$14=2,K8401*Input!$J$14,0)+IF(Input!$K$15=2,L8401*Input!$J$15,0)+IF(Input!$K$16=2,M8401*Input!$J$16,0)</f>
        <v>5.0413837345524889E-2</v>
      </c>
      <c r="P8401" s="58">
        <f>IF(Input!$K$13=3,J8401*Input!$J$13,0)+IF(Input!$K$14=3,K8401*Input!$J$14,0)+IF(Input!$K$15=3,L8401*Input!$J$15,0)+IF(Input!$K$16=3,M8401*Input!$J$16,0)</f>
        <v>0</v>
      </c>
      <c r="Q8401" s="71">
        <f>IF(Input!$K$13=4,J8401*Input!$J$13,0)+IF(Input!$K$14=4,K8401*Input!$J$14,0)+IF(Input!$K$15=4,L8401*Input!$J$15,0)+IF(Input!$K$16=4,M8401*Input!$J$16,0)</f>
        <v>0</v>
      </c>
    </row>
    <row r="8402" spans="8:17" x14ac:dyDescent="0.25">
      <c r="H8402" s="43">
        <v>8395</v>
      </c>
      <c r="I8402" s="55">
        <f>Bühler!I8428</f>
        <v>3.8870259376861105</v>
      </c>
      <c r="J8402" s="58">
        <f>Bühler!J8428</f>
        <v>13.98183616979313</v>
      </c>
      <c r="K8402" s="58">
        <f>Bühler!K8428</f>
        <v>0.37343583218907328</v>
      </c>
      <c r="L8402" s="58">
        <f>Bühler!L8428</f>
        <v>0.18671791609453664</v>
      </c>
      <c r="M8402" s="57">
        <f>Bühler!M8428</f>
        <v>0</v>
      </c>
      <c r="N8402" s="55">
        <f>IF(Input!$K$13=1,J8402*Input!$J$13,0)+IF(Input!$K$14=1,K8402*Input!$J$14,0)+IF(Input!$K$15=1,L8402*Input!$J$15,0)+IF(Input!$K$16=1,M8402*Input!$J$16,0)</f>
        <v>1.6778203403751755</v>
      </c>
      <c r="O8402" s="58">
        <f>IF(Input!$K$13=2,J8402*Input!$J$13,0)+IF(Input!$K$14=2,K8402*Input!$J$14,0)+IF(Input!$K$15=2,L8402*Input!$J$15,0)+IF(Input!$K$16=2,M8402*Input!$J$16,0)</f>
        <v>5.0413837345524889E-2</v>
      </c>
      <c r="P8402" s="58">
        <f>IF(Input!$K$13=3,J8402*Input!$J$13,0)+IF(Input!$K$14=3,K8402*Input!$J$14,0)+IF(Input!$K$15=3,L8402*Input!$J$15,0)+IF(Input!$K$16=3,M8402*Input!$J$16,0)</f>
        <v>0</v>
      </c>
      <c r="Q8402" s="71">
        <f>IF(Input!$K$13=4,J8402*Input!$J$13,0)+IF(Input!$K$14=4,K8402*Input!$J$14,0)+IF(Input!$K$15=4,L8402*Input!$J$15,0)+IF(Input!$K$16=4,M8402*Input!$J$16,0)</f>
        <v>0</v>
      </c>
    </row>
    <row r="8403" spans="8:17" x14ac:dyDescent="0.25">
      <c r="H8403" s="43">
        <v>8396</v>
      </c>
      <c r="I8403" s="55">
        <f>Bühler!I8429</f>
        <v>3.1395209496695511</v>
      </c>
      <c r="J8403" s="58">
        <f>Bühler!J8429</f>
        <v>13.950690128625775</v>
      </c>
      <c r="K8403" s="58">
        <f>Bühler!K8429</f>
        <v>0.37343583218907328</v>
      </c>
      <c r="L8403" s="58">
        <f>Bühler!L8429</f>
        <v>0.18671791609453664</v>
      </c>
      <c r="M8403" s="57">
        <f>Bühler!M8429</f>
        <v>0</v>
      </c>
      <c r="N8403" s="55">
        <f>IF(Input!$K$13=1,J8403*Input!$J$13,0)+IF(Input!$K$14=1,K8403*Input!$J$14,0)+IF(Input!$K$15=1,L8403*Input!$J$15,0)+IF(Input!$K$16=1,M8403*Input!$J$16,0)</f>
        <v>1.6740828154350929</v>
      </c>
      <c r="O8403" s="58">
        <f>IF(Input!$K$13=2,J8403*Input!$J$13,0)+IF(Input!$K$14=2,K8403*Input!$J$14,0)+IF(Input!$K$15=2,L8403*Input!$J$15,0)+IF(Input!$K$16=2,M8403*Input!$J$16,0)</f>
        <v>5.0413837345524889E-2</v>
      </c>
      <c r="P8403" s="58">
        <f>IF(Input!$K$13=3,J8403*Input!$J$13,0)+IF(Input!$K$14=3,K8403*Input!$J$14,0)+IF(Input!$K$15=3,L8403*Input!$J$15,0)+IF(Input!$K$16=3,M8403*Input!$J$16,0)</f>
        <v>0</v>
      </c>
      <c r="Q8403" s="71">
        <f>IF(Input!$K$13=4,J8403*Input!$J$13,0)+IF(Input!$K$14=4,K8403*Input!$J$14,0)+IF(Input!$K$15=4,L8403*Input!$J$15,0)+IF(Input!$K$16=4,M8403*Input!$J$16,0)</f>
        <v>0</v>
      </c>
    </row>
    <row r="8404" spans="8:17" x14ac:dyDescent="0.25">
      <c r="H8404" s="43">
        <v>8397</v>
      </c>
      <c r="I8404" s="55">
        <f>Bühler!I8430</f>
        <v>2.3172654628513349</v>
      </c>
      <c r="J8404" s="58">
        <f>Bühler!J8430</f>
        <v>13.916429483341682</v>
      </c>
      <c r="K8404" s="58">
        <f>Bühler!K8430</f>
        <v>0.37343583218907328</v>
      </c>
      <c r="L8404" s="58">
        <f>Bühler!L8430</f>
        <v>0.18671791609453664</v>
      </c>
      <c r="M8404" s="57">
        <f>Bühler!M8430</f>
        <v>0</v>
      </c>
      <c r="N8404" s="55">
        <f>IF(Input!$K$13=1,J8404*Input!$J$13,0)+IF(Input!$K$14=1,K8404*Input!$J$14,0)+IF(Input!$K$15=1,L8404*Input!$J$15,0)+IF(Input!$K$16=1,M8404*Input!$J$16,0)</f>
        <v>1.6699715380010018</v>
      </c>
      <c r="O8404" s="58">
        <f>IF(Input!$K$13=2,J8404*Input!$J$13,0)+IF(Input!$K$14=2,K8404*Input!$J$14,0)+IF(Input!$K$15=2,L8404*Input!$J$15,0)+IF(Input!$K$16=2,M8404*Input!$J$16,0)</f>
        <v>5.0413837345524889E-2</v>
      </c>
      <c r="P8404" s="58">
        <f>IF(Input!$K$13=3,J8404*Input!$J$13,0)+IF(Input!$K$14=3,K8404*Input!$J$14,0)+IF(Input!$K$15=3,L8404*Input!$J$15,0)+IF(Input!$K$16=3,M8404*Input!$J$16,0)</f>
        <v>0</v>
      </c>
      <c r="Q8404" s="71">
        <f>IF(Input!$K$13=4,J8404*Input!$J$13,0)+IF(Input!$K$14=4,K8404*Input!$J$14,0)+IF(Input!$K$15=4,L8404*Input!$J$15,0)+IF(Input!$K$16=4,M8404*Input!$J$16,0)</f>
        <v>0</v>
      </c>
    </row>
    <row r="8405" spans="8:17" x14ac:dyDescent="0.25">
      <c r="H8405" s="43">
        <v>8398</v>
      </c>
      <c r="I8405" s="55">
        <f>Bühler!I8431</f>
        <v>2.3172654628513349</v>
      </c>
      <c r="J8405" s="58">
        <f>Bühler!J8431</f>
        <v>13.916429483341682</v>
      </c>
      <c r="K8405" s="58">
        <f>Bühler!K8431</f>
        <v>0.37343583218907328</v>
      </c>
      <c r="L8405" s="58">
        <f>Bühler!L8431</f>
        <v>0.18671791609453664</v>
      </c>
      <c r="M8405" s="57">
        <f>Bühler!M8431</f>
        <v>0</v>
      </c>
      <c r="N8405" s="55">
        <f>IF(Input!$K$13=1,J8405*Input!$J$13,0)+IF(Input!$K$14=1,K8405*Input!$J$14,0)+IF(Input!$K$15=1,L8405*Input!$J$15,0)+IF(Input!$K$16=1,M8405*Input!$J$16,0)</f>
        <v>1.6699715380010018</v>
      </c>
      <c r="O8405" s="58">
        <f>IF(Input!$K$13=2,J8405*Input!$J$13,0)+IF(Input!$K$14=2,K8405*Input!$J$14,0)+IF(Input!$K$15=2,L8405*Input!$J$15,0)+IF(Input!$K$16=2,M8405*Input!$J$16,0)</f>
        <v>5.0413837345524889E-2</v>
      </c>
      <c r="P8405" s="58">
        <f>IF(Input!$K$13=3,J8405*Input!$J$13,0)+IF(Input!$K$14=3,K8405*Input!$J$14,0)+IF(Input!$K$15=3,L8405*Input!$J$15,0)+IF(Input!$K$16=3,M8405*Input!$J$16,0)</f>
        <v>0</v>
      </c>
      <c r="Q8405" s="71">
        <f>IF(Input!$K$13=4,J8405*Input!$J$13,0)+IF(Input!$K$14=4,K8405*Input!$J$14,0)+IF(Input!$K$15=4,L8405*Input!$J$15,0)+IF(Input!$K$16=4,M8405*Input!$J$16,0)</f>
        <v>0</v>
      </c>
    </row>
    <row r="8406" spans="8:17" x14ac:dyDescent="0.25">
      <c r="H8406" s="43">
        <v>8399</v>
      </c>
      <c r="I8406" s="55">
        <f>Bühler!I8432</f>
        <v>2.3172654628513349</v>
      </c>
      <c r="J8406" s="58">
        <f>Bühler!J8432</f>
        <v>13.916429483341682</v>
      </c>
      <c r="K8406" s="58">
        <f>Bühler!K8432</f>
        <v>0.37343583218907328</v>
      </c>
      <c r="L8406" s="58">
        <f>Bühler!L8432</f>
        <v>0.18671791609453664</v>
      </c>
      <c r="M8406" s="57">
        <f>Bühler!M8432</f>
        <v>0</v>
      </c>
      <c r="N8406" s="55">
        <f>IF(Input!$K$13=1,J8406*Input!$J$13,0)+IF(Input!$K$14=1,K8406*Input!$J$14,0)+IF(Input!$K$15=1,L8406*Input!$J$15,0)+IF(Input!$K$16=1,M8406*Input!$J$16,0)</f>
        <v>1.6699715380010018</v>
      </c>
      <c r="O8406" s="58">
        <f>IF(Input!$K$13=2,J8406*Input!$J$13,0)+IF(Input!$K$14=2,K8406*Input!$J$14,0)+IF(Input!$K$15=2,L8406*Input!$J$15,0)+IF(Input!$K$16=2,M8406*Input!$J$16,0)</f>
        <v>5.0413837345524889E-2</v>
      </c>
      <c r="P8406" s="58">
        <f>IF(Input!$K$13=3,J8406*Input!$J$13,0)+IF(Input!$K$14=3,K8406*Input!$J$14,0)+IF(Input!$K$15=3,L8406*Input!$J$15,0)+IF(Input!$K$16=3,M8406*Input!$J$16,0)</f>
        <v>0</v>
      </c>
      <c r="Q8406" s="71">
        <f>IF(Input!$K$13=4,J8406*Input!$J$13,0)+IF(Input!$K$14=4,K8406*Input!$J$14,0)+IF(Input!$K$15=4,L8406*Input!$J$15,0)+IF(Input!$K$16=4,M8406*Input!$J$16,0)</f>
        <v>0</v>
      </c>
    </row>
    <row r="8407" spans="8:17" x14ac:dyDescent="0.25">
      <c r="H8407" s="43">
        <v>8400</v>
      </c>
      <c r="I8407" s="55">
        <f>Bühler!I8433</f>
        <v>2.3172654628513349</v>
      </c>
      <c r="J8407" s="58">
        <f>Bühler!J8433</f>
        <v>13.916429483341682</v>
      </c>
      <c r="K8407" s="58">
        <f>Bühler!K8433</f>
        <v>0.37343583218907328</v>
      </c>
      <c r="L8407" s="58">
        <f>Bühler!L8433</f>
        <v>0.18671791609453664</v>
      </c>
      <c r="M8407" s="57">
        <f>Bühler!M8433</f>
        <v>0</v>
      </c>
      <c r="N8407" s="55">
        <f>IF(Input!$K$13=1,J8407*Input!$J$13,0)+IF(Input!$K$14=1,K8407*Input!$J$14,0)+IF(Input!$K$15=1,L8407*Input!$J$15,0)+IF(Input!$K$16=1,M8407*Input!$J$16,0)</f>
        <v>1.6699715380010018</v>
      </c>
      <c r="O8407" s="58">
        <f>IF(Input!$K$13=2,J8407*Input!$J$13,0)+IF(Input!$K$14=2,K8407*Input!$J$14,0)+IF(Input!$K$15=2,L8407*Input!$J$15,0)+IF(Input!$K$16=2,M8407*Input!$J$16,0)</f>
        <v>5.0413837345524889E-2</v>
      </c>
      <c r="P8407" s="58">
        <f>IF(Input!$K$13=3,J8407*Input!$J$13,0)+IF(Input!$K$14=3,K8407*Input!$J$14,0)+IF(Input!$K$15=3,L8407*Input!$J$15,0)+IF(Input!$K$16=3,M8407*Input!$J$16,0)</f>
        <v>0</v>
      </c>
      <c r="Q8407" s="71">
        <f>IF(Input!$K$13=4,J8407*Input!$J$13,0)+IF(Input!$K$14=4,K8407*Input!$J$14,0)+IF(Input!$K$15=4,L8407*Input!$J$15,0)+IF(Input!$K$16=4,M8407*Input!$J$16,0)</f>
        <v>0</v>
      </c>
    </row>
    <row r="8408" spans="8:17" x14ac:dyDescent="0.25">
      <c r="H8408" s="43">
        <v>8401</v>
      </c>
      <c r="I8408" s="55">
        <f>Bühler!I8434</f>
        <v>2.0660020957300067</v>
      </c>
      <c r="J8408" s="58">
        <f>Bühler!J8434</f>
        <v>11.976595837306984</v>
      </c>
      <c r="K8408" s="58">
        <f>Bühler!K8434</f>
        <v>0.34356225891836412</v>
      </c>
      <c r="L8408" s="58">
        <f>Bühler!L8434</f>
        <v>0.17178112945918206</v>
      </c>
      <c r="M8408" s="57">
        <f>Bühler!M8434</f>
        <v>0</v>
      </c>
      <c r="N8408" s="55">
        <f>IF(Input!$K$13=1,J8408*Input!$J$13,0)+IF(Input!$K$14=1,K8408*Input!$J$14,0)+IF(Input!$K$15=1,L8408*Input!$J$15,0)+IF(Input!$K$16=1,M8408*Input!$J$16,0)</f>
        <v>1.4371915004768381</v>
      </c>
      <c r="O8408" s="58">
        <f>IF(Input!$K$13=2,J8408*Input!$J$13,0)+IF(Input!$K$14=2,K8408*Input!$J$14,0)+IF(Input!$K$15=2,L8408*Input!$J$15,0)+IF(Input!$K$16=2,M8408*Input!$J$16,0)</f>
        <v>4.6380904953979153E-2</v>
      </c>
      <c r="P8408" s="58">
        <f>IF(Input!$K$13=3,J8408*Input!$J$13,0)+IF(Input!$K$14=3,K8408*Input!$J$14,0)+IF(Input!$K$15=3,L8408*Input!$J$15,0)+IF(Input!$K$16=3,M8408*Input!$J$16,0)</f>
        <v>0</v>
      </c>
      <c r="Q8408" s="71">
        <f>IF(Input!$K$13=4,J8408*Input!$J$13,0)+IF(Input!$K$14=4,K8408*Input!$J$14,0)+IF(Input!$K$15=4,L8408*Input!$J$15,0)+IF(Input!$K$16=4,M8408*Input!$J$16,0)</f>
        <v>0</v>
      </c>
    </row>
    <row r="8409" spans="8:17" x14ac:dyDescent="0.25">
      <c r="H8409" s="43">
        <v>8402</v>
      </c>
      <c r="I8409" s="55">
        <f>Bühler!I8435</f>
        <v>2.3992282402025884</v>
      </c>
      <c r="J8409" s="58">
        <f>Bühler!J8435</f>
        <v>11.990480259993342</v>
      </c>
      <c r="K8409" s="58">
        <f>Bühler!K8435</f>
        <v>0.34356225891836412</v>
      </c>
      <c r="L8409" s="58">
        <f>Bühler!L8435</f>
        <v>0.17178112945918206</v>
      </c>
      <c r="M8409" s="57">
        <f>Bühler!M8435</f>
        <v>0</v>
      </c>
      <c r="N8409" s="55">
        <f>IF(Input!$K$13=1,J8409*Input!$J$13,0)+IF(Input!$K$14=1,K8409*Input!$J$14,0)+IF(Input!$K$15=1,L8409*Input!$J$15,0)+IF(Input!$K$16=1,M8409*Input!$J$16,0)</f>
        <v>1.438857631199201</v>
      </c>
      <c r="O8409" s="58">
        <f>IF(Input!$K$13=2,J8409*Input!$J$13,0)+IF(Input!$K$14=2,K8409*Input!$J$14,0)+IF(Input!$K$15=2,L8409*Input!$J$15,0)+IF(Input!$K$16=2,M8409*Input!$J$16,0)</f>
        <v>4.6380904953979153E-2</v>
      </c>
      <c r="P8409" s="58">
        <f>IF(Input!$K$13=3,J8409*Input!$J$13,0)+IF(Input!$K$14=3,K8409*Input!$J$14,0)+IF(Input!$K$15=3,L8409*Input!$J$15,0)+IF(Input!$K$16=3,M8409*Input!$J$16,0)</f>
        <v>0</v>
      </c>
      <c r="Q8409" s="71">
        <f>IF(Input!$K$13=4,J8409*Input!$J$13,0)+IF(Input!$K$14=4,K8409*Input!$J$14,0)+IF(Input!$K$15=4,L8409*Input!$J$15,0)+IF(Input!$K$16=4,M8409*Input!$J$16,0)</f>
        <v>0</v>
      </c>
    </row>
    <row r="8410" spans="8:17" x14ac:dyDescent="0.25">
      <c r="H8410" s="43">
        <v>8403</v>
      </c>
      <c r="I8410" s="55">
        <f>Bühler!I8436</f>
        <v>2.3992282402025884</v>
      </c>
      <c r="J8410" s="58">
        <f>Bühler!J8436</f>
        <v>11.990480259993342</v>
      </c>
      <c r="K8410" s="58">
        <f>Bühler!K8436</f>
        <v>0.34356225891836412</v>
      </c>
      <c r="L8410" s="58">
        <f>Bühler!L8436</f>
        <v>0.17178112945918206</v>
      </c>
      <c r="M8410" s="57">
        <f>Bühler!M8436</f>
        <v>0</v>
      </c>
      <c r="N8410" s="55">
        <f>IF(Input!$K$13=1,J8410*Input!$J$13,0)+IF(Input!$K$14=1,K8410*Input!$J$14,0)+IF(Input!$K$15=1,L8410*Input!$J$15,0)+IF(Input!$K$16=1,M8410*Input!$J$16,0)</f>
        <v>1.438857631199201</v>
      </c>
      <c r="O8410" s="58">
        <f>IF(Input!$K$13=2,J8410*Input!$J$13,0)+IF(Input!$K$14=2,K8410*Input!$J$14,0)+IF(Input!$K$15=2,L8410*Input!$J$15,0)+IF(Input!$K$16=2,M8410*Input!$J$16,0)</f>
        <v>4.6380904953979153E-2</v>
      </c>
      <c r="P8410" s="58">
        <f>IF(Input!$K$13=3,J8410*Input!$J$13,0)+IF(Input!$K$14=3,K8410*Input!$J$14,0)+IF(Input!$K$15=3,L8410*Input!$J$15,0)+IF(Input!$K$16=3,M8410*Input!$J$16,0)</f>
        <v>0</v>
      </c>
      <c r="Q8410" s="71">
        <f>IF(Input!$K$13=4,J8410*Input!$J$13,0)+IF(Input!$K$14=4,K8410*Input!$J$14,0)+IF(Input!$K$15=4,L8410*Input!$J$15,0)+IF(Input!$K$16=4,M8410*Input!$J$16,0)</f>
        <v>0</v>
      </c>
    </row>
    <row r="8411" spans="8:17" x14ac:dyDescent="0.25">
      <c r="H8411" s="43">
        <v>8404</v>
      </c>
      <c r="I8411" s="55">
        <f>Bühler!I8437</f>
        <v>2.3992282402025884</v>
      </c>
      <c r="J8411" s="58">
        <f>Bühler!J8437</f>
        <v>11.990480259993342</v>
      </c>
      <c r="K8411" s="58">
        <f>Bühler!K8437</f>
        <v>0.34356225891836412</v>
      </c>
      <c r="L8411" s="58">
        <f>Bühler!L8437</f>
        <v>0.17178112945918206</v>
      </c>
      <c r="M8411" s="57">
        <f>Bühler!M8437</f>
        <v>0</v>
      </c>
      <c r="N8411" s="55">
        <f>IF(Input!$K$13=1,J8411*Input!$J$13,0)+IF(Input!$K$14=1,K8411*Input!$J$14,0)+IF(Input!$K$15=1,L8411*Input!$J$15,0)+IF(Input!$K$16=1,M8411*Input!$J$16,0)</f>
        <v>1.438857631199201</v>
      </c>
      <c r="O8411" s="58">
        <f>IF(Input!$K$13=2,J8411*Input!$J$13,0)+IF(Input!$K$14=2,K8411*Input!$J$14,0)+IF(Input!$K$15=2,L8411*Input!$J$15,0)+IF(Input!$K$16=2,M8411*Input!$J$16,0)</f>
        <v>4.6380904953979153E-2</v>
      </c>
      <c r="P8411" s="58">
        <f>IF(Input!$K$13=3,J8411*Input!$J$13,0)+IF(Input!$K$14=3,K8411*Input!$J$14,0)+IF(Input!$K$15=3,L8411*Input!$J$15,0)+IF(Input!$K$16=3,M8411*Input!$J$16,0)</f>
        <v>0</v>
      </c>
      <c r="Q8411" s="71">
        <f>IF(Input!$K$13=4,J8411*Input!$J$13,0)+IF(Input!$K$14=4,K8411*Input!$J$14,0)+IF(Input!$K$15=4,L8411*Input!$J$15,0)+IF(Input!$K$16=4,M8411*Input!$J$16,0)</f>
        <v>0</v>
      </c>
    </row>
    <row r="8412" spans="8:17" x14ac:dyDescent="0.25">
      <c r="H8412" s="43">
        <v>8405</v>
      </c>
      <c r="I8412" s="55">
        <f>Bühler!I8438</f>
        <v>2.3992282402025884</v>
      </c>
      <c r="J8412" s="58">
        <f>Bühler!J8438</f>
        <v>11.990480259993342</v>
      </c>
      <c r="K8412" s="58">
        <f>Bühler!K8438</f>
        <v>0.34356225891836412</v>
      </c>
      <c r="L8412" s="58">
        <f>Bühler!L8438</f>
        <v>0.17178112945918206</v>
      </c>
      <c r="M8412" s="57">
        <f>Bühler!M8438</f>
        <v>0</v>
      </c>
      <c r="N8412" s="55">
        <f>IF(Input!$K$13=1,J8412*Input!$J$13,0)+IF(Input!$K$14=1,K8412*Input!$J$14,0)+IF(Input!$K$15=1,L8412*Input!$J$15,0)+IF(Input!$K$16=1,M8412*Input!$J$16,0)</f>
        <v>1.438857631199201</v>
      </c>
      <c r="O8412" s="58">
        <f>IF(Input!$K$13=2,J8412*Input!$J$13,0)+IF(Input!$K$14=2,K8412*Input!$J$14,0)+IF(Input!$K$15=2,L8412*Input!$J$15,0)+IF(Input!$K$16=2,M8412*Input!$J$16,0)</f>
        <v>4.6380904953979153E-2</v>
      </c>
      <c r="P8412" s="58">
        <f>IF(Input!$K$13=3,J8412*Input!$J$13,0)+IF(Input!$K$14=3,K8412*Input!$J$14,0)+IF(Input!$K$15=3,L8412*Input!$J$15,0)+IF(Input!$K$16=3,M8412*Input!$J$16,0)</f>
        <v>0</v>
      </c>
      <c r="Q8412" s="71">
        <f>IF(Input!$K$13=4,J8412*Input!$J$13,0)+IF(Input!$K$14=4,K8412*Input!$J$14,0)+IF(Input!$K$15=4,L8412*Input!$J$15,0)+IF(Input!$K$16=4,M8412*Input!$J$16,0)</f>
        <v>0</v>
      </c>
    </row>
    <row r="8413" spans="8:17" x14ac:dyDescent="0.25">
      <c r="H8413" s="43">
        <v>8406</v>
      </c>
      <c r="I8413" s="55">
        <f>Bühler!I8439</f>
        <v>2.9990353002532357</v>
      </c>
      <c r="J8413" s="58">
        <f>Bühler!J8439</f>
        <v>12.015472220828785</v>
      </c>
      <c r="K8413" s="58">
        <f>Bühler!K8439</f>
        <v>0.34356225891836412</v>
      </c>
      <c r="L8413" s="58">
        <f>Bühler!L8439</f>
        <v>0.17178112945918206</v>
      </c>
      <c r="M8413" s="57">
        <f>Bühler!M8439</f>
        <v>0</v>
      </c>
      <c r="N8413" s="55">
        <f>IF(Input!$K$13=1,J8413*Input!$J$13,0)+IF(Input!$K$14=1,K8413*Input!$J$14,0)+IF(Input!$K$15=1,L8413*Input!$J$15,0)+IF(Input!$K$16=1,M8413*Input!$J$16,0)</f>
        <v>1.4418566664994541</v>
      </c>
      <c r="O8413" s="58">
        <f>IF(Input!$K$13=2,J8413*Input!$J$13,0)+IF(Input!$K$14=2,K8413*Input!$J$14,0)+IF(Input!$K$15=2,L8413*Input!$J$15,0)+IF(Input!$K$16=2,M8413*Input!$J$16,0)</f>
        <v>4.6380904953979153E-2</v>
      </c>
      <c r="P8413" s="58">
        <f>IF(Input!$K$13=3,J8413*Input!$J$13,0)+IF(Input!$K$14=3,K8413*Input!$J$14,0)+IF(Input!$K$15=3,L8413*Input!$J$15,0)+IF(Input!$K$16=3,M8413*Input!$J$16,0)</f>
        <v>0</v>
      </c>
      <c r="Q8413" s="71">
        <f>IF(Input!$K$13=4,J8413*Input!$J$13,0)+IF(Input!$K$14=4,K8413*Input!$J$14,0)+IF(Input!$K$15=4,L8413*Input!$J$15,0)+IF(Input!$K$16=4,M8413*Input!$J$16,0)</f>
        <v>0</v>
      </c>
    </row>
    <row r="8414" spans="8:17" x14ac:dyDescent="0.25">
      <c r="H8414" s="43">
        <v>8407</v>
      </c>
      <c r="I8414" s="55">
        <f>Bühler!I8440</f>
        <v>3.5321971314093665</v>
      </c>
      <c r="J8414" s="58">
        <f>Bühler!J8440</f>
        <v>12.037687297126958</v>
      </c>
      <c r="K8414" s="58">
        <f>Bühler!K8440</f>
        <v>0.34356225891836412</v>
      </c>
      <c r="L8414" s="58">
        <f>Bühler!L8440</f>
        <v>0.17178112945918206</v>
      </c>
      <c r="M8414" s="57">
        <f>Bühler!M8440</f>
        <v>0</v>
      </c>
      <c r="N8414" s="55">
        <f>IF(Input!$K$13=1,J8414*Input!$J$13,0)+IF(Input!$K$14=1,K8414*Input!$J$14,0)+IF(Input!$K$15=1,L8414*Input!$J$15,0)+IF(Input!$K$16=1,M8414*Input!$J$16,0)</f>
        <v>1.4445224756552348</v>
      </c>
      <c r="O8414" s="58">
        <f>IF(Input!$K$13=2,J8414*Input!$J$13,0)+IF(Input!$K$14=2,K8414*Input!$J$14,0)+IF(Input!$K$15=2,L8414*Input!$J$15,0)+IF(Input!$K$16=2,M8414*Input!$J$16,0)</f>
        <v>4.6380904953979153E-2</v>
      </c>
      <c r="P8414" s="58">
        <f>IF(Input!$K$13=3,J8414*Input!$J$13,0)+IF(Input!$K$14=3,K8414*Input!$J$14,0)+IF(Input!$K$15=3,L8414*Input!$J$15,0)+IF(Input!$K$16=3,M8414*Input!$J$16,0)</f>
        <v>0</v>
      </c>
      <c r="Q8414" s="71">
        <f>IF(Input!$K$13=4,J8414*Input!$J$13,0)+IF(Input!$K$14=4,K8414*Input!$J$14,0)+IF(Input!$K$15=4,L8414*Input!$J$15,0)+IF(Input!$K$16=4,M8414*Input!$J$16,0)</f>
        <v>0</v>
      </c>
    </row>
    <row r="8415" spans="8:17" x14ac:dyDescent="0.25">
      <c r="H8415" s="43">
        <v>8408</v>
      </c>
      <c r="I8415" s="55">
        <f>Bühler!I8441</f>
        <v>4.1986494203545304</v>
      </c>
      <c r="J8415" s="58">
        <f>Bühler!J8441</f>
        <v>12.065456142499672</v>
      </c>
      <c r="K8415" s="58">
        <f>Bühler!K8441</f>
        <v>0.34356225891836412</v>
      </c>
      <c r="L8415" s="58">
        <f>Bühler!L8441</f>
        <v>0.17178112945918206</v>
      </c>
      <c r="M8415" s="57">
        <f>Bühler!M8441</f>
        <v>0</v>
      </c>
      <c r="N8415" s="55">
        <f>IF(Input!$K$13=1,J8415*Input!$J$13,0)+IF(Input!$K$14=1,K8415*Input!$J$14,0)+IF(Input!$K$15=1,L8415*Input!$J$15,0)+IF(Input!$K$16=1,M8415*Input!$J$16,0)</f>
        <v>1.4478547370999606</v>
      </c>
      <c r="O8415" s="58">
        <f>IF(Input!$K$13=2,J8415*Input!$J$13,0)+IF(Input!$K$14=2,K8415*Input!$J$14,0)+IF(Input!$K$15=2,L8415*Input!$J$15,0)+IF(Input!$K$16=2,M8415*Input!$J$16,0)</f>
        <v>4.6380904953979153E-2</v>
      </c>
      <c r="P8415" s="58">
        <f>IF(Input!$K$13=3,J8415*Input!$J$13,0)+IF(Input!$K$14=3,K8415*Input!$J$14,0)+IF(Input!$K$15=3,L8415*Input!$J$15,0)+IF(Input!$K$16=3,M8415*Input!$J$16,0)</f>
        <v>0</v>
      </c>
      <c r="Q8415" s="71">
        <f>IF(Input!$K$13=4,J8415*Input!$J$13,0)+IF(Input!$K$14=4,K8415*Input!$J$14,0)+IF(Input!$K$15=4,L8415*Input!$J$15,0)+IF(Input!$K$16=4,M8415*Input!$J$16,0)</f>
        <v>0</v>
      </c>
    </row>
    <row r="8416" spans="8:17" x14ac:dyDescent="0.25">
      <c r="H8416" s="43">
        <v>8409</v>
      </c>
      <c r="I8416" s="55">
        <f>Bühler!I8442</f>
        <v>4.1986494203545304</v>
      </c>
      <c r="J8416" s="58">
        <f>Bühler!J8442</f>
        <v>12.065456142499672</v>
      </c>
      <c r="K8416" s="58">
        <f>Bühler!K8442</f>
        <v>0.34356225891836412</v>
      </c>
      <c r="L8416" s="58">
        <f>Bühler!L8442</f>
        <v>0.17178112945918206</v>
      </c>
      <c r="M8416" s="57">
        <f>Bühler!M8442</f>
        <v>0</v>
      </c>
      <c r="N8416" s="55">
        <f>IF(Input!$K$13=1,J8416*Input!$J$13,0)+IF(Input!$K$14=1,K8416*Input!$J$14,0)+IF(Input!$K$15=1,L8416*Input!$J$15,0)+IF(Input!$K$16=1,M8416*Input!$J$16,0)</f>
        <v>1.4478547370999606</v>
      </c>
      <c r="O8416" s="58">
        <f>IF(Input!$K$13=2,J8416*Input!$J$13,0)+IF(Input!$K$14=2,K8416*Input!$J$14,0)+IF(Input!$K$15=2,L8416*Input!$J$15,0)+IF(Input!$K$16=2,M8416*Input!$J$16,0)</f>
        <v>4.6380904953979153E-2</v>
      </c>
      <c r="P8416" s="58">
        <f>IF(Input!$K$13=3,J8416*Input!$J$13,0)+IF(Input!$K$14=3,K8416*Input!$J$14,0)+IF(Input!$K$15=3,L8416*Input!$J$15,0)+IF(Input!$K$16=3,M8416*Input!$J$16,0)</f>
        <v>0</v>
      </c>
      <c r="Q8416" s="71">
        <f>IF(Input!$K$13=4,J8416*Input!$J$13,0)+IF(Input!$K$14=4,K8416*Input!$J$14,0)+IF(Input!$K$15=4,L8416*Input!$J$15,0)+IF(Input!$K$16=4,M8416*Input!$J$16,0)</f>
        <v>0</v>
      </c>
    </row>
    <row r="8417" spans="8:17" x14ac:dyDescent="0.25">
      <c r="H8417" s="43">
        <v>8410</v>
      </c>
      <c r="I8417" s="55">
        <f>Bühler!I8443</f>
        <v>4.1986494203545304</v>
      </c>
      <c r="J8417" s="58">
        <f>Bühler!J8443</f>
        <v>12.065456142499672</v>
      </c>
      <c r="K8417" s="58">
        <f>Bühler!K8443</f>
        <v>0.34356225891836412</v>
      </c>
      <c r="L8417" s="58">
        <f>Bühler!L8443</f>
        <v>0.17178112945918206</v>
      </c>
      <c r="M8417" s="57">
        <f>Bühler!M8443</f>
        <v>0</v>
      </c>
      <c r="N8417" s="55">
        <f>IF(Input!$K$13=1,J8417*Input!$J$13,0)+IF(Input!$K$14=1,K8417*Input!$J$14,0)+IF(Input!$K$15=1,L8417*Input!$J$15,0)+IF(Input!$K$16=1,M8417*Input!$J$16,0)</f>
        <v>1.4478547370999606</v>
      </c>
      <c r="O8417" s="58">
        <f>IF(Input!$K$13=2,J8417*Input!$J$13,0)+IF(Input!$K$14=2,K8417*Input!$J$14,0)+IF(Input!$K$15=2,L8417*Input!$J$15,0)+IF(Input!$K$16=2,M8417*Input!$J$16,0)</f>
        <v>4.6380904953979153E-2</v>
      </c>
      <c r="P8417" s="58">
        <f>IF(Input!$K$13=3,J8417*Input!$J$13,0)+IF(Input!$K$14=3,K8417*Input!$J$14,0)+IF(Input!$K$15=3,L8417*Input!$J$15,0)+IF(Input!$K$16=3,M8417*Input!$J$16,0)</f>
        <v>0</v>
      </c>
      <c r="Q8417" s="71">
        <f>IF(Input!$K$13=4,J8417*Input!$J$13,0)+IF(Input!$K$14=4,K8417*Input!$J$14,0)+IF(Input!$K$15=4,L8417*Input!$J$15,0)+IF(Input!$K$16=4,M8417*Input!$J$16,0)</f>
        <v>0</v>
      </c>
    </row>
    <row r="8418" spans="8:17" x14ac:dyDescent="0.25">
      <c r="H8418" s="43">
        <v>8411</v>
      </c>
      <c r="I8418" s="55">
        <f>Bühler!I8444</f>
        <v>4.1986494203545304</v>
      </c>
      <c r="J8418" s="58">
        <f>Bühler!J8444</f>
        <v>12.065456142499672</v>
      </c>
      <c r="K8418" s="58">
        <f>Bühler!K8444</f>
        <v>0.34356225891836412</v>
      </c>
      <c r="L8418" s="58">
        <f>Bühler!L8444</f>
        <v>0.17178112945918206</v>
      </c>
      <c r="M8418" s="57">
        <f>Bühler!M8444</f>
        <v>0</v>
      </c>
      <c r="N8418" s="55">
        <f>IF(Input!$K$13=1,J8418*Input!$J$13,0)+IF(Input!$K$14=1,K8418*Input!$J$14,0)+IF(Input!$K$15=1,L8418*Input!$J$15,0)+IF(Input!$K$16=1,M8418*Input!$J$16,0)</f>
        <v>1.4478547370999606</v>
      </c>
      <c r="O8418" s="58">
        <f>IF(Input!$K$13=2,J8418*Input!$J$13,0)+IF(Input!$K$14=2,K8418*Input!$J$14,0)+IF(Input!$K$15=2,L8418*Input!$J$15,0)+IF(Input!$K$16=2,M8418*Input!$J$16,0)</f>
        <v>4.6380904953979153E-2</v>
      </c>
      <c r="P8418" s="58">
        <f>IF(Input!$K$13=3,J8418*Input!$J$13,0)+IF(Input!$K$14=3,K8418*Input!$J$14,0)+IF(Input!$K$15=3,L8418*Input!$J$15,0)+IF(Input!$K$16=3,M8418*Input!$J$16,0)</f>
        <v>0</v>
      </c>
      <c r="Q8418" s="71">
        <f>IF(Input!$K$13=4,J8418*Input!$J$13,0)+IF(Input!$K$14=4,K8418*Input!$J$14,0)+IF(Input!$K$15=4,L8418*Input!$J$15,0)+IF(Input!$K$16=4,M8418*Input!$J$16,0)</f>
        <v>0</v>
      </c>
    </row>
    <row r="8419" spans="8:17" x14ac:dyDescent="0.25">
      <c r="H8419" s="43">
        <v>8412</v>
      </c>
      <c r="I8419" s="55">
        <f>Bühler!I8445</f>
        <v>4.1986494203545304</v>
      </c>
      <c r="J8419" s="58">
        <f>Bühler!J8445</f>
        <v>12.065456142499672</v>
      </c>
      <c r="K8419" s="58">
        <f>Bühler!K8445</f>
        <v>0.34356225891836412</v>
      </c>
      <c r="L8419" s="58">
        <f>Bühler!L8445</f>
        <v>0.17178112945918206</v>
      </c>
      <c r="M8419" s="57">
        <f>Bühler!M8445</f>
        <v>0</v>
      </c>
      <c r="N8419" s="55">
        <f>IF(Input!$K$13=1,J8419*Input!$J$13,0)+IF(Input!$K$14=1,K8419*Input!$J$14,0)+IF(Input!$K$15=1,L8419*Input!$J$15,0)+IF(Input!$K$16=1,M8419*Input!$J$16,0)</f>
        <v>1.4478547370999606</v>
      </c>
      <c r="O8419" s="58">
        <f>IF(Input!$K$13=2,J8419*Input!$J$13,0)+IF(Input!$K$14=2,K8419*Input!$J$14,0)+IF(Input!$K$15=2,L8419*Input!$J$15,0)+IF(Input!$K$16=2,M8419*Input!$J$16,0)</f>
        <v>4.6380904953979153E-2</v>
      </c>
      <c r="P8419" s="58">
        <f>IF(Input!$K$13=3,J8419*Input!$J$13,0)+IF(Input!$K$14=3,K8419*Input!$J$14,0)+IF(Input!$K$15=3,L8419*Input!$J$15,0)+IF(Input!$K$16=3,M8419*Input!$J$16,0)</f>
        <v>0</v>
      </c>
      <c r="Q8419" s="71">
        <f>IF(Input!$K$13=4,J8419*Input!$J$13,0)+IF(Input!$K$14=4,K8419*Input!$J$14,0)+IF(Input!$K$15=4,L8419*Input!$J$15,0)+IF(Input!$K$16=4,M8419*Input!$J$16,0)</f>
        <v>0</v>
      </c>
    </row>
    <row r="8420" spans="8:17" x14ac:dyDescent="0.25">
      <c r="H8420" s="43">
        <v>8413</v>
      </c>
      <c r="I8420" s="55">
        <f>Bühler!I8446</f>
        <v>4.1986494203545304</v>
      </c>
      <c r="J8420" s="58">
        <f>Bühler!J8446</f>
        <v>12.065456142499672</v>
      </c>
      <c r="K8420" s="58">
        <f>Bühler!K8446</f>
        <v>0.34356225891836412</v>
      </c>
      <c r="L8420" s="58">
        <f>Bühler!L8446</f>
        <v>0.17178112945918206</v>
      </c>
      <c r="M8420" s="57">
        <f>Bühler!M8446</f>
        <v>0</v>
      </c>
      <c r="N8420" s="55">
        <f>IF(Input!$K$13=1,J8420*Input!$J$13,0)+IF(Input!$K$14=1,K8420*Input!$J$14,0)+IF(Input!$K$15=1,L8420*Input!$J$15,0)+IF(Input!$K$16=1,M8420*Input!$J$16,0)</f>
        <v>1.4478547370999606</v>
      </c>
      <c r="O8420" s="58">
        <f>IF(Input!$K$13=2,J8420*Input!$J$13,0)+IF(Input!$K$14=2,K8420*Input!$J$14,0)+IF(Input!$K$15=2,L8420*Input!$J$15,0)+IF(Input!$K$16=2,M8420*Input!$J$16,0)</f>
        <v>4.6380904953979153E-2</v>
      </c>
      <c r="P8420" s="58">
        <f>IF(Input!$K$13=3,J8420*Input!$J$13,0)+IF(Input!$K$14=3,K8420*Input!$J$14,0)+IF(Input!$K$15=3,L8420*Input!$J$15,0)+IF(Input!$K$16=3,M8420*Input!$J$16,0)</f>
        <v>0</v>
      </c>
      <c r="Q8420" s="71">
        <f>IF(Input!$K$13=4,J8420*Input!$J$13,0)+IF(Input!$K$14=4,K8420*Input!$J$14,0)+IF(Input!$K$15=4,L8420*Input!$J$15,0)+IF(Input!$K$16=4,M8420*Input!$J$16,0)</f>
        <v>0</v>
      </c>
    </row>
    <row r="8421" spans="8:17" x14ac:dyDescent="0.25">
      <c r="H8421" s="43">
        <v>8414</v>
      </c>
      <c r="I8421" s="55">
        <f>Bühler!I8447</f>
        <v>4.1986494203545304</v>
      </c>
      <c r="J8421" s="58">
        <f>Bühler!J8447</f>
        <v>12.065456142499672</v>
      </c>
      <c r="K8421" s="58">
        <f>Bühler!K8447</f>
        <v>0.34356225891836412</v>
      </c>
      <c r="L8421" s="58">
        <f>Bühler!L8447</f>
        <v>0.17178112945918206</v>
      </c>
      <c r="M8421" s="57">
        <f>Bühler!M8447</f>
        <v>0</v>
      </c>
      <c r="N8421" s="55">
        <f>IF(Input!$K$13=1,J8421*Input!$J$13,0)+IF(Input!$K$14=1,K8421*Input!$J$14,0)+IF(Input!$K$15=1,L8421*Input!$J$15,0)+IF(Input!$K$16=1,M8421*Input!$J$16,0)</f>
        <v>1.4478547370999606</v>
      </c>
      <c r="O8421" s="58">
        <f>IF(Input!$K$13=2,J8421*Input!$J$13,0)+IF(Input!$K$14=2,K8421*Input!$J$14,0)+IF(Input!$K$15=2,L8421*Input!$J$15,0)+IF(Input!$K$16=2,M8421*Input!$J$16,0)</f>
        <v>4.6380904953979153E-2</v>
      </c>
      <c r="P8421" s="58">
        <f>IF(Input!$K$13=3,J8421*Input!$J$13,0)+IF(Input!$K$14=3,K8421*Input!$J$14,0)+IF(Input!$K$15=3,L8421*Input!$J$15,0)+IF(Input!$K$16=3,M8421*Input!$J$16,0)</f>
        <v>0</v>
      </c>
      <c r="Q8421" s="71">
        <f>IF(Input!$K$13=4,J8421*Input!$J$13,0)+IF(Input!$K$14=4,K8421*Input!$J$14,0)+IF(Input!$K$15=4,L8421*Input!$J$15,0)+IF(Input!$K$16=4,M8421*Input!$J$16,0)</f>
        <v>0</v>
      </c>
    </row>
    <row r="8422" spans="8:17" x14ac:dyDescent="0.25">
      <c r="H8422" s="43">
        <v>8415</v>
      </c>
      <c r="I8422" s="55">
        <f>Bühler!I8448</f>
        <v>4.1986494203545304</v>
      </c>
      <c r="J8422" s="58">
        <f>Bühler!J8448</f>
        <v>12.065456142499672</v>
      </c>
      <c r="K8422" s="58">
        <f>Bühler!K8448</f>
        <v>0.34356225891836412</v>
      </c>
      <c r="L8422" s="58">
        <f>Bühler!L8448</f>
        <v>0.17178112945918206</v>
      </c>
      <c r="M8422" s="57">
        <f>Bühler!M8448</f>
        <v>0</v>
      </c>
      <c r="N8422" s="55">
        <f>IF(Input!$K$13=1,J8422*Input!$J$13,0)+IF(Input!$K$14=1,K8422*Input!$J$14,0)+IF(Input!$K$15=1,L8422*Input!$J$15,0)+IF(Input!$K$16=1,M8422*Input!$J$16,0)</f>
        <v>1.4478547370999606</v>
      </c>
      <c r="O8422" s="58">
        <f>IF(Input!$K$13=2,J8422*Input!$J$13,0)+IF(Input!$K$14=2,K8422*Input!$J$14,0)+IF(Input!$K$15=2,L8422*Input!$J$15,0)+IF(Input!$K$16=2,M8422*Input!$J$16,0)</f>
        <v>4.6380904953979153E-2</v>
      </c>
      <c r="P8422" s="58">
        <f>IF(Input!$K$13=3,J8422*Input!$J$13,0)+IF(Input!$K$14=3,K8422*Input!$J$14,0)+IF(Input!$K$15=3,L8422*Input!$J$15,0)+IF(Input!$K$16=3,M8422*Input!$J$16,0)</f>
        <v>0</v>
      </c>
      <c r="Q8422" s="71">
        <f>IF(Input!$K$13=4,J8422*Input!$J$13,0)+IF(Input!$K$14=4,K8422*Input!$J$14,0)+IF(Input!$K$15=4,L8422*Input!$J$15,0)+IF(Input!$K$16=4,M8422*Input!$J$16,0)</f>
        <v>0</v>
      </c>
    </row>
    <row r="8423" spans="8:17" x14ac:dyDescent="0.25">
      <c r="H8423" s="43">
        <v>8416</v>
      </c>
      <c r="I8423" s="55">
        <f>Bühler!I8449</f>
        <v>3.7321328180929156</v>
      </c>
      <c r="J8423" s="58">
        <f>Bühler!J8449</f>
        <v>12.046017950738772</v>
      </c>
      <c r="K8423" s="58">
        <f>Bühler!K8449</f>
        <v>0.34356225891836412</v>
      </c>
      <c r="L8423" s="58">
        <f>Bühler!L8449</f>
        <v>0.17178112945918206</v>
      </c>
      <c r="M8423" s="57">
        <f>Bühler!M8449</f>
        <v>0</v>
      </c>
      <c r="N8423" s="55">
        <f>IF(Input!$K$13=1,J8423*Input!$J$13,0)+IF(Input!$K$14=1,K8423*Input!$J$14,0)+IF(Input!$K$15=1,L8423*Input!$J$15,0)+IF(Input!$K$16=1,M8423*Input!$J$16,0)</f>
        <v>1.4455221540886527</v>
      </c>
      <c r="O8423" s="58">
        <f>IF(Input!$K$13=2,J8423*Input!$J$13,0)+IF(Input!$K$14=2,K8423*Input!$J$14,0)+IF(Input!$K$15=2,L8423*Input!$J$15,0)+IF(Input!$K$16=2,M8423*Input!$J$16,0)</f>
        <v>4.6380904953979153E-2</v>
      </c>
      <c r="P8423" s="58">
        <f>IF(Input!$K$13=3,J8423*Input!$J$13,0)+IF(Input!$K$14=3,K8423*Input!$J$14,0)+IF(Input!$K$15=3,L8423*Input!$J$15,0)+IF(Input!$K$16=3,M8423*Input!$J$16,0)</f>
        <v>0</v>
      </c>
      <c r="Q8423" s="71">
        <f>IF(Input!$K$13=4,J8423*Input!$J$13,0)+IF(Input!$K$14=4,K8423*Input!$J$14,0)+IF(Input!$K$15=4,L8423*Input!$J$15,0)+IF(Input!$K$16=4,M8423*Input!$J$16,0)</f>
        <v>0</v>
      </c>
    </row>
    <row r="8424" spans="8:17" x14ac:dyDescent="0.25">
      <c r="H8424" s="43">
        <v>8417</v>
      </c>
      <c r="I8424" s="55">
        <f>Bühler!I8450</f>
        <v>3.6654875891983991</v>
      </c>
      <c r="J8424" s="58">
        <f>Bühler!J8450</f>
        <v>12.043241066201501</v>
      </c>
      <c r="K8424" s="58">
        <f>Bühler!K8450</f>
        <v>0.34356225891836412</v>
      </c>
      <c r="L8424" s="58">
        <f>Bühler!L8450</f>
        <v>0.17178112945918206</v>
      </c>
      <c r="M8424" s="57">
        <f>Bühler!M8450</f>
        <v>0</v>
      </c>
      <c r="N8424" s="55">
        <f>IF(Input!$K$13=1,J8424*Input!$J$13,0)+IF(Input!$K$14=1,K8424*Input!$J$14,0)+IF(Input!$K$15=1,L8424*Input!$J$15,0)+IF(Input!$K$16=1,M8424*Input!$J$16,0)</f>
        <v>1.4451889279441801</v>
      </c>
      <c r="O8424" s="58">
        <f>IF(Input!$K$13=2,J8424*Input!$J$13,0)+IF(Input!$K$14=2,K8424*Input!$J$14,0)+IF(Input!$K$15=2,L8424*Input!$J$15,0)+IF(Input!$K$16=2,M8424*Input!$J$16,0)</f>
        <v>4.6380904953979153E-2</v>
      </c>
      <c r="P8424" s="58">
        <f>IF(Input!$K$13=3,J8424*Input!$J$13,0)+IF(Input!$K$14=3,K8424*Input!$J$14,0)+IF(Input!$K$15=3,L8424*Input!$J$15,0)+IF(Input!$K$16=3,M8424*Input!$J$16,0)</f>
        <v>0</v>
      </c>
      <c r="Q8424" s="71">
        <f>IF(Input!$K$13=4,J8424*Input!$J$13,0)+IF(Input!$K$14=4,K8424*Input!$J$14,0)+IF(Input!$K$15=4,L8424*Input!$J$15,0)+IF(Input!$K$16=4,M8424*Input!$J$16,0)</f>
        <v>0</v>
      </c>
    </row>
    <row r="8425" spans="8:17" x14ac:dyDescent="0.25">
      <c r="H8425" s="43">
        <v>8418</v>
      </c>
      <c r="I8425" s="55">
        <f>Bühler!I8451</f>
        <v>3.1323257580422683</v>
      </c>
      <c r="J8425" s="58">
        <f>Bühler!J8451</f>
        <v>12.021025989903329</v>
      </c>
      <c r="K8425" s="58">
        <f>Bühler!K8451</f>
        <v>0.34356225891836412</v>
      </c>
      <c r="L8425" s="58">
        <f>Bühler!L8451</f>
        <v>0.17178112945918206</v>
      </c>
      <c r="M8425" s="57">
        <f>Bühler!M8451</f>
        <v>0</v>
      </c>
      <c r="N8425" s="55">
        <f>IF(Input!$K$13=1,J8425*Input!$J$13,0)+IF(Input!$K$14=1,K8425*Input!$J$14,0)+IF(Input!$K$15=1,L8425*Input!$J$15,0)+IF(Input!$K$16=1,M8425*Input!$J$16,0)</f>
        <v>1.4425231187883993</v>
      </c>
      <c r="O8425" s="58">
        <f>IF(Input!$K$13=2,J8425*Input!$J$13,0)+IF(Input!$K$14=2,K8425*Input!$J$14,0)+IF(Input!$K$15=2,L8425*Input!$J$15,0)+IF(Input!$K$16=2,M8425*Input!$J$16,0)</f>
        <v>4.6380904953979153E-2</v>
      </c>
      <c r="P8425" s="58">
        <f>IF(Input!$K$13=3,J8425*Input!$J$13,0)+IF(Input!$K$14=3,K8425*Input!$J$14,0)+IF(Input!$K$15=3,L8425*Input!$J$15,0)+IF(Input!$K$16=3,M8425*Input!$J$16,0)</f>
        <v>0</v>
      </c>
      <c r="Q8425" s="71">
        <f>IF(Input!$K$13=4,J8425*Input!$J$13,0)+IF(Input!$K$14=4,K8425*Input!$J$14,0)+IF(Input!$K$15=4,L8425*Input!$J$15,0)+IF(Input!$K$16=4,M8425*Input!$J$16,0)</f>
        <v>0</v>
      </c>
    </row>
    <row r="8426" spans="8:17" x14ac:dyDescent="0.25">
      <c r="H8426" s="43">
        <v>8419</v>
      </c>
      <c r="I8426" s="55">
        <f>Bühler!I8452</f>
        <v>2.9323900713587197</v>
      </c>
      <c r="J8426" s="58">
        <f>Bühler!J8452</f>
        <v>12.012695336291515</v>
      </c>
      <c r="K8426" s="58">
        <f>Bühler!K8452</f>
        <v>0.34356225891836412</v>
      </c>
      <c r="L8426" s="58">
        <f>Bühler!L8452</f>
        <v>0.17178112945918206</v>
      </c>
      <c r="M8426" s="57">
        <f>Bühler!M8452</f>
        <v>0</v>
      </c>
      <c r="N8426" s="55">
        <f>IF(Input!$K$13=1,J8426*Input!$J$13,0)+IF(Input!$K$14=1,K8426*Input!$J$14,0)+IF(Input!$K$15=1,L8426*Input!$J$15,0)+IF(Input!$K$16=1,M8426*Input!$J$16,0)</f>
        <v>1.4415234403549817</v>
      </c>
      <c r="O8426" s="58">
        <f>IF(Input!$K$13=2,J8426*Input!$J$13,0)+IF(Input!$K$14=2,K8426*Input!$J$14,0)+IF(Input!$K$15=2,L8426*Input!$J$15,0)+IF(Input!$K$16=2,M8426*Input!$J$16,0)</f>
        <v>4.6380904953979153E-2</v>
      </c>
      <c r="P8426" s="58">
        <f>IF(Input!$K$13=3,J8426*Input!$J$13,0)+IF(Input!$K$14=3,K8426*Input!$J$14,0)+IF(Input!$K$15=3,L8426*Input!$J$15,0)+IF(Input!$K$16=3,M8426*Input!$J$16,0)</f>
        <v>0</v>
      </c>
      <c r="Q8426" s="71">
        <f>IF(Input!$K$13=4,J8426*Input!$J$13,0)+IF(Input!$K$14=4,K8426*Input!$J$14,0)+IF(Input!$K$15=4,L8426*Input!$J$15,0)+IF(Input!$K$16=4,M8426*Input!$J$16,0)</f>
        <v>0</v>
      </c>
    </row>
    <row r="8427" spans="8:17" x14ac:dyDescent="0.25">
      <c r="H8427" s="43">
        <v>8420</v>
      </c>
      <c r="I8427" s="55">
        <f>Bühler!I8453</f>
        <v>2.4658734690971054</v>
      </c>
      <c r="J8427" s="58">
        <f>Bühler!J8453</f>
        <v>11.993257144530613</v>
      </c>
      <c r="K8427" s="58">
        <f>Bühler!K8453</f>
        <v>0.34356225891836412</v>
      </c>
      <c r="L8427" s="58">
        <f>Bühler!L8453</f>
        <v>0.17178112945918206</v>
      </c>
      <c r="M8427" s="57">
        <f>Bühler!M8453</f>
        <v>0</v>
      </c>
      <c r="N8427" s="55">
        <f>IF(Input!$K$13=1,J8427*Input!$J$13,0)+IF(Input!$K$14=1,K8427*Input!$J$14,0)+IF(Input!$K$15=1,L8427*Input!$J$15,0)+IF(Input!$K$16=1,M8427*Input!$J$16,0)</f>
        <v>1.4391908573436736</v>
      </c>
      <c r="O8427" s="58">
        <f>IF(Input!$K$13=2,J8427*Input!$J$13,0)+IF(Input!$K$14=2,K8427*Input!$J$14,0)+IF(Input!$K$15=2,L8427*Input!$J$15,0)+IF(Input!$K$16=2,M8427*Input!$J$16,0)</f>
        <v>4.6380904953979153E-2</v>
      </c>
      <c r="P8427" s="58">
        <f>IF(Input!$K$13=3,J8427*Input!$J$13,0)+IF(Input!$K$14=3,K8427*Input!$J$14,0)+IF(Input!$K$15=3,L8427*Input!$J$15,0)+IF(Input!$K$16=3,M8427*Input!$J$16,0)</f>
        <v>0</v>
      </c>
      <c r="Q8427" s="71">
        <f>IF(Input!$K$13=4,J8427*Input!$J$13,0)+IF(Input!$K$14=4,K8427*Input!$J$14,0)+IF(Input!$K$15=4,L8427*Input!$J$15,0)+IF(Input!$K$16=4,M8427*Input!$J$16,0)</f>
        <v>0</v>
      </c>
    </row>
    <row r="8428" spans="8:17" x14ac:dyDescent="0.25">
      <c r="H8428" s="43">
        <v>8421</v>
      </c>
      <c r="I8428" s="55">
        <f>Bühler!I8454</f>
        <v>2.0660020957300067</v>
      </c>
      <c r="J8428" s="58">
        <f>Bühler!J8454</f>
        <v>11.976595837306984</v>
      </c>
      <c r="K8428" s="58">
        <f>Bühler!K8454</f>
        <v>0.34356225891836412</v>
      </c>
      <c r="L8428" s="58">
        <f>Bühler!L8454</f>
        <v>0.17178112945918206</v>
      </c>
      <c r="M8428" s="57">
        <f>Bühler!M8454</f>
        <v>0</v>
      </c>
      <c r="N8428" s="55">
        <f>IF(Input!$K$13=1,J8428*Input!$J$13,0)+IF(Input!$K$14=1,K8428*Input!$J$14,0)+IF(Input!$K$15=1,L8428*Input!$J$15,0)+IF(Input!$K$16=1,M8428*Input!$J$16,0)</f>
        <v>1.4371915004768381</v>
      </c>
      <c r="O8428" s="58">
        <f>IF(Input!$K$13=2,J8428*Input!$J$13,0)+IF(Input!$K$14=2,K8428*Input!$J$14,0)+IF(Input!$K$15=2,L8428*Input!$J$15,0)+IF(Input!$K$16=2,M8428*Input!$J$16,0)</f>
        <v>4.6380904953979153E-2</v>
      </c>
      <c r="P8428" s="58">
        <f>IF(Input!$K$13=3,J8428*Input!$J$13,0)+IF(Input!$K$14=3,K8428*Input!$J$14,0)+IF(Input!$K$15=3,L8428*Input!$J$15,0)+IF(Input!$K$16=3,M8428*Input!$J$16,0)</f>
        <v>0</v>
      </c>
      <c r="Q8428" s="71">
        <f>IF(Input!$K$13=4,J8428*Input!$J$13,0)+IF(Input!$K$14=4,K8428*Input!$J$14,0)+IF(Input!$K$15=4,L8428*Input!$J$15,0)+IF(Input!$K$16=4,M8428*Input!$J$16,0)</f>
        <v>0</v>
      </c>
    </row>
    <row r="8429" spans="8:17" x14ac:dyDescent="0.25">
      <c r="H8429" s="43">
        <v>8422</v>
      </c>
      <c r="I8429" s="55">
        <f>Bühler!I8455</f>
        <v>1.7994211801519415</v>
      </c>
      <c r="J8429" s="58">
        <f>Bühler!J8455</f>
        <v>11.965488299157899</v>
      </c>
      <c r="K8429" s="58">
        <f>Bühler!K8455</f>
        <v>0.34356225891836412</v>
      </c>
      <c r="L8429" s="58">
        <f>Bühler!L8455</f>
        <v>0.17178112945918206</v>
      </c>
      <c r="M8429" s="57">
        <f>Bühler!M8455</f>
        <v>0</v>
      </c>
      <c r="N8429" s="55">
        <f>IF(Input!$K$13=1,J8429*Input!$J$13,0)+IF(Input!$K$14=1,K8429*Input!$J$14,0)+IF(Input!$K$15=1,L8429*Input!$J$15,0)+IF(Input!$K$16=1,M8429*Input!$J$16,0)</f>
        <v>1.4358585958989478</v>
      </c>
      <c r="O8429" s="58">
        <f>IF(Input!$K$13=2,J8429*Input!$J$13,0)+IF(Input!$K$14=2,K8429*Input!$J$14,0)+IF(Input!$K$15=2,L8429*Input!$J$15,0)+IF(Input!$K$16=2,M8429*Input!$J$16,0)</f>
        <v>4.6380904953979153E-2</v>
      </c>
      <c r="P8429" s="58">
        <f>IF(Input!$K$13=3,J8429*Input!$J$13,0)+IF(Input!$K$14=3,K8429*Input!$J$14,0)+IF(Input!$K$15=3,L8429*Input!$J$15,0)+IF(Input!$K$16=3,M8429*Input!$J$16,0)</f>
        <v>0</v>
      </c>
      <c r="Q8429" s="71">
        <f>IF(Input!$K$13=4,J8429*Input!$J$13,0)+IF(Input!$K$14=4,K8429*Input!$J$14,0)+IF(Input!$K$15=4,L8429*Input!$J$15,0)+IF(Input!$K$16=4,M8429*Input!$J$16,0)</f>
        <v>0</v>
      </c>
    </row>
    <row r="8430" spans="8:17" x14ac:dyDescent="0.25">
      <c r="H8430" s="43">
        <v>8423</v>
      </c>
      <c r="I8430" s="55">
        <f>Bühler!I8456</f>
        <v>1.7994211801519415</v>
      </c>
      <c r="J8430" s="58">
        <f>Bühler!J8456</f>
        <v>11.965488299157899</v>
      </c>
      <c r="K8430" s="58">
        <f>Bühler!K8456</f>
        <v>0.34356225891836412</v>
      </c>
      <c r="L8430" s="58">
        <f>Bühler!L8456</f>
        <v>0.17178112945918206</v>
      </c>
      <c r="M8430" s="57">
        <f>Bühler!M8456</f>
        <v>0</v>
      </c>
      <c r="N8430" s="55">
        <f>IF(Input!$K$13=1,J8430*Input!$J$13,0)+IF(Input!$K$14=1,K8430*Input!$J$14,0)+IF(Input!$K$15=1,L8430*Input!$J$15,0)+IF(Input!$K$16=1,M8430*Input!$J$16,0)</f>
        <v>1.4358585958989478</v>
      </c>
      <c r="O8430" s="58">
        <f>IF(Input!$K$13=2,J8430*Input!$J$13,0)+IF(Input!$K$14=2,K8430*Input!$J$14,0)+IF(Input!$K$15=2,L8430*Input!$J$15,0)+IF(Input!$K$16=2,M8430*Input!$J$16,0)</f>
        <v>4.6380904953979153E-2</v>
      </c>
      <c r="P8430" s="58">
        <f>IF(Input!$K$13=3,J8430*Input!$J$13,0)+IF(Input!$K$14=3,K8430*Input!$J$14,0)+IF(Input!$K$15=3,L8430*Input!$J$15,0)+IF(Input!$K$16=3,M8430*Input!$J$16,0)</f>
        <v>0</v>
      </c>
      <c r="Q8430" s="71">
        <f>IF(Input!$K$13=4,J8430*Input!$J$13,0)+IF(Input!$K$14=4,K8430*Input!$J$14,0)+IF(Input!$K$15=4,L8430*Input!$J$15,0)+IF(Input!$K$16=4,M8430*Input!$J$16,0)</f>
        <v>0</v>
      </c>
    </row>
    <row r="8431" spans="8:17" x14ac:dyDescent="0.25">
      <c r="H8431" s="43">
        <v>8424</v>
      </c>
      <c r="I8431" s="55">
        <f>Bühler!I8457</f>
        <v>1.7994211801519415</v>
      </c>
      <c r="J8431" s="58">
        <f>Bühler!J8457</f>
        <v>11.965488299157899</v>
      </c>
      <c r="K8431" s="58">
        <f>Bühler!K8457</f>
        <v>0.34356225891836412</v>
      </c>
      <c r="L8431" s="58">
        <f>Bühler!L8457</f>
        <v>0.17178112945918206</v>
      </c>
      <c r="M8431" s="57">
        <f>Bühler!M8457</f>
        <v>0</v>
      </c>
      <c r="N8431" s="55">
        <f>IF(Input!$K$13=1,J8431*Input!$J$13,0)+IF(Input!$K$14=1,K8431*Input!$J$14,0)+IF(Input!$K$15=1,L8431*Input!$J$15,0)+IF(Input!$K$16=1,M8431*Input!$J$16,0)</f>
        <v>1.4358585958989478</v>
      </c>
      <c r="O8431" s="58">
        <f>IF(Input!$K$13=2,J8431*Input!$J$13,0)+IF(Input!$K$14=2,K8431*Input!$J$14,0)+IF(Input!$K$15=2,L8431*Input!$J$15,0)+IF(Input!$K$16=2,M8431*Input!$J$16,0)</f>
        <v>4.6380904953979153E-2</v>
      </c>
      <c r="P8431" s="58">
        <f>IF(Input!$K$13=3,J8431*Input!$J$13,0)+IF(Input!$K$14=3,K8431*Input!$J$14,0)+IF(Input!$K$15=3,L8431*Input!$J$15,0)+IF(Input!$K$16=3,M8431*Input!$J$16,0)</f>
        <v>0</v>
      </c>
      <c r="Q8431" s="71">
        <f>IF(Input!$K$13=4,J8431*Input!$J$13,0)+IF(Input!$K$14=4,K8431*Input!$J$14,0)+IF(Input!$K$15=4,L8431*Input!$J$15,0)+IF(Input!$K$16=4,M8431*Input!$J$16,0)</f>
        <v>0</v>
      </c>
    </row>
    <row r="8432" spans="8:17" x14ac:dyDescent="0.25">
      <c r="H8432" s="43">
        <v>8425</v>
      </c>
      <c r="I8432" s="55">
        <f>Bühler!I8458</f>
        <v>1.3595865044815016</v>
      </c>
      <c r="J8432" s="58">
        <f>Bühler!J8458</f>
        <v>11.38850338937487</v>
      </c>
      <c r="K8432" s="58">
        <f>Bühler!K8458</f>
        <v>0.60190057992966839</v>
      </c>
      <c r="L8432" s="58">
        <f>Bühler!L8458</f>
        <v>0.30095028996483419</v>
      </c>
      <c r="M8432" s="57">
        <f>Bühler!M8458</f>
        <v>0</v>
      </c>
      <c r="N8432" s="55">
        <f>IF(Input!$K$13=1,J8432*Input!$J$13,0)+IF(Input!$K$14=1,K8432*Input!$J$14,0)+IF(Input!$K$15=1,L8432*Input!$J$15,0)+IF(Input!$K$16=1,M8432*Input!$J$16,0)</f>
        <v>1.3666204067249843</v>
      </c>
      <c r="O8432" s="58">
        <f>IF(Input!$K$13=2,J8432*Input!$J$13,0)+IF(Input!$K$14=2,K8432*Input!$J$14,0)+IF(Input!$K$15=2,L8432*Input!$J$15,0)+IF(Input!$K$16=2,M8432*Input!$J$16,0)</f>
        <v>8.1256578290505227E-2</v>
      </c>
      <c r="P8432" s="58">
        <f>IF(Input!$K$13=3,J8432*Input!$J$13,0)+IF(Input!$K$14=3,K8432*Input!$J$14,0)+IF(Input!$K$15=3,L8432*Input!$J$15,0)+IF(Input!$K$16=3,M8432*Input!$J$16,0)</f>
        <v>0</v>
      </c>
      <c r="Q8432" s="71">
        <f>IF(Input!$K$13=4,J8432*Input!$J$13,0)+IF(Input!$K$14=4,K8432*Input!$J$14,0)+IF(Input!$K$15=4,L8432*Input!$J$15,0)+IF(Input!$K$16=4,M8432*Input!$J$16,0)</f>
        <v>0</v>
      </c>
    </row>
    <row r="8433" spans="8:17" x14ac:dyDescent="0.25">
      <c r="H8433" s="43">
        <v>8426</v>
      </c>
      <c r="I8433" s="55">
        <f>Bühler!I8459</f>
        <v>1.3595865044815016</v>
      </c>
      <c r="J8433" s="58">
        <f>Bühler!J8459</f>
        <v>11.38850338937487</v>
      </c>
      <c r="K8433" s="58">
        <f>Bühler!K8459</f>
        <v>0.60190057992966839</v>
      </c>
      <c r="L8433" s="58">
        <f>Bühler!L8459</f>
        <v>0.30095028996483419</v>
      </c>
      <c r="M8433" s="57">
        <f>Bühler!M8459</f>
        <v>0</v>
      </c>
      <c r="N8433" s="55">
        <f>IF(Input!$K$13=1,J8433*Input!$J$13,0)+IF(Input!$K$14=1,K8433*Input!$J$14,0)+IF(Input!$K$15=1,L8433*Input!$J$15,0)+IF(Input!$K$16=1,M8433*Input!$J$16,0)</f>
        <v>1.3666204067249843</v>
      </c>
      <c r="O8433" s="58">
        <f>IF(Input!$K$13=2,J8433*Input!$J$13,0)+IF(Input!$K$14=2,K8433*Input!$J$14,0)+IF(Input!$K$15=2,L8433*Input!$J$15,0)+IF(Input!$K$16=2,M8433*Input!$J$16,0)</f>
        <v>8.1256578290505227E-2</v>
      </c>
      <c r="P8433" s="58">
        <f>IF(Input!$K$13=3,J8433*Input!$J$13,0)+IF(Input!$K$14=3,K8433*Input!$J$14,0)+IF(Input!$K$15=3,L8433*Input!$J$15,0)+IF(Input!$K$16=3,M8433*Input!$J$16,0)</f>
        <v>0</v>
      </c>
      <c r="Q8433" s="71">
        <f>IF(Input!$K$13=4,J8433*Input!$J$13,0)+IF(Input!$K$14=4,K8433*Input!$J$14,0)+IF(Input!$K$15=4,L8433*Input!$J$15,0)+IF(Input!$K$16=4,M8433*Input!$J$16,0)</f>
        <v>0</v>
      </c>
    </row>
    <row r="8434" spans="8:17" x14ac:dyDescent="0.25">
      <c r="H8434" s="43">
        <v>8427</v>
      </c>
      <c r="I8434" s="55">
        <f>Bühler!I8460</f>
        <v>1.3595865044815016</v>
      </c>
      <c r="J8434" s="58">
        <f>Bühler!J8460</f>
        <v>11.38850338937487</v>
      </c>
      <c r="K8434" s="58">
        <f>Bühler!K8460</f>
        <v>0.60190057992966839</v>
      </c>
      <c r="L8434" s="58">
        <f>Bühler!L8460</f>
        <v>0.30095028996483419</v>
      </c>
      <c r="M8434" s="57">
        <f>Bühler!M8460</f>
        <v>0</v>
      </c>
      <c r="N8434" s="55">
        <f>IF(Input!$K$13=1,J8434*Input!$J$13,0)+IF(Input!$K$14=1,K8434*Input!$J$14,0)+IF(Input!$K$15=1,L8434*Input!$J$15,0)+IF(Input!$K$16=1,M8434*Input!$J$16,0)</f>
        <v>1.3666204067249843</v>
      </c>
      <c r="O8434" s="58">
        <f>IF(Input!$K$13=2,J8434*Input!$J$13,0)+IF(Input!$K$14=2,K8434*Input!$J$14,0)+IF(Input!$K$15=2,L8434*Input!$J$15,0)+IF(Input!$K$16=2,M8434*Input!$J$16,0)</f>
        <v>8.1256578290505227E-2</v>
      </c>
      <c r="P8434" s="58">
        <f>IF(Input!$K$13=3,J8434*Input!$J$13,0)+IF(Input!$K$14=3,K8434*Input!$J$14,0)+IF(Input!$K$15=3,L8434*Input!$J$15,0)+IF(Input!$K$16=3,M8434*Input!$J$16,0)</f>
        <v>0</v>
      </c>
      <c r="Q8434" s="71">
        <f>IF(Input!$K$13=4,J8434*Input!$J$13,0)+IF(Input!$K$14=4,K8434*Input!$J$14,0)+IF(Input!$K$15=4,L8434*Input!$J$15,0)+IF(Input!$K$16=4,M8434*Input!$J$16,0)</f>
        <v>0</v>
      </c>
    </row>
    <row r="8435" spans="8:17" x14ac:dyDescent="0.25">
      <c r="H8435" s="43">
        <v>8428</v>
      </c>
      <c r="I8435" s="55">
        <f>Bühler!I8461</f>
        <v>1.3595865044815016</v>
      </c>
      <c r="J8435" s="58">
        <f>Bühler!J8461</f>
        <v>11.38850338937487</v>
      </c>
      <c r="K8435" s="58">
        <f>Bühler!K8461</f>
        <v>0.60190057992966839</v>
      </c>
      <c r="L8435" s="58">
        <f>Bühler!L8461</f>
        <v>0.30095028996483419</v>
      </c>
      <c r="M8435" s="57">
        <f>Bühler!M8461</f>
        <v>0</v>
      </c>
      <c r="N8435" s="55">
        <f>IF(Input!$K$13=1,J8435*Input!$J$13,0)+IF(Input!$K$14=1,K8435*Input!$J$14,0)+IF(Input!$K$15=1,L8435*Input!$J$15,0)+IF(Input!$K$16=1,M8435*Input!$J$16,0)</f>
        <v>1.3666204067249843</v>
      </c>
      <c r="O8435" s="58">
        <f>IF(Input!$K$13=2,J8435*Input!$J$13,0)+IF(Input!$K$14=2,K8435*Input!$J$14,0)+IF(Input!$K$15=2,L8435*Input!$J$15,0)+IF(Input!$K$16=2,M8435*Input!$J$16,0)</f>
        <v>8.1256578290505227E-2</v>
      </c>
      <c r="P8435" s="58">
        <f>IF(Input!$K$13=3,J8435*Input!$J$13,0)+IF(Input!$K$14=3,K8435*Input!$J$14,0)+IF(Input!$K$15=3,L8435*Input!$J$15,0)+IF(Input!$K$16=3,M8435*Input!$J$16,0)</f>
        <v>0</v>
      </c>
      <c r="Q8435" s="71">
        <f>IF(Input!$K$13=4,J8435*Input!$J$13,0)+IF(Input!$K$14=4,K8435*Input!$J$14,0)+IF(Input!$K$15=4,L8435*Input!$J$15,0)+IF(Input!$K$16=4,M8435*Input!$J$16,0)</f>
        <v>0</v>
      </c>
    </row>
    <row r="8436" spans="8:17" x14ac:dyDescent="0.25">
      <c r="H8436" s="43">
        <v>8429</v>
      </c>
      <c r="I8436" s="55">
        <f>Bühler!I8462</f>
        <v>1.3595865044815016</v>
      </c>
      <c r="J8436" s="58">
        <f>Bühler!J8462</f>
        <v>11.38850338937487</v>
      </c>
      <c r="K8436" s="58">
        <f>Bühler!K8462</f>
        <v>0.60190057992966839</v>
      </c>
      <c r="L8436" s="58">
        <f>Bühler!L8462</f>
        <v>0.30095028996483419</v>
      </c>
      <c r="M8436" s="57">
        <f>Bühler!M8462</f>
        <v>0</v>
      </c>
      <c r="N8436" s="55">
        <f>IF(Input!$K$13=1,J8436*Input!$J$13,0)+IF(Input!$K$14=1,K8436*Input!$J$14,0)+IF(Input!$K$15=1,L8436*Input!$J$15,0)+IF(Input!$K$16=1,M8436*Input!$J$16,0)</f>
        <v>1.3666204067249843</v>
      </c>
      <c r="O8436" s="58">
        <f>IF(Input!$K$13=2,J8436*Input!$J$13,0)+IF(Input!$K$14=2,K8436*Input!$J$14,0)+IF(Input!$K$15=2,L8436*Input!$J$15,0)+IF(Input!$K$16=2,M8436*Input!$J$16,0)</f>
        <v>8.1256578290505227E-2</v>
      </c>
      <c r="P8436" s="58">
        <f>IF(Input!$K$13=3,J8436*Input!$J$13,0)+IF(Input!$K$14=3,K8436*Input!$J$14,0)+IF(Input!$K$15=3,L8436*Input!$J$15,0)+IF(Input!$K$16=3,M8436*Input!$J$16,0)</f>
        <v>0</v>
      </c>
      <c r="Q8436" s="71">
        <f>IF(Input!$K$13=4,J8436*Input!$J$13,0)+IF(Input!$K$14=4,K8436*Input!$J$14,0)+IF(Input!$K$15=4,L8436*Input!$J$15,0)+IF(Input!$K$16=4,M8436*Input!$J$16,0)</f>
        <v>0</v>
      </c>
    </row>
    <row r="8437" spans="8:17" x14ac:dyDescent="0.25">
      <c r="H8437" s="43">
        <v>8430</v>
      </c>
      <c r="I8437" s="55">
        <f>Bühler!I8463</f>
        <v>1.3595865044815016</v>
      </c>
      <c r="J8437" s="58">
        <f>Bühler!J8463</f>
        <v>11.38850338937487</v>
      </c>
      <c r="K8437" s="58">
        <f>Bühler!K8463</f>
        <v>0.60190057992966839</v>
      </c>
      <c r="L8437" s="58">
        <f>Bühler!L8463</f>
        <v>0.30095028996483419</v>
      </c>
      <c r="M8437" s="57">
        <f>Bühler!M8463</f>
        <v>0</v>
      </c>
      <c r="N8437" s="55">
        <f>IF(Input!$K$13=1,J8437*Input!$J$13,0)+IF(Input!$K$14=1,K8437*Input!$J$14,0)+IF(Input!$K$15=1,L8437*Input!$J$15,0)+IF(Input!$K$16=1,M8437*Input!$J$16,0)</f>
        <v>1.3666204067249843</v>
      </c>
      <c r="O8437" s="58">
        <f>IF(Input!$K$13=2,J8437*Input!$J$13,0)+IF(Input!$K$14=2,K8437*Input!$J$14,0)+IF(Input!$K$15=2,L8437*Input!$J$15,0)+IF(Input!$K$16=2,M8437*Input!$J$16,0)</f>
        <v>8.1256578290505227E-2</v>
      </c>
      <c r="P8437" s="58">
        <f>IF(Input!$K$13=3,J8437*Input!$J$13,0)+IF(Input!$K$14=3,K8437*Input!$J$14,0)+IF(Input!$K$15=3,L8437*Input!$J$15,0)+IF(Input!$K$16=3,M8437*Input!$J$16,0)</f>
        <v>0</v>
      </c>
      <c r="Q8437" s="71">
        <f>IF(Input!$K$13=4,J8437*Input!$J$13,0)+IF(Input!$K$14=4,K8437*Input!$J$14,0)+IF(Input!$K$15=4,L8437*Input!$J$15,0)+IF(Input!$K$16=4,M8437*Input!$J$16,0)</f>
        <v>0</v>
      </c>
    </row>
    <row r="8438" spans="8:17" x14ac:dyDescent="0.25">
      <c r="H8438" s="43">
        <v>8431</v>
      </c>
      <c r="I8438" s="55">
        <f>Bühler!I8464</f>
        <v>1.3595865044815016</v>
      </c>
      <c r="J8438" s="58">
        <f>Bühler!J8464</f>
        <v>11.38850338937487</v>
      </c>
      <c r="K8438" s="58">
        <f>Bühler!K8464</f>
        <v>0.60190057992966839</v>
      </c>
      <c r="L8438" s="58">
        <f>Bühler!L8464</f>
        <v>0.30095028996483419</v>
      </c>
      <c r="M8438" s="57">
        <f>Bühler!M8464</f>
        <v>0</v>
      </c>
      <c r="N8438" s="55">
        <f>IF(Input!$K$13=1,J8438*Input!$J$13,0)+IF(Input!$K$14=1,K8438*Input!$J$14,0)+IF(Input!$K$15=1,L8438*Input!$J$15,0)+IF(Input!$K$16=1,M8438*Input!$J$16,0)</f>
        <v>1.3666204067249843</v>
      </c>
      <c r="O8438" s="58">
        <f>IF(Input!$K$13=2,J8438*Input!$J$13,0)+IF(Input!$K$14=2,K8438*Input!$J$14,0)+IF(Input!$K$15=2,L8438*Input!$J$15,0)+IF(Input!$K$16=2,M8438*Input!$J$16,0)</f>
        <v>8.1256578290505227E-2</v>
      </c>
      <c r="P8438" s="58">
        <f>IF(Input!$K$13=3,J8438*Input!$J$13,0)+IF(Input!$K$14=3,K8438*Input!$J$14,0)+IF(Input!$K$15=3,L8438*Input!$J$15,0)+IF(Input!$K$16=3,M8438*Input!$J$16,0)</f>
        <v>0</v>
      </c>
      <c r="Q8438" s="71">
        <f>IF(Input!$K$13=4,J8438*Input!$J$13,0)+IF(Input!$K$14=4,K8438*Input!$J$14,0)+IF(Input!$K$15=4,L8438*Input!$J$15,0)+IF(Input!$K$16=4,M8438*Input!$J$16,0)</f>
        <v>0</v>
      </c>
    </row>
    <row r="8439" spans="8:17" x14ac:dyDescent="0.25">
      <c r="H8439" s="43">
        <v>8432</v>
      </c>
      <c r="I8439" s="55">
        <f>Bühler!I8465</f>
        <v>5.9142012944945312</v>
      </c>
      <c r="J8439" s="58">
        <f>Bühler!J8465</f>
        <v>48.647584122923895</v>
      </c>
      <c r="K8439" s="58">
        <f>Bühler!K8465</f>
        <v>2.5640964705003872</v>
      </c>
      <c r="L8439" s="58">
        <f>Bühler!L8465</f>
        <v>1.2820482352501936</v>
      </c>
      <c r="M8439" s="57">
        <f>Bühler!M8465</f>
        <v>0</v>
      </c>
      <c r="N8439" s="55">
        <f>IF(Input!$K$13=1,J8439*Input!$J$13,0)+IF(Input!$K$14=1,K8439*Input!$J$14,0)+IF(Input!$K$15=1,L8439*Input!$J$15,0)+IF(Input!$K$16=1,M8439*Input!$J$16,0)</f>
        <v>5.8377100947508671</v>
      </c>
      <c r="O8439" s="58">
        <f>IF(Input!$K$13=2,J8439*Input!$J$13,0)+IF(Input!$K$14=2,K8439*Input!$J$14,0)+IF(Input!$K$15=2,L8439*Input!$J$15,0)+IF(Input!$K$16=2,M8439*Input!$J$16,0)</f>
        <v>0.34615302351755228</v>
      </c>
      <c r="P8439" s="58">
        <f>IF(Input!$K$13=3,J8439*Input!$J$13,0)+IF(Input!$K$14=3,K8439*Input!$J$14,0)+IF(Input!$K$15=3,L8439*Input!$J$15,0)+IF(Input!$K$16=3,M8439*Input!$J$16,0)</f>
        <v>0</v>
      </c>
      <c r="Q8439" s="71">
        <f>IF(Input!$K$13=4,J8439*Input!$J$13,0)+IF(Input!$K$14=4,K8439*Input!$J$14,0)+IF(Input!$K$15=4,L8439*Input!$J$15,0)+IF(Input!$K$16=4,M8439*Input!$J$16,0)</f>
        <v>0</v>
      </c>
    </row>
    <row r="8440" spans="8:17" x14ac:dyDescent="0.25">
      <c r="H8440" s="43">
        <v>8433</v>
      </c>
      <c r="I8440" s="55">
        <f>Bühler!I8466</f>
        <v>6.6534764563063478</v>
      </c>
      <c r="J8440" s="58">
        <f>Bühler!J8466</f>
        <v>54.728532138289381</v>
      </c>
      <c r="K8440" s="58">
        <f>Bühler!K8466</f>
        <v>2.8846085293129358</v>
      </c>
      <c r="L8440" s="58">
        <f>Bühler!L8466</f>
        <v>1.4423042646564679</v>
      </c>
      <c r="M8440" s="57">
        <f>Bühler!M8466</f>
        <v>0</v>
      </c>
      <c r="N8440" s="55">
        <f>IF(Input!$K$13=1,J8440*Input!$J$13,0)+IF(Input!$K$14=1,K8440*Input!$J$14,0)+IF(Input!$K$15=1,L8440*Input!$J$15,0)+IF(Input!$K$16=1,M8440*Input!$J$16,0)</f>
        <v>6.5674238565947256</v>
      </c>
      <c r="O8440" s="58">
        <f>IF(Input!$K$13=2,J8440*Input!$J$13,0)+IF(Input!$K$14=2,K8440*Input!$J$14,0)+IF(Input!$K$15=2,L8440*Input!$J$15,0)+IF(Input!$K$16=2,M8440*Input!$J$16,0)</f>
        <v>0.38942215145724635</v>
      </c>
      <c r="P8440" s="58">
        <f>IF(Input!$K$13=3,J8440*Input!$J$13,0)+IF(Input!$K$14=3,K8440*Input!$J$14,0)+IF(Input!$K$15=3,L8440*Input!$J$15,0)+IF(Input!$K$16=3,M8440*Input!$J$16,0)</f>
        <v>0</v>
      </c>
      <c r="Q8440" s="71">
        <f>IF(Input!$K$13=4,J8440*Input!$J$13,0)+IF(Input!$K$14=4,K8440*Input!$J$14,0)+IF(Input!$K$15=4,L8440*Input!$J$15,0)+IF(Input!$K$16=4,M8440*Input!$J$16,0)</f>
        <v>0</v>
      </c>
    </row>
    <row r="8441" spans="8:17" x14ac:dyDescent="0.25">
      <c r="H8441" s="43">
        <v>8434</v>
      </c>
      <c r="I8441" s="55">
        <f>Bühler!I8467</f>
        <v>7.3927516181181643</v>
      </c>
      <c r="J8441" s="58">
        <f>Bühler!J8467</f>
        <v>60.809480153654867</v>
      </c>
      <c r="K8441" s="58">
        <f>Bühler!K8467</f>
        <v>3.2051205881254843</v>
      </c>
      <c r="L8441" s="58">
        <f>Bühler!L8467</f>
        <v>1.6025602940627421</v>
      </c>
      <c r="M8441" s="57">
        <f>Bühler!M8467</f>
        <v>0</v>
      </c>
      <c r="N8441" s="55">
        <f>IF(Input!$K$13=1,J8441*Input!$J$13,0)+IF(Input!$K$14=1,K8441*Input!$J$14,0)+IF(Input!$K$15=1,L8441*Input!$J$15,0)+IF(Input!$K$16=1,M8441*Input!$J$16,0)</f>
        <v>7.2971376184385841</v>
      </c>
      <c r="O8441" s="58">
        <f>IF(Input!$K$13=2,J8441*Input!$J$13,0)+IF(Input!$K$14=2,K8441*Input!$J$14,0)+IF(Input!$K$15=2,L8441*Input!$J$15,0)+IF(Input!$K$16=2,M8441*Input!$J$16,0)</f>
        <v>0.43269127939694035</v>
      </c>
      <c r="P8441" s="58">
        <f>IF(Input!$K$13=3,J8441*Input!$J$13,0)+IF(Input!$K$14=3,K8441*Input!$J$14,0)+IF(Input!$K$15=3,L8441*Input!$J$15,0)+IF(Input!$K$16=3,M8441*Input!$J$16,0)</f>
        <v>0</v>
      </c>
      <c r="Q8441" s="71">
        <f>IF(Input!$K$13=4,J8441*Input!$J$13,0)+IF(Input!$K$14=4,K8441*Input!$J$14,0)+IF(Input!$K$15=4,L8441*Input!$J$15,0)+IF(Input!$K$16=4,M8441*Input!$J$16,0)</f>
        <v>0</v>
      </c>
    </row>
    <row r="8442" spans="8:17" x14ac:dyDescent="0.25">
      <c r="H8442" s="43">
        <v>8435</v>
      </c>
      <c r="I8442" s="55">
        <f>Bühler!I8468</f>
        <v>7.3927516181181643</v>
      </c>
      <c r="J8442" s="58">
        <f>Bühler!J8468</f>
        <v>60.809480153654867</v>
      </c>
      <c r="K8442" s="58">
        <f>Bühler!K8468</f>
        <v>3.2051205881254843</v>
      </c>
      <c r="L8442" s="58">
        <f>Bühler!L8468</f>
        <v>1.6025602940627421</v>
      </c>
      <c r="M8442" s="57">
        <f>Bühler!M8468</f>
        <v>0</v>
      </c>
      <c r="N8442" s="55">
        <f>IF(Input!$K$13=1,J8442*Input!$J$13,0)+IF(Input!$K$14=1,K8442*Input!$J$14,0)+IF(Input!$K$15=1,L8442*Input!$J$15,0)+IF(Input!$K$16=1,M8442*Input!$J$16,0)</f>
        <v>7.2971376184385841</v>
      </c>
      <c r="O8442" s="58">
        <f>IF(Input!$K$13=2,J8442*Input!$J$13,0)+IF(Input!$K$14=2,K8442*Input!$J$14,0)+IF(Input!$K$15=2,L8442*Input!$J$15,0)+IF(Input!$K$16=2,M8442*Input!$J$16,0)</f>
        <v>0.43269127939694035</v>
      </c>
      <c r="P8442" s="58">
        <f>IF(Input!$K$13=3,J8442*Input!$J$13,0)+IF(Input!$K$14=3,K8442*Input!$J$14,0)+IF(Input!$K$15=3,L8442*Input!$J$15,0)+IF(Input!$K$16=3,M8442*Input!$J$16,0)</f>
        <v>0</v>
      </c>
      <c r="Q8442" s="71">
        <f>IF(Input!$K$13=4,J8442*Input!$J$13,0)+IF(Input!$K$14=4,K8442*Input!$J$14,0)+IF(Input!$K$15=4,L8442*Input!$J$15,0)+IF(Input!$K$16=4,M8442*Input!$J$16,0)</f>
        <v>0</v>
      </c>
    </row>
    <row r="8443" spans="8:17" x14ac:dyDescent="0.25">
      <c r="H8443" s="43">
        <v>8436</v>
      </c>
      <c r="I8443" s="55">
        <f>Bühler!I8469</f>
        <v>8.8713019417417964</v>
      </c>
      <c r="J8443" s="58">
        <f>Bühler!J8469</f>
        <v>72.971376184385832</v>
      </c>
      <c r="K8443" s="58">
        <f>Bühler!K8469</f>
        <v>3.8461447057505804</v>
      </c>
      <c r="L8443" s="58">
        <f>Bühler!L8469</f>
        <v>1.9230723528752902</v>
      </c>
      <c r="M8443" s="57">
        <f>Bühler!M8469</f>
        <v>0</v>
      </c>
      <c r="N8443" s="55">
        <f>IF(Input!$K$13=1,J8443*Input!$J$13,0)+IF(Input!$K$14=1,K8443*Input!$J$14,0)+IF(Input!$K$15=1,L8443*Input!$J$15,0)+IF(Input!$K$16=1,M8443*Input!$J$16,0)</f>
        <v>8.7565651421263002</v>
      </c>
      <c r="O8443" s="58">
        <f>IF(Input!$K$13=2,J8443*Input!$J$13,0)+IF(Input!$K$14=2,K8443*Input!$J$14,0)+IF(Input!$K$15=2,L8443*Input!$J$15,0)+IF(Input!$K$16=2,M8443*Input!$J$16,0)</f>
        <v>0.51922953527632831</v>
      </c>
      <c r="P8443" s="58">
        <f>IF(Input!$K$13=3,J8443*Input!$J$13,0)+IF(Input!$K$14=3,K8443*Input!$J$14,0)+IF(Input!$K$15=3,L8443*Input!$J$15,0)+IF(Input!$K$16=3,M8443*Input!$J$16,0)</f>
        <v>0</v>
      </c>
      <c r="Q8443" s="71">
        <f>IF(Input!$K$13=4,J8443*Input!$J$13,0)+IF(Input!$K$14=4,K8443*Input!$J$14,0)+IF(Input!$K$15=4,L8443*Input!$J$15,0)+IF(Input!$K$16=4,M8443*Input!$J$16,0)</f>
        <v>0</v>
      </c>
    </row>
    <row r="8444" spans="8:17" x14ac:dyDescent="0.25">
      <c r="H8444" s="43">
        <v>8437</v>
      </c>
      <c r="I8444" s="55">
        <f>Bühler!I8470</f>
        <v>8.8713019417417964</v>
      </c>
      <c r="J8444" s="58">
        <f>Bühler!J8470</f>
        <v>72.971376184385832</v>
      </c>
      <c r="K8444" s="58">
        <f>Bühler!K8470</f>
        <v>3.8461447057505804</v>
      </c>
      <c r="L8444" s="58">
        <f>Bühler!L8470</f>
        <v>1.9230723528752902</v>
      </c>
      <c r="M8444" s="57">
        <f>Bühler!M8470</f>
        <v>0</v>
      </c>
      <c r="N8444" s="55">
        <f>IF(Input!$K$13=1,J8444*Input!$J$13,0)+IF(Input!$K$14=1,K8444*Input!$J$14,0)+IF(Input!$K$15=1,L8444*Input!$J$15,0)+IF(Input!$K$16=1,M8444*Input!$J$16,0)</f>
        <v>8.7565651421263002</v>
      </c>
      <c r="O8444" s="58">
        <f>IF(Input!$K$13=2,J8444*Input!$J$13,0)+IF(Input!$K$14=2,K8444*Input!$J$14,0)+IF(Input!$K$15=2,L8444*Input!$J$15,0)+IF(Input!$K$16=2,M8444*Input!$J$16,0)</f>
        <v>0.51922953527632831</v>
      </c>
      <c r="P8444" s="58">
        <f>IF(Input!$K$13=3,J8444*Input!$J$13,0)+IF(Input!$K$14=3,K8444*Input!$J$14,0)+IF(Input!$K$15=3,L8444*Input!$J$15,0)+IF(Input!$K$16=3,M8444*Input!$J$16,0)</f>
        <v>0</v>
      </c>
      <c r="Q8444" s="71">
        <f>IF(Input!$K$13=4,J8444*Input!$J$13,0)+IF(Input!$K$14=4,K8444*Input!$J$14,0)+IF(Input!$K$15=4,L8444*Input!$J$15,0)+IF(Input!$K$16=4,M8444*Input!$J$16,0)</f>
        <v>0</v>
      </c>
    </row>
    <row r="8445" spans="8:17" x14ac:dyDescent="0.25">
      <c r="H8445" s="43">
        <v>8438</v>
      </c>
      <c r="I8445" s="55">
        <f>Bühler!I8471</f>
        <v>5.9142012944945312</v>
      </c>
      <c r="J8445" s="58">
        <f>Bühler!J8471</f>
        <v>48.647584122923895</v>
      </c>
      <c r="K8445" s="58">
        <f>Bühler!K8471</f>
        <v>2.5640964705003872</v>
      </c>
      <c r="L8445" s="58">
        <f>Bühler!L8471</f>
        <v>1.2820482352501936</v>
      </c>
      <c r="M8445" s="57">
        <f>Bühler!M8471</f>
        <v>0</v>
      </c>
      <c r="N8445" s="55">
        <f>IF(Input!$K$13=1,J8445*Input!$J$13,0)+IF(Input!$K$14=1,K8445*Input!$J$14,0)+IF(Input!$K$15=1,L8445*Input!$J$15,0)+IF(Input!$K$16=1,M8445*Input!$J$16,0)</f>
        <v>5.8377100947508671</v>
      </c>
      <c r="O8445" s="58">
        <f>IF(Input!$K$13=2,J8445*Input!$J$13,0)+IF(Input!$K$14=2,K8445*Input!$J$14,0)+IF(Input!$K$15=2,L8445*Input!$J$15,0)+IF(Input!$K$16=2,M8445*Input!$J$16,0)</f>
        <v>0.34615302351755228</v>
      </c>
      <c r="P8445" s="58">
        <f>IF(Input!$K$13=3,J8445*Input!$J$13,0)+IF(Input!$K$14=3,K8445*Input!$J$14,0)+IF(Input!$K$15=3,L8445*Input!$J$15,0)+IF(Input!$K$16=3,M8445*Input!$J$16,0)</f>
        <v>0</v>
      </c>
      <c r="Q8445" s="71">
        <f>IF(Input!$K$13=4,J8445*Input!$J$13,0)+IF(Input!$K$14=4,K8445*Input!$J$14,0)+IF(Input!$K$15=4,L8445*Input!$J$15,0)+IF(Input!$K$16=4,M8445*Input!$J$16,0)</f>
        <v>0</v>
      </c>
    </row>
    <row r="8446" spans="8:17" x14ac:dyDescent="0.25">
      <c r="H8446" s="43">
        <v>8439</v>
      </c>
      <c r="I8446" s="55">
        <f>Bühler!I8472</f>
        <v>8.8713019417417964</v>
      </c>
      <c r="J8446" s="58">
        <f>Bühler!J8472</f>
        <v>72.971376184385832</v>
      </c>
      <c r="K8446" s="58">
        <f>Bühler!K8472</f>
        <v>3.8461447057505804</v>
      </c>
      <c r="L8446" s="58">
        <f>Bühler!L8472</f>
        <v>1.9230723528752902</v>
      </c>
      <c r="M8446" s="57">
        <f>Bühler!M8472</f>
        <v>0</v>
      </c>
      <c r="N8446" s="55">
        <f>IF(Input!$K$13=1,J8446*Input!$J$13,0)+IF(Input!$K$14=1,K8446*Input!$J$14,0)+IF(Input!$K$15=1,L8446*Input!$J$15,0)+IF(Input!$K$16=1,M8446*Input!$J$16,0)</f>
        <v>8.7565651421263002</v>
      </c>
      <c r="O8446" s="58">
        <f>IF(Input!$K$13=2,J8446*Input!$J$13,0)+IF(Input!$K$14=2,K8446*Input!$J$14,0)+IF(Input!$K$15=2,L8446*Input!$J$15,0)+IF(Input!$K$16=2,M8446*Input!$J$16,0)</f>
        <v>0.51922953527632831</v>
      </c>
      <c r="P8446" s="58">
        <f>IF(Input!$K$13=3,J8446*Input!$J$13,0)+IF(Input!$K$14=3,K8446*Input!$J$14,0)+IF(Input!$K$15=3,L8446*Input!$J$15,0)+IF(Input!$K$16=3,M8446*Input!$J$16,0)</f>
        <v>0</v>
      </c>
      <c r="Q8446" s="71">
        <f>IF(Input!$K$13=4,J8446*Input!$J$13,0)+IF(Input!$K$14=4,K8446*Input!$J$14,0)+IF(Input!$K$15=4,L8446*Input!$J$15,0)+IF(Input!$K$16=4,M8446*Input!$J$16,0)</f>
        <v>0</v>
      </c>
    </row>
    <row r="8447" spans="8:17" x14ac:dyDescent="0.25">
      <c r="H8447" s="43">
        <v>8440</v>
      </c>
      <c r="I8447" s="55">
        <f>Bühler!I8473</f>
        <v>8.8713019417417964</v>
      </c>
      <c r="J8447" s="58">
        <f>Bühler!J8473</f>
        <v>72.971376184385832</v>
      </c>
      <c r="K8447" s="58">
        <f>Bühler!K8473</f>
        <v>3.8461447057505804</v>
      </c>
      <c r="L8447" s="58">
        <f>Bühler!L8473</f>
        <v>1.9230723528752902</v>
      </c>
      <c r="M8447" s="57">
        <f>Bühler!M8473</f>
        <v>0</v>
      </c>
      <c r="N8447" s="55">
        <f>IF(Input!$K$13=1,J8447*Input!$J$13,0)+IF(Input!$K$14=1,K8447*Input!$J$14,0)+IF(Input!$K$15=1,L8447*Input!$J$15,0)+IF(Input!$K$16=1,M8447*Input!$J$16,0)</f>
        <v>8.7565651421263002</v>
      </c>
      <c r="O8447" s="58">
        <f>IF(Input!$K$13=2,J8447*Input!$J$13,0)+IF(Input!$K$14=2,K8447*Input!$J$14,0)+IF(Input!$K$15=2,L8447*Input!$J$15,0)+IF(Input!$K$16=2,M8447*Input!$J$16,0)</f>
        <v>0.51922953527632831</v>
      </c>
      <c r="P8447" s="58">
        <f>IF(Input!$K$13=3,J8447*Input!$J$13,0)+IF(Input!$K$14=3,K8447*Input!$J$14,0)+IF(Input!$K$15=3,L8447*Input!$J$15,0)+IF(Input!$K$16=3,M8447*Input!$J$16,0)</f>
        <v>0</v>
      </c>
      <c r="Q8447" s="71">
        <f>IF(Input!$K$13=4,J8447*Input!$J$13,0)+IF(Input!$K$14=4,K8447*Input!$J$14,0)+IF(Input!$K$15=4,L8447*Input!$J$15,0)+IF(Input!$K$16=4,M8447*Input!$J$16,0)</f>
        <v>0</v>
      </c>
    </row>
    <row r="8448" spans="8:17" x14ac:dyDescent="0.25">
      <c r="H8448" s="43">
        <v>8441</v>
      </c>
      <c r="I8448" s="55">
        <f>Bühler!I8474</f>
        <v>7.3927516181181643</v>
      </c>
      <c r="J8448" s="58">
        <f>Bühler!J8474</f>
        <v>44.969280383446808</v>
      </c>
      <c r="K8448" s="58">
        <f>Bühler!K8474</f>
        <v>2.2435844116878387</v>
      </c>
      <c r="L8448" s="58">
        <f>Bühler!L8474</f>
        <v>1.1217922058439194</v>
      </c>
      <c r="M8448" s="57">
        <f>Bühler!M8474</f>
        <v>0</v>
      </c>
      <c r="N8448" s="55">
        <f>IF(Input!$K$13=1,J8448*Input!$J$13,0)+IF(Input!$K$14=1,K8448*Input!$J$14,0)+IF(Input!$K$15=1,L8448*Input!$J$15,0)+IF(Input!$K$16=1,M8448*Input!$J$16,0)</f>
        <v>5.396313646013617</v>
      </c>
      <c r="O8448" s="58">
        <f>IF(Input!$K$13=2,J8448*Input!$J$13,0)+IF(Input!$K$14=2,K8448*Input!$J$14,0)+IF(Input!$K$15=2,L8448*Input!$J$15,0)+IF(Input!$K$16=2,M8448*Input!$J$16,0)</f>
        <v>0.30288389557785822</v>
      </c>
      <c r="P8448" s="58">
        <f>IF(Input!$K$13=3,J8448*Input!$J$13,0)+IF(Input!$K$14=3,K8448*Input!$J$14,0)+IF(Input!$K$15=3,L8448*Input!$J$15,0)+IF(Input!$K$16=3,M8448*Input!$J$16,0)</f>
        <v>0</v>
      </c>
      <c r="Q8448" s="71">
        <f>IF(Input!$K$13=4,J8448*Input!$J$13,0)+IF(Input!$K$14=4,K8448*Input!$J$14,0)+IF(Input!$K$15=4,L8448*Input!$J$15,0)+IF(Input!$K$16=4,M8448*Input!$J$16,0)</f>
        <v>0</v>
      </c>
    </row>
    <row r="8449" spans="8:17" x14ac:dyDescent="0.25">
      <c r="H8449" s="43">
        <v>8442</v>
      </c>
      <c r="I8449" s="55">
        <f>Bühler!I8475</f>
        <v>5.9481909571065694</v>
      </c>
      <c r="J8449" s="58">
        <f>Bühler!J8475</f>
        <v>17.00400671700416</v>
      </c>
      <c r="K8449" s="58">
        <f>Bühler!K8475</f>
        <v>0.64102411762509681</v>
      </c>
      <c r="L8449" s="58">
        <f>Bühler!L8475</f>
        <v>0.32051205881254841</v>
      </c>
      <c r="M8449" s="57">
        <f>Bühler!M8475</f>
        <v>0</v>
      </c>
      <c r="N8449" s="55">
        <f>IF(Input!$K$13=1,J8449*Input!$J$13,0)+IF(Input!$K$14=1,K8449*Input!$J$14,0)+IF(Input!$K$15=1,L8449*Input!$J$15,0)+IF(Input!$K$16=1,M8449*Input!$J$16,0)</f>
        <v>2.0404808060404989</v>
      </c>
      <c r="O8449" s="58">
        <f>IF(Input!$K$13=2,J8449*Input!$J$13,0)+IF(Input!$K$14=2,K8449*Input!$J$14,0)+IF(Input!$K$15=2,L8449*Input!$J$15,0)+IF(Input!$K$16=2,M8449*Input!$J$16,0)</f>
        <v>8.6538255879388071E-2</v>
      </c>
      <c r="P8449" s="58">
        <f>IF(Input!$K$13=3,J8449*Input!$J$13,0)+IF(Input!$K$14=3,K8449*Input!$J$14,0)+IF(Input!$K$15=3,L8449*Input!$J$15,0)+IF(Input!$K$16=3,M8449*Input!$J$16,0)</f>
        <v>0</v>
      </c>
      <c r="Q8449" s="71">
        <f>IF(Input!$K$13=4,J8449*Input!$J$13,0)+IF(Input!$K$14=4,K8449*Input!$J$14,0)+IF(Input!$K$15=4,L8449*Input!$J$15,0)+IF(Input!$K$16=4,M8449*Input!$J$16,0)</f>
        <v>0</v>
      </c>
    </row>
    <row r="8450" spans="8:17" x14ac:dyDescent="0.25">
      <c r="H8450" s="43">
        <v>8443</v>
      </c>
      <c r="I8450" s="55">
        <f>Bühler!I8476</f>
        <v>2.1243539132523459</v>
      </c>
      <c r="J8450" s="58">
        <f>Bühler!J8476</f>
        <v>12.712782316019283</v>
      </c>
      <c r="K8450" s="58">
        <f>Bühler!K8476</f>
        <v>0.63199560892615181</v>
      </c>
      <c r="L8450" s="58">
        <f>Bühler!L8476</f>
        <v>0.3159978044630759</v>
      </c>
      <c r="M8450" s="57">
        <f>Bühler!M8476</f>
        <v>0</v>
      </c>
      <c r="N8450" s="55">
        <f>IF(Input!$K$13=1,J8450*Input!$J$13,0)+IF(Input!$K$14=1,K8450*Input!$J$14,0)+IF(Input!$K$15=1,L8450*Input!$J$15,0)+IF(Input!$K$16=1,M8450*Input!$J$16,0)</f>
        <v>1.5255338779223138</v>
      </c>
      <c r="O8450" s="58">
        <f>IF(Input!$K$13=2,J8450*Input!$J$13,0)+IF(Input!$K$14=2,K8450*Input!$J$14,0)+IF(Input!$K$15=2,L8450*Input!$J$15,0)+IF(Input!$K$16=2,M8450*Input!$J$16,0)</f>
        <v>8.5319407205030492E-2</v>
      </c>
      <c r="P8450" s="58">
        <f>IF(Input!$K$13=3,J8450*Input!$J$13,0)+IF(Input!$K$14=3,K8450*Input!$J$14,0)+IF(Input!$K$15=3,L8450*Input!$J$15,0)+IF(Input!$K$16=3,M8450*Input!$J$16,0)</f>
        <v>0</v>
      </c>
      <c r="Q8450" s="71">
        <f>IF(Input!$K$13=4,J8450*Input!$J$13,0)+IF(Input!$K$14=4,K8450*Input!$J$14,0)+IF(Input!$K$15=4,L8450*Input!$J$15,0)+IF(Input!$K$16=4,M8450*Input!$J$16,0)</f>
        <v>0</v>
      </c>
    </row>
    <row r="8451" spans="8:17" x14ac:dyDescent="0.25">
      <c r="H8451" s="43">
        <v>8444</v>
      </c>
      <c r="I8451" s="55">
        <f>Bühler!I8477</f>
        <v>2.1243539132523459</v>
      </c>
      <c r="J8451" s="58">
        <f>Bühler!J8477</f>
        <v>12.712782316019283</v>
      </c>
      <c r="K8451" s="58">
        <f>Bühler!K8477</f>
        <v>0.63199560892615181</v>
      </c>
      <c r="L8451" s="58">
        <f>Bühler!L8477</f>
        <v>0.3159978044630759</v>
      </c>
      <c r="M8451" s="57">
        <f>Bühler!M8477</f>
        <v>0</v>
      </c>
      <c r="N8451" s="55">
        <f>IF(Input!$K$13=1,J8451*Input!$J$13,0)+IF(Input!$K$14=1,K8451*Input!$J$14,0)+IF(Input!$K$15=1,L8451*Input!$J$15,0)+IF(Input!$K$16=1,M8451*Input!$J$16,0)</f>
        <v>1.5255338779223138</v>
      </c>
      <c r="O8451" s="58">
        <f>IF(Input!$K$13=2,J8451*Input!$J$13,0)+IF(Input!$K$14=2,K8451*Input!$J$14,0)+IF(Input!$K$15=2,L8451*Input!$J$15,0)+IF(Input!$K$16=2,M8451*Input!$J$16,0)</f>
        <v>8.5319407205030492E-2</v>
      </c>
      <c r="P8451" s="58">
        <f>IF(Input!$K$13=3,J8451*Input!$J$13,0)+IF(Input!$K$14=3,K8451*Input!$J$14,0)+IF(Input!$K$15=3,L8451*Input!$J$15,0)+IF(Input!$K$16=3,M8451*Input!$J$16,0)</f>
        <v>0</v>
      </c>
      <c r="Q8451" s="71">
        <f>IF(Input!$K$13=4,J8451*Input!$J$13,0)+IF(Input!$K$14=4,K8451*Input!$J$14,0)+IF(Input!$K$15=4,L8451*Input!$J$15,0)+IF(Input!$K$16=4,M8451*Input!$J$16,0)</f>
        <v>0</v>
      </c>
    </row>
    <row r="8452" spans="8:17" x14ac:dyDescent="0.25">
      <c r="H8452" s="43">
        <v>8445</v>
      </c>
      <c r="I8452" s="55">
        <f>Bühler!I8478</f>
        <v>2.1243539132523459</v>
      </c>
      <c r="J8452" s="58">
        <f>Bühler!J8478</f>
        <v>12.712782316019283</v>
      </c>
      <c r="K8452" s="58">
        <f>Bühler!K8478</f>
        <v>0.63199560892615181</v>
      </c>
      <c r="L8452" s="58">
        <f>Bühler!L8478</f>
        <v>0.3159978044630759</v>
      </c>
      <c r="M8452" s="57">
        <f>Bühler!M8478</f>
        <v>0</v>
      </c>
      <c r="N8452" s="55">
        <f>IF(Input!$K$13=1,J8452*Input!$J$13,0)+IF(Input!$K$14=1,K8452*Input!$J$14,0)+IF(Input!$K$15=1,L8452*Input!$J$15,0)+IF(Input!$K$16=1,M8452*Input!$J$16,0)</f>
        <v>1.5255338779223138</v>
      </c>
      <c r="O8452" s="58">
        <f>IF(Input!$K$13=2,J8452*Input!$J$13,0)+IF(Input!$K$14=2,K8452*Input!$J$14,0)+IF(Input!$K$15=2,L8452*Input!$J$15,0)+IF(Input!$K$16=2,M8452*Input!$J$16,0)</f>
        <v>8.5319407205030492E-2</v>
      </c>
      <c r="P8452" s="58">
        <f>IF(Input!$K$13=3,J8452*Input!$J$13,0)+IF(Input!$K$14=3,K8452*Input!$J$14,0)+IF(Input!$K$15=3,L8452*Input!$J$15,0)+IF(Input!$K$16=3,M8452*Input!$J$16,0)</f>
        <v>0</v>
      </c>
      <c r="Q8452" s="71">
        <f>IF(Input!$K$13=4,J8452*Input!$J$13,0)+IF(Input!$K$14=4,K8452*Input!$J$14,0)+IF(Input!$K$15=4,L8452*Input!$J$15,0)+IF(Input!$K$16=4,M8452*Input!$J$16,0)</f>
        <v>0</v>
      </c>
    </row>
    <row r="8453" spans="8:17" x14ac:dyDescent="0.25">
      <c r="H8453" s="43">
        <v>8446</v>
      </c>
      <c r="I8453" s="55">
        <f>Bühler!I8479</f>
        <v>2.1243539132523459</v>
      </c>
      <c r="J8453" s="58">
        <f>Bühler!J8479</f>
        <v>12.712782316019283</v>
      </c>
      <c r="K8453" s="58">
        <f>Bühler!K8479</f>
        <v>0.63199560892615181</v>
      </c>
      <c r="L8453" s="58">
        <f>Bühler!L8479</f>
        <v>0.3159978044630759</v>
      </c>
      <c r="M8453" s="57">
        <f>Bühler!M8479</f>
        <v>0</v>
      </c>
      <c r="N8453" s="55">
        <f>IF(Input!$K$13=1,J8453*Input!$J$13,0)+IF(Input!$K$14=1,K8453*Input!$J$14,0)+IF(Input!$K$15=1,L8453*Input!$J$15,0)+IF(Input!$K$16=1,M8453*Input!$J$16,0)</f>
        <v>1.5255338779223138</v>
      </c>
      <c r="O8453" s="58">
        <f>IF(Input!$K$13=2,J8453*Input!$J$13,0)+IF(Input!$K$14=2,K8453*Input!$J$14,0)+IF(Input!$K$15=2,L8453*Input!$J$15,0)+IF(Input!$K$16=2,M8453*Input!$J$16,0)</f>
        <v>8.5319407205030492E-2</v>
      </c>
      <c r="P8453" s="58">
        <f>IF(Input!$K$13=3,J8453*Input!$J$13,0)+IF(Input!$K$14=3,K8453*Input!$J$14,0)+IF(Input!$K$15=3,L8453*Input!$J$15,0)+IF(Input!$K$16=3,M8453*Input!$J$16,0)</f>
        <v>0</v>
      </c>
      <c r="Q8453" s="71">
        <f>IF(Input!$K$13=4,J8453*Input!$J$13,0)+IF(Input!$K$14=4,K8453*Input!$J$14,0)+IF(Input!$K$15=4,L8453*Input!$J$15,0)+IF(Input!$K$16=4,M8453*Input!$J$16,0)</f>
        <v>0</v>
      </c>
    </row>
    <row r="8454" spans="8:17" x14ac:dyDescent="0.25">
      <c r="H8454" s="43">
        <v>8447</v>
      </c>
      <c r="I8454" s="55">
        <f>Bühler!I8480</f>
        <v>2.1243539132523459</v>
      </c>
      <c r="J8454" s="58">
        <f>Bühler!J8480</f>
        <v>12.712782316019283</v>
      </c>
      <c r="K8454" s="58">
        <f>Bühler!K8480</f>
        <v>0.63199560892615181</v>
      </c>
      <c r="L8454" s="58">
        <f>Bühler!L8480</f>
        <v>0.3159978044630759</v>
      </c>
      <c r="M8454" s="57">
        <f>Bühler!M8480</f>
        <v>0</v>
      </c>
      <c r="N8454" s="55">
        <f>IF(Input!$K$13=1,J8454*Input!$J$13,0)+IF(Input!$K$14=1,K8454*Input!$J$14,0)+IF(Input!$K$15=1,L8454*Input!$J$15,0)+IF(Input!$K$16=1,M8454*Input!$J$16,0)</f>
        <v>1.5255338779223138</v>
      </c>
      <c r="O8454" s="58">
        <f>IF(Input!$K$13=2,J8454*Input!$J$13,0)+IF(Input!$K$14=2,K8454*Input!$J$14,0)+IF(Input!$K$15=2,L8454*Input!$J$15,0)+IF(Input!$K$16=2,M8454*Input!$J$16,0)</f>
        <v>8.5319407205030492E-2</v>
      </c>
      <c r="P8454" s="58">
        <f>IF(Input!$K$13=3,J8454*Input!$J$13,0)+IF(Input!$K$14=3,K8454*Input!$J$14,0)+IF(Input!$K$15=3,L8454*Input!$J$15,0)+IF(Input!$K$16=3,M8454*Input!$J$16,0)</f>
        <v>0</v>
      </c>
      <c r="Q8454" s="71">
        <f>IF(Input!$K$13=4,J8454*Input!$J$13,0)+IF(Input!$K$14=4,K8454*Input!$J$14,0)+IF(Input!$K$15=4,L8454*Input!$J$15,0)+IF(Input!$K$16=4,M8454*Input!$J$16,0)</f>
        <v>0</v>
      </c>
    </row>
    <row r="8455" spans="8:17" x14ac:dyDescent="0.25">
      <c r="H8455" s="43">
        <v>8448</v>
      </c>
      <c r="I8455" s="55">
        <f>Bühler!I8481</f>
        <v>2.1243539132523459</v>
      </c>
      <c r="J8455" s="58">
        <f>Bühler!J8481</f>
        <v>12.712782316019283</v>
      </c>
      <c r="K8455" s="58">
        <f>Bühler!K8481</f>
        <v>0.63199560892615181</v>
      </c>
      <c r="L8455" s="58">
        <f>Bühler!L8481</f>
        <v>0.3159978044630759</v>
      </c>
      <c r="M8455" s="57">
        <f>Bühler!M8481</f>
        <v>0</v>
      </c>
      <c r="N8455" s="55">
        <f>IF(Input!$K$13=1,J8455*Input!$J$13,0)+IF(Input!$K$14=1,K8455*Input!$J$14,0)+IF(Input!$K$15=1,L8455*Input!$J$15,0)+IF(Input!$K$16=1,M8455*Input!$J$16,0)</f>
        <v>1.5255338779223138</v>
      </c>
      <c r="O8455" s="58">
        <f>IF(Input!$K$13=2,J8455*Input!$J$13,0)+IF(Input!$K$14=2,K8455*Input!$J$14,0)+IF(Input!$K$15=2,L8455*Input!$J$15,0)+IF(Input!$K$16=2,M8455*Input!$J$16,0)</f>
        <v>8.5319407205030492E-2</v>
      </c>
      <c r="P8455" s="58">
        <f>IF(Input!$K$13=3,J8455*Input!$J$13,0)+IF(Input!$K$14=3,K8455*Input!$J$14,0)+IF(Input!$K$15=3,L8455*Input!$J$15,0)+IF(Input!$K$16=3,M8455*Input!$J$16,0)</f>
        <v>0</v>
      </c>
      <c r="Q8455" s="71">
        <f>IF(Input!$K$13=4,J8455*Input!$J$13,0)+IF(Input!$K$14=4,K8455*Input!$J$14,0)+IF(Input!$K$15=4,L8455*Input!$J$15,0)+IF(Input!$K$16=4,M8455*Input!$J$16,0)</f>
        <v>0</v>
      </c>
    </row>
    <row r="8456" spans="8:17" x14ac:dyDescent="0.25">
      <c r="H8456" s="43">
        <v>8449</v>
      </c>
      <c r="I8456" s="55">
        <f>Bühler!I8482</f>
        <v>2.3691216330585561</v>
      </c>
      <c r="J8456" s="58">
        <f>Bühler!J8482</f>
        <v>9.419253594286852</v>
      </c>
      <c r="K8456" s="58">
        <f>Bühler!K8482</f>
        <v>0.40513234379087498</v>
      </c>
      <c r="L8456" s="58">
        <f>Bühler!L8482</f>
        <v>0.20256617189543749</v>
      </c>
      <c r="M8456" s="57">
        <f>Bühler!M8482</f>
        <v>0</v>
      </c>
      <c r="N8456" s="55">
        <f>IF(Input!$K$13=1,J8456*Input!$J$13,0)+IF(Input!$K$14=1,K8456*Input!$J$14,0)+IF(Input!$K$15=1,L8456*Input!$J$15,0)+IF(Input!$K$16=1,M8456*Input!$J$16,0)</f>
        <v>1.1303104313144221</v>
      </c>
      <c r="O8456" s="58">
        <f>IF(Input!$K$13=2,J8456*Input!$J$13,0)+IF(Input!$K$14=2,K8456*Input!$J$14,0)+IF(Input!$K$15=2,L8456*Input!$J$15,0)+IF(Input!$K$16=2,M8456*Input!$J$16,0)</f>
        <v>5.4692866411768126E-2</v>
      </c>
      <c r="P8456" s="58">
        <f>IF(Input!$K$13=3,J8456*Input!$J$13,0)+IF(Input!$K$14=3,K8456*Input!$J$14,0)+IF(Input!$K$15=3,L8456*Input!$J$15,0)+IF(Input!$K$16=3,M8456*Input!$J$16,0)</f>
        <v>0</v>
      </c>
      <c r="Q8456" s="71">
        <f>IF(Input!$K$13=4,J8456*Input!$J$13,0)+IF(Input!$K$14=4,K8456*Input!$J$14,0)+IF(Input!$K$15=4,L8456*Input!$J$15,0)+IF(Input!$K$16=4,M8456*Input!$J$16,0)</f>
        <v>0</v>
      </c>
    </row>
    <row r="8457" spans="8:17" x14ac:dyDescent="0.25">
      <c r="H8457" s="43">
        <v>8450</v>
      </c>
      <c r="I8457" s="55">
        <f>Bühler!I8483</f>
        <v>2.3691216330585561</v>
      </c>
      <c r="J8457" s="58">
        <f>Bühler!J8483</f>
        <v>13.008765820153878</v>
      </c>
      <c r="K8457" s="58">
        <f>Bühler!K8483</f>
        <v>0.6173445238718096</v>
      </c>
      <c r="L8457" s="58">
        <f>Bühler!L8483</f>
        <v>0.3086722619359048</v>
      </c>
      <c r="M8457" s="57">
        <f>Bühler!M8483</f>
        <v>0</v>
      </c>
      <c r="N8457" s="55">
        <f>IF(Input!$K$13=1,J8457*Input!$J$13,0)+IF(Input!$K$14=1,K8457*Input!$J$14,0)+IF(Input!$K$15=1,L8457*Input!$J$15,0)+IF(Input!$K$16=1,M8457*Input!$J$16,0)</f>
        <v>1.5610518984184654</v>
      </c>
      <c r="O8457" s="58">
        <f>IF(Input!$K$13=2,J8457*Input!$J$13,0)+IF(Input!$K$14=2,K8457*Input!$J$14,0)+IF(Input!$K$15=2,L8457*Input!$J$15,0)+IF(Input!$K$16=2,M8457*Input!$J$16,0)</f>
        <v>8.3341510722694301E-2</v>
      </c>
      <c r="P8457" s="58">
        <f>IF(Input!$K$13=3,J8457*Input!$J$13,0)+IF(Input!$K$14=3,K8457*Input!$J$14,0)+IF(Input!$K$15=3,L8457*Input!$J$15,0)+IF(Input!$K$16=3,M8457*Input!$J$16,0)</f>
        <v>0</v>
      </c>
      <c r="Q8457" s="71">
        <f>IF(Input!$K$13=4,J8457*Input!$J$13,0)+IF(Input!$K$14=4,K8457*Input!$J$14,0)+IF(Input!$K$15=4,L8457*Input!$J$15,0)+IF(Input!$K$16=4,M8457*Input!$J$16,0)</f>
        <v>0</v>
      </c>
    </row>
    <row r="8458" spans="8:17" x14ac:dyDescent="0.25">
      <c r="H8458" s="43">
        <v>8451</v>
      </c>
      <c r="I8458" s="55">
        <f>Bühler!I8484</f>
        <v>2.3691216330585561</v>
      </c>
      <c r="J8458" s="58">
        <f>Bühler!J8484</f>
        <v>13.008765820153878</v>
      </c>
      <c r="K8458" s="58">
        <f>Bühler!K8484</f>
        <v>0.6173445238718096</v>
      </c>
      <c r="L8458" s="58">
        <f>Bühler!L8484</f>
        <v>0.3086722619359048</v>
      </c>
      <c r="M8458" s="57">
        <f>Bühler!M8484</f>
        <v>0</v>
      </c>
      <c r="N8458" s="55">
        <f>IF(Input!$K$13=1,J8458*Input!$J$13,0)+IF(Input!$K$14=1,K8458*Input!$J$14,0)+IF(Input!$K$15=1,L8458*Input!$J$15,0)+IF(Input!$K$16=1,M8458*Input!$J$16,0)</f>
        <v>1.5610518984184654</v>
      </c>
      <c r="O8458" s="58">
        <f>IF(Input!$K$13=2,J8458*Input!$J$13,0)+IF(Input!$K$14=2,K8458*Input!$J$14,0)+IF(Input!$K$15=2,L8458*Input!$J$15,0)+IF(Input!$K$16=2,M8458*Input!$J$16,0)</f>
        <v>8.3341510722694301E-2</v>
      </c>
      <c r="P8458" s="58">
        <f>IF(Input!$K$13=3,J8458*Input!$J$13,0)+IF(Input!$K$14=3,K8458*Input!$J$14,0)+IF(Input!$K$15=3,L8458*Input!$J$15,0)+IF(Input!$K$16=3,M8458*Input!$J$16,0)</f>
        <v>0</v>
      </c>
      <c r="Q8458" s="71">
        <f>IF(Input!$K$13=4,J8458*Input!$J$13,0)+IF(Input!$K$14=4,K8458*Input!$J$14,0)+IF(Input!$K$15=4,L8458*Input!$J$15,0)+IF(Input!$K$16=4,M8458*Input!$J$16,0)</f>
        <v>0</v>
      </c>
    </row>
    <row r="8459" spans="8:17" x14ac:dyDescent="0.25">
      <c r="H8459" s="43">
        <v>8452</v>
      </c>
      <c r="I8459" s="55">
        <f>Bühler!I8485</f>
        <v>2.3691216330585561</v>
      </c>
      <c r="J8459" s="58">
        <f>Bühler!J8485</f>
        <v>13.008765820153878</v>
      </c>
      <c r="K8459" s="58">
        <f>Bühler!K8485</f>
        <v>0.6173445238718096</v>
      </c>
      <c r="L8459" s="58">
        <f>Bühler!L8485</f>
        <v>0.3086722619359048</v>
      </c>
      <c r="M8459" s="57">
        <f>Bühler!M8485</f>
        <v>0</v>
      </c>
      <c r="N8459" s="55">
        <f>IF(Input!$K$13=1,J8459*Input!$J$13,0)+IF(Input!$K$14=1,K8459*Input!$J$14,0)+IF(Input!$K$15=1,L8459*Input!$J$15,0)+IF(Input!$K$16=1,M8459*Input!$J$16,0)</f>
        <v>1.5610518984184654</v>
      </c>
      <c r="O8459" s="58">
        <f>IF(Input!$K$13=2,J8459*Input!$J$13,0)+IF(Input!$K$14=2,K8459*Input!$J$14,0)+IF(Input!$K$15=2,L8459*Input!$J$15,0)+IF(Input!$K$16=2,M8459*Input!$J$16,0)</f>
        <v>8.3341510722694301E-2</v>
      </c>
      <c r="P8459" s="58">
        <f>IF(Input!$K$13=3,J8459*Input!$J$13,0)+IF(Input!$K$14=3,K8459*Input!$J$14,0)+IF(Input!$K$15=3,L8459*Input!$J$15,0)+IF(Input!$K$16=3,M8459*Input!$J$16,0)</f>
        <v>0</v>
      </c>
      <c r="Q8459" s="71">
        <f>IF(Input!$K$13=4,J8459*Input!$J$13,0)+IF(Input!$K$14=4,K8459*Input!$J$14,0)+IF(Input!$K$15=4,L8459*Input!$J$15,0)+IF(Input!$K$16=4,M8459*Input!$J$16,0)</f>
        <v>0</v>
      </c>
    </row>
    <row r="8460" spans="8:17" x14ac:dyDescent="0.25">
      <c r="H8460" s="43">
        <v>8453</v>
      </c>
      <c r="I8460" s="55">
        <f>Bühler!I8486</f>
        <v>2.3691216330585561</v>
      </c>
      <c r="J8460" s="58">
        <f>Bühler!J8486</f>
        <v>13.008765820153878</v>
      </c>
      <c r="K8460" s="58">
        <f>Bühler!K8486</f>
        <v>0.6173445238718096</v>
      </c>
      <c r="L8460" s="58">
        <f>Bühler!L8486</f>
        <v>0.3086722619359048</v>
      </c>
      <c r="M8460" s="57">
        <f>Bühler!M8486</f>
        <v>0</v>
      </c>
      <c r="N8460" s="55">
        <f>IF(Input!$K$13=1,J8460*Input!$J$13,0)+IF(Input!$K$14=1,K8460*Input!$J$14,0)+IF(Input!$K$15=1,L8460*Input!$J$15,0)+IF(Input!$K$16=1,M8460*Input!$J$16,0)</f>
        <v>1.5610518984184654</v>
      </c>
      <c r="O8460" s="58">
        <f>IF(Input!$K$13=2,J8460*Input!$J$13,0)+IF(Input!$K$14=2,K8460*Input!$J$14,0)+IF(Input!$K$15=2,L8460*Input!$J$15,0)+IF(Input!$K$16=2,M8460*Input!$J$16,0)</f>
        <v>8.3341510722694301E-2</v>
      </c>
      <c r="P8460" s="58">
        <f>IF(Input!$K$13=3,J8460*Input!$J$13,0)+IF(Input!$K$14=3,K8460*Input!$J$14,0)+IF(Input!$K$15=3,L8460*Input!$J$15,0)+IF(Input!$K$16=3,M8460*Input!$J$16,0)</f>
        <v>0</v>
      </c>
      <c r="Q8460" s="71">
        <f>IF(Input!$K$13=4,J8460*Input!$J$13,0)+IF(Input!$K$14=4,K8460*Input!$J$14,0)+IF(Input!$K$15=4,L8460*Input!$J$15,0)+IF(Input!$K$16=4,M8460*Input!$J$16,0)</f>
        <v>0</v>
      </c>
    </row>
    <row r="8461" spans="8:17" x14ac:dyDescent="0.25">
      <c r="H8461" s="43">
        <v>8454</v>
      </c>
      <c r="I8461" s="55">
        <f>Bühler!I8487</f>
        <v>2.3691216330585561</v>
      </c>
      <c r="J8461" s="58">
        <f>Bühler!J8487</f>
        <v>13.008765820153878</v>
      </c>
      <c r="K8461" s="58">
        <f>Bühler!K8487</f>
        <v>0.6173445238718096</v>
      </c>
      <c r="L8461" s="58">
        <f>Bühler!L8487</f>
        <v>0.3086722619359048</v>
      </c>
      <c r="M8461" s="57">
        <f>Bühler!M8487</f>
        <v>0</v>
      </c>
      <c r="N8461" s="55">
        <f>IF(Input!$K$13=1,J8461*Input!$J$13,0)+IF(Input!$K$14=1,K8461*Input!$J$14,0)+IF(Input!$K$15=1,L8461*Input!$J$15,0)+IF(Input!$K$16=1,M8461*Input!$J$16,0)</f>
        <v>1.5610518984184654</v>
      </c>
      <c r="O8461" s="58">
        <f>IF(Input!$K$13=2,J8461*Input!$J$13,0)+IF(Input!$K$14=2,K8461*Input!$J$14,0)+IF(Input!$K$15=2,L8461*Input!$J$15,0)+IF(Input!$K$16=2,M8461*Input!$J$16,0)</f>
        <v>8.3341510722694301E-2</v>
      </c>
      <c r="P8461" s="58">
        <f>IF(Input!$K$13=3,J8461*Input!$J$13,0)+IF(Input!$K$14=3,K8461*Input!$J$14,0)+IF(Input!$K$15=3,L8461*Input!$J$15,0)+IF(Input!$K$16=3,M8461*Input!$J$16,0)</f>
        <v>0</v>
      </c>
      <c r="Q8461" s="71">
        <f>IF(Input!$K$13=4,J8461*Input!$J$13,0)+IF(Input!$K$14=4,K8461*Input!$J$14,0)+IF(Input!$K$15=4,L8461*Input!$J$15,0)+IF(Input!$K$16=4,M8461*Input!$J$16,0)</f>
        <v>0</v>
      </c>
    </row>
    <row r="8462" spans="8:17" x14ac:dyDescent="0.25">
      <c r="H8462" s="43">
        <v>8455</v>
      </c>
      <c r="I8462" s="55">
        <f>Bühler!I8488</f>
        <v>2.3691216330585561</v>
      </c>
      <c r="J8462" s="58">
        <f>Bühler!J8488</f>
        <v>13.008765820153878</v>
      </c>
      <c r="K8462" s="58">
        <f>Bühler!K8488</f>
        <v>0.6173445238718096</v>
      </c>
      <c r="L8462" s="58">
        <f>Bühler!L8488</f>
        <v>0.3086722619359048</v>
      </c>
      <c r="M8462" s="57">
        <f>Bühler!M8488</f>
        <v>0</v>
      </c>
      <c r="N8462" s="55">
        <f>IF(Input!$K$13=1,J8462*Input!$J$13,0)+IF(Input!$K$14=1,K8462*Input!$J$14,0)+IF(Input!$K$15=1,L8462*Input!$J$15,0)+IF(Input!$K$16=1,M8462*Input!$J$16,0)</f>
        <v>1.5610518984184654</v>
      </c>
      <c r="O8462" s="58">
        <f>IF(Input!$K$13=2,J8462*Input!$J$13,0)+IF(Input!$K$14=2,K8462*Input!$J$14,0)+IF(Input!$K$15=2,L8462*Input!$J$15,0)+IF(Input!$K$16=2,M8462*Input!$J$16,0)</f>
        <v>8.3341510722694301E-2</v>
      </c>
      <c r="P8462" s="58">
        <f>IF(Input!$K$13=3,J8462*Input!$J$13,0)+IF(Input!$K$14=3,K8462*Input!$J$14,0)+IF(Input!$K$15=3,L8462*Input!$J$15,0)+IF(Input!$K$16=3,M8462*Input!$J$16,0)</f>
        <v>0</v>
      </c>
      <c r="Q8462" s="71">
        <f>IF(Input!$K$13=4,J8462*Input!$J$13,0)+IF(Input!$K$14=4,K8462*Input!$J$14,0)+IF(Input!$K$15=4,L8462*Input!$J$15,0)+IF(Input!$K$16=4,M8462*Input!$J$16,0)</f>
        <v>0</v>
      </c>
    </row>
    <row r="8463" spans="8:17" x14ac:dyDescent="0.25">
      <c r="H8463" s="43">
        <v>8456</v>
      </c>
      <c r="I8463" s="55">
        <f>Bühler!I8489</f>
        <v>6.8245987687783565</v>
      </c>
      <c r="J8463" s="58">
        <f>Bühler!J8489</f>
        <v>51.41378799370338</v>
      </c>
      <c r="K8463" s="58">
        <f>Bühler!K8489</f>
        <v>2.6024930084470967</v>
      </c>
      <c r="L8463" s="58">
        <f>Bühler!L8489</f>
        <v>1.3012465042235484</v>
      </c>
      <c r="M8463" s="57">
        <f>Bühler!M8489</f>
        <v>0</v>
      </c>
      <c r="N8463" s="55">
        <f>IF(Input!$K$13=1,J8463*Input!$J$13,0)+IF(Input!$K$14=1,K8463*Input!$J$14,0)+IF(Input!$K$15=1,L8463*Input!$J$15,0)+IF(Input!$K$16=1,M8463*Input!$J$16,0)</f>
        <v>6.169654559244405</v>
      </c>
      <c r="O8463" s="58">
        <f>IF(Input!$K$13=2,J8463*Input!$J$13,0)+IF(Input!$K$14=2,K8463*Input!$J$14,0)+IF(Input!$K$15=2,L8463*Input!$J$15,0)+IF(Input!$K$16=2,M8463*Input!$J$16,0)</f>
        <v>0.35133655614035803</v>
      </c>
      <c r="P8463" s="58">
        <f>IF(Input!$K$13=3,J8463*Input!$J$13,0)+IF(Input!$K$14=3,K8463*Input!$J$14,0)+IF(Input!$K$15=3,L8463*Input!$J$15,0)+IF(Input!$K$16=3,M8463*Input!$J$16,0)</f>
        <v>0</v>
      </c>
      <c r="Q8463" s="71">
        <f>IF(Input!$K$13=4,J8463*Input!$J$13,0)+IF(Input!$K$14=4,K8463*Input!$J$14,0)+IF(Input!$K$15=4,L8463*Input!$J$15,0)+IF(Input!$K$16=4,M8463*Input!$J$16,0)</f>
        <v>0</v>
      </c>
    </row>
    <row r="8464" spans="8:17" x14ac:dyDescent="0.25">
      <c r="H8464" s="43">
        <v>8457</v>
      </c>
      <c r="I8464" s="55">
        <f>Bühler!I8490</f>
        <v>7.6148154683211136</v>
      </c>
      <c r="J8464" s="58">
        <f>Bühler!J8490</f>
        <v>57.366963445605883</v>
      </c>
      <c r="K8464" s="58">
        <f>Bühler!K8490</f>
        <v>2.9038343041620243</v>
      </c>
      <c r="L8464" s="58">
        <f>Bühler!L8490</f>
        <v>1.4519171520810121</v>
      </c>
      <c r="M8464" s="57">
        <f>Bühler!M8490</f>
        <v>0</v>
      </c>
      <c r="N8464" s="55">
        <f>IF(Input!$K$13=1,J8464*Input!$J$13,0)+IF(Input!$K$14=1,K8464*Input!$J$14,0)+IF(Input!$K$15=1,L8464*Input!$J$15,0)+IF(Input!$K$16=1,M8464*Input!$J$16,0)</f>
        <v>6.8840356134727054</v>
      </c>
      <c r="O8464" s="58">
        <f>IF(Input!$K$13=2,J8464*Input!$J$13,0)+IF(Input!$K$14=2,K8464*Input!$J$14,0)+IF(Input!$K$15=2,L8464*Input!$J$15,0)+IF(Input!$K$16=2,M8464*Input!$J$16,0)</f>
        <v>0.39201763106187326</v>
      </c>
      <c r="P8464" s="58">
        <f>IF(Input!$K$13=3,J8464*Input!$J$13,0)+IF(Input!$K$14=3,K8464*Input!$J$14,0)+IF(Input!$K$15=3,L8464*Input!$J$15,0)+IF(Input!$K$16=3,M8464*Input!$J$16,0)</f>
        <v>0</v>
      </c>
      <c r="Q8464" s="71">
        <f>IF(Input!$K$13=4,J8464*Input!$J$13,0)+IF(Input!$K$14=4,K8464*Input!$J$14,0)+IF(Input!$K$15=4,L8464*Input!$J$15,0)+IF(Input!$K$16=4,M8464*Input!$J$16,0)</f>
        <v>0</v>
      </c>
    </row>
    <row r="8465" spans="8:17" x14ac:dyDescent="0.25">
      <c r="H8465" s="43">
        <v>8458</v>
      </c>
      <c r="I8465" s="55">
        <f>Bühler!I8491</f>
        <v>8.4050321678638706</v>
      </c>
      <c r="J8465" s="58">
        <f>Bühler!J8491</f>
        <v>63.320138897508386</v>
      </c>
      <c r="K8465" s="58">
        <f>Bühler!K8491</f>
        <v>3.2051755998769513</v>
      </c>
      <c r="L8465" s="58">
        <f>Bühler!L8491</f>
        <v>1.6025877999384757</v>
      </c>
      <c r="M8465" s="57">
        <f>Bühler!M8491</f>
        <v>0</v>
      </c>
      <c r="N8465" s="55">
        <f>IF(Input!$K$13=1,J8465*Input!$J$13,0)+IF(Input!$K$14=1,K8465*Input!$J$14,0)+IF(Input!$K$15=1,L8465*Input!$J$15,0)+IF(Input!$K$16=1,M8465*Input!$J$16,0)</f>
        <v>7.5984166677010059</v>
      </c>
      <c r="O8465" s="58">
        <f>IF(Input!$K$13=2,J8465*Input!$J$13,0)+IF(Input!$K$14=2,K8465*Input!$J$14,0)+IF(Input!$K$15=2,L8465*Input!$J$15,0)+IF(Input!$K$16=2,M8465*Input!$J$16,0)</f>
        <v>0.43269870598338844</v>
      </c>
      <c r="P8465" s="58">
        <f>IF(Input!$K$13=3,J8465*Input!$J$13,0)+IF(Input!$K$14=3,K8465*Input!$J$14,0)+IF(Input!$K$15=3,L8465*Input!$J$15,0)+IF(Input!$K$16=3,M8465*Input!$J$16,0)</f>
        <v>0</v>
      </c>
      <c r="Q8465" s="71">
        <f>IF(Input!$K$13=4,J8465*Input!$J$13,0)+IF(Input!$K$14=4,K8465*Input!$J$14,0)+IF(Input!$K$15=4,L8465*Input!$J$15,0)+IF(Input!$K$16=4,M8465*Input!$J$16,0)</f>
        <v>0</v>
      </c>
    </row>
    <row r="8466" spans="8:17" x14ac:dyDescent="0.25">
      <c r="H8466" s="43">
        <v>8459</v>
      </c>
      <c r="I8466" s="55">
        <f>Bühler!I8492</f>
        <v>8.4050321678638706</v>
      </c>
      <c r="J8466" s="58">
        <f>Bühler!J8492</f>
        <v>63.320138897508386</v>
      </c>
      <c r="K8466" s="58">
        <f>Bühler!K8492</f>
        <v>3.2051755998769513</v>
      </c>
      <c r="L8466" s="58">
        <f>Bühler!L8492</f>
        <v>1.6025877999384757</v>
      </c>
      <c r="M8466" s="57">
        <f>Bühler!M8492</f>
        <v>0</v>
      </c>
      <c r="N8466" s="55">
        <f>IF(Input!$K$13=1,J8466*Input!$J$13,0)+IF(Input!$K$14=1,K8466*Input!$J$14,0)+IF(Input!$K$15=1,L8466*Input!$J$15,0)+IF(Input!$K$16=1,M8466*Input!$J$16,0)</f>
        <v>7.5984166677010059</v>
      </c>
      <c r="O8466" s="58">
        <f>IF(Input!$K$13=2,J8466*Input!$J$13,0)+IF(Input!$K$14=2,K8466*Input!$J$14,0)+IF(Input!$K$15=2,L8466*Input!$J$15,0)+IF(Input!$K$16=2,M8466*Input!$J$16,0)</f>
        <v>0.43269870598338844</v>
      </c>
      <c r="P8466" s="58">
        <f>IF(Input!$K$13=3,J8466*Input!$J$13,0)+IF(Input!$K$14=3,K8466*Input!$J$14,0)+IF(Input!$K$15=3,L8466*Input!$J$15,0)+IF(Input!$K$16=3,M8466*Input!$J$16,0)</f>
        <v>0</v>
      </c>
      <c r="Q8466" s="71">
        <f>IF(Input!$K$13=4,J8466*Input!$J$13,0)+IF(Input!$K$14=4,K8466*Input!$J$14,0)+IF(Input!$K$15=4,L8466*Input!$J$15,0)+IF(Input!$K$16=4,M8466*Input!$J$16,0)</f>
        <v>0</v>
      </c>
    </row>
    <row r="8467" spans="8:17" x14ac:dyDescent="0.25">
      <c r="H8467" s="43">
        <v>8460</v>
      </c>
      <c r="I8467" s="55">
        <f>Bühler!I8493</f>
        <v>10.057303448726</v>
      </c>
      <c r="J8467" s="58">
        <f>Bühler!J8493</f>
        <v>75.767687569668141</v>
      </c>
      <c r="K8467" s="58">
        <f>Bühler!K8493</f>
        <v>3.8352528545536169</v>
      </c>
      <c r="L8467" s="58">
        <f>Bühler!L8493</f>
        <v>1.9176264272768084</v>
      </c>
      <c r="M8467" s="57">
        <f>Bühler!M8493</f>
        <v>0</v>
      </c>
      <c r="N8467" s="55">
        <f>IF(Input!$K$13=1,J8467*Input!$J$13,0)+IF(Input!$K$14=1,K8467*Input!$J$14,0)+IF(Input!$K$15=1,L8467*Input!$J$15,0)+IF(Input!$K$16=1,M8467*Input!$J$16,0)</f>
        <v>9.0921225083601769</v>
      </c>
      <c r="O8467" s="58">
        <f>IF(Input!$K$13=2,J8467*Input!$J$13,0)+IF(Input!$K$14=2,K8467*Input!$J$14,0)+IF(Input!$K$15=2,L8467*Input!$J$15,0)+IF(Input!$K$16=2,M8467*Input!$J$16,0)</f>
        <v>0.51775913536473828</v>
      </c>
      <c r="P8467" s="58">
        <f>IF(Input!$K$13=3,J8467*Input!$J$13,0)+IF(Input!$K$14=3,K8467*Input!$J$14,0)+IF(Input!$K$15=3,L8467*Input!$J$15,0)+IF(Input!$K$16=3,M8467*Input!$J$16,0)</f>
        <v>0</v>
      </c>
      <c r="Q8467" s="71">
        <f>IF(Input!$K$13=4,J8467*Input!$J$13,0)+IF(Input!$K$14=4,K8467*Input!$J$14,0)+IF(Input!$K$15=4,L8467*Input!$J$15,0)+IF(Input!$K$16=4,M8467*Input!$J$16,0)</f>
        <v>0</v>
      </c>
    </row>
    <row r="8468" spans="8:17" x14ac:dyDescent="0.25">
      <c r="H8468" s="43">
        <v>8461</v>
      </c>
      <c r="I8468" s="55">
        <f>Bühler!I8494</f>
        <v>10.057303448726</v>
      </c>
      <c r="J8468" s="58">
        <f>Bühler!J8494</f>
        <v>75.767687569668141</v>
      </c>
      <c r="K8468" s="58">
        <f>Bühler!K8494</f>
        <v>3.8352528545536169</v>
      </c>
      <c r="L8468" s="58">
        <f>Bühler!L8494</f>
        <v>1.9176264272768084</v>
      </c>
      <c r="M8468" s="57">
        <f>Bühler!M8494</f>
        <v>0</v>
      </c>
      <c r="N8468" s="55">
        <f>IF(Input!$K$13=1,J8468*Input!$J$13,0)+IF(Input!$K$14=1,K8468*Input!$J$14,0)+IF(Input!$K$15=1,L8468*Input!$J$15,0)+IF(Input!$K$16=1,M8468*Input!$J$16,0)</f>
        <v>9.0921225083601769</v>
      </c>
      <c r="O8468" s="58">
        <f>IF(Input!$K$13=2,J8468*Input!$J$13,0)+IF(Input!$K$14=2,K8468*Input!$J$14,0)+IF(Input!$K$15=2,L8468*Input!$J$15,0)+IF(Input!$K$16=2,M8468*Input!$J$16,0)</f>
        <v>0.51775913536473828</v>
      </c>
      <c r="P8468" s="58">
        <f>IF(Input!$K$13=3,J8468*Input!$J$13,0)+IF(Input!$K$14=3,K8468*Input!$J$14,0)+IF(Input!$K$15=3,L8468*Input!$J$15,0)+IF(Input!$K$16=3,M8468*Input!$J$16,0)</f>
        <v>0</v>
      </c>
      <c r="Q8468" s="71">
        <f>IF(Input!$K$13=4,J8468*Input!$J$13,0)+IF(Input!$K$14=4,K8468*Input!$J$14,0)+IF(Input!$K$15=4,L8468*Input!$J$15,0)+IF(Input!$K$16=4,M8468*Input!$J$16,0)</f>
        <v>0</v>
      </c>
    </row>
    <row r="8469" spans="8:17" x14ac:dyDescent="0.25">
      <c r="H8469" s="43">
        <v>8462</v>
      </c>
      <c r="I8469" s="55">
        <f>Bühler!I8495</f>
        <v>6.6809230052251278</v>
      </c>
      <c r="J8469" s="58">
        <f>Bühler!J8495</f>
        <v>50.331392456993846</v>
      </c>
      <c r="K8469" s="58">
        <f>Bühler!K8495</f>
        <v>2.547703681953474</v>
      </c>
      <c r="L8469" s="58">
        <f>Bühler!L8495</f>
        <v>1.273851840976737</v>
      </c>
      <c r="M8469" s="57">
        <f>Bühler!M8495</f>
        <v>0</v>
      </c>
      <c r="N8469" s="55">
        <f>IF(Input!$K$13=1,J8469*Input!$J$13,0)+IF(Input!$K$14=1,K8469*Input!$J$14,0)+IF(Input!$K$15=1,L8469*Input!$J$15,0)+IF(Input!$K$16=1,M8469*Input!$J$16,0)</f>
        <v>6.0397670948392612</v>
      </c>
      <c r="O8469" s="58">
        <f>IF(Input!$K$13=2,J8469*Input!$J$13,0)+IF(Input!$K$14=2,K8469*Input!$J$14,0)+IF(Input!$K$15=2,L8469*Input!$J$15,0)+IF(Input!$K$16=2,M8469*Input!$J$16,0)</f>
        <v>0.34393999706371897</v>
      </c>
      <c r="P8469" s="58">
        <f>IF(Input!$K$13=3,J8469*Input!$J$13,0)+IF(Input!$K$14=3,K8469*Input!$J$14,0)+IF(Input!$K$15=3,L8469*Input!$J$15,0)+IF(Input!$K$16=3,M8469*Input!$J$16,0)</f>
        <v>0</v>
      </c>
      <c r="Q8469" s="71">
        <f>IF(Input!$K$13=4,J8469*Input!$J$13,0)+IF(Input!$K$14=4,K8469*Input!$J$14,0)+IF(Input!$K$15=4,L8469*Input!$J$15,0)+IF(Input!$K$16=4,M8469*Input!$J$16,0)</f>
        <v>0</v>
      </c>
    </row>
    <row r="8470" spans="8:17" x14ac:dyDescent="0.25">
      <c r="H8470" s="43">
        <v>8463</v>
      </c>
      <c r="I8470" s="55">
        <f>Bühler!I8496</f>
        <v>10.057303448726</v>
      </c>
      <c r="J8470" s="58">
        <f>Bühler!J8496</f>
        <v>75.767687569668141</v>
      </c>
      <c r="K8470" s="58">
        <f>Bühler!K8496</f>
        <v>3.8352528545536169</v>
      </c>
      <c r="L8470" s="58">
        <f>Bühler!L8496</f>
        <v>1.9176264272768084</v>
      </c>
      <c r="M8470" s="57">
        <f>Bühler!M8496</f>
        <v>0</v>
      </c>
      <c r="N8470" s="55">
        <f>IF(Input!$K$13=1,J8470*Input!$J$13,0)+IF(Input!$K$14=1,K8470*Input!$J$14,0)+IF(Input!$K$15=1,L8470*Input!$J$15,0)+IF(Input!$K$16=1,M8470*Input!$J$16,0)</f>
        <v>9.0921225083601769</v>
      </c>
      <c r="O8470" s="58">
        <f>IF(Input!$K$13=2,J8470*Input!$J$13,0)+IF(Input!$K$14=2,K8470*Input!$J$14,0)+IF(Input!$K$15=2,L8470*Input!$J$15,0)+IF(Input!$K$16=2,M8470*Input!$J$16,0)</f>
        <v>0.51775913536473828</v>
      </c>
      <c r="P8470" s="58">
        <f>IF(Input!$K$13=3,J8470*Input!$J$13,0)+IF(Input!$K$14=3,K8470*Input!$J$14,0)+IF(Input!$K$15=3,L8470*Input!$J$15,0)+IF(Input!$K$16=3,M8470*Input!$J$16,0)</f>
        <v>0</v>
      </c>
      <c r="Q8470" s="71">
        <f>IF(Input!$K$13=4,J8470*Input!$J$13,0)+IF(Input!$K$14=4,K8470*Input!$J$14,0)+IF(Input!$K$15=4,L8470*Input!$J$15,0)+IF(Input!$K$16=4,M8470*Input!$J$16,0)</f>
        <v>0</v>
      </c>
    </row>
    <row r="8471" spans="8:17" x14ac:dyDescent="0.25">
      <c r="H8471" s="43">
        <v>8464</v>
      </c>
      <c r="I8471" s="55">
        <f>Bühler!I8497</f>
        <v>10.057303448726</v>
      </c>
      <c r="J8471" s="58">
        <f>Bühler!J8497</f>
        <v>75.767687569668141</v>
      </c>
      <c r="K8471" s="58">
        <f>Bühler!K8497</f>
        <v>3.8352528545536169</v>
      </c>
      <c r="L8471" s="58">
        <f>Bühler!L8497</f>
        <v>1.9176264272768084</v>
      </c>
      <c r="M8471" s="57">
        <f>Bühler!M8497</f>
        <v>0</v>
      </c>
      <c r="N8471" s="55">
        <f>IF(Input!$K$13=1,J8471*Input!$J$13,0)+IF(Input!$K$14=1,K8471*Input!$J$14,0)+IF(Input!$K$15=1,L8471*Input!$J$15,0)+IF(Input!$K$16=1,M8471*Input!$J$16,0)</f>
        <v>9.0921225083601769</v>
      </c>
      <c r="O8471" s="58">
        <f>IF(Input!$K$13=2,J8471*Input!$J$13,0)+IF(Input!$K$14=2,K8471*Input!$J$14,0)+IF(Input!$K$15=2,L8471*Input!$J$15,0)+IF(Input!$K$16=2,M8471*Input!$J$16,0)</f>
        <v>0.51775913536473828</v>
      </c>
      <c r="P8471" s="58">
        <f>IF(Input!$K$13=3,J8471*Input!$J$13,0)+IF(Input!$K$14=3,K8471*Input!$J$14,0)+IF(Input!$K$15=3,L8471*Input!$J$15,0)+IF(Input!$K$16=3,M8471*Input!$J$16,0)</f>
        <v>0</v>
      </c>
      <c r="Q8471" s="71">
        <f>IF(Input!$K$13=4,J8471*Input!$J$13,0)+IF(Input!$K$14=4,K8471*Input!$J$14,0)+IF(Input!$K$15=4,L8471*Input!$J$15,0)+IF(Input!$K$16=4,M8471*Input!$J$16,0)</f>
        <v>0</v>
      </c>
    </row>
    <row r="8472" spans="8:17" x14ac:dyDescent="0.25">
      <c r="H8472" s="43">
        <v>8465</v>
      </c>
      <c r="I8472" s="55">
        <f>Bühler!I8498</f>
        <v>8.4065606334335872</v>
      </c>
      <c r="J8472" s="58">
        <f>Bühler!J8498</f>
        <v>47.335412558370216</v>
      </c>
      <c r="K8472" s="58">
        <f>Bühler!K8498</f>
        <v>2.260059717861953</v>
      </c>
      <c r="L8472" s="58">
        <f>Bühler!L8498</f>
        <v>1.1300298589309765</v>
      </c>
      <c r="M8472" s="57">
        <f>Bühler!M8498</f>
        <v>0</v>
      </c>
      <c r="N8472" s="55">
        <f>IF(Input!$K$13=1,J8472*Input!$J$13,0)+IF(Input!$K$14=1,K8472*Input!$J$14,0)+IF(Input!$K$15=1,L8472*Input!$J$15,0)+IF(Input!$K$16=1,M8472*Input!$J$16,0)</f>
        <v>5.6802495070044259</v>
      </c>
      <c r="O8472" s="58">
        <f>IF(Input!$K$13=2,J8472*Input!$J$13,0)+IF(Input!$K$14=2,K8472*Input!$J$14,0)+IF(Input!$K$15=2,L8472*Input!$J$15,0)+IF(Input!$K$16=2,M8472*Input!$J$16,0)</f>
        <v>0.30510806191136364</v>
      </c>
      <c r="P8472" s="58">
        <f>IF(Input!$K$13=3,J8472*Input!$J$13,0)+IF(Input!$K$14=3,K8472*Input!$J$14,0)+IF(Input!$K$15=3,L8472*Input!$J$15,0)+IF(Input!$K$16=3,M8472*Input!$J$16,0)</f>
        <v>0</v>
      </c>
      <c r="Q8472" s="71">
        <f>IF(Input!$K$13=4,J8472*Input!$J$13,0)+IF(Input!$K$14=4,K8472*Input!$J$14,0)+IF(Input!$K$15=4,L8472*Input!$J$15,0)+IF(Input!$K$16=4,M8472*Input!$J$16,0)</f>
        <v>0</v>
      </c>
    </row>
    <row r="8473" spans="8:17" x14ac:dyDescent="0.25">
      <c r="H8473" s="43">
        <v>8466</v>
      </c>
      <c r="I8473" s="55">
        <f>Bühler!I8499</f>
        <v>6.6793945396554131</v>
      </c>
      <c r="J8473" s="58">
        <f>Bühler!J8499</f>
        <v>23.551975414325309</v>
      </c>
      <c r="K8473" s="58">
        <f>Bühler!K8499</f>
        <v>0.96460081854970237</v>
      </c>
      <c r="L8473" s="58">
        <f>Bühler!L8499</f>
        <v>0.48230040927485118</v>
      </c>
      <c r="M8473" s="57">
        <f>Bühler!M8499</f>
        <v>0</v>
      </c>
      <c r="N8473" s="55">
        <f>IF(Input!$K$13=1,J8473*Input!$J$13,0)+IF(Input!$K$14=1,K8473*Input!$J$14,0)+IF(Input!$K$15=1,L8473*Input!$J$15,0)+IF(Input!$K$16=1,M8473*Input!$J$16,0)</f>
        <v>2.8262370497190368</v>
      </c>
      <c r="O8473" s="58">
        <f>IF(Input!$K$13=2,J8473*Input!$J$13,0)+IF(Input!$K$14=2,K8473*Input!$J$14,0)+IF(Input!$K$15=2,L8473*Input!$J$15,0)+IF(Input!$K$16=2,M8473*Input!$J$16,0)</f>
        <v>0.13022111050420981</v>
      </c>
      <c r="P8473" s="58">
        <f>IF(Input!$K$13=3,J8473*Input!$J$13,0)+IF(Input!$K$14=3,K8473*Input!$J$14,0)+IF(Input!$K$15=3,L8473*Input!$J$15,0)+IF(Input!$K$16=3,M8473*Input!$J$16,0)</f>
        <v>0</v>
      </c>
      <c r="Q8473" s="71">
        <f>IF(Input!$K$13=4,J8473*Input!$J$13,0)+IF(Input!$K$14=4,K8473*Input!$J$14,0)+IF(Input!$K$15=4,L8473*Input!$J$15,0)+IF(Input!$K$16=4,M8473*Input!$J$16,0)</f>
        <v>0</v>
      </c>
    </row>
    <row r="8474" spans="8:17" x14ac:dyDescent="0.25">
      <c r="H8474" s="43">
        <v>8467</v>
      </c>
      <c r="I8474" s="55">
        <f>Bühler!I8500</f>
        <v>2.3691216330585561</v>
      </c>
      <c r="J8474" s="58">
        <f>Bühler!J8500</f>
        <v>13.335085113414515</v>
      </c>
      <c r="K8474" s="58">
        <f>Bühler!K8500</f>
        <v>0.63663654024280358</v>
      </c>
      <c r="L8474" s="58">
        <f>Bühler!L8500</f>
        <v>0.31831827012140179</v>
      </c>
      <c r="M8474" s="57">
        <f>Bühler!M8500</f>
        <v>0</v>
      </c>
      <c r="N8474" s="55">
        <f>IF(Input!$K$13=1,J8474*Input!$J$13,0)+IF(Input!$K$14=1,K8474*Input!$J$14,0)+IF(Input!$K$15=1,L8474*Input!$J$15,0)+IF(Input!$K$16=1,M8474*Input!$J$16,0)</f>
        <v>1.6002102136097416</v>
      </c>
      <c r="O8474" s="58">
        <f>IF(Input!$K$13=2,J8474*Input!$J$13,0)+IF(Input!$K$14=2,K8474*Input!$J$14,0)+IF(Input!$K$15=2,L8474*Input!$J$15,0)+IF(Input!$K$16=2,M8474*Input!$J$16,0)</f>
        <v>8.5945932932778482E-2</v>
      </c>
      <c r="P8474" s="58">
        <f>IF(Input!$K$13=3,J8474*Input!$J$13,0)+IF(Input!$K$14=3,K8474*Input!$J$14,0)+IF(Input!$K$15=3,L8474*Input!$J$15,0)+IF(Input!$K$16=3,M8474*Input!$J$16,0)</f>
        <v>0</v>
      </c>
      <c r="Q8474" s="71">
        <f>IF(Input!$K$13=4,J8474*Input!$J$13,0)+IF(Input!$K$14=4,K8474*Input!$J$14,0)+IF(Input!$K$15=4,L8474*Input!$J$15,0)+IF(Input!$K$16=4,M8474*Input!$J$16,0)</f>
        <v>0</v>
      </c>
    </row>
    <row r="8475" spans="8:17" x14ac:dyDescent="0.25">
      <c r="H8475" s="43">
        <v>8468</v>
      </c>
      <c r="I8475" s="55">
        <f>Bühler!I8501</f>
        <v>2.3691216330585561</v>
      </c>
      <c r="J8475" s="58">
        <f>Bühler!J8501</f>
        <v>13.335085113414515</v>
      </c>
      <c r="K8475" s="58">
        <f>Bühler!K8501</f>
        <v>0.63663654024280358</v>
      </c>
      <c r="L8475" s="58">
        <f>Bühler!L8501</f>
        <v>0.31831827012140179</v>
      </c>
      <c r="M8475" s="57">
        <f>Bühler!M8501</f>
        <v>0</v>
      </c>
      <c r="N8475" s="55">
        <f>IF(Input!$K$13=1,J8475*Input!$J$13,0)+IF(Input!$K$14=1,K8475*Input!$J$14,0)+IF(Input!$K$15=1,L8475*Input!$J$15,0)+IF(Input!$K$16=1,M8475*Input!$J$16,0)</f>
        <v>1.6002102136097416</v>
      </c>
      <c r="O8475" s="58">
        <f>IF(Input!$K$13=2,J8475*Input!$J$13,0)+IF(Input!$K$14=2,K8475*Input!$J$14,0)+IF(Input!$K$15=2,L8475*Input!$J$15,0)+IF(Input!$K$16=2,M8475*Input!$J$16,0)</f>
        <v>8.5945932932778482E-2</v>
      </c>
      <c r="P8475" s="58">
        <f>IF(Input!$K$13=3,J8475*Input!$J$13,0)+IF(Input!$K$14=3,K8475*Input!$J$14,0)+IF(Input!$K$15=3,L8475*Input!$J$15,0)+IF(Input!$K$16=3,M8475*Input!$J$16,0)</f>
        <v>0</v>
      </c>
      <c r="Q8475" s="71">
        <f>IF(Input!$K$13=4,J8475*Input!$J$13,0)+IF(Input!$K$14=4,K8475*Input!$J$14,0)+IF(Input!$K$15=4,L8475*Input!$J$15,0)+IF(Input!$K$16=4,M8475*Input!$J$16,0)</f>
        <v>0</v>
      </c>
    </row>
    <row r="8476" spans="8:17" x14ac:dyDescent="0.25">
      <c r="H8476" s="43">
        <v>8469</v>
      </c>
      <c r="I8476" s="55">
        <f>Bühler!I8502</f>
        <v>2.3691216330585561</v>
      </c>
      <c r="J8476" s="58">
        <f>Bühler!J8502</f>
        <v>13.335085113414515</v>
      </c>
      <c r="K8476" s="58">
        <f>Bühler!K8502</f>
        <v>0.63663654024280358</v>
      </c>
      <c r="L8476" s="58">
        <f>Bühler!L8502</f>
        <v>0.31831827012140179</v>
      </c>
      <c r="M8476" s="57">
        <f>Bühler!M8502</f>
        <v>0</v>
      </c>
      <c r="N8476" s="55">
        <f>IF(Input!$K$13=1,J8476*Input!$J$13,0)+IF(Input!$K$14=1,K8476*Input!$J$14,0)+IF(Input!$K$15=1,L8476*Input!$J$15,0)+IF(Input!$K$16=1,M8476*Input!$J$16,0)</f>
        <v>1.6002102136097416</v>
      </c>
      <c r="O8476" s="58">
        <f>IF(Input!$K$13=2,J8476*Input!$J$13,0)+IF(Input!$K$14=2,K8476*Input!$J$14,0)+IF(Input!$K$15=2,L8476*Input!$J$15,0)+IF(Input!$K$16=2,M8476*Input!$J$16,0)</f>
        <v>8.5945932932778482E-2</v>
      </c>
      <c r="P8476" s="58">
        <f>IF(Input!$K$13=3,J8476*Input!$J$13,0)+IF(Input!$K$14=3,K8476*Input!$J$14,0)+IF(Input!$K$15=3,L8476*Input!$J$15,0)+IF(Input!$K$16=3,M8476*Input!$J$16,0)</f>
        <v>0</v>
      </c>
      <c r="Q8476" s="71">
        <f>IF(Input!$K$13=4,J8476*Input!$J$13,0)+IF(Input!$K$14=4,K8476*Input!$J$14,0)+IF(Input!$K$15=4,L8476*Input!$J$15,0)+IF(Input!$K$16=4,M8476*Input!$J$16,0)</f>
        <v>0</v>
      </c>
    </row>
    <row r="8477" spans="8:17" x14ac:dyDescent="0.25">
      <c r="H8477" s="43">
        <v>8470</v>
      </c>
      <c r="I8477" s="55">
        <f>Bühler!I8503</f>
        <v>2.3691216330585561</v>
      </c>
      <c r="J8477" s="58">
        <f>Bühler!J8503</f>
        <v>13.335085113414515</v>
      </c>
      <c r="K8477" s="58">
        <f>Bühler!K8503</f>
        <v>0.63663654024280358</v>
      </c>
      <c r="L8477" s="58">
        <f>Bühler!L8503</f>
        <v>0.31831827012140179</v>
      </c>
      <c r="M8477" s="57">
        <f>Bühler!M8503</f>
        <v>0</v>
      </c>
      <c r="N8477" s="55">
        <f>IF(Input!$K$13=1,J8477*Input!$J$13,0)+IF(Input!$K$14=1,K8477*Input!$J$14,0)+IF(Input!$K$15=1,L8477*Input!$J$15,0)+IF(Input!$K$16=1,M8477*Input!$J$16,0)</f>
        <v>1.6002102136097416</v>
      </c>
      <c r="O8477" s="58">
        <f>IF(Input!$K$13=2,J8477*Input!$J$13,0)+IF(Input!$K$14=2,K8477*Input!$J$14,0)+IF(Input!$K$15=2,L8477*Input!$J$15,0)+IF(Input!$K$16=2,M8477*Input!$J$16,0)</f>
        <v>8.5945932932778482E-2</v>
      </c>
      <c r="P8477" s="58">
        <f>IF(Input!$K$13=3,J8477*Input!$J$13,0)+IF(Input!$K$14=3,K8477*Input!$J$14,0)+IF(Input!$K$15=3,L8477*Input!$J$15,0)+IF(Input!$K$16=3,M8477*Input!$J$16,0)</f>
        <v>0</v>
      </c>
      <c r="Q8477" s="71">
        <f>IF(Input!$K$13=4,J8477*Input!$J$13,0)+IF(Input!$K$14=4,K8477*Input!$J$14,0)+IF(Input!$K$15=4,L8477*Input!$J$15,0)+IF(Input!$K$16=4,M8477*Input!$J$16,0)</f>
        <v>0</v>
      </c>
    </row>
    <row r="8478" spans="8:17" x14ac:dyDescent="0.25">
      <c r="H8478" s="43">
        <v>8471</v>
      </c>
      <c r="I8478" s="55">
        <f>Bühler!I8504</f>
        <v>2.3691216330585561</v>
      </c>
      <c r="J8478" s="58">
        <f>Bühler!J8504</f>
        <v>13.335085113414515</v>
      </c>
      <c r="K8478" s="58">
        <f>Bühler!K8504</f>
        <v>0.63663654024280358</v>
      </c>
      <c r="L8478" s="58">
        <f>Bühler!L8504</f>
        <v>0.31831827012140179</v>
      </c>
      <c r="M8478" s="57">
        <f>Bühler!M8504</f>
        <v>0</v>
      </c>
      <c r="N8478" s="55">
        <f>IF(Input!$K$13=1,J8478*Input!$J$13,0)+IF(Input!$K$14=1,K8478*Input!$J$14,0)+IF(Input!$K$15=1,L8478*Input!$J$15,0)+IF(Input!$K$16=1,M8478*Input!$J$16,0)</f>
        <v>1.6002102136097416</v>
      </c>
      <c r="O8478" s="58">
        <f>IF(Input!$K$13=2,J8478*Input!$J$13,0)+IF(Input!$K$14=2,K8478*Input!$J$14,0)+IF(Input!$K$15=2,L8478*Input!$J$15,0)+IF(Input!$K$16=2,M8478*Input!$J$16,0)</f>
        <v>8.5945932932778482E-2</v>
      </c>
      <c r="P8478" s="58">
        <f>IF(Input!$K$13=3,J8478*Input!$J$13,0)+IF(Input!$K$14=3,K8478*Input!$J$14,0)+IF(Input!$K$15=3,L8478*Input!$J$15,0)+IF(Input!$K$16=3,M8478*Input!$J$16,0)</f>
        <v>0</v>
      </c>
      <c r="Q8478" s="71">
        <f>IF(Input!$K$13=4,J8478*Input!$J$13,0)+IF(Input!$K$14=4,K8478*Input!$J$14,0)+IF(Input!$K$15=4,L8478*Input!$J$15,0)+IF(Input!$K$16=4,M8478*Input!$J$16,0)</f>
        <v>0</v>
      </c>
    </row>
    <row r="8479" spans="8:17" x14ac:dyDescent="0.25">
      <c r="H8479" s="43">
        <v>8472</v>
      </c>
      <c r="I8479" s="55">
        <f>Bühler!I8505</f>
        <v>2.3691216330585561</v>
      </c>
      <c r="J8479" s="58">
        <f>Bühler!J8505</f>
        <v>13.335085113414515</v>
      </c>
      <c r="K8479" s="58">
        <f>Bühler!K8505</f>
        <v>0.63663654024280358</v>
      </c>
      <c r="L8479" s="58">
        <f>Bühler!L8505</f>
        <v>0.31831827012140179</v>
      </c>
      <c r="M8479" s="57">
        <f>Bühler!M8505</f>
        <v>0</v>
      </c>
      <c r="N8479" s="55">
        <f>IF(Input!$K$13=1,J8479*Input!$J$13,0)+IF(Input!$K$14=1,K8479*Input!$J$14,0)+IF(Input!$K$15=1,L8479*Input!$J$15,0)+IF(Input!$K$16=1,M8479*Input!$J$16,0)</f>
        <v>1.6002102136097416</v>
      </c>
      <c r="O8479" s="58">
        <f>IF(Input!$K$13=2,J8479*Input!$J$13,0)+IF(Input!$K$14=2,K8479*Input!$J$14,0)+IF(Input!$K$15=2,L8479*Input!$J$15,0)+IF(Input!$K$16=2,M8479*Input!$J$16,0)</f>
        <v>8.5945932932778482E-2</v>
      </c>
      <c r="P8479" s="58">
        <f>IF(Input!$K$13=3,J8479*Input!$J$13,0)+IF(Input!$K$14=3,K8479*Input!$J$14,0)+IF(Input!$K$15=3,L8479*Input!$J$15,0)+IF(Input!$K$16=3,M8479*Input!$J$16,0)</f>
        <v>0</v>
      </c>
      <c r="Q8479" s="71">
        <f>IF(Input!$K$13=4,J8479*Input!$J$13,0)+IF(Input!$K$14=4,K8479*Input!$J$14,0)+IF(Input!$K$15=4,L8479*Input!$J$15,0)+IF(Input!$K$16=4,M8479*Input!$J$16,0)</f>
        <v>0</v>
      </c>
    </row>
    <row r="8480" spans="8:17" x14ac:dyDescent="0.25">
      <c r="H8480" s="43">
        <v>8473</v>
      </c>
      <c r="I8480" s="55">
        <f>Bühler!I8506</f>
        <v>4.1772375402722153</v>
      </c>
      <c r="J8480" s="58">
        <f>Bühler!J8506</f>
        <v>16.735510570710733</v>
      </c>
      <c r="K8480" s="58">
        <f>Bühler!K8506</f>
        <v>0.64920172055217851</v>
      </c>
      <c r="L8480" s="58">
        <f>Bühler!L8506</f>
        <v>0.32460086027608925</v>
      </c>
      <c r="M8480" s="57">
        <f>Bühler!M8506</f>
        <v>0</v>
      </c>
      <c r="N8480" s="55">
        <f>IF(Input!$K$13=1,J8480*Input!$J$13,0)+IF(Input!$K$14=1,K8480*Input!$J$14,0)+IF(Input!$K$15=1,L8480*Input!$J$15,0)+IF(Input!$K$16=1,M8480*Input!$J$16,0)</f>
        <v>2.0082612684852879</v>
      </c>
      <c r="O8480" s="58">
        <f>IF(Input!$K$13=2,J8480*Input!$J$13,0)+IF(Input!$K$14=2,K8480*Input!$J$14,0)+IF(Input!$K$15=2,L8480*Input!$J$15,0)+IF(Input!$K$16=2,M8480*Input!$J$16,0)</f>
        <v>8.7642232274544096E-2</v>
      </c>
      <c r="P8480" s="58">
        <f>IF(Input!$K$13=3,J8480*Input!$J$13,0)+IF(Input!$K$14=3,K8480*Input!$J$14,0)+IF(Input!$K$15=3,L8480*Input!$J$15,0)+IF(Input!$K$16=3,M8480*Input!$J$16,0)</f>
        <v>0</v>
      </c>
      <c r="Q8480" s="71">
        <f>IF(Input!$K$13=4,J8480*Input!$J$13,0)+IF(Input!$K$14=4,K8480*Input!$J$14,0)+IF(Input!$K$15=4,L8480*Input!$J$15,0)+IF(Input!$K$16=4,M8480*Input!$J$16,0)</f>
        <v>0</v>
      </c>
    </row>
    <row r="8481" spans="8:17" x14ac:dyDescent="0.25">
      <c r="H8481" s="43">
        <v>8474</v>
      </c>
      <c r="I8481" s="55">
        <f>Bühler!I8507</f>
        <v>4.1772375402722153</v>
      </c>
      <c r="J8481" s="58">
        <f>Bühler!J8507</f>
        <v>16.735510570710733</v>
      </c>
      <c r="K8481" s="58">
        <f>Bühler!K8507</f>
        <v>0.64920172055217851</v>
      </c>
      <c r="L8481" s="58">
        <f>Bühler!L8507</f>
        <v>0.32460086027608925</v>
      </c>
      <c r="M8481" s="57">
        <f>Bühler!M8507</f>
        <v>0</v>
      </c>
      <c r="N8481" s="55">
        <f>IF(Input!$K$13=1,J8481*Input!$J$13,0)+IF(Input!$K$14=1,K8481*Input!$J$14,0)+IF(Input!$K$15=1,L8481*Input!$J$15,0)+IF(Input!$K$16=1,M8481*Input!$J$16,0)</f>
        <v>2.0082612684852879</v>
      </c>
      <c r="O8481" s="58">
        <f>IF(Input!$K$13=2,J8481*Input!$J$13,0)+IF(Input!$K$14=2,K8481*Input!$J$14,0)+IF(Input!$K$15=2,L8481*Input!$J$15,0)+IF(Input!$K$16=2,M8481*Input!$J$16,0)</f>
        <v>8.7642232274544096E-2</v>
      </c>
      <c r="P8481" s="58">
        <f>IF(Input!$K$13=3,J8481*Input!$J$13,0)+IF(Input!$K$14=3,K8481*Input!$J$14,0)+IF(Input!$K$15=3,L8481*Input!$J$15,0)+IF(Input!$K$16=3,M8481*Input!$J$16,0)</f>
        <v>0</v>
      </c>
      <c r="Q8481" s="71">
        <f>IF(Input!$K$13=4,J8481*Input!$J$13,0)+IF(Input!$K$14=4,K8481*Input!$J$14,0)+IF(Input!$K$15=4,L8481*Input!$J$15,0)+IF(Input!$K$16=4,M8481*Input!$J$16,0)</f>
        <v>0</v>
      </c>
    </row>
    <row r="8482" spans="8:17" x14ac:dyDescent="0.25">
      <c r="H8482" s="43">
        <v>8475</v>
      </c>
      <c r="I8482" s="55">
        <f>Bühler!I8508</f>
        <v>4.1772375402722153</v>
      </c>
      <c r="J8482" s="58">
        <f>Bühler!J8508</f>
        <v>16.735510570710733</v>
      </c>
      <c r="K8482" s="58">
        <f>Bühler!K8508</f>
        <v>0.64920172055217851</v>
      </c>
      <c r="L8482" s="58">
        <f>Bühler!L8508</f>
        <v>0.32460086027608925</v>
      </c>
      <c r="M8482" s="57">
        <f>Bühler!M8508</f>
        <v>0</v>
      </c>
      <c r="N8482" s="55">
        <f>IF(Input!$K$13=1,J8482*Input!$J$13,0)+IF(Input!$K$14=1,K8482*Input!$J$14,0)+IF(Input!$K$15=1,L8482*Input!$J$15,0)+IF(Input!$K$16=1,M8482*Input!$J$16,0)</f>
        <v>2.0082612684852879</v>
      </c>
      <c r="O8482" s="58">
        <f>IF(Input!$K$13=2,J8482*Input!$J$13,0)+IF(Input!$K$14=2,K8482*Input!$J$14,0)+IF(Input!$K$15=2,L8482*Input!$J$15,0)+IF(Input!$K$16=2,M8482*Input!$J$16,0)</f>
        <v>8.7642232274544096E-2</v>
      </c>
      <c r="P8482" s="58">
        <f>IF(Input!$K$13=3,J8482*Input!$J$13,0)+IF(Input!$K$14=3,K8482*Input!$J$14,0)+IF(Input!$K$15=3,L8482*Input!$J$15,0)+IF(Input!$K$16=3,M8482*Input!$J$16,0)</f>
        <v>0</v>
      </c>
      <c r="Q8482" s="71">
        <f>IF(Input!$K$13=4,J8482*Input!$J$13,0)+IF(Input!$K$14=4,K8482*Input!$J$14,0)+IF(Input!$K$15=4,L8482*Input!$J$15,0)+IF(Input!$K$16=4,M8482*Input!$J$16,0)</f>
        <v>0</v>
      </c>
    </row>
    <row r="8483" spans="8:17" x14ac:dyDescent="0.25">
      <c r="H8483" s="43">
        <v>8476</v>
      </c>
      <c r="I8483" s="55">
        <f>Bühler!I8509</f>
        <v>4.1772375402722153</v>
      </c>
      <c r="J8483" s="58">
        <f>Bühler!J8509</f>
        <v>16.735510570710733</v>
      </c>
      <c r="K8483" s="58">
        <f>Bühler!K8509</f>
        <v>0.64920172055217851</v>
      </c>
      <c r="L8483" s="58">
        <f>Bühler!L8509</f>
        <v>0.32460086027608925</v>
      </c>
      <c r="M8483" s="57">
        <f>Bühler!M8509</f>
        <v>0</v>
      </c>
      <c r="N8483" s="55">
        <f>IF(Input!$K$13=1,J8483*Input!$J$13,0)+IF(Input!$K$14=1,K8483*Input!$J$14,0)+IF(Input!$K$15=1,L8483*Input!$J$15,0)+IF(Input!$K$16=1,M8483*Input!$J$16,0)</f>
        <v>2.0082612684852879</v>
      </c>
      <c r="O8483" s="58">
        <f>IF(Input!$K$13=2,J8483*Input!$J$13,0)+IF(Input!$K$14=2,K8483*Input!$J$14,0)+IF(Input!$K$15=2,L8483*Input!$J$15,0)+IF(Input!$K$16=2,M8483*Input!$J$16,0)</f>
        <v>8.7642232274544096E-2</v>
      </c>
      <c r="P8483" s="58">
        <f>IF(Input!$K$13=3,J8483*Input!$J$13,0)+IF(Input!$K$14=3,K8483*Input!$J$14,0)+IF(Input!$K$15=3,L8483*Input!$J$15,0)+IF(Input!$K$16=3,M8483*Input!$J$16,0)</f>
        <v>0</v>
      </c>
      <c r="Q8483" s="71">
        <f>IF(Input!$K$13=4,J8483*Input!$J$13,0)+IF(Input!$K$14=4,K8483*Input!$J$14,0)+IF(Input!$K$15=4,L8483*Input!$J$15,0)+IF(Input!$K$16=4,M8483*Input!$J$16,0)</f>
        <v>0</v>
      </c>
    </row>
    <row r="8484" spans="8:17" x14ac:dyDescent="0.25">
      <c r="H8484" s="43">
        <v>8477</v>
      </c>
      <c r="I8484" s="55">
        <f>Bühler!I8510</f>
        <v>4.1772375402722153</v>
      </c>
      <c r="J8484" s="58">
        <f>Bühler!J8510</f>
        <v>16.735510570710733</v>
      </c>
      <c r="K8484" s="58">
        <f>Bühler!K8510</f>
        <v>0.64920172055217851</v>
      </c>
      <c r="L8484" s="58">
        <f>Bühler!L8510</f>
        <v>0.32460086027608925</v>
      </c>
      <c r="M8484" s="57">
        <f>Bühler!M8510</f>
        <v>0</v>
      </c>
      <c r="N8484" s="55">
        <f>IF(Input!$K$13=1,J8484*Input!$J$13,0)+IF(Input!$K$14=1,K8484*Input!$J$14,0)+IF(Input!$K$15=1,L8484*Input!$J$15,0)+IF(Input!$K$16=1,M8484*Input!$J$16,0)</f>
        <v>2.0082612684852879</v>
      </c>
      <c r="O8484" s="58">
        <f>IF(Input!$K$13=2,J8484*Input!$J$13,0)+IF(Input!$K$14=2,K8484*Input!$J$14,0)+IF(Input!$K$15=2,L8484*Input!$J$15,0)+IF(Input!$K$16=2,M8484*Input!$J$16,0)</f>
        <v>8.7642232274544096E-2</v>
      </c>
      <c r="P8484" s="58">
        <f>IF(Input!$K$13=3,J8484*Input!$J$13,0)+IF(Input!$K$14=3,K8484*Input!$J$14,0)+IF(Input!$K$15=3,L8484*Input!$J$15,0)+IF(Input!$K$16=3,M8484*Input!$J$16,0)</f>
        <v>0</v>
      </c>
      <c r="Q8484" s="71">
        <f>IF(Input!$K$13=4,J8484*Input!$J$13,0)+IF(Input!$K$14=4,K8484*Input!$J$14,0)+IF(Input!$K$15=4,L8484*Input!$J$15,0)+IF(Input!$K$16=4,M8484*Input!$J$16,0)</f>
        <v>0</v>
      </c>
    </row>
    <row r="8485" spans="8:17" x14ac:dyDescent="0.25">
      <c r="H8485" s="43">
        <v>8478</v>
      </c>
      <c r="I8485" s="55">
        <f>Bühler!I8511</f>
        <v>4.1772375402722153</v>
      </c>
      <c r="J8485" s="58">
        <f>Bühler!J8511</f>
        <v>16.735510570710733</v>
      </c>
      <c r="K8485" s="58">
        <f>Bühler!K8511</f>
        <v>0.64920172055217851</v>
      </c>
      <c r="L8485" s="58">
        <f>Bühler!L8511</f>
        <v>0.32460086027608925</v>
      </c>
      <c r="M8485" s="57">
        <f>Bühler!M8511</f>
        <v>0</v>
      </c>
      <c r="N8485" s="55">
        <f>IF(Input!$K$13=1,J8485*Input!$J$13,0)+IF(Input!$K$14=1,K8485*Input!$J$14,0)+IF(Input!$K$15=1,L8485*Input!$J$15,0)+IF(Input!$K$16=1,M8485*Input!$J$16,0)</f>
        <v>2.0082612684852879</v>
      </c>
      <c r="O8485" s="58">
        <f>IF(Input!$K$13=2,J8485*Input!$J$13,0)+IF(Input!$K$14=2,K8485*Input!$J$14,0)+IF(Input!$K$15=2,L8485*Input!$J$15,0)+IF(Input!$K$16=2,M8485*Input!$J$16,0)</f>
        <v>8.7642232274544096E-2</v>
      </c>
      <c r="P8485" s="58">
        <f>IF(Input!$K$13=3,J8485*Input!$J$13,0)+IF(Input!$K$14=3,K8485*Input!$J$14,0)+IF(Input!$K$15=3,L8485*Input!$J$15,0)+IF(Input!$K$16=3,M8485*Input!$J$16,0)</f>
        <v>0</v>
      </c>
      <c r="Q8485" s="71">
        <f>IF(Input!$K$13=4,J8485*Input!$J$13,0)+IF(Input!$K$14=4,K8485*Input!$J$14,0)+IF(Input!$K$15=4,L8485*Input!$J$15,0)+IF(Input!$K$16=4,M8485*Input!$J$16,0)</f>
        <v>0</v>
      </c>
    </row>
    <row r="8486" spans="8:17" x14ac:dyDescent="0.25">
      <c r="H8486" s="43">
        <v>8479</v>
      </c>
      <c r="I8486" s="55">
        <f>Bühler!I8512</f>
        <v>4.1772375402722153</v>
      </c>
      <c r="J8486" s="58">
        <f>Bühler!J8512</f>
        <v>16.735510570710733</v>
      </c>
      <c r="K8486" s="58">
        <f>Bühler!K8512</f>
        <v>0.64920172055217851</v>
      </c>
      <c r="L8486" s="58">
        <f>Bühler!L8512</f>
        <v>0.32460086027608925</v>
      </c>
      <c r="M8486" s="57">
        <f>Bühler!M8512</f>
        <v>0</v>
      </c>
      <c r="N8486" s="55">
        <f>IF(Input!$K$13=1,J8486*Input!$J$13,0)+IF(Input!$K$14=1,K8486*Input!$J$14,0)+IF(Input!$K$15=1,L8486*Input!$J$15,0)+IF(Input!$K$16=1,M8486*Input!$J$16,0)</f>
        <v>2.0082612684852879</v>
      </c>
      <c r="O8486" s="58">
        <f>IF(Input!$K$13=2,J8486*Input!$J$13,0)+IF(Input!$K$14=2,K8486*Input!$J$14,0)+IF(Input!$K$15=2,L8486*Input!$J$15,0)+IF(Input!$K$16=2,M8486*Input!$J$16,0)</f>
        <v>8.7642232274544096E-2</v>
      </c>
      <c r="P8486" s="58">
        <f>IF(Input!$K$13=3,J8486*Input!$J$13,0)+IF(Input!$K$14=3,K8486*Input!$J$14,0)+IF(Input!$K$15=3,L8486*Input!$J$15,0)+IF(Input!$K$16=3,M8486*Input!$J$16,0)</f>
        <v>0</v>
      </c>
      <c r="Q8486" s="71">
        <f>IF(Input!$K$13=4,J8486*Input!$J$13,0)+IF(Input!$K$14=4,K8486*Input!$J$14,0)+IF(Input!$K$15=4,L8486*Input!$J$15,0)+IF(Input!$K$16=4,M8486*Input!$J$16,0)</f>
        <v>0</v>
      </c>
    </row>
    <row r="8487" spans="8:17" x14ac:dyDescent="0.25">
      <c r="H8487" s="43">
        <v>8480</v>
      </c>
      <c r="I8487" s="55">
        <f>Bühler!I8513</f>
        <v>11.508289423449952</v>
      </c>
      <c r="J8487" s="58">
        <f>Bühler!J8513</f>
        <v>62.381008081189833</v>
      </c>
      <c r="K8487" s="58">
        <f>Bühler!K8513</f>
        <v>2.6538579424996627</v>
      </c>
      <c r="L8487" s="58">
        <f>Bühler!L8513</f>
        <v>1.3269289712498313</v>
      </c>
      <c r="M8487" s="57">
        <f>Bühler!M8513</f>
        <v>0</v>
      </c>
      <c r="N8487" s="55">
        <f>IF(Input!$K$13=1,J8487*Input!$J$13,0)+IF(Input!$K$14=1,K8487*Input!$J$14,0)+IF(Input!$K$15=1,L8487*Input!$J$15,0)+IF(Input!$K$16=1,M8487*Input!$J$16,0)</f>
        <v>7.48572096974278</v>
      </c>
      <c r="O8487" s="58">
        <f>IF(Input!$K$13=2,J8487*Input!$J$13,0)+IF(Input!$K$14=2,K8487*Input!$J$14,0)+IF(Input!$K$15=2,L8487*Input!$J$15,0)+IF(Input!$K$16=2,M8487*Input!$J$16,0)</f>
        <v>0.35827082223745443</v>
      </c>
      <c r="P8487" s="58">
        <f>IF(Input!$K$13=3,J8487*Input!$J$13,0)+IF(Input!$K$14=3,K8487*Input!$J$14,0)+IF(Input!$K$15=3,L8487*Input!$J$15,0)+IF(Input!$K$16=3,M8487*Input!$J$16,0)</f>
        <v>0</v>
      </c>
      <c r="Q8487" s="71">
        <f>IF(Input!$K$13=4,J8487*Input!$J$13,0)+IF(Input!$K$14=4,K8487*Input!$J$14,0)+IF(Input!$K$15=4,L8487*Input!$J$15,0)+IF(Input!$K$16=4,M8487*Input!$J$16,0)</f>
        <v>0</v>
      </c>
    </row>
    <row r="8488" spans="8:17" x14ac:dyDescent="0.25">
      <c r="H8488" s="43">
        <v>8481</v>
      </c>
      <c r="I8488" s="55">
        <f>Bühler!I8514</f>
        <v>12.840828198796789</v>
      </c>
      <c r="J8488" s="58">
        <f>Bühler!J8514</f>
        <v>69.604072174801288</v>
      </c>
      <c r="K8488" s="58">
        <f>Bühler!K8514</f>
        <v>2.9611467568943608</v>
      </c>
      <c r="L8488" s="58">
        <f>Bühler!L8514</f>
        <v>1.4805733784471804</v>
      </c>
      <c r="M8488" s="57">
        <f>Bühler!M8514</f>
        <v>0</v>
      </c>
      <c r="N8488" s="55">
        <f>IF(Input!$K$13=1,J8488*Input!$J$13,0)+IF(Input!$K$14=1,K8488*Input!$J$14,0)+IF(Input!$K$15=1,L8488*Input!$J$15,0)+IF(Input!$K$16=1,M8488*Input!$J$16,0)</f>
        <v>8.3524886609761548</v>
      </c>
      <c r="O8488" s="58">
        <f>IF(Input!$K$13=2,J8488*Input!$J$13,0)+IF(Input!$K$14=2,K8488*Input!$J$14,0)+IF(Input!$K$15=2,L8488*Input!$J$15,0)+IF(Input!$K$16=2,M8488*Input!$J$16,0)</f>
        <v>0.39975481218073872</v>
      </c>
      <c r="P8488" s="58">
        <f>IF(Input!$K$13=3,J8488*Input!$J$13,0)+IF(Input!$K$14=3,K8488*Input!$J$14,0)+IF(Input!$K$15=3,L8488*Input!$J$15,0)+IF(Input!$K$16=3,M8488*Input!$J$16,0)</f>
        <v>0</v>
      </c>
      <c r="Q8488" s="71">
        <f>IF(Input!$K$13=4,J8488*Input!$J$13,0)+IF(Input!$K$14=4,K8488*Input!$J$14,0)+IF(Input!$K$15=4,L8488*Input!$J$15,0)+IF(Input!$K$16=4,M8488*Input!$J$16,0)</f>
        <v>0</v>
      </c>
    </row>
    <row r="8489" spans="8:17" x14ac:dyDescent="0.25">
      <c r="H8489" s="43">
        <v>8482</v>
      </c>
      <c r="I8489" s="55">
        <f>Bühler!I8515</f>
        <v>14.173366974143628</v>
      </c>
      <c r="J8489" s="58">
        <f>Bühler!J8515</f>
        <v>76.827136268412744</v>
      </c>
      <c r="K8489" s="58">
        <f>Bühler!K8515</f>
        <v>3.2684355712890585</v>
      </c>
      <c r="L8489" s="58">
        <f>Bühler!L8515</f>
        <v>1.6342177856445292</v>
      </c>
      <c r="M8489" s="57">
        <f>Bühler!M8515</f>
        <v>0</v>
      </c>
      <c r="N8489" s="55">
        <f>IF(Input!$K$13=1,J8489*Input!$J$13,0)+IF(Input!$K$14=1,K8489*Input!$J$14,0)+IF(Input!$K$15=1,L8489*Input!$J$15,0)+IF(Input!$K$16=1,M8489*Input!$J$16,0)</f>
        <v>9.2192563522095288</v>
      </c>
      <c r="O8489" s="58">
        <f>IF(Input!$K$13=2,J8489*Input!$J$13,0)+IF(Input!$K$14=2,K8489*Input!$J$14,0)+IF(Input!$K$15=2,L8489*Input!$J$15,0)+IF(Input!$K$16=2,M8489*Input!$J$16,0)</f>
        <v>0.44123880212402289</v>
      </c>
      <c r="P8489" s="58">
        <f>IF(Input!$K$13=3,J8489*Input!$J$13,0)+IF(Input!$K$14=3,K8489*Input!$J$14,0)+IF(Input!$K$15=3,L8489*Input!$J$15,0)+IF(Input!$K$16=3,M8489*Input!$J$16,0)</f>
        <v>0</v>
      </c>
      <c r="Q8489" s="71">
        <f>IF(Input!$K$13=4,J8489*Input!$J$13,0)+IF(Input!$K$14=4,K8489*Input!$J$14,0)+IF(Input!$K$15=4,L8489*Input!$J$15,0)+IF(Input!$K$16=4,M8489*Input!$J$16,0)</f>
        <v>0</v>
      </c>
    </row>
    <row r="8490" spans="8:17" x14ac:dyDescent="0.25">
      <c r="H8490" s="43">
        <v>8483</v>
      </c>
      <c r="I8490" s="55">
        <f>Bühler!I8516</f>
        <v>14.173366974143628</v>
      </c>
      <c r="J8490" s="58">
        <f>Bühler!J8516</f>
        <v>76.827136268412744</v>
      </c>
      <c r="K8490" s="58">
        <f>Bühler!K8516</f>
        <v>3.2684355712890585</v>
      </c>
      <c r="L8490" s="58">
        <f>Bühler!L8516</f>
        <v>1.6342177856445292</v>
      </c>
      <c r="M8490" s="57">
        <f>Bühler!M8516</f>
        <v>0</v>
      </c>
      <c r="N8490" s="55">
        <f>IF(Input!$K$13=1,J8490*Input!$J$13,0)+IF(Input!$K$14=1,K8490*Input!$J$14,0)+IF(Input!$K$15=1,L8490*Input!$J$15,0)+IF(Input!$K$16=1,M8490*Input!$J$16,0)</f>
        <v>9.2192563522095288</v>
      </c>
      <c r="O8490" s="58">
        <f>IF(Input!$K$13=2,J8490*Input!$J$13,0)+IF(Input!$K$14=2,K8490*Input!$J$14,0)+IF(Input!$K$15=2,L8490*Input!$J$15,0)+IF(Input!$K$16=2,M8490*Input!$J$16,0)</f>
        <v>0.44123880212402289</v>
      </c>
      <c r="P8490" s="58">
        <f>IF(Input!$K$13=3,J8490*Input!$J$13,0)+IF(Input!$K$14=3,K8490*Input!$J$14,0)+IF(Input!$K$15=3,L8490*Input!$J$15,0)+IF(Input!$K$16=3,M8490*Input!$J$16,0)</f>
        <v>0</v>
      </c>
      <c r="Q8490" s="71">
        <f>IF(Input!$K$13=4,J8490*Input!$J$13,0)+IF(Input!$K$14=4,K8490*Input!$J$14,0)+IF(Input!$K$15=4,L8490*Input!$J$15,0)+IF(Input!$K$16=4,M8490*Input!$J$16,0)</f>
        <v>0</v>
      </c>
    </row>
    <row r="8491" spans="8:17" x14ac:dyDescent="0.25">
      <c r="H8491" s="43">
        <v>8484</v>
      </c>
      <c r="I8491" s="55">
        <f>Bühler!I8517</f>
        <v>16.959584413505194</v>
      </c>
      <c r="J8491" s="58">
        <f>Bühler!J8517</f>
        <v>91.929906645963953</v>
      </c>
      <c r="K8491" s="58">
        <f>Bühler!K8517</f>
        <v>3.9109485468416074</v>
      </c>
      <c r="L8491" s="58">
        <f>Bühler!L8517</f>
        <v>1.9554742734208037</v>
      </c>
      <c r="M8491" s="57">
        <f>Bühler!M8517</f>
        <v>0</v>
      </c>
      <c r="N8491" s="55">
        <f>IF(Input!$K$13=1,J8491*Input!$J$13,0)+IF(Input!$K$14=1,K8491*Input!$J$14,0)+IF(Input!$K$15=1,L8491*Input!$J$15,0)+IF(Input!$K$16=1,M8491*Input!$J$16,0)</f>
        <v>11.031588797515674</v>
      </c>
      <c r="O8491" s="58">
        <f>IF(Input!$K$13=2,J8491*Input!$J$13,0)+IF(Input!$K$14=2,K8491*Input!$J$14,0)+IF(Input!$K$15=2,L8491*Input!$J$15,0)+IF(Input!$K$16=2,M8491*Input!$J$16,0)</f>
        <v>0.52797805382361696</v>
      </c>
      <c r="P8491" s="58">
        <f>IF(Input!$K$13=3,J8491*Input!$J$13,0)+IF(Input!$K$14=3,K8491*Input!$J$14,0)+IF(Input!$K$15=3,L8491*Input!$J$15,0)+IF(Input!$K$16=3,M8491*Input!$J$16,0)</f>
        <v>0</v>
      </c>
      <c r="Q8491" s="71">
        <f>IF(Input!$K$13=4,J8491*Input!$J$13,0)+IF(Input!$K$14=4,K8491*Input!$J$14,0)+IF(Input!$K$15=4,L8491*Input!$J$15,0)+IF(Input!$K$16=4,M8491*Input!$J$16,0)</f>
        <v>0</v>
      </c>
    </row>
    <row r="8492" spans="8:17" x14ac:dyDescent="0.25">
      <c r="H8492" s="43">
        <v>8485</v>
      </c>
      <c r="I8492" s="55">
        <f>Bühler!I8518</f>
        <v>16.959584413505194</v>
      </c>
      <c r="J8492" s="58">
        <f>Bühler!J8518</f>
        <v>91.929906645963953</v>
      </c>
      <c r="K8492" s="58">
        <f>Bühler!K8518</f>
        <v>3.9109485468416074</v>
      </c>
      <c r="L8492" s="58">
        <f>Bühler!L8518</f>
        <v>1.9554742734208037</v>
      </c>
      <c r="M8492" s="57">
        <f>Bühler!M8518</f>
        <v>0</v>
      </c>
      <c r="N8492" s="55">
        <f>IF(Input!$K$13=1,J8492*Input!$J$13,0)+IF(Input!$K$14=1,K8492*Input!$J$14,0)+IF(Input!$K$15=1,L8492*Input!$J$15,0)+IF(Input!$K$16=1,M8492*Input!$J$16,0)</f>
        <v>11.031588797515674</v>
      </c>
      <c r="O8492" s="58">
        <f>IF(Input!$K$13=2,J8492*Input!$J$13,0)+IF(Input!$K$14=2,K8492*Input!$J$14,0)+IF(Input!$K$15=2,L8492*Input!$J$15,0)+IF(Input!$K$16=2,M8492*Input!$J$16,0)</f>
        <v>0.52797805382361696</v>
      </c>
      <c r="P8492" s="58">
        <f>IF(Input!$K$13=3,J8492*Input!$J$13,0)+IF(Input!$K$14=3,K8492*Input!$J$14,0)+IF(Input!$K$15=3,L8492*Input!$J$15,0)+IF(Input!$K$16=3,M8492*Input!$J$16,0)</f>
        <v>0</v>
      </c>
      <c r="Q8492" s="71">
        <f>IF(Input!$K$13=4,J8492*Input!$J$13,0)+IF(Input!$K$14=4,K8492*Input!$J$14,0)+IF(Input!$K$15=4,L8492*Input!$J$15,0)+IF(Input!$K$16=4,M8492*Input!$J$16,0)</f>
        <v>0</v>
      </c>
    </row>
    <row r="8493" spans="8:17" x14ac:dyDescent="0.25">
      <c r="H8493" s="43">
        <v>8486</v>
      </c>
      <c r="I8493" s="55">
        <f>Bühler!I8519</f>
        <v>11.266009646114165</v>
      </c>
      <c r="J8493" s="58">
        <f>Bühler!J8519</f>
        <v>61.067723700533207</v>
      </c>
      <c r="K8493" s="58">
        <f>Bühler!K8519</f>
        <v>2.5979872489733538</v>
      </c>
      <c r="L8493" s="58">
        <f>Bühler!L8519</f>
        <v>1.2989936244866769</v>
      </c>
      <c r="M8493" s="57">
        <f>Bühler!M8519</f>
        <v>0</v>
      </c>
      <c r="N8493" s="55">
        <f>IF(Input!$K$13=1,J8493*Input!$J$13,0)+IF(Input!$K$14=1,K8493*Input!$J$14,0)+IF(Input!$K$15=1,L8493*Input!$J$15,0)+IF(Input!$K$16=1,M8493*Input!$J$16,0)</f>
        <v>7.3281268440639842</v>
      </c>
      <c r="O8493" s="58">
        <f>IF(Input!$K$13=2,J8493*Input!$J$13,0)+IF(Input!$K$14=2,K8493*Input!$J$14,0)+IF(Input!$K$15=2,L8493*Input!$J$15,0)+IF(Input!$K$16=2,M8493*Input!$J$16,0)</f>
        <v>0.35072827861140277</v>
      </c>
      <c r="P8493" s="58">
        <f>IF(Input!$K$13=3,J8493*Input!$J$13,0)+IF(Input!$K$14=3,K8493*Input!$J$14,0)+IF(Input!$K$15=3,L8493*Input!$J$15,0)+IF(Input!$K$16=3,M8493*Input!$J$16,0)</f>
        <v>0</v>
      </c>
      <c r="Q8493" s="71">
        <f>IF(Input!$K$13=4,J8493*Input!$J$13,0)+IF(Input!$K$14=4,K8493*Input!$J$14,0)+IF(Input!$K$15=4,L8493*Input!$J$15,0)+IF(Input!$K$16=4,M8493*Input!$J$16,0)</f>
        <v>0</v>
      </c>
    </row>
    <row r="8494" spans="8:17" x14ac:dyDescent="0.25">
      <c r="H8494" s="43">
        <v>8487</v>
      </c>
      <c r="I8494" s="55">
        <f>Bühler!I8520</f>
        <v>16.959584413505194</v>
      </c>
      <c r="J8494" s="58">
        <f>Bühler!J8520</f>
        <v>91.929906645963953</v>
      </c>
      <c r="K8494" s="58">
        <f>Bühler!K8520</f>
        <v>3.9109485468416074</v>
      </c>
      <c r="L8494" s="58">
        <f>Bühler!L8520</f>
        <v>1.9554742734208037</v>
      </c>
      <c r="M8494" s="57">
        <f>Bühler!M8520</f>
        <v>0</v>
      </c>
      <c r="N8494" s="55">
        <f>IF(Input!$K$13=1,J8494*Input!$J$13,0)+IF(Input!$K$14=1,K8494*Input!$J$14,0)+IF(Input!$K$15=1,L8494*Input!$J$15,0)+IF(Input!$K$16=1,M8494*Input!$J$16,0)</f>
        <v>11.031588797515674</v>
      </c>
      <c r="O8494" s="58">
        <f>IF(Input!$K$13=2,J8494*Input!$J$13,0)+IF(Input!$K$14=2,K8494*Input!$J$14,0)+IF(Input!$K$15=2,L8494*Input!$J$15,0)+IF(Input!$K$16=2,M8494*Input!$J$16,0)</f>
        <v>0.52797805382361696</v>
      </c>
      <c r="P8494" s="58">
        <f>IF(Input!$K$13=3,J8494*Input!$J$13,0)+IF(Input!$K$14=3,K8494*Input!$J$14,0)+IF(Input!$K$15=3,L8494*Input!$J$15,0)+IF(Input!$K$16=3,M8494*Input!$J$16,0)</f>
        <v>0</v>
      </c>
      <c r="Q8494" s="71">
        <f>IF(Input!$K$13=4,J8494*Input!$J$13,0)+IF(Input!$K$14=4,K8494*Input!$J$14,0)+IF(Input!$K$15=4,L8494*Input!$J$15,0)+IF(Input!$K$16=4,M8494*Input!$J$16,0)</f>
        <v>0</v>
      </c>
    </row>
    <row r="8495" spans="8:17" x14ac:dyDescent="0.25">
      <c r="H8495" s="43">
        <v>8488</v>
      </c>
      <c r="I8495" s="55">
        <f>Bühler!I8521</f>
        <v>16.959584413505194</v>
      </c>
      <c r="J8495" s="58">
        <f>Bühler!J8521</f>
        <v>91.929906645963953</v>
      </c>
      <c r="K8495" s="58">
        <f>Bühler!K8521</f>
        <v>3.9109485468416074</v>
      </c>
      <c r="L8495" s="58">
        <f>Bühler!L8521</f>
        <v>1.9554742734208037</v>
      </c>
      <c r="M8495" s="57">
        <f>Bühler!M8521</f>
        <v>0</v>
      </c>
      <c r="N8495" s="55">
        <f>IF(Input!$K$13=1,J8495*Input!$J$13,0)+IF(Input!$K$14=1,K8495*Input!$J$14,0)+IF(Input!$K$15=1,L8495*Input!$J$15,0)+IF(Input!$K$16=1,M8495*Input!$J$16,0)</f>
        <v>11.031588797515674</v>
      </c>
      <c r="O8495" s="58">
        <f>IF(Input!$K$13=2,J8495*Input!$J$13,0)+IF(Input!$K$14=2,K8495*Input!$J$14,0)+IF(Input!$K$15=2,L8495*Input!$J$15,0)+IF(Input!$K$16=2,M8495*Input!$J$16,0)</f>
        <v>0.52797805382361696</v>
      </c>
      <c r="P8495" s="58">
        <f>IF(Input!$K$13=3,J8495*Input!$J$13,0)+IF(Input!$K$14=3,K8495*Input!$J$14,0)+IF(Input!$K$15=3,L8495*Input!$J$15,0)+IF(Input!$K$16=3,M8495*Input!$J$16,0)</f>
        <v>0</v>
      </c>
      <c r="Q8495" s="71">
        <f>IF(Input!$K$13=4,J8495*Input!$J$13,0)+IF(Input!$K$14=4,K8495*Input!$J$14,0)+IF(Input!$K$15=4,L8495*Input!$J$15,0)+IF(Input!$K$16=4,M8495*Input!$J$16,0)</f>
        <v>0</v>
      </c>
    </row>
    <row r="8496" spans="8:17" x14ac:dyDescent="0.25">
      <c r="H8496" s="43">
        <v>8489</v>
      </c>
      <c r="I8496" s="55">
        <f>Bühler!I8522</f>
        <v>14.17127835537349</v>
      </c>
      <c r="J8496" s="58">
        <f>Bühler!J8522</f>
        <v>58.698321370714147</v>
      </c>
      <c r="K8496" s="58">
        <f>Bühler!K8522</f>
        <v>2.3046661079602333</v>
      </c>
      <c r="L8496" s="58">
        <f>Bühler!L8522</f>
        <v>1.1523330539801167</v>
      </c>
      <c r="M8496" s="57">
        <f>Bühler!M8522</f>
        <v>0</v>
      </c>
      <c r="N8496" s="55">
        <f>IF(Input!$K$13=1,J8496*Input!$J$13,0)+IF(Input!$K$14=1,K8496*Input!$J$14,0)+IF(Input!$K$15=1,L8496*Input!$J$15,0)+IF(Input!$K$16=1,M8496*Input!$J$16,0)</f>
        <v>7.0437985644856971</v>
      </c>
      <c r="O8496" s="58">
        <f>IF(Input!$K$13=2,J8496*Input!$J$13,0)+IF(Input!$K$14=2,K8496*Input!$J$14,0)+IF(Input!$K$15=2,L8496*Input!$J$15,0)+IF(Input!$K$16=2,M8496*Input!$J$16,0)</f>
        <v>0.31112992457463151</v>
      </c>
      <c r="P8496" s="58">
        <f>IF(Input!$K$13=3,J8496*Input!$J$13,0)+IF(Input!$K$14=3,K8496*Input!$J$14,0)+IF(Input!$K$15=3,L8496*Input!$J$15,0)+IF(Input!$K$16=3,M8496*Input!$J$16,0)</f>
        <v>0</v>
      </c>
      <c r="Q8496" s="71">
        <f>IF(Input!$K$13=4,J8496*Input!$J$13,0)+IF(Input!$K$14=4,K8496*Input!$J$14,0)+IF(Input!$K$15=4,L8496*Input!$J$15,0)+IF(Input!$K$16=4,M8496*Input!$J$16,0)</f>
        <v>0</v>
      </c>
    </row>
    <row r="8497" spans="8:17" x14ac:dyDescent="0.25">
      <c r="H8497" s="43">
        <v>8490</v>
      </c>
      <c r="I8497" s="55">
        <f>Bühler!I8523</f>
        <v>11.268098264884301</v>
      </c>
      <c r="J8497" s="58">
        <f>Bühler!J8523</f>
        <v>30.707363881022392</v>
      </c>
      <c r="K8497" s="58">
        <f>Bühler!K8523</f>
        <v>0.98363897053360372</v>
      </c>
      <c r="L8497" s="58">
        <f>Bühler!L8523</f>
        <v>0.49181948526680186</v>
      </c>
      <c r="M8497" s="57">
        <f>Bühler!M8523</f>
        <v>0</v>
      </c>
      <c r="N8497" s="55">
        <f>IF(Input!$K$13=1,J8497*Input!$J$13,0)+IF(Input!$K$14=1,K8497*Input!$J$14,0)+IF(Input!$K$15=1,L8497*Input!$J$15,0)+IF(Input!$K$16=1,M8497*Input!$J$16,0)</f>
        <v>3.6848836657226869</v>
      </c>
      <c r="O8497" s="58">
        <f>IF(Input!$K$13=2,J8497*Input!$J$13,0)+IF(Input!$K$14=2,K8497*Input!$J$14,0)+IF(Input!$K$15=2,L8497*Input!$J$15,0)+IF(Input!$K$16=2,M8497*Input!$J$16,0)</f>
        <v>0.13279126102203651</v>
      </c>
      <c r="P8497" s="58">
        <f>IF(Input!$K$13=3,J8497*Input!$J$13,0)+IF(Input!$K$14=3,K8497*Input!$J$14,0)+IF(Input!$K$15=3,L8497*Input!$J$15,0)+IF(Input!$K$16=3,M8497*Input!$J$16,0)</f>
        <v>0</v>
      </c>
      <c r="Q8497" s="71">
        <f>IF(Input!$K$13=4,J8497*Input!$J$13,0)+IF(Input!$K$14=4,K8497*Input!$J$14,0)+IF(Input!$K$15=4,L8497*Input!$J$15,0)+IF(Input!$K$16=4,M8497*Input!$J$16,0)</f>
        <v>0</v>
      </c>
    </row>
    <row r="8498" spans="8:17" x14ac:dyDescent="0.25">
      <c r="H8498" s="43">
        <v>8491</v>
      </c>
      <c r="I8498" s="55">
        <f>Bühler!I8524</f>
        <v>4.1772375402722153</v>
      </c>
      <c r="J8498" s="58">
        <f>Bühler!J8524</f>
        <v>16.735510570710733</v>
      </c>
      <c r="K8498" s="58">
        <f>Bühler!K8524</f>
        <v>0.64920172055217851</v>
      </c>
      <c r="L8498" s="58">
        <f>Bühler!L8524</f>
        <v>0.32460086027608925</v>
      </c>
      <c r="M8498" s="57">
        <f>Bühler!M8524</f>
        <v>0</v>
      </c>
      <c r="N8498" s="55">
        <f>IF(Input!$K$13=1,J8498*Input!$J$13,0)+IF(Input!$K$14=1,K8498*Input!$J$14,0)+IF(Input!$K$15=1,L8498*Input!$J$15,0)+IF(Input!$K$16=1,M8498*Input!$J$16,0)</f>
        <v>2.0082612684852879</v>
      </c>
      <c r="O8498" s="58">
        <f>IF(Input!$K$13=2,J8498*Input!$J$13,0)+IF(Input!$K$14=2,K8498*Input!$J$14,0)+IF(Input!$K$15=2,L8498*Input!$J$15,0)+IF(Input!$K$16=2,M8498*Input!$J$16,0)</f>
        <v>8.7642232274544096E-2</v>
      </c>
      <c r="P8498" s="58">
        <f>IF(Input!$K$13=3,J8498*Input!$J$13,0)+IF(Input!$K$14=3,K8498*Input!$J$14,0)+IF(Input!$K$15=3,L8498*Input!$J$15,0)+IF(Input!$K$16=3,M8498*Input!$J$16,0)</f>
        <v>0</v>
      </c>
      <c r="Q8498" s="71">
        <f>IF(Input!$K$13=4,J8498*Input!$J$13,0)+IF(Input!$K$14=4,K8498*Input!$J$14,0)+IF(Input!$K$15=4,L8498*Input!$J$15,0)+IF(Input!$K$16=4,M8498*Input!$J$16,0)</f>
        <v>0</v>
      </c>
    </row>
    <row r="8499" spans="8:17" x14ac:dyDescent="0.25">
      <c r="H8499" s="43">
        <v>8492</v>
      </c>
      <c r="I8499" s="55">
        <f>Bühler!I8525</f>
        <v>4.1772375402722153</v>
      </c>
      <c r="J8499" s="58">
        <f>Bühler!J8525</f>
        <v>16.735510570710733</v>
      </c>
      <c r="K8499" s="58">
        <f>Bühler!K8525</f>
        <v>0.64920172055217851</v>
      </c>
      <c r="L8499" s="58">
        <f>Bühler!L8525</f>
        <v>0.32460086027608925</v>
      </c>
      <c r="M8499" s="57">
        <f>Bühler!M8525</f>
        <v>0</v>
      </c>
      <c r="N8499" s="55">
        <f>IF(Input!$K$13=1,J8499*Input!$J$13,0)+IF(Input!$K$14=1,K8499*Input!$J$14,0)+IF(Input!$K$15=1,L8499*Input!$J$15,0)+IF(Input!$K$16=1,M8499*Input!$J$16,0)</f>
        <v>2.0082612684852879</v>
      </c>
      <c r="O8499" s="58">
        <f>IF(Input!$K$13=2,J8499*Input!$J$13,0)+IF(Input!$K$14=2,K8499*Input!$J$14,0)+IF(Input!$K$15=2,L8499*Input!$J$15,0)+IF(Input!$K$16=2,M8499*Input!$J$16,0)</f>
        <v>8.7642232274544096E-2</v>
      </c>
      <c r="P8499" s="58">
        <f>IF(Input!$K$13=3,J8499*Input!$J$13,0)+IF(Input!$K$14=3,K8499*Input!$J$14,0)+IF(Input!$K$15=3,L8499*Input!$J$15,0)+IF(Input!$K$16=3,M8499*Input!$J$16,0)</f>
        <v>0</v>
      </c>
      <c r="Q8499" s="71">
        <f>IF(Input!$K$13=4,J8499*Input!$J$13,0)+IF(Input!$K$14=4,K8499*Input!$J$14,0)+IF(Input!$K$15=4,L8499*Input!$J$15,0)+IF(Input!$K$16=4,M8499*Input!$J$16,0)</f>
        <v>0</v>
      </c>
    </row>
    <row r="8500" spans="8:17" x14ac:dyDescent="0.25">
      <c r="H8500" s="43">
        <v>8493</v>
      </c>
      <c r="I8500" s="55">
        <f>Bühler!I8526</f>
        <v>4.1772375402722153</v>
      </c>
      <c r="J8500" s="58">
        <f>Bühler!J8526</f>
        <v>16.735510570710733</v>
      </c>
      <c r="K8500" s="58">
        <f>Bühler!K8526</f>
        <v>0.64920172055217851</v>
      </c>
      <c r="L8500" s="58">
        <f>Bühler!L8526</f>
        <v>0.32460086027608925</v>
      </c>
      <c r="M8500" s="57">
        <f>Bühler!M8526</f>
        <v>0</v>
      </c>
      <c r="N8500" s="55">
        <f>IF(Input!$K$13=1,J8500*Input!$J$13,0)+IF(Input!$K$14=1,K8500*Input!$J$14,0)+IF(Input!$K$15=1,L8500*Input!$J$15,0)+IF(Input!$K$16=1,M8500*Input!$J$16,0)</f>
        <v>2.0082612684852879</v>
      </c>
      <c r="O8500" s="58">
        <f>IF(Input!$K$13=2,J8500*Input!$J$13,0)+IF(Input!$K$14=2,K8500*Input!$J$14,0)+IF(Input!$K$15=2,L8500*Input!$J$15,0)+IF(Input!$K$16=2,M8500*Input!$J$16,0)</f>
        <v>8.7642232274544096E-2</v>
      </c>
      <c r="P8500" s="58">
        <f>IF(Input!$K$13=3,J8500*Input!$J$13,0)+IF(Input!$K$14=3,K8500*Input!$J$14,0)+IF(Input!$K$15=3,L8500*Input!$J$15,0)+IF(Input!$K$16=3,M8500*Input!$J$16,0)</f>
        <v>0</v>
      </c>
      <c r="Q8500" s="71">
        <f>IF(Input!$K$13=4,J8500*Input!$J$13,0)+IF(Input!$K$14=4,K8500*Input!$J$14,0)+IF(Input!$K$15=4,L8500*Input!$J$15,0)+IF(Input!$K$16=4,M8500*Input!$J$16,0)</f>
        <v>0</v>
      </c>
    </row>
    <row r="8501" spans="8:17" x14ac:dyDescent="0.25">
      <c r="H8501" s="43">
        <v>8494</v>
      </c>
      <c r="I8501" s="55">
        <f>Bühler!I8527</f>
        <v>4.1772375402722153</v>
      </c>
      <c r="J8501" s="58">
        <f>Bühler!J8527</f>
        <v>16.735510570710733</v>
      </c>
      <c r="K8501" s="58">
        <f>Bühler!K8527</f>
        <v>0.64920172055217851</v>
      </c>
      <c r="L8501" s="58">
        <f>Bühler!L8527</f>
        <v>0.32460086027608925</v>
      </c>
      <c r="M8501" s="57">
        <f>Bühler!M8527</f>
        <v>0</v>
      </c>
      <c r="N8501" s="55">
        <f>IF(Input!$K$13=1,J8501*Input!$J$13,0)+IF(Input!$K$14=1,K8501*Input!$J$14,0)+IF(Input!$K$15=1,L8501*Input!$J$15,0)+IF(Input!$K$16=1,M8501*Input!$J$16,0)</f>
        <v>2.0082612684852879</v>
      </c>
      <c r="O8501" s="58">
        <f>IF(Input!$K$13=2,J8501*Input!$J$13,0)+IF(Input!$K$14=2,K8501*Input!$J$14,0)+IF(Input!$K$15=2,L8501*Input!$J$15,0)+IF(Input!$K$16=2,M8501*Input!$J$16,0)</f>
        <v>8.7642232274544096E-2</v>
      </c>
      <c r="P8501" s="58">
        <f>IF(Input!$K$13=3,J8501*Input!$J$13,0)+IF(Input!$K$14=3,K8501*Input!$J$14,0)+IF(Input!$K$15=3,L8501*Input!$J$15,0)+IF(Input!$K$16=3,M8501*Input!$J$16,0)</f>
        <v>0</v>
      </c>
      <c r="Q8501" s="71">
        <f>IF(Input!$K$13=4,J8501*Input!$J$13,0)+IF(Input!$K$14=4,K8501*Input!$J$14,0)+IF(Input!$K$15=4,L8501*Input!$J$15,0)+IF(Input!$K$16=4,M8501*Input!$J$16,0)</f>
        <v>0</v>
      </c>
    </row>
    <row r="8502" spans="8:17" x14ac:dyDescent="0.25">
      <c r="H8502" s="43">
        <v>8495</v>
      </c>
      <c r="I8502" s="55">
        <f>Bühler!I8528</f>
        <v>4.1772375402722153</v>
      </c>
      <c r="J8502" s="58">
        <f>Bühler!J8528</f>
        <v>16.735510570710733</v>
      </c>
      <c r="K8502" s="58">
        <f>Bühler!K8528</f>
        <v>0.64920172055217851</v>
      </c>
      <c r="L8502" s="58">
        <f>Bühler!L8528</f>
        <v>0.32460086027608925</v>
      </c>
      <c r="M8502" s="57">
        <f>Bühler!M8528</f>
        <v>0</v>
      </c>
      <c r="N8502" s="55">
        <f>IF(Input!$K$13=1,J8502*Input!$J$13,0)+IF(Input!$K$14=1,K8502*Input!$J$14,0)+IF(Input!$K$15=1,L8502*Input!$J$15,0)+IF(Input!$K$16=1,M8502*Input!$J$16,0)</f>
        <v>2.0082612684852879</v>
      </c>
      <c r="O8502" s="58">
        <f>IF(Input!$K$13=2,J8502*Input!$J$13,0)+IF(Input!$K$14=2,K8502*Input!$J$14,0)+IF(Input!$K$15=2,L8502*Input!$J$15,0)+IF(Input!$K$16=2,M8502*Input!$J$16,0)</f>
        <v>8.7642232274544096E-2</v>
      </c>
      <c r="P8502" s="58">
        <f>IF(Input!$K$13=3,J8502*Input!$J$13,0)+IF(Input!$K$14=3,K8502*Input!$J$14,0)+IF(Input!$K$15=3,L8502*Input!$J$15,0)+IF(Input!$K$16=3,M8502*Input!$J$16,0)</f>
        <v>0</v>
      </c>
      <c r="Q8502" s="71">
        <f>IF(Input!$K$13=4,J8502*Input!$J$13,0)+IF(Input!$K$14=4,K8502*Input!$J$14,0)+IF(Input!$K$15=4,L8502*Input!$J$15,0)+IF(Input!$K$16=4,M8502*Input!$J$16,0)</f>
        <v>0</v>
      </c>
    </row>
    <row r="8503" spans="8:17" x14ac:dyDescent="0.25">
      <c r="H8503" s="43">
        <v>8496</v>
      </c>
      <c r="I8503" s="55">
        <f>Bühler!I8529</f>
        <v>4.1772375402722153</v>
      </c>
      <c r="J8503" s="58">
        <f>Bühler!J8529</f>
        <v>16.735510570710733</v>
      </c>
      <c r="K8503" s="58">
        <f>Bühler!K8529</f>
        <v>0.64920172055217851</v>
      </c>
      <c r="L8503" s="58">
        <f>Bühler!L8529</f>
        <v>0.32460086027608925</v>
      </c>
      <c r="M8503" s="57">
        <f>Bühler!M8529</f>
        <v>0</v>
      </c>
      <c r="N8503" s="55">
        <f>IF(Input!$K$13=1,J8503*Input!$J$13,0)+IF(Input!$K$14=1,K8503*Input!$J$14,0)+IF(Input!$K$15=1,L8503*Input!$J$15,0)+IF(Input!$K$16=1,M8503*Input!$J$16,0)</f>
        <v>2.0082612684852879</v>
      </c>
      <c r="O8503" s="58">
        <f>IF(Input!$K$13=2,J8503*Input!$J$13,0)+IF(Input!$K$14=2,K8503*Input!$J$14,0)+IF(Input!$K$15=2,L8503*Input!$J$15,0)+IF(Input!$K$16=2,M8503*Input!$J$16,0)</f>
        <v>8.7642232274544096E-2</v>
      </c>
      <c r="P8503" s="58">
        <f>IF(Input!$K$13=3,J8503*Input!$J$13,0)+IF(Input!$K$14=3,K8503*Input!$J$14,0)+IF(Input!$K$15=3,L8503*Input!$J$15,0)+IF(Input!$K$16=3,M8503*Input!$J$16,0)</f>
        <v>0</v>
      </c>
      <c r="Q8503" s="71">
        <f>IF(Input!$K$13=4,J8503*Input!$J$13,0)+IF(Input!$K$14=4,K8503*Input!$J$14,0)+IF(Input!$K$15=4,L8503*Input!$J$15,0)+IF(Input!$K$16=4,M8503*Input!$J$16,0)</f>
        <v>0</v>
      </c>
    </row>
    <row r="8504" spans="8:17" x14ac:dyDescent="0.25">
      <c r="H8504" s="43">
        <v>8497</v>
      </c>
      <c r="I8504" s="55">
        <f>Bühler!I8530</f>
        <v>2.4062371940748797</v>
      </c>
      <c r="J8504" s="58">
        <f>Bühler!J8530</f>
        <v>13.246460049414143</v>
      </c>
      <c r="K8504" s="58">
        <f>Bühler!K8530</f>
        <v>0.63083649727547131</v>
      </c>
      <c r="L8504" s="58">
        <f>Bühler!L8530</f>
        <v>0.31541824863773565</v>
      </c>
      <c r="M8504" s="57">
        <f>Bühler!M8530</f>
        <v>0</v>
      </c>
      <c r="N8504" s="55">
        <f>IF(Input!$K$13=1,J8504*Input!$J$13,0)+IF(Input!$K$14=1,K8504*Input!$J$14,0)+IF(Input!$K$15=1,L8504*Input!$J$15,0)+IF(Input!$K$16=1,M8504*Input!$J$16,0)</f>
        <v>1.589575205929697</v>
      </c>
      <c r="O8504" s="58">
        <f>IF(Input!$K$13=2,J8504*Input!$J$13,0)+IF(Input!$K$14=2,K8504*Input!$J$14,0)+IF(Input!$K$15=2,L8504*Input!$J$15,0)+IF(Input!$K$16=2,M8504*Input!$J$16,0)</f>
        <v>8.5162927132188621E-2</v>
      </c>
      <c r="P8504" s="58">
        <f>IF(Input!$K$13=3,J8504*Input!$J$13,0)+IF(Input!$K$14=3,K8504*Input!$J$14,0)+IF(Input!$K$15=3,L8504*Input!$J$15,0)+IF(Input!$K$16=3,M8504*Input!$J$16,0)</f>
        <v>0</v>
      </c>
      <c r="Q8504" s="71">
        <f>IF(Input!$K$13=4,J8504*Input!$J$13,0)+IF(Input!$K$14=4,K8504*Input!$J$14,0)+IF(Input!$K$15=4,L8504*Input!$J$15,0)+IF(Input!$K$16=4,M8504*Input!$J$16,0)</f>
        <v>0</v>
      </c>
    </row>
    <row r="8505" spans="8:17" x14ac:dyDescent="0.25">
      <c r="H8505" s="43">
        <v>8498</v>
      </c>
      <c r="I8505" s="55">
        <f>Bühler!I8531</f>
        <v>2.4062371940748797</v>
      </c>
      <c r="J8505" s="58">
        <f>Bühler!J8531</f>
        <v>13.246460049414143</v>
      </c>
      <c r="K8505" s="58">
        <f>Bühler!K8531</f>
        <v>0.63083649727547131</v>
      </c>
      <c r="L8505" s="58">
        <f>Bühler!L8531</f>
        <v>0.31541824863773565</v>
      </c>
      <c r="M8505" s="57">
        <f>Bühler!M8531</f>
        <v>0</v>
      </c>
      <c r="N8505" s="55">
        <f>IF(Input!$K$13=1,J8505*Input!$J$13,0)+IF(Input!$K$14=1,K8505*Input!$J$14,0)+IF(Input!$K$15=1,L8505*Input!$J$15,0)+IF(Input!$K$16=1,M8505*Input!$J$16,0)</f>
        <v>1.589575205929697</v>
      </c>
      <c r="O8505" s="58">
        <f>IF(Input!$K$13=2,J8505*Input!$J$13,0)+IF(Input!$K$14=2,K8505*Input!$J$14,0)+IF(Input!$K$15=2,L8505*Input!$J$15,0)+IF(Input!$K$16=2,M8505*Input!$J$16,0)</f>
        <v>8.5162927132188621E-2</v>
      </c>
      <c r="P8505" s="58">
        <f>IF(Input!$K$13=3,J8505*Input!$J$13,0)+IF(Input!$K$14=3,K8505*Input!$J$14,0)+IF(Input!$K$15=3,L8505*Input!$J$15,0)+IF(Input!$K$16=3,M8505*Input!$J$16,0)</f>
        <v>0</v>
      </c>
      <c r="Q8505" s="71">
        <f>IF(Input!$K$13=4,J8505*Input!$J$13,0)+IF(Input!$K$14=4,K8505*Input!$J$14,0)+IF(Input!$K$15=4,L8505*Input!$J$15,0)+IF(Input!$K$16=4,M8505*Input!$J$16,0)</f>
        <v>0</v>
      </c>
    </row>
    <row r="8506" spans="8:17" x14ac:dyDescent="0.25">
      <c r="H8506" s="43">
        <v>8499</v>
      </c>
      <c r="I8506" s="55">
        <f>Bühler!I8532</f>
        <v>2.4062371940748797</v>
      </c>
      <c r="J8506" s="58">
        <f>Bühler!J8532</f>
        <v>13.246460049414143</v>
      </c>
      <c r="K8506" s="58">
        <f>Bühler!K8532</f>
        <v>0.63083649727547131</v>
      </c>
      <c r="L8506" s="58">
        <f>Bühler!L8532</f>
        <v>0.31541824863773565</v>
      </c>
      <c r="M8506" s="57">
        <f>Bühler!M8532</f>
        <v>0</v>
      </c>
      <c r="N8506" s="55">
        <f>IF(Input!$K$13=1,J8506*Input!$J$13,0)+IF(Input!$K$14=1,K8506*Input!$J$14,0)+IF(Input!$K$15=1,L8506*Input!$J$15,0)+IF(Input!$K$16=1,M8506*Input!$J$16,0)</f>
        <v>1.589575205929697</v>
      </c>
      <c r="O8506" s="58">
        <f>IF(Input!$K$13=2,J8506*Input!$J$13,0)+IF(Input!$K$14=2,K8506*Input!$J$14,0)+IF(Input!$K$15=2,L8506*Input!$J$15,0)+IF(Input!$K$16=2,M8506*Input!$J$16,0)</f>
        <v>8.5162927132188621E-2</v>
      </c>
      <c r="P8506" s="58">
        <f>IF(Input!$K$13=3,J8506*Input!$J$13,0)+IF(Input!$K$14=3,K8506*Input!$J$14,0)+IF(Input!$K$15=3,L8506*Input!$J$15,0)+IF(Input!$K$16=3,M8506*Input!$J$16,0)</f>
        <v>0</v>
      </c>
      <c r="Q8506" s="71">
        <f>IF(Input!$K$13=4,J8506*Input!$J$13,0)+IF(Input!$K$14=4,K8506*Input!$J$14,0)+IF(Input!$K$15=4,L8506*Input!$J$15,0)+IF(Input!$K$16=4,M8506*Input!$J$16,0)</f>
        <v>0</v>
      </c>
    </row>
    <row r="8507" spans="8:17" x14ac:dyDescent="0.25">
      <c r="H8507" s="43">
        <v>8500</v>
      </c>
      <c r="I8507" s="55">
        <f>Bühler!I8533</f>
        <v>2.4062371940748797</v>
      </c>
      <c r="J8507" s="58">
        <f>Bühler!J8533</f>
        <v>13.246460049414143</v>
      </c>
      <c r="K8507" s="58">
        <f>Bühler!K8533</f>
        <v>0.63083649727547131</v>
      </c>
      <c r="L8507" s="58">
        <f>Bühler!L8533</f>
        <v>0.31541824863773565</v>
      </c>
      <c r="M8507" s="57">
        <f>Bühler!M8533</f>
        <v>0</v>
      </c>
      <c r="N8507" s="55">
        <f>IF(Input!$K$13=1,J8507*Input!$J$13,0)+IF(Input!$K$14=1,K8507*Input!$J$14,0)+IF(Input!$K$15=1,L8507*Input!$J$15,0)+IF(Input!$K$16=1,M8507*Input!$J$16,0)</f>
        <v>1.589575205929697</v>
      </c>
      <c r="O8507" s="58">
        <f>IF(Input!$K$13=2,J8507*Input!$J$13,0)+IF(Input!$K$14=2,K8507*Input!$J$14,0)+IF(Input!$K$15=2,L8507*Input!$J$15,0)+IF(Input!$K$16=2,M8507*Input!$J$16,0)</f>
        <v>8.5162927132188621E-2</v>
      </c>
      <c r="P8507" s="58">
        <f>IF(Input!$K$13=3,J8507*Input!$J$13,0)+IF(Input!$K$14=3,K8507*Input!$J$14,0)+IF(Input!$K$15=3,L8507*Input!$J$15,0)+IF(Input!$K$16=3,M8507*Input!$J$16,0)</f>
        <v>0</v>
      </c>
      <c r="Q8507" s="71">
        <f>IF(Input!$K$13=4,J8507*Input!$J$13,0)+IF(Input!$K$14=4,K8507*Input!$J$14,0)+IF(Input!$K$15=4,L8507*Input!$J$15,0)+IF(Input!$K$16=4,M8507*Input!$J$16,0)</f>
        <v>0</v>
      </c>
    </row>
    <row r="8508" spans="8:17" x14ac:dyDescent="0.25">
      <c r="H8508" s="43">
        <v>8501</v>
      </c>
      <c r="I8508" s="55">
        <f>Bühler!I8534</f>
        <v>2.4062371940748797</v>
      </c>
      <c r="J8508" s="58">
        <f>Bühler!J8534</f>
        <v>13.246460049414143</v>
      </c>
      <c r="K8508" s="58">
        <f>Bühler!K8534</f>
        <v>0.63083649727547131</v>
      </c>
      <c r="L8508" s="58">
        <f>Bühler!L8534</f>
        <v>0.31541824863773565</v>
      </c>
      <c r="M8508" s="57">
        <f>Bühler!M8534</f>
        <v>0</v>
      </c>
      <c r="N8508" s="55">
        <f>IF(Input!$K$13=1,J8508*Input!$J$13,0)+IF(Input!$K$14=1,K8508*Input!$J$14,0)+IF(Input!$K$15=1,L8508*Input!$J$15,0)+IF(Input!$K$16=1,M8508*Input!$J$16,0)</f>
        <v>1.589575205929697</v>
      </c>
      <c r="O8508" s="58">
        <f>IF(Input!$K$13=2,J8508*Input!$J$13,0)+IF(Input!$K$14=2,K8508*Input!$J$14,0)+IF(Input!$K$15=2,L8508*Input!$J$15,0)+IF(Input!$K$16=2,M8508*Input!$J$16,0)</f>
        <v>8.5162927132188621E-2</v>
      </c>
      <c r="P8508" s="58">
        <f>IF(Input!$K$13=3,J8508*Input!$J$13,0)+IF(Input!$K$14=3,K8508*Input!$J$14,0)+IF(Input!$K$15=3,L8508*Input!$J$15,0)+IF(Input!$K$16=3,M8508*Input!$J$16,0)</f>
        <v>0</v>
      </c>
      <c r="Q8508" s="71">
        <f>IF(Input!$K$13=4,J8508*Input!$J$13,0)+IF(Input!$K$14=4,K8508*Input!$J$14,0)+IF(Input!$K$15=4,L8508*Input!$J$15,0)+IF(Input!$K$16=4,M8508*Input!$J$16,0)</f>
        <v>0</v>
      </c>
    </row>
    <row r="8509" spans="8:17" x14ac:dyDescent="0.25">
      <c r="H8509" s="43">
        <v>8502</v>
      </c>
      <c r="I8509" s="55">
        <f>Bühler!I8535</f>
        <v>2.4062371940748797</v>
      </c>
      <c r="J8509" s="58">
        <f>Bühler!J8535</f>
        <v>13.246460049414143</v>
      </c>
      <c r="K8509" s="58">
        <f>Bühler!K8535</f>
        <v>0.63083649727547131</v>
      </c>
      <c r="L8509" s="58">
        <f>Bühler!L8535</f>
        <v>0.31541824863773565</v>
      </c>
      <c r="M8509" s="57">
        <f>Bühler!M8535</f>
        <v>0</v>
      </c>
      <c r="N8509" s="55">
        <f>IF(Input!$K$13=1,J8509*Input!$J$13,0)+IF(Input!$K$14=1,K8509*Input!$J$14,0)+IF(Input!$K$15=1,L8509*Input!$J$15,0)+IF(Input!$K$16=1,M8509*Input!$J$16,0)</f>
        <v>1.589575205929697</v>
      </c>
      <c r="O8509" s="58">
        <f>IF(Input!$K$13=2,J8509*Input!$J$13,0)+IF(Input!$K$14=2,K8509*Input!$J$14,0)+IF(Input!$K$15=2,L8509*Input!$J$15,0)+IF(Input!$K$16=2,M8509*Input!$J$16,0)</f>
        <v>8.5162927132188621E-2</v>
      </c>
      <c r="P8509" s="58">
        <f>IF(Input!$K$13=3,J8509*Input!$J$13,0)+IF(Input!$K$14=3,K8509*Input!$J$14,0)+IF(Input!$K$15=3,L8509*Input!$J$15,0)+IF(Input!$K$16=3,M8509*Input!$J$16,0)</f>
        <v>0</v>
      </c>
      <c r="Q8509" s="71">
        <f>IF(Input!$K$13=4,J8509*Input!$J$13,0)+IF(Input!$K$14=4,K8509*Input!$J$14,0)+IF(Input!$K$15=4,L8509*Input!$J$15,0)+IF(Input!$K$16=4,M8509*Input!$J$16,0)</f>
        <v>0</v>
      </c>
    </row>
    <row r="8510" spans="8:17" x14ac:dyDescent="0.25">
      <c r="H8510" s="43">
        <v>8503</v>
      </c>
      <c r="I8510" s="55">
        <f>Bühler!I8536</f>
        <v>2.4062371940748797</v>
      </c>
      <c r="J8510" s="58">
        <f>Bühler!J8536</f>
        <v>13.246460049414143</v>
      </c>
      <c r="K8510" s="58">
        <f>Bühler!K8536</f>
        <v>0.63083649727547131</v>
      </c>
      <c r="L8510" s="58">
        <f>Bühler!L8536</f>
        <v>0.31541824863773565</v>
      </c>
      <c r="M8510" s="57">
        <f>Bühler!M8536</f>
        <v>0</v>
      </c>
      <c r="N8510" s="55">
        <f>IF(Input!$K$13=1,J8510*Input!$J$13,0)+IF(Input!$K$14=1,K8510*Input!$J$14,0)+IF(Input!$K$15=1,L8510*Input!$J$15,0)+IF(Input!$K$16=1,M8510*Input!$J$16,0)</f>
        <v>1.589575205929697</v>
      </c>
      <c r="O8510" s="58">
        <f>IF(Input!$K$13=2,J8510*Input!$J$13,0)+IF(Input!$K$14=2,K8510*Input!$J$14,0)+IF(Input!$K$15=2,L8510*Input!$J$15,0)+IF(Input!$K$16=2,M8510*Input!$J$16,0)</f>
        <v>8.5162927132188621E-2</v>
      </c>
      <c r="P8510" s="58">
        <f>IF(Input!$K$13=3,J8510*Input!$J$13,0)+IF(Input!$K$14=3,K8510*Input!$J$14,0)+IF(Input!$K$15=3,L8510*Input!$J$15,0)+IF(Input!$K$16=3,M8510*Input!$J$16,0)</f>
        <v>0</v>
      </c>
      <c r="Q8510" s="71">
        <f>IF(Input!$K$13=4,J8510*Input!$J$13,0)+IF(Input!$K$14=4,K8510*Input!$J$14,0)+IF(Input!$K$15=4,L8510*Input!$J$15,0)+IF(Input!$K$16=4,M8510*Input!$J$16,0)</f>
        <v>0</v>
      </c>
    </row>
    <row r="8511" spans="8:17" x14ac:dyDescent="0.25">
      <c r="H8511" s="43">
        <v>8504</v>
      </c>
      <c r="I8511" s="55">
        <f>Bühler!I8537</f>
        <v>6.6291834696762928</v>
      </c>
      <c r="J8511" s="58">
        <f>Bühler!J8537</f>
        <v>50.675431993014193</v>
      </c>
      <c r="K8511" s="58">
        <f>Bühler!K8537</f>
        <v>2.5787831358321536</v>
      </c>
      <c r="L8511" s="58">
        <f>Bühler!L8537</f>
        <v>1.2893915679160768</v>
      </c>
      <c r="M8511" s="57">
        <f>Bühler!M8537</f>
        <v>0</v>
      </c>
      <c r="N8511" s="55">
        <f>IF(Input!$K$13=1,J8511*Input!$J$13,0)+IF(Input!$K$14=1,K8511*Input!$J$14,0)+IF(Input!$K$15=1,L8511*Input!$J$15,0)+IF(Input!$K$16=1,M8511*Input!$J$16,0)</f>
        <v>6.0810518391617032</v>
      </c>
      <c r="O8511" s="58">
        <f>IF(Input!$K$13=2,J8511*Input!$J$13,0)+IF(Input!$K$14=2,K8511*Input!$J$14,0)+IF(Input!$K$15=2,L8511*Input!$J$15,0)+IF(Input!$K$16=2,M8511*Input!$J$16,0)</f>
        <v>0.34813572333734072</v>
      </c>
      <c r="P8511" s="58">
        <f>IF(Input!$K$13=3,J8511*Input!$J$13,0)+IF(Input!$K$14=3,K8511*Input!$J$14,0)+IF(Input!$K$15=3,L8511*Input!$J$15,0)+IF(Input!$K$16=3,M8511*Input!$J$16,0)</f>
        <v>0</v>
      </c>
      <c r="Q8511" s="71">
        <f>IF(Input!$K$13=4,J8511*Input!$J$13,0)+IF(Input!$K$14=4,K8511*Input!$J$14,0)+IF(Input!$K$15=4,L8511*Input!$J$15,0)+IF(Input!$K$16=4,M8511*Input!$J$16,0)</f>
        <v>0</v>
      </c>
    </row>
    <row r="8512" spans="8:17" x14ac:dyDescent="0.25">
      <c r="H8512" s="43">
        <v>8505</v>
      </c>
      <c r="I8512" s="55">
        <f>Bühler!I8538</f>
        <v>7.39677313458618</v>
      </c>
      <c r="J8512" s="58">
        <f>Bühler!J8538</f>
        <v>56.543113592205316</v>
      </c>
      <c r="K8512" s="58">
        <f>Bühler!K8538</f>
        <v>2.8773790778758772</v>
      </c>
      <c r="L8512" s="58">
        <f>Bühler!L8538</f>
        <v>1.4386895389379386</v>
      </c>
      <c r="M8512" s="57">
        <f>Bühler!M8538</f>
        <v>0</v>
      </c>
      <c r="N8512" s="55">
        <f>IF(Input!$K$13=1,J8512*Input!$J$13,0)+IF(Input!$K$14=1,K8512*Input!$J$14,0)+IF(Input!$K$15=1,L8512*Input!$J$15,0)+IF(Input!$K$16=1,M8512*Input!$J$16,0)</f>
        <v>6.7851736310646373</v>
      </c>
      <c r="O8512" s="58">
        <f>IF(Input!$K$13=2,J8512*Input!$J$13,0)+IF(Input!$K$14=2,K8512*Input!$J$14,0)+IF(Input!$K$15=2,L8512*Input!$J$15,0)+IF(Input!$K$16=2,M8512*Input!$J$16,0)</f>
        <v>0.38844617551324345</v>
      </c>
      <c r="P8512" s="58">
        <f>IF(Input!$K$13=3,J8512*Input!$J$13,0)+IF(Input!$K$14=3,K8512*Input!$J$14,0)+IF(Input!$K$15=3,L8512*Input!$J$15,0)+IF(Input!$K$16=3,M8512*Input!$J$16,0)</f>
        <v>0</v>
      </c>
      <c r="Q8512" s="71">
        <f>IF(Input!$K$13=4,J8512*Input!$J$13,0)+IF(Input!$K$14=4,K8512*Input!$J$14,0)+IF(Input!$K$15=4,L8512*Input!$J$15,0)+IF(Input!$K$16=4,M8512*Input!$J$16,0)</f>
        <v>0</v>
      </c>
    </row>
    <row r="8513" spans="8:17" x14ac:dyDescent="0.25">
      <c r="H8513" s="43">
        <v>8506</v>
      </c>
      <c r="I8513" s="55">
        <f>Bühler!I8539</f>
        <v>8.1643627994960646</v>
      </c>
      <c r="J8513" s="58">
        <f>Bühler!J8539</f>
        <v>62.410795191396438</v>
      </c>
      <c r="K8513" s="58">
        <f>Bühler!K8539</f>
        <v>3.1759750199196004</v>
      </c>
      <c r="L8513" s="58">
        <f>Bühler!L8539</f>
        <v>1.5879875099598002</v>
      </c>
      <c r="M8513" s="57">
        <f>Bühler!M8539</f>
        <v>0</v>
      </c>
      <c r="N8513" s="55">
        <f>IF(Input!$K$13=1,J8513*Input!$J$13,0)+IF(Input!$K$14=1,K8513*Input!$J$14,0)+IF(Input!$K$15=1,L8513*Input!$J$15,0)+IF(Input!$K$16=1,M8513*Input!$J$16,0)</f>
        <v>7.4892954229675723</v>
      </c>
      <c r="O8513" s="58">
        <f>IF(Input!$K$13=2,J8513*Input!$J$13,0)+IF(Input!$K$14=2,K8513*Input!$J$14,0)+IF(Input!$K$15=2,L8513*Input!$J$15,0)+IF(Input!$K$16=2,M8513*Input!$J$16,0)</f>
        <v>0.42875662768914602</v>
      </c>
      <c r="P8513" s="58">
        <f>IF(Input!$K$13=3,J8513*Input!$J$13,0)+IF(Input!$K$14=3,K8513*Input!$J$14,0)+IF(Input!$K$15=3,L8513*Input!$J$15,0)+IF(Input!$K$16=3,M8513*Input!$J$16,0)</f>
        <v>0</v>
      </c>
      <c r="Q8513" s="71">
        <f>IF(Input!$K$13=4,J8513*Input!$J$13,0)+IF(Input!$K$14=4,K8513*Input!$J$14,0)+IF(Input!$K$15=4,L8513*Input!$J$15,0)+IF(Input!$K$16=4,M8513*Input!$J$16,0)</f>
        <v>0</v>
      </c>
    </row>
    <row r="8514" spans="8:17" x14ac:dyDescent="0.25">
      <c r="H8514" s="43">
        <v>8507</v>
      </c>
      <c r="I8514" s="55">
        <f>Bühler!I8540</f>
        <v>8.1643627994960646</v>
      </c>
      <c r="J8514" s="58">
        <f>Bühler!J8540</f>
        <v>62.410795191396438</v>
      </c>
      <c r="K8514" s="58">
        <f>Bühler!K8540</f>
        <v>3.1759750199196004</v>
      </c>
      <c r="L8514" s="58">
        <f>Bühler!L8540</f>
        <v>1.5879875099598002</v>
      </c>
      <c r="M8514" s="57">
        <f>Bühler!M8540</f>
        <v>0</v>
      </c>
      <c r="N8514" s="55">
        <f>IF(Input!$K$13=1,J8514*Input!$J$13,0)+IF(Input!$K$14=1,K8514*Input!$J$14,0)+IF(Input!$K$15=1,L8514*Input!$J$15,0)+IF(Input!$K$16=1,M8514*Input!$J$16,0)</f>
        <v>7.4892954229675723</v>
      </c>
      <c r="O8514" s="58">
        <f>IF(Input!$K$13=2,J8514*Input!$J$13,0)+IF(Input!$K$14=2,K8514*Input!$J$14,0)+IF(Input!$K$15=2,L8514*Input!$J$15,0)+IF(Input!$K$16=2,M8514*Input!$J$16,0)</f>
        <v>0.42875662768914602</v>
      </c>
      <c r="P8514" s="58">
        <f>IF(Input!$K$13=3,J8514*Input!$J$13,0)+IF(Input!$K$14=3,K8514*Input!$J$14,0)+IF(Input!$K$15=3,L8514*Input!$J$15,0)+IF(Input!$K$16=3,M8514*Input!$J$16,0)</f>
        <v>0</v>
      </c>
      <c r="Q8514" s="71">
        <f>IF(Input!$K$13=4,J8514*Input!$J$13,0)+IF(Input!$K$14=4,K8514*Input!$J$14,0)+IF(Input!$K$15=4,L8514*Input!$J$15,0)+IF(Input!$K$16=4,M8514*Input!$J$16,0)</f>
        <v>0</v>
      </c>
    </row>
    <row r="8515" spans="8:17" x14ac:dyDescent="0.25">
      <c r="H8515" s="43">
        <v>8508</v>
      </c>
      <c r="I8515" s="55">
        <f>Bühler!I8541</f>
        <v>9.7693230079440099</v>
      </c>
      <c r="J8515" s="58">
        <f>Bühler!J8541</f>
        <v>74.679583989705137</v>
      </c>
      <c r="K8515" s="58">
        <f>Bühler!K8541</f>
        <v>3.8003119896473847</v>
      </c>
      <c r="L8515" s="58">
        <f>Bühler!L8541</f>
        <v>1.9001559948236924</v>
      </c>
      <c r="M8515" s="57">
        <f>Bühler!M8541</f>
        <v>0</v>
      </c>
      <c r="N8515" s="55">
        <f>IF(Input!$K$13=1,J8515*Input!$J$13,0)+IF(Input!$K$14=1,K8515*Input!$J$14,0)+IF(Input!$K$15=1,L8515*Input!$J$15,0)+IF(Input!$K$16=1,M8515*Input!$J$16,0)</f>
        <v>8.9615500787646152</v>
      </c>
      <c r="O8515" s="58">
        <f>IF(Input!$K$13=2,J8515*Input!$J$13,0)+IF(Input!$K$14=2,K8515*Input!$J$14,0)+IF(Input!$K$15=2,L8515*Input!$J$15,0)+IF(Input!$K$16=2,M8515*Input!$J$16,0)</f>
        <v>0.5130421186023969</v>
      </c>
      <c r="P8515" s="58">
        <f>IF(Input!$K$13=3,J8515*Input!$J$13,0)+IF(Input!$K$14=3,K8515*Input!$J$14,0)+IF(Input!$K$15=3,L8515*Input!$J$15,0)+IF(Input!$K$16=3,M8515*Input!$J$16,0)</f>
        <v>0</v>
      </c>
      <c r="Q8515" s="71">
        <f>IF(Input!$K$13=4,J8515*Input!$J$13,0)+IF(Input!$K$14=4,K8515*Input!$J$14,0)+IF(Input!$K$15=4,L8515*Input!$J$15,0)+IF(Input!$K$16=4,M8515*Input!$J$16,0)</f>
        <v>0</v>
      </c>
    </row>
    <row r="8516" spans="8:17" x14ac:dyDescent="0.25">
      <c r="H8516" s="43">
        <v>8509</v>
      </c>
      <c r="I8516" s="55">
        <f>Bühler!I8542</f>
        <v>9.7693230079440099</v>
      </c>
      <c r="J8516" s="58">
        <f>Bühler!J8542</f>
        <v>74.679583989705137</v>
      </c>
      <c r="K8516" s="58">
        <f>Bühler!K8542</f>
        <v>3.8003119896473847</v>
      </c>
      <c r="L8516" s="58">
        <f>Bühler!L8542</f>
        <v>1.9001559948236924</v>
      </c>
      <c r="M8516" s="57">
        <f>Bühler!M8542</f>
        <v>0</v>
      </c>
      <c r="N8516" s="55">
        <f>IF(Input!$K$13=1,J8516*Input!$J$13,0)+IF(Input!$K$14=1,K8516*Input!$J$14,0)+IF(Input!$K$15=1,L8516*Input!$J$15,0)+IF(Input!$K$16=1,M8516*Input!$J$16,0)</f>
        <v>8.9615500787646152</v>
      </c>
      <c r="O8516" s="58">
        <f>IF(Input!$K$13=2,J8516*Input!$J$13,0)+IF(Input!$K$14=2,K8516*Input!$J$14,0)+IF(Input!$K$15=2,L8516*Input!$J$15,0)+IF(Input!$K$16=2,M8516*Input!$J$16,0)</f>
        <v>0.5130421186023969</v>
      </c>
      <c r="P8516" s="58">
        <f>IF(Input!$K$13=3,J8516*Input!$J$13,0)+IF(Input!$K$14=3,K8516*Input!$J$14,0)+IF(Input!$K$15=3,L8516*Input!$J$15,0)+IF(Input!$K$16=3,M8516*Input!$J$16,0)</f>
        <v>0</v>
      </c>
      <c r="Q8516" s="71">
        <f>IF(Input!$K$13=4,J8516*Input!$J$13,0)+IF(Input!$K$14=4,K8516*Input!$J$14,0)+IF(Input!$K$15=4,L8516*Input!$J$15,0)+IF(Input!$K$16=4,M8516*Input!$J$16,0)</f>
        <v>0</v>
      </c>
    </row>
    <row r="8517" spans="8:17" x14ac:dyDescent="0.25">
      <c r="H8517" s="43">
        <v>8510</v>
      </c>
      <c r="I8517" s="55">
        <f>Bühler!I8543</f>
        <v>6.4896217124199502</v>
      </c>
      <c r="J8517" s="58">
        <f>Bühler!J8543</f>
        <v>49.608580793161266</v>
      </c>
      <c r="K8517" s="58">
        <f>Bühler!K8543</f>
        <v>2.5244929645514769</v>
      </c>
      <c r="L8517" s="58">
        <f>Bühler!L8543</f>
        <v>1.2622464822757384</v>
      </c>
      <c r="M8517" s="57">
        <f>Bühler!M8543</f>
        <v>0</v>
      </c>
      <c r="N8517" s="55">
        <f>IF(Input!$K$13=1,J8517*Input!$J$13,0)+IF(Input!$K$14=1,K8517*Input!$J$14,0)+IF(Input!$K$15=1,L8517*Input!$J$15,0)+IF(Input!$K$16=1,M8517*Input!$J$16,0)</f>
        <v>5.9530296951793513</v>
      </c>
      <c r="O8517" s="58">
        <f>IF(Input!$K$13=2,J8517*Input!$J$13,0)+IF(Input!$K$14=2,K8517*Input!$J$14,0)+IF(Input!$K$15=2,L8517*Input!$J$15,0)+IF(Input!$K$16=2,M8517*Input!$J$16,0)</f>
        <v>0.34080655021444939</v>
      </c>
      <c r="P8517" s="58">
        <f>IF(Input!$K$13=3,J8517*Input!$J$13,0)+IF(Input!$K$14=3,K8517*Input!$J$14,0)+IF(Input!$K$15=3,L8517*Input!$J$15,0)+IF(Input!$K$16=3,M8517*Input!$J$16,0)</f>
        <v>0</v>
      </c>
      <c r="Q8517" s="71">
        <f>IF(Input!$K$13=4,J8517*Input!$J$13,0)+IF(Input!$K$14=4,K8517*Input!$J$14,0)+IF(Input!$K$15=4,L8517*Input!$J$15,0)+IF(Input!$K$16=4,M8517*Input!$J$16,0)</f>
        <v>0</v>
      </c>
    </row>
    <row r="8518" spans="8:17" x14ac:dyDescent="0.25">
      <c r="H8518" s="43">
        <v>8511</v>
      </c>
      <c r="I8518" s="55">
        <f>Bühler!I8544</f>
        <v>9.7693230079440099</v>
      </c>
      <c r="J8518" s="58">
        <f>Bühler!J8544</f>
        <v>74.679583989705137</v>
      </c>
      <c r="K8518" s="58">
        <f>Bühler!K8544</f>
        <v>3.8003119896473847</v>
      </c>
      <c r="L8518" s="58">
        <f>Bühler!L8544</f>
        <v>1.9001559948236924</v>
      </c>
      <c r="M8518" s="57">
        <f>Bühler!M8544</f>
        <v>0</v>
      </c>
      <c r="N8518" s="55">
        <f>IF(Input!$K$13=1,J8518*Input!$J$13,0)+IF(Input!$K$14=1,K8518*Input!$J$14,0)+IF(Input!$K$15=1,L8518*Input!$J$15,0)+IF(Input!$K$16=1,M8518*Input!$J$16,0)</f>
        <v>8.9615500787646152</v>
      </c>
      <c r="O8518" s="58">
        <f>IF(Input!$K$13=2,J8518*Input!$J$13,0)+IF(Input!$K$14=2,K8518*Input!$J$14,0)+IF(Input!$K$15=2,L8518*Input!$J$15,0)+IF(Input!$K$16=2,M8518*Input!$J$16,0)</f>
        <v>0.5130421186023969</v>
      </c>
      <c r="P8518" s="58">
        <f>IF(Input!$K$13=3,J8518*Input!$J$13,0)+IF(Input!$K$14=3,K8518*Input!$J$14,0)+IF(Input!$K$15=3,L8518*Input!$J$15,0)+IF(Input!$K$16=3,M8518*Input!$J$16,0)</f>
        <v>0</v>
      </c>
      <c r="Q8518" s="71">
        <f>IF(Input!$K$13=4,J8518*Input!$J$13,0)+IF(Input!$K$14=4,K8518*Input!$J$14,0)+IF(Input!$K$15=4,L8518*Input!$J$15,0)+IF(Input!$K$16=4,M8518*Input!$J$16,0)</f>
        <v>0</v>
      </c>
    </row>
    <row r="8519" spans="8:17" x14ac:dyDescent="0.25">
      <c r="H8519" s="43">
        <v>8512</v>
      </c>
      <c r="I8519" s="55">
        <f>Bühler!I8545</f>
        <v>9.7693230079440099</v>
      </c>
      <c r="J8519" s="58">
        <f>Bühler!J8545</f>
        <v>74.679583989705137</v>
      </c>
      <c r="K8519" s="58">
        <f>Bühler!K8545</f>
        <v>3.8003119896473847</v>
      </c>
      <c r="L8519" s="58">
        <f>Bühler!L8545</f>
        <v>1.9001559948236924</v>
      </c>
      <c r="M8519" s="57">
        <f>Bühler!M8545</f>
        <v>0</v>
      </c>
      <c r="N8519" s="55">
        <f>IF(Input!$K$13=1,J8519*Input!$J$13,0)+IF(Input!$K$14=1,K8519*Input!$J$14,0)+IF(Input!$K$15=1,L8519*Input!$J$15,0)+IF(Input!$K$16=1,M8519*Input!$J$16,0)</f>
        <v>8.9615500787646152</v>
      </c>
      <c r="O8519" s="58">
        <f>IF(Input!$K$13=2,J8519*Input!$J$13,0)+IF(Input!$K$14=2,K8519*Input!$J$14,0)+IF(Input!$K$15=2,L8519*Input!$J$15,0)+IF(Input!$K$16=2,M8519*Input!$J$16,0)</f>
        <v>0.5130421186023969</v>
      </c>
      <c r="P8519" s="58">
        <f>IF(Input!$K$13=3,J8519*Input!$J$13,0)+IF(Input!$K$14=3,K8519*Input!$J$14,0)+IF(Input!$K$15=3,L8519*Input!$J$15,0)+IF(Input!$K$16=3,M8519*Input!$J$16,0)</f>
        <v>0</v>
      </c>
      <c r="Q8519" s="71">
        <f>IF(Input!$K$13=4,J8519*Input!$J$13,0)+IF(Input!$K$14=4,K8519*Input!$J$14,0)+IF(Input!$K$15=4,L8519*Input!$J$15,0)+IF(Input!$K$16=4,M8519*Input!$J$16,0)</f>
        <v>0</v>
      </c>
    </row>
    <row r="8520" spans="8:17" x14ac:dyDescent="0.25">
      <c r="H8520" s="43">
        <v>8513</v>
      </c>
      <c r="I8520" s="55">
        <f>Bühler!I8546</f>
        <v>8.1631596808990281</v>
      </c>
      <c r="J8520" s="58">
        <f>Bühler!J8546</f>
        <v>46.614368954181174</v>
      </c>
      <c r="K8520" s="58">
        <f>Bühler!K8546</f>
        <v>2.2394695653279233</v>
      </c>
      <c r="L8520" s="58">
        <f>Bühler!L8546</f>
        <v>1.1197347826639616</v>
      </c>
      <c r="M8520" s="57">
        <f>Bühler!M8546</f>
        <v>0</v>
      </c>
      <c r="N8520" s="55">
        <f>IF(Input!$K$13=1,J8520*Input!$J$13,0)+IF(Input!$K$14=1,K8520*Input!$J$14,0)+IF(Input!$K$15=1,L8520*Input!$J$15,0)+IF(Input!$K$16=1,M8520*Input!$J$16,0)</f>
        <v>5.5937242745017404</v>
      </c>
      <c r="O8520" s="58">
        <f>IF(Input!$K$13=2,J8520*Input!$J$13,0)+IF(Input!$K$14=2,K8520*Input!$J$14,0)+IF(Input!$K$15=2,L8520*Input!$J$15,0)+IF(Input!$K$16=2,M8520*Input!$J$16,0)</f>
        <v>0.30232839131926964</v>
      </c>
      <c r="P8520" s="58">
        <f>IF(Input!$K$13=3,J8520*Input!$J$13,0)+IF(Input!$K$14=3,K8520*Input!$J$14,0)+IF(Input!$K$15=3,L8520*Input!$J$15,0)+IF(Input!$K$16=3,M8520*Input!$J$16,0)</f>
        <v>0</v>
      </c>
      <c r="Q8520" s="71">
        <f>IF(Input!$K$13=4,J8520*Input!$J$13,0)+IF(Input!$K$14=4,K8520*Input!$J$14,0)+IF(Input!$K$15=4,L8520*Input!$J$15,0)+IF(Input!$K$16=4,M8520*Input!$J$16,0)</f>
        <v>0</v>
      </c>
    </row>
    <row r="8521" spans="8:17" x14ac:dyDescent="0.25">
      <c r="H8521" s="43">
        <v>8514</v>
      </c>
      <c r="I8521" s="55">
        <f>Bühler!I8547</f>
        <v>6.4908248310169867</v>
      </c>
      <c r="J8521" s="58">
        <f>Bühler!J8547</f>
        <v>23.152489156581062</v>
      </c>
      <c r="K8521" s="58">
        <f>Bühler!K8547</f>
        <v>0.95581287465980524</v>
      </c>
      <c r="L8521" s="58">
        <f>Bühler!L8547</f>
        <v>0.47790643732990262</v>
      </c>
      <c r="M8521" s="57">
        <f>Bühler!M8547</f>
        <v>0</v>
      </c>
      <c r="N8521" s="55">
        <f>IF(Input!$K$13=1,J8521*Input!$J$13,0)+IF(Input!$K$14=1,K8521*Input!$J$14,0)+IF(Input!$K$15=1,L8521*Input!$J$15,0)+IF(Input!$K$16=1,M8521*Input!$J$16,0)</f>
        <v>2.7782986987897274</v>
      </c>
      <c r="O8521" s="58">
        <f>IF(Input!$K$13=2,J8521*Input!$J$13,0)+IF(Input!$K$14=2,K8521*Input!$J$14,0)+IF(Input!$K$15=2,L8521*Input!$J$15,0)+IF(Input!$K$16=2,M8521*Input!$J$16,0)</f>
        <v>0.1290347380790737</v>
      </c>
      <c r="P8521" s="58">
        <f>IF(Input!$K$13=3,J8521*Input!$J$13,0)+IF(Input!$K$14=3,K8521*Input!$J$14,0)+IF(Input!$K$15=3,L8521*Input!$J$15,0)+IF(Input!$K$16=3,M8521*Input!$J$16,0)</f>
        <v>0</v>
      </c>
      <c r="Q8521" s="71">
        <f>IF(Input!$K$13=4,J8521*Input!$J$13,0)+IF(Input!$K$14=4,K8521*Input!$J$14,0)+IF(Input!$K$15=4,L8521*Input!$J$15,0)+IF(Input!$K$16=4,M8521*Input!$J$16,0)</f>
        <v>0</v>
      </c>
    </row>
    <row r="8522" spans="8:17" x14ac:dyDescent="0.25">
      <c r="H8522" s="43">
        <v>8515</v>
      </c>
      <c r="I8522" s="55">
        <f>Bühler!I8548</f>
        <v>2.4062371940748797</v>
      </c>
      <c r="J8522" s="58">
        <f>Bühler!J8548</f>
        <v>13.246460049414143</v>
      </c>
      <c r="K8522" s="58">
        <f>Bühler!K8548</f>
        <v>0.63083649727547131</v>
      </c>
      <c r="L8522" s="58">
        <f>Bühler!L8548</f>
        <v>0.31541824863773565</v>
      </c>
      <c r="M8522" s="57">
        <f>Bühler!M8548</f>
        <v>0</v>
      </c>
      <c r="N8522" s="55">
        <f>IF(Input!$K$13=1,J8522*Input!$J$13,0)+IF(Input!$K$14=1,K8522*Input!$J$14,0)+IF(Input!$K$15=1,L8522*Input!$J$15,0)+IF(Input!$K$16=1,M8522*Input!$J$16,0)</f>
        <v>1.589575205929697</v>
      </c>
      <c r="O8522" s="58">
        <f>IF(Input!$K$13=2,J8522*Input!$J$13,0)+IF(Input!$K$14=2,K8522*Input!$J$14,0)+IF(Input!$K$15=2,L8522*Input!$J$15,0)+IF(Input!$K$16=2,M8522*Input!$J$16,0)</f>
        <v>8.5162927132188621E-2</v>
      </c>
      <c r="P8522" s="58">
        <f>IF(Input!$K$13=3,J8522*Input!$J$13,0)+IF(Input!$K$14=3,K8522*Input!$J$14,0)+IF(Input!$K$15=3,L8522*Input!$J$15,0)+IF(Input!$K$16=3,M8522*Input!$J$16,0)</f>
        <v>0</v>
      </c>
      <c r="Q8522" s="71">
        <f>IF(Input!$K$13=4,J8522*Input!$J$13,0)+IF(Input!$K$14=4,K8522*Input!$J$14,0)+IF(Input!$K$15=4,L8522*Input!$J$15,0)+IF(Input!$K$16=4,M8522*Input!$J$16,0)</f>
        <v>0</v>
      </c>
    </row>
    <row r="8523" spans="8:17" x14ac:dyDescent="0.25">
      <c r="H8523" s="43">
        <v>8516</v>
      </c>
      <c r="I8523" s="55">
        <f>Bühler!I8549</f>
        <v>2.4062371940748797</v>
      </c>
      <c r="J8523" s="58">
        <f>Bühler!J8549</f>
        <v>13.246460049414143</v>
      </c>
      <c r="K8523" s="58">
        <f>Bühler!K8549</f>
        <v>0.63083649727547131</v>
      </c>
      <c r="L8523" s="58">
        <f>Bühler!L8549</f>
        <v>0.31541824863773565</v>
      </c>
      <c r="M8523" s="57">
        <f>Bühler!M8549</f>
        <v>0</v>
      </c>
      <c r="N8523" s="55">
        <f>IF(Input!$K$13=1,J8523*Input!$J$13,0)+IF(Input!$K$14=1,K8523*Input!$J$14,0)+IF(Input!$K$15=1,L8523*Input!$J$15,0)+IF(Input!$K$16=1,M8523*Input!$J$16,0)</f>
        <v>1.589575205929697</v>
      </c>
      <c r="O8523" s="58">
        <f>IF(Input!$K$13=2,J8523*Input!$J$13,0)+IF(Input!$K$14=2,K8523*Input!$J$14,0)+IF(Input!$K$15=2,L8523*Input!$J$15,0)+IF(Input!$K$16=2,M8523*Input!$J$16,0)</f>
        <v>8.5162927132188621E-2</v>
      </c>
      <c r="P8523" s="58">
        <f>IF(Input!$K$13=3,J8523*Input!$J$13,0)+IF(Input!$K$14=3,K8523*Input!$J$14,0)+IF(Input!$K$15=3,L8523*Input!$J$15,0)+IF(Input!$K$16=3,M8523*Input!$J$16,0)</f>
        <v>0</v>
      </c>
      <c r="Q8523" s="71">
        <f>IF(Input!$K$13=4,J8523*Input!$J$13,0)+IF(Input!$K$14=4,K8523*Input!$J$14,0)+IF(Input!$K$15=4,L8523*Input!$J$15,0)+IF(Input!$K$16=4,M8523*Input!$J$16,0)</f>
        <v>0</v>
      </c>
    </row>
    <row r="8524" spans="8:17" x14ac:dyDescent="0.25">
      <c r="H8524" s="43">
        <v>8517</v>
      </c>
      <c r="I8524" s="55">
        <f>Bühler!I8550</f>
        <v>2.4062371940748797</v>
      </c>
      <c r="J8524" s="58">
        <f>Bühler!J8550</f>
        <v>13.246460049414143</v>
      </c>
      <c r="K8524" s="58">
        <f>Bühler!K8550</f>
        <v>0.63083649727547131</v>
      </c>
      <c r="L8524" s="58">
        <f>Bühler!L8550</f>
        <v>0.31541824863773565</v>
      </c>
      <c r="M8524" s="57">
        <f>Bühler!M8550</f>
        <v>0</v>
      </c>
      <c r="N8524" s="55">
        <f>IF(Input!$K$13=1,J8524*Input!$J$13,0)+IF(Input!$K$14=1,K8524*Input!$J$14,0)+IF(Input!$K$15=1,L8524*Input!$J$15,0)+IF(Input!$K$16=1,M8524*Input!$J$16,0)</f>
        <v>1.589575205929697</v>
      </c>
      <c r="O8524" s="58">
        <f>IF(Input!$K$13=2,J8524*Input!$J$13,0)+IF(Input!$K$14=2,K8524*Input!$J$14,0)+IF(Input!$K$15=2,L8524*Input!$J$15,0)+IF(Input!$K$16=2,M8524*Input!$J$16,0)</f>
        <v>8.5162927132188621E-2</v>
      </c>
      <c r="P8524" s="58">
        <f>IF(Input!$K$13=3,J8524*Input!$J$13,0)+IF(Input!$K$14=3,K8524*Input!$J$14,0)+IF(Input!$K$15=3,L8524*Input!$J$15,0)+IF(Input!$K$16=3,M8524*Input!$J$16,0)</f>
        <v>0</v>
      </c>
      <c r="Q8524" s="71">
        <f>IF(Input!$K$13=4,J8524*Input!$J$13,0)+IF(Input!$K$14=4,K8524*Input!$J$14,0)+IF(Input!$K$15=4,L8524*Input!$J$15,0)+IF(Input!$K$16=4,M8524*Input!$J$16,0)</f>
        <v>0</v>
      </c>
    </row>
    <row r="8525" spans="8:17" x14ac:dyDescent="0.25">
      <c r="H8525" s="43">
        <v>8518</v>
      </c>
      <c r="I8525" s="55">
        <f>Bühler!I8551</f>
        <v>2.4062371940748797</v>
      </c>
      <c r="J8525" s="58">
        <f>Bühler!J8551</f>
        <v>13.246460049414143</v>
      </c>
      <c r="K8525" s="58">
        <f>Bühler!K8551</f>
        <v>0.63083649727547131</v>
      </c>
      <c r="L8525" s="58">
        <f>Bühler!L8551</f>
        <v>0.31541824863773565</v>
      </c>
      <c r="M8525" s="57">
        <f>Bühler!M8551</f>
        <v>0</v>
      </c>
      <c r="N8525" s="55">
        <f>IF(Input!$K$13=1,J8525*Input!$J$13,0)+IF(Input!$K$14=1,K8525*Input!$J$14,0)+IF(Input!$K$15=1,L8525*Input!$J$15,0)+IF(Input!$K$16=1,M8525*Input!$J$16,0)</f>
        <v>1.589575205929697</v>
      </c>
      <c r="O8525" s="58">
        <f>IF(Input!$K$13=2,J8525*Input!$J$13,0)+IF(Input!$K$14=2,K8525*Input!$J$14,0)+IF(Input!$K$15=2,L8525*Input!$J$15,0)+IF(Input!$K$16=2,M8525*Input!$J$16,0)</f>
        <v>8.5162927132188621E-2</v>
      </c>
      <c r="P8525" s="58">
        <f>IF(Input!$K$13=3,J8525*Input!$J$13,0)+IF(Input!$K$14=3,K8525*Input!$J$14,0)+IF(Input!$K$15=3,L8525*Input!$J$15,0)+IF(Input!$K$16=3,M8525*Input!$J$16,0)</f>
        <v>0</v>
      </c>
      <c r="Q8525" s="71">
        <f>IF(Input!$K$13=4,J8525*Input!$J$13,0)+IF(Input!$K$14=4,K8525*Input!$J$14,0)+IF(Input!$K$15=4,L8525*Input!$J$15,0)+IF(Input!$K$16=4,M8525*Input!$J$16,0)</f>
        <v>0</v>
      </c>
    </row>
    <row r="8526" spans="8:17" x14ac:dyDescent="0.25">
      <c r="H8526" s="43">
        <v>8519</v>
      </c>
      <c r="I8526" s="55">
        <f>Bühler!I8552</f>
        <v>2.4062371940748797</v>
      </c>
      <c r="J8526" s="58">
        <f>Bühler!J8552</f>
        <v>13.246460049414143</v>
      </c>
      <c r="K8526" s="58">
        <f>Bühler!K8552</f>
        <v>0.63083649727547131</v>
      </c>
      <c r="L8526" s="58">
        <f>Bühler!L8552</f>
        <v>0.31541824863773565</v>
      </c>
      <c r="M8526" s="57">
        <f>Bühler!M8552</f>
        <v>0</v>
      </c>
      <c r="N8526" s="55">
        <f>IF(Input!$K$13=1,J8526*Input!$J$13,0)+IF(Input!$K$14=1,K8526*Input!$J$14,0)+IF(Input!$K$15=1,L8526*Input!$J$15,0)+IF(Input!$K$16=1,M8526*Input!$J$16,0)</f>
        <v>1.589575205929697</v>
      </c>
      <c r="O8526" s="58">
        <f>IF(Input!$K$13=2,J8526*Input!$J$13,0)+IF(Input!$K$14=2,K8526*Input!$J$14,0)+IF(Input!$K$15=2,L8526*Input!$J$15,0)+IF(Input!$K$16=2,M8526*Input!$J$16,0)</f>
        <v>8.5162927132188621E-2</v>
      </c>
      <c r="P8526" s="58">
        <f>IF(Input!$K$13=3,J8526*Input!$J$13,0)+IF(Input!$K$14=3,K8526*Input!$J$14,0)+IF(Input!$K$15=3,L8526*Input!$J$15,0)+IF(Input!$K$16=3,M8526*Input!$J$16,0)</f>
        <v>0</v>
      </c>
      <c r="Q8526" s="71">
        <f>IF(Input!$K$13=4,J8526*Input!$J$13,0)+IF(Input!$K$14=4,K8526*Input!$J$14,0)+IF(Input!$K$15=4,L8526*Input!$J$15,0)+IF(Input!$K$16=4,M8526*Input!$J$16,0)</f>
        <v>0</v>
      </c>
    </row>
    <row r="8527" spans="8:17" x14ac:dyDescent="0.25">
      <c r="H8527" s="43">
        <v>8520</v>
      </c>
      <c r="I8527" s="55">
        <f>Bühler!I8553</f>
        <v>2.4062371940748797</v>
      </c>
      <c r="J8527" s="58">
        <f>Bühler!J8553</f>
        <v>13.246460049414143</v>
      </c>
      <c r="K8527" s="58">
        <f>Bühler!K8553</f>
        <v>0.63083649727547131</v>
      </c>
      <c r="L8527" s="58">
        <f>Bühler!L8553</f>
        <v>0.31541824863773565</v>
      </c>
      <c r="M8527" s="57">
        <f>Bühler!M8553</f>
        <v>0</v>
      </c>
      <c r="N8527" s="55">
        <f>IF(Input!$K$13=1,J8527*Input!$J$13,0)+IF(Input!$K$14=1,K8527*Input!$J$14,0)+IF(Input!$K$15=1,L8527*Input!$J$15,0)+IF(Input!$K$16=1,M8527*Input!$J$16,0)</f>
        <v>1.589575205929697</v>
      </c>
      <c r="O8527" s="58">
        <f>IF(Input!$K$13=2,J8527*Input!$J$13,0)+IF(Input!$K$14=2,K8527*Input!$J$14,0)+IF(Input!$K$15=2,L8527*Input!$J$15,0)+IF(Input!$K$16=2,M8527*Input!$J$16,0)</f>
        <v>8.5162927132188621E-2</v>
      </c>
      <c r="P8527" s="58">
        <f>IF(Input!$K$13=3,J8527*Input!$J$13,0)+IF(Input!$K$14=3,K8527*Input!$J$14,0)+IF(Input!$K$15=3,L8527*Input!$J$15,0)+IF(Input!$K$16=3,M8527*Input!$J$16,0)</f>
        <v>0</v>
      </c>
      <c r="Q8527" s="71">
        <f>IF(Input!$K$13=4,J8527*Input!$J$13,0)+IF(Input!$K$14=4,K8527*Input!$J$14,0)+IF(Input!$K$15=4,L8527*Input!$J$15,0)+IF(Input!$K$16=4,M8527*Input!$J$16,0)</f>
        <v>0</v>
      </c>
    </row>
    <row r="8528" spans="8:17" x14ac:dyDescent="0.25">
      <c r="H8528" s="43">
        <v>8521</v>
      </c>
      <c r="I8528" s="55">
        <f>Bühler!I8554</f>
        <v>2.3225063531832424</v>
      </c>
      <c r="J8528" s="58">
        <f>Bühler!J8554</f>
        <v>18.779898539461737</v>
      </c>
      <c r="K8528" s="58">
        <f>Bühler!K8554</f>
        <v>0.96429666072783926</v>
      </c>
      <c r="L8528" s="58">
        <f>Bühler!L8554</f>
        <v>0.48214833036391963</v>
      </c>
      <c r="M8528" s="57">
        <f>Bühler!M8554</f>
        <v>0</v>
      </c>
      <c r="N8528" s="55">
        <f>IF(Input!$K$13=1,J8528*Input!$J$13,0)+IF(Input!$K$14=1,K8528*Input!$J$14,0)+IF(Input!$K$15=1,L8528*Input!$J$15,0)+IF(Input!$K$16=1,M8528*Input!$J$16,0)</f>
        <v>2.2535878247354084</v>
      </c>
      <c r="O8528" s="58">
        <f>IF(Input!$K$13=2,J8528*Input!$J$13,0)+IF(Input!$K$14=2,K8528*Input!$J$14,0)+IF(Input!$K$15=2,L8528*Input!$J$15,0)+IF(Input!$K$16=2,M8528*Input!$J$16,0)</f>
        <v>0.13018004919825829</v>
      </c>
      <c r="P8528" s="58">
        <f>IF(Input!$K$13=3,J8528*Input!$J$13,0)+IF(Input!$K$14=3,K8528*Input!$J$14,0)+IF(Input!$K$15=3,L8528*Input!$J$15,0)+IF(Input!$K$16=3,M8528*Input!$J$16,0)</f>
        <v>0</v>
      </c>
      <c r="Q8528" s="71">
        <f>IF(Input!$K$13=4,J8528*Input!$J$13,0)+IF(Input!$K$14=4,K8528*Input!$J$14,0)+IF(Input!$K$15=4,L8528*Input!$J$15,0)+IF(Input!$K$16=4,M8528*Input!$J$16,0)</f>
        <v>0</v>
      </c>
    </row>
    <row r="8529" spans="8:17" x14ac:dyDescent="0.25">
      <c r="H8529" s="43">
        <v>8522</v>
      </c>
      <c r="I8529" s="55">
        <f>Bühler!I8555</f>
        <v>2.3225063531832424</v>
      </c>
      <c r="J8529" s="58">
        <f>Bühler!J8555</f>
        <v>12.372927331209054</v>
      </c>
      <c r="K8529" s="58">
        <f>Bühler!K8555</f>
        <v>0.58442221862293298</v>
      </c>
      <c r="L8529" s="58">
        <f>Bühler!L8555</f>
        <v>0.29221110931146649</v>
      </c>
      <c r="M8529" s="57">
        <f>Bühler!M8555</f>
        <v>0</v>
      </c>
      <c r="N8529" s="55">
        <f>IF(Input!$K$13=1,J8529*Input!$J$13,0)+IF(Input!$K$14=1,K8529*Input!$J$14,0)+IF(Input!$K$15=1,L8529*Input!$J$15,0)+IF(Input!$K$16=1,M8529*Input!$J$16,0)</f>
        <v>1.4847512797450864</v>
      </c>
      <c r="O8529" s="58">
        <f>IF(Input!$K$13=2,J8529*Input!$J$13,0)+IF(Input!$K$14=2,K8529*Input!$J$14,0)+IF(Input!$K$15=2,L8529*Input!$J$15,0)+IF(Input!$K$16=2,M8529*Input!$J$16,0)</f>
        <v>7.8896999514095956E-2</v>
      </c>
      <c r="P8529" s="58">
        <f>IF(Input!$K$13=3,J8529*Input!$J$13,0)+IF(Input!$K$14=3,K8529*Input!$J$14,0)+IF(Input!$K$15=3,L8529*Input!$J$15,0)+IF(Input!$K$16=3,M8529*Input!$J$16,0)</f>
        <v>0</v>
      </c>
      <c r="Q8529" s="71">
        <f>IF(Input!$K$13=4,J8529*Input!$J$13,0)+IF(Input!$K$14=4,K8529*Input!$J$14,0)+IF(Input!$K$15=4,L8529*Input!$J$15,0)+IF(Input!$K$16=4,M8529*Input!$J$16,0)</f>
        <v>0</v>
      </c>
    </row>
    <row r="8530" spans="8:17" x14ac:dyDescent="0.25">
      <c r="H8530" s="43">
        <v>8523</v>
      </c>
      <c r="I8530" s="55">
        <f>Bühler!I8556</f>
        <v>2.3225063531832424</v>
      </c>
      <c r="J8530" s="58">
        <f>Bühler!J8556</f>
        <v>12.372927331209054</v>
      </c>
      <c r="K8530" s="58">
        <f>Bühler!K8556</f>
        <v>0.58442221862293298</v>
      </c>
      <c r="L8530" s="58">
        <f>Bühler!L8556</f>
        <v>0.29221110931146649</v>
      </c>
      <c r="M8530" s="57">
        <f>Bühler!M8556</f>
        <v>0</v>
      </c>
      <c r="N8530" s="55">
        <f>IF(Input!$K$13=1,J8530*Input!$J$13,0)+IF(Input!$K$14=1,K8530*Input!$J$14,0)+IF(Input!$K$15=1,L8530*Input!$J$15,0)+IF(Input!$K$16=1,M8530*Input!$J$16,0)</f>
        <v>1.4847512797450864</v>
      </c>
      <c r="O8530" s="58">
        <f>IF(Input!$K$13=2,J8530*Input!$J$13,0)+IF(Input!$K$14=2,K8530*Input!$J$14,0)+IF(Input!$K$15=2,L8530*Input!$J$15,0)+IF(Input!$K$16=2,M8530*Input!$J$16,0)</f>
        <v>7.8896999514095956E-2</v>
      </c>
      <c r="P8530" s="58">
        <f>IF(Input!$K$13=3,J8530*Input!$J$13,0)+IF(Input!$K$14=3,K8530*Input!$J$14,0)+IF(Input!$K$15=3,L8530*Input!$J$15,0)+IF(Input!$K$16=3,M8530*Input!$J$16,0)</f>
        <v>0</v>
      </c>
      <c r="Q8530" s="71">
        <f>IF(Input!$K$13=4,J8530*Input!$J$13,0)+IF(Input!$K$14=4,K8530*Input!$J$14,0)+IF(Input!$K$15=4,L8530*Input!$J$15,0)+IF(Input!$K$16=4,M8530*Input!$J$16,0)</f>
        <v>0</v>
      </c>
    </row>
    <row r="8531" spans="8:17" x14ac:dyDescent="0.25">
      <c r="H8531" s="43">
        <v>8524</v>
      </c>
      <c r="I8531" s="55">
        <f>Bühler!I8557</f>
        <v>2.3225063531832424</v>
      </c>
      <c r="J8531" s="58">
        <f>Bühler!J8557</f>
        <v>12.372927331209054</v>
      </c>
      <c r="K8531" s="58">
        <f>Bühler!K8557</f>
        <v>0.58442221862293298</v>
      </c>
      <c r="L8531" s="58">
        <f>Bühler!L8557</f>
        <v>0.29221110931146649</v>
      </c>
      <c r="M8531" s="57">
        <f>Bühler!M8557</f>
        <v>0</v>
      </c>
      <c r="N8531" s="55">
        <f>IF(Input!$K$13=1,J8531*Input!$J$13,0)+IF(Input!$K$14=1,K8531*Input!$J$14,0)+IF(Input!$K$15=1,L8531*Input!$J$15,0)+IF(Input!$K$16=1,M8531*Input!$J$16,0)</f>
        <v>1.4847512797450864</v>
      </c>
      <c r="O8531" s="58">
        <f>IF(Input!$K$13=2,J8531*Input!$J$13,0)+IF(Input!$K$14=2,K8531*Input!$J$14,0)+IF(Input!$K$15=2,L8531*Input!$J$15,0)+IF(Input!$K$16=2,M8531*Input!$J$16,0)</f>
        <v>7.8896999514095956E-2</v>
      </c>
      <c r="P8531" s="58">
        <f>IF(Input!$K$13=3,J8531*Input!$J$13,0)+IF(Input!$K$14=3,K8531*Input!$J$14,0)+IF(Input!$K$15=3,L8531*Input!$J$15,0)+IF(Input!$K$16=3,M8531*Input!$J$16,0)</f>
        <v>0</v>
      </c>
      <c r="Q8531" s="71">
        <f>IF(Input!$K$13=4,J8531*Input!$J$13,0)+IF(Input!$K$14=4,K8531*Input!$J$14,0)+IF(Input!$K$15=4,L8531*Input!$J$15,0)+IF(Input!$K$16=4,M8531*Input!$J$16,0)</f>
        <v>0</v>
      </c>
    </row>
    <row r="8532" spans="8:17" x14ac:dyDescent="0.25">
      <c r="H8532" s="43">
        <v>8525</v>
      </c>
      <c r="I8532" s="55">
        <f>Bühler!I8558</f>
        <v>2.3225063531832424</v>
      </c>
      <c r="J8532" s="58">
        <f>Bühler!J8558</f>
        <v>12.372927331209054</v>
      </c>
      <c r="K8532" s="58">
        <f>Bühler!K8558</f>
        <v>0.58442221862293298</v>
      </c>
      <c r="L8532" s="58">
        <f>Bühler!L8558</f>
        <v>0.29221110931146649</v>
      </c>
      <c r="M8532" s="57">
        <f>Bühler!M8558</f>
        <v>0</v>
      </c>
      <c r="N8532" s="55">
        <f>IF(Input!$K$13=1,J8532*Input!$J$13,0)+IF(Input!$K$14=1,K8532*Input!$J$14,0)+IF(Input!$K$15=1,L8532*Input!$J$15,0)+IF(Input!$K$16=1,M8532*Input!$J$16,0)</f>
        <v>1.4847512797450864</v>
      </c>
      <c r="O8532" s="58">
        <f>IF(Input!$K$13=2,J8532*Input!$J$13,0)+IF(Input!$K$14=2,K8532*Input!$J$14,0)+IF(Input!$K$15=2,L8532*Input!$J$15,0)+IF(Input!$K$16=2,M8532*Input!$J$16,0)</f>
        <v>7.8896999514095956E-2</v>
      </c>
      <c r="P8532" s="58">
        <f>IF(Input!$K$13=3,J8532*Input!$J$13,0)+IF(Input!$K$14=3,K8532*Input!$J$14,0)+IF(Input!$K$15=3,L8532*Input!$J$15,0)+IF(Input!$K$16=3,M8532*Input!$J$16,0)</f>
        <v>0</v>
      </c>
      <c r="Q8532" s="71">
        <f>IF(Input!$K$13=4,J8532*Input!$J$13,0)+IF(Input!$K$14=4,K8532*Input!$J$14,0)+IF(Input!$K$15=4,L8532*Input!$J$15,0)+IF(Input!$K$16=4,M8532*Input!$J$16,0)</f>
        <v>0</v>
      </c>
    </row>
    <row r="8533" spans="8:17" x14ac:dyDescent="0.25">
      <c r="H8533" s="43">
        <v>8526</v>
      </c>
      <c r="I8533" s="55">
        <f>Bühler!I8559</f>
        <v>2.3225063531832424</v>
      </c>
      <c r="J8533" s="58">
        <f>Bühler!J8559</f>
        <v>12.372927331209054</v>
      </c>
      <c r="K8533" s="58">
        <f>Bühler!K8559</f>
        <v>0.58442221862293298</v>
      </c>
      <c r="L8533" s="58">
        <f>Bühler!L8559</f>
        <v>0.29221110931146649</v>
      </c>
      <c r="M8533" s="57">
        <f>Bühler!M8559</f>
        <v>0</v>
      </c>
      <c r="N8533" s="55">
        <f>IF(Input!$K$13=1,J8533*Input!$J$13,0)+IF(Input!$K$14=1,K8533*Input!$J$14,0)+IF(Input!$K$15=1,L8533*Input!$J$15,0)+IF(Input!$K$16=1,M8533*Input!$J$16,0)</f>
        <v>1.4847512797450864</v>
      </c>
      <c r="O8533" s="58">
        <f>IF(Input!$K$13=2,J8533*Input!$J$13,0)+IF(Input!$K$14=2,K8533*Input!$J$14,0)+IF(Input!$K$15=2,L8533*Input!$J$15,0)+IF(Input!$K$16=2,M8533*Input!$J$16,0)</f>
        <v>7.8896999514095956E-2</v>
      </c>
      <c r="P8533" s="58">
        <f>IF(Input!$K$13=3,J8533*Input!$J$13,0)+IF(Input!$K$14=3,K8533*Input!$J$14,0)+IF(Input!$K$15=3,L8533*Input!$J$15,0)+IF(Input!$K$16=3,M8533*Input!$J$16,0)</f>
        <v>0</v>
      </c>
      <c r="Q8533" s="71">
        <f>IF(Input!$K$13=4,J8533*Input!$J$13,0)+IF(Input!$K$14=4,K8533*Input!$J$14,0)+IF(Input!$K$15=4,L8533*Input!$J$15,0)+IF(Input!$K$16=4,M8533*Input!$J$16,0)</f>
        <v>0</v>
      </c>
    </row>
    <row r="8534" spans="8:17" x14ac:dyDescent="0.25">
      <c r="H8534" s="43">
        <v>8527</v>
      </c>
      <c r="I8534" s="55">
        <f>Bühler!I8560</f>
        <v>2.3225063531832424</v>
      </c>
      <c r="J8534" s="58">
        <f>Bühler!J8560</f>
        <v>12.372927331209054</v>
      </c>
      <c r="K8534" s="58">
        <f>Bühler!K8560</f>
        <v>0.58442221862293298</v>
      </c>
      <c r="L8534" s="58">
        <f>Bühler!L8560</f>
        <v>0.29221110931146649</v>
      </c>
      <c r="M8534" s="57">
        <f>Bühler!M8560</f>
        <v>0</v>
      </c>
      <c r="N8534" s="55">
        <f>IF(Input!$K$13=1,J8534*Input!$J$13,0)+IF(Input!$K$14=1,K8534*Input!$J$14,0)+IF(Input!$K$15=1,L8534*Input!$J$15,0)+IF(Input!$K$16=1,M8534*Input!$J$16,0)</f>
        <v>1.4847512797450864</v>
      </c>
      <c r="O8534" s="58">
        <f>IF(Input!$K$13=2,J8534*Input!$J$13,0)+IF(Input!$K$14=2,K8534*Input!$J$14,0)+IF(Input!$K$15=2,L8534*Input!$J$15,0)+IF(Input!$K$16=2,M8534*Input!$J$16,0)</f>
        <v>7.8896999514095956E-2</v>
      </c>
      <c r="P8534" s="58">
        <f>IF(Input!$K$13=3,J8534*Input!$J$13,0)+IF(Input!$K$14=3,K8534*Input!$J$14,0)+IF(Input!$K$15=3,L8534*Input!$J$15,0)+IF(Input!$K$16=3,M8534*Input!$J$16,0)</f>
        <v>0</v>
      </c>
      <c r="Q8534" s="71">
        <f>IF(Input!$K$13=4,J8534*Input!$J$13,0)+IF(Input!$K$14=4,K8534*Input!$J$14,0)+IF(Input!$K$15=4,L8534*Input!$J$15,0)+IF(Input!$K$16=4,M8534*Input!$J$16,0)</f>
        <v>0</v>
      </c>
    </row>
    <row r="8535" spans="8:17" x14ac:dyDescent="0.25">
      <c r="H8535" s="43">
        <v>8528</v>
      </c>
      <c r="I8535" s="55">
        <f>Bühler!I8561</f>
        <v>6.2932430215287862</v>
      </c>
      <c r="J8535" s="58">
        <f>Bühler!J8561</f>
        <v>48.807983550999417</v>
      </c>
      <c r="K8535" s="58">
        <f>Bühler!K8561</f>
        <v>2.4896386513336939</v>
      </c>
      <c r="L8535" s="58">
        <f>Bühler!L8561</f>
        <v>1.2448193256668469</v>
      </c>
      <c r="M8535" s="57">
        <f>Bühler!M8561</f>
        <v>0</v>
      </c>
      <c r="N8535" s="55">
        <f>IF(Input!$K$13=1,J8535*Input!$J$13,0)+IF(Input!$K$14=1,K8535*Input!$J$14,0)+IF(Input!$K$15=1,L8535*Input!$J$15,0)+IF(Input!$K$16=1,M8535*Input!$J$16,0)</f>
        <v>5.8569580261199299</v>
      </c>
      <c r="O8535" s="58">
        <f>IF(Input!$K$13=2,J8535*Input!$J$13,0)+IF(Input!$K$14=2,K8535*Input!$J$14,0)+IF(Input!$K$15=2,L8535*Input!$J$15,0)+IF(Input!$K$16=2,M8535*Input!$J$16,0)</f>
        <v>0.33610121793004866</v>
      </c>
      <c r="P8535" s="58">
        <f>IF(Input!$K$13=3,J8535*Input!$J$13,0)+IF(Input!$K$14=3,K8535*Input!$J$14,0)+IF(Input!$K$15=3,L8535*Input!$J$15,0)+IF(Input!$K$16=3,M8535*Input!$J$16,0)</f>
        <v>0</v>
      </c>
      <c r="Q8535" s="71">
        <f>IF(Input!$K$13=4,J8535*Input!$J$13,0)+IF(Input!$K$14=4,K8535*Input!$J$14,0)+IF(Input!$K$15=4,L8535*Input!$J$15,0)+IF(Input!$K$16=4,M8535*Input!$J$16,0)</f>
        <v>0</v>
      </c>
    </row>
    <row r="8536" spans="8:17" x14ac:dyDescent="0.25">
      <c r="H8536" s="43">
        <v>8529</v>
      </c>
      <c r="I8536" s="55">
        <f>Bühler!I8562</f>
        <v>7.8665537769109815</v>
      </c>
      <c r="J8536" s="58">
        <f>Bühler!J8562</f>
        <v>61.009979438749269</v>
      </c>
      <c r="K8536" s="58">
        <f>Bühler!K8562</f>
        <v>3.1120483141671174</v>
      </c>
      <c r="L8536" s="58">
        <f>Bühler!L8562</f>
        <v>1.5560241570835587</v>
      </c>
      <c r="M8536" s="57">
        <f>Bühler!M8562</f>
        <v>0</v>
      </c>
      <c r="N8536" s="55">
        <f>IF(Input!$K$13=1,J8536*Input!$J$13,0)+IF(Input!$K$14=1,K8536*Input!$J$14,0)+IF(Input!$K$15=1,L8536*Input!$J$15,0)+IF(Input!$K$16=1,M8536*Input!$J$16,0)</f>
        <v>7.3211975326499124</v>
      </c>
      <c r="O8536" s="58">
        <f>IF(Input!$K$13=2,J8536*Input!$J$13,0)+IF(Input!$K$14=2,K8536*Input!$J$14,0)+IF(Input!$K$15=2,L8536*Input!$J$15,0)+IF(Input!$K$16=2,M8536*Input!$J$16,0)</f>
        <v>0.42012652241256088</v>
      </c>
      <c r="P8536" s="58">
        <f>IF(Input!$K$13=3,J8536*Input!$J$13,0)+IF(Input!$K$14=3,K8536*Input!$J$14,0)+IF(Input!$K$15=3,L8536*Input!$J$15,0)+IF(Input!$K$16=3,M8536*Input!$J$16,0)</f>
        <v>0</v>
      </c>
      <c r="Q8536" s="71">
        <f>IF(Input!$K$13=4,J8536*Input!$J$13,0)+IF(Input!$K$14=4,K8536*Input!$J$14,0)+IF(Input!$K$15=4,L8536*Input!$J$15,0)+IF(Input!$K$16=4,M8536*Input!$J$16,0)</f>
        <v>0</v>
      </c>
    </row>
    <row r="8537" spans="8:17" x14ac:dyDescent="0.25">
      <c r="H8537" s="43">
        <v>8530</v>
      </c>
      <c r="I8537" s="55">
        <f>Bühler!I8563</f>
        <v>8.6532091546020791</v>
      </c>
      <c r="J8537" s="58">
        <f>Bühler!J8563</f>
        <v>67.110977382624185</v>
      </c>
      <c r="K8537" s="58">
        <f>Bühler!K8563</f>
        <v>3.4232531455838293</v>
      </c>
      <c r="L8537" s="58">
        <f>Bühler!L8563</f>
        <v>1.7116265727919147</v>
      </c>
      <c r="M8537" s="57">
        <f>Bühler!M8563</f>
        <v>0</v>
      </c>
      <c r="N8537" s="55">
        <f>IF(Input!$K$13=1,J8537*Input!$J$13,0)+IF(Input!$K$14=1,K8537*Input!$J$14,0)+IF(Input!$K$15=1,L8537*Input!$J$15,0)+IF(Input!$K$16=1,M8537*Input!$J$16,0)</f>
        <v>8.0533172859149023</v>
      </c>
      <c r="O8537" s="58">
        <f>IF(Input!$K$13=2,J8537*Input!$J$13,0)+IF(Input!$K$14=2,K8537*Input!$J$14,0)+IF(Input!$K$15=2,L8537*Input!$J$15,0)+IF(Input!$K$16=2,M8537*Input!$J$16,0)</f>
        <v>0.46213917465381693</v>
      </c>
      <c r="P8537" s="58">
        <f>IF(Input!$K$13=3,J8537*Input!$J$13,0)+IF(Input!$K$14=3,K8537*Input!$J$14,0)+IF(Input!$K$15=3,L8537*Input!$J$15,0)+IF(Input!$K$16=3,M8537*Input!$J$16,0)</f>
        <v>0</v>
      </c>
      <c r="Q8537" s="71">
        <f>IF(Input!$K$13=4,J8537*Input!$J$13,0)+IF(Input!$K$14=4,K8537*Input!$J$14,0)+IF(Input!$K$15=4,L8537*Input!$J$15,0)+IF(Input!$K$16=4,M8537*Input!$J$16,0)</f>
        <v>0</v>
      </c>
    </row>
    <row r="8538" spans="8:17" x14ac:dyDescent="0.25">
      <c r="H8538" s="43">
        <v>8531</v>
      </c>
      <c r="I8538" s="55">
        <f>Bühler!I8564</f>
        <v>8.6532091546020791</v>
      </c>
      <c r="J8538" s="58">
        <f>Bühler!J8564</f>
        <v>67.110977382624185</v>
      </c>
      <c r="K8538" s="58">
        <f>Bühler!K8564</f>
        <v>3.4232531455838293</v>
      </c>
      <c r="L8538" s="58">
        <f>Bühler!L8564</f>
        <v>1.7116265727919147</v>
      </c>
      <c r="M8538" s="57">
        <f>Bühler!M8564</f>
        <v>0</v>
      </c>
      <c r="N8538" s="55">
        <f>IF(Input!$K$13=1,J8538*Input!$J$13,0)+IF(Input!$K$14=1,K8538*Input!$J$14,0)+IF(Input!$K$15=1,L8538*Input!$J$15,0)+IF(Input!$K$16=1,M8538*Input!$J$16,0)</f>
        <v>8.0533172859149023</v>
      </c>
      <c r="O8538" s="58">
        <f>IF(Input!$K$13=2,J8538*Input!$J$13,0)+IF(Input!$K$14=2,K8538*Input!$J$14,0)+IF(Input!$K$15=2,L8538*Input!$J$15,0)+IF(Input!$K$16=2,M8538*Input!$J$16,0)</f>
        <v>0.46213917465381693</v>
      </c>
      <c r="P8538" s="58">
        <f>IF(Input!$K$13=3,J8538*Input!$J$13,0)+IF(Input!$K$14=3,K8538*Input!$J$14,0)+IF(Input!$K$15=3,L8538*Input!$J$15,0)+IF(Input!$K$16=3,M8538*Input!$J$16,0)</f>
        <v>0</v>
      </c>
      <c r="Q8538" s="71">
        <f>IF(Input!$K$13=4,J8538*Input!$J$13,0)+IF(Input!$K$14=4,K8538*Input!$J$14,0)+IF(Input!$K$15=4,L8538*Input!$J$15,0)+IF(Input!$K$16=4,M8538*Input!$J$16,0)</f>
        <v>0</v>
      </c>
    </row>
    <row r="8539" spans="8:17" x14ac:dyDescent="0.25">
      <c r="H8539" s="43">
        <v>8532</v>
      </c>
      <c r="I8539" s="55">
        <f>Bühler!I8565</f>
        <v>10.226519909984274</v>
      </c>
      <c r="J8539" s="58">
        <f>Bühler!J8565</f>
        <v>79.312973270374044</v>
      </c>
      <c r="K8539" s="58">
        <f>Bühler!K8565</f>
        <v>4.0456628084172523</v>
      </c>
      <c r="L8539" s="58">
        <f>Bühler!L8565</f>
        <v>2.0228314042086262</v>
      </c>
      <c r="M8539" s="57">
        <f>Bühler!M8565</f>
        <v>0</v>
      </c>
      <c r="N8539" s="55">
        <f>IF(Input!$K$13=1,J8539*Input!$J$13,0)+IF(Input!$K$14=1,K8539*Input!$J$14,0)+IF(Input!$K$15=1,L8539*Input!$J$15,0)+IF(Input!$K$16=1,M8539*Input!$J$16,0)</f>
        <v>9.5175567924448856</v>
      </c>
      <c r="O8539" s="58">
        <f>IF(Input!$K$13=2,J8539*Input!$J$13,0)+IF(Input!$K$14=2,K8539*Input!$J$14,0)+IF(Input!$K$15=2,L8539*Input!$J$15,0)+IF(Input!$K$16=2,M8539*Input!$J$16,0)</f>
        <v>0.54616447913632904</v>
      </c>
      <c r="P8539" s="58">
        <f>IF(Input!$K$13=3,J8539*Input!$J$13,0)+IF(Input!$K$14=3,K8539*Input!$J$14,0)+IF(Input!$K$15=3,L8539*Input!$J$15,0)+IF(Input!$K$16=3,M8539*Input!$J$16,0)</f>
        <v>0</v>
      </c>
      <c r="Q8539" s="71">
        <f>IF(Input!$K$13=4,J8539*Input!$J$13,0)+IF(Input!$K$14=4,K8539*Input!$J$14,0)+IF(Input!$K$15=4,L8539*Input!$J$15,0)+IF(Input!$K$16=4,M8539*Input!$J$16,0)</f>
        <v>0</v>
      </c>
    </row>
    <row r="8540" spans="8:17" x14ac:dyDescent="0.25">
      <c r="H8540" s="43">
        <v>8533</v>
      </c>
      <c r="I8540" s="55">
        <f>Bühler!I8566</f>
        <v>10.226519909984274</v>
      </c>
      <c r="J8540" s="58">
        <f>Bühler!J8566</f>
        <v>79.312973270374044</v>
      </c>
      <c r="K8540" s="58">
        <f>Bühler!K8566</f>
        <v>4.0456628084172523</v>
      </c>
      <c r="L8540" s="58">
        <f>Bühler!L8566</f>
        <v>2.0228314042086262</v>
      </c>
      <c r="M8540" s="57">
        <f>Bühler!M8566</f>
        <v>0</v>
      </c>
      <c r="N8540" s="55">
        <f>IF(Input!$K$13=1,J8540*Input!$J$13,0)+IF(Input!$K$14=1,K8540*Input!$J$14,0)+IF(Input!$K$15=1,L8540*Input!$J$15,0)+IF(Input!$K$16=1,M8540*Input!$J$16,0)</f>
        <v>9.5175567924448856</v>
      </c>
      <c r="O8540" s="58">
        <f>IF(Input!$K$13=2,J8540*Input!$J$13,0)+IF(Input!$K$14=2,K8540*Input!$J$14,0)+IF(Input!$K$15=2,L8540*Input!$J$15,0)+IF(Input!$K$16=2,M8540*Input!$J$16,0)</f>
        <v>0.54616447913632904</v>
      </c>
      <c r="P8540" s="58">
        <f>IF(Input!$K$13=3,J8540*Input!$J$13,0)+IF(Input!$K$14=3,K8540*Input!$J$14,0)+IF(Input!$K$15=3,L8540*Input!$J$15,0)+IF(Input!$K$16=3,M8540*Input!$J$16,0)</f>
        <v>0</v>
      </c>
      <c r="Q8540" s="71">
        <f>IF(Input!$K$13=4,J8540*Input!$J$13,0)+IF(Input!$K$14=4,K8540*Input!$J$14,0)+IF(Input!$K$15=4,L8540*Input!$J$15,0)+IF(Input!$K$16=4,M8540*Input!$J$16,0)</f>
        <v>0</v>
      </c>
    </row>
    <row r="8541" spans="8:17" x14ac:dyDescent="0.25">
      <c r="H8541" s="43">
        <v>8534</v>
      </c>
      <c r="I8541" s="55">
        <f>Bühler!I8567</f>
        <v>7.0798983992198847</v>
      </c>
      <c r="J8541" s="58">
        <f>Bühler!J8567</f>
        <v>54.90898149487434</v>
      </c>
      <c r="K8541" s="58">
        <f>Bühler!K8567</f>
        <v>2.8008434827504054</v>
      </c>
      <c r="L8541" s="58">
        <f>Bühler!L8567</f>
        <v>1.4004217413752027</v>
      </c>
      <c r="M8541" s="57">
        <f>Bühler!M8567</f>
        <v>0</v>
      </c>
      <c r="N8541" s="55">
        <f>IF(Input!$K$13=1,J8541*Input!$J$13,0)+IF(Input!$K$14=1,K8541*Input!$J$14,0)+IF(Input!$K$15=1,L8541*Input!$J$15,0)+IF(Input!$K$16=1,M8541*Input!$J$16,0)</f>
        <v>6.5890777793849207</v>
      </c>
      <c r="O8541" s="58">
        <f>IF(Input!$K$13=2,J8541*Input!$J$13,0)+IF(Input!$K$14=2,K8541*Input!$J$14,0)+IF(Input!$K$15=2,L8541*Input!$J$15,0)+IF(Input!$K$16=2,M8541*Input!$J$16,0)</f>
        <v>0.37811387017130471</v>
      </c>
      <c r="P8541" s="58">
        <f>IF(Input!$K$13=3,J8541*Input!$J$13,0)+IF(Input!$K$14=3,K8541*Input!$J$14,0)+IF(Input!$K$15=3,L8541*Input!$J$15,0)+IF(Input!$K$16=3,M8541*Input!$J$16,0)</f>
        <v>0</v>
      </c>
      <c r="Q8541" s="71">
        <f>IF(Input!$K$13=4,J8541*Input!$J$13,0)+IF(Input!$K$14=4,K8541*Input!$J$14,0)+IF(Input!$K$15=4,L8541*Input!$J$15,0)+IF(Input!$K$16=4,M8541*Input!$J$16,0)</f>
        <v>0</v>
      </c>
    </row>
    <row r="8542" spans="8:17" x14ac:dyDescent="0.25">
      <c r="H8542" s="43">
        <v>8535</v>
      </c>
      <c r="I8542" s="55">
        <f>Bühler!I8568</f>
        <v>10.226519909984274</v>
      </c>
      <c r="J8542" s="58">
        <f>Bühler!J8568</f>
        <v>79.312973270374044</v>
      </c>
      <c r="K8542" s="58">
        <f>Bühler!K8568</f>
        <v>4.0456628084172523</v>
      </c>
      <c r="L8542" s="58">
        <f>Bühler!L8568</f>
        <v>2.0228314042086262</v>
      </c>
      <c r="M8542" s="57">
        <f>Bühler!M8568</f>
        <v>0</v>
      </c>
      <c r="N8542" s="55">
        <f>IF(Input!$K$13=1,J8542*Input!$J$13,0)+IF(Input!$K$14=1,K8542*Input!$J$14,0)+IF(Input!$K$15=1,L8542*Input!$J$15,0)+IF(Input!$K$16=1,M8542*Input!$J$16,0)</f>
        <v>9.5175567924448856</v>
      </c>
      <c r="O8542" s="58">
        <f>IF(Input!$K$13=2,J8542*Input!$J$13,0)+IF(Input!$K$14=2,K8542*Input!$J$14,0)+IF(Input!$K$15=2,L8542*Input!$J$15,0)+IF(Input!$K$16=2,M8542*Input!$J$16,0)</f>
        <v>0.54616447913632904</v>
      </c>
      <c r="P8542" s="58">
        <f>IF(Input!$K$13=3,J8542*Input!$J$13,0)+IF(Input!$K$14=3,K8542*Input!$J$14,0)+IF(Input!$K$15=3,L8542*Input!$J$15,0)+IF(Input!$K$16=3,M8542*Input!$J$16,0)</f>
        <v>0</v>
      </c>
      <c r="Q8542" s="71">
        <f>IF(Input!$K$13=4,J8542*Input!$J$13,0)+IF(Input!$K$14=4,K8542*Input!$J$14,0)+IF(Input!$K$15=4,L8542*Input!$J$15,0)+IF(Input!$K$16=4,M8542*Input!$J$16,0)</f>
        <v>0</v>
      </c>
    </row>
    <row r="8543" spans="8:17" x14ac:dyDescent="0.25">
      <c r="H8543" s="43">
        <v>8536</v>
      </c>
      <c r="I8543" s="55">
        <f>Bühler!I8569</f>
        <v>8.6532091546020791</v>
      </c>
      <c r="J8543" s="58">
        <f>Bühler!J8569</f>
        <v>61.862189431247963</v>
      </c>
      <c r="K8543" s="58">
        <f>Bühler!K8569</f>
        <v>3.1120483141671174</v>
      </c>
      <c r="L8543" s="58">
        <f>Bühler!L8569</f>
        <v>1.5560241570835587</v>
      </c>
      <c r="M8543" s="57">
        <f>Bühler!M8569</f>
        <v>0</v>
      </c>
      <c r="N8543" s="55">
        <f>IF(Input!$K$13=1,J8543*Input!$J$13,0)+IF(Input!$K$14=1,K8543*Input!$J$14,0)+IF(Input!$K$15=1,L8543*Input!$J$15,0)+IF(Input!$K$16=1,M8543*Input!$J$16,0)</f>
        <v>7.4234627317497548</v>
      </c>
      <c r="O8543" s="58">
        <f>IF(Input!$K$13=2,J8543*Input!$J$13,0)+IF(Input!$K$14=2,K8543*Input!$J$14,0)+IF(Input!$K$15=2,L8543*Input!$J$15,0)+IF(Input!$K$16=2,M8543*Input!$J$16,0)</f>
        <v>0.42012652241256088</v>
      </c>
      <c r="P8543" s="58">
        <f>IF(Input!$K$13=3,J8543*Input!$J$13,0)+IF(Input!$K$14=3,K8543*Input!$J$14,0)+IF(Input!$K$15=3,L8543*Input!$J$15,0)+IF(Input!$K$16=3,M8543*Input!$J$16,0)</f>
        <v>0</v>
      </c>
      <c r="Q8543" s="71">
        <f>IF(Input!$K$13=4,J8543*Input!$J$13,0)+IF(Input!$K$14=4,K8543*Input!$J$14,0)+IF(Input!$K$15=4,L8543*Input!$J$15,0)+IF(Input!$K$16=4,M8543*Input!$J$16,0)</f>
        <v>0</v>
      </c>
    </row>
    <row r="8544" spans="8:17" x14ac:dyDescent="0.25">
      <c r="H8544" s="43">
        <v>8537</v>
      </c>
      <c r="I8544" s="55">
        <f>Bühler!I8570</f>
        <v>7.4919559780104583</v>
      </c>
      <c r="J8544" s="58">
        <f>Bühler!J8570</f>
        <v>32.758482597662685</v>
      </c>
      <c r="K8544" s="58">
        <f>Bühler!K8570</f>
        <v>1.4610555465573323</v>
      </c>
      <c r="L8544" s="58">
        <f>Bühler!L8570</f>
        <v>0.73052777327866614</v>
      </c>
      <c r="M8544" s="57">
        <f>Bühler!M8570</f>
        <v>0</v>
      </c>
      <c r="N8544" s="55">
        <f>IF(Input!$K$13=1,J8544*Input!$J$13,0)+IF(Input!$K$14=1,K8544*Input!$J$14,0)+IF(Input!$K$15=1,L8544*Input!$J$15,0)+IF(Input!$K$16=1,M8544*Input!$J$16,0)</f>
        <v>3.9310179117195219</v>
      </c>
      <c r="O8544" s="58">
        <f>IF(Input!$K$13=2,J8544*Input!$J$13,0)+IF(Input!$K$14=2,K8544*Input!$J$14,0)+IF(Input!$K$15=2,L8544*Input!$J$15,0)+IF(Input!$K$16=2,M8544*Input!$J$16,0)</f>
        <v>0.19724249878523986</v>
      </c>
      <c r="P8544" s="58">
        <f>IF(Input!$K$13=3,J8544*Input!$J$13,0)+IF(Input!$K$14=3,K8544*Input!$J$14,0)+IF(Input!$K$15=3,L8544*Input!$J$15,0)+IF(Input!$K$16=3,M8544*Input!$J$16,0)</f>
        <v>0</v>
      </c>
      <c r="Q8544" s="71">
        <f>IF(Input!$K$13=4,J8544*Input!$J$13,0)+IF(Input!$K$14=4,K8544*Input!$J$14,0)+IF(Input!$K$15=4,L8544*Input!$J$15,0)+IF(Input!$K$16=4,M8544*Input!$J$16,0)</f>
        <v>0</v>
      </c>
    </row>
    <row r="8545" spans="8:17" x14ac:dyDescent="0.25">
      <c r="H8545" s="43">
        <v>8538</v>
      </c>
      <c r="I8545" s="55">
        <f>Bühler!I8571</f>
        <v>6.2932430215287862</v>
      </c>
      <c r="J8545" s="58">
        <f>Bühler!J8571</f>
        <v>23.081529930169413</v>
      </c>
      <c r="K8545" s="58">
        <f>Bühler!K8571</f>
        <v>0.96429666072783926</v>
      </c>
      <c r="L8545" s="58">
        <f>Bühler!L8571</f>
        <v>0.48214833036391963</v>
      </c>
      <c r="M8545" s="57">
        <f>Bühler!M8571</f>
        <v>0</v>
      </c>
      <c r="N8545" s="55">
        <f>IF(Input!$K$13=1,J8545*Input!$J$13,0)+IF(Input!$K$14=1,K8545*Input!$J$14,0)+IF(Input!$K$15=1,L8545*Input!$J$15,0)+IF(Input!$K$16=1,M8545*Input!$J$16,0)</f>
        <v>2.7697835916203295</v>
      </c>
      <c r="O8545" s="58">
        <f>IF(Input!$K$13=2,J8545*Input!$J$13,0)+IF(Input!$K$14=2,K8545*Input!$J$14,0)+IF(Input!$K$15=2,L8545*Input!$J$15,0)+IF(Input!$K$16=2,M8545*Input!$J$16,0)</f>
        <v>0.13018004919825829</v>
      </c>
      <c r="P8545" s="58">
        <f>IF(Input!$K$13=3,J8545*Input!$J$13,0)+IF(Input!$K$14=3,K8545*Input!$J$14,0)+IF(Input!$K$15=3,L8545*Input!$J$15,0)+IF(Input!$K$16=3,M8545*Input!$J$16,0)</f>
        <v>0</v>
      </c>
      <c r="Q8545" s="71">
        <f>IF(Input!$K$13=4,J8545*Input!$J$13,0)+IF(Input!$K$14=4,K8545*Input!$J$14,0)+IF(Input!$K$15=4,L8545*Input!$J$15,0)+IF(Input!$K$16=4,M8545*Input!$J$16,0)</f>
        <v>0</v>
      </c>
    </row>
    <row r="8546" spans="8:17" x14ac:dyDescent="0.25">
      <c r="H8546" s="43">
        <v>8539</v>
      </c>
      <c r="I8546" s="55">
        <f>Bühler!I8572</f>
        <v>2.3225063531832424</v>
      </c>
      <c r="J8546" s="58">
        <f>Bühler!J8572</f>
        <v>12.865771270305412</v>
      </c>
      <c r="K8546" s="58">
        <f>Bühler!K8572</f>
        <v>0.61364332955407952</v>
      </c>
      <c r="L8546" s="58">
        <f>Bühler!L8572</f>
        <v>0.30682166477703976</v>
      </c>
      <c r="M8546" s="57">
        <f>Bühler!M8572</f>
        <v>0</v>
      </c>
      <c r="N8546" s="55">
        <f>IF(Input!$K$13=1,J8546*Input!$J$13,0)+IF(Input!$K$14=1,K8546*Input!$J$14,0)+IF(Input!$K$15=1,L8546*Input!$J$15,0)+IF(Input!$K$16=1,M8546*Input!$J$16,0)</f>
        <v>1.5438925524366494</v>
      </c>
      <c r="O8546" s="58">
        <f>IF(Input!$K$13=2,J8546*Input!$J$13,0)+IF(Input!$K$14=2,K8546*Input!$J$14,0)+IF(Input!$K$15=2,L8546*Input!$J$15,0)+IF(Input!$K$16=2,M8546*Input!$J$16,0)</f>
        <v>8.2841849489800723E-2</v>
      </c>
      <c r="P8546" s="58">
        <f>IF(Input!$K$13=3,J8546*Input!$J$13,0)+IF(Input!$K$14=3,K8546*Input!$J$14,0)+IF(Input!$K$15=3,L8546*Input!$J$15,0)+IF(Input!$K$16=3,M8546*Input!$J$16,0)</f>
        <v>0</v>
      </c>
      <c r="Q8546" s="71">
        <f>IF(Input!$K$13=4,J8546*Input!$J$13,0)+IF(Input!$K$14=4,K8546*Input!$J$14,0)+IF(Input!$K$15=4,L8546*Input!$J$15,0)+IF(Input!$K$16=4,M8546*Input!$J$16,0)</f>
        <v>0</v>
      </c>
    </row>
    <row r="8547" spans="8:17" x14ac:dyDescent="0.25">
      <c r="H8547" s="43">
        <v>8540</v>
      </c>
      <c r="I8547" s="55">
        <f>Bühler!I8573</f>
        <v>2.3225063531832424</v>
      </c>
      <c r="J8547" s="58">
        <f>Bühler!J8573</f>
        <v>12.372927331209054</v>
      </c>
      <c r="K8547" s="58">
        <f>Bühler!K8573</f>
        <v>0.58442221862293298</v>
      </c>
      <c r="L8547" s="58">
        <f>Bühler!L8573</f>
        <v>0.29221110931146649</v>
      </c>
      <c r="M8547" s="57">
        <f>Bühler!M8573</f>
        <v>0</v>
      </c>
      <c r="N8547" s="55">
        <f>IF(Input!$K$13=1,J8547*Input!$J$13,0)+IF(Input!$K$14=1,K8547*Input!$J$14,0)+IF(Input!$K$15=1,L8547*Input!$J$15,0)+IF(Input!$K$16=1,M8547*Input!$J$16,0)</f>
        <v>1.4847512797450864</v>
      </c>
      <c r="O8547" s="58">
        <f>IF(Input!$K$13=2,J8547*Input!$J$13,0)+IF(Input!$K$14=2,K8547*Input!$J$14,0)+IF(Input!$K$15=2,L8547*Input!$J$15,0)+IF(Input!$K$16=2,M8547*Input!$J$16,0)</f>
        <v>7.8896999514095956E-2</v>
      </c>
      <c r="P8547" s="58">
        <f>IF(Input!$K$13=3,J8547*Input!$J$13,0)+IF(Input!$K$14=3,K8547*Input!$J$14,0)+IF(Input!$K$15=3,L8547*Input!$J$15,0)+IF(Input!$K$16=3,M8547*Input!$J$16,0)</f>
        <v>0</v>
      </c>
      <c r="Q8547" s="71">
        <f>IF(Input!$K$13=4,J8547*Input!$J$13,0)+IF(Input!$K$14=4,K8547*Input!$J$14,0)+IF(Input!$K$15=4,L8547*Input!$J$15,0)+IF(Input!$K$16=4,M8547*Input!$J$16,0)</f>
        <v>0</v>
      </c>
    </row>
    <row r="8548" spans="8:17" x14ac:dyDescent="0.25">
      <c r="H8548" s="43">
        <v>8541</v>
      </c>
      <c r="I8548" s="55">
        <f>Bühler!I8574</f>
        <v>2.3225063531832424</v>
      </c>
      <c r="J8548" s="58">
        <f>Bühler!J8574</f>
        <v>12.372927331209054</v>
      </c>
      <c r="K8548" s="58">
        <f>Bühler!K8574</f>
        <v>0.58442221862293298</v>
      </c>
      <c r="L8548" s="58">
        <f>Bühler!L8574</f>
        <v>0.29221110931146649</v>
      </c>
      <c r="M8548" s="57">
        <f>Bühler!M8574</f>
        <v>0</v>
      </c>
      <c r="N8548" s="55">
        <f>IF(Input!$K$13=1,J8548*Input!$J$13,0)+IF(Input!$K$14=1,K8548*Input!$J$14,0)+IF(Input!$K$15=1,L8548*Input!$J$15,0)+IF(Input!$K$16=1,M8548*Input!$J$16,0)</f>
        <v>1.4847512797450864</v>
      </c>
      <c r="O8548" s="58">
        <f>IF(Input!$K$13=2,J8548*Input!$J$13,0)+IF(Input!$K$14=2,K8548*Input!$J$14,0)+IF(Input!$K$15=2,L8548*Input!$J$15,0)+IF(Input!$K$16=2,M8548*Input!$J$16,0)</f>
        <v>7.8896999514095956E-2</v>
      </c>
      <c r="P8548" s="58">
        <f>IF(Input!$K$13=3,J8548*Input!$J$13,0)+IF(Input!$K$14=3,K8548*Input!$J$14,0)+IF(Input!$K$15=3,L8548*Input!$J$15,0)+IF(Input!$K$16=3,M8548*Input!$J$16,0)</f>
        <v>0</v>
      </c>
      <c r="Q8548" s="71">
        <f>IF(Input!$K$13=4,J8548*Input!$J$13,0)+IF(Input!$K$14=4,K8548*Input!$J$14,0)+IF(Input!$K$15=4,L8548*Input!$J$15,0)+IF(Input!$K$16=4,M8548*Input!$J$16,0)</f>
        <v>0</v>
      </c>
    </row>
    <row r="8549" spans="8:17" x14ac:dyDescent="0.25">
      <c r="H8549" s="43">
        <v>8542</v>
      </c>
      <c r="I8549" s="55">
        <f>Bühler!I8575</f>
        <v>2.3225063531832424</v>
      </c>
      <c r="J8549" s="58">
        <f>Bühler!J8575</f>
        <v>12.372927331209054</v>
      </c>
      <c r="K8549" s="58">
        <f>Bühler!K8575</f>
        <v>0.58442221862293298</v>
      </c>
      <c r="L8549" s="58">
        <f>Bühler!L8575</f>
        <v>0.29221110931146649</v>
      </c>
      <c r="M8549" s="57">
        <f>Bühler!M8575</f>
        <v>0</v>
      </c>
      <c r="N8549" s="55">
        <f>IF(Input!$K$13=1,J8549*Input!$J$13,0)+IF(Input!$K$14=1,K8549*Input!$J$14,0)+IF(Input!$K$15=1,L8549*Input!$J$15,0)+IF(Input!$K$16=1,M8549*Input!$J$16,0)</f>
        <v>1.4847512797450864</v>
      </c>
      <c r="O8549" s="58">
        <f>IF(Input!$K$13=2,J8549*Input!$J$13,0)+IF(Input!$K$14=2,K8549*Input!$J$14,0)+IF(Input!$K$15=2,L8549*Input!$J$15,0)+IF(Input!$K$16=2,M8549*Input!$J$16,0)</f>
        <v>7.8896999514095956E-2</v>
      </c>
      <c r="P8549" s="58">
        <f>IF(Input!$K$13=3,J8549*Input!$J$13,0)+IF(Input!$K$14=3,K8549*Input!$J$14,0)+IF(Input!$K$15=3,L8549*Input!$J$15,0)+IF(Input!$K$16=3,M8549*Input!$J$16,0)</f>
        <v>0</v>
      </c>
      <c r="Q8549" s="71">
        <f>IF(Input!$K$13=4,J8549*Input!$J$13,0)+IF(Input!$K$14=4,K8549*Input!$J$14,0)+IF(Input!$K$15=4,L8549*Input!$J$15,0)+IF(Input!$K$16=4,M8549*Input!$J$16,0)</f>
        <v>0</v>
      </c>
    </row>
    <row r="8550" spans="8:17" x14ac:dyDescent="0.25">
      <c r="H8550" s="43">
        <v>8543</v>
      </c>
      <c r="I8550" s="55">
        <f>Bühler!I8576</f>
        <v>2.3225063531832424</v>
      </c>
      <c r="J8550" s="58">
        <f>Bühler!J8576</f>
        <v>12.372927331209054</v>
      </c>
      <c r="K8550" s="58">
        <f>Bühler!K8576</f>
        <v>0.58442221862293298</v>
      </c>
      <c r="L8550" s="58">
        <f>Bühler!L8576</f>
        <v>0.29221110931146649</v>
      </c>
      <c r="M8550" s="57">
        <f>Bühler!M8576</f>
        <v>0</v>
      </c>
      <c r="N8550" s="55">
        <f>IF(Input!$K$13=1,J8550*Input!$J$13,0)+IF(Input!$K$14=1,K8550*Input!$J$14,0)+IF(Input!$K$15=1,L8550*Input!$J$15,0)+IF(Input!$K$16=1,M8550*Input!$J$16,0)</f>
        <v>1.4847512797450864</v>
      </c>
      <c r="O8550" s="58">
        <f>IF(Input!$K$13=2,J8550*Input!$J$13,0)+IF(Input!$K$14=2,K8550*Input!$J$14,0)+IF(Input!$K$15=2,L8550*Input!$J$15,0)+IF(Input!$K$16=2,M8550*Input!$J$16,0)</f>
        <v>7.8896999514095956E-2</v>
      </c>
      <c r="P8550" s="58">
        <f>IF(Input!$K$13=3,J8550*Input!$J$13,0)+IF(Input!$K$14=3,K8550*Input!$J$14,0)+IF(Input!$K$15=3,L8550*Input!$J$15,0)+IF(Input!$K$16=3,M8550*Input!$J$16,0)</f>
        <v>0</v>
      </c>
      <c r="Q8550" s="71">
        <f>IF(Input!$K$13=4,J8550*Input!$J$13,0)+IF(Input!$K$14=4,K8550*Input!$J$14,0)+IF(Input!$K$15=4,L8550*Input!$J$15,0)+IF(Input!$K$16=4,M8550*Input!$J$16,0)</f>
        <v>0</v>
      </c>
    </row>
    <row r="8551" spans="8:17" x14ac:dyDescent="0.25">
      <c r="H8551" s="43">
        <v>8544</v>
      </c>
      <c r="I8551" s="55">
        <f>Bühler!I8577</f>
        <v>2.3225063531832424</v>
      </c>
      <c r="J8551" s="58">
        <f>Bühler!J8577</f>
        <v>12.372927331209054</v>
      </c>
      <c r="K8551" s="58">
        <f>Bühler!K8577</f>
        <v>0.58442221862293298</v>
      </c>
      <c r="L8551" s="58">
        <f>Bühler!L8577</f>
        <v>0.29221110931146649</v>
      </c>
      <c r="M8551" s="57">
        <f>Bühler!M8577</f>
        <v>0</v>
      </c>
      <c r="N8551" s="55">
        <f>IF(Input!$K$13=1,J8551*Input!$J$13,0)+IF(Input!$K$14=1,K8551*Input!$J$14,0)+IF(Input!$K$15=1,L8551*Input!$J$15,0)+IF(Input!$K$16=1,M8551*Input!$J$16,0)</f>
        <v>1.4847512797450864</v>
      </c>
      <c r="O8551" s="58">
        <f>IF(Input!$K$13=2,J8551*Input!$J$13,0)+IF(Input!$K$14=2,K8551*Input!$J$14,0)+IF(Input!$K$15=2,L8551*Input!$J$15,0)+IF(Input!$K$16=2,M8551*Input!$J$16,0)</f>
        <v>7.8896999514095956E-2</v>
      </c>
      <c r="P8551" s="58">
        <f>IF(Input!$K$13=3,J8551*Input!$J$13,0)+IF(Input!$K$14=3,K8551*Input!$J$14,0)+IF(Input!$K$15=3,L8551*Input!$J$15,0)+IF(Input!$K$16=3,M8551*Input!$J$16,0)</f>
        <v>0</v>
      </c>
      <c r="Q8551" s="71">
        <f>IF(Input!$K$13=4,J8551*Input!$J$13,0)+IF(Input!$K$14=4,K8551*Input!$J$14,0)+IF(Input!$K$15=4,L8551*Input!$J$15,0)+IF(Input!$K$16=4,M8551*Input!$J$16,0)</f>
        <v>0</v>
      </c>
    </row>
    <row r="8552" spans="8:17" x14ac:dyDescent="0.25">
      <c r="H8552" s="43">
        <v>8545</v>
      </c>
      <c r="I8552" s="55">
        <f>Bühler!I8578</f>
        <v>1.8742586589349244</v>
      </c>
      <c r="J8552" s="58">
        <f>Bühler!J8578</f>
        <v>16.626406474934114</v>
      </c>
      <c r="K8552" s="58">
        <f>Bühler!K8578</f>
        <v>0.44638551191922643</v>
      </c>
      <c r="L8552" s="58">
        <f>Bühler!L8578</f>
        <v>0.22319275595961321</v>
      </c>
      <c r="M8552" s="57">
        <f>Bühler!M8578</f>
        <v>0</v>
      </c>
      <c r="N8552" s="55">
        <f>IF(Input!$K$13=1,J8552*Input!$J$13,0)+IF(Input!$K$14=1,K8552*Input!$J$14,0)+IF(Input!$K$15=1,L8552*Input!$J$15,0)+IF(Input!$K$16=1,M8552*Input!$J$16,0)</f>
        <v>1.9951687769920936</v>
      </c>
      <c r="O8552" s="58">
        <f>IF(Input!$K$13=2,J8552*Input!$J$13,0)+IF(Input!$K$14=2,K8552*Input!$J$14,0)+IF(Input!$K$15=2,L8552*Input!$J$15,0)+IF(Input!$K$16=2,M8552*Input!$J$16,0)</f>
        <v>6.0262044109095567E-2</v>
      </c>
      <c r="P8552" s="58">
        <f>IF(Input!$K$13=3,J8552*Input!$J$13,0)+IF(Input!$K$14=3,K8552*Input!$J$14,0)+IF(Input!$K$15=3,L8552*Input!$J$15,0)+IF(Input!$K$16=3,M8552*Input!$J$16,0)</f>
        <v>0</v>
      </c>
      <c r="Q8552" s="71">
        <f>IF(Input!$K$13=4,J8552*Input!$J$13,0)+IF(Input!$K$14=4,K8552*Input!$J$14,0)+IF(Input!$K$15=4,L8552*Input!$J$15,0)+IF(Input!$K$16=4,M8552*Input!$J$16,0)</f>
        <v>0</v>
      </c>
    </row>
    <row r="8553" spans="8:17" x14ac:dyDescent="0.25">
      <c r="H8553" s="43">
        <v>8546</v>
      </c>
      <c r="I8553" s="55">
        <f>Bühler!I8579</f>
        <v>3.6592669055396154</v>
      </c>
      <c r="J8553" s="58">
        <f>Bühler!J8579</f>
        <v>15.738239629816492</v>
      </c>
      <c r="K8553" s="58">
        <f>Bühler!K8579</f>
        <v>0.40174696072730387</v>
      </c>
      <c r="L8553" s="58">
        <f>Bühler!L8579</f>
        <v>0.20087348036365194</v>
      </c>
      <c r="M8553" s="57">
        <f>Bühler!M8579</f>
        <v>0</v>
      </c>
      <c r="N8553" s="55">
        <f>IF(Input!$K$13=1,J8553*Input!$J$13,0)+IF(Input!$K$14=1,K8553*Input!$J$14,0)+IF(Input!$K$15=1,L8553*Input!$J$15,0)+IF(Input!$K$16=1,M8553*Input!$J$16,0)</f>
        <v>1.888588755577979</v>
      </c>
      <c r="O8553" s="58">
        <f>IF(Input!$K$13=2,J8553*Input!$J$13,0)+IF(Input!$K$14=2,K8553*Input!$J$14,0)+IF(Input!$K$15=2,L8553*Input!$J$15,0)+IF(Input!$K$16=2,M8553*Input!$J$16,0)</f>
        <v>5.4235839698186017E-2</v>
      </c>
      <c r="P8553" s="58">
        <f>IF(Input!$K$13=3,J8553*Input!$J$13,0)+IF(Input!$K$14=3,K8553*Input!$J$14,0)+IF(Input!$K$15=3,L8553*Input!$J$15,0)+IF(Input!$K$16=3,M8553*Input!$J$16,0)</f>
        <v>0</v>
      </c>
      <c r="Q8553" s="71">
        <f>IF(Input!$K$13=4,J8553*Input!$J$13,0)+IF(Input!$K$14=4,K8553*Input!$J$14,0)+IF(Input!$K$15=4,L8553*Input!$J$15,0)+IF(Input!$K$16=4,M8553*Input!$J$16,0)</f>
        <v>0</v>
      </c>
    </row>
    <row r="8554" spans="8:17" x14ac:dyDescent="0.25">
      <c r="H8554" s="43">
        <v>8547</v>
      </c>
      <c r="I8554" s="55">
        <f>Bühler!I8580</f>
        <v>3.6592669055396154</v>
      </c>
      <c r="J8554" s="58">
        <f>Bühler!J8580</f>
        <v>15.738239629816492</v>
      </c>
      <c r="K8554" s="58">
        <f>Bühler!K8580</f>
        <v>0.40174696072730387</v>
      </c>
      <c r="L8554" s="58">
        <f>Bühler!L8580</f>
        <v>0.20087348036365194</v>
      </c>
      <c r="M8554" s="57">
        <f>Bühler!M8580</f>
        <v>0</v>
      </c>
      <c r="N8554" s="55">
        <f>IF(Input!$K$13=1,J8554*Input!$J$13,0)+IF(Input!$K$14=1,K8554*Input!$J$14,0)+IF(Input!$K$15=1,L8554*Input!$J$15,0)+IF(Input!$K$16=1,M8554*Input!$J$16,0)</f>
        <v>1.888588755577979</v>
      </c>
      <c r="O8554" s="58">
        <f>IF(Input!$K$13=2,J8554*Input!$J$13,0)+IF(Input!$K$14=2,K8554*Input!$J$14,0)+IF(Input!$K$15=2,L8554*Input!$J$15,0)+IF(Input!$K$16=2,M8554*Input!$J$16,0)</f>
        <v>5.4235839698186017E-2</v>
      </c>
      <c r="P8554" s="58">
        <f>IF(Input!$K$13=3,J8554*Input!$J$13,0)+IF(Input!$K$14=3,K8554*Input!$J$14,0)+IF(Input!$K$15=3,L8554*Input!$J$15,0)+IF(Input!$K$16=3,M8554*Input!$J$16,0)</f>
        <v>0</v>
      </c>
      <c r="Q8554" s="71">
        <f>IF(Input!$K$13=4,J8554*Input!$J$13,0)+IF(Input!$K$14=4,K8554*Input!$J$14,0)+IF(Input!$K$15=4,L8554*Input!$J$15,0)+IF(Input!$K$16=4,M8554*Input!$J$16,0)</f>
        <v>0</v>
      </c>
    </row>
    <row r="8555" spans="8:17" x14ac:dyDescent="0.25">
      <c r="H8555" s="43">
        <v>8548</v>
      </c>
      <c r="I8555" s="55">
        <f>Bühler!I8581</f>
        <v>3.6592669055396154</v>
      </c>
      <c r="J8555" s="58">
        <f>Bühler!J8581</f>
        <v>15.738239629816492</v>
      </c>
      <c r="K8555" s="58">
        <f>Bühler!K8581</f>
        <v>0.40174696072730387</v>
      </c>
      <c r="L8555" s="58">
        <f>Bühler!L8581</f>
        <v>0.20087348036365194</v>
      </c>
      <c r="M8555" s="57">
        <f>Bühler!M8581</f>
        <v>0</v>
      </c>
      <c r="N8555" s="55">
        <f>IF(Input!$K$13=1,J8555*Input!$J$13,0)+IF(Input!$K$14=1,K8555*Input!$J$14,0)+IF(Input!$K$15=1,L8555*Input!$J$15,0)+IF(Input!$K$16=1,M8555*Input!$J$16,0)</f>
        <v>1.888588755577979</v>
      </c>
      <c r="O8555" s="58">
        <f>IF(Input!$K$13=2,J8555*Input!$J$13,0)+IF(Input!$K$14=2,K8555*Input!$J$14,0)+IF(Input!$K$15=2,L8555*Input!$J$15,0)+IF(Input!$K$16=2,M8555*Input!$J$16,0)</f>
        <v>5.4235839698186017E-2</v>
      </c>
      <c r="P8555" s="58">
        <f>IF(Input!$K$13=3,J8555*Input!$J$13,0)+IF(Input!$K$14=3,K8555*Input!$J$14,0)+IF(Input!$K$15=3,L8555*Input!$J$15,0)+IF(Input!$K$16=3,M8555*Input!$J$16,0)</f>
        <v>0</v>
      </c>
      <c r="Q8555" s="71">
        <f>IF(Input!$K$13=4,J8555*Input!$J$13,0)+IF(Input!$K$14=4,K8555*Input!$J$14,0)+IF(Input!$K$15=4,L8555*Input!$J$15,0)+IF(Input!$K$16=4,M8555*Input!$J$16,0)</f>
        <v>0</v>
      </c>
    </row>
    <row r="8556" spans="8:17" x14ac:dyDescent="0.25">
      <c r="H8556" s="43">
        <v>8549</v>
      </c>
      <c r="I8556" s="55">
        <f>Bühler!I8582</f>
        <v>3.6592669055396154</v>
      </c>
      <c r="J8556" s="58">
        <f>Bühler!J8582</f>
        <v>15.738239629816492</v>
      </c>
      <c r="K8556" s="58">
        <f>Bühler!K8582</f>
        <v>0.40174696072730387</v>
      </c>
      <c r="L8556" s="58">
        <f>Bühler!L8582</f>
        <v>0.20087348036365194</v>
      </c>
      <c r="M8556" s="57">
        <f>Bühler!M8582</f>
        <v>0</v>
      </c>
      <c r="N8556" s="55">
        <f>IF(Input!$K$13=1,J8556*Input!$J$13,0)+IF(Input!$K$14=1,K8556*Input!$J$14,0)+IF(Input!$K$15=1,L8556*Input!$J$15,0)+IF(Input!$K$16=1,M8556*Input!$J$16,0)</f>
        <v>1.888588755577979</v>
      </c>
      <c r="O8556" s="58">
        <f>IF(Input!$K$13=2,J8556*Input!$J$13,0)+IF(Input!$K$14=2,K8556*Input!$J$14,0)+IF(Input!$K$15=2,L8556*Input!$J$15,0)+IF(Input!$K$16=2,M8556*Input!$J$16,0)</f>
        <v>5.4235839698186017E-2</v>
      </c>
      <c r="P8556" s="58">
        <f>IF(Input!$K$13=3,J8556*Input!$J$13,0)+IF(Input!$K$14=3,K8556*Input!$J$14,0)+IF(Input!$K$15=3,L8556*Input!$J$15,0)+IF(Input!$K$16=3,M8556*Input!$J$16,0)</f>
        <v>0</v>
      </c>
      <c r="Q8556" s="71">
        <f>IF(Input!$K$13=4,J8556*Input!$J$13,0)+IF(Input!$K$14=4,K8556*Input!$J$14,0)+IF(Input!$K$15=4,L8556*Input!$J$15,0)+IF(Input!$K$16=4,M8556*Input!$J$16,0)</f>
        <v>0</v>
      </c>
    </row>
    <row r="8557" spans="8:17" x14ac:dyDescent="0.25">
      <c r="H8557" s="43">
        <v>8550</v>
      </c>
      <c r="I8557" s="55">
        <f>Bühler!I8583</f>
        <v>4.5517710288419604</v>
      </c>
      <c r="J8557" s="58">
        <f>Bühler!J8583</f>
        <v>15.775427301620757</v>
      </c>
      <c r="K8557" s="58">
        <f>Bühler!K8583</f>
        <v>0.40174696072730387</v>
      </c>
      <c r="L8557" s="58">
        <f>Bühler!L8583</f>
        <v>0.20087348036365194</v>
      </c>
      <c r="M8557" s="57">
        <f>Bühler!M8583</f>
        <v>0</v>
      </c>
      <c r="N8557" s="55">
        <f>IF(Input!$K$13=1,J8557*Input!$J$13,0)+IF(Input!$K$14=1,K8557*Input!$J$14,0)+IF(Input!$K$15=1,L8557*Input!$J$15,0)+IF(Input!$K$16=1,M8557*Input!$J$16,0)</f>
        <v>1.8930512761944909</v>
      </c>
      <c r="O8557" s="58">
        <f>IF(Input!$K$13=2,J8557*Input!$J$13,0)+IF(Input!$K$14=2,K8557*Input!$J$14,0)+IF(Input!$K$15=2,L8557*Input!$J$15,0)+IF(Input!$K$16=2,M8557*Input!$J$16,0)</f>
        <v>5.4235839698186017E-2</v>
      </c>
      <c r="P8557" s="58">
        <f>IF(Input!$K$13=3,J8557*Input!$J$13,0)+IF(Input!$K$14=3,K8557*Input!$J$14,0)+IF(Input!$K$15=3,L8557*Input!$J$15,0)+IF(Input!$K$16=3,M8557*Input!$J$16,0)</f>
        <v>0</v>
      </c>
      <c r="Q8557" s="71">
        <f>IF(Input!$K$13=4,J8557*Input!$J$13,0)+IF(Input!$K$14=4,K8557*Input!$J$14,0)+IF(Input!$K$15=4,L8557*Input!$J$15,0)+IF(Input!$K$16=4,M8557*Input!$J$16,0)</f>
        <v>0</v>
      </c>
    </row>
    <row r="8558" spans="8:17" x14ac:dyDescent="0.25">
      <c r="H8558" s="43">
        <v>8551</v>
      </c>
      <c r="I8558" s="55">
        <f>Bühler!I8584</f>
        <v>5.7120263891350085</v>
      </c>
      <c r="J8558" s="58">
        <f>Bühler!J8584</f>
        <v>15.823771274966299</v>
      </c>
      <c r="K8558" s="58">
        <f>Bühler!K8584</f>
        <v>0.40174696072730387</v>
      </c>
      <c r="L8558" s="58">
        <f>Bühler!L8584</f>
        <v>0.20087348036365194</v>
      </c>
      <c r="M8558" s="57">
        <f>Bühler!M8584</f>
        <v>0</v>
      </c>
      <c r="N8558" s="55">
        <f>IF(Input!$K$13=1,J8558*Input!$J$13,0)+IF(Input!$K$14=1,K8558*Input!$J$14,0)+IF(Input!$K$15=1,L8558*Input!$J$15,0)+IF(Input!$K$16=1,M8558*Input!$J$16,0)</f>
        <v>1.8988525529959559</v>
      </c>
      <c r="O8558" s="58">
        <f>IF(Input!$K$13=2,J8558*Input!$J$13,0)+IF(Input!$K$14=2,K8558*Input!$J$14,0)+IF(Input!$K$15=2,L8558*Input!$J$15,0)+IF(Input!$K$16=2,M8558*Input!$J$16,0)</f>
        <v>5.4235839698186017E-2</v>
      </c>
      <c r="P8558" s="58">
        <f>IF(Input!$K$13=3,J8558*Input!$J$13,0)+IF(Input!$K$14=3,K8558*Input!$J$14,0)+IF(Input!$K$15=3,L8558*Input!$J$15,0)+IF(Input!$K$16=3,M8558*Input!$J$16,0)</f>
        <v>0</v>
      </c>
      <c r="Q8558" s="71">
        <f>IF(Input!$K$13=4,J8558*Input!$J$13,0)+IF(Input!$K$14=4,K8558*Input!$J$14,0)+IF(Input!$K$15=4,L8558*Input!$J$15,0)+IF(Input!$K$16=4,M8558*Input!$J$16,0)</f>
        <v>0</v>
      </c>
    </row>
    <row r="8559" spans="8:17" x14ac:dyDescent="0.25">
      <c r="H8559" s="43">
        <v>8552</v>
      </c>
      <c r="I8559" s="55">
        <f>Bühler!I8585</f>
        <v>6.5152801001071197</v>
      </c>
      <c r="J8559" s="58">
        <f>Bühler!J8585</f>
        <v>15.857240179590137</v>
      </c>
      <c r="K8559" s="58">
        <f>Bühler!K8585</f>
        <v>0.40174696072730387</v>
      </c>
      <c r="L8559" s="58">
        <f>Bühler!L8585</f>
        <v>0.20087348036365194</v>
      </c>
      <c r="M8559" s="57">
        <f>Bühler!M8585</f>
        <v>0</v>
      </c>
      <c r="N8559" s="55">
        <f>IF(Input!$K$13=1,J8559*Input!$J$13,0)+IF(Input!$K$14=1,K8559*Input!$J$14,0)+IF(Input!$K$15=1,L8559*Input!$J$15,0)+IF(Input!$K$16=1,M8559*Input!$J$16,0)</f>
        <v>1.9028688215508165</v>
      </c>
      <c r="O8559" s="58">
        <f>IF(Input!$K$13=2,J8559*Input!$J$13,0)+IF(Input!$K$14=2,K8559*Input!$J$14,0)+IF(Input!$K$15=2,L8559*Input!$J$15,0)+IF(Input!$K$16=2,M8559*Input!$J$16,0)</f>
        <v>5.4235839698186017E-2</v>
      </c>
      <c r="P8559" s="58">
        <f>IF(Input!$K$13=3,J8559*Input!$J$13,0)+IF(Input!$K$14=3,K8559*Input!$J$14,0)+IF(Input!$K$15=3,L8559*Input!$J$15,0)+IF(Input!$K$16=3,M8559*Input!$J$16,0)</f>
        <v>0</v>
      </c>
      <c r="Q8559" s="71">
        <f>IF(Input!$K$13=4,J8559*Input!$J$13,0)+IF(Input!$K$14=4,K8559*Input!$J$14,0)+IF(Input!$K$15=4,L8559*Input!$J$15,0)+IF(Input!$K$16=4,M8559*Input!$J$16,0)</f>
        <v>0</v>
      </c>
    </row>
    <row r="8560" spans="8:17" x14ac:dyDescent="0.25">
      <c r="H8560" s="43">
        <v>8553</v>
      </c>
      <c r="I8560" s="55">
        <f>Bühler!I8586</f>
        <v>6.5152801001071197</v>
      </c>
      <c r="J8560" s="58">
        <f>Bühler!J8586</f>
        <v>15.857240179590137</v>
      </c>
      <c r="K8560" s="58">
        <f>Bühler!K8586</f>
        <v>0.40174696072730387</v>
      </c>
      <c r="L8560" s="58">
        <f>Bühler!L8586</f>
        <v>0.20087348036365194</v>
      </c>
      <c r="M8560" s="57">
        <f>Bühler!M8586</f>
        <v>0</v>
      </c>
      <c r="N8560" s="55">
        <f>IF(Input!$K$13=1,J8560*Input!$J$13,0)+IF(Input!$K$14=1,K8560*Input!$J$14,0)+IF(Input!$K$15=1,L8560*Input!$J$15,0)+IF(Input!$K$16=1,M8560*Input!$J$16,0)</f>
        <v>1.9028688215508165</v>
      </c>
      <c r="O8560" s="58">
        <f>IF(Input!$K$13=2,J8560*Input!$J$13,0)+IF(Input!$K$14=2,K8560*Input!$J$14,0)+IF(Input!$K$15=2,L8560*Input!$J$15,0)+IF(Input!$K$16=2,M8560*Input!$J$16,0)</f>
        <v>5.4235839698186017E-2</v>
      </c>
      <c r="P8560" s="58">
        <f>IF(Input!$K$13=3,J8560*Input!$J$13,0)+IF(Input!$K$14=3,K8560*Input!$J$14,0)+IF(Input!$K$15=3,L8560*Input!$J$15,0)+IF(Input!$K$16=3,M8560*Input!$J$16,0)</f>
        <v>0</v>
      </c>
      <c r="Q8560" s="71">
        <f>IF(Input!$K$13=4,J8560*Input!$J$13,0)+IF(Input!$K$14=4,K8560*Input!$J$14,0)+IF(Input!$K$15=4,L8560*Input!$J$15,0)+IF(Input!$K$16=4,M8560*Input!$J$16,0)</f>
        <v>0</v>
      </c>
    </row>
    <row r="8561" spans="8:17" x14ac:dyDescent="0.25">
      <c r="H8561" s="43">
        <v>8554</v>
      </c>
      <c r="I8561" s="55">
        <f>Bühler!I8587</f>
        <v>6.5152801001071197</v>
      </c>
      <c r="J8561" s="58">
        <f>Bühler!J8587</f>
        <v>15.857240179590137</v>
      </c>
      <c r="K8561" s="58">
        <f>Bühler!K8587</f>
        <v>0.40174696072730387</v>
      </c>
      <c r="L8561" s="58">
        <f>Bühler!L8587</f>
        <v>0.20087348036365194</v>
      </c>
      <c r="M8561" s="57">
        <f>Bühler!M8587</f>
        <v>0</v>
      </c>
      <c r="N8561" s="55">
        <f>IF(Input!$K$13=1,J8561*Input!$J$13,0)+IF(Input!$K$14=1,K8561*Input!$J$14,0)+IF(Input!$K$15=1,L8561*Input!$J$15,0)+IF(Input!$K$16=1,M8561*Input!$J$16,0)</f>
        <v>1.9028688215508165</v>
      </c>
      <c r="O8561" s="58">
        <f>IF(Input!$K$13=2,J8561*Input!$J$13,0)+IF(Input!$K$14=2,K8561*Input!$J$14,0)+IF(Input!$K$15=2,L8561*Input!$J$15,0)+IF(Input!$K$16=2,M8561*Input!$J$16,0)</f>
        <v>5.4235839698186017E-2</v>
      </c>
      <c r="P8561" s="58">
        <f>IF(Input!$K$13=3,J8561*Input!$J$13,0)+IF(Input!$K$14=3,K8561*Input!$J$14,0)+IF(Input!$K$15=3,L8561*Input!$J$15,0)+IF(Input!$K$16=3,M8561*Input!$J$16,0)</f>
        <v>0</v>
      </c>
      <c r="Q8561" s="71">
        <f>IF(Input!$K$13=4,J8561*Input!$J$13,0)+IF(Input!$K$14=4,K8561*Input!$J$14,0)+IF(Input!$K$15=4,L8561*Input!$J$15,0)+IF(Input!$K$16=4,M8561*Input!$J$16,0)</f>
        <v>0</v>
      </c>
    </row>
    <row r="8562" spans="8:17" x14ac:dyDescent="0.25">
      <c r="H8562" s="43">
        <v>8555</v>
      </c>
      <c r="I8562" s="55">
        <f>Bühler!I8588</f>
        <v>6.5152801001071197</v>
      </c>
      <c r="J8562" s="58">
        <f>Bühler!J8588</f>
        <v>15.857240179590137</v>
      </c>
      <c r="K8562" s="58">
        <f>Bühler!K8588</f>
        <v>0.40174696072730387</v>
      </c>
      <c r="L8562" s="58">
        <f>Bühler!L8588</f>
        <v>0.20087348036365194</v>
      </c>
      <c r="M8562" s="57">
        <f>Bühler!M8588</f>
        <v>0</v>
      </c>
      <c r="N8562" s="55">
        <f>IF(Input!$K$13=1,J8562*Input!$J$13,0)+IF(Input!$K$14=1,K8562*Input!$J$14,0)+IF(Input!$K$15=1,L8562*Input!$J$15,0)+IF(Input!$K$16=1,M8562*Input!$J$16,0)</f>
        <v>1.9028688215508165</v>
      </c>
      <c r="O8562" s="58">
        <f>IF(Input!$K$13=2,J8562*Input!$J$13,0)+IF(Input!$K$14=2,K8562*Input!$J$14,0)+IF(Input!$K$15=2,L8562*Input!$J$15,0)+IF(Input!$K$16=2,M8562*Input!$J$16,0)</f>
        <v>5.4235839698186017E-2</v>
      </c>
      <c r="P8562" s="58">
        <f>IF(Input!$K$13=3,J8562*Input!$J$13,0)+IF(Input!$K$14=3,K8562*Input!$J$14,0)+IF(Input!$K$15=3,L8562*Input!$J$15,0)+IF(Input!$K$16=3,M8562*Input!$J$16,0)</f>
        <v>0</v>
      </c>
      <c r="Q8562" s="71">
        <f>IF(Input!$K$13=4,J8562*Input!$J$13,0)+IF(Input!$K$14=4,K8562*Input!$J$14,0)+IF(Input!$K$15=4,L8562*Input!$J$15,0)+IF(Input!$K$16=4,M8562*Input!$J$16,0)</f>
        <v>0</v>
      </c>
    </row>
    <row r="8563" spans="8:17" x14ac:dyDescent="0.25">
      <c r="H8563" s="43">
        <v>8556</v>
      </c>
      <c r="I8563" s="55">
        <f>Bühler!I8589</f>
        <v>6.5152801001071197</v>
      </c>
      <c r="J8563" s="58">
        <f>Bühler!J8589</f>
        <v>15.857240179590137</v>
      </c>
      <c r="K8563" s="58">
        <f>Bühler!K8589</f>
        <v>0.40174696072730387</v>
      </c>
      <c r="L8563" s="58">
        <f>Bühler!L8589</f>
        <v>0.20087348036365194</v>
      </c>
      <c r="M8563" s="57">
        <f>Bühler!M8589</f>
        <v>0</v>
      </c>
      <c r="N8563" s="55">
        <f>IF(Input!$K$13=1,J8563*Input!$J$13,0)+IF(Input!$K$14=1,K8563*Input!$J$14,0)+IF(Input!$K$15=1,L8563*Input!$J$15,0)+IF(Input!$K$16=1,M8563*Input!$J$16,0)</f>
        <v>1.9028688215508165</v>
      </c>
      <c r="O8563" s="58">
        <f>IF(Input!$K$13=2,J8563*Input!$J$13,0)+IF(Input!$K$14=2,K8563*Input!$J$14,0)+IF(Input!$K$15=2,L8563*Input!$J$15,0)+IF(Input!$K$16=2,M8563*Input!$J$16,0)</f>
        <v>5.4235839698186017E-2</v>
      </c>
      <c r="P8563" s="58">
        <f>IF(Input!$K$13=3,J8563*Input!$J$13,0)+IF(Input!$K$14=3,K8563*Input!$J$14,0)+IF(Input!$K$15=3,L8563*Input!$J$15,0)+IF(Input!$K$16=3,M8563*Input!$J$16,0)</f>
        <v>0</v>
      </c>
      <c r="Q8563" s="71">
        <f>IF(Input!$K$13=4,J8563*Input!$J$13,0)+IF(Input!$K$14=4,K8563*Input!$J$14,0)+IF(Input!$K$15=4,L8563*Input!$J$15,0)+IF(Input!$K$16=4,M8563*Input!$J$16,0)</f>
        <v>0</v>
      </c>
    </row>
    <row r="8564" spans="8:17" x14ac:dyDescent="0.25">
      <c r="H8564" s="43">
        <v>8557</v>
      </c>
      <c r="I8564" s="55">
        <f>Bühler!I8590</f>
        <v>6.5152801001071197</v>
      </c>
      <c r="J8564" s="58">
        <f>Bühler!J8590</f>
        <v>15.857240179590137</v>
      </c>
      <c r="K8564" s="58">
        <f>Bühler!K8590</f>
        <v>0.40174696072730387</v>
      </c>
      <c r="L8564" s="58">
        <f>Bühler!L8590</f>
        <v>0.20087348036365194</v>
      </c>
      <c r="M8564" s="57">
        <f>Bühler!M8590</f>
        <v>0</v>
      </c>
      <c r="N8564" s="55">
        <f>IF(Input!$K$13=1,J8564*Input!$J$13,0)+IF(Input!$K$14=1,K8564*Input!$J$14,0)+IF(Input!$K$15=1,L8564*Input!$J$15,0)+IF(Input!$K$16=1,M8564*Input!$J$16,0)</f>
        <v>1.9028688215508165</v>
      </c>
      <c r="O8564" s="58">
        <f>IF(Input!$K$13=2,J8564*Input!$J$13,0)+IF(Input!$K$14=2,K8564*Input!$J$14,0)+IF(Input!$K$15=2,L8564*Input!$J$15,0)+IF(Input!$K$16=2,M8564*Input!$J$16,0)</f>
        <v>5.4235839698186017E-2</v>
      </c>
      <c r="P8564" s="58">
        <f>IF(Input!$K$13=3,J8564*Input!$J$13,0)+IF(Input!$K$14=3,K8564*Input!$J$14,0)+IF(Input!$K$15=3,L8564*Input!$J$15,0)+IF(Input!$K$16=3,M8564*Input!$J$16,0)</f>
        <v>0</v>
      </c>
      <c r="Q8564" s="71">
        <f>IF(Input!$K$13=4,J8564*Input!$J$13,0)+IF(Input!$K$14=4,K8564*Input!$J$14,0)+IF(Input!$K$15=4,L8564*Input!$J$15,0)+IF(Input!$K$16=4,M8564*Input!$J$16,0)</f>
        <v>0</v>
      </c>
    </row>
    <row r="8565" spans="8:17" x14ac:dyDescent="0.25">
      <c r="H8565" s="43">
        <v>8558</v>
      </c>
      <c r="I8565" s="55">
        <f>Bühler!I8591</f>
        <v>6.5152801001071197</v>
      </c>
      <c r="J8565" s="58">
        <f>Bühler!J8591</f>
        <v>15.857240179590137</v>
      </c>
      <c r="K8565" s="58">
        <f>Bühler!K8591</f>
        <v>0.40174696072730387</v>
      </c>
      <c r="L8565" s="58">
        <f>Bühler!L8591</f>
        <v>0.20087348036365194</v>
      </c>
      <c r="M8565" s="57">
        <f>Bühler!M8591</f>
        <v>0</v>
      </c>
      <c r="N8565" s="55">
        <f>IF(Input!$K$13=1,J8565*Input!$J$13,0)+IF(Input!$K$14=1,K8565*Input!$J$14,0)+IF(Input!$K$15=1,L8565*Input!$J$15,0)+IF(Input!$K$16=1,M8565*Input!$J$16,0)</f>
        <v>1.9028688215508165</v>
      </c>
      <c r="O8565" s="58">
        <f>IF(Input!$K$13=2,J8565*Input!$J$13,0)+IF(Input!$K$14=2,K8565*Input!$J$14,0)+IF(Input!$K$15=2,L8565*Input!$J$15,0)+IF(Input!$K$16=2,M8565*Input!$J$16,0)</f>
        <v>5.4235839698186017E-2</v>
      </c>
      <c r="P8565" s="58">
        <f>IF(Input!$K$13=3,J8565*Input!$J$13,0)+IF(Input!$K$14=3,K8565*Input!$J$14,0)+IF(Input!$K$15=3,L8565*Input!$J$15,0)+IF(Input!$K$16=3,M8565*Input!$J$16,0)</f>
        <v>0</v>
      </c>
      <c r="Q8565" s="71">
        <f>IF(Input!$K$13=4,J8565*Input!$J$13,0)+IF(Input!$K$14=4,K8565*Input!$J$14,0)+IF(Input!$K$15=4,L8565*Input!$J$15,0)+IF(Input!$K$16=4,M8565*Input!$J$16,0)</f>
        <v>0</v>
      </c>
    </row>
    <row r="8566" spans="8:17" x14ac:dyDescent="0.25">
      <c r="H8566" s="43">
        <v>8559</v>
      </c>
      <c r="I8566" s="55">
        <f>Bühler!I8592</f>
        <v>6.5152801001071197</v>
      </c>
      <c r="J8566" s="58">
        <f>Bühler!J8592</f>
        <v>15.857240179590137</v>
      </c>
      <c r="K8566" s="58">
        <f>Bühler!K8592</f>
        <v>0.40174696072730387</v>
      </c>
      <c r="L8566" s="58">
        <f>Bühler!L8592</f>
        <v>0.20087348036365194</v>
      </c>
      <c r="M8566" s="57">
        <f>Bühler!M8592</f>
        <v>0</v>
      </c>
      <c r="N8566" s="55">
        <f>IF(Input!$K$13=1,J8566*Input!$J$13,0)+IF(Input!$K$14=1,K8566*Input!$J$14,0)+IF(Input!$K$15=1,L8566*Input!$J$15,0)+IF(Input!$K$16=1,M8566*Input!$J$16,0)</f>
        <v>1.9028688215508165</v>
      </c>
      <c r="O8566" s="58">
        <f>IF(Input!$K$13=2,J8566*Input!$J$13,0)+IF(Input!$K$14=2,K8566*Input!$J$14,0)+IF(Input!$K$15=2,L8566*Input!$J$15,0)+IF(Input!$K$16=2,M8566*Input!$J$16,0)</f>
        <v>5.4235839698186017E-2</v>
      </c>
      <c r="P8566" s="58">
        <f>IF(Input!$K$13=3,J8566*Input!$J$13,0)+IF(Input!$K$14=3,K8566*Input!$J$14,0)+IF(Input!$K$15=3,L8566*Input!$J$15,0)+IF(Input!$K$16=3,M8566*Input!$J$16,0)</f>
        <v>0</v>
      </c>
      <c r="Q8566" s="71">
        <f>IF(Input!$K$13=4,J8566*Input!$J$13,0)+IF(Input!$K$14=4,K8566*Input!$J$14,0)+IF(Input!$K$15=4,L8566*Input!$J$15,0)+IF(Input!$K$16=4,M8566*Input!$J$16,0)</f>
        <v>0</v>
      </c>
    </row>
    <row r="8567" spans="8:17" x14ac:dyDescent="0.25">
      <c r="H8567" s="43">
        <v>8560</v>
      </c>
      <c r="I8567" s="55">
        <f>Bühler!I8593</f>
        <v>5.8905272137954778</v>
      </c>
      <c r="J8567" s="58">
        <f>Bühler!J8593</f>
        <v>15.831208809327153</v>
      </c>
      <c r="K8567" s="58">
        <f>Bühler!K8593</f>
        <v>0.40174696072730387</v>
      </c>
      <c r="L8567" s="58">
        <f>Bühler!L8593</f>
        <v>0.20087348036365194</v>
      </c>
      <c r="M8567" s="57">
        <f>Bühler!M8593</f>
        <v>0</v>
      </c>
      <c r="N8567" s="55">
        <f>IF(Input!$K$13=1,J8567*Input!$J$13,0)+IF(Input!$K$14=1,K8567*Input!$J$14,0)+IF(Input!$K$15=1,L8567*Input!$J$15,0)+IF(Input!$K$16=1,M8567*Input!$J$16,0)</f>
        <v>1.8997450571192582</v>
      </c>
      <c r="O8567" s="58">
        <f>IF(Input!$K$13=2,J8567*Input!$J$13,0)+IF(Input!$K$14=2,K8567*Input!$J$14,0)+IF(Input!$K$15=2,L8567*Input!$J$15,0)+IF(Input!$K$16=2,M8567*Input!$J$16,0)</f>
        <v>5.4235839698186017E-2</v>
      </c>
      <c r="P8567" s="58">
        <f>IF(Input!$K$13=3,J8567*Input!$J$13,0)+IF(Input!$K$14=3,K8567*Input!$J$14,0)+IF(Input!$K$15=3,L8567*Input!$J$15,0)+IF(Input!$K$16=3,M8567*Input!$J$16,0)</f>
        <v>0</v>
      </c>
      <c r="Q8567" s="71">
        <f>IF(Input!$K$13=4,J8567*Input!$J$13,0)+IF(Input!$K$14=4,K8567*Input!$J$14,0)+IF(Input!$K$15=4,L8567*Input!$J$15,0)+IF(Input!$K$16=4,M8567*Input!$J$16,0)</f>
        <v>0</v>
      </c>
    </row>
    <row r="8568" spans="8:17" x14ac:dyDescent="0.25">
      <c r="H8568" s="43">
        <v>8561</v>
      </c>
      <c r="I8568" s="55">
        <f>Bühler!I8594</f>
        <v>5.3550247398140707</v>
      </c>
      <c r="J8568" s="58">
        <f>Bühler!J8594</f>
        <v>15.808896206244594</v>
      </c>
      <c r="K8568" s="58">
        <f>Bühler!K8594</f>
        <v>0.40174696072730387</v>
      </c>
      <c r="L8568" s="58">
        <f>Bühler!L8594</f>
        <v>0.20087348036365194</v>
      </c>
      <c r="M8568" s="57">
        <f>Bühler!M8594</f>
        <v>0</v>
      </c>
      <c r="N8568" s="55">
        <f>IF(Input!$K$13=1,J8568*Input!$J$13,0)+IF(Input!$K$14=1,K8568*Input!$J$14,0)+IF(Input!$K$15=1,L8568*Input!$J$15,0)+IF(Input!$K$16=1,M8568*Input!$J$16,0)</f>
        <v>1.8970675447493512</v>
      </c>
      <c r="O8568" s="58">
        <f>IF(Input!$K$13=2,J8568*Input!$J$13,0)+IF(Input!$K$14=2,K8568*Input!$J$14,0)+IF(Input!$K$15=2,L8568*Input!$J$15,0)+IF(Input!$K$16=2,M8568*Input!$J$16,0)</f>
        <v>5.4235839698186017E-2</v>
      </c>
      <c r="P8568" s="58">
        <f>IF(Input!$K$13=3,J8568*Input!$J$13,0)+IF(Input!$K$14=3,K8568*Input!$J$14,0)+IF(Input!$K$15=3,L8568*Input!$J$15,0)+IF(Input!$K$16=3,M8568*Input!$J$16,0)</f>
        <v>0</v>
      </c>
      <c r="Q8568" s="71">
        <f>IF(Input!$K$13=4,J8568*Input!$J$13,0)+IF(Input!$K$14=4,K8568*Input!$J$14,0)+IF(Input!$K$15=4,L8568*Input!$J$15,0)+IF(Input!$K$16=4,M8568*Input!$J$16,0)</f>
        <v>0</v>
      </c>
    </row>
    <row r="8569" spans="8:17" x14ac:dyDescent="0.25">
      <c r="H8569" s="43">
        <v>8562</v>
      </c>
      <c r="I8569" s="55">
        <f>Bühler!I8595</f>
        <v>4.8195222658326635</v>
      </c>
      <c r="J8569" s="58">
        <f>Bühler!J8595</f>
        <v>15.786583603162036</v>
      </c>
      <c r="K8569" s="58">
        <f>Bühler!K8595</f>
        <v>0.40174696072730387</v>
      </c>
      <c r="L8569" s="58">
        <f>Bühler!L8595</f>
        <v>0.20087348036365194</v>
      </c>
      <c r="M8569" s="57">
        <f>Bühler!M8595</f>
        <v>0</v>
      </c>
      <c r="N8569" s="55">
        <f>IF(Input!$K$13=1,J8569*Input!$J$13,0)+IF(Input!$K$14=1,K8569*Input!$J$14,0)+IF(Input!$K$15=1,L8569*Input!$J$15,0)+IF(Input!$K$16=1,M8569*Input!$J$16,0)</f>
        <v>1.8943900323794443</v>
      </c>
      <c r="O8569" s="58">
        <f>IF(Input!$K$13=2,J8569*Input!$J$13,0)+IF(Input!$K$14=2,K8569*Input!$J$14,0)+IF(Input!$K$15=2,L8569*Input!$J$15,0)+IF(Input!$K$16=2,M8569*Input!$J$16,0)</f>
        <v>5.4235839698186017E-2</v>
      </c>
      <c r="P8569" s="58">
        <f>IF(Input!$K$13=3,J8569*Input!$J$13,0)+IF(Input!$K$14=3,K8569*Input!$J$14,0)+IF(Input!$K$15=3,L8569*Input!$J$15,0)+IF(Input!$K$16=3,M8569*Input!$J$16,0)</f>
        <v>0</v>
      </c>
      <c r="Q8569" s="71">
        <f>IF(Input!$K$13=4,J8569*Input!$J$13,0)+IF(Input!$K$14=4,K8569*Input!$J$14,0)+IF(Input!$K$15=4,L8569*Input!$J$15,0)+IF(Input!$K$16=4,M8569*Input!$J$16,0)</f>
        <v>0</v>
      </c>
    </row>
    <row r="8570" spans="8:17" x14ac:dyDescent="0.25">
      <c r="H8570" s="43">
        <v>8563</v>
      </c>
      <c r="I8570" s="55">
        <f>Bühler!I8596</f>
        <v>4.6410214411721942</v>
      </c>
      <c r="J8570" s="58">
        <f>Bühler!J8596</f>
        <v>15.779146068801182</v>
      </c>
      <c r="K8570" s="58">
        <f>Bühler!K8596</f>
        <v>0.40174696072730387</v>
      </c>
      <c r="L8570" s="58">
        <f>Bühler!L8596</f>
        <v>0.20087348036365194</v>
      </c>
      <c r="M8570" s="57">
        <f>Bühler!M8596</f>
        <v>0</v>
      </c>
      <c r="N8570" s="55">
        <f>IF(Input!$K$13=1,J8570*Input!$J$13,0)+IF(Input!$K$14=1,K8570*Input!$J$14,0)+IF(Input!$K$15=1,L8570*Input!$J$15,0)+IF(Input!$K$16=1,M8570*Input!$J$16,0)</f>
        <v>1.8934975282561419</v>
      </c>
      <c r="O8570" s="58">
        <f>IF(Input!$K$13=2,J8570*Input!$J$13,0)+IF(Input!$K$14=2,K8570*Input!$J$14,0)+IF(Input!$K$15=2,L8570*Input!$J$15,0)+IF(Input!$K$16=2,M8570*Input!$J$16,0)</f>
        <v>5.4235839698186017E-2</v>
      </c>
      <c r="P8570" s="58">
        <f>IF(Input!$K$13=3,J8570*Input!$J$13,0)+IF(Input!$K$14=3,K8570*Input!$J$14,0)+IF(Input!$K$15=3,L8570*Input!$J$15,0)+IF(Input!$K$16=3,M8570*Input!$J$16,0)</f>
        <v>0</v>
      </c>
      <c r="Q8570" s="71">
        <f>IF(Input!$K$13=4,J8570*Input!$J$13,0)+IF(Input!$K$14=4,K8570*Input!$J$14,0)+IF(Input!$K$15=4,L8570*Input!$J$15,0)+IF(Input!$K$16=4,M8570*Input!$J$16,0)</f>
        <v>0</v>
      </c>
    </row>
    <row r="8571" spans="8:17" x14ac:dyDescent="0.25">
      <c r="H8571" s="43">
        <v>8564</v>
      </c>
      <c r="I8571" s="55">
        <f>Bühler!I8597</f>
        <v>3.7485173178698488</v>
      </c>
      <c r="J8571" s="58">
        <f>Bühler!J8597</f>
        <v>15.741958396996919</v>
      </c>
      <c r="K8571" s="58">
        <f>Bühler!K8597</f>
        <v>0.40174696072730387</v>
      </c>
      <c r="L8571" s="58">
        <f>Bühler!L8597</f>
        <v>0.20087348036365194</v>
      </c>
      <c r="M8571" s="57">
        <f>Bühler!M8597</f>
        <v>0</v>
      </c>
      <c r="N8571" s="55">
        <f>IF(Input!$K$13=1,J8571*Input!$J$13,0)+IF(Input!$K$14=1,K8571*Input!$J$14,0)+IF(Input!$K$15=1,L8571*Input!$J$15,0)+IF(Input!$K$16=1,M8571*Input!$J$16,0)</f>
        <v>1.8890350076396303</v>
      </c>
      <c r="O8571" s="58">
        <f>IF(Input!$K$13=2,J8571*Input!$J$13,0)+IF(Input!$K$14=2,K8571*Input!$J$14,0)+IF(Input!$K$15=2,L8571*Input!$J$15,0)+IF(Input!$K$16=2,M8571*Input!$J$16,0)</f>
        <v>5.4235839698186017E-2</v>
      </c>
      <c r="P8571" s="58">
        <f>IF(Input!$K$13=3,J8571*Input!$J$13,0)+IF(Input!$K$14=3,K8571*Input!$J$14,0)+IF(Input!$K$15=3,L8571*Input!$J$15,0)+IF(Input!$K$16=3,M8571*Input!$J$16,0)</f>
        <v>0</v>
      </c>
      <c r="Q8571" s="71">
        <f>IF(Input!$K$13=4,J8571*Input!$J$13,0)+IF(Input!$K$14=4,K8571*Input!$J$14,0)+IF(Input!$K$15=4,L8571*Input!$J$15,0)+IF(Input!$K$16=4,M8571*Input!$J$16,0)</f>
        <v>0</v>
      </c>
    </row>
    <row r="8572" spans="8:17" x14ac:dyDescent="0.25">
      <c r="H8572" s="43">
        <v>8565</v>
      </c>
      <c r="I8572" s="55">
        <f>Bühler!I8598</f>
        <v>2.7667627822372696</v>
      </c>
      <c r="J8572" s="58">
        <f>Bühler!J8598</f>
        <v>15.701051958012229</v>
      </c>
      <c r="K8572" s="58">
        <f>Bühler!K8598</f>
        <v>0.40174696072730387</v>
      </c>
      <c r="L8572" s="58">
        <f>Bühler!L8598</f>
        <v>0.20087348036365194</v>
      </c>
      <c r="M8572" s="57">
        <f>Bühler!M8598</f>
        <v>0</v>
      </c>
      <c r="N8572" s="55">
        <f>IF(Input!$K$13=1,J8572*Input!$J$13,0)+IF(Input!$K$14=1,K8572*Input!$J$14,0)+IF(Input!$K$15=1,L8572*Input!$J$15,0)+IF(Input!$K$16=1,M8572*Input!$J$16,0)</f>
        <v>1.8841262349614674</v>
      </c>
      <c r="O8572" s="58">
        <f>IF(Input!$K$13=2,J8572*Input!$J$13,0)+IF(Input!$K$14=2,K8572*Input!$J$14,0)+IF(Input!$K$15=2,L8572*Input!$J$15,0)+IF(Input!$K$16=2,M8572*Input!$J$16,0)</f>
        <v>5.4235839698186017E-2</v>
      </c>
      <c r="P8572" s="58">
        <f>IF(Input!$K$13=3,J8572*Input!$J$13,0)+IF(Input!$K$14=3,K8572*Input!$J$14,0)+IF(Input!$K$15=3,L8572*Input!$J$15,0)+IF(Input!$K$16=3,M8572*Input!$J$16,0)</f>
        <v>0</v>
      </c>
      <c r="Q8572" s="71">
        <f>IF(Input!$K$13=4,J8572*Input!$J$13,0)+IF(Input!$K$14=4,K8572*Input!$J$14,0)+IF(Input!$K$15=4,L8572*Input!$J$15,0)+IF(Input!$K$16=4,M8572*Input!$J$16,0)</f>
        <v>0</v>
      </c>
    </row>
    <row r="8573" spans="8:17" x14ac:dyDescent="0.25">
      <c r="H8573" s="43">
        <v>8566</v>
      </c>
      <c r="I8573" s="55">
        <f>Bühler!I8599</f>
        <v>2.7667627822372696</v>
      </c>
      <c r="J8573" s="58">
        <f>Bühler!J8599</f>
        <v>15.701051958012229</v>
      </c>
      <c r="K8573" s="58">
        <f>Bühler!K8599</f>
        <v>0.40174696072730387</v>
      </c>
      <c r="L8573" s="58">
        <f>Bühler!L8599</f>
        <v>0.20087348036365194</v>
      </c>
      <c r="M8573" s="57">
        <f>Bühler!M8599</f>
        <v>0</v>
      </c>
      <c r="N8573" s="55">
        <f>IF(Input!$K$13=1,J8573*Input!$J$13,0)+IF(Input!$K$14=1,K8573*Input!$J$14,0)+IF(Input!$K$15=1,L8573*Input!$J$15,0)+IF(Input!$K$16=1,M8573*Input!$J$16,0)</f>
        <v>1.8841262349614674</v>
      </c>
      <c r="O8573" s="58">
        <f>IF(Input!$K$13=2,J8573*Input!$J$13,0)+IF(Input!$K$14=2,K8573*Input!$J$14,0)+IF(Input!$K$15=2,L8573*Input!$J$15,0)+IF(Input!$K$16=2,M8573*Input!$J$16,0)</f>
        <v>5.4235839698186017E-2</v>
      </c>
      <c r="P8573" s="58">
        <f>IF(Input!$K$13=3,J8573*Input!$J$13,0)+IF(Input!$K$14=3,K8573*Input!$J$14,0)+IF(Input!$K$15=3,L8573*Input!$J$15,0)+IF(Input!$K$16=3,M8573*Input!$J$16,0)</f>
        <v>0</v>
      </c>
      <c r="Q8573" s="71">
        <f>IF(Input!$K$13=4,J8573*Input!$J$13,0)+IF(Input!$K$14=4,K8573*Input!$J$14,0)+IF(Input!$K$15=4,L8573*Input!$J$15,0)+IF(Input!$K$16=4,M8573*Input!$J$16,0)</f>
        <v>0</v>
      </c>
    </row>
    <row r="8574" spans="8:17" x14ac:dyDescent="0.25">
      <c r="H8574" s="43">
        <v>8567</v>
      </c>
      <c r="I8574" s="55">
        <f>Bühler!I8600</f>
        <v>2.7667627822372696</v>
      </c>
      <c r="J8574" s="58">
        <f>Bühler!J8600</f>
        <v>15.701051958012229</v>
      </c>
      <c r="K8574" s="58">
        <f>Bühler!K8600</f>
        <v>0.40174696072730387</v>
      </c>
      <c r="L8574" s="58">
        <f>Bühler!L8600</f>
        <v>0.20087348036365194</v>
      </c>
      <c r="M8574" s="57">
        <f>Bühler!M8600</f>
        <v>0</v>
      </c>
      <c r="N8574" s="55">
        <f>IF(Input!$K$13=1,J8574*Input!$J$13,0)+IF(Input!$K$14=1,K8574*Input!$J$14,0)+IF(Input!$K$15=1,L8574*Input!$J$15,0)+IF(Input!$K$16=1,M8574*Input!$J$16,0)</f>
        <v>1.8841262349614674</v>
      </c>
      <c r="O8574" s="58">
        <f>IF(Input!$K$13=2,J8574*Input!$J$13,0)+IF(Input!$K$14=2,K8574*Input!$J$14,0)+IF(Input!$K$15=2,L8574*Input!$J$15,0)+IF(Input!$K$16=2,M8574*Input!$J$16,0)</f>
        <v>5.4235839698186017E-2</v>
      </c>
      <c r="P8574" s="58">
        <f>IF(Input!$K$13=3,J8574*Input!$J$13,0)+IF(Input!$K$14=3,K8574*Input!$J$14,0)+IF(Input!$K$15=3,L8574*Input!$J$15,0)+IF(Input!$K$16=3,M8574*Input!$J$16,0)</f>
        <v>0</v>
      </c>
      <c r="Q8574" s="71">
        <f>IF(Input!$K$13=4,J8574*Input!$J$13,0)+IF(Input!$K$14=4,K8574*Input!$J$14,0)+IF(Input!$K$15=4,L8574*Input!$J$15,0)+IF(Input!$K$16=4,M8574*Input!$J$16,0)</f>
        <v>0</v>
      </c>
    </row>
    <row r="8575" spans="8:17" x14ac:dyDescent="0.25">
      <c r="H8575" s="43">
        <v>8568</v>
      </c>
      <c r="I8575" s="55">
        <f>Bühler!I8601</f>
        <v>2.7667627822372696</v>
      </c>
      <c r="J8575" s="58">
        <f>Bühler!J8601</f>
        <v>15.701051958012229</v>
      </c>
      <c r="K8575" s="58">
        <f>Bühler!K8601</f>
        <v>0.40174696072730387</v>
      </c>
      <c r="L8575" s="58">
        <f>Bühler!L8601</f>
        <v>0.20087348036365194</v>
      </c>
      <c r="M8575" s="57">
        <f>Bühler!M8601</f>
        <v>0</v>
      </c>
      <c r="N8575" s="55">
        <f>IF(Input!$K$13=1,J8575*Input!$J$13,0)+IF(Input!$K$14=1,K8575*Input!$J$14,0)+IF(Input!$K$15=1,L8575*Input!$J$15,0)+IF(Input!$K$16=1,M8575*Input!$J$16,0)</f>
        <v>1.8841262349614674</v>
      </c>
      <c r="O8575" s="58">
        <f>IF(Input!$K$13=2,J8575*Input!$J$13,0)+IF(Input!$K$14=2,K8575*Input!$J$14,0)+IF(Input!$K$15=2,L8575*Input!$J$15,0)+IF(Input!$K$16=2,M8575*Input!$J$16,0)</f>
        <v>5.4235839698186017E-2</v>
      </c>
      <c r="P8575" s="58">
        <f>IF(Input!$K$13=3,J8575*Input!$J$13,0)+IF(Input!$K$14=3,K8575*Input!$J$14,0)+IF(Input!$K$15=3,L8575*Input!$J$15,0)+IF(Input!$K$16=3,M8575*Input!$J$16,0)</f>
        <v>0</v>
      </c>
      <c r="Q8575" s="71">
        <f>IF(Input!$K$13=4,J8575*Input!$J$13,0)+IF(Input!$K$14=4,K8575*Input!$J$14,0)+IF(Input!$K$15=4,L8575*Input!$J$15,0)+IF(Input!$K$16=4,M8575*Input!$J$16,0)</f>
        <v>0</v>
      </c>
    </row>
    <row r="8576" spans="8:17" x14ac:dyDescent="0.25">
      <c r="H8576" s="43">
        <v>8569</v>
      </c>
      <c r="I8576" s="55">
        <f>Bühler!I8602</f>
        <v>2.4633414322321125</v>
      </c>
      <c r="J8576" s="58">
        <f>Bühler!J8602</f>
        <v>13.369338263156882</v>
      </c>
      <c r="K8576" s="58">
        <f>Bühler!K8602</f>
        <v>0.36568396892328808</v>
      </c>
      <c r="L8576" s="58">
        <f>Bühler!L8602</f>
        <v>0.18284198446164404</v>
      </c>
      <c r="M8576" s="57">
        <f>Bühler!M8602</f>
        <v>0</v>
      </c>
      <c r="N8576" s="55">
        <f>IF(Input!$K$13=1,J8576*Input!$J$13,0)+IF(Input!$K$14=1,K8576*Input!$J$14,0)+IF(Input!$K$15=1,L8576*Input!$J$15,0)+IF(Input!$K$16=1,M8576*Input!$J$16,0)</f>
        <v>1.6043205915788257</v>
      </c>
      <c r="O8576" s="58">
        <f>IF(Input!$K$13=2,J8576*Input!$J$13,0)+IF(Input!$K$14=2,K8576*Input!$J$14,0)+IF(Input!$K$15=2,L8576*Input!$J$15,0)+IF(Input!$K$16=2,M8576*Input!$J$16,0)</f>
        <v>4.9367335804643891E-2</v>
      </c>
      <c r="P8576" s="58">
        <f>IF(Input!$K$13=3,J8576*Input!$J$13,0)+IF(Input!$K$14=3,K8576*Input!$J$14,0)+IF(Input!$K$15=3,L8576*Input!$J$15,0)+IF(Input!$K$16=3,M8576*Input!$J$16,0)</f>
        <v>0</v>
      </c>
      <c r="Q8576" s="71">
        <f>IF(Input!$K$13=4,J8576*Input!$J$13,0)+IF(Input!$K$14=4,K8576*Input!$J$14,0)+IF(Input!$K$15=4,L8576*Input!$J$15,0)+IF(Input!$K$16=4,M8576*Input!$J$16,0)</f>
        <v>0</v>
      </c>
    </row>
    <row r="8577" spans="8:17" x14ac:dyDescent="0.25">
      <c r="H8577" s="43">
        <v>8570</v>
      </c>
      <c r="I8577" s="55">
        <f>Bühler!I8603</f>
        <v>2.8606545664630989</v>
      </c>
      <c r="J8577" s="58">
        <f>Bühler!J8603</f>
        <v>13.385892977083174</v>
      </c>
      <c r="K8577" s="58">
        <f>Bühler!K8603</f>
        <v>0.36568396892328808</v>
      </c>
      <c r="L8577" s="58">
        <f>Bühler!L8603</f>
        <v>0.18284198446164404</v>
      </c>
      <c r="M8577" s="57">
        <f>Bühler!M8603</f>
        <v>0</v>
      </c>
      <c r="N8577" s="55">
        <f>IF(Input!$K$13=1,J8577*Input!$J$13,0)+IF(Input!$K$14=1,K8577*Input!$J$14,0)+IF(Input!$K$15=1,L8577*Input!$J$15,0)+IF(Input!$K$16=1,M8577*Input!$J$16,0)</f>
        <v>1.6063071572499807</v>
      </c>
      <c r="O8577" s="58">
        <f>IF(Input!$K$13=2,J8577*Input!$J$13,0)+IF(Input!$K$14=2,K8577*Input!$J$14,0)+IF(Input!$K$15=2,L8577*Input!$J$15,0)+IF(Input!$K$16=2,M8577*Input!$J$16,0)</f>
        <v>4.9367335804643891E-2</v>
      </c>
      <c r="P8577" s="58">
        <f>IF(Input!$K$13=3,J8577*Input!$J$13,0)+IF(Input!$K$14=3,K8577*Input!$J$14,0)+IF(Input!$K$15=3,L8577*Input!$J$15,0)+IF(Input!$K$16=3,M8577*Input!$J$16,0)</f>
        <v>0</v>
      </c>
      <c r="Q8577" s="71">
        <f>IF(Input!$K$13=4,J8577*Input!$J$13,0)+IF(Input!$K$14=4,K8577*Input!$J$14,0)+IF(Input!$K$15=4,L8577*Input!$J$15,0)+IF(Input!$K$16=4,M8577*Input!$J$16,0)</f>
        <v>0</v>
      </c>
    </row>
    <row r="8578" spans="8:17" x14ac:dyDescent="0.25">
      <c r="H8578" s="43">
        <v>8571</v>
      </c>
      <c r="I8578" s="55">
        <f>Bühler!I8604</f>
        <v>2.8606545664630989</v>
      </c>
      <c r="J8578" s="58">
        <f>Bühler!J8604</f>
        <v>13.385892977083174</v>
      </c>
      <c r="K8578" s="58">
        <f>Bühler!K8604</f>
        <v>0.36568396892328808</v>
      </c>
      <c r="L8578" s="58">
        <f>Bühler!L8604</f>
        <v>0.18284198446164404</v>
      </c>
      <c r="M8578" s="57">
        <f>Bühler!M8604</f>
        <v>0</v>
      </c>
      <c r="N8578" s="55">
        <f>IF(Input!$K$13=1,J8578*Input!$J$13,0)+IF(Input!$K$14=1,K8578*Input!$J$14,0)+IF(Input!$K$15=1,L8578*Input!$J$15,0)+IF(Input!$K$16=1,M8578*Input!$J$16,0)</f>
        <v>1.6063071572499807</v>
      </c>
      <c r="O8578" s="58">
        <f>IF(Input!$K$13=2,J8578*Input!$J$13,0)+IF(Input!$K$14=2,K8578*Input!$J$14,0)+IF(Input!$K$15=2,L8578*Input!$J$15,0)+IF(Input!$K$16=2,M8578*Input!$J$16,0)</f>
        <v>4.9367335804643891E-2</v>
      </c>
      <c r="P8578" s="58">
        <f>IF(Input!$K$13=3,J8578*Input!$J$13,0)+IF(Input!$K$14=3,K8578*Input!$J$14,0)+IF(Input!$K$15=3,L8578*Input!$J$15,0)+IF(Input!$K$16=3,M8578*Input!$J$16,0)</f>
        <v>0</v>
      </c>
      <c r="Q8578" s="71">
        <f>IF(Input!$K$13=4,J8578*Input!$J$13,0)+IF(Input!$K$14=4,K8578*Input!$J$14,0)+IF(Input!$K$15=4,L8578*Input!$J$15,0)+IF(Input!$K$16=4,M8578*Input!$J$16,0)</f>
        <v>0</v>
      </c>
    </row>
    <row r="8579" spans="8:17" x14ac:dyDescent="0.25">
      <c r="H8579" s="43">
        <v>8572</v>
      </c>
      <c r="I8579" s="55">
        <f>Bühler!I8605</f>
        <v>2.8606545664630989</v>
      </c>
      <c r="J8579" s="58">
        <f>Bühler!J8605</f>
        <v>13.385892977083174</v>
      </c>
      <c r="K8579" s="58">
        <f>Bühler!K8605</f>
        <v>0.36568396892328808</v>
      </c>
      <c r="L8579" s="58">
        <f>Bühler!L8605</f>
        <v>0.18284198446164404</v>
      </c>
      <c r="M8579" s="57">
        <f>Bühler!M8605</f>
        <v>0</v>
      </c>
      <c r="N8579" s="55">
        <f>IF(Input!$K$13=1,J8579*Input!$J$13,0)+IF(Input!$K$14=1,K8579*Input!$J$14,0)+IF(Input!$K$15=1,L8579*Input!$J$15,0)+IF(Input!$K$16=1,M8579*Input!$J$16,0)</f>
        <v>1.6063071572499807</v>
      </c>
      <c r="O8579" s="58">
        <f>IF(Input!$K$13=2,J8579*Input!$J$13,0)+IF(Input!$K$14=2,K8579*Input!$J$14,0)+IF(Input!$K$15=2,L8579*Input!$J$15,0)+IF(Input!$K$16=2,M8579*Input!$J$16,0)</f>
        <v>4.9367335804643891E-2</v>
      </c>
      <c r="P8579" s="58">
        <f>IF(Input!$K$13=3,J8579*Input!$J$13,0)+IF(Input!$K$14=3,K8579*Input!$J$14,0)+IF(Input!$K$15=3,L8579*Input!$J$15,0)+IF(Input!$K$16=3,M8579*Input!$J$16,0)</f>
        <v>0</v>
      </c>
      <c r="Q8579" s="71">
        <f>IF(Input!$K$13=4,J8579*Input!$J$13,0)+IF(Input!$K$14=4,K8579*Input!$J$14,0)+IF(Input!$K$15=4,L8579*Input!$J$15,0)+IF(Input!$K$16=4,M8579*Input!$J$16,0)</f>
        <v>0</v>
      </c>
    </row>
    <row r="8580" spans="8:17" x14ac:dyDescent="0.25">
      <c r="H8580" s="43">
        <v>8573</v>
      </c>
      <c r="I8580" s="55">
        <f>Bühler!I8606</f>
        <v>2.8606545664630989</v>
      </c>
      <c r="J8580" s="58">
        <f>Bühler!J8606</f>
        <v>13.385892977083174</v>
      </c>
      <c r="K8580" s="58">
        <f>Bühler!K8606</f>
        <v>0.36568396892328808</v>
      </c>
      <c r="L8580" s="58">
        <f>Bühler!L8606</f>
        <v>0.18284198446164404</v>
      </c>
      <c r="M8580" s="57">
        <f>Bühler!M8606</f>
        <v>0</v>
      </c>
      <c r="N8580" s="55">
        <f>IF(Input!$K$13=1,J8580*Input!$J$13,0)+IF(Input!$K$14=1,K8580*Input!$J$14,0)+IF(Input!$K$15=1,L8580*Input!$J$15,0)+IF(Input!$K$16=1,M8580*Input!$J$16,0)</f>
        <v>1.6063071572499807</v>
      </c>
      <c r="O8580" s="58">
        <f>IF(Input!$K$13=2,J8580*Input!$J$13,0)+IF(Input!$K$14=2,K8580*Input!$J$14,0)+IF(Input!$K$15=2,L8580*Input!$J$15,0)+IF(Input!$K$16=2,M8580*Input!$J$16,0)</f>
        <v>4.9367335804643891E-2</v>
      </c>
      <c r="P8580" s="58">
        <f>IF(Input!$K$13=3,J8580*Input!$J$13,0)+IF(Input!$K$14=3,K8580*Input!$J$14,0)+IF(Input!$K$15=3,L8580*Input!$J$15,0)+IF(Input!$K$16=3,M8580*Input!$J$16,0)</f>
        <v>0</v>
      </c>
      <c r="Q8580" s="71">
        <f>IF(Input!$K$13=4,J8580*Input!$J$13,0)+IF(Input!$K$14=4,K8580*Input!$J$14,0)+IF(Input!$K$15=4,L8580*Input!$J$15,0)+IF(Input!$K$16=4,M8580*Input!$J$16,0)</f>
        <v>0</v>
      </c>
    </row>
    <row r="8581" spans="8:17" x14ac:dyDescent="0.25">
      <c r="H8581" s="43">
        <v>8574</v>
      </c>
      <c r="I8581" s="55">
        <f>Bühler!I8607</f>
        <v>3.5758182080788736</v>
      </c>
      <c r="J8581" s="58">
        <f>Bühler!J8607</f>
        <v>13.415691462150496</v>
      </c>
      <c r="K8581" s="58">
        <f>Bühler!K8607</f>
        <v>0.36568396892328808</v>
      </c>
      <c r="L8581" s="58">
        <f>Bühler!L8607</f>
        <v>0.18284198446164404</v>
      </c>
      <c r="M8581" s="57">
        <f>Bühler!M8607</f>
        <v>0</v>
      </c>
      <c r="N8581" s="55">
        <f>IF(Input!$K$13=1,J8581*Input!$J$13,0)+IF(Input!$K$14=1,K8581*Input!$J$14,0)+IF(Input!$K$15=1,L8581*Input!$J$15,0)+IF(Input!$K$16=1,M8581*Input!$J$16,0)</f>
        <v>1.6098829754580595</v>
      </c>
      <c r="O8581" s="58">
        <f>IF(Input!$K$13=2,J8581*Input!$J$13,0)+IF(Input!$K$14=2,K8581*Input!$J$14,0)+IF(Input!$K$15=2,L8581*Input!$J$15,0)+IF(Input!$K$16=2,M8581*Input!$J$16,0)</f>
        <v>4.9367335804643891E-2</v>
      </c>
      <c r="P8581" s="58">
        <f>IF(Input!$K$13=3,J8581*Input!$J$13,0)+IF(Input!$K$14=3,K8581*Input!$J$14,0)+IF(Input!$K$15=3,L8581*Input!$J$15,0)+IF(Input!$K$16=3,M8581*Input!$J$16,0)</f>
        <v>0</v>
      </c>
      <c r="Q8581" s="71">
        <f>IF(Input!$K$13=4,J8581*Input!$J$13,0)+IF(Input!$K$14=4,K8581*Input!$J$14,0)+IF(Input!$K$15=4,L8581*Input!$J$15,0)+IF(Input!$K$16=4,M8581*Input!$J$16,0)</f>
        <v>0</v>
      </c>
    </row>
    <row r="8582" spans="8:17" x14ac:dyDescent="0.25">
      <c r="H8582" s="43">
        <v>8575</v>
      </c>
      <c r="I8582" s="55">
        <f>Bühler!I8608</f>
        <v>4.2115192228484517</v>
      </c>
      <c r="J8582" s="58">
        <f>Bühler!J8608</f>
        <v>13.442179004432562</v>
      </c>
      <c r="K8582" s="58">
        <f>Bühler!K8608</f>
        <v>0.36568396892328808</v>
      </c>
      <c r="L8582" s="58">
        <f>Bühler!L8608</f>
        <v>0.18284198446164404</v>
      </c>
      <c r="M8582" s="57">
        <f>Bühler!M8608</f>
        <v>0</v>
      </c>
      <c r="N8582" s="55">
        <f>IF(Input!$K$13=1,J8582*Input!$J$13,0)+IF(Input!$K$14=1,K8582*Input!$J$14,0)+IF(Input!$K$15=1,L8582*Input!$J$15,0)+IF(Input!$K$16=1,M8582*Input!$J$16,0)</f>
        <v>1.6130614805319075</v>
      </c>
      <c r="O8582" s="58">
        <f>IF(Input!$K$13=2,J8582*Input!$J$13,0)+IF(Input!$K$14=2,K8582*Input!$J$14,0)+IF(Input!$K$15=2,L8582*Input!$J$15,0)+IF(Input!$K$16=2,M8582*Input!$J$16,0)</f>
        <v>4.9367335804643891E-2</v>
      </c>
      <c r="P8582" s="58">
        <f>IF(Input!$K$13=3,J8582*Input!$J$13,0)+IF(Input!$K$14=3,K8582*Input!$J$14,0)+IF(Input!$K$15=3,L8582*Input!$J$15,0)+IF(Input!$K$16=3,M8582*Input!$J$16,0)</f>
        <v>0</v>
      </c>
      <c r="Q8582" s="71">
        <f>IF(Input!$K$13=4,J8582*Input!$J$13,0)+IF(Input!$K$14=4,K8582*Input!$J$14,0)+IF(Input!$K$15=4,L8582*Input!$J$15,0)+IF(Input!$K$16=4,M8582*Input!$J$16,0)</f>
        <v>0</v>
      </c>
    </row>
    <row r="8583" spans="8:17" x14ac:dyDescent="0.25">
      <c r="H8583" s="43">
        <v>8576</v>
      </c>
      <c r="I8583" s="55">
        <f>Bühler!I8609</f>
        <v>5.0061454913104235</v>
      </c>
      <c r="J8583" s="58">
        <f>Bühler!J8609</f>
        <v>13.475288432285144</v>
      </c>
      <c r="K8583" s="58">
        <f>Bühler!K8609</f>
        <v>0.36568396892328808</v>
      </c>
      <c r="L8583" s="58">
        <f>Bühler!L8609</f>
        <v>0.18284198446164404</v>
      </c>
      <c r="M8583" s="57">
        <f>Bühler!M8609</f>
        <v>0</v>
      </c>
      <c r="N8583" s="55">
        <f>IF(Input!$K$13=1,J8583*Input!$J$13,0)+IF(Input!$K$14=1,K8583*Input!$J$14,0)+IF(Input!$K$15=1,L8583*Input!$J$15,0)+IF(Input!$K$16=1,M8583*Input!$J$16,0)</f>
        <v>1.6170346118742172</v>
      </c>
      <c r="O8583" s="58">
        <f>IF(Input!$K$13=2,J8583*Input!$J$13,0)+IF(Input!$K$14=2,K8583*Input!$J$14,0)+IF(Input!$K$15=2,L8583*Input!$J$15,0)+IF(Input!$K$16=2,M8583*Input!$J$16,0)</f>
        <v>4.9367335804643891E-2</v>
      </c>
      <c r="P8583" s="58">
        <f>IF(Input!$K$13=3,J8583*Input!$J$13,0)+IF(Input!$K$14=3,K8583*Input!$J$14,0)+IF(Input!$K$15=3,L8583*Input!$J$15,0)+IF(Input!$K$16=3,M8583*Input!$J$16,0)</f>
        <v>0</v>
      </c>
      <c r="Q8583" s="71">
        <f>IF(Input!$K$13=4,J8583*Input!$J$13,0)+IF(Input!$K$14=4,K8583*Input!$J$14,0)+IF(Input!$K$15=4,L8583*Input!$J$15,0)+IF(Input!$K$16=4,M8583*Input!$J$16,0)</f>
        <v>0</v>
      </c>
    </row>
    <row r="8584" spans="8:17" x14ac:dyDescent="0.25">
      <c r="H8584" s="43">
        <v>8577</v>
      </c>
      <c r="I8584" s="55">
        <f>Bühler!I8610</f>
        <v>5.0061454913104235</v>
      </c>
      <c r="J8584" s="58">
        <f>Bühler!J8610</f>
        <v>13.475288432285144</v>
      </c>
      <c r="K8584" s="58">
        <f>Bühler!K8610</f>
        <v>0.36568396892328808</v>
      </c>
      <c r="L8584" s="58">
        <f>Bühler!L8610</f>
        <v>0.18284198446164404</v>
      </c>
      <c r="M8584" s="57">
        <f>Bühler!M8610</f>
        <v>0</v>
      </c>
      <c r="N8584" s="55">
        <f>IF(Input!$K$13=1,J8584*Input!$J$13,0)+IF(Input!$K$14=1,K8584*Input!$J$14,0)+IF(Input!$K$15=1,L8584*Input!$J$15,0)+IF(Input!$K$16=1,M8584*Input!$J$16,0)</f>
        <v>1.6170346118742172</v>
      </c>
      <c r="O8584" s="58">
        <f>IF(Input!$K$13=2,J8584*Input!$J$13,0)+IF(Input!$K$14=2,K8584*Input!$J$14,0)+IF(Input!$K$15=2,L8584*Input!$J$15,0)+IF(Input!$K$16=2,M8584*Input!$J$16,0)</f>
        <v>4.9367335804643891E-2</v>
      </c>
      <c r="P8584" s="58">
        <f>IF(Input!$K$13=3,J8584*Input!$J$13,0)+IF(Input!$K$14=3,K8584*Input!$J$14,0)+IF(Input!$K$15=3,L8584*Input!$J$15,0)+IF(Input!$K$16=3,M8584*Input!$J$16,0)</f>
        <v>0</v>
      </c>
      <c r="Q8584" s="71">
        <f>IF(Input!$K$13=4,J8584*Input!$J$13,0)+IF(Input!$K$14=4,K8584*Input!$J$14,0)+IF(Input!$K$15=4,L8584*Input!$J$15,0)+IF(Input!$K$16=4,M8584*Input!$J$16,0)</f>
        <v>0</v>
      </c>
    </row>
    <row r="8585" spans="8:17" x14ac:dyDescent="0.25">
      <c r="H8585" s="43">
        <v>8578</v>
      </c>
      <c r="I8585" s="55">
        <f>Bühler!I8611</f>
        <v>5.0061454913104235</v>
      </c>
      <c r="J8585" s="58">
        <f>Bühler!J8611</f>
        <v>13.475288432285144</v>
      </c>
      <c r="K8585" s="58">
        <f>Bühler!K8611</f>
        <v>0.36568396892328808</v>
      </c>
      <c r="L8585" s="58">
        <f>Bühler!L8611</f>
        <v>0.18284198446164404</v>
      </c>
      <c r="M8585" s="57">
        <f>Bühler!M8611</f>
        <v>0</v>
      </c>
      <c r="N8585" s="55">
        <f>IF(Input!$K$13=1,J8585*Input!$J$13,0)+IF(Input!$K$14=1,K8585*Input!$J$14,0)+IF(Input!$K$15=1,L8585*Input!$J$15,0)+IF(Input!$K$16=1,M8585*Input!$J$16,0)</f>
        <v>1.6170346118742172</v>
      </c>
      <c r="O8585" s="58">
        <f>IF(Input!$K$13=2,J8585*Input!$J$13,0)+IF(Input!$K$14=2,K8585*Input!$J$14,0)+IF(Input!$K$15=2,L8585*Input!$J$15,0)+IF(Input!$K$16=2,M8585*Input!$J$16,0)</f>
        <v>4.9367335804643891E-2</v>
      </c>
      <c r="P8585" s="58">
        <f>IF(Input!$K$13=3,J8585*Input!$J$13,0)+IF(Input!$K$14=3,K8585*Input!$J$14,0)+IF(Input!$K$15=3,L8585*Input!$J$15,0)+IF(Input!$K$16=3,M8585*Input!$J$16,0)</f>
        <v>0</v>
      </c>
      <c r="Q8585" s="71">
        <f>IF(Input!$K$13=4,J8585*Input!$J$13,0)+IF(Input!$K$14=4,K8585*Input!$J$14,0)+IF(Input!$K$15=4,L8585*Input!$J$15,0)+IF(Input!$K$16=4,M8585*Input!$J$16,0)</f>
        <v>0</v>
      </c>
    </row>
    <row r="8586" spans="8:17" x14ac:dyDescent="0.25">
      <c r="H8586" s="43">
        <v>8579</v>
      </c>
      <c r="I8586" s="55">
        <f>Bühler!I8612</f>
        <v>5.0061454913104235</v>
      </c>
      <c r="J8586" s="58">
        <f>Bühler!J8612</f>
        <v>13.475288432285144</v>
      </c>
      <c r="K8586" s="58">
        <f>Bühler!K8612</f>
        <v>0.36568396892328808</v>
      </c>
      <c r="L8586" s="58">
        <f>Bühler!L8612</f>
        <v>0.18284198446164404</v>
      </c>
      <c r="M8586" s="57">
        <f>Bühler!M8612</f>
        <v>0</v>
      </c>
      <c r="N8586" s="55">
        <f>IF(Input!$K$13=1,J8586*Input!$J$13,0)+IF(Input!$K$14=1,K8586*Input!$J$14,0)+IF(Input!$K$15=1,L8586*Input!$J$15,0)+IF(Input!$K$16=1,M8586*Input!$J$16,0)</f>
        <v>1.6170346118742172</v>
      </c>
      <c r="O8586" s="58">
        <f>IF(Input!$K$13=2,J8586*Input!$J$13,0)+IF(Input!$K$14=2,K8586*Input!$J$14,0)+IF(Input!$K$15=2,L8586*Input!$J$15,0)+IF(Input!$K$16=2,M8586*Input!$J$16,0)</f>
        <v>4.9367335804643891E-2</v>
      </c>
      <c r="P8586" s="58">
        <f>IF(Input!$K$13=3,J8586*Input!$J$13,0)+IF(Input!$K$14=3,K8586*Input!$J$14,0)+IF(Input!$K$15=3,L8586*Input!$J$15,0)+IF(Input!$K$16=3,M8586*Input!$J$16,0)</f>
        <v>0</v>
      </c>
      <c r="Q8586" s="71">
        <f>IF(Input!$K$13=4,J8586*Input!$J$13,0)+IF(Input!$K$14=4,K8586*Input!$J$14,0)+IF(Input!$K$15=4,L8586*Input!$J$15,0)+IF(Input!$K$16=4,M8586*Input!$J$16,0)</f>
        <v>0</v>
      </c>
    </row>
    <row r="8587" spans="8:17" x14ac:dyDescent="0.25">
      <c r="H8587" s="43">
        <v>8580</v>
      </c>
      <c r="I8587" s="55">
        <f>Bühler!I8613</f>
        <v>5.0061454913104235</v>
      </c>
      <c r="J8587" s="58">
        <f>Bühler!J8613</f>
        <v>13.475288432285144</v>
      </c>
      <c r="K8587" s="58">
        <f>Bühler!K8613</f>
        <v>0.36568396892328808</v>
      </c>
      <c r="L8587" s="58">
        <f>Bühler!L8613</f>
        <v>0.18284198446164404</v>
      </c>
      <c r="M8587" s="57">
        <f>Bühler!M8613</f>
        <v>0</v>
      </c>
      <c r="N8587" s="55">
        <f>IF(Input!$K$13=1,J8587*Input!$J$13,0)+IF(Input!$K$14=1,K8587*Input!$J$14,0)+IF(Input!$K$15=1,L8587*Input!$J$15,0)+IF(Input!$K$16=1,M8587*Input!$J$16,0)</f>
        <v>1.6170346118742172</v>
      </c>
      <c r="O8587" s="58">
        <f>IF(Input!$K$13=2,J8587*Input!$J$13,0)+IF(Input!$K$14=2,K8587*Input!$J$14,0)+IF(Input!$K$15=2,L8587*Input!$J$15,0)+IF(Input!$K$16=2,M8587*Input!$J$16,0)</f>
        <v>4.9367335804643891E-2</v>
      </c>
      <c r="P8587" s="58">
        <f>IF(Input!$K$13=3,J8587*Input!$J$13,0)+IF(Input!$K$14=3,K8587*Input!$J$14,0)+IF(Input!$K$15=3,L8587*Input!$J$15,0)+IF(Input!$K$16=3,M8587*Input!$J$16,0)</f>
        <v>0</v>
      </c>
      <c r="Q8587" s="71">
        <f>IF(Input!$K$13=4,J8587*Input!$J$13,0)+IF(Input!$K$14=4,K8587*Input!$J$14,0)+IF(Input!$K$15=4,L8587*Input!$J$15,0)+IF(Input!$K$16=4,M8587*Input!$J$16,0)</f>
        <v>0</v>
      </c>
    </row>
    <row r="8588" spans="8:17" x14ac:dyDescent="0.25">
      <c r="H8588" s="43">
        <v>8581</v>
      </c>
      <c r="I8588" s="55">
        <f>Bühler!I8614</f>
        <v>5.0061454913104235</v>
      </c>
      <c r="J8588" s="58">
        <f>Bühler!J8614</f>
        <v>13.475288432285144</v>
      </c>
      <c r="K8588" s="58">
        <f>Bühler!K8614</f>
        <v>0.36568396892328808</v>
      </c>
      <c r="L8588" s="58">
        <f>Bühler!L8614</f>
        <v>0.18284198446164404</v>
      </c>
      <c r="M8588" s="57">
        <f>Bühler!M8614</f>
        <v>0</v>
      </c>
      <c r="N8588" s="55">
        <f>IF(Input!$K$13=1,J8588*Input!$J$13,0)+IF(Input!$K$14=1,K8588*Input!$J$14,0)+IF(Input!$K$15=1,L8588*Input!$J$15,0)+IF(Input!$K$16=1,M8588*Input!$J$16,0)</f>
        <v>1.6170346118742172</v>
      </c>
      <c r="O8588" s="58">
        <f>IF(Input!$K$13=2,J8588*Input!$J$13,0)+IF(Input!$K$14=2,K8588*Input!$J$14,0)+IF(Input!$K$15=2,L8588*Input!$J$15,0)+IF(Input!$K$16=2,M8588*Input!$J$16,0)</f>
        <v>4.9367335804643891E-2</v>
      </c>
      <c r="P8588" s="58">
        <f>IF(Input!$K$13=3,J8588*Input!$J$13,0)+IF(Input!$K$14=3,K8588*Input!$J$14,0)+IF(Input!$K$15=3,L8588*Input!$J$15,0)+IF(Input!$K$16=3,M8588*Input!$J$16,0)</f>
        <v>0</v>
      </c>
      <c r="Q8588" s="71">
        <f>IF(Input!$K$13=4,J8588*Input!$J$13,0)+IF(Input!$K$14=4,K8588*Input!$J$14,0)+IF(Input!$K$15=4,L8588*Input!$J$15,0)+IF(Input!$K$16=4,M8588*Input!$J$16,0)</f>
        <v>0</v>
      </c>
    </row>
    <row r="8589" spans="8:17" x14ac:dyDescent="0.25">
      <c r="H8589" s="43">
        <v>8582</v>
      </c>
      <c r="I8589" s="55">
        <f>Bühler!I8615</f>
        <v>5.0061454913104235</v>
      </c>
      <c r="J8589" s="58">
        <f>Bühler!J8615</f>
        <v>13.475288432285144</v>
      </c>
      <c r="K8589" s="58">
        <f>Bühler!K8615</f>
        <v>0.36568396892328808</v>
      </c>
      <c r="L8589" s="58">
        <f>Bühler!L8615</f>
        <v>0.18284198446164404</v>
      </c>
      <c r="M8589" s="57">
        <f>Bühler!M8615</f>
        <v>0</v>
      </c>
      <c r="N8589" s="55">
        <f>IF(Input!$K$13=1,J8589*Input!$J$13,0)+IF(Input!$K$14=1,K8589*Input!$J$14,0)+IF(Input!$K$15=1,L8589*Input!$J$15,0)+IF(Input!$K$16=1,M8589*Input!$J$16,0)</f>
        <v>1.6170346118742172</v>
      </c>
      <c r="O8589" s="58">
        <f>IF(Input!$K$13=2,J8589*Input!$J$13,0)+IF(Input!$K$14=2,K8589*Input!$J$14,0)+IF(Input!$K$15=2,L8589*Input!$J$15,0)+IF(Input!$K$16=2,M8589*Input!$J$16,0)</f>
        <v>4.9367335804643891E-2</v>
      </c>
      <c r="P8589" s="58">
        <f>IF(Input!$K$13=3,J8589*Input!$J$13,0)+IF(Input!$K$14=3,K8589*Input!$J$14,0)+IF(Input!$K$15=3,L8589*Input!$J$15,0)+IF(Input!$K$16=3,M8589*Input!$J$16,0)</f>
        <v>0</v>
      </c>
      <c r="Q8589" s="71">
        <f>IF(Input!$K$13=4,J8589*Input!$J$13,0)+IF(Input!$K$14=4,K8589*Input!$J$14,0)+IF(Input!$K$15=4,L8589*Input!$J$15,0)+IF(Input!$K$16=4,M8589*Input!$J$16,0)</f>
        <v>0</v>
      </c>
    </row>
    <row r="8590" spans="8:17" x14ac:dyDescent="0.25">
      <c r="H8590" s="43">
        <v>8583</v>
      </c>
      <c r="I8590" s="55">
        <f>Bühler!I8616</f>
        <v>5.0061454913104235</v>
      </c>
      <c r="J8590" s="58">
        <f>Bühler!J8616</f>
        <v>13.475288432285144</v>
      </c>
      <c r="K8590" s="58">
        <f>Bühler!K8616</f>
        <v>0.36568396892328808</v>
      </c>
      <c r="L8590" s="58">
        <f>Bühler!L8616</f>
        <v>0.18284198446164404</v>
      </c>
      <c r="M8590" s="57">
        <f>Bühler!M8616</f>
        <v>0</v>
      </c>
      <c r="N8590" s="55">
        <f>IF(Input!$K$13=1,J8590*Input!$J$13,0)+IF(Input!$K$14=1,K8590*Input!$J$14,0)+IF(Input!$K$15=1,L8590*Input!$J$15,0)+IF(Input!$K$16=1,M8590*Input!$J$16,0)</f>
        <v>1.6170346118742172</v>
      </c>
      <c r="O8590" s="58">
        <f>IF(Input!$K$13=2,J8590*Input!$J$13,0)+IF(Input!$K$14=2,K8590*Input!$J$14,0)+IF(Input!$K$15=2,L8590*Input!$J$15,0)+IF(Input!$K$16=2,M8590*Input!$J$16,0)</f>
        <v>4.9367335804643891E-2</v>
      </c>
      <c r="P8590" s="58">
        <f>IF(Input!$K$13=3,J8590*Input!$J$13,0)+IF(Input!$K$14=3,K8590*Input!$J$14,0)+IF(Input!$K$15=3,L8590*Input!$J$15,0)+IF(Input!$K$16=3,M8590*Input!$J$16,0)</f>
        <v>0</v>
      </c>
      <c r="Q8590" s="71">
        <f>IF(Input!$K$13=4,J8590*Input!$J$13,0)+IF(Input!$K$14=4,K8590*Input!$J$14,0)+IF(Input!$K$15=4,L8590*Input!$J$15,0)+IF(Input!$K$16=4,M8590*Input!$J$16,0)</f>
        <v>0</v>
      </c>
    </row>
    <row r="8591" spans="8:17" x14ac:dyDescent="0.25">
      <c r="H8591" s="43">
        <v>8584</v>
      </c>
      <c r="I8591" s="55">
        <f>Bühler!I8617</f>
        <v>4.4499071033870425</v>
      </c>
      <c r="J8591" s="58">
        <f>Bühler!J8617</f>
        <v>13.452111832788336</v>
      </c>
      <c r="K8591" s="58">
        <f>Bühler!K8617</f>
        <v>0.36568396892328808</v>
      </c>
      <c r="L8591" s="58">
        <f>Bühler!L8617</f>
        <v>0.18284198446164404</v>
      </c>
      <c r="M8591" s="57">
        <f>Bühler!M8617</f>
        <v>0</v>
      </c>
      <c r="N8591" s="55">
        <f>IF(Input!$K$13=1,J8591*Input!$J$13,0)+IF(Input!$K$14=1,K8591*Input!$J$14,0)+IF(Input!$K$15=1,L8591*Input!$J$15,0)+IF(Input!$K$16=1,M8591*Input!$J$16,0)</f>
        <v>1.6142534199346004</v>
      </c>
      <c r="O8591" s="58">
        <f>IF(Input!$K$13=2,J8591*Input!$J$13,0)+IF(Input!$K$14=2,K8591*Input!$J$14,0)+IF(Input!$K$15=2,L8591*Input!$J$15,0)+IF(Input!$K$16=2,M8591*Input!$J$16,0)</f>
        <v>4.9367335804643891E-2</v>
      </c>
      <c r="P8591" s="58">
        <f>IF(Input!$K$13=3,J8591*Input!$J$13,0)+IF(Input!$K$14=3,K8591*Input!$J$14,0)+IF(Input!$K$15=3,L8591*Input!$J$15,0)+IF(Input!$K$16=3,M8591*Input!$J$16,0)</f>
        <v>0</v>
      </c>
      <c r="Q8591" s="71">
        <f>IF(Input!$K$13=4,J8591*Input!$J$13,0)+IF(Input!$K$14=4,K8591*Input!$J$14,0)+IF(Input!$K$15=4,L8591*Input!$J$15,0)+IF(Input!$K$16=4,M8591*Input!$J$16,0)</f>
        <v>0</v>
      </c>
    </row>
    <row r="8592" spans="8:17" x14ac:dyDescent="0.25">
      <c r="H8592" s="43">
        <v>8585</v>
      </c>
      <c r="I8592" s="55">
        <f>Bühler!I8618</f>
        <v>4.3704444765408459</v>
      </c>
      <c r="J8592" s="58">
        <f>Bühler!J8618</f>
        <v>13.448800890003078</v>
      </c>
      <c r="K8592" s="58">
        <f>Bühler!K8618</f>
        <v>0.36568396892328808</v>
      </c>
      <c r="L8592" s="58">
        <f>Bühler!L8618</f>
        <v>0.18284198446164404</v>
      </c>
      <c r="M8592" s="57">
        <f>Bühler!M8618</f>
        <v>0</v>
      </c>
      <c r="N8592" s="55">
        <f>IF(Input!$K$13=1,J8592*Input!$J$13,0)+IF(Input!$K$14=1,K8592*Input!$J$14,0)+IF(Input!$K$15=1,L8592*Input!$J$15,0)+IF(Input!$K$16=1,M8592*Input!$J$16,0)</f>
        <v>1.6138561068003692</v>
      </c>
      <c r="O8592" s="58">
        <f>IF(Input!$K$13=2,J8592*Input!$J$13,0)+IF(Input!$K$14=2,K8592*Input!$J$14,0)+IF(Input!$K$15=2,L8592*Input!$J$15,0)+IF(Input!$K$16=2,M8592*Input!$J$16,0)</f>
        <v>4.9367335804643891E-2</v>
      </c>
      <c r="P8592" s="58">
        <f>IF(Input!$K$13=3,J8592*Input!$J$13,0)+IF(Input!$K$14=3,K8592*Input!$J$14,0)+IF(Input!$K$15=3,L8592*Input!$J$15,0)+IF(Input!$K$16=3,M8592*Input!$J$16,0)</f>
        <v>0</v>
      </c>
      <c r="Q8592" s="71">
        <f>IF(Input!$K$13=4,J8592*Input!$J$13,0)+IF(Input!$K$14=4,K8592*Input!$J$14,0)+IF(Input!$K$15=4,L8592*Input!$J$15,0)+IF(Input!$K$16=4,M8592*Input!$J$16,0)</f>
        <v>0</v>
      </c>
    </row>
    <row r="8593" spans="8:17" x14ac:dyDescent="0.25">
      <c r="H8593" s="43">
        <v>8586</v>
      </c>
      <c r="I8593" s="55">
        <f>Bühler!I8619</f>
        <v>3.7347434617712683</v>
      </c>
      <c r="J8593" s="58">
        <f>Bühler!J8619</f>
        <v>13.422313347721014</v>
      </c>
      <c r="K8593" s="58">
        <f>Bühler!K8619</f>
        <v>0.36568396892328808</v>
      </c>
      <c r="L8593" s="58">
        <f>Bühler!L8619</f>
        <v>0.18284198446164404</v>
      </c>
      <c r="M8593" s="57">
        <f>Bühler!M8619</f>
        <v>0</v>
      </c>
      <c r="N8593" s="55">
        <f>IF(Input!$K$13=1,J8593*Input!$J$13,0)+IF(Input!$K$14=1,K8593*Input!$J$14,0)+IF(Input!$K$15=1,L8593*Input!$J$15,0)+IF(Input!$K$16=1,M8593*Input!$J$16,0)</f>
        <v>1.6106776017265216</v>
      </c>
      <c r="O8593" s="58">
        <f>IF(Input!$K$13=2,J8593*Input!$J$13,0)+IF(Input!$K$14=2,K8593*Input!$J$14,0)+IF(Input!$K$15=2,L8593*Input!$J$15,0)+IF(Input!$K$16=2,M8593*Input!$J$16,0)</f>
        <v>4.9367335804643891E-2</v>
      </c>
      <c r="P8593" s="58">
        <f>IF(Input!$K$13=3,J8593*Input!$J$13,0)+IF(Input!$K$14=3,K8593*Input!$J$14,0)+IF(Input!$K$15=3,L8593*Input!$J$15,0)+IF(Input!$K$16=3,M8593*Input!$J$16,0)</f>
        <v>0</v>
      </c>
      <c r="Q8593" s="71">
        <f>IF(Input!$K$13=4,J8593*Input!$J$13,0)+IF(Input!$K$14=4,K8593*Input!$J$14,0)+IF(Input!$K$15=4,L8593*Input!$J$15,0)+IF(Input!$K$16=4,M8593*Input!$J$16,0)</f>
        <v>0</v>
      </c>
    </row>
    <row r="8594" spans="8:17" x14ac:dyDescent="0.25">
      <c r="H8594" s="43">
        <v>8587</v>
      </c>
      <c r="I8594" s="55">
        <f>Bühler!I8620</f>
        <v>3.4963555812326765</v>
      </c>
      <c r="J8594" s="58">
        <f>Bühler!J8620</f>
        <v>13.412380519365238</v>
      </c>
      <c r="K8594" s="58">
        <f>Bühler!K8620</f>
        <v>0.36568396892328808</v>
      </c>
      <c r="L8594" s="58">
        <f>Bühler!L8620</f>
        <v>0.18284198446164404</v>
      </c>
      <c r="M8594" s="57">
        <f>Bühler!M8620</f>
        <v>0</v>
      </c>
      <c r="N8594" s="55">
        <f>IF(Input!$K$13=1,J8594*Input!$J$13,0)+IF(Input!$K$14=1,K8594*Input!$J$14,0)+IF(Input!$K$15=1,L8594*Input!$J$15,0)+IF(Input!$K$16=1,M8594*Input!$J$16,0)</f>
        <v>1.6094856623238285</v>
      </c>
      <c r="O8594" s="58">
        <f>IF(Input!$K$13=2,J8594*Input!$J$13,0)+IF(Input!$K$14=2,K8594*Input!$J$14,0)+IF(Input!$K$15=2,L8594*Input!$J$15,0)+IF(Input!$K$16=2,M8594*Input!$J$16,0)</f>
        <v>4.9367335804643891E-2</v>
      </c>
      <c r="P8594" s="58">
        <f>IF(Input!$K$13=3,J8594*Input!$J$13,0)+IF(Input!$K$14=3,K8594*Input!$J$14,0)+IF(Input!$K$15=3,L8594*Input!$J$15,0)+IF(Input!$K$16=3,M8594*Input!$J$16,0)</f>
        <v>0</v>
      </c>
      <c r="Q8594" s="71">
        <f>IF(Input!$K$13=4,J8594*Input!$J$13,0)+IF(Input!$K$14=4,K8594*Input!$J$14,0)+IF(Input!$K$15=4,L8594*Input!$J$15,0)+IF(Input!$K$16=4,M8594*Input!$J$16,0)</f>
        <v>0</v>
      </c>
    </row>
    <row r="8595" spans="8:17" x14ac:dyDescent="0.25">
      <c r="H8595" s="43">
        <v>8588</v>
      </c>
      <c r="I8595" s="55">
        <f>Bühler!I8621</f>
        <v>2.9401171933092964</v>
      </c>
      <c r="J8595" s="58">
        <f>Bühler!J8621</f>
        <v>13.389203919868431</v>
      </c>
      <c r="K8595" s="58">
        <f>Bühler!K8621</f>
        <v>0.36568396892328808</v>
      </c>
      <c r="L8595" s="58">
        <f>Bühler!L8621</f>
        <v>0.18284198446164404</v>
      </c>
      <c r="M8595" s="57">
        <f>Bühler!M8621</f>
        <v>0</v>
      </c>
      <c r="N8595" s="55">
        <f>IF(Input!$K$13=1,J8595*Input!$J$13,0)+IF(Input!$K$14=1,K8595*Input!$J$14,0)+IF(Input!$K$15=1,L8595*Input!$J$15,0)+IF(Input!$K$16=1,M8595*Input!$J$16,0)</f>
        <v>1.6067044703842115</v>
      </c>
      <c r="O8595" s="58">
        <f>IF(Input!$K$13=2,J8595*Input!$J$13,0)+IF(Input!$K$14=2,K8595*Input!$J$14,0)+IF(Input!$K$15=2,L8595*Input!$J$15,0)+IF(Input!$K$16=2,M8595*Input!$J$16,0)</f>
        <v>4.9367335804643891E-2</v>
      </c>
      <c r="P8595" s="58">
        <f>IF(Input!$K$13=3,J8595*Input!$J$13,0)+IF(Input!$K$14=3,K8595*Input!$J$14,0)+IF(Input!$K$15=3,L8595*Input!$J$15,0)+IF(Input!$K$16=3,M8595*Input!$J$16,0)</f>
        <v>0</v>
      </c>
      <c r="Q8595" s="71">
        <f>IF(Input!$K$13=4,J8595*Input!$J$13,0)+IF(Input!$K$14=4,K8595*Input!$J$14,0)+IF(Input!$K$15=4,L8595*Input!$J$15,0)+IF(Input!$K$16=4,M8595*Input!$J$16,0)</f>
        <v>0</v>
      </c>
    </row>
    <row r="8596" spans="8:17" x14ac:dyDescent="0.25">
      <c r="H8596" s="43">
        <v>8589</v>
      </c>
      <c r="I8596" s="55">
        <f>Bühler!I8622</f>
        <v>2.4633414322321125</v>
      </c>
      <c r="J8596" s="58">
        <f>Bühler!J8622</f>
        <v>13.369338263156882</v>
      </c>
      <c r="K8596" s="58">
        <f>Bühler!K8622</f>
        <v>0.36568396892328808</v>
      </c>
      <c r="L8596" s="58">
        <f>Bühler!L8622</f>
        <v>0.18284198446164404</v>
      </c>
      <c r="M8596" s="57">
        <f>Bühler!M8622</f>
        <v>0</v>
      </c>
      <c r="N8596" s="55">
        <f>IF(Input!$K$13=1,J8596*Input!$J$13,0)+IF(Input!$K$14=1,K8596*Input!$J$14,0)+IF(Input!$K$15=1,L8596*Input!$J$15,0)+IF(Input!$K$16=1,M8596*Input!$J$16,0)</f>
        <v>1.6043205915788257</v>
      </c>
      <c r="O8596" s="58">
        <f>IF(Input!$K$13=2,J8596*Input!$J$13,0)+IF(Input!$K$14=2,K8596*Input!$J$14,0)+IF(Input!$K$15=2,L8596*Input!$J$15,0)+IF(Input!$K$16=2,M8596*Input!$J$16,0)</f>
        <v>4.9367335804643891E-2</v>
      </c>
      <c r="P8596" s="58">
        <f>IF(Input!$K$13=3,J8596*Input!$J$13,0)+IF(Input!$K$14=3,K8596*Input!$J$14,0)+IF(Input!$K$15=3,L8596*Input!$J$15,0)+IF(Input!$K$16=3,M8596*Input!$J$16,0)</f>
        <v>0</v>
      </c>
      <c r="Q8596" s="71">
        <f>IF(Input!$K$13=4,J8596*Input!$J$13,0)+IF(Input!$K$14=4,K8596*Input!$J$14,0)+IF(Input!$K$15=4,L8596*Input!$J$15,0)+IF(Input!$K$16=4,M8596*Input!$J$16,0)</f>
        <v>0</v>
      </c>
    </row>
    <row r="8597" spans="8:17" x14ac:dyDescent="0.25">
      <c r="H8597" s="43">
        <v>8590</v>
      </c>
      <c r="I8597" s="55">
        <f>Bühler!I8623</f>
        <v>2.1454909248473246</v>
      </c>
      <c r="J8597" s="58">
        <f>Bühler!J8623</f>
        <v>13.356094492015849</v>
      </c>
      <c r="K8597" s="58">
        <f>Bühler!K8623</f>
        <v>0.36568396892328808</v>
      </c>
      <c r="L8597" s="58">
        <f>Bühler!L8623</f>
        <v>0.18284198446164404</v>
      </c>
      <c r="M8597" s="57">
        <f>Bühler!M8623</f>
        <v>0</v>
      </c>
      <c r="N8597" s="55">
        <f>IF(Input!$K$13=1,J8597*Input!$J$13,0)+IF(Input!$K$14=1,K8597*Input!$J$14,0)+IF(Input!$K$15=1,L8597*Input!$J$15,0)+IF(Input!$K$16=1,M8597*Input!$J$16,0)</f>
        <v>1.6027313390419018</v>
      </c>
      <c r="O8597" s="58">
        <f>IF(Input!$K$13=2,J8597*Input!$J$13,0)+IF(Input!$K$14=2,K8597*Input!$J$14,0)+IF(Input!$K$15=2,L8597*Input!$J$15,0)+IF(Input!$K$16=2,M8597*Input!$J$16,0)</f>
        <v>4.9367335804643891E-2</v>
      </c>
      <c r="P8597" s="58">
        <f>IF(Input!$K$13=3,J8597*Input!$J$13,0)+IF(Input!$K$14=3,K8597*Input!$J$14,0)+IF(Input!$K$15=3,L8597*Input!$J$15,0)+IF(Input!$K$16=3,M8597*Input!$J$16,0)</f>
        <v>0</v>
      </c>
      <c r="Q8597" s="71">
        <f>IF(Input!$K$13=4,J8597*Input!$J$13,0)+IF(Input!$K$14=4,K8597*Input!$J$14,0)+IF(Input!$K$15=4,L8597*Input!$J$15,0)+IF(Input!$K$16=4,M8597*Input!$J$16,0)</f>
        <v>0</v>
      </c>
    </row>
    <row r="8598" spans="8:17" x14ac:dyDescent="0.25">
      <c r="H8598" s="43">
        <v>8591</v>
      </c>
      <c r="I8598" s="55">
        <f>Bühler!I8624</f>
        <v>2.1454909248473246</v>
      </c>
      <c r="J8598" s="58">
        <f>Bühler!J8624</f>
        <v>13.356094492015849</v>
      </c>
      <c r="K8598" s="58">
        <f>Bühler!K8624</f>
        <v>0.36568396892328808</v>
      </c>
      <c r="L8598" s="58">
        <f>Bühler!L8624</f>
        <v>0.18284198446164404</v>
      </c>
      <c r="M8598" s="57">
        <f>Bühler!M8624</f>
        <v>0</v>
      </c>
      <c r="N8598" s="55">
        <f>IF(Input!$K$13=1,J8598*Input!$J$13,0)+IF(Input!$K$14=1,K8598*Input!$J$14,0)+IF(Input!$K$15=1,L8598*Input!$J$15,0)+IF(Input!$K$16=1,M8598*Input!$J$16,0)</f>
        <v>1.6027313390419018</v>
      </c>
      <c r="O8598" s="58">
        <f>IF(Input!$K$13=2,J8598*Input!$J$13,0)+IF(Input!$K$14=2,K8598*Input!$J$14,0)+IF(Input!$K$15=2,L8598*Input!$J$15,0)+IF(Input!$K$16=2,M8598*Input!$J$16,0)</f>
        <v>4.9367335804643891E-2</v>
      </c>
      <c r="P8598" s="58">
        <f>IF(Input!$K$13=3,J8598*Input!$J$13,0)+IF(Input!$K$14=3,K8598*Input!$J$14,0)+IF(Input!$K$15=3,L8598*Input!$J$15,0)+IF(Input!$K$16=3,M8598*Input!$J$16,0)</f>
        <v>0</v>
      </c>
      <c r="Q8598" s="71">
        <f>IF(Input!$K$13=4,J8598*Input!$J$13,0)+IF(Input!$K$14=4,K8598*Input!$J$14,0)+IF(Input!$K$15=4,L8598*Input!$J$15,0)+IF(Input!$K$16=4,M8598*Input!$J$16,0)</f>
        <v>0</v>
      </c>
    </row>
    <row r="8599" spans="8:17" x14ac:dyDescent="0.25">
      <c r="H8599" s="43">
        <v>8592</v>
      </c>
      <c r="I8599" s="55">
        <f>Bühler!I8625</f>
        <v>2.1454909248473246</v>
      </c>
      <c r="J8599" s="58">
        <f>Bühler!J8625</f>
        <v>13.356094492015849</v>
      </c>
      <c r="K8599" s="58">
        <f>Bühler!K8625</f>
        <v>0.36568396892328808</v>
      </c>
      <c r="L8599" s="58">
        <f>Bühler!L8625</f>
        <v>0.18284198446164404</v>
      </c>
      <c r="M8599" s="57">
        <f>Bühler!M8625</f>
        <v>0</v>
      </c>
      <c r="N8599" s="55">
        <f>IF(Input!$K$13=1,J8599*Input!$J$13,0)+IF(Input!$K$14=1,K8599*Input!$J$14,0)+IF(Input!$K$15=1,L8599*Input!$J$15,0)+IF(Input!$K$16=1,M8599*Input!$J$16,0)</f>
        <v>1.6027313390419018</v>
      </c>
      <c r="O8599" s="58">
        <f>IF(Input!$K$13=2,J8599*Input!$J$13,0)+IF(Input!$K$14=2,K8599*Input!$J$14,0)+IF(Input!$K$15=2,L8599*Input!$J$15,0)+IF(Input!$K$16=2,M8599*Input!$J$16,0)</f>
        <v>4.9367335804643891E-2</v>
      </c>
      <c r="P8599" s="58">
        <f>IF(Input!$K$13=3,J8599*Input!$J$13,0)+IF(Input!$K$14=3,K8599*Input!$J$14,0)+IF(Input!$K$15=3,L8599*Input!$J$15,0)+IF(Input!$K$16=3,M8599*Input!$J$16,0)</f>
        <v>0</v>
      </c>
      <c r="Q8599" s="71">
        <f>IF(Input!$K$13=4,J8599*Input!$J$13,0)+IF(Input!$K$14=4,K8599*Input!$J$14,0)+IF(Input!$K$15=4,L8599*Input!$J$15,0)+IF(Input!$K$16=4,M8599*Input!$J$16,0)</f>
        <v>0</v>
      </c>
    </row>
    <row r="8600" spans="8:17" x14ac:dyDescent="0.25">
      <c r="H8600" s="43">
        <v>8593</v>
      </c>
      <c r="I8600" s="55">
        <f>Bühler!I8626</f>
        <v>0.39061544378142538</v>
      </c>
      <c r="J8600" s="58">
        <f>Bühler!J8626</f>
        <v>9.0890846210939102</v>
      </c>
      <c r="K8600" s="58">
        <f>Bühler!K8626</f>
        <v>0.58728644002611918</v>
      </c>
      <c r="L8600" s="58">
        <f>Bühler!L8626</f>
        <v>0.29364322001305959</v>
      </c>
      <c r="M8600" s="57">
        <f>Bühler!M8626</f>
        <v>0</v>
      </c>
      <c r="N8600" s="55">
        <f>IF(Input!$K$13=1,J8600*Input!$J$13,0)+IF(Input!$K$14=1,K8600*Input!$J$14,0)+IF(Input!$K$15=1,L8600*Input!$J$15,0)+IF(Input!$K$16=1,M8600*Input!$J$16,0)</f>
        <v>1.0906901545312693</v>
      </c>
      <c r="O8600" s="58">
        <f>IF(Input!$K$13=2,J8600*Input!$J$13,0)+IF(Input!$K$14=2,K8600*Input!$J$14,0)+IF(Input!$K$15=2,L8600*Input!$J$15,0)+IF(Input!$K$16=2,M8600*Input!$J$16,0)</f>
        <v>7.9283669403526089E-2</v>
      </c>
      <c r="P8600" s="58">
        <f>IF(Input!$K$13=3,J8600*Input!$J$13,0)+IF(Input!$K$14=3,K8600*Input!$J$14,0)+IF(Input!$K$15=3,L8600*Input!$J$15,0)+IF(Input!$K$16=3,M8600*Input!$J$16,0)</f>
        <v>0</v>
      </c>
      <c r="Q8600" s="71">
        <f>IF(Input!$K$13=4,J8600*Input!$J$13,0)+IF(Input!$K$14=4,K8600*Input!$J$14,0)+IF(Input!$K$15=4,L8600*Input!$J$15,0)+IF(Input!$K$16=4,M8600*Input!$J$16,0)</f>
        <v>0</v>
      </c>
    </row>
    <row r="8601" spans="8:17" x14ac:dyDescent="0.25">
      <c r="H8601" s="43">
        <v>8594</v>
      </c>
      <c r="I8601" s="55">
        <f>Bühler!I8627</f>
        <v>0.39061544378142538</v>
      </c>
      <c r="J8601" s="58">
        <f>Bühler!J8627</f>
        <v>9.0890846210939102</v>
      </c>
      <c r="K8601" s="58">
        <f>Bühler!K8627</f>
        <v>0.58728644002611918</v>
      </c>
      <c r="L8601" s="58">
        <f>Bühler!L8627</f>
        <v>0.29364322001305959</v>
      </c>
      <c r="M8601" s="57">
        <f>Bühler!M8627</f>
        <v>0</v>
      </c>
      <c r="N8601" s="55">
        <f>IF(Input!$K$13=1,J8601*Input!$J$13,0)+IF(Input!$K$14=1,K8601*Input!$J$14,0)+IF(Input!$K$15=1,L8601*Input!$J$15,0)+IF(Input!$K$16=1,M8601*Input!$J$16,0)</f>
        <v>1.0906901545312693</v>
      </c>
      <c r="O8601" s="58">
        <f>IF(Input!$K$13=2,J8601*Input!$J$13,0)+IF(Input!$K$14=2,K8601*Input!$J$14,0)+IF(Input!$K$15=2,L8601*Input!$J$15,0)+IF(Input!$K$16=2,M8601*Input!$J$16,0)</f>
        <v>7.9283669403526089E-2</v>
      </c>
      <c r="P8601" s="58">
        <f>IF(Input!$K$13=3,J8601*Input!$J$13,0)+IF(Input!$K$14=3,K8601*Input!$J$14,0)+IF(Input!$K$15=3,L8601*Input!$J$15,0)+IF(Input!$K$16=3,M8601*Input!$J$16,0)</f>
        <v>0</v>
      </c>
      <c r="Q8601" s="71">
        <f>IF(Input!$K$13=4,J8601*Input!$J$13,0)+IF(Input!$K$14=4,K8601*Input!$J$14,0)+IF(Input!$K$15=4,L8601*Input!$J$15,0)+IF(Input!$K$16=4,M8601*Input!$J$16,0)</f>
        <v>0</v>
      </c>
    </row>
    <row r="8602" spans="8:17" x14ac:dyDescent="0.25">
      <c r="H8602" s="43">
        <v>8595</v>
      </c>
      <c r="I8602" s="55">
        <f>Bühler!I8628</f>
        <v>0.39061544378142538</v>
      </c>
      <c r="J8602" s="58">
        <f>Bühler!J8628</f>
        <v>9.0890846210939102</v>
      </c>
      <c r="K8602" s="58">
        <f>Bühler!K8628</f>
        <v>0.58728644002611918</v>
      </c>
      <c r="L8602" s="58">
        <f>Bühler!L8628</f>
        <v>0.29364322001305959</v>
      </c>
      <c r="M8602" s="57">
        <f>Bühler!M8628</f>
        <v>0</v>
      </c>
      <c r="N8602" s="55">
        <f>IF(Input!$K$13=1,J8602*Input!$J$13,0)+IF(Input!$K$14=1,K8602*Input!$J$14,0)+IF(Input!$K$15=1,L8602*Input!$J$15,0)+IF(Input!$K$16=1,M8602*Input!$J$16,0)</f>
        <v>1.0906901545312693</v>
      </c>
      <c r="O8602" s="58">
        <f>IF(Input!$K$13=2,J8602*Input!$J$13,0)+IF(Input!$K$14=2,K8602*Input!$J$14,0)+IF(Input!$K$15=2,L8602*Input!$J$15,0)+IF(Input!$K$16=2,M8602*Input!$J$16,0)</f>
        <v>7.9283669403526089E-2</v>
      </c>
      <c r="P8602" s="58">
        <f>IF(Input!$K$13=3,J8602*Input!$J$13,0)+IF(Input!$K$14=3,K8602*Input!$J$14,0)+IF(Input!$K$15=3,L8602*Input!$J$15,0)+IF(Input!$K$16=3,M8602*Input!$J$16,0)</f>
        <v>0</v>
      </c>
      <c r="Q8602" s="71">
        <f>IF(Input!$K$13=4,J8602*Input!$J$13,0)+IF(Input!$K$14=4,K8602*Input!$J$14,0)+IF(Input!$K$15=4,L8602*Input!$J$15,0)+IF(Input!$K$16=4,M8602*Input!$J$16,0)</f>
        <v>0</v>
      </c>
    </row>
    <row r="8603" spans="8:17" x14ac:dyDescent="0.25">
      <c r="H8603" s="43">
        <v>8596</v>
      </c>
      <c r="I8603" s="55">
        <f>Bühler!I8629</f>
        <v>0.39061544378142538</v>
      </c>
      <c r="J8603" s="58">
        <f>Bühler!J8629</f>
        <v>9.0890846210939102</v>
      </c>
      <c r="K8603" s="58">
        <f>Bühler!K8629</f>
        <v>0.58728644002611918</v>
      </c>
      <c r="L8603" s="58">
        <f>Bühler!L8629</f>
        <v>0.29364322001305959</v>
      </c>
      <c r="M8603" s="57">
        <f>Bühler!M8629</f>
        <v>0</v>
      </c>
      <c r="N8603" s="55">
        <f>IF(Input!$K$13=1,J8603*Input!$J$13,0)+IF(Input!$K$14=1,K8603*Input!$J$14,0)+IF(Input!$K$15=1,L8603*Input!$J$15,0)+IF(Input!$K$16=1,M8603*Input!$J$16,0)</f>
        <v>1.0906901545312693</v>
      </c>
      <c r="O8603" s="58">
        <f>IF(Input!$K$13=2,J8603*Input!$J$13,0)+IF(Input!$K$14=2,K8603*Input!$J$14,0)+IF(Input!$K$15=2,L8603*Input!$J$15,0)+IF(Input!$K$16=2,M8603*Input!$J$16,0)</f>
        <v>7.9283669403526089E-2</v>
      </c>
      <c r="P8603" s="58">
        <f>IF(Input!$K$13=3,J8603*Input!$J$13,0)+IF(Input!$K$14=3,K8603*Input!$J$14,0)+IF(Input!$K$15=3,L8603*Input!$J$15,0)+IF(Input!$K$16=3,M8603*Input!$J$16,0)</f>
        <v>0</v>
      </c>
      <c r="Q8603" s="71">
        <f>IF(Input!$K$13=4,J8603*Input!$J$13,0)+IF(Input!$K$14=4,K8603*Input!$J$14,0)+IF(Input!$K$15=4,L8603*Input!$J$15,0)+IF(Input!$K$16=4,M8603*Input!$J$16,0)</f>
        <v>0</v>
      </c>
    </row>
    <row r="8604" spans="8:17" x14ac:dyDescent="0.25">
      <c r="H8604" s="43">
        <v>8597</v>
      </c>
      <c r="I8604" s="55">
        <f>Bühler!I8630</f>
        <v>0.39061544378142538</v>
      </c>
      <c r="J8604" s="58">
        <f>Bühler!J8630</f>
        <v>9.0890846210939102</v>
      </c>
      <c r="K8604" s="58">
        <f>Bühler!K8630</f>
        <v>0.58728644002611918</v>
      </c>
      <c r="L8604" s="58">
        <f>Bühler!L8630</f>
        <v>0.29364322001305959</v>
      </c>
      <c r="M8604" s="57">
        <f>Bühler!M8630</f>
        <v>0</v>
      </c>
      <c r="N8604" s="55">
        <f>IF(Input!$K$13=1,J8604*Input!$J$13,0)+IF(Input!$K$14=1,K8604*Input!$J$14,0)+IF(Input!$K$15=1,L8604*Input!$J$15,0)+IF(Input!$K$16=1,M8604*Input!$J$16,0)</f>
        <v>1.0906901545312693</v>
      </c>
      <c r="O8604" s="58">
        <f>IF(Input!$K$13=2,J8604*Input!$J$13,0)+IF(Input!$K$14=2,K8604*Input!$J$14,0)+IF(Input!$K$15=2,L8604*Input!$J$15,0)+IF(Input!$K$16=2,M8604*Input!$J$16,0)</f>
        <v>7.9283669403526089E-2</v>
      </c>
      <c r="P8604" s="58">
        <f>IF(Input!$K$13=3,J8604*Input!$J$13,0)+IF(Input!$K$14=3,K8604*Input!$J$14,0)+IF(Input!$K$15=3,L8604*Input!$J$15,0)+IF(Input!$K$16=3,M8604*Input!$J$16,0)</f>
        <v>0</v>
      </c>
      <c r="Q8604" s="71">
        <f>IF(Input!$K$13=4,J8604*Input!$J$13,0)+IF(Input!$K$14=4,K8604*Input!$J$14,0)+IF(Input!$K$15=4,L8604*Input!$J$15,0)+IF(Input!$K$16=4,M8604*Input!$J$16,0)</f>
        <v>0</v>
      </c>
    </row>
    <row r="8605" spans="8:17" x14ac:dyDescent="0.25">
      <c r="H8605" s="43">
        <v>8598</v>
      </c>
      <c r="I8605" s="55">
        <f>Bühler!I8631</f>
        <v>0.39061544378142538</v>
      </c>
      <c r="J8605" s="58">
        <f>Bühler!J8631</f>
        <v>9.0890846210939102</v>
      </c>
      <c r="K8605" s="58">
        <f>Bühler!K8631</f>
        <v>0.58728644002611918</v>
      </c>
      <c r="L8605" s="58">
        <f>Bühler!L8631</f>
        <v>0.29364322001305959</v>
      </c>
      <c r="M8605" s="57">
        <f>Bühler!M8631</f>
        <v>0</v>
      </c>
      <c r="N8605" s="55">
        <f>IF(Input!$K$13=1,J8605*Input!$J$13,0)+IF(Input!$K$14=1,K8605*Input!$J$14,0)+IF(Input!$K$15=1,L8605*Input!$J$15,0)+IF(Input!$K$16=1,M8605*Input!$J$16,0)</f>
        <v>1.0906901545312693</v>
      </c>
      <c r="O8605" s="58">
        <f>IF(Input!$K$13=2,J8605*Input!$J$13,0)+IF(Input!$K$14=2,K8605*Input!$J$14,0)+IF(Input!$K$15=2,L8605*Input!$J$15,0)+IF(Input!$K$16=2,M8605*Input!$J$16,0)</f>
        <v>7.9283669403526089E-2</v>
      </c>
      <c r="P8605" s="58">
        <f>IF(Input!$K$13=3,J8605*Input!$J$13,0)+IF(Input!$K$14=3,K8605*Input!$J$14,0)+IF(Input!$K$15=3,L8605*Input!$J$15,0)+IF(Input!$K$16=3,M8605*Input!$J$16,0)</f>
        <v>0</v>
      </c>
      <c r="Q8605" s="71">
        <f>IF(Input!$K$13=4,J8605*Input!$J$13,0)+IF(Input!$K$14=4,K8605*Input!$J$14,0)+IF(Input!$K$15=4,L8605*Input!$J$15,0)+IF(Input!$K$16=4,M8605*Input!$J$16,0)</f>
        <v>0</v>
      </c>
    </row>
    <row r="8606" spans="8:17" x14ac:dyDescent="0.25">
      <c r="H8606" s="43">
        <v>8599</v>
      </c>
      <c r="I8606" s="55">
        <f>Bühler!I8632</f>
        <v>0.39061544378142538</v>
      </c>
      <c r="J8606" s="58">
        <f>Bühler!J8632</f>
        <v>9.0890846210939102</v>
      </c>
      <c r="K8606" s="58">
        <f>Bühler!K8632</f>
        <v>0.58728644002611918</v>
      </c>
      <c r="L8606" s="58">
        <f>Bühler!L8632</f>
        <v>0.29364322001305959</v>
      </c>
      <c r="M8606" s="57">
        <f>Bühler!M8632</f>
        <v>0</v>
      </c>
      <c r="N8606" s="55">
        <f>IF(Input!$K$13=1,J8606*Input!$J$13,0)+IF(Input!$K$14=1,K8606*Input!$J$14,0)+IF(Input!$K$15=1,L8606*Input!$J$15,0)+IF(Input!$K$16=1,M8606*Input!$J$16,0)</f>
        <v>1.0906901545312693</v>
      </c>
      <c r="O8606" s="58">
        <f>IF(Input!$K$13=2,J8606*Input!$J$13,0)+IF(Input!$K$14=2,K8606*Input!$J$14,0)+IF(Input!$K$15=2,L8606*Input!$J$15,0)+IF(Input!$K$16=2,M8606*Input!$J$16,0)</f>
        <v>7.9283669403526089E-2</v>
      </c>
      <c r="P8606" s="58">
        <f>IF(Input!$K$13=3,J8606*Input!$J$13,0)+IF(Input!$K$14=3,K8606*Input!$J$14,0)+IF(Input!$K$15=3,L8606*Input!$J$15,0)+IF(Input!$K$16=3,M8606*Input!$J$16,0)</f>
        <v>0</v>
      </c>
      <c r="Q8606" s="71">
        <f>IF(Input!$K$13=4,J8606*Input!$J$13,0)+IF(Input!$K$14=4,K8606*Input!$J$14,0)+IF(Input!$K$15=4,L8606*Input!$J$15,0)+IF(Input!$K$16=4,M8606*Input!$J$16,0)</f>
        <v>0</v>
      </c>
    </row>
    <row r="8607" spans="8:17" x14ac:dyDescent="0.25">
      <c r="H8607" s="43">
        <v>8600</v>
      </c>
      <c r="I8607" s="55">
        <f>Bühler!I8633</f>
        <v>1.6991771804492002</v>
      </c>
      <c r="J8607" s="58">
        <f>Bühler!J8633</f>
        <v>38.757585491628745</v>
      </c>
      <c r="K8607" s="58">
        <f>Bühler!K8633</f>
        <v>2.5018402345112682</v>
      </c>
      <c r="L8607" s="58">
        <f>Bühler!L8633</f>
        <v>1.2509201172556341</v>
      </c>
      <c r="M8607" s="57">
        <f>Bühler!M8633</f>
        <v>0</v>
      </c>
      <c r="N8607" s="55">
        <f>IF(Input!$K$13=1,J8607*Input!$J$13,0)+IF(Input!$K$14=1,K8607*Input!$J$14,0)+IF(Input!$K$15=1,L8607*Input!$J$15,0)+IF(Input!$K$16=1,M8607*Input!$J$16,0)</f>
        <v>4.6509102589954496</v>
      </c>
      <c r="O8607" s="58">
        <f>IF(Input!$K$13=2,J8607*Input!$J$13,0)+IF(Input!$K$14=2,K8607*Input!$J$14,0)+IF(Input!$K$15=2,L8607*Input!$J$15,0)+IF(Input!$K$16=2,M8607*Input!$J$16,0)</f>
        <v>0.33774843165902124</v>
      </c>
      <c r="P8607" s="58">
        <f>IF(Input!$K$13=3,J8607*Input!$J$13,0)+IF(Input!$K$14=3,K8607*Input!$J$14,0)+IF(Input!$K$15=3,L8607*Input!$J$15,0)+IF(Input!$K$16=3,M8607*Input!$J$16,0)</f>
        <v>0</v>
      </c>
      <c r="Q8607" s="71">
        <f>IF(Input!$K$13=4,J8607*Input!$J$13,0)+IF(Input!$K$14=4,K8607*Input!$J$14,0)+IF(Input!$K$15=4,L8607*Input!$J$15,0)+IF(Input!$K$16=4,M8607*Input!$J$16,0)</f>
        <v>0</v>
      </c>
    </row>
    <row r="8608" spans="8:17" x14ac:dyDescent="0.25">
      <c r="H8608" s="43">
        <v>8601</v>
      </c>
      <c r="I8608" s="55">
        <f>Bühler!I8634</f>
        <v>1.9115743280053503</v>
      </c>
      <c r="J8608" s="58">
        <f>Bühler!J8634</f>
        <v>43.602283678082337</v>
      </c>
      <c r="K8608" s="58">
        <f>Bühler!K8634</f>
        <v>2.8145702638251766</v>
      </c>
      <c r="L8608" s="58">
        <f>Bühler!L8634</f>
        <v>1.4072851319125883</v>
      </c>
      <c r="M8608" s="57">
        <f>Bühler!M8634</f>
        <v>0</v>
      </c>
      <c r="N8608" s="55">
        <f>IF(Input!$K$13=1,J8608*Input!$J$13,0)+IF(Input!$K$14=1,K8608*Input!$J$14,0)+IF(Input!$K$15=1,L8608*Input!$J$15,0)+IF(Input!$K$16=1,M8608*Input!$J$16,0)</f>
        <v>5.2322740413698803</v>
      </c>
      <c r="O8608" s="58">
        <f>IF(Input!$K$13=2,J8608*Input!$J$13,0)+IF(Input!$K$14=2,K8608*Input!$J$14,0)+IF(Input!$K$15=2,L8608*Input!$J$15,0)+IF(Input!$K$16=2,M8608*Input!$J$16,0)</f>
        <v>0.37996698561639886</v>
      </c>
      <c r="P8608" s="58">
        <f>IF(Input!$K$13=3,J8608*Input!$J$13,0)+IF(Input!$K$14=3,K8608*Input!$J$14,0)+IF(Input!$K$15=3,L8608*Input!$J$15,0)+IF(Input!$K$16=3,M8608*Input!$J$16,0)</f>
        <v>0</v>
      </c>
      <c r="Q8608" s="71">
        <f>IF(Input!$K$13=4,J8608*Input!$J$13,0)+IF(Input!$K$14=4,K8608*Input!$J$14,0)+IF(Input!$K$15=4,L8608*Input!$J$15,0)+IF(Input!$K$16=4,M8608*Input!$J$16,0)</f>
        <v>0</v>
      </c>
    </row>
    <row r="8609" spans="8:17" x14ac:dyDescent="0.25">
      <c r="H8609" s="43">
        <v>8602</v>
      </c>
      <c r="I8609" s="55">
        <f>Bühler!I8635</f>
        <v>2.1239714755615005</v>
      </c>
      <c r="J8609" s="58">
        <f>Bühler!J8635</f>
        <v>48.446981864535928</v>
      </c>
      <c r="K8609" s="58">
        <f>Bühler!K8635</f>
        <v>3.127300293139085</v>
      </c>
      <c r="L8609" s="58">
        <f>Bühler!L8635</f>
        <v>1.5636501465695425</v>
      </c>
      <c r="M8609" s="57">
        <f>Bühler!M8635</f>
        <v>0</v>
      </c>
      <c r="N8609" s="55">
        <f>IF(Input!$K$13=1,J8609*Input!$J$13,0)+IF(Input!$K$14=1,K8609*Input!$J$14,0)+IF(Input!$K$15=1,L8609*Input!$J$15,0)+IF(Input!$K$16=1,M8609*Input!$J$16,0)</f>
        <v>5.8136378237443109</v>
      </c>
      <c r="O8609" s="58">
        <f>IF(Input!$K$13=2,J8609*Input!$J$13,0)+IF(Input!$K$14=2,K8609*Input!$J$14,0)+IF(Input!$K$15=2,L8609*Input!$J$15,0)+IF(Input!$K$16=2,M8609*Input!$J$16,0)</f>
        <v>0.42218553957377647</v>
      </c>
      <c r="P8609" s="58">
        <f>IF(Input!$K$13=3,J8609*Input!$J$13,0)+IF(Input!$K$14=3,K8609*Input!$J$14,0)+IF(Input!$K$15=3,L8609*Input!$J$15,0)+IF(Input!$K$16=3,M8609*Input!$J$16,0)</f>
        <v>0</v>
      </c>
      <c r="Q8609" s="71">
        <f>IF(Input!$K$13=4,J8609*Input!$J$13,0)+IF(Input!$K$14=4,K8609*Input!$J$14,0)+IF(Input!$K$15=4,L8609*Input!$J$15,0)+IF(Input!$K$16=4,M8609*Input!$J$16,0)</f>
        <v>0</v>
      </c>
    </row>
    <row r="8610" spans="8:17" x14ac:dyDescent="0.25">
      <c r="H8610" s="43">
        <v>8603</v>
      </c>
      <c r="I8610" s="55">
        <f>Bühler!I8636</f>
        <v>2.1239714755615005</v>
      </c>
      <c r="J8610" s="58">
        <f>Bühler!J8636</f>
        <v>48.446981864535928</v>
      </c>
      <c r="K8610" s="58">
        <f>Bühler!K8636</f>
        <v>3.127300293139085</v>
      </c>
      <c r="L8610" s="58">
        <f>Bühler!L8636</f>
        <v>1.5636501465695425</v>
      </c>
      <c r="M8610" s="57">
        <f>Bühler!M8636</f>
        <v>0</v>
      </c>
      <c r="N8610" s="55">
        <f>IF(Input!$K$13=1,J8610*Input!$J$13,0)+IF(Input!$K$14=1,K8610*Input!$J$14,0)+IF(Input!$K$15=1,L8610*Input!$J$15,0)+IF(Input!$K$16=1,M8610*Input!$J$16,0)</f>
        <v>5.8136378237443109</v>
      </c>
      <c r="O8610" s="58">
        <f>IF(Input!$K$13=2,J8610*Input!$J$13,0)+IF(Input!$K$14=2,K8610*Input!$J$14,0)+IF(Input!$K$15=2,L8610*Input!$J$15,0)+IF(Input!$K$16=2,M8610*Input!$J$16,0)</f>
        <v>0.42218553957377647</v>
      </c>
      <c r="P8610" s="58">
        <f>IF(Input!$K$13=3,J8610*Input!$J$13,0)+IF(Input!$K$14=3,K8610*Input!$J$14,0)+IF(Input!$K$15=3,L8610*Input!$J$15,0)+IF(Input!$K$16=3,M8610*Input!$J$16,0)</f>
        <v>0</v>
      </c>
      <c r="Q8610" s="71">
        <f>IF(Input!$K$13=4,J8610*Input!$J$13,0)+IF(Input!$K$14=4,K8610*Input!$J$14,0)+IF(Input!$K$15=4,L8610*Input!$J$15,0)+IF(Input!$K$16=4,M8610*Input!$J$16,0)</f>
        <v>0</v>
      </c>
    </row>
    <row r="8611" spans="8:17" x14ac:dyDescent="0.25">
      <c r="H8611" s="43">
        <v>8604</v>
      </c>
      <c r="I8611" s="55">
        <f>Bühler!I8637</f>
        <v>2.5487657706738003</v>
      </c>
      <c r="J8611" s="58">
        <f>Bühler!J8637</f>
        <v>58.136378237443104</v>
      </c>
      <c r="K8611" s="58">
        <f>Bühler!K8637</f>
        <v>3.7527603517669017</v>
      </c>
      <c r="L8611" s="58">
        <f>Bühler!L8637</f>
        <v>1.8763801758834509</v>
      </c>
      <c r="M8611" s="57">
        <f>Bühler!M8637</f>
        <v>0</v>
      </c>
      <c r="N8611" s="55">
        <f>IF(Input!$K$13=1,J8611*Input!$J$13,0)+IF(Input!$K$14=1,K8611*Input!$J$14,0)+IF(Input!$K$15=1,L8611*Input!$J$15,0)+IF(Input!$K$16=1,M8611*Input!$J$16,0)</f>
        <v>6.9763653884931722</v>
      </c>
      <c r="O8611" s="58">
        <f>IF(Input!$K$13=2,J8611*Input!$J$13,0)+IF(Input!$K$14=2,K8611*Input!$J$14,0)+IF(Input!$K$15=2,L8611*Input!$J$15,0)+IF(Input!$K$16=2,M8611*Input!$J$16,0)</f>
        <v>0.5066226474885317</v>
      </c>
      <c r="P8611" s="58">
        <f>IF(Input!$K$13=3,J8611*Input!$J$13,0)+IF(Input!$K$14=3,K8611*Input!$J$14,0)+IF(Input!$K$15=3,L8611*Input!$J$15,0)+IF(Input!$K$16=3,M8611*Input!$J$16,0)</f>
        <v>0</v>
      </c>
      <c r="Q8611" s="71">
        <f>IF(Input!$K$13=4,J8611*Input!$J$13,0)+IF(Input!$K$14=4,K8611*Input!$J$14,0)+IF(Input!$K$15=4,L8611*Input!$J$15,0)+IF(Input!$K$16=4,M8611*Input!$J$16,0)</f>
        <v>0</v>
      </c>
    </row>
    <row r="8612" spans="8:17" x14ac:dyDescent="0.25">
      <c r="H8612" s="43">
        <v>8605</v>
      </c>
      <c r="I8612" s="55">
        <f>Bühler!I8638</f>
        <v>2.5487657706738003</v>
      </c>
      <c r="J8612" s="58">
        <f>Bühler!J8638</f>
        <v>58.136378237443104</v>
      </c>
      <c r="K8612" s="58">
        <f>Bühler!K8638</f>
        <v>3.7527603517669017</v>
      </c>
      <c r="L8612" s="58">
        <f>Bühler!L8638</f>
        <v>1.8763801758834509</v>
      </c>
      <c r="M8612" s="57">
        <f>Bühler!M8638</f>
        <v>0</v>
      </c>
      <c r="N8612" s="55">
        <f>IF(Input!$K$13=1,J8612*Input!$J$13,0)+IF(Input!$K$14=1,K8612*Input!$J$14,0)+IF(Input!$K$15=1,L8612*Input!$J$15,0)+IF(Input!$K$16=1,M8612*Input!$J$16,0)</f>
        <v>6.9763653884931722</v>
      </c>
      <c r="O8612" s="58">
        <f>IF(Input!$K$13=2,J8612*Input!$J$13,0)+IF(Input!$K$14=2,K8612*Input!$J$14,0)+IF(Input!$K$15=2,L8612*Input!$J$15,0)+IF(Input!$K$16=2,M8612*Input!$J$16,0)</f>
        <v>0.5066226474885317</v>
      </c>
      <c r="P8612" s="58">
        <f>IF(Input!$K$13=3,J8612*Input!$J$13,0)+IF(Input!$K$14=3,K8612*Input!$J$14,0)+IF(Input!$K$15=3,L8612*Input!$J$15,0)+IF(Input!$K$16=3,M8612*Input!$J$16,0)</f>
        <v>0</v>
      </c>
      <c r="Q8612" s="71">
        <f>IF(Input!$K$13=4,J8612*Input!$J$13,0)+IF(Input!$K$14=4,K8612*Input!$J$14,0)+IF(Input!$K$15=4,L8612*Input!$J$15,0)+IF(Input!$K$16=4,M8612*Input!$J$16,0)</f>
        <v>0</v>
      </c>
    </row>
    <row r="8613" spans="8:17" x14ac:dyDescent="0.25">
      <c r="H8613" s="43">
        <v>8606</v>
      </c>
      <c r="I8613" s="55">
        <f>Bühler!I8639</f>
        <v>1.6991771804492002</v>
      </c>
      <c r="J8613" s="58">
        <f>Bühler!J8639</f>
        <v>38.757585491628745</v>
      </c>
      <c r="K8613" s="58">
        <f>Bühler!K8639</f>
        <v>2.5018402345112682</v>
      </c>
      <c r="L8613" s="58">
        <f>Bühler!L8639</f>
        <v>1.2509201172556341</v>
      </c>
      <c r="M8613" s="57">
        <f>Bühler!M8639</f>
        <v>0</v>
      </c>
      <c r="N8613" s="55">
        <f>IF(Input!$K$13=1,J8613*Input!$J$13,0)+IF(Input!$K$14=1,K8613*Input!$J$14,0)+IF(Input!$K$15=1,L8613*Input!$J$15,0)+IF(Input!$K$16=1,M8613*Input!$J$16,0)</f>
        <v>4.6509102589954496</v>
      </c>
      <c r="O8613" s="58">
        <f>IF(Input!$K$13=2,J8613*Input!$J$13,0)+IF(Input!$K$14=2,K8613*Input!$J$14,0)+IF(Input!$K$15=2,L8613*Input!$J$15,0)+IF(Input!$K$16=2,M8613*Input!$J$16,0)</f>
        <v>0.33774843165902124</v>
      </c>
      <c r="P8613" s="58">
        <f>IF(Input!$K$13=3,J8613*Input!$J$13,0)+IF(Input!$K$14=3,K8613*Input!$J$14,0)+IF(Input!$K$15=3,L8613*Input!$J$15,0)+IF(Input!$K$16=3,M8613*Input!$J$16,0)</f>
        <v>0</v>
      </c>
      <c r="Q8613" s="71">
        <f>IF(Input!$K$13=4,J8613*Input!$J$13,0)+IF(Input!$K$14=4,K8613*Input!$J$14,0)+IF(Input!$K$15=4,L8613*Input!$J$15,0)+IF(Input!$K$16=4,M8613*Input!$J$16,0)</f>
        <v>0</v>
      </c>
    </row>
    <row r="8614" spans="8:17" x14ac:dyDescent="0.25">
      <c r="H8614" s="43">
        <v>8607</v>
      </c>
      <c r="I8614" s="55">
        <f>Bühler!I8640</f>
        <v>2.5487657706738003</v>
      </c>
      <c r="J8614" s="58">
        <f>Bühler!J8640</f>
        <v>58.136378237443104</v>
      </c>
      <c r="K8614" s="58">
        <f>Bühler!K8640</f>
        <v>3.7527603517669017</v>
      </c>
      <c r="L8614" s="58">
        <f>Bühler!L8640</f>
        <v>1.8763801758834509</v>
      </c>
      <c r="M8614" s="57">
        <f>Bühler!M8640</f>
        <v>0</v>
      </c>
      <c r="N8614" s="55">
        <f>IF(Input!$K$13=1,J8614*Input!$J$13,0)+IF(Input!$K$14=1,K8614*Input!$J$14,0)+IF(Input!$K$15=1,L8614*Input!$J$15,0)+IF(Input!$K$16=1,M8614*Input!$J$16,0)</f>
        <v>6.9763653884931722</v>
      </c>
      <c r="O8614" s="58">
        <f>IF(Input!$K$13=2,J8614*Input!$J$13,0)+IF(Input!$K$14=2,K8614*Input!$J$14,0)+IF(Input!$K$15=2,L8614*Input!$J$15,0)+IF(Input!$K$16=2,M8614*Input!$J$16,0)</f>
        <v>0.5066226474885317</v>
      </c>
      <c r="P8614" s="58">
        <f>IF(Input!$K$13=3,J8614*Input!$J$13,0)+IF(Input!$K$14=3,K8614*Input!$J$14,0)+IF(Input!$K$15=3,L8614*Input!$J$15,0)+IF(Input!$K$16=3,M8614*Input!$J$16,0)</f>
        <v>0</v>
      </c>
      <c r="Q8614" s="71">
        <f>IF(Input!$K$13=4,J8614*Input!$J$13,0)+IF(Input!$K$14=4,K8614*Input!$J$14,0)+IF(Input!$K$15=4,L8614*Input!$J$15,0)+IF(Input!$K$16=4,M8614*Input!$J$16,0)</f>
        <v>0</v>
      </c>
    </row>
    <row r="8615" spans="8:17" x14ac:dyDescent="0.25">
      <c r="H8615" s="43">
        <v>8608</v>
      </c>
      <c r="I8615" s="55">
        <f>Bühler!I8641</f>
        <v>2.5487657706738003</v>
      </c>
      <c r="J8615" s="58">
        <f>Bühler!J8641</f>
        <v>58.136378237443104</v>
      </c>
      <c r="K8615" s="58">
        <f>Bühler!K8641</f>
        <v>3.7527603517669017</v>
      </c>
      <c r="L8615" s="58">
        <f>Bühler!L8641</f>
        <v>1.8763801758834509</v>
      </c>
      <c r="M8615" s="57">
        <f>Bühler!M8641</f>
        <v>0</v>
      </c>
      <c r="N8615" s="55">
        <f>IF(Input!$K$13=1,J8615*Input!$J$13,0)+IF(Input!$K$14=1,K8615*Input!$J$14,0)+IF(Input!$K$15=1,L8615*Input!$J$15,0)+IF(Input!$K$16=1,M8615*Input!$J$16,0)</f>
        <v>6.9763653884931722</v>
      </c>
      <c r="O8615" s="58">
        <f>IF(Input!$K$13=2,J8615*Input!$J$13,0)+IF(Input!$K$14=2,K8615*Input!$J$14,0)+IF(Input!$K$15=2,L8615*Input!$J$15,0)+IF(Input!$K$16=2,M8615*Input!$J$16,0)</f>
        <v>0.5066226474885317</v>
      </c>
      <c r="P8615" s="58">
        <f>IF(Input!$K$13=3,J8615*Input!$J$13,0)+IF(Input!$K$14=3,K8615*Input!$J$14,0)+IF(Input!$K$15=3,L8615*Input!$J$15,0)+IF(Input!$K$16=3,M8615*Input!$J$16,0)</f>
        <v>0</v>
      </c>
      <c r="Q8615" s="71">
        <f>IF(Input!$K$13=4,J8615*Input!$J$13,0)+IF(Input!$K$14=4,K8615*Input!$J$14,0)+IF(Input!$K$15=4,L8615*Input!$J$15,0)+IF(Input!$K$16=4,M8615*Input!$J$16,0)</f>
        <v>0</v>
      </c>
    </row>
    <row r="8616" spans="8:17" x14ac:dyDescent="0.25">
      <c r="H8616" s="43">
        <v>8609</v>
      </c>
      <c r="I8616" s="55">
        <f>Bühler!I8642</f>
        <v>2.1239714755615005</v>
      </c>
      <c r="J8616" s="58">
        <f>Bühler!J8642</f>
        <v>34.603178034732636</v>
      </c>
      <c r="K8616" s="58">
        <f>Bühler!K8642</f>
        <v>2.1891102051973594</v>
      </c>
      <c r="L8616" s="58">
        <f>Bühler!L8642</f>
        <v>1.0945551025986797</v>
      </c>
      <c r="M8616" s="57">
        <f>Bühler!M8642</f>
        <v>0</v>
      </c>
      <c r="N8616" s="55">
        <f>IF(Input!$K$13=1,J8616*Input!$J$13,0)+IF(Input!$K$14=1,K8616*Input!$J$14,0)+IF(Input!$K$15=1,L8616*Input!$J$15,0)+IF(Input!$K$16=1,M8616*Input!$J$16,0)</f>
        <v>4.1523813641679164</v>
      </c>
      <c r="O8616" s="58">
        <f>IF(Input!$K$13=2,J8616*Input!$J$13,0)+IF(Input!$K$14=2,K8616*Input!$J$14,0)+IF(Input!$K$15=2,L8616*Input!$J$15,0)+IF(Input!$K$16=2,M8616*Input!$J$16,0)</f>
        <v>0.29552987770164352</v>
      </c>
      <c r="P8616" s="58">
        <f>IF(Input!$K$13=3,J8616*Input!$J$13,0)+IF(Input!$K$14=3,K8616*Input!$J$14,0)+IF(Input!$K$15=3,L8616*Input!$J$15,0)+IF(Input!$K$16=3,M8616*Input!$J$16,0)</f>
        <v>0</v>
      </c>
      <c r="Q8616" s="71">
        <f>IF(Input!$K$13=4,J8616*Input!$J$13,0)+IF(Input!$K$14=4,K8616*Input!$J$14,0)+IF(Input!$K$15=4,L8616*Input!$J$15,0)+IF(Input!$K$16=4,M8616*Input!$J$16,0)</f>
        <v>0</v>
      </c>
    </row>
    <row r="8617" spans="8:17" x14ac:dyDescent="0.25">
      <c r="H8617" s="43">
        <v>8610</v>
      </c>
      <c r="I8617" s="55">
        <f>Bühler!I8643</f>
        <v>1.7089425665437359</v>
      </c>
      <c r="J8617" s="58">
        <f>Bühler!J8643</f>
        <v>11.080557000291243</v>
      </c>
      <c r="K8617" s="58">
        <f>Bühler!K8643</f>
        <v>0.62546005862781706</v>
      </c>
      <c r="L8617" s="58">
        <f>Bühler!L8643</f>
        <v>0.31273002931390853</v>
      </c>
      <c r="M8617" s="57">
        <f>Bühler!M8643</f>
        <v>0</v>
      </c>
      <c r="N8617" s="55">
        <f>IF(Input!$K$13=1,J8617*Input!$J$13,0)+IF(Input!$K$14=1,K8617*Input!$J$14,0)+IF(Input!$K$15=1,L8617*Input!$J$15,0)+IF(Input!$K$16=1,M8617*Input!$J$16,0)</f>
        <v>1.3296668400349492</v>
      </c>
      <c r="O8617" s="58">
        <f>IF(Input!$K$13=2,J8617*Input!$J$13,0)+IF(Input!$K$14=2,K8617*Input!$J$14,0)+IF(Input!$K$15=2,L8617*Input!$J$15,0)+IF(Input!$K$16=2,M8617*Input!$J$16,0)</f>
        <v>8.4437107914755311E-2</v>
      </c>
      <c r="P8617" s="58">
        <f>IF(Input!$K$13=3,J8617*Input!$J$13,0)+IF(Input!$K$14=3,K8617*Input!$J$14,0)+IF(Input!$K$15=3,L8617*Input!$J$15,0)+IF(Input!$K$16=3,M8617*Input!$J$16,0)</f>
        <v>0</v>
      </c>
      <c r="Q8617" s="71">
        <f>IF(Input!$K$13=4,J8617*Input!$J$13,0)+IF(Input!$K$14=4,K8617*Input!$J$14,0)+IF(Input!$K$15=4,L8617*Input!$J$15,0)+IF(Input!$K$16=4,M8617*Input!$J$16,0)</f>
        <v>0</v>
      </c>
    </row>
    <row r="8618" spans="8:17" x14ac:dyDescent="0.25">
      <c r="H8618" s="43">
        <v>8611</v>
      </c>
      <c r="I8618" s="55">
        <f>Bühler!I8644</f>
        <v>0.61033663090847723</v>
      </c>
      <c r="J8618" s="58">
        <f>Bühler!J8644</f>
        <v>9.7604118016647501</v>
      </c>
      <c r="K8618" s="58">
        <f>Bühler!K8644</f>
        <v>0.6166507620274253</v>
      </c>
      <c r="L8618" s="58">
        <f>Bühler!L8644</f>
        <v>0.30832538101371265</v>
      </c>
      <c r="M8618" s="57">
        <f>Bühler!M8644</f>
        <v>0</v>
      </c>
      <c r="N8618" s="55">
        <f>IF(Input!$K$13=1,J8618*Input!$J$13,0)+IF(Input!$K$14=1,K8618*Input!$J$14,0)+IF(Input!$K$15=1,L8618*Input!$J$15,0)+IF(Input!$K$16=1,M8618*Input!$J$16,0)</f>
        <v>1.17124941619977</v>
      </c>
      <c r="O8618" s="58">
        <f>IF(Input!$K$13=2,J8618*Input!$J$13,0)+IF(Input!$K$14=2,K8618*Input!$J$14,0)+IF(Input!$K$15=2,L8618*Input!$J$15,0)+IF(Input!$K$16=2,M8618*Input!$J$16,0)</f>
        <v>8.3247852873702413E-2</v>
      </c>
      <c r="P8618" s="58">
        <f>IF(Input!$K$13=3,J8618*Input!$J$13,0)+IF(Input!$K$14=3,K8618*Input!$J$14,0)+IF(Input!$K$15=3,L8618*Input!$J$15,0)+IF(Input!$K$16=3,M8618*Input!$J$16,0)</f>
        <v>0</v>
      </c>
      <c r="Q8618" s="71">
        <f>IF(Input!$K$13=4,J8618*Input!$J$13,0)+IF(Input!$K$14=4,K8618*Input!$J$14,0)+IF(Input!$K$15=4,L8618*Input!$J$15,0)+IF(Input!$K$16=4,M8618*Input!$J$16,0)</f>
        <v>0</v>
      </c>
    </row>
    <row r="8619" spans="8:17" x14ac:dyDescent="0.25">
      <c r="H8619" s="43">
        <v>8612</v>
      </c>
      <c r="I8619" s="55">
        <f>Bühler!I8645</f>
        <v>0.61033663090847723</v>
      </c>
      <c r="J8619" s="58">
        <f>Bühler!J8645</f>
        <v>9.7604118016647501</v>
      </c>
      <c r="K8619" s="58">
        <f>Bühler!K8645</f>
        <v>0.6166507620274253</v>
      </c>
      <c r="L8619" s="58">
        <f>Bühler!L8645</f>
        <v>0.30832538101371265</v>
      </c>
      <c r="M8619" s="57">
        <f>Bühler!M8645</f>
        <v>0</v>
      </c>
      <c r="N8619" s="55">
        <f>IF(Input!$K$13=1,J8619*Input!$J$13,0)+IF(Input!$K$14=1,K8619*Input!$J$14,0)+IF(Input!$K$15=1,L8619*Input!$J$15,0)+IF(Input!$K$16=1,M8619*Input!$J$16,0)</f>
        <v>1.17124941619977</v>
      </c>
      <c r="O8619" s="58">
        <f>IF(Input!$K$13=2,J8619*Input!$J$13,0)+IF(Input!$K$14=2,K8619*Input!$J$14,0)+IF(Input!$K$15=2,L8619*Input!$J$15,0)+IF(Input!$K$16=2,M8619*Input!$J$16,0)</f>
        <v>8.3247852873702413E-2</v>
      </c>
      <c r="P8619" s="58">
        <f>IF(Input!$K$13=3,J8619*Input!$J$13,0)+IF(Input!$K$14=3,K8619*Input!$J$14,0)+IF(Input!$K$15=3,L8619*Input!$J$15,0)+IF(Input!$K$16=3,M8619*Input!$J$16,0)</f>
        <v>0</v>
      </c>
      <c r="Q8619" s="71">
        <f>IF(Input!$K$13=4,J8619*Input!$J$13,0)+IF(Input!$K$14=4,K8619*Input!$J$14,0)+IF(Input!$K$15=4,L8619*Input!$J$15,0)+IF(Input!$K$16=4,M8619*Input!$J$16,0)</f>
        <v>0</v>
      </c>
    </row>
    <row r="8620" spans="8:17" x14ac:dyDescent="0.25">
      <c r="H8620" s="43">
        <v>8613</v>
      </c>
      <c r="I8620" s="55">
        <f>Bühler!I8646</f>
        <v>0.61033663090847723</v>
      </c>
      <c r="J8620" s="58">
        <f>Bühler!J8646</f>
        <v>9.7604118016647501</v>
      </c>
      <c r="K8620" s="58">
        <f>Bühler!K8646</f>
        <v>0.6166507620274253</v>
      </c>
      <c r="L8620" s="58">
        <f>Bühler!L8646</f>
        <v>0.30832538101371265</v>
      </c>
      <c r="M8620" s="57">
        <f>Bühler!M8646</f>
        <v>0</v>
      </c>
      <c r="N8620" s="55">
        <f>IF(Input!$K$13=1,J8620*Input!$J$13,0)+IF(Input!$K$14=1,K8620*Input!$J$14,0)+IF(Input!$K$15=1,L8620*Input!$J$15,0)+IF(Input!$K$16=1,M8620*Input!$J$16,0)</f>
        <v>1.17124941619977</v>
      </c>
      <c r="O8620" s="58">
        <f>IF(Input!$K$13=2,J8620*Input!$J$13,0)+IF(Input!$K$14=2,K8620*Input!$J$14,0)+IF(Input!$K$15=2,L8620*Input!$J$15,0)+IF(Input!$K$16=2,M8620*Input!$J$16,0)</f>
        <v>8.3247852873702413E-2</v>
      </c>
      <c r="P8620" s="58">
        <f>IF(Input!$K$13=3,J8620*Input!$J$13,0)+IF(Input!$K$14=3,K8620*Input!$J$14,0)+IF(Input!$K$15=3,L8620*Input!$J$15,0)+IF(Input!$K$16=3,M8620*Input!$J$16,0)</f>
        <v>0</v>
      </c>
      <c r="Q8620" s="71">
        <f>IF(Input!$K$13=4,J8620*Input!$J$13,0)+IF(Input!$K$14=4,K8620*Input!$J$14,0)+IF(Input!$K$15=4,L8620*Input!$J$15,0)+IF(Input!$K$16=4,M8620*Input!$J$16,0)</f>
        <v>0</v>
      </c>
    </row>
    <row r="8621" spans="8:17" x14ac:dyDescent="0.25">
      <c r="H8621" s="43">
        <v>8614</v>
      </c>
      <c r="I8621" s="55">
        <f>Bühler!I8647</f>
        <v>0.61033663090847723</v>
      </c>
      <c r="J8621" s="58">
        <f>Bühler!J8647</f>
        <v>9.7604118016647501</v>
      </c>
      <c r="K8621" s="58">
        <f>Bühler!K8647</f>
        <v>0.6166507620274253</v>
      </c>
      <c r="L8621" s="58">
        <f>Bühler!L8647</f>
        <v>0.30832538101371265</v>
      </c>
      <c r="M8621" s="57">
        <f>Bühler!M8647</f>
        <v>0</v>
      </c>
      <c r="N8621" s="55">
        <f>IF(Input!$K$13=1,J8621*Input!$J$13,0)+IF(Input!$K$14=1,K8621*Input!$J$14,0)+IF(Input!$K$15=1,L8621*Input!$J$15,0)+IF(Input!$K$16=1,M8621*Input!$J$16,0)</f>
        <v>1.17124941619977</v>
      </c>
      <c r="O8621" s="58">
        <f>IF(Input!$K$13=2,J8621*Input!$J$13,0)+IF(Input!$K$14=2,K8621*Input!$J$14,0)+IF(Input!$K$15=2,L8621*Input!$J$15,0)+IF(Input!$K$16=2,M8621*Input!$J$16,0)</f>
        <v>8.3247852873702413E-2</v>
      </c>
      <c r="P8621" s="58">
        <f>IF(Input!$K$13=3,J8621*Input!$J$13,0)+IF(Input!$K$14=3,K8621*Input!$J$14,0)+IF(Input!$K$15=3,L8621*Input!$J$15,0)+IF(Input!$K$16=3,M8621*Input!$J$16,0)</f>
        <v>0</v>
      </c>
      <c r="Q8621" s="71">
        <f>IF(Input!$K$13=4,J8621*Input!$J$13,0)+IF(Input!$K$14=4,K8621*Input!$J$14,0)+IF(Input!$K$15=4,L8621*Input!$J$15,0)+IF(Input!$K$16=4,M8621*Input!$J$16,0)</f>
        <v>0</v>
      </c>
    </row>
    <row r="8622" spans="8:17" x14ac:dyDescent="0.25">
      <c r="H8622" s="43">
        <v>8615</v>
      </c>
      <c r="I8622" s="55">
        <f>Bühler!I8648</f>
        <v>0.61033663090847723</v>
      </c>
      <c r="J8622" s="58">
        <f>Bühler!J8648</f>
        <v>9.7604118016647501</v>
      </c>
      <c r="K8622" s="58">
        <f>Bühler!K8648</f>
        <v>0.6166507620274253</v>
      </c>
      <c r="L8622" s="58">
        <f>Bühler!L8648</f>
        <v>0.30832538101371265</v>
      </c>
      <c r="M8622" s="57">
        <f>Bühler!M8648</f>
        <v>0</v>
      </c>
      <c r="N8622" s="55">
        <f>IF(Input!$K$13=1,J8622*Input!$J$13,0)+IF(Input!$K$14=1,K8622*Input!$J$14,0)+IF(Input!$K$15=1,L8622*Input!$J$15,0)+IF(Input!$K$16=1,M8622*Input!$J$16,0)</f>
        <v>1.17124941619977</v>
      </c>
      <c r="O8622" s="58">
        <f>IF(Input!$K$13=2,J8622*Input!$J$13,0)+IF(Input!$K$14=2,K8622*Input!$J$14,0)+IF(Input!$K$15=2,L8622*Input!$J$15,0)+IF(Input!$K$16=2,M8622*Input!$J$16,0)</f>
        <v>8.3247852873702413E-2</v>
      </c>
      <c r="P8622" s="58">
        <f>IF(Input!$K$13=3,J8622*Input!$J$13,0)+IF(Input!$K$14=3,K8622*Input!$J$14,0)+IF(Input!$K$15=3,L8622*Input!$J$15,0)+IF(Input!$K$16=3,M8622*Input!$J$16,0)</f>
        <v>0</v>
      </c>
      <c r="Q8622" s="71">
        <f>IF(Input!$K$13=4,J8622*Input!$J$13,0)+IF(Input!$K$14=4,K8622*Input!$J$14,0)+IF(Input!$K$15=4,L8622*Input!$J$15,0)+IF(Input!$K$16=4,M8622*Input!$J$16,0)</f>
        <v>0</v>
      </c>
    </row>
    <row r="8623" spans="8:17" x14ac:dyDescent="0.25">
      <c r="H8623" s="43">
        <v>8616</v>
      </c>
      <c r="I8623" s="55">
        <f>Bühler!I8649</f>
        <v>0.61033663090847723</v>
      </c>
      <c r="J8623" s="58">
        <f>Bühler!J8649</f>
        <v>9.7604118016647501</v>
      </c>
      <c r="K8623" s="58">
        <f>Bühler!K8649</f>
        <v>0.6166507620274253</v>
      </c>
      <c r="L8623" s="58">
        <f>Bühler!L8649</f>
        <v>0.30832538101371265</v>
      </c>
      <c r="M8623" s="57">
        <f>Bühler!M8649</f>
        <v>0</v>
      </c>
      <c r="N8623" s="55">
        <f>IF(Input!$K$13=1,J8623*Input!$J$13,0)+IF(Input!$K$14=1,K8623*Input!$J$14,0)+IF(Input!$K$15=1,L8623*Input!$J$15,0)+IF(Input!$K$16=1,M8623*Input!$J$16,0)</f>
        <v>1.17124941619977</v>
      </c>
      <c r="O8623" s="58">
        <f>IF(Input!$K$13=2,J8623*Input!$J$13,0)+IF(Input!$K$14=2,K8623*Input!$J$14,0)+IF(Input!$K$15=2,L8623*Input!$J$15,0)+IF(Input!$K$16=2,M8623*Input!$J$16,0)</f>
        <v>8.3247852873702413E-2</v>
      </c>
      <c r="P8623" s="58">
        <f>IF(Input!$K$13=3,J8623*Input!$J$13,0)+IF(Input!$K$14=3,K8623*Input!$J$14,0)+IF(Input!$K$15=3,L8623*Input!$J$15,0)+IF(Input!$K$16=3,M8623*Input!$J$16,0)</f>
        <v>0</v>
      </c>
      <c r="Q8623" s="71">
        <f>IF(Input!$K$13=4,J8623*Input!$J$13,0)+IF(Input!$K$14=4,K8623*Input!$J$14,0)+IF(Input!$K$15=4,L8623*Input!$J$15,0)+IF(Input!$K$16=4,M8623*Input!$J$16,0)</f>
        <v>0</v>
      </c>
    </row>
    <row r="8624" spans="8:17" x14ac:dyDescent="0.25">
      <c r="H8624" s="43">
        <v>8617</v>
      </c>
      <c r="I8624" s="55">
        <f>Bühler!I8650</f>
        <v>0.8650822659701175</v>
      </c>
      <c r="J8624" s="58">
        <f>Bühler!J8650</f>
        <v>6.9049265687801604</v>
      </c>
      <c r="K8624" s="58">
        <f>Bühler!K8650</f>
        <v>0.39478362238687842</v>
      </c>
      <c r="L8624" s="58">
        <f>Bühler!L8650</f>
        <v>0.19739181119343921</v>
      </c>
      <c r="M8624" s="57">
        <f>Bühler!M8650</f>
        <v>0</v>
      </c>
      <c r="N8624" s="55">
        <f>IF(Input!$K$13=1,J8624*Input!$J$13,0)+IF(Input!$K$14=1,K8624*Input!$J$14,0)+IF(Input!$K$15=1,L8624*Input!$J$15,0)+IF(Input!$K$16=1,M8624*Input!$J$16,0)</f>
        <v>0.82859118825361922</v>
      </c>
      <c r="O8624" s="58">
        <f>IF(Input!$K$13=2,J8624*Input!$J$13,0)+IF(Input!$K$14=2,K8624*Input!$J$14,0)+IF(Input!$K$15=2,L8624*Input!$J$15,0)+IF(Input!$K$16=2,M8624*Input!$J$16,0)</f>
        <v>5.329578902222859E-2</v>
      </c>
      <c r="P8624" s="58">
        <f>IF(Input!$K$13=3,J8624*Input!$J$13,0)+IF(Input!$K$14=3,K8624*Input!$J$14,0)+IF(Input!$K$15=3,L8624*Input!$J$15,0)+IF(Input!$K$16=3,M8624*Input!$J$16,0)</f>
        <v>0</v>
      </c>
      <c r="Q8624" s="71">
        <f>IF(Input!$K$13=4,J8624*Input!$J$13,0)+IF(Input!$K$14=4,K8624*Input!$J$14,0)+IF(Input!$K$15=4,L8624*Input!$J$15,0)+IF(Input!$K$16=4,M8624*Input!$J$16,0)</f>
        <v>0</v>
      </c>
    </row>
    <row r="8625" spans="8:17" x14ac:dyDescent="0.25">
      <c r="H8625" s="43">
        <v>8618</v>
      </c>
      <c r="I8625" s="55">
        <f>Bühler!I8651</f>
        <v>0.8650822659701175</v>
      </c>
      <c r="J8625" s="58">
        <f>Bühler!J8651</f>
        <v>10.030893009435932</v>
      </c>
      <c r="K8625" s="58">
        <f>Bühler!K8651</f>
        <v>0.6015750436371482</v>
      </c>
      <c r="L8625" s="58">
        <f>Bühler!L8651</f>
        <v>0.3007875218185741</v>
      </c>
      <c r="M8625" s="57">
        <f>Bühler!M8651</f>
        <v>0</v>
      </c>
      <c r="N8625" s="55">
        <f>IF(Input!$K$13=1,J8625*Input!$J$13,0)+IF(Input!$K$14=1,K8625*Input!$J$14,0)+IF(Input!$K$15=1,L8625*Input!$J$15,0)+IF(Input!$K$16=1,M8625*Input!$J$16,0)</f>
        <v>1.2037071611323118</v>
      </c>
      <c r="O8625" s="58">
        <f>IF(Input!$K$13=2,J8625*Input!$J$13,0)+IF(Input!$K$14=2,K8625*Input!$J$14,0)+IF(Input!$K$15=2,L8625*Input!$J$15,0)+IF(Input!$K$16=2,M8625*Input!$J$16,0)</f>
        <v>8.1212630891015006E-2</v>
      </c>
      <c r="P8625" s="58">
        <f>IF(Input!$K$13=3,J8625*Input!$J$13,0)+IF(Input!$K$14=3,K8625*Input!$J$14,0)+IF(Input!$K$15=3,L8625*Input!$J$15,0)+IF(Input!$K$16=3,M8625*Input!$J$16,0)</f>
        <v>0</v>
      </c>
      <c r="Q8625" s="71">
        <f>IF(Input!$K$13=4,J8625*Input!$J$13,0)+IF(Input!$K$14=4,K8625*Input!$J$14,0)+IF(Input!$K$15=4,L8625*Input!$J$15,0)+IF(Input!$K$16=4,M8625*Input!$J$16,0)</f>
        <v>0</v>
      </c>
    </row>
    <row r="8626" spans="8:17" x14ac:dyDescent="0.25">
      <c r="H8626" s="43">
        <v>8619</v>
      </c>
      <c r="I8626" s="55">
        <f>Bühler!I8652</f>
        <v>0.8650822659701175</v>
      </c>
      <c r="J8626" s="58">
        <f>Bühler!J8652</f>
        <v>10.030893009435932</v>
      </c>
      <c r="K8626" s="58">
        <f>Bühler!K8652</f>
        <v>0.6015750436371482</v>
      </c>
      <c r="L8626" s="58">
        <f>Bühler!L8652</f>
        <v>0.3007875218185741</v>
      </c>
      <c r="M8626" s="57">
        <f>Bühler!M8652</f>
        <v>0</v>
      </c>
      <c r="N8626" s="55">
        <f>IF(Input!$K$13=1,J8626*Input!$J$13,0)+IF(Input!$K$14=1,K8626*Input!$J$14,0)+IF(Input!$K$15=1,L8626*Input!$J$15,0)+IF(Input!$K$16=1,M8626*Input!$J$16,0)</f>
        <v>1.2037071611323118</v>
      </c>
      <c r="O8626" s="58">
        <f>IF(Input!$K$13=2,J8626*Input!$J$13,0)+IF(Input!$K$14=2,K8626*Input!$J$14,0)+IF(Input!$K$15=2,L8626*Input!$J$15,0)+IF(Input!$K$16=2,M8626*Input!$J$16,0)</f>
        <v>8.1212630891015006E-2</v>
      </c>
      <c r="P8626" s="58">
        <f>IF(Input!$K$13=3,J8626*Input!$J$13,0)+IF(Input!$K$14=3,K8626*Input!$J$14,0)+IF(Input!$K$15=3,L8626*Input!$J$15,0)+IF(Input!$K$16=3,M8626*Input!$J$16,0)</f>
        <v>0</v>
      </c>
      <c r="Q8626" s="71">
        <f>IF(Input!$K$13=4,J8626*Input!$J$13,0)+IF(Input!$K$14=4,K8626*Input!$J$14,0)+IF(Input!$K$15=4,L8626*Input!$J$15,0)+IF(Input!$K$16=4,M8626*Input!$J$16,0)</f>
        <v>0</v>
      </c>
    </row>
    <row r="8627" spans="8:17" x14ac:dyDescent="0.25">
      <c r="H8627" s="43">
        <v>8620</v>
      </c>
      <c r="I8627" s="55">
        <f>Bühler!I8653</f>
        <v>0.8650822659701175</v>
      </c>
      <c r="J8627" s="58">
        <f>Bühler!J8653</f>
        <v>10.030893009435932</v>
      </c>
      <c r="K8627" s="58">
        <f>Bühler!K8653</f>
        <v>0.6015750436371482</v>
      </c>
      <c r="L8627" s="58">
        <f>Bühler!L8653</f>
        <v>0.3007875218185741</v>
      </c>
      <c r="M8627" s="57">
        <f>Bühler!M8653</f>
        <v>0</v>
      </c>
      <c r="N8627" s="55">
        <f>IF(Input!$K$13=1,J8627*Input!$J$13,0)+IF(Input!$K$14=1,K8627*Input!$J$14,0)+IF(Input!$K$15=1,L8627*Input!$J$15,0)+IF(Input!$K$16=1,M8627*Input!$J$16,0)</f>
        <v>1.2037071611323118</v>
      </c>
      <c r="O8627" s="58">
        <f>IF(Input!$K$13=2,J8627*Input!$J$13,0)+IF(Input!$K$14=2,K8627*Input!$J$14,0)+IF(Input!$K$15=2,L8627*Input!$J$15,0)+IF(Input!$K$16=2,M8627*Input!$J$16,0)</f>
        <v>8.1212630891015006E-2</v>
      </c>
      <c r="P8627" s="58">
        <f>IF(Input!$K$13=3,J8627*Input!$J$13,0)+IF(Input!$K$14=3,K8627*Input!$J$14,0)+IF(Input!$K$15=3,L8627*Input!$J$15,0)+IF(Input!$K$16=3,M8627*Input!$J$16,0)</f>
        <v>0</v>
      </c>
      <c r="Q8627" s="71">
        <f>IF(Input!$K$13=4,J8627*Input!$J$13,0)+IF(Input!$K$14=4,K8627*Input!$J$14,0)+IF(Input!$K$15=4,L8627*Input!$J$15,0)+IF(Input!$K$16=4,M8627*Input!$J$16,0)</f>
        <v>0</v>
      </c>
    </row>
    <row r="8628" spans="8:17" x14ac:dyDescent="0.25">
      <c r="H8628" s="43">
        <v>8621</v>
      </c>
      <c r="I8628" s="55">
        <f>Bühler!I8654</f>
        <v>0.8650822659701175</v>
      </c>
      <c r="J8628" s="58">
        <f>Bühler!J8654</f>
        <v>10.030893009435932</v>
      </c>
      <c r="K8628" s="58">
        <f>Bühler!K8654</f>
        <v>0.6015750436371482</v>
      </c>
      <c r="L8628" s="58">
        <f>Bühler!L8654</f>
        <v>0.3007875218185741</v>
      </c>
      <c r="M8628" s="57">
        <f>Bühler!M8654</f>
        <v>0</v>
      </c>
      <c r="N8628" s="55">
        <f>IF(Input!$K$13=1,J8628*Input!$J$13,0)+IF(Input!$K$14=1,K8628*Input!$J$14,0)+IF(Input!$K$15=1,L8628*Input!$J$15,0)+IF(Input!$K$16=1,M8628*Input!$J$16,0)</f>
        <v>1.2037071611323118</v>
      </c>
      <c r="O8628" s="58">
        <f>IF(Input!$K$13=2,J8628*Input!$J$13,0)+IF(Input!$K$14=2,K8628*Input!$J$14,0)+IF(Input!$K$15=2,L8628*Input!$J$15,0)+IF(Input!$K$16=2,M8628*Input!$J$16,0)</f>
        <v>8.1212630891015006E-2</v>
      </c>
      <c r="P8628" s="58">
        <f>IF(Input!$K$13=3,J8628*Input!$J$13,0)+IF(Input!$K$14=3,K8628*Input!$J$14,0)+IF(Input!$K$15=3,L8628*Input!$J$15,0)+IF(Input!$K$16=3,M8628*Input!$J$16,0)</f>
        <v>0</v>
      </c>
      <c r="Q8628" s="71">
        <f>IF(Input!$K$13=4,J8628*Input!$J$13,0)+IF(Input!$K$14=4,K8628*Input!$J$14,0)+IF(Input!$K$15=4,L8628*Input!$J$15,0)+IF(Input!$K$16=4,M8628*Input!$J$16,0)</f>
        <v>0</v>
      </c>
    </row>
    <row r="8629" spans="8:17" x14ac:dyDescent="0.25">
      <c r="H8629" s="43">
        <v>8622</v>
      </c>
      <c r="I8629" s="55">
        <f>Bühler!I8655</f>
        <v>0.8650822659701175</v>
      </c>
      <c r="J8629" s="58">
        <f>Bühler!J8655</f>
        <v>10.030893009435932</v>
      </c>
      <c r="K8629" s="58">
        <f>Bühler!K8655</f>
        <v>0.6015750436371482</v>
      </c>
      <c r="L8629" s="58">
        <f>Bühler!L8655</f>
        <v>0.3007875218185741</v>
      </c>
      <c r="M8629" s="57">
        <f>Bühler!M8655</f>
        <v>0</v>
      </c>
      <c r="N8629" s="55">
        <f>IF(Input!$K$13=1,J8629*Input!$J$13,0)+IF(Input!$K$14=1,K8629*Input!$J$14,0)+IF(Input!$K$15=1,L8629*Input!$J$15,0)+IF(Input!$K$16=1,M8629*Input!$J$16,0)</f>
        <v>1.2037071611323118</v>
      </c>
      <c r="O8629" s="58">
        <f>IF(Input!$K$13=2,J8629*Input!$J$13,0)+IF(Input!$K$14=2,K8629*Input!$J$14,0)+IF(Input!$K$15=2,L8629*Input!$J$15,0)+IF(Input!$K$16=2,M8629*Input!$J$16,0)</f>
        <v>8.1212630891015006E-2</v>
      </c>
      <c r="P8629" s="58">
        <f>IF(Input!$K$13=3,J8629*Input!$J$13,0)+IF(Input!$K$14=3,K8629*Input!$J$14,0)+IF(Input!$K$15=3,L8629*Input!$J$15,0)+IF(Input!$K$16=3,M8629*Input!$J$16,0)</f>
        <v>0</v>
      </c>
      <c r="Q8629" s="71">
        <f>IF(Input!$K$13=4,J8629*Input!$J$13,0)+IF(Input!$K$14=4,K8629*Input!$J$14,0)+IF(Input!$K$15=4,L8629*Input!$J$15,0)+IF(Input!$K$16=4,M8629*Input!$J$16,0)</f>
        <v>0</v>
      </c>
    </row>
    <row r="8630" spans="8:17" x14ac:dyDescent="0.25">
      <c r="H8630" s="43">
        <v>8623</v>
      </c>
      <c r="I8630" s="55">
        <f>Bühler!I8656</f>
        <v>0.8650822659701175</v>
      </c>
      <c r="J8630" s="58">
        <f>Bühler!J8656</f>
        <v>10.030893009435932</v>
      </c>
      <c r="K8630" s="58">
        <f>Bühler!K8656</f>
        <v>0.6015750436371482</v>
      </c>
      <c r="L8630" s="58">
        <f>Bühler!L8656</f>
        <v>0.3007875218185741</v>
      </c>
      <c r="M8630" s="57">
        <f>Bühler!M8656</f>
        <v>0</v>
      </c>
      <c r="N8630" s="55">
        <f>IF(Input!$K$13=1,J8630*Input!$J$13,0)+IF(Input!$K$14=1,K8630*Input!$J$14,0)+IF(Input!$K$15=1,L8630*Input!$J$15,0)+IF(Input!$K$16=1,M8630*Input!$J$16,0)</f>
        <v>1.2037071611323118</v>
      </c>
      <c r="O8630" s="58">
        <f>IF(Input!$K$13=2,J8630*Input!$J$13,0)+IF(Input!$K$14=2,K8630*Input!$J$14,0)+IF(Input!$K$15=2,L8630*Input!$J$15,0)+IF(Input!$K$16=2,M8630*Input!$J$16,0)</f>
        <v>8.1212630891015006E-2</v>
      </c>
      <c r="P8630" s="58">
        <f>IF(Input!$K$13=3,J8630*Input!$J$13,0)+IF(Input!$K$14=3,K8630*Input!$J$14,0)+IF(Input!$K$15=3,L8630*Input!$J$15,0)+IF(Input!$K$16=3,M8630*Input!$J$16,0)</f>
        <v>0</v>
      </c>
      <c r="Q8630" s="71">
        <f>IF(Input!$K$13=4,J8630*Input!$J$13,0)+IF(Input!$K$14=4,K8630*Input!$J$14,0)+IF(Input!$K$15=4,L8630*Input!$J$15,0)+IF(Input!$K$16=4,M8630*Input!$J$16,0)</f>
        <v>0</v>
      </c>
    </row>
    <row r="8631" spans="8:17" x14ac:dyDescent="0.25">
      <c r="H8631" s="43">
        <v>8624</v>
      </c>
      <c r="I8631" s="55">
        <f>Bühler!I8657</f>
        <v>2.4919950435848865</v>
      </c>
      <c r="J8631" s="58">
        <f>Bühler!J8657</f>
        <v>41.035377010350004</v>
      </c>
      <c r="K8631" s="58">
        <f>Bühler!K8657</f>
        <v>2.5360147933328525</v>
      </c>
      <c r="L8631" s="58">
        <f>Bühler!L8657</f>
        <v>1.2680073966664263</v>
      </c>
      <c r="M8631" s="57">
        <f>Bühler!M8657</f>
        <v>0</v>
      </c>
      <c r="N8631" s="55">
        <f>IF(Input!$K$13=1,J8631*Input!$J$13,0)+IF(Input!$K$14=1,K8631*Input!$J$14,0)+IF(Input!$K$15=1,L8631*Input!$J$15,0)+IF(Input!$K$16=1,M8631*Input!$J$16,0)</f>
        <v>4.9242452412420006</v>
      </c>
      <c r="O8631" s="58">
        <f>IF(Input!$K$13=2,J8631*Input!$J$13,0)+IF(Input!$K$14=2,K8631*Input!$J$14,0)+IF(Input!$K$15=2,L8631*Input!$J$15,0)+IF(Input!$K$16=2,M8631*Input!$J$16,0)</f>
        <v>0.34236199709993509</v>
      </c>
      <c r="P8631" s="58">
        <f>IF(Input!$K$13=3,J8631*Input!$J$13,0)+IF(Input!$K$14=3,K8631*Input!$J$14,0)+IF(Input!$K$15=3,L8631*Input!$J$15,0)+IF(Input!$K$16=3,M8631*Input!$J$16,0)</f>
        <v>0</v>
      </c>
      <c r="Q8631" s="71">
        <f>IF(Input!$K$13=4,J8631*Input!$J$13,0)+IF(Input!$K$14=4,K8631*Input!$J$14,0)+IF(Input!$K$15=4,L8631*Input!$J$15,0)+IF(Input!$K$16=4,M8631*Input!$J$16,0)</f>
        <v>0</v>
      </c>
    </row>
    <row r="8632" spans="8:17" x14ac:dyDescent="0.25">
      <c r="H8632" s="43">
        <v>8625</v>
      </c>
      <c r="I8632" s="55">
        <f>Bühler!I8658</f>
        <v>2.7805418381052425</v>
      </c>
      <c r="J8632" s="58">
        <f>Bühler!J8658</f>
        <v>45.786841716811587</v>
      </c>
      <c r="K8632" s="58">
        <f>Bühler!K8658</f>
        <v>2.8296586115082354</v>
      </c>
      <c r="L8632" s="58">
        <f>Bühler!L8658</f>
        <v>1.4148293057541177</v>
      </c>
      <c r="M8632" s="57">
        <f>Bühler!M8658</f>
        <v>0</v>
      </c>
      <c r="N8632" s="55">
        <f>IF(Input!$K$13=1,J8632*Input!$J$13,0)+IF(Input!$K$14=1,K8632*Input!$J$14,0)+IF(Input!$K$15=1,L8632*Input!$J$15,0)+IF(Input!$K$16=1,M8632*Input!$J$16,0)</f>
        <v>5.4944210060173901</v>
      </c>
      <c r="O8632" s="58">
        <f>IF(Input!$K$13=2,J8632*Input!$J$13,0)+IF(Input!$K$14=2,K8632*Input!$J$14,0)+IF(Input!$K$15=2,L8632*Input!$J$15,0)+IF(Input!$K$16=2,M8632*Input!$J$16,0)</f>
        <v>0.38200391255361177</v>
      </c>
      <c r="P8632" s="58">
        <f>IF(Input!$K$13=3,J8632*Input!$J$13,0)+IF(Input!$K$14=3,K8632*Input!$J$14,0)+IF(Input!$K$15=3,L8632*Input!$J$15,0)+IF(Input!$K$16=3,M8632*Input!$J$16,0)</f>
        <v>0</v>
      </c>
      <c r="Q8632" s="71">
        <f>IF(Input!$K$13=4,J8632*Input!$J$13,0)+IF(Input!$K$14=4,K8632*Input!$J$14,0)+IF(Input!$K$15=4,L8632*Input!$J$15,0)+IF(Input!$K$16=4,M8632*Input!$J$16,0)</f>
        <v>0</v>
      </c>
    </row>
    <row r="8633" spans="8:17" x14ac:dyDescent="0.25">
      <c r="H8633" s="43">
        <v>8626</v>
      </c>
      <c r="I8633" s="55">
        <f>Bühler!I8659</f>
        <v>3.0690886326255975</v>
      </c>
      <c r="J8633" s="58">
        <f>Bühler!J8659</f>
        <v>50.53830642327317</v>
      </c>
      <c r="K8633" s="58">
        <f>Bühler!K8659</f>
        <v>3.1233024296836187</v>
      </c>
      <c r="L8633" s="58">
        <f>Bühler!L8659</f>
        <v>1.5616512148418094</v>
      </c>
      <c r="M8633" s="57">
        <f>Bühler!M8659</f>
        <v>0</v>
      </c>
      <c r="N8633" s="55">
        <f>IF(Input!$K$13=1,J8633*Input!$J$13,0)+IF(Input!$K$14=1,K8633*Input!$J$14,0)+IF(Input!$K$15=1,L8633*Input!$J$15,0)+IF(Input!$K$16=1,M8633*Input!$J$16,0)</f>
        <v>6.0645967707927806</v>
      </c>
      <c r="O8633" s="58">
        <f>IF(Input!$K$13=2,J8633*Input!$J$13,0)+IF(Input!$K$14=2,K8633*Input!$J$14,0)+IF(Input!$K$15=2,L8633*Input!$J$15,0)+IF(Input!$K$16=2,M8633*Input!$J$16,0)</f>
        <v>0.42164582800728856</v>
      </c>
      <c r="P8633" s="58">
        <f>IF(Input!$K$13=3,J8633*Input!$J$13,0)+IF(Input!$K$14=3,K8633*Input!$J$14,0)+IF(Input!$K$15=3,L8633*Input!$J$15,0)+IF(Input!$K$16=3,M8633*Input!$J$16,0)</f>
        <v>0</v>
      </c>
      <c r="Q8633" s="71">
        <f>IF(Input!$K$13=4,J8633*Input!$J$13,0)+IF(Input!$K$14=4,K8633*Input!$J$14,0)+IF(Input!$K$15=4,L8633*Input!$J$15,0)+IF(Input!$K$16=4,M8633*Input!$J$16,0)</f>
        <v>0</v>
      </c>
    </row>
    <row r="8634" spans="8:17" x14ac:dyDescent="0.25">
      <c r="H8634" s="43">
        <v>8627</v>
      </c>
      <c r="I8634" s="55">
        <f>Bühler!I8660</f>
        <v>3.0690886326255975</v>
      </c>
      <c r="J8634" s="58">
        <f>Bühler!J8660</f>
        <v>50.53830642327317</v>
      </c>
      <c r="K8634" s="58">
        <f>Bühler!K8660</f>
        <v>3.1233024296836187</v>
      </c>
      <c r="L8634" s="58">
        <f>Bühler!L8660</f>
        <v>1.5616512148418094</v>
      </c>
      <c r="M8634" s="57">
        <f>Bühler!M8660</f>
        <v>0</v>
      </c>
      <c r="N8634" s="55">
        <f>IF(Input!$K$13=1,J8634*Input!$J$13,0)+IF(Input!$K$14=1,K8634*Input!$J$14,0)+IF(Input!$K$15=1,L8634*Input!$J$15,0)+IF(Input!$K$16=1,M8634*Input!$J$16,0)</f>
        <v>6.0645967707927806</v>
      </c>
      <c r="O8634" s="58">
        <f>IF(Input!$K$13=2,J8634*Input!$J$13,0)+IF(Input!$K$14=2,K8634*Input!$J$14,0)+IF(Input!$K$15=2,L8634*Input!$J$15,0)+IF(Input!$K$16=2,M8634*Input!$J$16,0)</f>
        <v>0.42164582800728856</v>
      </c>
      <c r="P8634" s="58">
        <f>IF(Input!$K$13=3,J8634*Input!$J$13,0)+IF(Input!$K$14=3,K8634*Input!$J$14,0)+IF(Input!$K$15=3,L8634*Input!$J$15,0)+IF(Input!$K$16=3,M8634*Input!$J$16,0)</f>
        <v>0</v>
      </c>
      <c r="Q8634" s="71">
        <f>IF(Input!$K$13=4,J8634*Input!$J$13,0)+IF(Input!$K$14=4,K8634*Input!$J$14,0)+IF(Input!$K$15=4,L8634*Input!$J$15,0)+IF(Input!$K$16=4,M8634*Input!$J$16,0)</f>
        <v>0</v>
      </c>
    </row>
    <row r="8635" spans="8:17" x14ac:dyDescent="0.25">
      <c r="H8635" s="43">
        <v>8628</v>
      </c>
      <c r="I8635" s="55">
        <f>Bühler!I8661</f>
        <v>3.6724137484408863</v>
      </c>
      <c r="J8635" s="58">
        <f>Bühler!J8661</f>
        <v>60.473187173147366</v>
      </c>
      <c r="K8635" s="58">
        <f>Bühler!K8661</f>
        <v>3.7372849585957826</v>
      </c>
      <c r="L8635" s="58">
        <f>Bühler!L8661</f>
        <v>1.8686424792978913</v>
      </c>
      <c r="M8635" s="57">
        <f>Bühler!M8661</f>
        <v>0</v>
      </c>
      <c r="N8635" s="55">
        <f>IF(Input!$K$13=1,J8635*Input!$J$13,0)+IF(Input!$K$14=1,K8635*Input!$J$14,0)+IF(Input!$K$15=1,L8635*Input!$J$15,0)+IF(Input!$K$16=1,M8635*Input!$J$16,0)</f>
        <v>7.2567824607776839</v>
      </c>
      <c r="O8635" s="58">
        <f>IF(Input!$K$13=2,J8635*Input!$J$13,0)+IF(Input!$K$14=2,K8635*Input!$J$14,0)+IF(Input!$K$15=2,L8635*Input!$J$15,0)+IF(Input!$K$16=2,M8635*Input!$J$16,0)</f>
        <v>0.50453346941043065</v>
      </c>
      <c r="P8635" s="58">
        <f>IF(Input!$K$13=3,J8635*Input!$J$13,0)+IF(Input!$K$14=3,K8635*Input!$J$14,0)+IF(Input!$K$15=3,L8635*Input!$J$15,0)+IF(Input!$K$16=3,M8635*Input!$J$16,0)</f>
        <v>0</v>
      </c>
      <c r="Q8635" s="71">
        <f>IF(Input!$K$13=4,J8635*Input!$J$13,0)+IF(Input!$K$14=4,K8635*Input!$J$14,0)+IF(Input!$K$15=4,L8635*Input!$J$15,0)+IF(Input!$K$16=4,M8635*Input!$J$16,0)</f>
        <v>0</v>
      </c>
    </row>
    <row r="8636" spans="8:17" x14ac:dyDescent="0.25">
      <c r="H8636" s="43">
        <v>8629</v>
      </c>
      <c r="I8636" s="55">
        <f>Bühler!I8662</f>
        <v>3.6724137484408863</v>
      </c>
      <c r="J8636" s="58">
        <f>Bühler!J8662</f>
        <v>60.473187173147366</v>
      </c>
      <c r="K8636" s="58">
        <f>Bühler!K8662</f>
        <v>3.7372849585957826</v>
      </c>
      <c r="L8636" s="58">
        <f>Bühler!L8662</f>
        <v>1.8686424792978913</v>
      </c>
      <c r="M8636" s="57">
        <f>Bühler!M8662</f>
        <v>0</v>
      </c>
      <c r="N8636" s="55">
        <f>IF(Input!$K$13=1,J8636*Input!$J$13,0)+IF(Input!$K$14=1,K8636*Input!$J$14,0)+IF(Input!$K$15=1,L8636*Input!$J$15,0)+IF(Input!$K$16=1,M8636*Input!$J$16,0)</f>
        <v>7.2567824607776839</v>
      </c>
      <c r="O8636" s="58">
        <f>IF(Input!$K$13=2,J8636*Input!$J$13,0)+IF(Input!$K$14=2,K8636*Input!$J$14,0)+IF(Input!$K$15=2,L8636*Input!$J$15,0)+IF(Input!$K$16=2,M8636*Input!$J$16,0)</f>
        <v>0.50453346941043065</v>
      </c>
      <c r="P8636" s="58">
        <f>IF(Input!$K$13=3,J8636*Input!$J$13,0)+IF(Input!$K$14=3,K8636*Input!$J$14,0)+IF(Input!$K$15=3,L8636*Input!$J$15,0)+IF(Input!$K$16=3,M8636*Input!$J$16,0)</f>
        <v>0</v>
      </c>
      <c r="Q8636" s="71">
        <f>IF(Input!$K$13=4,J8636*Input!$J$13,0)+IF(Input!$K$14=4,K8636*Input!$J$14,0)+IF(Input!$K$15=4,L8636*Input!$J$15,0)+IF(Input!$K$16=4,M8636*Input!$J$16,0)</f>
        <v>0</v>
      </c>
    </row>
    <row r="8637" spans="8:17" x14ac:dyDescent="0.25">
      <c r="H8637" s="43">
        <v>8630</v>
      </c>
      <c r="I8637" s="55">
        <f>Bühler!I8663</f>
        <v>2.4395319900357308</v>
      </c>
      <c r="J8637" s="58">
        <f>Bühler!J8663</f>
        <v>40.171474336447901</v>
      </c>
      <c r="K8637" s="58">
        <f>Bühler!K8663</f>
        <v>2.4826250082100554</v>
      </c>
      <c r="L8637" s="58">
        <f>Bühler!L8663</f>
        <v>1.2413125041050277</v>
      </c>
      <c r="M8637" s="57">
        <f>Bühler!M8663</f>
        <v>0</v>
      </c>
      <c r="N8637" s="55">
        <f>IF(Input!$K$13=1,J8637*Input!$J$13,0)+IF(Input!$K$14=1,K8637*Input!$J$14,0)+IF(Input!$K$15=1,L8637*Input!$J$15,0)+IF(Input!$K$16=1,M8637*Input!$J$16,0)</f>
        <v>4.8205769203737479</v>
      </c>
      <c r="O8637" s="58">
        <f>IF(Input!$K$13=2,J8637*Input!$J$13,0)+IF(Input!$K$14=2,K8637*Input!$J$14,0)+IF(Input!$K$15=2,L8637*Input!$J$15,0)+IF(Input!$K$16=2,M8637*Input!$J$16,0)</f>
        <v>0.33515437610835747</v>
      </c>
      <c r="P8637" s="58">
        <f>IF(Input!$K$13=3,J8637*Input!$J$13,0)+IF(Input!$K$14=3,K8637*Input!$J$14,0)+IF(Input!$K$15=3,L8637*Input!$J$15,0)+IF(Input!$K$16=3,M8637*Input!$J$16,0)</f>
        <v>0</v>
      </c>
      <c r="Q8637" s="71">
        <f>IF(Input!$K$13=4,J8637*Input!$J$13,0)+IF(Input!$K$14=4,K8637*Input!$J$14,0)+IF(Input!$K$15=4,L8637*Input!$J$15,0)+IF(Input!$K$16=4,M8637*Input!$J$16,0)</f>
        <v>0</v>
      </c>
    </row>
    <row r="8638" spans="8:17" x14ac:dyDescent="0.25">
      <c r="H8638" s="43">
        <v>8631</v>
      </c>
      <c r="I8638" s="55">
        <f>Bühler!I8664</f>
        <v>3.6724137484408863</v>
      </c>
      <c r="J8638" s="58">
        <f>Bühler!J8664</f>
        <v>60.473187173147366</v>
      </c>
      <c r="K8638" s="58">
        <f>Bühler!K8664</f>
        <v>3.7372849585957826</v>
      </c>
      <c r="L8638" s="58">
        <f>Bühler!L8664</f>
        <v>1.8686424792978913</v>
      </c>
      <c r="M8638" s="57">
        <f>Bühler!M8664</f>
        <v>0</v>
      </c>
      <c r="N8638" s="55">
        <f>IF(Input!$K$13=1,J8638*Input!$J$13,0)+IF(Input!$K$14=1,K8638*Input!$J$14,0)+IF(Input!$K$15=1,L8638*Input!$J$15,0)+IF(Input!$K$16=1,M8638*Input!$J$16,0)</f>
        <v>7.2567824607776839</v>
      </c>
      <c r="O8638" s="58">
        <f>IF(Input!$K$13=2,J8638*Input!$J$13,0)+IF(Input!$K$14=2,K8638*Input!$J$14,0)+IF(Input!$K$15=2,L8638*Input!$J$15,0)+IF(Input!$K$16=2,M8638*Input!$J$16,0)</f>
        <v>0.50453346941043065</v>
      </c>
      <c r="P8638" s="58">
        <f>IF(Input!$K$13=3,J8638*Input!$J$13,0)+IF(Input!$K$14=3,K8638*Input!$J$14,0)+IF(Input!$K$15=3,L8638*Input!$J$15,0)+IF(Input!$K$16=3,M8638*Input!$J$16,0)</f>
        <v>0</v>
      </c>
      <c r="Q8638" s="71">
        <f>IF(Input!$K$13=4,J8638*Input!$J$13,0)+IF(Input!$K$14=4,K8638*Input!$J$14,0)+IF(Input!$K$15=4,L8638*Input!$J$15,0)+IF(Input!$K$16=4,M8638*Input!$J$16,0)</f>
        <v>0</v>
      </c>
    </row>
    <row r="8639" spans="8:17" x14ac:dyDescent="0.25">
      <c r="H8639" s="43">
        <v>8632</v>
      </c>
      <c r="I8639" s="55">
        <f>Bühler!I8665</f>
        <v>3.6724137484408863</v>
      </c>
      <c r="J8639" s="58">
        <f>Bühler!J8665</f>
        <v>60.473187173147366</v>
      </c>
      <c r="K8639" s="58">
        <f>Bühler!K8665</f>
        <v>3.7372849585957826</v>
      </c>
      <c r="L8639" s="58">
        <f>Bühler!L8665</f>
        <v>1.8686424792978913</v>
      </c>
      <c r="M8639" s="57">
        <f>Bühler!M8665</f>
        <v>0</v>
      </c>
      <c r="N8639" s="55">
        <f>IF(Input!$K$13=1,J8639*Input!$J$13,0)+IF(Input!$K$14=1,K8639*Input!$J$14,0)+IF(Input!$K$15=1,L8639*Input!$J$15,0)+IF(Input!$K$16=1,M8639*Input!$J$16,0)</f>
        <v>7.2567824607776839</v>
      </c>
      <c r="O8639" s="58">
        <f>IF(Input!$K$13=2,J8639*Input!$J$13,0)+IF(Input!$K$14=2,K8639*Input!$J$14,0)+IF(Input!$K$15=2,L8639*Input!$J$15,0)+IF(Input!$K$16=2,M8639*Input!$J$16,0)</f>
        <v>0.50453346941043065</v>
      </c>
      <c r="P8639" s="58">
        <f>IF(Input!$K$13=3,J8639*Input!$J$13,0)+IF(Input!$K$14=3,K8639*Input!$J$14,0)+IF(Input!$K$15=3,L8639*Input!$J$15,0)+IF(Input!$K$16=3,M8639*Input!$J$16,0)</f>
        <v>0</v>
      </c>
      <c r="Q8639" s="71">
        <f>IF(Input!$K$13=4,J8639*Input!$J$13,0)+IF(Input!$K$14=4,K8639*Input!$J$14,0)+IF(Input!$K$15=4,L8639*Input!$J$15,0)+IF(Input!$K$16=4,M8639*Input!$J$16,0)</f>
        <v>0</v>
      </c>
    </row>
    <row r="8640" spans="8:17" x14ac:dyDescent="0.25">
      <c r="H8640" s="43">
        <v>8633</v>
      </c>
      <c r="I8640" s="55">
        <f>Bühler!I8666</f>
        <v>3.0696467502165463</v>
      </c>
      <c r="J8640" s="58">
        <f>Bühler!J8666</f>
        <v>36.616993239051887</v>
      </c>
      <c r="K8640" s="58">
        <f>Bühler!K8666</f>
        <v>2.202328636315372</v>
      </c>
      <c r="L8640" s="58">
        <f>Bühler!L8666</f>
        <v>1.101164318157686</v>
      </c>
      <c r="M8640" s="57">
        <f>Bühler!M8666</f>
        <v>0</v>
      </c>
      <c r="N8640" s="55">
        <f>IF(Input!$K$13=1,J8640*Input!$J$13,0)+IF(Input!$K$14=1,K8640*Input!$J$14,0)+IF(Input!$K$15=1,L8640*Input!$J$15,0)+IF(Input!$K$16=1,M8640*Input!$J$16,0)</f>
        <v>4.394039188686226</v>
      </c>
      <c r="O8640" s="58">
        <f>IF(Input!$K$13=2,J8640*Input!$J$13,0)+IF(Input!$K$14=2,K8640*Input!$J$14,0)+IF(Input!$K$15=2,L8640*Input!$J$15,0)+IF(Input!$K$16=2,M8640*Input!$J$16,0)</f>
        <v>0.29731436590257521</v>
      </c>
      <c r="P8640" s="58">
        <f>IF(Input!$K$13=3,J8640*Input!$J$13,0)+IF(Input!$K$14=3,K8640*Input!$J$14,0)+IF(Input!$K$15=3,L8640*Input!$J$15,0)+IF(Input!$K$16=3,M8640*Input!$J$16,0)</f>
        <v>0</v>
      </c>
      <c r="Q8640" s="71">
        <f>IF(Input!$K$13=4,J8640*Input!$J$13,0)+IF(Input!$K$14=4,K8640*Input!$J$14,0)+IF(Input!$K$15=4,L8640*Input!$J$15,0)+IF(Input!$K$16=4,M8640*Input!$J$16,0)</f>
        <v>0</v>
      </c>
    </row>
    <row r="8641" spans="8:17" x14ac:dyDescent="0.25">
      <c r="H8641" s="43">
        <v>8634</v>
      </c>
      <c r="I8641" s="55">
        <f>Bühler!I8667</f>
        <v>2.4389738724447829</v>
      </c>
      <c r="J8641" s="58">
        <f>Bühler!J8667</f>
        <v>16.851160061765658</v>
      </c>
      <c r="K8641" s="58">
        <f>Bühler!K8667</f>
        <v>0.93996100568304397</v>
      </c>
      <c r="L8641" s="58">
        <f>Bühler!L8667</f>
        <v>0.46998050284152199</v>
      </c>
      <c r="M8641" s="57">
        <f>Bühler!M8667</f>
        <v>0</v>
      </c>
      <c r="N8641" s="55">
        <f>IF(Input!$K$13=1,J8641*Input!$J$13,0)+IF(Input!$K$14=1,K8641*Input!$J$14,0)+IF(Input!$K$15=1,L8641*Input!$J$15,0)+IF(Input!$K$16=1,M8641*Input!$J$16,0)</f>
        <v>2.0221392074118789</v>
      </c>
      <c r="O8641" s="58">
        <f>IF(Input!$K$13=2,J8641*Input!$J$13,0)+IF(Input!$K$14=2,K8641*Input!$J$14,0)+IF(Input!$K$15=2,L8641*Input!$J$15,0)+IF(Input!$K$16=2,M8641*Input!$J$16,0)</f>
        <v>0.12689473576721094</v>
      </c>
      <c r="P8641" s="58">
        <f>IF(Input!$K$13=3,J8641*Input!$J$13,0)+IF(Input!$K$14=3,K8641*Input!$J$14,0)+IF(Input!$K$15=3,L8641*Input!$J$15,0)+IF(Input!$K$16=3,M8641*Input!$J$16,0)</f>
        <v>0</v>
      </c>
      <c r="Q8641" s="71">
        <f>IF(Input!$K$13=4,J8641*Input!$J$13,0)+IF(Input!$K$14=4,K8641*Input!$J$14,0)+IF(Input!$K$15=4,L8641*Input!$J$15,0)+IF(Input!$K$16=4,M8641*Input!$J$16,0)</f>
        <v>0</v>
      </c>
    </row>
    <row r="8642" spans="8:17" x14ac:dyDescent="0.25">
      <c r="H8642" s="43">
        <v>8635</v>
      </c>
      <c r="I8642" s="55">
        <f>Bühler!I8668</f>
        <v>0.8650822659701175</v>
      </c>
      <c r="J8642" s="58">
        <f>Bühler!J8668</f>
        <v>10.315071776768274</v>
      </c>
      <c r="K8642" s="58">
        <f>Bühler!K8668</f>
        <v>0.62037426375080906</v>
      </c>
      <c r="L8642" s="58">
        <f>Bühler!L8668</f>
        <v>0.31018713187540453</v>
      </c>
      <c r="M8642" s="57">
        <f>Bühler!M8668</f>
        <v>0</v>
      </c>
      <c r="N8642" s="55">
        <f>IF(Input!$K$13=1,J8642*Input!$J$13,0)+IF(Input!$K$14=1,K8642*Input!$J$14,0)+IF(Input!$K$15=1,L8642*Input!$J$15,0)+IF(Input!$K$16=1,M8642*Input!$J$16,0)</f>
        <v>1.2378086132121928</v>
      </c>
      <c r="O8642" s="58">
        <f>IF(Input!$K$13=2,J8642*Input!$J$13,0)+IF(Input!$K$14=2,K8642*Input!$J$14,0)+IF(Input!$K$15=2,L8642*Input!$J$15,0)+IF(Input!$K$16=2,M8642*Input!$J$16,0)</f>
        <v>8.3750525606359233E-2</v>
      </c>
      <c r="P8642" s="58">
        <f>IF(Input!$K$13=3,J8642*Input!$J$13,0)+IF(Input!$K$14=3,K8642*Input!$J$14,0)+IF(Input!$K$15=3,L8642*Input!$J$15,0)+IF(Input!$K$16=3,M8642*Input!$J$16,0)</f>
        <v>0</v>
      </c>
      <c r="Q8642" s="71">
        <f>IF(Input!$K$13=4,J8642*Input!$J$13,0)+IF(Input!$K$14=4,K8642*Input!$J$14,0)+IF(Input!$K$15=4,L8642*Input!$J$15,0)+IF(Input!$K$16=4,M8642*Input!$J$16,0)</f>
        <v>0</v>
      </c>
    </row>
    <row r="8643" spans="8:17" x14ac:dyDescent="0.25">
      <c r="H8643" s="43">
        <v>8636</v>
      </c>
      <c r="I8643" s="55">
        <f>Bühler!I8669</f>
        <v>0.8650822659701175</v>
      </c>
      <c r="J8643" s="58">
        <f>Bühler!J8669</f>
        <v>10.315071776768274</v>
      </c>
      <c r="K8643" s="58">
        <f>Bühler!K8669</f>
        <v>0.62037426375080906</v>
      </c>
      <c r="L8643" s="58">
        <f>Bühler!L8669</f>
        <v>0.31018713187540453</v>
      </c>
      <c r="M8643" s="57">
        <f>Bühler!M8669</f>
        <v>0</v>
      </c>
      <c r="N8643" s="55">
        <f>IF(Input!$K$13=1,J8643*Input!$J$13,0)+IF(Input!$K$14=1,K8643*Input!$J$14,0)+IF(Input!$K$15=1,L8643*Input!$J$15,0)+IF(Input!$K$16=1,M8643*Input!$J$16,0)</f>
        <v>1.2378086132121928</v>
      </c>
      <c r="O8643" s="58">
        <f>IF(Input!$K$13=2,J8643*Input!$J$13,0)+IF(Input!$K$14=2,K8643*Input!$J$14,0)+IF(Input!$K$15=2,L8643*Input!$J$15,0)+IF(Input!$K$16=2,M8643*Input!$J$16,0)</f>
        <v>8.3750525606359233E-2</v>
      </c>
      <c r="P8643" s="58">
        <f>IF(Input!$K$13=3,J8643*Input!$J$13,0)+IF(Input!$K$14=3,K8643*Input!$J$14,0)+IF(Input!$K$15=3,L8643*Input!$J$15,0)+IF(Input!$K$16=3,M8643*Input!$J$16,0)</f>
        <v>0</v>
      </c>
      <c r="Q8643" s="71">
        <f>IF(Input!$K$13=4,J8643*Input!$J$13,0)+IF(Input!$K$14=4,K8643*Input!$J$14,0)+IF(Input!$K$15=4,L8643*Input!$J$15,0)+IF(Input!$K$16=4,M8643*Input!$J$16,0)</f>
        <v>0</v>
      </c>
    </row>
    <row r="8644" spans="8:17" x14ac:dyDescent="0.25">
      <c r="H8644" s="43">
        <v>8637</v>
      </c>
      <c r="I8644" s="55">
        <f>Bühler!I8670</f>
        <v>0.8650822659701175</v>
      </c>
      <c r="J8644" s="58">
        <f>Bühler!J8670</f>
        <v>10.315071776768274</v>
      </c>
      <c r="K8644" s="58">
        <f>Bühler!K8670</f>
        <v>0.62037426375080906</v>
      </c>
      <c r="L8644" s="58">
        <f>Bühler!L8670</f>
        <v>0.31018713187540453</v>
      </c>
      <c r="M8644" s="57">
        <f>Bühler!M8670</f>
        <v>0</v>
      </c>
      <c r="N8644" s="55">
        <f>IF(Input!$K$13=1,J8644*Input!$J$13,0)+IF(Input!$K$14=1,K8644*Input!$J$14,0)+IF(Input!$K$15=1,L8644*Input!$J$15,0)+IF(Input!$K$16=1,M8644*Input!$J$16,0)</f>
        <v>1.2378086132121928</v>
      </c>
      <c r="O8644" s="58">
        <f>IF(Input!$K$13=2,J8644*Input!$J$13,0)+IF(Input!$K$14=2,K8644*Input!$J$14,0)+IF(Input!$K$15=2,L8644*Input!$J$15,0)+IF(Input!$K$16=2,M8644*Input!$J$16,0)</f>
        <v>8.3750525606359233E-2</v>
      </c>
      <c r="P8644" s="58">
        <f>IF(Input!$K$13=3,J8644*Input!$J$13,0)+IF(Input!$K$14=3,K8644*Input!$J$14,0)+IF(Input!$K$15=3,L8644*Input!$J$15,0)+IF(Input!$K$16=3,M8644*Input!$J$16,0)</f>
        <v>0</v>
      </c>
      <c r="Q8644" s="71">
        <f>IF(Input!$K$13=4,J8644*Input!$J$13,0)+IF(Input!$K$14=4,K8644*Input!$J$14,0)+IF(Input!$K$15=4,L8644*Input!$J$15,0)+IF(Input!$K$16=4,M8644*Input!$J$16,0)</f>
        <v>0</v>
      </c>
    </row>
    <row r="8645" spans="8:17" x14ac:dyDescent="0.25">
      <c r="H8645" s="43">
        <v>8638</v>
      </c>
      <c r="I8645" s="55">
        <f>Bühler!I8671</f>
        <v>0.8650822659701175</v>
      </c>
      <c r="J8645" s="58">
        <f>Bühler!J8671</f>
        <v>10.315071776768274</v>
      </c>
      <c r="K8645" s="58">
        <f>Bühler!K8671</f>
        <v>0.62037426375080906</v>
      </c>
      <c r="L8645" s="58">
        <f>Bühler!L8671</f>
        <v>0.31018713187540453</v>
      </c>
      <c r="M8645" s="57">
        <f>Bühler!M8671</f>
        <v>0</v>
      </c>
      <c r="N8645" s="55">
        <f>IF(Input!$K$13=1,J8645*Input!$J$13,0)+IF(Input!$K$14=1,K8645*Input!$J$14,0)+IF(Input!$K$15=1,L8645*Input!$J$15,0)+IF(Input!$K$16=1,M8645*Input!$J$16,0)</f>
        <v>1.2378086132121928</v>
      </c>
      <c r="O8645" s="58">
        <f>IF(Input!$K$13=2,J8645*Input!$J$13,0)+IF(Input!$K$14=2,K8645*Input!$J$14,0)+IF(Input!$K$15=2,L8645*Input!$J$15,0)+IF(Input!$K$16=2,M8645*Input!$J$16,0)</f>
        <v>8.3750525606359233E-2</v>
      </c>
      <c r="P8645" s="58">
        <f>IF(Input!$K$13=3,J8645*Input!$J$13,0)+IF(Input!$K$14=3,K8645*Input!$J$14,0)+IF(Input!$K$15=3,L8645*Input!$J$15,0)+IF(Input!$K$16=3,M8645*Input!$J$16,0)</f>
        <v>0</v>
      </c>
      <c r="Q8645" s="71">
        <f>IF(Input!$K$13=4,J8645*Input!$J$13,0)+IF(Input!$K$14=4,K8645*Input!$J$14,0)+IF(Input!$K$15=4,L8645*Input!$J$15,0)+IF(Input!$K$16=4,M8645*Input!$J$16,0)</f>
        <v>0</v>
      </c>
    </row>
    <row r="8646" spans="8:17" x14ac:dyDescent="0.25">
      <c r="H8646" s="43">
        <v>8639</v>
      </c>
      <c r="I8646" s="55">
        <f>Bühler!I8672</f>
        <v>0.8650822659701175</v>
      </c>
      <c r="J8646" s="58">
        <f>Bühler!J8672</f>
        <v>10.315071776768274</v>
      </c>
      <c r="K8646" s="58">
        <f>Bühler!K8672</f>
        <v>0.62037426375080906</v>
      </c>
      <c r="L8646" s="58">
        <f>Bühler!L8672</f>
        <v>0.31018713187540453</v>
      </c>
      <c r="M8646" s="57">
        <f>Bühler!M8672</f>
        <v>0</v>
      </c>
      <c r="N8646" s="55">
        <f>IF(Input!$K$13=1,J8646*Input!$J$13,0)+IF(Input!$K$14=1,K8646*Input!$J$14,0)+IF(Input!$K$15=1,L8646*Input!$J$15,0)+IF(Input!$K$16=1,M8646*Input!$J$16,0)</f>
        <v>1.2378086132121928</v>
      </c>
      <c r="O8646" s="58">
        <f>IF(Input!$K$13=2,J8646*Input!$J$13,0)+IF(Input!$K$14=2,K8646*Input!$J$14,0)+IF(Input!$K$15=2,L8646*Input!$J$15,0)+IF(Input!$K$16=2,M8646*Input!$J$16,0)</f>
        <v>8.3750525606359233E-2</v>
      </c>
      <c r="P8646" s="58">
        <f>IF(Input!$K$13=3,J8646*Input!$J$13,0)+IF(Input!$K$14=3,K8646*Input!$J$14,0)+IF(Input!$K$15=3,L8646*Input!$J$15,0)+IF(Input!$K$16=3,M8646*Input!$J$16,0)</f>
        <v>0</v>
      </c>
      <c r="Q8646" s="71">
        <f>IF(Input!$K$13=4,J8646*Input!$J$13,0)+IF(Input!$K$14=4,K8646*Input!$J$14,0)+IF(Input!$K$15=4,L8646*Input!$J$15,0)+IF(Input!$K$16=4,M8646*Input!$J$16,0)</f>
        <v>0</v>
      </c>
    </row>
    <row r="8647" spans="8:17" x14ac:dyDescent="0.25">
      <c r="H8647" s="43">
        <v>8640</v>
      </c>
      <c r="I8647" s="55">
        <f>Bühler!I8673</f>
        <v>0.8650822659701175</v>
      </c>
      <c r="J8647" s="58">
        <f>Bühler!J8673</f>
        <v>10.315071776768274</v>
      </c>
      <c r="K8647" s="58">
        <f>Bühler!K8673</f>
        <v>0.62037426375080906</v>
      </c>
      <c r="L8647" s="58">
        <f>Bühler!L8673</f>
        <v>0.31018713187540453</v>
      </c>
      <c r="M8647" s="57">
        <f>Bühler!M8673</f>
        <v>0</v>
      </c>
      <c r="N8647" s="55">
        <f>IF(Input!$K$13=1,J8647*Input!$J$13,0)+IF(Input!$K$14=1,K8647*Input!$J$14,0)+IF(Input!$K$15=1,L8647*Input!$J$15,0)+IF(Input!$K$16=1,M8647*Input!$J$16,0)</f>
        <v>1.2378086132121928</v>
      </c>
      <c r="O8647" s="58">
        <f>IF(Input!$K$13=2,J8647*Input!$J$13,0)+IF(Input!$K$14=2,K8647*Input!$J$14,0)+IF(Input!$K$15=2,L8647*Input!$J$15,0)+IF(Input!$K$16=2,M8647*Input!$J$16,0)</f>
        <v>8.3750525606359233E-2</v>
      </c>
      <c r="P8647" s="58">
        <f>IF(Input!$K$13=3,J8647*Input!$J$13,0)+IF(Input!$K$14=3,K8647*Input!$J$14,0)+IF(Input!$K$15=3,L8647*Input!$J$15,0)+IF(Input!$K$16=3,M8647*Input!$J$16,0)</f>
        <v>0</v>
      </c>
      <c r="Q8647" s="71">
        <f>IF(Input!$K$13=4,J8647*Input!$J$13,0)+IF(Input!$K$14=4,K8647*Input!$J$14,0)+IF(Input!$K$15=4,L8647*Input!$J$15,0)+IF(Input!$K$16=4,M8647*Input!$J$16,0)</f>
        <v>0</v>
      </c>
    </row>
    <row r="8648" spans="8:17" x14ac:dyDescent="0.25">
      <c r="H8648" s="43">
        <v>8641</v>
      </c>
      <c r="I8648" s="55">
        <f>Bühler!I8674</f>
        <v>2.0606761509144236</v>
      </c>
      <c r="J8648" s="58">
        <f>Bühler!J8674</f>
        <v>12.565669703795294</v>
      </c>
      <c r="K8648" s="58">
        <f>Bühler!K8674</f>
        <v>0.62725303907513819</v>
      </c>
      <c r="L8648" s="58">
        <f>Bühler!L8674</f>
        <v>0.31362651953756909</v>
      </c>
      <c r="M8648" s="57">
        <f>Bühler!M8674</f>
        <v>0</v>
      </c>
      <c r="N8648" s="55">
        <f>IF(Input!$K$13=1,J8648*Input!$J$13,0)+IF(Input!$K$14=1,K8648*Input!$J$14,0)+IF(Input!$K$15=1,L8648*Input!$J$15,0)+IF(Input!$K$16=1,M8648*Input!$J$16,0)</f>
        <v>1.5078803644554353</v>
      </c>
      <c r="O8648" s="58">
        <f>IF(Input!$K$13=2,J8648*Input!$J$13,0)+IF(Input!$K$14=2,K8648*Input!$J$14,0)+IF(Input!$K$15=2,L8648*Input!$J$15,0)+IF(Input!$K$16=2,M8648*Input!$J$16,0)</f>
        <v>8.4679160275143661E-2</v>
      </c>
      <c r="P8648" s="58">
        <f>IF(Input!$K$13=3,J8648*Input!$J$13,0)+IF(Input!$K$14=3,K8648*Input!$J$14,0)+IF(Input!$K$15=3,L8648*Input!$J$15,0)+IF(Input!$K$16=3,M8648*Input!$J$16,0)</f>
        <v>0</v>
      </c>
      <c r="Q8648" s="71">
        <f>IF(Input!$K$13=4,J8648*Input!$J$13,0)+IF(Input!$K$14=4,K8648*Input!$J$14,0)+IF(Input!$K$15=4,L8648*Input!$J$15,0)+IF(Input!$K$16=4,M8648*Input!$J$16,0)</f>
        <v>0</v>
      </c>
    </row>
    <row r="8649" spans="8:17" x14ac:dyDescent="0.25">
      <c r="H8649" s="43">
        <v>8642</v>
      </c>
      <c r="I8649" s="55">
        <f>Bühler!I8675</f>
        <v>2.0606761509144236</v>
      </c>
      <c r="J8649" s="58">
        <f>Bühler!J8675</f>
        <v>12.565669703795294</v>
      </c>
      <c r="K8649" s="58">
        <f>Bühler!K8675</f>
        <v>0.62725303907513819</v>
      </c>
      <c r="L8649" s="58">
        <f>Bühler!L8675</f>
        <v>0.31362651953756909</v>
      </c>
      <c r="M8649" s="57">
        <f>Bühler!M8675</f>
        <v>0</v>
      </c>
      <c r="N8649" s="55">
        <f>IF(Input!$K$13=1,J8649*Input!$J$13,0)+IF(Input!$K$14=1,K8649*Input!$J$14,0)+IF(Input!$K$15=1,L8649*Input!$J$15,0)+IF(Input!$K$16=1,M8649*Input!$J$16,0)</f>
        <v>1.5078803644554353</v>
      </c>
      <c r="O8649" s="58">
        <f>IF(Input!$K$13=2,J8649*Input!$J$13,0)+IF(Input!$K$14=2,K8649*Input!$J$14,0)+IF(Input!$K$15=2,L8649*Input!$J$15,0)+IF(Input!$K$16=2,M8649*Input!$J$16,0)</f>
        <v>8.4679160275143661E-2</v>
      </c>
      <c r="P8649" s="58">
        <f>IF(Input!$K$13=3,J8649*Input!$J$13,0)+IF(Input!$K$14=3,K8649*Input!$J$14,0)+IF(Input!$K$15=3,L8649*Input!$J$15,0)+IF(Input!$K$16=3,M8649*Input!$J$16,0)</f>
        <v>0</v>
      </c>
      <c r="Q8649" s="71">
        <f>IF(Input!$K$13=4,J8649*Input!$J$13,0)+IF(Input!$K$14=4,K8649*Input!$J$14,0)+IF(Input!$K$15=4,L8649*Input!$J$15,0)+IF(Input!$K$16=4,M8649*Input!$J$16,0)</f>
        <v>0</v>
      </c>
    </row>
    <row r="8650" spans="8:17" x14ac:dyDescent="0.25">
      <c r="H8650" s="43">
        <v>8643</v>
      </c>
      <c r="I8650" s="55">
        <f>Bühler!I8676</f>
        <v>2.0606761509144236</v>
      </c>
      <c r="J8650" s="58">
        <f>Bühler!J8676</f>
        <v>12.565669703795294</v>
      </c>
      <c r="K8650" s="58">
        <f>Bühler!K8676</f>
        <v>0.62725303907513819</v>
      </c>
      <c r="L8650" s="58">
        <f>Bühler!L8676</f>
        <v>0.31362651953756909</v>
      </c>
      <c r="M8650" s="57">
        <f>Bühler!M8676</f>
        <v>0</v>
      </c>
      <c r="N8650" s="55">
        <f>IF(Input!$K$13=1,J8650*Input!$J$13,0)+IF(Input!$K$14=1,K8650*Input!$J$14,0)+IF(Input!$K$15=1,L8650*Input!$J$15,0)+IF(Input!$K$16=1,M8650*Input!$J$16,0)</f>
        <v>1.5078803644554353</v>
      </c>
      <c r="O8650" s="58">
        <f>IF(Input!$K$13=2,J8650*Input!$J$13,0)+IF(Input!$K$14=2,K8650*Input!$J$14,0)+IF(Input!$K$15=2,L8650*Input!$J$15,0)+IF(Input!$K$16=2,M8650*Input!$J$16,0)</f>
        <v>8.4679160275143661E-2</v>
      </c>
      <c r="P8650" s="58">
        <f>IF(Input!$K$13=3,J8650*Input!$J$13,0)+IF(Input!$K$14=3,K8650*Input!$J$14,0)+IF(Input!$K$15=3,L8650*Input!$J$15,0)+IF(Input!$K$16=3,M8650*Input!$J$16,0)</f>
        <v>0</v>
      </c>
      <c r="Q8650" s="71">
        <f>IF(Input!$K$13=4,J8650*Input!$J$13,0)+IF(Input!$K$14=4,K8650*Input!$J$14,0)+IF(Input!$K$15=4,L8650*Input!$J$15,0)+IF(Input!$K$16=4,M8650*Input!$J$16,0)</f>
        <v>0</v>
      </c>
    </row>
    <row r="8651" spans="8:17" x14ac:dyDescent="0.25">
      <c r="H8651" s="43">
        <v>8644</v>
      </c>
      <c r="I8651" s="55">
        <f>Bühler!I8677</f>
        <v>2.0606761509144236</v>
      </c>
      <c r="J8651" s="58">
        <f>Bühler!J8677</f>
        <v>12.565669703795294</v>
      </c>
      <c r="K8651" s="58">
        <f>Bühler!K8677</f>
        <v>0.62725303907513819</v>
      </c>
      <c r="L8651" s="58">
        <f>Bühler!L8677</f>
        <v>0.31362651953756909</v>
      </c>
      <c r="M8651" s="57">
        <f>Bühler!M8677</f>
        <v>0</v>
      </c>
      <c r="N8651" s="55">
        <f>IF(Input!$K$13=1,J8651*Input!$J$13,0)+IF(Input!$K$14=1,K8651*Input!$J$14,0)+IF(Input!$K$15=1,L8651*Input!$J$15,0)+IF(Input!$K$16=1,M8651*Input!$J$16,0)</f>
        <v>1.5078803644554353</v>
      </c>
      <c r="O8651" s="58">
        <f>IF(Input!$K$13=2,J8651*Input!$J$13,0)+IF(Input!$K$14=2,K8651*Input!$J$14,0)+IF(Input!$K$15=2,L8651*Input!$J$15,0)+IF(Input!$K$16=2,M8651*Input!$J$16,0)</f>
        <v>8.4679160275143661E-2</v>
      </c>
      <c r="P8651" s="58">
        <f>IF(Input!$K$13=3,J8651*Input!$J$13,0)+IF(Input!$K$14=3,K8651*Input!$J$14,0)+IF(Input!$K$15=3,L8651*Input!$J$15,0)+IF(Input!$K$16=3,M8651*Input!$J$16,0)</f>
        <v>0</v>
      </c>
      <c r="Q8651" s="71">
        <f>IF(Input!$K$13=4,J8651*Input!$J$13,0)+IF(Input!$K$14=4,K8651*Input!$J$14,0)+IF(Input!$K$15=4,L8651*Input!$J$15,0)+IF(Input!$K$16=4,M8651*Input!$J$16,0)</f>
        <v>0</v>
      </c>
    </row>
    <row r="8652" spans="8:17" x14ac:dyDescent="0.25">
      <c r="H8652" s="43">
        <v>8645</v>
      </c>
      <c r="I8652" s="55">
        <f>Bühler!I8678</f>
        <v>2.0606761509144236</v>
      </c>
      <c r="J8652" s="58">
        <f>Bühler!J8678</f>
        <v>12.565669703795294</v>
      </c>
      <c r="K8652" s="58">
        <f>Bühler!K8678</f>
        <v>0.62725303907513819</v>
      </c>
      <c r="L8652" s="58">
        <f>Bühler!L8678</f>
        <v>0.31362651953756909</v>
      </c>
      <c r="M8652" s="57">
        <f>Bühler!M8678</f>
        <v>0</v>
      </c>
      <c r="N8652" s="55">
        <f>IF(Input!$K$13=1,J8652*Input!$J$13,0)+IF(Input!$K$14=1,K8652*Input!$J$14,0)+IF(Input!$K$15=1,L8652*Input!$J$15,0)+IF(Input!$K$16=1,M8652*Input!$J$16,0)</f>
        <v>1.5078803644554353</v>
      </c>
      <c r="O8652" s="58">
        <f>IF(Input!$K$13=2,J8652*Input!$J$13,0)+IF(Input!$K$14=2,K8652*Input!$J$14,0)+IF(Input!$K$15=2,L8652*Input!$J$15,0)+IF(Input!$K$16=2,M8652*Input!$J$16,0)</f>
        <v>8.4679160275143661E-2</v>
      </c>
      <c r="P8652" s="58">
        <f>IF(Input!$K$13=3,J8652*Input!$J$13,0)+IF(Input!$K$14=3,K8652*Input!$J$14,0)+IF(Input!$K$15=3,L8652*Input!$J$15,0)+IF(Input!$K$16=3,M8652*Input!$J$16,0)</f>
        <v>0</v>
      </c>
      <c r="Q8652" s="71">
        <f>IF(Input!$K$13=4,J8652*Input!$J$13,0)+IF(Input!$K$14=4,K8652*Input!$J$14,0)+IF(Input!$K$15=4,L8652*Input!$J$15,0)+IF(Input!$K$16=4,M8652*Input!$J$16,0)</f>
        <v>0</v>
      </c>
    </row>
    <row r="8653" spans="8:17" x14ac:dyDescent="0.25">
      <c r="H8653" s="43">
        <v>8646</v>
      </c>
      <c r="I8653" s="55">
        <f>Bühler!I8679</f>
        <v>2.0606761509144236</v>
      </c>
      <c r="J8653" s="58">
        <f>Bühler!J8679</f>
        <v>12.565669703795294</v>
      </c>
      <c r="K8653" s="58">
        <f>Bühler!K8679</f>
        <v>0.62725303907513819</v>
      </c>
      <c r="L8653" s="58">
        <f>Bühler!L8679</f>
        <v>0.31362651953756909</v>
      </c>
      <c r="M8653" s="57">
        <f>Bühler!M8679</f>
        <v>0</v>
      </c>
      <c r="N8653" s="55">
        <f>IF(Input!$K$13=1,J8653*Input!$J$13,0)+IF(Input!$K$14=1,K8653*Input!$J$14,0)+IF(Input!$K$15=1,L8653*Input!$J$15,0)+IF(Input!$K$16=1,M8653*Input!$J$16,0)</f>
        <v>1.5078803644554353</v>
      </c>
      <c r="O8653" s="58">
        <f>IF(Input!$K$13=2,J8653*Input!$J$13,0)+IF(Input!$K$14=2,K8653*Input!$J$14,0)+IF(Input!$K$15=2,L8653*Input!$J$15,0)+IF(Input!$K$16=2,M8653*Input!$J$16,0)</f>
        <v>8.4679160275143661E-2</v>
      </c>
      <c r="P8653" s="58">
        <f>IF(Input!$K$13=3,J8653*Input!$J$13,0)+IF(Input!$K$14=3,K8653*Input!$J$14,0)+IF(Input!$K$15=3,L8653*Input!$J$15,0)+IF(Input!$K$16=3,M8653*Input!$J$16,0)</f>
        <v>0</v>
      </c>
      <c r="Q8653" s="71">
        <f>IF(Input!$K$13=4,J8653*Input!$J$13,0)+IF(Input!$K$14=4,K8653*Input!$J$14,0)+IF(Input!$K$15=4,L8653*Input!$J$15,0)+IF(Input!$K$16=4,M8653*Input!$J$16,0)</f>
        <v>0</v>
      </c>
    </row>
    <row r="8654" spans="8:17" x14ac:dyDescent="0.25">
      <c r="H8654" s="43">
        <v>8647</v>
      </c>
      <c r="I8654" s="55">
        <f>Bühler!I8680</f>
        <v>2.0606761509144236</v>
      </c>
      <c r="J8654" s="58">
        <f>Bühler!J8680</f>
        <v>12.565669703795294</v>
      </c>
      <c r="K8654" s="58">
        <f>Bühler!K8680</f>
        <v>0.62725303907513819</v>
      </c>
      <c r="L8654" s="58">
        <f>Bühler!L8680</f>
        <v>0.31362651953756909</v>
      </c>
      <c r="M8654" s="57">
        <f>Bühler!M8680</f>
        <v>0</v>
      </c>
      <c r="N8654" s="55">
        <f>IF(Input!$K$13=1,J8654*Input!$J$13,0)+IF(Input!$K$14=1,K8654*Input!$J$14,0)+IF(Input!$K$15=1,L8654*Input!$J$15,0)+IF(Input!$K$16=1,M8654*Input!$J$16,0)</f>
        <v>1.5078803644554353</v>
      </c>
      <c r="O8654" s="58">
        <f>IF(Input!$K$13=2,J8654*Input!$J$13,0)+IF(Input!$K$14=2,K8654*Input!$J$14,0)+IF(Input!$K$15=2,L8654*Input!$J$15,0)+IF(Input!$K$16=2,M8654*Input!$J$16,0)</f>
        <v>8.4679160275143661E-2</v>
      </c>
      <c r="P8654" s="58">
        <f>IF(Input!$K$13=3,J8654*Input!$J$13,0)+IF(Input!$K$14=3,K8654*Input!$J$14,0)+IF(Input!$K$15=3,L8654*Input!$J$15,0)+IF(Input!$K$16=3,M8654*Input!$J$16,0)</f>
        <v>0</v>
      </c>
      <c r="Q8654" s="71">
        <f>IF(Input!$K$13=4,J8654*Input!$J$13,0)+IF(Input!$K$14=4,K8654*Input!$J$14,0)+IF(Input!$K$15=4,L8654*Input!$J$15,0)+IF(Input!$K$16=4,M8654*Input!$J$16,0)</f>
        <v>0</v>
      </c>
    </row>
    <row r="8655" spans="8:17" x14ac:dyDescent="0.25">
      <c r="H8655" s="43">
        <v>8648</v>
      </c>
      <c r="I8655" s="55">
        <f>Bühler!I8681</f>
        <v>5.6771627957692363</v>
      </c>
      <c r="J8655" s="58">
        <f>Bühler!J8681</f>
        <v>48.391417146540896</v>
      </c>
      <c r="K8655" s="58">
        <f>Bühler!K8681</f>
        <v>2.564134393067762</v>
      </c>
      <c r="L8655" s="58">
        <f>Bühler!L8681</f>
        <v>1.282067196533881</v>
      </c>
      <c r="M8655" s="57">
        <f>Bühler!M8681</f>
        <v>0</v>
      </c>
      <c r="N8655" s="55">
        <f>IF(Input!$K$13=1,J8655*Input!$J$13,0)+IF(Input!$K$14=1,K8655*Input!$J$14,0)+IF(Input!$K$15=1,L8655*Input!$J$15,0)+IF(Input!$K$16=1,M8655*Input!$J$16,0)</f>
        <v>5.8069700575849073</v>
      </c>
      <c r="O8655" s="58">
        <f>IF(Input!$K$13=2,J8655*Input!$J$13,0)+IF(Input!$K$14=2,K8655*Input!$J$14,0)+IF(Input!$K$15=2,L8655*Input!$J$15,0)+IF(Input!$K$16=2,M8655*Input!$J$16,0)</f>
        <v>0.34615814306414783</v>
      </c>
      <c r="P8655" s="58">
        <f>IF(Input!$K$13=3,J8655*Input!$J$13,0)+IF(Input!$K$14=3,K8655*Input!$J$14,0)+IF(Input!$K$15=3,L8655*Input!$J$15,0)+IF(Input!$K$16=3,M8655*Input!$J$16,0)</f>
        <v>0</v>
      </c>
      <c r="Q8655" s="71">
        <f>IF(Input!$K$13=4,J8655*Input!$J$13,0)+IF(Input!$K$14=4,K8655*Input!$J$14,0)+IF(Input!$K$15=4,L8655*Input!$J$15,0)+IF(Input!$K$16=4,M8655*Input!$J$16,0)</f>
        <v>0</v>
      </c>
    </row>
    <row r="8656" spans="8:17" x14ac:dyDescent="0.25">
      <c r="H8656" s="43">
        <v>8649</v>
      </c>
      <c r="I8656" s="55">
        <f>Bühler!I8682</f>
        <v>6.3345184879109384</v>
      </c>
      <c r="J8656" s="58">
        <f>Bühler!J8682</f>
        <v>53.994633868771956</v>
      </c>
      <c r="K8656" s="58">
        <f>Bühler!K8682</f>
        <v>2.8610341648966604</v>
      </c>
      <c r="L8656" s="58">
        <f>Bühler!L8682</f>
        <v>1.4305170824483302</v>
      </c>
      <c r="M8656" s="57">
        <f>Bühler!M8682</f>
        <v>0</v>
      </c>
      <c r="N8656" s="55">
        <f>IF(Input!$K$13=1,J8656*Input!$J$13,0)+IF(Input!$K$14=1,K8656*Input!$J$14,0)+IF(Input!$K$15=1,L8656*Input!$J$15,0)+IF(Input!$K$16=1,M8656*Input!$J$16,0)</f>
        <v>6.4793560642526344</v>
      </c>
      <c r="O8656" s="58">
        <f>IF(Input!$K$13=2,J8656*Input!$J$13,0)+IF(Input!$K$14=2,K8656*Input!$J$14,0)+IF(Input!$K$15=2,L8656*Input!$J$15,0)+IF(Input!$K$16=2,M8656*Input!$J$16,0)</f>
        <v>0.38623961226104919</v>
      </c>
      <c r="P8656" s="58">
        <f>IF(Input!$K$13=3,J8656*Input!$J$13,0)+IF(Input!$K$14=3,K8656*Input!$J$14,0)+IF(Input!$K$15=3,L8656*Input!$J$15,0)+IF(Input!$K$16=3,M8656*Input!$J$16,0)</f>
        <v>0</v>
      </c>
      <c r="Q8656" s="71">
        <f>IF(Input!$K$13=4,J8656*Input!$J$13,0)+IF(Input!$K$14=4,K8656*Input!$J$14,0)+IF(Input!$K$15=4,L8656*Input!$J$15,0)+IF(Input!$K$16=4,M8656*Input!$J$16,0)</f>
        <v>0</v>
      </c>
    </row>
    <row r="8657" spans="8:17" x14ac:dyDescent="0.25">
      <c r="H8657" s="43">
        <v>8650</v>
      </c>
      <c r="I8657" s="55">
        <f>Bühler!I8683</f>
        <v>6.9918741800526396</v>
      </c>
      <c r="J8657" s="58">
        <f>Bühler!J8683</f>
        <v>59.597850591003009</v>
      </c>
      <c r="K8657" s="58">
        <f>Bühler!K8683</f>
        <v>3.1579339367255592</v>
      </c>
      <c r="L8657" s="58">
        <f>Bühler!L8683</f>
        <v>1.5789669683627796</v>
      </c>
      <c r="M8657" s="57">
        <f>Bühler!M8683</f>
        <v>0</v>
      </c>
      <c r="N8657" s="55">
        <f>IF(Input!$K$13=1,J8657*Input!$J$13,0)+IF(Input!$K$14=1,K8657*Input!$J$14,0)+IF(Input!$K$15=1,L8657*Input!$J$15,0)+IF(Input!$K$16=1,M8657*Input!$J$16,0)</f>
        <v>7.1517420709203607</v>
      </c>
      <c r="O8657" s="58">
        <f>IF(Input!$K$13=2,J8657*Input!$J$13,0)+IF(Input!$K$14=2,K8657*Input!$J$14,0)+IF(Input!$K$15=2,L8657*Input!$J$15,0)+IF(Input!$K$16=2,M8657*Input!$J$16,0)</f>
        <v>0.42632108145795045</v>
      </c>
      <c r="P8657" s="58">
        <f>IF(Input!$K$13=3,J8657*Input!$J$13,0)+IF(Input!$K$14=3,K8657*Input!$J$14,0)+IF(Input!$K$15=3,L8657*Input!$J$15,0)+IF(Input!$K$16=3,M8657*Input!$J$16,0)</f>
        <v>0</v>
      </c>
      <c r="Q8657" s="71">
        <f>IF(Input!$K$13=4,J8657*Input!$J$13,0)+IF(Input!$K$14=4,K8657*Input!$J$14,0)+IF(Input!$K$15=4,L8657*Input!$J$15,0)+IF(Input!$K$16=4,M8657*Input!$J$16,0)</f>
        <v>0</v>
      </c>
    </row>
    <row r="8658" spans="8:17" x14ac:dyDescent="0.25">
      <c r="H8658" s="43">
        <v>8651</v>
      </c>
      <c r="I8658" s="55">
        <f>Bühler!I8684</f>
        <v>6.9918741800526396</v>
      </c>
      <c r="J8658" s="58">
        <f>Bühler!J8684</f>
        <v>59.597850591003009</v>
      </c>
      <c r="K8658" s="58">
        <f>Bühler!K8684</f>
        <v>3.1579339367255592</v>
      </c>
      <c r="L8658" s="58">
        <f>Bühler!L8684</f>
        <v>1.5789669683627796</v>
      </c>
      <c r="M8658" s="57">
        <f>Bühler!M8684</f>
        <v>0</v>
      </c>
      <c r="N8658" s="55">
        <f>IF(Input!$K$13=1,J8658*Input!$J$13,0)+IF(Input!$K$14=1,K8658*Input!$J$14,0)+IF(Input!$K$15=1,L8658*Input!$J$15,0)+IF(Input!$K$16=1,M8658*Input!$J$16,0)</f>
        <v>7.1517420709203607</v>
      </c>
      <c r="O8658" s="58">
        <f>IF(Input!$K$13=2,J8658*Input!$J$13,0)+IF(Input!$K$14=2,K8658*Input!$J$14,0)+IF(Input!$K$15=2,L8658*Input!$J$15,0)+IF(Input!$K$16=2,M8658*Input!$J$16,0)</f>
        <v>0.42632108145795045</v>
      </c>
      <c r="P8658" s="58">
        <f>IF(Input!$K$13=3,J8658*Input!$J$13,0)+IF(Input!$K$14=3,K8658*Input!$J$14,0)+IF(Input!$K$15=3,L8658*Input!$J$15,0)+IF(Input!$K$16=3,M8658*Input!$J$16,0)</f>
        <v>0</v>
      </c>
      <c r="Q8658" s="71">
        <f>IF(Input!$K$13=4,J8658*Input!$J$13,0)+IF(Input!$K$14=4,K8658*Input!$J$14,0)+IF(Input!$K$15=4,L8658*Input!$J$15,0)+IF(Input!$K$16=4,M8658*Input!$J$16,0)</f>
        <v>0</v>
      </c>
    </row>
    <row r="8659" spans="8:17" x14ac:dyDescent="0.25">
      <c r="H8659" s="43">
        <v>8652</v>
      </c>
      <c r="I8659" s="55">
        <f>Bühler!I8685</f>
        <v>8.3663451727125597</v>
      </c>
      <c r="J8659" s="58">
        <f>Bühler!J8685</f>
        <v>71.313667373849739</v>
      </c>
      <c r="K8659" s="58">
        <f>Bühler!K8685</f>
        <v>3.7787243687314378</v>
      </c>
      <c r="L8659" s="58">
        <f>Bühler!L8685</f>
        <v>1.8893621843657189</v>
      </c>
      <c r="M8659" s="57">
        <f>Bühler!M8685</f>
        <v>0</v>
      </c>
      <c r="N8659" s="55">
        <f>IF(Input!$K$13=1,J8659*Input!$J$13,0)+IF(Input!$K$14=1,K8659*Input!$J$14,0)+IF(Input!$K$15=1,L8659*Input!$J$15,0)+IF(Input!$K$16=1,M8659*Input!$J$16,0)</f>
        <v>8.5576400848619691</v>
      </c>
      <c r="O8659" s="58">
        <f>IF(Input!$K$13=2,J8659*Input!$J$13,0)+IF(Input!$K$14=2,K8659*Input!$J$14,0)+IF(Input!$K$15=2,L8659*Input!$J$15,0)+IF(Input!$K$16=2,M8659*Input!$J$16,0)</f>
        <v>0.51012778977874407</v>
      </c>
      <c r="P8659" s="58">
        <f>IF(Input!$K$13=3,J8659*Input!$J$13,0)+IF(Input!$K$14=3,K8659*Input!$J$14,0)+IF(Input!$K$15=3,L8659*Input!$J$15,0)+IF(Input!$K$16=3,M8659*Input!$J$16,0)</f>
        <v>0</v>
      </c>
      <c r="Q8659" s="71">
        <f>IF(Input!$K$13=4,J8659*Input!$J$13,0)+IF(Input!$K$14=4,K8659*Input!$J$14,0)+IF(Input!$K$15=4,L8659*Input!$J$15,0)+IF(Input!$K$16=4,M8659*Input!$J$16,0)</f>
        <v>0</v>
      </c>
    </row>
    <row r="8660" spans="8:17" x14ac:dyDescent="0.25">
      <c r="H8660" s="43">
        <v>8653</v>
      </c>
      <c r="I8660" s="55">
        <f>Bühler!I8686</f>
        <v>8.3663451727125597</v>
      </c>
      <c r="J8660" s="58">
        <f>Bühler!J8686</f>
        <v>71.313667373849739</v>
      </c>
      <c r="K8660" s="58">
        <f>Bühler!K8686</f>
        <v>3.7787243687314378</v>
      </c>
      <c r="L8660" s="58">
        <f>Bühler!L8686</f>
        <v>1.8893621843657189</v>
      </c>
      <c r="M8660" s="57">
        <f>Bühler!M8686</f>
        <v>0</v>
      </c>
      <c r="N8660" s="55">
        <f>IF(Input!$K$13=1,J8660*Input!$J$13,0)+IF(Input!$K$14=1,K8660*Input!$J$14,0)+IF(Input!$K$15=1,L8660*Input!$J$15,0)+IF(Input!$K$16=1,M8660*Input!$J$16,0)</f>
        <v>8.5576400848619691</v>
      </c>
      <c r="O8660" s="58">
        <f>IF(Input!$K$13=2,J8660*Input!$J$13,0)+IF(Input!$K$14=2,K8660*Input!$J$14,0)+IF(Input!$K$15=2,L8660*Input!$J$15,0)+IF(Input!$K$16=2,M8660*Input!$J$16,0)</f>
        <v>0.51012778977874407</v>
      </c>
      <c r="P8660" s="58">
        <f>IF(Input!$K$13=3,J8660*Input!$J$13,0)+IF(Input!$K$14=3,K8660*Input!$J$14,0)+IF(Input!$K$15=3,L8660*Input!$J$15,0)+IF(Input!$K$16=3,M8660*Input!$J$16,0)</f>
        <v>0</v>
      </c>
      <c r="Q8660" s="71">
        <f>IF(Input!$K$13=4,J8660*Input!$J$13,0)+IF(Input!$K$14=4,K8660*Input!$J$14,0)+IF(Input!$K$15=4,L8660*Input!$J$15,0)+IF(Input!$K$16=4,M8660*Input!$J$16,0)</f>
        <v>0</v>
      </c>
    </row>
    <row r="8661" spans="8:17" x14ac:dyDescent="0.25">
      <c r="H8661" s="43">
        <v>8654</v>
      </c>
      <c r="I8661" s="55">
        <f>Bühler!I8687</f>
        <v>5.5576435790162</v>
      </c>
      <c r="J8661" s="58">
        <f>Bühler!J8687</f>
        <v>47.372650469771614</v>
      </c>
      <c r="K8661" s="58">
        <f>Bühler!K8687</f>
        <v>2.5101526163715984</v>
      </c>
      <c r="L8661" s="58">
        <f>Bühler!L8687</f>
        <v>1.2550763081857992</v>
      </c>
      <c r="M8661" s="57">
        <f>Bühler!M8687</f>
        <v>0</v>
      </c>
      <c r="N8661" s="55">
        <f>IF(Input!$K$13=1,J8661*Input!$J$13,0)+IF(Input!$K$14=1,K8661*Input!$J$14,0)+IF(Input!$K$15=1,L8661*Input!$J$15,0)+IF(Input!$K$16=1,M8661*Input!$J$16,0)</f>
        <v>5.6847180563725939</v>
      </c>
      <c r="O8661" s="58">
        <f>IF(Input!$K$13=2,J8661*Input!$J$13,0)+IF(Input!$K$14=2,K8661*Input!$J$14,0)+IF(Input!$K$15=2,L8661*Input!$J$15,0)+IF(Input!$K$16=2,M8661*Input!$J$16,0)</f>
        <v>0.33887060321016577</v>
      </c>
      <c r="P8661" s="58">
        <f>IF(Input!$K$13=3,J8661*Input!$J$13,0)+IF(Input!$K$14=3,K8661*Input!$J$14,0)+IF(Input!$K$15=3,L8661*Input!$J$15,0)+IF(Input!$K$16=3,M8661*Input!$J$16,0)</f>
        <v>0</v>
      </c>
      <c r="Q8661" s="71">
        <f>IF(Input!$K$13=4,J8661*Input!$J$13,0)+IF(Input!$K$14=4,K8661*Input!$J$14,0)+IF(Input!$K$15=4,L8661*Input!$J$15,0)+IF(Input!$K$16=4,M8661*Input!$J$16,0)</f>
        <v>0</v>
      </c>
    </row>
    <row r="8662" spans="8:17" x14ac:dyDescent="0.25">
      <c r="H8662" s="43">
        <v>8655</v>
      </c>
      <c r="I8662" s="55">
        <f>Bühler!I8688</f>
        <v>8.3663451727125597</v>
      </c>
      <c r="J8662" s="58">
        <f>Bühler!J8688</f>
        <v>71.313667373849739</v>
      </c>
      <c r="K8662" s="58">
        <f>Bühler!K8688</f>
        <v>3.7787243687314378</v>
      </c>
      <c r="L8662" s="58">
        <f>Bühler!L8688</f>
        <v>1.8893621843657189</v>
      </c>
      <c r="M8662" s="57">
        <f>Bühler!M8688</f>
        <v>0</v>
      </c>
      <c r="N8662" s="55">
        <f>IF(Input!$K$13=1,J8662*Input!$J$13,0)+IF(Input!$K$14=1,K8662*Input!$J$14,0)+IF(Input!$K$15=1,L8662*Input!$J$15,0)+IF(Input!$K$16=1,M8662*Input!$J$16,0)</f>
        <v>8.5576400848619691</v>
      </c>
      <c r="O8662" s="58">
        <f>IF(Input!$K$13=2,J8662*Input!$J$13,0)+IF(Input!$K$14=2,K8662*Input!$J$14,0)+IF(Input!$K$15=2,L8662*Input!$J$15,0)+IF(Input!$K$16=2,M8662*Input!$J$16,0)</f>
        <v>0.51012778977874407</v>
      </c>
      <c r="P8662" s="58">
        <f>IF(Input!$K$13=3,J8662*Input!$J$13,0)+IF(Input!$K$14=3,K8662*Input!$J$14,0)+IF(Input!$K$15=3,L8662*Input!$J$15,0)+IF(Input!$K$16=3,M8662*Input!$J$16,0)</f>
        <v>0</v>
      </c>
      <c r="Q8662" s="71">
        <f>IF(Input!$K$13=4,J8662*Input!$J$13,0)+IF(Input!$K$14=4,K8662*Input!$J$14,0)+IF(Input!$K$15=4,L8662*Input!$J$15,0)+IF(Input!$K$16=4,M8662*Input!$J$16,0)</f>
        <v>0</v>
      </c>
    </row>
    <row r="8663" spans="8:17" x14ac:dyDescent="0.25">
      <c r="H8663" s="43">
        <v>8656</v>
      </c>
      <c r="I8663" s="55">
        <f>Bühler!I8689</f>
        <v>8.3663451727125597</v>
      </c>
      <c r="J8663" s="58">
        <f>Bühler!J8689</f>
        <v>71.313667373849739</v>
      </c>
      <c r="K8663" s="58">
        <f>Bühler!K8689</f>
        <v>3.7787243687314378</v>
      </c>
      <c r="L8663" s="58">
        <f>Bühler!L8689</f>
        <v>1.8893621843657189</v>
      </c>
      <c r="M8663" s="57">
        <f>Bühler!M8689</f>
        <v>0</v>
      </c>
      <c r="N8663" s="55">
        <f>IF(Input!$K$13=1,J8663*Input!$J$13,0)+IF(Input!$K$14=1,K8663*Input!$J$14,0)+IF(Input!$K$15=1,L8663*Input!$J$15,0)+IF(Input!$K$16=1,M8663*Input!$J$16,0)</f>
        <v>8.5576400848619691</v>
      </c>
      <c r="O8663" s="58">
        <f>IF(Input!$K$13=2,J8663*Input!$J$13,0)+IF(Input!$K$14=2,K8663*Input!$J$14,0)+IF(Input!$K$15=2,L8663*Input!$J$15,0)+IF(Input!$K$16=2,M8663*Input!$J$16,0)</f>
        <v>0.51012778977874407</v>
      </c>
      <c r="P8663" s="58">
        <f>IF(Input!$K$13=3,J8663*Input!$J$13,0)+IF(Input!$K$14=3,K8663*Input!$J$14,0)+IF(Input!$K$15=3,L8663*Input!$J$15,0)+IF(Input!$K$16=3,M8663*Input!$J$16,0)</f>
        <v>0</v>
      </c>
      <c r="Q8663" s="71">
        <f>IF(Input!$K$13=4,J8663*Input!$J$13,0)+IF(Input!$K$14=4,K8663*Input!$J$14,0)+IF(Input!$K$15=4,L8663*Input!$J$15,0)+IF(Input!$K$16=4,M8663*Input!$J$16,0)</f>
        <v>0</v>
      </c>
    </row>
    <row r="8664" spans="8:17" x14ac:dyDescent="0.25">
      <c r="H8664" s="43">
        <v>8657</v>
      </c>
      <c r="I8664" s="55">
        <f>Bühler!I8690</f>
        <v>6.990843841977183</v>
      </c>
      <c r="J8664" s="58">
        <f>Bühler!J8690</f>
        <v>44.256524580223513</v>
      </c>
      <c r="K8664" s="58">
        <f>Bühler!K8690</f>
        <v>2.2267482887167409</v>
      </c>
      <c r="L8664" s="58">
        <f>Bühler!L8690</f>
        <v>1.1133741443583705</v>
      </c>
      <c r="M8664" s="57">
        <f>Bühler!M8690</f>
        <v>0</v>
      </c>
      <c r="N8664" s="55">
        <f>IF(Input!$K$13=1,J8664*Input!$J$13,0)+IF(Input!$K$14=1,K8664*Input!$J$14,0)+IF(Input!$K$15=1,L8664*Input!$J$15,0)+IF(Input!$K$16=1,M8664*Input!$J$16,0)</f>
        <v>5.3107829496268213</v>
      </c>
      <c r="O8664" s="58">
        <f>IF(Input!$K$13=2,J8664*Input!$J$13,0)+IF(Input!$K$14=2,K8664*Input!$J$14,0)+IF(Input!$K$15=2,L8664*Input!$J$15,0)+IF(Input!$K$16=2,M8664*Input!$J$16,0)</f>
        <v>0.30061101897676001</v>
      </c>
      <c r="P8664" s="58">
        <f>IF(Input!$K$13=3,J8664*Input!$J$13,0)+IF(Input!$K$14=3,K8664*Input!$J$14,0)+IF(Input!$K$15=3,L8664*Input!$J$15,0)+IF(Input!$K$16=3,M8664*Input!$J$16,0)</f>
        <v>0</v>
      </c>
      <c r="Q8664" s="71">
        <f>IF(Input!$K$13=4,J8664*Input!$J$13,0)+IF(Input!$K$14=4,K8664*Input!$J$14,0)+IF(Input!$K$15=4,L8664*Input!$J$15,0)+IF(Input!$K$16=4,M8664*Input!$J$16,0)</f>
        <v>0</v>
      </c>
    </row>
    <row r="8665" spans="8:17" x14ac:dyDescent="0.25">
      <c r="H8665" s="43">
        <v>8658</v>
      </c>
      <c r="I8665" s="55">
        <f>Bühler!I8691</f>
        <v>5.5586739170916575</v>
      </c>
      <c r="J8665" s="58">
        <f>Bühler!J8691</f>
        <v>21.678367259129097</v>
      </c>
      <c r="K8665" s="58">
        <f>Bühler!K8691</f>
        <v>0.95038339253808812</v>
      </c>
      <c r="L8665" s="58">
        <f>Bühler!L8691</f>
        <v>0.47519169626904406</v>
      </c>
      <c r="M8665" s="57">
        <f>Bühler!M8691</f>
        <v>0</v>
      </c>
      <c r="N8665" s="55">
        <f>IF(Input!$K$13=1,J8665*Input!$J$13,0)+IF(Input!$K$14=1,K8665*Input!$J$14,0)+IF(Input!$K$15=1,L8665*Input!$J$15,0)+IF(Input!$K$16=1,M8665*Input!$J$16,0)</f>
        <v>2.6014040710954913</v>
      </c>
      <c r="O8665" s="58">
        <f>IF(Input!$K$13=2,J8665*Input!$J$13,0)+IF(Input!$K$14=2,K8665*Input!$J$14,0)+IF(Input!$K$15=2,L8665*Input!$J$15,0)+IF(Input!$K$16=2,M8665*Input!$J$16,0)</f>
        <v>0.1283017579926419</v>
      </c>
      <c r="P8665" s="58">
        <f>IF(Input!$K$13=3,J8665*Input!$J$13,0)+IF(Input!$K$14=3,K8665*Input!$J$14,0)+IF(Input!$K$15=3,L8665*Input!$J$15,0)+IF(Input!$K$16=3,M8665*Input!$J$16,0)</f>
        <v>0</v>
      </c>
      <c r="Q8665" s="71">
        <f>IF(Input!$K$13=4,J8665*Input!$J$13,0)+IF(Input!$K$14=4,K8665*Input!$J$14,0)+IF(Input!$K$15=4,L8665*Input!$J$15,0)+IF(Input!$K$16=4,M8665*Input!$J$16,0)</f>
        <v>0</v>
      </c>
    </row>
    <row r="8666" spans="8:17" x14ac:dyDescent="0.25">
      <c r="H8666" s="43">
        <v>8659</v>
      </c>
      <c r="I8666" s="55">
        <f>Bühler!I8692</f>
        <v>2.0606761509144236</v>
      </c>
      <c r="J8666" s="58">
        <f>Bühler!J8692</f>
        <v>12.565669703795294</v>
      </c>
      <c r="K8666" s="58">
        <f>Bühler!K8692</f>
        <v>0.62725303907513819</v>
      </c>
      <c r="L8666" s="58">
        <f>Bühler!L8692</f>
        <v>0.31362651953756909</v>
      </c>
      <c r="M8666" s="57">
        <f>Bühler!M8692</f>
        <v>0</v>
      </c>
      <c r="N8666" s="55">
        <f>IF(Input!$K$13=1,J8666*Input!$J$13,0)+IF(Input!$K$14=1,K8666*Input!$J$14,0)+IF(Input!$K$15=1,L8666*Input!$J$15,0)+IF(Input!$K$16=1,M8666*Input!$J$16,0)</f>
        <v>1.5078803644554353</v>
      </c>
      <c r="O8666" s="58">
        <f>IF(Input!$K$13=2,J8666*Input!$J$13,0)+IF(Input!$K$14=2,K8666*Input!$J$14,0)+IF(Input!$K$15=2,L8666*Input!$J$15,0)+IF(Input!$K$16=2,M8666*Input!$J$16,0)</f>
        <v>8.4679160275143661E-2</v>
      </c>
      <c r="P8666" s="58">
        <f>IF(Input!$K$13=3,J8666*Input!$J$13,0)+IF(Input!$K$14=3,K8666*Input!$J$14,0)+IF(Input!$K$15=3,L8666*Input!$J$15,0)+IF(Input!$K$16=3,M8666*Input!$J$16,0)</f>
        <v>0</v>
      </c>
      <c r="Q8666" s="71">
        <f>IF(Input!$K$13=4,J8666*Input!$J$13,0)+IF(Input!$K$14=4,K8666*Input!$J$14,0)+IF(Input!$K$15=4,L8666*Input!$J$15,0)+IF(Input!$K$16=4,M8666*Input!$J$16,0)</f>
        <v>0</v>
      </c>
    </row>
    <row r="8667" spans="8:17" x14ac:dyDescent="0.25">
      <c r="H8667" s="43">
        <v>8660</v>
      </c>
      <c r="I8667" s="55">
        <f>Bühler!I8693</f>
        <v>2.0606761509144236</v>
      </c>
      <c r="J8667" s="58">
        <f>Bühler!J8693</f>
        <v>12.565669703795294</v>
      </c>
      <c r="K8667" s="58">
        <f>Bühler!K8693</f>
        <v>0.62725303907513819</v>
      </c>
      <c r="L8667" s="58">
        <f>Bühler!L8693</f>
        <v>0.31362651953756909</v>
      </c>
      <c r="M8667" s="57">
        <f>Bühler!M8693</f>
        <v>0</v>
      </c>
      <c r="N8667" s="55">
        <f>IF(Input!$K$13=1,J8667*Input!$J$13,0)+IF(Input!$K$14=1,K8667*Input!$J$14,0)+IF(Input!$K$15=1,L8667*Input!$J$15,0)+IF(Input!$K$16=1,M8667*Input!$J$16,0)</f>
        <v>1.5078803644554353</v>
      </c>
      <c r="O8667" s="58">
        <f>IF(Input!$K$13=2,J8667*Input!$J$13,0)+IF(Input!$K$14=2,K8667*Input!$J$14,0)+IF(Input!$K$15=2,L8667*Input!$J$15,0)+IF(Input!$K$16=2,M8667*Input!$J$16,0)</f>
        <v>8.4679160275143661E-2</v>
      </c>
      <c r="P8667" s="58">
        <f>IF(Input!$K$13=3,J8667*Input!$J$13,0)+IF(Input!$K$14=3,K8667*Input!$J$14,0)+IF(Input!$K$15=3,L8667*Input!$J$15,0)+IF(Input!$K$16=3,M8667*Input!$J$16,0)</f>
        <v>0</v>
      </c>
      <c r="Q8667" s="71">
        <f>IF(Input!$K$13=4,J8667*Input!$J$13,0)+IF(Input!$K$14=4,K8667*Input!$J$14,0)+IF(Input!$K$15=4,L8667*Input!$J$15,0)+IF(Input!$K$16=4,M8667*Input!$J$16,0)</f>
        <v>0</v>
      </c>
    </row>
    <row r="8668" spans="8:17" x14ac:dyDescent="0.25">
      <c r="H8668" s="43">
        <v>8661</v>
      </c>
      <c r="I8668" s="55">
        <f>Bühler!I8694</f>
        <v>2.0606761509144236</v>
      </c>
      <c r="J8668" s="58">
        <f>Bühler!J8694</f>
        <v>12.565669703795294</v>
      </c>
      <c r="K8668" s="58">
        <f>Bühler!K8694</f>
        <v>0.62725303907513819</v>
      </c>
      <c r="L8668" s="58">
        <f>Bühler!L8694</f>
        <v>0.31362651953756909</v>
      </c>
      <c r="M8668" s="57">
        <f>Bühler!M8694</f>
        <v>0</v>
      </c>
      <c r="N8668" s="55">
        <f>IF(Input!$K$13=1,J8668*Input!$J$13,0)+IF(Input!$K$14=1,K8668*Input!$J$14,0)+IF(Input!$K$15=1,L8668*Input!$J$15,0)+IF(Input!$K$16=1,M8668*Input!$J$16,0)</f>
        <v>1.5078803644554353</v>
      </c>
      <c r="O8668" s="58">
        <f>IF(Input!$K$13=2,J8668*Input!$J$13,0)+IF(Input!$K$14=2,K8668*Input!$J$14,0)+IF(Input!$K$15=2,L8668*Input!$J$15,0)+IF(Input!$K$16=2,M8668*Input!$J$16,0)</f>
        <v>8.4679160275143661E-2</v>
      </c>
      <c r="P8668" s="58">
        <f>IF(Input!$K$13=3,J8668*Input!$J$13,0)+IF(Input!$K$14=3,K8668*Input!$J$14,0)+IF(Input!$K$15=3,L8668*Input!$J$15,0)+IF(Input!$K$16=3,M8668*Input!$J$16,0)</f>
        <v>0</v>
      </c>
      <c r="Q8668" s="71">
        <f>IF(Input!$K$13=4,J8668*Input!$J$13,0)+IF(Input!$K$14=4,K8668*Input!$J$14,0)+IF(Input!$K$15=4,L8668*Input!$J$15,0)+IF(Input!$K$16=4,M8668*Input!$J$16,0)</f>
        <v>0</v>
      </c>
    </row>
    <row r="8669" spans="8:17" x14ac:dyDescent="0.25">
      <c r="H8669" s="43">
        <v>8662</v>
      </c>
      <c r="I8669" s="55">
        <f>Bühler!I8695</f>
        <v>2.0606761509144236</v>
      </c>
      <c r="J8669" s="58">
        <f>Bühler!J8695</f>
        <v>12.565669703795294</v>
      </c>
      <c r="K8669" s="58">
        <f>Bühler!K8695</f>
        <v>0.62725303907513819</v>
      </c>
      <c r="L8669" s="58">
        <f>Bühler!L8695</f>
        <v>0.31362651953756909</v>
      </c>
      <c r="M8669" s="57">
        <f>Bühler!M8695</f>
        <v>0</v>
      </c>
      <c r="N8669" s="55">
        <f>IF(Input!$K$13=1,J8669*Input!$J$13,0)+IF(Input!$K$14=1,K8669*Input!$J$14,0)+IF(Input!$K$15=1,L8669*Input!$J$15,0)+IF(Input!$K$16=1,M8669*Input!$J$16,0)</f>
        <v>1.5078803644554353</v>
      </c>
      <c r="O8669" s="58">
        <f>IF(Input!$K$13=2,J8669*Input!$J$13,0)+IF(Input!$K$14=2,K8669*Input!$J$14,0)+IF(Input!$K$15=2,L8669*Input!$J$15,0)+IF(Input!$K$16=2,M8669*Input!$J$16,0)</f>
        <v>8.4679160275143661E-2</v>
      </c>
      <c r="P8669" s="58">
        <f>IF(Input!$K$13=3,J8669*Input!$J$13,0)+IF(Input!$K$14=3,K8669*Input!$J$14,0)+IF(Input!$K$15=3,L8669*Input!$J$15,0)+IF(Input!$K$16=3,M8669*Input!$J$16,0)</f>
        <v>0</v>
      </c>
      <c r="Q8669" s="71">
        <f>IF(Input!$K$13=4,J8669*Input!$J$13,0)+IF(Input!$K$14=4,K8669*Input!$J$14,0)+IF(Input!$K$15=4,L8669*Input!$J$15,0)+IF(Input!$K$16=4,M8669*Input!$J$16,0)</f>
        <v>0</v>
      </c>
    </row>
    <row r="8670" spans="8:17" x14ac:dyDescent="0.25">
      <c r="H8670" s="43">
        <v>8663</v>
      </c>
      <c r="I8670" s="55">
        <f>Bühler!I8696</f>
        <v>2.0606761509144236</v>
      </c>
      <c r="J8670" s="58">
        <f>Bühler!J8696</f>
        <v>12.565669703795294</v>
      </c>
      <c r="K8670" s="58">
        <f>Bühler!K8696</f>
        <v>0.62725303907513819</v>
      </c>
      <c r="L8670" s="58">
        <f>Bühler!L8696</f>
        <v>0.31362651953756909</v>
      </c>
      <c r="M8670" s="57">
        <f>Bühler!M8696</f>
        <v>0</v>
      </c>
      <c r="N8670" s="55">
        <f>IF(Input!$K$13=1,J8670*Input!$J$13,0)+IF(Input!$K$14=1,K8670*Input!$J$14,0)+IF(Input!$K$15=1,L8670*Input!$J$15,0)+IF(Input!$K$16=1,M8670*Input!$J$16,0)</f>
        <v>1.5078803644554353</v>
      </c>
      <c r="O8670" s="58">
        <f>IF(Input!$K$13=2,J8670*Input!$J$13,0)+IF(Input!$K$14=2,K8670*Input!$J$14,0)+IF(Input!$K$15=2,L8670*Input!$J$15,0)+IF(Input!$K$16=2,M8670*Input!$J$16,0)</f>
        <v>8.4679160275143661E-2</v>
      </c>
      <c r="P8670" s="58">
        <f>IF(Input!$K$13=3,J8670*Input!$J$13,0)+IF(Input!$K$14=3,K8670*Input!$J$14,0)+IF(Input!$K$15=3,L8670*Input!$J$15,0)+IF(Input!$K$16=3,M8670*Input!$J$16,0)</f>
        <v>0</v>
      </c>
      <c r="Q8670" s="71">
        <f>IF(Input!$K$13=4,J8670*Input!$J$13,0)+IF(Input!$K$14=4,K8670*Input!$J$14,0)+IF(Input!$K$15=4,L8670*Input!$J$15,0)+IF(Input!$K$16=4,M8670*Input!$J$16,0)</f>
        <v>0</v>
      </c>
    </row>
    <row r="8671" spans="8:17" x14ac:dyDescent="0.25">
      <c r="H8671" s="43">
        <v>8664</v>
      </c>
      <c r="I8671" s="55">
        <f>Bühler!I8697</f>
        <v>2.0606761509144236</v>
      </c>
      <c r="J8671" s="58">
        <f>Bühler!J8697</f>
        <v>12.565669703795294</v>
      </c>
      <c r="K8671" s="58">
        <f>Bühler!K8697</f>
        <v>0.62725303907513819</v>
      </c>
      <c r="L8671" s="58">
        <f>Bühler!L8697</f>
        <v>0.31362651953756909</v>
      </c>
      <c r="M8671" s="57">
        <f>Bühler!M8697</f>
        <v>0</v>
      </c>
      <c r="N8671" s="55">
        <f>IF(Input!$K$13=1,J8671*Input!$J$13,0)+IF(Input!$K$14=1,K8671*Input!$J$14,0)+IF(Input!$K$15=1,L8671*Input!$J$15,0)+IF(Input!$K$16=1,M8671*Input!$J$16,0)</f>
        <v>1.5078803644554353</v>
      </c>
      <c r="O8671" s="58">
        <f>IF(Input!$K$13=2,J8671*Input!$J$13,0)+IF(Input!$K$14=2,K8671*Input!$J$14,0)+IF(Input!$K$15=2,L8671*Input!$J$15,0)+IF(Input!$K$16=2,M8671*Input!$J$16,0)</f>
        <v>8.4679160275143661E-2</v>
      </c>
      <c r="P8671" s="58">
        <f>IF(Input!$K$13=3,J8671*Input!$J$13,0)+IF(Input!$K$14=3,K8671*Input!$J$14,0)+IF(Input!$K$15=3,L8671*Input!$J$15,0)+IF(Input!$K$16=3,M8671*Input!$J$16,0)</f>
        <v>0</v>
      </c>
      <c r="Q8671" s="71">
        <f>IF(Input!$K$13=4,J8671*Input!$J$13,0)+IF(Input!$K$14=4,K8671*Input!$J$14,0)+IF(Input!$K$15=4,L8671*Input!$J$15,0)+IF(Input!$K$16=4,M8671*Input!$J$16,0)</f>
        <v>0</v>
      </c>
    </row>
    <row r="8672" spans="8:17" x14ac:dyDescent="0.25">
      <c r="H8672" s="43">
        <v>8665</v>
      </c>
      <c r="I8672" s="55">
        <f>Bühler!I8698</f>
        <v>3.7884813667167028</v>
      </c>
      <c r="J8672" s="58">
        <f>Bühler!J8698</f>
        <v>15.969621431889529</v>
      </c>
      <c r="K8672" s="58">
        <f>Bühler!K8698</f>
        <v>0.64517033007680369</v>
      </c>
      <c r="L8672" s="58">
        <f>Bühler!L8698</f>
        <v>0.32258516503840184</v>
      </c>
      <c r="M8672" s="57">
        <f>Bühler!M8698</f>
        <v>0</v>
      </c>
      <c r="N8672" s="55">
        <f>IF(Input!$K$13=1,J8672*Input!$J$13,0)+IF(Input!$K$14=1,K8672*Input!$J$14,0)+IF(Input!$K$15=1,L8672*Input!$J$15,0)+IF(Input!$K$16=1,M8672*Input!$J$16,0)</f>
        <v>1.9163545718267434</v>
      </c>
      <c r="O8672" s="58">
        <f>IF(Input!$K$13=2,J8672*Input!$J$13,0)+IF(Input!$K$14=2,K8672*Input!$J$14,0)+IF(Input!$K$15=2,L8672*Input!$J$15,0)+IF(Input!$K$16=2,M8672*Input!$J$16,0)</f>
        <v>8.7097994560368486E-2</v>
      </c>
      <c r="P8672" s="58">
        <f>IF(Input!$K$13=3,J8672*Input!$J$13,0)+IF(Input!$K$14=3,K8672*Input!$J$14,0)+IF(Input!$K$15=3,L8672*Input!$J$15,0)+IF(Input!$K$16=3,M8672*Input!$J$16,0)</f>
        <v>0</v>
      </c>
      <c r="Q8672" s="71">
        <f>IF(Input!$K$13=4,J8672*Input!$J$13,0)+IF(Input!$K$14=4,K8672*Input!$J$14,0)+IF(Input!$K$15=4,L8672*Input!$J$15,0)+IF(Input!$K$16=4,M8672*Input!$J$16,0)</f>
        <v>0</v>
      </c>
    </row>
    <row r="8673" spans="8:17" x14ac:dyDescent="0.25">
      <c r="H8673" s="43">
        <v>8666</v>
      </c>
      <c r="I8673" s="55">
        <f>Bühler!I8699</f>
        <v>3.7884813667167028</v>
      </c>
      <c r="J8673" s="58">
        <f>Bühler!J8699</f>
        <v>15.969621431889529</v>
      </c>
      <c r="K8673" s="58">
        <f>Bühler!K8699</f>
        <v>0.64517033007680369</v>
      </c>
      <c r="L8673" s="58">
        <f>Bühler!L8699</f>
        <v>0.32258516503840184</v>
      </c>
      <c r="M8673" s="57">
        <f>Bühler!M8699</f>
        <v>0</v>
      </c>
      <c r="N8673" s="55">
        <f>IF(Input!$K$13=1,J8673*Input!$J$13,0)+IF(Input!$K$14=1,K8673*Input!$J$14,0)+IF(Input!$K$15=1,L8673*Input!$J$15,0)+IF(Input!$K$16=1,M8673*Input!$J$16,0)</f>
        <v>1.9163545718267434</v>
      </c>
      <c r="O8673" s="58">
        <f>IF(Input!$K$13=2,J8673*Input!$J$13,0)+IF(Input!$K$14=2,K8673*Input!$J$14,0)+IF(Input!$K$15=2,L8673*Input!$J$15,0)+IF(Input!$K$16=2,M8673*Input!$J$16,0)</f>
        <v>8.7097994560368486E-2</v>
      </c>
      <c r="P8673" s="58">
        <f>IF(Input!$K$13=3,J8673*Input!$J$13,0)+IF(Input!$K$14=3,K8673*Input!$J$14,0)+IF(Input!$K$15=3,L8673*Input!$J$15,0)+IF(Input!$K$16=3,M8673*Input!$J$16,0)</f>
        <v>0</v>
      </c>
      <c r="Q8673" s="71">
        <f>IF(Input!$K$13=4,J8673*Input!$J$13,0)+IF(Input!$K$14=4,K8673*Input!$J$14,0)+IF(Input!$K$15=4,L8673*Input!$J$15,0)+IF(Input!$K$16=4,M8673*Input!$J$16,0)</f>
        <v>0</v>
      </c>
    </row>
    <row r="8674" spans="8:17" x14ac:dyDescent="0.25">
      <c r="H8674" s="43">
        <v>8667</v>
      </c>
      <c r="I8674" s="55">
        <f>Bühler!I8700</f>
        <v>3.7884813667167028</v>
      </c>
      <c r="J8674" s="58">
        <f>Bühler!J8700</f>
        <v>15.969621431889529</v>
      </c>
      <c r="K8674" s="58">
        <f>Bühler!K8700</f>
        <v>0.64517033007680369</v>
      </c>
      <c r="L8674" s="58">
        <f>Bühler!L8700</f>
        <v>0.32258516503840184</v>
      </c>
      <c r="M8674" s="57">
        <f>Bühler!M8700</f>
        <v>0</v>
      </c>
      <c r="N8674" s="55">
        <f>IF(Input!$K$13=1,J8674*Input!$J$13,0)+IF(Input!$K$14=1,K8674*Input!$J$14,0)+IF(Input!$K$15=1,L8674*Input!$J$15,0)+IF(Input!$K$16=1,M8674*Input!$J$16,0)</f>
        <v>1.9163545718267434</v>
      </c>
      <c r="O8674" s="58">
        <f>IF(Input!$K$13=2,J8674*Input!$J$13,0)+IF(Input!$K$14=2,K8674*Input!$J$14,0)+IF(Input!$K$15=2,L8674*Input!$J$15,0)+IF(Input!$K$16=2,M8674*Input!$J$16,0)</f>
        <v>8.7097994560368486E-2</v>
      </c>
      <c r="P8674" s="58">
        <f>IF(Input!$K$13=3,J8674*Input!$J$13,0)+IF(Input!$K$14=3,K8674*Input!$J$14,0)+IF(Input!$K$15=3,L8674*Input!$J$15,0)+IF(Input!$K$16=3,M8674*Input!$J$16,0)</f>
        <v>0</v>
      </c>
      <c r="Q8674" s="71">
        <f>IF(Input!$K$13=4,J8674*Input!$J$13,0)+IF(Input!$K$14=4,K8674*Input!$J$14,0)+IF(Input!$K$15=4,L8674*Input!$J$15,0)+IF(Input!$K$16=4,M8674*Input!$J$16,0)</f>
        <v>0</v>
      </c>
    </row>
    <row r="8675" spans="8:17" x14ac:dyDescent="0.25">
      <c r="H8675" s="43">
        <v>8668</v>
      </c>
      <c r="I8675" s="55">
        <f>Bühler!I8701</f>
        <v>3.7884813667167028</v>
      </c>
      <c r="J8675" s="58">
        <f>Bühler!J8701</f>
        <v>15.969621431889529</v>
      </c>
      <c r="K8675" s="58">
        <f>Bühler!K8701</f>
        <v>0.64517033007680369</v>
      </c>
      <c r="L8675" s="58">
        <f>Bühler!L8701</f>
        <v>0.32258516503840184</v>
      </c>
      <c r="M8675" s="57">
        <f>Bühler!M8701</f>
        <v>0</v>
      </c>
      <c r="N8675" s="55">
        <f>IF(Input!$K$13=1,J8675*Input!$J$13,0)+IF(Input!$K$14=1,K8675*Input!$J$14,0)+IF(Input!$K$15=1,L8675*Input!$J$15,0)+IF(Input!$K$16=1,M8675*Input!$J$16,0)</f>
        <v>1.9163545718267434</v>
      </c>
      <c r="O8675" s="58">
        <f>IF(Input!$K$13=2,J8675*Input!$J$13,0)+IF(Input!$K$14=2,K8675*Input!$J$14,0)+IF(Input!$K$15=2,L8675*Input!$J$15,0)+IF(Input!$K$16=2,M8675*Input!$J$16,0)</f>
        <v>8.7097994560368486E-2</v>
      </c>
      <c r="P8675" s="58">
        <f>IF(Input!$K$13=3,J8675*Input!$J$13,0)+IF(Input!$K$14=3,K8675*Input!$J$14,0)+IF(Input!$K$15=3,L8675*Input!$J$15,0)+IF(Input!$K$16=3,M8675*Input!$J$16,0)</f>
        <v>0</v>
      </c>
      <c r="Q8675" s="71">
        <f>IF(Input!$K$13=4,J8675*Input!$J$13,0)+IF(Input!$K$14=4,K8675*Input!$J$14,0)+IF(Input!$K$15=4,L8675*Input!$J$15,0)+IF(Input!$K$16=4,M8675*Input!$J$16,0)</f>
        <v>0</v>
      </c>
    </row>
    <row r="8676" spans="8:17" x14ac:dyDescent="0.25">
      <c r="H8676" s="43">
        <v>8669</v>
      </c>
      <c r="I8676" s="55">
        <f>Bühler!I8702</f>
        <v>3.7884813667167028</v>
      </c>
      <c r="J8676" s="58">
        <f>Bühler!J8702</f>
        <v>15.969621431889529</v>
      </c>
      <c r="K8676" s="58">
        <f>Bühler!K8702</f>
        <v>0.64517033007680369</v>
      </c>
      <c r="L8676" s="58">
        <f>Bühler!L8702</f>
        <v>0.32258516503840184</v>
      </c>
      <c r="M8676" s="57">
        <f>Bühler!M8702</f>
        <v>0</v>
      </c>
      <c r="N8676" s="55">
        <f>IF(Input!$K$13=1,J8676*Input!$J$13,0)+IF(Input!$K$14=1,K8676*Input!$J$14,0)+IF(Input!$K$15=1,L8676*Input!$J$15,0)+IF(Input!$K$16=1,M8676*Input!$J$16,0)</f>
        <v>1.9163545718267434</v>
      </c>
      <c r="O8676" s="58">
        <f>IF(Input!$K$13=2,J8676*Input!$J$13,0)+IF(Input!$K$14=2,K8676*Input!$J$14,0)+IF(Input!$K$15=2,L8676*Input!$J$15,0)+IF(Input!$K$16=2,M8676*Input!$J$16,0)</f>
        <v>8.7097994560368486E-2</v>
      </c>
      <c r="P8676" s="58">
        <f>IF(Input!$K$13=3,J8676*Input!$J$13,0)+IF(Input!$K$14=3,K8676*Input!$J$14,0)+IF(Input!$K$15=3,L8676*Input!$J$15,0)+IF(Input!$K$16=3,M8676*Input!$J$16,0)</f>
        <v>0</v>
      </c>
      <c r="Q8676" s="71">
        <f>IF(Input!$K$13=4,J8676*Input!$J$13,0)+IF(Input!$K$14=4,K8676*Input!$J$14,0)+IF(Input!$K$15=4,L8676*Input!$J$15,0)+IF(Input!$K$16=4,M8676*Input!$J$16,0)</f>
        <v>0</v>
      </c>
    </row>
    <row r="8677" spans="8:17" x14ac:dyDescent="0.25">
      <c r="H8677" s="43">
        <v>8670</v>
      </c>
      <c r="I8677" s="55">
        <f>Bühler!I8703</f>
        <v>3.7884813667167028</v>
      </c>
      <c r="J8677" s="58">
        <f>Bühler!J8703</f>
        <v>15.969621431889529</v>
      </c>
      <c r="K8677" s="58">
        <f>Bühler!K8703</f>
        <v>0.64517033007680369</v>
      </c>
      <c r="L8677" s="58">
        <f>Bühler!L8703</f>
        <v>0.32258516503840184</v>
      </c>
      <c r="M8677" s="57">
        <f>Bühler!M8703</f>
        <v>0</v>
      </c>
      <c r="N8677" s="55">
        <f>IF(Input!$K$13=1,J8677*Input!$J$13,0)+IF(Input!$K$14=1,K8677*Input!$J$14,0)+IF(Input!$K$15=1,L8677*Input!$J$15,0)+IF(Input!$K$16=1,M8677*Input!$J$16,0)</f>
        <v>1.9163545718267434</v>
      </c>
      <c r="O8677" s="58">
        <f>IF(Input!$K$13=2,J8677*Input!$J$13,0)+IF(Input!$K$14=2,K8677*Input!$J$14,0)+IF(Input!$K$15=2,L8677*Input!$J$15,0)+IF(Input!$K$16=2,M8677*Input!$J$16,0)</f>
        <v>8.7097994560368486E-2</v>
      </c>
      <c r="P8677" s="58">
        <f>IF(Input!$K$13=3,J8677*Input!$J$13,0)+IF(Input!$K$14=3,K8677*Input!$J$14,0)+IF(Input!$K$15=3,L8677*Input!$J$15,0)+IF(Input!$K$16=3,M8677*Input!$J$16,0)</f>
        <v>0</v>
      </c>
      <c r="Q8677" s="71">
        <f>IF(Input!$K$13=4,J8677*Input!$J$13,0)+IF(Input!$K$14=4,K8677*Input!$J$14,0)+IF(Input!$K$15=4,L8677*Input!$J$15,0)+IF(Input!$K$16=4,M8677*Input!$J$16,0)</f>
        <v>0</v>
      </c>
    </row>
    <row r="8678" spans="8:17" x14ac:dyDescent="0.25">
      <c r="H8678" s="43">
        <v>8671</v>
      </c>
      <c r="I8678" s="55">
        <f>Bühler!I8704</f>
        <v>3.7884813667167028</v>
      </c>
      <c r="J8678" s="58">
        <f>Bühler!J8704</f>
        <v>15.969621431889529</v>
      </c>
      <c r="K8678" s="58">
        <f>Bühler!K8704</f>
        <v>0.64517033007680369</v>
      </c>
      <c r="L8678" s="58">
        <f>Bühler!L8704</f>
        <v>0.32258516503840184</v>
      </c>
      <c r="M8678" s="57">
        <f>Bühler!M8704</f>
        <v>0</v>
      </c>
      <c r="N8678" s="55">
        <f>IF(Input!$K$13=1,J8678*Input!$J$13,0)+IF(Input!$K$14=1,K8678*Input!$J$14,0)+IF(Input!$K$15=1,L8678*Input!$J$15,0)+IF(Input!$K$16=1,M8678*Input!$J$16,0)</f>
        <v>1.9163545718267434</v>
      </c>
      <c r="O8678" s="58">
        <f>IF(Input!$K$13=2,J8678*Input!$J$13,0)+IF(Input!$K$14=2,K8678*Input!$J$14,0)+IF(Input!$K$15=2,L8678*Input!$J$15,0)+IF(Input!$K$16=2,M8678*Input!$J$16,0)</f>
        <v>8.7097994560368486E-2</v>
      </c>
      <c r="P8678" s="58">
        <f>IF(Input!$K$13=3,J8678*Input!$J$13,0)+IF(Input!$K$14=3,K8678*Input!$J$14,0)+IF(Input!$K$15=3,L8678*Input!$J$15,0)+IF(Input!$K$16=3,M8678*Input!$J$16,0)</f>
        <v>0</v>
      </c>
      <c r="Q8678" s="71">
        <f>IF(Input!$K$13=4,J8678*Input!$J$13,0)+IF(Input!$K$14=4,K8678*Input!$J$14,0)+IF(Input!$K$15=4,L8678*Input!$J$15,0)+IF(Input!$K$16=4,M8678*Input!$J$16,0)</f>
        <v>0</v>
      </c>
    </row>
    <row r="8679" spans="8:17" x14ac:dyDescent="0.25">
      <c r="H8679" s="43">
        <v>8672</v>
      </c>
      <c r="I8679" s="55">
        <f>Bühler!I8705</f>
        <v>10.437266165304514</v>
      </c>
      <c r="J8679" s="58">
        <f>Bühler!J8705</f>
        <v>59.811491378907377</v>
      </c>
      <c r="K8679" s="58">
        <f>Bühler!K8705</f>
        <v>2.637378106889722</v>
      </c>
      <c r="L8679" s="58">
        <f>Bühler!L8705</f>
        <v>1.318689053444861</v>
      </c>
      <c r="M8679" s="57">
        <f>Bühler!M8705</f>
        <v>0</v>
      </c>
      <c r="N8679" s="55">
        <f>IF(Input!$K$13=1,J8679*Input!$J$13,0)+IF(Input!$K$14=1,K8679*Input!$J$14,0)+IF(Input!$K$15=1,L8679*Input!$J$15,0)+IF(Input!$K$16=1,M8679*Input!$J$16,0)</f>
        <v>7.1773789654688853</v>
      </c>
      <c r="O8679" s="58">
        <f>IF(Input!$K$13=2,J8679*Input!$J$13,0)+IF(Input!$K$14=2,K8679*Input!$J$14,0)+IF(Input!$K$15=2,L8679*Input!$J$15,0)+IF(Input!$K$16=2,M8679*Input!$J$16,0)</f>
        <v>0.35604604443011245</v>
      </c>
      <c r="P8679" s="58">
        <f>IF(Input!$K$13=3,J8679*Input!$J$13,0)+IF(Input!$K$14=3,K8679*Input!$J$14,0)+IF(Input!$K$15=3,L8679*Input!$J$15,0)+IF(Input!$K$16=3,M8679*Input!$J$16,0)</f>
        <v>0</v>
      </c>
      <c r="Q8679" s="71">
        <f>IF(Input!$K$13=4,J8679*Input!$J$13,0)+IF(Input!$K$14=4,K8679*Input!$J$14,0)+IF(Input!$K$15=4,L8679*Input!$J$15,0)+IF(Input!$K$16=4,M8679*Input!$J$16,0)</f>
        <v>0</v>
      </c>
    </row>
    <row r="8680" spans="8:17" x14ac:dyDescent="0.25">
      <c r="H8680" s="43">
        <v>8673</v>
      </c>
      <c r="I8680" s="55">
        <f>Bühler!I8706</f>
        <v>11.645791721287143</v>
      </c>
      <c r="J8680" s="58">
        <f>Bühler!J8706</f>
        <v>66.737032485938755</v>
      </c>
      <c r="K8680" s="58">
        <f>Bühler!K8706</f>
        <v>2.9427587297927422</v>
      </c>
      <c r="L8680" s="58">
        <f>Bühler!L8706</f>
        <v>1.4713793648963711</v>
      </c>
      <c r="M8680" s="57">
        <f>Bühler!M8706</f>
        <v>0</v>
      </c>
      <c r="N8680" s="55">
        <f>IF(Input!$K$13=1,J8680*Input!$J$13,0)+IF(Input!$K$14=1,K8680*Input!$J$14,0)+IF(Input!$K$15=1,L8680*Input!$J$15,0)+IF(Input!$K$16=1,M8680*Input!$J$16,0)</f>
        <v>8.0084438983126507</v>
      </c>
      <c r="O8680" s="58">
        <f>IF(Input!$K$13=2,J8680*Input!$J$13,0)+IF(Input!$K$14=2,K8680*Input!$J$14,0)+IF(Input!$K$15=2,L8680*Input!$J$15,0)+IF(Input!$K$16=2,M8680*Input!$J$16,0)</f>
        <v>0.39727242852202016</v>
      </c>
      <c r="P8680" s="58">
        <f>IF(Input!$K$13=3,J8680*Input!$J$13,0)+IF(Input!$K$14=3,K8680*Input!$J$14,0)+IF(Input!$K$15=3,L8680*Input!$J$15,0)+IF(Input!$K$16=3,M8680*Input!$J$16,0)</f>
        <v>0</v>
      </c>
      <c r="Q8680" s="71">
        <f>IF(Input!$K$13=4,J8680*Input!$J$13,0)+IF(Input!$K$14=4,K8680*Input!$J$14,0)+IF(Input!$K$15=4,L8680*Input!$J$15,0)+IF(Input!$K$16=4,M8680*Input!$J$16,0)</f>
        <v>0</v>
      </c>
    </row>
    <row r="8681" spans="8:17" x14ac:dyDescent="0.25">
      <c r="H8681" s="43">
        <v>8674</v>
      </c>
      <c r="I8681" s="55">
        <f>Bühler!I8707</f>
        <v>12.85431727726977</v>
      </c>
      <c r="J8681" s="58">
        <f>Bühler!J8707</f>
        <v>73.662573592970134</v>
      </c>
      <c r="K8681" s="58">
        <f>Bühler!K8707</f>
        <v>3.2481393526957629</v>
      </c>
      <c r="L8681" s="58">
        <f>Bühler!L8707</f>
        <v>1.6240696763478815</v>
      </c>
      <c r="M8681" s="57">
        <f>Bühler!M8707</f>
        <v>0</v>
      </c>
      <c r="N8681" s="55">
        <f>IF(Input!$K$13=1,J8681*Input!$J$13,0)+IF(Input!$K$14=1,K8681*Input!$J$14,0)+IF(Input!$K$15=1,L8681*Input!$J$15,0)+IF(Input!$K$16=1,M8681*Input!$J$16,0)</f>
        <v>8.8395088311564152</v>
      </c>
      <c r="O8681" s="58">
        <f>IF(Input!$K$13=2,J8681*Input!$J$13,0)+IF(Input!$K$14=2,K8681*Input!$J$14,0)+IF(Input!$K$15=2,L8681*Input!$J$15,0)+IF(Input!$K$16=2,M8681*Input!$J$16,0)</f>
        <v>0.43849881261392798</v>
      </c>
      <c r="P8681" s="58">
        <f>IF(Input!$K$13=3,J8681*Input!$J$13,0)+IF(Input!$K$14=3,K8681*Input!$J$14,0)+IF(Input!$K$15=3,L8681*Input!$J$15,0)+IF(Input!$K$16=3,M8681*Input!$J$16,0)</f>
        <v>0</v>
      </c>
      <c r="Q8681" s="71">
        <f>IF(Input!$K$13=4,J8681*Input!$J$13,0)+IF(Input!$K$14=4,K8681*Input!$J$14,0)+IF(Input!$K$15=4,L8681*Input!$J$15,0)+IF(Input!$K$16=4,M8681*Input!$J$16,0)</f>
        <v>0</v>
      </c>
    </row>
    <row r="8682" spans="8:17" x14ac:dyDescent="0.25">
      <c r="H8682" s="43">
        <v>8675</v>
      </c>
      <c r="I8682" s="55">
        <f>Bühler!I8708</f>
        <v>12.85431727726977</v>
      </c>
      <c r="J8682" s="58">
        <f>Bühler!J8708</f>
        <v>73.662573592970134</v>
      </c>
      <c r="K8682" s="58">
        <f>Bühler!K8708</f>
        <v>3.2481393526957629</v>
      </c>
      <c r="L8682" s="58">
        <f>Bühler!L8708</f>
        <v>1.6240696763478815</v>
      </c>
      <c r="M8682" s="57">
        <f>Bühler!M8708</f>
        <v>0</v>
      </c>
      <c r="N8682" s="55">
        <f>IF(Input!$K$13=1,J8682*Input!$J$13,0)+IF(Input!$K$14=1,K8682*Input!$J$14,0)+IF(Input!$K$15=1,L8682*Input!$J$15,0)+IF(Input!$K$16=1,M8682*Input!$J$16,0)</f>
        <v>8.8395088311564152</v>
      </c>
      <c r="O8682" s="58">
        <f>IF(Input!$K$13=2,J8682*Input!$J$13,0)+IF(Input!$K$14=2,K8682*Input!$J$14,0)+IF(Input!$K$15=2,L8682*Input!$J$15,0)+IF(Input!$K$16=2,M8682*Input!$J$16,0)</f>
        <v>0.43849881261392798</v>
      </c>
      <c r="P8682" s="58">
        <f>IF(Input!$K$13=3,J8682*Input!$J$13,0)+IF(Input!$K$14=3,K8682*Input!$J$14,0)+IF(Input!$K$15=3,L8682*Input!$J$15,0)+IF(Input!$K$16=3,M8682*Input!$J$16,0)</f>
        <v>0</v>
      </c>
      <c r="Q8682" s="71">
        <f>IF(Input!$K$13=4,J8682*Input!$J$13,0)+IF(Input!$K$14=4,K8682*Input!$J$14,0)+IF(Input!$K$15=4,L8682*Input!$J$15,0)+IF(Input!$K$16=4,M8682*Input!$J$16,0)</f>
        <v>0</v>
      </c>
    </row>
    <row r="8683" spans="8:17" x14ac:dyDescent="0.25">
      <c r="H8683" s="43">
        <v>8676</v>
      </c>
      <c r="I8683" s="55">
        <f>Bühler!I8709</f>
        <v>15.38123434886981</v>
      </c>
      <c r="J8683" s="58">
        <f>Bühler!J8709</f>
        <v>88.143250453126655</v>
      </c>
      <c r="K8683" s="58">
        <f>Bühler!K8709</f>
        <v>3.8866624733111692</v>
      </c>
      <c r="L8683" s="58">
        <f>Bühler!L8709</f>
        <v>1.9433312366555846</v>
      </c>
      <c r="M8683" s="57">
        <f>Bühler!M8709</f>
        <v>0</v>
      </c>
      <c r="N8683" s="55">
        <f>IF(Input!$K$13=1,J8683*Input!$J$13,0)+IF(Input!$K$14=1,K8683*Input!$J$14,0)+IF(Input!$K$15=1,L8683*Input!$J$15,0)+IF(Input!$K$16=1,M8683*Input!$J$16,0)</f>
        <v>10.577190054375198</v>
      </c>
      <c r="O8683" s="58">
        <f>IF(Input!$K$13=2,J8683*Input!$J$13,0)+IF(Input!$K$14=2,K8683*Input!$J$14,0)+IF(Input!$K$15=2,L8683*Input!$J$15,0)+IF(Input!$K$16=2,M8683*Input!$J$16,0)</f>
        <v>0.52469943389700779</v>
      </c>
      <c r="P8683" s="58">
        <f>IF(Input!$K$13=3,J8683*Input!$J$13,0)+IF(Input!$K$14=3,K8683*Input!$J$14,0)+IF(Input!$K$15=3,L8683*Input!$J$15,0)+IF(Input!$K$16=3,M8683*Input!$J$16,0)</f>
        <v>0</v>
      </c>
      <c r="Q8683" s="71">
        <f>IF(Input!$K$13=4,J8683*Input!$J$13,0)+IF(Input!$K$14=4,K8683*Input!$J$14,0)+IF(Input!$K$15=4,L8683*Input!$J$15,0)+IF(Input!$K$16=4,M8683*Input!$J$16,0)</f>
        <v>0</v>
      </c>
    </row>
    <row r="8684" spans="8:17" x14ac:dyDescent="0.25">
      <c r="H8684" s="43">
        <v>8677</v>
      </c>
      <c r="I8684" s="55">
        <f>Bühler!I8710</f>
        <v>15.38123434886981</v>
      </c>
      <c r="J8684" s="58">
        <f>Bühler!J8710</f>
        <v>88.143250453126655</v>
      </c>
      <c r="K8684" s="58">
        <f>Bühler!K8710</f>
        <v>3.8866624733111692</v>
      </c>
      <c r="L8684" s="58">
        <f>Bühler!L8710</f>
        <v>1.9433312366555846</v>
      </c>
      <c r="M8684" s="57">
        <f>Bühler!M8710</f>
        <v>0</v>
      </c>
      <c r="N8684" s="55">
        <f>IF(Input!$K$13=1,J8684*Input!$J$13,0)+IF(Input!$K$14=1,K8684*Input!$J$14,0)+IF(Input!$K$15=1,L8684*Input!$J$15,0)+IF(Input!$K$16=1,M8684*Input!$J$16,0)</f>
        <v>10.577190054375198</v>
      </c>
      <c r="O8684" s="58">
        <f>IF(Input!$K$13=2,J8684*Input!$J$13,0)+IF(Input!$K$14=2,K8684*Input!$J$14,0)+IF(Input!$K$15=2,L8684*Input!$J$15,0)+IF(Input!$K$16=2,M8684*Input!$J$16,0)</f>
        <v>0.52469943389700779</v>
      </c>
      <c r="P8684" s="58">
        <f>IF(Input!$K$13=3,J8684*Input!$J$13,0)+IF(Input!$K$14=3,K8684*Input!$J$14,0)+IF(Input!$K$15=3,L8684*Input!$J$15,0)+IF(Input!$K$16=3,M8684*Input!$J$16,0)</f>
        <v>0</v>
      </c>
      <c r="Q8684" s="71">
        <f>IF(Input!$K$13=4,J8684*Input!$J$13,0)+IF(Input!$K$14=4,K8684*Input!$J$14,0)+IF(Input!$K$15=4,L8684*Input!$J$15,0)+IF(Input!$K$16=4,M8684*Input!$J$16,0)</f>
        <v>0</v>
      </c>
    </row>
    <row r="8685" spans="8:17" x14ac:dyDescent="0.25">
      <c r="H8685" s="43">
        <v>8678</v>
      </c>
      <c r="I8685" s="55">
        <f>Bühler!I8711</f>
        <v>10.217534246034946</v>
      </c>
      <c r="J8685" s="58">
        <f>Bühler!J8711</f>
        <v>58.552302086719848</v>
      </c>
      <c r="K8685" s="58">
        <f>Bühler!K8711</f>
        <v>2.5818543572709909</v>
      </c>
      <c r="L8685" s="58">
        <f>Bühler!L8711</f>
        <v>1.2909271786354954</v>
      </c>
      <c r="M8685" s="57">
        <f>Bühler!M8711</f>
        <v>0</v>
      </c>
      <c r="N8685" s="55">
        <f>IF(Input!$K$13=1,J8685*Input!$J$13,0)+IF(Input!$K$14=1,K8685*Input!$J$14,0)+IF(Input!$K$15=1,L8685*Input!$J$15,0)+IF(Input!$K$16=1,M8685*Input!$J$16,0)</f>
        <v>7.0262762504063812</v>
      </c>
      <c r="O8685" s="58">
        <f>IF(Input!$K$13=2,J8685*Input!$J$13,0)+IF(Input!$K$14=2,K8685*Input!$J$14,0)+IF(Input!$K$15=2,L8685*Input!$J$15,0)+IF(Input!$K$16=2,M8685*Input!$J$16,0)</f>
        <v>0.34855033823158377</v>
      </c>
      <c r="P8685" s="58">
        <f>IF(Input!$K$13=3,J8685*Input!$J$13,0)+IF(Input!$K$14=3,K8685*Input!$J$14,0)+IF(Input!$K$15=3,L8685*Input!$J$15,0)+IF(Input!$K$16=3,M8685*Input!$J$16,0)</f>
        <v>0</v>
      </c>
      <c r="Q8685" s="71">
        <f>IF(Input!$K$13=4,J8685*Input!$J$13,0)+IF(Input!$K$14=4,K8685*Input!$J$14,0)+IF(Input!$K$15=4,L8685*Input!$J$15,0)+IF(Input!$K$16=4,M8685*Input!$J$16,0)</f>
        <v>0</v>
      </c>
    </row>
    <row r="8686" spans="8:17" x14ac:dyDescent="0.25">
      <c r="H8686" s="43">
        <v>8679</v>
      </c>
      <c r="I8686" s="55">
        <f>Bühler!I8712</f>
        <v>15.38123434886981</v>
      </c>
      <c r="J8686" s="58">
        <f>Bühler!J8712</f>
        <v>88.143250453126655</v>
      </c>
      <c r="K8686" s="58">
        <f>Bühler!K8712</f>
        <v>3.8866624733111692</v>
      </c>
      <c r="L8686" s="58">
        <f>Bühler!L8712</f>
        <v>1.9433312366555846</v>
      </c>
      <c r="M8686" s="57">
        <f>Bühler!M8712</f>
        <v>0</v>
      </c>
      <c r="N8686" s="55">
        <f>IF(Input!$K$13=1,J8686*Input!$J$13,0)+IF(Input!$K$14=1,K8686*Input!$J$14,0)+IF(Input!$K$15=1,L8686*Input!$J$15,0)+IF(Input!$K$16=1,M8686*Input!$J$16,0)</f>
        <v>10.577190054375198</v>
      </c>
      <c r="O8686" s="58">
        <f>IF(Input!$K$13=2,J8686*Input!$J$13,0)+IF(Input!$K$14=2,K8686*Input!$J$14,0)+IF(Input!$K$15=2,L8686*Input!$J$15,0)+IF(Input!$K$16=2,M8686*Input!$J$16,0)</f>
        <v>0.52469943389700779</v>
      </c>
      <c r="P8686" s="58">
        <f>IF(Input!$K$13=3,J8686*Input!$J$13,0)+IF(Input!$K$14=3,K8686*Input!$J$14,0)+IF(Input!$K$15=3,L8686*Input!$J$15,0)+IF(Input!$K$16=3,M8686*Input!$J$16,0)</f>
        <v>0</v>
      </c>
      <c r="Q8686" s="71">
        <f>IF(Input!$K$13=4,J8686*Input!$J$13,0)+IF(Input!$K$14=4,K8686*Input!$J$14,0)+IF(Input!$K$15=4,L8686*Input!$J$15,0)+IF(Input!$K$16=4,M8686*Input!$J$16,0)</f>
        <v>0</v>
      </c>
    </row>
    <row r="8687" spans="8:17" x14ac:dyDescent="0.25">
      <c r="H8687" s="43">
        <v>8680</v>
      </c>
      <c r="I8687" s="55">
        <f>Bühler!I8713</f>
        <v>15.38123434886981</v>
      </c>
      <c r="J8687" s="58">
        <f>Bühler!J8713</f>
        <v>88.143250453126655</v>
      </c>
      <c r="K8687" s="58">
        <f>Bühler!K8713</f>
        <v>3.8866624733111692</v>
      </c>
      <c r="L8687" s="58">
        <f>Bühler!L8713</f>
        <v>1.9433312366555846</v>
      </c>
      <c r="M8687" s="57">
        <f>Bühler!M8713</f>
        <v>0</v>
      </c>
      <c r="N8687" s="55">
        <f>IF(Input!$K$13=1,J8687*Input!$J$13,0)+IF(Input!$K$14=1,K8687*Input!$J$14,0)+IF(Input!$K$15=1,L8687*Input!$J$15,0)+IF(Input!$K$16=1,M8687*Input!$J$16,0)</f>
        <v>10.577190054375198</v>
      </c>
      <c r="O8687" s="58">
        <f>IF(Input!$K$13=2,J8687*Input!$J$13,0)+IF(Input!$K$14=2,K8687*Input!$J$14,0)+IF(Input!$K$15=2,L8687*Input!$J$15,0)+IF(Input!$K$16=2,M8687*Input!$J$16,0)</f>
        <v>0.52469943389700779</v>
      </c>
      <c r="P8687" s="58">
        <f>IF(Input!$K$13=3,J8687*Input!$J$13,0)+IF(Input!$K$14=3,K8687*Input!$J$14,0)+IF(Input!$K$15=3,L8687*Input!$J$15,0)+IF(Input!$K$16=3,M8687*Input!$J$16,0)</f>
        <v>0</v>
      </c>
      <c r="Q8687" s="71">
        <f>IF(Input!$K$13=4,J8687*Input!$J$13,0)+IF(Input!$K$14=4,K8687*Input!$J$14,0)+IF(Input!$K$15=4,L8687*Input!$J$15,0)+IF(Input!$K$16=4,M8687*Input!$J$16,0)</f>
        <v>0</v>
      </c>
    </row>
    <row r="8688" spans="8:17" x14ac:dyDescent="0.25">
      <c r="H8688" s="43">
        <v>8681</v>
      </c>
      <c r="I8688" s="55">
        <f>Bühler!I8714</f>
        <v>12.852423036586416</v>
      </c>
      <c r="J8688" s="58">
        <f>Bühler!J8714</f>
        <v>56.045746450011791</v>
      </c>
      <c r="K8688" s="58">
        <f>Bühler!K8714</f>
        <v>2.2903546717726533</v>
      </c>
      <c r="L8688" s="58">
        <f>Bühler!L8714</f>
        <v>1.1451773358863266</v>
      </c>
      <c r="M8688" s="57">
        <f>Bühler!M8714</f>
        <v>0</v>
      </c>
      <c r="N8688" s="55">
        <f>IF(Input!$K$13=1,J8688*Input!$J$13,0)+IF(Input!$K$14=1,K8688*Input!$J$14,0)+IF(Input!$K$15=1,L8688*Input!$J$15,0)+IF(Input!$K$16=1,M8688*Input!$J$16,0)</f>
        <v>6.7254895740014149</v>
      </c>
      <c r="O8688" s="58">
        <f>IF(Input!$K$13=2,J8688*Input!$J$13,0)+IF(Input!$K$14=2,K8688*Input!$J$14,0)+IF(Input!$K$15=2,L8688*Input!$J$15,0)+IF(Input!$K$16=2,M8688*Input!$J$16,0)</f>
        <v>0.3091978806893082</v>
      </c>
      <c r="P8688" s="58">
        <f>IF(Input!$K$13=3,J8688*Input!$J$13,0)+IF(Input!$K$14=3,K8688*Input!$J$14,0)+IF(Input!$K$15=3,L8688*Input!$J$15,0)+IF(Input!$K$16=3,M8688*Input!$J$16,0)</f>
        <v>0</v>
      </c>
      <c r="Q8688" s="71">
        <f>IF(Input!$K$13=4,J8688*Input!$J$13,0)+IF(Input!$K$14=4,K8688*Input!$J$14,0)+IF(Input!$K$15=4,L8688*Input!$J$15,0)+IF(Input!$K$16=4,M8688*Input!$J$16,0)</f>
        <v>0</v>
      </c>
    </row>
    <row r="8689" spans="8:17" x14ac:dyDescent="0.25">
      <c r="H8689" s="43">
        <v>8682</v>
      </c>
      <c r="I8689" s="55">
        <f>Bühler!I8715</f>
        <v>10.219428486718305</v>
      </c>
      <c r="J8689" s="58">
        <f>Bühler!J8715</f>
        <v>29.048976746388924</v>
      </c>
      <c r="K8689" s="58">
        <f>Bühler!K8715</f>
        <v>0.9775308031466724</v>
      </c>
      <c r="L8689" s="58">
        <f>Bühler!L8715</f>
        <v>0.4887654015733362</v>
      </c>
      <c r="M8689" s="57">
        <f>Bühler!M8715</f>
        <v>0</v>
      </c>
      <c r="N8689" s="55">
        <f>IF(Input!$K$13=1,J8689*Input!$J$13,0)+IF(Input!$K$14=1,K8689*Input!$J$14,0)+IF(Input!$K$15=1,L8689*Input!$J$15,0)+IF(Input!$K$16=1,M8689*Input!$J$16,0)</f>
        <v>3.4858772095666706</v>
      </c>
      <c r="O8689" s="58">
        <f>IF(Input!$K$13=2,J8689*Input!$J$13,0)+IF(Input!$K$14=2,K8689*Input!$J$14,0)+IF(Input!$K$15=2,L8689*Input!$J$15,0)+IF(Input!$K$16=2,M8689*Input!$J$16,0)</f>
        <v>0.13196665842480076</v>
      </c>
      <c r="P8689" s="58">
        <f>IF(Input!$K$13=3,J8689*Input!$J$13,0)+IF(Input!$K$14=3,K8689*Input!$J$14,0)+IF(Input!$K$15=3,L8689*Input!$J$15,0)+IF(Input!$K$16=3,M8689*Input!$J$16,0)</f>
        <v>0</v>
      </c>
      <c r="Q8689" s="71">
        <f>IF(Input!$K$13=4,J8689*Input!$J$13,0)+IF(Input!$K$14=4,K8689*Input!$J$14,0)+IF(Input!$K$15=4,L8689*Input!$J$15,0)+IF(Input!$K$16=4,M8689*Input!$J$16,0)</f>
        <v>0</v>
      </c>
    </row>
    <row r="8690" spans="8:17" x14ac:dyDescent="0.25">
      <c r="H8690" s="43">
        <v>8683</v>
      </c>
      <c r="I8690" s="55">
        <f>Bühler!I8716</f>
        <v>3.7884813667167028</v>
      </c>
      <c r="J8690" s="58">
        <f>Bühler!J8716</f>
        <v>15.969621431889529</v>
      </c>
      <c r="K8690" s="58">
        <f>Bühler!K8716</f>
        <v>0.64517033007680369</v>
      </c>
      <c r="L8690" s="58">
        <f>Bühler!L8716</f>
        <v>0.32258516503840184</v>
      </c>
      <c r="M8690" s="57">
        <f>Bühler!M8716</f>
        <v>0</v>
      </c>
      <c r="N8690" s="55">
        <f>IF(Input!$K$13=1,J8690*Input!$J$13,0)+IF(Input!$K$14=1,K8690*Input!$J$14,0)+IF(Input!$K$15=1,L8690*Input!$J$15,0)+IF(Input!$K$16=1,M8690*Input!$J$16,0)</f>
        <v>1.9163545718267434</v>
      </c>
      <c r="O8690" s="58">
        <f>IF(Input!$K$13=2,J8690*Input!$J$13,0)+IF(Input!$K$14=2,K8690*Input!$J$14,0)+IF(Input!$K$15=2,L8690*Input!$J$15,0)+IF(Input!$K$16=2,M8690*Input!$J$16,0)</f>
        <v>8.7097994560368486E-2</v>
      </c>
      <c r="P8690" s="58">
        <f>IF(Input!$K$13=3,J8690*Input!$J$13,0)+IF(Input!$K$14=3,K8690*Input!$J$14,0)+IF(Input!$K$15=3,L8690*Input!$J$15,0)+IF(Input!$K$16=3,M8690*Input!$J$16,0)</f>
        <v>0</v>
      </c>
      <c r="Q8690" s="71">
        <f>IF(Input!$K$13=4,J8690*Input!$J$13,0)+IF(Input!$K$14=4,K8690*Input!$J$14,0)+IF(Input!$K$15=4,L8690*Input!$J$15,0)+IF(Input!$K$16=4,M8690*Input!$J$16,0)</f>
        <v>0</v>
      </c>
    </row>
    <row r="8691" spans="8:17" x14ac:dyDescent="0.25">
      <c r="H8691" s="43">
        <v>8684</v>
      </c>
      <c r="I8691" s="55">
        <f>Bühler!I8717</f>
        <v>3.7884813667167028</v>
      </c>
      <c r="J8691" s="58">
        <f>Bühler!J8717</f>
        <v>15.969621431889529</v>
      </c>
      <c r="K8691" s="58">
        <f>Bühler!K8717</f>
        <v>0.64517033007680369</v>
      </c>
      <c r="L8691" s="58">
        <f>Bühler!L8717</f>
        <v>0.32258516503840184</v>
      </c>
      <c r="M8691" s="57">
        <f>Bühler!M8717</f>
        <v>0</v>
      </c>
      <c r="N8691" s="55">
        <f>IF(Input!$K$13=1,J8691*Input!$J$13,0)+IF(Input!$K$14=1,K8691*Input!$J$14,0)+IF(Input!$K$15=1,L8691*Input!$J$15,0)+IF(Input!$K$16=1,M8691*Input!$J$16,0)</f>
        <v>1.9163545718267434</v>
      </c>
      <c r="O8691" s="58">
        <f>IF(Input!$K$13=2,J8691*Input!$J$13,0)+IF(Input!$K$14=2,K8691*Input!$J$14,0)+IF(Input!$K$15=2,L8691*Input!$J$15,0)+IF(Input!$K$16=2,M8691*Input!$J$16,0)</f>
        <v>8.7097994560368486E-2</v>
      </c>
      <c r="P8691" s="58">
        <f>IF(Input!$K$13=3,J8691*Input!$J$13,0)+IF(Input!$K$14=3,K8691*Input!$J$14,0)+IF(Input!$K$15=3,L8691*Input!$J$15,0)+IF(Input!$K$16=3,M8691*Input!$J$16,0)</f>
        <v>0</v>
      </c>
      <c r="Q8691" s="71">
        <f>IF(Input!$K$13=4,J8691*Input!$J$13,0)+IF(Input!$K$14=4,K8691*Input!$J$14,0)+IF(Input!$K$15=4,L8691*Input!$J$15,0)+IF(Input!$K$16=4,M8691*Input!$J$16,0)</f>
        <v>0</v>
      </c>
    </row>
    <row r="8692" spans="8:17" x14ac:dyDescent="0.25">
      <c r="H8692" s="43">
        <v>8685</v>
      </c>
      <c r="I8692" s="55">
        <f>Bühler!I8718</f>
        <v>3.7884813667167028</v>
      </c>
      <c r="J8692" s="58">
        <f>Bühler!J8718</f>
        <v>15.969621431889529</v>
      </c>
      <c r="K8692" s="58">
        <f>Bühler!K8718</f>
        <v>0.64517033007680369</v>
      </c>
      <c r="L8692" s="58">
        <f>Bühler!L8718</f>
        <v>0.32258516503840184</v>
      </c>
      <c r="M8692" s="57">
        <f>Bühler!M8718</f>
        <v>0</v>
      </c>
      <c r="N8692" s="55">
        <f>IF(Input!$K$13=1,J8692*Input!$J$13,0)+IF(Input!$K$14=1,K8692*Input!$J$14,0)+IF(Input!$K$15=1,L8692*Input!$J$15,0)+IF(Input!$K$16=1,M8692*Input!$J$16,0)</f>
        <v>1.9163545718267434</v>
      </c>
      <c r="O8692" s="58">
        <f>IF(Input!$K$13=2,J8692*Input!$J$13,0)+IF(Input!$K$14=2,K8692*Input!$J$14,0)+IF(Input!$K$15=2,L8692*Input!$J$15,0)+IF(Input!$K$16=2,M8692*Input!$J$16,0)</f>
        <v>8.7097994560368486E-2</v>
      </c>
      <c r="P8692" s="58">
        <f>IF(Input!$K$13=3,J8692*Input!$J$13,0)+IF(Input!$K$14=3,K8692*Input!$J$14,0)+IF(Input!$K$15=3,L8692*Input!$J$15,0)+IF(Input!$K$16=3,M8692*Input!$J$16,0)</f>
        <v>0</v>
      </c>
      <c r="Q8692" s="71">
        <f>IF(Input!$K$13=4,J8692*Input!$J$13,0)+IF(Input!$K$14=4,K8692*Input!$J$14,0)+IF(Input!$K$15=4,L8692*Input!$J$15,0)+IF(Input!$K$16=4,M8692*Input!$J$16,0)</f>
        <v>0</v>
      </c>
    </row>
    <row r="8693" spans="8:17" x14ac:dyDescent="0.25">
      <c r="H8693" s="43">
        <v>8686</v>
      </c>
      <c r="I8693" s="55">
        <f>Bühler!I8719</f>
        <v>3.7884813667167028</v>
      </c>
      <c r="J8693" s="58">
        <f>Bühler!J8719</f>
        <v>15.969621431889529</v>
      </c>
      <c r="K8693" s="58">
        <f>Bühler!K8719</f>
        <v>0.64517033007680369</v>
      </c>
      <c r="L8693" s="58">
        <f>Bühler!L8719</f>
        <v>0.32258516503840184</v>
      </c>
      <c r="M8693" s="57">
        <f>Bühler!M8719</f>
        <v>0</v>
      </c>
      <c r="N8693" s="55">
        <f>IF(Input!$K$13=1,J8693*Input!$J$13,0)+IF(Input!$K$14=1,K8693*Input!$J$14,0)+IF(Input!$K$15=1,L8693*Input!$J$15,0)+IF(Input!$K$16=1,M8693*Input!$J$16,0)</f>
        <v>1.9163545718267434</v>
      </c>
      <c r="O8693" s="58">
        <f>IF(Input!$K$13=2,J8693*Input!$J$13,0)+IF(Input!$K$14=2,K8693*Input!$J$14,0)+IF(Input!$K$15=2,L8693*Input!$J$15,0)+IF(Input!$K$16=2,M8693*Input!$J$16,0)</f>
        <v>8.7097994560368486E-2</v>
      </c>
      <c r="P8693" s="58">
        <f>IF(Input!$K$13=3,J8693*Input!$J$13,0)+IF(Input!$K$14=3,K8693*Input!$J$14,0)+IF(Input!$K$15=3,L8693*Input!$J$15,0)+IF(Input!$K$16=3,M8693*Input!$J$16,0)</f>
        <v>0</v>
      </c>
      <c r="Q8693" s="71">
        <f>IF(Input!$K$13=4,J8693*Input!$J$13,0)+IF(Input!$K$14=4,K8693*Input!$J$14,0)+IF(Input!$K$15=4,L8693*Input!$J$15,0)+IF(Input!$K$16=4,M8693*Input!$J$16,0)</f>
        <v>0</v>
      </c>
    </row>
    <row r="8694" spans="8:17" x14ac:dyDescent="0.25">
      <c r="H8694" s="43">
        <v>8687</v>
      </c>
      <c r="I8694" s="55">
        <f>Bühler!I8720</f>
        <v>3.7884813667167028</v>
      </c>
      <c r="J8694" s="58">
        <f>Bühler!J8720</f>
        <v>15.969621431889529</v>
      </c>
      <c r="K8694" s="58">
        <f>Bühler!K8720</f>
        <v>0.64517033007680369</v>
      </c>
      <c r="L8694" s="58">
        <f>Bühler!L8720</f>
        <v>0.32258516503840184</v>
      </c>
      <c r="M8694" s="57">
        <f>Bühler!M8720</f>
        <v>0</v>
      </c>
      <c r="N8694" s="55">
        <f>IF(Input!$K$13=1,J8694*Input!$J$13,0)+IF(Input!$K$14=1,K8694*Input!$J$14,0)+IF(Input!$K$15=1,L8694*Input!$J$15,0)+IF(Input!$K$16=1,M8694*Input!$J$16,0)</f>
        <v>1.9163545718267434</v>
      </c>
      <c r="O8694" s="58">
        <f>IF(Input!$K$13=2,J8694*Input!$J$13,0)+IF(Input!$K$14=2,K8694*Input!$J$14,0)+IF(Input!$K$15=2,L8694*Input!$J$15,0)+IF(Input!$K$16=2,M8694*Input!$J$16,0)</f>
        <v>8.7097994560368486E-2</v>
      </c>
      <c r="P8694" s="58">
        <f>IF(Input!$K$13=3,J8694*Input!$J$13,0)+IF(Input!$K$14=3,K8694*Input!$J$14,0)+IF(Input!$K$15=3,L8694*Input!$J$15,0)+IF(Input!$K$16=3,M8694*Input!$J$16,0)</f>
        <v>0</v>
      </c>
      <c r="Q8694" s="71">
        <f>IF(Input!$K$13=4,J8694*Input!$J$13,0)+IF(Input!$K$14=4,K8694*Input!$J$14,0)+IF(Input!$K$15=4,L8694*Input!$J$15,0)+IF(Input!$K$16=4,M8694*Input!$J$16,0)</f>
        <v>0</v>
      </c>
    </row>
    <row r="8695" spans="8:17" x14ac:dyDescent="0.25">
      <c r="H8695" s="43">
        <v>8688</v>
      </c>
      <c r="I8695" s="55">
        <f>Bühler!I8721</f>
        <v>3.7884813667167028</v>
      </c>
      <c r="J8695" s="58">
        <f>Bühler!J8721</f>
        <v>15.969621431889529</v>
      </c>
      <c r="K8695" s="58">
        <f>Bühler!K8721</f>
        <v>0.64517033007680369</v>
      </c>
      <c r="L8695" s="58">
        <f>Bühler!L8721</f>
        <v>0.32258516503840184</v>
      </c>
      <c r="M8695" s="57">
        <f>Bühler!M8721</f>
        <v>0</v>
      </c>
      <c r="N8695" s="55">
        <f>IF(Input!$K$13=1,J8695*Input!$J$13,0)+IF(Input!$K$14=1,K8695*Input!$J$14,0)+IF(Input!$K$15=1,L8695*Input!$J$15,0)+IF(Input!$K$16=1,M8695*Input!$J$16,0)</f>
        <v>1.9163545718267434</v>
      </c>
      <c r="O8695" s="58">
        <f>IF(Input!$K$13=2,J8695*Input!$J$13,0)+IF(Input!$K$14=2,K8695*Input!$J$14,0)+IF(Input!$K$15=2,L8695*Input!$J$15,0)+IF(Input!$K$16=2,M8695*Input!$J$16,0)</f>
        <v>8.7097994560368486E-2</v>
      </c>
      <c r="P8695" s="58">
        <f>IF(Input!$K$13=3,J8695*Input!$J$13,0)+IF(Input!$K$14=3,K8695*Input!$J$14,0)+IF(Input!$K$15=3,L8695*Input!$J$15,0)+IF(Input!$K$16=3,M8695*Input!$J$16,0)</f>
        <v>0</v>
      </c>
      <c r="Q8695" s="71">
        <f>IF(Input!$K$13=4,J8695*Input!$J$13,0)+IF(Input!$K$14=4,K8695*Input!$J$14,0)+IF(Input!$K$15=4,L8695*Input!$J$15,0)+IF(Input!$K$16=4,M8695*Input!$J$16,0)</f>
        <v>0</v>
      </c>
    </row>
    <row r="8696" spans="8:17" x14ac:dyDescent="0.25">
      <c r="H8696" s="43">
        <v>8689</v>
      </c>
      <c r="I8696" s="55">
        <f>Bühler!I8722</f>
        <v>2.0306619934032084</v>
      </c>
      <c r="J8696" s="58">
        <f>Bühler!J8722</f>
        <v>18.053872625278963</v>
      </c>
      <c r="K8696" s="58">
        <f>Bühler!K8722</f>
        <v>0.95950369584320927</v>
      </c>
      <c r="L8696" s="58">
        <f>Bühler!L8722</f>
        <v>0.47975184792160463</v>
      </c>
      <c r="M8696" s="57">
        <f>Bühler!M8722</f>
        <v>0</v>
      </c>
      <c r="N8696" s="55">
        <f>IF(Input!$K$13=1,J8696*Input!$J$13,0)+IF(Input!$K$14=1,K8696*Input!$J$14,0)+IF(Input!$K$15=1,L8696*Input!$J$15,0)+IF(Input!$K$16=1,M8696*Input!$J$16,0)</f>
        <v>2.1664647150334755</v>
      </c>
      <c r="O8696" s="58">
        <f>IF(Input!$K$13=2,J8696*Input!$J$13,0)+IF(Input!$K$14=2,K8696*Input!$J$14,0)+IF(Input!$K$15=2,L8696*Input!$J$15,0)+IF(Input!$K$16=2,M8696*Input!$J$16,0)</f>
        <v>0.12953299893883324</v>
      </c>
      <c r="P8696" s="58">
        <f>IF(Input!$K$13=3,J8696*Input!$J$13,0)+IF(Input!$K$14=3,K8696*Input!$J$14,0)+IF(Input!$K$15=3,L8696*Input!$J$15,0)+IF(Input!$K$16=3,M8696*Input!$J$16,0)</f>
        <v>0</v>
      </c>
      <c r="Q8696" s="71">
        <f>IF(Input!$K$13=4,J8696*Input!$J$13,0)+IF(Input!$K$14=4,K8696*Input!$J$14,0)+IF(Input!$K$15=4,L8696*Input!$J$15,0)+IF(Input!$K$16=4,M8696*Input!$J$16,0)</f>
        <v>0</v>
      </c>
    </row>
    <row r="8697" spans="8:17" x14ac:dyDescent="0.25">
      <c r="H8697" s="43">
        <v>8690</v>
      </c>
      <c r="I8697" s="55">
        <f>Bühler!I8723</f>
        <v>2.0306619934032084</v>
      </c>
      <c r="J8697" s="58">
        <f>Bühler!J8723</f>
        <v>11.808361886242659</v>
      </c>
      <c r="K8697" s="58">
        <f>Bühler!K8723</f>
        <v>0.58151739142012682</v>
      </c>
      <c r="L8697" s="58">
        <f>Bühler!L8723</f>
        <v>0.29075869571006341</v>
      </c>
      <c r="M8697" s="57">
        <f>Bühler!M8723</f>
        <v>0</v>
      </c>
      <c r="N8697" s="55">
        <f>IF(Input!$K$13=1,J8697*Input!$J$13,0)+IF(Input!$K$14=1,K8697*Input!$J$14,0)+IF(Input!$K$15=1,L8697*Input!$J$15,0)+IF(Input!$K$16=1,M8697*Input!$J$16,0)</f>
        <v>1.4170034263491191</v>
      </c>
      <c r="O8697" s="58">
        <f>IF(Input!$K$13=2,J8697*Input!$J$13,0)+IF(Input!$K$14=2,K8697*Input!$J$14,0)+IF(Input!$K$15=2,L8697*Input!$J$15,0)+IF(Input!$K$16=2,M8697*Input!$J$16,0)</f>
        <v>7.8504847841717115E-2</v>
      </c>
      <c r="P8697" s="58">
        <f>IF(Input!$K$13=3,J8697*Input!$J$13,0)+IF(Input!$K$14=3,K8697*Input!$J$14,0)+IF(Input!$K$15=3,L8697*Input!$J$15,0)+IF(Input!$K$16=3,M8697*Input!$J$16,0)</f>
        <v>0</v>
      </c>
      <c r="Q8697" s="71">
        <f>IF(Input!$K$13=4,J8697*Input!$J$13,0)+IF(Input!$K$14=4,K8697*Input!$J$14,0)+IF(Input!$K$15=4,L8697*Input!$J$15,0)+IF(Input!$K$16=4,M8697*Input!$J$16,0)</f>
        <v>0</v>
      </c>
    </row>
    <row r="8698" spans="8:17" x14ac:dyDescent="0.25">
      <c r="H8698" s="43">
        <v>8691</v>
      </c>
      <c r="I8698" s="55">
        <f>Bühler!I8724</f>
        <v>2.0306619934032084</v>
      </c>
      <c r="J8698" s="58">
        <f>Bühler!J8724</f>
        <v>11.808361886242659</v>
      </c>
      <c r="K8698" s="58">
        <f>Bühler!K8724</f>
        <v>0.58151739142012682</v>
      </c>
      <c r="L8698" s="58">
        <f>Bühler!L8724</f>
        <v>0.29075869571006341</v>
      </c>
      <c r="M8698" s="57">
        <f>Bühler!M8724</f>
        <v>0</v>
      </c>
      <c r="N8698" s="55">
        <f>IF(Input!$K$13=1,J8698*Input!$J$13,0)+IF(Input!$K$14=1,K8698*Input!$J$14,0)+IF(Input!$K$15=1,L8698*Input!$J$15,0)+IF(Input!$K$16=1,M8698*Input!$J$16,0)</f>
        <v>1.4170034263491191</v>
      </c>
      <c r="O8698" s="58">
        <f>IF(Input!$K$13=2,J8698*Input!$J$13,0)+IF(Input!$K$14=2,K8698*Input!$J$14,0)+IF(Input!$K$15=2,L8698*Input!$J$15,0)+IF(Input!$K$16=2,M8698*Input!$J$16,0)</f>
        <v>7.8504847841717115E-2</v>
      </c>
      <c r="P8698" s="58">
        <f>IF(Input!$K$13=3,J8698*Input!$J$13,0)+IF(Input!$K$14=3,K8698*Input!$J$14,0)+IF(Input!$K$15=3,L8698*Input!$J$15,0)+IF(Input!$K$16=3,M8698*Input!$J$16,0)</f>
        <v>0</v>
      </c>
      <c r="Q8698" s="71">
        <f>IF(Input!$K$13=4,J8698*Input!$J$13,0)+IF(Input!$K$14=4,K8698*Input!$J$14,0)+IF(Input!$K$15=4,L8698*Input!$J$15,0)+IF(Input!$K$16=4,M8698*Input!$J$16,0)</f>
        <v>0</v>
      </c>
    </row>
    <row r="8699" spans="8:17" x14ac:dyDescent="0.25">
      <c r="H8699" s="43">
        <v>8692</v>
      </c>
      <c r="I8699" s="55">
        <f>Bühler!I8725</f>
        <v>2.0306619934032084</v>
      </c>
      <c r="J8699" s="58">
        <f>Bühler!J8725</f>
        <v>11.808361886242659</v>
      </c>
      <c r="K8699" s="58">
        <f>Bühler!K8725</f>
        <v>0.58151739142012682</v>
      </c>
      <c r="L8699" s="58">
        <f>Bühler!L8725</f>
        <v>0.29075869571006341</v>
      </c>
      <c r="M8699" s="57">
        <f>Bühler!M8725</f>
        <v>0</v>
      </c>
      <c r="N8699" s="55">
        <f>IF(Input!$K$13=1,J8699*Input!$J$13,0)+IF(Input!$K$14=1,K8699*Input!$J$14,0)+IF(Input!$K$15=1,L8699*Input!$J$15,0)+IF(Input!$K$16=1,M8699*Input!$J$16,0)</f>
        <v>1.4170034263491191</v>
      </c>
      <c r="O8699" s="58">
        <f>IF(Input!$K$13=2,J8699*Input!$J$13,0)+IF(Input!$K$14=2,K8699*Input!$J$14,0)+IF(Input!$K$15=2,L8699*Input!$J$15,0)+IF(Input!$K$16=2,M8699*Input!$J$16,0)</f>
        <v>7.8504847841717115E-2</v>
      </c>
      <c r="P8699" s="58">
        <f>IF(Input!$K$13=3,J8699*Input!$J$13,0)+IF(Input!$K$14=3,K8699*Input!$J$14,0)+IF(Input!$K$15=3,L8699*Input!$J$15,0)+IF(Input!$K$16=3,M8699*Input!$J$16,0)</f>
        <v>0</v>
      </c>
      <c r="Q8699" s="71">
        <f>IF(Input!$K$13=4,J8699*Input!$J$13,0)+IF(Input!$K$14=4,K8699*Input!$J$14,0)+IF(Input!$K$15=4,L8699*Input!$J$15,0)+IF(Input!$K$16=4,M8699*Input!$J$16,0)</f>
        <v>0</v>
      </c>
    </row>
    <row r="8700" spans="8:17" x14ac:dyDescent="0.25">
      <c r="H8700" s="43">
        <v>8693</v>
      </c>
      <c r="I8700" s="55">
        <f>Bühler!I8726</f>
        <v>2.0306619934032084</v>
      </c>
      <c r="J8700" s="58">
        <f>Bühler!J8726</f>
        <v>11.808361886242659</v>
      </c>
      <c r="K8700" s="58">
        <f>Bühler!K8726</f>
        <v>0.58151739142012682</v>
      </c>
      <c r="L8700" s="58">
        <f>Bühler!L8726</f>
        <v>0.29075869571006341</v>
      </c>
      <c r="M8700" s="57">
        <f>Bühler!M8726</f>
        <v>0</v>
      </c>
      <c r="N8700" s="55">
        <f>IF(Input!$K$13=1,J8700*Input!$J$13,0)+IF(Input!$K$14=1,K8700*Input!$J$14,0)+IF(Input!$K$15=1,L8700*Input!$J$15,0)+IF(Input!$K$16=1,M8700*Input!$J$16,0)</f>
        <v>1.4170034263491191</v>
      </c>
      <c r="O8700" s="58">
        <f>IF(Input!$K$13=2,J8700*Input!$J$13,0)+IF(Input!$K$14=2,K8700*Input!$J$14,0)+IF(Input!$K$15=2,L8700*Input!$J$15,0)+IF(Input!$K$16=2,M8700*Input!$J$16,0)</f>
        <v>7.8504847841717115E-2</v>
      </c>
      <c r="P8700" s="58">
        <f>IF(Input!$K$13=3,J8700*Input!$J$13,0)+IF(Input!$K$14=3,K8700*Input!$J$14,0)+IF(Input!$K$15=3,L8700*Input!$J$15,0)+IF(Input!$K$16=3,M8700*Input!$J$16,0)</f>
        <v>0</v>
      </c>
      <c r="Q8700" s="71">
        <f>IF(Input!$K$13=4,J8700*Input!$J$13,0)+IF(Input!$K$14=4,K8700*Input!$J$14,0)+IF(Input!$K$15=4,L8700*Input!$J$15,0)+IF(Input!$K$16=4,M8700*Input!$J$16,0)</f>
        <v>0</v>
      </c>
    </row>
    <row r="8701" spans="8:17" x14ac:dyDescent="0.25">
      <c r="H8701" s="43">
        <v>8694</v>
      </c>
      <c r="I8701" s="55">
        <f>Bühler!I8727</f>
        <v>2.0306619934032084</v>
      </c>
      <c r="J8701" s="58">
        <f>Bühler!J8727</f>
        <v>11.808361886242659</v>
      </c>
      <c r="K8701" s="58">
        <f>Bühler!K8727</f>
        <v>0.58151739142012682</v>
      </c>
      <c r="L8701" s="58">
        <f>Bühler!L8727</f>
        <v>0.29075869571006341</v>
      </c>
      <c r="M8701" s="57">
        <f>Bühler!M8727</f>
        <v>0</v>
      </c>
      <c r="N8701" s="55">
        <f>IF(Input!$K$13=1,J8701*Input!$J$13,0)+IF(Input!$K$14=1,K8701*Input!$J$14,0)+IF(Input!$K$15=1,L8701*Input!$J$15,0)+IF(Input!$K$16=1,M8701*Input!$J$16,0)</f>
        <v>1.4170034263491191</v>
      </c>
      <c r="O8701" s="58">
        <f>IF(Input!$K$13=2,J8701*Input!$J$13,0)+IF(Input!$K$14=2,K8701*Input!$J$14,0)+IF(Input!$K$15=2,L8701*Input!$J$15,0)+IF(Input!$K$16=2,M8701*Input!$J$16,0)</f>
        <v>7.8504847841717115E-2</v>
      </c>
      <c r="P8701" s="58">
        <f>IF(Input!$K$13=3,J8701*Input!$J$13,0)+IF(Input!$K$14=3,K8701*Input!$J$14,0)+IF(Input!$K$15=3,L8701*Input!$J$15,0)+IF(Input!$K$16=3,M8701*Input!$J$16,0)</f>
        <v>0</v>
      </c>
      <c r="Q8701" s="71">
        <f>IF(Input!$K$13=4,J8701*Input!$J$13,0)+IF(Input!$K$14=4,K8701*Input!$J$14,0)+IF(Input!$K$15=4,L8701*Input!$J$15,0)+IF(Input!$K$16=4,M8701*Input!$J$16,0)</f>
        <v>0</v>
      </c>
    </row>
    <row r="8702" spans="8:17" x14ac:dyDescent="0.25">
      <c r="H8702" s="43">
        <v>8695</v>
      </c>
      <c r="I8702" s="55">
        <f>Bühler!I8728</f>
        <v>2.0306619934032084</v>
      </c>
      <c r="J8702" s="58">
        <f>Bühler!J8728</f>
        <v>11.808361886242659</v>
      </c>
      <c r="K8702" s="58">
        <f>Bühler!K8728</f>
        <v>0.58151739142012682</v>
      </c>
      <c r="L8702" s="58">
        <f>Bühler!L8728</f>
        <v>0.29075869571006341</v>
      </c>
      <c r="M8702" s="57">
        <f>Bühler!M8728</f>
        <v>0</v>
      </c>
      <c r="N8702" s="55">
        <f>IF(Input!$K$13=1,J8702*Input!$J$13,0)+IF(Input!$K$14=1,K8702*Input!$J$14,0)+IF(Input!$K$15=1,L8702*Input!$J$15,0)+IF(Input!$K$16=1,M8702*Input!$J$16,0)</f>
        <v>1.4170034263491191</v>
      </c>
      <c r="O8702" s="58">
        <f>IF(Input!$K$13=2,J8702*Input!$J$13,0)+IF(Input!$K$14=2,K8702*Input!$J$14,0)+IF(Input!$K$15=2,L8702*Input!$J$15,0)+IF(Input!$K$16=2,M8702*Input!$J$16,0)</f>
        <v>7.8504847841717115E-2</v>
      </c>
      <c r="P8702" s="58">
        <f>IF(Input!$K$13=3,J8702*Input!$J$13,0)+IF(Input!$K$14=3,K8702*Input!$J$14,0)+IF(Input!$K$15=3,L8702*Input!$J$15,0)+IF(Input!$K$16=3,M8702*Input!$J$16,0)</f>
        <v>0</v>
      </c>
      <c r="Q8702" s="71">
        <f>IF(Input!$K$13=4,J8702*Input!$J$13,0)+IF(Input!$K$14=4,K8702*Input!$J$14,0)+IF(Input!$K$15=4,L8702*Input!$J$15,0)+IF(Input!$K$16=4,M8702*Input!$J$16,0)</f>
        <v>0</v>
      </c>
    </row>
    <row r="8703" spans="8:17" x14ac:dyDescent="0.25">
      <c r="H8703" s="43">
        <v>8696</v>
      </c>
      <c r="I8703" s="55">
        <f>Bühler!I8729</f>
        <v>5.5024389498667583</v>
      </c>
      <c r="J8703" s="58">
        <f>Bühler!J8729</f>
        <v>46.893092064860248</v>
      </c>
      <c r="K8703" s="58">
        <f>Bühler!K8729</f>
        <v>2.4772640874497407</v>
      </c>
      <c r="L8703" s="58">
        <f>Bühler!L8729</f>
        <v>1.2386320437248703</v>
      </c>
      <c r="M8703" s="57">
        <f>Bühler!M8729</f>
        <v>0</v>
      </c>
      <c r="N8703" s="55">
        <f>IF(Input!$K$13=1,J8703*Input!$J$13,0)+IF(Input!$K$14=1,K8703*Input!$J$14,0)+IF(Input!$K$15=1,L8703*Input!$J$15,0)+IF(Input!$K$16=1,M8703*Input!$J$16,0)</f>
        <v>5.6271710477832295</v>
      </c>
      <c r="O8703" s="58">
        <f>IF(Input!$K$13=2,J8703*Input!$J$13,0)+IF(Input!$K$14=2,K8703*Input!$J$14,0)+IF(Input!$K$15=2,L8703*Input!$J$15,0)+IF(Input!$K$16=2,M8703*Input!$J$16,0)</f>
        <v>0.33443065180571496</v>
      </c>
      <c r="P8703" s="58">
        <f>IF(Input!$K$13=3,J8703*Input!$J$13,0)+IF(Input!$K$14=3,K8703*Input!$J$14,0)+IF(Input!$K$15=3,L8703*Input!$J$15,0)+IF(Input!$K$16=3,M8703*Input!$J$16,0)</f>
        <v>0</v>
      </c>
      <c r="Q8703" s="71">
        <f>IF(Input!$K$13=4,J8703*Input!$J$13,0)+IF(Input!$K$14=4,K8703*Input!$J$14,0)+IF(Input!$K$15=4,L8703*Input!$J$15,0)+IF(Input!$K$16=4,M8703*Input!$J$16,0)</f>
        <v>0</v>
      </c>
    </row>
    <row r="8704" spans="8:17" x14ac:dyDescent="0.25">
      <c r="H8704" s="43">
        <v>8697</v>
      </c>
      <c r="I8704" s="55">
        <f>Bühler!I8730</f>
        <v>6.8780486873334468</v>
      </c>
      <c r="J8704" s="58">
        <f>Bühler!J8730</f>
        <v>58.616365081075301</v>
      </c>
      <c r="K8704" s="58">
        <f>Bühler!K8730</f>
        <v>3.0965801093121761</v>
      </c>
      <c r="L8704" s="58">
        <f>Bühler!L8730</f>
        <v>1.548290054656088</v>
      </c>
      <c r="M8704" s="57">
        <f>Bühler!M8730</f>
        <v>0</v>
      </c>
      <c r="N8704" s="55">
        <f>IF(Input!$K$13=1,J8704*Input!$J$13,0)+IF(Input!$K$14=1,K8704*Input!$J$14,0)+IF(Input!$K$15=1,L8704*Input!$J$15,0)+IF(Input!$K$16=1,M8704*Input!$J$16,0)</f>
        <v>7.0339638097290358</v>
      </c>
      <c r="O8704" s="58">
        <f>IF(Input!$K$13=2,J8704*Input!$J$13,0)+IF(Input!$K$14=2,K8704*Input!$J$14,0)+IF(Input!$K$15=2,L8704*Input!$J$15,0)+IF(Input!$K$16=2,M8704*Input!$J$16,0)</f>
        <v>0.41803831475714376</v>
      </c>
      <c r="P8704" s="58">
        <f>IF(Input!$K$13=3,J8704*Input!$J$13,0)+IF(Input!$K$14=3,K8704*Input!$J$14,0)+IF(Input!$K$15=3,L8704*Input!$J$15,0)+IF(Input!$K$16=3,M8704*Input!$J$16,0)</f>
        <v>0</v>
      </c>
      <c r="Q8704" s="71">
        <f>IF(Input!$K$13=4,J8704*Input!$J$13,0)+IF(Input!$K$14=4,K8704*Input!$J$14,0)+IF(Input!$K$15=4,L8704*Input!$J$15,0)+IF(Input!$K$16=4,M8704*Input!$J$16,0)</f>
        <v>0</v>
      </c>
    </row>
    <row r="8705" spans="8:17" x14ac:dyDescent="0.25">
      <c r="H8705" s="43">
        <v>8698</v>
      </c>
      <c r="I8705" s="55">
        <f>Bühler!I8731</f>
        <v>7.5658535560667932</v>
      </c>
      <c r="J8705" s="58">
        <f>Bühler!J8731</f>
        <v>64.478001589182838</v>
      </c>
      <c r="K8705" s="58">
        <f>Bühler!K8731</f>
        <v>3.4062381202433931</v>
      </c>
      <c r="L8705" s="58">
        <f>Bühler!L8731</f>
        <v>1.7031190601216966</v>
      </c>
      <c r="M8705" s="57">
        <f>Bühler!M8731</f>
        <v>0</v>
      </c>
      <c r="N8705" s="55">
        <f>IF(Input!$K$13=1,J8705*Input!$J$13,0)+IF(Input!$K$14=1,K8705*Input!$J$14,0)+IF(Input!$K$15=1,L8705*Input!$J$15,0)+IF(Input!$K$16=1,M8705*Input!$J$16,0)</f>
        <v>7.7373601907019403</v>
      </c>
      <c r="O8705" s="58">
        <f>IF(Input!$K$13=2,J8705*Input!$J$13,0)+IF(Input!$K$14=2,K8705*Input!$J$14,0)+IF(Input!$K$15=2,L8705*Input!$J$15,0)+IF(Input!$K$16=2,M8705*Input!$J$16,0)</f>
        <v>0.45984214623285802</v>
      </c>
      <c r="P8705" s="58">
        <f>IF(Input!$K$13=3,J8705*Input!$J$13,0)+IF(Input!$K$14=3,K8705*Input!$J$14,0)+IF(Input!$K$15=3,L8705*Input!$J$15,0)+IF(Input!$K$16=3,M8705*Input!$J$16,0)</f>
        <v>0</v>
      </c>
      <c r="Q8705" s="71">
        <f>IF(Input!$K$13=4,J8705*Input!$J$13,0)+IF(Input!$K$14=4,K8705*Input!$J$14,0)+IF(Input!$K$15=4,L8705*Input!$J$15,0)+IF(Input!$K$16=4,M8705*Input!$J$16,0)</f>
        <v>0</v>
      </c>
    </row>
    <row r="8706" spans="8:17" x14ac:dyDescent="0.25">
      <c r="H8706" s="43">
        <v>8699</v>
      </c>
      <c r="I8706" s="55">
        <f>Bühler!I8732</f>
        <v>7.5658535560667932</v>
      </c>
      <c r="J8706" s="58">
        <f>Bühler!J8732</f>
        <v>64.478001589182838</v>
      </c>
      <c r="K8706" s="58">
        <f>Bühler!K8732</f>
        <v>3.4062381202433931</v>
      </c>
      <c r="L8706" s="58">
        <f>Bühler!L8732</f>
        <v>1.7031190601216966</v>
      </c>
      <c r="M8706" s="57">
        <f>Bühler!M8732</f>
        <v>0</v>
      </c>
      <c r="N8706" s="55">
        <f>IF(Input!$K$13=1,J8706*Input!$J$13,0)+IF(Input!$K$14=1,K8706*Input!$J$14,0)+IF(Input!$K$15=1,L8706*Input!$J$15,0)+IF(Input!$K$16=1,M8706*Input!$J$16,0)</f>
        <v>7.7373601907019403</v>
      </c>
      <c r="O8706" s="58">
        <f>IF(Input!$K$13=2,J8706*Input!$J$13,0)+IF(Input!$K$14=2,K8706*Input!$J$14,0)+IF(Input!$K$15=2,L8706*Input!$J$15,0)+IF(Input!$K$16=2,M8706*Input!$J$16,0)</f>
        <v>0.45984214623285802</v>
      </c>
      <c r="P8706" s="58">
        <f>IF(Input!$K$13=3,J8706*Input!$J$13,0)+IF(Input!$K$14=3,K8706*Input!$J$14,0)+IF(Input!$K$15=3,L8706*Input!$J$15,0)+IF(Input!$K$16=3,M8706*Input!$J$16,0)</f>
        <v>0</v>
      </c>
      <c r="Q8706" s="71">
        <f>IF(Input!$K$13=4,J8706*Input!$J$13,0)+IF(Input!$K$14=4,K8706*Input!$J$14,0)+IF(Input!$K$15=4,L8706*Input!$J$15,0)+IF(Input!$K$16=4,M8706*Input!$J$16,0)</f>
        <v>0</v>
      </c>
    </row>
    <row r="8707" spans="8:17" x14ac:dyDescent="0.25">
      <c r="H8707" s="43">
        <v>8700</v>
      </c>
      <c r="I8707" s="55">
        <f>Bühler!I8733</f>
        <v>8.9414632935334826</v>
      </c>
      <c r="J8707" s="58">
        <f>Bühler!J8733</f>
        <v>76.201274605397899</v>
      </c>
      <c r="K8707" s="58">
        <f>Bühler!K8733</f>
        <v>4.0255541421058281</v>
      </c>
      <c r="L8707" s="58">
        <f>Bühler!L8733</f>
        <v>2.012777071052914</v>
      </c>
      <c r="M8707" s="57">
        <f>Bühler!M8733</f>
        <v>0</v>
      </c>
      <c r="N8707" s="55">
        <f>IF(Input!$K$13=1,J8707*Input!$J$13,0)+IF(Input!$K$14=1,K8707*Input!$J$14,0)+IF(Input!$K$15=1,L8707*Input!$J$15,0)+IF(Input!$K$16=1,M8707*Input!$J$16,0)</f>
        <v>9.1441529526477474</v>
      </c>
      <c r="O8707" s="58">
        <f>IF(Input!$K$13=2,J8707*Input!$J$13,0)+IF(Input!$K$14=2,K8707*Input!$J$14,0)+IF(Input!$K$15=2,L8707*Input!$J$15,0)+IF(Input!$K$16=2,M8707*Input!$J$16,0)</f>
        <v>0.54344980918428676</v>
      </c>
      <c r="P8707" s="58">
        <f>IF(Input!$K$13=3,J8707*Input!$J$13,0)+IF(Input!$K$14=3,K8707*Input!$J$14,0)+IF(Input!$K$15=3,L8707*Input!$J$15,0)+IF(Input!$K$16=3,M8707*Input!$J$16,0)</f>
        <v>0</v>
      </c>
      <c r="Q8707" s="71">
        <f>IF(Input!$K$13=4,J8707*Input!$J$13,0)+IF(Input!$K$14=4,K8707*Input!$J$14,0)+IF(Input!$K$15=4,L8707*Input!$J$15,0)+IF(Input!$K$16=4,M8707*Input!$J$16,0)</f>
        <v>0</v>
      </c>
    </row>
    <row r="8708" spans="8:17" x14ac:dyDescent="0.25">
      <c r="H8708" s="43">
        <v>8701</v>
      </c>
      <c r="I8708" s="55">
        <f>Bühler!I8734</f>
        <v>8.9414632935334826</v>
      </c>
      <c r="J8708" s="58">
        <f>Bühler!J8734</f>
        <v>76.201274605397899</v>
      </c>
      <c r="K8708" s="58">
        <f>Bühler!K8734</f>
        <v>4.0255541421058281</v>
      </c>
      <c r="L8708" s="58">
        <f>Bühler!L8734</f>
        <v>2.012777071052914</v>
      </c>
      <c r="M8708" s="57">
        <f>Bühler!M8734</f>
        <v>0</v>
      </c>
      <c r="N8708" s="55">
        <f>IF(Input!$K$13=1,J8708*Input!$J$13,0)+IF(Input!$K$14=1,K8708*Input!$J$14,0)+IF(Input!$K$15=1,L8708*Input!$J$15,0)+IF(Input!$K$16=1,M8708*Input!$J$16,0)</f>
        <v>9.1441529526477474</v>
      </c>
      <c r="O8708" s="58">
        <f>IF(Input!$K$13=2,J8708*Input!$J$13,0)+IF(Input!$K$14=2,K8708*Input!$J$14,0)+IF(Input!$K$15=2,L8708*Input!$J$15,0)+IF(Input!$K$16=2,M8708*Input!$J$16,0)</f>
        <v>0.54344980918428676</v>
      </c>
      <c r="P8708" s="58">
        <f>IF(Input!$K$13=3,J8708*Input!$J$13,0)+IF(Input!$K$14=3,K8708*Input!$J$14,0)+IF(Input!$K$15=3,L8708*Input!$J$15,0)+IF(Input!$K$16=3,M8708*Input!$J$16,0)</f>
        <v>0</v>
      </c>
      <c r="Q8708" s="71">
        <f>IF(Input!$K$13=4,J8708*Input!$J$13,0)+IF(Input!$K$14=4,K8708*Input!$J$14,0)+IF(Input!$K$15=4,L8708*Input!$J$15,0)+IF(Input!$K$16=4,M8708*Input!$J$16,0)</f>
        <v>0</v>
      </c>
    </row>
    <row r="8709" spans="8:17" x14ac:dyDescent="0.25">
      <c r="H8709" s="43">
        <v>8702</v>
      </c>
      <c r="I8709" s="55">
        <f>Bühler!I8735</f>
        <v>6.1902438186001039</v>
      </c>
      <c r="J8709" s="58">
        <f>Bühler!J8735</f>
        <v>52.754728572967771</v>
      </c>
      <c r="K8709" s="58">
        <f>Bühler!K8735</f>
        <v>2.7869220983809582</v>
      </c>
      <c r="L8709" s="58">
        <f>Bühler!L8735</f>
        <v>1.3934610491904791</v>
      </c>
      <c r="M8709" s="57">
        <f>Bühler!M8735</f>
        <v>0</v>
      </c>
      <c r="N8709" s="55">
        <f>IF(Input!$K$13=1,J8709*Input!$J$13,0)+IF(Input!$K$14=1,K8709*Input!$J$14,0)+IF(Input!$K$15=1,L8709*Input!$J$15,0)+IF(Input!$K$16=1,M8709*Input!$J$16,0)</f>
        <v>6.3305674287561322</v>
      </c>
      <c r="O8709" s="58">
        <f>IF(Input!$K$13=2,J8709*Input!$J$13,0)+IF(Input!$K$14=2,K8709*Input!$J$14,0)+IF(Input!$K$15=2,L8709*Input!$J$15,0)+IF(Input!$K$16=2,M8709*Input!$J$16,0)</f>
        <v>0.37623448328142933</v>
      </c>
      <c r="P8709" s="58">
        <f>IF(Input!$K$13=3,J8709*Input!$J$13,0)+IF(Input!$K$14=3,K8709*Input!$J$14,0)+IF(Input!$K$15=3,L8709*Input!$J$15,0)+IF(Input!$K$16=3,M8709*Input!$J$16,0)</f>
        <v>0</v>
      </c>
      <c r="Q8709" s="71">
        <f>IF(Input!$K$13=4,J8709*Input!$J$13,0)+IF(Input!$K$14=4,K8709*Input!$J$14,0)+IF(Input!$K$15=4,L8709*Input!$J$15,0)+IF(Input!$K$16=4,M8709*Input!$J$16,0)</f>
        <v>0</v>
      </c>
    </row>
    <row r="8710" spans="8:17" x14ac:dyDescent="0.25">
      <c r="H8710" s="43">
        <v>8703</v>
      </c>
      <c r="I8710" s="55">
        <f>Bühler!I8736</f>
        <v>8.9414632935334826</v>
      </c>
      <c r="J8710" s="58">
        <f>Bühler!J8736</f>
        <v>76.201274605397899</v>
      </c>
      <c r="K8710" s="58">
        <f>Bühler!K8736</f>
        <v>4.0255541421058281</v>
      </c>
      <c r="L8710" s="58">
        <f>Bühler!L8736</f>
        <v>2.012777071052914</v>
      </c>
      <c r="M8710" s="57">
        <f>Bühler!M8736</f>
        <v>0</v>
      </c>
      <c r="N8710" s="55">
        <f>IF(Input!$K$13=1,J8710*Input!$J$13,0)+IF(Input!$K$14=1,K8710*Input!$J$14,0)+IF(Input!$K$15=1,L8710*Input!$J$15,0)+IF(Input!$K$16=1,M8710*Input!$J$16,0)</f>
        <v>9.1441529526477474</v>
      </c>
      <c r="O8710" s="58">
        <f>IF(Input!$K$13=2,J8710*Input!$J$13,0)+IF(Input!$K$14=2,K8710*Input!$J$14,0)+IF(Input!$K$15=2,L8710*Input!$J$15,0)+IF(Input!$K$16=2,M8710*Input!$J$16,0)</f>
        <v>0.54344980918428676</v>
      </c>
      <c r="P8710" s="58">
        <f>IF(Input!$K$13=3,J8710*Input!$J$13,0)+IF(Input!$K$14=3,K8710*Input!$J$14,0)+IF(Input!$K$15=3,L8710*Input!$J$15,0)+IF(Input!$K$16=3,M8710*Input!$J$16,0)</f>
        <v>0</v>
      </c>
      <c r="Q8710" s="71">
        <f>IF(Input!$K$13=4,J8710*Input!$J$13,0)+IF(Input!$K$14=4,K8710*Input!$J$14,0)+IF(Input!$K$15=4,L8710*Input!$J$15,0)+IF(Input!$K$16=4,M8710*Input!$J$16,0)</f>
        <v>0</v>
      </c>
    </row>
    <row r="8711" spans="8:17" x14ac:dyDescent="0.25">
      <c r="H8711" s="43">
        <v>8704</v>
      </c>
      <c r="I8711" s="55">
        <f>Bühler!I8737</f>
        <v>7.5658535560667932</v>
      </c>
      <c r="J8711" s="58">
        <f>Bühler!J8737</f>
        <v>59.361487022203093</v>
      </c>
      <c r="K8711" s="58">
        <f>Bühler!K8737</f>
        <v>3.0965801093121761</v>
      </c>
      <c r="L8711" s="58">
        <f>Bühler!L8737</f>
        <v>1.548290054656088</v>
      </c>
      <c r="M8711" s="57">
        <f>Bühler!M8737</f>
        <v>0</v>
      </c>
      <c r="N8711" s="55">
        <f>IF(Input!$K$13=1,J8711*Input!$J$13,0)+IF(Input!$K$14=1,K8711*Input!$J$14,0)+IF(Input!$K$15=1,L8711*Input!$J$15,0)+IF(Input!$K$16=1,M8711*Input!$J$16,0)</f>
        <v>7.1233784426643707</v>
      </c>
      <c r="O8711" s="58">
        <f>IF(Input!$K$13=2,J8711*Input!$J$13,0)+IF(Input!$K$14=2,K8711*Input!$J$14,0)+IF(Input!$K$15=2,L8711*Input!$J$15,0)+IF(Input!$K$16=2,M8711*Input!$J$16,0)</f>
        <v>0.41803831475714376</v>
      </c>
      <c r="P8711" s="58">
        <f>IF(Input!$K$13=3,J8711*Input!$J$13,0)+IF(Input!$K$14=3,K8711*Input!$J$14,0)+IF(Input!$K$15=3,L8711*Input!$J$15,0)+IF(Input!$K$16=3,M8711*Input!$J$16,0)</f>
        <v>0</v>
      </c>
      <c r="Q8711" s="71">
        <f>IF(Input!$K$13=4,J8711*Input!$J$13,0)+IF(Input!$K$14=4,K8711*Input!$J$14,0)+IF(Input!$K$15=4,L8711*Input!$J$15,0)+IF(Input!$K$16=4,M8711*Input!$J$16,0)</f>
        <v>0</v>
      </c>
    </row>
    <row r="8712" spans="8:17" x14ac:dyDescent="0.25">
      <c r="H8712" s="43">
        <v>8705</v>
      </c>
      <c r="I8712" s="55">
        <f>Bühler!I8738</f>
        <v>6.5505225593651897</v>
      </c>
      <c r="J8712" s="58">
        <f>Bühler!J8738</f>
        <v>31.117594589451919</v>
      </c>
      <c r="K8712" s="58">
        <f>Bühler!K8738</f>
        <v>1.4537934785503173</v>
      </c>
      <c r="L8712" s="58">
        <f>Bühler!L8738</f>
        <v>0.72689673927515863</v>
      </c>
      <c r="M8712" s="57">
        <f>Bühler!M8738</f>
        <v>0</v>
      </c>
      <c r="N8712" s="55">
        <f>IF(Input!$K$13=1,J8712*Input!$J$13,0)+IF(Input!$K$14=1,K8712*Input!$J$14,0)+IF(Input!$K$15=1,L8712*Input!$J$15,0)+IF(Input!$K$16=1,M8712*Input!$J$16,0)</f>
        <v>3.7341113507342301</v>
      </c>
      <c r="O8712" s="58">
        <f>IF(Input!$K$13=2,J8712*Input!$J$13,0)+IF(Input!$K$14=2,K8712*Input!$J$14,0)+IF(Input!$K$15=2,L8712*Input!$J$15,0)+IF(Input!$K$16=2,M8712*Input!$J$16,0)</f>
        <v>0.19626211960429282</v>
      </c>
      <c r="P8712" s="58">
        <f>IF(Input!$K$13=3,J8712*Input!$J$13,0)+IF(Input!$K$14=3,K8712*Input!$J$14,0)+IF(Input!$K$15=3,L8712*Input!$J$15,0)+IF(Input!$K$16=3,M8712*Input!$J$16,0)</f>
        <v>0</v>
      </c>
      <c r="Q8712" s="71">
        <f>IF(Input!$K$13=4,J8712*Input!$J$13,0)+IF(Input!$K$14=4,K8712*Input!$J$14,0)+IF(Input!$K$15=4,L8712*Input!$J$15,0)+IF(Input!$K$16=4,M8712*Input!$J$16,0)</f>
        <v>0</v>
      </c>
    </row>
    <row r="8713" spans="8:17" x14ac:dyDescent="0.25">
      <c r="H8713" s="43">
        <v>8706</v>
      </c>
      <c r="I8713" s="55">
        <f>Bühler!I8739</f>
        <v>5.5024389498667583</v>
      </c>
      <c r="J8713" s="58">
        <f>Bühler!J8739</f>
        <v>21.814964328114478</v>
      </c>
      <c r="K8713" s="58">
        <f>Bühler!K8739</f>
        <v>0.95950369584320927</v>
      </c>
      <c r="L8713" s="58">
        <f>Bühler!L8739</f>
        <v>0.47975184792160463</v>
      </c>
      <c r="M8713" s="57">
        <f>Bühler!M8739</f>
        <v>0</v>
      </c>
      <c r="N8713" s="55">
        <f>IF(Input!$K$13=1,J8713*Input!$J$13,0)+IF(Input!$K$14=1,K8713*Input!$J$14,0)+IF(Input!$K$15=1,L8713*Input!$J$15,0)+IF(Input!$K$16=1,M8713*Input!$J$16,0)</f>
        <v>2.6177957193737371</v>
      </c>
      <c r="O8713" s="58">
        <f>IF(Input!$K$13=2,J8713*Input!$J$13,0)+IF(Input!$K$14=2,K8713*Input!$J$14,0)+IF(Input!$K$15=2,L8713*Input!$J$15,0)+IF(Input!$K$16=2,M8713*Input!$J$16,0)</f>
        <v>0.12953299893883324</v>
      </c>
      <c r="P8713" s="58">
        <f>IF(Input!$K$13=3,J8713*Input!$J$13,0)+IF(Input!$K$14=3,K8713*Input!$J$14,0)+IF(Input!$K$15=3,L8713*Input!$J$15,0)+IF(Input!$K$16=3,M8713*Input!$J$16,0)</f>
        <v>0</v>
      </c>
      <c r="Q8713" s="71">
        <f>IF(Input!$K$13=4,J8713*Input!$J$13,0)+IF(Input!$K$14=4,K8713*Input!$J$14,0)+IF(Input!$K$15=4,L8713*Input!$J$15,0)+IF(Input!$K$16=4,M8713*Input!$J$16,0)</f>
        <v>0</v>
      </c>
    </row>
    <row r="8714" spans="8:17" x14ac:dyDescent="0.25">
      <c r="H8714" s="43">
        <v>8707</v>
      </c>
      <c r="I8714" s="55">
        <f>Bühler!I8740</f>
        <v>2.0306619934032084</v>
      </c>
      <c r="J8714" s="58">
        <f>Bühler!J8740</f>
        <v>12.288785789245452</v>
      </c>
      <c r="K8714" s="58">
        <f>Bühler!K8740</f>
        <v>0.6105932609911332</v>
      </c>
      <c r="L8714" s="58">
        <f>Bühler!L8740</f>
        <v>0.3052966304955666</v>
      </c>
      <c r="M8714" s="57">
        <f>Bühler!M8740</f>
        <v>0</v>
      </c>
      <c r="N8714" s="55">
        <f>IF(Input!$K$13=1,J8714*Input!$J$13,0)+IF(Input!$K$14=1,K8714*Input!$J$14,0)+IF(Input!$K$15=1,L8714*Input!$J$15,0)+IF(Input!$K$16=1,M8714*Input!$J$16,0)</f>
        <v>1.4746542947094541</v>
      </c>
      <c r="O8714" s="58">
        <f>IF(Input!$K$13=2,J8714*Input!$J$13,0)+IF(Input!$K$14=2,K8714*Input!$J$14,0)+IF(Input!$K$15=2,L8714*Input!$J$15,0)+IF(Input!$K$16=2,M8714*Input!$J$16,0)</f>
        <v>8.2430090233802988E-2</v>
      </c>
      <c r="P8714" s="58">
        <f>IF(Input!$K$13=3,J8714*Input!$J$13,0)+IF(Input!$K$14=3,K8714*Input!$J$14,0)+IF(Input!$K$15=3,L8714*Input!$J$15,0)+IF(Input!$K$16=3,M8714*Input!$J$16,0)</f>
        <v>0</v>
      </c>
      <c r="Q8714" s="71">
        <f>IF(Input!$K$13=4,J8714*Input!$J$13,0)+IF(Input!$K$14=4,K8714*Input!$J$14,0)+IF(Input!$K$15=4,L8714*Input!$J$15,0)+IF(Input!$K$16=4,M8714*Input!$J$16,0)</f>
        <v>0</v>
      </c>
    </row>
    <row r="8715" spans="8:17" x14ac:dyDescent="0.25">
      <c r="H8715" s="43">
        <v>8708</v>
      </c>
      <c r="I8715" s="55">
        <f>Bühler!I8741</f>
        <v>2.0306619934032084</v>
      </c>
      <c r="J8715" s="58">
        <f>Bühler!J8741</f>
        <v>11.808361886242659</v>
      </c>
      <c r="K8715" s="58">
        <f>Bühler!K8741</f>
        <v>0.58151739142012682</v>
      </c>
      <c r="L8715" s="58">
        <f>Bühler!L8741</f>
        <v>0.29075869571006341</v>
      </c>
      <c r="M8715" s="57">
        <f>Bühler!M8741</f>
        <v>0</v>
      </c>
      <c r="N8715" s="55">
        <f>IF(Input!$K$13=1,J8715*Input!$J$13,0)+IF(Input!$K$14=1,K8715*Input!$J$14,0)+IF(Input!$K$15=1,L8715*Input!$J$15,0)+IF(Input!$K$16=1,M8715*Input!$J$16,0)</f>
        <v>1.4170034263491191</v>
      </c>
      <c r="O8715" s="58">
        <f>IF(Input!$K$13=2,J8715*Input!$J$13,0)+IF(Input!$K$14=2,K8715*Input!$J$14,0)+IF(Input!$K$15=2,L8715*Input!$J$15,0)+IF(Input!$K$16=2,M8715*Input!$J$16,0)</f>
        <v>7.8504847841717115E-2</v>
      </c>
      <c r="P8715" s="58">
        <f>IF(Input!$K$13=3,J8715*Input!$J$13,0)+IF(Input!$K$14=3,K8715*Input!$J$14,0)+IF(Input!$K$15=3,L8715*Input!$J$15,0)+IF(Input!$K$16=3,M8715*Input!$J$16,0)</f>
        <v>0</v>
      </c>
      <c r="Q8715" s="71">
        <f>IF(Input!$K$13=4,J8715*Input!$J$13,0)+IF(Input!$K$14=4,K8715*Input!$J$14,0)+IF(Input!$K$15=4,L8715*Input!$J$15,0)+IF(Input!$K$16=4,M8715*Input!$J$16,0)</f>
        <v>0</v>
      </c>
    </row>
    <row r="8716" spans="8:17" x14ac:dyDescent="0.25">
      <c r="H8716" s="43">
        <v>8709</v>
      </c>
      <c r="I8716" s="55">
        <f>Bühler!I8742</f>
        <v>2.0306619934032084</v>
      </c>
      <c r="J8716" s="58">
        <f>Bühler!J8742</f>
        <v>11.808361886242659</v>
      </c>
      <c r="K8716" s="58">
        <f>Bühler!K8742</f>
        <v>0.58151739142012682</v>
      </c>
      <c r="L8716" s="58">
        <f>Bühler!L8742</f>
        <v>0.29075869571006341</v>
      </c>
      <c r="M8716" s="57">
        <f>Bühler!M8742</f>
        <v>0</v>
      </c>
      <c r="N8716" s="55">
        <f>IF(Input!$K$13=1,J8716*Input!$J$13,0)+IF(Input!$K$14=1,K8716*Input!$J$14,0)+IF(Input!$K$15=1,L8716*Input!$J$15,0)+IF(Input!$K$16=1,M8716*Input!$J$16,0)</f>
        <v>1.4170034263491191</v>
      </c>
      <c r="O8716" s="58">
        <f>IF(Input!$K$13=2,J8716*Input!$J$13,0)+IF(Input!$K$14=2,K8716*Input!$J$14,0)+IF(Input!$K$15=2,L8716*Input!$J$15,0)+IF(Input!$K$16=2,M8716*Input!$J$16,0)</f>
        <v>7.8504847841717115E-2</v>
      </c>
      <c r="P8716" s="58">
        <f>IF(Input!$K$13=3,J8716*Input!$J$13,0)+IF(Input!$K$14=3,K8716*Input!$J$14,0)+IF(Input!$K$15=3,L8716*Input!$J$15,0)+IF(Input!$K$16=3,M8716*Input!$J$16,0)</f>
        <v>0</v>
      </c>
      <c r="Q8716" s="71">
        <f>IF(Input!$K$13=4,J8716*Input!$J$13,0)+IF(Input!$K$14=4,K8716*Input!$J$14,0)+IF(Input!$K$15=4,L8716*Input!$J$15,0)+IF(Input!$K$16=4,M8716*Input!$J$16,0)</f>
        <v>0</v>
      </c>
    </row>
    <row r="8717" spans="8:17" x14ac:dyDescent="0.25">
      <c r="H8717" s="43">
        <v>8710</v>
      </c>
      <c r="I8717" s="55">
        <f>Bühler!I8743</f>
        <v>2.0306619934032084</v>
      </c>
      <c r="J8717" s="58">
        <f>Bühler!J8743</f>
        <v>11.808361886242659</v>
      </c>
      <c r="K8717" s="58">
        <f>Bühler!K8743</f>
        <v>0.58151739142012682</v>
      </c>
      <c r="L8717" s="58">
        <f>Bühler!L8743</f>
        <v>0.29075869571006341</v>
      </c>
      <c r="M8717" s="57">
        <f>Bühler!M8743</f>
        <v>0</v>
      </c>
      <c r="N8717" s="55">
        <f>IF(Input!$K$13=1,J8717*Input!$J$13,0)+IF(Input!$K$14=1,K8717*Input!$J$14,0)+IF(Input!$K$15=1,L8717*Input!$J$15,0)+IF(Input!$K$16=1,M8717*Input!$J$16,0)</f>
        <v>1.4170034263491191</v>
      </c>
      <c r="O8717" s="58">
        <f>IF(Input!$K$13=2,J8717*Input!$J$13,0)+IF(Input!$K$14=2,K8717*Input!$J$14,0)+IF(Input!$K$15=2,L8717*Input!$J$15,0)+IF(Input!$K$16=2,M8717*Input!$J$16,0)</f>
        <v>7.8504847841717115E-2</v>
      </c>
      <c r="P8717" s="58">
        <f>IF(Input!$K$13=3,J8717*Input!$J$13,0)+IF(Input!$K$14=3,K8717*Input!$J$14,0)+IF(Input!$K$15=3,L8717*Input!$J$15,0)+IF(Input!$K$16=3,M8717*Input!$J$16,0)</f>
        <v>0</v>
      </c>
      <c r="Q8717" s="71">
        <f>IF(Input!$K$13=4,J8717*Input!$J$13,0)+IF(Input!$K$14=4,K8717*Input!$J$14,0)+IF(Input!$K$15=4,L8717*Input!$J$15,0)+IF(Input!$K$16=4,M8717*Input!$J$16,0)</f>
        <v>0</v>
      </c>
    </row>
    <row r="8718" spans="8:17" x14ac:dyDescent="0.25">
      <c r="H8718" s="43">
        <v>8711</v>
      </c>
      <c r="I8718" s="55">
        <f>Bühler!I8744</f>
        <v>2.0306619934032084</v>
      </c>
      <c r="J8718" s="58">
        <f>Bühler!J8744</f>
        <v>11.808361886242659</v>
      </c>
      <c r="K8718" s="58">
        <f>Bühler!K8744</f>
        <v>0.58151739142012682</v>
      </c>
      <c r="L8718" s="58">
        <f>Bühler!L8744</f>
        <v>0.29075869571006341</v>
      </c>
      <c r="M8718" s="57">
        <f>Bühler!M8744</f>
        <v>0</v>
      </c>
      <c r="N8718" s="55">
        <f>IF(Input!$K$13=1,J8718*Input!$J$13,0)+IF(Input!$K$14=1,K8718*Input!$J$14,0)+IF(Input!$K$15=1,L8718*Input!$J$15,0)+IF(Input!$K$16=1,M8718*Input!$J$16,0)</f>
        <v>1.4170034263491191</v>
      </c>
      <c r="O8718" s="58">
        <f>IF(Input!$K$13=2,J8718*Input!$J$13,0)+IF(Input!$K$14=2,K8718*Input!$J$14,0)+IF(Input!$K$15=2,L8718*Input!$J$15,0)+IF(Input!$K$16=2,M8718*Input!$J$16,0)</f>
        <v>7.8504847841717115E-2</v>
      </c>
      <c r="P8718" s="58">
        <f>IF(Input!$K$13=3,J8718*Input!$J$13,0)+IF(Input!$K$14=3,K8718*Input!$J$14,0)+IF(Input!$K$15=3,L8718*Input!$J$15,0)+IF(Input!$K$16=3,M8718*Input!$J$16,0)</f>
        <v>0</v>
      </c>
      <c r="Q8718" s="71">
        <f>IF(Input!$K$13=4,J8718*Input!$J$13,0)+IF(Input!$K$14=4,K8718*Input!$J$14,0)+IF(Input!$K$15=4,L8718*Input!$J$15,0)+IF(Input!$K$16=4,M8718*Input!$J$16,0)</f>
        <v>0</v>
      </c>
    </row>
    <row r="8719" spans="8:17" x14ac:dyDescent="0.25">
      <c r="H8719" s="43">
        <v>8712</v>
      </c>
      <c r="I8719" s="55">
        <f>Bühler!I8745</f>
        <v>2.0306619934032084</v>
      </c>
      <c r="J8719" s="58">
        <f>Bühler!J8745</f>
        <v>11.808361886242659</v>
      </c>
      <c r="K8719" s="58">
        <f>Bühler!K8745</f>
        <v>0.58151739142012682</v>
      </c>
      <c r="L8719" s="58">
        <f>Bühler!L8745</f>
        <v>0.29075869571006341</v>
      </c>
      <c r="M8719" s="57">
        <f>Bühler!M8745</f>
        <v>0</v>
      </c>
      <c r="N8719" s="55">
        <f>IF(Input!$K$13=1,J8719*Input!$J$13,0)+IF(Input!$K$14=1,K8719*Input!$J$14,0)+IF(Input!$K$15=1,L8719*Input!$J$15,0)+IF(Input!$K$16=1,M8719*Input!$J$16,0)</f>
        <v>1.4170034263491191</v>
      </c>
      <c r="O8719" s="58">
        <f>IF(Input!$K$13=2,J8719*Input!$J$13,0)+IF(Input!$K$14=2,K8719*Input!$J$14,0)+IF(Input!$K$15=2,L8719*Input!$J$15,0)+IF(Input!$K$16=2,M8719*Input!$J$16,0)</f>
        <v>7.8504847841717115E-2</v>
      </c>
      <c r="P8719" s="58">
        <f>IF(Input!$K$13=3,J8719*Input!$J$13,0)+IF(Input!$K$14=3,K8719*Input!$J$14,0)+IF(Input!$K$15=3,L8719*Input!$J$15,0)+IF(Input!$K$16=3,M8719*Input!$J$16,0)</f>
        <v>0</v>
      </c>
      <c r="Q8719" s="71">
        <f>IF(Input!$K$13=4,J8719*Input!$J$13,0)+IF(Input!$K$14=4,K8719*Input!$J$14,0)+IF(Input!$K$15=4,L8719*Input!$J$15,0)+IF(Input!$K$16=4,M8719*Input!$J$16,0)</f>
        <v>0</v>
      </c>
    </row>
    <row r="8720" spans="8:17" x14ac:dyDescent="0.25">
      <c r="H8720" s="43">
        <v>8713</v>
      </c>
      <c r="I8720" s="55">
        <f>Bühler!I8746</f>
        <v>1.1299297644678929</v>
      </c>
      <c r="J8720" s="58">
        <f>Bühler!J8746</f>
        <v>12.074054255956767</v>
      </c>
      <c r="K8720" s="58">
        <f>Bühler!K8746</f>
        <v>0.36949108872897074</v>
      </c>
      <c r="L8720" s="58">
        <f>Bühler!L8746</f>
        <v>0.18474554436448537</v>
      </c>
      <c r="M8720" s="57">
        <f>Bühler!M8746</f>
        <v>0</v>
      </c>
      <c r="N8720" s="55">
        <f>IF(Input!$K$13=1,J8720*Input!$J$13,0)+IF(Input!$K$14=1,K8720*Input!$J$14,0)+IF(Input!$K$15=1,L8720*Input!$J$15,0)+IF(Input!$K$16=1,M8720*Input!$J$16,0)</f>
        <v>1.4488865107148121</v>
      </c>
      <c r="O8720" s="58">
        <f>IF(Input!$K$13=2,J8720*Input!$J$13,0)+IF(Input!$K$14=2,K8720*Input!$J$14,0)+IF(Input!$K$15=2,L8720*Input!$J$15,0)+IF(Input!$K$16=2,M8720*Input!$J$16,0)</f>
        <v>4.9881296978411052E-2</v>
      </c>
      <c r="P8720" s="58">
        <f>IF(Input!$K$13=3,J8720*Input!$J$13,0)+IF(Input!$K$14=3,K8720*Input!$J$14,0)+IF(Input!$K$15=3,L8720*Input!$J$15,0)+IF(Input!$K$16=3,M8720*Input!$J$16,0)</f>
        <v>0</v>
      </c>
      <c r="Q8720" s="71">
        <f>IF(Input!$K$13=4,J8720*Input!$J$13,0)+IF(Input!$K$14=4,K8720*Input!$J$14,0)+IF(Input!$K$15=4,L8720*Input!$J$15,0)+IF(Input!$K$16=4,M8720*Input!$J$16,0)</f>
        <v>0</v>
      </c>
    </row>
    <row r="8721" spans="8:17" x14ac:dyDescent="0.25">
      <c r="H8721" s="43">
        <v>8714</v>
      </c>
      <c r="I8721" s="55">
        <f>Bühler!I8747</f>
        <v>2.2060533496754107</v>
      </c>
      <c r="J8721" s="58">
        <f>Bühler!J8747</f>
        <v>11.36106070573161</v>
      </c>
      <c r="K8721" s="58">
        <f>Bühler!K8747</f>
        <v>0.33254197985607364</v>
      </c>
      <c r="L8721" s="58">
        <f>Bühler!L8747</f>
        <v>0.16627098992803682</v>
      </c>
      <c r="M8721" s="57">
        <f>Bühler!M8747</f>
        <v>0</v>
      </c>
      <c r="N8721" s="55">
        <f>IF(Input!$K$13=1,J8721*Input!$J$13,0)+IF(Input!$K$14=1,K8721*Input!$J$14,0)+IF(Input!$K$15=1,L8721*Input!$J$15,0)+IF(Input!$K$16=1,M8721*Input!$J$16,0)</f>
        <v>1.3633272846877931</v>
      </c>
      <c r="O8721" s="58">
        <f>IF(Input!$K$13=2,J8721*Input!$J$13,0)+IF(Input!$K$14=2,K8721*Input!$J$14,0)+IF(Input!$K$15=2,L8721*Input!$J$15,0)+IF(Input!$K$16=2,M8721*Input!$J$16,0)</f>
        <v>4.489316728056994E-2</v>
      </c>
      <c r="P8721" s="58">
        <f>IF(Input!$K$13=3,J8721*Input!$J$13,0)+IF(Input!$K$14=3,K8721*Input!$J$14,0)+IF(Input!$K$15=3,L8721*Input!$J$15,0)+IF(Input!$K$16=3,M8721*Input!$J$16,0)</f>
        <v>0</v>
      </c>
      <c r="Q8721" s="71">
        <f>IF(Input!$K$13=4,J8721*Input!$J$13,0)+IF(Input!$K$14=4,K8721*Input!$J$14,0)+IF(Input!$K$15=4,L8721*Input!$J$15,0)+IF(Input!$K$16=4,M8721*Input!$J$16,0)</f>
        <v>0</v>
      </c>
    </row>
    <row r="8722" spans="8:17" x14ac:dyDescent="0.25">
      <c r="H8722" s="43">
        <v>8715</v>
      </c>
      <c r="I8722" s="55">
        <f>Bühler!I8748</f>
        <v>2.2060533496754107</v>
      </c>
      <c r="J8722" s="58">
        <f>Bühler!J8748</f>
        <v>11.36106070573161</v>
      </c>
      <c r="K8722" s="58">
        <f>Bühler!K8748</f>
        <v>0.33254197985607364</v>
      </c>
      <c r="L8722" s="58">
        <f>Bühler!L8748</f>
        <v>0.16627098992803682</v>
      </c>
      <c r="M8722" s="57">
        <f>Bühler!M8748</f>
        <v>0</v>
      </c>
      <c r="N8722" s="55">
        <f>IF(Input!$K$13=1,J8722*Input!$J$13,0)+IF(Input!$K$14=1,K8722*Input!$J$14,0)+IF(Input!$K$15=1,L8722*Input!$J$15,0)+IF(Input!$K$16=1,M8722*Input!$J$16,0)</f>
        <v>1.3633272846877931</v>
      </c>
      <c r="O8722" s="58">
        <f>IF(Input!$K$13=2,J8722*Input!$J$13,0)+IF(Input!$K$14=2,K8722*Input!$J$14,0)+IF(Input!$K$15=2,L8722*Input!$J$15,0)+IF(Input!$K$16=2,M8722*Input!$J$16,0)</f>
        <v>4.489316728056994E-2</v>
      </c>
      <c r="P8722" s="58">
        <f>IF(Input!$K$13=3,J8722*Input!$J$13,0)+IF(Input!$K$14=3,K8722*Input!$J$14,0)+IF(Input!$K$15=3,L8722*Input!$J$15,0)+IF(Input!$K$16=3,M8722*Input!$J$16,0)</f>
        <v>0</v>
      </c>
      <c r="Q8722" s="71">
        <f>IF(Input!$K$13=4,J8722*Input!$J$13,0)+IF(Input!$K$14=4,K8722*Input!$J$14,0)+IF(Input!$K$15=4,L8722*Input!$J$15,0)+IF(Input!$K$16=4,M8722*Input!$J$16,0)</f>
        <v>0</v>
      </c>
    </row>
    <row r="8723" spans="8:17" x14ac:dyDescent="0.25">
      <c r="H8723" s="43">
        <v>8716</v>
      </c>
      <c r="I8723" s="55">
        <f>Bühler!I8749</f>
        <v>2.2060533496754107</v>
      </c>
      <c r="J8723" s="58">
        <f>Bühler!J8749</f>
        <v>11.36106070573161</v>
      </c>
      <c r="K8723" s="58">
        <f>Bühler!K8749</f>
        <v>0.33254197985607364</v>
      </c>
      <c r="L8723" s="58">
        <f>Bühler!L8749</f>
        <v>0.16627098992803682</v>
      </c>
      <c r="M8723" s="57">
        <f>Bühler!M8749</f>
        <v>0</v>
      </c>
      <c r="N8723" s="55">
        <f>IF(Input!$K$13=1,J8723*Input!$J$13,0)+IF(Input!$K$14=1,K8723*Input!$J$14,0)+IF(Input!$K$15=1,L8723*Input!$J$15,0)+IF(Input!$K$16=1,M8723*Input!$J$16,0)</f>
        <v>1.3633272846877931</v>
      </c>
      <c r="O8723" s="58">
        <f>IF(Input!$K$13=2,J8723*Input!$J$13,0)+IF(Input!$K$14=2,K8723*Input!$J$14,0)+IF(Input!$K$15=2,L8723*Input!$J$15,0)+IF(Input!$K$16=2,M8723*Input!$J$16,0)</f>
        <v>4.489316728056994E-2</v>
      </c>
      <c r="P8723" s="58">
        <f>IF(Input!$K$13=3,J8723*Input!$J$13,0)+IF(Input!$K$14=3,K8723*Input!$J$14,0)+IF(Input!$K$15=3,L8723*Input!$J$15,0)+IF(Input!$K$16=3,M8723*Input!$J$16,0)</f>
        <v>0</v>
      </c>
      <c r="Q8723" s="71">
        <f>IF(Input!$K$13=4,J8723*Input!$J$13,0)+IF(Input!$K$14=4,K8723*Input!$J$14,0)+IF(Input!$K$15=4,L8723*Input!$J$15,0)+IF(Input!$K$16=4,M8723*Input!$J$16,0)</f>
        <v>0</v>
      </c>
    </row>
    <row r="8724" spans="8:17" x14ac:dyDescent="0.25">
      <c r="H8724" s="43">
        <v>8717</v>
      </c>
      <c r="I8724" s="55">
        <f>Bühler!I8750</f>
        <v>2.2060533496754107</v>
      </c>
      <c r="J8724" s="58">
        <f>Bühler!J8750</f>
        <v>11.36106070573161</v>
      </c>
      <c r="K8724" s="58">
        <f>Bühler!K8750</f>
        <v>0.33254197985607364</v>
      </c>
      <c r="L8724" s="58">
        <f>Bühler!L8750</f>
        <v>0.16627098992803682</v>
      </c>
      <c r="M8724" s="57">
        <f>Bühler!M8750</f>
        <v>0</v>
      </c>
      <c r="N8724" s="55">
        <f>IF(Input!$K$13=1,J8724*Input!$J$13,0)+IF(Input!$K$14=1,K8724*Input!$J$14,0)+IF(Input!$K$15=1,L8724*Input!$J$15,0)+IF(Input!$K$16=1,M8724*Input!$J$16,0)</f>
        <v>1.3633272846877931</v>
      </c>
      <c r="O8724" s="58">
        <f>IF(Input!$K$13=2,J8724*Input!$J$13,0)+IF(Input!$K$14=2,K8724*Input!$J$14,0)+IF(Input!$K$15=2,L8724*Input!$J$15,0)+IF(Input!$K$16=2,M8724*Input!$J$16,0)</f>
        <v>4.489316728056994E-2</v>
      </c>
      <c r="P8724" s="58">
        <f>IF(Input!$K$13=3,J8724*Input!$J$13,0)+IF(Input!$K$14=3,K8724*Input!$J$14,0)+IF(Input!$K$15=3,L8724*Input!$J$15,0)+IF(Input!$K$16=3,M8724*Input!$J$16,0)</f>
        <v>0</v>
      </c>
      <c r="Q8724" s="71">
        <f>IF(Input!$K$13=4,J8724*Input!$J$13,0)+IF(Input!$K$14=4,K8724*Input!$J$14,0)+IF(Input!$K$15=4,L8724*Input!$J$15,0)+IF(Input!$K$16=4,M8724*Input!$J$16,0)</f>
        <v>0</v>
      </c>
    </row>
    <row r="8725" spans="8:17" x14ac:dyDescent="0.25">
      <c r="H8725" s="43">
        <v>8718</v>
      </c>
      <c r="I8725" s="55">
        <f>Bühler!I8751</f>
        <v>2.7441151422791692</v>
      </c>
      <c r="J8725" s="58">
        <f>Bühler!J8751</f>
        <v>11.3834799470901</v>
      </c>
      <c r="K8725" s="58">
        <f>Bühler!K8751</f>
        <v>0.33254197985607364</v>
      </c>
      <c r="L8725" s="58">
        <f>Bühler!L8751</f>
        <v>0.16627098992803682</v>
      </c>
      <c r="M8725" s="57">
        <f>Bühler!M8751</f>
        <v>0</v>
      </c>
      <c r="N8725" s="55">
        <f>IF(Input!$K$13=1,J8725*Input!$J$13,0)+IF(Input!$K$14=1,K8725*Input!$J$14,0)+IF(Input!$K$15=1,L8725*Input!$J$15,0)+IF(Input!$K$16=1,M8725*Input!$J$16,0)</f>
        <v>1.3660175936508119</v>
      </c>
      <c r="O8725" s="58">
        <f>IF(Input!$K$13=2,J8725*Input!$J$13,0)+IF(Input!$K$14=2,K8725*Input!$J$14,0)+IF(Input!$K$15=2,L8725*Input!$J$15,0)+IF(Input!$K$16=2,M8725*Input!$J$16,0)</f>
        <v>4.489316728056994E-2</v>
      </c>
      <c r="P8725" s="58">
        <f>IF(Input!$K$13=3,J8725*Input!$J$13,0)+IF(Input!$K$14=3,K8725*Input!$J$14,0)+IF(Input!$K$15=3,L8725*Input!$J$15,0)+IF(Input!$K$16=3,M8725*Input!$J$16,0)</f>
        <v>0</v>
      </c>
      <c r="Q8725" s="71">
        <f>IF(Input!$K$13=4,J8725*Input!$J$13,0)+IF(Input!$K$14=4,K8725*Input!$J$14,0)+IF(Input!$K$15=4,L8725*Input!$J$15,0)+IF(Input!$K$16=4,M8725*Input!$J$16,0)</f>
        <v>0</v>
      </c>
    </row>
    <row r="8726" spans="8:17" x14ac:dyDescent="0.25">
      <c r="H8726" s="43">
        <v>8719</v>
      </c>
      <c r="I8726" s="55">
        <f>Bühler!I8752</f>
        <v>3.4435954726640552</v>
      </c>
      <c r="J8726" s="58">
        <f>Bühler!J8752</f>
        <v>11.412624960856135</v>
      </c>
      <c r="K8726" s="58">
        <f>Bühler!K8752</f>
        <v>0.33254197985607364</v>
      </c>
      <c r="L8726" s="58">
        <f>Bühler!L8752</f>
        <v>0.16627098992803682</v>
      </c>
      <c r="M8726" s="57">
        <f>Bühler!M8752</f>
        <v>0</v>
      </c>
      <c r="N8726" s="55">
        <f>IF(Input!$K$13=1,J8726*Input!$J$13,0)+IF(Input!$K$14=1,K8726*Input!$J$14,0)+IF(Input!$K$15=1,L8726*Input!$J$15,0)+IF(Input!$K$16=1,M8726*Input!$J$16,0)</f>
        <v>1.3695149953027361</v>
      </c>
      <c r="O8726" s="58">
        <f>IF(Input!$K$13=2,J8726*Input!$J$13,0)+IF(Input!$K$14=2,K8726*Input!$J$14,0)+IF(Input!$K$15=2,L8726*Input!$J$15,0)+IF(Input!$K$16=2,M8726*Input!$J$16,0)</f>
        <v>4.489316728056994E-2</v>
      </c>
      <c r="P8726" s="58">
        <f>IF(Input!$K$13=3,J8726*Input!$J$13,0)+IF(Input!$K$14=3,K8726*Input!$J$14,0)+IF(Input!$K$15=3,L8726*Input!$J$15,0)+IF(Input!$K$16=3,M8726*Input!$J$16,0)</f>
        <v>0</v>
      </c>
      <c r="Q8726" s="71">
        <f>IF(Input!$K$13=4,J8726*Input!$J$13,0)+IF(Input!$K$14=4,K8726*Input!$J$14,0)+IF(Input!$K$15=4,L8726*Input!$J$15,0)+IF(Input!$K$16=4,M8726*Input!$J$16,0)</f>
        <v>0</v>
      </c>
    </row>
    <row r="8727" spans="8:17" x14ac:dyDescent="0.25">
      <c r="H8727" s="43">
        <v>8720</v>
      </c>
      <c r="I8727" s="55">
        <f>Bühler!I8753</f>
        <v>3.927851086007438</v>
      </c>
      <c r="J8727" s="58">
        <f>Bühler!J8753</f>
        <v>11.432802278078777</v>
      </c>
      <c r="K8727" s="58">
        <f>Bühler!K8753</f>
        <v>0.33254197985607364</v>
      </c>
      <c r="L8727" s="58">
        <f>Bühler!L8753</f>
        <v>0.16627098992803682</v>
      </c>
      <c r="M8727" s="57">
        <f>Bühler!M8753</f>
        <v>0</v>
      </c>
      <c r="N8727" s="55">
        <f>IF(Input!$K$13=1,J8727*Input!$J$13,0)+IF(Input!$K$14=1,K8727*Input!$J$14,0)+IF(Input!$K$15=1,L8727*Input!$J$15,0)+IF(Input!$K$16=1,M8727*Input!$J$16,0)</f>
        <v>1.3719362733694531</v>
      </c>
      <c r="O8727" s="58">
        <f>IF(Input!$K$13=2,J8727*Input!$J$13,0)+IF(Input!$K$14=2,K8727*Input!$J$14,0)+IF(Input!$K$15=2,L8727*Input!$J$15,0)+IF(Input!$K$16=2,M8727*Input!$J$16,0)</f>
        <v>4.489316728056994E-2</v>
      </c>
      <c r="P8727" s="58">
        <f>IF(Input!$K$13=3,J8727*Input!$J$13,0)+IF(Input!$K$14=3,K8727*Input!$J$14,0)+IF(Input!$K$15=3,L8727*Input!$J$15,0)+IF(Input!$K$16=3,M8727*Input!$J$16,0)</f>
        <v>0</v>
      </c>
      <c r="Q8727" s="71">
        <f>IF(Input!$K$13=4,J8727*Input!$J$13,0)+IF(Input!$K$14=4,K8727*Input!$J$14,0)+IF(Input!$K$15=4,L8727*Input!$J$15,0)+IF(Input!$K$16=4,M8727*Input!$J$16,0)</f>
        <v>0</v>
      </c>
    </row>
    <row r="8728" spans="8:17" x14ac:dyDescent="0.25">
      <c r="H8728" s="43">
        <v>8721</v>
      </c>
      <c r="I8728" s="55">
        <f>Bühler!I8754</f>
        <v>3.927851086007438</v>
      </c>
      <c r="J8728" s="58">
        <f>Bühler!J8754</f>
        <v>11.432802278078777</v>
      </c>
      <c r="K8728" s="58">
        <f>Bühler!K8754</f>
        <v>0.33254197985607364</v>
      </c>
      <c r="L8728" s="58">
        <f>Bühler!L8754</f>
        <v>0.16627098992803682</v>
      </c>
      <c r="M8728" s="57">
        <f>Bühler!M8754</f>
        <v>0</v>
      </c>
      <c r="N8728" s="55">
        <f>IF(Input!$K$13=1,J8728*Input!$J$13,0)+IF(Input!$K$14=1,K8728*Input!$J$14,0)+IF(Input!$K$15=1,L8728*Input!$J$15,0)+IF(Input!$K$16=1,M8728*Input!$J$16,0)</f>
        <v>1.3719362733694531</v>
      </c>
      <c r="O8728" s="58">
        <f>IF(Input!$K$13=2,J8728*Input!$J$13,0)+IF(Input!$K$14=2,K8728*Input!$J$14,0)+IF(Input!$K$15=2,L8728*Input!$J$15,0)+IF(Input!$K$16=2,M8728*Input!$J$16,0)</f>
        <v>4.489316728056994E-2</v>
      </c>
      <c r="P8728" s="58">
        <f>IF(Input!$K$13=3,J8728*Input!$J$13,0)+IF(Input!$K$14=3,K8728*Input!$J$14,0)+IF(Input!$K$15=3,L8728*Input!$J$15,0)+IF(Input!$K$16=3,M8728*Input!$J$16,0)</f>
        <v>0</v>
      </c>
      <c r="Q8728" s="71">
        <f>IF(Input!$K$13=4,J8728*Input!$J$13,0)+IF(Input!$K$14=4,K8728*Input!$J$14,0)+IF(Input!$K$15=4,L8728*Input!$J$15,0)+IF(Input!$K$16=4,M8728*Input!$J$16,0)</f>
        <v>0</v>
      </c>
    </row>
    <row r="8729" spans="8:17" x14ac:dyDescent="0.25">
      <c r="H8729" s="43">
        <v>8722</v>
      </c>
      <c r="I8729" s="55">
        <f>Bühler!I8755</f>
        <v>3.927851086007438</v>
      </c>
      <c r="J8729" s="58">
        <f>Bühler!J8755</f>
        <v>11.432802278078777</v>
      </c>
      <c r="K8729" s="58">
        <f>Bühler!K8755</f>
        <v>0.33254197985607364</v>
      </c>
      <c r="L8729" s="58">
        <f>Bühler!L8755</f>
        <v>0.16627098992803682</v>
      </c>
      <c r="M8729" s="57">
        <f>Bühler!M8755</f>
        <v>0</v>
      </c>
      <c r="N8729" s="55">
        <f>IF(Input!$K$13=1,J8729*Input!$J$13,0)+IF(Input!$K$14=1,K8729*Input!$J$14,0)+IF(Input!$K$15=1,L8729*Input!$J$15,0)+IF(Input!$K$16=1,M8729*Input!$J$16,0)</f>
        <v>1.3719362733694531</v>
      </c>
      <c r="O8729" s="58">
        <f>IF(Input!$K$13=2,J8729*Input!$J$13,0)+IF(Input!$K$14=2,K8729*Input!$J$14,0)+IF(Input!$K$15=2,L8729*Input!$J$15,0)+IF(Input!$K$16=2,M8729*Input!$J$16,0)</f>
        <v>4.489316728056994E-2</v>
      </c>
      <c r="P8729" s="58">
        <f>IF(Input!$K$13=3,J8729*Input!$J$13,0)+IF(Input!$K$14=3,K8729*Input!$J$14,0)+IF(Input!$K$15=3,L8729*Input!$J$15,0)+IF(Input!$K$16=3,M8729*Input!$J$16,0)</f>
        <v>0</v>
      </c>
      <c r="Q8729" s="71">
        <f>IF(Input!$K$13=4,J8729*Input!$J$13,0)+IF(Input!$K$14=4,K8729*Input!$J$14,0)+IF(Input!$K$15=4,L8729*Input!$J$15,0)+IF(Input!$K$16=4,M8729*Input!$J$16,0)</f>
        <v>0</v>
      </c>
    </row>
    <row r="8730" spans="8:17" x14ac:dyDescent="0.25">
      <c r="H8730" s="43">
        <v>8723</v>
      </c>
      <c r="I8730" s="55">
        <f>Bühler!I8756</f>
        <v>3.927851086007438</v>
      </c>
      <c r="J8730" s="58">
        <f>Bühler!J8756</f>
        <v>11.432802278078777</v>
      </c>
      <c r="K8730" s="58">
        <f>Bühler!K8756</f>
        <v>0.33254197985607364</v>
      </c>
      <c r="L8730" s="58">
        <f>Bühler!L8756</f>
        <v>0.16627098992803682</v>
      </c>
      <c r="M8730" s="57">
        <f>Bühler!M8756</f>
        <v>0</v>
      </c>
      <c r="N8730" s="55">
        <f>IF(Input!$K$13=1,J8730*Input!$J$13,0)+IF(Input!$K$14=1,K8730*Input!$J$14,0)+IF(Input!$K$15=1,L8730*Input!$J$15,0)+IF(Input!$K$16=1,M8730*Input!$J$16,0)</f>
        <v>1.3719362733694531</v>
      </c>
      <c r="O8730" s="58">
        <f>IF(Input!$K$13=2,J8730*Input!$J$13,0)+IF(Input!$K$14=2,K8730*Input!$J$14,0)+IF(Input!$K$15=2,L8730*Input!$J$15,0)+IF(Input!$K$16=2,M8730*Input!$J$16,0)</f>
        <v>4.489316728056994E-2</v>
      </c>
      <c r="P8730" s="58">
        <f>IF(Input!$K$13=3,J8730*Input!$J$13,0)+IF(Input!$K$14=3,K8730*Input!$J$14,0)+IF(Input!$K$15=3,L8730*Input!$J$15,0)+IF(Input!$K$16=3,M8730*Input!$J$16,0)</f>
        <v>0</v>
      </c>
      <c r="Q8730" s="71">
        <f>IF(Input!$K$13=4,J8730*Input!$J$13,0)+IF(Input!$K$14=4,K8730*Input!$J$14,0)+IF(Input!$K$15=4,L8730*Input!$J$15,0)+IF(Input!$K$16=4,M8730*Input!$J$16,0)</f>
        <v>0</v>
      </c>
    </row>
    <row r="8731" spans="8:17" x14ac:dyDescent="0.25">
      <c r="H8731" s="43">
        <v>8724</v>
      </c>
      <c r="I8731" s="55">
        <f>Bühler!I8757</f>
        <v>3.927851086007438</v>
      </c>
      <c r="J8731" s="58">
        <f>Bühler!J8757</f>
        <v>11.432802278078777</v>
      </c>
      <c r="K8731" s="58">
        <f>Bühler!K8757</f>
        <v>0.33254197985607364</v>
      </c>
      <c r="L8731" s="58">
        <f>Bühler!L8757</f>
        <v>0.16627098992803682</v>
      </c>
      <c r="M8731" s="57">
        <f>Bühler!M8757</f>
        <v>0</v>
      </c>
      <c r="N8731" s="55">
        <f>IF(Input!$K$13=1,J8731*Input!$J$13,0)+IF(Input!$K$14=1,K8731*Input!$J$14,0)+IF(Input!$K$15=1,L8731*Input!$J$15,0)+IF(Input!$K$16=1,M8731*Input!$J$16,0)</f>
        <v>1.3719362733694531</v>
      </c>
      <c r="O8731" s="58">
        <f>IF(Input!$K$13=2,J8731*Input!$J$13,0)+IF(Input!$K$14=2,K8731*Input!$J$14,0)+IF(Input!$K$15=2,L8731*Input!$J$15,0)+IF(Input!$K$16=2,M8731*Input!$J$16,0)</f>
        <v>4.489316728056994E-2</v>
      </c>
      <c r="P8731" s="58">
        <f>IF(Input!$K$13=3,J8731*Input!$J$13,0)+IF(Input!$K$14=3,K8731*Input!$J$14,0)+IF(Input!$K$15=3,L8731*Input!$J$15,0)+IF(Input!$K$16=3,M8731*Input!$J$16,0)</f>
        <v>0</v>
      </c>
      <c r="Q8731" s="71">
        <f>IF(Input!$K$13=4,J8731*Input!$J$13,0)+IF(Input!$K$14=4,K8731*Input!$J$14,0)+IF(Input!$K$15=4,L8731*Input!$J$15,0)+IF(Input!$K$16=4,M8731*Input!$J$16,0)</f>
        <v>0</v>
      </c>
    </row>
    <row r="8732" spans="8:17" x14ac:dyDescent="0.25">
      <c r="H8732" s="43">
        <v>8725</v>
      </c>
      <c r="I8732" s="55">
        <f>Bühler!I8758</f>
        <v>3.927851086007438</v>
      </c>
      <c r="J8732" s="58">
        <f>Bühler!J8758</f>
        <v>11.432802278078777</v>
      </c>
      <c r="K8732" s="58">
        <f>Bühler!K8758</f>
        <v>0.33254197985607364</v>
      </c>
      <c r="L8732" s="58">
        <f>Bühler!L8758</f>
        <v>0.16627098992803682</v>
      </c>
      <c r="M8732" s="57">
        <f>Bühler!M8758</f>
        <v>0</v>
      </c>
      <c r="N8732" s="55">
        <f>IF(Input!$K$13=1,J8732*Input!$J$13,0)+IF(Input!$K$14=1,K8732*Input!$J$14,0)+IF(Input!$K$15=1,L8732*Input!$J$15,0)+IF(Input!$K$16=1,M8732*Input!$J$16,0)</f>
        <v>1.3719362733694531</v>
      </c>
      <c r="O8732" s="58">
        <f>IF(Input!$K$13=2,J8732*Input!$J$13,0)+IF(Input!$K$14=2,K8732*Input!$J$14,0)+IF(Input!$K$15=2,L8732*Input!$J$15,0)+IF(Input!$K$16=2,M8732*Input!$J$16,0)</f>
        <v>4.489316728056994E-2</v>
      </c>
      <c r="P8732" s="58">
        <f>IF(Input!$K$13=3,J8732*Input!$J$13,0)+IF(Input!$K$14=3,K8732*Input!$J$14,0)+IF(Input!$K$15=3,L8732*Input!$J$15,0)+IF(Input!$K$16=3,M8732*Input!$J$16,0)</f>
        <v>0</v>
      </c>
      <c r="Q8732" s="71">
        <f>IF(Input!$K$13=4,J8732*Input!$J$13,0)+IF(Input!$K$14=4,K8732*Input!$J$14,0)+IF(Input!$K$15=4,L8732*Input!$J$15,0)+IF(Input!$K$16=4,M8732*Input!$J$16,0)</f>
        <v>0</v>
      </c>
    </row>
    <row r="8733" spans="8:17" x14ac:dyDescent="0.25">
      <c r="H8733" s="43">
        <v>8726</v>
      </c>
      <c r="I8733" s="55">
        <f>Bühler!I8759</f>
        <v>3.927851086007438</v>
      </c>
      <c r="J8733" s="58">
        <f>Bühler!J8759</f>
        <v>11.432802278078777</v>
      </c>
      <c r="K8733" s="58">
        <f>Bühler!K8759</f>
        <v>0.33254197985607364</v>
      </c>
      <c r="L8733" s="58">
        <f>Bühler!L8759</f>
        <v>0.16627098992803682</v>
      </c>
      <c r="M8733" s="57">
        <f>Bühler!M8759</f>
        <v>0</v>
      </c>
      <c r="N8733" s="55">
        <f>IF(Input!$K$13=1,J8733*Input!$J$13,0)+IF(Input!$K$14=1,K8733*Input!$J$14,0)+IF(Input!$K$15=1,L8733*Input!$J$15,0)+IF(Input!$K$16=1,M8733*Input!$J$16,0)</f>
        <v>1.3719362733694531</v>
      </c>
      <c r="O8733" s="58">
        <f>IF(Input!$K$13=2,J8733*Input!$J$13,0)+IF(Input!$K$14=2,K8733*Input!$J$14,0)+IF(Input!$K$15=2,L8733*Input!$J$15,0)+IF(Input!$K$16=2,M8733*Input!$J$16,0)</f>
        <v>4.489316728056994E-2</v>
      </c>
      <c r="P8733" s="58">
        <f>IF(Input!$K$13=3,J8733*Input!$J$13,0)+IF(Input!$K$14=3,K8733*Input!$J$14,0)+IF(Input!$K$15=3,L8733*Input!$J$15,0)+IF(Input!$K$16=3,M8733*Input!$J$16,0)</f>
        <v>0</v>
      </c>
      <c r="Q8733" s="71">
        <f>IF(Input!$K$13=4,J8733*Input!$J$13,0)+IF(Input!$K$14=4,K8733*Input!$J$14,0)+IF(Input!$K$15=4,L8733*Input!$J$15,0)+IF(Input!$K$16=4,M8733*Input!$J$16,0)</f>
        <v>0</v>
      </c>
    </row>
    <row r="8734" spans="8:17" x14ac:dyDescent="0.25">
      <c r="H8734" s="43">
        <v>8727</v>
      </c>
      <c r="I8734" s="55">
        <f>Bühler!I8760</f>
        <v>3.927851086007438</v>
      </c>
      <c r="J8734" s="58">
        <f>Bühler!J8760</f>
        <v>11.432802278078777</v>
      </c>
      <c r="K8734" s="58">
        <f>Bühler!K8760</f>
        <v>0.33254197985607364</v>
      </c>
      <c r="L8734" s="58">
        <f>Bühler!L8760</f>
        <v>0.16627098992803682</v>
      </c>
      <c r="M8734" s="57">
        <f>Bühler!M8760</f>
        <v>0</v>
      </c>
      <c r="N8734" s="55">
        <f>IF(Input!$K$13=1,J8734*Input!$J$13,0)+IF(Input!$K$14=1,K8734*Input!$J$14,0)+IF(Input!$K$15=1,L8734*Input!$J$15,0)+IF(Input!$K$16=1,M8734*Input!$J$16,0)</f>
        <v>1.3719362733694531</v>
      </c>
      <c r="O8734" s="58">
        <f>IF(Input!$K$13=2,J8734*Input!$J$13,0)+IF(Input!$K$14=2,K8734*Input!$J$14,0)+IF(Input!$K$15=2,L8734*Input!$J$15,0)+IF(Input!$K$16=2,M8734*Input!$J$16,0)</f>
        <v>4.489316728056994E-2</v>
      </c>
      <c r="P8734" s="58">
        <f>IF(Input!$K$13=3,J8734*Input!$J$13,0)+IF(Input!$K$14=3,K8734*Input!$J$14,0)+IF(Input!$K$15=3,L8734*Input!$J$15,0)+IF(Input!$K$16=3,M8734*Input!$J$16,0)</f>
        <v>0</v>
      </c>
      <c r="Q8734" s="71">
        <f>IF(Input!$K$13=4,J8734*Input!$J$13,0)+IF(Input!$K$14=4,K8734*Input!$J$14,0)+IF(Input!$K$15=4,L8734*Input!$J$15,0)+IF(Input!$K$16=4,M8734*Input!$J$16,0)</f>
        <v>0</v>
      </c>
    </row>
    <row r="8735" spans="8:17" x14ac:dyDescent="0.25">
      <c r="H8735" s="43">
        <v>8728</v>
      </c>
      <c r="I8735" s="55">
        <f>Bühler!I8761</f>
        <v>3.5512078311848074</v>
      </c>
      <c r="J8735" s="58">
        <f>Bühler!J8761</f>
        <v>11.417108809127834</v>
      </c>
      <c r="K8735" s="58">
        <f>Bühler!K8761</f>
        <v>0.33254197985607364</v>
      </c>
      <c r="L8735" s="58">
        <f>Bühler!L8761</f>
        <v>0.16627098992803682</v>
      </c>
      <c r="M8735" s="57">
        <f>Bühler!M8761</f>
        <v>0</v>
      </c>
      <c r="N8735" s="55">
        <f>IF(Input!$K$13=1,J8735*Input!$J$13,0)+IF(Input!$K$14=1,K8735*Input!$J$14,0)+IF(Input!$K$15=1,L8735*Input!$J$15,0)+IF(Input!$K$16=1,M8735*Input!$J$16,0)</f>
        <v>1.37005305709534</v>
      </c>
      <c r="O8735" s="58">
        <f>IF(Input!$K$13=2,J8735*Input!$J$13,0)+IF(Input!$K$14=2,K8735*Input!$J$14,0)+IF(Input!$K$15=2,L8735*Input!$J$15,0)+IF(Input!$K$16=2,M8735*Input!$J$16,0)</f>
        <v>4.489316728056994E-2</v>
      </c>
      <c r="P8735" s="58">
        <f>IF(Input!$K$13=3,J8735*Input!$J$13,0)+IF(Input!$K$14=3,K8735*Input!$J$14,0)+IF(Input!$K$15=3,L8735*Input!$J$15,0)+IF(Input!$K$16=3,M8735*Input!$J$16,0)</f>
        <v>0</v>
      </c>
      <c r="Q8735" s="71">
        <f>IF(Input!$K$13=4,J8735*Input!$J$13,0)+IF(Input!$K$14=4,K8735*Input!$J$14,0)+IF(Input!$K$15=4,L8735*Input!$J$15,0)+IF(Input!$K$16=4,M8735*Input!$J$16,0)</f>
        <v>0</v>
      </c>
    </row>
    <row r="8736" spans="8:17" x14ac:dyDescent="0.25">
      <c r="H8736" s="43">
        <v>8729</v>
      </c>
      <c r="I8736" s="55">
        <f>Bühler!I8762</f>
        <v>3.228370755622552</v>
      </c>
      <c r="J8736" s="58">
        <f>Bühler!J8762</f>
        <v>11.40365726431274</v>
      </c>
      <c r="K8736" s="58">
        <f>Bühler!K8762</f>
        <v>0.33254197985607364</v>
      </c>
      <c r="L8736" s="58">
        <f>Bühler!L8762</f>
        <v>0.16627098992803682</v>
      </c>
      <c r="M8736" s="57">
        <f>Bühler!M8762</f>
        <v>0</v>
      </c>
      <c r="N8736" s="55">
        <f>IF(Input!$K$13=1,J8736*Input!$J$13,0)+IF(Input!$K$14=1,K8736*Input!$J$14,0)+IF(Input!$K$15=1,L8736*Input!$J$15,0)+IF(Input!$K$16=1,M8736*Input!$J$16,0)</f>
        <v>1.3684388717175286</v>
      </c>
      <c r="O8736" s="58">
        <f>IF(Input!$K$13=2,J8736*Input!$J$13,0)+IF(Input!$K$14=2,K8736*Input!$J$14,0)+IF(Input!$K$15=2,L8736*Input!$J$15,0)+IF(Input!$K$16=2,M8736*Input!$J$16,0)</f>
        <v>4.489316728056994E-2</v>
      </c>
      <c r="P8736" s="58">
        <f>IF(Input!$K$13=3,J8736*Input!$J$13,0)+IF(Input!$K$14=3,K8736*Input!$J$14,0)+IF(Input!$K$15=3,L8736*Input!$J$15,0)+IF(Input!$K$16=3,M8736*Input!$J$16,0)</f>
        <v>0</v>
      </c>
      <c r="Q8736" s="71">
        <f>IF(Input!$K$13=4,J8736*Input!$J$13,0)+IF(Input!$K$14=4,K8736*Input!$J$14,0)+IF(Input!$K$15=4,L8736*Input!$J$15,0)+IF(Input!$K$16=4,M8736*Input!$J$16,0)</f>
        <v>0</v>
      </c>
    </row>
    <row r="8737" spans="8:17" x14ac:dyDescent="0.25">
      <c r="H8737" s="43">
        <v>8730</v>
      </c>
      <c r="I8737" s="55">
        <f>Bühler!I8763</f>
        <v>2.9055336800602967</v>
      </c>
      <c r="J8737" s="58">
        <f>Bühler!J8763</f>
        <v>11.390205719497647</v>
      </c>
      <c r="K8737" s="58">
        <f>Bühler!K8763</f>
        <v>0.33254197985607364</v>
      </c>
      <c r="L8737" s="58">
        <f>Bühler!L8763</f>
        <v>0.16627098992803682</v>
      </c>
      <c r="M8737" s="57">
        <f>Bühler!M8763</f>
        <v>0</v>
      </c>
      <c r="N8737" s="55">
        <f>IF(Input!$K$13=1,J8737*Input!$J$13,0)+IF(Input!$K$14=1,K8737*Input!$J$14,0)+IF(Input!$K$15=1,L8737*Input!$J$15,0)+IF(Input!$K$16=1,M8737*Input!$J$16,0)</f>
        <v>1.3668246863397175</v>
      </c>
      <c r="O8737" s="58">
        <f>IF(Input!$K$13=2,J8737*Input!$J$13,0)+IF(Input!$K$14=2,K8737*Input!$J$14,0)+IF(Input!$K$15=2,L8737*Input!$J$15,0)+IF(Input!$K$16=2,M8737*Input!$J$16,0)</f>
        <v>4.489316728056994E-2</v>
      </c>
      <c r="P8737" s="58">
        <f>IF(Input!$K$13=3,J8737*Input!$J$13,0)+IF(Input!$K$14=3,K8737*Input!$J$14,0)+IF(Input!$K$15=3,L8737*Input!$J$15,0)+IF(Input!$K$16=3,M8737*Input!$J$16,0)</f>
        <v>0</v>
      </c>
      <c r="Q8737" s="71">
        <f>IF(Input!$K$13=4,J8737*Input!$J$13,0)+IF(Input!$K$14=4,K8737*Input!$J$14,0)+IF(Input!$K$15=4,L8737*Input!$J$15,0)+IF(Input!$K$16=4,M8737*Input!$J$16,0)</f>
        <v>0</v>
      </c>
    </row>
    <row r="8738" spans="8:17" x14ac:dyDescent="0.25">
      <c r="H8738" s="43">
        <v>8731</v>
      </c>
      <c r="I8738" s="55">
        <f>Bühler!I8764</f>
        <v>2.7979213215395449</v>
      </c>
      <c r="J8738" s="58">
        <f>Bühler!J8764</f>
        <v>11.385721871225948</v>
      </c>
      <c r="K8738" s="58">
        <f>Bühler!K8764</f>
        <v>0.33254197985607364</v>
      </c>
      <c r="L8738" s="58">
        <f>Bühler!L8764</f>
        <v>0.16627098992803682</v>
      </c>
      <c r="M8738" s="57">
        <f>Bühler!M8764</f>
        <v>0</v>
      </c>
      <c r="N8738" s="55">
        <f>IF(Input!$K$13=1,J8738*Input!$J$13,0)+IF(Input!$K$14=1,K8738*Input!$J$14,0)+IF(Input!$K$15=1,L8738*Input!$J$15,0)+IF(Input!$K$16=1,M8738*Input!$J$16,0)</f>
        <v>1.3662866245471137</v>
      </c>
      <c r="O8738" s="58">
        <f>IF(Input!$K$13=2,J8738*Input!$J$13,0)+IF(Input!$K$14=2,K8738*Input!$J$14,0)+IF(Input!$K$15=2,L8738*Input!$J$15,0)+IF(Input!$K$16=2,M8738*Input!$J$16,0)</f>
        <v>4.489316728056994E-2</v>
      </c>
      <c r="P8738" s="58">
        <f>IF(Input!$K$13=3,J8738*Input!$J$13,0)+IF(Input!$K$14=3,K8738*Input!$J$14,0)+IF(Input!$K$15=3,L8738*Input!$J$15,0)+IF(Input!$K$16=3,M8738*Input!$J$16,0)</f>
        <v>0</v>
      </c>
      <c r="Q8738" s="71">
        <f>IF(Input!$K$13=4,J8738*Input!$J$13,0)+IF(Input!$K$14=4,K8738*Input!$J$14,0)+IF(Input!$K$15=4,L8738*Input!$J$15,0)+IF(Input!$K$16=4,M8738*Input!$J$16,0)</f>
        <v>0</v>
      </c>
    </row>
    <row r="8739" spans="8:17" x14ac:dyDescent="0.25">
      <c r="H8739" s="43">
        <v>8732</v>
      </c>
      <c r="I8739" s="55">
        <f>Bühler!I8765</f>
        <v>2.2598595289357859</v>
      </c>
      <c r="J8739" s="58">
        <f>Bühler!J8765</f>
        <v>11.363302629867459</v>
      </c>
      <c r="K8739" s="58">
        <f>Bühler!K8765</f>
        <v>0.33254197985607364</v>
      </c>
      <c r="L8739" s="58">
        <f>Bühler!L8765</f>
        <v>0.16627098992803682</v>
      </c>
      <c r="M8739" s="57">
        <f>Bühler!M8765</f>
        <v>0</v>
      </c>
      <c r="N8739" s="55">
        <f>IF(Input!$K$13=1,J8739*Input!$J$13,0)+IF(Input!$K$14=1,K8739*Input!$J$14,0)+IF(Input!$K$15=1,L8739*Input!$J$15,0)+IF(Input!$K$16=1,M8739*Input!$J$16,0)</f>
        <v>1.3635963155840949</v>
      </c>
      <c r="O8739" s="58">
        <f>IF(Input!$K$13=2,J8739*Input!$J$13,0)+IF(Input!$K$14=2,K8739*Input!$J$14,0)+IF(Input!$K$15=2,L8739*Input!$J$15,0)+IF(Input!$K$16=2,M8739*Input!$J$16,0)</f>
        <v>4.489316728056994E-2</v>
      </c>
      <c r="P8739" s="58">
        <f>IF(Input!$K$13=3,J8739*Input!$J$13,0)+IF(Input!$K$14=3,K8739*Input!$J$14,0)+IF(Input!$K$15=3,L8739*Input!$J$15,0)+IF(Input!$K$16=3,M8739*Input!$J$16,0)</f>
        <v>0</v>
      </c>
      <c r="Q8739" s="71">
        <f>IF(Input!$K$13=4,J8739*Input!$J$13,0)+IF(Input!$K$14=4,K8739*Input!$J$14,0)+IF(Input!$K$15=4,L8739*Input!$J$15,0)+IF(Input!$K$16=4,M8739*Input!$J$16,0)</f>
        <v>0</v>
      </c>
    </row>
    <row r="8740" spans="8:17" x14ac:dyDescent="0.25">
      <c r="H8740" s="43">
        <v>8733</v>
      </c>
      <c r="I8740" s="55">
        <f>Bühler!I8766</f>
        <v>1.6679915570716517</v>
      </c>
      <c r="J8740" s="58">
        <f>Bühler!J8766</f>
        <v>11.33864146437312</v>
      </c>
      <c r="K8740" s="58">
        <f>Bühler!K8766</f>
        <v>0.33254197985607364</v>
      </c>
      <c r="L8740" s="58">
        <f>Bühler!L8766</f>
        <v>0.16627098992803682</v>
      </c>
      <c r="M8740" s="57">
        <f>Bühler!M8766</f>
        <v>0</v>
      </c>
      <c r="N8740" s="55">
        <f>IF(Input!$K$13=1,J8740*Input!$J$13,0)+IF(Input!$K$14=1,K8740*Input!$J$14,0)+IF(Input!$K$15=1,L8740*Input!$J$15,0)+IF(Input!$K$16=1,M8740*Input!$J$16,0)</f>
        <v>1.3606369757247745</v>
      </c>
      <c r="O8740" s="58">
        <f>IF(Input!$K$13=2,J8740*Input!$J$13,0)+IF(Input!$K$14=2,K8740*Input!$J$14,0)+IF(Input!$K$15=2,L8740*Input!$J$15,0)+IF(Input!$K$16=2,M8740*Input!$J$16,0)</f>
        <v>4.489316728056994E-2</v>
      </c>
      <c r="P8740" s="58">
        <f>IF(Input!$K$13=3,J8740*Input!$J$13,0)+IF(Input!$K$14=3,K8740*Input!$J$14,0)+IF(Input!$K$15=3,L8740*Input!$J$15,0)+IF(Input!$K$16=3,M8740*Input!$J$16,0)</f>
        <v>0</v>
      </c>
      <c r="Q8740" s="71">
        <f>IF(Input!$K$13=4,J8740*Input!$J$13,0)+IF(Input!$K$14=4,K8740*Input!$J$14,0)+IF(Input!$K$15=4,L8740*Input!$J$15,0)+IF(Input!$K$16=4,M8740*Input!$J$16,0)</f>
        <v>0</v>
      </c>
    </row>
    <row r="8741" spans="8:17" x14ac:dyDescent="0.25">
      <c r="H8741" s="43">
        <v>8734</v>
      </c>
      <c r="I8741" s="55">
        <f>Bühler!I8767</f>
        <v>1.6679915570716517</v>
      </c>
      <c r="J8741" s="58">
        <f>Bühler!J8767</f>
        <v>11.33864146437312</v>
      </c>
      <c r="K8741" s="58">
        <f>Bühler!K8767</f>
        <v>0.33254197985607364</v>
      </c>
      <c r="L8741" s="58">
        <f>Bühler!L8767</f>
        <v>0.16627098992803682</v>
      </c>
      <c r="M8741" s="57">
        <f>Bühler!M8767</f>
        <v>0</v>
      </c>
      <c r="N8741" s="55">
        <f>IF(Input!$K$13=1,J8741*Input!$J$13,0)+IF(Input!$K$14=1,K8741*Input!$J$14,0)+IF(Input!$K$15=1,L8741*Input!$J$15,0)+IF(Input!$K$16=1,M8741*Input!$J$16,0)</f>
        <v>1.3606369757247745</v>
      </c>
      <c r="O8741" s="58">
        <f>IF(Input!$K$13=2,J8741*Input!$J$13,0)+IF(Input!$K$14=2,K8741*Input!$J$14,0)+IF(Input!$K$15=2,L8741*Input!$J$15,0)+IF(Input!$K$16=2,M8741*Input!$J$16,0)</f>
        <v>4.489316728056994E-2</v>
      </c>
      <c r="P8741" s="58">
        <f>IF(Input!$K$13=3,J8741*Input!$J$13,0)+IF(Input!$K$14=3,K8741*Input!$J$14,0)+IF(Input!$K$15=3,L8741*Input!$J$15,0)+IF(Input!$K$16=3,M8741*Input!$J$16,0)</f>
        <v>0</v>
      </c>
      <c r="Q8741" s="71">
        <f>IF(Input!$K$13=4,J8741*Input!$J$13,0)+IF(Input!$K$14=4,K8741*Input!$J$14,0)+IF(Input!$K$15=4,L8741*Input!$J$15,0)+IF(Input!$K$16=4,M8741*Input!$J$16,0)</f>
        <v>0</v>
      </c>
    </row>
    <row r="8742" spans="8:17" x14ac:dyDescent="0.25">
      <c r="H8742" s="43">
        <v>8735</v>
      </c>
      <c r="I8742" s="55">
        <f>Bühler!I8768</f>
        <v>1.6679915570716517</v>
      </c>
      <c r="J8742" s="58">
        <f>Bühler!J8768</f>
        <v>11.33864146437312</v>
      </c>
      <c r="K8742" s="58">
        <f>Bühler!K8768</f>
        <v>0.33254197985607364</v>
      </c>
      <c r="L8742" s="58">
        <f>Bühler!L8768</f>
        <v>0.16627098992803682</v>
      </c>
      <c r="M8742" s="57">
        <f>Bühler!M8768</f>
        <v>0</v>
      </c>
      <c r="N8742" s="55">
        <f>IF(Input!$K$13=1,J8742*Input!$J$13,0)+IF(Input!$K$14=1,K8742*Input!$J$14,0)+IF(Input!$K$15=1,L8742*Input!$J$15,0)+IF(Input!$K$16=1,M8742*Input!$J$16,0)</f>
        <v>1.3606369757247745</v>
      </c>
      <c r="O8742" s="58">
        <f>IF(Input!$K$13=2,J8742*Input!$J$13,0)+IF(Input!$K$14=2,K8742*Input!$J$14,0)+IF(Input!$K$15=2,L8742*Input!$J$15,0)+IF(Input!$K$16=2,M8742*Input!$J$16,0)</f>
        <v>4.489316728056994E-2</v>
      </c>
      <c r="P8742" s="58">
        <f>IF(Input!$K$13=3,J8742*Input!$J$13,0)+IF(Input!$K$14=3,K8742*Input!$J$14,0)+IF(Input!$K$15=3,L8742*Input!$J$15,0)+IF(Input!$K$16=3,M8742*Input!$J$16,0)</f>
        <v>0</v>
      </c>
      <c r="Q8742" s="71">
        <f>IF(Input!$K$13=4,J8742*Input!$J$13,0)+IF(Input!$K$14=4,K8742*Input!$J$14,0)+IF(Input!$K$15=4,L8742*Input!$J$15,0)+IF(Input!$K$16=4,M8742*Input!$J$16,0)</f>
        <v>0</v>
      </c>
    </row>
    <row r="8743" spans="8:17" x14ac:dyDescent="0.25">
      <c r="H8743" s="43">
        <v>8736</v>
      </c>
      <c r="I8743" s="55">
        <f>Bühler!I8769</f>
        <v>1.6679915570716517</v>
      </c>
      <c r="J8743" s="58">
        <f>Bühler!J8769</f>
        <v>11.33864146437312</v>
      </c>
      <c r="K8743" s="58">
        <f>Bühler!K8769</f>
        <v>0.33254197985607364</v>
      </c>
      <c r="L8743" s="58">
        <f>Bühler!L8769</f>
        <v>0.16627098992803682</v>
      </c>
      <c r="M8743" s="57">
        <f>Bühler!M8769</f>
        <v>0</v>
      </c>
      <c r="N8743" s="55">
        <f>IF(Input!$K$13=1,J8743*Input!$J$13,0)+IF(Input!$K$14=1,K8743*Input!$J$14,0)+IF(Input!$K$15=1,L8743*Input!$J$15,0)+IF(Input!$K$16=1,M8743*Input!$J$16,0)</f>
        <v>1.3606369757247745</v>
      </c>
      <c r="O8743" s="58">
        <f>IF(Input!$K$13=2,J8743*Input!$J$13,0)+IF(Input!$K$14=2,K8743*Input!$J$14,0)+IF(Input!$K$15=2,L8743*Input!$J$15,0)+IF(Input!$K$16=2,M8743*Input!$J$16,0)</f>
        <v>4.489316728056994E-2</v>
      </c>
      <c r="P8743" s="58">
        <f>IF(Input!$K$13=3,J8743*Input!$J$13,0)+IF(Input!$K$14=3,K8743*Input!$J$14,0)+IF(Input!$K$15=3,L8743*Input!$J$15,0)+IF(Input!$K$16=3,M8743*Input!$J$16,0)</f>
        <v>0</v>
      </c>
      <c r="Q8743" s="71">
        <f>IF(Input!$K$13=4,J8743*Input!$J$13,0)+IF(Input!$K$14=4,K8743*Input!$J$14,0)+IF(Input!$K$15=4,L8743*Input!$J$15,0)+IF(Input!$K$16=4,M8743*Input!$J$16,0)</f>
        <v>0</v>
      </c>
    </row>
    <row r="8744" spans="8:17" x14ac:dyDescent="0.25">
      <c r="H8744" s="43">
        <v>8737</v>
      </c>
      <c r="I8744" s="55">
        <f>Bühler!I8770</f>
        <v>2.7187738628406097</v>
      </c>
      <c r="J8744" s="58">
        <f>Bühler!J8770</f>
        <v>14.264672679774675</v>
      </c>
      <c r="K8744" s="58">
        <f>Bühler!K8770</f>
        <v>0.37990506821216785</v>
      </c>
      <c r="L8744" s="58">
        <f>Bühler!L8770</f>
        <v>0.18995253410608393</v>
      </c>
      <c r="M8744" s="57">
        <f>Bühler!M8770</f>
        <v>0</v>
      </c>
      <c r="N8744" s="55">
        <f>IF(Input!$K$13=1,J8744*Input!$J$13,0)+IF(Input!$K$14=1,K8744*Input!$J$14,0)+IF(Input!$K$15=1,L8744*Input!$J$15,0)+IF(Input!$K$16=1,M8744*Input!$J$16,0)</f>
        <v>1.7117607215729609</v>
      </c>
      <c r="O8744" s="58">
        <f>IF(Input!$K$13=2,J8744*Input!$J$13,0)+IF(Input!$K$14=2,K8744*Input!$J$14,0)+IF(Input!$K$15=2,L8744*Input!$J$15,0)+IF(Input!$K$16=2,M8744*Input!$J$16,0)</f>
        <v>5.1287184208642658E-2</v>
      </c>
      <c r="P8744" s="58">
        <f>IF(Input!$K$13=3,J8744*Input!$J$13,0)+IF(Input!$K$14=3,K8744*Input!$J$14,0)+IF(Input!$K$15=3,L8744*Input!$J$15,0)+IF(Input!$K$16=3,M8744*Input!$J$16,0)</f>
        <v>0</v>
      </c>
      <c r="Q8744" s="71">
        <f>IF(Input!$K$13=4,J8744*Input!$J$13,0)+IF(Input!$K$14=4,K8744*Input!$J$14,0)+IF(Input!$K$15=4,L8744*Input!$J$15,0)+IF(Input!$K$16=4,M8744*Input!$J$16,0)</f>
        <v>0</v>
      </c>
    </row>
    <row r="8745" spans="8:17" x14ac:dyDescent="0.25">
      <c r="H8745" s="43">
        <v>8738</v>
      </c>
      <c r="I8745" s="55">
        <f>Bühler!I8771</f>
        <v>3.1572857762019986</v>
      </c>
      <c r="J8745" s="58">
        <f>Bühler!J8771</f>
        <v>14.282944009498065</v>
      </c>
      <c r="K8745" s="58">
        <f>Bühler!K8771</f>
        <v>0.37990506821216785</v>
      </c>
      <c r="L8745" s="58">
        <f>Bühler!L8771</f>
        <v>0.18995253410608393</v>
      </c>
      <c r="M8745" s="57">
        <f>Bühler!M8771</f>
        <v>0</v>
      </c>
      <c r="N8745" s="55">
        <f>IF(Input!$K$13=1,J8745*Input!$J$13,0)+IF(Input!$K$14=1,K8745*Input!$J$14,0)+IF(Input!$K$15=1,L8745*Input!$J$15,0)+IF(Input!$K$16=1,M8745*Input!$J$16,0)</f>
        <v>1.7139532811397677</v>
      </c>
      <c r="O8745" s="58">
        <f>IF(Input!$K$13=2,J8745*Input!$J$13,0)+IF(Input!$K$14=2,K8745*Input!$J$14,0)+IF(Input!$K$15=2,L8745*Input!$J$15,0)+IF(Input!$K$16=2,M8745*Input!$J$16,0)</f>
        <v>5.1287184208642658E-2</v>
      </c>
      <c r="P8745" s="58">
        <f>IF(Input!$K$13=3,J8745*Input!$J$13,0)+IF(Input!$K$14=3,K8745*Input!$J$14,0)+IF(Input!$K$15=3,L8745*Input!$J$15,0)+IF(Input!$K$16=3,M8745*Input!$J$16,0)</f>
        <v>0</v>
      </c>
      <c r="Q8745" s="71">
        <f>IF(Input!$K$13=4,J8745*Input!$J$13,0)+IF(Input!$K$14=4,K8745*Input!$J$14,0)+IF(Input!$K$15=4,L8745*Input!$J$15,0)+IF(Input!$K$16=4,M8745*Input!$J$16,0)</f>
        <v>0</v>
      </c>
    </row>
    <row r="8746" spans="8:17" x14ac:dyDescent="0.25">
      <c r="H8746" s="43">
        <v>8739</v>
      </c>
      <c r="I8746" s="55">
        <f>Bühler!I8772</f>
        <v>3.1572857762019986</v>
      </c>
      <c r="J8746" s="58">
        <f>Bühler!J8772</f>
        <v>14.282944009498065</v>
      </c>
      <c r="K8746" s="58">
        <f>Bühler!K8772</f>
        <v>0.37990506821216785</v>
      </c>
      <c r="L8746" s="58">
        <f>Bühler!L8772</f>
        <v>0.18995253410608393</v>
      </c>
      <c r="M8746" s="57">
        <f>Bühler!M8772</f>
        <v>0</v>
      </c>
      <c r="N8746" s="55">
        <f>IF(Input!$K$13=1,J8746*Input!$J$13,0)+IF(Input!$K$14=1,K8746*Input!$J$14,0)+IF(Input!$K$15=1,L8746*Input!$J$15,0)+IF(Input!$K$16=1,M8746*Input!$J$16,0)</f>
        <v>1.7139532811397677</v>
      </c>
      <c r="O8746" s="58">
        <f>IF(Input!$K$13=2,J8746*Input!$J$13,0)+IF(Input!$K$14=2,K8746*Input!$J$14,0)+IF(Input!$K$15=2,L8746*Input!$J$15,0)+IF(Input!$K$16=2,M8746*Input!$J$16,0)</f>
        <v>5.1287184208642658E-2</v>
      </c>
      <c r="P8746" s="58">
        <f>IF(Input!$K$13=3,J8746*Input!$J$13,0)+IF(Input!$K$14=3,K8746*Input!$J$14,0)+IF(Input!$K$15=3,L8746*Input!$J$15,0)+IF(Input!$K$16=3,M8746*Input!$J$16,0)</f>
        <v>0</v>
      </c>
      <c r="Q8746" s="71">
        <f>IF(Input!$K$13=4,J8746*Input!$J$13,0)+IF(Input!$K$14=4,K8746*Input!$J$14,0)+IF(Input!$K$15=4,L8746*Input!$J$15,0)+IF(Input!$K$16=4,M8746*Input!$J$16,0)</f>
        <v>0</v>
      </c>
    </row>
    <row r="8747" spans="8:17" x14ac:dyDescent="0.25">
      <c r="H8747" s="43">
        <v>8740</v>
      </c>
      <c r="I8747" s="55">
        <f>Bühler!I8773</f>
        <v>3.1572857762019986</v>
      </c>
      <c r="J8747" s="58">
        <f>Bühler!J8773</f>
        <v>14.282944009498065</v>
      </c>
      <c r="K8747" s="58">
        <f>Bühler!K8773</f>
        <v>0.37990506821216785</v>
      </c>
      <c r="L8747" s="58">
        <f>Bühler!L8773</f>
        <v>0.18995253410608393</v>
      </c>
      <c r="M8747" s="57">
        <f>Bühler!M8773</f>
        <v>0</v>
      </c>
      <c r="N8747" s="55">
        <f>IF(Input!$K$13=1,J8747*Input!$J$13,0)+IF(Input!$K$14=1,K8747*Input!$J$14,0)+IF(Input!$K$15=1,L8747*Input!$J$15,0)+IF(Input!$K$16=1,M8747*Input!$J$16,0)</f>
        <v>1.7139532811397677</v>
      </c>
      <c r="O8747" s="58">
        <f>IF(Input!$K$13=2,J8747*Input!$J$13,0)+IF(Input!$K$14=2,K8747*Input!$J$14,0)+IF(Input!$K$15=2,L8747*Input!$J$15,0)+IF(Input!$K$16=2,M8747*Input!$J$16,0)</f>
        <v>5.1287184208642658E-2</v>
      </c>
      <c r="P8747" s="58">
        <f>IF(Input!$K$13=3,J8747*Input!$J$13,0)+IF(Input!$K$14=3,K8747*Input!$J$14,0)+IF(Input!$K$15=3,L8747*Input!$J$15,0)+IF(Input!$K$16=3,M8747*Input!$J$16,0)</f>
        <v>0</v>
      </c>
      <c r="Q8747" s="71">
        <f>IF(Input!$K$13=4,J8747*Input!$J$13,0)+IF(Input!$K$14=4,K8747*Input!$J$14,0)+IF(Input!$K$15=4,L8747*Input!$J$15,0)+IF(Input!$K$16=4,M8747*Input!$J$16,0)</f>
        <v>0</v>
      </c>
    </row>
    <row r="8748" spans="8:17" x14ac:dyDescent="0.25">
      <c r="H8748" s="43">
        <v>8741</v>
      </c>
      <c r="I8748" s="55">
        <f>Bühler!I8774</f>
        <v>3.1572857762019986</v>
      </c>
      <c r="J8748" s="58">
        <f>Bühler!J8774</f>
        <v>14.282944009498065</v>
      </c>
      <c r="K8748" s="58">
        <f>Bühler!K8774</f>
        <v>0.37990506821216785</v>
      </c>
      <c r="L8748" s="58">
        <f>Bühler!L8774</f>
        <v>0.18995253410608393</v>
      </c>
      <c r="M8748" s="57">
        <f>Bühler!M8774</f>
        <v>0</v>
      </c>
      <c r="N8748" s="55">
        <f>IF(Input!$K$13=1,J8748*Input!$J$13,0)+IF(Input!$K$14=1,K8748*Input!$J$14,0)+IF(Input!$K$15=1,L8748*Input!$J$15,0)+IF(Input!$K$16=1,M8748*Input!$J$16,0)</f>
        <v>1.7139532811397677</v>
      </c>
      <c r="O8748" s="58">
        <f>IF(Input!$K$13=2,J8748*Input!$J$13,0)+IF(Input!$K$14=2,K8748*Input!$J$14,0)+IF(Input!$K$15=2,L8748*Input!$J$15,0)+IF(Input!$K$16=2,M8748*Input!$J$16,0)</f>
        <v>5.1287184208642658E-2</v>
      </c>
      <c r="P8748" s="58">
        <f>IF(Input!$K$13=3,J8748*Input!$J$13,0)+IF(Input!$K$14=3,K8748*Input!$J$14,0)+IF(Input!$K$15=3,L8748*Input!$J$15,0)+IF(Input!$K$16=3,M8748*Input!$J$16,0)</f>
        <v>0</v>
      </c>
      <c r="Q8748" s="71">
        <f>IF(Input!$K$13=4,J8748*Input!$J$13,0)+IF(Input!$K$14=4,K8748*Input!$J$14,0)+IF(Input!$K$15=4,L8748*Input!$J$15,0)+IF(Input!$K$16=4,M8748*Input!$J$16,0)</f>
        <v>0</v>
      </c>
    </row>
    <row r="8749" spans="8:17" x14ac:dyDescent="0.25">
      <c r="H8749" s="43">
        <v>8742</v>
      </c>
      <c r="I8749" s="55">
        <f>Bühler!I8775</f>
        <v>3.9466072202524978</v>
      </c>
      <c r="J8749" s="58">
        <f>Bühler!J8775</f>
        <v>14.315832403000169</v>
      </c>
      <c r="K8749" s="58">
        <f>Bühler!K8775</f>
        <v>0.37990506821216785</v>
      </c>
      <c r="L8749" s="58">
        <f>Bühler!L8775</f>
        <v>0.18995253410608393</v>
      </c>
      <c r="M8749" s="57">
        <f>Bühler!M8775</f>
        <v>0</v>
      </c>
      <c r="N8749" s="55">
        <f>IF(Input!$K$13=1,J8749*Input!$J$13,0)+IF(Input!$K$14=1,K8749*Input!$J$14,0)+IF(Input!$K$15=1,L8749*Input!$J$15,0)+IF(Input!$K$16=1,M8749*Input!$J$16,0)</f>
        <v>1.7178998883600203</v>
      </c>
      <c r="O8749" s="58">
        <f>IF(Input!$K$13=2,J8749*Input!$J$13,0)+IF(Input!$K$14=2,K8749*Input!$J$14,0)+IF(Input!$K$15=2,L8749*Input!$J$15,0)+IF(Input!$K$16=2,M8749*Input!$J$16,0)</f>
        <v>5.1287184208642658E-2</v>
      </c>
      <c r="P8749" s="58">
        <f>IF(Input!$K$13=3,J8749*Input!$J$13,0)+IF(Input!$K$14=3,K8749*Input!$J$14,0)+IF(Input!$K$15=3,L8749*Input!$J$15,0)+IF(Input!$K$16=3,M8749*Input!$J$16,0)</f>
        <v>0</v>
      </c>
      <c r="Q8749" s="71">
        <f>IF(Input!$K$13=4,J8749*Input!$J$13,0)+IF(Input!$K$14=4,K8749*Input!$J$14,0)+IF(Input!$K$15=4,L8749*Input!$J$15,0)+IF(Input!$K$16=4,M8749*Input!$J$16,0)</f>
        <v>0</v>
      </c>
    </row>
    <row r="8750" spans="8:17" x14ac:dyDescent="0.25">
      <c r="H8750" s="43">
        <v>8743</v>
      </c>
      <c r="I8750" s="55">
        <f>Bühler!I8776</f>
        <v>4.6482262816307207</v>
      </c>
      <c r="J8750" s="58">
        <f>Bühler!J8776</f>
        <v>14.345066530557595</v>
      </c>
      <c r="K8750" s="58">
        <f>Bühler!K8776</f>
        <v>0.37990506821216785</v>
      </c>
      <c r="L8750" s="58">
        <f>Bühler!L8776</f>
        <v>0.18995253410608393</v>
      </c>
      <c r="M8750" s="57">
        <f>Bühler!M8776</f>
        <v>0</v>
      </c>
      <c r="N8750" s="55">
        <f>IF(Input!$K$13=1,J8750*Input!$J$13,0)+IF(Input!$K$14=1,K8750*Input!$J$14,0)+IF(Input!$K$15=1,L8750*Input!$J$15,0)+IF(Input!$K$16=1,M8750*Input!$J$16,0)</f>
        <v>1.7214079836669114</v>
      </c>
      <c r="O8750" s="58">
        <f>IF(Input!$K$13=2,J8750*Input!$J$13,0)+IF(Input!$K$14=2,K8750*Input!$J$14,0)+IF(Input!$K$15=2,L8750*Input!$J$15,0)+IF(Input!$K$16=2,M8750*Input!$J$16,0)</f>
        <v>5.1287184208642658E-2</v>
      </c>
      <c r="P8750" s="58">
        <f>IF(Input!$K$13=3,J8750*Input!$J$13,0)+IF(Input!$K$14=3,K8750*Input!$J$14,0)+IF(Input!$K$15=3,L8750*Input!$J$15,0)+IF(Input!$K$16=3,M8750*Input!$J$16,0)</f>
        <v>0</v>
      </c>
      <c r="Q8750" s="71">
        <f>IF(Input!$K$13=4,J8750*Input!$J$13,0)+IF(Input!$K$14=4,K8750*Input!$J$14,0)+IF(Input!$K$15=4,L8750*Input!$J$15,0)+IF(Input!$K$16=4,M8750*Input!$J$16,0)</f>
        <v>0</v>
      </c>
    </row>
    <row r="8751" spans="8:17" x14ac:dyDescent="0.25">
      <c r="H8751" s="43">
        <v>8744</v>
      </c>
      <c r="I8751" s="55">
        <f>Bühler!I8777</f>
        <v>5.5252501083534984</v>
      </c>
      <c r="J8751" s="58">
        <f>Bühler!J8777</f>
        <v>14.381609190004376</v>
      </c>
      <c r="K8751" s="58">
        <f>Bühler!K8777</f>
        <v>0.37990506821216785</v>
      </c>
      <c r="L8751" s="58">
        <f>Bühler!L8777</f>
        <v>0.18995253410608393</v>
      </c>
      <c r="M8751" s="57">
        <f>Bühler!M8777</f>
        <v>0</v>
      </c>
      <c r="N8751" s="55">
        <f>IF(Input!$K$13=1,J8751*Input!$J$13,0)+IF(Input!$K$14=1,K8751*Input!$J$14,0)+IF(Input!$K$15=1,L8751*Input!$J$15,0)+IF(Input!$K$16=1,M8751*Input!$J$16,0)</f>
        <v>1.7257931028005251</v>
      </c>
      <c r="O8751" s="58">
        <f>IF(Input!$K$13=2,J8751*Input!$J$13,0)+IF(Input!$K$14=2,K8751*Input!$J$14,0)+IF(Input!$K$15=2,L8751*Input!$J$15,0)+IF(Input!$K$16=2,M8751*Input!$J$16,0)</f>
        <v>5.1287184208642658E-2</v>
      </c>
      <c r="P8751" s="58">
        <f>IF(Input!$K$13=3,J8751*Input!$J$13,0)+IF(Input!$K$14=3,K8751*Input!$J$14,0)+IF(Input!$K$15=3,L8751*Input!$J$15,0)+IF(Input!$K$16=3,M8751*Input!$J$16,0)</f>
        <v>0</v>
      </c>
      <c r="Q8751" s="71">
        <f>IF(Input!$K$13=4,J8751*Input!$J$13,0)+IF(Input!$K$14=4,K8751*Input!$J$14,0)+IF(Input!$K$15=4,L8751*Input!$J$15,0)+IF(Input!$K$16=4,M8751*Input!$J$16,0)</f>
        <v>0</v>
      </c>
    </row>
    <row r="8752" spans="8:17" x14ac:dyDescent="0.25">
      <c r="H8752" s="43">
        <v>8745</v>
      </c>
      <c r="I8752" s="55">
        <f>Bühler!I8778</f>
        <v>5.5252501083534984</v>
      </c>
      <c r="J8752" s="58">
        <f>Bühler!J8778</f>
        <v>14.381609190004376</v>
      </c>
      <c r="K8752" s="58">
        <f>Bühler!K8778</f>
        <v>0.37990506821216785</v>
      </c>
      <c r="L8752" s="58">
        <f>Bühler!L8778</f>
        <v>0.18995253410608393</v>
      </c>
      <c r="M8752" s="57">
        <f>Bühler!M8778</f>
        <v>0</v>
      </c>
      <c r="N8752" s="55">
        <f>IF(Input!$K$13=1,J8752*Input!$J$13,0)+IF(Input!$K$14=1,K8752*Input!$J$14,0)+IF(Input!$K$15=1,L8752*Input!$J$15,0)+IF(Input!$K$16=1,M8752*Input!$J$16,0)</f>
        <v>1.7257931028005251</v>
      </c>
      <c r="O8752" s="58">
        <f>IF(Input!$K$13=2,J8752*Input!$J$13,0)+IF(Input!$K$14=2,K8752*Input!$J$14,0)+IF(Input!$K$15=2,L8752*Input!$J$15,0)+IF(Input!$K$16=2,M8752*Input!$J$16,0)</f>
        <v>5.1287184208642658E-2</v>
      </c>
      <c r="P8752" s="58">
        <f>IF(Input!$K$13=3,J8752*Input!$J$13,0)+IF(Input!$K$14=3,K8752*Input!$J$14,0)+IF(Input!$K$15=3,L8752*Input!$J$15,0)+IF(Input!$K$16=3,M8752*Input!$J$16,0)</f>
        <v>0</v>
      </c>
      <c r="Q8752" s="71">
        <f>IF(Input!$K$13=4,J8752*Input!$J$13,0)+IF(Input!$K$14=4,K8752*Input!$J$14,0)+IF(Input!$K$15=4,L8752*Input!$J$15,0)+IF(Input!$K$16=4,M8752*Input!$J$16,0)</f>
        <v>0</v>
      </c>
    </row>
    <row r="8753" spans="8:17" x14ac:dyDescent="0.25">
      <c r="H8753" s="43">
        <v>8746</v>
      </c>
      <c r="I8753" s="55">
        <f>Bühler!I8779</f>
        <v>5.5252501083534984</v>
      </c>
      <c r="J8753" s="58">
        <f>Bühler!J8779</f>
        <v>14.381609190004376</v>
      </c>
      <c r="K8753" s="58">
        <f>Bühler!K8779</f>
        <v>0.37990506821216785</v>
      </c>
      <c r="L8753" s="58">
        <f>Bühler!L8779</f>
        <v>0.18995253410608393</v>
      </c>
      <c r="M8753" s="57">
        <f>Bühler!M8779</f>
        <v>0</v>
      </c>
      <c r="N8753" s="55">
        <f>IF(Input!$K$13=1,J8753*Input!$J$13,0)+IF(Input!$K$14=1,K8753*Input!$J$14,0)+IF(Input!$K$15=1,L8753*Input!$J$15,0)+IF(Input!$K$16=1,M8753*Input!$J$16,0)</f>
        <v>1.7257931028005251</v>
      </c>
      <c r="O8753" s="58">
        <f>IF(Input!$K$13=2,J8753*Input!$J$13,0)+IF(Input!$K$14=2,K8753*Input!$J$14,0)+IF(Input!$K$15=2,L8753*Input!$J$15,0)+IF(Input!$K$16=2,M8753*Input!$J$16,0)</f>
        <v>5.1287184208642658E-2</v>
      </c>
      <c r="P8753" s="58">
        <f>IF(Input!$K$13=3,J8753*Input!$J$13,0)+IF(Input!$K$14=3,K8753*Input!$J$14,0)+IF(Input!$K$15=3,L8753*Input!$J$15,0)+IF(Input!$K$16=3,M8753*Input!$J$16,0)</f>
        <v>0</v>
      </c>
      <c r="Q8753" s="71">
        <f>IF(Input!$K$13=4,J8753*Input!$J$13,0)+IF(Input!$K$14=4,K8753*Input!$J$14,0)+IF(Input!$K$15=4,L8753*Input!$J$15,0)+IF(Input!$K$16=4,M8753*Input!$J$16,0)</f>
        <v>0</v>
      </c>
    </row>
    <row r="8754" spans="8:17" x14ac:dyDescent="0.25">
      <c r="H8754" s="43">
        <v>8747</v>
      </c>
      <c r="I8754" s="55">
        <f>Bühler!I8780</f>
        <v>5.5252501083534984</v>
      </c>
      <c r="J8754" s="58">
        <f>Bühler!J8780</f>
        <v>14.381609190004376</v>
      </c>
      <c r="K8754" s="58">
        <f>Bühler!K8780</f>
        <v>0.37990506821216785</v>
      </c>
      <c r="L8754" s="58">
        <f>Bühler!L8780</f>
        <v>0.18995253410608393</v>
      </c>
      <c r="M8754" s="57">
        <f>Bühler!M8780</f>
        <v>0</v>
      </c>
      <c r="N8754" s="55">
        <f>IF(Input!$K$13=1,J8754*Input!$J$13,0)+IF(Input!$K$14=1,K8754*Input!$J$14,0)+IF(Input!$K$15=1,L8754*Input!$J$15,0)+IF(Input!$K$16=1,M8754*Input!$J$16,0)</f>
        <v>1.7257931028005251</v>
      </c>
      <c r="O8754" s="58">
        <f>IF(Input!$K$13=2,J8754*Input!$J$13,0)+IF(Input!$K$14=2,K8754*Input!$J$14,0)+IF(Input!$K$15=2,L8754*Input!$J$15,0)+IF(Input!$K$16=2,M8754*Input!$J$16,0)</f>
        <v>5.1287184208642658E-2</v>
      </c>
      <c r="P8754" s="58">
        <f>IF(Input!$K$13=3,J8754*Input!$J$13,0)+IF(Input!$K$14=3,K8754*Input!$J$14,0)+IF(Input!$K$15=3,L8754*Input!$J$15,0)+IF(Input!$K$16=3,M8754*Input!$J$16,0)</f>
        <v>0</v>
      </c>
      <c r="Q8754" s="71">
        <f>IF(Input!$K$13=4,J8754*Input!$J$13,0)+IF(Input!$K$14=4,K8754*Input!$J$14,0)+IF(Input!$K$15=4,L8754*Input!$J$15,0)+IF(Input!$K$16=4,M8754*Input!$J$16,0)</f>
        <v>0</v>
      </c>
    </row>
    <row r="8755" spans="8:17" x14ac:dyDescent="0.25">
      <c r="H8755" s="43">
        <v>8748</v>
      </c>
      <c r="I8755" s="55">
        <f>Bühler!I8781</f>
        <v>5.5252501083534984</v>
      </c>
      <c r="J8755" s="58">
        <f>Bühler!J8781</f>
        <v>14.381609190004376</v>
      </c>
      <c r="K8755" s="58">
        <f>Bühler!K8781</f>
        <v>0.37990506821216785</v>
      </c>
      <c r="L8755" s="58">
        <f>Bühler!L8781</f>
        <v>0.18995253410608393</v>
      </c>
      <c r="M8755" s="57">
        <f>Bühler!M8781</f>
        <v>0</v>
      </c>
      <c r="N8755" s="55">
        <f>IF(Input!$K$13=1,J8755*Input!$J$13,0)+IF(Input!$K$14=1,K8755*Input!$J$14,0)+IF(Input!$K$15=1,L8755*Input!$J$15,0)+IF(Input!$K$16=1,M8755*Input!$J$16,0)</f>
        <v>1.7257931028005251</v>
      </c>
      <c r="O8755" s="58">
        <f>IF(Input!$K$13=2,J8755*Input!$J$13,0)+IF(Input!$K$14=2,K8755*Input!$J$14,0)+IF(Input!$K$15=2,L8755*Input!$J$15,0)+IF(Input!$K$16=2,M8755*Input!$J$16,0)</f>
        <v>5.1287184208642658E-2</v>
      </c>
      <c r="P8755" s="58">
        <f>IF(Input!$K$13=3,J8755*Input!$J$13,0)+IF(Input!$K$14=3,K8755*Input!$J$14,0)+IF(Input!$K$15=3,L8755*Input!$J$15,0)+IF(Input!$K$16=3,M8755*Input!$J$16,0)</f>
        <v>0</v>
      </c>
      <c r="Q8755" s="71">
        <f>IF(Input!$K$13=4,J8755*Input!$J$13,0)+IF(Input!$K$14=4,K8755*Input!$J$14,0)+IF(Input!$K$15=4,L8755*Input!$J$15,0)+IF(Input!$K$16=4,M8755*Input!$J$16,0)</f>
        <v>0</v>
      </c>
    </row>
    <row r="8756" spans="8:17" x14ac:dyDescent="0.25">
      <c r="H8756" s="43">
        <v>8749</v>
      </c>
      <c r="I8756" s="55">
        <f>Bühler!I8782</f>
        <v>5.5252501083534984</v>
      </c>
      <c r="J8756" s="58">
        <f>Bühler!J8782</f>
        <v>14.381609190004376</v>
      </c>
      <c r="K8756" s="58">
        <f>Bühler!K8782</f>
        <v>0.37990506821216785</v>
      </c>
      <c r="L8756" s="58">
        <f>Bühler!L8782</f>
        <v>0.18995253410608393</v>
      </c>
      <c r="M8756" s="57">
        <f>Bühler!M8782</f>
        <v>0</v>
      </c>
      <c r="N8756" s="55">
        <f>IF(Input!$K$13=1,J8756*Input!$J$13,0)+IF(Input!$K$14=1,K8756*Input!$J$14,0)+IF(Input!$K$15=1,L8756*Input!$J$15,0)+IF(Input!$K$16=1,M8756*Input!$J$16,0)</f>
        <v>1.7257931028005251</v>
      </c>
      <c r="O8756" s="58">
        <f>IF(Input!$K$13=2,J8756*Input!$J$13,0)+IF(Input!$K$14=2,K8756*Input!$J$14,0)+IF(Input!$K$15=2,L8756*Input!$J$15,0)+IF(Input!$K$16=2,M8756*Input!$J$16,0)</f>
        <v>5.1287184208642658E-2</v>
      </c>
      <c r="P8756" s="58">
        <f>IF(Input!$K$13=3,J8756*Input!$J$13,0)+IF(Input!$K$14=3,K8756*Input!$J$14,0)+IF(Input!$K$15=3,L8756*Input!$J$15,0)+IF(Input!$K$16=3,M8756*Input!$J$16,0)</f>
        <v>0</v>
      </c>
      <c r="Q8756" s="71">
        <f>IF(Input!$K$13=4,J8756*Input!$J$13,0)+IF(Input!$K$14=4,K8756*Input!$J$14,0)+IF(Input!$K$15=4,L8756*Input!$J$15,0)+IF(Input!$K$16=4,M8756*Input!$J$16,0)</f>
        <v>0</v>
      </c>
    </row>
    <row r="8757" spans="8:17" x14ac:dyDescent="0.25">
      <c r="H8757" s="43">
        <v>8750</v>
      </c>
      <c r="I8757" s="55">
        <f>Bühler!I8783</f>
        <v>5.5252501083534984</v>
      </c>
      <c r="J8757" s="58">
        <f>Bühler!J8783</f>
        <v>14.381609190004376</v>
      </c>
      <c r="K8757" s="58">
        <f>Bühler!K8783</f>
        <v>0.37990506821216785</v>
      </c>
      <c r="L8757" s="58">
        <f>Bühler!L8783</f>
        <v>0.18995253410608393</v>
      </c>
      <c r="M8757" s="57">
        <f>Bühler!M8783</f>
        <v>0</v>
      </c>
      <c r="N8757" s="55">
        <f>IF(Input!$K$13=1,J8757*Input!$J$13,0)+IF(Input!$K$14=1,K8757*Input!$J$14,0)+IF(Input!$K$15=1,L8757*Input!$J$15,0)+IF(Input!$K$16=1,M8757*Input!$J$16,0)</f>
        <v>1.7257931028005251</v>
      </c>
      <c r="O8757" s="58">
        <f>IF(Input!$K$13=2,J8757*Input!$J$13,0)+IF(Input!$K$14=2,K8757*Input!$J$14,0)+IF(Input!$K$15=2,L8757*Input!$J$15,0)+IF(Input!$K$16=2,M8757*Input!$J$16,0)</f>
        <v>5.1287184208642658E-2</v>
      </c>
      <c r="P8757" s="58">
        <f>IF(Input!$K$13=3,J8757*Input!$J$13,0)+IF(Input!$K$14=3,K8757*Input!$J$14,0)+IF(Input!$K$15=3,L8757*Input!$J$15,0)+IF(Input!$K$16=3,M8757*Input!$J$16,0)</f>
        <v>0</v>
      </c>
      <c r="Q8757" s="71">
        <f>IF(Input!$K$13=4,J8757*Input!$J$13,0)+IF(Input!$K$14=4,K8757*Input!$J$14,0)+IF(Input!$K$15=4,L8757*Input!$J$15,0)+IF(Input!$K$16=4,M8757*Input!$J$16,0)</f>
        <v>0</v>
      </c>
    </row>
    <row r="8758" spans="8:17" x14ac:dyDescent="0.25">
      <c r="H8758" s="43">
        <v>8751</v>
      </c>
      <c r="I8758" s="55">
        <f>Bühler!I8784</f>
        <v>5.5252501083534984</v>
      </c>
      <c r="J8758" s="58">
        <f>Bühler!J8784</f>
        <v>14.381609190004376</v>
      </c>
      <c r="K8758" s="58">
        <f>Bühler!K8784</f>
        <v>0.37990506821216785</v>
      </c>
      <c r="L8758" s="58">
        <f>Bühler!L8784</f>
        <v>0.18995253410608393</v>
      </c>
      <c r="M8758" s="57">
        <f>Bühler!M8784</f>
        <v>0</v>
      </c>
      <c r="N8758" s="55">
        <f>IF(Input!$K$13=1,J8758*Input!$J$13,0)+IF(Input!$K$14=1,K8758*Input!$J$14,0)+IF(Input!$K$15=1,L8758*Input!$J$15,0)+IF(Input!$K$16=1,M8758*Input!$J$16,0)</f>
        <v>1.7257931028005251</v>
      </c>
      <c r="O8758" s="58">
        <f>IF(Input!$K$13=2,J8758*Input!$J$13,0)+IF(Input!$K$14=2,K8758*Input!$J$14,0)+IF(Input!$K$15=2,L8758*Input!$J$15,0)+IF(Input!$K$16=2,M8758*Input!$J$16,0)</f>
        <v>5.1287184208642658E-2</v>
      </c>
      <c r="P8758" s="58">
        <f>IF(Input!$K$13=3,J8758*Input!$J$13,0)+IF(Input!$K$14=3,K8758*Input!$J$14,0)+IF(Input!$K$15=3,L8758*Input!$J$15,0)+IF(Input!$K$16=3,M8758*Input!$J$16,0)</f>
        <v>0</v>
      </c>
      <c r="Q8758" s="71">
        <f>IF(Input!$K$13=4,J8758*Input!$J$13,0)+IF(Input!$K$14=4,K8758*Input!$J$14,0)+IF(Input!$K$15=4,L8758*Input!$J$15,0)+IF(Input!$K$16=4,M8758*Input!$J$16,0)</f>
        <v>0</v>
      </c>
    </row>
    <row r="8759" spans="8:17" x14ac:dyDescent="0.25">
      <c r="H8759" s="43">
        <v>8752</v>
      </c>
      <c r="I8759" s="55">
        <f>Bühler!I8785</f>
        <v>4.9113334296475539</v>
      </c>
      <c r="J8759" s="58">
        <f>Bühler!J8785</f>
        <v>14.35602932839163</v>
      </c>
      <c r="K8759" s="58">
        <f>Bühler!K8785</f>
        <v>0.37990506821216785</v>
      </c>
      <c r="L8759" s="58">
        <f>Bühler!L8785</f>
        <v>0.18995253410608393</v>
      </c>
      <c r="M8759" s="57">
        <f>Bühler!M8785</f>
        <v>0</v>
      </c>
      <c r="N8759" s="55">
        <f>IF(Input!$K$13=1,J8759*Input!$J$13,0)+IF(Input!$K$14=1,K8759*Input!$J$14,0)+IF(Input!$K$15=1,L8759*Input!$J$15,0)+IF(Input!$K$16=1,M8759*Input!$J$16,0)</f>
        <v>1.7227235194069954</v>
      </c>
      <c r="O8759" s="58">
        <f>IF(Input!$K$13=2,J8759*Input!$J$13,0)+IF(Input!$K$14=2,K8759*Input!$J$14,0)+IF(Input!$K$15=2,L8759*Input!$J$15,0)+IF(Input!$K$16=2,M8759*Input!$J$16,0)</f>
        <v>5.1287184208642658E-2</v>
      </c>
      <c r="P8759" s="58">
        <f>IF(Input!$K$13=3,J8759*Input!$J$13,0)+IF(Input!$K$14=3,K8759*Input!$J$14,0)+IF(Input!$K$15=3,L8759*Input!$J$15,0)+IF(Input!$K$16=3,M8759*Input!$J$16,0)</f>
        <v>0</v>
      </c>
      <c r="Q8759" s="71">
        <f>IF(Input!$K$13=4,J8759*Input!$J$13,0)+IF(Input!$K$14=4,K8759*Input!$J$14,0)+IF(Input!$K$15=4,L8759*Input!$J$15,0)+IF(Input!$K$16=4,M8759*Input!$J$16,0)</f>
        <v>0</v>
      </c>
    </row>
    <row r="8760" spans="8:17" x14ac:dyDescent="0.25">
      <c r="H8760" s="43">
        <v>8753</v>
      </c>
      <c r="I8760" s="55">
        <f>Bühler!I8786</f>
        <v>4.823631046975275</v>
      </c>
      <c r="J8760" s="58">
        <f>Bühler!J8786</f>
        <v>14.352375062446951</v>
      </c>
      <c r="K8760" s="58">
        <f>Bühler!K8786</f>
        <v>0.37990506821216785</v>
      </c>
      <c r="L8760" s="58">
        <f>Bühler!L8786</f>
        <v>0.18995253410608393</v>
      </c>
      <c r="M8760" s="57">
        <f>Bühler!M8786</f>
        <v>0</v>
      </c>
      <c r="N8760" s="55">
        <f>IF(Input!$K$13=1,J8760*Input!$J$13,0)+IF(Input!$K$14=1,K8760*Input!$J$14,0)+IF(Input!$K$15=1,L8760*Input!$J$15,0)+IF(Input!$K$16=1,M8760*Input!$J$16,0)</f>
        <v>1.722285007493634</v>
      </c>
      <c r="O8760" s="58">
        <f>IF(Input!$K$13=2,J8760*Input!$J$13,0)+IF(Input!$K$14=2,K8760*Input!$J$14,0)+IF(Input!$K$15=2,L8760*Input!$J$15,0)+IF(Input!$K$16=2,M8760*Input!$J$16,0)</f>
        <v>5.1287184208642658E-2</v>
      </c>
      <c r="P8760" s="58">
        <f>IF(Input!$K$13=3,J8760*Input!$J$13,0)+IF(Input!$K$14=3,K8760*Input!$J$14,0)+IF(Input!$K$15=3,L8760*Input!$J$15,0)+IF(Input!$K$16=3,M8760*Input!$J$16,0)</f>
        <v>0</v>
      </c>
      <c r="Q8760" s="71">
        <f>IF(Input!$K$13=4,J8760*Input!$J$13,0)+IF(Input!$K$14=4,K8760*Input!$J$14,0)+IF(Input!$K$15=4,L8760*Input!$J$15,0)+IF(Input!$K$16=4,M8760*Input!$J$16,0)</f>
        <v>0</v>
      </c>
    </row>
    <row r="8761" spans="8:17" x14ac:dyDescent="0.25">
      <c r="H8761" s="43">
        <v>8754</v>
      </c>
      <c r="I8761" s="55">
        <f>Bühler!I8787</f>
        <v>4.1220119855970543</v>
      </c>
      <c r="J8761" s="58">
        <f>Bühler!J8787</f>
        <v>14.323140934889526</v>
      </c>
      <c r="K8761" s="58">
        <f>Bühler!K8787</f>
        <v>0.37990506821216785</v>
      </c>
      <c r="L8761" s="58">
        <f>Bühler!L8787</f>
        <v>0.18995253410608393</v>
      </c>
      <c r="M8761" s="57">
        <f>Bühler!M8787</f>
        <v>0</v>
      </c>
      <c r="N8761" s="55">
        <f>IF(Input!$K$13=1,J8761*Input!$J$13,0)+IF(Input!$K$14=1,K8761*Input!$J$14,0)+IF(Input!$K$15=1,L8761*Input!$J$15,0)+IF(Input!$K$16=1,M8761*Input!$J$16,0)</f>
        <v>1.7187769121867431</v>
      </c>
      <c r="O8761" s="58">
        <f>IF(Input!$K$13=2,J8761*Input!$J$13,0)+IF(Input!$K$14=2,K8761*Input!$J$14,0)+IF(Input!$K$15=2,L8761*Input!$J$15,0)+IF(Input!$K$16=2,M8761*Input!$J$16,0)</f>
        <v>5.1287184208642658E-2</v>
      </c>
      <c r="P8761" s="58">
        <f>IF(Input!$K$13=3,J8761*Input!$J$13,0)+IF(Input!$K$14=3,K8761*Input!$J$14,0)+IF(Input!$K$15=3,L8761*Input!$J$15,0)+IF(Input!$K$16=3,M8761*Input!$J$16,0)</f>
        <v>0</v>
      </c>
      <c r="Q8761" s="71">
        <f>IF(Input!$K$13=4,J8761*Input!$J$13,0)+IF(Input!$K$14=4,K8761*Input!$J$14,0)+IF(Input!$K$15=4,L8761*Input!$J$15,0)+IF(Input!$K$16=4,M8761*Input!$J$16,0)</f>
        <v>0</v>
      </c>
    </row>
    <row r="8762" spans="8:17" x14ac:dyDescent="0.25">
      <c r="H8762" s="43">
        <v>8755</v>
      </c>
      <c r="I8762" s="55">
        <f>Bühler!I8788</f>
        <v>3.8589048375802206</v>
      </c>
      <c r="J8762" s="58">
        <f>Bühler!J8788</f>
        <v>14.312178137055492</v>
      </c>
      <c r="K8762" s="58">
        <f>Bühler!K8788</f>
        <v>0.37990506821216785</v>
      </c>
      <c r="L8762" s="58">
        <f>Bühler!L8788</f>
        <v>0.18995253410608393</v>
      </c>
      <c r="M8762" s="57">
        <f>Bühler!M8788</f>
        <v>0</v>
      </c>
      <c r="N8762" s="55">
        <f>IF(Input!$K$13=1,J8762*Input!$J$13,0)+IF(Input!$K$14=1,K8762*Input!$J$14,0)+IF(Input!$K$15=1,L8762*Input!$J$15,0)+IF(Input!$K$16=1,M8762*Input!$J$16,0)</f>
        <v>1.7174613764466589</v>
      </c>
      <c r="O8762" s="58">
        <f>IF(Input!$K$13=2,J8762*Input!$J$13,0)+IF(Input!$K$14=2,K8762*Input!$J$14,0)+IF(Input!$K$15=2,L8762*Input!$J$15,0)+IF(Input!$K$16=2,M8762*Input!$J$16,0)</f>
        <v>5.1287184208642658E-2</v>
      </c>
      <c r="P8762" s="58">
        <f>IF(Input!$K$13=3,J8762*Input!$J$13,0)+IF(Input!$K$14=3,K8762*Input!$J$14,0)+IF(Input!$K$15=3,L8762*Input!$J$15,0)+IF(Input!$K$16=3,M8762*Input!$J$16,0)</f>
        <v>0</v>
      </c>
      <c r="Q8762" s="71">
        <f>IF(Input!$K$13=4,J8762*Input!$J$13,0)+IF(Input!$K$14=4,K8762*Input!$J$14,0)+IF(Input!$K$15=4,L8762*Input!$J$15,0)+IF(Input!$K$16=4,M8762*Input!$J$16,0)</f>
        <v>0</v>
      </c>
    </row>
    <row r="8763" spans="8:17" x14ac:dyDescent="0.25">
      <c r="H8763" s="43">
        <v>8756</v>
      </c>
      <c r="I8763" s="55">
        <f>Bühler!I8789</f>
        <v>3.2449881588742766</v>
      </c>
      <c r="J8763" s="58">
        <f>Bühler!J8789</f>
        <v>14.286598275442744</v>
      </c>
      <c r="K8763" s="58">
        <f>Bühler!K8789</f>
        <v>0.37990506821216785</v>
      </c>
      <c r="L8763" s="58">
        <f>Bühler!L8789</f>
        <v>0.18995253410608393</v>
      </c>
      <c r="M8763" s="57">
        <f>Bühler!M8789</f>
        <v>0</v>
      </c>
      <c r="N8763" s="55">
        <f>IF(Input!$K$13=1,J8763*Input!$J$13,0)+IF(Input!$K$14=1,K8763*Input!$J$14,0)+IF(Input!$K$15=1,L8763*Input!$J$15,0)+IF(Input!$K$16=1,M8763*Input!$J$16,0)</f>
        <v>1.7143917930531292</v>
      </c>
      <c r="O8763" s="58">
        <f>IF(Input!$K$13=2,J8763*Input!$J$13,0)+IF(Input!$K$14=2,K8763*Input!$J$14,0)+IF(Input!$K$15=2,L8763*Input!$J$15,0)+IF(Input!$K$16=2,M8763*Input!$J$16,0)</f>
        <v>5.1287184208642658E-2</v>
      </c>
      <c r="P8763" s="58">
        <f>IF(Input!$K$13=3,J8763*Input!$J$13,0)+IF(Input!$K$14=3,K8763*Input!$J$14,0)+IF(Input!$K$15=3,L8763*Input!$J$15,0)+IF(Input!$K$16=3,M8763*Input!$J$16,0)</f>
        <v>0</v>
      </c>
      <c r="Q8763" s="71">
        <f>IF(Input!$K$13=4,J8763*Input!$J$13,0)+IF(Input!$K$14=4,K8763*Input!$J$14,0)+IF(Input!$K$15=4,L8763*Input!$J$15,0)+IF(Input!$K$16=4,M8763*Input!$J$16,0)</f>
        <v>0</v>
      </c>
    </row>
    <row r="8764" spans="8:17" x14ac:dyDescent="0.25">
      <c r="H8764" s="43">
        <v>8757</v>
      </c>
      <c r="I8764" s="55">
        <f>Bühler!I8790</f>
        <v>2.7187738628406097</v>
      </c>
      <c r="J8764" s="58">
        <f>Bühler!J8790</f>
        <v>14.264672679774675</v>
      </c>
      <c r="K8764" s="58">
        <f>Bühler!K8790</f>
        <v>0.37990506821216785</v>
      </c>
      <c r="L8764" s="58">
        <f>Bühler!L8790</f>
        <v>0.18995253410608393</v>
      </c>
      <c r="M8764" s="57">
        <f>Bühler!M8790</f>
        <v>0</v>
      </c>
      <c r="N8764" s="55">
        <f>IF(Input!$K$13=1,J8764*Input!$J$13,0)+IF(Input!$K$14=1,K8764*Input!$J$14,0)+IF(Input!$K$15=1,L8764*Input!$J$15,0)+IF(Input!$K$16=1,M8764*Input!$J$16,0)</f>
        <v>1.7117607215729609</v>
      </c>
      <c r="O8764" s="58">
        <f>IF(Input!$K$13=2,J8764*Input!$J$13,0)+IF(Input!$K$14=2,K8764*Input!$J$14,0)+IF(Input!$K$15=2,L8764*Input!$J$15,0)+IF(Input!$K$16=2,M8764*Input!$J$16,0)</f>
        <v>5.1287184208642658E-2</v>
      </c>
      <c r="P8764" s="58">
        <f>IF(Input!$K$13=3,J8764*Input!$J$13,0)+IF(Input!$K$14=3,K8764*Input!$J$14,0)+IF(Input!$K$15=3,L8764*Input!$J$15,0)+IF(Input!$K$16=3,M8764*Input!$J$16,0)</f>
        <v>0</v>
      </c>
      <c r="Q8764" s="71">
        <f>IF(Input!$K$13=4,J8764*Input!$J$13,0)+IF(Input!$K$14=4,K8764*Input!$J$14,0)+IF(Input!$K$15=4,L8764*Input!$J$15,0)+IF(Input!$K$16=4,M8764*Input!$J$16,0)</f>
        <v>0</v>
      </c>
    </row>
    <row r="8765" spans="8:17" x14ac:dyDescent="0.25">
      <c r="H8765" s="43">
        <v>8758</v>
      </c>
      <c r="I8765" s="55">
        <f>Bühler!I8791</f>
        <v>2.3679643321514989</v>
      </c>
      <c r="J8765" s="58">
        <f>Bühler!J8791</f>
        <v>14.250055615995961</v>
      </c>
      <c r="K8765" s="58">
        <f>Bühler!K8791</f>
        <v>0.37990506821216785</v>
      </c>
      <c r="L8765" s="58">
        <f>Bühler!L8791</f>
        <v>0.18995253410608393</v>
      </c>
      <c r="M8765" s="57">
        <f>Bühler!M8791</f>
        <v>0</v>
      </c>
      <c r="N8765" s="55">
        <f>IF(Input!$K$13=1,J8765*Input!$J$13,0)+IF(Input!$K$14=1,K8765*Input!$J$14,0)+IF(Input!$K$15=1,L8765*Input!$J$15,0)+IF(Input!$K$16=1,M8765*Input!$J$16,0)</f>
        <v>1.7100066739195152</v>
      </c>
      <c r="O8765" s="58">
        <f>IF(Input!$K$13=2,J8765*Input!$J$13,0)+IF(Input!$K$14=2,K8765*Input!$J$14,0)+IF(Input!$K$15=2,L8765*Input!$J$15,0)+IF(Input!$K$16=2,M8765*Input!$J$16,0)</f>
        <v>5.1287184208642658E-2</v>
      </c>
      <c r="P8765" s="58">
        <f>IF(Input!$K$13=3,J8765*Input!$J$13,0)+IF(Input!$K$14=3,K8765*Input!$J$14,0)+IF(Input!$K$15=3,L8765*Input!$J$15,0)+IF(Input!$K$16=3,M8765*Input!$J$16,0)</f>
        <v>0</v>
      </c>
      <c r="Q8765" s="71">
        <f>IF(Input!$K$13=4,J8765*Input!$J$13,0)+IF(Input!$K$14=4,K8765*Input!$J$14,0)+IF(Input!$K$15=4,L8765*Input!$J$15,0)+IF(Input!$K$16=4,M8765*Input!$J$16,0)</f>
        <v>0</v>
      </c>
    </row>
    <row r="8766" spans="8:17" x14ac:dyDescent="0.25">
      <c r="H8766" s="43">
        <v>8759</v>
      </c>
      <c r="I8766" s="55">
        <f>Bühler!I8792</f>
        <v>2.3679643321514989</v>
      </c>
      <c r="J8766" s="58">
        <f>Bühler!J8792</f>
        <v>14.250055615995961</v>
      </c>
      <c r="K8766" s="58">
        <f>Bühler!K8792</f>
        <v>0.37990506821216785</v>
      </c>
      <c r="L8766" s="58">
        <f>Bühler!L8792</f>
        <v>0.18995253410608393</v>
      </c>
      <c r="M8766" s="57">
        <f>Bühler!M8792</f>
        <v>0</v>
      </c>
      <c r="N8766" s="55">
        <f>IF(Input!$K$13=1,J8766*Input!$J$13,0)+IF(Input!$K$14=1,K8766*Input!$J$14,0)+IF(Input!$K$15=1,L8766*Input!$J$15,0)+IF(Input!$K$16=1,M8766*Input!$J$16,0)</f>
        <v>1.7100066739195152</v>
      </c>
      <c r="O8766" s="58">
        <f>IF(Input!$K$13=2,J8766*Input!$J$13,0)+IF(Input!$K$14=2,K8766*Input!$J$14,0)+IF(Input!$K$15=2,L8766*Input!$J$15,0)+IF(Input!$K$16=2,M8766*Input!$J$16,0)</f>
        <v>5.1287184208642658E-2</v>
      </c>
      <c r="P8766" s="58">
        <f>IF(Input!$K$13=3,J8766*Input!$J$13,0)+IF(Input!$K$14=3,K8766*Input!$J$14,0)+IF(Input!$K$15=3,L8766*Input!$J$15,0)+IF(Input!$K$16=3,M8766*Input!$J$16,0)</f>
        <v>0</v>
      </c>
      <c r="Q8766" s="71">
        <f>IF(Input!$K$13=4,J8766*Input!$J$13,0)+IF(Input!$K$14=4,K8766*Input!$J$14,0)+IF(Input!$K$15=4,L8766*Input!$J$15,0)+IF(Input!$K$16=4,M8766*Input!$J$16,0)</f>
        <v>0</v>
      </c>
    </row>
    <row r="8767" spans="8:17" ht="15.75" thickBot="1" x14ac:dyDescent="0.3">
      <c r="H8767" s="43">
        <v>8760</v>
      </c>
      <c r="I8767" s="59">
        <f>Bühler!I8793</f>
        <v>2.3679643321514989</v>
      </c>
      <c r="J8767" s="61">
        <f>Bühler!J8793</f>
        <v>14.250055615995961</v>
      </c>
      <c r="K8767" s="61">
        <f>Bühler!K8793</f>
        <v>0.37990506821216785</v>
      </c>
      <c r="L8767" s="61">
        <f>Bühler!L8793</f>
        <v>0.18995253410608393</v>
      </c>
      <c r="M8767" s="60">
        <f>Bühler!M8793</f>
        <v>0</v>
      </c>
      <c r="N8767" s="59">
        <f>IF(Input!$K$13=1,J8767*Input!$J$13,0)+IF(Input!$K$14=1,K8767*Input!$J$14,0)+IF(Input!$K$15=1,L8767*Input!$J$15,0)+IF(Input!$K$16=1,M8767*Input!$J$16,0)</f>
        <v>1.7100066739195152</v>
      </c>
      <c r="O8767" s="61">
        <f>IF(Input!$K$13=2,J8767*Input!$J$13,0)+IF(Input!$K$14=2,K8767*Input!$J$14,0)+IF(Input!$K$15=2,L8767*Input!$J$15,0)+IF(Input!$K$16=2,M8767*Input!$J$16,0)</f>
        <v>5.1287184208642658E-2</v>
      </c>
      <c r="P8767" s="61">
        <f>IF(Input!$K$13=3,J8767*Input!$J$13,0)+IF(Input!$K$14=3,K8767*Input!$J$14,0)+IF(Input!$K$15=3,L8767*Input!$J$15,0)+IF(Input!$K$16=3,M8767*Input!$J$16,0)</f>
        <v>0</v>
      </c>
      <c r="Q8767" s="72">
        <f>IF(Input!$K$13=4,J8767*Input!$J$13,0)+IF(Input!$K$14=4,K8767*Input!$J$14,0)+IF(Input!$K$15=4,L8767*Input!$J$15,0)+IF(Input!$K$16=4,M8767*Input!$J$16,0)</f>
        <v>0</v>
      </c>
    </row>
  </sheetData>
  <mergeCells count="3">
    <mergeCell ref="N6:Q6"/>
    <mergeCell ref="I6:M6"/>
    <mergeCell ref="C6:G6"/>
  </mergeCells>
  <phoneticPr fontId="10" type="noConversion"/>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9F53BC1-FB2E-42F6-AB4C-0D03FDB5EE70}">
  <dimension ref="A1:AB392"/>
  <sheetViews>
    <sheetView tabSelected="1" zoomScale="85" zoomScaleNormal="85" workbookViewId="0">
      <selection activeCell="I56" sqref="I56"/>
    </sheetView>
  </sheetViews>
  <sheetFormatPr defaultColWidth="8.85546875" defaultRowHeight="15" x14ac:dyDescent="0.25"/>
  <cols>
    <col min="1" max="1" width="8.85546875" style="42"/>
    <col min="2" max="2" width="18.28515625" style="42" customWidth="1"/>
    <col min="3" max="3" width="20.42578125" style="42" bestFit="1" customWidth="1"/>
    <col min="4" max="4" width="21.7109375" style="42" bestFit="1" customWidth="1"/>
    <col min="5" max="5" width="16.7109375" style="42" bestFit="1" customWidth="1"/>
    <col min="6" max="6" width="14.28515625" style="42" bestFit="1" customWidth="1"/>
    <col min="7" max="7" width="18.28515625" style="42" customWidth="1"/>
    <col min="8" max="8" width="4.85546875" style="42" customWidth="1"/>
    <col min="9" max="9" width="20.42578125" style="42" bestFit="1" customWidth="1"/>
    <col min="10" max="10" width="29.85546875" style="42" bestFit="1" customWidth="1"/>
    <col min="11" max="11" width="31.85546875" style="42" customWidth="1"/>
    <col min="12" max="12" width="13" style="42" customWidth="1"/>
    <col min="13" max="13" width="12.140625" style="42" bestFit="1" customWidth="1"/>
    <col min="14" max="18" width="8.85546875" style="42"/>
    <col min="19" max="19" width="12.140625" style="42" bestFit="1" customWidth="1"/>
    <col min="20" max="23" width="8.85546875" style="42"/>
    <col min="24" max="24" width="12.7109375" style="42" customWidth="1"/>
    <col min="25" max="25" width="12.140625" style="42" bestFit="1" customWidth="1"/>
    <col min="26" max="34" width="8.85546875" style="42"/>
    <col min="35" max="35" width="11" style="42" bestFit="1" customWidth="1"/>
    <col min="36" max="16384" width="8.85546875" style="42"/>
  </cols>
  <sheetData>
    <row r="1" spans="1:28" ht="12" customHeight="1" x14ac:dyDescent="0.25">
      <c r="A1" s="80"/>
      <c r="B1" s="81"/>
      <c r="C1" s="128" t="s">
        <v>67</v>
      </c>
      <c r="E1" s="204" t="s">
        <v>140</v>
      </c>
      <c r="F1" s="205"/>
      <c r="G1" s="205"/>
      <c r="H1" s="205"/>
      <c r="I1" s="214" t="s">
        <v>144</v>
      </c>
      <c r="J1" s="215"/>
      <c r="K1" s="215"/>
      <c r="L1" s="216"/>
      <c r="M1" s="81"/>
      <c r="N1" s="81"/>
      <c r="O1" s="81"/>
      <c r="P1" s="81"/>
      <c r="Q1" s="81"/>
      <c r="R1" s="81"/>
      <c r="S1" s="81"/>
      <c r="T1" s="81"/>
      <c r="U1" s="81"/>
      <c r="V1" s="81"/>
      <c r="W1" s="81"/>
      <c r="X1" s="81"/>
      <c r="Y1" s="81"/>
      <c r="Z1" s="81"/>
      <c r="AA1" s="81"/>
      <c r="AB1" s="82"/>
    </row>
    <row r="2" spans="1:28" ht="13.5" customHeight="1" x14ac:dyDescent="0.25">
      <c r="A2" s="74"/>
      <c r="C2" s="241">
        <v>1.1000000000000001</v>
      </c>
      <c r="E2" s="206"/>
      <c r="F2" s="207"/>
      <c r="G2" s="207"/>
      <c r="H2" s="207"/>
      <c r="I2" s="217"/>
      <c r="J2" s="218"/>
      <c r="K2" s="218"/>
      <c r="L2" s="219"/>
      <c r="AB2" s="75"/>
    </row>
    <row r="3" spans="1:28" s="43" customFormat="1" ht="21.75" customHeight="1" thickBot="1" x14ac:dyDescent="0.3">
      <c r="A3" s="64"/>
      <c r="B3" s="41" t="s">
        <v>11</v>
      </c>
      <c r="C3" s="191" t="s">
        <v>12</v>
      </c>
      <c r="D3" s="41" t="s">
        <v>13</v>
      </c>
      <c r="E3" s="41" t="s">
        <v>56</v>
      </c>
      <c r="F3" s="213" t="s">
        <v>80</v>
      </c>
      <c r="G3" s="213"/>
      <c r="I3" s="64"/>
      <c r="J3" s="243" t="str">
        <f>IF(ROUND(SUM(Output!I8:M8767),0)&lt;&gt;ROUND(Input!J5,0),"ERROR: Yearly Demand doesn't match output profiles!","")</f>
        <v/>
      </c>
      <c r="K3" s="243"/>
      <c r="L3" s="169"/>
      <c r="AB3" s="83"/>
    </row>
    <row r="4" spans="1:28" ht="16.5" thickBot="1" x14ac:dyDescent="0.3">
      <c r="A4" s="74"/>
      <c r="B4" s="137">
        <v>0</v>
      </c>
      <c r="C4" s="142">
        <v>0.4</v>
      </c>
      <c r="D4" s="143">
        <v>0.5</v>
      </c>
      <c r="E4" s="144" t="s">
        <v>41</v>
      </c>
      <c r="F4" s="63" t="s">
        <v>32</v>
      </c>
      <c r="G4" s="134">
        <v>0.25</v>
      </c>
      <c r="H4" s="242" t="str">
        <f>IF(AND(E4=Bühler!$B$3,D4&lt;&gt;0),"!!! weekend-share must be 0% when 1-shift is selected","")</f>
        <v/>
      </c>
      <c r="I4" s="74"/>
      <c r="J4" s="187"/>
      <c r="K4" s="188" t="s">
        <v>114</v>
      </c>
      <c r="L4" s="75"/>
      <c r="AB4" s="75"/>
    </row>
    <row r="5" spans="1:28" ht="15.75" x14ac:dyDescent="0.25">
      <c r="A5" s="74"/>
      <c r="B5" s="138">
        <v>1</v>
      </c>
      <c r="C5" s="140">
        <v>0</v>
      </c>
      <c r="D5" s="140">
        <v>0.2</v>
      </c>
      <c r="E5" s="141" t="s">
        <v>41</v>
      </c>
      <c r="F5" s="43" t="s">
        <v>33</v>
      </c>
      <c r="G5" s="135">
        <v>0.15</v>
      </c>
      <c r="H5" s="242" t="str">
        <f>IF(AND(E5=Bühler!$B$3,D5&lt;&gt;0),"!!! weekend-share must be 0% when 1-shift is selected","")</f>
        <v/>
      </c>
      <c r="I5" s="170" t="s">
        <v>66</v>
      </c>
      <c r="J5" s="166">
        <v>240000</v>
      </c>
      <c r="K5" s="208" t="s">
        <v>121</v>
      </c>
      <c r="L5" s="171"/>
      <c r="AB5" s="75"/>
    </row>
    <row r="6" spans="1:28" ht="15.75" x14ac:dyDescent="0.25">
      <c r="A6" s="74"/>
      <c r="B6" s="138">
        <v>2</v>
      </c>
      <c r="C6" s="140">
        <v>0.5</v>
      </c>
      <c r="D6" s="140">
        <v>0.1</v>
      </c>
      <c r="E6" s="141" t="s">
        <v>42</v>
      </c>
      <c r="F6" s="43" t="s">
        <v>34</v>
      </c>
      <c r="G6" s="135">
        <v>0.3</v>
      </c>
      <c r="H6" s="242" t="str">
        <f>IF(AND(E6=Bühler!$B$3,D6&lt;&gt;0),"!!! weekend-share must be 0% when 1-shift is selected","")</f>
        <v/>
      </c>
      <c r="I6" s="170" t="s">
        <v>51</v>
      </c>
      <c r="J6" s="167">
        <v>2023</v>
      </c>
      <c r="K6" s="209"/>
      <c r="L6" s="171"/>
      <c r="AB6" s="75"/>
    </row>
    <row r="7" spans="1:28" ht="16.5" thickBot="1" x14ac:dyDescent="0.3">
      <c r="A7" s="74"/>
      <c r="B7" s="138">
        <v>3</v>
      </c>
      <c r="C7" s="140">
        <f>1-SUM(C4:C6)</f>
        <v>9.9999999999999978E-2</v>
      </c>
      <c r="D7" s="140">
        <v>0.1</v>
      </c>
      <c r="E7" s="141" t="s">
        <v>41</v>
      </c>
      <c r="F7" s="43" t="s">
        <v>35</v>
      </c>
      <c r="G7" s="135">
        <v>0.2</v>
      </c>
      <c r="H7" s="242" t="str">
        <f>IF(AND(E7=Bühler!$B$3,D7&lt;&gt;0),"!!! weekend-share must be 0% when 1-shift is selected","")</f>
        <v/>
      </c>
      <c r="I7" s="170" t="s">
        <v>63</v>
      </c>
      <c r="J7" s="168" t="s">
        <v>65</v>
      </c>
      <c r="K7" s="210"/>
      <c r="L7" s="171"/>
      <c r="AB7" s="75"/>
    </row>
    <row r="8" spans="1:28" ht="15.75" thickBot="1" x14ac:dyDescent="0.3">
      <c r="A8" s="74"/>
      <c r="B8" s="139">
        <v>4</v>
      </c>
      <c r="C8" s="145" t="s">
        <v>55</v>
      </c>
      <c r="D8" s="146">
        <v>0.1</v>
      </c>
      <c r="E8" s="147" t="s">
        <v>42</v>
      </c>
      <c r="F8" s="67" t="s">
        <v>36</v>
      </c>
      <c r="G8" s="136">
        <v>0.1</v>
      </c>
      <c r="H8" s="242" t="str">
        <f>IF(AND(E8=Bühler!$B$3,D8&lt;&gt;0),"!!! weekend-share must be 0% when 1-shift is selected","")</f>
        <v/>
      </c>
      <c r="I8" s="74"/>
      <c r="L8" s="75"/>
      <c r="AB8" s="75"/>
    </row>
    <row r="9" spans="1:28" ht="15.75" thickBot="1" x14ac:dyDescent="0.3">
      <c r="A9" s="76"/>
      <c r="B9" s="131"/>
      <c r="C9" s="132"/>
      <c r="D9" s="132"/>
      <c r="E9" s="77"/>
      <c r="F9" s="77"/>
      <c r="G9" s="77"/>
      <c r="H9" s="77"/>
      <c r="I9" s="76"/>
      <c r="J9" s="77"/>
      <c r="K9" s="77"/>
      <c r="L9" s="78"/>
      <c r="AB9" s="75"/>
    </row>
    <row r="10" spans="1:28" x14ac:dyDescent="0.25">
      <c r="A10" s="80"/>
      <c r="B10" s="81"/>
      <c r="C10" s="81"/>
      <c r="D10" s="81"/>
      <c r="E10" s="81"/>
      <c r="F10" s="81"/>
      <c r="G10" s="81"/>
      <c r="H10" s="82"/>
      <c r="I10" s="214" t="s">
        <v>145</v>
      </c>
      <c r="J10" s="215"/>
      <c r="K10" s="215"/>
      <c r="L10" s="216"/>
      <c r="M10" s="74"/>
      <c r="AB10" s="75"/>
    </row>
    <row r="11" spans="1:28" x14ac:dyDescent="0.25">
      <c r="A11" s="74"/>
      <c r="B11" s="133"/>
      <c r="H11" s="75"/>
      <c r="I11" s="217"/>
      <c r="J11" s="218"/>
      <c r="K11" s="218"/>
      <c r="L11" s="219"/>
      <c r="M11" s="74"/>
      <c r="AB11" s="75"/>
    </row>
    <row r="12" spans="1:28" ht="15.75" thickBot="1" x14ac:dyDescent="0.3">
      <c r="A12" s="74"/>
      <c r="H12" s="75"/>
      <c r="I12" s="64" t="s">
        <v>70</v>
      </c>
      <c r="J12" s="189" t="s">
        <v>142</v>
      </c>
      <c r="K12" s="173" t="s">
        <v>143</v>
      </c>
      <c r="L12" s="75"/>
      <c r="M12" s="74"/>
      <c r="AB12" s="75"/>
    </row>
    <row r="13" spans="1:28" x14ac:dyDescent="0.25">
      <c r="A13" s="74"/>
      <c r="H13" s="75"/>
      <c r="I13" s="64">
        <v>2</v>
      </c>
      <c r="J13" s="174">
        <v>0.12</v>
      </c>
      <c r="K13" s="175">
        <v>1</v>
      </c>
      <c r="L13" s="75"/>
      <c r="M13" s="74"/>
      <c r="AB13" s="75"/>
    </row>
    <row r="14" spans="1:28" x14ac:dyDescent="0.25">
      <c r="A14" s="74"/>
      <c r="H14" s="75"/>
      <c r="I14" s="64">
        <v>3</v>
      </c>
      <c r="J14" s="176">
        <v>0.06</v>
      </c>
      <c r="K14" s="177">
        <v>2</v>
      </c>
      <c r="L14" s="75"/>
      <c r="M14" s="74"/>
      <c r="AB14" s="75"/>
    </row>
    <row r="15" spans="1:28" x14ac:dyDescent="0.25">
      <c r="A15" s="74"/>
      <c r="H15" s="75"/>
      <c r="I15" s="64">
        <v>4</v>
      </c>
      <c r="J15" s="176">
        <v>0.15</v>
      </c>
      <c r="K15" s="177">
        <v>2</v>
      </c>
      <c r="L15" s="75"/>
      <c r="M15" s="74"/>
      <c r="AB15" s="75"/>
    </row>
    <row r="16" spans="1:28" ht="15.75" thickBot="1" x14ac:dyDescent="0.3">
      <c r="A16" s="74"/>
      <c r="H16" s="75"/>
      <c r="I16" s="64">
        <v>5</v>
      </c>
      <c r="J16" s="178">
        <v>0.1</v>
      </c>
      <c r="K16" s="179">
        <v>3</v>
      </c>
      <c r="L16" s="75"/>
      <c r="M16" s="74"/>
      <c r="AB16" s="75"/>
    </row>
    <row r="17" spans="1:28" x14ac:dyDescent="0.25">
      <c r="A17" s="74"/>
      <c r="H17" s="75"/>
      <c r="I17" s="74"/>
      <c r="L17" s="75"/>
      <c r="M17" s="74"/>
      <c r="AB17" s="75"/>
    </row>
    <row r="18" spans="1:28" ht="15.75" thickBot="1" x14ac:dyDescent="0.3">
      <c r="A18" s="74"/>
      <c r="H18" s="75"/>
      <c r="I18" s="74"/>
      <c r="J18" s="220" t="s">
        <v>71</v>
      </c>
      <c r="K18" s="220"/>
      <c r="L18" s="75"/>
      <c r="M18" s="74"/>
      <c r="AB18" s="75"/>
    </row>
    <row r="19" spans="1:28" x14ac:dyDescent="0.25">
      <c r="A19" s="74"/>
      <c r="H19" s="75"/>
      <c r="I19" s="186" t="s">
        <v>68</v>
      </c>
      <c r="J19" s="180" t="s">
        <v>32</v>
      </c>
      <c r="K19" s="181">
        <f>SUM(Output!N8:N8767)</f>
        <v>23729.169849528753</v>
      </c>
      <c r="L19" s="75"/>
      <c r="M19" s="74"/>
      <c r="AB19" s="75"/>
    </row>
    <row r="20" spans="1:28" x14ac:dyDescent="0.25">
      <c r="A20" s="74"/>
      <c r="H20" s="75"/>
      <c r="I20" s="74"/>
      <c r="J20" s="182" t="s">
        <v>33</v>
      </c>
      <c r="K20" s="183">
        <f>SUM(Output!O8:O8767)</f>
        <v>1481.8629045454534</v>
      </c>
      <c r="L20" s="75"/>
      <c r="M20" s="74"/>
      <c r="AB20" s="75"/>
    </row>
    <row r="21" spans="1:28" x14ac:dyDescent="0.25">
      <c r="A21" s="74"/>
      <c r="H21" s="75"/>
      <c r="I21" s="74"/>
      <c r="J21" s="182" t="s">
        <v>34</v>
      </c>
      <c r="K21" s="183">
        <f>SUM(Output!P8:P8767)</f>
        <v>0</v>
      </c>
      <c r="L21" s="75"/>
      <c r="M21" s="74"/>
      <c r="AB21" s="75"/>
    </row>
    <row r="22" spans="1:28" ht="15.75" thickBot="1" x14ac:dyDescent="0.3">
      <c r="A22" s="74"/>
      <c r="H22" s="75"/>
      <c r="I22" s="74"/>
      <c r="J22" s="184" t="s">
        <v>35</v>
      </c>
      <c r="K22" s="185">
        <f>SUM(Output!Q8:Q8767)</f>
        <v>0</v>
      </c>
      <c r="L22" s="75"/>
      <c r="M22" s="74"/>
      <c r="AB22" s="75"/>
    </row>
    <row r="23" spans="1:28" ht="15.75" thickBot="1" x14ac:dyDescent="0.3">
      <c r="A23" s="76"/>
      <c r="B23" s="77"/>
      <c r="C23" s="77"/>
      <c r="D23" s="77"/>
      <c r="E23" s="77"/>
      <c r="F23" s="77"/>
      <c r="G23" s="77"/>
      <c r="H23" s="78"/>
      <c r="I23" s="76"/>
      <c r="J23" s="77"/>
      <c r="K23" s="77"/>
      <c r="L23" s="78"/>
      <c r="M23" s="76"/>
      <c r="N23" s="77"/>
      <c r="O23" s="77"/>
      <c r="P23" s="77"/>
      <c r="Q23" s="77"/>
      <c r="R23" s="77"/>
      <c r="S23" s="77"/>
      <c r="T23" s="77"/>
      <c r="U23" s="77"/>
      <c r="V23" s="77"/>
      <c r="W23" s="77"/>
      <c r="X23" s="77"/>
      <c r="Y23" s="77"/>
      <c r="Z23" s="77"/>
      <c r="AA23" s="77"/>
      <c r="AB23" s="78"/>
    </row>
    <row r="24" spans="1:28" x14ac:dyDescent="0.25">
      <c r="A24" s="74"/>
      <c r="I24" s="80"/>
      <c r="J24" s="81"/>
      <c r="K24" s="81"/>
      <c r="L24" s="82"/>
    </row>
    <row r="25" spans="1:28" x14ac:dyDescent="0.25">
      <c r="I25" s="212" t="s">
        <v>149</v>
      </c>
      <c r="J25" s="250"/>
      <c r="K25" s="190">
        <v>20</v>
      </c>
      <c r="L25" s="151"/>
    </row>
    <row r="26" spans="1:28" ht="15.75" thickBot="1" x14ac:dyDescent="0.3">
      <c r="B26" s="211" t="s">
        <v>64</v>
      </c>
      <c r="C26" s="211"/>
      <c r="D26" s="211"/>
      <c r="E26" s="211"/>
      <c r="F26" s="211"/>
      <c r="I26" s="74"/>
      <c r="J26" s="251"/>
      <c r="K26" s="251"/>
      <c r="L26" s="75"/>
    </row>
    <row r="27" spans="1:28" x14ac:dyDescent="0.25">
      <c r="B27" s="62" t="s">
        <v>60</v>
      </c>
      <c r="C27" s="63" t="s">
        <v>61</v>
      </c>
      <c r="D27" s="63" t="s">
        <v>62</v>
      </c>
      <c r="E27" s="63" t="s">
        <v>65</v>
      </c>
      <c r="F27" s="192" t="s">
        <v>146</v>
      </c>
      <c r="I27" s="172">
        <f>Bühler!T34</f>
        <v>45059.999999992258</v>
      </c>
      <c r="J27" s="252" t="s">
        <v>73</v>
      </c>
      <c r="K27" s="253">
        <f>Bühler!T189</f>
        <v>45066.458333325216</v>
      </c>
      <c r="L27" s="75"/>
    </row>
    <row r="28" spans="1:28" x14ac:dyDescent="0.25">
      <c r="B28" s="64">
        <v>-2</v>
      </c>
      <c r="C28" s="43">
        <v>0.1</v>
      </c>
      <c r="D28" s="43">
        <v>11.3</v>
      </c>
      <c r="E28" s="43">
        <v>7.5</v>
      </c>
      <c r="F28" s="65">
        <v>-10.4</v>
      </c>
      <c r="I28" s="74"/>
      <c r="J28" s="251"/>
      <c r="K28" s="251"/>
      <c r="L28" s="75"/>
    </row>
    <row r="29" spans="1:28" ht="15" customHeight="1" x14ac:dyDescent="0.25">
      <c r="B29" s="64">
        <v>-3.5</v>
      </c>
      <c r="C29" s="43">
        <v>2.9</v>
      </c>
      <c r="D29" s="43">
        <v>10.4</v>
      </c>
      <c r="E29" s="43">
        <v>6.1</v>
      </c>
      <c r="F29" s="65">
        <v>-13.8</v>
      </c>
      <c r="I29" s="74"/>
      <c r="J29" s="251"/>
      <c r="K29" s="251"/>
      <c r="L29" s="75"/>
    </row>
    <row r="30" spans="1:28" x14ac:dyDescent="0.25">
      <c r="B30" s="64">
        <v>-2.8</v>
      </c>
      <c r="C30" s="43">
        <v>1.7</v>
      </c>
      <c r="D30" s="43">
        <v>9</v>
      </c>
      <c r="E30" s="43">
        <v>7.8</v>
      </c>
      <c r="F30" s="65">
        <v>-15.5</v>
      </c>
      <c r="I30" s="74"/>
      <c r="J30" s="251"/>
      <c r="K30" s="251"/>
      <c r="L30" s="75"/>
    </row>
    <row r="31" spans="1:28" x14ac:dyDescent="0.25">
      <c r="B31" s="64">
        <v>-2.7</v>
      </c>
      <c r="C31" s="43">
        <v>-3.3</v>
      </c>
      <c r="D31" s="43">
        <v>7.4</v>
      </c>
      <c r="E31" s="43">
        <v>7.2</v>
      </c>
      <c r="F31" s="65">
        <v>-23.1</v>
      </c>
      <c r="I31" s="74"/>
      <c r="J31" s="251"/>
      <c r="K31" s="251"/>
      <c r="L31" s="75"/>
    </row>
    <row r="32" spans="1:28" x14ac:dyDescent="0.25">
      <c r="B32" s="64">
        <v>-2.2999999999999998</v>
      </c>
      <c r="C32" s="43">
        <v>-1.9</v>
      </c>
      <c r="D32" s="43">
        <v>7.3</v>
      </c>
      <c r="E32" s="43">
        <v>12</v>
      </c>
      <c r="F32" s="65">
        <v>-30</v>
      </c>
      <c r="I32" s="74"/>
      <c r="J32" s="251"/>
      <c r="K32" s="251"/>
      <c r="L32" s="75"/>
    </row>
    <row r="33" spans="2:12" ht="15" customHeight="1" x14ac:dyDescent="0.25">
      <c r="B33" s="64">
        <v>-1.6</v>
      </c>
      <c r="C33" s="43">
        <v>-3</v>
      </c>
      <c r="D33" s="43">
        <v>6.2</v>
      </c>
      <c r="E33" s="43">
        <v>10.7</v>
      </c>
      <c r="F33" s="65">
        <v>-18</v>
      </c>
      <c r="I33" s="74"/>
      <c r="J33" s="251"/>
      <c r="K33" s="251"/>
      <c r="L33" s="75"/>
    </row>
    <row r="34" spans="2:12" x14ac:dyDescent="0.25">
      <c r="B34" s="64">
        <v>0.3</v>
      </c>
      <c r="C34" s="43">
        <v>-4.4000000000000004</v>
      </c>
      <c r="D34" s="43">
        <v>5.2</v>
      </c>
      <c r="E34" s="43">
        <v>10.1</v>
      </c>
      <c r="F34" s="65">
        <v>-26.4</v>
      </c>
      <c r="I34" s="74"/>
      <c r="J34" s="251"/>
      <c r="K34" s="251"/>
      <c r="L34" s="75"/>
    </row>
    <row r="35" spans="2:12" x14ac:dyDescent="0.25">
      <c r="B35" s="64">
        <v>6.7</v>
      </c>
      <c r="C35" s="43">
        <v>-2.7</v>
      </c>
      <c r="D35" s="43">
        <v>10.4</v>
      </c>
      <c r="E35" s="43">
        <v>6.1</v>
      </c>
      <c r="F35" s="65">
        <v>-3.5</v>
      </c>
      <c r="I35" s="74"/>
      <c r="J35" s="251"/>
      <c r="K35" s="251"/>
      <c r="L35" s="75"/>
    </row>
    <row r="36" spans="2:12" x14ac:dyDescent="0.25">
      <c r="B36" s="64">
        <v>6.2</v>
      </c>
      <c r="C36" s="43">
        <v>-1.4</v>
      </c>
      <c r="D36" s="43">
        <v>9.3000000000000007</v>
      </c>
      <c r="E36" s="43">
        <v>5.7</v>
      </c>
      <c r="F36" s="65">
        <v>1.2</v>
      </c>
      <c r="I36" s="74"/>
      <c r="J36" s="251"/>
      <c r="K36" s="251"/>
      <c r="L36" s="75"/>
    </row>
    <row r="37" spans="2:12" x14ac:dyDescent="0.25">
      <c r="B37" s="64">
        <v>3.5</v>
      </c>
      <c r="C37" s="43">
        <v>-1.1000000000000001</v>
      </c>
      <c r="D37" s="43">
        <v>7</v>
      </c>
      <c r="E37" s="43">
        <v>7.8</v>
      </c>
      <c r="F37" s="65">
        <v>1.1000000000000001</v>
      </c>
      <c r="I37" s="74"/>
      <c r="J37" s="251"/>
      <c r="K37" s="251"/>
      <c r="L37" s="75"/>
    </row>
    <row r="38" spans="2:12" x14ac:dyDescent="0.25">
      <c r="B38" s="64">
        <v>5.3</v>
      </c>
      <c r="C38" s="43">
        <v>3.8</v>
      </c>
      <c r="D38" s="43">
        <v>7</v>
      </c>
      <c r="E38" s="43">
        <v>5.3</v>
      </c>
      <c r="F38" s="65">
        <v>1.2</v>
      </c>
      <c r="I38" s="74"/>
      <c r="J38" s="251"/>
      <c r="K38" s="251"/>
      <c r="L38" s="75"/>
    </row>
    <row r="39" spans="2:12" x14ac:dyDescent="0.25">
      <c r="B39" s="64">
        <v>4.5999999999999996</v>
      </c>
      <c r="C39" s="43">
        <v>6.2</v>
      </c>
      <c r="D39" s="43">
        <v>6.2</v>
      </c>
      <c r="E39" s="43">
        <v>10</v>
      </c>
      <c r="F39" s="65">
        <v>-0.4</v>
      </c>
      <c r="I39" s="74"/>
      <c r="J39" s="251"/>
      <c r="K39" s="251"/>
      <c r="L39" s="75"/>
    </row>
    <row r="40" spans="2:12" x14ac:dyDescent="0.25">
      <c r="B40" s="64">
        <v>0.2</v>
      </c>
      <c r="C40" s="43">
        <v>6.6</v>
      </c>
      <c r="D40" s="43">
        <v>7.4</v>
      </c>
      <c r="E40" s="43">
        <v>8.6</v>
      </c>
      <c r="F40" s="65">
        <v>-0.9</v>
      </c>
      <c r="I40" s="74"/>
      <c r="J40" s="251"/>
      <c r="K40" s="251"/>
      <c r="L40" s="75"/>
    </row>
    <row r="41" spans="2:12" x14ac:dyDescent="0.25">
      <c r="B41" s="64">
        <v>-0.2</v>
      </c>
      <c r="C41" s="43">
        <v>2.5</v>
      </c>
      <c r="D41" s="43">
        <v>6</v>
      </c>
      <c r="E41" s="43">
        <v>9.4</v>
      </c>
      <c r="F41" s="65">
        <v>-5</v>
      </c>
      <c r="I41" s="74"/>
      <c r="J41" s="251"/>
      <c r="K41" s="251"/>
      <c r="L41" s="75"/>
    </row>
    <row r="42" spans="2:12" x14ac:dyDescent="0.25">
      <c r="B42" s="64">
        <v>0.2</v>
      </c>
      <c r="C42" s="43">
        <v>2.1</v>
      </c>
      <c r="D42" s="43">
        <v>7.8</v>
      </c>
      <c r="E42" s="43">
        <v>6.6</v>
      </c>
      <c r="F42" s="65">
        <v>-17.5</v>
      </c>
      <c r="I42" s="74"/>
      <c r="J42" s="251"/>
      <c r="K42" s="251"/>
      <c r="L42" s="75"/>
    </row>
    <row r="43" spans="2:12" ht="15.75" thickBot="1" x14ac:dyDescent="0.3">
      <c r="B43" s="64">
        <v>-0.2</v>
      </c>
      <c r="C43" s="43">
        <v>2.2999999999999998</v>
      </c>
      <c r="D43" s="43">
        <v>6.5</v>
      </c>
      <c r="E43" s="43">
        <v>5.7</v>
      </c>
      <c r="F43" s="65">
        <v>-27.4</v>
      </c>
      <c r="I43" s="76"/>
      <c r="J43" s="77"/>
      <c r="K43" s="77"/>
      <c r="L43" s="78"/>
    </row>
    <row r="44" spans="2:12" x14ac:dyDescent="0.25">
      <c r="B44" s="64">
        <v>1.6</v>
      </c>
      <c r="C44" s="43">
        <v>1.7</v>
      </c>
      <c r="D44" s="43">
        <v>6.4</v>
      </c>
      <c r="E44" s="43">
        <v>4.9000000000000004</v>
      </c>
      <c r="F44" s="65">
        <v>-24</v>
      </c>
    </row>
    <row r="45" spans="2:12" x14ac:dyDescent="0.25">
      <c r="B45" s="64">
        <v>0.4</v>
      </c>
      <c r="C45" s="43">
        <v>5.7</v>
      </c>
      <c r="D45" s="43">
        <v>4</v>
      </c>
      <c r="E45" s="43">
        <v>5.5</v>
      </c>
      <c r="F45" s="65">
        <v>-21.7</v>
      </c>
    </row>
    <row r="46" spans="2:12" x14ac:dyDescent="0.25">
      <c r="B46" s="64">
        <v>-0.1</v>
      </c>
      <c r="C46" s="43">
        <v>2.2000000000000002</v>
      </c>
      <c r="D46" s="43">
        <v>4.4000000000000004</v>
      </c>
      <c r="E46" s="43">
        <v>4.5999999999999996</v>
      </c>
      <c r="F46" s="65">
        <v>-18.2</v>
      </c>
    </row>
    <row r="47" spans="2:12" x14ac:dyDescent="0.25">
      <c r="B47" s="64">
        <v>0.9</v>
      </c>
      <c r="C47" s="43">
        <v>-0.5</v>
      </c>
      <c r="D47" s="43">
        <v>10.199999999999999</v>
      </c>
      <c r="E47" s="43">
        <v>1.3</v>
      </c>
      <c r="F47" s="65">
        <v>-21.4</v>
      </c>
    </row>
    <row r="48" spans="2:12" x14ac:dyDescent="0.25">
      <c r="B48" s="64">
        <v>0.6</v>
      </c>
      <c r="C48" s="43">
        <v>1.2</v>
      </c>
      <c r="D48" s="43">
        <v>6.6</v>
      </c>
      <c r="E48" s="43">
        <v>1.2</v>
      </c>
      <c r="F48" s="65">
        <v>-8.4</v>
      </c>
    </row>
    <row r="49" spans="2:6" x14ac:dyDescent="0.25">
      <c r="B49" s="64">
        <v>0.8</v>
      </c>
      <c r="C49" s="43">
        <v>4.8</v>
      </c>
      <c r="D49" s="43">
        <v>4.3</v>
      </c>
      <c r="E49" s="43">
        <v>1.2</v>
      </c>
      <c r="F49" s="65">
        <v>1.2</v>
      </c>
    </row>
    <row r="50" spans="2:6" x14ac:dyDescent="0.25">
      <c r="B50" s="64">
        <v>3.1</v>
      </c>
      <c r="C50" s="43">
        <v>6.4</v>
      </c>
      <c r="D50" s="43">
        <v>3.4</v>
      </c>
      <c r="E50" s="43">
        <v>2.6</v>
      </c>
      <c r="F50" s="65">
        <v>-1.6</v>
      </c>
    </row>
    <row r="51" spans="2:6" x14ac:dyDescent="0.25">
      <c r="B51" s="64">
        <v>5.3</v>
      </c>
      <c r="C51" s="43">
        <v>3.6</v>
      </c>
      <c r="D51" s="43">
        <v>3</v>
      </c>
      <c r="E51" s="43">
        <v>3.6</v>
      </c>
      <c r="F51" s="65">
        <v>-1.8</v>
      </c>
    </row>
    <row r="52" spans="2:6" x14ac:dyDescent="0.25">
      <c r="B52" s="64">
        <v>6.7</v>
      </c>
      <c r="C52" s="43">
        <v>1.2</v>
      </c>
      <c r="D52" s="43">
        <v>4.7</v>
      </c>
      <c r="E52" s="43">
        <v>3.1</v>
      </c>
      <c r="F52" s="65">
        <v>-5.0999999999999996</v>
      </c>
    </row>
    <row r="53" spans="2:6" x14ac:dyDescent="0.25">
      <c r="B53" s="64">
        <v>2</v>
      </c>
      <c r="C53" s="43">
        <v>2.4</v>
      </c>
      <c r="D53" s="43">
        <v>4.5</v>
      </c>
      <c r="E53" s="43">
        <v>1.6</v>
      </c>
      <c r="F53" s="65">
        <v>-1.2</v>
      </c>
    </row>
    <row r="54" spans="2:6" x14ac:dyDescent="0.25">
      <c r="B54" s="64">
        <v>2</v>
      </c>
      <c r="C54" s="43">
        <v>2.8</v>
      </c>
      <c r="D54" s="43">
        <v>3.8</v>
      </c>
      <c r="E54" s="43">
        <v>0.4</v>
      </c>
      <c r="F54" s="65">
        <v>-6</v>
      </c>
    </row>
    <row r="55" spans="2:6" x14ac:dyDescent="0.25">
      <c r="B55" s="64">
        <v>2.4</v>
      </c>
      <c r="C55" s="43">
        <v>1.7</v>
      </c>
      <c r="D55" s="43">
        <v>4.4000000000000004</v>
      </c>
      <c r="E55" s="43">
        <v>0.3</v>
      </c>
      <c r="F55" s="65">
        <v>0.6</v>
      </c>
    </row>
    <row r="56" spans="2:6" x14ac:dyDescent="0.25">
      <c r="B56" s="64">
        <v>3.2</v>
      </c>
      <c r="C56" s="43">
        <v>2.7</v>
      </c>
      <c r="D56" s="43">
        <v>2.2000000000000002</v>
      </c>
      <c r="E56" s="43">
        <v>-0.3</v>
      </c>
      <c r="F56" s="65">
        <v>-2.2000000000000002</v>
      </c>
    </row>
    <row r="57" spans="2:6" x14ac:dyDescent="0.25">
      <c r="B57" s="64">
        <v>2.7</v>
      </c>
      <c r="C57" s="43">
        <v>1.3</v>
      </c>
      <c r="D57" s="43">
        <v>3.6</v>
      </c>
      <c r="E57" s="43">
        <v>2.9</v>
      </c>
      <c r="F57" s="65">
        <v>-18</v>
      </c>
    </row>
    <row r="58" spans="2:6" x14ac:dyDescent="0.25">
      <c r="B58" s="64">
        <v>-0.8</v>
      </c>
      <c r="C58" s="43">
        <v>-2.2999999999999998</v>
      </c>
      <c r="D58" s="43">
        <v>4.5999999999999996</v>
      </c>
      <c r="E58" s="43">
        <v>5.2</v>
      </c>
      <c r="F58" s="65">
        <v>-10.6</v>
      </c>
    </row>
    <row r="59" spans="2:6" x14ac:dyDescent="0.25">
      <c r="B59" s="64">
        <v>-4.2</v>
      </c>
      <c r="C59" s="43">
        <v>-3</v>
      </c>
      <c r="D59" s="43">
        <v>6.8</v>
      </c>
      <c r="E59" s="43">
        <v>6.1</v>
      </c>
      <c r="F59" s="65">
        <v>-3.7</v>
      </c>
    </row>
    <row r="60" spans="2:6" x14ac:dyDescent="0.25">
      <c r="B60" s="64">
        <v>-1.1000000000000001</v>
      </c>
      <c r="C60" s="43">
        <v>-2.9</v>
      </c>
      <c r="D60" s="43">
        <v>7.6</v>
      </c>
      <c r="E60" s="43">
        <v>4</v>
      </c>
      <c r="F60" s="65">
        <v>-2.2000000000000002</v>
      </c>
    </row>
    <row r="61" spans="2:6" x14ac:dyDescent="0.25">
      <c r="B61" s="64">
        <v>-2.6</v>
      </c>
      <c r="C61" s="43">
        <v>-1</v>
      </c>
      <c r="D61" s="43">
        <v>8</v>
      </c>
      <c r="E61" s="43">
        <v>5.3</v>
      </c>
      <c r="F61" s="65">
        <v>-2.4</v>
      </c>
    </row>
    <row r="62" spans="2:6" x14ac:dyDescent="0.25">
      <c r="B62" s="64">
        <v>-2.8</v>
      </c>
      <c r="C62" s="43">
        <v>1.8</v>
      </c>
      <c r="D62" s="43">
        <v>9</v>
      </c>
      <c r="E62" s="43">
        <v>5.0999999999999996</v>
      </c>
      <c r="F62" s="65">
        <v>-5.5</v>
      </c>
    </row>
    <row r="63" spans="2:6" x14ac:dyDescent="0.25">
      <c r="B63" s="64">
        <v>2.5</v>
      </c>
      <c r="C63" s="43">
        <v>1.2</v>
      </c>
      <c r="D63" s="43">
        <v>10.4</v>
      </c>
      <c r="E63" s="43">
        <v>0.5</v>
      </c>
      <c r="F63" s="65">
        <v>-8.4</v>
      </c>
    </row>
    <row r="64" spans="2:6" ht="16.149999999999999" customHeight="1" x14ac:dyDescent="0.25">
      <c r="B64" s="64">
        <v>3.8</v>
      </c>
      <c r="C64" s="43">
        <v>2.1</v>
      </c>
      <c r="D64" s="43">
        <v>6.6</v>
      </c>
      <c r="E64" s="43">
        <v>-1.9</v>
      </c>
      <c r="F64" s="65">
        <v>-9.8000000000000007</v>
      </c>
    </row>
    <row r="65" spans="2:6" x14ac:dyDescent="0.25">
      <c r="B65" s="64">
        <v>3.7</v>
      </c>
      <c r="C65" s="43">
        <v>2.6</v>
      </c>
      <c r="D65" s="43">
        <v>5.6</v>
      </c>
      <c r="E65" s="43">
        <v>-1.9</v>
      </c>
      <c r="F65" s="65">
        <v>-16</v>
      </c>
    </row>
    <row r="66" spans="2:6" x14ac:dyDescent="0.25">
      <c r="B66" s="64">
        <v>6.1</v>
      </c>
      <c r="C66" s="43">
        <v>1.7</v>
      </c>
      <c r="D66" s="43">
        <v>6.1</v>
      </c>
      <c r="E66" s="43">
        <v>-1.1000000000000001</v>
      </c>
      <c r="F66" s="65">
        <v>-27.5</v>
      </c>
    </row>
    <row r="67" spans="2:6" x14ac:dyDescent="0.25">
      <c r="B67" s="64">
        <v>1.6</v>
      </c>
      <c r="C67" s="43">
        <v>0.8</v>
      </c>
      <c r="D67" s="43">
        <v>7.2</v>
      </c>
      <c r="E67" s="43">
        <v>0.4</v>
      </c>
      <c r="F67" s="65">
        <v>-29.2</v>
      </c>
    </row>
    <row r="68" spans="2:6" x14ac:dyDescent="0.25">
      <c r="B68" s="64">
        <v>-0.6</v>
      </c>
      <c r="C68" s="43">
        <v>0.5</v>
      </c>
      <c r="D68" s="43">
        <v>5.5</v>
      </c>
      <c r="E68" s="43">
        <v>2</v>
      </c>
      <c r="F68" s="65">
        <v>-22.2</v>
      </c>
    </row>
    <row r="69" spans="2:6" x14ac:dyDescent="0.25">
      <c r="B69" s="64">
        <v>0</v>
      </c>
      <c r="C69" s="43">
        <v>-0.4</v>
      </c>
      <c r="D69" s="43">
        <v>5.8</v>
      </c>
      <c r="E69" s="43">
        <v>4.8</v>
      </c>
      <c r="F69" s="65">
        <v>-9.9</v>
      </c>
    </row>
    <row r="70" spans="2:6" x14ac:dyDescent="0.25">
      <c r="B70" s="64">
        <v>6.6</v>
      </c>
      <c r="C70" s="43">
        <v>1.6</v>
      </c>
      <c r="D70" s="43">
        <v>6.6</v>
      </c>
      <c r="E70" s="43">
        <v>7.8</v>
      </c>
      <c r="F70" s="65">
        <v>-8.6999999999999993</v>
      </c>
    </row>
    <row r="71" spans="2:6" x14ac:dyDescent="0.25">
      <c r="B71" s="64">
        <v>8.1</v>
      </c>
      <c r="C71" s="43">
        <v>3.2</v>
      </c>
      <c r="D71" s="43">
        <v>6.2</v>
      </c>
      <c r="E71" s="43">
        <v>7</v>
      </c>
      <c r="F71" s="65">
        <v>-10.8</v>
      </c>
    </row>
    <row r="72" spans="2:6" x14ac:dyDescent="0.25">
      <c r="B72" s="64">
        <v>3</v>
      </c>
      <c r="C72" s="43">
        <v>-0.4</v>
      </c>
      <c r="D72" s="43">
        <v>7.3</v>
      </c>
      <c r="E72" s="43">
        <v>6.5</v>
      </c>
      <c r="F72" s="65">
        <v>-15.6</v>
      </c>
    </row>
    <row r="73" spans="2:6" x14ac:dyDescent="0.25">
      <c r="B73" s="64">
        <v>0.7</v>
      </c>
      <c r="C73" s="43">
        <v>-1.7</v>
      </c>
      <c r="D73" s="43">
        <v>9.1999999999999993</v>
      </c>
      <c r="E73" s="43">
        <v>4.5</v>
      </c>
      <c r="F73" s="65">
        <v>-8.3000000000000007</v>
      </c>
    </row>
    <row r="74" spans="2:6" x14ac:dyDescent="0.25">
      <c r="B74" s="64">
        <v>4.5</v>
      </c>
      <c r="C74" s="43">
        <v>-0.2</v>
      </c>
      <c r="D74" s="43">
        <v>9</v>
      </c>
      <c r="E74" s="43">
        <v>3.9</v>
      </c>
      <c r="F74" s="65">
        <v>-2.2000000000000002</v>
      </c>
    </row>
    <row r="75" spans="2:6" x14ac:dyDescent="0.25">
      <c r="B75" s="64">
        <v>2.9</v>
      </c>
      <c r="C75" s="43">
        <v>-2.8</v>
      </c>
      <c r="D75" s="43">
        <v>9.1</v>
      </c>
      <c r="E75" s="43">
        <v>8.8000000000000007</v>
      </c>
      <c r="F75" s="65">
        <v>-4</v>
      </c>
    </row>
    <row r="76" spans="2:6" x14ac:dyDescent="0.25">
      <c r="B76" s="64">
        <v>1.4</v>
      </c>
      <c r="C76" s="43">
        <v>0.9</v>
      </c>
      <c r="D76" s="43">
        <v>10</v>
      </c>
      <c r="E76" s="43">
        <v>15</v>
      </c>
      <c r="F76" s="65">
        <v>-16.100000000000001</v>
      </c>
    </row>
    <row r="77" spans="2:6" x14ac:dyDescent="0.25">
      <c r="B77" s="64">
        <v>0</v>
      </c>
      <c r="C77" s="43">
        <v>-0.6</v>
      </c>
      <c r="D77" s="43">
        <v>12.8</v>
      </c>
      <c r="E77" s="43">
        <v>12</v>
      </c>
      <c r="F77" s="65">
        <v>-9</v>
      </c>
    </row>
    <row r="78" spans="2:6" x14ac:dyDescent="0.25">
      <c r="B78" s="64">
        <v>0.9</v>
      </c>
      <c r="C78" s="43">
        <v>-0.4</v>
      </c>
      <c r="D78" s="43">
        <v>14</v>
      </c>
      <c r="E78" s="43">
        <v>9.1</v>
      </c>
      <c r="F78" s="65">
        <v>-4.5</v>
      </c>
    </row>
    <row r="79" spans="2:6" x14ac:dyDescent="0.25">
      <c r="B79" s="64">
        <v>-1.2</v>
      </c>
      <c r="C79" s="43">
        <v>-1.1000000000000001</v>
      </c>
      <c r="D79" s="43">
        <v>13</v>
      </c>
      <c r="E79" s="43">
        <v>12.8</v>
      </c>
      <c r="F79" s="65">
        <v>-1.4</v>
      </c>
    </row>
    <row r="80" spans="2:6" x14ac:dyDescent="0.25">
      <c r="B80" s="64">
        <v>-0.2</v>
      </c>
      <c r="C80" s="43">
        <v>-0.3</v>
      </c>
      <c r="D80" s="43">
        <v>10.8</v>
      </c>
      <c r="E80" s="43">
        <v>13.1</v>
      </c>
      <c r="F80" s="65">
        <v>0.9</v>
      </c>
    </row>
    <row r="81" spans="2:6" x14ac:dyDescent="0.25">
      <c r="B81" s="64">
        <v>0.8</v>
      </c>
      <c r="C81" s="43">
        <v>2.4</v>
      </c>
      <c r="D81" s="43">
        <v>6.2</v>
      </c>
      <c r="E81" s="43">
        <v>10.199999999999999</v>
      </c>
      <c r="F81" s="65">
        <v>0.7</v>
      </c>
    </row>
    <row r="82" spans="2:6" x14ac:dyDescent="0.25">
      <c r="B82" s="64">
        <v>0.7</v>
      </c>
      <c r="C82" s="43">
        <v>2.6</v>
      </c>
      <c r="D82" s="43">
        <v>4.7</v>
      </c>
      <c r="E82" s="43">
        <v>12.8</v>
      </c>
      <c r="F82" s="65">
        <v>0.4</v>
      </c>
    </row>
    <row r="83" spans="2:6" x14ac:dyDescent="0.25">
      <c r="B83" s="64">
        <v>0.8</v>
      </c>
      <c r="C83" s="43">
        <v>1.4</v>
      </c>
      <c r="D83" s="43">
        <v>5</v>
      </c>
      <c r="E83" s="43">
        <v>8.6</v>
      </c>
      <c r="F83" s="65">
        <v>-2</v>
      </c>
    </row>
    <row r="84" spans="2:6" x14ac:dyDescent="0.25">
      <c r="B84" s="64">
        <v>3.6</v>
      </c>
      <c r="C84" s="43">
        <v>2.4</v>
      </c>
      <c r="D84" s="43">
        <v>5.8</v>
      </c>
      <c r="E84" s="43">
        <v>2.7</v>
      </c>
      <c r="F84" s="65">
        <v>-7.7</v>
      </c>
    </row>
    <row r="85" spans="2:6" x14ac:dyDescent="0.25">
      <c r="B85" s="64">
        <v>5.0999999999999996</v>
      </c>
      <c r="C85" s="43">
        <v>5.3</v>
      </c>
      <c r="D85" s="43">
        <v>3.6</v>
      </c>
      <c r="E85" s="43">
        <v>2</v>
      </c>
      <c r="F85" s="65">
        <v>-7.8</v>
      </c>
    </row>
    <row r="86" spans="2:6" x14ac:dyDescent="0.25">
      <c r="B86" s="64">
        <v>5.4</v>
      </c>
      <c r="C86" s="43">
        <v>3.2</v>
      </c>
      <c r="D86" s="43">
        <v>3.6</v>
      </c>
      <c r="E86" s="43">
        <v>3</v>
      </c>
      <c r="F86" s="65">
        <v>0.7</v>
      </c>
    </row>
    <row r="87" spans="2:6" x14ac:dyDescent="0.25">
      <c r="B87" s="64">
        <v>5.3</v>
      </c>
      <c r="C87" s="43">
        <v>4.5999999999999996</v>
      </c>
      <c r="D87" s="43">
        <v>2.2999999999999998</v>
      </c>
      <c r="E87" s="43">
        <v>4.4000000000000004</v>
      </c>
      <c r="F87" s="65">
        <v>1.6</v>
      </c>
    </row>
    <row r="88" spans="2:6" x14ac:dyDescent="0.25">
      <c r="B88" s="64">
        <v>4.7</v>
      </c>
      <c r="C88" s="43">
        <v>3.3</v>
      </c>
      <c r="D88" s="43">
        <v>4.2</v>
      </c>
      <c r="E88" s="43">
        <v>7</v>
      </c>
      <c r="F88" s="65">
        <v>2</v>
      </c>
    </row>
    <row r="89" spans="2:6" x14ac:dyDescent="0.25">
      <c r="B89" s="64">
        <v>1.8</v>
      </c>
      <c r="C89" s="43">
        <v>2.2999999999999998</v>
      </c>
      <c r="D89" s="43">
        <v>6</v>
      </c>
      <c r="E89" s="43">
        <v>7</v>
      </c>
      <c r="F89" s="65">
        <v>2</v>
      </c>
    </row>
    <row r="90" spans="2:6" x14ac:dyDescent="0.25">
      <c r="B90" s="64">
        <v>-1.1000000000000001</v>
      </c>
      <c r="C90" s="43">
        <v>-1.1000000000000001</v>
      </c>
      <c r="D90" s="43">
        <v>6.9</v>
      </c>
      <c r="E90" s="43">
        <v>7.5</v>
      </c>
      <c r="F90" s="65">
        <v>1.8</v>
      </c>
    </row>
    <row r="91" spans="2:6" x14ac:dyDescent="0.25">
      <c r="B91" s="64">
        <v>-0.3</v>
      </c>
      <c r="C91" s="43">
        <v>0.7</v>
      </c>
      <c r="D91" s="43">
        <v>6.3</v>
      </c>
      <c r="E91" s="43">
        <v>5</v>
      </c>
      <c r="F91" s="65">
        <v>0.9</v>
      </c>
    </row>
    <row r="92" spans="2:6" x14ac:dyDescent="0.25">
      <c r="B92" s="64">
        <v>-3.4</v>
      </c>
      <c r="C92" s="43">
        <v>3.5</v>
      </c>
      <c r="D92" s="43">
        <v>9</v>
      </c>
      <c r="E92" s="43">
        <v>6.5</v>
      </c>
      <c r="F92" s="65">
        <v>-1.8</v>
      </c>
    </row>
    <row r="93" spans="2:6" x14ac:dyDescent="0.25">
      <c r="B93" s="64">
        <v>-4.8</v>
      </c>
      <c r="C93" s="43">
        <v>5.0999999999999996</v>
      </c>
      <c r="D93" s="43">
        <v>12</v>
      </c>
      <c r="E93" s="43">
        <v>7.9</v>
      </c>
      <c r="F93" s="65">
        <v>-7.3</v>
      </c>
    </row>
    <row r="94" spans="2:6" x14ac:dyDescent="0.25">
      <c r="B94" s="64">
        <v>-6.6</v>
      </c>
      <c r="C94" s="43">
        <v>3.3</v>
      </c>
      <c r="D94" s="43">
        <v>12.6</v>
      </c>
      <c r="E94" s="43">
        <v>8.8000000000000007</v>
      </c>
      <c r="F94" s="65">
        <v>-7.3</v>
      </c>
    </row>
    <row r="95" spans="2:6" x14ac:dyDescent="0.25">
      <c r="B95" s="64">
        <v>-7.8</v>
      </c>
      <c r="C95" s="43">
        <v>4</v>
      </c>
      <c r="D95" s="43">
        <v>14</v>
      </c>
      <c r="E95" s="43">
        <v>12.3</v>
      </c>
      <c r="F95" s="65">
        <v>-2.7</v>
      </c>
    </row>
    <row r="96" spans="2:6" x14ac:dyDescent="0.25">
      <c r="B96" s="64">
        <v>-4.3</v>
      </c>
      <c r="C96" s="43">
        <v>7.4</v>
      </c>
      <c r="D96" s="43">
        <v>13.6</v>
      </c>
      <c r="E96" s="43">
        <v>11.6</v>
      </c>
      <c r="F96" s="65">
        <v>-3.4</v>
      </c>
    </row>
    <row r="97" spans="2:6" x14ac:dyDescent="0.25">
      <c r="B97" s="64">
        <v>-3.1</v>
      </c>
      <c r="C97" s="43">
        <v>5.5</v>
      </c>
      <c r="D97" s="43">
        <v>14.4</v>
      </c>
      <c r="E97" s="43">
        <v>8.6999999999999993</v>
      </c>
      <c r="F97" s="65">
        <v>-8.1999999999999993</v>
      </c>
    </row>
    <row r="98" spans="2:6" x14ac:dyDescent="0.25">
      <c r="B98" s="64">
        <v>-2.4</v>
      </c>
      <c r="C98" s="43">
        <v>6.4</v>
      </c>
      <c r="D98" s="43">
        <v>15.2</v>
      </c>
      <c r="E98" s="43">
        <v>5.4</v>
      </c>
      <c r="F98" s="65">
        <v>-11.3</v>
      </c>
    </row>
    <row r="99" spans="2:6" x14ac:dyDescent="0.25">
      <c r="B99" s="64">
        <v>-0.4</v>
      </c>
      <c r="C99" s="43">
        <v>6.2</v>
      </c>
      <c r="D99" s="43">
        <v>15</v>
      </c>
      <c r="E99" s="43">
        <v>11.6</v>
      </c>
      <c r="F99" s="65">
        <v>-9.6</v>
      </c>
    </row>
    <row r="100" spans="2:6" x14ac:dyDescent="0.25">
      <c r="B100" s="64">
        <v>0</v>
      </c>
      <c r="C100" s="43">
        <v>6</v>
      </c>
      <c r="D100" s="43">
        <v>12.2</v>
      </c>
      <c r="E100" s="43">
        <v>11.5</v>
      </c>
      <c r="F100" s="65">
        <v>-3.9</v>
      </c>
    </row>
    <row r="101" spans="2:6" x14ac:dyDescent="0.25">
      <c r="B101" s="64">
        <v>0.9</v>
      </c>
      <c r="C101" s="43">
        <v>4</v>
      </c>
      <c r="D101" s="43">
        <v>13.2</v>
      </c>
      <c r="E101" s="43">
        <v>8.4</v>
      </c>
      <c r="F101" s="65">
        <v>3.6</v>
      </c>
    </row>
    <row r="102" spans="2:6" x14ac:dyDescent="0.25">
      <c r="B102" s="64">
        <v>0.8</v>
      </c>
      <c r="C102" s="43">
        <v>5.4</v>
      </c>
      <c r="D102" s="43">
        <v>16</v>
      </c>
      <c r="E102" s="43">
        <v>5.7</v>
      </c>
      <c r="F102" s="65">
        <v>0</v>
      </c>
    </row>
    <row r="103" spans="2:6" x14ac:dyDescent="0.25">
      <c r="B103" s="64">
        <v>3.7</v>
      </c>
      <c r="C103" s="43">
        <v>6.7</v>
      </c>
      <c r="D103" s="43">
        <v>13.4</v>
      </c>
      <c r="E103" s="43">
        <v>8.4</v>
      </c>
      <c r="F103" s="65">
        <v>-5.4</v>
      </c>
    </row>
    <row r="104" spans="2:6" x14ac:dyDescent="0.25">
      <c r="B104" s="64">
        <v>2.4</v>
      </c>
      <c r="C104" s="43">
        <v>5.6</v>
      </c>
      <c r="D104" s="43">
        <v>11</v>
      </c>
      <c r="E104" s="43">
        <v>10</v>
      </c>
      <c r="F104" s="65">
        <v>-8.8000000000000007</v>
      </c>
    </row>
    <row r="105" spans="2:6" x14ac:dyDescent="0.25">
      <c r="B105" s="64">
        <v>2.2000000000000002</v>
      </c>
      <c r="C105" s="43">
        <v>9.8000000000000007</v>
      </c>
      <c r="D105" s="43">
        <v>12.8</v>
      </c>
      <c r="E105" s="43">
        <v>9.9</v>
      </c>
      <c r="F105" s="65">
        <v>-3.3</v>
      </c>
    </row>
    <row r="106" spans="2:6" x14ac:dyDescent="0.25">
      <c r="B106" s="64">
        <v>3</v>
      </c>
      <c r="C106" s="43">
        <v>5.6</v>
      </c>
      <c r="D106" s="43">
        <v>13.4</v>
      </c>
      <c r="E106" s="43">
        <v>12.9</v>
      </c>
      <c r="F106" s="65">
        <v>-1.7</v>
      </c>
    </row>
    <row r="107" spans="2:6" x14ac:dyDescent="0.25">
      <c r="B107" s="64">
        <v>1.3</v>
      </c>
      <c r="C107" s="43">
        <v>4.9000000000000004</v>
      </c>
      <c r="D107" s="43">
        <v>14.5</v>
      </c>
      <c r="E107" s="43">
        <v>13.9</v>
      </c>
      <c r="F107" s="65">
        <v>0.4</v>
      </c>
    </row>
    <row r="108" spans="2:6" x14ac:dyDescent="0.25">
      <c r="B108" s="64">
        <v>0.4</v>
      </c>
      <c r="C108" s="43">
        <v>4.0999999999999996</v>
      </c>
      <c r="D108" s="43">
        <v>15.1</v>
      </c>
      <c r="E108" s="43">
        <v>16.2</v>
      </c>
      <c r="F108" s="65">
        <v>0.3</v>
      </c>
    </row>
    <row r="109" spans="2:6" x14ac:dyDescent="0.25">
      <c r="B109" s="64">
        <v>1.4</v>
      </c>
      <c r="C109" s="43">
        <v>6.7</v>
      </c>
      <c r="D109" s="43">
        <v>14.8</v>
      </c>
      <c r="E109" s="43">
        <v>15.3</v>
      </c>
      <c r="F109" s="65">
        <v>0.4</v>
      </c>
    </row>
    <row r="110" spans="2:6" x14ac:dyDescent="0.25">
      <c r="B110" s="64">
        <v>1.2</v>
      </c>
      <c r="C110" s="43">
        <v>7.8</v>
      </c>
      <c r="D110" s="43">
        <v>14.4</v>
      </c>
      <c r="E110" s="43">
        <v>16.600000000000001</v>
      </c>
      <c r="F110" s="65">
        <v>-1.8</v>
      </c>
    </row>
    <row r="111" spans="2:6" x14ac:dyDescent="0.25">
      <c r="B111" s="64">
        <v>-1.3</v>
      </c>
      <c r="C111" s="43">
        <v>6</v>
      </c>
      <c r="D111" s="43">
        <v>14.6</v>
      </c>
      <c r="E111" s="43">
        <v>13.5</v>
      </c>
      <c r="F111" s="65">
        <v>-2.4</v>
      </c>
    </row>
    <row r="112" spans="2:6" x14ac:dyDescent="0.25">
      <c r="B112" s="64">
        <v>-1.6</v>
      </c>
      <c r="C112" s="43">
        <v>2.6</v>
      </c>
      <c r="D112" s="43">
        <v>15.1</v>
      </c>
      <c r="E112" s="43">
        <v>13.3</v>
      </c>
      <c r="F112" s="65">
        <v>-6.9</v>
      </c>
    </row>
    <row r="113" spans="2:6" x14ac:dyDescent="0.25">
      <c r="B113" s="64">
        <v>-2.2000000000000002</v>
      </c>
      <c r="C113" s="43">
        <v>5.7</v>
      </c>
      <c r="D113" s="43">
        <v>13.6</v>
      </c>
      <c r="E113" s="43">
        <v>8.3000000000000007</v>
      </c>
      <c r="F113" s="65">
        <v>-7</v>
      </c>
    </row>
    <row r="114" spans="2:6" x14ac:dyDescent="0.25">
      <c r="B114" s="64">
        <v>-3.3</v>
      </c>
      <c r="C114" s="43">
        <v>2.2999999999999998</v>
      </c>
      <c r="D114" s="43">
        <v>15.6</v>
      </c>
      <c r="E114" s="43">
        <v>5.0999999999999996</v>
      </c>
      <c r="F114" s="65">
        <v>-0.5</v>
      </c>
    </row>
    <row r="115" spans="2:6" x14ac:dyDescent="0.25">
      <c r="B115" s="64">
        <v>-2.9</v>
      </c>
      <c r="C115" s="43">
        <v>0.6</v>
      </c>
      <c r="D115" s="43">
        <v>17.899999999999999</v>
      </c>
      <c r="E115" s="43">
        <v>5.4</v>
      </c>
      <c r="F115" s="65">
        <v>2.8</v>
      </c>
    </row>
    <row r="116" spans="2:6" x14ac:dyDescent="0.25">
      <c r="B116" s="64">
        <v>-2.2999999999999998</v>
      </c>
      <c r="C116" s="43">
        <v>0.6</v>
      </c>
      <c r="D116" s="43">
        <v>16.8</v>
      </c>
      <c r="E116" s="43">
        <v>9.8000000000000007</v>
      </c>
      <c r="F116" s="65">
        <v>1.9</v>
      </c>
    </row>
    <row r="117" spans="2:6" x14ac:dyDescent="0.25">
      <c r="B117" s="64">
        <v>-0.3</v>
      </c>
      <c r="C117" s="43">
        <v>1</v>
      </c>
      <c r="D117" s="43">
        <v>16</v>
      </c>
      <c r="E117" s="43">
        <v>14.2</v>
      </c>
      <c r="F117" s="65">
        <v>2.2999999999999998</v>
      </c>
    </row>
    <row r="118" spans="2:6" x14ac:dyDescent="0.25">
      <c r="B118" s="64">
        <v>0.9</v>
      </c>
      <c r="C118" s="43">
        <v>1.1000000000000001</v>
      </c>
      <c r="D118" s="43">
        <v>14.7</v>
      </c>
      <c r="E118" s="43">
        <v>13.6</v>
      </c>
      <c r="F118" s="65">
        <v>1.1000000000000001</v>
      </c>
    </row>
    <row r="119" spans="2:6" x14ac:dyDescent="0.25">
      <c r="B119" s="64">
        <v>1.8</v>
      </c>
      <c r="C119" s="43">
        <v>1.1000000000000001</v>
      </c>
      <c r="D119" s="43">
        <v>12.2</v>
      </c>
      <c r="E119" s="43">
        <v>9.6</v>
      </c>
      <c r="F119" s="65">
        <v>1.6</v>
      </c>
    </row>
    <row r="120" spans="2:6" x14ac:dyDescent="0.25">
      <c r="B120" s="64">
        <v>4</v>
      </c>
      <c r="C120" s="43">
        <v>0.7</v>
      </c>
      <c r="D120" s="43">
        <v>12.2</v>
      </c>
      <c r="E120" s="43">
        <v>5.6</v>
      </c>
      <c r="F120" s="65">
        <v>-2.1</v>
      </c>
    </row>
    <row r="121" spans="2:6" x14ac:dyDescent="0.25">
      <c r="B121" s="64">
        <v>5.5</v>
      </c>
      <c r="C121" s="43">
        <v>0.1</v>
      </c>
      <c r="D121" s="43">
        <v>14.5</v>
      </c>
      <c r="E121" s="43">
        <v>4</v>
      </c>
      <c r="F121" s="65">
        <v>-8</v>
      </c>
    </row>
    <row r="122" spans="2:6" x14ac:dyDescent="0.25">
      <c r="B122" s="64">
        <v>6.8</v>
      </c>
      <c r="C122" s="43">
        <v>-0.2</v>
      </c>
      <c r="D122" s="43">
        <v>13.4</v>
      </c>
      <c r="E122" s="43">
        <v>3.7</v>
      </c>
      <c r="F122" s="65">
        <v>-7.2</v>
      </c>
    </row>
    <row r="123" spans="2:6" x14ac:dyDescent="0.25">
      <c r="B123" s="64">
        <v>4.7</v>
      </c>
      <c r="C123" s="43">
        <v>1</v>
      </c>
      <c r="D123" s="43">
        <v>16.2</v>
      </c>
      <c r="E123" s="43">
        <v>6.4</v>
      </c>
      <c r="F123" s="65">
        <v>-4.8</v>
      </c>
    </row>
    <row r="124" spans="2:6" x14ac:dyDescent="0.25">
      <c r="B124" s="64">
        <v>4.4000000000000004</v>
      </c>
      <c r="C124" s="43">
        <v>0.9</v>
      </c>
      <c r="D124" s="43">
        <v>16.7</v>
      </c>
      <c r="E124" s="43">
        <v>7.9</v>
      </c>
      <c r="F124" s="65">
        <v>-1</v>
      </c>
    </row>
    <row r="125" spans="2:6" x14ac:dyDescent="0.25">
      <c r="B125" s="64">
        <v>6.3</v>
      </c>
      <c r="C125" s="43">
        <v>0.2</v>
      </c>
      <c r="D125" s="43">
        <v>17.600000000000001</v>
      </c>
      <c r="E125" s="43">
        <v>4.8</v>
      </c>
      <c r="F125" s="65">
        <v>5.0999999999999996</v>
      </c>
    </row>
    <row r="126" spans="2:6" x14ac:dyDescent="0.25">
      <c r="B126" s="64">
        <v>5.8</v>
      </c>
      <c r="C126" s="43">
        <v>2.4</v>
      </c>
      <c r="D126" s="43">
        <v>18.600000000000001</v>
      </c>
      <c r="E126" s="43">
        <v>7.4</v>
      </c>
      <c r="F126" s="65">
        <v>5.5</v>
      </c>
    </row>
    <row r="127" spans="2:6" x14ac:dyDescent="0.25">
      <c r="B127" s="64">
        <v>7.8</v>
      </c>
      <c r="C127" s="43">
        <v>3.5</v>
      </c>
      <c r="D127" s="43">
        <v>19</v>
      </c>
      <c r="E127" s="43">
        <v>10.6</v>
      </c>
      <c r="F127" s="65">
        <v>4.9000000000000004</v>
      </c>
    </row>
    <row r="128" spans="2:6" x14ac:dyDescent="0.25">
      <c r="B128" s="64">
        <v>8.6999999999999993</v>
      </c>
      <c r="C128" s="43">
        <v>3.3</v>
      </c>
      <c r="D128" s="43">
        <v>18.600000000000001</v>
      </c>
      <c r="E128" s="43">
        <v>9.1999999999999993</v>
      </c>
      <c r="F128" s="65">
        <v>4.4000000000000004</v>
      </c>
    </row>
    <row r="129" spans="2:6" x14ac:dyDescent="0.25">
      <c r="B129" s="64">
        <v>9.4</v>
      </c>
      <c r="C129" s="43">
        <v>4.9000000000000004</v>
      </c>
      <c r="D129" s="43">
        <v>15</v>
      </c>
      <c r="E129" s="43">
        <v>10.8</v>
      </c>
      <c r="F129" s="65">
        <v>2.8</v>
      </c>
    </row>
    <row r="130" spans="2:6" x14ac:dyDescent="0.25">
      <c r="B130" s="64">
        <v>8.9</v>
      </c>
      <c r="C130" s="43">
        <v>5.9</v>
      </c>
      <c r="D130" s="43">
        <v>11.4</v>
      </c>
      <c r="E130" s="43">
        <v>11.3</v>
      </c>
      <c r="F130" s="65">
        <v>4.7</v>
      </c>
    </row>
    <row r="131" spans="2:6" x14ac:dyDescent="0.25">
      <c r="B131" s="64">
        <v>7.1</v>
      </c>
      <c r="C131" s="43">
        <v>5.7</v>
      </c>
      <c r="D131" s="43">
        <v>14.1</v>
      </c>
      <c r="E131" s="43">
        <v>6.3</v>
      </c>
      <c r="F131" s="65">
        <v>4.7</v>
      </c>
    </row>
    <row r="132" spans="2:6" x14ac:dyDescent="0.25">
      <c r="B132" s="64">
        <v>7</v>
      </c>
      <c r="C132" s="43">
        <v>6</v>
      </c>
      <c r="D132" s="43">
        <v>16.7</v>
      </c>
      <c r="E132" s="43">
        <v>6.6</v>
      </c>
      <c r="F132" s="65">
        <v>-0.5</v>
      </c>
    </row>
    <row r="133" spans="2:6" x14ac:dyDescent="0.25">
      <c r="B133" s="64">
        <v>7.3</v>
      </c>
      <c r="C133" s="43">
        <v>8.1999999999999993</v>
      </c>
      <c r="D133" s="43">
        <v>17.2</v>
      </c>
      <c r="E133" s="43">
        <v>9.4</v>
      </c>
      <c r="F133" s="65">
        <v>-1.1000000000000001</v>
      </c>
    </row>
    <row r="134" spans="2:6" x14ac:dyDescent="0.25">
      <c r="B134" s="64">
        <v>7.7</v>
      </c>
      <c r="C134" s="43">
        <v>8.6</v>
      </c>
      <c r="D134" s="43">
        <v>17.899999999999999</v>
      </c>
      <c r="E134" s="43">
        <v>13.2</v>
      </c>
      <c r="F134" s="65">
        <v>-2.1</v>
      </c>
    </row>
    <row r="135" spans="2:6" x14ac:dyDescent="0.25">
      <c r="B135" s="64">
        <v>9.3000000000000007</v>
      </c>
      <c r="C135" s="43">
        <v>10.6</v>
      </c>
      <c r="D135" s="43">
        <v>15.9</v>
      </c>
      <c r="E135" s="43">
        <v>12.9</v>
      </c>
      <c r="F135" s="65">
        <v>-0.9</v>
      </c>
    </row>
    <row r="136" spans="2:6" x14ac:dyDescent="0.25">
      <c r="B136" s="64">
        <v>9.6</v>
      </c>
      <c r="C136" s="43">
        <v>11.3</v>
      </c>
      <c r="D136" s="43">
        <v>17.100000000000001</v>
      </c>
      <c r="E136" s="43">
        <v>11.1</v>
      </c>
      <c r="F136" s="65">
        <v>-1.3</v>
      </c>
    </row>
    <row r="137" spans="2:6" x14ac:dyDescent="0.25">
      <c r="B137" s="64">
        <v>9.8000000000000007</v>
      </c>
      <c r="C137" s="43">
        <v>10.6</v>
      </c>
      <c r="D137" s="43">
        <v>19.3</v>
      </c>
      <c r="E137" s="43">
        <v>12.2</v>
      </c>
      <c r="F137" s="65">
        <v>-1.6</v>
      </c>
    </row>
    <row r="138" spans="2:6" x14ac:dyDescent="0.25">
      <c r="B138" s="64">
        <v>9.3000000000000007</v>
      </c>
      <c r="C138" s="43">
        <v>10.7</v>
      </c>
      <c r="D138" s="43">
        <v>18.8</v>
      </c>
      <c r="E138" s="43">
        <v>14.4</v>
      </c>
      <c r="F138" s="65">
        <v>-1.1000000000000001</v>
      </c>
    </row>
    <row r="139" spans="2:6" x14ac:dyDescent="0.25">
      <c r="B139" s="64">
        <v>5.8</v>
      </c>
      <c r="C139" s="43">
        <v>7.9</v>
      </c>
      <c r="D139" s="43">
        <v>16.2</v>
      </c>
      <c r="E139" s="43">
        <v>16.2</v>
      </c>
      <c r="F139" s="65">
        <v>-2</v>
      </c>
    </row>
    <row r="140" spans="2:6" x14ac:dyDescent="0.25">
      <c r="B140" s="64">
        <v>2</v>
      </c>
      <c r="C140" s="43">
        <v>9.5</v>
      </c>
      <c r="D140" s="43">
        <v>16.2</v>
      </c>
      <c r="E140" s="43">
        <v>17.8</v>
      </c>
      <c r="F140" s="65">
        <v>-1.7</v>
      </c>
    </row>
    <row r="141" spans="2:6" x14ac:dyDescent="0.25">
      <c r="B141" s="64">
        <v>2.7</v>
      </c>
      <c r="C141" s="43">
        <v>9.8000000000000007</v>
      </c>
      <c r="D141" s="43">
        <v>18.399999999999999</v>
      </c>
      <c r="E141" s="43">
        <v>15.4</v>
      </c>
      <c r="F141" s="65">
        <v>0.1</v>
      </c>
    </row>
    <row r="142" spans="2:6" x14ac:dyDescent="0.25">
      <c r="B142" s="64">
        <v>1.2</v>
      </c>
      <c r="C142" s="43">
        <v>6.1</v>
      </c>
      <c r="D142" s="43">
        <v>20.6</v>
      </c>
      <c r="E142" s="43">
        <v>12.5</v>
      </c>
      <c r="F142" s="65">
        <v>-0.1</v>
      </c>
    </row>
    <row r="143" spans="2:6" x14ac:dyDescent="0.25">
      <c r="B143" s="64">
        <v>2.4</v>
      </c>
      <c r="C143" s="43">
        <v>3.8</v>
      </c>
      <c r="D143" s="43">
        <v>21.2</v>
      </c>
      <c r="E143" s="43">
        <v>10.3</v>
      </c>
      <c r="F143" s="65">
        <v>-0.1</v>
      </c>
    </row>
    <row r="144" spans="2:6" x14ac:dyDescent="0.25">
      <c r="B144" s="64">
        <v>2.7</v>
      </c>
      <c r="C144" s="43">
        <v>3.3</v>
      </c>
      <c r="D144" s="43">
        <v>23.2</v>
      </c>
      <c r="E144" s="43">
        <v>11.5</v>
      </c>
      <c r="F144" s="65">
        <v>1.5</v>
      </c>
    </row>
    <row r="145" spans="2:6" x14ac:dyDescent="0.25">
      <c r="B145" s="64">
        <v>5.3</v>
      </c>
      <c r="C145" s="43">
        <v>4.0999999999999996</v>
      </c>
      <c r="D145" s="43">
        <v>24.8</v>
      </c>
      <c r="E145" s="43">
        <v>13.4</v>
      </c>
      <c r="F145" s="65">
        <v>0.4</v>
      </c>
    </row>
    <row r="146" spans="2:6" x14ac:dyDescent="0.25">
      <c r="B146" s="64">
        <v>2</v>
      </c>
      <c r="C146" s="43">
        <v>4.2</v>
      </c>
      <c r="D146" s="43">
        <v>20.9</v>
      </c>
      <c r="E146" s="43">
        <v>15</v>
      </c>
      <c r="F146" s="65">
        <v>1.1000000000000001</v>
      </c>
    </row>
    <row r="147" spans="2:6" x14ac:dyDescent="0.25">
      <c r="B147" s="64">
        <v>2.2999999999999998</v>
      </c>
      <c r="C147" s="43">
        <v>4.9000000000000004</v>
      </c>
      <c r="D147" s="43">
        <v>19.2</v>
      </c>
      <c r="E147" s="43">
        <v>14.6</v>
      </c>
      <c r="F147" s="65">
        <v>3.9</v>
      </c>
    </row>
    <row r="148" spans="2:6" x14ac:dyDescent="0.25">
      <c r="B148" s="64">
        <v>3.5</v>
      </c>
      <c r="C148" s="43">
        <v>8.1</v>
      </c>
      <c r="D148" s="43">
        <v>19.399999999999999</v>
      </c>
      <c r="E148" s="43">
        <v>14.1</v>
      </c>
      <c r="F148" s="65">
        <v>5.4</v>
      </c>
    </row>
    <row r="149" spans="2:6" x14ac:dyDescent="0.25">
      <c r="B149" s="64">
        <v>5.2</v>
      </c>
      <c r="C149" s="43">
        <v>5.2</v>
      </c>
      <c r="D149" s="43">
        <v>20.7</v>
      </c>
      <c r="E149" s="43">
        <v>15.9</v>
      </c>
      <c r="F149" s="65">
        <v>6.4</v>
      </c>
    </row>
    <row r="150" spans="2:6" x14ac:dyDescent="0.25">
      <c r="B150" s="64">
        <v>3.9</v>
      </c>
      <c r="C150" s="43">
        <v>3.2</v>
      </c>
      <c r="D150" s="43">
        <v>22.6</v>
      </c>
      <c r="E150" s="43">
        <v>15</v>
      </c>
      <c r="F150" s="65">
        <v>9.6</v>
      </c>
    </row>
    <row r="151" spans="2:6" x14ac:dyDescent="0.25">
      <c r="B151" s="64">
        <v>4.8</v>
      </c>
      <c r="C151" s="43">
        <v>5</v>
      </c>
      <c r="D151" s="43">
        <v>20.100000000000001</v>
      </c>
      <c r="E151" s="43">
        <v>14.8</v>
      </c>
      <c r="F151" s="65">
        <v>9.6</v>
      </c>
    </row>
    <row r="152" spans="2:6" x14ac:dyDescent="0.25">
      <c r="B152" s="64">
        <v>6.9</v>
      </c>
      <c r="C152" s="43">
        <v>7.5</v>
      </c>
      <c r="D152" s="43">
        <v>19.399999999999999</v>
      </c>
      <c r="E152" s="43">
        <v>16.7</v>
      </c>
      <c r="F152" s="65">
        <v>9.6999999999999993</v>
      </c>
    </row>
    <row r="153" spans="2:6" x14ac:dyDescent="0.25">
      <c r="B153" s="64">
        <v>8.6</v>
      </c>
      <c r="C153" s="43">
        <v>8.6</v>
      </c>
      <c r="D153" s="43">
        <v>20.8</v>
      </c>
      <c r="E153" s="43">
        <v>19.399999999999999</v>
      </c>
      <c r="F153" s="65">
        <v>9.6</v>
      </c>
    </row>
    <row r="154" spans="2:6" x14ac:dyDescent="0.25">
      <c r="B154" s="64">
        <v>9.5</v>
      </c>
      <c r="C154" s="43">
        <v>4.2</v>
      </c>
      <c r="D154" s="43">
        <v>21.6</v>
      </c>
      <c r="E154" s="43">
        <v>16.3</v>
      </c>
      <c r="F154" s="65">
        <v>3.1</v>
      </c>
    </row>
    <row r="155" spans="2:6" x14ac:dyDescent="0.25">
      <c r="B155" s="64">
        <v>12.1</v>
      </c>
      <c r="C155" s="43">
        <v>5.3</v>
      </c>
      <c r="D155" s="43">
        <v>21.8</v>
      </c>
      <c r="E155" s="43">
        <v>12.7</v>
      </c>
      <c r="F155" s="65">
        <v>5</v>
      </c>
    </row>
    <row r="156" spans="2:6" x14ac:dyDescent="0.25">
      <c r="B156" s="64">
        <v>13.7</v>
      </c>
      <c r="C156" s="43">
        <v>9.4</v>
      </c>
      <c r="D156" s="43">
        <v>22.2</v>
      </c>
      <c r="E156" s="43">
        <v>13.9</v>
      </c>
      <c r="F156" s="65">
        <v>6.6</v>
      </c>
    </row>
    <row r="157" spans="2:6" x14ac:dyDescent="0.25">
      <c r="B157" s="64">
        <v>14.4</v>
      </c>
      <c r="C157" s="43">
        <v>11.4</v>
      </c>
      <c r="D157" s="43">
        <v>19</v>
      </c>
      <c r="E157" s="43">
        <v>15.4</v>
      </c>
      <c r="F157" s="65">
        <v>4.7</v>
      </c>
    </row>
    <row r="158" spans="2:6" x14ac:dyDescent="0.25">
      <c r="B158" s="64">
        <v>12.3</v>
      </c>
      <c r="C158" s="43">
        <v>10.3</v>
      </c>
      <c r="D158" s="43">
        <v>16.399999999999999</v>
      </c>
      <c r="E158" s="43">
        <v>16.5</v>
      </c>
      <c r="F158" s="65">
        <v>3.6</v>
      </c>
    </row>
    <row r="159" spans="2:6" x14ac:dyDescent="0.25">
      <c r="B159" s="64">
        <v>11.7</v>
      </c>
      <c r="C159" s="43">
        <v>8.1999999999999993</v>
      </c>
      <c r="D159" s="43">
        <v>14.7</v>
      </c>
      <c r="E159" s="43">
        <v>14.7</v>
      </c>
      <c r="F159" s="65">
        <v>6.8</v>
      </c>
    </row>
    <row r="160" spans="2:6" x14ac:dyDescent="0.25">
      <c r="B160" s="64">
        <v>13</v>
      </c>
      <c r="C160" s="43">
        <v>8.9</v>
      </c>
      <c r="D160" s="43">
        <v>14.6</v>
      </c>
      <c r="E160" s="43">
        <v>11.9</v>
      </c>
      <c r="F160" s="65">
        <v>11.8</v>
      </c>
    </row>
    <row r="161" spans="2:6" x14ac:dyDescent="0.25">
      <c r="B161" s="64">
        <v>15.7</v>
      </c>
      <c r="C161" s="43">
        <v>6.4</v>
      </c>
      <c r="D161" s="43">
        <v>14.9</v>
      </c>
      <c r="E161" s="43">
        <v>11.4</v>
      </c>
      <c r="F161" s="65">
        <v>13.6</v>
      </c>
    </row>
    <row r="162" spans="2:6" x14ac:dyDescent="0.25">
      <c r="B162" s="64">
        <v>12.4</v>
      </c>
      <c r="C162" s="43">
        <v>6.5</v>
      </c>
      <c r="D162" s="43">
        <v>15.2</v>
      </c>
      <c r="E162" s="43">
        <v>15.1</v>
      </c>
      <c r="F162" s="65">
        <v>15.5</v>
      </c>
    </row>
    <row r="163" spans="2:6" x14ac:dyDescent="0.25">
      <c r="B163" s="64">
        <v>7.4</v>
      </c>
      <c r="C163" s="43">
        <v>6.8</v>
      </c>
      <c r="D163" s="43">
        <v>16</v>
      </c>
      <c r="E163" s="43">
        <v>15.2</v>
      </c>
      <c r="F163" s="65">
        <v>13.5</v>
      </c>
    </row>
    <row r="164" spans="2:6" x14ac:dyDescent="0.25">
      <c r="B164" s="64">
        <v>5.3</v>
      </c>
      <c r="C164" s="43">
        <v>9.5</v>
      </c>
      <c r="D164" s="43">
        <v>16</v>
      </c>
      <c r="E164" s="43">
        <v>11.6</v>
      </c>
      <c r="F164" s="65">
        <v>14.5</v>
      </c>
    </row>
    <row r="165" spans="2:6" x14ac:dyDescent="0.25">
      <c r="B165" s="64">
        <v>10.4</v>
      </c>
      <c r="C165" s="43">
        <v>11.6</v>
      </c>
      <c r="D165" s="43">
        <v>16.100000000000001</v>
      </c>
      <c r="E165" s="43">
        <v>11.3</v>
      </c>
      <c r="F165" s="65">
        <v>13.6</v>
      </c>
    </row>
    <row r="166" spans="2:6" x14ac:dyDescent="0.25">
      <c r="B166" s="64">
        <v>12.4</v>
      </c>
      <c r="C166" s="43">
        <v>13.7</v>
      </c>
      <c r="D166" s="43">
        <v>15.8</v>
      </c>
      <c r="E166" s="43">
        <v>14.8</v>
      </c>
      <c r="F166" s="65">
        <v>12.7</v>
      </c>
    </row>
    <row r="167" spans="2:6" x14ac:dyDescent="0.25">
      <c r="B167" s="64">
        <v>14.3</v>
      </c>
      <c r="C167" s="43">
        <v>14.6</v>
      </c>
      <c r="D167" s="43">
        <v>14.6</v>
      </c>
      <c r="E167" s="43">
        <v>18</v>
      </c>
      <c r="F167" s="65">
        <v>7.1</v>
      </c>
    </row>
    <row r="168" spans="2:6" x14ac:dyDescent="0.25">
      <c r="B168" s="64">
        <v>12.9</v>
      </c>
      <c r="C168" s="43">
        <v>13.6</v>
      </c>
      <c r="D168" s="43">
        <v>16.3</v>
      </c>
      <c r="E168" s="43">
        <v>20.9</v>
      </c>
      <c r="F168" s="65">
        <v>7.4</v>
      </c>
    </row>
    <row r="169" spans="2:6" x14ac:dyDescent="0.25">
      <c r="B169" s="64">
        <v>13.7</v>
      </c>
      <c r="C169" s="43">
        <v>12.4</v>
      </c>
      <c r="D169" s="43">
        <v>18.8</v>
      </c>
      <c r="E169" s="43">
        <v>22.3</v>
      </c>
      <c r="F169" s="65">
        <v>12.5</v>
      </c>
    </row>
    <row r="170" spans="2:6" x14ac:dyDescent="0.25">
      <c r="B170" s="64">
        <v>9.4</v>
      </c>
      <c r="C170" s="43">
        <v>15.1</v>
      </c>
      <c r="D170" s="43">
        <v>19.399999999999999</v>
      </c>
      <c r="E170" s="43">
        <v>21.7</v>
      </c>
      <c r="F170" s="65">
        <v>13.6</v>
      </c>
    </row>
    <row r="171" spans="2:6" x14ac:dyDescent="0.25">
      <c r="B171" s="64">
        <v>8.9</v>
      </c>
      <c r="C171" s="43">
        <v>15.5</v>
      </c>
      <c r="D171" s="43">
        <v>19.2</v>
      </c>
      <c r="E171" s="43">
        <v>18.2</v>
      </c>
      <c r="F171" s="65">
        <v>16.3</v>
      </c>
    </row>
    <row r="172" spans="2:6" x14ac:dyDescent="0.25">
      <c r="B172" s="64">
        <v>6.4</v>
      </c>
      <c r="C172" s="43">
        <v>13.7</v>
      </c>
      <c r="D172" s="43">
        <v>19.3</v>
      </c>
      <c r="E172" s="43">
        <v>17.7</v>
      </c>
      <c r="F172" s="65">
        <v>15.8</v>
      </c>
    </row>
    <row r="173" spans="2:6" x14ac:dyDescent="0.25">
      <c r="B173" s="64">
        <v>6.4</v>
      </c>
      <c r="C173" s="43">
        <v>11.8</v>
      </c>
      <c r="D173" s="43">
        <v>15</v>
      </c>
      <c r="E173" s="43">
        <v>18.899999999999999</v>
      </c>
      <c r="F173" s="65">
        <v>16.600000000000001</v>
      </c>
    </row>
    <row r="174" spans="2:6" x14ac:dyDescent="0.25">
      <c r="B174" s="64">
        <v>9.1999999999999993</v>
      </c>
      <c r="C174" s="43">
        <v>9.6</v>
      </c>
      <c r="D174" s="43">
        <v>17.399999999999999</v>
      </c>
      <c r="E174" s="43">
        <v>18.600000000000001</v>
      </c>
      <c r="F174" s="65">
        <v>17.3</v>
      </c>
    </row>
    <row r="175" spans="2:6" x14ac:dyDescent="0.25">
      <c r="B175" s="64">
        <v>6.4</v>
      </c>
      <c r="C175" s="43">
        <v>7.3</v>
      </c>
      <c r="D175" s="43">
        <v>15.4</v>
      </c>
      <c r="E175" s="43">
        <v>18.3</v>
      </c>
      <c r="F175" s="65">
        <v>14</v>
      </c>
    </row>
    <row r="176" spans="2:6" x14ac:dyDescent="0.25">
      <c r="B176" s="64">
        <v>7.4</v>
      </c>
      <c r="C176" s="43">
        <v>8.1999999999999993</v>
      </c>
      <c r="D176" s="43">
        <v>18</v>
      </c>
      <c r="E176" s="43">
        <v>19.600000000000001</v>
      </c>
      <c r="F176" s="65">
        <v>15.9</v>
      </c>
    </row>
    <row r="177" spans="2:6" x14ac:dyDescent="0.25">
      <c r="B177" s="64">
        <v>10.6</v>
      </c>
      <c r="C177" s="43">
        <v>14.7</v>
      </c>
      <c r="D177" s="43">
        <v>17.8</v>
      </c>
      <c r="E177" s="43">
        <v>20.399999999999999</v>
      </c>
      <c r="F177" s="65">
        <v>12.4</v>
      </c>
    </row>
    <row r="178" spans="2:6" x14ac:dyDescent="0.25">
      <c r="B178" s="64">
        <v>6.9</v>
      </c>
      <c r="C178" s="43">
        <v>16.100000000000001</v>
      </c>
      <c r="D178" s="43">
        <v>18.899999999999999</v>
      </c>
      <c r="E178" s="43">
        <v>20.399999999999999</v>
      </c>
      <c r="F178" s="65">
        <v>12.8</v>
      </c>
    </row>
    <row r="179" spans="2:6" x14ac:dyDescent="0.25">
      <c r="B179" s="64">
        <v>5.9</v>
      </c>
      <c r="C179" s="43">
        <v>12.6</v>
      </c>
      <c r="D179" s="43">
        <v>19.3</v>
      </c>
      <c r="E179" s="43">
        <v>21</v>
      </c>
      <c r="F179" s="65">
        <v>13.8</v>
      </c>
    </row>
    <row r="180" spans="2:6" x14ac:dyDescent="0.25">
      <c r="B180" s="64">
        <v>8.3000000000000007</v>
      </c>
      <c r="C180" s="43">
        <v>13.1</v>
      </c>
      <c r="D180" s="43">
        <v>18.8</v>
      </c>
      <c r="E180" s="43">
        <v>21.7</v>
      </c>
      <c r="F180" s="65">
        <v>12</v>
      </c>
    </row>
    <row r="181" spans="2:6" x14ac:dyDescent="0.25">
      <c r="B181" s="64">
        <v>8.1999999999999993</v>
      </c>
      <c r="C181" s="43">
        <v>11.3</v>
      </c>
      <c r="D181" s="43">
        <v>19.399999999999999</v>
      </c>
      <c r="E181" s="43">
        <v>17.7</v>
      </c>
      <c r="F181" s="65">
        <v>13.2</v>
      </c>
    </row>
    <row r="182" spans="2:6" x14ac:dyDescent="0.25">
      <c r="B182" s="64">
        <v>9.9</v>
      </c>
      <c r="C182" s="43">
        <v>10.1</v>
      </c>
      <c r="D182" s="43">
        <v>20.9</v>
      </c>
      <c r="E182" s="43">
        <v>18.100000000000001</v>
      </c>
      <c r="F182" s="65">
        <v>10.8</v>
      </c>
    </row>
    <row r="183" spans="2:6" x14ac:dyDescent="0.25">
      <c r="B183" s="64">
        <v>9.8000000000000007</v>
      </c>
      <c r="C183" s="43">
        <v>9.4</v>
      </c>
      <c r="D183" s="43">
        <v>22</v>
      </c>
      <c r="E183" s="43">
        <v>19</v>
      </c>
      <c r="F183" s="65">
        <v>10.7</v>
      </c>
    </row>
    <row r="184" spans="2:6" x14ac:dyDescent="0.25">
      <c r="B184" s="64">
        <v>9.3000000000000007</v>
      </c>
      <c r="C184" s="43">
        <v>11.7</v>
      </c>
      <c r="D184" s="43">
        <v>22</v>
      </c>
      <c r="E184" s="43">
        <v>19.3</v>
      </c>
      <c r="F184" s="65">
        <v>8</v>
      </c>
    </row>
    <row r="185" spans="2:6" x14ac:dyDescent="0.25">
      <c r="B185" s="64">
        <v>9.8000000000000007</v>
      </c>
      <c r="C185" s="43">
        <v>13.6</v>
      </c>
      <c r="D185" s="43">
        <v>18.899999999999999</v>
      </c>
      <c r="E185" s="43">
        <v>19.8</v>
      </c>
      <c r="F185" s="65">
        <v>5.4</v>
      </c>
    </row>
    <row r="186" spans="2:6" x14ac:dyDescent="0.25">
      <c r="B186" s="64">
        <v>10.1</v>
      </c>
      <c r="C186" s="43">
        <v>13.4</v>
      </c>
      <c r="D186" s="43">
        <v>18.100000000000001</v>
      </c>
      <c r="E186" s="43">
        <v>19.600000000000001</v>
      </c>
      <c r="F186" s="65">
        <v>5.9</v>
      </c>
    </row>
    <row r="187" spans="2:6" x14ac:dyDescent="0.25">
      <c r="B187" s="64">
        <v>15.4</v>
      </c>
      <c r="C187" s="43">
        <v>13.2</v>
      </c>
      <c r="D187" s="43">
        <v>19.399999999999999</v>
      </c>
      <c r="E187" s="43">
        <v>20.399999999999999</v>
      </c>
      <c r="F187" s="65">
        <v>6.7</v>
      </c>
    </row>
    <row r="188" spans="2:6" x14ac:dyDescent="0.25">
      <c r="B188" s="64">
        <v>17.7</v>
      </c>
      <c r="C188" s="43">
        <v>15.2</v>
      </c>
      <c r="D188" s="43">
        <v>21.6</v>
      </c>
      <c r="E188" s="43">
        <v>20.3</v>
      </c>
      <c r="F188" s="65">
        <v>6.4</v>
      </c>
    </row>
    <row r="189" spans="2:6" x14ac:dyDescent="0.25">
      <c r="B189" s="64">
        <v>16.399999999999999</v>
      </c>
      <c r="C189" s="43">
        <v>15.1</v>
      </c>
      <c r="D189" s="43">
        <v>22.4</v>
      </c>
      <c r="E189" s="43">
        <v>19.5</v>
      </c>
      <c r="F189" s="65">
        <v>5</v>
      </c>
    </row>
    <row r="190" spans="2:6" x14ac:dyDescent="0.25">
      <c r="B190" s="64">
        <v>16.5</v>
      </c>
      <c r="C190" s="43">
        <v>15.2</v>
      </c>
      <c r="D190" s="43">
        <v>22.7</v>
      </c>
      <c r="E190" s="43">
        <v>19.8</v>
      </c>
      <c r="F190" s="65">
        <v>6.4</v>
      </c>
    </row>
    <row r="191" spans="2:6" x14ac:dyDescent="0.25">
      <c r="B191" s="64">
        <v>17.5</v>
      </c>
      <c r="C191" s="43">
        <v>11.6</v>
      </c>
      <c r="D191" s="43">
        <v>19.8</v>
      </c>
      <c r="E191" s="43">
        <v>17.7</v>
      </c>
      <c r="F191" s="65">
        <v>7.5</v>
      </c>
    </row>
    <row r="192" spans="2:6" x14ac:dyDescent="0.25">
      <c r="B192" s="64">
        <v>18.3</v>
      </c>
      <c r="C192" s="43">
        <v>11.6</v>
      </c>
      <c r="D192" s="43">
        <v>21.3</v>
      </c>
      <c r="E192" s="43">
        <v>19</v>
      </c>
      <c r="F192" s="65">
        <v>10.9</v>
      </c>
    </row>
    <row r="193" spans="2:6" x14ac:dyDescent="0.25">
      <c r="B193" s="64">
        <v>18.2</v>
      </c>
      <c r="C193" s="43">
        <v>12.2</v>
      </c>
      <c r="D193" s="43">
        <v>24.2</v>
      </c>
      <c r="E193" s="43">
        <v>19</v>
      </c>
      <c r="F193" s="65">
        <v>9.6</v>
      </c>
    </row>
    <row r="194" spans="2:6" x14ac:dyDescent="0.25">
      <c r="B194" s="64">
        <v>17.3</v>
      </c>
      <c r="C194" s="43">
        <v>13.9</v>
      </c>
      <c r="D194" s="43">
        <v>26.2</v>
      </c>
      <c r="E194" s="43">
        <v>21</v>
      </c>
      <c r="F194" s="65">
        <v>10.1</v>
      </c>
    </row>
    <row r="195" spans="2:6" x14ac:dyDescent="0.25">
      <c r="B195" s="64">
        <v>18</v>
      </c>
      <c r="C195" s="43">
        <v>15.2</v>
      </c>
      <c r="D195" s="43">
        <v>27.4</v>
      </c>
      <c r="E195" s="43">
        <v>20.8</v>
      </c>
      <c r="F195" s="65">
        <v>11.3</v>
      </c>
    </row>
    <row r="196" spans="2:6" x14ac:dyDescent="0.25">
      <c r="B196" s="64">
        <v>21.6</v>
      </c>
      <c r="C196" s="43">
        <v>11.2</v>
      </c>
      <c r="D196" s="43">
        <v>25.6</v>
      </c>
      <c r="E196" s="43">
        <v>22.4</v>
      </c>
      <c r="F196" s="65">
        <v>11.6</v>
      </c>
    </row>
    <row r="197" spans="2:6" x14ac:dyDescent="0.25">
      <c r="B197" s="64">
        <v>21.6</v>
      </c>
      <c r="C197" s="43">
        <v>13</v>
      </c>
      <c r="D197" s="43">
        <v>24.2</v>
      </c>
      <c r="E197" s="43">
        <v>24.7</v>
      </c>
      <c r="F197" s="65">
        <v>10.4</v>
      </c>
    </row>
    <row r="198" spans="2:6" x14ac:dyDescent="0.25">
      <c r="B198" s="64">
        <v>22</v>
      </c>
      <c r="C198" s="43">
        <v>15.2</v>
      </c>
      <c r="D198" s="43">
        <v>23.3</v>
      </c>
      <c r="E198" s="43">
        <v>27.3</v>
      </c>
      <c r="F198" s="65">
        <v>8.1</v>
      </c>
    </row>
    <row r="199" spans="2:6" x14ac:dyDescent="0.25">
      <c r="B199" s="64">
        <v>22.8</v>
      </c>
      <c r="C199" s="43">
        <v>10.8</v>
      </c>
      <c r="D199" s="43">
        <v>22.2</v>
      </c>
      <c r="E199" s="43">
        <v>28.7</v>
      </c>
      <c r="F199" s="65">
        <v>10.3</v>
      </c>
    </row>
    <row r="200" spans="2:6" x14ac:dyDescent="0.25">
      <c r="B200" s="64">
        <v>17.5</v>
      </c>
      <c r="C200" s="43">
        <v>12.3</v>
      </c>
      <c r="D200" s="43">
        <v>22.2</v>
      </c>
      <c r="E200" s="43">
        <v>26.6</v>
      </c>
      <c r="F200" s="65">
        <v>11.1</v>
      </c>
    </row>
    <row r="201" spans="2:6" x14ac:dyDescent="0.25">
      <c r="B201" s="64">
        <v>12.7</v>
      </c>
      <c r="C201" s="43">
        <v>13.6</v>
      </c>
      <c r="D201" s="43">
        <v>25.9</v>
      </c>
      <c r="E201" s="43">
        <v>24.5</v>
      </c>
      <c r="F201" s="65">
        <v>15.5</v>
      </c>
    </row>
    <row r="202" spans="2:6" x14ac:dyDescent="0.25">
      <c r="B202" s="64">
        <v>16.100000000000001</v>
      </c>
      <c r="C202" s="43">
        <v>20.2</v>
      </c>
      <c r="D202" s="43">
        <v>27.6</v>
      </c>
      <c r="E202" s="43">
        <v>18.399999999999999</v>
      </c>
      <c r="F202" s="65">
        <v>12</v>
      </c>
    </row>
    <row r="203" spans="2:6" x14ac:dyDescent="0.25">
      <c r="B203" s="64">
        <v>20.399999999999999</v>
      </c>
      <c r="C203" s="43">
        <v>23.6</v>
      </c>
      <c r="D203" s="43">
        <v>30</v>
      </c>
      <c r="E203" s="43">
        <v>22.4</v>
      </c>
      <c r="F203" s="65">
        <v>14.8</v>
      </c>
    </row>
    <row r="204" spans="2:6" x14ac:dyDescent="0.25">
      <c r="B204" s="64">
        <v>24.8</v>
      </c>
      <c r="C204" s="43">
        <v>23.6</v>
      </c>
      <c r="D204" s="43">
        <v>29.6</v>
      </c>
      <c r="E204" s="43">
        <v>24.5</v>
      </c>
      <c r="F204" s="65">
        <v>17.5</v>
      </c>
    </row>
    <row r="205" spans="2:6" x14ac:dyDescent="0.25">
      <c r="B205" s="64">
        <v>18.600000000000001</v>
      </c>
      <c r="C205" s="43">
        <v>21.3</v>
      </c>
      <c r="D205" s="43">
        <v>28.6</v>
      </c>
      <c r="E205" s="43">
        <v>24.1</v>
      </c>
      <c r="F205" s="65">
        <v>16.5</v>
      </c>
    </row>
    <row r="206" spans="2:6" x14ac:dyDescent="0.25">
      <c r="B206" s="64">
        <v>19.399999999999999</v>
      </c>
      <c r="C206" s="43">
        <v>14.3</v>
      </c>
      <c r="D206" s="43">
        <v>28.9</v>
      </c>
      <c r="E206" s="43">
        <v>19.600000000000001</v>
      </c>
      <c r="F206" s="65">
        <v>20.8</v>
      </c>
    </row>
    <row r="207" spans="2:6" x14ac:dyDescent="0.25">
      <c r="B207" s="64">
        <v>14.4</v>
      </c>
      <c r="C207" s="43">
        <v>17.2</v>
      </c>
      <c r="D207" s="43">
        <v>28.1</v>
      </c>
      <c r="E207" s="43">
        <v>22.4</v>
      </c>
      <c r="F207" s="65">
        <v>17</v>
      </c>
    </row>
    <row r="208" spans="2:6" x14ac:dyDescent="0.25">
      <c r="B208" s="64">
        <v>13.4</v>
      </c>
      <c r="C208" s="43">
        <v>22.5</v>
      </c>
      <c r="D208" s="43">
        <v>23</v>
      </c>
      <c r="E208" s="43">
        <v>24.6</v>
      </c>
      <c r="F208" s="65">
        <v>11.7</v>
      </c>
    </row>
    <row r="209" spans="2:6" x14ac:dyDescent="0.25">
      <c r="B209" s="64">
        <v>13.8</v>
      </c>
      <c r="C209" s="43">
        <v>23.1</v>
      </c>
      <c r="D209" s="43">
        <v>24.8</v>
      </c>
      <c r="E209" s="43">
        <v>21.7</v>
      </c>
      <c r="F209" s="65">
        <v>11.9</v>
      </c>
    </row>
    <row r="210" spans="2:6" x14ac:dyDescent="0.25">
      <c r="B210" s="64">
        <v>17.899999999999999</v>
      </c>
      <c r="C210" s="43">
        <v>16.5</v>
      </c>
      <c r="D210" s="43">
        <v>27.4</v>
      </c>
      <c r="E210" s="43">
        <v>22.6</v>
      </c>
      <c r="F210" s="65">
        <v>8</v>
      </c>
    </row>
    <row r="211" spans="2:6" x14ac:dyDescent="0.25">
      <c r="B211" s="64">
        <v>15</v>
      </c>
      <c r="C211" s="43">
        <v>16.8</v>
      </c>
      <c r="D211" s="43">
        <v>28.7</v>
      </c>
      <c r="E211" s="43">
        <v>22.6</v>
      </c>
      <c r="F211" s="65">
        <v>8.5</v>
      </c>
    </row>
    <row r="212" spans="2:6" x14ac:dyDescent="0.25">
      <c r="B212" s="64">
        <v>13</v>
      </c>
      <c r="C212" s="43">
        <v>16.7</v>
      </c>
      <c r="D212" s="43">
        <v>27</v>
      </c>
      <c r="E212" s="43">
        <v>24.8</v>
      </c>
      <c r="F212" s="65">
        <v>9.6999999999999993</v>
      </c>
    </row>
    <row r="213" spans="2:6" x14ac:dyDescent="0.25">
      <c r="B213" s="64">
        <v>16.2</v>
      </c>
      <c r="C213" s="43">
        <v>11.9</v>
      </c>
      <c r="D213" s="43">
        <v>27.2</v>
      </c>
      <c r="E213" s="43">
        <v>24.1</v>
      </c>
      <c r="F213" s="65">
        <v>11.4</v>
      </c>
    </row>
    <row r="214" spans="2:6" x14ac:dyDescent="0.25">
      <c r="B214" s="64">
        <v>16.8</v>
      </c>
      <c r="C214" s="43">
        <v>11.4</v>
      </c>
      <c r="D214" s="43">
        <v>27.6</v>
      </c>
      <c r="E214" s="43">
        <v>22.4</v>
      </c>
      <c r="F214" s="65">
        <v>9</v>
      </c>
    </row>
    <row r="215" spans="2:6" x14ac:dyDescent="0.25">
      <c r="B215" s="64">
        <v>16.7</v>
      </c>
      <c r="C215" s="43">
        <v>10.8</v>
      </c>
      <c r="D215" s="43">
        <v>27.8</v>
      </c>
      <c r="E215" s="43">
        <v>23.4</v>
      </c>
      <c r="F215" s="65">
        <v>8.6</v>
      </c>
    </row>
    <row r="216" spans="2:6" x14ac:dyDescent="0.25">
      <c r="B216" s="64">
        <v>17.899999999999999</v>
      </c>
      <c r="C216" s="43">
        <v>12.1</v>
      </c>
      <c r="D216" s="43">
        <v>26.2</v>
      </c>
      <c r="E216" s="43">
        <v>24.2</v>
      </c>
      <c r="F216" s="65">
        <v>8.6999999999999993</v>
      </c>
    </row>
    <row r="217" spans="2:6" x14ac:dyDescent="0.25">
      <c r="B217" s="64">
        <v>20.100000000000001</v>
      </c>
      <c r="C217" s="43">
        <v>10.4</v>
      </c>
      <c r="D217" s="43">
        <v>26.8</v>
      </c>
      <c r="E217" s="43">
        <v>26.6</v>
      </c>
      <c r="F217" s="65">
        <v>8.8000000000000007</v>
      </c>
    </row>
    <row r="218" spans="2:6" x14ac:dyDescent="0.25">
      <c r="B218" s="64">
        <v>20.9</v>
      </c>
      <c r="C218" s="43">
        <v>11.9</v>
      </c>
      <c r="D218" s="43">
        <v>29.6</v>
      </c>
      <c r="E218" s="43">
        <v>28.6</v>
      </c>
      <c r="F218" s="65">
        <v>10.199999999999999</v>
      </c>
    </row>
    <row r="219" spans="2:6" x14ac:dyDescent="0.25">
      <c r="B219" s="64">
        <v>20.2</v>
      </c>
      <c r="C219" s="43">
        <v>13.4</v>
      </c>
      <c r="D219" s="43">
        <v>30.8</v>
      </c>
      <c r="E219" s="43">
        <v>28.2</v>
      </c>
      <c r="F219" s="65">
        <v>11</v>
      </c>
    </row>
    <row r="220" spans="2:6" x14ac:dyDescent="0.25">
      <c r="B220" s="64">
        <v>19.600000000000001</v>
      </c>
      <c r="C220" s="43">
        <v>17.8</v>
      </c>
      <c r="D220" s="43">
        <v>27.2</v>
      </c>
      <c r="E220" s="43">
        <v>28.5</v>
      </c>
      <c r="F220" s="65">
        <v>15.3</v>
      </c>
    </row>
    <row r="221" spans="2:6" x14ac:dyDescent="0.25">
      <c r="B221" s="64">
        <v>16.3</v>
      </c>
      <c r="C221" s="43">
        <v>13.4</v>
      </c>
      <c r="D221" s="43">
        <v>28.2</v>
      </c>
      <c r="E221" s="43">
        <v>25.3</v>
      </c>
      <c r="F221" s="65">
        <v>13.6</v>
      </c>
    </row>
    <row r="222" spans="2:6" x14ac:dyDescent="0.25">
      <c r="B222" s="64">
        <v>13.9</v>
      </c>
      <c r="C222" s="43">
        <v>10.7</v>
      </c>
      <c r="D222" s="43">
        <v>29.8</v>
      </c>
      <c r="E222" s="43">
        <v>25.8</v>
      </c>
      <c r="F222" s="65">
        <v>15</v>
      </c>
    </row>
    <row r="223" spans="2:6" x14ac:dyDescent="0.25">
      <c r="B223" s="64">
        <v>17.5</v>
      </c>
      <c r="C223" s="43">
        <v>10.6</v>
      </c>
      <c r="D223" s="43">
        <v>26.7</v>
      </c>
      <c r="E223" s="43">
        <v>27.6</v>
      </c>
      <c r="F223" s="65">
        <v>13.3</v>
      </c>
    </row>
    <row r="224" spans="2:6" x14ac:dyDescent="0.25">
      <c r="B224" s="64">
        <v>18.399999999999999</v>
      </c>
      <c r="C224" s="43">
        <v>10</v>
      </c>
      <c r="D224" s="43">
        <v>27.2</v>
      </c>
      <c r="E224" s="43">
        <v>29.1</v>
      </c>
      <c r="F224" s="65">
        <v>14.7</v>
      </c>
    </row>
    <row r="225" spans="2:6" x14ac:dyDescent="0.25">
      <c r="B225" s="64">
        <v>16</v>
      </c>
      <c r="C225" s="43">
        <v>11</v>
      </c>
      <c r="D225" s="43">
        <v>30.4</v>
      </c>
      <c r="E225" s="43">
        <v>28.5</v>
      </c>
      <c r="F225" s="65">
        <v>14</v>
      </c>
    </row>
    <row r="226" spans="2:6" x14ac:dyDescent="0.25">
      <c r="B226" s="64">
        <v>14.7</v>
      </c>
      <c r="C226" s="43">
        <v>12.4</v>
      </c>
      <c r="D226" s="43">
        <v>31.8</v>
      </c>
      <c r="E226" s="43">
        <v>28.2</v>
      </c>
      <c r="F226" s="65">
        <v>13.9</v>
      </c>
    </row>
    <row r="227" spans="2:6" x14ac:dyDescent="0.25">
      <c r="B227" s="64">
        <v>13.7</v>
      </c>
      <c r="C227" s="43">
        <v>14.8</v>
      </c>
      <c r="D227" s="43">
        <v>31.4</v>
      </c>
      <c r="E227" s="43">
        <v>28.4</v>
      </c>
      <c r="F227" s="65">
        <v>11.1</v>
      </c>
    </row>
    <row r="228" spans="2:6" x14ac:dyDescent="0.25">
      <c r="B228" s="64">
        <v>14.9</v>
      </c>
      <c r="C228" s="43">
        <v>17</v>
      </c>
      <c r="D228" s="43">
        <v>28.6</v>
      </c>
      <c r="E228" s="43">
        <v>25.9</v>
      </c>
      <c r="F228" s="65">
        <v>13.5</v>
      </c>
    </row>
    <row r="229" spans="2:6" x14ac:dyDescent="0.25">
      <c r="B229" s="64">
        <v>13.3</v>
      </c>
      <c r="C229" s="43">
        <v>13.8</v>
      </c>
      <c r="D229" s="43">
        <v>26.3</v>
      </c>
      <c r="E229" s="43">
        <v>23.9</v>
      </c>
      <c r="F229" s="65">
        <v>16.2</v>
      </c>
    </row>
    <row r="230" spans="2:6" x14ac:dyDescent="0.25">
      <c r="B230" s="64">
        <v>13.8</v>
      </c>
      <c r="C230" s="43">
        <v>13.4</v>
      </c>
      <c r="D230" s="43">
        <v>25.5</v>
      </c>
      <c r="E230" s="43">
        <v>23.9</v>
      </c>
      <c r="F230" s="65">
        <v>18.5</v>
      </c>
    </row>
    <row r="231" spans="2:6" x14ac:dyDescent="0.25">
      <c r="B231" s="64">
        <v>15.8</v>
      </c>
      <c r="C231" s="43">
        <v>14.3</v>
      </c>
      <c r="D231" s="43">
        <v>28</v>
      </c>
      <c r="E231" s="43">
        <v>25.6</v>
      </c>
      <c r="F231" s="65">
        <v>15.3</v>
      </c>
    </row>
    <row r="232" spans="2:6" x14ac:dyDescent="0.25">
      <c r="B232" s="64">
        <v>16.8</v>
      </c>
      <c r="C232" s="43">
        <v>15.9</v>
      </c>
      <c r="D232" s="43">
        <v>25.8</v>
      </c>
      <c r="E232" s="43">
        <v>28.6</v>
      </c>
      <c r="F232" s="65">
        <v>11.6</v>
      </c>
    </row>
    <row r="233" spans="2:6" x14ac:dyDescent="0.25">
      <c r="B233" s="64">
        <v>16</v>
      </c>
      <c r="C233" s="43">
        <v>18.600000000000001</v>
      </c>
      <c r="D233" s="43">
        <v>24.6</v>
      </c>
      <c r="E233" s="43">
        <v>22.3</v>
      </c>
      <c r="F233" s="65">
        <v>10.7</v>
      </c>
    </row>
    <row r="234" spans="2:6" x14ac:dyDescent="0.25">
      <c r="B234" s="64">
        <v>17.600000000000001</v>
      </c>
      <c r="C234" s="43">
        <v>13.3</v>
      </c>
      <c r="D234" s="43">
        <v>25.5</v>
      </c>
      <c r="E234" s="43">
        <v>19.600000000000001</v>
      </c>
      <c r="F234" s="65">
        <v>12.4</v>
      </c>
    </row>
    <row r="235" spans="2:6" x14ac:dyDescent="0.25">
      <c r="B235" s="64">
        <v>17.399999999999999</v>
      </c>
      <c r="C235" s="43">
        <v>10.7</v>
      </c>
      <c r="D235" s="43">
        <v>27.7</v>
      </c>
      <c r="E235" s="43">
        <v>20.399999999999999</v>
      </c>
      <c r="F235" s="65">
        <v>12.2</v>
      </c>
    </row>
    <row r="236" spans="2:6" x14ac:dyDescent="0.25">
      <c r="B236" s="64">
        <v>16.2</v>
      </c>
      <c r="C236" s="43">
        <v>12.7</v>
      </c>
      <c r="D236" s="43">
        <v>26.9</v>
      </c>
      <c r="E236" s="43">
        <v>24.8</v>
      </c>
      <c r="F236" s="65">
        <v>12.3</v>
      </c>
    </row>
    <row r="237" spans="2:6" x14ac:dyDescent="0.25">
      <c r="B237" s="64">
        <v>16.2</v>
      </c>
      <c r="C237" s="43">
        <v>16.5</v>
      </c>
      <c r="D237" s="43">
        <v>28.8</v>
      </c>
      <c r="E237" s="43">
        <v>26.1</v>
      </c>
      <c r="F237" s="65">
        <v>11.5</v>
      </c>
    </row>
    <row r="238" spans="2:6" x14ac:dyDescent="0.25">
      <c r="B238" s="64">
        <v>17.5</v>
      </c>
      <c r="C238" s="43">
        <v>18.5</v>
      </c>
      <c r="D238" s="43">
        <v>29.6</v>
      </c>
      <c r="E238" s="43">
        <v>23.7</v>
      </c>
      <c r="F238" s="65">
        <v>11</v>
      </c>
    </row>
    <row r="239" spans="2:6" x14ac:dyDescent="0.25">
      <c r="B239" s="64">
        <v>17.2</v>
      </c>
      <c r="C239" s="43">
        <v>14.2</v>
      </c>
      <c r="D239" s="43">
        <v>30</v>
      </c>
      <c r="E239" s="43">
        <v>23.4</v>
      </c>
      <c r="F239" s="65">
        <v>12.9</v>
      </c>
    </row>
    <row r="240" spans="2:6" x14ac:dyDescent="0.25">
      <c r="B240" s="64">
        <v>19</v>
      </c>
      <c r="C240" s="43">
        <v>11.5</v>
      </c>
      <c r="D240" s="43">
        <v>28.9</v>
      </c>
      <c r="E240" s="43">
        <v>22</v>
      </c>
      <c r="F240" s="65">
        <v>9.3000000000000007</v>
      </c>
    </row>
    <row r="241" spans="2:6" x14ac:dyDescent="0.25">
      <c r="B241" s="64">
        <v>17.8</v>
      </c>
      <c r="C241" s="43">
        <v>14.9</v>
      </c>
      <c r="D241" s="43">
        <v>28.9</v>
      </c>
      <c r="E241" s="43">
        <v>23.1</v>
      </c>
      <c r="F241" s="65">
        <v>8.5</v>
      </c>
    </row>
    <row r="242" spans="2:6" x14ac:dyDescent="0.25">
      <c r="B242" s="64">
        <v>17.2</v>
      </c>
      <c r="C242" s="43">
        <v>16.2</v>
      </c>
      <c r="D242" s="43">
        <v>26.8</v>
      </c>
      <c r="E242" s="43">
        <v>23</v>
      </c>
      <c r="F242" s="65">
        <v>9.1</v>
      </c>
    </row>
    <row r="243" spans="2:6" x14ac:dyDescent="0.25">
      <c r="B243" s="64">
        <v>14</v>
      </c>
      <c r="C243" s="43">
        <v>13.2</v>
      </c>
      <c r="D243" s="43">
        <v>22.4</v>
      </c>
      <c r="E243" s="43">
        <v>19.600000000000001</v>
      </c>
      <c r="F243" s="65">
        <v>12.4</v>
      </c>
    </row>
    <row r="244" spans="2:6" x14ac:dyDescent="0.25">
      <c r="B244" s="64">
        <v>14.1</v>
      </c>
      <c r="C244" s="43">
        <v>13.6</v>
      </c>
      <c r="D244" s="43">
        <v>24.3</v>
      </c>
      <c r="E244" s="43">
        <v>18.5</v>
      </c>
      <c r="F244" s="65">
        <v>14.1</v>
      </c>
    </row>
    <row r="245" spans="2:6" x14ac:dyDescent="0.25">
      <c r="B245" s="64">
        <v>15.2</v>
      </c>
      <c r="C245" s="43">
        <v>11.2</v>
      </c>
      <c r="D245" s="43">
        <v>28.2</v>
      </c>
      <c r="E245" s="43">
        <v>17.7</v>
      </c>
      <c r="F245" s="65">
        <v>16.3</v>
      </c>
    </row>
    <row r="246" spans="2:6" x14ac:dyDescent="0.25">
      <c r="B246" s="64">
        <v>12.9</v>
      </c>
      <c r="C246" s="43">
        <v>14.9</v>
      </c>
      <c r="D246" s="43">
        <v>27.8</v>
      </c>
      <c r="E246" s="43">
        <v>15.6</v>
      </c>
      <c r="F246" s="65">
        <v>17.100000000000001</v>
      </c>
    </row>
    <row r="247" spans="2:6" x14ac:dyDescent="0.25">
      <c r="B247" s="64">
        <v>16.100000000000001</v>
      </c>
      <c r="C247" s="43">
        <v>15.4</v>
      </c>
      <c r="D247" s="43">
        <v>30.2</v>
      </c>
      <c r="E247" s="43">
        <v>19.3</v>
      </c>
      <c r="F247" s="65">
        <v>16</v>
      </c>
    </row>
    <row r="248" spans="2:6" x14ac:dyDescent="0.25">
      <c r="B248" s="64">
        <v>17.100000000000001</v>
      </c>
      <c r="C248" s="43">
        <v>15.1</v>
      </c>
      <c r="D248" s="43">
        <v>31.8</v>
      </c>
      <c r="E248" s="43">
        <v>18.600000000000001</v>
      </c>
      <c r="F248" s="65">
        <v>14.3</v>
      </c>
    </row>
    <row r="249" spans="2:6" x14ac:dyDescent="0.25">
      <c r="B249" s="64">
        <v>15.1</v>
      </c>
      <c r="C249" s="43">
        <v>18.399999999999999</v>
      </c>
      <c r="D249" s="43">
        <v>30.4</v>
      </c>
      <c r="E249" s="43">
        <v>18.7</v>
      </c>
      <c r="F249" s="65">
        <v>10</v>
      </c>
    </row>
    <row r="250" spans="2:6" x14ac:dyDescent="0.25">
      <c r="B250" s="64">
        <v>14.3</v>
      </c>
      <c r="C250" s="43">
        <v>13.8</v>
      </c>
      <c r="D250" s="43">
        <v>31.2</v>
      </c>
      <c r="E250" s="43">
        <v>21.1</v>
      </c>
      <c r="F250" s="65">
        <v>11.4</v>
      </c>
    </row>
    <row r="251" spans="2:6" x14ac:dyDescent="0.25">
      <c r="B251" s="64">
        <v>15.2</v>
      </c>
      <c r="C251" s="43">
        <v>14.5</v>
      </c>
      <c r="D251" s="43">
        <v>30.6</v>
      </c>
      <c r="E251" s="43">
        <v>23.4</v>
      </c>
      <c r="F251" s="65">
        <v>9.5</v>
      </c>
    </row>
    <row r="252" spans="2:6" x14ac:dyDescent="0.25">
      <c r="B252" s="64">
        <v>18.100000000000001</v>
      </c>
      <c r="C252" s="43">
        <v>15.2</v>
      </c>
      <c r="D252" s="43">
        <v>30.6</v>
      </c>
      <c r="E252" s="43">
        <v>26</v>
      </c>
      <c r="F252" s="65">
        <v>9.6</v>
      </c>
    </row>
    <row r="253" spans="2:6" x14ac:dyDescent="0.25">
      <c r="B253" s="64">
        <v>17.399999999999999</v>
      </c>
      <c r="C253" s="43">
        <v>17.899999999999999</v>
      </c>
      <c r="D253" s="43">
        <v>29.2</v>
      </c>
      <c r="E253" s="43">
        <v>26.2</v>
      </c>
      <c r="F253" s="65">
        <v>13.3</v>
      </c>
    </row>
    <row r="254" spans="2:6" x14ac:dyDescent="0.25">
      <c r="B254" s="64">
        <v>17.2</v>
      </c>
      <c r="C254" s="43">
        <v>19.5</v>
      </c>
      <c r="D254" s="43">
        <v>28.4</v>
      </c>
      <c r="E254" s="43">
        <v>26.9</v>
      </c>
      <c r="F254" s="65">
        <v>16</v>
      </c>
    </row>
    <row r="255" spans="2:6" x14ac:dyDescent="0.25">
      <c r="B255" s="64">
        <v>14.7</v>
      </c>
      <c r="C255" s="43">
        <v>20.3</v>
      </c>
      <c r="D255" s="43">
        <v>28.1</v>
      </c>
      <c r="E255" s="43">
        <v>27</v>
      </c>
      <c r="F255" s="65">
        <v>15.5</v>
      </c>
    </row>
    <row r="256" spans="2:6" x14ac:dyDescent="0.25">
      <c r="B256" s="64">
        <v>15.7</v>
      </c>
      <c r="C256" s="43">
        <v>11.7</v>
      </c>
      <c r="D256" s="43">
        <v>28.6</v>
      </c>
      <c r="E256" s="43">
        <v>24</v>
      </c>
      <c r="F256" s="65">
        <v>12.1</v>
      </c>
    </row>
    <row r="257" spans="2:6" x14ac:dyDescent="0.25">
      <c r="B257" s="64">
        <v>17.600000000000001</v>
      </c>
      <c r="C257" s="43">
        <v>15.3</v>
      </c>
      <c r="D257" s="43">
        <v>27.5</v>
      </c>
      <c r="E257" s="43">
        <v>25.4</v>
      </c>
      <c r="F257" s="65">
        <v>9.6999999999999993</v>
      </c>
    </row>
    <row r="258" spans="2:6" x14ac:dyDescent="0.25">
      <c r="B258" s="64">
        <v>20.399999999999999</v>
      </c>
      <c r="C258" s="43">
        <v>17.5</v>
      </c>
      <c r="D258" s="43">
        <v>29</v>
      </c>
      <c r="E258" s="43">
        <v>26.4</v>
      </c>
      <c r="F258" s="65">
        <v>7.4</v>
      </c>
    </row>
    <row r="259" spans="2:6" x14ac:dyDescent="0.25">
      <c r="B259" s="64">
        <v>17.7</v>
      </c>
      <c r="C259" s="43">
        <v>14.4</v>
      </c>
      <c r="D259" s="43">
        <v>29.9</v>
      </c>
      <c r="E259" s="43">
        <v>28.2</v>
      </c>
      <c r="F259" s="65">
        <v>9.9</v>
      </c>
    </row>
    <row r="260" spans="2:6" x14ac:dyDescent="0.25">
      <c r="B260" s="64">
        <v>15.6</v>
      </c>
      <c r="C260" s="43">
        <v>13.7</v>
      </c>
      <c r="D260" s="43">
        <v>32.5</v>
      </c>
      <c r="E260" s="43">
        <v>29.3</v>
      </c>
      <c r="F260" s="65">
        <v>12.6</v>
      </c>
    </row>
    <row r="261" spans="2:6" x14ac:dyDescent="0.25">
      <c r="B261" s="64">
        <v>15.5</v>
      </c>
      <c r="C261" s="43">
        <v>13.4</v>
      </c>
      <c r="D261" s="43">
        <v>32.200000000000003</v>
      </c>
      <c r="E261" s="43">
        <v>30.2</v>
      </c>
      <c r="F261" s="65">
        <v>11.5</v>
      </c>
    </row>
    <row r="262" spans="2:6" x14ac:dyDescent="0.25">
      <c r="B262" s="64">
        <v>15.3</v>
      </c>
      <c r="C262" s="43">
        <v>15.4</v>
      </c>
      <c r="D262" s="43">
        <v>32.299999999999997</v>
      </c>
      <c r="E262" s="43">
        <v>28.8</v>
      </c>
      <c r="F262" s="65">
        <v>10.8</v>
      </c>
    </row>
    <row r="263" spans="2:6" x14ac:dyDescent="0.25">
      <c r="B263" s="64">
        <v>14.1</v>
      </c>
      <c r="C263" s="43">
        <v>18.600000000000001</v>
      </c>
      <c r="D263" s="43">
        <v>31.6</v>
      </c>
      <c r="E263" s="43">
        <v>28</v>
      </c>
      <c r="F263" s="65">
        <v>12</v>
      </c>
    </row>
    <row r="264" spans="2:6" x14ac:dyDescent="0.25">
      <c r="B264" s="64">
        <v>16.899999999999999</v>
      </c>
      <c r="C264" s="43">
        <v>20.399999999999999</v>
      </c>
      <c r="D264" s="43">
        <v>30.4</v>
      </c>
      <c r="E264" s="43">
        <v>29.7</v>
      </c>
      <c r="F264" s="65">
        <v>10.7</v>
      </c>
    </row>
    <row r="265" spans="2:6" x14ac:dyDescent="0.25">
      <c r="B265" s="64">
        <v>16.3</v>
      </c>
      <c r="C265" s="43">
        <v>16.8</v>
      </c>
      <c r="D265" s="43">
        <v>25.7</v>
      </c>
      <c r="E265" s="43">
        <v>28.2</v>
      </c>
      <c r="F265" s="65">
        <v>10.3</v>
      </c>
    </row>
    <row r="266" spans="2:6" x14ac:dyDescent="0.25">
      <c r="B266" s="64">
        <v>16</v>
      </c>
      <c r="C266" s="43">
        <v>13.4</v>
      </c>
      <c r="D266" s="43">
        <v>20</v>
      </c>
      <c r="E266" s="43">
        <v>24.6</v>
      </c>
      <c r="F266" s="65">
        <v>9.6</v>
      </c>
    </row>
    <row r="267" spans="2:6" x14ac:dyDescent="0.25">
      <c r="B267" s="64">
        <v>14.8</v>
      </c>
      <c r="C267" s="43">
        <v>12.3</v>
      </c>
      <c r="D267" s="43">
        <v>21.2</v>
      </c>
      <c r="E267" s="43">
        <v>22.4</v>
      </c>
      <c r="F267" s="65">
        <v>8.6999999999999993</v>
      </c>
    </row>
    <row r="268" spans="2:6" x14ac:dyDescent="0.25">
      <c r="B268" s="64">
        <v>14.9</v>
      </c>
      <c r="C268" s="43">
        <v>12.6</v>
      </c>
      <c r="D268" s="43">
        <v>23</v>
      </c>
      <c r="E268" s="43">
        <v>19</v>
      </c>
      <c r="F268" s="65">
        <v>12.9</v>
      </c>
    </row>
    <row r="269" spans="2:6" x14ac:dyDescent="0.25">
      <c r="B269" s="64">
        <v>14.5</v>
      </c>
      <c r="C269" s="43">
        <v>12.4</v>
      </c>
      <c r="D269" s="43">
        <v>22</v>
      </c>
      <c r="E269" s="43">
        <v>17.5</v>
      </c>
      <c r="F269" s="65">
        <v>14.4</v>
      </c>
    </row>
    <row r="270" spans="2:6" x14ac:dyDescent="0.25">
      <c r="B270" s="64">
        <v>13.1</v>
      </c>
      <c r="C270" s="43">
        <v>11.9</v>
      </c>
      <c r="D270" s="43">
        <v>24.4</v>
      </c>
      <c r="E270" s="43">
        <v>19.7</v>
      </c>
      <c r="F270" s="65">
        <v>10.7</v>
      </c>
    </row>
    <row r="271" spans="2:6" x14ac:dyDescent="0.25">
      <c r="B271" s="64">
        <v>13.9</v>
      </c>
      <c r="C271" s="43">
        <v>12.4</v>
      </c>
      <c r="D271" s="43">
        <v>25</v>
      </c>
      <c r="E271" s="43">
        <v>22.1</v>
      </c>
      <c r="F271" s="65">
        <v>8.5</v>
      </c>
    </row>
    <row r="272" spans="2:6" x14ac:dyDescent="0.25">
      <c r="B272" s="64">
        <v>12.9</v>
      </c>
      <c r="C272" s="43">
        <v>13.5</v>
      </c>
      <c r="D272" s="43">
        <v>19.3</v>
      </c>
      <c r="E272" s="43">
        <v>22.9</v>
      </c>
      <c r="F272" s="65">
        <v>8.8000000000000007</v>
      </c>
    </row>
    <row r="273" spans="2:6" x14ac:dyDescent="0.25">
      <c r="B273" s="64">
        <v>12.2</v>
      </c>
      <c r="C273" s="43">
        <v>13.3</v>
      </c>
      <c r="D273" s="43">
        <v>18.2</v>
      </c>
      <c r="E273" s="43">
        <v>22.1</v>
      </c>
      <c r="F273" s="65">
        <v>8.8000000000000007</v>
      </c>
    </row>
    <row r="274" spans="2:6" x14ac:dyDescent="0.25">
      <c r="B274" s="64">
        <v>13.2</v>
      </c>
      <c r="C274" s="43">
        <v>13.9</v>
      </c>
      <c r="D274" s="43">
        <v>19.7</v>
      </c>
      <c r="E274" s="43">
        <v>20</v>
      </c>
      <c r="F274" s="65">
        <v>11.9</v>
      </c>
    </row>
    <row r="275" spans="2:6" x14ac:dyDescent="0.25">
      <c r="B275" s="64">
        <v>10.9</v>
      </c>
      <c r="C275" s="43">
        <v>13.6</v>
      </c>
      <c r="D275" s="43">
        <v>22</v>
      </c>
      <c r="E275" s="43">
        <v>20.5</v>
      </c>
      <c r="F275" s="65">
        <v>14</v>
      </c>
    </row>
    <row r="276" spans="2:6" x14ac:dyDescent="0.25">
      <c r="B276" s="64">
        <v>12.7</v>
      </c>
      <c r="C276" s="43">
        <v>12.1</v>
      </c>
      <c r="D276" s="43">
        <v>22.8</v>
      </c>
      <c r="E276" s="43">
        <v>22</v>
      </c>
      <c r="F276" s="65">
        <v>17</v>
      </c>
    </row>
    <row r="277" spans="2:6" x14ac:dyDescent="0.25">
      <c r="B277" s="64">
        <v>13.5</v>
      </c>
      <c r="C277" s="43">
        <v>11.6</v>
      </c>
      <c r="D277" s="43">
        <v>24.4</v>
      </c>
      <c r="E277" s="43">
        <v>22.3</v>
      </c>
      <c r="F277" s="65">
        <v>14.3</v>
      </c>
    </row>
    <row r="278" spans="2:6" x14ac:dyDescent="0.25">
      <c r="B278" s="64">
        <v>15.3</v>
      </c>
      <c r="C278" s="43">
        <v>13.6</v>
      </c>
      <c r="D278" s="43">
        <v>24.8</v>
      </c>
      <c r="E278" s="43">
        <v>22.9</v>
      </c>
      <c r="F278" s="65">
        <v>12.8</v>
      </c>
    </row>
    <row r="279" spans="2:6" x14ac:dyDescent="0.25">
      <c r="B279" s="64">
        <v>17</v>
      </c>
      <c r="C279" s="43">
        <v>14</v>
      </c>
      <c r="D279" s="43">
        <v>23.4</v>
      </c>
      <c r="E279" s="43">
        <v>23.8</v>
      </c>
      <c r="F279" s="65">
        <v>14.2</v>
      </c>
    </row>
    <row r="280" spans="2:6" x14ac:dyDescent="0.25">
      <c r="B280" s="64">
        <v>14.2</v>
      </c>
      <c r="C280" s="43">
        <v>11.6</v>
      </c>
      <c r="D280" s="43">
        <v>23.7</v>
      </c>
      <c r="E280" s="43">
        <v>23.5</v>
      </c>
      <c r="F280" s="65">
        <v>14.5</v>
      </c>
    </row>
    <row r="281" spans="2:6" x14ac:dyDescent="0.25">
      <c r="B281" s="64">
        <v>14.2</v>
      </c>
      <c r="C281" s="43">
        <v>11.7</v>
      </c>
      <c r="D281" s="43">
        <v>21.6</v>
      </c>
      <c r="E281" s="43">
        <v>24.5</v>
      </c>
      <c r="F281" s="65">
        <v>8.1</v>
      </c>
    </row>
    <row r="282" spans="2:6" x14ac:dyDescent="0.25">
      <c r="B282" s="64">
        <v>12.3</v>
      </c>
      <c r="C282" s="43">
        <v>12.5</v>
      </c>
      <c r="D282" s="43">
        <v>22.2</v>
      </c>
      <c r="E282" s="43">
        <v>25.1</v>
      </c>
      <c r="F282" s="65">
        <v>8.3000000000000007</v>
      </c>
    </row>
    <row r="283" spans="2:6" x14ac:dyDescent="0.25">
      <c r="B283" s="64">
        <v>9.1999999999999993</v>
      </c>
      <c r="C283" s="43">
        <v>12.8</v>
      </c>
      <c r="D283" s="43">
        <v>21.9</v>
      </c>
      <c r="E283" s="43">
        <v>25.3</v>
      </c>
      <c r="F283" s="65">
        <v>7.1</v>
      </c>
    </row>
    <row r="284" spans="2:6" x14ac:dyDescent="0.25">
      <c r="B284" s="64">
        <v>9.6999999999999993</v>
      </c>
      <c r="C284" s="43">
        <v>11.1</v>
      </c>
      <c r="D284" s="43">
        <v>22.6</v>
      </c>
      <c r="E284" s="43">
        <v>21.9</v>
      </c>
      <c r="F284" s="65">
        <v>4.3</v>
      </c>
    </row>
    <row r="285" spans="2:6" x14ac:dyDescent="0.25">
      <c r="B285" s="64">
        <v>12.8</v>
      </c>
      <c r="C285" s="43">
        <v>11.2</v>
      </c>
      <c r="D285" s="43">
        <v>19.899999999999999</v>
      </c>
      <c r="E285" s="43">
        <v>20.2</v>
      </c>
      <c r="F285" s="65">
        <v>2.9</v>
      </c>
    </row>
    <row r="286" spans="2:6" x14ac:dyDescent="0.25">
      <c r="B286" s="64">
        <v>11</v>
      </c>
      <c r="C286" s="43">
        <v>10.7</v>
      </c>
      <c r="D286" s="43">
        <v>19.100000000000001</v>
      </c>
      <c r="E286" s="43">
        <v>22</v>
      </c>
      <c r="F286" s="65">
        <v>8.1999999999999993</v>
      </c>
    </row>
    <row r="287" spans="2:6" x14ac:dyDescent="0.25">
      <c r="B287" s="64">
        <v>10.5</v>
      </c>
      <c r="C287" s="43">
        <v>10.6</v>
      </c>
      <c r="D287" s="43">
        <v>17</v>
      </c>
      <c r="E287" s="43">
        <v>22.5</v>
      </c>
      <c r="F287" s="65">
        <v>10.3</v>
      </c>
    </row>
    <row r="288" spans="2:6" x14ac:dyDescent="0.25">
      <c r="B288" s="64">
        <v>12.4</v>
      </c>
      <c r="C288" s="43">
        <v>10.3</v>
      </c>
      <c r="D288" s="43">
        <v>17.2</v>
      </c>
      <c r="E288" s="43">
        <v>23.2</v>
      </c>
      <c r="F288" s="65">
        <v>9.5</v>
      </c>
    </row>
    <row r="289" spans="2:6" x14ac:dyDescent="0.25">
      <c r="B289" s="64">
        <v>12.7</v>
      </c>
      <c r="C289" s="43">
        <v>9.5</v>
      </c>
      <c r="D289" s="43">
        <v>18.399999999999999</v>
      </c>
      <c r="E289" s="43">
        <v>21.5</v>
      </c>
      <c r="F289" s="65">
        <v>8.5</v>
      </c>
    </row>
    <row r="290" spans="2:6" x14ac:dyDescent="0.25">
      <c r="B290" s="64">
        <v>11.2</v>
      </c>
      <c r="C290" s="43">
        <v>9.1</v>
      </c>
      <c r="D290" s="43">
        <v>18.7</v>
      </c>
      <c r="E290" s="43">
        <v>21.8</v>
      </c>
      <c r="F290" s="65">
        <v>10.1</v>
      </c>
    </row>
    <row r="291" spans="2:6" x14ac:dyDescent="0.25">
      <c r="B291" s="64">
        <v>12.6</v>
      </c>
      <c r="C291" s="43">
        <v>8.1999999999999993</v>
      </c>
      <c r="D291" s="43">
        <v>16.5</v>
      </c>
      <c r="E291" s="43">
        <v>23.4</v>
      </c>
      <c r="F291" s="65">
        <v>9.6999999999999993</v>
      </c>
    </row>
    <row r="292" spans="2:6" x14ac:dyDescent="0.25">
      <c r="B292" s="64">
        <v>12.6</v>
      </c>
      <c r="C292" s="43">
        <v>10.9</v>
      </c>
      <c r="D292" s="43">
        <v>16.100000000000001</v>
      </c>
      <c r="E292" s="43">
        <v>22.6</v>
      </c>
      <c r="F292" s="65">
        <v>4.9000000000000004</v>
      </c>
    </row>
    <row r="293" spans="2:6" x14ac:dyDescent="0.25">
      <c r="B293" s="64">
        <v>11.3</v>
      </c>
      <c r="C293" s="43">
        <v>10.9</v>
      </c>
      <c r="D293" s="43">
        <v>16.399999999999999</v>
      </c>
      <c r="E293" s="43">
        <v>18</v>
      </c>
      <c r="F293" s="65">
        <v>7.1</v>
      </c>
    </row>
    <row r="294" spans="2:6" x14ac:dyDescent="0.25">
      <c r="B294" s="64">
        <v>10.5</v>
      </c>
      <c r="C294" s="43">
        <v>9.6999999999999993</v>
      </c>
      <c r="D294" s="43">
        <v>19</v>
      </c>
      <c r="E294" s="43">
        <v>16.2</v>
      </c>
      <c r="F294" s="65">
        <v>7.8</v>
      </c>
    </row>
    <row r="295" spans="2:6" x14ac:dyDescent="0.25">
      <c r="B295" s="64">
        <v>14.4</v>
      </c>
      <c r="C295" s="43">
        <v>10.6</v>
      </c>
      <c r="D295" s="43">
        <v>20.6</v>
      </c>
      <c r="E295" s="43">
        <v>18.399999999999999</v>
      </c>
      <c r="F295" s="65">
        <v>4.8</v>
      </c>
    </row>
    <row r="296" spans="2:6" x14ac:dyDescent="0.25">
      <c r="B296" s="64">
        <v>13.9</v>
      </c>
      <c r="C296" s="43">
        <v>11.5</v>
      </c>
      <c r="D296" s="43">
        <v>21.3</v>
      </c>
      <c r="E296" s="43">
        <v>21.2</v>
      </c>
      <c r="F296" s="65">
        <v>2.9</v>
      </c>
    </row>
    <row r="297" spans="2:6" x14ac:dyDescent="0.25">
      <c r="B297" s="64">
        <v>12.8</v>
      </c>
      <c r="C297" s="43">
        <v>12.6</v>
      </c>
      <c r="D297" s="43">
        <v>21.6</v>
      </c>
      <c r="E297" s="43">
        <v>22.2</v>
      </c>
      <c r="F297" s="65">
        <v>2.1</v>
      </c>
    </row>
    <row r="298" spans="2:6" x14ac:dyDescent="0.25">
      <c r="B298" s="64">
        <v>13.5</v>
      </c>
      <c r="C298" s="43">
        <v>12.9</v>
      </c>
      <c r="D298" s="43">
        <v>21.8</v>
      </c>
      <c r="E298" s="43">
        <v>22.4</v>
      </c>
      <c r="F298" s="65">
        <v>0.1</v>
      </c>
    </row>
    <row r="299" spans="2:6" x14ac:dyDescent="0.25">
      <c r="B299" s="64">
        <v>12.8</v>
      </c>
      <c r="C299" s="43">
        <v>10.6</v>
      </c>
      <c r="D299" s="43">
        <v>22.8</v>
      </c>
      <c r="E299" s="43">
        <v>21.3</v>
      </c>
      <c r="F299" s="65">
        <v>1</v>
      </c>
    </row>
    <row r="300" spans="2:6" x14ac:dyDescent="0.25">
      <c r="B300" s="64">
        <v>11.3</v>
      </c>
      <c r="C300" s="43">
        <v>10.7</v>
      </c>
      <c r="D300" s="43">
        <v>23.8</v>
      </c>
      <c r="E300" s="43">
        <v>20</v>
      </c>
      <c r="F300" s="65">
        <v>1.54</v>
      </c>
    </row>
    <row r="301" spans="2:6" x14ac:dyDescent="0.25">
      <c r="B301" s="64">
        <v>10</v>
      </c>
      <c r="C301" s="43">
        <v>12.5</v>
      </c>
      <c r="D301" s="43">
        <v>24</v>
      </c>
      <c r="E301" s="43">
        <v>19.3</v>
      </c>
      <c r="F301" s="65">
        <v>2.08</v>
      </c>
    </row>
    <row r="302" spans="2:6" x14ac:dyDescent="0.25">
      <c r="B302" s="64">
        <v>10.3</v>
      </c>
      <c r="C302" s="43">
        <v>10.7</v>
      </c>
      <c r="D302" s="43">
        <v>23.2</v>
      </c>
      <c r="E302" s="43">
        <v>20.8</v>
      </c>
      <c r="F302" s="65">
        <v>2.62</v>
      </c>
    </row>
    <row r="303" spans="2:6" x14ac:dyDescent="0.25">
      <c r="B303" s="64">
        <v>10</v>
      </c>
      <c r="C303" s="43">
        <v>9.9</v>
      </c>
      <c r="D303" s="43">
        <v>23</v>
      </c>
      <c r="E303" s="43">
        <v>20.9</v>
      </c>
      <c r="F303" s="65">
        <v>3.16</v>
      </c>
    </row>
    <row r="304" spans="2:6" x14ac:dyDescent="0.25">
      <c r="B304" s="64">
        <v>8.8000000000000007</v>
      </c>
      <c r="C304" s="43">
        <v>10.9</v>
      </c>
      <c r="D304" s="43">
        <v>22</v>
      </c>
      <c r="E304" s="43">
        <v>20.399999999999999</v>
      </c>
      <c r="F304" s="65">
        <v>3.7</v>
      </c>
    </row>
    <row r="305" spans="2:6" x14ac:dyDescent="0.25">
      <c r="B305" s="64">
        <v>6.8</v>
      </c>
      <c r="C305" s="43">
        <v>9.6999999999999993</v>
      </c>
      <c r="D305" s="43">
        <v>23.3</v>
      </c>
      <c r="E305" s="43">
        <v>16.8</v>
      </c>
      <c r="F305" s="65">
        <v>3.9</v>
      </c>
    </row>
    <row r="306" spans="2:6" x14ac:dyDescent="0.25">
      <c r="B306" s="64">
        <v>6.7</v>
      </c>
      <c r="C306" s="43">
        <v>9.1</v>
      </c>
      <c r="D306" s="43">
        <v>24</v>
      </c>
      <c r="E306" s="43">
        <v>17.600000000000001</v>
      </c>
      <c r="F306" s="65">
        <v>3.7</v>
      </c>
    </row>
    <row r="307" spans="2:6" x14ac:dyDescent="0.25">
      <c r="B307" s="64">
        <v>4.5</v>
      </c>
      <c r="C307" s="43">
        <v>8.6999999999999993</v>
      </c>
      <c r="D307" s="43">
        <v>23.6</v>
      </c>
      <c r="E307" s="43">
        <v>18.899999999999999</v>
      </c>
      <c r="F307" s="65">
        <v>4.4000000000000004</v>
      </c>
    </row>
    <row r="308" spans="2:6" x14ac:dyDescent="0.25">
      <c r="B308" s="64">
        <v>4.5999999999999996</v>
      </c>
      <c r="C308" s="43">
        <v>6.5</v>
      </c>
      <c r="D308" s="43">
        <v>23</v>
      </c>
      <c r="E308" s="43">
        <v>16.600000000000001</v>
      </c>
      <c r="F308" s="65">
        <v>3.6</v>
      </c>
    </row>
    <row r="309" spans="2:6" x14ac:dyDescent="0.25">
      <c r="B309" s="64">
        <v>6.5</v>
      </c>
      <c r="C309" s="43">
        <v>9</v>
      </c>
      <c r="D309" s="43">
        <v>22.1</v>
      </c>
      <c r="E309" s="43">
        <v>15</v>
      </c>
      <c r="F309" s="65">
        <v>6.5</v>
      </c>
    </row>
    <row r="310" spans="2:6" x14ac:dyDescent="0.25">
      <c r="B310" s="64">
        <v>8.6</v>
      </c>
      <c r="C310" s="43">
        <v>11.7</v>
      </c>
      <c r="D310" s="43">
        <v>21.2</v>
      </c>
      <c r="E310" s="43">
        <v>17.100000000000001</v>
      </c>
      <c r="F310" s="65">
        <v>7.2</v>
      </c>
    </row>
    <row r="311" spans="2:6" x14ac:dyDescent="0.25">
      <c r="B311" s="64">
        <v>7.6</v>
      </c>
      <c r="C311" s="43">
        <v>5.8</v>
      </c>
      <c r="D311" s="43">
        <v>20.8</v>
      </c>
      <c r="E311" s="43">
        <v>18.5</v>
      </c>
      <c r="F311" s="65">
        <v>0.3</v>
      </c>
    </row>
    <row r="312" spans="2:6" x14ac:dyDescent="0.25">
      <c r="B312" s="64">
        <v>6.5</v>
      </c>
      <c r="C312" s="43">
        <v>7</v>
      </c>
      <c r="D312" s="43">
        <v>20.2</v>
      </c>
      <c r="E312" s="43">
        <v>19.399999999999999</v>
      </c>
      <c r="F312" s="65">
        <v>-1</v>
      </c>
    </row>
    <row r="313" spans="2:6" x14ac:dyDescent="0.25">
      <c r="B313" s="64">
        <v>7.6</v>
      </c>
      <c r="C313" s="43">
        <v>7.8</v>
      </c>
      <c r="D313" s="43">
        <v>20.6</v>
      </c>
      <c r="E313" s="43">
        <v>22.5</v>
      </c>
      <c r="F313" s="65">
        <v>-2.2999999999999998</v>
      </c>
    </row>
    <row r="314" spans="2:6" x14ac:dyDescent="0.25">
      <c r="B314" s="64">
        <v>6.5</v>
      </c>
      <c r="C314" s="43">
        <v>7.1</v>
      </c>
      <c r="D314" s="43">
        <v>18</v>
      </c>
      <c r="E314" s="43">
        <v>20</v>
      </c>
      <c r="F314" s="65">
        <v>2.8</v>
      </c>
    </row>
    <row r="315" spans="2:6" x14ac:dyDescent="0.25">
      <c r="B315" s="64">
        <v>5.4</v>
      </c>
      <c r="C315" s="43">
        <v>7.3</v>
      </c>
      <c r="D315" s="43">
        <v>17.3</v>
      </c>
      <c r="E315" s="43">
        <v>15.8</v>
      </c>
      <c r="F315" s="65">
        <v>-0.7</v>
      </c>
    </row>
    <row r="316" spans="2:6" x14ac:dyDescent="0.25">
      <c r="B316" s="64">
        <v>3.5</v>
      </c>
      <c r="C316" s="43">
        <v>7.7</v>
      </c>
      <c r="D316" s="43">
        <v>17.399999999999999</v>
      </c>
      <c r="E316" s="43">
        <v>9.9</v>
      </c>
      <c r="F316" s="65">
        <v>-2.8</v>
      </c>
    </row>
    <row r="317" spans="2:6" x14ac:dyDescent="0.25">
      <c r="B317" s="64">
        <v>7</v>
      </c>
      <c r="C317" s="43">
        <v>8.1999999999999993</v>
      </c>
      <c r="D317" s="43">
        <v>19.399999999999999</v>
      </c>
      <c r="E317" s="43">
        <v>9</v>
      </c>
      <c r="F317" s="65">
        <v>0.5</v>
      </c>
    </row>
    <row r="318" spans="2:6" x14ac:dyDescent="0.25">
      <c r="B318" s="64">
        <v>5</v>
      </c>
      <c r="C318" s="43">
        <v>6.5</v>
      </c>
      <c r="D318" s="43">
        <v>18.100000000000001</v>
      </c>
      <c r="E318" s="43">
        <v>9.1999999999999993</v>
      </c>
      <c r="F318" s="65">
        <v>6</v>
      </c>
    </row>
    <row r="319" spans="2:6" x14ac:dyDescent="0.25">
      <c r="B319" s="64">
        <v>1.1000000000000001</v>
      </c>
      <c r="C319" s="43">
        <v>6.1</v>
      </c>
      <c r="D319" s="43">
        <v>13.8</v>
      </c>
      <c r="E319" s="43">
        <v>12.8</v>
      </c>
      <c r="F319" s="65">
        <v>6.1</v>
      </c>
    </row>
    <row r="320" spans="2:6" x14ac:dyDescent="0.25">
      <c r="B320" s="64">
        <v>1.3</v>
      </c>
      <c r="C320" s="43">
        <v>5.6</v>
      </c>
      <c r="D320" s="43">
        <v>13.2</v>
      </c>
      <c r="E320" s="43">
        <v>17.899999999999999</v>
      </c>
      <c r="F320" s="65">
        <v>9.5</v>
      </c>
    </row>
    <row r="321" spans="2:6" x14ac:dyDescent="0.25">
      <c r="B321" s="64">
        <v>1.8</v>
      </c>
      <c r="C321" s="43">
        <v>4.4000000000000004</v>
      </c>
      <c r="D321" s="43">
        <v>12</v>
      </c>
      <c r="E321" s="43">
        <v>19.600000000000001</v>
      </c>
      <c r="F321" s="65">
        <v>9.1999999999999993</v>
      </c>
    </row>
    <row r="322" spans="2:6" x14ac:dyDescent="0.25">
      <c r="B322" s="64">
        <v>5.3</v>
      </c>
      <c r="C322" s="43">
        <v>5.2</v>
      </c>
      <c r="D322" s="43">
        <v>12.8</v>
      </c>
      <c r="E322" s="43">
        <v>16.7</v>
      </c>
      <c r="F322" s="65">
        <v>9.1</v>
      </c>
    </row>
    <row r="323" spans="2:6" x14ac:dyDescent="0.25">
      <c r="B323" s="64">
        <v>6.2</v>
      </c>
      <c r="C323" s="43">
        <v>4.7</v>
      </c>
      <c r="D323" s="43">
        <v>12.5</v>
      </c>
      <c r="E323" s="43">
        <v>14.8</v>
      </c>
      <c r="F323" s="65">
        <v>5.5</v>
      </c>
    </row>
    <row r="324" spans="2:6" x14ac:dyDescent="0.25">
      <c r="B324" s="64">
        <v>6</v>
      </c>
      <c r="C324" s="43">
        <v>5.7</v>
      </c>
      <c r="D324" s="43">
        <v>11.2</v>
      </c>
      <c r="E324" s="43">
        <v>14</v>
      </c>
      <c r="F324" s="65">
        <v>4.3</v>
      </c>
    </row>
    <row r="325" spans="2:6" x14ac:dyDescent="0.25">
      <c r="B325" s="64">
        <v>5.0999999999999996</v>
      </c>
      <c r="C325" s="43">
        <v>8.6</v>
      </c>
      <c r="D325" s="43">
        <v>14.5</v>
      </c>
      <c r="E325" s="43">
        <v>16</v>
      </c>
      <c r="F325" s="65">
        <v>6.4</v>
      </c>
    </row>
    <row r="326" spans="2:6" x14ac:dyDescent="0.25">
      <c r="B326" s="64">
        <v>1.6</v>
      </c>
      <c r="C326" s="43">
        <v>9.1</v>
      </c>
      <c r="D326" s="43">
        <v>14.9</v>
      </c>
      <c r="E326" s="43">
        <v>15.9</v>
      </c>
      <c r="F326" s="65">
        <v>1</v>
      </c>
    </row>
    <row r="327" spans="2:6" x14ac:dyDescent="0.25">
      <c r="B327" s="64">
        <v>0.8</v>
      </c>
      <c r="C327" s="43">
        <v>8.5</v>
      </c>
      <c r="D327" s="43">
        <v>12.2</v>
      </c>
      <c r="E327" s="43">
        <v>13.3</v>
      </c>
      <c r="F327" s="65">
        <v>-0.7</v>
      </c>
    </row>
    <row r="328" spans="2:6" x14ac:dyDescent="0.25">
      <c r="B328" s="64">
        <v>-1</v>
      </c>
      <c r="C328" s="43">
        <v>9.6</v>
      </c>
      <c r="D328" s="43">
        <v>14.2</v>
      </c>
      <c r="E328" s="43">
        <v>13.8</v>
      </c>
      <c r="F328" s="65">
        <v>4.3</v>
      </c>
    </row>
    <row r="329" spans="2:6" x14ac:dyDescent="0.25">
      <c r="B329" s="64">
        <v>-0.3</v>
      </c>
      <c r="C329" s="43">
        <v>7.7</v>
      </c>
      <c r="D329" s="43">
        <v>14.4</v>
      </c>
      <c r="E329" s="43">
        <v>11.7</v>
      </c>
      <c r="F329" s="65">
        <v>-1</v>
      </c>
    </row>
    <row r="330" spans="2:6" x14ac:dyDescent="0.25">
      <c r="B330" s="64">
        <v>-2.2000000000000002</v>
      </c>
      <c r="C330" s="43">
        <v>6</v>
      </c>
      <c r="D330" s="43">
        <v>12.3</v>
      </c>
      <c r="E330" s="43">
        <v>12.3</v>
      </c>
      <c r="F330" s="65">
        <v>-1.2</v>
      </c>
    </row>
    <row r="331" spans="2:6" x14ac:dyDescent="0.25">
      <c r="B331" s="64">
        <v>-2.2000000000000002</v>
      </c>
      <c r="C331" s="43">
        <v>6.7</v>
      </c>
      <c r="D331" s="43">
        <v>10</v>
      </c>
      <c r="E331" s="43">
        <v>14.5</v>
      </c>
      <c r="F331" s="65">
        <v>0.9</v>
      </c>
    </row>
    <row r="332" spans="2:6" x14ac:dyDescent="0.25">
      <c r="B332" s="64">
        <v>-0.3</v>
      </c>
      <c r="C332" s="43">
        <v>7.3</v>
      </c>
      <c r="D332" s="43">
        <v>11.3</v>
      </c>
      <c r="E332" s="43">
        <v>14.7</v>
      </c>
      <c r="F332" s="65">
        <v>0</v>
      </c>
    </row>
    <row r="333" spans="2:6" x14ac:dyDescent="0.25">
      <c r="B333" s="64">
        <v>2.4</v>
      </c>
      <c r="C333" s="43">
        <v>11.2</v>
      </c>
      <c r="D333" s="43">
        <v>11.5</v>
      </c>
      <c r="E333" s="43">
        <v>13.4</v>
      </c>
      <c r="F333" s="65">
        <v>-1.7</v>
      </c>
    </row>
    <row r="334" spans="2:6" x14ac:dyDescent="0.25">
      <c r="B334" s="64">
        <v>3.5</v>
      </c>
      <c r="C334" s="43">
        <v>9.6</v>
      </c>
      <c r="D334" s="43">
        <v>10.1</v>
      </c>
      <c r="E334" s="43">
        <v>11.5</v>
      </c>
      <c r="F334" s="65">
        <v>-2.2999999999999998</v>
      </c>
    </row>
    <row r="335" spans="2:6" x14ac:dyDescent="0.25">
      <c r="B335" s="64">
        <v>4</v>
      </c>
      <c r="C335" s="43">
        <v>11.2</v>
      </c>
      <c r="D335" s="43">
        <v>11.8</v>
      </c>
      <c r="E335" s="43">
        <v>10.3</v>
      </c>
      <c r="F335" s="65">
        <v>0.8</v>
      </c>
    </row>
    <row r="336" spans="2:6" x14ac:dyDescent="0.25">
      <c r="B336" s="64">
        <v>4.7</v>
      </c>
      <c r="C336" s="43">
        <v>9.3000000000000007</v>
      </c>
      <c r="D336" s="43">
        <v>11</v>
      </c>
      <c r="E336" s="43">
        <v>11.7</v>
      </c>
      <c r="F336" s="65">
        <v>0.9</v>
      </c>
    </row>
    <row r="337" spans="2:6" x14ac:dyDescent="0.25">
      <c r="B337" s="64">
        <v>4.4000000000000004</v>
      </c>
      <c r="C337" s="43">
        <v>4.5</v>
      </c>
      <c r="D337" s="43">
        <v>9</v>
      </c>
      <c r="E337" s="43">
        <v>14.4</v>
      </c>
      <c r="F337" s="65">
        <v>-0.2</v>
      </c>
    </row>
    <row r="338" spans="2:6" x14ac:dyDescent="0.25">
      <c r="B338" s="64">
        <v>4.2</v>
      </c>
      <c r="C338" s="43">
        <v>3.4</v>
      </c>
      <c r="D338" s="43">
        <v>6.8</v>
      </c>
      <c r="E338" s="43">
        <v>10.8</v>
      </c>
      <c r="F338" s="65">
        <v>-1.9</v>
      </c>
    </row>
    <row r="339" spans="2:6" x14ac:dyDescent="0.25">
      <c r="B339" s="64">
        <v>3.3</v>
      </c>
      <c r="C339" s="43">
        <v>4.9000000000000004</v>
      </c>
      <c r="D339" s="43">
        <v>8.1999999999999993</v>
      </c>
      <c r="E339" s="43">
        <v>11.2</v>
      </c>
      <c r="F339" s="65">
        <v>-1.4</v>
      </c>
    </row>
    <row r="340" spans="2:6" x14ac:dyDescent="0.25">
      <c r="B340" s="64">
        <v>4</v>
      </c>
      <c r="C340" s="43">
        <v>6.4</v>
      </c>
      <c r="D340" s="43">
        <v>12.6</v>
      </c>
      <c r="E340" s="43">
        <v>7.8</v>
      </c>
      <c r="F340" s="65">
        <v>-4</v>
      </c>
    </row>
    <row r="341" spans="2:6" x14ac:dyDescent="0.25">
      <c r="B341" s="64">
        <v>3.8</v>
      </c>
      <c r="C341" s="43">
        <v>7.4</v>
      </c>
      <c r="D341" s="43">
        <v>11.2</v>
      </c>
      <c r="E341" s="43">
        <v>8.6999999999999993</v>
      </c>
      <c r="F341" s="65">
        <v>-1.3</v>
      </c>
    </row>
    <row r="342" spans="2:6" x14ac:dyDescent="0.25">
      <c r="B342" s="64">
        <v>2.1</v>
      </c>
      <c r="C342" s="43">
        <v>9.9</v>
      </c>
      <c r="D342" s="43">
        <v>14.6</v>
      </c>
      <c r="E342" s="43">
        <v>9.3000000000000007</v>
      </c>
      <c r="F342" s="65">
        <v>-0.5</v>
      </c>
    </row>
    <row r="343" spans="2:6" x14ac:dyDescent="0.25">
      <c r="B343" s="64">
        <v>0.2</v>
      </c>
      <c r="C343" s="43">
        <v>9.9</v>
      </c>
      <c r="D343" s="43">
        <v>15.2</v>
      </c>
      <c r="E343" s="43">
        <v>8.8000000000000007</v>
      </c>
      <c r="F343" s="65">
        <v>-2.1</v>
      </c>
    </row>
    <row r="344" spans="2:6" x14ac:dyDescent="0.25">
      <c r="B344" s="64">
        <v>-1.4</v>
      </c>
      <c r="C344" s="43">
        <v>6.2</v>
      </c>
      <c r="D344" s="43">
        <v>14.8</v>
      </c>
      <c r="E344" s="43">
        <v>6.5</v>
      </c>
      <c r="F344" s="65">
        <v>1.1000000000000001</v>
      </c>
    </row>
    <row r="345" spans="2:6" x14ac:dyDescent="0.25">
      <c r="B345" s="64">
        <v>-0.5</v>
      </c>
      <c r="C345" s="43">
        <v>6.2</v>
      </c>
      <c r="D345" s="43">
        <v>13</v>
      </c>
      <c r="E345" s="43">
        <v>11.8</v>
      </c>
      <c r="F345" s="65">
        <v>1.2</v>
      </c>
    </row>
    <row r="346" spans="2:6" x14ac:dyDescent="0.25">
      <c r="B346" s="64">
        <v>-3.5</v>
      </c>
      <c r="C346" s="43">
        <v>5.0999999999999996</v>
      </c>
      <c r="D346" s="43">
        <v>13.1</v>
      </c>
      <c r="E346" s="43">
        <v>12.3</v>
      </c>
      <c r="F346" s="65">
        <v>1.9</v>
      </c>
    </row>
    <row r="347" spans="2:6" x14ac:dyDescent="0.25">
      <c r="B347" s="64">
        <v>-4.4000000000000004</v>
      </c>
      <c r="C347" s="43">
        <v>3</v>
      </c>
      <c r="D347" s="43">
        <v>12.2</v>
      </c>
      <c r="E347" s="43">
        <v>12</v>
      </c>
      <c r="F347" s="65">
        <v>3.8</v>
      </c>
    </row>
    <row r="348" spans="2:6" x14ac:dyDescent="0.25">
      <c r="B348" s="64">
        <v>-2.1</v>
      </c>
      <c r="C348" s="43">
        <v>3.2</v>
      </c>
      <c r="D348" s="43">
        <v>13.5</v>
      </c>
      <c r="E348" s="43">
        <v>9.1</v>
      </c>
      <c r="F348" s="65">
        <v>0.3</v>
      </c>
    </row>
    <row r="349" spans="2:6" x14ac:dyDescent="0.25">
      <c r="B349" s="64">
        <v>-2.5</v>
      </c>
      <c r="C349" s="43">
        <v>1.4</v>
      </c>
      <c r="D349" s="43">
        <v>12.7</v>
      </c>
      <c r="E349" s="43">
        <v>6.2</v>
      </c>
      <c r="F349" s="65">
        <v>-1.1000000000000001</v>
      </c>
    </row>
    <row r="350" spans="2:6" x14ac:dyDescent="0.25">
      <c r="B350" s="64">
        <v>-3.5</v>
      </c>
      <c r="C350" s="43">
        <v>-0.4</v>
      </c>
      <c r="D350" s="43">
        <v>12.9</v>
      </c>
      <c r="E350" s="43">
        <v>5.2</v>
      </c>
      <c r="F350" s="65">
        <v>-1.9</v>
      </c>
    </row>
    <row r="351" spans="2:6" x14ac:dyDescent="0.25">
      <c r="B351" s="64">
        <v>-5.7</v>
      </c>
      <c r="C351" s="43">
        <v>-2.6</v>
      </c>
      <c r="D351" s="43">
        <v>12.4</v>
      </c>
      <c r="E351" s="43">
        <v>10.1</v>
      </c>
      <c r="F351" s="65">
        <v>-4.7</v>
      </c>
    </row>
    <row r="352" spans="2:6" x14ac:dyDescent="0.25">
      <c r="B352" s="64">
        <v>-6.4</v>
      </c>
      <c r="C352" s="43">
        <v>-2.7</v>
      </c>
      <c r="D352" s="43">
        <v>10.4</v>
      </c>
      <c r="E352" s="43">
        <v>10.3</v>
      </c>
      <c r="F352" s="65">
        <v>-10.5</v>
      </c>
    </row>
    <row r="353" spans="2:6" x14ac:dyDescent="0.25">
      <c r="B353" s="64">
        <v>0.9</v>
      </c>
      <c r="C353" s="43">
        <v>0</v>
      </c>
      <c r="D353" s="43">
        <v>10.3</v>
      </c>
      <c r="E353" s="43">
        <v>6.4</v>
      </c>
      <c r="F353" s="65">
        <v>-12.8</v>
      </c>
    </row>
    <row r="354" spans="2:6" x14ac:dyDescent="0.25">
      <c r="B354" s="64">
        <v>1.3</v>
      </c>
      <c r="C354" s="43">
        <v>2.9</v>
      </c>
      <c r="D354" s="43">
        <v>8.4</v>
      </c>
      <c r="E354" s="43">
        <v>5.4</v>
      </c>
      <c r="F354" s="65">
        <v>-8</v>
      </c>
    </row>
    <row r="355" spans="2:6" x14ac:dyDescent="0.25">
      <c r="B355" s="64">
        <v>1.1000000000000001</v>
      </c>
      <c r="C355" s="43">
        <v>3.8</v>
      </c>
      <c r="D355" s="43">
        <v>9</v>
      </c>
      <c r="E355" s="43">
        <v>7</v>
      </c>
      <c r="F355" s="65">
        <v>-6.9</v>
      </c>
    </row>
    <row r="356" spans="2:6" x14ac:dyDescent="0.25">
      <c r="B356" s="64">
        <v>-1.9</v>
      </c>
      <c r="C356" s="43">
        <v>5.8</v>
      </c>
      <c r="D356" s="43">
        <v>9.4</v>
      </c>
      <c r="E356" s="43">
        <v>3.4</v>
      </c>
      <c r="F356" s="65">
        <v>-8.4</v>
      </c>
    </row>
    <row r="357" spans="2:6" x14ac:dyDescent="0.25">
      <c r="B357" s="64">
        <v>-3.2</v>
      </c>
      <c r="C357" s="43">
        <v>5</v>
      </c>
      <c r="D357" s="43">
        <v>9</v>
      </c>
      <c r="E357" s="43">
        <v>2.9</v>
      </c>
      <c r="F357" s="65">
        <v>-0.2</v>
      </c>
    </row>
    <row r="358" spans="2:6" x14ac:dyDescent="0.25">
      <c r="B358" s="64">
        <v>-5.8</v>
      </c>
      <c r="C358" s="43">
        <v>6.7</v>
      </c>
      <c r="D358" s="43">
        <v>8</v>
      </c>
      <c r="E358" s="43">
        <v>5.2</v>
      </c>
      <c r="F358" s="65">
        <v>-3.7</v>
      </c>
    </row>
    <row r="359" spans="2:6" x14ac:dyDescent="0.25">
      <c r="B359" s="64">
        <v>-7.5</v>
      </c>
      <c r="C359" s="43">
        <v>6.8</v>
      </c>
      <c r="D359" s="43">
        <v>9.6</v>
      </c>
      <c r="E359" s="43">
        <v>4.9000000000000004</v>
      </c>
      <c r="F359" s="65">
        <v>-4.7</v>
      </c>
    </row>
    <row r="360" spans="2:6" x14ac:dyDescent="0.25">
      <c r="B360" s="64">
        <v>-4.3</v>
      </c>
      <c r="C360" s="43">
        <v>5.3</v>
      </c>
      <c r="D360" s="43">
        <v>12.4</v>
      </c>
      <c r="E360" s="43">
        <v>1.8</v>
      </c>
      <c r="F360" s="65">
        <v>-9.6999999999999993</v>
      </c>
    </row>
    <row r="361" spans="2:6" x14ac:dyDescent="0.25">
      <c r="B361" s="64">
        <v>-6.2</v>
      </c>
      <c r="C361" s="43">
        <v>2</v>
      </c>
      <c r="D361" s="43">
        <v>13.4</v>
      </c>
      <c r="E361" s="43">
        <v>1</v>
      </c>
      <c r="F361" s="65">
        <v>-7.3</v>
      </c>
    </row>
    <row r="362" spans="2:6" x14ac:dyDescent="0.25">
      <c r="B362" s="64">
        <v>-6.8</v>
      </c>
      <c r="C362" s="43">
        <v>1</v>
      </c>
      <c r="D362" s="43">
        <v>9.1999999999999993</v>
      </c>
      <c r="E362" s="43">
        <v>1.6</v>
      </c>
      <c r="F362" s="65">
        <v>0.6</v>
      </c>
    </row>
    <row r="363" spans="2:6" x14ac:dyDescent="0.25">
      <c r="B363" s="64">
        <v>-8.1999999999999993</v>
      </c>
      <c r="C363" s="43">
        <v>-0.4</v>
      </c>
      <c r="D363" s="43">
        <v>7</v>
      </c>
      <c r="E363" s="43">
        <v>0.6</v>
      </c>
      <c r="F363" s="65">
        <v>3.9</v>
      </c>
    </row>
    <row r="364" spans="2:6" x14ac:dyDescent="0.25">
      <c r="B364" s="64">
        <v>-7.6</v>
      </c>
      <c r="C364" s="43">
        <v>-1.9</v>
      </c>
      <c r="D364" s="43">
        <v>4.5999999999999996</v>
      </c>
      <c r="E364" s="43">
        <v>-1.1000000000000001</v>
      </c>
      <c r="F364" s="65">
        <v>-0.6</v>
      </c>
    </row>
    <row r="365" spans="2:6" x14ac:dyDescent="0.25">
      <c r="B365" s="64">
        <v>-7.8</v>
      </c>
      <c r="C365" s="43">
        <v>-4.2</v>
      </c>
      <c r="D365" s="43">
        <v>7.5</v>
      </c>
      <c r="E365" s="43">
        <v>-2.1</v>
      </c>
      <c r="F365" s="65">
        <v>-11.3</v>
      </c>
    </row>
    <row r="366" spans="2:6" x14ac:dyDescent="0.25">
      <c r="B366" s="64">
        <v>-4.7</v>
      </c>
      <c r="C366" s="43">
        <v>1</v>
      </c>
      <c r="D366" s="43">
        <v>6.5</v>
      </c>
      <c r="E366" s="43">
        <v>-0.1</v>
      </c>
      <c r="F366" s="65">
        <v>-11.6</v>
      </c>
    </row>
    <row r="367" spans="2:6" x14ac:dyDescent="0.25">
      <c r="B367" s="64">
        <v>-4.4000000000000004</v>
      </c>
      <c r="C367" s="43">
        <v>0.3</v>
      </c>
      <c r="D367" s="43">
        <v>6</v>
      </c>
      <c r="E367" s="43">
        <v>1.8</v>
      </c>
      <c r="F367" s="65">
        <v>-4.5</v>
      </c>
    </row>
    <row r="368" spans="2:6" x14ac:dyDescent="0.25">
      <c r="B368" s="64">
        <v>-6.7</v>
      </c>
      <c r="C368" s="43">
        <v>-0.1</v>
      </c>
      <c r="D368" s="43">
        <v>6.1</v>
      </c>
      <c r="E368" s="43">
        <v>4.3</v>
      </c>
      <c r="F368" s="65">
        <v>-1.6</v>
      </c>
    </row>
    <row r="369" spans="2:6" x14ac:dyDescent="0.25">
      <c r="B369" s="64">
        <v>-7.6</v>
      </c>
      <c r="C369" s="43">
        <v>-2.9</v>
      </c>
      <c r="D369" s="43">
        <v>8.8000000000000007</v>
      </c>
      <c r="E369" s="43">
        <v>1.3</v>
      </c>
      <c r="F369" s="65">
        <v>-2.2000000000000002</v>
      </c>
    </row>
    <row r="370" spans="2:6" x14ac:dyDescent="0.25">
      <c r="B370" s="64">
        <v>-2</v>
      </c>
      <c r="C370" s="43">
        <v>-5.6</v>
      </c>
      <c r="D370" s="43">
        <v>9.1999999999999993</v>
      </c>
      <c r="E370" s="43">
        <v>1.2</v>
      </c>
      <c r="F370" s="65">
        <v>-1.7</v>
      </c>
    </row>
    <row r="371" spans="2:6" x14ac:dyDescent="0.25">
      <c r="B371" s="64">
        <v>-1.1000000000000001</v>
      </c>
      <c r="C371" s="43">
        <v>-8</v>
      </c>
      <c r="D371" s="43">
        <v>11.2</v>
      </c>
      <c r="E371" s="43">
        <v>4.7</v>
      </c>
      <c r="F371" s="65">
        <v>-10.6</v>
      </c>
    </row>
    <row r="372" spans="2:6" x14ac:dyDescent="0.25">
      <c r="B372" s="64">
        <v>-2.9</v>
      </c>
      <c r="C372" s="43">
        <v>-8.9</v>
      </c>
      <c r="D372" s="43">
        <v>10.9</v>
      </c>
      <c r="E372" s="43">
        <v>4.5999999999999996</v>
      </c>
      <c r="F372" s="65">
        <v>-9.8000000000000007</v>
      </c>
    </row>
    <row r="373" spans="2:6" x14ac:dyDescent="0.25">
      <c r="B373" s="64">
        <v>-5.6</v>
      </c>
      <c r="C373" s="43">
        <v>-6.3</v>
      </c>
      <c r="D373" s="43">
        <v>9.9</v>
      </c>
      <c r="E373" s="43">
        <v>8.1</v>
      </c>
      <c r="F373" s="65">
        <v>-1.4</v>
      </c>
    </row>
    <row r="374" spans="2:6" x14ac:dyDescent="0.25">
      <c r="B374" s="64">
        <v>-6.8</v>
      </c>
      <c r="C374" s="43">
        <v>-9.9</v>
      </c>
      <c r="D374" s="43">
        <v>9</v>
      </c>
      <c r="E374" s="43">
        <v>7.9</v>
      </c>
      <c r="F374" s="65">
        <v>-3.6</v>
      </c>
    </row>
    <row r="375" spans="2:6" x14ac:dyDescent="0.25">
      <c r="B375" s="64">
        <v>-7.2</v>
      </c>
      <c r="C375" s="43">
        <v>-6</v>
      </c>
      <c r="D375" s="43">
        <v>6.8</v>
      </c>
      <c r="E375" s="43">
        <v>6.8</v>
      </c>
      <c r="F375" s="65">
        <v>-5.8</v>
      </c>
    </row>
    <row r="376" spans="2:6" x14ac:dyDescent="0.25">
      <c r="B376" s="64">
        <v>-0.1</v>
      </c>
      <c r="C376" s="43">
        <v>-1.1000000000000001</v>
      </c>
      <c r="D376" s="43">
        <v>9</v>
      </c>
      <c r="E376" s="43">
        <v>5.6</v>
      </c>
      <c r="F376" s="65">
        <v>-3</v>
      </c>
    </row>
    <row r="377" spans="2:6" x14ac:dyDescent="0.25">
      <c r="B377" s="64">
        <v>4.0999999999999996</v>
      </c>
      <c r="C377" s="43">
        <v>-2.9</v>
      </c>
      <c r="D377" s="43">
        <v>6.6</v>
      </c>
      <c r="E377" s="43">
        <v>6.9</v>
      </c>
      <c r="F377" s="65">
        <v>-3.1</v>
      </c>
    </row>
    <row r="378" spans="2:6" x14ac:dyDescent="0.25">
      <c r="B378" s="64">
        <v>2.9</v>
      </c>
      <c r="C378" s="43">
        <v>-6.7</v>
      </c>
      <c r="D378" s="43">
        <v>6.6</v>
      </c>
      <c r="E378" s="43">
        <v>8.9</v>
      </c>
      <c r="F378" s="65">
        <v>-3.1</v>
      </c>
    </row>
    <row r="379" spans="2:6" x14ac:dyDescent="0.25">
      <c r="B379" s="64">
        <v>4.5</v>
      </c>
      <c r="C379" s="43">
        <v>-1.2</v>
      </c>
      <c r="D379" s="43">
        <v>6.2</v>
      </c>
      <c r="E379" s="43">
        <v>9.5</v>
      </c>
      <c r="F379" s="65">
        <v>-3.6</v>
      </c>
    </row>
    <row r="380" spans="2:6" x14ac:dyDescent="0.25">
      <c r="B380" s="64">
        <v>1.9</v>
      </c>
      <c r="C380" s="43">
        <v>-1.4</v>
      </c>
      <c r="D380" s="43">
        <v>6</v>
      </c>
      <c r="E380" s="43">
        <v>8.6</v>
      </c>
      <c r="F380" s="65">
        <v>-1.6</v>
      </c>
    </row>
    <row r="381" spans="2:6" x14ac:dyDescent="0.25">
      <c r="B381" s="64">
        <v>-1.4</v>
      </c>
      <c r="C381" s="43">
        <v>1.7</v>
      </c>
      <c r="D381" s="43">
        <v>6.8</v>
      </c>
      <c r="E381" s="43">
        <v>4.5999999999999996</v>
      </c>
      <c r="F381" s="65">
        <v>-1.9</v>
      </c>
    </row>
    <row r="382" spans="2:6" x14ac:dyDescent="0.25">
      <c r="B382" s="64">
        <v>-2.4</v>
      </c>
      <c r="C382" s="43">
        <v>-0.4</v>
      </c>
      <c r="D382" s="43">
        <v>6.9</v>
      </c>
      <c r="E382" s="43">
        <v>8.6999999999999993</v>
      </c>
      <c r="F382" s="65">
        <v>-4.9000000000000004</v>
      </c>
    </row>
    <row r="383" spans="2:6" x14ac:dyDescent="0.25">
      <c r="B383" s="64">
        <v>-1.4</v>
      </c>
      <c r="C383" s="43">
        <v>-0.9</v>
      </c>
      <c r="D383" s="43">
        <v>7.6</v>
      </c>
      <c r="E383" s="43">
        <v>8.6999999999999993</v>
      </c>
      <c r="F383" s="65">
        <v>-10.199999999999999</v>
      </c>
    </row>
    <row r="384" spans="2:6" x14ac:dyDescent="0.25">
      <c r="B384" s="64">
        <v>-2.5</v>
      </c>
      <c r="C384" s="43">
        <v>-1.2</v>
      </c>
      <c r="D384" s="43">
        <v>7.6</v>
      </c>
      <c r="E384" s="43">
        <v>5.0999999999999996</v>
      </c>
      <c r="F384" s="65">
        <v>-6.5</v>
      </c>
    </row>
    <row r="385" spans="2:6" x14ac:dyDescent="0.25">
      <c r="B385" s="64">
        <v>-3.8</v>
      </c>
      <c r="C385" s="43">
        <v>-2.2999999999999998</v>
      </c>
      <c r="D385" s="43">
        <v>6.4</v>
      </c>
      <c r="E385" s="43">
        <v>7.5</v>
      </c>
      <c r="F385" s="65">
        <v>-5</v>
      </c>
    </row>
    <row r="386" spans="2:6" x14ac:dyDescent="0.25">
      <c r="B386" s="64">
        <v>-1.3</v>
      </c>
      <c r="C386" s="43">
        <v>-2.1</v>
      </c>
      <c r="D386" s="43">
        <v>5.2</v>
      </c>
      <c r="E386" s="43">
        <v>12.9</v>
      </c>
      <c r="F386" s="65">
        <v>-5</v>
      </c>
    </row>
    <row r="387" spans="2:6" x14ac:dyDescent="0.25">
      <c r="B387" s="64">
        <v>0.4</v>
      </c>
      <c r="C387" s="43">
        <v>3.9</v>
      </c>
      <c r="D387" s="43">
        <v>4.4000000000000004</v>
      </c>
      <c r="E387" s="43">
        <v>12.2</v>
      </c>
      <c r="F387" s="65">
        <v>-1.1000000000000001</v>
      </c>
    </row>
    <row r="388" spans="2:6" x14ac:dyDescent="0.25">
      <c r="B388" s="64">
        <v>-0.2</v>
      </c>
      <c r="C388" s="43">
        <v>2.1</v>
      </c>
      <c r="D388" s="43">
        <v>4.5999999999999996</v>
      </c>
      <c r="E388" s="43">
        <v>9.5</v>
      </c>
      <c r="F388" s="65">
        <v>0.1</v>
      </c>
    </row>
    <row r="389" spans="2:6" x14ac:dyDescent="0.25">
      <c r="B389" s="64">
        <v>-3</v>
      </c>
      <c r="C389" s="43">
        <v>-2.6</v>
      </c>
      <c r="D389" s="43">
        <v>4</v>
      </c>
      <c r="E389" s="43">
        <v>5.5</v>
      </c>
      <c r="F389" s="65">
        <v>-14.2</v>
      </c>
    </row>
    <row r="390" spans="2:6" x14ac:dyDescent="0.25">
      <c r="B390" s="64">
        <v>-2.2000000000000002</v>
      </c>
      <c r="C390" s="43">
        <v>2.2000000000000002</v>
      </c>
      <c r="D390" s="43">
        <v>6.1</v>
      </c>
      <c r="E390" s="43">
        <v>9.4</v>
      </c>
      <c r="F390" s="65">
        <v>-11.1</v>
      </c>
    </row>
    <row r="391" spans="2:6" x14ac:dyDescent="0.25">
      <c r="B391" s="64">
        <v>-1.5</v>
      </c>
      <c r="C391" s="43">
        <v>4.4000000000000004</v>
      </c>
      <c r="D391" s="43">
        <v>6.2</v>
      </c>
      <c r="E391" s="43">
        <v>9.5</v>
      </c>
      <c r="F391" s="65">
        <v>-4.9000000000000004</v>
      </c>
    </row>
    <row r="392" spans="2:6" ht="15.75" thickBot="1" x14ac:dyDescent="0.3">
      <c r="B392" s="66">
        <v>-3.1</v>
      </c>
      <c r="C392" s="67">
        <v>3.6</v>
      </c>
      <c r="D392" s="67">
        <v>7.2</v>
      </c>
      <c r="E392" s="67">
        <v>6.6</v>
      </c>
      <c r="F392" s="68">
        <v>-6.8</v>
      </c>
    </row>
  </sheetData>
  <sheetProtection sheet="1" objects="1" scenarios="1"/>
  <protectedRanges>
    <protectedRange sqref="C4:E8 G4:G8 C2" name="Custom Blend"/>
    <protectedRange sqref="F27:F392" name="Temperature Profile"/>
    <protectedRange sqref="K25" name="Week Number"/>
    <protectedRange sqref="J5:K7" name="Input Parameters"/>
    <protectedRange sqref="J13:K16" name="Excess Heat"/>
  </protectedRanges>
  <mergeCells count="9">
    <mergeCell ref="E1:H2"/>
    <mergeCell ref="K5:K7"/>
    <mergeCell ref="B26:F26"/>
    <mergeCell ref="I25:J25"/>
    <mergeCell ref="F3:G3"/>
    <mergeCell ref="I1:L2"/>
    <mergeCell ref="J18:K18"/>
    <mergeCell ref="I10:L11"/>
    <mergeCell ref="J3:K3"/>
  </mergeCells>
  <dataValidations count="3">
    <dataValidation type="list" allowBlank="1" showInputMessage="1" showErrorMessage="1" sqref="P39:P43 V39:V43 AB39" xr:uid="{6CA240B6-F58F-463E-B4F2-660F5BD4AC4E}">
      <formula1>"1,2,3,4,5"</formula1>
    </dataValidation>
    <dataValidation type="list" allowBlank="1" showInputMessage="1" showErrorMessage="1" sqref="J7 U49 O49" xr:uid="{5552D267-C7B7-48AB-BDAA-D6757D889AA8}">
      <formula1>$B$27:$F$27</formula1>
    </dataValidation>
    <dataValidation type="list" allowBlank="1" showInputMessage="1" showErrorMessage="1" sqref="K13:K16" xr:uid="{8885DD6F-D754-4129-A551-36E3FCD81428}">
      <formula1>"1,2,3,4"</formula1>
    </dataValidation>
  </dataValidations>
  <pageMargins left="0.7" right="0.7" top="0.75" bottom="0.75" header="0.3" footer="0.3"/>
  <drawing r:id="rId1"/>
  <extLst>
    <ext xmlns:x14="http://schemas.microsoft.com/office/spreadsheetml/2009/9/main" uri="{78C0D931-6437-407d-A8EE-F0AAD7539E65}">
      <x14:conditionalFormattings>
        <x14:conditionalFormatting xmlns:xm="http://schemas.microsoft.com/office/excel/2006/main">
          <x14:cfRule type="expression" priority="7" id="{57AC8772-F3FB-4F72-BB9C-CD12594525E4}">
            <xm:f>IF($K$5&lt;&gt;'Standard Profiles'!$C$12,TRUE,FALSE)</xm:f>
            <x14:dxf>
              <fill>
                <patternFill>
                  <bgColor theme="0"/>
                </patternFill>
              </fill>
            </x14:dxf>
          </x14:cfRule>
          <x14:cfRule type="expression" priority="8" id="{6590A3E0-6E8B-432B-9CFB-35742B2BED09}">
            <xm:f>IF($K$5='Standard Profiles'!$C$12,TRUE,FALSE)</xm:f>
            <x14:dxf>
              <fill>
                <patternFill>
                  <bgColor theme="7" tint="0.79998168889431442"/>
                </patternFill>
              </fill>
            </x14:dxf>
          </x14:cfRule>
          <xm:sqref>C4:E8 G4:G8</xm:sqref>
        </x14:conditionalFormatting>
        <x14:conditionalFormatting xmlns:xm="http://schemas.microsoft.com/office/excel/2006/main">
          <x14:cfRule type="expression" priority="1" id="{EA92A171-AF18-4D45-A040-0A01C9AC2D54}">
            <xm:f>IF($K$5&lt;&gt;'Standard Profiles'!$C$12,TRUE,FALSE)</xm:f>
            <x14:dxf>
              <fill>
                <patternFill>
                  <bgColor theme="0"/>
                </patternFill>
              </fill>
            </x14:dxf>
          </x14:cfRule>
          <x14:cfRule type="expression" priority="2" id="{BF95376D-042A-4029-8506-CC6C2AD46DAA}">
            <xm:f>IF($K$5='Standard Profiles'!$C$12,TRUE,FALSE)</xm:f>
            <x14:dxf>
              <fill>
                <patternFill>
                  <bgColor theme="7" tint="0.79998168889431442"/>
                </patternFill>
              </fill>
            </x14:dxf>
          </x14:cfRule>
          <xm:sqref>C2</xm:sqref>
        </x14:conditionalFormatting>
      </x14:conditionalFormattings>
    </ext>
    <ext xmlns:x14="http://schemas.microsoft.com/office/spreadsheetml/2009/9/main" uri="{CCE6A557-97BC-4b89-ADB6-D9C93CAAB3DF}">
      <x14:dataValidations xmlns:xm="http://schemas.microsoft.com/office/excel/2006/main" count="3">
        <x14:dataValidation type="list" allowBlank="1" showInputMessage="1" showErrorMessage="1" xr:uid="{34986710-FE37-4504-A51F-2106169517F7}">
          <x14:formula1>
            <xm:f>Bühler!$B$3:$B$30</xm:f>
          </x14:formula1>
          <xm:sqref>AC39 Q39:Q43 W39:W43 E4:E8</xm:sqref>
        </x14:dataValidation>
        <x14:dataValidation type="list" allowBlank="1" showInputMessage="1" showErrorMessage="1" xr:uid="{626C63C0-466E-41AB-8A2F-5E6A127B59DC}">
          <x14:formula1>
            <xm:f>#REF!</xm:f>
          </x14:formula1>
          <xm:sqref>Q47 W47</xm:sqref>
        </x14:dataValidation>
        <x14:dataValidation type="list" allowBlank="1" showInputMessage="1" showErrorMessage="1" xr:uid="{9798ABD5-1ECE-44AC-96A5-5CE89A271F0E}">
          <x14:formula1>
            <xm:f>'Standard Profiles'!$C$5:$C$12</xm:f>
          </x14:formula1>
          <xm:sqref>K5</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B4E449-618C-4991-AFD9-C57E5316657B}">
  <dimension ref="B1:FP8793"/>
  <sheetViews>
    <sheetView zoomScale="85" zoomScaleNormal="85" workbookViewId="0">
      <selection activeCell="Y33" sqref="Y33"/>
    </sheetView>
  </sheetViews>
  <sheetFormatPr defaultRowHeight="15" x14ac:dyDescent="0.25"/>
  <cols>
    <col min="3" max="3" width="8.85546875" style="16"/>
    <col min="14" max="14" width="16.5703125" bestFit="1" customWidth="1"/>
    <col min="20" max="20" width="15.7109375" bestFit="1" customWidth="1"/>
    <col min="28" max="172" width="8.85546875" hidden="1" customWidth="1"/>
  </cols>
  <sheetData>
    <row r="1" spans="2:172" x14ac:dyDescent="0.25">
      <c r="D1" s="221" t="s">
        <v>44</v>
      </c>
      <c r="E1" s="221"/>
      <c r="F1" s="221"/>
      <c r="G1" s="221"/>
      <c r="H1" s="221"/>
      <c r="I1" s="221"/>
      <c r="J1" s="221"/>
      <c r="K1" s="221"/>
      <c r="L1" s="221"/>
      <c r="M1" s="221"/>
      <c r="N1" s="221"/>
      <c r="O1" s="221"/>
      <c r="P1" s="221"/>
      <c r="Q1" s="221"/>
      <c r="R1" s="221"/>
      <c r="S1" s="221"/>
      <c r="T1" s="221"/>
      <c r="U1" s="221"/>
      <c r="V1" s="221"/>
      <c r="W1" s="221"/>
      <c r="X1" s="221"/>
      <c r="Y1" s="221"/>
      <c r="Z1" s="221"/>
      <c r="AA1" s="221"/>
    </row>
    <row r="2" spans="2:172" ht="15.75" thickBot="1" x14ac:dyDescent="0.3">
      <c r="C2" s="16" t="s">
        <v>45</v>
      </c>
      <c r="D2" s="17">
        <v>0</v>
      </c>
      <c r="E2" s="17">
        <v>1</v>
      </c>
      <c r="F2" s="17">
        <v>2</v>
      </c>
      <c r="G2" s="17">
        <v>3</v>
      </c>
      <c r="H2" s="17">
        <v>4</v>
      </c>
      <c r="I2" s="17">
        <v>5</v>
      </c>
      <c r="J2" s="17">
        <v>6</v>
      </c>
      <c r="K2" s="17">
        <v>7</v>
      </c>
      <c r="L2" s="17">
        <v>8</v>
      </c>
      <c r="M2" s="17">
        <v>9</v>
      </c>
      <c r="N2" s="17">
        <v>10</v>
      </c>
      <c r="O2" s="17">
        <v>11</v>
      </c>
      <c r="P2" s="17">
        <v>12</v>
      </c>
      <c r="Q2" s="17">
        <v>13</v>
      </c>
      <c r="R2" s="17">
        <v>14</v>
      </c>
      <c r="S2" s="17">
        <v>15</v>
      </c>
      <c r="T2" s="17">
        <v>16</v>
      </c>
      <c r="U2" s="17">
        <v>17</v>
      </c>
      <c r="V2" s="17">
        <v>18</v>
      </c>
      <c r="W2" s="17">
        <v>19</v>
      </c>
      <c r="X2" s="17">
        <v>20</v>
      </c>
      <c r="Y2" s="17">
        <v>21</v>
      </c>
      <c r="Z2" s="17">
        <v>22</v>
      </c>
      <c r="AA2" s="17">
        <v>23</v>
      </c>
      <c r="AB2">
        <v>24</v>
      </c>
      <c r="AC2">
        <v>25</v>
      </c>
      <c r="AD2">
        <v>26</v>
      </c>
      <c r="AE2">
        <v>27</v>
      </c>
      <c r="AF2">
        <v>28</v>
      </c>
      <c r="AG2">
        <v>29</v>
      </c>
      <c r="AH2">
        <v>30</v>
      </c>
      <c r="AI2">
        <v>31</v>
      </c>
      <c r="AJ2">
        <v>32</v>
      </c>
      <c r="AK2">
        <v>33</v>
      </c>
      <c r="AL2">
        <v>34</v>
      </c>
      <c r="AM2">
        <v>35</v>
      </c>
      <c r="AN2">
        <v>36</v>
      </c>
      <c r="AO2">
        <v>37</v>
      </c>
      <c r="AP2">
        <v>38</v>
      </c>
      <c r="AQ2">
        <v>39</v>
      </c>
      <c r="AR2">
        <v>40</v>
      </c>
      <c r="AS2">
        <v>41</v>
      </c>
      <c r="AT2">
        <v>42</v>
      </c>
      <c r="AU2">
        <v>43</v>
      </c>
      <c r="AV2">
        <v>44</v>
      </c>
      <c r="AW2">
        <v>45</v>
      </c>
      <c r="AX2">
        <v>46</v>
      </c>
      <c r="AY2">
        <v>47</v>
      </c>
      <c r="AZ2">
        <v>48</v>
      </c>
      <c r="BA2">
        <v>49</v>
      </c>
      <c r="BB2">
        <v>50</v>
      </c>
      <c r="BC2">
        <v>51</v>
      </c>
      <c r="BD2">
        <v>52</v>
      </c>
      <c r="BE2">
        <v>53</v>
      </c>
      <c r="BF2">
        <v>54</v>
      </c>
      <c r="BG2">
        <v>55</v>
      </c>
      <c r="BH2">
        <v>56</v>
      </c>
      <c r="BI2">
        <v>57</v>
      </c>
      <c r="BJ2">
        <v>58</v>
      </c>
      <c r="BK2">
        <v>59</v>
      </c>
      <c r="BL2">
        <v>60</v>
      </c>
      <c r="BM2">
        <v>61</v>
      </c>
      <c r="BN2">
        <v>62</v>
      </c>
      <c r="BO2">
        <v>63</v>
      </c>
      <c r="BP2">
        <v>64</v>
      </c>
      <c r="BQ2">
        <v>65</v>
      </c>
      <c r="BR2">
        <v>66</v>
      </c>
      <c r="BS2">
        <v>67</v>
      </c>
      <c r="BT2">
        <v>68</v>
      </c>
      <c r="BU2">
        <v>69</v>
      </c>
      <c r="BV2">
        <v>70</v>
      </c>
      <c r="BW2">
        <v>71</v>
      </c>
      <c r="BX2">
        <v>72</v>
      </c>
      <c r="BY2">
        <v>73</v>
      </c>
      <c r="BZ2">
        <v>74</v>
      </c>
      <c r="CA2">
        <v>75</v>
      </c>
      <c r="CB2">
        <v>76</v>
      </c>
      <c r="CC2">
        <v>77</v>
      </c>
      <c r="CD2">
        <v>78</v>
      </c>
      <c r="CE2">
        <v>79</v>
      </c>
      <c r="CF2">
        <v>80</v>
      </c>
      <c r="CG2">
        <v>81</v>
      </c>
      <c r="CH2">
        <v>82</v>
      </c>
      <c r="CI2">
        <v>83</v>
      </c>
      <c r="CJ2">
        <v>84</v>
      </c>
      <c r="CK2">
        <v>85</v>
      </c>
      <c r="CL2">
        <v>86</v>
      </c>
      <c r="CM2">
        <v>87</v>
      </c>
      <c r="CN2">
        <v>88</v>
      </c>
      <c r="CO2">
        <v>89</v>
      </c>
      <c r="CP2">
        <v>90</v>
      </c>
      <c r="CQ2">
        <v>91</v>
      </c>
      <c r="CR2">
        <v>92</v>
      </c>
      <c r="CS2">
        <v>93</v>
      </c>
      <c r="CT2">
        <v>94</v>
      </c>
      <c r="CU2">
        <v>95</v>
      </c>
      <c r="CV2">
        <v>96</v>
      </c>
      <c r="CW2">
        <v>97</v>
      </c>
      <c r="CX2">
        <v>98</v>
      </c>
      <c r="CY2">
        <v>99</v>
      </c>
      <c r="CZ2">
        <v>100</v>
      </c>
      <c r="DA2">
        <v>101</v>
      </c>
      <c r="DB2">
        <v>102</v>
      </c>
      <c r="DC2">
        <v>103</v>
      </c>
      <c r="DD2">
        <v>104</v>
      </c>
      <c r="DE2">
        <v>105</v>
      </c>
      <c r="DF2">
        <v>106</v>
      </c>
      <c r="DG2">
        <v>107</v>
      </c>
      <c r="DH2">
        <v>108</v>
      </c>
      <c r="DI2">
        <v>109</v>
      </c>
      <c r="DJ2">
        <v>110</v>
      </c>
      <c r="DK2">
        <v>111</v>
      </c>
      <c r="DL2">
        <v>112</v>
      </c>
      <c r="DM2">
        <v>113</v>
      </c>
      <c r="DN2">
        <v>114</v>
      </c>
      <c r="DO2">
        <v>115</v>
      </c>
      <c r="DP2">
        <v>116</v>
      </c>
      <c r="DQ2">
        <v>117</v>
      </c>
      <c r="DR2">
        <v>118</v>
      </c>
      <c r="DS2">
        <v>119</v>
      </c>
      <c r="DT2">
        <v>120</v>
      </c>
      <c r="DU2">
        <v>121</v>
      </c>
      <c r="DV2">
        <v>122</v>
      </c>
      <c r="DW2">
        <v>123</v>
      </c>
      <c r="DX2">
        <v>124</v>
      </c>
      <c r="DY2">
        <v>125</v>
      </c>
      <c r="DZ2">
        <v>126</v>
      </c>
      <c r="EA2">
        <v>127</v>
      </c>
      <c r="EB2">
        <v>128</v>
      </c>
      <c r="EC2">
        <v>129</v>
      </c>
      <c r="ED2">
        <v>130</v>
      </c>
      <c r="EE2">
        <v>131</v>
      </c>
      <c r="EF2">
        <v>132</v>
      </c>
      <c r="EG2">
        <v>133</v>
      </c>
      <c r="EH2">
        <v>134</v>
      </c>
      <c r="EI2">
        <v>135</v>
      </c>
      <c r="EJ2">
        <v>136</v>
      </c>
      <c r="EK2">
        <v>137</v>
      </c>
      <c r="EL2">
        <v>138</v>
      </c>
      <c r="EM2">
        <v>139</v>
      </c>
      <c r="EN2">
        <v>140</v>
      </c>
      <c r="EO2">
        <v>141</v>
      </c>
      <c r="EP2">
        <v>142</v>
      </c>
      <c r="EQ2">
        <v>143</v>
      </c>
      <c r="ER2">
        <v>144</v>
      </c>
      <c r="ES2">
        <v>145</v>
      </c>
      <c r="ET2">
        <v>146</v>
      </c>
      <c r="EU2">
        <v>147</v>
      </c>
      <c r="EV2">
        <v>148</v>
      </c>
      <c r="EW2">
        <v>149</v>
      </c>
      <c r="EX2">
        <v>150</v>
      </c>
      <c r="EY2">
        <v>151</v>
      </c>
      <c r="EZ2">
        <v>152</v>
      </c>
      <c r="FA2">
        <v>153</v>
      </c>
      <c r="FB2">
        <v>154</v>
      </c>
      <c r="FC2">
        <v>155</v>
      </c>
      <c r="FD2">
        <v>156</v>
      </c>
      <c r="FE2">
        <v>157</v>
      </c>
      <c r="FF2">
        <v>158</v>
      </c>
      <c r="FG2">
        <v>159</v>
      </c>
      <c r="FH2">
        <v>160</v>
      </c>
      <c r="FI2">
        <v>161</v>
      </c>
      <c r="FJ2">
        <v>162</v>
      </c>
      <c r="FK2">
        <v>163</v>
      </c>
      <c r="FL2">
        <v>164</v>
      </c>
      <c r="FM2">
        <v>165</v>
      </c>
      <c r="FN2">
        <v>166</v>
      </c>
      <c r="FO2">
        <v>167</v>
      </c>
      <c r="FP2">
        <v>168</v>
      </c>
    </row>
    <row r="3" spans="2:172" x14ac:dyDescent="0.25">
      <c r="B3" s="222" t="s">
        <v>10</v>
      </c>
      <c r="C3" s="17">
        <v>1</v>
      </c>
      <c r="D3" s="31">
        <v>0</v>
      </c>
      <c r="E3" s="32">
        <v>0</v>
      </c>
      <c r="F3" s="32">
        <v>0</v>
      </c>
      <c r="G3" s="32">
        <v>0</v>
      </c>
      <c r="H3" s="32">
        <v>0</v>
      </c>
      <c r="I3" s="32">
        <v>0</v>
      </c>
      <c r="J3" s="32">
        <v>0</v>
      </c>
      <c r="K3" s="32">
        <v>1.2E-2</v>
      </c>
      <c r="L3" s="32">
        <v>1.35E-2</v>
      </c>
      <c r="M3" s="32">
        <v>1.4999999999999999E-2</v>
      </c>
      <c r="N3" s="32">
        <v>1.4999999999999999E-2</v>
      </c>
      <c r="O3" s="32">
        <v>1.7999999999999999E-2</v>
      </c>
      <c r="P3" s="32">
        <v>1.7999999999999999E-2</v>
      </c>
      <c r="Q3" s="32">
        <v>1.2E-2</v>
      </c>
      <c r="R3" s="32">
        <v>1.7999999999999999E-2</v>
      </c>
      <c r="S3" s="32">
        <v>1.7999999999999999E-2</v>
      </c>
      <c r="T3" s="32">
        <v>1.0499999999999999E-2</v>
      </c>
      <c r="U3" s="32">
        <v>3.0000000000000001E-3</v>
      </c>
      <c r="V3" s="32">
        <v>0</v>
      </c>
      <c r="W3" s="32">
        <v>0</v>
      </c>
      <c r="X3" s="32">
        <v>0</v>
      </c>
      <c r="Y3" s="32">
        <v>0</v>
      </c>
      <c r="Z3" s="32">
        <v>0</v>
      </c>
      <c r="AA3" s="33">
        <v>0</v>
      </c>
      <c r="AB3">
        <v>0</v>
      </c>
      <c r="AC3">
        <v>0</v>
      </c>
      <c r="AD3">
        <v>0</v>
      </c>
      <c r="AE3">
        <v>0</v>
      </c>
      <c r="AF3">
        <v>0</v>
      </c>
      <c r="AG3">
        <v>0</v>
      </c>
      <c r="AH3">
        <v>0</v>
      </c>
      <c r="AI3">
        <v>1.9E-2</v>
      </c>
      <c r="AJ3">
        <f>(AI3+AK3)/2</f>
        <v>2.12E-2</v>
      </c>
      <c r="AK3">
        <v>2.3400000000000001E-2</v>
      </c>
      <c r="AL3">
        <v>2.3400000000000001E-2</v>
      </c>
      <c r="AM3">
        <v>2.8000000000000001E-2</v>
      </c>
      <c r="AN3">
        <v>2.8000000000000001E-2</v>
      </c>
      <c r="AO3">
        <v>1.8599999999999998E-2</v>
      </c>
      <c r="AP3">
        <v>2.8000000000000001E-2</v>
      </c>
      <c r="AQ3">
        <v>2.8000000000000001E-2</v>
      </c>
      <c r="AR3">
        <f>(AQ3+AS3)/2</f>
        <v>1.6500000000000001E-2</v>
      </c>
      <c r="AS3">
        <v>5.0000000000000001E-3</v>
      </c>
      <c r="AT3">
        <v>0</v>
      </c>
      <c r="AU3">
        <v>0</v>
      </c>
      <c r="AV3">
        <v>0</v>
      </c>
      <c r="AW3">
        <v>0</v>
      </c>
      <c r="AX3">
        <v>0</v>
      </c>
      <c r="AY3">
        <v>0</v>
      </c>
      <c r="AZ3">
        <v>0</v>
      </c>
      <c r="BA3">
        <v>0</v>
      </c>
      <c r="BB3">
        <v>0</v>
      </c>
      <c r="BC3">
        <v>0</v>
      </c>
      <c r="BD3">
        <v>0</v>
      </c>
      <c r="BE3">
        <v>0</v>
      </c>
      <c r="BF3">
        <v>0</v>
      </c>
      <c r="BG3">
        <v>1.9E-2</v>
      </c>
      <c r="BH3">
        <f>(BG3+BI3)/2</f>
        <v>2.12E-2</v>
      </c>
      <c r="BI3">
        <v>2.3400000000000001E-2</v>
      </c>
      <c r="BJ3">
        <v>2.3400000000000001E-2</v>
      </c>
      <c r="BK3">
        <v>2.8000000000000001E-2</v>
      </c>
      <c r="BL3">
        <v>2.8000000000000001E-2</v>
      </c>
      <c r="BM3">
        <v>1.8599999999999998E-2</v>
      </c>
      <c r="BN3">
        <v>2.8000000000000001E-2</v>
      </c>
      <c r="BO3">
        <v>2.8000000000000001E-2</v>
      </c>
      <c r="BP3">
        <f>(BO3+BQ3)/2</f>
        <v>1.6500000000000001E-2</v>
      </c>
      <c r="BQ3">
        <v>5.0000000000000001E-3</v>
      </c>
      <c r="BR3">
        <v>0</v>
      </c>
      <c r="BS3">
        <v>0</v>
      </c>
      <c r="BT3">
        <v>0</v>
      </c>
      <c r="BU3">
        <v>0</v>
      </c>
      <c r="BV3">
        <v>0</v>
      </c>
      <c r="BW3">
        <v>0</v>
      </c>
      <c r="BX3">
        <v>0</v>
      </c>
      <c r="BY3">
        <v>0</v>
      </c>
      <c r="BZ3">
        <v>0</v>
      </c>
      <c r="CA3">
        <v>0</v>
      </c>
      <c r="CB3">
        <v>0</v>
      </c>
      <c r="CC3">
        <v>0</v>
      </c>
      <c r="CD3">
        <v>0</v>
      </c>
      <c r="CE3">
        <v>1.9E-2</v>
      </c>
      <c r="CF3">
        <f>(CE3+CG3)/2</f>
        <v>2.12E-2</v>
      </c>
      <c r="CG3">
        <v>2.3400000000000001E-2</v>
      </c>
      <c r="CH3">
        <v>2.3400000000000001E-2</v>
      </c>
      <c r="CI3">
        <v>2.8000000000000001E-2</v>
      </c>
      <c r="CJ3">
        <v>2.8000000000000001E-2</v>
      </c>
      <c r="CK3">
        <v>1.8599999999999998E-2</v>
      </c>
      <c r="CL3">
        <v>2.8000000000000001E-2</v>
      </c>
      <c r="CM3">
        <v>2.8000000000000001E-2</v>
      </c>
      <c r="CN3">
        <f>(CM3+CO3)/2</f>
        <v>1.6500000000000001E-2</v>
      </c>
      <c r="CO3">
        <v>5.0000000000000001E-3</v>
      </c>
      <c r="CP3">
        <v>0</v>
      </c>
      <c r="CQ3">
        <v>0</v>
      </c>
      <c r="CR3">
        <v>0</v>
      </c>
      <c r="CS3">
        <v>0</v>
      </c>
      <c r="CT3">
        <v>0</v>
      </c>
      <c r="CU3">
        <v>0</v>
      </c>
      <c r="CV3">
        <v>0</v>
      </c>
      <c r="CW3">
        <v>0</v>
      </c>
      <c r="CX3">
        <v>0</v>
      </c>
      <c r="CY3">
        <v>0</v>
      </c>
      <c r="CZ3">
        <v>0</v>
      </c>
      <c r="DA3">
        <v>0</v>
      </c>
      <c r="DB3">
        <v>0</v>
      </c>
      <c r="DC3">
        <v>1.2E-2</v>
      </c>
      <c r="DD3">
        <v>1.4999999999999999E-2</v>
      </c>
      <c r="DE3">
        <v>1.6500000000000001E-2</v>
      </c>
      <c r="DF3">
        <v>1.6500000000000001E-2</v>
      </c>
      <c r="DG3">
        <v>1.95E-2</v>
      </c>
      <c r="DH3">
        <v>1.95E-2</v>
      </c>
      <c r="DI3">
        <v>1.35E-2</v>
      </c>
      <c r="DJ3">
        <v>1.95E-2</v>
      </c>
      <c r="DK3">
        <v>1.4999999999999999E-2</v>
      </c>
      <c r="DL3">
        <v>3.0000000000000001E-3</v>
      </c>
      <c r="DM3">
        <v>0</v>
      </c>
      <c r="DN3">
        <v>0</v>
      </c>
      <c r="DO3">
        <v>0</v>
      </c>
      <c r="DP3">
        <v>0</v>
      </c>
      <c r="DQ3">
        <v>0</v>
      </c>
      <c r="DR3">
        <v>0</v>
      </c>
      <c r="DS3">
        <v>0</v>
      </c>
      <c r="DT3">
        <v>0</v>
      </c>
      <c r="DU3">
        <v>0</v>
      </c>
      <c r="DV3">
        <v>0</v>
      </c>
      <c r="DW3">
        <v>0</v>
      </c>
      <c r="DX3">
        <v>0</v>
      </c>
      <c r="DY3">
        <v>0</v>
      </c>
      <c r="DZ3">
        <v>0</v>
      </c>
      <c r="EA3">
        <v>0</v>
      </c>
      <c r="EB3">
        <v>0</v>
      </c>
      <c r="EC3">
        <v>0</v>
      </c>
      <c r="ED3">
        <v>0</v>
      </c>
      <c r="EE3">
        <v>0</v>
      </c>
      <c r="EF3">
        <v>0</v>
      </c>
      <c r="EG3">
        <v>0</v>
      </c>
      <c r="EH3">
        <v>0</v>
      </c>
      <c r="EI3">
        <v>0</v>
      </c>
      <c r="EJ3">
        <v>0</v>
      </c>
      <c r="EK3">
        <v>0</v>
      </c>
      <c r="EL3">
        <v>0</v>
      </c>
      <c r="EM3">
        <v>0</v>
      </c>
      <c r="EN3">
        <v>0</v>
      </c>
      <c r="EO3">
        <v>0</v>
      </c>
      <c r="EP3">
        <v>0</v>
      </c>
      <c r="EQ3">
        <v>0</v>
      </c>
      <c r="ER3">
        <v>0</v>
      </c>
      <c r="ES3">
        <v>0</v>
      </c>
      <c r="ET3">
        <v>0</v>
      </c>
      <c r="EU3">
        <v>0</v>
      </c>
      <c r="EV3">
        <v>0</v>
      </c>
      <c r="EW3">
        <v>0</v>
      </c>
      <c r="EX3">
        <v>0</v>
      </c>
      <c r="EY3">
        <v>0</v>
      </c>
      <c r="EZ3">
        <v>0</v>
      </c>
      <c r="FA3">
        <v>0</v>
      </c>
      <c r="FB3">
        <v>0</v>
      </c>
      <c r="FC3">
        <v>0</v>
      </c>
      <c r="FD3">
        <v>0</v>
      </c>
      <c r="FE3">
        <v>0</v>
      </c>
      <c r="FF3">
        <v>0</v>
      </c>
      <c r="FG3">
        <v>0</v>
      </c>
      <c r="FH3">
        <v>0</v>
      </c>
      <c r="FI3">
        <v>0</v>
      </c>
      <c r="FJ3">
        <v>0</v>
      </c>
      <c r="FK3">
        <v>0</v>
      </c>
      <c r="FL3">
        <v>0</v>
      </c>
      <c r="FM3">
        <v>0</v>
      </c>
      <c r="FN3">
        <v>0</v>
      </c>
      <c r="FO3">
        <v>0</v>
      </c>
      <c r="FP3">
        <v>0</v>
      </c>
    </row>
    <row r="4" spans="2:172" x14ac:dyDescent="0.25">
      <c r="B4" s="222"/>
      <c r="C4" s="17">
        <v>2</v>
      </c>
      <c r="D4" s="34">
        <v>0</v>
      </c>
      <c r="E4" s="16">
        <v>0</v>
      </c>
      <c r="F4" s="16">
        <v>0</v>
      </c>
      <c r="G4" s="16">
        <v>0</v>
      </c>
      <c r="H4" s="16">
        <v>0</v>
      </c>
      <c r="I4" s="16">
        <v>0</v>
      </c>
      <c r="J4" s="16">
        <v>0</v>
      </c>
      <c r="K4" s="16">
        <v>1.9E-2</v>
      </c>
      <c r="L4" s="16">
        <v>2.12E-2</v>
      </c>
      <c r="M4" s="16">
        <v>2.3400000000000001E-2</v>
      </c>
      <c r="N4" s="16">
        <v>2.3400000000000001E-2</v>
      </c>
      <c r="O4" s="16">
        <v>2.8000000000000001E-2</v>
      </c>
      <c r="P4" s="16">
        <v>2.8000000000000001E-2</v>
      </c>
      <c r="Q4" s="16">
        <v>1.8599999999999998E-2</v>
      </c>
      <c r="R4" s="16">
        <v>2.8000000000000001E-2</v>
      </c>
      <c r="S4" s="16">
        <v>2.8000000000000001E-2</v>
      </c>
      <c r="T4" s="16">
        <v>1.6500000000000001E-2</v>
      </c>
      <c r="U4" s="16">
        <v>5.0000000000000001E-3</v>
      </c>
      <c r="V4" s="16">
        <v>0</v>
      </c>
      <c r="W4" s="16">
        <v>0</v>
      </c>
      <c r="X4" s="16">
        <v>0</v>
      </c>
      <c r="Y4" s="16">
        <v>0</v>
      </c>
      <c r="Z4" s="16">
        <v>0</v>
      </c>
      <c r="AA4" s="35">
        <v>0</v>
      </c>
    </row>
    <row r="5" spans="2:172" x14ac:dyDescent="0.25">
      <c r="B5" s="222"/>
      <c r="C5" s="17">
        <v>3</v>
      </c>
      <c r="D5" s="34">
        <v>0</v>
      </c>
      <c r="E5" s="16">
        <v>0</v>
      </c>
      <c r="F5" s="16">
        <v>0</v>
      </c>
      <c r="G5" s="16">
        <v>0</v>
      </c>
      <c r="H5" s="16">
        <v>0</v>
      </c>
      <c r="I5" s="16">
        <v>0</v>
      </c>
      <c r="J5" s="16">
        <v>0</v>
      </c>
      <c r="K5" s="16">
        <v>1.9E-2</v>
      </c>
      <c r="L5" s="16">
        <v>2.12E-2</v>
      </c>
      <c r="M5" s="16">
        <v>2.3400000000000001E-2</v>
      </c>
      <c r="N5" s="16">
        <v>2.3400000000000001E-2</v>
      </c>
      <c r="O5" s="16">
        <v>2.8000000000000001E-2</v>
      </c>
      <c r="P5" s="16">
        <v>2.8000000000000001E-2</v>
      </c>
      <c r="Q5" s="16">
        <v>1.8599999999999998E-2</v>
      </c>
      <c r="R5" s="16">
        <v>2.8000000000000001E-2</v>
      </c>
      <c r="S5" s="16">
        <v>2.8000000000000001E-2</v>
      </c>
      <c r="T5" s="16">
        <v>1.6500000000000001E-2</v>
      </c>
      <c r="U5" s="16">
        <v>5.0000000000000001E-3</v>
      </c>
      <c r="V5" s="16">
        <v>0</v>
      </c>
      <c r="W5" s="16">
        <v>0</v>
      </c>
      <c r="X5" s="16">
        <v>0</v>
      </c>
      <c r="Y5" s="16">
        <v>0</v>
      </c>
      <c r="Z5" s="16">
        <v>0</v>
      </c>
      <c r="AA5" s="35">
        <v>0</v>
      </c>
    </row>
    <row r="6" spans="2:172" x14ac:dyDescent="0.25">
      <c r="B6" s="222"/>
      <c r="C6" s="17">
        <v>4</v>
      </c>
      <c r="D6" s="34">
        <v>0</v>
      </c>
      <c r="E6" s="16">
        <v>0</v>
      </c>
      <c r="F6" s="16">
        <v>0</v>
      </c>
      <c r="G6" s="16">
        <v>0</v>
      </c>
      <c r="H6" s="16">
        <v>0</v>
      </c>
      <c r="I6" s="16">
        <v>0</v>
      </c>
      <c r="J6" s="16">
        <v>0</v>
      </c>
      <c r="K6" s="16">
        <v>1.9E-2</v>
      </c>
      <c r="L6" s="16">
        <v>2.12E-2</v>
      </c>
      <c r="M6" s="16">
        <v>2.3400000000000001E-2</v>
      </c>
      <c r="N6" s="16">
        <v>2.3400000000000001E-2</v>
      </c>
      <c r="O6" s="16">
        <v>2.8000000000000001E-2</v>
      </c>
      <c r="P6" s="16">
        <v>2.8000000000000001E-2</v>
      </c>
      <c r="Q6" s="16">
        <v>1.8599999999999998E-2</v>
      </c>
      <c r="R6" s="16">
        <v>2.8000000000000001E-2</v>
      </c>
      <c r="S6" s="16">
        <v>2.8000000000000001E-2</v>
      </c>
      <c r="T6" s="16">
        <v>1.6500000000000001E-2</v>
      </c>
      <c r="U6" s="16">
        <v>5.0000000000000001E-3</v>
      </c>
      <c r="V6" s="16">
        <v>0</v>
      </c>
      <c r="W6" s="16">
        <v>0</v>
      </c>
      <c r="X6" s="16">
        <v>0</v>
      </c>
      <c r="Y6" s="16">
        <v>0</v>
      </c>
      <c r="Z6" s="16">
        <v>0</v>
      </c>
      <c r="AA6" s="35">
        <v>0</v>
      </c>
    </row>
    <row r="7" spans="2:172" x14ac:dyDescent="0.25">
      <c r="B7" s="222"/>
      <c r="C7" s="17">
        <v>5</v>
      </c>
      <c r="D7" s="34">
        <v>0</v>
      </c>
      <c r="E7" s="16">
        <v>0</v>
      </c>
      <c r="F7" s="16">
        <v>0</v>
      </c>
      <c r="G7" s="16">
        <v>0</v>
      </c>
      <c r="H7" s="16">
        <v>0</v>
      </c>
      <c r="I7" s="16">
        <v>0</v>
      </c>
      <c r="J7" s="16">
        <v>0</v>
      </c>
      <c r="K7" s="16">
        <v>1.2E-2</v>
      </c>
      <c r="L7" s="16">
        <v>1.4999999999999999E-2</v>
      </c>
      <c r="M7" s="16">
        <v>1.6500000000000001E-2</v>
      </c>
      <c r="N7" s="16">
        <v>1.6500000000000001E-2</v>
      </c>
      <c r="O7" s="16">
        <v>1.95E-2</v>
      </c>
      <c r="P7" s="16">
        <v>1.95E-2</v>
      </c>
      <c r="Q7" s="16">
        <v>1.35E-2</v>
      </c>
      <c r="R7" s="16">
        <v>1.95E-2</v>
      </c>
      <c r="S7" s="16">
        <v>1.4999999999999999E-2</v>
      </c>
      <c r="T7" s="16">
        <v>3.0000000000000001E-3</v>
      </c>
      <c r="U7" s="16">
        <v>0</v>
      </c>
      <c r="V7" s="16">
        <v>0</v>
      </c>
      <c r="W7" s="16">
        <v>0</v>
      </c>
      <c r="X7" s="16">
        <v>0</v>
      </c>
      <c r="Y7" s="16">
        <v>0</v>
      </c>
      <c r="Z7" s="16">
        <v>0</v>
      </c>
      <c r="AA7" s="35">
        <v>0</v>
      </c>
    </row>
    <row r="8" spans="2:172" x14ac:dyDescent="0.25">
      <c r="B8" s="222"/>
      <c r="C8" s="17">
        <v>6</v>
      </c>
      <c r="D8" s="34">
        <v>0</v>
      </c>
      <c r="E8" s="16">
        <v>0</v>
      </c>
      <c r="F8" s="16">
        <v>0</v>
      </c>
      <c r="G8" s="16">
        <v>0</v>
      </c>
      <c r="H8" s="16">
        <v>0</v>
      </c>
      <c r="I8" s="16">
        <v>0</v>
      </c>
      <c r="J8" s="16">
        <v>0</v>
      </c>
      <c r="K8" s="16">
        <v>0</v>
      </c>
      <c r="L8" s="16">
        <v>0</v>
      </c>
      <c r="M8" s="16">
        <v>0</v>
      </c>
      <c r="N8" s="16">
        <v>0</v>
      </c>
      <c r="O8" s="16">
        <v>0</v>
      </c>
      <c r="P8" s="16">
        <v>0</v>
      </c>
      <c r="Q8" s="16">
        <v>0</v>
      </c>
      <c r="R8" s="16">
        <v>0</v>
      </c>
      <c r="S8" s="16">
        <v>0</v>
      </c>
      <c r="T8" s="16">
        <v>0</v>
      </c>
      <c r="U8" s="16">
        <v>0</v>
      </c>
      <c r="V8" s="16">
        <v>0</v>
      </c>
      <c r="W8" s="16">
        <v>0</v>
      </c>
      <c r="X8" s="16">
        <v>0</v>
      </c>
      <c r="Y8" s="16">
        <v>0</v>
      </c>
      <c r="Z8" s="16">
        <v>0</v>
      </c>
      <c r="AA8" s="35">
        <v>0</v>
      </c>
    </row>
    <row r="9" spans="2:172" ht="15.75" thickBot="1" x14ac:dyDescent="0.3">
      <c r="B9" s="222"/>
      <c r="C9" s="17">
        <v>7</v>
      </c>
      <c r="D9" s="36">
        <v>0</v>
      </c>
      <c r="E9" s="37">
        <v>0</v>
      </c>
      <c r="F9" s="37">
        <v>0</v>
      </c>
      <c r="G9" s="37">
        <v>0</v>
      </c>
      <c r="H9" s="37">
        <v>0</v>
      </c>
      <c r="I9" s="37">
        <v>0</v>
      </c>
      <c r="J9" s="37">
        <v>0</v>
      </c>
      <c r="K9" s="37">
        <v>0</v>
      </c>
      <c r="L9" s="37">
        <v>0</v>
      </c>
      <c r="M9" s="37">
        <v>0</v>
      </c>
      <c r="N9" s="37">
        <v>0</v>
      </c>
      <c r="O9" s="37">
        <v>0</v>
      </c>
      <c r="P9" s="37">
        <v>0</v>
      </c>
      <c r="Q9" s="37">
        <v>0</v>
      </c>
      <c r="R9" s="37">
        <v>0</v>
      </c>
      <c r="S9" s="37">
        <v>0</v>
      </c>
      <c r="T9" s="37">
        <v>0</v>
      </c>
      <c r="U9" s="37">
        <v>0</v>
      </c>
      <c r="V9" s="37">
        <v>0</v>
      </c>
      <c r="W9" s="37">
        <v>0</v>
      </c>
      <c r="X9" s="37">
        <v>0</v>
      </c>
      <c r="Y9" s="37">
        <v>0</v>
      </c>
      <c r="Z9" s="37">
        <v>0</v>
      </c>
      <c r="AA9" s="38">
        <v>0</v>
      </c>
    </row>
    <row r="10" spans="2:172" x14ac:dyDescent="0.25">
      <c r="B10" s="222" t="s">
        <v>41</v>
      </c>
      <c r="C10" s="17">
        <v>1</v>
      </c>
      <c r="D10" s="31">
        <v>1.6000000000000001E-3</v>
      </c>
      <c r="E10" s="32">
        <v>1.6000000000000001E-3</v>
      </c>
      <c r="F10" s="32">
        <v>1.6000000000000001E-3</v>
      </c>
      <c r="G10" s="32">
        <v>1.6000000000000001E-3</v>
      </c>
      <c r="H10" s="32">
        <v>1.6000000000000001E-3</v>
      </c>
      <c r="I10" s="32">
        <v>1.6000000000000001E-3</v>
      </c>
      <c r="J10" s="32">
        <v>1.6000000000000001E-3</v>
      </c>
      <c r="K10" s="32">
        <v>6.96E-3</v>
      </c>
      <c r="L10" s="32">
        <v>7.8300000000000002E-3</v>
      </c>
      <c r="M10" s="32">
        <v>8.6999999999999994E-3</v>
      </c>
      <c r="N10" s="32">
        <v>8.6999999999999994E-3</v>
      </c>
      <c r="O10" s="32">
        <v>1.0439999999999998E-2</v>
      </c>
      <c r="P10" s="32">
        <v>1.0439999999999998E-2</v>
      </c>
      <c r="Q10" s="32">
        <v>6.96E-3</v>
      </c>
      <c r="R10" s="32">
        <v>1.0439999999999998E-2</v>
      </c>
      <c r="S10" s="32">
        <v>1.0439999999999998E-2</v>
      </c>
      <c r="T10" s="32">
        <v>8.6999999999999994E-3</v>
      </c>
      <c r="U10" s="32">
        <v>7.0000000000000001E-3</v>
      </c>
      <c r="V10" s="32">
        <v>2.5000000000000001E-3</v>
      </c>
      <c r="W10" s="32">
        <v>2.5000000000000001E-3</v>
      </c>
      <c r="X10" s="32">
        <v>2.5000000000000001E-3</v>
      </c>
      <c r="Y10" s="32">
        <v>2.5000000000000001E-3</v>
      </c>
      <c r="Z10" s="32">
        <v>2.5000000000000001E-3</v>
      </c>
      <c r="AA10" s="33">
        <v>2.5000000000000001E-3</v>
      </c>
    </row>
    <row r="11" spans="2:172" x14ac:dyDescent="0.25">
      <c r="B11" s="222"/>
      <c r="C11" s="17">
        <v>2</v>
      </c>
      <c r="D11" s="34">
        <v>3.0999999999999999E-3</v>
      </c>
      <c r="E11" s="16">
        <v>3.0999999999999999E-3</v>
      </c>
      <c r="F11" s="16">
        <v>3.0999999999999999E-3</v>
      </c>
      <c r="G11" s="16">
        <v>3.0999999999999999E-3</v>
      </c>
      <c r="H11" s="16">
        <v>3.0999999999999999E-3</v>
      </c>
      <c r="I11" s="16">
        <v>3.0999999999999999E-3</v>
      </c>
      <c r="J11" s="16">
        <v>3.0999999999999999E-3</v>
      </c>
      <c r="K11" s="16">
        <v>8.9299999999999987E-3</v>
      </c>
      <c r="L11" s="16">
        <v>9.9639999999999989E-3</v>
      </c>
      <c r="M11" s="16">
        <v>1.0997999999999999E-2</v>
      </c>
      <c r="N11" s="16">
        <v>1.0997999999999999E-2</v>
      </c>
      <c r="O11" s="16">
        <v>1.316E-2</v>
      </c>
      <c r="P11" s="16">
        <v>1.316E-2</v>
      </c>
      <c r="Q11" s="16">
        <v>8.741999999999998E-3</v>
      </c>
      <c r="R11" s="16">
        <v>1.316E-2</v>
      </c>
      <c r="S11" s="16">
        <v>1.316E-2</v>
      </c>
      <c r="T11" s="16">
        <v>1.0999999999999999E-2</v>
      </c>
      <c r="U11" s="16">
        <v>8.7399999999999995E-3</v>
      </c>
      <c r="V11" s="16">
        <v>3.0999999999999999E-3</v>
      </c>
      <c r="W11" s="16">
        <v>3.0999999999999999E-3</v>
      </c>
      <c r="X11" s="16">
        <v>3.0999999999999999E-3</v>
      </c>
      <c r="Y11" s="16">
        <v>3.0999999999999999E-3</v>
      </c>
      <c r="Z11" s="16">
        <v>3.0999999999999999E-3</v>
      </c>
      <c r="AA11" s="35">
        <v>3.0999999999999999E-3</v>
      </c>
      <c r="AB11">
        <v>24</v>
      </c>
      <c r="AC11">
        <v>25</v>
      </c>
      <c r="AD11">
        <v>26</v>
      </c>
      <c r="AE11">
        <v>27</v>
      </c>
      <c r="AF11">
        <v>28</v>
      </c>
      <c r="AG11">
        <v>29</v>
      </c>
      <c r="AH11">
        <v>30</v>
      </c>
      <c r="AI11">
        <v>31</v>
      </c>
      <c r="AJ11">
        <v>32</v>
      </c>
      <c r="AK11">
        <v>33</v>
      </c>
      <c r="AL11">
        <v>34</v>
      </c>
      <c r="AM11">
        <v>35</v>
      </c>
      <c r="AN11">
        <v>36</v>
      </c>
      <c r="AO11">
        <v>37</v>
      </c>
      <c r="AP11">
        <v>38</v>
      </c>
      <c r="AQ11">
        <v>39</v>
      </c>
      <c r="AR11">
        <v>40</v>
      </c>
      <c r="AS11">
        <v>41</v>
      </c>
      <c r="AT11">
        <v>42</v>
      </c>
      <c r="AU11">
        <v>43</v>
      </c>
      <c r="AV11">
        <v>44</v>
      </c>
      <c r="AW11">
        <v>45</v>
      </c>
      <c r="AX11">
        <v>46</v>
      </c>
      <c r="AY11">
        <v>47</v>
      </c>
      <c r="AZ11">
        <v>48</v>
      </c>
      <c r="BA11">
        <v>49</v>
      </c>
      <c r="BB11">
        <v>50</v>
      </c>
      <c r="BC11">
        <v>51</v>
      </c>
      <c r="BD11">
        <v>52</v>
      </c>
      <c r="BE11">
        <v>53</v>
      </c>
      <c r="BF11">
        <v>54</v>
      </c>
      <c r="BG11">
        <v>55</v>
      </c>
      <c r="BH11">
        <v>56</v>
      </c>
      <c r="BI11">
        <v>57</v>
      </c>
      <c r="BJ11">
        <v>58</v>
      </c>
      <c r="BK11">
        <v>59</v>
      </c>
      <c r="BL11">
        <v>60</v>
      </c>
      <c r="BM11">
        <v>61</v>
      </c>
      <c r="BN11">
        <v>62</v>
      </c>
      <c r="BO11">
        <v>63</v>
      </c>
      <c r="BP11">
        <v>64</v>
      </c>
      <c r="BQ11">
        <v>65</v>
      </c>
      <c r="BR11">
        <v>66</v>
      </c>
      <c r="BS11">
        <v>67</v>
      </c>
      <c r="BT11">
        <v>68</v>
      </c>
      <c r="BU11">
        <v>69</v>
      </c>
      <c r="BV11">
        <v>70</v>
      </c>
      <c r="BW11">
        <v>71</v>
      </c>
      <c r="BX11">
        <v>72</v>
      </c>
      <c r="BY11">
        <v>73</v>
      </c>
      <c r="BZ11">
        <v>74</v>
      </c>
      <c r="CA11">
        <v>75</v>
      </c>
      <c r="CB11">
        <v>76</v>
      </c>
      <c r="CC11">
        <v>77</v>
      </c>
      <c r="CD11">
        <v>78</v>
      </c>
      <c r="CE11">
        <v>79</v>
      </c>
      <c r="CF11">
        <v>80</v>
      </c>
      <c r="CG11">
        <v>81</v>
      </c>
      <c r="CH11">
        <v>82</v>
      </c>
      <c r="CI11">
        <v>83</v>
      </c>
      <c r="CJ11">
        <v>84</v>
      </c>
      <c r="CK11">
        <v>85</v>
      </c>
      <c r="CL11">
        <v>86</v>
      </c>
      <c r="CM11">
        <v>87</v>
      </c>
      <c r="CN11">
        <v>88</v>
      </c>
      <c r="CO11">
        <v>89</v>
      </c>
      <c r="CP11">
        <v>90</v>
      </c>
      <c r="CQ11">
        <v>91</v>
      </c>
      <c r="CR11">
        <v>92</v>
      </c>
      <c r="CS11">
        <v>93</v>
      </c>
      <c r="CT11">
        <v>94</v>
      </c>
      <c r="CU11">
        <v>95</v>
      </c>
      <c r="CV11">
        <v>96</v>
      </c>
      <c r="CW11">
        <v>97</v>
      </c>
      <c r="CX11">
        <v>98</v>
      </c>
      <c r="CY11">
        <v>99</v>
      </c>
      <c r="CZ11">
        <v>100</v>
      </c>
      <c r="DA11">
        <v>101</v>
      </c>
      <c r="DB11">
        <v>102</v>
      </c>
      <c r="DC11">
        <v>103</v>
      </c>
      <c r="DD11">
        <v>104</v>
      </c>
      <c r="DE11">
        <v>105</v>
      </c>
      <c r="DF11">
        <v>106</v>
      </c>
      <c r="DG11">
        <v>107</v>
      </c>
      <c r="DH11">
        <v>108</v>
      </c>
      <c r="DI11">
        <v>109</v>
      </c>
      <c r="DJ11">
        <v>110</v>
      </c>
      <c r="DK11">
        <v>111</v>
      </c>
      <c r="DL11">
        <v>112</v>
      </c>
      <c r="DM11">
        <v>113</v>
      </c>
      <c r="DN11">
        <v>114</v>
      </c>
      <c r="DO11">
        <v>115</v>
      </c>
      <c r="DP11">
        <v>116</v>
      </c>
      <c r="DQ11">
        <v>117</v>
      </c>
      <c r="DR11">
        <v>118</v>
      </c>
      <c r="DS11">
        <v>119</v>
      </c>
      <c r="DT11">
        <v>120</v>
      </c>
      <c r="DU11">
        <v>121</v>
      </c>
      <c r="DV11">
        <v>122</v>
      </c>
      <c r="DW11">
        <v>123</v>
      </c>
      <c r="DX11">
        <v>124</v>
      </c>
      <c r="DY11">
        <v>125</v>
      </c>
      <c r="DZ11">
        <v>126</v>
      </c>
      <c r="EA11">
        <v>127</v>
      </c>
      <c r="EB11">
        <v>128</v>
      </c>
      <c r="EC11">
        <v>129</v>
      </c>
      <c r="ED11">
        <v>130</v>
      </c>
      <c r="EE11">
        <v>131</v>
      </c>
      <c r="EF11">
        <v>132</v>
      </c>
      <c r="EG11">
        <v>133</v>
      </c>
      <c r="EH11">
        <v>134</v>
      </c>
      <c r="EI11">
        <v>135</v>
      </c>
      <c r="EJ11">
        <v>136</v>
      </c>
      <c r="EK11">
        <v>137</v>
      </c>
      <c r="EL11">
        <v>138</v>
      </c>
      <c r="EM11">
        <v>139</v>
      </c>
      <c r="EN11">
        <v>140</v>
      </c>
      <c r="EO11">
        <v>141</v>
      </c>
      <c r="EP11">
        <v>142</v>
      </c>
      <c r="EQ11">
        <v>143</v>
      </c>
      <c r="ER11">
        <v>144</v>
      </c>
      <c r="ES11">
        <v>145</v>
      </c>
      <c r="ET11">
        <v>146</v>
      </c>
      <c r="EU11">
        <v>147</v>
      </c>
      <c r="EV11">
        <v>148</v>
      </c>
      <c r="EW11">
        <v>149</v>
      </c>
      <c r="EX11">
        <v>150</v>
      </c>
      <c r="EY11">
        <v>151</v>
      </c>
      <c r="EZ11">
        <v>152</v>
      </c>
      <c r="FA11">
        <v>153</v>
      </c>
      <c r="FB11">
        <v>154</v>
      </c>
      <c r="FC11">
        <v>155</v>
      </c>
      <c r="FD11">
        <v>156</v>
      </c>
      <c r="FE11">
        <v>157</v>
      </c>
      <c r="FF11">
        <v>158</v>
      </c>
      <c r="FG11">
        <v>159</v>
      </c>
      <c r="FH11">
        <v>160</v>
      </c>
      <c r="FI11">
        <v>161</v>
      </c>
      <c r="FJ11">
        <v>162</v>
      </c>
      <c r="FK11">
        <v>163</v>
      </c>
      <c r="FL11">
        <v>164</v>
      </c>
      <c r="FM11">
        <v>165</v>
      </c>
      <c r="FN11">
        <v>166</v>
      </c>
      <c r="FO11">
        <v>167</v>
      </c>
      <c r="FP11">
        <v>168</v>
      </c>
    </row>
    <row r="12" spans="2:172" x14ac:dyDescent="0.25">
      <c r="B12" s="222"/>
      <c r="C12" s="17">
        <v>3</v>
      </c>
      <c r="D12" s="34">
        <v>4.0000000000000001E-3</v>
      </c>
      <c r="E12" s="16">
        <v>4.0000000000000001E-3</v>
      </c>
      <c r="F12" s="16">
        <v>4.0000000000000001E-3</v>
      </c>
      <c r="G12" s="16">
        <v>4.0000000000000001E-3</v>
      </c>
      <c r="H12" s="16">
        <v>4.0000000000000001E-3</v>
      </c>
      <c r="I12" s="16">
        <v>4.0000000000000001E-3</v>
      </c>
      <c r="J12" s="16">
        <v>4.0000000000000001E-3</v>
      </c>
      <c r="K12" s="16">
        <v>1.1019999999999999E-2</v>
      </c>
      <c r="L12" s="16">
        <v>1.2296E-2</v>
      </c>
      <c r="M12" s="16">
        <v>1.3571999999999999E-2</v>
      </c>
      <c r="N12" s="16">
        <v>1.3571999999999999E-2</v>
      </c>
      <c r="O12" s="16">
        <v>1.6239999999999997E-2</v>
      </c>
      <c r="P12" s="16">
        <v>1.6239999999999997E-2</v>
      </c>
      <c r="Q12" s="16">
        <v>1.0787999999999999E-2</v>
      </c>
      <c r="R12" s="16">
        <v>1.6239999999999997E-2</v>
      </c>
      <c r="S12" s="16">
        <v>1.6239999999999997E-2</v>
      </c>
      <c r="T12" s="16">
        <v>1.357E-2</v>
      </c>
      <c r="U12" s="16">
        <v>1.0789999999999999E-2</v>
      </c>
      <c r="V12" s="16">
        <v>4.0000000000000001E-3</v>
      </c>
      <c r="W12" s="16">
        <v>4.0000000000000001E-3</v>
      </c>
      <c r="X12" s="16">
        <v>4.0000000000000001E-3</v>
      </c>
      <c r="Y12" s="16">
        <v>4.0000000000000001E-3</v>
      </c>
      <c r="Z12" s="16">
        <v>4.0000000000000001E-3</v>
      </c>
      <c r="AA12" s="35">
        <v>4.0000000000000001E-3</v>
      </c>
      <c r="AB12">
        <f t="shared" ref="AB12:AY12" si="0">D11</f>
        <v>3.0999999999999999E-3</v>
      </c>
      <c r="AC12">
        <f t="shared" si="0"/>
        <v>3.0999999999999999E-3</v>
      </c>
      <c r="AD12">
        <f t="shared" si="0"/>
        <v>3.0999999999999999E-3</v>
      </c>
      <c r="AE12">
        <f t="shared" si="0"/>
        <v>3.0999999999999999E-3</v>
      </c>
      <c r="AF12">
        <f t="shared" si="0"/>
        <v>3.0999999999999999E-3</v>
      </c>
      <c r="AG12">
        <f t="shared" si="0"/>
        <v>3.0999999999999999E-3</v>
      </c>
      <c r="AH12">
        <f t="shared" si="0"/>
        <v>3.0999999999999999E-3</v>
      </c>
      <c r="AI12">
        <f t="shared" si="0"/>
        <v>8.9299999999999987E-3</v>
      </c>
      <c r="AJ12">
        <f t="shared" si="0"/>
        <v>9.9639999999999989E-3</v>
      </c>
      <c r="AK12">
        <f t="shared" si="0"/>
        <v>1.0997999999999999E-2</v>
      </c>
      <c r="AL12">
        <f t="shared" si="0"/>
        <v>1.0997999999999999E-2</v>
      </c>
      <c r="AM12">
        <f t="shared" si="0"/>
        <v>1.316E-2</v>
      </c>
      <c r="AN12">
        <f t="shared" si="0"/>
        <v>1.316E-2</v>
      </c>
      <c r="AO12">
        <f t="shared" si="0"/>
        <v>8.741999999999998E-3</v>
      </c>
      <c r="AP12">
        <f t="shared" si="0"/>
        <v>1.316E-2</v>
      </c>
      <c r="AQ12">
        <f t="shared" si="0"/>
        <v>1.316E-2</v>
      </c>
      <c r="AR12">
        <f t="shared" si="0"/>
        <v>1.0999999999999999E-2</v>
      </c>
      <c r="AS12">
        <f t="shared" si="0"/>
        <v>8.7399999999999995E-3</v>
      </c>
      <c r="AT12">
        <f t="shared" si="0"/>
        <v>3.0999999999999999E-3</v>
      </c>
      <c r="AU12">
        <f t="shared" si="0"/>
        <v>3.0999999999999999E-3</v>
      </c>
      <c r="AV12">
        <f t="shared" si="0"/>
        <v>3.0999999999999999E-3</v>
      </c>
      <c r="AW12">
        <f t="shared" si="0"/>
        <v>3.0999999999999999E-3</v>
      </c>
      <c r="AX12">
        <f t="shared" si="0"/>
        <v>3.0999999999999999E-3</v>
      </c>
      <c r="AY12">
        <f t="shared" si="0"/>
        <v>3.0999999999999999E-3</v>
      </c>
      <c r="AZ12">
        <f t="shared" ref="AZ12:BW12" si="1">D12</f>
        <v>4.0000000000000001E-3</v>
      </c>
      <c r="BA12">
        <f t="shared" si="1"/>
        <v>4.0000000000000001E-3</v>
      </c>
      <c r="BB12">
        <f t="shared" si="1"/>
        <v>4.0000000000000001E-3</v>
      </c>
      <c r="BC12">
        <f t="shared" si="1"/>
        <v>4.0000000000000001E-3</v>
      </c>
      <c r="BD12">
        <f t="shared" si="1"/>
        <v>4.0000000000000001E-3</v>
      </c>
      <c r="BE12">
        <f t="shared" si="1"/>
        <v>4.0000000000000001E-3</v>
      </c>
      <c r="BF12">
        <f t="shared" si="1"/>
        <v>4.0000000000000001E-3</v>
      </c>
      <c r="BG12">
        <f t="shared" si="1"/>
        <v>1.1019999999999999E-2</v>
      </c>
      <c r="BH12">
        <f t="shared" si="1"/>
        <v>1.2296E-2</v>
      </c>
      <c r="BI12">
        <f t="shared" si="1"/>
        <v>1.3571999999999999E-2</v>
      </c>
      <c r="BJ12">
        <f t="shared" si="1"/>
        <v>1.3571999999999999E-2</v>
      </c>
      <c r="BK12">
        <f t="shared" si="1"/>
        <v>1.6239999999999997E-2</v>
      </c>
      <c r="BL12">
        <f t="shared" si="1"/>
        <v>1.6239999999999997E-2</v>
      </c>
      <c r="BM12">
        <f t="shared" si="1"/>
        <v>1.0787999999999999E-2</v>
      </c>
      <c r="BN12">
        <f t="shared" si="1"/>
        <v>1.6239999999999997E-2</v>
      </c>
      <c r="BO12">
        <f t="shared" si="1"/>
        <v>1.6239999999999997E-2</v>
      </c>
      <c r="BP12">
        <f t="shared" si="1"/>
        <v>1.357E-2</v>
      </c>
      <c r="BQ12">
        <f t="shared" si="1"/>
        <v>1.0789999999999999E-2</v>
      </c>
      <c r="BR12">
        <f t="shared" si="1"/>
        <v>4.0000000000000001E-3</v>
      </c>
      <c r="BS12">
        <f t="shared" si="1"/>
        <v>4.0000000000000001E-3</v>
      </c>
      <c r="BT12">
        <f t="shared" si="1"/>
        <v>4.0000000000000001E-3</v>
      </c>
      <c r="BU12">
        <f t="shared" si="1"/>
        <v>4.0000000000000001E-3</v>
      </c>
      <c r="BV12">
        <f t="shared" si="1"/>
        <v>4.0000000000000001E-3</v>
      </c>
      <c r="BW12">
        <f t="shared" si="1"/>
        <v>4.0000000000000001E-3</v>
      </c>
      <c r="BX12">
        <f t="shared" ref="BX12:CU12" si="2">D13</f>
        <v>4.0000000000000001E-3</v>
      </c>
      <c r="BY12">
        <f t="shared" si="2"/>
        <v>4.0000000000000001E-3</v>
      </c>
      <c r="BZ12">
        <f t="shared" si="2"/>
        <v>4.0000000000000001E-3</v>
      </c>
      <c r="CA12">
        <f t="shared" si="2"/>
        <v>4.0000000000000001E-3</v>
      </c>
      <c r="CB12">
        <f t="shared" si="2"/>
        <v>4.0000000000000001E-3</v>
      </c>
      <c r="CC12">
        <f t="shared" si="2"/>
        <v>4.0000000000000001E-3</v>
      </c>
      <c r="CD12">
        <f t="shared" si="2"/>
        <v>4.0000000000000001E-3</v>
      </c>
      <c r="CE12">
        <f t="shared" si="2"/>
        <v>1.1019999999999999E-2</v>
      </c>
      <c r="CF12">
        <f t="shared" si="2"/>
        <v>1.2296E-2</v>
      </c>
      <c r="CG12">
        <f t="shared" si="2"/>
        <v>1.3571999999999999E-2</v>
      </c>
      <c r="CH12">
        <f t="shared" si="2"/>
        <v>1.3571999999999999E-2</v>
      </c>
      <c r="CI12">
        <f t="shared" si="2"/>
        <v>1.6239999999999997E-2</v>
      </c>
      <c r="CJ12">
        <f t="shared" si="2"/>
        <v>1.6239999999999997E-2</v>
      </c>
      <c r="CK12">
        <f t="shared" si="2"/>
        <v>1.0787999999999999E-2</v>
      </c>
      <c r="CL12">
        <f t="shared" si="2"/>
        <v>1.6239999999999997E-2</v>
      </c>
      <c r="CM12">
        <f t="shared" si="2"/>
        <v>1.6239999999999997E-2</v>
      </c>
      <c r="CN12">
        <f t="shared" si="2"/>
        <v>1.357E-2</v>
      </c>
      <c r="CO12">
        <f t="shared" si="2"/>
        <v>1.0789999999999999E-2</v>
      </c>
      <c r="CP12">
        <f t="shared" si="2"/>
        <v>4.0000000000000001E-3</v>
      </c>
      <c r="CQ12">
        <f t="shared" si="2"/>
        <v>4.0000000000000001E-3</v>
      </c>
      <c r="CR12">
        <f t="shared" si="2"/>
        <v>4.0000000000000001E-3</v>
      </c>
      <c r="CS12">
        <f t="shared" si="2"/>
        <v>4.0000000000000001E-3</v>
      </c>
      <c r="CT12">
        <f t="shared" si="2"/>
        <v>4.0000000000000001E-3</v>
      </c>
      <c r="CU12">
        <f t="shared" si="2"/>
        <v>4.0000000000000001E-3</v>
      </c>
      <c r="CV12">
        <f t="shared" ref="CV12:DS12" si="3">D14</f>
        <v>3.0999999999999999E-3</v>
      </c>
      <c r="CW12">
        <f t="shared" si="3"/>
        <v>3.0999999999999999E-3</v>
      </c>
      <c r="CX12">
        <f t="shared" si="3"/>
        <v>3.0999999999999999E-3</v>
      </c>
      <c r="CY12">
        <f t="shared" si="3"/>
        <v>3.0999999999999999E-3</v>
      </c>
      <c r="CZ12">
        <f t="shared" si="3"/>
        <v>3.0999999999999999E-3</v>
      </c>
      <c r="DA12">
        <f t="shared" si="3"/>
        <v>3.0999999999999999E-3</v>
      </c>
      <c r="DB12">
        <f t="shared" si="3"/>
        <v>3.0999999999999999E-3</v>
      </c>
      <c r="DC12">
        <f t="shared" si="3"/>
        <v>8.3999999999999995E-3</v>
      </c>
      <c r="DD12">
        <f t="shared" si="3"/>
        <v>1.0499999999999999E-2</v>
      </c>
      <c r="DE12">
        <f t="shared" si="3"/>
        <v>1.155E-2</v>
      </c>
      <c r="DF12">
        <f t="shared" si="3"/>
        <v>1.155E-2</v>
      </c>
      <c r="DG12">
        <f t="shared" si="3"/>
        <v>1.3649999999999999E-2</v>
      </c>
      <c r="DH12">
        <f t="shared" si="3"/>
        <v>1.3649999999999999E-2</v>
      </c>
      <c r="DI12">
        <f t="shared" si="3"/>
        <v>9.4500000000000001E-3</v>
      </c>
      <c r="DJ12">
        <f t="shared" si="3"/>
        <v>1.3649999999999999E-2</v>
      </c>
      <c r="DK12">
        <f t="shared" si="3"/>
        <v>1.155E-2</v>
      </c>
      <c r="DL12">
        <f t="shared" si="3"/>
        <v>0.01</v>
      </c>
      <c r="DM12">
        <f t="shared" si="3"/>
        <v>8.3999999999999995E-3</v>
      </c>
      <c r="DN12">
        <f t="shared" si="3"/>
        <v>3.0999999999999999E-3</v>
      </c>
      <c r="DO12">
        <f t="shared" si="3"/>
        <v>3.0999999999999999E-3</v>
      </c>
      <c r="DP12">
        <f t="shared" si="3"/>
        <v>3.0999999999999999E-3</v>
      </c>
      <c r="DQ12">
        <f t="shared" si="3"/>
        <v>3.0999999999999999E-3</v>
      </c>
      <c r="DR12">
        <f t="shared" si="3"/>
        <v>3.0999999999999999E-3</v>
      </c>
      <c r="DS12">
        <f t="shared" si="3"/>
        <v>3.0999999999999999E-3</v>
      </c>
      <c r="DT12">
        <f t="shared" ref="DT12:EQ12" si="4">D15</f>
        <v>3.3E-3</v>
      </c>
      <c r="DU12">
        <f t="shared" si="4"/>
        <v>3.3E-3</v>
      </c>
      <c r="DV12">
        <f t="shared" si="4"/>
        <v>3.3E-3</v>
      </c>
      <c r="DW12">
        <f t="shared" si="4"/>
        <v>3.3E-3</v>
      </c>
      <c r="DX12">
        <f t="shared" si="4"/>
        <v>3.3E-3</v>
      </c>
      <c r="DY12">
        <f t="shared" si="4"/>
        <v>3.3E-3</v>
      </c>
      <c r="DZ12">
        <f t="shared" si="4"/>
        <v>3.3E-3</v>
      </c>
      <c r="EA12">
        <f t="shared" si="4"/>
        <v>3.3E-3</v>
      </c>
      <c r="EB12">
        <f t="shared" si="4"/>
        <v>3.3E-3</v>
      </c>
      <c r="EC12">
        <f t="shared" si="4"/>
        <v>3.3E-3</v>
      </c>
      <c r="ED12">
        <f t="shared" si="4"/>
        <v>3.3E-3</v>
      </c>
      <c r="EE12">
        <f t="shared" si="4"/>
        <v>3.3E-3</v>
      </c>
      <c r="EF12">
        <f t="shared" si="4"/>
        <v>3.3E-3</v>
      </c>
      <c r="EG12">
        <f t="shared" si="4"/>
        <v>3.3E-3</v>
      </c>
      <c r="EH12">
        <f t="shared" si="4"/>
        <v>3.3E-3</v>
      </c>
      <c r="EI12">
        <f t="shared" si="4"/>
        <v>3.3E-3</v>
      </c>
      <c r="EJ12">
        <f t="shared" si="4"/>
        <v>3.3E-3</v>
      </c>
      <c r="EK12">
        <f t="shared" si="4"/>
        <v>3.3E-3</v>
      </c>
      <c r="EL12">
        <f t="shared" si="4"/>
        <v>3.3E-3</v>
      </c>
      <c r="EM12">
        <f t="shared" si="4"/>
        <v>3.3E-3</v>
      </c>
      <c r="EN12">
        <f t="shared" si="4"/>
        <v>3.3E-3</v>
      </c>
      <c r="EO12">
        <f t="shared" si="4"/>
        <v>3.3E-3</v>
      </c>
      <c r="EP12">
        <f t="shared" si="4"/>
        <v>3.3E-3</v>
      </c>
      <c r="EQ12">
        <f t="shared" si="4"/>
        <v>3.3E-3</v>
      </c>
      <c r="ER12">
        <f t="shared" ref="ER12:FO12" si="5">D16</f>
        <v>2.3E-3</v>
      </c>
      <c r="ES12">
        <f t="shared" si="5"/>
        <v>2.3E-3</v>
      </c>
      <c r="ET12">
        <f t="shared" si="5"/>
        <v>2.3E-3</v>
      </c>
      <c r="EU12">
        <f t="shared" si="5"/>
        <v>2.3E-3</v>
      </c>
      <c r="EV12">
        <f t="shared" si="5"/>
        <v>2.3E-3</v>
      </c>
      <c r="EW12">
        <f t="shared" si="5"/>
        <v>2.3E-3</v>
      </c>
      <c r="EX12">
        <f t="shared" si="5"/>
        <v>2.3E-3</v>
      </c>
      <c r="EY12">
        <f t="shared" si="5"/>
        <v>2.3E-3</v>
      </c>
      <c r="EZ12">
        <f t="shared" si="5"/>
        <v>2.3E-3</v>
      </c>
      <c r="FA12">
        <f t="shared" si="5"/>
        <v>2.3E-3</v>
      </c>
      <c r="FB12">
        <f t="shared" si="5"/>
        <v>2.3E-3</v>
      </c>
      <c r="FC12">
        <f t="shared" si="5"/>
        <v>2.3E-3</v>
      </c>
      <c r="FD12">
        <f t="shared" si="5"/>
        <v>2.3E-3</v>
      </c>
      <c r="FE12">
        <f t="shared" si="5"/>
        <v>2.3E-3</v>
      </c>
      <c r="FF12">
        <f t="shared" si="5"/>
        <v>2.3E-3</v>
      </c>
      <c r="FG12">
        <f t="shared" si="5"/>
        <v>2.3E-3</v>
      </c>
      <c r="FH12">
        <f t="shared" si="5"/>
        <v>2.3E-3</v>
      </c>
      <c r="FI12">
        <f t="shared" si="5"/>
        <v>2.3E-3</v>
      </c>
      <c r="FJ12">
        <f t="shared" si="5"/>
        <v>2.3E-3</v>
      </c>
      <c r="FK12">
        <f t="shared" si="5"/>
        <v>2.3E-3</v>
      </c>
      <c r="FL12">
        <f t="shared" si="5"/>
        <v>2.3E-3</v>
      </c>
      <c r="FM12">
        <f t="shared" si="5"/>
        <v>2.3E-3</v>
      </c>
      <c r="FN12">
        <f t="shared" si="5"/>
        <v>2.3E-3</v>
      </c>
      <c r="FO12">
        <f t="shared" si="5"/>
        <v>2.3E-3</v>
      </c>
      <c r="FP12">
        <f>FO12</f>
        <v>2.3E-3</v>
      </c>
    </row>
    <row r="13" spans="2:172" x14ac:dyDescent="0.25">
      <c r="B13" s="222"/>
      <c r="C13" s="17">
        <v>4</v>
      </c>
      <c r="D13" s="34">
        <v>4.0000000000000001E-3</v>
      </c>
      <c r="E13" s="16">
        <v>4.0000000000000001E-3</v>
      </c>
      <c r="F13" s="16">
        <v>4.0000000000000001E-3</v>
      </c>
      <c r="G13" s="16">
        <v>4.0000000000000001E-3</v>
      </c>
      <c r="H13" s="16">
        <v>4.0000000000000001E-3</v>
      </c>
      <c r="I13" s="16">
        <v>4.0000000000000001E-3</v>
      </c>
      <c r="J13" s="16">
        <v>4.0000000000000001E-3</v>
      </c>
      <c r="K13" s="16">
        <v>1.1019999999999999E-2</v>
      </c>
      <c r="L13" s="16">
        <v>1.2296E-2</v>
      </c>
      <c r="M13" s="16">
        <v>1.3571999999999999E-2</v>
      </c>
      <c r="N13" s="16">
        <v>1.3571999999999999E-2</v>
      </c>
      <c r="O13" s="16">
        <v>1.6239999999999997E-2</v>
      </c>
      <c r="P13" s="16">
        <v>1.6239999999999997E-2</v>
      </c>
      <c r="Q13" s="16">
        <v>1.0787999999999999E-2</v>
      </c>
      <c r="R13" s="16">
        <v>1.6239999999999997E-2</v>
      </c>
      <c r="S13" s="16">
        <v>1.6239999999999997E-2</v>
      </c>
      <c r="T13" s="16">
        <v>1.357E-2</v>
      </c>
      <c r="U13" s="16">
        <v>1.0789999999999999E-2</v>
      </c>
      <c r="V13" s="16">
        <v>4.0000000000000001E-3</v>
      </c>
      <c r="W13" s="16">
        <v>4.0000000000000001E-3</v>
      </c>
      <c r="X13" s="16">
        <v>4.0000000000000001E-3</v>
      </c>
      <c r="Y13" s="16">
        <v>4.0000000000000001E-3</v>
      </c>
      <c r="Z13" s="16">
        <v>4.0000000000000001E-3</v>
      </c>
      <c r="AA13" s="35">
        <v>4.0000000000000001E-3</v>
      </c>
    </row>
    <row r="14" spans="2:172" x14ac:dyDescent="0.25">
      <c r="B14" s="222"/>
      <c r="C14" s="17">
        <v>5</v>
      </c>
      <c r="D14" s="34">
        <v>3.0999999999999999E-3</v>
      </c>
      <c r="E14" s="16">
        <v>3.0999999999999999E-3</v>
      </c>
      <c r="F14" s="16">
        <v>3.0999999999999999E-3</v>
      </c>
      <c r="G14" s="16">
        <v>3.0999999999999999E-3</v>
      </c>
      <c r="H14" s="16">
        <v>3.0999999999999999E-3</v>
      </c>
      <c r="I14" s="16">
        <v>3.0999999999999999E-3</v>
      </c>
      <c r="J14" s="16">
        <v>3.0999999999999999E-3</v>
      </c>
      <c r="K14" s="16">
        <v>8.3999999999999995E-3</v>
      </c>
      <c r="L14" s="16">
        <v>1.0499999999999999E-2</v>
      </c>
      <c r="M14" s="16">
        <v>1.155E-2</v>
      </c>
      <c r="N14" s="16">
        <v>1.155E-2</v>
      </c>
      <c r="O14" s="16">
        <v>1.3649999999999999E-2</v>
      </c>
      <c r="P14" s="16">
        <v>1.3649999999999999E-2</v>
      </c>
      <c r="Q14" s="16">
        <v>9.4500000000000001E-3</v>
      </c>
      <c r="R14" s="16">
        <v>1.3649999999999999E-2</v>
      </c>
      <c r="S14" s="16">
        <v>1.155E-2</v>
      </c>
      <c r="T14" s="16">
        <v>0.01</v>
      </c>
      <c r="U14" s="16">
        <v>8.3999999999999995E-3</v>
      </c>
      <c r="V14" s="16">
        <v>3.0999999999999999E-3</v>
      </c>
      <c r="W14" s="16">
        <v>3.0999999999999999E-3</v>
      </c>
      <c r="X14" s="16">
        <v>3.0999999999999999E-3</v>
      </c>
      <c r="Y14" s="16">
        <v>3.0999999999999999E-3</v>
      </c>
      <c r="Z14" s="16">
        <v>3.0999999999999999E-3</v>
      </c>
      <c r="AA14" s="35">
        <v>3.0999999999999999E-3</v>
      </c>
    </row>
    <row r="15" spans="2:172" x14ac:dyDescent="0.25">
      <c r="B15" s="222"/>
      <c r="C15" s="17">
        <v>6</v>
      </c>
      <c r="D15" s="34">
        <v>3.3E-3</v>
      </c>
      <c r="E15" s="16">
        <v>3.3E-3</v>
      </c>
      <c r="F15" s="16">
        <v>3.3E-3</v>
      </c>
      <c r="G15" s="16">
        <v>3.3E-3</v>
      </c>
      <c r="H15" s="16">
        <v>3.3E-3</v>
      </c>
      <c r="I15" s="16">
        <v>3.3E-3</v>
      </c>
      <c r="J15" s="16">
        <v>3.3E-3</v>
      </c>
      <c r="K15" s="16">
        <v>3.3E-3</v>
      </c>
      <c r="L15" s="16">
        <v>3.3E-3</v>
      </c>
      <c r="M15" s="16">
        <v>3.3E-3</v>
      </c>
      <c r="N15" s="16">
        <v>3.3E-3</v>
      </c>
      <c r="O15" s="16">
        <v>3.3E-3</v>
      </c>
      <c r="P15" s="16">
        <v>3.3E-3</v>
      </c>
      <c r="Q15" s="16">
        <v>3.3E-3</v>
      </c>
      <c r="R15" s="16">
        <v>3.3E-3</v>
      </c>
      <c r="S15" s="16">
        <v>3.3E-3</v>
      </c>
      <c r="T15" s="16">
        <v>3.3E-3</v>
      </c>
      <c r="U15" s="16">
        <v>3.3E-3</v>
      </c>
      <c r="V15" s="16">
        <v>3.3E-3</v>
      </c>
      <c r="W15" s="16">
        <v>3.3E-3</v>
      </c>
      <c r="X15" s="16">
        <v>3.3E-3</v>
      </c>
      <c r="Y15" s="16">
        <v>3.3E-3</v>
      </c>
      <c r="Z15" s="16">
        <v>3.3E-3</v>
      </c>
      <c r="AA15" s="35">
        <v>3.3E-3</v>
      </c>
    </row>
    <row r="16" spans="2:172" ht="15.75" thickBot="1" x14ac:dyDescent="0.3">
      <c r="B16" s="222"/>
      <c r="C16" s="17">
        <v>7</v>
      </c>
      <c r="D16" s="36">
        <v>2.3E-3</v>
      </c>
      <c r="E16" s="37">
        <v>2.3E-3</v>
      </c>
      <c r="F16" s="37">
        <v>2.3E-3</v>
      </c>
      <c r="G16" s="37">
        <v>2.3E-3</v>
      </c>
      <c r="H16" s="37">
        <v>2.3E-3</v>
      </c>
      <c r="I16" s="37">
        <v>2.3E-3</v>
      </c>
      <c r="J16" s="37">
        <v>2.3E-3</v>
      </c>
      <c r="K16" s="37">
        <v>2.3E-3</v>
      </c>
      <c r="L16" s="37">
        <v>2.3E-3</v>
      </c>
      <c r="M16" s="37">
        <v>2.3E-3</v>
      </c>
      <c r="N16" s="37">
        <v>2.3E-3</v>
      </c>
      <c r="O16" s="37">
        <v>2.3E-3</v>
      </c>
      <c r="P16" s="37">
        <v>2.3E-3</v>
      </c>
      <c r="Q16" s="37">
        <v>2.3E-3</v>
      </c>
      <c r="R16" s="37">
        <v>2.3E-3</v>
      </c>
      <c r="S16" s="37">
        <v>2.3E-3</v>
      </c>
      <c r="T16" s="37">
        <v>2.3E-3</v>
      </c>
      <c r="U16" s="37">
        <v>2.3E-3</v>
      </c>
      <c r="V16" s="37">
        <v>2.3E-3</v>
      </c>
      <c r="W16" s="37">
        <v>2.3E-3</v>
      </c>
      <c r="X16" s="37">
        <v>2.3E-3</v>
      </c>
      <c r="Y16" s="37">
        <v>2.3E-3</v>
      </c>
      <c r="Z16" s="37">
        <v>2.3E-3</v>
      </c>
      <c r="AA16" s="38">
        <v>2.3E-3</v>
      </c>
    </row>
    <row r="17" spans="2:172" x14ac:dyDescent="0.25">
      <c r="B17" s="222" t="s">
        <v>42</v>
      </c>
      <c r="C17" s="17">
        <v>1</v>
      </c>
      <c r="D17" s="31">
        <v>1.1999999999999999E-3</v>
      </c>
      <c r="E17" s="32">
        <v>1.1999999999999999E-3</v>
      </c>
      <c r="F17" s="32">
        <v>1.1999999999999999E-3</v>
      </c>
      <c r="G17" s="32">
        <v>1.1999999999999999E-3</v>
      </c>
      <c r="H17" s="32">
        <v>1.1999999999999999E-3</v>
      </c>
      <c r="I17" s="32">
        <v>5.1999999999999998E-3</v>
      </c>
      <c r="J17" s="32">
        <v>5.8999999999999999E-3</v>
      </c>
      <c r="K17" s="32">
        <v>5.8999999999999999E-3</v>
      </c>
      <c r="L17" s="32">
        <v>5.8999999999999999E-3</v>
      </c>
      <c r="M17" s="32">
        <v>6.3E-3</v>
      </c>
      <c r="N17" s="32">
        <v>6.3E-3</v>
      </c>
      <c r="O17" s="32">
        <v>8.0000000000000002E-3</v>
      </c>
      <c r="P17" s="32">
        <v>8.0000000000000002E-3</v>
      </c>
      <c r="Q17" s="32">
        <v>5.3E-3</v>
      </c>
      <c r="R17" s="32">
        <v>8.0000000000000002E-3</v>
      </c>
      <c r="S17" s="32">
        <v>8.0000000000000002E-3</v>
      </c>
      <c r="T17" s="32">
        <v>8.0000000000000002E-3</v>
      </c>
      <c r="U17" s="32">
        <v>8.0000000000000002E-3</v>
      </c>
      <c r="V17" s="32">
        <v>8.0000000000000002E-3</v>
      </c>
      <c r="W17" s="32">
        <v>6.7000000000000002E-3</v>
      </c>
      <c r="X17" s="32">
        <v>5.4999999999999997E-3</v>
      </c>
      <c r="Y17" s="32">
        <v>4.0000000000000001E-3</v>
      </c>
      <c r="Z17" s="32">
        <v>3.8E-3</v>
      </c>
      <c r="AA17" s="33">
        <v>3.8E-3</v>
      </c>
    </row>
    <row r="18" spans="2:172" x14ac:dyDescent="0.25">
      <c r="B18" s="222"/>
      <c r="C18" s="17">
        <v>2</v>
      </c>
      <c r="D18" s="34">
        <v>4.0000000000000001E-3</v>
      </c>
      <c r="E18" s="16">
        <v>4.0000000000000001E-3</v>
      </c>
      <c r="F18" s="16">
        <v>4.0000000000000001E-3</v>
      </c>
      <c r="G18" s="16">
        <v>4.0000000000000001E-3</v>
      </c>
      <c r="H18" s="16">
        <v>4.0000000000000001E-3</v>
      </c>
      <c r="I18" s="16">
        <v>5.1999999999999998E-3</v>
      </c>
      <c r="J18" s="16">
        <v>5.7999999999999996E-3</v>
      </c>
      <c r="K18" s="16">
        <v>6.0000000000000001E-3</v>
      </c>
      <c r="L18" s="16">
        <v>6.0000000000000001E-3</v>
      </c>
      <c r="M18" s="16">
        <v>6.4999999999999997E-3</v>
      </c>
      <c r="N18" s="16">
        <v>6.7999999999999996E-3</v>
      </c>
      <c r="O18" s="16">
        <v>8.0000000000000002E-3</v>
      </c>
      <c r="P18" s="16">
        <v>8.0000000000000002E-3</v>
      </c>
      <c r="Q18" s="16">
        <v>8.0000000000000002E-3</v>
      </c>
      <c r="R18" s="16">
        <v>8.0000000000000002E-3</v>
      </c>
      <c r="S18" s="16">
        <v>8.0000000000000002E-3</v>
      </c>
      <c r="T18" s="16">
        <v>8.0000000000000002E-3</v>
      </c>
      <c r="U18" s="16">
        <v>8.0000000000000002E-3</v>
      </c>
      <c r="V18" s="16">
        <v>8.0000000000000002E-3</v>
      </c>
      <c r="W18" s="16">
        <v>6.7000000000000002E-3</v>
      </c>
      <c r="X18" s="16">
        <v>5.4999999999999997E-3</v>
      </c>
      <c r="Y18" s="16">
        <v>4.0000000000000001E-3</v>
      </c>
      <c r="Z18" s="16">
        <v>4.0000000000000001E-3</v>
      </c>
      <c r="AA18" s="35">
        <v>4.0000000000000001E-3</v>
      </c>
    </row>
    <row r="19" spans="2:172" x14ac:dyDescent="0.25">
      <c r="B19" s="222"/>
      <c r="C19" s="17">
        <v>3</v>
      </c>
      <c r="D19" s="34">
        <v>4.0000000000000001E-3</v>
      </c>
      <c r="E19" s="16">
        <v>4.4999999999999997E-3</v>
      </c>
      <c r="F19" s="16">
        <v>4.4999999999999997E-3</v>
      </c>
      <c r="G19" s="16">
        <v>4.4999999999999997E-3</v>
      </c>
      <c r="H19" s="16">
        <v>4.4999999999999997E-3</v>
      </c>
      <c r="I19" s="16">
        <v>5.7999999999999996E-3</v>
      </c>
      <c r="J19" s="16">
        <v>6.7000000000000002E-3</v>
      </c>
      <c r="K19" s="16">
        <v>6.7000000000000002E-3</v>
      </c>
      <c r="L19" s="16">
        <v>6.7000000000000002E-3</v>
      </c>
      <c r="M19" s="16">
        <v>7.1999999999999998E-3</v>
      </c>
      <c r="N19" s="16">
        <v>7.7999999999999996E-3</v>
      </c>
      <c r="O19" s="16">
        <v>8.9999999999999993E-3</v>
      </c>
      <c r="P19" s="16">
        <v>8.9999999999999993E-3</v>
      </c>
      <c r="Q19" s="16">
        <v>8.9999999999999993E-3</v>
      </c>
      <c r="R19" s="16">
        <v>8.9999999999999993E-3</v>
      </c>
      <c r="S19" s="16">
        <v>8.9999999999999993E-3</v>
      </c>
      <c r="T19" s="16">
        <v>8.9999999999999993E-3</v>
      </c>
      <c r="U19" s="16">
        <v>8.9999999999999993E-3</v>
      </c>
      <c r="V19" s="16">
        <v>8.9999999999999993E-3</v>
      </c>
      <c r="W19" s="16">
        <v>7.4999999999999997E-3</v>
      </c>
      <c r="X19" s="16">
        <v>6.0000000000000001E-3</v>
      </c>
      <c r="Y19" s="16">
        <v>4.4999999999999997E-3</v>
      </c>
      <c r="Z19" s="16">
        <v>4.4999999999999997E-3</v>
      </c>
      <c r="AA19" s="35">
        <v>4.4999999999999997E-3</v>
      </c>
    </row>
    <row r="20" spans="2:172" x14ac:dyDescent="0.25">
      <c r="B20" s="222"/>
      <c r="C20" s="17">
        <v>4</v>
      </c>
      <c r="D20" s="34">
        <v>4.4999999999999997E-3</v>
      </c>
      <c r="E20" s="16">
        <v>4.4999999999999997E-3</v>
      </c>
      <c r="F20" s="16">
        <v>4.4999999999999997E-3</v>
      </c>
      <c r="G20" s="16">
        <v>4.4999999999999997E-3</v>
      </c>
      <c r="H20" s="16">
        <v>4.4999999999999997E-3</v>
      </c>
      <c r="I20" s="16">
        <v>5.7999999999999996E-3</v>
      </c>
      <c r="J20" s="16">
        <v>6.7000000000000002E-3</v>
      </c>
      <c r="K20" s="16">
        <v>6.7000000000000002E-3</v>
      </c>
      <c r="L20" s="16">
        <v>6.7000000000000002E-3</v>
      </c>
      <c r="M20" s="16">
        <v>7.1999999999999998E-3</v>
      </c>
      <c r="N20" s="16">
        <v>7.7999999999999996E-3</v>
      </c>
      <c r="O20" s="16">
        <v>8.9999999999999993E-3</v>
      </c>
      <c r="P20" s="16">
        <v>8.9999999999999993E-3</v>
      </c>
      <c r="Q20" s="16">
        <v>8.9999999999999993E-3</v>
      </c>
      <c r="R20" s="16">
        <v>8.9999999999999993E-3</v>
      </c>
      <c r="S20" s="16">
        <v>8.9999999999999993E-3</v>
      </c>
      <c r="T20" s="16">
        <v>8.9999999999999993E-3</v>
      </c>
      <c r="U20" s="16">
        <v>8.9999999999999993E-3</v>
      </c>
      <c r="V20" s="16">
        <v>8.9999999999999993E-3</v>
      </c>
      <c r="W20" s="16">
        <v>7.4999999999999997E-3</v>
      </c>
      <c r="X20" s="16">
        <v>6.0000000000000001E-3</v>
      </c>
      <c r="Y20" s="16">
        <v>4.4999999999999997E-3</v>
      </c>
      <c r="Z20" s="16">
        <v>4.4999999999999997E-3</v>
      </c>
      <c r="AA20" s="35">
        <v>4.4999999999999997E-3</v>
      </c>
      <c r="AB20">
        <v>24</v>
      </c>
      <c r="AC20">
        <v>25</v>
      </c>
      <c r="AD20">
        <v>26</v>
      </c>
      <c r="AE20">
        <v>27</v>
      </c>
      <c r="AF20">
        <v>28</v>
      </c>
      <c r="AG20">
        <v>29</v>
      </c>
      <c r="AH20">
        <v>30</v>
      </c>
      <c r="AI20">
        <v>31</v>
      </c>
      <c r="AJ20">
        <v>32</v>
      </c>
      <c r="AK20">
        <v>33</v>
      </c>
      <c r="AL20">
        <v>34</v>
      </c>
      <c r="AM20">
        <v>35</v>
      </c>
      <c r="AN20">
        <v>36</v>
      </c>
      <c r="AO20">
        <v>37</v>
      </c>
      <c r="AP20">
        <v>38</v>
      </c>
      <c r="AQ20">
        <v>39</v>
      </c>
      <c r="AR20">
        <v>40</v>
      </c>
      <c r="AS20">
        <v>41</v>
      </c>
      <c r="AT20">
        <v>42</v>
      </c>
      <c r="AU20">
        <v>43</v>
      </c>
      <c r="AV20">
        <v>44</v>
      </c>
      <c r="AW20">
        <v>45</v>
      </c>
      <c r="AX20">
        <v>46</v>
      </c>
      <c r="AY20">
        <v>47</v>
      </c>
      <c r="AZ20">
        <v>48</v>
      </c>
      <c r="BA20">
        <v>49</v>
      </c>
      <c r="BB20">
        <v>50</v>
      </c>
      <c r="BC20">
        <v>51</v>
      </c>
      <c r="BD20">
        <v>52</v>
      </c>
      <c r="BE20">
        <v>53</v>
      </c>
      <c r="BF20">
        <v>54</v>
      </c>
      <c r="BG20">
        <v>55</v>
      </c>
      <c r="BH20">
        <v>56</v>
      </c>
      <c r="BI20">
        <v>57</v>
      </c>
      <c r="BJ20">
        <v>58</v>
      </c>
      <c r="BK20">
        <v>59</v>
      </c>
      <c r="BL20">
        <v>60</v>
      </c>
      <c r="BM20">
        <v>61</v>
      </c>
      <c r="BN20">
        <v>62</v>
      </c>
      <c r="BO20">
        <v>63</v>
      </c>
      <c r="BP20">
        <v>64</v>
      </c>
      <c r="BQ20">
        <v>65</v>
      </c>
      <c r="BR20">
        <v>66</v>
      </c>
      <c r="BS20">
        <v>67</v>
      </c>
      <c r="BT20">
        <v>68</v>
      </c>
      <c r="BU20">
        <v>69</v>
      </c>
      <c r="BV20">
        <v>70</v>
      </c>
      <c r="BW20">
        <v>71</v>
      </c>
      <c r="BX20">
        <v>72</v>
      </c>
      <c r="BY20">
        <v>73</v>
      </c>
      <c r="BZ20">
        <v>74</v>
      </c>
      <c r="CA20">
        <v>75</v>
      </c>
      <c r="CB20">
        <v>76</v>
      </c>
      <c r="CC20">
        <v>77</v>
      </c>
      <c r="CD20">
        <v>78</v>
      </c>
      <c r="CE20">
        <v>79</v>
      </c>
      <c r="CF20">
        <v>80</v>
      </c>
      <c r="CG20">
        <v>81</v>
      </c>
      <c r="CH20">
        <v>82</v>
      </c>
      <c r="CI20">
        <v>83</v>
      </c>
      <c r="CJ20">
        <v>84</v>
      </c>
      <c r="CK20">
        <v>85</v>
      </c>
      <c r="CL20">
        <v>86</v>
      </c>
      <c r="CM20">
        <v>87</v>
      </c>
      <c r="CN20">
        <v>88</v>
      </c>
      <c r="CO20">
        <v>89</v>
      </c>
      <c r="CP20">
        <v>90</v>
      </c>
      <c r="CQ20">
        <v>91</v>
      </c>
      <c r="CR20">
        <v>92</v>
      </c>
      <c r="CS20">
        <v>93</v>
      </c>
      <c r="CT20">
        <v>94</v>
      </c>
      <c r="CU20">
        <v>95</v>
      </c>
      <c r="CV20">
        <v>96</v>
      </c>
      <c r="CW20">
        <v>97</v>
      </c>
      <c r="CX20">
        <v>98</v>
      </c>
      <c r="CY20">
        <v>99</v>
      </c>
      <c r="CZ20">
        <v>100</v>
      </c>
      <c r="DA20">
        <v>101</v>
      </c>
      <c r="DB20">
        <v>102</v>
      </c>
      <c r="DC20">
        <v>103</v>
      </c>
      <c r="DD20">
        <v>104</v>
      </c>
      <c r="DE20">
        <v>105</v>
      </c>
      <c r="DF20">
        <v>106</v>
      </c>
      <c r="DG20">
        <v>107</v>
      </c>
      <c r="DH20">
        <v>108</v>
      </c>
      <c r="DI20">
        <v>109</v>
      </c>
      <c r="DJ20">
        <v>110</v>
      </c>
      <c r="DK20">
        <v>111</v>
      </c>
      <c r="DL20">
        <v>112</v>
      </c>
      <c r="DM20">
        <v>113</v>
      </c>
      <c r="DN20">
        <v>114</v>
      </c>
      <c r="DO20">
        <v>115</v>
      </c>
      <c r="DP20">
        <v>116</v>
      </c>
      <c r="DQ20">
        <v>117</v>
      </c>
      <c r="DR20">
        <v>118</v>
      </c>
      <c r="DS20">
        <v>119</v>
      </c>
      <c r="DT20">
        <v>120</v>
      </c>
      <c r="DU20">
        <v>121</v>
      </c>
      <c r="DV20">
        <v>122</v>
      </c>
      <c r="DW20">
        <v>123</v>
      </c>
      <c r="DX20">
        <v>124</v>
      </c>
      <c r="DY20">
        <v>125</v>
      </c>
      <c r="DZ20">
        <v>126</v>
      </c>
      <c r="EA20">
        <v>127</v>
      </c>
      <c r="EB20">
        <v>128</v>
      </c>
      <c r="EC20">
        <v>129</v>
      </c>
      <c r="ED20">
        <v>130</v>
      </c>
      <c r="EE20">
        <v>131</v>
      </c>
      <c r="EF20">
        <v>132</v>
      </c>
      <c r="EG20">
        <v>133</v>
      </c>
      <c r="EH20">
        <v>134</v>
      </c>
      <c r="EI20">
        <v>135</v>
      </c>
      <c r="EJ20">
        <v>136</v>
      </c>
      <c r="EK20">
        <v>137</v>
      </c>
      <c r="EL20">
        <v>138</v>
      </c>
      <c r="EM20">
        <v>139</v>
      </c>
      <c r="EN20">
        <v>140</v>
      </c>
      <c r="EO20">
        <v>141</v>
      </c>
      <c r="EP20">
        <v>142</v>
      </c>
      <c r="EQ20">
        <v>143</v>
      </c>
      <c r="ER20">
        <v>144</v>
      </c>
      <c r="ES20">
        <v>145</v>
      </c>
      <c r="ET20">
        <v>146</v>
      </c>
      <c r="EU20">
        <v>147</v>
      </c>
      <c r="EV20">
        <v>148</v>
      </c>
      <c r="EW20">
        <v>149</v>
      </c>
      <c r="EX20">
        <v>150</v>
      </c>
      <c r="EY20">
        <v>151</v>
      </c>
      <c r="EZ20">
        <v>152</v>
      </c>
      <c r="FA20">
        <v>153</v>
      </c>
      <c r="FB20">
        <v>154</v>
      </c>
      <c r="FC20">
        <v>155</v>
      </c>
      <c r="FD20">
        <v>156</v>
      </c>
      <c r="FE20">
        <v>157</v>
      </c>
      <c r="FF20">
        <v>158</v>
      </c>
      <c r="FG20">
        <v>159</v>
      </c>
      <c r="FH20">
        <v>160</v>
      </c>
      <c r="FI20">
        <v>161</v>
      </c>
      <c r="FJ20">
        <v>162</v>
      </c>
      <c r="FK20">
        <v>163</v>
      </c>
      <c r="FL20">
        <v>164</v>
      </c>
      <c r="FM20">
        <v>165</v>
      </c>
      <c r="FN20">
        <v>166</v>
      </c>
      <c r="FO20">
        <v>167</v>
      </c>
      <c r="FP20">
        <v>168</v>
      </c>
    </row>
    <row r="21" spans="2:172" x14ac:dyDescent="0.25">
      <c r="B21" s="222"/>
      <c r="C21" s="17">
        <v>5</v>
      </c>
      <c r="D21" s="34">
        <v>4.4999999999999997E-3</v>
      </c>
      <c r="E21" s="16">
        <v>4.4999999999999997E-3</v>
      </c>
      <c r="F21" s="16">
        <v>4.4999999999999997E-3</v>
      </c>
      <c r="G21" s="16">
        <v>4.4999999999999997E-3</v>
      </c>
      <c r="H21" s="16">
        <v>4.4999999999999997E-3</v>
      </c>
      <c r="I21" s="16">
        <v>5.7999999999999996E-3</v>
      </c>
      <c r="J21" s="16">
        <v>7.0000000000000001E-3</v>
      </c>
      <c r="K21" s="16">
        <v>7.0000000000000001E-3</v>
      </c>
      <c r="L21" s="16">
        <v>7.0000000000000001E-3</v>
      </c>
      <c r="M21" s="16">
        <v>7.4999999999999997E-3</v>
      </c>
      <c r="N21" s="16">
        <v>7.7999999999999996E-3</v>
      </c>
      <c r="O21" s="16">
        <v>8.9999999999999993E-3</v>
      </c>
      <c r="P21" s="16">
        <v>8.9999999999999993E-3</v>
      </c>
      <c r="Q21" s="16">
        <v>8.9999999999999993E-3</v>
      </c>
      <c r="R21" s="16">
        <v>8.9999999999999993E-3</v>
      </c>
      <c r="S21" s="16">
        <v>7.4999999999999997E-3</v>
      </c>
      <c r="T21" s="16">
        <v>7.1000000000000004E-3</v>
      </c>
      <c r="U21" s="16">
        <v>7.1000000000000004E-3</v>
      </c>
      <c r="V21" s="16">
        <v>7.1000000000000004E-3</v>
      </c>
      <c r="W21" s="16">
        <v>7.1000000000000004E-3</v>
      </c>
      <c r="X21" s="16">
        <v>5.4999999999999997E-3</v>
      </c>
      <c r="Y21" s="16">
        <v>2.0999999999999999E-3</v>
      </c>
      <c r="Z21" s="16">
        <v>2.0999999999999999E-3</v>
      </c>
      <c r="AA21" s="35">
        <v>2.0999999999999999E-3</v>
      </c>
      <c r="AB21">
        <f t="shared" ref="AB21:AY21" si="6">D18</f>
        <v>4.0000000000000001E-3</v>
      </c>
      <c r="AC21">
        <f t="shared" si="6"/>
        <v>4.0000000000000001E-3</v>
      </c>
      <c r="AD21">
        <f t="shared" si="6"/>
        <v>4.0000000000000001E-3</v>
      </c>
      <c r="AE21">
        <f t="shared" si="6"/>
        <v>4.0000000000000001E-3</v>
      </c>
      <c r="AF21">
        <f t="shared" si="6"/>
        <v>4.0000000000000001E-3</v>
      </c>
      <c r="AG21">
        <f t="shared" si="6"/>
        <v>5.1999999999999998E-3</v>
      </c>
      <c r="AH21">
        <f t="shared" si="6"/>
        <v>5.7999999999999996E-3</v>
      </c>
      <c r="AI21">
        <f t="shared" si="6"/>
        <v>6.0000000000000001E-3</v>
      </c>
      <c r="AJ21">
        <f t="shared" si="6"/>
        <v>6.0000000000000001E-3</v>
      </c>
      <c r="AK21">
        <f t="shared" si="6"/>
        <v>6.4999999999999997E-3</v>
      </c>
      <c r="AL21">
        <f t="shared" si="6"/>
        <v>6.7999999999999996E-3</v>
      </c>
      <c r="AM21">
        <f t="shared" si="6"/>
        <v>8.0000000000000002E-3</v>
      </c>
      <c r="AN21">
        <f t="shared" si="6"/>
        <v>8.0000000000000002E-3</v>
      </c>
      <c r="AO21">
        <f t="shared" si="6"/>
        <v>8.0000000000000002E-3</v>
      </c>
      <c r="AP21">
        <f t="shared" si="6"/>
        <v>8.0000000000000002E-3</v>
      </c>
      <c r="AQ21">
        <f t="shared" si="6"/>
        <v>8.0000000000000002E-3</v>
      </c>
      <c r="AR21">
        <f t="shared" si="6"/>
        <v>8.0000000000000002E-3</v>
      </c>
      <c r="AS21">
        <f t="shared" si="6"/>
        <v>8.0000000000000002E-3</v>
      </c>
      <c r="AT21">
        <f t="shared" si="6"/>
        <v>8.0000000000000002E-3</v>
      </c>
      <c r="AU21">
        <f t="shared" si="6"/>
        <v>6.7000000000000002E-3</v>
      </c>
      <c r="AV21">
        <f t="shared" si="6"/>
        <v>5.4999999999999997E-3</v>
      </c>
      <c r="AW21">
        <f t="shared" si="6"/>
        <v>4.0000000000000001E-3</v>
      </c>
      <c r="AX21">
        <f t="shared" si="6"/>
        <v>4.0000000000000001E-3</v>
      </c>
      <c r="AY21">
        <f t="shared" si="6"/>
        <v>4.0000000000000001E-3</v>
      </c>
      <c r="AZ21">
        <f t="shared" ref="AZ21:BW21" si="7">D19</f>
        <v>4.0000000000000001E-3</v>
      </c>
      <c r="BA21">
        <f t="shared" si="7"/>
        <v>4.4999999999999997E-3</v>
      </c>
      <c r="BB21">
        <f t="shared" si="7"/>
        <v>4.4999999999999997E-3</v>
      </c>
      <c r="BC21">
        <f t="shared" si="7"/>
        <v>4.4999999999999997E-3</v>
      </c>
      <c r="BD21">
        <f t="shared" si="7"/>
        <v>4.4999999999999997E-3</v>
      </c>
      <c r="BE21">
        <f t="shared" si="7"/>
        <v>5.7999999999999996E-3</v>
      </c>
      <c r="BF21">
        <f t="shared" si="7"/>
        <v>6.7000000000000002E-3</v>
      </c>
      <c r="BG21">
        <f t="shared" si="7"/>
        <v>6.7000000000000002E-3</v>
      </c>
      <c r="BH21">
        <f t="shared" si="7"/>
        <v>6.7000000000000002E-3</v>
      </c>
      <c r="BI21">
        <f t="shared" si="7"/>
        <v>7.1999999999999998E-3</v>
      </c>
      <c r="BJ21">
        <f t="shared" si="7"/>
        <v>7.7999999999999996E-3</v>
      </c>
      <c r="BK21">
        <f t="shared" si="7"/>
        <v>8.9999999999999993E-3</v>
      </c>
      <c r="BL21">
        <f t="shared" si="7"/>
        <v>8.9999999999999993E-3</v>
      </c>
      <c r="BM21">
        <f t="shared" si="7"/>
        <v>8.9999999999999993E-3</v>
      </c>
      <c r="BN21">
        <f t="shared" si="7"/>
        <v>8.9999999999999993E-3</v>
      </c>
      <c r="BO21">
        <f t="shared" si="7"/>
        <v>8.9999999999999993E-3</v>
      </c>
      <c r="BP21">
        <f t="shared" si="7"/>
        <v>8.9999999999999993E-3</v>
      </c>
      <c r="BQ21">
        <f t="shared" si="7"/>
        <v>8.9999999999999993E-3</v>
      </c>
      <c r="BR21">
        <f t="shared" si="7"/>
        <v>8.9999999999999993E-3</v>
      </c>
      <c r="BS21">
        <f t="shared" si="7"/>
        <v>7.4999999999999997E-3</v>
      </c>
      <c r="BT21">
        <f t="shared" si="7"/>
        <v>6.0000000000000001E-3</v>
      </c>
      <c r="BU21">
        <f t="shared" si="7"/>
        <v>4.4999999999999997E-3</v>
      </c>
      <c r="BV21">
        <f t="shared" si="7"/>
        <v>4.4999999999999997E-3</v>
      </c>
      <c r="BW21">
        <f t="shared" si="7"/>
        <v>4.4999999999999997E-3</v>
      </c>
      <c r="BX21">
        <f t="shared" ref="BX21:CU21" si="8">D20</f>
        <v>4.4999999999999997E-3</v>
      </c>
      <c r="BY21">
        <f t="shared" si="8"/>
        <v>4.4999999999999997E-3</v>
      </c>
      <c r="BZ21">
        <f t="shared" si="8"/>
        <v>4.4999999999999997E-3</v>
      </c>
      <c r="CA21">
        <f t="shared" si="8"/>
        <v>4.4999999999999997E-3</v>
      </c>
      <c r="CB21">
        <f t="shared" si="8"/>
        <v>4.4999999999999997E-3</v>
      </c>
      <c r="CC21">
        <f t="shared" si="8"/>
        <v>5.7999999999999996E-3</v>
      </c>
      <c r="CD21">
        <f t="shared" si="8"/>
        <v>6.7000000000000002E-3</v>
      </c>
      <c r="CE21">
        <f t="shared" si="8"/>
        <v>6.7000000000000002E-3</v>
      </c>
      <c r="CF21">
        <f t="shared" si="8"/>
        <v>6.7000000000000002E-3</v>
      </c>
      <c r="CG21">
        <f t="shared" si="8"/>
        <v>7.1999999999999998E-3</v>
      </c>
      <c r="CH21">
        <f t="shared" si="8"/>
        <v>7.7999999999999996E-3</v>
      </c>
      <c r="CI21">
        <f t="shared" si="8"/>
        <v>8.9999999999999993E-3</v>
      </c>
      <c r="CJ21">
        <f t="shared" si="8"/>
        <v>8.9999999999999993E-3</v>
      </c>
      <c r="CK21">
        <f t="shared" si="8"/>
        <v>8.9999999999999993E-3</v>
      </c>
      <c r="CL21">
        <f t="shared" si="8"/>
        <v>8.9999999999999993E-3</v>
      </c>
      <c r="CM21">
        <f t="shared" si="8"/>
        <v>8.9999999999999993E-3</v>
      </c>
      <c r="CN21">
        <f t="shared" si="8"/>
        <v>8.9999999999999993E-3</v>
      </c>
      <c r="CO21">
        <f t="shared" si="8"/>
        <v>8.9999999999999993E-3</v>
      </c>
      <c r="CP21">
        <f t="shared" si="8"/>
        <v>8.9999999999999993E-3</v>
      </c>
      <c r="CQ21">
        <f t="shared" si="8"/>
        <v>7.4999999999999997E-3</v>
      </c>
      <c r="CR21">
        <f t="shared" si="8"/>
        <v>6.0000000000000001E-3</v>
      </c>
      <c r="CS21">
        <f t="shared" si="8"/>
        <v>4.4999999999999997E-3</v>
      </c>
      <c r="CT21">
        <f t="shared" si="8"/>
        <v>4.4999999999999997E-3</v>
      </c>
      <c r="CU21">
        <f t="shared" si="8"/>
        <v>4.4999999999999997E-3</v>
      </c>
      <c r="CV21">
        <f t="shared" ref="CV21:DS21" si="9">D21</f>
        <v>4.4999999999999997E-3</v>
      </c>
      <c r="CW21">
        <f t="shared" si="9"/>
        <v>4.4999999999999997E-3</v>
      </c>
      <c r="CX21">
        <f t="shared" si="9"/>
        <v>4.4999999999999997E-3</v>
      </c>
      <c r="CY21">
        <f t="shared" si="9"/>
        <v>4.4999999999999997E-3</v>
      </c>
      <c r="CZ21">
        <f t="shared" si="9"/>
        <v>4.4999999999999997E-3</v>
      </c>
      <c r="DA21">
        <f t="shared" si="9"/>
        <v>5.7999999999999996E-3</v>
      </c>
      <c r="DB21">
        <f t="shared" si="9"/>
        <v>7.0000000000000001E-3</v>
      </c>
      <c r="DC21">
        <f t="shared" si="9"/>
        <v>7.0000000000000001E-3</v>
      </c>
      <c r="DD21">
        <f t="shared" si="9"/>
        <v>7.0000000000000001E-3</v>
      </c>
      <c r="DE21">
        <f t="shared" si="9"/>
        <v>7.4999999999999997E-3</v>
      </c>
      <c r="DF21">
        <f t="shared" si="9"/>
        <v>7.7999999999999996E-3</v>
      </c>
      <c r="DG21">
        <f t="shared" si="9"/>
        <v>8.9999999999999993E-3</v>
      </c>
      <c r="DH21">
        <f t="shared" si="9"/>
        <v>8.9999999999999993E-3</v>
      </c>
      <c r="DI21">
        <f t="shared" si="9"/>
        <v>8.9999999999999993E-3</v>
      </c>
      <c r="DJ21">
        <f t="shared" si="9"/>
        <v>8.9999999999999993E-3</v>
      </c>
      <c r="DK21">
        <f t="shared" si="9"/>
        <v>7.4999999999999997E-3</v>
      </c>
      <c r="DL21">
        <f t="shared" si="9"/>
        <v>7.1000000000000004E-3</v>
      </c>
      <c r="DM21">
        <f t="shared" si="9"/>
        <v>7.1000000000000004E-3</v>
      </c>
      <c r="DN21">
        <f t="shared" si="9"/>
        <v>7.1000000000000004E-3</v>
      </c>
      <c r="DO21">
        <f t="shared" si="9"/>
        <v>7.1000000000000004E-3</v>
      </c>
      <c r="DP21">
        <f t="shared" si="9"/>
        <v>5.4999999999999997E-3</v>
      </c>
      <c r="DQ21">
        <f t="shared" si="9"/>
        <v>2.0999999999999999E-3</v>
      </c>
      <c r="DR21">
        <f t="shared" si="9"/>
        <v>2.0999999999999999E-3</v>
      </c>
      <c r="DS21">
        <f t="shared" si="9"/>
        <v>2.0999999999999999E-3</v>
      </c>
      <c r="DT21">
        <f t="shared" ref="DT21:EQ21" si="10">D22</f>
        <v>2.0999999999999999E-3</v>
      </c>
      <c r="DU21">
        <f t="shared" si="10"/>
        <v>4.1000000000000003E-3</v>
      </c>
      <c r="DV21">
        <f t="shared" si="10"/>
        <v>4.1000000000000003E-3</v>
      </c>
      <c r="DW21">
        <f t="shared" si="10"/>
        <v>4.1000000000000003E-3</v>
      </c>
      <c r="DX21">
        <f t="shared" si="10"/>
        <v>4.1000000000000003E-3</v>
      </c>
      <c r="DY21">
        <f t="shared" si="10"/>
        <v>5.1000000000000004E-3</v>
      </c>
      <c r="DZ21">
        <f t="shared" si="10"/>
        <v>6.4000000000000003E-3</v>
      </c>
      <c r="EA21">
        <f t="shared" si="10"/>
        <v>7.3000000000000001E-3</v>
      </c>
      <c r="EB21">
        <f t="shared" si="10"/>
        <v>7.3000000000000001E-3</v>
      </c>
      <c r="EC21">
        <f t="shared" si="10"/>
        <v>7.3000000000000001E-3</v>
      </c>
      <c r="ED21">
        <f t="shared" si="10"/>
        <v>7.3000000000000001E-3</v>
      </c>
      <c r="EE21">
        <f t="shared" si="10"/>
        <v>7.3000000000000001E-3</v>
      </c>
      <c r="EF21">
        <f t="shared" si="10"/>
        <v>7.3000000000000001E-3</v>
      </c>
      <c r="EG21">
        <f t="shared" si="10"/>
        <v>7.3000000000000001E-3</v>
      </c>
      <c r="EH21">
        <f t="shared" si="10"/>
        <v>7.3000000000000001E-3</v>
      </c>
      <c r="EI21">
        <f t="shared" si="10"/>
        <v>6.6E-3</v>
      </c>
      <c r="EJ21">
        <f t="shared" si="10"/>
        <v>6.0000000000000001E-3</v>
      </c>
      <c r="EK21">
        <f t="shared" si="10"/>
        <v>5.4000000000000003E-3</v>
      </c>
      <c r="EL21">
        <f t="shared" si="10"/>
        <v>5.1999999999999998E-3</v>
      </c>
      <c r="EM21">
        <f t="shared" si="10"/>
        <v>4.1999999999999997E-3</v>
      </c>
      <c r="EN21">
        <f t="shared" si="10"/>
        <v>3.0999999999999999E-3</v>
      </c>
      <c r="EO21">
        <f t="shared" si="10"/>
        <v>3.0999999999999999E-3</v>
      </c>
      <c r="EP21">
        <f t="shared" si="10"/>
        <v>3.0999999999999999E-3</v>
      </c>
      <c r="EQ21">
        <f t="shared" si="10"/>
        <v>3.0999999999999999E-3</v>
      </c>
      <c r="ER21">
        <f t="shared" ref="ER21:FO21" si="11">D23</f>
        <v>3.0999999999999999E-3</v>
      </c>
      <c r="ES21">
        <f t="shared" si="11"/>
        <v>3.5999999999999999E-3</v>
      </c>
      <c r="ET21">
        <f t="shared" si="11"/>
        <v>3.5999999999999999E-3</v>
      </c>
      <c r="EU21">
        <f t="shared" si="11"/>
        <v>3.5999999999999999E-3</v>
      </c>
      <c r="EV21">
        <f t="shared" si="11"/>
        <v>3.5999999999999999E-3</v>
      </c>
      <c r="EW21">
        <f t="shared" si="11"/>
        <v>4.4999999999999997E-3</v>
      </c>
      <c r="EX21">
        <f t="shared" si="11"/>
        <v>5.3E-3</v>
      </c>
      <c r="EY21">
        <f t="shared" si="11"/>
        <v>6.3E-3</v>
      </c>
      <c r="EZ21">
        <f t="shared" si="11"/>
        <v>6.3E-3</v>
      </c>
      <c r="FA21">
        <f t="shared" si="11"/>
        <v>6.3E-3</v>
      </c>
      <c r="FB21">
        <f t="shared" si="11"/>
        <v>6.3E-3</v>
      </c>
      <c r="FC21">
        <f t="shared" si="11"/>
        <v>6.3E-3</v>
      </c>
      <c r="FD21">
        <f t="shared" si="11"/>
        <v>6.3E-3</v>
      </c>
      <c r="FE21">
        <f t="shared" si="11"/>
        <v>6.3E-3</v>
      </c>
      <c r="FF21">
        <f t="shared" si="11"/>
        <v>6.3E-3</v>
      </c>
      <c r="FG21">
        <f t="shared" si="11"/>
        <v>5.5999999999999999E-3</v>
      </c>
      <c r="FH21">
        <f t="shared" si="11"/>
        <v>5.4999999999999997E-3</v>
      </c>
      <c r="FI21">
        <f t="shared" si="11"/>
        <v>4.7000000000000002E-3</v>
      </c>
      <c r="FJ21">
        <f t="shared" si="11"/>
        <v>4.4000000000000003E-3</v>
      </c>
      <c r="FK21">
        <f t="shared" si="11"/>
        <v>3.7000000000000002E-3</v>
      </c>
      <c r="FL21">
        <f t="shared" si="11"/>
        <v>3.0999999999999999E-3</v>
      </c>
      <c r="FM21">
        <f t="shared" si="11"/>
        <v>2.7000000000000001E-3</v>
      </c>
      <c r="FN21">
        <f t="shared" si="11"/>
        <v>2.7000000000000001E-3</v>
      </c>
      <c r="FO21">
        <f t="shared" si="11"/>
        <v>2.7000000000000001E-3</v>
      </c>
      <c r="FP21">
        <f>FO21</f>
        <v>2.7000000000000001E-3</v>
      </c>
    </row>
    <row r="22" spans="2:172" x14ac:dyDescent="0.25">
      <c r="B22" s="222"/>
      <c r="C22" s="17">
        <v>6</v>
      </c>
      <c r="D22" s="34">
        <v>2.0999999999999999E-3</v>
      </c>
      <c r="E22" s="16">
        <v>4.1000000000000003E-3</v>
      </c>
      <c r="F22" s="16">
        <v>4.1000000000000003E-3</v>
      </c>
      <c r="G22" s="16">
        <v>4.1000000000000003E-3</v>
      </c>
      <c r="H22" s="16">
        <v>4.1000000000000003E-3</v>
      </c>
      <c r="I22" s="16">
        <v>5.1000000000000004E-3</v>
      </c>
      <c r="J22" s="16">
        <v>6.4000000000000003E-3</v>
      </c>
      <c r="K22" s="16">
        <v>7.3000000000000001E-3</v>
      </c>
      <c r="L22" s="16">
        <v>7.3000000000000001E-3</v>
      </c>
      <c r="M22" s="16">
        <v>7.3000000000000001E-3</v>
      </c>
      <c r="N22" s="16">
        <v>7.3000000000000001E-3</v>
      </c>
      <c r="O22" s="16">
        <v>7.3000000000000001E-3</v>
      </c>
      <c r="P22" s="16">
        <v>7.3000000000000001E-3</v>
      </c>
      <c r="Q22" s="16">
        <v>7.3000000000000001E-3</v>
      </c>
      <c r="R22" s="16">
        <v>7.3000000000000001E-3</v>
      </c>
      <c r="S22" s="16">
        <v>6.6E-3</v>
      </c>
      <c r="T22" s="16">
        <v>6.0000000000000001E-3</v>
      </c>
      <c r="U22" s="16">
        <v>5.4000000000000003E-3</v>
      </c>
      <c r="V22" s="16">
        <v>5.1999999999999998E-3</v>
      </c>
      <c r="W22" s="16">
        <v>4.1999999999999997E-3</v>
      </c>
      <c r="X22" s="16">
        <v>3.0999999999999999E-3</v>
      </c>
      <c r="Y22" s="16">
        <v>3.0999999999999999E-3</v>
      </c>
      <c r="Z22" s="16">
        <v>3.0999999999999999E-3</v>
      </c>
      <c r="AA22" s="35">
        <v>3.0999999999999999E-3</v>
      </c>
    </row>
    <row r="23" spans="2:172" ht="15.75" thickBot="1" x14ac:dyDescent="0.3">
      <c r="B23" s="222"/>
      <c r="C23" s="17">
        <v>7</v>
      </c>
      <c r="D23" s="36">
        <v>3.0999999999999999E-3</v>
      </c>
      <c r="E23" s="37">
        <v>3.5999999999999999E-3</v>
      </c>
      <c r="F23" s="37">
        <v>3.5999999999999999E-3</v>
      </c>
      <c r="G23" s="37">
        <v>3.5999999999999999E-3</v>
      </c>
      <c r="H23" s="37">
        <v>3.5999999999999999E-3</v>
      </c>
      <c r="I23" s="37">
        <v>4.4999999999999997E-3</v>
      </c>
      <c r="J23" s="37">
        <v>5.3E-3</v>
      </c>
      <c r="K23" s="37">
        <v>6.3E-3</v>
      </c>
      <c r="L23" s="37">
        <v>6.3E-3</v>
      </c>
      <c r="M23" s="37">
        <v>6.3E-3</v>
      </c>
      <c r="N23" s="37">
        <v>6.3E-3</v>
      </c>
      <c r="O23" s="37">
        <v>6.3E-3</v>
      </c>
      <c r="P23" s="37">
        <v>6.3E-3</v>
      </c>
      <c r="Q23" s="37">
        <v>6.3E-3</v>
      </c>
      <c r="R23" s="37">
        <v>6.3E-3</v>
      </c>
      <c r="S23" s="37">
        <v>5.5999999999999999E-3</v>
      </c>
      <c r="T23" s="37">
        <v>5.4999999999999997E-3</v>
      </c>
      <c r="U23" s="37">
        <v>4.7000000000000002E-3</v>
      </c>
      <c r="V23" s="37">
        <v>4.4000000000000003E-3</v>
      </c>
      <c r="W23" s="37">
        <v>3.7000000000000002E-3</v>
      </c>
      <c r="X23" s="37">
        <v>3.0999999999999999E-3</v>
      </c>
      <c r="Y23" s="37">
        <v>2.7000000000000001E-3</v>
      </c>
      <c r="Z23" s="37">
        <v>2.7000000000000001E-3</v>
      </c>
      <c r="AA23" s="38">
        <v>2.7000000000000001E-3</v>
      </c>
    </row>
    <row r="24" spans="2:172" ht="14.45" customHeight="1" x14ac:dyDescent="0.25">
      <c r="B24" s="223" t="s">
        <v>43</v>
      </c>
      <c r="C24" s="17">
        <v>1</v>
      </c>
      <c r="D24" s="31">
        <v>2E-3</v>
      </c>
      <c r="E24" s="32">
        <v>2E-3</v>
      </c>
      <c r="F24" s="32">
        <v>2E-3</v>
      </c>
      <c r="G24" s="32">
        <v>2E-3</v>
      </c>
      <c r="H24" s="32">
        <v>2E-3</v>
      </c>
      <c r="I24" s="32">
        <v>2E-3</v>
      </c>
      <c r="J24" s="32">
        <v>2E-3</v>
      </c>
      <c r="K24" s="32">
        <v>8.5199999999999998E-3</v>
      </c>
      <c r="L24" s="32">
        <v>9.5849999999999998E-3</v>
      </c>
      <c r="M24" s="32">
        <v>1.065E-2</v>
      </c>
      <c r="N24" s="32">
        <v>1.065E-2</v>
      </c>
      <c r="O24" s="32">
        <v>1.2779999999999998E-2</v>
      </c>
      <c r="P24" s="32">
        <v>1.2779999999999998E-2</v>
      </c>
      <c r="Q24" s="32">
        <v>8.5199999999999998E-3</v>
      </c>
      <c r="R24" s="32">
        <v>1.2779999999999998E-2</v>
      </c>
      <c r="S24" s="32">
        <v>1.2779999999999998E-2</v>
      </c>
      <c r="T24" s="32">
        <v>7.454999999999999E-3</v>
      </c>
      <c r="U24" s="32">
        <v>2.1299999999999999E-3</v>
      </c>
      <c r="V24" s="32">
        <v>2.0999999999999999E-3</v>
      </c>
      <c r="W24" s="32">
        <v>2.0999999999999999E-3</v>
      </c>
      <c r="X24" s="32">
        <v>2.0999999999999999E-3</v>
      </c>
      <c r="Y24" s="32">
        <v>2.0999999999999999E-3</v>
      </c>
      <c r="Z24" s="32">
        <v>2.0999999999999999E-3</v>
      </c>
      <c r="AA24" s="33">
        <v>2.0999999999999999E-3</v>
      </c>
    </row>
    <row r="25" spans="2:172" x14ac:dyDescent="0.25">
      <c r="B25" s="223"/>
      <c r="C25" s="17">
        <v>2</v>
      </c>
      <c r="D25" s="34">
        <v>2.0999999999999999E-3</v>
      </c>
      <c r="E25" s="16">
        <v>3.2000000000000002E-3</v>
      </c>
      <c r="F25" s="16">
        <v>3.2000000000000002E-3</v>
      </c>
      <c r="G25" s="16">
        <v>3.2000000000000002E-3</v>
      </c>
      <c r="H25" s="16">
        <v>3.2000000000000002E-3</v>
      </c>
      <c r="I25" s="16">
        <v>3.2000000000000002E-3</v>
      </c>
      <c r="J25" s="16">
        <v>3.2000000000000002E-3</v>
      </c>
      <c r="K25" s="16">
        <v>1.3489999999999999E-2</v>
      </c>
      <c r="L25" s="16">
        <v>1.5051999999999999E-2</v>
      </c>
      <c r="M25" s="16">
        <v>1.6614E-2</v>
      </c>
      <c r="N25" s="16">
        <v>1.6614E-2</v>
      </c>
      <c r="O25" s="16">
        <v>1.9879999999999998E-2</v>
      </c>
      <c r="P25" s="16">
        <v>1.9879999999999998E-2</v>
      </c>
      <c r="Q25" s="16">
        <v>1.3205999999999999E-2</v>
      </c>
      <c r="R25" s="16">
        <v>1.9879999999999998E-2</v>
      </c>
      <c r="S25" s="16">
        <v>1.9879999999999998E-2</v>
      </c>
      <c r="T25" s="16">
        <v>1.1715E-2</v>
      </c>
      <c r="U25" s="16">
        <v>5.0000000000000001E-3</v>
      </c>
      <c r="V25" s="16">
        <v>3.3E-3</v>
      </c>
      <c r="W25" s="16">
        <v>3.3E-3</v>
      </c>
      <c r="X25" s="16">
        <v>3.3E-3</v>
      </c>
      <c r="Y25" s="16">
        <v>3.3E-3</v>
      </c>
      <c r="Z25" s="16">
        <v>3.3E-3</v>
      </c>
      <c r="AA25" s="35">
        <v>3.3E-3</v>
      </c>
    </row>
    <row r="26" spans="2:172" x14ac:dyDescent="0.25">
      <c r="B26" s="223"/>
      <c r="C26" s="17">
        <v>3</v>
      </c>
      <c r="D26" s="34">
        <v>3.3E-3</v>
      </c>
      <c r="E26" s="16">
        <v>3.3E-3</v>
      </c>
      <c r="F26" s="16">
        <v>3.3E-3</v>
      </c>
      <c r="G26" s="16">
        <v>3.3E-3</v>
      </c>
      <c r="H26" s="16">
        <v>3.3E-3</v>
      </c>
      <c r="I26" s="16">
        <v>3.3E-3</v>
      </c>
      <c r="J26" s="16">
        <v>3.3E-3</v>
      </c>
      <c r="K26" s="16">
        <v>1.3489999999999999E-2</v>
      </c>
      <c r="L26" s="16">
        <v>1.5051999999999999E-2</v>
      </c>
      <c r="M26" s="16">
        <v>1.6614E-2</v>
      </c>
      <c r="N26" s="16">
        <v>1.6614E-2</v>
      </c>
      <c r="O26" s="16">
        <v>1.9879999999999998E-2</v>
      </c>
      <c r="P26" s="16">
        <v>1.9879999999999998E-2</v>
      </c>
      <c r="Q26" s="16">
        <v>1.3205999999999999E-2</v>
      </c>
      <c r="R26" s="16">
        <v>1.9879999999999998E-2</v>
      </c>
      <c r="S26" s="16">
        <v>1.9879999999999998E-2</v>
      </c>
      <c r="T26" s="16">
        <v>1.1715E-2</v>
      </c>
      <c r="U26" s="16">
        <v>5.0000000000000001E-3</v>
      </c>
      <c r="V26" s="16">
        <v>3.3E-3</v>
      </c>
      <c r="W26" s="16">
        <v>3.3E-3</v>
      </c>
      <c r="X26" s="16">
        <v>3.3E-3</v>
      </c>
      <c r="Y26" s="16">
        <v>3.3E-3</v>
      </c>
      <c r="Z26" s="16">
        <v>3.3E-3</v>
      </c>
      <c r="AA26" s="35">
        <v>3.3E-3</v>
      </c>
    </row>
    <row r="27" spans="2:172" x14ac:dyDescent="0.25">
      <c r="B27" s="223"/>
      <c r="C27" s="17">
        <v>4</v>
      </c>
      <c r="D27" s="34">
        <v>3.3E-3</v>
      </c>
      <c r="E27" s="16">
        <v>3.3E-3</v>
      </c>
      <c r="F27" s="16">
        <v>3.3E-3</v>
      </c>
      <c r="G27" s="16">
        <v>3.3E-3</v>
      </c>
      <c r="H27" s="16">
        <v>3.3E-3</v>
      </c>
      <c r="I27" s="16">
        <v>3.3E-3</v>
      </c>
      <c r="J27" s="16">
        <v>3.3E-3</v>
      </c>
      <c r="K27" s="16">
        <v>1.3489999999999999E-2</v>
      </c>
      <c r="L27" s="16">
        <v>1.5051999999999999E-2</v>
      </c>
      <c r="M27" s="16">
        <v>1.6614E-2</v>
      </c>
      <c r="N27" s="16">
        <v>1.6614E-2</v>
      </c>
      <c r="O27" s="16">
        <v>1.9879999999999998E-2</v>
      </c>
      <c r="P27" s="16">
        <v>1.9879999999999998E-2</v>
      </c>
      <c r="Q27" s="16">
        <v>1.3205999999999999E-2</v>
      </c>
      <c r="R27" s="16">
        <v>1.9879999999999998E-2</v>
      </c>
      <c r="S27" s="16">
        <v>1.9879999999999998E-2</v>
      </c>
      <c r="T27" s="16">
        <v>1.1715E-2</v>
      </c>
      <c r="U27" s="16">
        <v>5.0000000000000001E-3</v>
      </c>
      <c r="V27" s="16">
        <v>3.3E-3</v>
      </c>
      <c r="W27" s="16">
        <v>3.3E-3</v>
      </c>
      <c r="X27" s="16">
        <v>3.3E-3</v>
      </c>
      <c r="Y27" s="16">
        <v>3.3E-3</v>
      </c>
      <c r="Z27" s="16">
        <v>3.3E-3</v>
      </c>
      <c r="AA27" s="35">
        <v>3.3E-3</v>
      </c>
    </row>
    <row r="28" spans="2:172" x14ac:dyDescent="0.25">
      <c r="B28" s="223"/>
      <c r="C28" s="17">
        <v>5</v>
      </c>
      <c r="D28" s="34">
        <v>3.3E-3</v>
      </c>
      <c r="E28" s="16">
        <v>2E-3</v>
      </c>
      <c r="F28" s="16">
        <v>2E-3</v>
      </c>
      <c r="G28" s="16">
        <v>2E-3</v>
      </c>
      <c r="H28" s="16">
        <v>2E-3</v>
      </c>
      <c r="I28" s="16">
        <v>2E-3</v>
      </c>
      <c r="J28" s="16">
        <v>2E-3</v>
      </c>
      <c r="K28" s="16">
        <v>8.5199999999999998E-3</v>
      </c>
      <c r="L28" s="16">
        <v>1.065E-2</v>
      </c>
      <c r="M28" s="16">
        <v>1.1715E-2</v>
      </c>
      <c r="N28" s="16">
        <v>1.1715E-2</v>
      </c>
      <c r="O28" s="16">
        <v>1.3845E-2</v>
      </c>
      <c r="P28" s="16">
        <v>1.3845E-2</v>
      </c>
      <c r="Q28" s="16">
        <v>9.5849999999999998E-3</v>
      </c>
      <c r="R28" s="16">
        <v>1.3845E-2</v>
      </c>
      <c r="S28" s="16">
        <v>1.065E-2</v>
      </c>
      <c r="T28" s="16">
        <v>5.0000000000000001E-3</v>
      </c>
      <c r="U28" s="16">
        <v>3.3E-3</v>
      </c>
      <c r="V28" s="16">
        <v>2.0999999999999999E-3</v>
      </c>
      <c r="W28" s="16">
        <v>2E-3</v>
      </c>
      <c r="X28" s="16">
        <v>2E-3</v>
      </c>
      <c r="Y28" s="16">
        <v>2E-3</v>
      </c>
      <c r="Z28" s="16">
        <v>2E-3</v>
      </c>
      <c r="AA28" s="35">
        <v>2E-3</v>
      </c>
    </row>
    <row r="29" spans="2:172" x14ac:dyDescent="0.25">
      <c r="B29" s="223"/>
      <c r="C29" s="17">
        <v>6</v>
      </c>
      <c r="D29" s="34">
        <v>2E-3</v>
      </c>
      <c r="E29" s="16">
        <v>1.8E-3</v>
      </c>
      <c r="F29" s="16">
        <v>1.8E-3</v>
      </c>
      <c r="G29" s="16">
        <v>1.8E-3</v>
      </c>
      <c r="H29" s="16">
        <v>1.8E-3</v>
      </c>
      <c r="I29" s="16">
        <v>1.8E-3</v>
      </c>
      <c r="J29" s="16">
        <v>1.8E-3</v>
      </c>
      <c r="K29" s="16">
        <v>1.8E-3</v>
      </c>
      <c r="L29" s="16">
        <v>1.8E-3</v>
      </c>
      <c r="M29" s="16">
        <v>1.8E-3</v>
      </c>
      <c r="N29" s="16">
        <v>1.8E-3</v>
      </c>
      <c r="O29" s="16">
        <v>1.8E-3</v>
      </c>
      <c r="P29" s="16">
        <v>1.8E-3</v>
      </c>
      <c r="Q29" s="16">
        <v>1.8E-3</v>
      </c>
      <c r="R29" s="16">
        <v>1.8E-3</v>
      </c>
      <c r="S29" s="16">
        <v>1.8E-3</v>
      </c>
      <c r="T29" s="16">
        <v>1.8E-3</v>
      </c>
      <c r="U29" s="16">
        <v>1.8E-3</v>
      </c>
      <c r="V29" s="16">
        <v>1.8E-3</v>
      </c>
      <c r="W29" s="16">
        <v>1.8E-3</v>
      </c>
      <c r="X29" s="16">
        <v>1.8E-3</v>
      </c>
      <c r="Y29" s="16">
        <v>1.8E-3</v>
      </c>
      <c r="Z29" s="16">
        <v>1.8E-3</v>
      </c>
      <c r="AA29" s="35">
        <v>1.8E-3</v>
      </c>
      <c r="AB29">
        <v>24</v>
      </c>
      <c r="AC29">
        <v>25</v>
      </c>
      <c r="AD29">
        <v>26</v>
      </c>
      <c r="AE29">
        <v>27</v>
      </c>
      <c r="AF29">
        <v>28</v>
      </c>
      <c r="AG29">
        <v>29</v>
      </c>
      <c r="AH29">
        <v>30</v>
      </c>
      <c r="AI29">
        <v>31</v>
      </c>
      <c r="AJ29">
        <v>32</v>
      </c>
      <c r="AK29">
        <v>33</v>
      </c>
      <c r="AL29">
        <v>34</v>
      </c>
      <c r="AM29">
        <v>35</v>
      </c>
      <c r="AN29">
        <v>36</v>
      </c>
      <c r="AO29">
        <v>37</v>
      </c>
      <c r="AP29">
        <v>38</v>
      </c>
      <c r="AQ29">
        <v>39</v>
      </c>
      <c r="AR29">
        <v>40</v>
      </c>
      <c r="AS29">
        <v>41</v>
      </c>
      <c r="AT29">
        <v>42</v>
      </c>
      <c r="AU29">
        <v>43</v>
      </c>
      <c r="AV29">
        <v>44</v>
      </c>
      <c r="AW29">
        <v>45</v>
      </c>
      <c r="AX29">
        <v>46</v>
      </c>
      <c r="AY29">
        <v>47</v>
      </c>
      <c r="AZ29">
        <v>48</v>
      </c>
      <c r="BA29">
        <v>49</v>
      </c>
      <c r="BB29">
        <v>50</v>
      </c>
      <c r="BC29">
        <v>51</v>
      </c>
      <c r="BD29">
        <v>52</v>
      </c>
      <c r="BE29">
        <v>53</v>
      </c>
      <c r="BF29">
        <v>54</v>
      </c>
      <c r="BG29">
        <v>55</v>
      </c>
      <c r="BH29">
        <v>56</v>
      </c>
      <c r="BI29">
        <v>57</v>
      </c>
      <c r="BJ29">
        <v>58</v>
      </c>
      <c r="BK29">
        <v>59</v>
      </c>
      <c r="BL29">
        <v>60</v>
      </c>
      <c r="BM29">
        <v>61</v>
      </c>
      <c r="BN29">
        <v>62</v>
      </c>
      <c r="BO29">
        <v>63</v>
      </c>
      <c r="BP29">
        <v>64</v>
      </c>
      <c r="BQ29">
        <v>65</v>
      </c>
      <c r="BR29">
        <v>66</v>
      </c>
      <c r="BS29">
        <v>67</v>
      </c>
      <c r="BT29">
        <v>68</v>
      </c>
      <c r="BU29">
        <v>69</v>
      </c>
      <c r="BV29">
        <v>70</v>
      </c>
      <c r="BW29">
        <v>71</v>
      </c>
      <c r="BX29">
        <v>72</v>
      </c>
      <c r="BY29">
        <v>73</v>
      </c>
      <c r="BZ29">
        <v>74</v>
      </c>
      <c r="CA29">
        <v>75</v>
      </c>
      <c r="CB29">
        <v>76</v>
      </c>
      <c r="CC29">
        <v>77</v>
      </c>
      <c r="CD29">
        <v>78</v>
      </c>
      <c r="CE29">
        <v>79</v>
      </c>
      <c r="CF29">
        <v>80</v>
      </c>
      <c r="CG29">
        <v>81</v>
      </c>
      <c r="CH29">
        <v>82</v>
      </c>
      <c r="CI29">
        <v>83</v>
      </c>
      <c r="CJ29">
        <v>84</v>
      </c>
      <c r="CK29">
        <v>85</v>
      </c>
      <c r="CL29">
        <v>86</v>
      </c>
      <c r="CM29">
        <v>87</v>
      </c>
      <c r="CN29">
        <v>88</v>
      </c>
      <c r="CO29">
        <v>89</v>
      </c>
      <c r="CP29">
        <v>90</v>
      </c>
      <c r="CQ29">
        <v>91</v>
      </c>
      <c r="CR29">
        <v>92</v>
      </c>
      <c r="CS29">
        <v>93</v>
      </c>
      <c r="CT29">
        <v>94</v>
      </c>
      <c r="CU29">
        <v>95</v>
      </c>
      <c r="CV29">
        <v>96</v>
      </c>
      <c r="CW29">
        <v>97</v>
      </c>
      <c r="CX29">
        <v>98</v>
      </c>
      <c r="CY29">
        <v>99</v>
      </c>
      <c r="CZ29">
        <v>100</v>
      </c>
      <c r="DA29">
        <v>101</v>
      </c>
      <c r="DB29">
        <v>102</v>
      </c>
      <c r="DC29">
        <v>103</v>
      </c>
      <c r="DD29">
        <v>104</v>
      </c>
      <c r="DE29">
        <v>105</v>
      </c>
      <c r="DF29">
        <v>106</v>
      </c>
      <c r="DG29">
        <v>107</v>
      </c>
      <c r="DH29">
        <v>108</v>
      </c>
      <c r="DI29">
        <v>109</v>
      </c>
      <c r="DJ29">
        <v>110</v>
      </c>
      <c r="DK29">
        <v>111</v>
      </c>
      <c r="DL29">
        <v>112</v>
      </c>
      <c r="DM29">
        <v>113</v>
      </c>
      <c r="DN29">
        <v>114</v>
      </c>
      <c r="DO29">
        <v>115</v>
      </c>
      <c r="DP29">
        <v>116</v>
      </c>
      <c r="DQ29">
        <v>117</v>
      </c>
      <c r="DR29">
        <v>118</v>
      </c>
      <c r="DS29">
        <v>119</v>
      </c>
      <c r="DT29">
        <v>120</v>
      </c>
      <c r="DU29">
        <v>121</v>
      </c>
      <c r="DV29">
        <v>122</v>
      </c>
      <c r="DW29">
        <v>123</v>
      </c>
      <c r="DX29">
        <v>124</v>
      </c>
      <c r="DY29">
        <v>125</v>
      </c>
      <c r="DZ29">
        <v>126</v>
      </c>
      <c r="EA29">
        <v>127</v>
      </c>
      <c r="EB29">
        <v>128</v>
      </c>
      <c r="EC29">
        <v>129</v>
      </c>
      <c r="ED29">
        <v>130</v>
      </c>
      <c r="EE29">
        <v>131</v>
      </c>
      <c r="EF29">
        <v>132</v>
      </c>
      <c r="EG29">
        <v>133</v>
      </c>
      <c r="EH29">
        <v>134</v>
      </c>
      <c r="EI29">
        <v>135</v>
      </c>
      <c r="EJ29">
        <v>136</v>
      </c>
      <c r="EK29">
        <v>137</v>
      </c>
      <c r="EL29">
        <v>138</v>
      </c>
      <c r="EM29">
        <v>139</v>
      </c>
      <c r="EN29">
        <v>140</v>
      </c>
      <c r="EO29">
        <v>141</v>
      </c>
      <c r="EP29">
        <v>142</v>
      </c>
      <c r="EQ29">
        <v>143</v>
      </c>
      <c r="ER29">
        <v>144</v>
      </c>
      <c r="ES29">
        <v>145</v>
      </c>
      <c r="ET29">
        <v>146</v>
      </c>
      <c r="EU29">
        <v>147</v>
      </c>
      <c r="EV29">
        <v>148</v>
      </c>
      <c r="EW29">
        <v>149</v>
      </c>
      <c r="EX29">
        <v>150</v>
      </c>
      <c r="EY29">
        <v>151</v>
      </c>
      <c r="EZ29">
        <v>152</v>
      </c>
      <c r="FA29">
        <v>153</v>
      </c>
      <c r="FB29">
        <v>154</v>
      </c>
      <c r="FC29">
        <v>155</v>
      </c>
      <c r="FD29">
        <v>156</v>
      </c>
      <c r="FE29">
        <v>157</v>
      </c>
      <c r="FF29">
        <v>158</v>
      </c>
      <c r="FG29">
        <v>159</v>
      </c>
      <c r="FH29">
        <v>160</v>
      </c>
      <c r="FI29">
        <v>161</v>
      </c>
      <c r="FJ29">
        <v>162</v>
      </c>
      <c r="FK29">
        <v>163</v>
      </c>
      <c r="FL29">
        <v>164</v>
      </c>
      <c r="FM29">
        <v>165</v>
      </c>
      <c r="FN29">
        <v>166</v>
      </c>
      <c r="FO29">
        <v>167</v>
      </c>
      <c r="FP29">
        <v>168</v>
      </c>
    </row>
    <row r="30" spans="2:172" ht="14.45" customHeight="1" thickBot="1" x14ac:dyDescent="0.3">
      <c r="B30" s="223"/>
      <c r="C30" s="17">
        <v>7</v>
      </c>
      <c r="D30" s="36">
        <v>1.8E-3</v>
      </c>
      <c r="E30" s="37">
        <v>1.8E-3</v>
      </c>
      <c r="F30" s="37">
        <v>1.8E-3</v>
      </c>
      <c r="G30" s="37">
        <v>1.8E-3</v>
      </c>
      <c r="H30" s="37">
        <v>1.8E-3</v>
      </c>
      <c r="I30" s="37">
        <v>1.8E-3</v>
      </c>
      <c r="J30" s="37">
        <v>1.8E-3</v>
      </c>
      <c r="K30" s="37">
        <v>1.8E-3</v>
      </c>
      <c r="L30" s="37">
        <v>1.8E-3</v>
      </c>
      <c r="M30" s="37">
        <v>1.8E-3</v>
      </c>
      <c r="N30" s="37">
        <v>1.8E-3</v>
      </c>
      <c r="O30" s="37">
        <v>1.8E-3</v>
      </c>
      <c r="P30" s="37">
        <v>1.8E-3</v>
      </c>
      <c r="Q30" s="37">
        <v>1.8E-3</v>
      </c>
      <c r="R30" s="37">
        <v>1.8E-3</v>
      </c>
      <c r="S30" s="37">
        <v>1.8E-3</v>
      </c>
      <c r="T30" s="37">
        <v>1.8E-3</v>
      </c>
      <c r="U30" s="37">
        <v>1.8E-3</v>
      </c>
      <c r="V30" s="37">
        <v>1.8E-3</v>
      </c>
      <c r="W30" s="37">
        <v>1.8E-3</v>
      </c>
      <c r="X30" s="37">
        <v>1.8E-3</v>
      </c>
      <c r="Y30" s="37">
        <v>1.8E-3</v>
      </c>
      <c r="Z30" s="37">
        <v>1.8E-3</v>
      </c>
      <c r="AA30" s="38">
        <v>1.8E-3</v>
      </c>
      <c r="AB30">
        <f t="shared" ref="AB30:AY30" si="12">D25</f>
        <v>2.0999999999999999E-3</v>
      </c>
      <c r="AC30">
        <f t="shared" si="12"/>
        <v>3.2000000000000002E-3</v>
      </c>
      <c r="AD30">
        <f t="shared" si="12"/>
        <v>3.2000000000000002E-3</v>
      </c>
      <c r="AE30">
        <f t="shared" si="12"/>
        <v>3.2000000000000002E-3</v>
      </c>
      <c r="AF30">
        <f t="shared" si="12"/>
        <v>3.2000000000000002E-3</v>
      </c>
      <c r="AG30">
        <f t="shared" si="12"/>
        <v>3.2000000000000002E-3</v>
      </c>
      <c r="AH30">
        <f t="shared" si="12"/>
        <v>3.2000000000000002E-3</v>
      </c>
      <c r="AI30">
        <f t="shared" si="12"/>
        <v>1.3489999999999999E-2</v>
      </c>
      <c r="AJ30">
        <f t="shared" si="12"/>
        <v>1.5051999999999999E-2</v>
      </c>
      <c r="AK30">
        <f t="shared" si="12"/>
        <v>1.6614E-2</v>
      </c>
      <c r="AL30">
        <f t="shared" si="12"/>
        <v>1.6614E-2</v>
      </c>
      <c r="AM30">
        <f t="shared" si="12"/>
        <v>1.9879999999999998E-2</v>
      </c>
      <c r="AN30">
        <f t="shared" si="12"/>
        <v>1.9879999999999998E-2</v>
      </c>
      <c r="AO30">
        <f t="shared" si="12"/>
        <v>1.3205999999999999E-2</v>
      </c>
      <c r="AP30">
        <f t="shared" si="12"/>
        <v>1.9879999999999998E-2</v>
      </c>
      <c r="AQ30">
        <f t="shared" si="12"/>
        <v>1.9879999999999998E-2</v>
      </c>
      <c r="AR30">
        <f t="shared" si="12"/>
        <v>1.1715E-2</v>
      </c>
      <c r="AS30">
        <f t="shared" si="12"/>
        <v>5.0000000000000001E-3</v>
      </c>
      <c r="AT30">
        <f t="shared" si="12"/>
        <v>3.3E-3</v>
      </c>
      <c r="AU30">
        <f t="shared" si="12"/>
        <v>3.3E-3</v>
      </c>
      <c r="AV30">
        <f t="shared" si="12"/>
        <v>3.3E-3</v>
      </c>
      <c r="AW30">
        <f t="shared" si="12"/>
        <v>3.3E-3</v>
      </c>
      <c r="AX30">
        <f t="shared" si="12"/>
        <v>3.3E-3</v>
      </c>
      <c r="AY30">
        <f t="shared" si="12"/>
        <v>3.3E-3</v>
      </c>
      <c r="AZ30">
        <f t="shared" ref="AZ30:BW30" si="13">D26</f>
        <v>3.3E-3</v>
      </c>
      <c r="BA30">
        <f t="shared" si="13"/>
        <v>3.3E-3</v>
      </c>
      <c r="BB30">
        <f t="shared" si="13"/>
        <v>3.3E-3</v>
      </c>
      <c r="BC30">
        <f t="shared" si="13"/>
        <v>3.3E-3</v>
      </c>
      <c r="BD30">
        <f t="shared" si="13"/>
        <v>3.3E-3</v>
      </c>
      <c r="BE30">
        <f t="shared" si="13"/>
        <v>3.3E-3</v>
      </c>
      <c r="BF30">
        <f t="shared" si="13"/>
        <v>3.3E-3</v>
      </c>
      <c r="BG30">
        <f t="shared" si="13"/>
        <v>1.3489999999999999E-2</v>
      </c>
      <c r="BH30">
        <f t="shared" si="13"/>
        <v>1.5051999999999999E-2</v>
      </c>
      <c r="BI30">
        <f t="shared" si="13"/>
        <v>1.6614E-2</v>
      </c>
      <c r="BJ30">
        <f t="shared" si="13"/>
        <v>1.6614E-2</v>
      </c>
      <c r="BK30">
        <f t="shared" si="13"/>
        <v>1.9879999999999998E-2</v>
      </c>
      <c r="BL30">
        <f t="shared" si="13"/>
        <v>1.9879999999999998E-2</v>
      </c>
      <c r="BM30">
        <f t="shared" si="13"/>
        <v>1.3205999999999999E-2</v>
      </c>
      <c r="BN30">
        <f t="shared" si="13"/>
        <v>1.9879999999999998E-2</v>
      </c>
      <c r="BO30">
        <f t="shared" si="13"/>
        <v>1.9879999999999998E-2</v>
      </c>
      <c r="BP30">
        <f t="shared" si="13"/>
        <v>1.1715E-2</v>
      </c>
      <c r="BQ30">
        <f t="shared" si="13"/>
        <v>5.0000000000000001E-3</v>
      </c>
      <c r="BR30">
        <f t="shared" si="13"/>
        <v>3.3E-3</v>
      </c>
      <c r="BS30">
        <f t="shared" si="13"/>
        <v>3.3E-3</v>
      </c>
      <c r="BT30">
        <f t="shared" si="13"/>
        <v>3.3E-3</v>
      </c>
      <c r="BU30">
        <f t="shared" si="13"/>
        <v>3.3E-3</v>
      </c>
      <c r="BV30">
        <f t="shared" si="13"/>
        <v>3.3E-3</v>
      </c>
      <c r="BW30">
        <f t="shared" si="13"/>
        <v>3.3E-3</v>
      </c>
      <c r="BX30">
        <f t="shared" ref="BX30:CU30" si="14">D27</f>
        <v>3.3E-3</v>
      </c>
      <c r="BY30">
        <f t="shared" si="14"/>
        <v>3.3E-3</v>
      </c>
      <c r="BZ30">
        <f t="shared" si="14"/>
        <v>3.3E-3</v>
      </c>
      <c r="CA30">
        <f t="shared" si="14"/>
        <v>3.3E-3</v>
      </c>
      <c r="CB30">
        <f t="shared" si="14"/>
        <v>3.3E-3</v>
      </c>
      <c r="CC30">
        <f t="shared" si="14"/>
        <v>3.3E-3</v>
      </c>
      <c r="CD30">
        <f t="shared" si="14"/>
        <v>3.3E-3</v>
      </c>
      <c r="CE30">
        <f t="shared" si="14"/>
        <v>1.3489999999999999E-2</v>
      </c>
      <c r="CF30">
        <f t="shared" si="14"/>
        <v>1.5051999999999999E-2</v>
      </c>
      <c r="CG30">
        <f t="shared" si="14"/>
        <v>1.6614E-2</v>
      </c>
      <c r="CH30">
        <f t="shared" si="14"/>
        <v>1.6614E-2</v>
      </c>
      <c r="CI30">
        <f t="shared" si="14"/>
        <v>1.9879999999999998E-2</v>
      </c>
      <c r="CJ30">
        <f t="shared" si="14"/>
        <v>1.9879999999999998E-2</v>
      </c>
      <c r="CK30">
        <f t="shared" si="14"/>
        <v>1.3205999999999999E-2</v>
      </c>
      <c r="CL30">
        <f t="shared" si="14"/>
        <v>1.9879999999999998E-2</v>
      </c>
      <c r="CM30">
        <f t="shared" si="14"/>
        <v>1.9879999999999998E-2</v>
      </c>
      <c r="CN30">
        <f t="shared" si="14"/>
        <v>1.1715E-2</v>
      </c>
      <c r="CO30">
        <f t="shared" si="14"/>
        <v>5.0000000000000001E-3</v>
      </c>
      <c r="CP30">
        <f t="shared" si="14"/>
        <v>3.3E-3</v>
      </c>
      <c r="CQ30">
        <f t="shared" si="14"/>
        <v>3.3E-3</v>
      </c>
      <c r="CR30">
        <f t="shared" si="14"/>
        <v>3.3E-3</v>
      </c>
      <c r="CS30">
        <f t="shared" si="14"/>
        <v>3.3E-3</v>
      </c>
      <c r="CT30">
        <f t="shared" si="14"/>
        <v>3.3E-3</v>
      </c>
      <c r="CU30">
        <f t="shared" si="14"/>
        <v>3.3E-3</v>
      </c>
      <c r="CV30">
        <f t="shared" ref="CV30:DS30" si="15">D28</f>
        <v>3.3E-3</v>
      </c>
      <c r="CW30">
        <f t="shared" si="15"/>
        <v>2E-3</v>
      </c>
      <c r="CX30">
        <f t="shared" si="15"/>
        <v>2E-3</v>
      </c>
      <c r="CY30">
        <f t="shared" si="15"/>
        <v>2E-3</v>
      </c>
      <c r="CZ30">
        <f t="shared" si="15"/>
        <v>2E-3</v>
      </c>
      <c r="DA30">
        <f t="shared" si="15"/>
        <v>2E-3</v>
      </c>
      <c r="DB30">
        <f t="shared" si="15"/>
        <v>2E-3</v>
      </c>
      <c r="DC30">
        <f t="shared" si="15"/>
        <v>8.5199999999999998E-3</v>
      </c>
      <c r="DD30">
        <f t="shared" si="15"/>
        <v>1.065E-2</v>
      </c>
      <c r="DE30">
        <f t="shared" si="15"/>
        <v>1.1715E-2</v>
      </c>
      <c r="DF30">
        <f t="shared" si="15"/>
        <v>1.1715E-2</v>
      </c>
      <c r="DG30">
        <f t="shared" si="15"/>
        <v>1.3845E-2</v>
      </c>
      <c r="DH30">
        <f t="shared" si="15"/>
        <v>1.3845E-2</v>
      </c>
      <c r="DI30">
        <f t="shared" si="15"/>
        <v>9.5849999999999998E-3</v>
      </c>
      <c r="DJ30">
        <f t="shared" si="15"/>
        <v>1.3845E-2</v>
      </c>
      <c r="DK30">
        <f t="shared" si="15"/>
        <v>1.065E-2</v>
      </c>
      <c r="DL30">
        <f t="shared" si="15"/>
        <v>5.0000000000000001E-3</v>
      </c>
      <c r="DM30">
        <f t="shared" si="15"/>
        <v>3.3E-3</v>
      </c>
      <c r="DN30">
        <f t="shared" si="15"/>
        <v>2.0999999999999999E-3</v>
      </c>
      <c r="DO30">
        <f t="shared" si="15"/>
        <v>2E-3</v>
      </c>
      <c r="DP30">
        <f t="shared" si="15"/>
        <v>2E-3</v>
      </c>
      <c r="DQ30">
        <f t="shared" si="15"/>
        <v>2E-3</v>
      </c>
      <c r="DR30">
        <f t="shared" si="15"/>
        <v>2E-3</v>
      </c>
      <c r="DS30">
        <f t="shared" si="15"/>
        <v>2E-3</v>
      </c>
      <c r="DT30">
        <f t="shared" ref="DT30:EQ30" si="16">D29</f>
        <v>2E-3</v>
      </c>
      <c r="DU30">
        <f t="shared" si="16"/>
        <v>1.8E-3</v>
      </c>
      <c r="DV30">
        <f t="shared" si="16"/>
        <v>1.8E-3</v>
      </c>
      <c r="DW30">
        <f t="shared" si="16"/>
        <v>1.8E-3</v>
      </c>
      <c r="DX30">
        <f t="shared" si="16"/>
        <v>1.8E-3</v>
      </c>
      <c r="DY30">
        <f t="shared" si="16"/>
        <v>1.8E-3</v>
      </c>
      <c r="DZ30">
        <f t="shared" si="16"/>
        <v>1.8E-3</v>
      </c>
      <c r="EA30">
        <f t="shared" si="16"/>
        <v>1.8E-3</v>
      </c>
      <c r="EB30">
        <f t="shared" si="16"/>
        <v>1.8E-3</v>
      </c>
      <c r="EC30">
        <f t="shared" si="16"/>
        <v>1.8E-3</v>
      </c>
      <c r="ED30">
        <f t="shared" si="16"/>
        <v>1.8E-3</v>
      </c>
      <c r="EE30">
        <f t="shared" si="16"/>
        <v>1.8E-3</v>
      </c>
      <c r="EF30">
        <f t="shared" si="16"/>
        <v>1.8E-3</v>
      </c>
      <c r="EG30">
        <f t="shared" si="16"/>
        <v>1.8E-3</v>
      </c>
      <c r="EH30">
        <f t="shared" si="16"/>
        <v>1.8E-3</v>
      </c>
      <c r="EI30">
        <f t="shared" si="16"/>
        <v>1.8E-3</v>
      </c>
      <c r="EJ30">
        <f t="shared" si="16"/>
        <v>1.8E-3</v>
      </c>
      <c r="EK30">
        <f t="shared" si="16"/>
        <v>1.8E-3</v>
      </c>
      <c r="EL30">
        <f t="shared" si="16"/>
        <v>1.8E-3</v>
      </c>
      <c r="EM30">
        <f t="shared" si="16"/>
        <v>1.8E-3</v>
      </c>
      <c r="EN30">
        <f t="shared" si="16"/>
        <v>1.8E-3</v>
      </c>
      <c r="EO30">
        <f t="shared" si="16"/>
        <v>1.8E-3</v>
      </c>
      <c r="EP30">
        <f t="shared" si="16"/>
        <v>1.8E-3</v>
      </c>
      <c r="EQ30">
        <f t="shared" si="16"/>
        <v>1.8E-3</v>
      </c>
      <c r="ER30">
        <f t="shared" ref="ER30:FO30" si="17">D30</f>
        <v>1.8E-3</v>
      </c>
      <c r="ES30">
        <f t="shared" si="17"/>
        <v>1.8E-3</v>
      </c>
      <c r="ET30">
        <f t="shared" si="17"/>
        <v>1.8E-3</v>
      </c>
      <c r="EU30">
        <f t="shared" si="17"/>
        <v>1.8E-3</v>
      </c>
      <c r="EV30">
        <f t="shared" si="17"/>
        <v>1.8E-3</v>
      </c>
      <c r="EW30">
        <f t="shared" si="17"/>
        <v>1.8E-3</v>
      </c>
      <c r="EX30">
        <f t="shared" si="17"/>
        <v>1.8E-3</v>
      </c>
      <c r="EY30">
        <f t="shared" si="17"/>
        <v>1.8E-3</v>
      </c>
      <c r="EZ30">
        <f t="shared" si="17"/>
        <v>1.8E-3</v>
      </c>
      <c r="FA30">
        <f t="shared" si="17"/>
        <v>1.8E-3</v>
      </c>
      <c r="FB30">
        <f t="shared" si="17"/>
        <v>1.8E-3</v>
      </c>
      <c r="FC30">
        <f t="shared" si="17"/>
        <v>1.8E-3</v>
      </c>
      <c r="FD30">
        <f t="shared" si="17"/>
        <v>1.8E-3</v>
      </c>
      <c r="FE30">
        <f t="shared" si="17"/>
        <v>1.8E-3</v>
      </c>
      <c r="FF30">
        <f t="shared" si="17"/>
        <v>1.8E-3</v>
      </c>
      <c r="FG30">
        <f t="shared" si="17"/>
        <v>1.8E-3</v>
      </c>
      <c r="FH30">
        <f t="shared" si="17"/>
        <v>1.8E-3</v>
      </c>
      <c r="FI30">
        <f t="shared" si="17"/>
        <v>1.8E-3</v>
      </c>
      <c r="FJ30">
        <f t="shared" si="17"/>
        <v>1.8E-3</v>
      </c>
      <c r="FK30">
        <f t="shared" si="17"/>
        <v>1.8E-3</v>
      </c>
      <c r="FL30">
        <f t="shared" si="17"/>
        <v>1.8E-3</v>
      </c>
      <c r="FM30">
        <f t="shared" si="17"/>
        <v>1.8E-3</v>
      </c>
      <c r="FN30">
        <f t="shared" si="17"/>
        <v>1.8E-3</v>
      </c>
      <c r="FO30">
        <f t="shared" si="17"/>
        <v>1.8E-3</v>
      </c>
      <c r="FP30">
        <f>FO30</f>
        <v>1.8E-3</v>
      </c>
    </row>
    <row r="32" spans="2:172" x14ac:dyDescent="0.25">
      <c r="O32" s="221" t="s">
        <v>72</v>
      </c>
      <c r="P32" s="221"/>
      <c r="Q32" s="221"/>
      <c r="R32" s="221"/>
      <c r="S32" s="221"/>
      <c r="T32" s="221"/>
    </row>
    <row r="33" spans="2:33" ht="18.75" x14ac:dyDescent="0.3">
      <c r="B33" t="s">
        <v>9</v>
      </c>
      <c r="C33" s="16" t="s">
        <v>44</v>
      </c>
      <c r="D33" s="39" t="s">
        <v>50</v>
      </c>
      <c r="E33" s="39" t="s">
        <v>46</v>
      </c>
      <c r="F33" s="39" t="s">
        <v>47</v>
      </c>
      <c r="G33" s="39" t="s">
        <v>48</v>
      </c>
      <c r="H33" s="39" t="s">
        <v>49</v>
      </c>
      <c r="I33" s="39" t="s">
        <v>32</v>
      </c>
      <c r="J33" s="39" t="s">
        <v>33</v>
      </c>
      <c r="K33" s="39" t="s">
        <v>34</v>
      </c>
      <c r="L33" s="39" t="s">
        <v>35</v>
      </c>
      <c r="M33" s="39" t="s">
        <v>36</v>
      </c>
      <c r="N33" s="44" t="s">
        <v>52</v>
      </c>
      <c r="O33" s="79" t="s">
        <v>32</v>
      </c>
      <c r="P33" s="79" t="s">
        <v>33</v>
      </c>
      <c r="Q33" s="79" t="s">
        <v>34</v>
      </c>
      <c r="R33" s="79" t="s">
        <v>35</v>
      </c>
      <c r="S33" s="79" t="s">
        <v>36</v>
      </c>
      <c r="T33" s="79" t="s">
        <v>52</v>
      </c>
      <c r="V33" s="79"/>
      <c r="W33" s="79"/>
      <c r="X33" s="79"/>
    </row>
    <row r="34" spans="2:33" x14ac:dyDescent="0.25">
      <c r="B34">
        <f>WEEKDAY(N34,2)</f>
        <v>7</v>
      </c>
      <c r="C34" s="16" cm="1">
        <f t="array" ref="C34:C8793">_xlfn.SEQUENCE(8760,1,0,1)</f>
        <v>0</v>
      </c>
      <c r="D34" cm="1">
        <f t="array" ref="D34">IFERROR(INDEX(Jesper!AH$2:AH$366,ROUNDDOWN($C34/24,0)+1,1)*INDEX($D$3:$AA$30,INDEX(Jesper!$R$2:$R$366,ROW(INDEX(Jesper!AH$2:AH$366,ROUNDDOWN($C34/24,0)+1,1))-1)+IF('Standard Profiles'!$G$18=$B$10,7,0)+IF('Standard Profiles'!$G$18=$B$17,14,0)+IF('Standard Profiles'!$G$18=$B$24,21,0),MOD($C34,24)+1)/SUM(INDEX($D$3:$AA$30,INDEX(Jesper!$R$2:$R$366,ROW(INDEX(Jesper!AH$2:AH$366,ROUNDDOWN($C34/24,0)+1,1))-1)+IF('Standard Profiles'!$G$18=$B$10,7,0)+IF('Standard Profiles'!$G$18=$B$17,14,0)+IF('Standard Profiles'!$G$18=$B$24,21,0),0)),0)</f>
        <v>0</v>
      </c>
      <c r="E34" cm="1">
        <f t="array" ref="E34">IFERROR(INDEX(Jesper!AI$2:AI$366,ROUNDDOWN($C34/24,0)+1,1)*INDEX($D$3:$AA$30,INDEX(Jesper!$R$2:$R$366,ROW(INDEX(Jesper!AI$2:AI$366,ROUNDDOWN($C34/24,0)+1,1))-1)+IF('Standard Profiles'!$G$19=$B$10,7,0)+IF('Standard Profiles'!$G$19=$B$17,14,0)+IF('Standard Profiles'!$G$19=$B$24,21,0),MOD($C34,24)+1)/SUM(INDEX($D$3:$AA$30,INDEX(Jesper!$R$2:$R$366,ROW(INDEX(Jesper!AI$2:AI$366,ROUNDDOWN($C34/24,0)+1,1))-1)+IF('Standard Profiles'!$G$19=$B$10,7,0)+IF('Standard Profiles'!$G$19=$B$17,14,0)+IF('Standard Profiles'!$G$19=$B$24,21,0),0)),0)</f>
        <v>4.5710496115411008</v>
      </c>
      <c r="F34" cm="1">
        <f t="array" ref="F34">IFERROR(INDEX(Jesper!AJ$2:AJ$366,ROUNDDOWN($C34/24,0)+1,1)*INDEX($D$3:$AA$30,INDEX(Jesper!$R$2:$R$366,ROW(INDEX(Jesper!AJ$2:AJ$366,ROUNDDOWN($C34/24,0)+1,1))-1)+IF('Standard Profiles'!$G$20=$B$10,7,0)+IF('Standard Profiles'!$G$20=$B$17,14,0)+IF('Standard Profiles'!$G$20=$B$24,21,0),MOD($C34,24)+1)/SUM(INDEX($D$3:$AA$30,INDEX(Jesper!$R$2:$R$366,ROW(INDEX(Jesper!AJ$2:AJ$366,ROUNDDOWN($C34/24,0)+1,1))-1)+IF('Standard Profiles'!$G$20=$B$10,7,0)+IF('Standard Profiles'!$G$20=$B$17,14,0)+IF('Standard Profiles'!$G$20=$B$24,21,0),0)),0)</f>
        <v>3.6708686966110213</v>
      </c>
      <c r="G34" cm="1">
        <f t="array" ref="G34">IFERROR(INDEX(Jesper!AK$2:AK$366,ROUNDDOWN($C34/24,0)+1,1)*INDEX($D$3:$AA$30,INDEX(Jesper!$R$2:$R$366,ROW(INDEX(Jesper!AK$2:AK$366,ROUNDDOWN($C34/24,0)+1,1))-1)+IF('Standard Profiles'!$G$21=$B$10,7,0)+IF('Standard Profiles'!$G$21=$B$17,14,0)+IF('Standard Profiles'!$G$21=$B$24,21,0),MOD($C34,24)+1)/SUM(INDEX($D$3:$AA$30,INDEX(Jesper!$R$2:$R$366,ROW(INDEX(Jesper!AK$2:AK$366,ROUNDDOWN($C34/24,0)+1,1))-1)+IF('Standard Profiles'!$G$21=$B$10,7,0)+IF('Standard Profiles'!$G$21=$B$17,14,0)+IF('Standard Profiles'!$G$21=$B$24,21,0),0)),0)</f>
        <v>5.573306682046689</v>
      </c>
      <c r="H34" cm="1">
        <f t="array" ref="H34">IFERROR(INDEX(Jesper!AL$2:AL$366,ROUNDDOWN($C34/24,0)+1,1)*INDEX($D$3:$AA$30,INDEX(Jesper!$R$2:$R$366,ROW(INDEX(Jesper!AL$2:AL$366,ROUNDDOWN($C34/24,0)+1,1))-1)+IF('Standard Profiles'!$G$22=$B$10,7,0)+IF('Standard Profiles'!$G$22=$B$17,14,0)+IF('Standard Profiles'!$G$22=$B$24,21,0),MOD($C34,24)+1)/SUM(INDEX($D$3:$AA$30,INDEX(Jesper!$R$2:$R$366,ROW(INDEX(Jesper!AL$2:AL$366,ROUNDDOWN($C34/24,0)+1,1))-1)+IF('Standard Profiles'!$G$22=$B$10,7,0)+IF('Standard Profiles'!$G$22=$B$17,14,0)+IF('Standard Profiles'!$G$22=$B$24,21,0),0)),0)</f>
        <v>2.5659806585751159</v>
      </c>
      <c r="I34">
        <f>IF($B34&lt;6,AC$37*$D34+AC$38*$E34+AC$39*$F34+AC$40*$G34,AC$46*$D34+AC$47*$E34+AC$48*$F34+AC$49*$G34+AC$50*$H34)</f>
        <v>2.4633414322321125</v>
      </c>
      <c r="J34">
        <f>IF($B34&lt;6,AD$37*$D34+AD$38*$E34+AD$39*$F34+AD$40*$G34,AD$46*$D34+AD$47*$E34+AD$48*$F34+AD$49*$G34+AD$50*$H34)</f>
        <v>13.369338263156882</v>
      </c>
      <c r="K34">
        <f>IF($B34&lt;6,AE$37*$D34+AE$38*$E34+AE$39*$F34+AE$40*$G34,AE$46*$D34+AE$47*$E34+AE$48*$F34+AE$49*$G34+AE$50*$H34)</f>
        <v>0.36568396892328808</v>
      </c>
      <c r="L34">
        <f t="shared" ref="L34:M34" si="18">IF($B34&lt;6,AF$37*$D34+AF$38*$E34+AF$39*$F34+AF$40*$G34,AF$46*$D34+AF$47*$E34+AF$48*$F34+AF$49*$G34+AF$50*$H34)</f>
        <v>0.18284198446164404</v>
      </c>
      <c r="M34">
        <f t="shared" si="18"/>
        <v>0</v>
      </c>
      <c r="N34" s="45">
        <f>DATE(Input!$J$6,1,1)</f>
        <v>44927</v>
      </c>
      <c r="O34" cm="1">
        <f t="array" ref="O34:O201">IFERROR(INDEX(I34:I8793,_xlfn.SEQUENCE(7*24,1,(Input!$K$25-1)*7*24+1)),_xlfn.SEQUENCE(7*24-1,1,0,0))</f>
        <v>1.3564675662619605</v>
      </c>
      <c r="P34" cm="1">
        <f t="array" ref="P34:P201">IFERROR(INDEX(J34:J8793,_xlfn.SEQUENCE(7*24,1,(Input!$K$25-1)*7*24+1)),_xlfn.SEQUENCE(7*24-1,1,0,0))</f>
        <v>9.4895557911464543</v>
      </c>
      <c r="Q34" cm="1">
        <f t="array" ref="Q34:Q201">IFERROR(INDEX(K34:K8793,_xlfn.SEQUENCE(7*24,1,(Input!$K$25-1)*7*24+1)),_xlfn.SEQUENCE(7*24-1,1,0,0))</f>
        <v>0.30405920533814274</v>
      </c>
      <c r="R34" cm="1">
        <f t="array" ref="R34:R201">IFERROR(INDEX(L34:L8793,_xlfn.SEQUENCE(7*24,1,(Input!$K$25-1)*7*24+1)),_xlfn.SEQUENCE(7*24-1,1,0,0))</f>
        <v>0.15202960266907137</v>
      </c>
      <c r="S34" cm="1">
        <f t="array" ref="S34:S201">IFERROR(INDEX(M34:M8793,_xlfn.SEQUENCE(7*24,1,(Input!$K$25-1)*7*24+1)),_xlfn.SEQUENCE(7*24-1,1,0,0))</f>
        <v>0</v>
      </c>
      <c r="T34" s="45" cm="1">
        <f t="array" ref="T34:T201">IFERROR(INDEX(N34:N8793,_xlfn.SEQUENCE(7*24,1,(Input!$K$25-1)*7*24+1)),_xlfn.SEQUENCE(7*24-1,1,0,0))</f>
        <v>45059.999999992258</v>
      </c>
      <c r="AB34" t="str">
        <f>Jesper!AT19</f>
        <v>Temperature-Cluster Distribution - working days</v>
      </c>
    </row>
    <row r="35" spans="2:33" x14ac:dyDescent="0.25">
      <c r="B35">
        <f t="shared" ref="B35:B98" si="19">WEEKDAY(N35,2)</f>
        <v>7</v>
      </c>
      <c r="C35" s="16">
        <v>1</v>
      </c>
      <c r="D35" cm="1">
        <f t="array" ref="D35">IFERROR(INDEX(Jesper!AH$2:AH$366,ROUNDDOWN($C35/24,0)+1,1)*INDEX($D$3:$AA$30,INDEX(Jesper!$R$2:$R$366,ROW(INDEX(Jesper!AH$2:AH$366,ROUNDDOWN($C35/24,0)+1,1))-1)+IF('Standard Profiles'!$G$18=$B$10,7,0)+IF('Standard Profiles'!$G$18=$B$17,14,0)+IF('Standard Profiles'!$G$18=$B$24,21,0),MOD($C35,24)+1)/SUM(INDEX($D$3:$AA$30,INDEX(Jesper!$R$2:$R$366,ROW(INDEX(Jesper!AH$2:AH$366,ROUNDDOWN($C35/24,0)+1,1))-1)+IF('Standard Profiles'!$G$18=$B$10,7,0)+IF('Standard Profiles'!$G$18=$B$17,14,0)+IF('Standard Profiles'!$G$18=$B$24,21,0),0)),0)</f>
        <v>0</v>
      </c>
      <c r="E35" cm="1">
        <f t="array" ref="E35">IFERROR(INDEX(Jesper!AI$2:AI$366,ROUNDDOWN($C35/24,0)+1,1)*INDEX($D$3:$AA$30,INDEX(Jesper!$R$2:$R$366,ROW(INDEX(Jesper!AI$2:AI$366,ROUNDDOWN($C35/24,0)+1,1))-1)+IF('Standard Profiles'!$G$19=$B$10,7,0)+IF('Standard Profiles'!$G$19=$B$17,14,0)+IF('Standard Profiles'!$G$19=$B$24,21,0),MOD($C35,24)+1)/SUM(INDEX($D$3:$AA$30,INDEX(Jesper!$R$2:$R$366,ROW(INDEX(Jesper!AI$2:AI$366,ROUNDDOWN($C35/24,0)+1,1))-1)+IF('Standard Profiles'!$G$19=$B$10,7,0)+IF('Standard Profiles'!$G$19=$B$17,14,0)+IF('Standard Profiles'!$G$19=$B$24,21,0),0)),0)</f>
        <v>4.5710496115411008</v>
      </c>
      <c r="F35" cm="1">
        <f t="array" ref="F35">IFERROR(INDEX(Jesper!AJ$2:AJ$366,ROUNDDOWN($C35/24,0)+1,1)*INDEX($D$3:$AA$30,INDEX(Jesper!$R$2:$R$366,ROW(INDEX(Jesper!AJ$2:AJ$366,ROUNDDOWN($C35/24,0)+1,1))-1)+IF('Standard Profiles'!$G$20=$B$10,7,0)+IF('Standard Profiles'!$G$20=$B$17,14,0)+IF('Standard Profiles'!$G$20=$B$24,21,0),MOD($C35,24)+1)/SUM(INDEX($D$3:$AA$30,INDEX(Jesper!$R$2:$R$366,ROW(INDEX(Jesper!AJ$2:AJ$366,ROUNDDOWN($C35/24,0)+1,1))-1)+IF('Standard Profiles'!$G$20=$B$10,7,0)+IF('Standard Profiles'!$G$20=$B$17,14,0)+IF('Standard Profiles'!$G$20=$B$24,21,0),0)),0)</f>
        <v>3.6708686966110213</v>
      </c>
      <c r="G35" cm="1">
        <f t="array" ref="G35">IFERROR(INDEX(Jesper!AK$2:AK$366,ROUNDDOWN($C35/24,0)+1,1)*INDEX($D$3:$AA$30,INDEX(Jesper!$R$2:$R$366,ROW(INDEX(Jesper!AK$2:AK$366,ROUNDDOWN($C35/24,0)+1,1))-1)+IF('Standard Profiles'!$G$21=$B$10,7,0)+IF('Standard Profiles'!$G$21=$B$17,14,0)+IF('Standard Profiles'!$G$21=$B$24,21,0),MOD($C35,24)+1)/SUM(INDEX($D$3:$AA$30,INDEX(Jesper!$R$2:$R$366,ROW(INDEX(Jesper!AK$2:AK$366,ROUNDDOWN($C35/24,0)+1,1))-1)+IF('Standard Profiles'!$G$21=$B$10,7,0)+IF('Standard Profiles'!$G$21=$B$17,14,0)+IF('Standard Profiles'!$G$21=$B$24,21,0),0)),0)</f>
        <v>5.573306682046689</v>
      </c>
      <c r="H35" cm="1">
        <f t="array" ref="H35">IFERROR(INDEX(Jesper!AL$2:AL$366,ROUNDDOWN($C35/24,0)+1,1)*INDEX($D$3:$AA$30,INDEX(Jesper!$R$2:$R$366,ROW(INDEX(Jesper!AL$2:AL$366,ROUNDDOWN($C35/24,0)+1,1))-1)+IF('Standard Profiles'!$G$22=$B$10,7,0)+IF('Standard Profiles'!$G$22=$B$17,14,0)+IF('Standard Profiles'!$G$22=$B$24,21,0),MOD($C35,24)+1)/SUM(INDEX($D$3:$AA$30,INDEX(Jesper!$R$2:$R$366,ROW(INDEX(Jesper!AL$2:AL$366,ROUNDDOWN($C35/24,0)+1,1))-1)+IF('Standard Profiles'!$G$22=$B$10,7,0)+IF('Standard Profiles'!$G$22=$B$17,14,0)+IF('Standard Profiles'!$G$22=$B$24,21,0),0)),0)</f>
        <v>2.979848506732393</v>
      </c>
      <c r="I35">
        <f t="shared" ref="I35:I98" si="20">IF($B35&lt;6,AC$37*$D35+AC$38*$E35+AC$39*$F35+AC$40*$G35,AC$46*$D35+AC$47*$E35+AC$48*$F35+AC$49*$G35+AC$50*$H35)</f>
        <v>2.8606545664630989</v>
      </c>
      <c r="J35">
        <f t="shared" ref="J35:J98" si="21">IF($B35&lt;6,AD$37*$D35+AD$38*$E35+AD$39*$F35+AD$40*$G35,AD$46*$D35+AD$47*$E35+AD$48*$F35+AD$49*$G35+AD$50*$H35)</f>
        <v>13.385892977083174</v>
      </c>
      <c r="K35">
        <f t="shared" ref="K35:K98" si="22">IF($B35&lt;6,AE$37*$D35+AE$38*$E35+AE$39*$F35+AE$40*$G35,AE$46*$D35+AE$47*$E35+AE$48*$F35+AE$49*$G35+AE$50*$H35)</f>
        <v>0.36568396892328808</v>
      </c>
      <c r="L35">
        <f t="shared" ref="L35:L98" si="23">IF($B35&lt;6,AF$37*$D35+AF$38*$E35+AF$39*$F35+AF$40*$G35,AF$46*$D35+AF$47*$E35+AF$48*$F35+AF$49*$G35+AF$50*$H35)</f>
        <v>0.18284198446164404</v>
      </c>
      <c r="M35">
        <f t="shared" ref="M35:M98" si="24">IF($B35&lt;6,AG$37*$D35+AG$38*$E35+AG$39*$F35+AG$40*$G35,AG$46*$D35+AG$47*$E35+AG$48*$F35+AG$49*$G35+AG$50*$H35)</f>
        <v>0</v>
      </c>
      <c r="N35" s="45">
        <f>N34+1/24</f>
        <v>44927.041666666664</v>
      </c>
      <c r="O35">
        <v>1.5752526575945351</v>
      </c>
      <c r="P35">
        <v>9.4986718366186462</v>
      </c>
      <c r="Q35">
        <v>0.30405920533814274</v>
      </c>
      <c r="R35">
        <v>0.15202960266907137</v>
      </c>
      <c r="S35">
        <v>0</v>
      </c>
      <c r="T35" s="45">
        <v>45060.041666658923</v>
      </c>
    </row>
    <row r="36" spans="2:33" x14ac:dyDescent="0.25">
      <c r="B36">
        <f t="shared" si="19"/>
        <v>7</v>
      </c>
      <c r="C36" s="16">
        <v>2</v>
      </c>
      <c r="D36" cm="1">
        <f t="array" ref="D36">IFERROR(INDEX(Jesper!AH$2:AH$366,ROUNDDOWN($C36/24,0)+1,1)*INDEX($D$3:$AA$30,INDEX(Jesper!$R$2:$R$366,ROW(INDEX(Jesper!AH$2:AH$366,ROUNDDOWN($C36/24,0)+1,1))-1)+IF('Standard Profiles'!$G$18=$B$10,7,0)+IF('Standard Profiles'!$G$18=$B$17,14,0)+IF('Standard Profiles'!$G$18=$B$24,21,0),MOD($C36,24)+1)/SUM(INDEX($D$3:$AA$30,INDEX(Jesper!$R$2:$R$366,ROW(INDEX(Jesper!AH$2:AH$366,ROUNDDOWN($C36/24,0)+1,1))-1)+IF('Standard Profiles'!$G$18=$B$10,7,0)+IF('Standard Profiles'!$G$18=$B$17,14,0)+IF('Standard Profiles'!$G$18=$B$24,21,0),0)),0)</f>
        <v>0</v>
      </c>
      <c r="E36" cm="1">
        <f t="array" ref="E36">IFERROR(INDEX(Jesper!AI$2:AI$366,ROUNDDOWN($C36/24,0)+1,1)*INDEX($D$3:$AA$30,INDEX(Jesper!$R$2:$R$366,ROW(INDEX(Jesper!AI$2:AI$366,ROUNDDOWN($C36/24,0)+1,1))-1)+IF('Standard Profiles'!$G$19=$B$10,7,0)+IF('Standard Profiles'!$G$19=$B$17,14,0)+IF('Standard Profiles'!$G$19=$B$24,21,0),MOD($C36,24)+1)/SUM(INDEX($D$3:$AA$30,INDEX(Jesper!$R$2:$R$366,ROW(INDEX(Jesper!AI$2:AI$366,ROUNDDOWN($C36/24,0)+1,1))-1)+IF('Standard Profiles'!$G$19=$B$10,7,0)+IF('Standard Profiles'!$G$19=$B$17,14,0)+IF('Standard Profiles'!$G$19=$B$24,21,0),0)),0)</f>
        <v>4.5710496115411008</v>
      </c>
      <c r="F36" cm="1">
        <f t="array" ref="F36">IFERROR(INDEX(Jesper!AJ$2:AJ$366,ROUNDDOWN($C36/24,0)+1,1)*INDEX($D$3:$AA$30,INDEX(Jesper!$R$2:$R$366,ROW(INDEX(Jesper!AJ$2:AJ$366,ROUNDDOWN($C36/24,0)+1,1))-1)+IF('Standard Profiles'!$G$20=$B$10,7,0)+IF('Standard Profiles'!$G$20=$B$17,14,0)+IF('Standard Profiles'!$G$20=$B$24,21,0),MOD($C36,24)+1)/SUM(INDEX($D$3:$AA$30,INDEX(Jesper!$R$2:$R$366,ROW(INDEX(Jesper!AJ$2:AJ$366,ROUNDDOWN($C36/24,0)+1,1))-1)+IF('Standard Profiles'!$G$20=$B$10,7,0)+IF('Standard Profiles'!$G$20=$B$17,14,0)+IF('Standard Profiles'!$G$20=$B$24,21,0),0)),0)</f>
        <v>3.6708686966110213</v>
      </c>
      <c r="G36" cm="1">
        <f t="array" ref="G36">IFERROR(INDEX(Jesper!AK$2:AK$366,ROUNDDOWN($C36/24,0)+1,1)*INDEX($D$3:$AA$30,INDEX(Jesper!$R$2:$R$366,ROW(INDEX(Jesper!AK$2:AK$366,ROUNDDOWN($C36/24,0)+1,1))-1)+IF('Standard Profiles'!$G$21=$B$10,7,0)+IF('Standard Profiles'!$G$21=$B$17,14,0)+IF('Standard Profiles'!$G$21=$B$24,21,0),MOD($C36,24)+1)/SUM(INDEX($D$3:$AA$30,INDEX(Jesper!$R$2:$R$366,ROW(INDEX(Jesper!AK$2:AK$366,ROUNDDOWN($C36/24,0)+1,1))-1)+IF('Standard Profiles'!$G$21=$B$10,7,0)+IF('Standard Profiles'!$G$21=$B$17,14,0)+IF('Standard Profiles'!$G$21=$B$24,21,0),0)),0)</f>
        <v>5.573306682046689</v>
      </c>
      <c r="H36" cm="1">
        <f t="array" ref="H36">IFERROR(INDEX(Jesper!AL$2:AL$366,ROUNDDOWN($C36/24,0)+1,1)*INDEX($D$3:$AA$30,INDEX(Jesper!$R$2:$R$366,ROW(INDEX(Jesper!AL$2:AL$366,ROUNDDOWN($C36/24,0)+1,1))-1)+IF('Standard Profiles'!$G$22=$B$10,7,0)+IF('Standard Profiles'!$G$22=$B$17,14,0)+IF('Standard Profiles'!$G$22=$B$24,21,0),MOD($C36,24)+1)/SUM(INDEX($D$3:$AA$30,INDEX(Jesper!$R$2:$R$366,ROW(INDEX(Jesper!AL$2:AL$366,ROUNDDOWN($C36/24,0)+1,1))-1)+IF('Standard Profiles'!$G$22=$B$10,7,0)+IF('Standard Profiles'!$G$22=$B$17,14,0)+IF('Standard Profiles'!$G$22=$B$24,21,0),0)),0)</f>
        <v>2.979848506732393</v>
      </c>
      <c r="I36">
        <f t="shared" si="20"/>
        <v>2.8606545664630989</v>
      </c>
      <c r="J36">
        <f t="shared" si="21"/>
        <v>13.385892977083174</v>
      </c>
      <c r="K36">
        <f t="shared" si="22"/>
        <v>0.36568396892328808</v>
      </c>
      <c r="L36">
        <f t="shared" si="23"/>
        <v>0.18284198446164404</v>
      </c>
      <c r="M36">
        <f t="shared" si="24"/>
        <v>0</v>
      </c>
      <c r="N36" s="45">
        <f t="shared" ref="N36:N99" si="25">N35+1/24</f>
        <v>44927.083333333328</v>
      </c>
      <c r="O36">
        <v>1.5752526575945351</v>
      </c>
      <c r="P36">
        <v>9.4986718366186462</v>
      </c>
      <c r="Q36">
        <v>0.30405920533814274</v>
      </c>
      <c r="R36">
        <v>0.15202960266907137</v>
      </c>
      <c r="S36">
        <v>0</v>
      </c>
      <c r="T36" s="45">
        <v>45060.083333325587</v>
      </c>
      <c r="AB36" s="16" t="str">
        <f>Jesper!AT21</f>
        <v>C</v>
      </c>
      <c r="AC36" s="16" t="str">
        <f>Jesper!AU21</f>
        <v>T1</v>
      </c>
      <c r="AD36" s="16" t="str">
        <f>Jesper!AV21</f>
        <v>T2</v>
      </c>
      <c r="AE36" s="16" t="str">
        <f>Jesper!AW21</f>
        <v>T3</v>
      </c>
      <c r="AF36" s="16" t="str">
        <f>Jesper!AX21</f>
        <v>T4</v>
      </c>
      <c r="AG36" s="16" t="str">
        <f>Jesper!AY21</f>
        <v>T5</v>
      </c>
    </row>
    <row r="37" spans="2:33" x14ac:dyDescent="0.25">
      <c r="B37">
        <f t="shared" si="19"/>
        <v>7</v>
      </c>
      <c r="C37" s="16">
        <v>3</v>
      </c>
      <c r="D37" cm="1">
        <f t="array" ref="D37">IFERROR(INDEX(Jesper!AH$2:AH$366,ROUNDDOWN($C37/24,0)+1,1)*INDEX($D$3:$AA$30,INDEX(Jesper!$R$2:$R$366,ROW(INDEX(Jesper!AH$2:AH$366,ROUNDDOWN($C37/24,0)+1,1))-1)+IF('Standard Profiles'!$G$18=$B$10,7,0)+IF('Standard Profiles'!$G$18=$B$17,14,0)+IF('Standard Profiles'!$G$18=$B$24,21,0),MOD($C37,24)+1)/SUM(INDEX($D$3:$AA$30,INDEX(Jesper!$R$2:$R$366,ROW(INDEX(Jesper!AH$2:AH$366,ROUNDDOWN($C37/24,0)+1,1))-1)+IF('Standard Profiles'!$G$18=$B$10,7,0)+IF('Standard Profiles'!$G$18=$B$17,14,0)+IF('Standard Profiles'!$G$18=$B$24,21,0),0)),0)</f>
        <v>0</v>
      </c>
      <c r="E37" cm="1">
        <f t="array" ref="E37">IFERROR(INDEX(Jesper!AI$2:AI$366,ROUNDDOWN($C37/24,0)+1,1)*INDEX($D$3:$AA$30,INDEX(Jesper!$R$2:$R$366,ROW(INDEX(Jesper!AI$2:AI$366,ROUNDDOWN($C37/24,0)+1,1))-1)+IF('Standard Profiles'!$G$19=$B$10,7,0)+IF('Standard Profiles'!$G$19=$B$17,14,0)+IF('Standard Profiles'!$G$19=$B$24,21,0),MOD($C37,24)+1)/SUM(INDEX($D$3:$AA$30,INDEX(Jesper!$R$2:$R$366,ROW(INDEX(Jesper!AI$2:AI$366,ROUNDDOWN($C37/24,0)+1,1))-1)+IF('Standard Profiles'!$G$19=$B$10,7,0)+IF('Standard Profiles'!$G$19=$B$17,14,0)+IF('Standard Profiles'!$G$19=$B$24,21,0),0)),0)</f>
        <v>4.5710496115411008</v>
      </c>
      <c r="F37" cm="1">
        <f t="array" ref="F37">IFERROR(INDEX(Jesper!AJ$2:AJ$366,ROUNDDOWN($C37/24,0)+1,1)*INDEX($D$3:$AA$30,INDEX(Jesper!$R$2:$R$366,ROW(INDEX(Jesper!AJ$2:AJ$366,ROUNDDOWN($C37/24,0)+1,1))-1)+IF('Standard Profiles'!$G$20=$B$10,7,0)+IF('Standard Profiles'!$G$20=$B$17,14,0)+IF('Standard Profiles'!$G$20=$B$24,21,0),MOD($C37,24)+1)/SUM(INDEX($D$3:$AA$30,INDEX(Jesper!$R$2:$R$366,ROW(INDEX(Jesper!AJ$2:AJ$366,ROUNDDOWN($C37/24,0)+1,1))-1)+IF('Standard Profiles'!$G$20=$B$10,7,0)+IF('Standard Profiles'!$G$20=$B$17,14,0)+IF('Standard Profiles'!$G$20=$B$24,21,0),0)),0)</f>
        <v>3.6708686966110213</v>
      </c>
      <c r="G37" cm="1">
        <f t="array" ref="G37">IFERROR(INDEX(Jesper!AK$2:AK$366,ROUNDDOWN($C37/24,0)+1,1)*INDEX($D$3:$AA$30,INDEX(Jesper!$R$2:$R$366,ROW(INDEX(Jesper!AK$2:AK$366,ROUNDDOWN($C37/24,0)+1,1))-1)+IF('Standard Profiles'!$G$21=$B$10,7,0)+IF('Standard Profiles'!$G$21=$B$17,14,0)+IF('Standard Profiles'!$G$21=$B$24,21,0),MOD($C37,24)+1)/SUM(INDEX($D$3:$AA$30,INDEX(Jesper!$R$2:$R$366,ROW(INDEX(Jesper!AK$2:AK$366,ROUNDDOWN($C37/24,0)+1,1))-1)+IF('Standard Profiles'!$G$21=$B$10,7,0)+IF('Standard Profiles'!$G$21=$B$17,14,0)+IF('Standard Profiles'!$G$21=$B$24,21,0),0)),0)</f>
        <v>5.573306682046689</v>
      </c>
      <c r="H37" cm="1">
        <f t="array" ref="H37">IFERROR(INDEX(Jesper!AL$2:AL$366,ROUNDDOWN($C37/24,0)+1,1)*INDEX($D$3:$AA$30,INDEX(Jesper!$R$2:$R$366,ROW(INDEX(Jesper!AL$2:AL$366,ROUNDDOWN($C37/24,0)+1,1))-1)+IF('Standard Profiles'!$G$22=$B$10,7,0)+IF('Standard Profiles'!$G$22=$B$17,14,0)+IF('Standard Profiles'!$G$22=$B$24,21,0),MOD($C37,24)+1)/SUM(INDEX($D$3:$AA$30,INDEX(Jesper!$R$2:$R$366,ROW(INDEX(Jesper!AL$2:AL$366,ROUNDDOWN($C37/24,0)+1,1))-1)+IF('Standard Profiles'!$G$22=$B$10,7,0)+IF('Standard Profiles'!$G$22=$B$17,14,0)+IF('Standard Profiles'!$G$22=$B$24,21,0),0)),0)</f>
        <v>2.979848506732393</v>
      </c>
      <c r="I37">
        <f t="shared" si="20"/>
        <v>2.8606545664630989</v>
      </c>
      <c r="J37">
        <f t="shared" si="21"/>
        <v>13.385892977083174</v>
      </c>
      <c r="K37">
        <f t="shared" si="22"/>
        <v>0.36568396892328808</v>
      </c>
      <c r="L37">
        <f t="shared" si="23"/>
        <v>0.18284198446164404</v>
      </c>
      <c r="M37">
        <f t="shared" si="24"/>
        <v>0</v>
      </c>
      <c r="N37" s="45">
        <f t="shared" si="25"/>
        <v>44927.124999999993</v>
      </c>
      <c r="O37">
        <v>1.5752526575945351</v>
      </c>
      <c r="P37">
        <v>9.4986718366186462</v>
      </c>
      <c r="Q37">
        <v>0.30405920533814274</v>
      </c>
      <c r="R37">
        <v>0.15202960266907137</v>
      </c>
      <c r="S37">
        <v>0</v>
      </c>
      <c r="T37" s="45">
        <v>45060.124999992251</v>
      </c>
      <c r="AB37" s="16">
        <f>Jesper!AT22</f>
        <v>0</v>
      </c>
      <c r="AC37" s="16">
        <f>Jesper!AU22</f>
        <v>0</v>
      </c>
      <c r="AD37" s="16">
        <f>Jesper!AV22</f>
        <v>0.84</v>
      </c>
      <c r="AE37" s="16">
        <f>Jesper!AW22</f>
        <v>0.10666666666666667</v>
      </c>
      <c r="AF37" s="16">
        <f>Jesper!AX22</f>
        <v>5.3333333333333337E-2</v>
      </c>
      <c r="AG37" s="16">
        <f>Jesper!AY22</f>
        <v>0</v>
      </c>
    </row>
    <row r="38" spans="2:33" x14ac:dyDescent="0.25">
      <c r="B38">
        <f t="shared" si="19"/>
        <v>7</v>
      </c>
      <c r="C38" s="16">
        <v>4</v>
      </c>
      <c r="D38" cm="1">
        <f t="array" ref="D38">IFERROR(INDEX(Jesper!AH$2:AH$366,ROUNDDOWN($C38/24,0)+1,1)*INDEX($D$3:$AA$30,INDEX(Jesper!$R$2:$R$366,ROW(INDEX(Jesper!AH$2:AH$366,ROUNDDOWN($C38/24,0)+1,1))-1)+IF('Standard Profiles'!$G$18=$B$10,7,0)+IF('Standard Profiles'!$G$18=$B$17,14,0)+IF('Standard Profiles'!$G$18=$B$24,21,0),MOD($C38,24)+1)/SUM(INDEX($D$3:$AA$30,INDEX(Jesper!$R$2:$R$366,ROW(INDEX(Jesper!AH$2:AH$366,ROUNDDOWN($C38/24,0)+1,1))-1)+IF('Standard Profiles'!$G$18=$B$10,7,0)+IF('Standard Profiles'!$G$18=$B$17,14,0)+IF('Standard Profiles'!$G$18=$B$24,21,0),0)),0)</f>
        <v>0</v>
      </c>
      <c r="E38" cm="1">
        <f t="array" ref="E38">IFERROR(INDEX(Jesper!AI$2:AI$366,ROUNDDOWN($C38/24,0)+1,1)*INDEX($D$3:$AA$30,INDEX(Jesper!$R$2:$R$366,ROW(INDEX(Jesper!AI$2:AI$366,ROUNDDOWN($C38/24,0)+1,1))-1)+IF('Standard Profiles'!$G$19=$B$10,7,0)+IF('Standard Profiles'!$G$19=$B$17,14,0)+IF('Standard Profiles'!$G$19=$B$24,21,0),MOD($C38,24)+1)/SUM(INDEX($D$3:$AA$30,INDEX(Jesper!$R$2:$R$366,ROW(INDEX(Jesper!AI$2:AI$366,ROUNDDOWN($C38/24,0)+1,1))-1)+IF('Standard Profiles'!$G$19=$B$10,7,0)+IF('Standard Profiles'!$G$19=$B$17,14,0)+IF('Standard Profiles'!$G$19=$B$24,21,0),0)),0)</f>
        <v>4.5710496115411008</v>
      </c>
      <c r="F38" cm="1">
        <f t="array" ref="F38">IFERROR(INDEX(Jesper!AJ$2:AJ$366,ROUNDDOWN($C38/24,0)+1,1)*INDEX($D$3:$AA$30,INDEX(Jesper!$R$2:$R$366,ROW(INDEX(Jesper!AJ$2:AJ$366,ROUNDDOWN($C38/24,0)+1,1))-1)+IF('Standard Profiles'!$G$20=$B$10,7,0)+IF('Standard Profiles'!$G$20=$B$17,14,0)+IF('Standard Profiles'!$G$20=$B$24,21,0),MOD($C38,24)+1)/SUM(INDEX($D$3:$AA$30,INDEX(Jesper!$R$2:$R$366,ROW(INDEX(Jesper!AJ$2:AJ$366,ROUNDDOWN($C38/24,0)+1,1))-1)+IF('Standard Profiles'!$G$20=$B$10,7,0)+IF('Standard Profiles'!$G$20=$B$17,14,0)+IF('Standard Profiles'!$G$20=$B$24,21,0),0)),0)</f>
        <v>3.6708686966110213</v>
      </c>
      <c r="G38" cm="1">
        <f t="array" ref="G38">IFERROR(INDEX(Jesper!AK$2:AK$366,ROUNDDOWN($C38/24,0)+1,1)*INDEX($D$3:$AA$30,INDEX(Jesper!$R$2:$R$366,ROW(INDEX(Jesper!AK$2:AK$366,ROUNDDOWN($C38/24,0)+1,1))-1)+IF('Standard Profiles'!$G$21=$B$10,7,0)+IF('Standard Profiles'!$G$21=$B$17,14,0)+IF('Standard Profiles'!$G$21=$B$24,21,0),MOD($C38,24)+1)/SUM(INDEX($D$3:$AA$30,INDEX(Jesper!$R$2:$R$366,ROW(INDEX(Jesper!AK$2:AK$366,ROUNDDOWN($C38/24,0)+1,1))-1)+IF('Standard Profiles'!$G$21=$B$10,7,0)+IF('Standard Profiles'!$G$21=$B$17,14,0)+IF('Standard Profiles'!$G$21=$B$24,21,0),0)),0)</f>
        <v>5.573306682046689</v>
      </c>
      <c r="H38" cm="1">
        <f t="array" ref="H38">IFERROR(INDEX(Jesper!AL$2:AL$366,ROUNDDOWN($C38/24,0)+1,1)*INDEX($D$3:$AA$30,INDEX(Jesper!$R$2:$R$366,ROW(INDEX(Jesper!AL$2:AL$366,ROUNDDOWN($C38/24,0)+1,1))-1)+IF('Standard Profiles'!$G$22=$B$10,7,0)+IF('Standard Profiles'!$G$22=$B$17,14,0)+IF('Standard Profiles'!$G$22=$B$24,21,0),MOD($C38,24)+1)/SUM(INDEX($D$3:$AA$30,INDEX(Jesper!$R$2:$R$366,ROW(INDEX(Jesper!AL$2:AL$366,ROUNDDOWN($C38/24,0)+1,1))-1)+IF('Standard Profiles'!$G$22=$B$10,7,0)+IF('Standard Profiles'!$G$22=$B$17,14,0)+IF('Standard Profiles'!$G$22=$B$24,21,0),0)),0)</f>
        <v>2.979848506732393</v>
      </c>
      <c r="I38">
        <f t="shared" si="20"/>
        <v>2.8606545664630989</v>
      </c>
      <c r="J38">
        <f t="shared" si="21"/>
        <v>13.385892977083174</v>
      </c>
      <c r="K38">
        <f t="shared" si="22"/>
        <v>0.36568396892328808</v>
      </c>
      <c r="L38">
        <f t="shared" si="23"/>
        <v>0.18284198446164404</v>
      </c>
      <c r="M38">
        <f t="shared" si="24"/>
        <v>0</v>
      </c>
      <c r="N38" s="45">
        <f t="shared" si="25"/>
        <v>44927.166666666657</v>
      </c>
      <c r="O38">
        <v>1.5752526575945351</v>
      </c>
      <c r="P38">
        <v>9.4986718366186462</v>
      </c>
      <c r="Q38">
        <v>0.30405920533814274</v>
      </c>
      <c r="R38">
        <v>0.15202960266907137</v>
      </c>
      <c r="S38">
        <v>0</v>
      </c>
      <c r="T38" s="45">
        <v>45060.166666658915</v>
      </c>
      <c r="AB38" s="16">
        <f>Jesper!AT23</f>
        <v>1</v>
      </c>
      <c r="AC38" s="16">
        <f>Jesper!AU23</f>
        <v>0</v>
      </c>
      <c r="AD38" s="16">
        <f>Jesper!AV23</f>
        <v>1</v>
      </c>
      <c r="AE38" s="16">
        <f>Jesper!AW23</f>
        <v>0</v>
      </c>
      <c r="AF38" s="16">
        <f>Jesper!AX23</f>
        <v>0</v>
      </c>
      <c r="AG38" s="16">
        <f>Jesper!AY23</f>
        <v>0</v>
      </c>
    </row>
    <row r="39" spans="2:33" x14ac:dyDescent="0.25">
      <c r="B39">
        <f t="shared" si="19"/>
        <v>7</v>
      </c>
      <c r="C39" s="16">
        <v>5</v>
      </c>
      <c r="D39" cm="1">
        <f t="array" ref="D39">IFERROR(INDEX(Jesper!AH$2:AH$366,ROUNDDOWN($C39/24,0)+1,1)*INDEX($D$3:$AA$30,INDEX(Jesper!$R$2:$R$366,ROW(INDEX(Jesper!AH$2:AH$366,ROUNDDOWN($C39/24,0)+1,1))-1)+IF('Standard Profiles'!$G$18=$B$10,7,0)+IF('Standard Profiles'!$G$18=$B$17,14,0)+IF('Standard Profiles'!$G$18=$B$24,21,0),MOD($C39,24)+1)/SUM(INDEX($D$3:$AA$30,INDEX(Jesper!$R$2:$R$366,ROW(INDEX(Jesper!AH$2:AH$366,ROUNDDOWN($C39/24,0)+1,1))-1)+IF('Standard Profiles'!$G$18=$B$10,7,0)+IF('Standard Profiles'!$G$18=$B$17,14,0)+IF('Standard Profiles'!$G$18=$B$24,21,0),0)),0)</f>
        <v>0</v>
      </c>
      <c r="E39" cm="1">
        <f t="array" ref="E39">IFERROR(INDEX(Jesper!AI$2:AI$366,ROUNDDOWN($C39/24,0)+1,1)*INDEX($D$3:$AA$30,INDEX(Jesper!$R$2:$R$366,ROW(INDEX(Jesper!AI$2:AI$366,ROUNDDOWN($C39/24,0)+1,1))-1)+IF('Standard Profiles'!$G$19=$B$10,7,0)+IF('Standard Profiles'!$G$19=$B$17,14,0)+IF('Standard Profiles'!$G$19=$B$24,21,0),MOD($C39,24)+1)/SUM(INDEX($D$3:$AA$30,INDEX(Jesper!$R$2:$R$366,ROW(INDEX(Jesper!AI$2:AI$366,ROUNDDOWN($C39/24,0)+1,1))-1)+IF('Standard Profiles'!$G$19=$B$10,7,0)+IF('Standard Profiles'!$G$19=$B$17,14,0)+IF('Standard Profiles'!$G$19=$B$24,21,0),0)),0)</f>
        <v>4.5710496115411008</v>
      </c>
      <c r="F39" cm="1">
        <f t="array" ref="F39">IFERROR(INDEX(Jesper!AJ$2:AJ$366,ROUNDDOWN($C39/24,0)+1,1)*INDEX($D$3:$AA$30,INDEX(Jesper!$R$2:$R$366,ROW(INDEX(Jesper!AJ$2:AJ$366,ROUNDDOWN($C39/24,0)+1,1))-1)+IF('Standard Profiles'!$G$20=$B$10,7,0)+IF('Standard Profiles'!$G$20=$B$17,14,0)+IF('Standard Profiles'!$G$20=$B$24,21,0),MOD($C39,24)+1)/SUM(INDEX($D$3:$AA$30,INDEX(Jesper!$R$2:$R$366,ROW(INDEX(Jesper!AJ$2:AJ$366,ROUNDDOWN($C39/24,0)+1,1))-1)+IF('Standard Profiles'!$G$20=$B$10,7,0)+IF('Standard Profiles'!$G$20=$B$17,14,0)+IF('Standard Profiles'!$G$20=$B$24,21,0),0)),0)</f>
        <v>3.6708686966110213</v>
      </c>
      <c r="G39" cm="1">
        <f t="array" ref="G39">IFERROR(INDEX(Jesper!AK$2:AK$366,ROUNDDOWN($C39/24,0)+1,1)*INDEX($D$3:$AA$30,INDEX(Jesper!$R$2:$R$366,ROW(INDEX(Jesper!AK$2:AK$366,ROUNDDOWN($C39/24,0)+1,1))-1)+IF('Standard Profiles'!$G$21=$B$10,7,0)+IF('Standard Profiles'!$G$21=$B$17,14,0)+IF('Standard Profiles'!$G$21=$B$24,21,0),MOD($C39,24)+1)/SUM(INDEX($D$3:$AA$30,INDEX(Jesper!$R$2:$R$366,ROW(INDEX(Jesper!AK$2:AK$366,ROUNDDOWN($C39/24,0)+1,1))-1)+IF('Standard Profiles'!$G$21=$B$10,7,0)+IF('Standard Profiles'!$G$21=$B$17,14,0)+IF('Standard Profiles'!$G$21=$B$24,21,0),0)),0)</f>
        <v>5.573306682046689</v>
      </c>
      <c r="H39" cm="1">
        <f t="array" ref="H39">IFERROR(INDEX(Jesper!AL$2:AL$366,ROUNDDOWN($C39/24,0)+1,1)*INDEX($D$3:$AA$30,INDEX(Jesper!$R$2:$R$366,ROW(INDEX(Jesper!AL$2:AL$366,ROUNDDOWN($C39/24,0)+1,1))-1)+IF('Standard Profiles'!$G$22=$B$10,7,0)+IF('Standard Profiles'!$G$22=$B$17,14,0)+IF('Standard Profiles'!$G$22=$B$24,21,0),MOD($C39,24)+1)/SUM(INDEX($D$3:$AA$30,INDEX(Jesper!$R$2:$R$366,ROW(INDEX(Jesper!AL$2:AL$366,ROUNDDOWN($C39/24,0)+1,1))-1)+IF('Standard Profiles'!$G$22=$B$10,7,0)+IF('Standard Profiles'!$G$22=$B$17,14,0)+IF('Standard Profiles'!$G$22=$B$24,21,0),0)),0)</f>
        <v>3.7248106334154913</v>
      </c>
      <c r="I39">
        <f t="shared" si="20"/>
        <v>3.5758182080788736</v>
      </c>
      <c r="J39">
        <f t="shared" si="21"/>
        <v>13.415691462150496</v>
      </c>
      <c r="K39">
        <f t="shared" si="22"/>
        <v>0.36568396892328808</v>
      </c>
      <c r="L39">
        <f t="shared" si="23"/>
        <v>0.18284198446164404</v>
      </c>
      <c r="M39">
        <f t="shared" si="24"/>
        <v>0</v>
      </c>
      <c r="N39" s="45">
        <f t="shared" si="25"/>
        <v>44927.208333333321</v>
      </c>
      <c r="O39">
        <v>1.9690658219931687</v>
      </c>
      <c r="P39">
        <v>9.5150807184685888</v>
      </c>
      <c r="Q39">
        <v>0.30405920533814274</v>
      </c>
      <c r="R39">
        <v>0.15202960266907137</v>
      </c>
      <c r="S39">
        <v>0</v>
      </c>
      <c r="T39" s="45">
        <v>45060.20833332558</v>
      </c>
      <c r="AB39" s="16">
        <f>Jesper!AT24</f>
        <v>2</v>
      </c>
      <c r="AC39" s="16">
        <f>Jesper!AU24</f>
        <v>0</v>
      </c>
      <c r="AD39" s="16">
        <f>Jesper!AV24</f>
        <v>0</v>
      </c>
      <c r="AE39" s="16">
        <f>Jesper!AW24</f>
        <v>0</v>
      </c>
      <c r="AF39" s="16">
        <f>Jesper!AX24</f>
        <v>0</v>
      </c>
      <c r="AG39" s="16">
        <f>Jesper!AY24</f>
        <v>0</v>
      </c>
    </row>
    <row r="40" spans="2:33" x14ac:dyDescent="0.25">
      <c r="B40">
        <f t="shared" si="19"/>
        <v>7</v>
      </c>
      <c r="C40" s="16">
        <v>6</v>
      </c>
      <c r="D40" cm="1">
        <f t="array" ref="D40">IFERROR(INDEX(Jesper!AH$2:AH$366,ROUNDDOWN($C40/24,0)+1,1)*INDEX($D$3:$AA$30,INDEX(Jesper!$R$2:$R$366,ROW(INDEX(Jesper!AH$2:AH$366,ROUNDDOWN($C40/24,0)+1,1))-1)+IF('Standard Profiles'!$G$18=$B$10,7,0)+IF('Standard Profiles'!$G$18=$B$17,14,0)+IF('Standard Profiles'!$G$18=$B$24,21,0),MOD($C40,24)+1)/SUM(INDEX($D$3:$AA$30,INDEX(Jesper!$R$2:$R$366,ROW(INDEX(Jesper!AH$2:AH$366,ROUNDDOWN($C40/24,0)+1,1))-1)+IF('Standard Profiles'!$G$18=$B$10,7,0)+IF('Standard Profiles'!$G$18=$B$17,14,0)+IF('Standard Profiles'!$G$18=$B$24,21,0),0)),0)</f>
        <v>0</v>
      </c>
      <c r="E40" cm="1">
        <f t="array" ref="E40">IFERROR(INDEX(Jesper!AI$2:AI$366,ROUNDDOWN($C40/24,0)+1,1)*INDEX($D$3:$AA$30,INDEX(Jesper!$R$2:$R$366,ROW(INDEX(Jesper!AI$2:AI$366,ROUNDDOWN($C40/24,0)+1,1))-1)+IF('Standard Profiles'!$G$19=$B$10,7,0)+IF('Standard Profiles'!$G$19=$B$17,14,0)+IF('Standard Profiles'!$G$19=$B$24,21,0),MOD($C40,24)+1)/SUM(INDEX($D$3:$AA$30,INDEX(Jesper!$R$2:$R$366,ROW(INDEX(Jesper!AI$2:AI$366,ROUNDDOWN($C40/24,0)+1,1))-1)+IF('Standard Profiles'!$G$19=$B$10,7,0)+IF('Standard Profiles'!$G$19=$B$17,14,0)+IF('Standard Profiles'!$G$19=$B$24,21,0),0)),0)</f>
        <v>4.5710496115411008</v>
      </c>
      <c r="F40" cm="1">
        <f t="array" ref="F40">IFERROR(INDEX(Jesper!AJ$2:AJ$366,ROUNDDOWN($C40/24,0)+1,1)*INDEX($D$3:$AA$30,INDEX(Jesper!$R$2:$R$366,ROW(INDEX(Jesper!AJ$2:AJ$366,ROUNDDOWN($C40/24,0)+1,1))-1)+IF('Standard Profiles'!$G$20=$B$10,7,0)+IF('Standard Profiles'!$G$20=$B$17,14,0)+IF('Standard Profiles'!$G$20=$B$24,21,0),MOD($C40,24)+1)/SUM(INDEX($D$3:$AA$30,INDEX(Jesper!$R$2:$R$366,ROW(INDEX(Jesper!AJ$2:AJ$366,ROUNDDOWN($C40/24,0)+1,1))-1)+IF('Standard Profiles'!$G$20=$B$10,7,0)+IF('Standard Profiles'!$G$20=$B$17,14,0)+IF('Standard Profiles'!$G$20=$B$24,21,0),0)),0)</f>
        <v>3.6708686966110213</v>
      </c>
      <c r="G40" cm="1">
        <f t="array" ref="G40">IFERROR(INDEX(Jesper!AK$2:AK$366,ROUNDDOWN($C40/24,0)+1,1)*INDEX($D$3:$AA$30,INDEX(Jesper!$R$2:$R$366,ROW(INDEX(Jesper!AK$2:AK$366,ROUNDDOWN($C40/24,0)+1,1))-1)+IF('Standard Profiles'!$G$21=$B$10,7,0)+IF('Standard Profiles'!$G$21=$B$17,14,0)+IF('Standard Profiles'!$G$21=$B$24,21,0),MOD($C40,24)+1)/SUM(INDEX($D$3:$AA$30,INDEX(Jesper!$R$2:$R$366,ROW(INDEX(Jesper!AK$2:AK$366,ROUNDDOWN($C40/24,0)+1,1))-1)+IF('Standard Profiles'!$G$21=$B$10,7,0)+IF('Standard Profiles'!$G$21=$B$17,14,0)+IF('Standard Profiles'!$G$21=$B$24,21,0),0)),0)</f>
        <v>5.573306682046689</v>
      </c>
      <c r="H40" cm="1">
        <f t="array" ref="H40">IFERROR(INDEX(Jesper!AL$2:AL$366,ROUNDDOWN($C40/24,0)+1,1)*INDEX($D$3:$AA$30,INDEX(Jesper!$R$2:$R$366,ROW(INDEX(Jesper!AL$2:AL$366,ROUNDDOWN($C40/24,0)+1,1))-1)+IF('Standard Profiles'!$G$22=$B$10,7,0)+IF('Standard Profiles'!$G$22=$B$17,14,0)+IF('Standard Profiles'!$G$22=$B$24,21,0),MOD($C40,24)+1)/SUM(INDEX($D$3:$AA$30,INDEX(Jesper!$R$2:$R$366,ROW(INDEX(Jesper!AL$2:AL$366,ROUNDDOWN($C40/24,0)+1,1))-1)+IF('Standard Profiles'!$G$22=$B$10,7,0)+IF('Standard Profiles'!$G$22=$B$17,14,0)+IF('Standard Profiles'!$G$22=$B$24,21,0),0)),0)</f>
        <v>4.3869991904671348</v>
      </c>
      <c r="I40">
        <f t="shared" si="20"/>
        <v>4.2115192228484517</v>
      </c>
      <c r="J40">
        <f t="shared" si="21"/>
        <v>13.442179004432562</v>
      </c>
      <c r="K40">
        <f t="shared" si="22"/>
        <v>0.36568396892328808</v>
      </c>
      <c r="L40">
        <f t="shared" si="23"/>
        <v>0.18284198446164404</v>
      </c>
      <c r="M40">
        <f t="shared" si="24"/>
        <v>0</v>
      </c>
      <c r="N40" s="45">
        <f t="shared" si="25"/>
        <v>44927.249999999985</v>
      </c>
      <c r="O40">
        <v>2.3191219681252879</v>
      </c>
      <c r="P40">
        <v>9.5296663912240938</v>
      </c>
      <c r="Q40">
        <v>0.30405920533814274</v>
      </c>
      <c r="R40">
        <v>0.15202960266907137</v>
      </c>
      <c r="S40">
        <v>0</v>
      </c>
      <c r="T40" s="45">
        <v>45060.249999992244</v>
      </c>
      <c r="AB40" s="16">
        <f>Jesper!AT25</f>
        <v>3</v>
      </c>
      <c r="AC40" s="16">
        <f>Jesper!AU25</f>
        <v>0.47999999999999976</v>
      </c>
      <c r="AD40" s="16">
        <f>Jesper!AV25</f>
        <v>0.52000000000000024</v>
      </c>
      <c r="AE40" s="16">
        <f>Jesper!AW25</f>
        <v>0</v>
      </c>
      <c r="AF40" s="16">
        <f>Jesper!AX25</f>
        <v>0</v>
      </c>
      <c r="AG40" s="16">
        <f>Jesper!AY25</f>
        <v>0</v>
      </c>
    </row>
    <row r="41" spans="2:33" x14ac:dyDescent="0.25">
      <c r="B41">
        <f t="shared" si="19"/>
        <v>7</v>
      </c>
      <c r="C41" s="16">
        <v>7</v>
      </c>
      <c r="D41" cm="1">
        <f t="array" ref="D41">IFERROR(INDEX(Jesper!AH$2:AH$366,ROUNDDOWN($C41/24,0)+1,1)*INDEX($D$3:$AA$30,INDEX(Jesper!$R$2:$R$366,ROW(INDEX(Jesper!AH$2:AH$366,ROUNDDOWN($C41/24,0)+1,1))-1)+IF('Standard Profiles'!$G$18=$B$10,7,0)+IF('Standard Profiles'!$G$18=$B$17,14,0)+IF('Standard Profiles'!$G$18=$B$24,21,0),MOD($C41,24)+1)/SUM(INDEX($D$3:$AA$30,INDEX(Jesper!$R$2:$R$366,ROW(INDEX(Jesper!AH$2:AH$366,ROUNDDOWN($C41/24,0)+1,1))-1)+IF('Standard Profiles'!$G$18=$B$10,7,0)+IF('Standard Profiles'!$G$18=$B$17,14,0)+IF('Standard Profiles'!$G$18=$B$24,21,0),0)),0)</f>
        <v>0</v>
      </c>
      <c r="E41" cm="1">
        <f t="array" ref="E41">IFERROR(INDEX(Jesper!AI$2:AI$366,ROUNDDOWN($C41/24,0)+1,1)*INDEX($D$3:$AA$30,INDEX(Jesper!$R$2:$R$366,ROW(INDEX(Jesper!AI$2:AI$366,ROUNDDOWN($C41/24,0)+1,1))-1)+IF('Standard Profiles'!$G$19=$B$10,7,0)+IF('Standard Profiles'!$G$19=$B$17,14,0)+IF('Standard Profiles'!$G$19=$B$24,21,0),MOD($C41,24)+1)/SUM(INDEX($D$3:$AA$30,INDEX(Jesper!$R$2:$R$366,ROW(INDEX(Jesper!AI$2:AI$366,ROUNDDOWN($C41/24,0)+1,1))-1)+IF('Standard Profiles'!$G$19=$B$10,7,0)+IF('Standard Profiles'!$G$19=$B$17,14,0)+IF('Standard Profiles'!$G$19=$B$24,21,0),0)),0)</f>
        <v>4.5710496115411008</v>
      </c>
      <c r="F41" cm="1">
        <f t="array" ref="F41">IFERROR(INDEX(Jesper!AJ$2:AJ$366,ROUNDDOWN($C41/24,0)+1,1)*INDEX($D$3:$AA$30,INDEX(Jesper!$R$2:$R$366,ROW(INDEX(Jesper!AJ$2:AJ$366,ROUNDDOWN($C41/24,0)+1,1))-1)+IF('Standard Profiles'!$G$20=$B$10,7,0)+IF('Standard Profiles'!$G$20=$B$17,14,0)+IF('Standard Profiles'!$G$20=$B$24,21,0),MOD($C41,24)+1)/SUM(INDEX($D$3:$AA$30,INDEX(Jesper!$R$2:$R$366,ROW(INDEX(Jesper!AJ$2:AJ$366,ROUNDDOWN($C41/24,0)+1,1))-1)+IF('Standard Profiles'!$G$20=$B$10,7,0)+IF('Standard Profiles'!$G$20=$B$17,14,0)+IF('Standard Profiles'!$G$20=$B$24,21,0),0)),0)</f>
        <v>3.6708686966110213</v>
      </c>
      <c r="G41" cm="1">
        <f t="array" ref="G41">IFERROR(INDEX(Jesper!AK$2:AK$366,ROUNDDOWN($C41/24,0)+1,1)*INDEX($D$3:$AA$30,INDEX(Jesper!$R$2:$R$366,ROW(INDEX(Jesper!AK$2:AK$366,ROUNDDOWN($C41/24,0)+1,1))-1)+IF('Standard Profiles'!$G$21=$B$10,7,0)+IF('Standard Profiles'!$G$21=$B$17,14,0)+IF('Standard Profiles'!$G$21=$B$24,21,0),MOD($C41,24)+1)/SUM(INDEX($D$3:$AA$30,INDEX(Jesper!$R$2:$R$366,ROW(INDEX(Jesper!AK$2:AK$366,ROUNDDOWN($C41/24,0)+1,1))-1)+IF('Standard Profiles'!$G$21=$B$10,7,0)+IF('Standard Profiles'!$G$21=$B$17,14,0)+IF('Standard Profiles'!$G$21=$B$24,21,0),0)),0)</f>
        <v>5.573306682046689</v>
      </c>
      <c r="H41" cm="1">
        <f t="array" ref="H41">IFERROR(INDEX(Jesper!AL$2:AL$366,ROUNDDOWN($C41/24,0)+1,1)*INDEX($D$3:$AA$30,INDEX(Jesper!$R$2:$R$366,ROW(INDEX(Jesper!AL$2:AL$366,ROUNDDOWN($C41/24,0)+1,1))-1)+IF('Standard Profiles'!$G$22=$B$10,7,0)+IF('Standard Profiles'!$G$22=$B$17,14,0)+IF('Standard Profiles'!$G$22=$B$24,21,0),MOD($C41,24)+1)/SUM(INDEX($D$3:$AA$30,INDEX(Jesper!$R$2:$R$366,ROW(INDEX(Jesper!AL$2:AL$366,ROUNDDOWN($C41/24,0)+1,1))-1)+IF('Standard Profiles'!$G$22=$B$10,7,0)+IF('Standard Profiles'!$G$22=$B$17,14,0)+IF('Standard Profiles'!$G$22=$B$24,21,0),0)),0)</f>
        <v>5.2147348867816881</v>
      </c>
      <c r="I41">
        <f t="shared" si="20"/>
        <v>5.0061454913104235</v>
      </c>
      <c r="J41">
        <f t="shared" si="21"/>
        <v>13.475288432285144</v>
      </c>
      <c r="K41">
        <f t="shared" si="22"/>
        <v>0.36568396892328808</v>
      </c>
      <c r="L41">
        <f t="shared" si="23"/>
        <v>0.18284198446164404</v>
      </c>
      <c r="M41">
        <f t="shared" si="24"/>
        <v>0</v>
      </c>
      <c r="N41" s="45">
        <f t="shared" si="25"/>
        <v>44927.29166666665</v>
      </c>
      <c r="O41">
        <v>2.7566921507904363</v>
      </c>
      <c r="P41">
        <v>9.547898482168474</v>
      </c>
      <c r="Q41">
        <v>0.30405920533814274</v>
      </c>
      <c r="R41">
        <v>0.15202960266907137</v>
      </c>
      <c r="S41">
        <v>0</v>
      </c>
      <c r="T41" s="45">
        <v>45060.291666658908</v>
      </c>
    </row>
    <row r="42" spans="2:33" x14ac:dyDescent="0.25">
      <c r="B42">
        <f t="shared" si="19"/>
        <v>7</v>
      </c>
      <c r="C42" s="16">
        <v>8</v>
      </c>
      <c r="D42" cm="1">
        <f t="array" ref="D42">IFERROR(INDEX(Jesper!AH$2:AH$366,ROUNDDOWN($C42/24,0)+1,1)*INDEX($D$3:$AA$30,INDEX(Jesper!$R$2:$R$366,ROW(INDEX(Jesper!AH$2:AH$366,ROUNDDOWN($C42/24,0)+1,1))-1)+IF('Standard Profiles'!$G$18=$B$10,7,0)+IF('Standard Profiles'!$G$18=$B$17,14,0)+IF('Standard Profiles'!$G$18=$B$24,21,0),MOD($C42,24)+1)/SUM(INDEX($D$3:$AA$30,INDEX(Jesper!$R$2:$R$366,ROW(INDEX(Jesper!AH$2:AH$366,ROUNDDOWN($C42/24,0)+1,1))-1)+IF('Standard Profiles'!$G$18=$B$10,7,0)+IF('Standard Profiles'!$G$18=$B$17,14,0)+IF('Standard Profiles'!$G$18=$B$24,21,0),0)),0)</f>
        <v>0</v>
      </c>
      <c r="E42" cm="1">
        <f t="array" ref="E42">IFERROR(INDEX(Jesper!AI$2:AI$366,ROUNDDOWN($C42/24,0)+1,1)*INDEX($D$3:$AA$30,INDEX(Jesper!$R$2:$R$366,ROW(INDEX(Jesper!AI$2:AI$366,ROUNDDOWN($C42/24,0)+1,1))-1)+IF('Standard Profiles'!$G$19=$B$10,7,0)+IF('Standard Profiles'!$G$19=$B$17,14,0)+IF('Standard Profiles'!$G$19=$B$24,21,0),MOD($C42,24)+1)/SUM(INDEX($D$3:$AA$30,INDEX(Jesper!$R$2:$R$366,ROW(INDEX(Jesper!AI$2:AI$366,ROUNDDOWN($C42/24,0)+1,1))-1)+IF('Standard Profiles'!$G$19=$B$10,7,0)+IF('Standard Profiles'!$G$19=$B$17,14,0)+IF('Standard Profiles'!$G$19=$B$24,21,0),0)),0)</f>
        <v>4.5710496115411008</v>
      </c>
      <c r="F42" cm="1">
        <f t="array" ref="F42">IFERROR(INDEX(Jesper!AJ$2:AJ$366,ROUNDDOWN($C42/24,0)+1,1)*INDEX($D$3:$AA$30,INDEX(Jesper!$R$2:$R$366,ROW(INDEX(Jesper!AJ$2:AJ$366,ROUNDDOWN($C42/24,0)+1,1))-1)+IF('Standard Profiles'!$G$20=$B$10,7,0)+IF('Standard Profiles'!$G$20=$B$17,14,0)+IF('Standard Profiles'!$G$20=$B$24,21,0),MOD($C42,24)+1)/SUM(INDEX($D$3:$AA$30,INDEX(Jesper!$R$2:$R$366,ROW(INDEX(Jesper!AJ$2:AJ$366,ROUNDDOWN($C42/24,0)+1,1))-1)+IF('Standard Profiles'!$G$20=$B$10,7,0)+IF('Standard Profiles'!$G$20=$B$17,14,0)+IF('Standard Profiles'!$G$20=$B$24,21,0),0)),0)</f>
        <v>3.6708686966110213</v>
      </c>
      <c r="G42" cm="1">
        <f t="array" ref="G42">IFERROR(INDEX(Jesper!AK$2:AK$366,ROUNDDOWN($C42/24,0)+1,1)*INDEX($D$3:$AA$30,INDEX(Jesper!$R$2:$R$366,ROW(INDEX(Jesper!AK$2:AK$366,ROUNDDOWN($C42/24,0)+1,1))-1)+IF('Standard Profiles'!$G$21=$B$10,7,0)+IF('Standard Profiles'!$G$21=$B$17,14,0)+IF('Standard Profiles'!$G$21=$B$24,21,0),MOD($C42,24)+1)/SUM(INDEX($D$3:$AA$30,INDEX(Jesper!$R$2:$R$366,ROW(INDEX(Jesper!AK$2:AK$366,ROUNDDOWN($C42/24,0)+1,1))-1)+IF('Standard Profiles'!$G$21=$B$10,7,0)+IF('Standard Profiles'!$G$21=$B$17,14,0)+IF('Standard Profiles'!$G$21=$B$24,21,0),0)),0)</f>
        <v>5.573306682046689</v>
      </c>
      <c r="H42" cm="1">
        <f t="array" ref="H42">IFERROR(INDEX(Jesper!AL$2:AL$366,ROUNDDOWN($C42/24,0)+1,1)*INDEX($D$3:$AA$30,INDEX(Jesper!$R$2:$R$366,ROW(INDEX(Jesper!AL$2:AL$366,ROUNDDOWN($C42/24,0)+1,1))-1)+IF('Standard Profiles'!$G$22=$B$10,7,0)+IF('Standard Profiles'!$G$22=$B$17,14,0)+IF('Standard Profiles'!$G$22=$B$24,21,0),MOD($C42,24)+1)/SUM(INDEX($D$3:$AA$30,INDEX(Jesper!$R$2:$R$366,ROW(INDEX(Jesper!AL$2:AL$366,ROUNDDOWN($C42/24,0)+1,1))-1)+IF('Standard Profiles'!$G$22=$B$10,7,0)+IF('Standard Profiles'!$G$22=$B$17,14,0)+IF('Standard Profiles'!$G$22=$B$24,21,0),0)),0)</f>
        <v>5.2147348867816881</v>
      </c>
      <c r="I42">
        <f t="shared" si="20"/>
        <v>5.0061454913104235</v>
      </c>
      <c r="J42">
        <f t="shared" si="21"/>
        <v>13.475288432285144</v>
      </c>
      <c r="K42">
        <f t="shared" si="22"/>
        <v>0.36568396892328808</v>
      </c>
      <c r="L42">
        <f t="shared" si="23"/>
        <v>0.18284198446164404</v>
      </c>
      <c r="M42">
        <f t="shared" si="24"/>
        <v>0</v>
      </c>
      <c r="N42" s="45">
        <f t="shared" si="25"/>
        <v>44927.333333333314</v>
      </c>
      <c r="O42">
        <v>2.7566921507904363</v>
      </c>
      <c r="P42">
        <v>9.547898482168474</v>
      </c>
      <c r="Q42">
        <v>0.30405920533814274</v>
      </c>
      <c r="R42">
        <v>0.15202960266907137</v>
      </c>
      <c r="S42">
        <v>0</v>
      </c>
      <c r="T42" s="45">
        <v>45060.333333325572</v>
      </c>
    </row>
    <row r="43" spans="2:33" x14ac:dyDescent="0.25">
      <c r="B43">
        <f t="shared" si="19"/>
        <v>7</v>
      </c>
      <c r="C43" s="16">
        <v>9</v>
      </c>
      <c r="D43" cm="1">
        <f t="array" ref="D43">IFERROR(INDEX(Jesper!AH$2:AH$366,ROUNDDOWN($C43/24,0)+1,1)*INDEX($D$3:$AA$30,INDEX(Jesper!$R$2:$R$366,ROW(INDEX(Jesper!AH$2:AH$366,ROUNDDOWN($C43/24,0)+1,1))-1)+IF('Standard Profiles'!$G$18=$B$10,7,0)+IF('Standard Profiles'!$G$18=$B$17,14,0)+IF('Standard Profiles'!$G$18=$B$24,21,0),MOD($C43,24)+1)/SUM(INDEX($D$3:$AA$30,INDEX(Jesper!$R$2:$R$366,ROW(INDEX(Jesper!AH$2:AH$366,ROUNDDOWN($C43/24,0)+1,1))-1)+IF('Standard Profiles'!$G$18=$B$10,7,0)+IF('Standard Profiles'!$G$18=$B$17,14,0)+IF('Standard Profiles'!$G$18=$B$24,21,0),0)),0)</f>
        <v>0</v>
      </c>
      <c r="E43" cm="1">
        <f t="array" ref="E43">IFERROR(INDEX(Jesper!AI$2:AI$366,ROUNDDOWN($C43/24,0)+1,1)*INDEX($D$3:$AA$30,INDEX(Jesper!$R$2:$R$366,ROW(INDEX(Jesper!AI$2:AI$366,ROUNDDOWN($C43/24,0)+1,1))-1)+IF('Standard Profiles'!$G$19=$B$10,7,0)+IF('Standard Profiles'!$G$19=$B$17,14,0)+IF('Standard Profiles'!$G$19=$B$24,21,0),MOD($C43,24)+1)/SUM(INDEX($D$3:$AA$30,INDEX(Jesper!$R$2:$R$366,ROW(INDEX(Jesper!AI$2:AI$366,ROUNDDOWN($C43/24,0)+1,1))-1)+IF('Standard Profiles'!$G$19=$B$10,7,0)+IF('Standard Profiles'!$G$19=$B$17,14,0)+IF('Standard Profiles'!$G$19=$B$24,21,0),0)),0)</f>
        <v>4.5710496115411008</v>
      </c>
      <c r="F43" cm="1">
        <f t="array" ref="F43">IFERROR(INDEX(Jesper!AJ$2:AJ$366,ROUNDDOWN($C43/24,0)+1,1)*INDEX($D$3:$AA$30,INDEX(Jesper!$R$2:$R$366,ROW(INDEX(Jesper!AJ$2:AJ$366,ROUNDDOWN($C43/24,0)+1,1))-1)+IF('Standard Profiles'!$G$20=$B$10,7,0)+IF('Standard Profiles'!$G$20=$B$17,14,0)+IF('Standard Profiles'!$G$20=$B$24,21,0),MOD($C43,24)+1)/SUM(INDEX($D$3:$AA$30,INDEX(Jesper!$R$2:$R$366,ROW(INDEX(Jesper!AJ$2:AJ$366,ROUNDDOWN($C43/24,0)+1,1))-1)+IF('Standard Profiles'!$G$20=$B$10,7,0)+IF('Standard Profiles'!$G$20=$B$17,14,0)+IF('Standard Profiles'!$G$20=$B$24,21,0),0)),0)</f>
        <v>3.6708686966110213</v>
      </c>
      <c r="G43" cm="1">
        <f t="array" ref="G43">IFERROR(INDEX(Jesper!AK$2:AK$366,ROUNDDOWN($C43/24,0)+1,1)*INDEX($D$3:$AA$30,INDEX(Jesper!$R$2:$R$366,ROW(INDEX(Jesper!AK$2:AK$366,ROUNDDOWN($C43/24,0)+1,1))-1)+IF('Standard Profiles'!$G$21=$B$10,7,0)+IF('Standard Profiles'!$G$21=$B$17,14,0)+IF('Standard Profiles'!$G$21=$B$24,21,0),MOD($C43,24)+1)/SUM(INDEX($D$3:$AA$30,INDEX(Jesper!$R$2:$R$366,ROW(INDEX(Jesper!AK$2:AK$366,ROUNDDOWN($C43/24,0)+1,1))-1)+IF('Standard Profiles'!$G$21=$B$10,7,0)+IF('Standard Profiles'!$G$21=$B$17,14,0)+IF('Standard Profiles'!$G$21=$B$24,21,0),0)),0)</f>
        <v>5.573306682046689</v>
      </c>
      <c r="H43" cm="1">
        <f t="array" ref="H43">IFERROR(INDEX(Jesper!AL$2:AL$366,ROUNDDOWN($C43/24,0)+1,1)*INDEX($D$3:$AA$30,INDEX(Jesper!$R$2:$R$366,ROW(INDEX(Jesper!AL$2:AL$366,ROUNDDOWN($C43/24,0)+1,1))-1)+IF('Standard Profiles'!$G$22=$B$10,7,0)+IF('Standard Profiles'!$G$22=$B$17,14,0)+IF('Standard Profiles'!$G$22=$B$24,21,0),MOD($C43,24)+1)/SUM(INDEX($D$3:$AA$30,INDEX(Jesper!$R$2:$R$366,ROW(INDEX(Jesper!AL$2:AL$366,ROUNDDOWN($C43/24,0)+1,1))-1)+IF('Standard Profiles'!$G$22=$B$10,7,0)+IF('Standard Profiles'!$G$22=$B$17,14,0)+IF('Standard Profiles'!$G$22=$B$24,21,0),0)),0)</f>
        <v>5.2147348867816881</v>
      </c>
      <c r="I43">
        <f t="shared" si="20"/>
        <v>5.0061454913104235</v>
      </c>
      <c r="J43">
        <f t="shared" si="21"/>
        <v>13.475288432285144</v>
      </c>
      <c r="K43">
        <f t="shared" si="22"/>
        <v>0.36568396892328808</v>
      </c>
      <c r="L43">
        <f t="shared" si="23"/>
        <v>0.18284198446164404</v>
      </c>
      <c r="M43">
        <f t="shared" si="24"/>
        <v>0</v>
      </c>
      <c r="N43" s="45">
        <f t="shared" si="25"/>
        <v>44927.374999999978</v>
      </c>
      <c r="O43">
        <v>2.7566921507904363</v>
      </c>
      <c r="P43">
        <v>9.547898482168474</v>
      </c>
      <c r="Q43">
        <v>0.30405920533814274</v>
      </c>
      <c r="R43">
        <v>0.15202960266907137</v>
      </c>
      <c r="S43">
        <v>0</v>
      </c>
      <c r="T43" s="45">
        <v>45060.374999992237</v>
      </c>
      <c r="AB43" t="str">
        <f>Jesper!AT28</f>
        <v>Temperature-Cluster Distribution - weekends days</v>
      </c>
    </row>
    <row r="44" spans="2:33" x14ac:dyDescent="0.25">
      <c r="B44">
        <f t="shared" si="19"/>
        <v>7</v>
      </c>
      <c r="C44" s="16">
        <v>10</v>
      </c>
      <c r="D44" cm="1">
        <f t="array" ref="D44">IFERROR(INDEX(Jesper!AH$2:AH$366,ROUNDDOWN($C44/24,0)+1,1)*INDEX($D$3:$AA$30,INDEX(Jesper!$R$2:$R$366,ROW(INDEX(Jesper!AH$2:AH$366,ROUNDDOWN($C44/24,0)+1,1))-1)+IF('Standard Profiles'!$G$18=$B$10,7,0)+IF('Standard Profiles'!$G$18=$B$17,14,0)+IF('Standard Profiles'!$G$18=$B$24,21,0),MOD($C44,24)+1)/SUM(INDEX($D$3:$AA$30,INDEX(Jesper!$R$2:$R$366,ROW(INDEX(Jesper!AH$2:AH$366,ROUNDDOWN($C44/24,0)+1,1))-1)+IF('Standard Profiles'!$G$18=$B$10,7,0)+IF('Standard Profiles'!$G$18=$B$17,14,0)+IF('Standard Profiles'!$G$18=$B$24,21,0),0)),0)</f>
        <v>0</v>
      </c>
      <c r="E44" cm="1">
        <f t="array" ref="E44">IFERROR(INDEX(Jesper!AI$2:AI$366,ROUNDDOWN($C44/24,0)+1,1)*INDEX($D$3:$AA$30,INDEX(Jesper!$R$2:$R$366,ROW(INDEX(Jesper!AI$2:AI$366,ROUNDDOWN($C44/24,0)+1,1))-1)+IF('Standard Profiles'!$G$19=$B$10,7,0)+IF('Standard Profiles'!$G$19=$B$17,14,0)+IF('Standard Profiles'!$G$19=$B$24,21,0),MOD($C44,24)+1)/SUM(INDEX($D$3:$AA$30,INDEX(Jesper!$R$2:$R$366,ROW(INDEX(Jesper!AI$2:AI$366,ROUNDDOWN($C44/24,0)+1,1))-1)+IF('Standard Profiles'!$G$19=$B$10,7,0)+IF('Standard Profiles'!$G$19=$B$17,14,0)+IF('Standard Profiles'!$G$19=$B$24,21,0),0)),0)</f>
        <v>4.5710496115411008</v>
      </c>
      <c r="F44" cm="1">
        <f t="array" ref="F44">IFERROR(INDEX(Jesper!AJ$2:AJ$366,ROUNDDOWN($C44/24,0)+1,1)*INDEX($D$3:$AA$30,INDEX(Jesper!$R$2:$R$366,ROW(INDEX(Jesper!AJ$2:AJ$366,ROUNDDOWN($C44/24,0)+1,1))-1)+IF('Standard Profiles'!$G$20=$B$10,7,0)+IF('Standard Profiles'!$G$20=$B$17,14,0)+IF('Standard Profiles'!$G$20=$B$24,21,0),MOD($C44,24)+1)/SUM(INDEX($D$3:$AA$30,INDEX(Jesper!$R$2:$R$366,ROW(INDEX(Jesper!AJ$2:AJ$366,ROUNDDOWN($C44/24,0)+1,1))-1)+IF('Standard Profiles'!$G$20=$B$10,7,0)+IF('Standard Profiles'!$G$20=$B$17,14,0)+IF('Standard Profiles'!$G$20=$B$24,21,0),0)),0)</f>
        <v>3.6708686966110213</v>
      </c>
      <c r="G44" cm="1">
        <f t="array" ref="G44">IFERROR(INDEX(Jesper!AK$2:AK$366,ROUNDDOWN($C44/24,0)+1,1)*INDEX($D$3:$AA$30,INDEX(Jesper!$R$2:$R$366,ROW(INDEX(Jesper!AK$2:AK$366,ROUNDDOWN($C44/24,0)+1,1))-1)+IF('Standard Profiles'!$G$21=$B$10,7,0)+IF('Standard Profiles'!$G$21=$B$17,14,0)+IF('Standard Profiles'!$G$21=$B$24,21,0),MOD($C44,24)+1)/SUM(INDEX($D$3:$AA$30,INDEX(Jesper!$R$2:$R$366,ROW(INDEX(Jesper!AK$2:AK$366,ROUNDDOWN($C44/24,0)+1,1))-1)+IF('Standard Profiles'!$G$21=$B$10,7,0)+IF('Standard Profiles'!$G$21=$B$17,14,0)+IF('Standard Profiles'!$G$21=$B$24,21,0),0)),0)</f>
        <v>5.573306682046689</v>
      </c>
      <c r="H44" cm="1">
        <f t="array" ref="H44">IFERROR(INDEX(Jesper!AL$2:AL$366,ROUNDDOWN($C44/24,0)+1,1)*INDEX($D$3:$AA$30,INDEX(Jesper!$R$2:$R$366,ROW(INDEX(Jesper!AL$2:AL$366,ROUNDDOWN($C44/24,0)+1,1))-1)+IF('Standard Profiles'!$G$22=$B$10,7,0)+IF('Standard Profiles'!$G$22=$B$17,14,0)+IF('Standard Profiles'!$G$22=$B$24,21,0),MOD($C44,24)+1)/SUM(INDEX($D$3:$AA$30,INDEX(Jesper!$R$2:$R$366,ROW(INDEX(Jesper!AL$2:AL$366,ROUNDDOWN($C44/24,0)+1,1))-1)+IF('Standard Profiles'!$G$22=$B$10,7,0)+IF('Standard Profiles'!$G$22=$B$17,14,0)+IF('Standard Profiles'!$G$22=$B$24,21,0),0)),0)</f>
        <v>5.2147348867816881</v>
      </c>
      <c r="I44">
        <f t="shared" si="20"/>
        <v>5.0061454913104235</v>
      </c>
      <c r="J44">
        <f t="shared" si="21"/>
        <v>13.475288432285144</v>
      </c>
      <c r="K44">
        <f t="shared" si="22"/>
        <v>0.36568396892328808</v>
      </c>
      <c r="L44">
        <f t="shared" si="23"/>
        <v>0.18284198446164404</v>
      </c>
      <c r="M44">
        <f t="shared" si="24"/>
        <v>0</v>
      </c>
      <c r="N44" s="45">
        <f t="shared" si="25"/>
        <v>44927.416666666642</v>
      </c>
      <c r="O44">
        <v>2.7566921507904363</v>
      </c>
      <c r="P44">
        <v>9.547898482168474</v>
      </c>
      <c r="Q44">
        <v>0.30405920533814274</v>
      </c>
      <c r="R44">
        <v>0.15202960266907137</v>
      </c>
      <c r="S44">
        <v>0</v>
      </c>
      <c r="T44" s="45">
        <v>45060.416666658901</v>
      </c>
    </row>
    <row r="45" spans="2:33" x14ac:dyDescent="0.25">
      <c r="B45">
        <f t="shared" si="19"/>
        <v>7</v>
      </c>
      <c r="C45" s="16">
        <v>11</v>
      </c>
      <c r="D45" cm="1">
        <f t="array" ref="D45">IFERROR(INDEX(Jesper!AH$2:AH$366,ROUNDDOWN($C45/24,0)+1,1)*INDEX($D$3:$AA$30,INDEX(Jesper!$R$2:$R$366,ROW(INDEX(Jesper!AH$2:AH$366,ROUNDDOWN($C45/24,0)+1,1))-1)+IF('Standard Profiles'!$G$18=$B$10,7,0)+IF('Standard Profiles'!$G$18=$B$17,14,0)+IF('Standard Profiles'!$G$18=$B$24,21,0),MOD($C45,24)+1)/SUM(INDEX($D$3:$AA$30,INDEX(Jesper!$R$2:$R$366,ROW(INDEX(Jesper!AH$2:AH$366,ROUNDDOWN($C45/24,0)+1,1))-1)+IF('Standard Profiles'!$G$18=$B$10,7,0)+IF('Standard Profiles'!$G$18=$B$17,14,0)+IF('Standard Profiles'!$G$18=$B$24,21,0),0)),0)</f>
        <v>0</v>
      </c>
      <c r="E45" cm="1">
        <f t="array" ref="E45">IFERROR(INDEX(Jesper!AI$2:AI$366,ROUNDDOWN($C45/24,0)+1,1)*INDEX($D$3:$AA$30,INDEX(Jesper!$R$2:$R$366,ROW(INDEX(Jesper!AI$2:AI$366,ROUNDDOWN($C45/24,0)+1,1))-1)+IF('Standard Profiles'!$G$19=$B$10,7,0)+IF('Standard Profiles'!$G$19=$B$17,14,0)+IF('Standard Profiles'!$G$19=$B$24,21,0),MOD($C45,24)+1)/SUM(INDEX($D$3:$AA$30,INDEX(Jesper!$R$2:$R$366,ROW(INDEX(Jesper!AI$2:AI$366,ROUNDDOWN($C45/24,0)+1,1))-1)+IF('Standard Profiles'!$G$19=$B$10,7,0)+IF('Standard Profiles'!$G$19=$B$17,14,0)+IF('Standard Profiles'!$G$19=$B$24,21,0),0)),0)</f>
        <v>4.5710496115411008</v>
      </c>
      <c r="F45" cm="1">
        <f t="array" ref="F45">IFERROR(INDEX(Jesper!AJ$2:AJ$366,ROUNDDOWN($C45/24,0)+1,1)*INDEX($D$3:$AA$30,INDEX(Jesper!$R$2:$R$366,ROW(INDEX(Jesper!AJ$2:AJ$366,ROUNDDOWN($C45/24,0)+1,1))-1)+IF('Standard Profiles'!$G$20=$B$10,7,0)+IF('Standard Profiles'!$G$20=$B$17,14,0)+IF('Standard Profiles'!$G$20=$B$24,21,0),MOD($C45,24)+1)/SUM(INDEX($D$3:$AA$30,INDEX(Jesper!$R$2:$R$366,ROW(INDEX(Jesper!AJ$2:AJ$366,ROUNDDOWN($C45/24,0)+1,1))-1)+IF('Standard Profiles'!$G$20=$B$10,7,0)+IF('Standard Profiles'!$G$20=$B$17,14,0)+IF('Standard Profiles'!$G$20=$B$24,21,0),0)),0)</f>
        <v>3.6708686966110213</v>
      </c>
      <c r="G45" cm="1">
        <f t="array" ref="G45">IFERROR(INDEX(Jesper!AK$2:AK$366,ROUNDDOWN($C45/24,0)+1,1)*INDEX($D$3:$AA$30,INDEX(Jesper!$R$2:$R$366,ROW(INDEX(Jesper!AK$2:AK$366,ROUNDDOWN($C45/24,0)+1,1))-1)+IF('Standard Profiles'!$G$21=$B$10,7,0)+IF('Standard Profiles'!$G$21=$B$17,14,0)+IF('Standard Profiles'!$G$21=$B$24,21,0),MOD($C45,24)+1)/SUM(INDEX($D$3:$AA$30,INDEX(Jesper!$R$2:$R$366,ROW(INDEX(Jesper!AK$2:AK$366,ROUNDDOWN($C45/24,0)+1,1))-1)+IF('Standard Profiles'!$G$21=$B$10,7,0)+IF('Standard Profiles'!$G$21=$B$17,14,0)+IF('Standard Profiles'!$G$21=$B$24,21,0),0)),0)</f>
        <v>5.573306682046689</v>
      </c>
      <c r="H45" cm="1">
        <f t="array" ref="H45">IFERROR(INDEX(Jesper!AL$2:AL$366,ROUNDDOWN($C45/24,0)+1,1)*INDEX($D$3:$AA$30,INDEX(Jesper!$R$2:$R$366,ROW(INDEX(Jesper!AL$2:AL$366,ROUNDDOWN($C45/24,0)+1,1))-1)+IF('Standard Profiles'!$G$22=$B$10,7,0)+IF('Standard Profiles'!$G$22=$B$17,14,0)+IF('Standard Profiles'!$G$22=$B$24,21,0),MOD($C45,24)+1)/SUM(INDEX($D$3:$AA$30,INDEX(Jesper!$R$2:$R$366,ROW(INDEX(Jesper!AL$2:AL$366,ROUNDDOWN($C45/24,0)+1,1))-1)+IF('Standard Profiles'!$G$22=$B$10,7,0)+IF('Standard Profiles'!$G$22=$B$17,14,0)+IF('Standard Profiles'!$G$22=$B$24,21,0),0)),0)</f>
        <v>5.2147348867816881</v>
      </c>
      <c r="I45">
        <f t="shared" si="20"/>
        <v>5.0061454913104235</v>
      </c>
      <c r="J45">
        <f t="shared" si="21"/>
        <v>13.475288432285144</v>
      </c>
      <c r="K45">
        <f t="shared" si="22"/>
        <v>0.36568396892328808</v>
      </c>
      <c r="L45">
        <f t="shared" si="23"/>
        <v>0.18284198446164404</v>
      </c>
      <c r="M45">
        <f t="shared" si="24"/>
        <v>0</v>
      </c>
      <c r="N45" s="45">
        <f t="shared" si="25"/>
        <v>44927.458333333307</v>
      </c>
      <c r="O45">
        <v>2.7566921507904363</v>
      </c>
      <c r="P45">
        <v>9.547898482168474</v>
      </c>
      <c r="Q45">
        <v>0.30405920533814274</v>
      </c>
      <c r="R45">
        <v>0.15202960266907137</v>
      </c>
      <c r="S45">
        <v>0</v>
      </c>
      <c r="T45" s="45">
        <v>45060.458333325565</v>
      </c>
      <c r="U45" t="str">
        <f>CHOOSE(WEEKDAY(T45,2),"Monday","Tuesday","Wednesday","Thursday","Friday","Saturday","Sunday")</f>
        <v>Sunday</v>
      </c>
      <c r="AB45" s="16" t="str">
        <f>Jesper!AT30</f>
        <v>C</v>
      </c>
      <c r="AC45" s="16" t="str">
        <f>Jesper!AU30</f>
        <v>T1</v>
      </c>
      <c r="AD45" s="16" t="str">
        <f>Jesper!AV30</f>
        <v>T2</v>
      </c>
      <c r="AE45" s="16" t="str">
        <f>Jesper!AW30</f>
        <v>T3</v>
      </c>
      <c r="AF45" s="16" t="str">
        <f>Jesper!AX30</f>
        <v>T4</v>
      </c>
      <c r="AG45" s="16" t="str">
        <f>Jesper!AY30</f>
        <v>T5</v>
      </c>
    </row>
    <row r="46" spans="2:33" x14ac:dyDescent="0.25">
      <c r="B46">
        <f t="shared" si="19"/>
        <v>7</v>
      </c>
      <c r="C46" s="16">
        <v>12</v>
      </c>
      <c r="D46" cm="1">
        <f t="array" ref="D46">IFERROR(INDEX(Jesper!AH$2:AH$366,ROUNDDOWN($C46/24,0)+1,1)*INDEX($D$3:$AA$30,INDEX(Jesper!$R$2:$R$366,ROW(INDEX(Jesper!AH$2:AH$366,ROUNDDOWN($C46/24,0)+1,1))-1)+IF('Standard Profiles'!$G$18=$B$10,7,0)+IF('Standard Profiles'!$G$18=$B$17,14,0)+IF('Standard Profiles'!$G$18=$B$24,21,0),MOD($C46,24)+1)/SUM(INDEX($D$3:$AA$30,INDEX(Jesper!$R$2:$R$366,ROW(INDEX(Jesper!AH$2:AH$366,ROUNDDOWN($C46/24,0)+1,1))-1)+IF('Standard Profiles'!$G$18=$B$10,7,0)+IF('Standard Profiles'!$G$18=$B$17,14,0)+IF('Standard Profiles'!$G$18=$B$24,21,0),0)),0)</f>
        <v>0</v>
      </c>
      <c r="E46" cm="1">
        <f t="array" ref="E46">IFERROR(INDEX(Jesper!AI$2:AI$366,ROUNDDOWN($C46/24,0)+1,1)*INDEX($D$3:$AA$30,INDEX(Jesper!$R$2:$R$366,ROW(INDEX(Jesper!AI$2:AI$366,ROUNDDOWN($C46/24,0)+1,1))-1)+IF('Standard Profiles'!$G$19=$B$10,7,0)+IF('Standard Profiles'!$G$19=$B$17,14,0)+IF('Standard Profiles'!$G$19=$B$24,21,0),MOD($C46,24)+1)/SUM(INDEX($D$3:$AA$30,INDEX(Jesper!$R$2:$R$366,ROW(INDEX(Jesper!AI$2:AI$366,ROUNDDOWN($C46/24,0)+1,1))-1)+IF('Standard Profiles'!$G$19=$B$10,7,0)+IF('Standard Profiles'!$G$19=$B$17,14,0)+IF('Standard Profiles'!$G$19=$B$24,21,0),0)),0)</f>
        <v>4.5710496115411008</v>
      </c>
      <c r="F46" cm="1">
        <f t="array" ref="F46">IFERROR(INDEX(Jesper!AJ$2:AJ$366,ROUNDDOWN($C46/24,0)+1,1)*INDEX($D$3:$AA$30,INDEX(Jesper!$R$2:$R$366,ROW(INDEX(Jesper!AJ$2:AJ$366,ROUNDDOWN($C46/24,0)+1,1))-1)+IF('Standard Profiles'!$G$20=$B$10,7,0)+IF('Standard Profiles'!$G$20=$B$17,14,0)+IF('Standard Profiles'!$G$20=$B$24,21,0),MOD($C46,24)+1)/SUM(INDEX($D$3:$AA$30,INDEX(Jesper!$R$2:$R$366,ROW(INDEX(Jesper!AJ$2:AJ$366,ROUNDDOWN($C46/24,0)+1,1))-1)+IF('Standard Profiles'!$G$20=$B$10,7,0)+IF('Standard Profiles'!$G$20=$B$17,14,0)+IF('Standard Profiles'!$G$20=$B$24,21,0),0)),0)</f>
        <v>3.6708686966110213</v>
      </c>
      <c r="G46" cm="1">
        <f t="array" ref="G46">IFERROR(INDEX(Jesper!AK$2:AK$366,ROUNDDOWN($C46/24,0)+1,1)*INDEX($D$3:$AA$30,INDEX(Jesper!$R$2:$R$366,ROW(INDEX(Jesper!AK$2:AK$366,ROUNDDOWN($C46/24,0)+1,1))-1)+IF('Standard Profiles'!$G$21=$B$10,7,0)+IF('Standard Profiles'!$G$21=$B$17,14,0)+IF('Standard Profiles'!$G$21=$B$24,21,0),MOD($C46,24)+1)/SUM(INDEX($D$3:$AA$30,INDEX(Jesper!$R$2:$R$366,ROW(INDEX(Jesper!AK$2:AK$366,ROUNDDOWN($C46/24,0)+1,1))-1)+IF('Standard Profiles'!$G$21=$B$10,7,0)+IF('Standard Profiles'!$G$21=$B$17,14,0)+IF('Standard Profiles'!$G$21=$B$24,21,0),0)),0)</f>
        <v>5.573306682046689</v>
      </c>
      <c r="H46" cm="1">
        <f t="array" ref="H46">IFERROR(INDEX(Jesper!AL$2:AL$366,ROUNDDOWN($C46/24,0)+1,1)*INDEX($D$3:$AA$30,INDEX(Jesper!$R$2:$R$366,ROW(INDEX(Jesper!AL$2:AL$366,ROUNDDOWN($C46/24,0)+1,1))-1)+IF('Standard Profiles'!$G$22=$B$10,7,0)+IF('Standard Profiles'!$G$22=$B$17,14,0)+IF('Standard Profiles'!$G$22=$B$24,21,0),MOD($C46,24)+1)/SUM(INDEX($D$3:$AA$30,INDEX(Jesper!$R$2:$R$366,ROW(INDEX(Jesper!AL$2:AL$366,ROUNDDOWN($C46/24,0)+1,1))-1)+IF('Standard Profiles'!$G$22=$B$10,7,0)+IF('Standard Profiles'!$G$22=$B$17,14,0)+IF('Standard Profiles'!$G$22=$B$24,21,0),0)),0)</f>
        <v>5.2147348867816881</v>
      </c>
      <c r="I46">
        <f t="shared" si="20"/>
        <v>5.0061454913104235</v>
      </c>
      <c r="J46">
        <f t="shared" si="21"/>
        <v>13.475288432285144</v>
      </c>
      <c r="K46">
        <f t="shared" si="22"/>
        <v>0.36568396892328808</v>
      </c>
      <c r="L46">
        <f t="shared" si="23"/>
        <v>0.18284198446164404</v>
      </c>
      <c r="M46">
        <f t="shared" si="24"/>
        <v>0</v>
      </c>
      <c r="N46" s="45">
        <f t="shared" si="25"/>
        <v>44927.499999999971</v>
      </c>
      <c r="O46">
        <v>2.7566921507904363</v>
      </c>
      <c r="P46">
        <v>9.547898482168474</v>
      </c>
      <c r="Q46">
        <v>0.30405920533814274</v>
      </c>
      <c r="R46">
        <v>0.15202960266907137</v>
      </c>
      <c r="S46">
        <v>0</v>
      </c>
      <c r="T46" s="45">
        <v>45060.499999992229</v>
      </c>
      <c r="AB46" s="16">
        <f>Jesper!AT31</f>
        <v>0</v>
      </c>
      <c r="AC46" s="16">
        <f>Jesper!AU31</f>
        <v>0</v>
      </c>
      <c r="AD46" s="16">
        <f>Jesper!AV31</f>
        <v>0</v>
      </c>
      <c r="AE46" s="16">
        <f>Jesper!AW31</f>
        <v>0</v>
      </c>
      <c r="AF46" s="16">
        <f>Jesper!AX31</f>
        <v>0</v>
      </c>
      <c r="AG46" s="16">
        <f>Jesper!AY31</f>
        <v>0</v>
      </c>
    </row>
    <row r="47" spans="2:33" x14ac:dyDescent="0.25">
      <c r="B47">
        <f t="shared" si="19"/>
        <v>7</v>
      </c>
      <c r="C47" s="16">
        <v>13</v>
      </c>
      <c r="D47" cm="1">
        <f t="array" ref="D47">IFERROR(INDEX(Jesper!AH$2:AH$366,ROUNDDOWN($C47/24,0)+1,1)*INDEX($D$3:$AA$30,INDEX(Jesper!$R$2:$R$366,ROW(INDEX(Jesper!AH$2:AH$366,ROUNDDOWN($C47/24,0)+1,1))-1)+IF('Standard Profiles'!$G$18=$B$10,7,0)+IF('Standard Profiles'!$G$18=$B$17,14,0)+IF('Standard Profiles'!$G$18=$B$24,21,0),MOD($C47,24)+1)/SUM(INDEX($D$3:$AA$30,INDEX(Jesper!$R$2:$R$366,ROW(INDEX(Jesper!AH$2:AH$366,ROUNDDOWN($C47/24,0)+1,1))-1)+IF('Standard Profiles'!$G$18=$B$10,7,0)+IF('Standard Profiles'!$G$18=$B$17,14,0)+IF('Standard Profiles'!$G$18=$B$24,21,0),0)),0)</f>
        <v>0</v>
      </c>
      <c r="E47" cm="1">
        <f t="array" ref="E47">IFERROR(INDEX(Jesper!AI$2:AI$366,ROUNDDOWN($C47/24,0)+1,1)*INDEX($D$3:$AA$30,INDEX(Jesper!$R$2:$R$366,ROW(INDEX(Jesper!AI$2:AI$366,ROUNDDOWN($C47/24,0)+1,1))-1)+IF('Standard Profiles'!$G$19=$B$10,7,0)+IF('Standard Profiles'!$G$19=$B$17,14,0)+IF('Standard Profiles'!$G$19=$B$24,21,0),MOD($C47,24)+1)/SUM(INDEX($D$3:$AA$30,INDEX(Jesper!$R$2:$R$366,ROW(INDEX(Jesper!AI$2:AI$366,ROUNDDOWN($C47/24,0)+1,1))-1)+IF('Standard Profiles'!$G$19=$B$10,7,0)+IF('Standard Profiles'!$G$19=$B$17,14,0)+IF('Standard Profiles'!$G$19=$B$24,21,0),0)),0)</f>
        <v>4.5710496115411008</v>
      </c>
      <c r="F47" cm="1">
        <f t="array" ref="F47">IFERROR(INDEX(Jesper!AJ$2:AJ$366,ROUNDDOWN($C47/24,0)+1,1)*INDEX($D$3:$AA$30,INDEX(Jesper!$R$2:$R$366,ROW(INDEX(Jesper!AJ$2:AJ$366,ROUNDDOWN($C47/24,0)+1,1))-1)+IF('Standard Profiles'!$G$20=$B$10,7,0)+IF('Standard Profiles'!$G$20=$B$17,14,0)+IF('Standard Profiles'!$G$20=$B$24,21,0),MOD($C47,24)+1)/SUM(INDEX($D$3:$AA$30,INDEX(Jesper!$R$2:$R$366,ROW(INDEX(Jesper!AJ$2:AJ$366,ROUNDDOWN($C47/24,0)+1,1))-1)+IF('Standard Profiles'!$G$20=$B$10,7,0)+IF('Standard Profiles'!$G$20=$B$17,14,0)+IF('Standard Profiles'!$G$20=$B$24,21,0),0)),0)</f>
        <v>3.6708686966110213</v>
      </c>
      <c r="G47" cm="1">
        <f t="array" ref="G47">IFERROR(INDEX(Jesper!AK$2:AK$366,ROUNDDOWN($C47/24,0)+1,1)*INDEX($D$3:$AA$30,INDEX(Jesper!$R$2:$R$366,ROW(INDEX(Jesper!AK$2:AK$366,ROUNDDOWN($C47/24,0)+1,1))-1)+IF('Standard Profiles'!$G$21=$B$10,7,0)+IF('Standard Profiles'!$G$21=$B$17,14,0)+IF('Standard Profiles'!$G$21=$B$24,21,0),MOD($C47,24)+1)/SUM(INDEX($D$3:$AA$30,INDEX(Jesper!$R$2:$R$366,ROW(INDEX(Jesper!AK$2:AK$366,ROUNDDOWN($C47/24,0)+1,1))-1)+IF('Standard Profiles'!$G$21=$B$10,7,0)+IF('Standard Profiles'!$G$21=$B$17,14,0)+IF('Standard Profiles'!$G$21=$B$24,21,0),0)),0)</f>
        <v>5.573306682046689</v>
      </c>
      <c r="H47" cm="1">
        <f t="array" ref="H47">IFERROR(INDEX(Jesper!AL$2:AL$366,ROUNDDOWN($C47/24,0)+1,1)*INDEX($D$3:$AA$30,INDEX(Jesper!$R$2:$R$366,ROW(INDEX(Jesper!AL$2:AL$366,ROUNDDOWN($C47/24,0)+1,1))-1)+IF('Standard Profiles'!$G$22=$B$10,7,0)+IF('Standard Profiles'!$G$22=$B$17,14,0)+IF('Standard Profiles'!$G$22=$B$24,21,0),MOD($C47,24)+1)/SUM(INDEX($D$3:$AA$30,INDEX(Jesper!$R$2:$R$366,ROW(INDEX(Jesper!AL$2:AL$366,ROUNDDOWN($C47/24,0)+1,1))-1)+IF('Standard Profiles'!$G$22=$B$10,7,0)+IF('Standard Profiles'!$G$22=$B$17,14,0)+IF('Standard Profiles'!$G$22=$B$24,21,0),0)),0)</f>
        <v>5.2147348867816881</v>
      </c>
      <c r="I47">
        <f t="shared" si="20"/>
        <v>5.0061454913104235</v>
      </c>
      <c r="J47">
        <f t="shared" si="21"/>
        <v>13.475288432285144</v>
      </c>
      <c r="K47">
        <f t="shared" si="22"/>
        <v>0.36568396892328808</v>
      </c>
      <c r="L47">
        <f t="shared" si="23"/>
        <v>0.18284198446164404</v>
      </c>
      <c r="M47">
        <f t="shared" si="24"/>
        <v>0</v>
      </c>
      <c r="N47" s="45">
        <f t="shared" si="25"/>
        <v>44927.541666666635</v>
      </c>
      <c r="O47">
        <v>2.7566921507904363</v>
      </c>
      <c r="P47">
        <v>9.547898482168474</v>
      </c>
      <c r="Q47">
        <v>0.30405920533814274</v>
      </c>
      <c r="R47">
        <v>0.15202960266907137</v>
      </c>
      <c r="S47">
        <v>0</v>
      </c>
      <c r="T47" s="45">
        <v>45060.541666658894</v>
      </c>
      <c r="AB47" s="16">
        <f>Jesper!AT32</f>
        <v>1</v>
      </c>
      <c r="AC47" s="16">
        <f>Jesper!AU32</f>
        <v>0</v>
      </c>
      <c r="AD47" s="16">
        <f>Jesper!AV32</f>
        <v>0.88</v>
      </c>
      <c r="AE47" s="16">
        <f>Jesper!AW32</f>
        <v>0.08</v>
      </c>
      <c r="AF47" s="16">
        <f>Jesper!AX32</f>
        <v>0.04</v>
      </c>
      <c r="AG47" s="16">
        <f>Jesper!AY32</f>
        <v>0</v>
      </c>
    </row>
    <row r="48" spans="2:33" x14ac:dyDescent="0.25">
      <c r="B48">
        <f t="shared" si="19"/>
        <v>7</v>
      </c>
      <c r="C48" s="16">
        <v>14</v>
      </c>
      <c r="D48" cm="1">
        <f t="array" ref="D48">IFERROR(INDEX(Jesper!AH$2:AH$366,ROUNDDOWN($C48/24,0)+1,1)*INDEX($D$3:$AA$30,INDEX(Jesper!$R$2:$R$366,ROW(INDEX(Jesper!AH$2:AH$366,ROUNDDOWN($C48/24,0)+1,1))-1)+IF('Standard Profiles'!$G$18=$B$10,7,0)+IF('Standard Profiles'!$G$18=$B$17,14,0)+IF('Standard Profiles'!$G$18=$B$24,21,0),MOD($C48,24)+1)/SUM(INDEX($D$3:$AA$30,INDEX(Jesper!$R$2:$R$366,ROW(INDEX(Jesper!AH$2:AH$366,ROUNDDOWN($C48/24,0)+1,1))-1)+IF('Standard Profiles'!$G$18=$B$10,7,0)+IF('Standard Profiles'!$G$18=$B$17,14,0)+IF('Standard Profiles'!$G$18=$B$24,21,0),0)),0)</f>
        <v>0</v>
      </c>
      <c r="E48" cm="1">
        <f t="array" ref="E48">IFERROR(INDEX(Jesper!AI$2:AI$366,ROUNDDOWN($C48/24,0)+1,1)*INDEX($D$3:$AA$30,INDEX(Jesper!$R$2:$R$366,ROW(INDEX(Jesper!AI$2:AI$366,ROUNDDOWN($C48/24,0)+1,1))-1)+IF('Standard Profiles'!$G$19=$B$10,7,0)+IF('Standard Profiles'!$G$19=$B$17,14,0)+IF('Standard Profiles'!$G$19=$B$24,21,0),MOD($C48,24)+1)/SUM(INDEX($D$3:$AA$30,INDEX(Jesper!$R$2:$R$366,ROW(INDEX(Jesper!AI$2:AI$366,ROUNDDOWN($C48/24,0)+1,1))-1)+IF('Standard Profiles'!$G$19=$B$10,7,0)+IF('Standard Profiles'!$G$19=$B$17,14,0)+IF('Standard Profiles'!$G$19=$B$24,21,0),0)),0)</f>
        <v>4.5710496115411008</v>
      </c>
      <c r="F48" cm="1">
        <f t="array" ref="F48">IFERROR(INDEX(Jesper!AJ$2:AJ$366,ROUNDDOWN($C48/24,0)+1,1)*INDEX($D$3:$AA$30,INDEX(Jesper!$R$2:$R$366,ROW(INDEX(Jesper!AJ$2:AJ$366,ROUNDDOWN($C48/24,0)+1,1))-1)+IF('Standard Profiles'!$G$20=$B$10,7,0)+IF('Standard Profiles'!$G$20=$B$17,14,0)+IF('Standard Profiles'!$G$20=$B$24,21,0),MOD($C48,24)+1)/SUM(INDEX($D$3:$AA$30,INDEX(Jesper!$R$2:$R$366,ROW(INDEX(Jesper!AJ$2:AJ$366,ROUNDDOWN($C48/24,0)+1,1))-1)+IF('Standard Profiles'!$G$20=$B$10,7,0)+IF('Standard Profiles'!$G$20=$B$17,14,0)+IF('Standard Profiles'!$G$20=$B$24,21,0),0)),0)</f>
        <v>3.6708686966110213</v>
      </c>
      <c r="G48" cm="1">
        <f t="array" ref="G48">IFERROR(INDEX(Jesper!AK$2:AK$366,ROUNDDOWN($C48/24,0)+1,1)*INDEX($D$3:$AA$30,INDEX(Jesper!$R$2:$R$366,ROW(INDEX(Jesper!AK$2:AK$366,ROUNDDOWN($C48/24,0)+1,1))-1)+IF('Standard Profiles'!$G$21=$B$10,7,0)+IF('Standard Profiles'!$G$21=$B$17,14,0)+IF('Standard Profiles'!$G$21=$B$24,21,0),MOD($C48,24)+1)/SUM(INDEX($D$3:$AA$30,INDEX(Jesper!$R$2:$R$366,ROW(INDEX(Jesper!AK$2:AK$366,ROUNDDOWN($C48/24,0)+1,1))-1)+IF('Standard Profiles'!$G$21=$B$10,7,0)+IF('Standard Profiles'!$G$21=$B$17,14,0)+IF('Standard Profiles'!$G$21=$B$24,21,0),0)),0)</f>
        <v>5.573306682046689</v>
      </c>
      <c r="H48" cm="1">
        <f t="array" ref="H48">IFERROR(INDEX(Jesper!AL$2:AL$366,ROUNDDOWN($C48/24,0)+1,1)*INDEX($D$3:$AA$30,INDEX(Jesper!$R$2:$R$366,ROW(INDEX(Jesper!AL$2:AL$366,ROUNDDOWN($C48/24,0)+1,1))-1)+IF('Standard Profiles'!$G$22=$B$10,7,0)+IF('Standard Profiles'!$G$22=$B$17,14,0)+IF('Standard Profiles'!$G$22=$B$24,21,0),MOD($C48,24)+1)/SUM(INDEX($D$3:$AA$30,INDEX(Jesper!$R$2:$R$366,ROW(INDEX(Jesper!AL$2:AL$366,ROUNDDOWN($C48/24,0)+1,1))-1)+IF('Standard Profiles'!$G$22=$B$10,7,0)+IF('Standard Profiles'!$G$22=$B$17,14,0)+IF('Standard Profiles'!$G$22=$B$24,21,0),0)),0)</f>
        <v>5.2147348867816881</v>
      </c>
      <c r="I48">
        <f t="shared" si="20"/>
        <v>5.0061454913104235</v>
      </c>
      <c r="J48">
        <f t="shared" si="21"/>
        <v>13.475288432285144</v>
      </c>
      <c r="K48">
        <f t="shared" si="22"/>
        <v>0.36568396892328808</v>
      </c>
      <c r="L48">
        <f t="shared" si="23"/>
        <v>0.18284198446164404</v>
      </c>
      <c r="M48">
        <f t="shared" si="24"/>
        <v>0</v>
      </c>
      <c r="N48" s="45">
        <f t="shared" si="25"/>
        <v>44927.583333333299</v>
      </c>
      <c r="O48">
        <v>2.7566921507904363</v>
      </c>
      <c r="P48">
        <v>9.547898482168474</v>
      </c>
      <c r="Q48">
        <v>0.30405920533814274</v>
      </c>
      <c r="R48">
        <v>0.15202960266907137</v>
      </c>
      <c r="S48">
        <v>0</v>
      </c>
      <c r="T48" s="45">
        <v>45060.583333325558</v>
      </c>
      <c r="AB48" s="16">
        <f>Jesper!AT33</f>
        <v>2</v>
      </c>
      <c r="AC48" s="16">
        <f>Jesper!AU33</f>
        <v>0</v>
      </c>
      <c r="AD48" s="16">
        <f>Jesper!AV33</f>
        <v>1</v>
      </c>
      <c r="AE48" s="16">
        <f>Jesper!AW33</f>
        <v>0</v>
      </c>
      <c r="AF48" s="16">
        <f>Jesper!AX33</f>
        <v>0</v>
      </c>
      <c r="AG48" s="16">
        <f>Jesper!AY33</f>
        <v>0</v>
      </c>
    </row>
    <row r="49" spans="2:33" x14ac:dyDescent="0.25">
      <c r="B49">
        <f t="shared" si="19"/>
        <v>7</v>
      </c>
      <c r="C49" s="16">
        <v>15</v>
      </c>
      <c r="D49" cm="1">
        <f t="array" ref="D49">IFERROR(INDEX(Jesper!AH$2:AH$366,ROUNDDOWN($C49/24,0)+1,1)*INDEX($D$3:$AA$30,INDEX(Jesper!$R$2:$R$366,ROW(INDEX(Jesper!AH$2:AH$366,ROUNDDOWN($C49/24,0)+1,1))-1)+IF('Standard Profiles'!$G$18=$B$10,7,0)+IF('Standard Profiles'!$G$18=$B$17,14,0)+IF('Standard Profiles'!$G$18=$B$24,21,0),MOD($C49,24)+1)/SUM(INDEX($D$3:$AA$30,INDEX(Jesper!$R$2:$R$366,ROW(INDEX(Jesper!AH$2:AH$366,ROUNDDOWN($C49/24,0)+1,1))-1)+IF('Standard Profiles'!$G$18=$B$10,7,0)+IF('Standard Profiles'!$G$18=$B$17,14,0)+IF('Standard Profiles'!$G$18=$B$24,21,0),0)),0)</f>
        <v>0</v>
      </c>
      <c r="E49" cm="1">
        <f t="array" ref="E49">IFERROR(INDEX(Jesper!AI$2:AI$366,ROUNDDOWN($C49/24,0)+1,1)*INDEX($D$3:$AA$30,INDEX(Jesper!$R$2:$R$366,ROW(INDEX(Jesper!AI$2:AI$366,ROUNDDOWN($C49/24,0)+1,1))-1)+IF('Standard Profiles'!$G$19=$B$10,7,0)+IF('Standard Profiles'!$G$19=$B$17,14,0)+IF('Standard Profiles'!$G$19=$B$24,21,0),MOD($C49,24)+1)/SUM(INDEX($D$3:$AA$30,INDEX(Jesper!$R$2:$R$366,ROW(INDEX(Jesper!AI$2:AI$366,ROUNDDOWN($C49/24,0)+1,1))-1)+IF('Standard Profiles'!$G$19=$B$10,7,0)+IF('Standard Profiles'!$G$19=$B$17,14,0)+IF('Standard Profiles'!$G$19=$B$24,21,0),0)),0)</f>
        <v>4.5710496115411008</v>
      </c>
      <c r="F49" cm="1">
        <f t="array" ref="F49">IFERROR(INDEX(Jesper!AJ$2:AJ$366,ROUNDDOWN($C49/24,0)+1,1)*INDEX($D$3:$AA$30,INDEX(Jesper!$R$2:$R$366,ROW(INDEX(Jesper!AJ$2:AJ$366,ROUNDDOWN($C49/24,0)+1,1))-1)+IF('Standard Profiles'!$G$20=$B$10,7,0)+IF('Standard Profiles'!$G$20=$B$17,14,0)+IF('Standard Profiles'!$G$20=$B$24,21,0),MOD($C49,24)+1)/SUM(INDEX($D$3:$AA$30,INDEX(Jesper!$R$2:$R$366,ROW(INDEX(Jesper!AJ$2:AJ$366,ROUNDDOWN($C49/24,0)+1,1))-1)+IF('Standard Profiles'!$G$20=$B$10,7,0)+IF('Standard Profiles'!$G$20=$B$17,14,0)+IF('Standard Profiles'!$G$20=$B$24,21,0),0)),0)</f>
        <v>3.6708686966110213</v>
      </c>
      <c r="G49" cm="1">
        <f t="array" ref="G49">IFERROR(INDEX(Jesper!AK$2:AK$366,ROUNDDOWN($C49/24,0)+1,1)*INDEX($D$3:$AA$30,INDEX(Jesper!$R$2:$R$366,ROW(INDEX(Jesper!AK$2:AK$366,ROUNDDOWN($C49/24,0)+1,1))-1)+IF('Standard Profiles'!$G$21=$B$10,7,0)+IF('Standard Profiles'!$G$21=$B$17,14,0)+IF('Standard Profiles'!$G$21=$B$24,21,0),MOD($C49,24)+1)/SUM(INDEX($D$3:$AA$30,INDEX(Jesper!$R$2:$R$366,ROW(INDEX(Jesper!AK$2:AK$366,ROUNDDOWN($C49/24,0)+1,1))-1)+IF('Standard Profiles'!$G$21=$B$10,7,0)+IF('Standard Profiles'!$G$21=$B$17,14,0)+IF('Standard Profiles'!$G$21=$B$24,21,0),0)),0)</f>
        <v>5.573306682046689</v>
      </c>
      <c r="H49" cm="1">
        <f t="array" ref="H49">IFERROR(INDEX(Jesper!AL$2:AL$366,ROUNDDOWN($C49/24,0)+1,1)*INDEX($D$3:$AA$30,INDEX(Jesper!$R$2:$R$366,ROW(INDEX(Jesper!AL$2:AL$366,ROUNDDOWN($C49/24,0)+1,1))-1)+IF('Standard Profiles'!$G$22=$B$10,7,0)+IF('Standard Profiles'!$G$22=$B$17,14,0)+IF('Standard Profiles'!$G$22=$B$24,21,0),MOD($C49,24)+1)/SUM(INDEX($D$3:$AA$30,INDEX(Jesper!$R$2:$R$366,ROW(INDEX(Jesper!AL$2:AL$366,ROUNDDOWN($C49/24,0)+1,1))-1)+IF('Standard Profiles'!$G$22=$B$10,7,0)+IF('Standard Profiles'!$G$22=$B$17,14,0)+IF('Standard Profiles'!$G$22=$B$24,21,0),0)),0)</f>
        <v>4.6353198993614999</v>
      </c>
      <c r="I49">
        <f t="shared" si="20"/>
        <v>4.4499071033870425</v>
      </c>
      <c r="J49">
        <f t="shared" si="21"/>
        <v>13.452111832788336</v>
      </c>
      <c r="K49">
        <f t="shared" si="22"/>
        <v>0.36568396892328808</v>
      </c>
      <c r="L49">
        <f t="shared" si="23"/>
        <v>0.18284198446164404</v>
      </c>
      <c r="M49">
        <f t="shared" si="24"/>
        <v>0</v>
      </c>
      <c r="N49" s="45">
        <f t="shared" si="25"/>
        <v>44927.624999999964</v>
      </c>
      <c r="O49">
        <v>2.4503930229248323</v>
      </c>
      <c r="P49">
        <v>9.5351360185074068</v>
      </c>
      <c r="Q49">
        <v>0.30405920533814274</v>
      </c>
      <c r="R49">
        <v>0.15202960266907137</v>
      </c>
      <c r="S49">
        <v>0</v>
      </c>
      <c r="T49" s="45">
        <v>45060.624999992222</v>
      </c>
      <c r="AB49" s="16">
        <f>Jesper!AT34</f>
        <v>3</v>
      </c>
      <c r="AC49" s="16">
        <f>Jesper!AU34</f>
        <v>0</v>
      </c>
      <c r="AD49" s="16">
        <f>Jesper!AV34</f>
        <v>1</v>
      </c>
      <c r="AE49" s="16">
        <f>Jesper!AW34</f>
        <v>0</v>
      </c>
      <c r="AF49" s="16">
        <f>Jesper!AX34</f>
        <v>0</v>
      </c>
      <c r="AG49" s="16">
        <f>Jesper!AY34</f>
        <v>0</v>
      </c>
    </row>
    <row r="50" spans="2:33" x14ac:dyDescent="0.25">
      <c r="B50">
        <f t="shared" si="19"/>
        <v>7</v>
      </c>
      <c r="C50" s="16">
        <v>16</v>
      </c>
      <c r="D50" cm="1">
        <f t="array" ref="D50">IFERROR(INDEX(Jesper!AH$2:AH$366,ROUNDDOWN($C50/24,0)+1,1)*INDEX($D$3:$AA$30,INDEX(Jesper!$R$2:$R$366,ROW(INDEX(Jesper!AH$2:AH$366,ROUNDDOWN($C50/24,0)+1,1))-1)+IF('Standard Profiles'!$G$18=$B$10,7,0)+IF('Standard Profiles'!$G$18=$B$17,14,0)+IF('Standard Profiles'!$G$18=$B$24,21,0),MOD($C50,24)+1)/SUM(INDEX($D$3:$AA$30,INDEX(Jesper!$R$2:$R$366,ROW(INDEX(Jesper!AH$2:AH$366,ROUNDDOWN($C50/24,0)+1,1))-1)+IF('Standard Profiles'!$G$18=$B$10,7,0)+IF('Standard Profiles'!$G$18=$B$17,14,0)+IF('Standard Profiles'!$G$18=$B$24,21,0),0)),0)</f>
        <v>0</v>
      </c>
      <c r="E50" cm="1">
        <f t="array" ref="E50">IFERROR(INDEX(Jesper!AI$2:AI$366,ROUNDDOWN($C50/24,0)+1,1)*INDEX($D$3:$AA$30,INDEX(Jesper!$R$2:$R$366,ROW(INDEX(Jesper!AI$2:AI$366,ROUNDDOWN($C50/24,0)+1,1))-1)+IF('Standard Profiles'!$G$19=$B$10,7,0)+IF('Standard Profiles'!$G$19=$B$17,14,0)+IF('Standard Profiles'!$G$19=$B$24,21,0),MOD($C50,24)+1)/SUM(INDEX($D$3:$AA$30,INDEX(Jesper!$R$2:$R$366,ROW(INDEX(Jesper!AI$2:AI$366,ROUNDDOWN($C50/24,0)+1,1))-1)+IF('Standard Profiles'!$G$19=$B$10,7,0)+IF('Standard Profiles'!$G$19=$B$17,14,0)+IF('Standard Profiles'!$G$19=$B$24,21,0),0)),0)</f>
        <v>4.5710496115411008</v>
      </c>
      <c r="F50" cm="1">
        <f t="array" ref="F50">IFERROR(INDEX(Jesper!AJ$2:AJ$366,ROUNDDOWN($C50/24,0)+1,1)*INDEX($D$3:$AA$30,INDEX(Jesper!$R$2:$R$366,ROW(INDEX(Jesper!AJ$2:AJ$366,ROUNDDOWN($C50/24,0)+1,1))-1)+IF('Standard Profiles'!$G$20=$B$10,7,0)+IF('Standard Profiles'!$G$20=$B$17,14,0)+IF('Standard Profiles'!$G$20=$B$24,21,0),MOD($C50,24)+1)/SUM(INDEX($D$3:$AA$30,INDEX(Jesper!$R$2:$R$366,ROW(INDEX(Jesper!AJ$2:AJ$366,ROUNDDOWN($C50/24,0)+1,1))-1)+IF('Standard Profiles'!$G$20=$B$10,7,0)+IF('Standard Profiles'!$G$20=$B$17,14,0)+IF('Standard Profiles'!$G$20=$B$24,21,0),0)),0)</f>
        <v>3.6708686966110213</v>
      </c>
      <c r="G50" cm="1">
        <f t="array" ref="G50">IFERROR(INDEX(Jesper!AK$2:AK$366,ROUNDDOWN($C50/24,0)+1,1)*INDEX($D$3:$AA$30,INDEX(Jesper!$R$2:$R$366,ROW(INDEX(Jesper!AK$2:AK$366,ROUNDDOWN($C50/24,0)+1,1))-1)+IF('Standard Profiles'!$G$21=$B$10,7,0)+IF('Standard Profiles'!$G$21=$B$17,14,0)+IF('Standard Profiles'!$G$21=$B$24,21,0),MOD($C50,24)+1)/SUM(INDEX($D$3:$AA$30,INDEX(Jesper!$R$2:$R$366,ROW(INDEX(Jesper!AK$2:AK$366,ROUNDDOWN($C50/24,0)+1,1))-1)+IF('Standard Profiles'!$G$21=$B$10,7,0)+IF('Standard Profiles'!$G$21=$B$17,14,0)+IF('Standard Profiles'!$G$21=$B$24,21,0),0)),0)</f>
        <v>5.573306682046689</v>
      </c>
      <c r="H50" cm="1">
        <f t="array" ref="H50">IFERROR(INDEX(Jesper!AL$2:AL$366,ROUNDDOWN($C50/24,0)+1,1)*INDEX($D$3:$AA$30,INDEX(Jesper!$R$2:$R$366,ROW(INDEX(Jesper!AL$2:AL$366,ROUNDDOWN($C50/24,0)+1,1))-1)+IF('Standard Profiles'!$G$22=$B$10,7,0)+IF('Standard Profiles'!$G$22=$B$17,14,0)+IF('Standard Profiles'!$G$22=$B$24,21,0),MOD($C50,24)+1)/SUM(INDEX($D$3:$AA$30,INDEX(Jesper!$R$2:$R$366,ROW(INDEX(Jesper!AL$2:AL$366,ROUNDDOWN($C50/24,0)+1,1))-1)+IF('Standard Profiles'!$G$22=$B$10,7,0)+IF('Standard Profiles'!$G$22=$B$17,14,0)+IF('Standard Profiles'!$G$22=$B$24,21,0),0)),0)</f>
        <v>4.5525463297300455</v>
      </c>
      <c r="I50">
        <f t="shared" si="20"/>
        <v>4.3704444765408459</v>
      </c>
      <c r="J50">
        <f t="shared" si="21"/>
        <v>13.448800890003078</v>
      </c>
      <c r="K50">
        <f t="shared" si="22"/>
        <v>0.36568396892328808</v>
      </c>
      <c r="L50">
        <f t="shared" si="23"/>
        <v>0.18284198446164404</v>
      </c>
      <c r="M50">
        <f t="shared" si="24"/>
        <v>0</v>
      </c>
      <c r="N50" s="45">
        <f t="shared" si="25"/>
        <v>44927.666666666628</v>
      </c>
      <c r="O50">
        <v>2.4066360046583175</v>
      </c>
      <c r="P50">
        <v>9.5333128094129691</v>
      </c>
      <c r="Q50">
        <v>0.30405920533814274</v>
      </c>
      <c r="R50">
        <v>0.15202960266907137</v>
      </c>
      <c r="S50">
        <v>0</v>
      </c>
      <c r="T50" s="45">
        <v>45060.666666658886</v>
      </c>
      <c r="AB50" s="16">
        <f>Jesper!AT35</f>
        <v>4</v>
      </c>
      <c r="AC50" s="16">
        <f>Jesper!AU35</f>
        <v>0.96000000000000052</v>
      </c>
      <c r="AD50" s="16">
        <f>Jesper!AV35</f>
        <v>3.9999999999999432E-2</v>
      </c>
      <c r="AE50" s="16">
        <f>Jesper!AW35</f>
        <v>0</v>
      </c>
      <c r="AF50" s="16">
        <f>Jesper!AX35</f>
        <v>0</v>
      </c>
      <c r="AG50" s="16">
        <f>Jesper!AY35</f>
        <v>0</v>
      </c>
    </row>
    <row r="51" spans="2:33" x14ac:dyDescent="0.25">
      <c r="B51">
        <f t="shared" si="19"/>
        <v>7</v>
      </c>
      <c r="C51" s="16">
        <v>17</v>
      </c>
      <c r="D51" cm="1">
        <f t="array" ref="D51">IFERROR(INDEX(Jesper!AH$2:AH$366,ROUNDDOWN($C51/24,0)+1,1)*INDEX($D$3:$AA$30,INDEX(Jesper!$R$2:$R$366,ROW(INDEX(Jesper!AH$2:AH$366,ROUNDDOWN($C51/24,0)+1,1))-1)+IF('Standard Profiles'!$G$18=$B$10,7,0)+IF('Standard Profiles'!$G$18=$B$17,14,0)+IF('Standard Profiles'!$G$18=$B$24,21,0),MOD($C51,24)+1)/SUM(INDEX($D$3:$AA$30,INDEX(Jesper!$R$2:$R$366,ROW(INDEX(Jesper!AH$2:AH$366,ROUNDDOWN($C51/24,0)+1,1))-1)+IF('Standard Profiles'!$G$18=$B$10,7,0)+IF('Standard Profiles'!$G$18=$B$17,14,0)+IF('Standard Profiles'!$G$18=$B$24,21,0),0)),0)</f>
        <v>0</v>
      </c>
      <c r="E51" cm="1">
        <f t="array" ref="E51">IFERROR(INDEX(Jesper!AI$2:AI$366,ROUNDDOWN($C51/24,0)+1,1)*INDEX($D$3:$AA$30,INDEX(Jesper!$R$2:$R$366,ROW(INDEX(Jesper!AI$2:AI$366,ROUNDDOWN($C51/24,0)+1,1))-1)+IF('Standard Profiles'!$G$19=$B$10,7,0)+IF('Standard Profiles'!$G$19=$B$17,14,0)+IF('Standard Profiles'!$G$19=$B$24,21,0),MOD($C51,24)+1)/SUM(INDEX($D$3:$AA$30,INDEX(Jesper!$R$2:$R$366,ROW(INDEX(Jesper!AI$2:AI$366,ROUNDDOWN($C51/24,0)+1,1))-1)+IF('Standard Profiles'!$G$19=$B$10,7,0)+IF('Standard Profiles'!$G$19=$B$17,14,0)+IF('Standard Profiles'!$G$19=$B$24,21,0),0)),0)</f>
        <v>4.5710496115411008</v>
      </c>
      <c r="F51" cm="1">
        <f t="array" ref="F51">IFERROR(INDEX(Jesper!AJ$2:AJ$366,ROUNDDOWN($C51/24,0)+1,1)*INDEX($D$3:$AA$30,INDEX(Jesper!$R$2:$R$366,ROW(INDEX(Jesper!AJ$2:AJ$366,ROUNDDOWN($C51/24,0)+1,1))-1)+IF('Standard Profiles'!$G$20=$B$10,7,0)+IF('Standard Profiles'!$G$20=$B$17,14,0)+IF('Standard Profiles'!$G$20=$B$24,21,0),MOD($C51,24)+1)/SUM(INDEX($D$3:$AA$30,INDEX(Jesper!$R$2:$R$366,ROW(INDEX(Jesper!AJ$2:AJ$366,ROUNDDOWN($C51/24,0)+1,1))-1)+IF('Standard Profiles'!$G$20=$B$10,7,0)+IF('Standard Profiles'!$G$20=$B$17,14,0)+IF('Standard Profiles'!$G$20=$B$24,21,0),0)),0)</f>
        <v>3.6708686966110213</v>
      </c>
      <c r="G51" cm="1">
        <f t="array" ref="G51">IFERROR(INDEX(Jesper!AK$2:AK$366,ROUNDDOWN($C51/24,0)+1,1)*INDEX($D$3:$AA$30,INDEX(Jesper!$R$2:$R$366,ROW(INDEX(Jesper!AK$2:AK$366,ROUNDDOWN($C51/24,0)+1,1))-1)+IF('Standard Profiles'!$G$21=$B$10,7,0)+IF('Standard Profiles'!$G$21=$B$17,14,0)+IF('Standard Profiles'!$G$21=$B$24,21,0),MOD($C51,24)+1)/SUM(INDEX($D$3:$AA$30,INDEX(Jesper!$R$2:$R$366,ROW(INDEX(Jesper!AK$2:AK$366,ROUNDDOWN($C51/24,0)+1,1))-1)+IF('Standard Profiles'!$G$21=$B$10,7,0)+IF('Standard Profiles'!$G$21=$B$17,14,0)+IF('Standard Profiles'!$G$21=$B$24,21,0),0)),0)</f>
        <v>5.573306682046689</v>
      </c>
      <c r="H51" cm="1">
        <f t="array" ref="H51">IFERROR(INDEX(Jesper!AL$2:AL$366,ROUNDDOWN($C51/24,0)+1,1)*INDEX($D$3:$AA$30,INDEX(Jesper!$R$2:$R$366,ROW(INDEX(Jesper!AL$2:AL$366,ROUNDDOWN($C51/24,0)+1,1))-1)+IF('Standard Profiles'!$G$22=$B$10,7,0)+IF('Standard Profiles'!$G$22=$B$17,14,0)+IF('Standard Profiles'!$G$22=$B$24,21,0),MOD($C51,24)+1)/SUM(INDEX($D$3:$AA$30,INDEX(Jesper!$R$2:$R$366,ROW(INDEX(Jesper!AL$2:AL$366,ROUNDDOWN($C51/24,0)+1,1))-1)+IF('Standard Profiles'!$G$22=$B$10,7,0)+IF('Standard Profiles'!$G$22=$B$17,14,0)+IF('Standard Profiles'!$G$22=$B$24,21,0),0)),0)</f>
        <v>3.8903577726784024</v>
      </c>
      <c r="I51">
        <f t="shared" si="20"/>
        <v>3.7347434617712683</v>
      </c>
      <c r="J51">
        <f t="shared" si="21"/>
        <v>13.422313347721014</v>
      </c>
      <c r="K51">
        <f t="shared" si="22"/>
        <v>0.36568396892328808</v>
      </c>
      <c r="L51">
        <f t="shared" si="23"/>
        <v>0.18284198446164404</v>
      </c>
      <c r="M51">
        <f t="shared" si="24"/>
        <v>0</v>
      </c>
      <c r="N51" s="45">
        <f t="shared" si="25"/>
        <v>44927.708333333292</v>
      </c>
      <c r="O51">
        <v>2.0565798585261983</v>
      </c>
      <c r="P51">
        <v>9.5187271366574642</v>
      </c>
      <c r="Q51">
        <v>0.30405920533814274</v>
      </c>
      <c r="R51">
        <v>0.15202960266907137</v>
      </c>
      <c r="S51">
        <v>0</v>
      </c>
      <c r="T51" s="45">
        <v>45060.70833332555</v>
      </c>
    </row>
    <row r="52" spans="2:33" x14ac:dyDescent="0.25">
      <c r="B52">
        <f t="shared" si="19"/>
        <v>7</v>
      </c>
      <c r="C52" s="16">
        <v>18</v>
      </c>
      <c r="D52" cm="1">
        <f t="array" ref="D52">IFERROR(INDEX(Jesper!AH$2:AH$366,ROUNDDOWN($C52/24,0)+1,1)*INDEX($D$3:$AA$30,INDEX(Jesper!$R$2:$R$366,ROW(INDEX(Jesper!AH$2:AH$366,ROUNDDOWN($C52/24,0)+1,1))-1)+IF('Standard Profiles'!$G$18=$B$10,7,0)+IF('Standard Profiles'!$G$18=$B$17,14,0)+IF('Standard Profiles'!$G$18=$B$24,21,0),MOD($C52,24)+1)/SUM(INDEX($D$3:$AA$30,INDEX(Jesper!$R$2:$R$366,ROW(INDEX(Jesper!AH$2:AH$366,ROUNDDOWN($C52/24,0)+1,1))-1)+IF('Standard Profiles'!$G$18=$B$10,7,0)+IF('Standard Profiles'!$G$18=$B$17,14,0)+IF('Standard Profiles'!$G$18=$B$24,21,0),0)),0)</f>
        <v>0</v>
      </c>
      <c r="E52" cm="1">
        <f t="array" ref="E52">IFERROR(INDEX(Jesper!AI$2:AI$366,ROUNDDOWN($C52/24,0)+1,1)*INDEX($D$3:$AA$30,INDEX(Jesper!$R$2:$R$366,ROW(INDEX(Jesper!AI$2:AI$366,ROUNDDOWN($C52/24,0)+1,1))-1)+IF('Standard Profiles'!$G$19=$B$10,7,0)+IF('Standard Profiles'!$G$19=$B$17,14,0)+IF('Standard Profiles'!$G$19=$B$24,21,0),MOD($C52,24)+1)/SUM(INDEX($D$3:$AA$30,INDEX(Jesper!$R$2:$R$366,ROW(INDEX(Jesper!AI$2:AI$366,ROUNDDOWN($C52/24,0)+1,1))-1)+IF('Standard Profiles'!$G$19=$B$10,7,0)+IF('Standard Profiles'!$G$19=$B$17,14,0)+IF('Standard Profiles'!$G$19=$B$24,21,0),0)),0)</f>
        <v>4.5710496115411008</v>
      </c>
      <c r="F52" cm="1">
        <f t="array" ref="F52">IFERROR(INDEX(Jesper!AJ$2:AJ$366,ROUNDDOWN($C52/24,0)+1,1)*INDEX($D$3:$AA$30,INDEX(Jesper!$R$2:$R$366,ROW(INDEX(Jesper!AJ$2:AJ$366,ROUNDDOWN($C52/24,0)+1,1))-1)+IF('Standard Profiles'!$G$20=$B$10,7,0)+IF('Standard Profiles'!$G$20=$B$17,14,0)+IF('Standard Profiles'!$G$20=$B$24,21,0),MOD($C52,24)+1)/SUM(INDEX($D$3:$AA$30,INDEX(Jesper!$R$2:$R$366,ROW(INDEX(Jesper!AJ$2:AJ$366,ROUNDDOWN($C52/24,0)+1,1))-1)+IF('Standard Profiles'!$G$20=$B$10,7,0)+IF('Standard Profiles'!$G$20=$B$17,14,0)+IF('Standard Profiles'!$G$20=$B$24,21,0),0)),0)</f>
        <v>3.6708686966110213</v>
      </c>
      <c r="G52" cm="1">
        <f t="array" ref="G52">IFERROR(INDEX(Jesper!AK$2:AK$366,ROUNDDOWN($C52/24,0)+1,1)*INDEX($D$3:$AA$30,INDEX(Jesper!$R$2:$R$366,ROW(INDEX(Jesper!AK$2:AK$366,ROUNDDOWN($C52/24,0)+1,1))-1)+IF('Standard Profiles'!$G$21=$B$10,7,0)+IF('Standard Profiles'!$G$21=$B$17,14,0)+IF('Standard Profiles'!$G$21=$B$24,21,0),MOD($C52,24)+1)/SUM(INDEX($D$3:$AA$30,INDEX(Jesper!$R$2:$R$366,ROW(INDEX(Jesper!AK$2:AK$366,ROUNDDOWN($C52/24,0)+1,1))-1)+IF('Standard Profiles'!$G$21=$B$10,7,0)+IF('Standard Profiles'!$G$21=$B$17,14,0)+IF('Standard Profiles'!$G$21=$B$24,21,0),0)),0)</f>
        <v>5.573306682046689</v>
      </c>
      <c r="H52" cm="1">
        <f t="array" ref="H52">IFERROR(INDEX(Jesper!AL$2:AL$366,ROUNDDOWN($C52/24,0)+1,1)*INDEX($D$3:$AA$30,INDEX(Jesper!$R$2:$R$366,ROW(INDEX(Jesper!AL$2:AL$366,ROUNDDOWN($C52/24,0)+1,1))-1)+IF('Standard Profiles'!$G$22=$B$10,7,0)+IF('Standard Profiles'!$G$22=$B$17,14,0)+IF('Standard Profiles'!$G$22=$B$24,21,0),MOD($C52,24)+1)/SUM(INDEX($D$3:$AA$30,INDEX(Jesper!$R$2:$R$366,ROW(INDEX(Jesper!AL$2:AL$366,ROUNDDOWN($C52/24,0)+1,1))-1)+IF('Standard Profiles'!$G$22=$B$10,7,0)+IF('Standard Profiles'!$G$22=$B$17,14,0)+IF('Standard Profiles'!$G$22=$B$24,21,0),0)),0)</f>
        <v>3.642037063784036</v>
      </c>
      <c r="I52">
        <f t="shared" si="20"/>
        <v>3.4963555812326765</v>
      </c>
      <c r="J52">
        <f t="shared" si="21"/>
        <v>13.412380519365238</v>
      </c>
      <c r="K52">
        <f t="shared" si="22"/>
        <v>0.36568396892328808</v>
      </c>
      <c r="L52">
        <f t="shared" si="23"/>
        <v>0.18284198446164404</v>
      </c>
      <c r="M52">
        <f t="shared" si="24"/>
        <v>0</v>
      </c>
      <c r="N52" s="45">
        <f t="shared" si="25"/>
        <v>44927.749999999956</v>
      </c>
      <c r="O52">
        <v>1.9253088037266539</v>
      </c>
      <c r="P52">
        <v>9.5132575093741494</v>
      </c>
      <c r="Q52">
        <v>0.30405920533814274</v>
      </c>
      <c r="R52">
        <v>0.15202960266907137</v>
      </c>
      <c r="S52">
        <v>0</v>
      </c>
      <c r="T52" s="45">
        <v>45060.749999992215</v>
      </c>
    </row>
    <row r="53" spans="2:33" x14ac:dyDescent="0.25">
      <c r="B53">
        <f t="shared" si="19"/>
        <v>7</v>
      </c>
      <c r="C53" s="16">
        <v>19</v>
      </c>
      <c r="D53" cm="1">
        <f t="array" ref="D53">IFERROR(INDEX(Jesper!AH$2:AH$366,ROUNDDOWN($C53/24,0)+1,1)*INDEX($D$3:$AA$30,INDEX(Jesper!$R$2:$R$366,ROW(INDEX(Jesper!AH$2:AH$366,ROUNDDOWN($C53/24,0)+1,1))-1)+IF('Standard Profiles'!$G$18=$B$10,7,0)+IF('Standard Profiles'!$G$18=$B$17,14,0)+IF('Standard Profiles'!$G$18=$B$24,21,0),MOD($C53,24)+1)/SUM(INDEX($D$3:$AA$30,INDEX(Jesper!$R$2:$R$366,ROW(INDEX(Jesper!AH$2:AH$366,ROUNDDOWN($C53/24,0)+1,1))-1)+IF('Standard Profiles'!$G$18=$B$10,7,0)+IF('Standard Profiles'!$G$18=$B$17,14,0)+IF('Standard Profiles'!$G$18=$B$24,21,0),0)),0)</f>
        <v>0</v>
      </c>
      <c r="E53" cm="1">
        <f t="array" ref="E53">IFERROR(INDEX(Jesper!AI$2:AI$366,ROUNDDOWN($C53/24,0)+1,1)*INDEX($D$3:$AA$30,INDEX(Jesper!$R$2:$R$366,ROW(INDEX(Jesper!AI$2:AI$366,ROUNDDOWN($C53/24,0)+1,1))-1)+IF('Standard Profiles'!$G$19=$B$10,7,0)+IF('Standard Profiles'!$G$19=$B$17,14,0)+IF('Standard Profiles'!$G$19=$B$24,21,0),MOD($C53,24)+1)/SUM(INDEX($D$3:$AA$30,INDEX(Jesper!$R$2:$R$366,ROW(INDEX(Jesper!AI$2:AI$366,ROUNDDOWN($C53/24,0)+1,1))-1)+IF('Standard Profiles'!$G$19=$B$10,7,0)+IF('Standard Profiles'!$G$19=$B$17,14,0)+IF('Standard Profiles'!$G$19=$B$24,21,0),0)),0)</f>
        <v>4.5710496115411008</v>
      </c>
      <c r="F53" cm="1">
        <f t="array" ref="F53">IFERROR(INDEX(Jesper!AJ$2:AJ$366,ROUNDDOWN($C53/24,0)+1,1)*INDEX($D$3:$AA$30,INDEX(Jesper!$R$2:$R$366,ROW(INDEX(Jesper!AJ$2:AJ$366,ROUNDDOWN($C53/24,0)+1,1))-1)+IF('Standard Profiles'!$G$20=$B$10,7,0)+IF('Standard Profiles'!$G$20=$B$17,14,0)+IF('Standard Profiles'!$G$20=$B$24,21,0),MOD($C53,24)+1)/SUM(INDEX($D$3:$AA$30,INDEX(Jesper!$R$2:$R$366,ROW(INDEX(Jesper!AJ$2:AJ$366,ROUNDDOWN($C53/24,0)+1,1))-1)+IF('Standard Profiles'!$G$20=$B$10,7,0)+IF('Standard Profiles'!$G$20=$B$17,14,0)+IF('Standard Profiles'!$G$20=$B$24,21,0),0)),0)</f>
        <v>3.6708686966110213</v>
      </c>
      <c r="G53" cm="1">
        <f t="array" ref="G53">IFERROR(INDEX(Jesper!AK$2:AK$366,ROUNDDOWN($C53/24,0)+1,1)*INDEX($D$3:$AA$30,INDEX(Jesper!$R$2:$R$366,ROW(INDEX(Jesper!AK$2:AK$366,ROUNDDOWN($C53/24,0)+1,1))-1)+IF('Standard Profiles'!$G$21=$B$10,7,0)+IF('Standard Profiles'!$G$21=$B$17,14,0)+IF('Standard Profiles'!$G$21=$B$24,21,0),MOD($C53,24)+1)/SUM(INDEX($D$3:$AA$30,INDEX(Jesper!$R$2:$R$366,ROW(INDEX(Jesper!AK$2:AK$366,ROUNDDOWN($C53/24,0)+1,1))-1)+IF('Standard Profiles'!$G$21=$B$10,7,0)+IF('Standard Profiles'!$G$21=$B$17,14,0)+IF('Standard Profiles'!$G$21=$B$24,21,0),0)),0)</f>
        <v>5.573306682046689</v>
      </c>
      <c r="H53" cm="1">
        <f t="array" ref="H53">IFERROR(INDEX(Jesper!AL$2:AL$366,ROUNDDOWN($C53/24,0)+1,1)*INDEX($D$3:$AA$30,INDEX(Jesper!$R$2:$R$366,ROW(INDEX(Jesper!AL$2:AL$366,ROUNDDOWN($C53/24,0)+1,1))-1)+IF('Standard Profiles'!$G$22=$B$10,7,0)+IF('Standard Profiles'!$G$22=$B$17,14,0)+IF('Standard Profiles'!$G$22=$B$24,21,0),MOD($C53,24)+1)/SUM(INDEX($D$3:$AA$30,INDEX(Jesper!$R$2:$R$366,ROW(INDEX(Jesper!AL$2:AL$366,ROUNDDOWN($C53/24,0)+1,1))-1)+IF('Standard Profiles'!$G$22=$B$10,7,0)+IF('Standard Profiles'!$G$22=$B$17,14,0)+IF('Standard Profiles'!$G$22=$B$24,21,0),0)),0)</f>
        <v>3.0626220763638488</v>
      </c>
      <c r="I53">
        <f t="shared" si="20"/>
        <v>2.9401171933092964</v>
      </c>
      <c r="J53">
        <f t="shared" si="21"/>
        <v>13.389203919868431</v>
      </c>
      <c r="K53">
        <f t="shared" si="22"/>
        <v>0.36568396892328808</v>
      </c>
      <c r="L53">
        <f t="shared" si="23"/>
        <v>0.18284198446164404</v>
      </c>
      <c r="M53">
        <f t="shared" si="24"/>
        <v>0</v>
      </c>
      <c r="N53" s="45">
        <f t="shared" si="25"/>
        <v>44927.791666666621</v>
      </c>
      <c r="O53">
        <v>1.6190096758610499</v>
      </c>
      <c r="P53">
        <v>9.5004950457130839</v>
      </c>
      <c r="Q53">
        <v>0.30405920533814274</v>
      </c>
      <c r="R53">
        <v>0.15202960266907137</v>
      </c>
      <c r="S53">
        <v>0</v>
      </c>
      <c r="T53" s="45">
        <v>45060.791666658879</v>
      </c>
    </row>
    <row r="54" spans="2:33" x14ac:dyDescent="0.25">
      <c r="B54">
        <f t="shared" si="19"/>
        <v>7</v>
      </c>
      <c r="C54" s="16">
        <v>20</v>
      </c>
      <c r="D54" cm="1">
        <f t="array" ref="D54">IFERROR(INDEX(Jesper!AH$2:AH$366,ROUNDDOWN($C54/24,0)+1,1)*INDEX($D$3:$AA$30,INDEX(Jesper!$R$2:$R$366,ROW(INDEX(Jesper!AH$2:AH$366,ROUNDDOWN($C54/24,0)+1,1))-1)+IF('Standard Profiles'!$G$18=$B$10,7,0)+IF('Standard Profiles'!$G$18=$B$17,14,0)+IF('Standard Profiles'!$G$18=$B$24,21,0),MOD($C54,24)+1)/SUM(INDEX($D$3:$AA$30,INDEX(Jesper!$R$2:$R$366,ROW(INDEX(Jesper!AH$2:AH$366,ROUNDDOWN($C54/24,0)+1,1))-1)+IF('Standard Profiles'!$G$18=$B$10,7,0)+IF('Standard Profiles'!$G$18=$B$17,14,0)+IF('Standard Profiles'!$G$18=$B$24,21,0),0)),0)</f>
        <v>0</v>
      </c>
      <c r="E54" cm="1">
        <f t="array" ref="E54">IFERROR(INDEX(Jesper!AI$2:AI$366,ROUNDDOWN($C54/24,0)+1,1)*INDEX($D$3:$AA$30,INDEX(Jesper!$R$2:$R$366,ROW(INDEX(Jesper!AI$2:AI$366,ROUNDDOWN($C54/24,0)+1,1))-1)+IF('Standard Profiles'!$G$19=$B$10,7,0)+IF('Standard Profiles'!$G$19=$B$17,14,0)+IF('Standard Profiles'!$G$19=$B$24,21,0),MOD($C54,24)+1)/SUM(INDEX($D$3:$AA$30,INDEX(Jesper!$R$2:$R$366,ROW(INDEX(Jesper!AI$2:AI$366,ROUNDDOWN($C54/24,0)+1,1))-1)+IF('Standard Profiles'!$G$19=$B$10,7,0)+IF('Standard Profiles'!$G$19=$B$17,14,0)+IF('Standard Profiles'!$G$19=$B$24,21,0),0)),0)</f>
        <v>4.5710496115411008</v>
      </c>
      <c r="F54" cm="1">
        <f t="array" ref="F54">IFERROR(INDEX(Jesper!AJ$2:AJ$366,ROUNDDOWN($C54/24,0)+1,1)*INDEX($D$3:$AA$30,INDEX(Jesper!$R$2:$R$366,ROW(INDEX(Jesper!AJ$2:AJ$366,ROUNDDOWN($C54/24,0)+1,1))-1)+IF('Standard Profiles'!$G$20=$B$10,7,0)+IF('Standard Profiles'!$G$20=$B$17,14,0)+IF('Standard Profiles'!$G$20=$B$24,21,0),MOD($C54,24)+1)/SUM(INDEX($D$3:$AA$30,INDEX(Jesper!$R$2:$R$366,ROW(INDEX(Jesper!AJ$2:AJ$366,ROUNDDOWN($C54/24,0)+1,1))-1)+IF('Standard Profiles'!$G$20=$B$10,7,0)+IF('Standard Profiles'!$G$20=$B$17,14,0)+IF('Standard Profiles'!$G$20=$B$24,21,0),0)),0)</f>
        <v>3.6708686966110213</v>
      </c>
      <c r="G54" cm="1">
        <f t="array" ref="G54">IFERROR(INDEX(Jesper!AK$2:AK$366,ROUNDDOWN($C54/24,0)+1,1)*INDEX($D$3:$AA$30,INDEX(Jesper!$R$2:$R$366,ROW(INDEX(Jesper!AK$2:AK$366,ROUNDDOWN($C54/24,0)+1,1))-1)+IF('Standard Profiles'!$G$21=$B$10,7,0)+IF('Standard Profiles'!$G$21=$B$17,14,0)+IF('Standard Profiles'!$G$21=$B$24,21,0),MOD($C54,24)+1)/SUM(INDEX($D$3:$AA$30,INDEX(Jesper!$R$2:$R$366,ROW(INDEX(Jesper!AK$2:AK$366,ROUNDDOWN($C54/24,0)+1,1))-1)+IF('Standard Profiles'!$G$21=$B$10,7,0)+IF('Standard Profiles'!$G$21=$B$17,14,0)+IF('Standard Profiles'!$G$21=$B$24,21,0),0)),0)</f>
        <v>5.573306682046689</v>
      </c>
      <c r="H54" cm="1">
        <f t="array" ref="H54">IFERROR(INDEX(Jesper!AL$2:AL$366,ROUNDDOWN($C54/24,0)+1,1)*INDEX($D$3:$AA$30,INDEX(Jesper!$R$2:$R$366,ROW(INDEX(Jesper!AL$2:AL$366,ROUNDDOWN($C54/24,0)+1,1))-1)+IF('Standard Profiles'!$G$22=$B$10,7,0)+IF('Standard Profiles'!$G$22=$B$17,14,0)+IF('Standard Profiles'!$G$22=$B$24,21,0),MOD($C54,24)+1)/SUM(INDEX($D$3:$AA$30,INDEX(Jesper!$R$2:$R$366,ROW(INDEX(Jesper!AL$2:AL$366,ROUNDDOWN($C54/24,0)+1,1))-1)+IF('Standard Profiles'!$G$22=$B$10,7,0)+IF('Standard Profiles'!$G$22=$B$17,14,0)+IF('Standard Profiles'!$G$22=$B$24,21,0),0)),0)</f>
        <v>2.5659806585751159</v>
      </c>
      <c r="I54">
        <f t="shared" si="20"/>
        <v>2.4633414322321125</v>
      </c>
      <c r="J54">
        <f t="shared" si="21"/>
        <v>13.369338263156882</v>
      </c>
      <c r="K54">
        <f t="shared" si="22"/>
        <v>0.36568396892328808</v>
      </c>
      <c r="L54">
        <f t="shared" si="23"/>
        <v>0.18284198446164404</v>
      </c>
      <c r="M54">
        <f t="shared" si="24"/>
        <v>0</v>
      </c>
      <c r="N54" s="45">
        <f t="shared" si="25"/>
        <v>44927.833333333285</v>
      </c>
      <c r="O54">
        <v>1.3564675662619605</v>
      </c>
      <c r="P54">
        <v>9.4895557911464543</v>
      </c>
      <c r="Q54">
        <v>0.30405920533814274</v>
      </c>
      <c r="R54">
        <v>0.15202960266907137</v>
      </c>
      <c r="S54">
        <v>0</v>
      </c>
      <c r="T54" s="45">
        <v>45060.833333325543</v>
      </c>
    </row>
    <row r="55" spans="2:33" x14ac:dyDescent="0.25">
      <c r="B55">
        <f t="shared" si="19"/>
        <v>7</v>
      </c>
      <c r="C55" s="16">
        <v>21</v>
      </c>
      <c r="D55" cm="1">
        <f t="array" ref="D55">IFERROR(INDEX(Jesper!AH$2:AH$366,ROUNDDOWN($C55/24,0)+1,1)*INDEX($D$3:$AA$30,INDEX(Jesper!$R$2:$R$366,ROW(INDEX(Jesper!AH$2:AH$366,ROUNDDOWN($C55/24,0)+1,1))-1)+IF('Standard Profiles'!$G$18=$B$10,7,0)+IF('Standard Profiles'!$G$18=$B$17,14,0)+IF('Standard Profiles'!$G$18=$B$24,21,0),MOD($C55,24)+1)/SUM(INDEX($D$3:$AA$30,INDEX(Jesper!$R$2:$R$366,ROW(INDEX(Jesper!AH$2:AH$366,ROUNDDOWN($C55/24,0)+1,1))-1)+IF('Standard Profiles'!$G$18=$B$10,7,0)+IF('Standard Profiles'!$G$18=$B$17,14,0)+IF('Standard Profiles'!$G$18=$B$24,21,0),0)),0)</f>
        <v>0</v>
      </c>
      <c r="E55" cm="1">
        <f t="array" ref="E55">IFERROR(INDEX(Jesper!AI$2:AI$366,ROUNDDOWN($C55/24,0)+1,1)*INDEX($D$3:$AA$30,INDEX(Jesper!$R$2:$R$366,ROW(INDEX(Jesper!AI$2:AI$366,ROUNDDOWN($C55/24,0)+1,1))-1)+IF('Standard Profiles'!$G$19=$B$10,7,0)+IF('Standard Profiles'!$G$19=$B$17,14,0)+IF('Standard Profiles'!$G$19=$B$24,21,0),MOD($C55,24)+1)/SUM(INDEX($D$3:$AA$30,INDEX(Jesper!$R$2:$R$366,ROW(INDEX(Jesper!AI$2:AI$366,ROUNDDOWN($C55/24,0)+1,1))-1)+IF('Standard Profiles'!$G$19=$B$10,7,0)+IF('Standard Profiles'!$G$19=$B$17,14,0)+IF('Standard Profiles'!$G$19=$B$24,21,0),0)),0)</f>
        <v>4.5710496115411008</v>
      </c>
      <c r="F55" cm="1">
        <f t="array" ref="F55">IFERROR(INDEX(Jesper!AJ$2:AJ$366,ROUNDDOWN($C55/24,0)+1,1)*INDEX($D$3:$AA$30,INDEX(Jesper!$R$2:$R$366,ROW(INDEX(Jesper!AJ$2:AJ$366,ROUNDDOWN($C55/24,0)+1,1))-1)+IF('Standard Profiles'!$G$20=$B$10,7,0)+IF('Standard Profiles'!$G$20=$B$17,14,0)+IF('Standard Profiles'!$G$20=$B$24,21,0),MOD($C55,24)+1)/SUM(INDEX($D$3:$AA$30,INDEX(Jesper!$R$2:$R$366,ROW(INDEX(Jesper!AJ$2:AJ$366,ROUNDDOWN($C55/24,0)+1,1))-1)+IF('Standard Profiles'!$G$20=$B$10,7,0)+IF('Standard Profiles'!$G$20=$B$17,14,0)+IF('Standard Profiles'!$G$20=$B$24,21,0),0)),0)</f>
        <v>3.6708686966110213</v>
      </c>
      <c r="G55" cm="1">
        <f t="array" ref="G55">IFERROR(INDEX(Jesper!AK$2:AK$366,ROUNDDOWN($C55/24,0)+1,1)*INDEX($D$3:$AA$30,INDEX(Jesper!$R$2:$R$366,ROW(INDEX(Jesper!AK$2:AK$366,ROUNDDOWN($C55/24,0)+1,1))-1)+IF('Standard Profiles'!$G$21=$B$10,7,0)+IF('Standard Profiles'!$G$21=$B$17,14,0)+IF('Standard Profiles'!$G$21=$B$24,21,0),MOD($C55,24)+1)/SUM(INDEX($D$3:$AA$30,INDEX(Jesper!$R$2:$R$366,ROW(INDEX(Jesper!AK$2:AK$366,ROUNDDOWN($C55/24,0)+1,1))-1)+IF('Standard Profiles'!$G$21=$B$10,7,0)+IF('Standard Profiles'!$G$21=$B$17,14,0)+IF('Standard Profiles'!$G$21=$B$24,21,0),0)),0)</f>
        <v>5.573306682046689</v>
      </c>
      <c r="H55" cm="1">
        <f t="array" ref="H55">IFERROR(INDEX(Jesper!AL$2:AL$366,ROUNDDOWN($C55/24,0)+1,1)*INDEX($D$3:$AA$30,INDEX(Jesper!$R$2:$R$366,ROW(INDEX(Jesper!AL$2:AL$366,ROUNDDOWN($C55/24,0)+1,1))-1)+IF('Standard Profiles'!$G$22=$B$10,7,0)+IF('Standard Profiles'!$G$22=$B$17,14,0)+IF('Standard Profiles'!$G$22=$B$24,21,0),MOD($C55,24)+1)/SUM(INDEX($D$3:$AA$30,INDEX(Jesper!$R$2:$R$366,ROW(INDEX(Jesper!AL$2:AL$366,ROUNDDOWN($C55/24,0)+1,1))-1)+IF('Standard Profiles'!$G$22=$B$10,7,0)+IF('Standard Profiles'!$G$22=$B$17,14,0)+IF('Standard Profiles'!$G$22=$B$24,21,0),0)),0)</f>
        <v>2.2348863800492951</v>
      </c>
      <c r="I55">
        <f t="shared" si="20"/>
        <v>2.1454909248473246</v>
      </c>
      <c r="J55">
        <f t="shared" si="21"/>
        <v>13.356094492015849</v>
      </c>
      <c r="K55">
        <f t="shared" si="22"/>
        <v>0.36568396892328808</v>
      </c>
      <c r="L55">
        <f t="shared" si="23"/>
        <v>0.18284198446164404</v>
      </c>
      <c r="M55">
        <f t="shared" si="24"/>
        <v>0</v>
      </c>
      <c r="N55" s="45">
        <f t="shared" si="25"/>
        <v>44927.874999999949</v>
      </c>
      <c r="O55">
        <v>1.1814394931959014</v>
      </c>
      <c r="P55">
        <v>9.4822629547687018</v>
      </c>
      <c r="Q55">
        <v>0.30405920533814274</v>
      </c>
      <c r="R55">
        <v>0.15202960266907137</v>
      </c>
      <c r="S55">
        <v>0</v>
      </c>
      <c r="T55" s="45">
        <v>45060.874999992207</v>
      </c>
    </row>
    <row r="56" spans="2:33" x14ac:dyDescent="0.25">
      <c r="B56">
        <f t="shared" si="19"/>
        <v>7</v>
      </c>
      <c r="C56" s="16">
        <v>22</v>
      </c>
      <c r="D56" cm="1">
        <f t="array" ref="D56">IFERROR(INDEX(Jesper!AH$2:AH$366,ROUNDDOWN($C56/24,0)+1,1)*INDEX($D$3:$AA$30,INDEX(Jesper!$R$2:$R$366,ROW(INDEX(Jesper!AH$2:AH$366,ROUNDDOWN($C56/24,0)+1,1))-1)+IF('Standard Profiles'!$G$18=$B$10,7,0)+IF('Standard Profiles'!$G$18=$B$17,14,0)+IF('Standard Profiles'!$G$18=$B$24,21,0),MOD($C56,24)+1)/SUM(INDEX($D$3:$AA$30,INDEX(Jesper!$R$2:$R$366,ROW(INDEX(Jesper!AH$2:AH$366,ROUNDDOWN($C56/24,0)+1,1))-1)+IF('Standard Profiles'!$G$18=$B$10,7,0)+IF('Standard Profiles'!$G$18=$B$17,14,0)+IF('Standard Profiles'!$G$18=$B$24,21,0),0)),0)</f>
        <v>0</v>
      </c>
      <c r="E56" cm="1">
        <f t="array" ref="E56">IFERROR(INDEX(Jesper!AI$2:AI$366,ROUNDDOWN($C56/24,0)+1,1)*INDEX($D$3:$AA$30,INDEX(Jesper!$R$2:$R$366,ROW(INDEX(Jesper!AI$2:AI$366,ROUNDDOWN($C56/24,0)+1,1))-1)+IF('Standard Profiles'!$G$19=$B$10,7,0)+IF('Standard Profiles'!$G$19=$B$17,14,0)+IF('Standard Profiles'!$G$19=$B$24,21,0),MOD($C56,24)+1)/SUM(INDEX($D$3:$AA$30,INDEX(Jesper!$R$2:$R$366,ROW(INDEX(Jesper!AI$2:AI$366,ROUNDDOWN($C56/24,0)+1,1))-1)+IF('Standard Profiles'!$G$19=$B$10,7,0)+IF('Standard Profiles'!$G$19=$B$17,14,0)+IF('Standard Profiles'!$G$19=$B$24,21,0),0)),0)</f>
        <v>4.5710496115411008</v>
      </c>
      <c r="F56" cm="1">
        <f t="array" ref="F56">IFERROR(INDEX(Jesper!AJ$2:AJ$366,ROUNDDOWN($C56/24,0)+1,1)*INDEX($D$3:$AA$30,INDEX(Jesper!$R$2:$R$366,ROW(INDEX(Jesper!AJ$2:AJ$366,ROUNDDOWN($C56/24,0)+1,1))-1)+IF('Standard Profiles'!$G$20=$B$10,7,0)+IF('Standard Profiles'!$G$20=$B$17,14,0)+IF('Standard Profiles'!$G$20=$B$24,21,0),MOD($C56,24)+1)/SUM(INDEX($D$3:$AA$30,INDEX(Jesper!$R$2:$R$366,ROW(INDEX(Jesper!AJ$2:AJ$366,ROUNDDOWN($C56/24,0)+1,1))-1)+IF('Standard Profiles'!$G$20=$B$10,7,0)+IF('Standard Profiles'!$G$20=$B$17,14,0)+IF('Standard Profiles'!$G$20=$B$24,21,0),0)),0)</f>
        <v>3.6708686966110213</v>
      </c>
      <c r="G56" cm="1">
        <f t="array" ref="G56">IFERROR(INDEX(Jesper!AK$2:AK$366,ROUNDDOWN($C56/24,0)+1,1)*INDEX($D$3:$AA$30,INDEX(Jesper!$R$2:$R$366,ROW(INDEX(Jesper!AK$2:AK$366,ROUNDDOWN($C56/24,0)+1,1))-1)+IF('Standard Profiles'!$G$21=$B$10,7,0)+IF('Standard Profiles'!$G$21=$B$17,14,0)+IF('Standard Profiles'!$G$21=$B$24,21,0),MOD($C56,24)+1)/SUM(INDEX($D$3:$AA$30,INDEX(Jesper!$R$2:$R$366,ROW(INDEX(Jesper!AK$2:AK$366,ROUNDDOWN($C56/24,0)+1,1))-1)+IF('Standard Profiles'!$G$21=$B$10,7,0)+IF('Standard Profiles'!$G$21=$B$17,14,0)+IF('Standard Profiles'!$G$21=$B$24,21,0),0)),0)</f>
        <v>5.573306682046689</v>
      </c>
      <c r="H56" cm="1">
        <f t="array" ref="H56">IFERROR(INDEX(Jesper!AL$2:AL$366,ROUNDDOWN($C56/24,0)+1,1)*INDEX($D$3:$AA$30,INDEX(Jesper!$R$2:$R$366,ROW(INDEX(Jesper!AL$2:AL$366,ROUNDDOWN($C56/24,0)+1,1))-1)+IF('Standard Profiles'!$G$22=$B$10,7,0)+IF('Standard Profiles'!$G$22=$B$17,14,0)+IF('Standard Profiles'!$G$22=$B$24,21,0),MOD($C56,24)+1)/SUM(INDEX($D$3:$AA$30,INDEX(Jesper!$R$2:$R$366,ROW(INDEX(Jesper!AL$2:AL$366,ROUNDDOWN($C56/24,0)+1,1))-1)+IF('Standard Profiles'!$G$22=$B$10,7,0)+IF('Standard Profiles'!$G$22=$B$17,14,0)+IF('Standard Profiles'!$G$22=$B$24,21,0),0)),0)</f>
        <v>2.2348863800492951</v>
      </c>
      <c r="I56">
        <f t="shared" si="20"/>
        <v>2.1454909248473246</v>
      </c>
      <c r="J56">
        <f t="shared" si="21"/>
        <v>13.356094492015849</v>
      </c>
      <c r="K56">
        <f t="shared" si="22"/>
        <v>0.36568396892328808</v>
      </c>
      <c r="L56">
        <f t="shared" si="23"/>
        <v>0.18284198446164404</v>
      </c>
      <c r="M56">
        <f t="shared" si="24"/>
        <v>0</v>
      </c>
      <c r="N56" s="45">
        <f t="shared" si="25"/>
        <v>44927.916666666613</v>
      </c>
      <c r="O56">
        <v>1.1814394931959014</v>
      </c>
      <c r="P56">
        <v>9.4822629547687018</v>
      </c>
      <c r="Q56">
        <v>0.30405920533814274</v>
      </c>
      <c r="R56">
        <v>0.15202960266907137</v>
      </c>
      <c r="S56">
        <v>0</v>
      </c>
      <c r="T56" s="45">
        <v>45060.916666658872</v>
      </c>
    </row>
    <row r="57" spans="2:33" x14ac:dyDescent="0.25">
      <c r="B57">
        <f t="shared" si="19"/>
        <v>7</v>
      </c>
      <c r="C57" s="16">
        <v>23</v>
      </c>
      <c r="D57" cm="1">
        <f t="array" ref="D57">IFERROR(INDEX(Jesper!AH$2:AH$366,ROUNDDOWN($C57/24,0)+1,1)*INDEX($D$3:$AA$30,INDEX(Jesper!$R$2:$R$366,ROW(INDEX(Jesper!AH$2:AH$366,ROUNDDOWN($C57/24,0)+1,1))-1)+IF('Standard Profiles'!$G$18=$B$10,7,0)+IF('Standard Profiles'!$G$18=$B$17,14,0)+IF('Standard Profiles'!$G$18=$B$24,21,0),MOD($C57,24)+1)/SUM(INDEX($D$3:$AA$30,INDEX(Jesper!$R$2:$R$366,ROW(INDEX(Jesper!AH$2:AH$366,ROUNDDOWN($C57/24,0)+1,1))-1)+IF('Standard Profiles'!$G$18=$B$10,7,0)+IF('Standard Profiles'!$G$18=$B$17,14,0)+IF('Standard Profiles'!$G$18=$B$24,21,0),0)),0)</f>
        <v>0</v>
      </c>
      <c r="E57" cm="1">
        <f t="array" ref="E57">IFERROR(INDEX(Jesper!AI$2:AI$366,ROUNDDOWN($C57/24,0)+1,1)*INDEX($D$3:$AA$30,INDEX(Jesper!$R$2:$R$366,ROW(INDEX(Jesper!AI$2:AI$366,ROUNDDOWN($C57/24,0)+1,1))-1)+IF('Standard Profiles'!$G$19=$B$10,7,0)+IF('Standard Profiles'!$G$19=$B$17,14,0)+IF('Standard Profiles'!$G$19=$B$24,21,0),MOD($C57,24)+1)/SUM(INDEX($D$3:$AA$30,INDEX(Jesper!$R$2:$R$366,ROW(INDEX(Jesper!AI$2:AI$366,ROUNDDOWN($C57/24,0)+1,1))-1)+IF('Standard Profiles'!$G$19=$B$10,7,0)+IF('Standard Profiles'!$G$19=$B$17,14,0)+IF('Standard Profiles'!$G$19=$B$24,21,0),0)),0)</f>
        <v>4.5710496115411008</v>
      </c>
      <c r="F57" cm="1">
        <f t="array" ref="F57">IFERROR(INDEX(Jesper!AJ$2:AJ$366,ROUNDDOWN($C57/24,0)+1,1)*INDEX($D$3:$AA$30,INDEX(Jesper!$R$2:$R$366,ROW(INDEX(Jesper!AJ$2:AJ$366,ROUNDDOWN($C57/24,0)+1,1))-1)+IF('Standard Profiles'!$G$20=$B$10,7,0)+IF('Standard Profiles'!$G$20=$B$17,14,0)+IF('Standard Profiles'!$G$20=$B$24,21,0),MOD($C57,24)+1)/SUM(INDEX($D$3:$AA$30,INDEX(Jesper!$R$2:$R$366,ROW(INDEX(Jesper!AJ$2:AJ$366,ROUNDDOWN($C57/24,0)+1,1))-1)+IF('Standard Profiles'!$G$20=$B$10,7,0)+IF('Standard Profiles'!$G$20=$B$17,14,0)+IF('Standard Profiles'!$G$20=$B$24,21,0),0)),0)</f>
        <v>3.6708686966110213</v>
      </c>
      <c r="G57" cm="1">
        <f t="array" ref="G57">IFERROR(INDEX(Jesper!AK$2:AK$366,ROUNDDOWN($C57/24,0)+1,1)*INDEX($D$3:$AA$30,INDEX(Jesper!$R$2:$R$366,ROW(INDEX(Jesper!AK$2:AK$366,ROUNDDOWN($C57/24,0)+1,1))-1)+IF('Standard Profiles'!$G$21=$B$10,7,0)+IF('Standard Profiles'!$G$21=$B$17,14,0)+IF('Standard Profiles'!$G$21=$B$24,21,0),MOD($C57,24)+1)/SUM(INDEX($D$3:$AA$30,INDEX(Jesper!$R$2:$R$366,ROW(INDEX(Jesper!AK$2:AK$366,ROUNDDOWN($C57/24,0)+1,1))-1)+IF('Standard Profiles'!$G$21=$B$10,7,0)+IF('Standard Profiles'!$G$21=$B$17,14,0)+IF('Standard Profiles'!$G$21=$B$24,21,0),0)),0)</f>
        <v>5.573306682046689</v>
      </c>
      <c r="H57" cm="1">
        <f t="array" ref="H57">IFERROR(INDEX(Jesper!AL$2:AL$366,ROUNDDOWN($C57/24,0)+1,1)*INDEX($D$3:$AA$30,INDEX(Jesper!$R$2:$R$366,ROW(INDEX(Jesper!AL$2:AL$366,ROUNDDOWN($C57/24,0)+1,1))-1)+IF('Standard Profiles'!$G$22=$B$10,7,0)+IF('Standard Profiles'!$G$22=$B$17,14,0)+IF('Standard Profiles'!$G$22=$B$24,21,0),MOD($C57,24)+1)/SUM(INDEX($D$3:$AA$30,INDEX(Jesper!$R$2:$R$366,ROW(INDEX(Jesper!AL$2:AL$366,ROUNDDOWN($C57/24,0)+1,1))-1)+IF('Standard Profiles'!$G$22=$B$10,7,0)+IF('Standard Profiles'!$G$22=$B$17,14,0)+IF('Standard Profiles'!$G$22=$B$24,21,0),0)),0)</f>
        <v>2.2348863800492951</v>
      </c>
      <c r="I57">
        <f t="shared" si="20"/>
        <v>2.1454909248473246</v>
      </c>
      <c r="J57">
        <f t="shared" si="21"/>
        <v>13.356094492015849</v>
      </c>
      <c r="K57">
        <f t="shared" si="22"/>
        <v>0.36568396892328808</v>
      </c>
      <c r="L57">
        <f t="shared" si="23"/>
        <v>0.18284198446164404</v>
      </c>
      <c r="M57">
        <f t="shared" si="24"/>
        <v>0</v>
      </c>
      <c r="N57" s="45">
        <f t="shared" si="25"/>
        <v>44927.958333333278</v>
      </c>
      <c r="O57">
        <v>1.1814394931959014</v>
      </c>
      <c r="P57">
        <v>9.4822629547687018</v>
      </c>
      <c r="Q57">
        <v>0.30405920533814274</v>
      </c>
      <c r="R57">
        <v>0.15202960266907137</v>
      </c>
      <c r="S57">
        <v>0</v>
      </c>
      <c r="T57" s="45">
        <v>45060.958333325536</v>
      </c>
    </row>
    <row r="58" spans="2:33" x14ac:dyDescent="0.25">
      <c r="B58">
        <f t="shared" si="19"/>
        <v>1</v>
      </c>
      <c r="C58" s="16">
        <v>24</v>
      </c>
      <c r="D58" cm="1">
        <f t="array" ref="D58">IFERROR(INDEX(Jesper!AH$2:AH$366,ROUNDDOWN($C58/24,0)+1,1)*INDEX($D$3:$AA$30,INDEX(Jesper!$R$2:$R$366,ROW(INDEX(Jesper!AH$2:AH$366,ROUNDDOWN($C58/24,0)+1,1))-1)+IF('Standard Profiles'!$G$18=$B$10,7,0)+IF('Standard Profiles'!$G$18=$B$17,14,0)+IF('Standard Profiles'!$G$18=$B$24,21,0),MOD($C58,24)+1)/SUM(INDEX($D$3:$AA$30,INDEX(Jesper!$R$2:$R$366,ROW(INDEX(Jesper!AH$2:AH$366,ROUNDDOWN($C58/24,0)+1,1))-1)+IF('Standard Profiles'!$G$18=$B$10,7,0)+IF('Standard Profiles'!$G$18=$B$17,14,0)+IF('Standard Profiles'!$G$18=$B$24,21,0),0)),0)</f>
        <v>5.7798254984364137</v>
      </c>
      <c r="E58" cm="1">
        <f t="array" ref="E58">IFERROR(INDEX(Jesper!AI$2:AI$366,ROUNDDOWN($C58/24,0)+1,1)*INDEX($D$3:$AA$30,INDEX(Jesper!$R$2:$R$366,ROW(INDEX(Jesper!AI$2:AI$366,ROUNDDOWN($C58/24,0)+1,1))-1)+IF('Standard Profiles'!$G$19=$B$10,7,0)+IF('Standard Profiles'!$G$19=$B$17,14,0)+IF('Standard Profiles'!$G$19=$B$24,21,0),MOD($C58,24)+1)/SUM(INDEX($D$3:$AA$30,INDEX(Jesper!$R$2:$R$366,ROW(INDEX(Jesper!AI$2:AI$366,ROUNDDOWN($C58/24,0)+1,1))-1)+IF('Standard Profiles'!$G$19=$B$10,7,0)+IF('Standard Profiles'!$G$19=$B$17,14,0)+IF('Standard Profiles'!$G$19=$B$24,21,0),0)),0)</f>
        <v>6.3102647100225351</v>
      </c>
      <c r="F58" cm="1">
        <f t="array" ref="F58">IFERROR(INDEX(Jesper!AJ$2:AJ$366,ROUNDDOWN($C58/24,0)+1,1)*INDEX($D$3:$AA$30,INDEX(Jesper!$R$2:$R$366,ROW(INDEX(Jesper!AJ$2:AJ$366,ROUNDDOWN($C58/24,0)+1,1))-1)+IF('Standard Profiles'!$G$20=$B$10,7,0)+IF('Standard Profiles'!$G$20=$B$17,14,0)+IF('Standard Profiles'!$G$20=$B$24,21,0),MOD($C58,24)+1)/SUM(INDEX($D$3:$AA$30,INDEX(Jesper!$R$2:$R$366,ROW(INDEX(Jesper!AJ$2:AJ$366,ROUNDDOWN($C58/24,0)+1,1))-1)+IF('Standard Profiles'!$G$20=$B$10,7,0)+IF('Standard Profiles'!$G$20=$B$17,14,0)+IF('Standard Profiles'!$G$20=$B$24,21,0),0)),0)</f>
        <v>0</v>
      </c>
      <c r="G58" cm="1">
        <f t="array" ref="G58">IFERROR(INDEX(Jesper!AK$2:AK$366,ROUNDDOWN($C58/24,0)+1,1)*INDEX($D$3:$AA$30,INDEX(Jesper!$R$2:$R$366,ROW(INDEX(Jesper!AK$2:AK$366,ROUNDDOWN($C58/24,0)+1,1))-1)+IF('Standard Profiles'!$G$21=$B$10,7,0)+IF('Standard Profiles'!$G$21=$B$17,14,0)+IF('Standard Profiles'!$G$21=$B$24,21,0),MOD($C58,24)+1)/SUM(INDEX($D$3:$AA$30,INDEX(Jesper!$R$2:$R$366,ROW(INDEX(Jesper!AK$2:AK$366,ROUNDDOWN($C58/24,0)+1,1))-1)+IF('Standard Profiles'!$G$21=$B$10,7,0)+IF('Standard Profiles'!$G$21=$B$17,14,0)+IF('Standard Profiles'!$G$21=$B$24,21,0),0)),0)</f>
        <v>4.8511615941282891</v>
      </c>
      <c r="H58" cm="1">
        <f t="array" ref="H58">IFERROR(INDEX(Jesper!AL$2:AL$366,ROUNDDOWN($C58/24,0)+1,1)*INDEX($D$3:$AA$30,INDEX(Jesper!$R$2:$R$366,ROW(INDEX(Jesper!AL$2:AL$366,ROUNDDOWN($C58/24,0)+1,1))-1)+IF('Standard Profiles'!$G$22=$B$10,7,0)+IF('Standard Profiles'!$G$22=$B$17,14,0)+IF('Standard Profiles'!$G$22=$B$24,21,0),MOD($C58,24)+1)/SUM(INDEX($D$3:$AA$30,INDEX(Jesper!$R$2:$R$366,ROW(INDEX(Jesper!AL$2:AL$366,ROUNDDOWN($C58/24,0)+1,1))-1)+IF('Standard Profiles'!$G$22=$B$10,7,0)+IF('Standard Profiles'!$G$22=$B$17,14,0)+IF('Standard Profiles'!$G$22=$B$24,21,0),0)),0)</f>
        <v>0</v>
      </c>
      <c r="I58">
        <f t="shared" si="20"/>
        <v>2.3285575651815775</v>
      </c>
      <c r="J58">
        <f t="shared" si="21"/>
        <v>13.687922157655834</v>
      </c>
      <c r="K58">
        <f t="shared" si="22"/>
        <v>0.61651471983321748</v>
      </c>
      <c r="L58">
        <f t="shared" si="23"/>
        <v>0.30825735991660874</v>
      </c>
      <c r="M58">
        <f t="shared" si="24"/>
        <v>0</v>
      </c>
      <c r="N58" s="45">
        <f t="shared" si="25"/>
        <v>44927.999999999942</v>
      </c>
      <c r="O58">
        <v>0.31497388802719317</v>
      </c>
      <c r="P58">
        <v>8.1985101134730218</v>
      </c>
      <c r="Q58">
        <v>0.57783023185323457</v>
      </c>
      <c r="R58">
        <v>0.28891511592661728</v>
      </c>
      <c r="S58">
        <v>0</v>
      </c>
      <c r="T58" s="45">
        <v>45060.9999999922</v>
      </c>
    </row>
    <row r="59" spans="2:33" x14ac:dyDescent="0.25">
      <c r="B59">
        <f t="shared" si="19"/>
        <v>1</v>
      </c>
      <c r="C59" s="16">
        <v>25</v>
      </c>
      <c r="D59" cm="1">
        <f t="array" ref="D59">IFERROR(INDEX(Jesper!AH$2:AH$366,ROUNDDOWN($C59/24,0)+1,1)*INDEX($D$3:$AA$30,INDEX(Jesper!$R$2:$R$366,ROW(INDEX(Jesper!AH$2:AH$366,ROUNDDOWN($C59/24,0)+1,1))-1)+IF('Standard Profiles'!$G$18=$B$10,7,0)+IF('Standard Profiles'!$G$18=$B$17,14,0)+IF('Standard Profiles'!$G$18=$B$24,21,0),MOD($C59,24)+1)/SUM(INDEX($D$3:$AA$30,INDEX(Jesper!$R$2:$R$366,ROW(INDEX(Jesper!AH$2:AH$366,ROUNDDOWN($C59/24,0)+1,1))-1)+IF('Standard Profiles'!$G$18=$B$10,7,0)+IF('Standard Profiles'!$G$18=$B$17,14,0)+IF('Standard Profiles'!$G$18=$B$24,21,0),0)),0)</f>
        <v>5.7798254984364137</v>
      </c>
      <c r="E59" cm="1">
        <f t="array" ref="E59">IFERROR(INDEX(Jesper!AI$2:AI$366,ROUNDDOWN($C59/24,0)+1,1)*INDEX($D$3:$AA$30,INDEX(Jesper!$R$2:$R$366,ROW(INDEX(Jesper!AI$2:AI$366,ROUNDDOWN($C59/24,0)+1,1))-1)+IF('Standard Profiles'!$G$19=$B$10,7,0)+IF('Standard Profiles'!$G$19=$B$17,14,0)+IF('Standard Profiles'!$G$19=$B$24,21,0),MOD($C59,24)+1)/SUM(INDEX($D$3:$AA$30,INDEX(Jesper!$R$2:$R$366,ROW(INDEX(Jesper!AI$2:AI$366,ROUNDDOWN($C59/24,0)+1,1))-1)+IF('Standard Profiles'!$G$19=$B$10,7,0)+IF('Standard Profiles'!$G$19=$B$17,14,0)+IF('Standard Profiles'!$G$19=$B$24,21,0),0)),0)</f>
        <v>6.3102647100225351</v>
      </c>
      <c r="F59" cm="1">
        <f t="array" ref="F59">IFERROR(INDEX(Jesper!AJ$2:AJ$366,ROUNDDOWN($C59/24,0)+1,1)*INDEX($D$3:$AA$30,INDEX(Jesper!$R$2:$R$366,ROW(INDEX(Jesper!AJ$2:AJ$366,ROUNDDOWN($C59/24,0)+1,1))-1)+IF('Standard Profiles'!$G$20=$B$10,7,0)+IF('Standard Profiles'!$G$20=$B$17,14,0)+IF('Standard Profiles'!$G$20=$B$24,21,0),MOD($C59,24)+1)/SUM(INDEX($D$3:$AA$30,INDEX(Jesper!$R$2:$R$366,ROW(INDEX(Jesper!AJ$2:AJ$366,ROUNDDOWN($C59/24,0)+1,1))-1)+IF('Standard Profiles'!$G$20=$B$10,7,0)+IF('Standard Profiles'!$G$20=$B$17,14,0)+IF('Standard Profiles'!$G$20=$B$24,21,0),0)),0)</f>
        <v>0</v>
      </c>
      <c r="G59" cm="1">
        <f t="array" ref="G59">IFERROR(INDEX(Jesper!AK$2:AK$366,ROUNDDOWN($C59/24,0)+1,1)*INDEX($D$3:$AA$30,INDEX(Jesper!$R$2:$R$366,ROW(INDEX(Jesper!AK$2:AK$366,ROUNDDOWN($C59/24,0)+1,1))-1)+IF('Standard Profiles'!$G$21=$B$10,7,0)+IF('Standard Profiles'!$G$21=$B$17,14,0)+IF('Standard Profiles'!$G$21=$B$24,21,0),MOD($C59,24)+1)/SUM(INDEX($D$3:$AA$30,INDEX(Jesper!$R$2:$R$366,ROW(INDEX(Jesper!AK$2:AK$366,ROUNDDOWN($C59/24,0)+1,1))-1)+IF('Standard Profiles'!$G$21=$B$10,7,0)+IF('Standard Profiles'!$G$21=$B$17,14,0)+IF('Standard Profiles'!$G$21=$B$24,21,0),0)),0)</f>
        <v>4.8511615941282891</v>
      </c>
      <c r="H59" cm="1">
        <f t="array" ref="H59">IFERROR(INDEX(Jesper!AL$2:AL$366,ROUNDDOWN($C59/24,0)+1,1)*INDEX($D$3:$AA$30,INDEX(Jesper!$R$2:$R$366,ROW(INDEX(Jesper!AL$2:AL$366,ROUNDDOWN($C59/24,0)+1,1))-1)+IF('Standard Profiles'!$G$22=$B$10,7,0)+IF('Standard Profiles'!$G$22=$B$17,14,0)+IF('Standard Profiles'!$G$22=$B$24,21,0),MOD($C59,24)+1)/SUM(INDEX($D$3:$AA$30,INDEX(Jesper!$R$2:$R$366,ROW(INDEX(Jesper!AL$2:AL$366,ROUNDDOWN($C59/24,0)+1,1))-1)+IF('Standard Profiles'!$G$22=$B$10,7,0)+IF('Standard Profiles'!$G$22=$B$17,14,0)+IF('Standard Profiles'!$G$22=$B$24,21,0),0)),0)</f>
        <v>0</v>
      </c>
      <c r="I59">
        <f t="shared" si="20"/>
        <v>2.3285575651815775</v>
      </c>
      <c r="J59">
        <f t="shared" si="21"/>
        <v>13.687922157655834</v>
      </c>
      <c r="K59">
        <f t="shared" si="22"/>
        <v>0.61651471983321748</v>
      </c>
      <c r="L59">
        <f t="shared" si="23"/>
        <v>0.30825735991660874</v>
      </c>
      <c r="M59">
        <f t="shared" si="24"/>
        <v>0</v>
      </c>
      <c r="N59" s="45">
        <f t="shared" si="25"/>
        <v>44928.041666666606</v>
      </c>
      <c r="O59">
        <v>0.31497388802719317</v>
      </c>
      <c r="P59">
        <v>8.1985101134730218</v>
      </c>
      <c r="Q59">
        <v>0.57783023185323457</v>
      </c>
      <c r="R59">
        <v>0.28891511592661728</v>
      </c>
      <c r="S59">
        <v>0</v>
      </c>
      <c r="T59" s="45">
        <v>45061.041666658864</v>
      </c>
    </row>
    <row r="60" spans="2:33" x14ac:dyDescent="0.25">
      <c r="B60">
        <f t="shared" si="19"/>
        <v>1</v>
      </c>
      <c r="C60" s="16">
        <v>26</v>
      </c>
      <c r="D60" cm="1">
        <f t="array" ref="D60">IFERROR(INDEX(Jesper!AH$2:AH$366,ROUNDDOWN($C60/24,0)+1,1)*INDEX($D$3:$AA$30,INDEX(Jesper!$R$2:$R$366,ROW(INDEX(Jesper!AH$2:AH$366,ROUNDDOWN($C60/24,0)+1,1))-1)+IF('Standard Profiles'!$G$18=$B$10,7,0)+IF('Standard Profiles'!$G$18=$B$17,14,0)+IF('Standard Profiles'!$G$18=$B$24,21,0),MOD($C60,24)+1)/SUM(INDEX($D$3:$AA$30,INDEX(Jesper!$R$2:$R$366,ROW(INDEX(Jesper!AH$2:AH$366,ROUNDDOWN($C60/24,0)+1,1))-1)+IF('Standard Profiles'!$G$18=$B$10,7,0)+IF('Standard Profiles'!$G$18=$B$17,14,0)+IF('Standard Profiles'!$G$18=$B$24,21,0),0)),0)</f>
        <v>5.7798254984364137</v>
      </c>
      <c r="E60" cm="1">
        <f t="array" ref="E60">IFERROR(INDEX(Jesper!AI$2:AI$366,ROUNDDOWN($C60/24,0)+1,1)*INDEX($D$3:$AA$30,INDEX(Jesper!$R$2:$R$366,ROW(INDEX(Jesper!AI$2:AI$366,ROUNDDOWN($C60/24,0)+1,1))-1)+IF('Standard Profiles'!$G$19=$B$10,7,0)+IF('Standard Profiles'!$G$19=$B$17,14,0)+IF('Standard Profiles'!$G$19=$B$24,21,0),MOD($C60,24)+1)/SUM(INDEX($D$3:$AA$30,INDEX(Jesper!$R$2:$R$366,ROW(INDEX(Jesper!AI$2:AI$366,ROUNDDOWN($C60/24,0)+1,1))-1)+IF('Standard Profiles'!$G$19=$B$10,7,0)+IF('Standard Profiles'!$G$19=$B$17,14,0)+IF('Standard Profiles'!$G$19=$B$24,21,0),0)),0)</f>
        <v>6.3102647100225351</v>
      </c>
      <c r="F60" cm="1">
        <f t="array" ref="F60">IFERROR(INDEX(Jesper!AJ$2:AJ$366,ROUNDDOWN($C60/24,0)+1,1)*INDEX($D$3:$AA$30,INDEX(Jesper!$R$2:$R$366,ROW(INDEX(Jesper!AJ$2:AJ$366,ROUNDDOWN($C60/24,0)+1,1))-1)+IF('Standard Profiles'!$G$20=$B$10,7,0)+IF('Standard Profiles'!$G$20=$B$17,14,0)+IF('Standard Profiles'!$G$20=$B$24,21,0),MOD($C60,24)+1)/SUM(INDEX($D$3:$AA$30,INDEX(Jesper!$R$2:$R$366,ROW(INDEX(Jesper!AJ$2:AJ$366,ROUNDDOWN($C60/24,0)+1,1))-1)+IF('Standard Profiles'!$G$20=$B$10,7,0)+IF('Standard Profiles'!$G$20=$B$17,14,0)+IF('Standard Profiles'!$G$20=$B$24,21,0),0)),0)</f>
        <v>0</v>
      </c>
      <c r="G60" cm="1">
        <f t="array" ref="G60">IFERROR(INDEX(Jesper!AK$2:AK$366,ROUNDDOWN($C60/24,0)+1,1)*INDEX($D$3:$AA$30,INDEX(Jesper!$R$2:$R$366,ROW(INDEX(Jesper!AK$2:AK$366,ROUNDDOWN($C60/24,0)+1,1))-1)+IF('Standard Profiles'!$G$21=$B$10,7,0)+IF('Standard Profiles'!$G$21=$B$17,14,0)+IF('Standard Profiles'!$G$21=$B$24,21,0),MOD($C60,24)+1)/SUM(INDEX($D$3:$AA$30,INDEX(Jesper!$R$2:$R$366,ROW(INDEX(Jesper!AK$2:AK$366,ROUNDDOWN($C60/24,0)+1,1))-1)+IF('Standard Profiles'!$G$21=$B$10,7,0)+IF('Standard Profiles'!$G$21=$B$17,14,0)+IF('Standard Profiles'!$G$21=$B$24,21,0),0)),0)</f>
        <v>4.8511615941282891</v>
      </c>
      <c r="H60" cm="1">
        <f t="array" ref="H60">IFERROR(INDEX(Jesper!AL$2:AL$366,ROUNDDOWN($C60/24,0)+1,1)*INDEX($D$3:$AA$30,INDEX(Jesper!$R$2:$R$366,ROW(INDEX(Jesper!AL$2:AL$366,ROUNDDOWN($C60/24,0)+1,1))-1)+IF('Standard Profiles'!$G$22=$B$10,7,0)+IF('Standard Profiles'!$G$22=$B$17,14,0)+IF('Standard Profiles'!$G$22=$B$24,21,0),MOD($C60,24)+1)/SUM(INDEX($D$3:$AA$30,INDEX(Jesper!$R$2:$R$366,ROW(INDEX(Jesper!AL$2:AL$366,ROUNDDOWN($C60/24,0)+1,1))-1)+IF('Standard Profiles'!$G$22=$B$10,7,0)+IF('Standard Profiles'!$G$22=$B$17,14,0)+IF('Standard Profiles'!$G$22=$B$24,21,0),0)),0)</f>
        <v>0</v>
      </c>
      <c r="I60">
        <f t="shared" si="20"/>
        <v>2.3285575651815775</v>
      </c>
      <c r="J60">
        <f t="shared" si="21"/>
        <v>13.687922157655834</v>
      </c>
      <c r="K60">
        <f t="shared" si="22"/>
        <v>0.61651471983321748</v>
      </c>
      <c r="L60">
        <f t="shared" si="23"/>
        <v>0.30825735991660874</v>
      </c>
      <c r="M60">
        <f t="shared" si="24"/>
        <v>0</v>
      </c>
      <c r="N60" s="45">
        <f t="shared" si="25"/>
        <v>44928.08333333327</v>
      </c>
      <c r="O60">
        <v>0.31497388802719317</v>
      </c>
      <c r="P60">
        <v>8.1985101134730218</v>
      </c>
      <c r="Q60">
        <v>0.57783023185323457</v>
      </c>
      <c r="R60">
        <v>0.28891511592661728</v>
      </c>
      <c r="S60">
        <v>0</v>
      </c>
      <c r="T60" s="45">
        <v>45061.083333325529</v>
      </c>
    </row>
    <row r="61" spans="2:33" x14ac:dyDescent="0.25">
      <c r="B61">
        <f t="shared" si="19"/>
        <v>1</v>
      </c>
      <c r="C61" s="16">
        <v>27</v>
      </c>
      <c r="D61" cm="1">
        <f t="array" ref="D61">IFERROR(INDEX(Jesper!AH$2:AH$366,ROUNDDOWN($C61/24,0)+1,1)*INDEX($D$3:$AA$30,INDEX(Jesper!$R$2:$R$366,ROW(INDEX(Jesper!AH$2:AH$366,ROUNDDOWN($C61/24,0)+1,1))-1)+IF('Standard Profiles'!$G$18=$B$10,7,0)+IF('Standard Profiles'!$G$18=$B$17,14,0)+IF('Standard Profiles'!$G$18=$B$24,21,0),MOD($C61,24)+1)/SUM(INDEX($D$3:$AA$30,INDEX(Jesper!$R$2:$R$366,ROW(INDEX(Jesper!AH$2:AH$366,ROUNDDOWN($C61/24,0)+1,1))-1)+IF('Standard Profiles'!$G$18=$B$10,7,0)+IF('Standard Profiles'!$G$18=$B$17,14,0)+IF('Standard Profiles'!$G$18=$B$24,21,0),0)),0)</f>
        <v>5.7798254984364137</v>
      </c>
      <c r="E61" cm="1">
        <f t="array" ref="E61">IFERROR(INDEX(Jesper!AI$2:AI$366,ROUNDDOWN($C61/24,0)+1,1)*INDEX($D$3:$AA$30,INDEX(Jesper!$R$2:$R$366,ROW(INDEX(Jesper!AI$2:AI$366,ROUNDDOWN($C61/24,0)+1,1))-1)+IF('Standard Profiles'!$G$19=$B$10,7,0)+IF('Standard Profiles'!$G$19=$B$17,14,0)+IF('Standard Profiles'!$G$19=$B$24,21,0),MOD($C61,24)+1)/SUM(INDEX($D$3:$AA$30,INDEX(Jesper!$R$2:$R$366,ROW(INDEX(Jesper!AI$2:AI$366,ROUNDDOWN($C61/24,0)+1,1))-1)+IF('Standard Profiles'!$G$19=$B$10,7,0)+IF('Standard Profiles'!$G$19=$B$17,14,0)+IF('Standard Profiles'!$G$19=$B$24,21,0),0)),0)</f>
        <v>6.3102647100225351</v>
      </c>
      <c r="F61" cm="1">
        <f t="array" ref="F61">IFERROR(INDEX(Jesper!AJ$2:AJ$366,ROUNDDOWN($C61/24,0)+1,1)*INDEX($D$3:$AA$30,INDEX(Jesper!$R$2:$R$366,ROW(INDEX(Jesper!AJ$2:AJ$366,ROUNDDOWN($C61/24,0)+1,1))-1)+IF('Standard Profiles'!$G$20=$B$10,7,0)+IF('Standard Profiles'!$G$20=$B$17,14,0)+IF('Standard Profiles'!$G$20=$B$24,21,0),MOD($C61,24)+1)/SUM(INDEX($D$3:$AA$30,INDEX(Jesper!$R$2:$R$366,ROW(INDEX(Jesper!AJ$2:AJ$366,ROUNDDOWN($C61/24,0)+1,1))-1)+IF('Standard Profiles'!$G$20=$B$10,7,0)+IF('Standard Profiles'!$G$20=$B$17,14,0)+IF('Standard Profiles'!$G$20=$B$24,21,0),0)),0)</f>
        <v>0</v>
      </c>
      <c r="G61" cm="1">
        <f t="array" ref="G61">IFERROR(INDEX(Jesper!AK$2:AK$366,ROUNDDOWN($C61/24,0)+1,1)*INDEX($D$3:$AA$30,INDEX(Jesper!$R$2:$R$366,ROW(INDEX(Jesper!AK$2:AK$366,ROUNDDOWN($C61/24,0)+1,1))-1)+IF('Standard Profiles'!$G$21=$B$10,7,0)+IF('Standard Profiles'!$G$21=$B$17,14,0)+IF('Standard Profiles'!$G$21=$B$24,21,0),MOD($C61,24)+1)/SUM(INDEX($D$3:$AA$30,INDEX(Jesper!$R$2:$R$366,ROW(INDEX(Jesper!AK$2:AK$366,ROUNDDOWN($C61/24,0)+1,1))-1)+IF('Standard Profiles'!$G$21=$B$10,7,0)+IF('Standard Profiles'!$G$21=$B$17,14,0)+IF('Standard Profiles'!$G$21=$B$24,21,0),0)),0)</f>
        <v>4.8511615941282891</v>
      </c>
      <c r="H61" cm="1">
        <f t="array" ref="H61">IFERROR(INDEX(Jesper!AL$2:AL$366,ROUNDDOWN($C61/24,0)+1,1)*INDEX($D$3:$AA$30,INDEX(Jesper!$R$2:$R$366,ROW(INDEX(Jesper!AL$2:AL$366,ROUNDDOWN($C61/24,0)+1,1))-1)+IF('Standard Profiles'!$G$22=$B$10,7,0)+IF('Standard Profiles'!$G$22=$B$17,14,0)+IF('Standard Profiles'!$G$22=$B$24,21,0),MOD($C61,24)+1)/SUM(INDEX($D$3:$AA$30,INDEX(Jesper!$R$2:$R$366,ROW(INDEX(Jesper!AL$2:AL$366,ROUNDDOWN($C61/24,0)+1,1))-1)+IF('Standard Profiles'!$G$22=$B$10,7,0)+IF('Standard Profiles'!$G$22=$B$17,14,0)+IF('Standard Profiles'!$G$22=$B$24,21,0),0)),0)</f>
        <v>0</v>
      </c>
      <c r="I61">
        <f t="shared" si="20"/>
        <v>2.3285575651815775</v>
      </c>
      <c r="J61">
        <f t="shared" si="21"/>
        <v>13.687922157655834</v>
      </c>
      <c r="K61">
        <f t="shared" si="22"/>
        <v>0.61651471983321748</v>
      </c>
      <c r="L61">
        <f t="shared" si="23"/>
        <v>0.30825735991660874</v>
      </c>
      <c r="M61">
        <f t="shared" si="24"/>
        <v>0</v>
      </c>
      <c r="N61" s="45">
        <f t="shared" si="25"/>
        <v>44928.124999999935</v>
      </c>
      <c r="O61">
        <v>0.31497388802719317</v>
      </c>
      <c r="P61">
        <v>8.1985101134730218</v>
      </c>
      <c r="Q61">
        <v>0.57783023185323457</v>
      </c>
      <c r="R61">
        <v>0.28891511592661728</v>
      </c>
      <c r="S61">
        <v>0</v>
      </c>
      <c r="T61" s="45">
        <v>45061.124999992193</v>
      </c>
    </row>
    <row r="62" spans="2:33" x14ac:dyDescent="0.25">
      <c r="B62">
        <f t="shared" si="19"/>
        <v>1</v>
      </c>
      <c r="C62" s="16">
        <v>28</v>
      </c>
      <c r="D62" cm="1">
        <f t="array" ref="D62">IFERROR(INDEX(Jesper!AH$2:AH$366,ROUNDDOWN($C62/24,0)+1,1)*INDEX($D$3:$AA$30,INDEX(Jesper!$R$2:$R$366,ROW(INDEX(Jesper!AH$2:AH$366,ROUNDDOWN($C62/24,0)+1,1))-1)+IF('Standard Profiles'!$G$18=$B$10,7,0)+IF('Standard Profiles'!$G$18=$B$17,14,0)+IF('Standard Profiles'!$G$18=$B$24,21,0),MOD($C62,24)+1)/SUM(INDEX($D$3:$AA$30,INDEX(Jesper!$R$2:$R$366,ROW(INDEX(Jesper!AH$2:AH$366,ROUNDDOWN($C62/24,0)+1,1))-1)+IF('Standard Profiles'!$G$18=$B$10,7,0)+IF('Standard Profiles'!$G$18=$B$17,14,0)+IF('Standard Profiles'!$G$18=$B$24,21,0),0)),0)</f>
        <v>5.7798254984364137</v>
      </c>
      <c r="E62" cm="1">
        <f t="array" ref="E62">IFERROR(INDEX(Jesper!AI$2:AI$366,ROUNDDOWN($C62/24,0)+1,1)*INDEX($D$3:$AA$30,INDEX(Jesper!$R$2:$R$366,ROW(INDEX(Jesper!AI$2:AI$366,ROUNDDOWN($C62/24,0)+1,1))-1)+IF('Standard Profiles'!$G$19=$B$10,7,0)+IF('Standard Profiles'!$G$19=$B$17,14,0)+IF('Standard Profiles'!$G$19=$B$24,21,0),MOD($C62,24)+1)/SUM(INDEX($D$3:$AA$30,INDEX(Jesper!$R$2:$R$366,ROW(INDEX(Jesper!AI$2:AI$366,ROUNDDOWN($C62/24,0)+1,1))-1)+IF('Standard Profiles'!$G$19=$B$10,7,0)+IF('Standard Profiles'!$G$19=$B$17,14,0)+IF('Standard Profiles'!$G$19=$B$24,21,0),0)),0)</f>
        <v>6.3102647100225351</v>
      </c>
      <c r="F62" cm="1">
        <f t="array" ref="F62">IFERROR(INDEX(Jesper!AJ$2:AJ$366,ROUNDDOWN($C62/24,0)+1,1)*INDEX($D$3:$AA$30,INDEX(Jesper!$R$2:$R$366,ROW(INDEX(Jesper!AJ$2:AJ$366,ROUNDDOWN($C62/24,0)+1,1))-1)+IF('Standard Profiles'!$G$20=$B$10,7,0)+IF('Standard Profiles'!$G$20=$B$17,14,0)+IF('Standard Profiles'!$G$20=$B$24,21,0),MOD($C62,24)+1)/SUM(INDEX($D$3:$AA$30,INDEX(Jesper!$R$2:$R$366,ROW(INDEX(Jesper!AJ$2:AJ$366,ROUNDDOWN($C62/24,0)+1,1))-1)+IF('Standard Profiles'!$G$20=$B$10,7,0)+IF('Standard Profiles'!$G$20=$B$17,14,0)+IF('Standard Profiles'!$G$20=$B$24,21,0),0)),0)</f>
        <v>0</v>
      </c>
      <c r="G62" cm="1">
        <f t="array" ref="G62">IFERROR(INDEX(Jesper!AK$2:AK$366,ROUNDDOWN($C62/24,0)+1,1)*INDEX($D$3:$AA$30,INDEX(Jesper!$R$2:$R$366,ROW(INDEX(Jesper!AK$2:AK$366,ROUNDDOWN($C62/24,0)+1,1))-1)+IF('Standard Profiles'!$G$21=$B$10,7,0)+IF('Standard Profiles'!$G$21=$B$17,14,0)+IF('Standard Profiles'!$G$21=$B$24,21,0),MOD($C62,24)+1)/SUM(INDEX($D$3:$AA$30,INDEX(Jesper!$R$2:$R$366,ROW(INDEX(Jesper!AK$2:AK$366,ROUNDDOWN($C62/24,0)+1,1))-1)+IF('Standard Profiles'!$G$21=$B$10,7,0)+IF('Standard Profiles'!$G$21=$B$17,14,0)+IF('Standard Profiles'!$G$21=$B$24,21,0),0)),0)</f>
        <v>4.8511615941282891</v>
      </c>
      <c r="H62" cm="1">
        <f t="array" ref="H62">IFERROR(INDEX(Jesper!AL$2:AL$366,ROUNDDOWN($C62/24,0)+1,1)*INDEX($D$3:$AA$30,INDEX(Jesper!$R$2:$R$366,ROW(INDEX(Jesper!AL$2:AL$366,ROUNDDOWN($C62/24,0)+1,1))-1)+IF('Standard Profiles'!$G$22=$B$10,7,0)+IF('Standard Profiles'!$G$22=$B$17,14,0)+IF('Standard Profiles'!$G$22=$B$24,21,0),MOD($C62,24)+1)/SUM(INDEX($D$3:$AA$30,INDEX(Jesper!$R$2:$R$366,ROW(INDEX(Jesper!AL$2:AL$366,ROUNDDOWN($C62/24,0)+1,1))-1)+IF('Standard Profiles'!$G$22=$B$10,7,0)+IF('Standard Profiles'!$G$22=$B$17,14,0)+IF('Standard Profiles'!$G$22=$B$24,21,0),0)),0)</f>
        <v>0</v>
      </c>
      <c r="I62">
        <f t="shared" si="20"/>
        <v>2.3285575651815775</v>
      </c>
      <c r="J62">
        <f t="shared" si="21"/>
        <v>13.687922157655834</v>
      </c>
      <c r="K62">
        <f t="shared" si="22"/>
        <v>0.61651471983321748</v>
      </c>
      <c r="L62">
        <f t="shared" si="23"/>
        <v>0.30825735991660874</v>
      </c>
      <c r="M62">
        <f t="shared" si="24"/>
        <v>0</v>
      </c>
      <c r="N62" s="45">
        <f t="shared" si="25"/>
        <v>44928.166666666599</v>
      </c>
      <c r="O62">
        <v>0.31497388802719317</v>
      </c>
      <c r="P62">
        <v>8.1985101134730218</v>
      </c>
      <c r="Q62">
        <v>0.57783023185323457</v>
      </c>
      <c r="R62">
        <v>0.28891511592661728</v>
      </c>
      <c r="S62">
        <v>0</v>
      </c>
      <c r="T62" s="45">
        <v>45061.166666658857</v>
      </c>
    </row>
    <row r="63" spans="2:33" x14ac:dyDescent="0.25">
      <c r="B63">
        <f t="shared" si="19"/>
        <v>1</v>
      </c>
      <c r="C63" s="16">
        <v>29</v>
      </c>
      <c r="D63" cm="1">
        <f t="array" ref="D63">IFERROR(INDEX(Jesper!AH$2:AH$366,ROUNDDOWN($C63/24,0)+1,1)*INDEX($D$3:$AA$30,INDEX(Jesper!$R$2:$R$366,ROW(INDEX(Jesper!AH$2:AH$366,ROUNDDOWN($C63/24,0)+1,1))-1)+IF('Standard Profiles'!$G$18=$B$10,7,0)+IF('Standard Profiles'!$G$18=$B$17,14,0)+IF('Standard Profiles'!$G$18=$B$24,21,0),MOD($C63,24)+1)/SUM(INDEX($D$3:$AA$30,INDEX(Jesper!$R$2:$R$366,ROW(INDEX(Jesper!AH$2:AH$366,ROUNDDOWN($C63/24,0)+1,1))-1)+IF('Standard Profiles'!$G$18=$B$10,7,0)+IF('Standard Profiles'!$G$18=$B$17,14,0)+IF('Standard Profiles'!$G$18=$B$24,21,0),0)),0)</f>
        <v>5.7798254984364137</v>
      </c>
      <c r="E63" cm="1">
        <f t="array" ref="E63">IFERROR(INDEX(Jesper!AI$2:AI$366,ROUNDDOWN($C63/24,0)+1,1)*INDEX($D$3:$AA$30,INDEX(Jesper!$R$2:$R$366,ROW(INDEX(Jesper!AI$2:AI$366,ROUNDDOWN($C63/24,0)+1,1))-1)+IF('Standard Profiles'!$G$19=$B$10,7,0)+IF('Standard Profiles'!$G$19=$B$17,14,0)+IF('Standard Profiles'!$G$19=$B$24,21,0),MOD($C63,24)+1)/SUM(INDEX($D$3:$AA$30,INDEX(Jesper!$R$2:$R$366,ROW(INDEX(Jesper!AI$2:AI$366,ROUNDDOWN($C63/24,0)+1,1))-1)+IF('Standard Profiles'!$G$19=$B$10,7,0)+IF('Standard Profiles'!$G$19=$B$17,14,0)+IF('Standard Profiles'!$G$19=$B$24,21,0),0)),0)</f>
        <v>6.3102647100225351</v>
      </c>
      <c r="F63" cm="1">
        <f t="array" ref="F63">IFERROR(INDEX(Jesper!AJ$2:AJ$366,ROUNDDOWN($C63/24,0)+1,1)*INDEX($D$3:$AA$30,INDEX(Jesper!$R$2:$R$366,ROW(INDEX(Jesper!AJ$2:AJ$366,ROUNDDOWN($C63/24,0)+1,1))-1)+IF('Standard Profiles'!$G$20=$B$10,7,0)+IF('Standard Profiles'!$G$20=$B$17,14,0)+IF('Standard Profiles'!$G$20=$B$24,21,0),MOD($C63,24)+1)/SUM(INDEX($D$3:$AA$30,INDEX(Jesper!$R$2:$R$366,ROW(INDEX(Jesper!AJ$2:AJ$366,ROUNDDOWN($C63/24,0)+1,1))-1)+IF('Standard Profiles'!$G$20=$B$10,7,0)+IF('Standard Profiles'!$G$20=$B$17,14,0)+IF('Standard Profiles'!$G$20=$B$24,21,0),0)),0)</f>
        <v>0</v>
      </c>
      <c r="G63" cm="1">
        <f t="array" ref="G63">IFERROR(INDEX(Jesper!AK$2:AK$366,ROUNDDOWN($C63/24,0)+1,1)*INDEX($D$3:$AA$30,INDEX(Jesper!$R$2:$R$366,ROW(INDEX(Jesper!AK$2:AK$366,ROUNDDOWN($C63/24,0)+1,1))-1)+IF('Standard Profiles'!$G$21=$B$10,7,0)+IF('Standard Profiles'!$G$21=$B$17,14,0)+IF('Standard Profiles'!$G$21=$B$24,21,0),MOD($C63,24)+1)/SUM(INDEX($D$3:$AA$30,INDEX(Jesper!$R$2:$R$366,ROW(INDEX(Jesper!AK$2:AK$366,ROUNDDOWN($C63/24,0)+1,1))-1)+IF('Standard Profiles'!$G$21=$B$10,7,0)+IF('Standard Profiles'!$G$21=$B$17,14,0)+IF('Standard Profiles'!$G$21=$B$24,21,0),0)),0)</f>
        <v>4.8511615941282891</v>
      </c>
      <c r="H63" cm="1">
        <f t="array" ref="H63">IFERROR(INDEX(Jesper!AL$2:AL$366,ROUNDDOWN($C63/24,0)+1,1)*INDEX($D$3:$AA$30,INDEX(Jesper!$R$2:$R$366,ROW(INDEX(Jesper!AL$2:AL$366,ROUNDDOWN($C63/24,0)+1,1))-1)+IF('Standard Profiles'!$G$22=$B$10,7,0)+IF('Standard Profiles'!$G$22=$B$17,14,0)+IF('Standard Profiles'!$G$22=$B$24,21,0),MOD($C63,24)+1)/SUM(INDEX($D$3:$AA$30,INDEX(Jesper!$R$2:$R$366,ROW(INDEX(Jesper!AL$2:AL$366,ROUNDDOWN($C63/24,0)+1,1))-1)+IF('Standard Profiles'!$G$22=$B$10,7,0)+IF('Standard Profiles'!$G$22=$B$17,14,0)+IF('Standard Profiles'!$G$22=$B$24,21,0),0)),0)</f>
        <v>0</v>
      </c>
      <c r="I63">
        <f t="shared" si="20"/>
        <v>2.3285575651815775</v>
      </c>
      <c r="J63">
        <f t="shared" si="21"/>
        <v>13.687922157655834</v>
      </c>
      <c r="K63">
        <f t="shared" si="22"/>
        <v>0.61651471983321748</v>
      </c>
      <c r="L63">
        <f t="shared" si="23"/>
        <v>0.30825735991660874</v>
      </c>
      <c r="M63">
        <f t="shared" si="24"/>
        <v>0</v>
      </c>
      <c r="N63" s="45">
        <f t="shared" si="25"/>
        <v>44928.208333333263</v>
      </c>
      <c r="O63">
        <v>0.31497388802719317</v>
      </c>
      <c r="P63">
        <v>8.1985101134730218</v>
      </c>
      <c r="Q63">
        <v>0.57783023185323457</v>
      </c>
      <c r="R63">
        <v>0.28891511592661728</v>
      </c>
      <c r="S63">
        <v>0</v>
      </c>
      <c r="T63" s="45">
        <v>45061.208333325521</v>
      </c>
    </row>
    <row r="64" spans="2:33" x14ac:dyDescent="0.25">
      <c r="B64">
        <f t="shared" si="19"/>
        <v>1</v>
      </c>
      <c r="C64" s="16">
        <v>30</v>
      </c>
      <c r="D64" cm="1">
        <f t="array" ref="D64">IFERROR(INDEX(Jesper!AH$2:AH$366,ROUNDDOWN($C64/24,0)+1,1)*INDEX($D$3:$AA$30,INDEX(Jesper!$R$2:$R$366,ROW(INDEX(Jesper!AH$2:AH$366,ROUNDDOWN($C64/24,0)+1,1))-1)+IF('Standard Profiles'!$G$18=$B$10,7,0)+IF('Standard Profiles'!$G$18=$B$17,14,0)+IF('Standard Profiles'!$G$18=$B$24,21,0),MOD($C64,24)+1)/SUM(INDEX($D$3:$AA$30,INDEX(Jesper!$R$2:$R$366,ROW(INDEX(Jesper!AH$2:AH$366,ROUNDDOWN($C64/24,0)+1,1))-1)+IF('Standard Profiles'!$G$18=$B$10,7,0)+IF('Standard Profiles'!$G$18=$B$17,14,0)+IF('Standard Profiles'!$G$18=$B$24,21,0),0)),0)</f>
        <v>5.7798254984364137</v>
      </c>
      <c r="E64" cm="1">
        <f t="array" ref="E64">IFERROR(INDEX(Jesper!AI$2:AI$366,ROUNDDOWN($C64/24,0)+1,1)*INDEX($D$3:$AA$30,INDEX(Jesper!$R$2:$R$366,ROW(INDEX(Jesper!AI$2:AI$366,ROUNDDOWN($C64/24,0)+1,1))-1)+IF('Standard Profiles'!$G$19=$B$10,7,0)+IF('Standard Profiles'!$G$19=$B$17,14,0)+IF('Standard Profiles'!$G$19=$B$24,21,0),MOD($C64,24)+1)/SUM(INDEX($D$3:$AA$30,INDEX(Jesper!$R$2:$R$366,ROW(INDEX(Jesper!AI$2:AI$366,ROUNDDOWN($C64/24,0)+1,1))-1)+IF('Standard Profiles'!$G$19=$B$10,7,0)+IF('Standard Profiles'!$G$19=$B$17,14,0)+IF('Standard Profiles'!$G$19=$B$24,21,0),0)),0)</f>
        <v>6.3102647100225351</v>
      </c>
      <c r="F64" cm="1">
        <f t="array" ref="F64">IFERROR(INDEX(Jesper!AJ$2:AJ$366,ROUNDDOWN($C64/24,0)+1,1)*INDEX($D$3:$AA$30,INDEX(Jesper!$R$2:$R$366,ROW(INDEX(Jesper!AJ$2:AJ$366,ROUNDDOWN($C64/24,0)+1,1))-1)+IF('Standard Profiles'!$G$20=$B$10,7,0)+IF('Standard Profiles'!$G$20=$B$17,14,0)+IF('Standard Profiles'!$G$20=$B$24,21,0),MOD($C64,24)+1)/SUM(INDEX($D$3:$AA$30,INDEX(Jesper!$R$2:$R$366,ROW(INDEX(Jesper!AJ$2:AJ$366,ROUNDDOWN($C64/24,0)+1,1))-1)+IF('Standard Profiles'!$G$20=$B$10,7,0)+IF('Standard Profiles'!$G$20=$B$17,14,0)+IF('Standard Profiles'!$G$20=$B$24,21,0),0)),0)</f>
        <v>0</v>
      </c>
      <c r="G64" cm="1">
        <f t="array" ref="G64">IFERROR(INDEX(Jesper!AK$2:AK$366,ROUNDDOWN($C64/24,0)+1,1)*INDEX($D$3:$AA$30,INDEX(Jesper!$R$2:$R$366,ROW(INDEX(Jesper!AK$2:AK$366,ROUNDDOWN($C64/24,0)+1,1))-1)+IF('Standard Profiles'!$G$21=$B$10,7,0)+IF('Standard Profiles'!$G$21=$B$17,14,0)+IF('Standard Profiles'!$G$21=$B$24,21,0),MOD($C64,24)+1)/SUM(INDEX($D$3:$AA$30,INDEX(Jesper!$R$2:$R$366,ROW(INDEX(Jesper!AK$2:AK$366,ROUNDDOWN($C64/24,0)+1,1))-1)+IF('Standard Profiles'!$G$21=$B$10,7,0)+IF('Standard Profiles'!$G$21=$B$17,14,0)+IF('Standard Profiles'!$G$21=$B$24,21,0),0)),0)</f>
        <v>4.8511615941282891</v>
      </c>
      <c r="H64" cm="1">
        <f t="array" ref="H64">IFERROR(INDEX(Jesper!AL$2:AL$366,ROUNDDOWN($C64/24,0)+1,1)*INDEX($D$3:$AA$30,INDEX(Jesper!$R$2:$R$366,ROW(INDEX(Jesper!AL$2:AL$366,ROUNDDOWN($C64/24,0)+1,1))-1)+IF('Standard Profiles'!$G$22=$B$10,7,0)+IF('Standard Profiles'!$G$22=$B$17,14,0)+IF('Standard Profiles'!$G$22=$B$24,21,0),MOD($C64,24)+1)/SUM(INDEX($D$3:$AA$30,INDEX(Jesper!$R$2:$R$366,ROW(INDEX(Jesper!AL$2:AL$366,ROUNDDOWN($C64/24,0)+1,1))-1)+IF('Standard Profiles'!$G$22=$B$10,7,0)+IF('Standard Profiles'!$G$22=$B$17,14,0)+IF('Standard Profiles'!$G$22=$B$24,21,0),0)),0)</f>
        <v>0</v>
      </c>
      <c r="I64">
        <f t="shared" si="20"/>
        <v>2.3285575651815775</v>
      </c>
      <c r="J64">
        <f t="shared" si="21"/>
        <v>13.687922157655834</v>
      </c>
      <c r="K64">
        <f t="shared" si="22"/>
        <v>0.61651471983321748</v>
      </c>
      <c r="L64">
        <f t="shared" si="23"/>
        <v>0.30825735991660874</v>
      </c>
      <c r="M64">
        <f t="shared" si="24"/>
        <v>0</v>
      </c>
      <c r="N64" s="45">
        <f t="shared" si="25"/>
        <v>44928.249999999927</v>
      </c>
      <c r="O64">
        <v>0.31497388802719317</v>
      </c>
      <c r="P64">
        <v>8.1985101134730218</v>
      </c>
      <c r="Q64">
        <v>0.57783023185323457</v>
      </c>
      <c r="R64">
        <v>0.28891511592661728</v>
      </c>
      <c r="S64">
        <v>0</v>
      </c>
      <c r="T64" s="45">
        <v>45061.249999992186</v>
      </c>
    </row>
    <row r="65" spans="2:21" x14ac:dyDescent="0.25">
      <c r="B65">
        <f t="shared" si="19"/>
        <v>1</v>
      </c>
      <c r="C65" s="16">
        <v>31</v>
      </c>
      <c r="D65" cm="1">
        <f t="array" ref="D65">IFERROR(INDEX(Jesper!AH$2:AH$366,ROUNDDOWN($C65/24,0)+1,1)*INDEX($D$3:$AA$30,INDEX(Jesper!$R$2:$R$366,ROW(INDEX(Jesper!AH$2:AH$366,ROUNDDOWN($C65/24,0)+1,1))-1)+IF('Standard Profiles'!$G$18=$B$10,7,0)+IF('Standard Profiles'!$G$18=$B$17,14,0)+IF('Standard Profiles'!$G$18=$B$24,21,0),MOD($C65,24)+1)/SUM(INDEX($D$3:$AA$30,INDEX(Jesper!$R$2:$R$366,ROW(INDEX(Jesper!AH$2:AH$366,ROUNDDOWN($C65/24,0)+1,1))-1)+IF('Standard Profiles'!$G$18=$B$10,7,0)+IF('Standard Profiles'!$G$18=$B$17,14,0)+IF('Standard Profiles'!$G$18=$B$24,21,0),0)),0)</f>
        <v>24.622056623339123</v>
      </c>
      <c r="E65" cm="1">
        <f t="array" ref="E65">IFERROR(INDEX(Jesper!AI$2:AI$366,ROUNDDOWN($C65/24,0)+1,1)*INDEX($D$3:$AA$30,INDEX(Jesper!$R$2:$R$366,ROW(INDEX(Jesper!AI$2:AI$366,ROUNDDOWN($C65/24,0)+1,1))-1)+IF('Standard Profiles'!$G$19=$B$10,7,0)+IF('Standard Profiles'!$G$19=$B$17,14,0)+IF('Standard Profiles'!$G$19=$B$24,21,0),MOD($C65,24)+1)/SUM(INDEX($D$3:$AA$30,INDEX(Jesper!$R$2:$R$366,ROW(INDEX(Jesper!AI$2:AI$366,ROUNDDOWN($C65/24,0)+1,1))-1)+IF('Standard Profiles'!$G$19=$B$10,7,0)+IF('Standard Profiles'!$G$19=$B$17,14,0)+IF('Standard Profiles'!$G$19=$B$24,21,0),0)),0)</f>
        <v>26.881727664695998</v>
      </c>
      <c r="F65" cm="1">
        <f t="array" ref="F65">IFERROR(INDEX(Jesper!AJ$2:AJ$366,ROUNDDOWN($C65/24,0)+1,1)*INDEX($D$3:$AA$30,INDEX(Jesper!$R$2:$R$366,ROW(INDEX(Jesper!AJ$2:AJ$366,ROUNDDOWN($C65/24,0)+1,1))-1)+IF('Standard Profiles'!$G$20=$B$10,7,0)+IF('Standard Profiles'!$G$20=$B$17,14,0)+IF('Standard Profiles'!$G$20=$B$24,21,0),MOD($C65,24)+1)/SUM(INDEX($D$3:$AA$30,INDEX(Jesper!$R$2:$R$366,ROW(INDEX(Jesper!AJ$2:AJ$366,ROUNDDOWN($C65/24,0)+1,1))-1)+IF('Standard Profiles'!$G$20=$B$10,7,0)+IF('Standard Profiles'!$G$20=$B$17,14,0)+IF('Standard Profiles'!$G$20=$B$24,21,0),0)),0)</f>
        <v>0</v>
      </c>
      <c r="G65" cm="1">
        <f t="array" ref="G65">IFERROR(INDEX(Jesper!AK$2:AK$366,ROUNDDOWN($C65/24,0)+1,1)*INDEX($D$3:$AA$30,INDEX(Jesper!$R$2:$R$366,ROW(INDEX(Jesper!AK$2:AK$366,ROUNDDOWN($C65/24,0)+1,1))-1)+IF('Standard Profiles'!$G$21=$B$10,7,0)+IF('Standard Profiles'!$G$21=$B$17,14,0)+IF('Standard Profiles'!$G$21=$B$24,21,0),MOD($C65,24)+1)/SUM(INDEX($D$3:$AA$30,INDEX(Jesper!$R$2:$R$366,ROW(INDEX(Jesper!AK$2:AK$366,ROUNDDOWN($C65/24,0)+1,1))-1)+IF('Standard Profiles'!$G$21=$B$10,7,0)+IF('Standard Profiles'!$G$21=$B$17,14,0)+IF('Standard Profiles'!$G$21=$B$24,21,0),0)),0)</f>
        <v>21.102552934458053</v>
      </c>
      <c r="H65" cm="1">
        <f t="array" ref="H65">IFERROR(INDEX(Jesper!AL$2:AL$366,ROUNDDOWN($C65/24,0)+1,1)*INDEX($D$3:$AA$30,INDEX(Jesper!$R$2:$R$366,ROW(INDEX(Jesper!AL$2:AL$366,ROUNDDOWN($C65/24,0)+1,1))-1)+IF('Standard Profiles'!$G$22=$B$10,7,0)+IF('Standard Profiles'!$G$22=$B$17,14,0)+IF('Standard Profiles'!$G$22=$B$24,21,0),MOD($C65,24)+1)/SUM(INDEX($D$3:$AA$30,INDEX(Jesper!$R$2:$R$366,ROW(INDEX(Jesper!AL$2:AL$366,ROUNDDOWN($C65/24,0)+1,1))-1)+IF('Standard Profiles'!$G$22=$B$10,7,0)+IF('Standard Profiles'!$G$22=$B$17,14,0)+IF('Standard Profiles'!$G$22=$B$24,21,0),0)),0)</f>
        <v>0</v>
      </c>
      <c r="I65">
        <f t="shared" si="20"/>
        <v>10.129225408539861</v>
      </c>
      <c r="J65">
        <f t="shared" si="21"/>
        <v>58.537582754219059</v>
      </c>
      <c r="K65">
        <f t="shared" si="22"/>
        <v>2.6263527064895067</v>
      </c>
      <c r="L65">
        <f t="shared" si="23"/>
        <v>1.3131763532447533</v>
      </c>
      <c r="M65">
        <f t="shared" si="24"/>
        <v>0</v>
      </c>
      <c r="N65" s="45">
        <f t="shared" si="25"/>
        <v>44928.291666666591</v>
      </c>
      <c r="O65">
        <v>1.3701364129182902</v>
      </c>
      <c r="P65">
        <v>34.956363037477715</v>
      </c>
      <c r="Q65">
        <v>2.461556787694779</v>
      </c>
      <c r="R65">
        <v>1.2307783938473895</v>
      </c>
      <c r="S65">
        <v>0</v>
      </c>
      <c r="T65" s="45">
        <v>45061.29166665885</v>
      </c>
    </row>
    <row r="66" spans="2:21" x14ac:dyDescent="0.25">
      <c r="B66">
        <f t="shared" si="19"/>
        <v>1</v>
      </c>
      <c r="C66" s="16">
        <v>32</v>
      </c>
      <c r="D66" cm="1">
        <f t="array" ref="D66">IFERROR(INDEX(Jesper!AH$2:AH$366,ROUNDDOWN($C66/24,0)+1,1)*INDEX($D$3:$AA$30,INDEX(Jesper!$R$2:$R$366,ROW(INDEX(Jesper!AH$2:AH$366,ROUNDDOWN($C66/24,0)+1,1))-1)+IF('Standard Profiles'!$G$18=$B$10,7,0)+IF('Standard Profiles'!$G$18=$B$17,14,0)+IF('Standard Profiles'!$G$18=$B$24,21,0),MOD($C66,24)+1)/SUM(INDEX($D$3:$AA$30,INDEX(Jesper!$R$2:$R$366,ROW(INDEX(Jesper!AH$2:AH$366,ROUNDDOWN($C66/24,0)+1,1))-1)+IF('Standard Profiles'!$G$18=$B$10,7,0)+IF('Standard Profiles'!$G$18=$B$17,14,0)+IF('Standard Profiles'!$G$18=$B$24,21,0),0)),0)</f>
        <v>27.699813701256513</v>
      </c>
      <c r="E66" cm="1">
        <f t="array" ref="E66">IFERROR(INDEX(Jesper!AI$2:AI$366,ROUNDDOWN($C66/24,0)+1,1)*INDEX($D$3:$AA$30,INDEX(Jesper!$R$2:$R$366,ROW(INDEX(Jesper!AI$2:AI$366,ROUNDDOWN($C66/24,0)+1,1))-1)+IF('Standard Profiles'!$G$19=$B$10,7,0)+IF('Standard Profiles'!$G$19=$B$17,14,0)+IF('Standard Profiles'!$G$19=$B$24,21,0),MOD($C66,24)+1)/SUM(INDEX($D$3:$AA$30,INDEX(Jesper!$R$2:$R$366,ROW(INDEX(Jesper!AI$2:AI$366,ROUNDDOWN($C66/24,0)+1,1))-1)+IF('Standard Profiles'!$G$19=$B$10,7,0)+IF('Standard Profiles'!$G$19=$B$17,14,0)+IF('Standard Profiles'!$G$19=$B$24,21,0),0)),0)</f>
        <v>30.241943622782994</v>
      </c>
      <c r="F66" cm="1">
        <f t="array" ref="F66">IFERROR(INDEX(Jesper!AJ$2:AJ$366,ROUNDDOWN($C66/24,0)+1,1)*INDEX($D$3:$AA$30,INDEX(Jesper!$R$2:$R$366,ROW(INDEX(Jesper!AJ$2:AJ$366,ROUNDDOWN($C66/24,0)+1,1))-1)+IF('Standard Profiles'!$G$20=$B$10,7,0)+IF('Standard Profiles'!$G$20=$B$17,14,0)+IF('Standard Profiles'!$G$20=$B$24,21,0),MOD($C66,24)+1)/SUM(INDEX($D$3:$AA$30,INDEX(Jesper!$R$2:$R$366,ROW(INDEX(Jesper!AJ$2:AJ$366,ROUNDDOWN($C66/24,0)+1,1))-1)+IF('Standard Profiles'!$G$20=$B$10,7,0)+IF('Standard Profiles'!$G$20=$B$17,14,0)+IF('Standard Profiles'!$G$20=$B$24,21,0),0)),0)</f>
        <v>0</v>
      </c>
      <c r="G66" cm="1">
        <f t="array" ref="G66">IFERROR(INDEX(Jesper!AK$2:AK$366,ROUNDDOWN($C66/24,0)+1,1)*INDEX($D$3:$AA$30,INDEX(Jesper!$R$2:$R$366,ROW(INDEX(Jesper!AK$2:AK$366,ROUNDDOWN($C66/24,0)+1,1))-1)+IF('Standard Profiles'!$G$21=$B$10,7,0)+IF('Standard Profiles'!$G$21=$B$17,14,0)+IF('Standard Profiles'!$G$21=$B$24,21,0),MOD($C66,24)+1)/SUM(INDEX($D$3:$AA$30,INDEX(Jesper!$R$2:$R$366,ROW(INDEX(Jesper!AK$2:AK$366,ROUNDDOWN($C66/24,0)+1,1))-1)+IF('Standard Profiles'!$G$21=$B$10,7,0)+IF('Standard Profiles'!$G$21=$B$17,14,0)+IF('Standard Profiles'!$G$21=$B$24,21,0),0)),0)</f>
        <v>23.740372051265311</v>
      </c>
      <c r="H66" cm="1">
        <f t="array" ref="H66">IFERROR(INDEX(Jesper!AL$2:AL$366,ROUNDDOWN($C66/24,0)+1,1)*INDEX($D$3:$AA$30,INDEX(Jesper!$R$2:$R$366,ROW(INDEX(Jesper!AL$2:AL$366,ROUNDDOWN($C66/24,0)+1,1))-1)+IF('Standard Profiles'!$G$22=$B$10,7,0)+IF('Standard Profiles'!$G$22=$B$17,14,0)+IF('Standard Profiles'!$G$22=$B$24,21,0),MOD($C66,24)+1)/SUM(INDEX($D$3:$AA$30,INDEX(Jesper!$R$2:$R$366,ROW(INDEX(Jesper!AL$2:AL$366,ROUNDDOWN($C66/24,0)+1,1))-1)+IF('Standard Profiles'!$G$22=$B$10,7,0)+IF('Standard Profiles'!$G$22=$B$17,14,0)+IF('Standard Profiles'!$G$22=$B$24,21,0),0)),0)</f>
        <v>0</v>
      </c>
      <c r="I66">
        <f t="shared" si="20"/>
        <v>11.395378584607343</v>
      </c>
      <c r="J66">
        <f t="shared" si="21"/>
        <v>65.854780598496433</v>
      </c>
      <c r="K66">
        <f t="shared" si="22"/>
        <v>2.9546467948006949</v>
      </c>
      <c r="L66">
        <f t="shared" si="23"/>
        <v>1.4773233974003475</v>
      </c>
      <c r="M66">
        <f t="shared" si="24"/>
        <v>0</v>
      </c>
      <c r="N66" s="45">
        <f t="shared" si="25"/>
        <v>44928.333333333256</v>
      </c>
      <c r="O66">
        <v>1.5414034645330763</v>
      </c>
      <c r="P66">
        <v>39.325908417162438</v>
      </c>
      <c r="Q66">
        <v>2.7692513861566264</v>
      </c>
      <c r="R66">
        <v>1.3846256930783132</v>
      </c>
      <c r="S66">
        <v>0</v>
      </c>
      <c r="T66" s="45">
        <v>45061.333333325514</v>
      </c>
    </row>
    <row r="67" spans="2:21" x14ac:dyDescent="0.25">
      <c r="B67">
        <f t="shared" si="19"/>
        <v>1</v>
      </c>
      <c r="C67" s="16">
        <v>33</v>
      </c>
      <c r="D67" cm="1">
        <f t="array" ref="D67">IFERROR(INDEX(Jesper!AH$2:AH$366,ROUNDDOWN($C67/24,0)+1,1)*INDEX($D$3:$AA$30,INDEX(Jesper!$R$2:$R$366,ROW(INDEX(Jesper!AH$2:AH$366,ROUNDDOWN($C67/24,0)+1,1))-1)+IF('Standard Profiles'!$G$18=$B$10,7,0)+IF('Standard Profiles'!$G$18=$B$17,14,0)+IF('Standard Profiles'!$G$18=$B$24,21,0),MOD($C67,24)+1)/SUM(INDEX($D$3:$AA$30,INDEX(Jesper!$R$2:$R$366,ROW(INDEX(Jesper!AH$2:AH$366,ROUNDDOWN($C67/24,0)+1,1))-1)+IF('Standard Profiles'!$G$18=$B$10,7,0)+IF('Standard Profiles'!$G$18=$B$17,14,0)+IF('Standard Profiles'!$G$18=$B$24,21,0),0)),0)</f>
        <v>30.777570779173903</v>
      </c>
      <c r="E67" cm="1">
        <f t="array" ref="E67">IFERROR(INDEX(Jesper!AI$2:AI$366,ROUNDDOWN($C67/24,0)+1,1)*INDEX($D$3:$AA$30,INDEX(Jesper!$R$2:$R$366,ROW(INDEX(Jesper!AI$2:AI$366,ROUNDDOWN($C67/24,0)+1,1))-1)+IF('Standard Profiles'!$G$19=$B$10,7,0)+IF('Standard Profiles'!$G$19=$B$17,14,0)+IF('Standard Profiles'!$G$19=$B$24,21,0),MOD($C67,24)+1)/SUM(INDEX($D$3:$AA$30,INDEX(Jesper!$R$2:$R$366,ROW(INDEX(Jesper!AI$2:AI$366,ROUNDDOWN($C67/24,0)+1,1))-1)+IF('Standard Profiles'!$G$19=$B$10,7,0)+IF('Standard Profiles'!$G$19=$B$17,14,0)+IF('Standard Profiles'!$G$19=$B$24,21,0),0)),0)</f>
        <v>33.602159580869994</v>
      </c>
      <c r="F67" cm="1">
        <f t="array" ref="F67">IFERROR(INDEX(Jesper!AJ$2:AJ$366,ROUNDDOWN($C67/24,0)+1,1)*INDEX($D$3:$AA$30,INDEX(Jesper!$R$2:$R$366,ROW(INDEX(Jesper!AJ$2:AJ$366,ROUNDDOWN($C67/24,0)+1,1))-1)+IF('Standard Profiles'!$G$20=$B$10,7,0)+IF('Standard Profiles'!$G$20=$B$17,14,0)+IF('Standard Profiles'!$G$20=$B$24,21,0),MOD($C67,24)+1)/SUM(INDEX($D$3:$AA$30,INDEX(Jesper!$R$2:$R$366,ROW(INDEX(Jesper!AJ$2:AJ$366,ROUNDDOWN($C67/24,0)+1,1))-1)+IF('Standard Profiles'!$G$20=$B$10,7,0)+IF('Standard Profiles'!$G$20=$B$17,14,0)+IF('Standard Profiles'!$G$20=$B$24,21,0),0)),0)</f>
        <v>0</v>
      </c>
      <c r="G67" cm="1">
        <f t="array" ref="G67">IFERROR(INDEX(Jesper!AK$2:AK$366,ROUNDDOWN($C67/24,0)+1,1)*INDEX($D$3:$AA$30,INDEX(Jesper!$R$2:$R$366,ROW(INDEX(Jesper!AK$2:AK$366,ROUNDDOWN($C67/24,0)+1,1))-1)+IF('Standard Profiles'!$G$21=$B$10,7,0)+IF('Standard Profiles'!$G$21=$B$17,14,0)+IF('Standard Profiles'!$G$21=$B$24,21,0),MOD($C67,24)+1)/SUM(INDEX($D$3:$AA$30,INDEX(Jesper!$R$2:$R$366,ROW(INDEX(Jesper!AK$2:AK$366,ROUNDDOWN($C67/24,0)+1,1))-1)+IF('Standard Profiles'!$G$21=$B$10,7,0)+IF('Standard Profiles'!$G$21=$B$17,14,0)+IF('Standard Profiles'!$G$21=$B$24,21,0),0)),0)</f>
        <v>26.378191168072565</v>
      </c>
      <c r="H67" cm="1">
        <f t="array" ref="H67">IFERROR(INDEX(Jesper!AL$2:AL$366,ROUNDDOWN($C67/24,0)+1,1)*INDEX($D$3:$AA$30,INDEX(Jesper!$R$2:$R$366,ROW(INDEX(Jesper!AL$2:AL$366,ROUNDDOWN($C67/24,0)+1,1))-1)+IF('Standard Profiles'!$G$22=$B$10,7,0)+IF('Standard Profiles'!$G$22=$B$17,14,0)+IF('Standard Profiles'!$G$22=$B$24,21,0),MOD($C67,24)+1)/SUM(INDEX($D$3:$AA$30,INDEX(Jesper!$R$2:$R$366,ROW(INDEX(Jesper!AL$2:AL$366,ROUNDDOWN($C67/24,0)+1,1))-1)+IF('Standard Profiles'!$G$22=$B$10,7,0)+IF('Standard Profiles'!$G$22=$B$17,14,0)+IF('Standard Profiles'!$G$22=$B$24,21,0),0)),0)</f>
        <v>0</v>
      </c>
      <c r="I67">
        <f t="shared" si="20"/>
        <v>12.661531760674825</v>
      </c>
      <c r="J67">
        <f t="shared" si="21"/>
        <v>73.171978442773806</v>
      </c>
      <c r="K67">
        <f t="shared" si="22"/>
        <v>3.2829408831118831</v>
      </c>
      <c r="L67">
        <f t="shared" si="23"/>
        <v>1.6414704415559416</v>
      </c>
      <c r="M67">
        <f t="shared" si="24"/>
        <v>0</v>
      </c>
      <c r="N67" s="45">
        <f t="shared" si="25"/>
        <v>44928.37499999992</v>
      </c>
      <c r="O67">
        <v>1.7126705161478626</v>
      </c>
      <c r="P67">
        <v>43.695453796847154</v>
      </c>
      <c r="Q67">
        <v>3.0769459846184737</v>
      </c>
      <c r="R67">
        <v>1.5384729923092368</v>
      </c>
      <c r="S67">
        <v>0</v>
      </c>
      <c r="T67" s="45">
        <v>45061.374999992178</v>
      </c>
    </row>
    <row r="68" spans="2:21" x14ac:dyDescent="0.25">
      <c r="B68">
        <f t="shared" si="19"/>
        <v>1</v>
      </c>
      <c r="C68" s="16">
        <v>34</v>
      </c>
      <c r="D68" cm="1">
        <f t="array" ref="D68">IFERROR(INDEX(Jesper!AH$2:AH$366,ROUNDDOWN($C68/24,0)+1,1)*INDEX($D$3:$AA$30,INDEX(Jesper!$R$2:$R$366,ROW(INDEX(Jesper!AH$2:AH$366,ROUNDDOWN($C68/24,0)+1,1))-1)+IF('Standard Profiles'!$G$18=$B$10,7,0)+IF('Standard Profiles'!$G$18=$B$17,14,0)+IF('Standard Profiles'!$G$18=$B$24,21,0),MOD($C68,24)+1)/SUM(INDEX($D$3:$AA$30,INDEX(Jesper!$R$2:$R$366,ROW(INDEX(Jesper!AH$2:AH$366,ROUNDDOWN($C68/24,0)+1,1))-1)+IF('Standard Profiles'!$G$18=$B$10,7,0)+IF('Standard Profiles'!$G$18=$B$17,14,0)+IF('Standard Profiles'!$G$18=$B$24,21,0),0)),0)</f>
        <v>30.777570779173903</v>
      </c>
      <c r="E68" cm="1">
        <f t="array" ref="E68">IFERROR(INDEX(Jesper!AI$2:AI$366,ROUNDDOWN($C68/24,0)+1,1)*INDEX($D$3:$AA$30,INDEX(Jesper!$R$2:$R$366,ROW(INDEX(Jesper!AI$2:AI$366,ROUNDDOWN($C68/24,0)+1,1))-1)+IF('Standard Profiles'!$G$19=$B$10,7,0)+IF('Standard Profiles'!$G$19=$B$17,14,0)+IF('Standard Profiles'!$G$19=$B$24,21,0),MOD($C68,24)+1)/SUM(INDEX($D$3:$AA$30,INDEX(Jesper!$R$2:$R$366,ROW(INDEX(Jesper!AI$2:AI$366,ROUNDDOWN($C68/24,0)+1,1))-1)+IF('Standard Profiles'!$G$19=$B$10,7,0)+IF('Standard Profiles'!$G$19=$B$17,14,0)+IF('Standard Profiles'!$G$19=$B$24,21,0),0)),0)</f>
        <v>33.602159580869994</v>
      </c>
      <c r="F68" cm="1">
        <f t="array" ref="F68">IFERROR(INDEX(Jesper!AJ$2:AJ$366,ROUNDDOWN($C68/24,0)+1,1)*INDEX($D$3:$AA$30,INDEX(Jesper!$R$2:$R$366,ROW(INDEX(Jesper!AJ$2:AJ$366,ROUNDDOWN($C68/24,0)+1,1))-1)+IF('Standard Profiles'!$G$20=$B$10,7,0)+IF('Standard Profiles'!$G$20=$B$17,14,0)+IF('Standard Profiles'!$G$20=$B$24,21,0),MOD($C68,24)+1)/SUM(INDEX($D$3:$AA$30,INDEX(Jesper!$R$2:$R$366,ROW(INDEX(Jesper!AJ$2:AJ$366,ROUNDDOWN($C68/24,0)+1,1))-1)+IF('Standard Profiles'!$G$20=$B$10,7,0)+IF('Standard Profiles'!$G$20=$B$17,14,0)+IF('Standard Profiles'!$G$20=$B$24,21,0),0)),0)</f>
        <v>0</v>
      </c>
      <c r="G68" cm="1">
        <f t="array" ref="G68">IFERROR(INDEX(Jesper!AK$2:AK$366,ROUNDDOWN($C68/24,0)+1,1)*INDEX($D$3:$AA$30,INDEX(Jesper!$R$2:$R$366,ROW(INDEX(Jesper!AK$2:AK$366,ROUNDDOWN($C68/24,0)+1,1))-1)+IF('Standard Profiles'!$G$21=$B$10,7,0)+IF('Standard Profiles'!$G$21=$B$17,14,0)+IF('Standard Profiles'!$G$21=$B$24,21,0),MOD($C68,24)+1)/SUM(INDEX($D$3:$AA$30,INDEX(Jesper!$R$2:$R$366,ROW(INDEX(Jesper!AK$2:AK$366,ROUNDDOWN($C68/24,0)+1,1))-1)+IF('Standard Profiles'!$G$21=$B$10,7,0)+IF('Standard Profiles'!$G$21=$B$17,14,0)+IF('Standard Profiles'!$G$21=$B$24,21,0),0)),0)</f>
        <v>26.378191168072565</v>
      </c>
      <c r="H68" cm="1">
        <f t="array" ref="H68">IFERROR(INDEX(Jesper!AL$2:AL$366,ROUNDDOWN($C68/24,0)+1,1)*INDEX($D$3:$AA$30,INDEX(Jesper!$R$2:$R$366,ROW(INDEX(Jesper!AL$2:AL$366,ROUNDDOWN($C68/24,0)+1,1))-1)+IF('Standard Profiles'!$G$22=$B$10,7,0)+IF('Standard Profiles'!$G$22=$B$17,14,0)+IF('Standard Profiles'!$G$22=$B$24,21,0),MOD($C68,24)+1)/SUM(INDEX($D$3:$AA$30,INDEX(Jesper!$R$2:$R$366,ROW(INDEX(Jesper!AL$2:AL$366,ROUNDDOWN($C68/24,0)+1,1))-1)+IF('Standard Profiles'!$G$22=$B$10,7,0)+IF('Standard Profiles'!$G$22=$B$17,14,0)+IF('Standard Profiles'!$G$22=$B$24,21,0),0)),0)</f>
        <v>0</v>
      </c>
      <c r="I68">
        <f t="shared" si="20"/>
        <v>12.661531760674825</v>
      </c>
      <c r="J68">
        <f t="shared" si="21"/>
        <v>73.171978442773806</v>
      </c>
      <c r="K68">
        <f t="shared" si="22"/>
        <v>3.2829408831118831</v>
      </c>
      <c r="L68">
        <f t="shared" si="23"/>
        <v>1.6414704415559416</v>
      </c>
      <c r="M68">
        <f t="shared" si="24"/>
        <v>0</v>
      </c>
      <c r="N68" s="45">
        <f t="shared" si="25"/>
        <v>44928.416666666584</v>
      </c>
      <c r="O68">
        <v>1.7126705161478626</v>
      </c>
      <c r="P68">
        <v>43.695453796847154</v>
      </c>
      <c r="Q68">
        <v>3.0769459846184737</v>
      </c>
      <c r="R68">
        <v>1.5384729923092368</v>
      </c>
      <c r="S68">
        <v>0</v>
      </c>
      <c r="T68" s="45">
        <v>45061.416666658843</v>
      </c>
    </row>
    <row r="69" spans="2:21" x14ac:dyDescent="0.25">
      <c r="B69">
        <f t="shared" si="19"/>
        <v>1</v>
      </c>
      <c r="C69" s="16">
        <v>35</v>
      </c>
      <c r="D69" cm="1">
        <f t="array" ref="D69">IFERROR(INDEX(Jesper!AH$2:AH$366,ROUNDDOWN($C69/24,0)+1,1)*INDEX($D$3:$AA$30,INDEX(Jesper!$R$2:$R$366,ROW(INDEX(Jesper!AH$2:AH$366,ROUNDDOWN($C69/24,0)+1,1))-1)+IF('Standard Profiles'!$G$18=$B$10,7,0)+IF('Standard Profiles'!$G$18=$B$17,14,0)+IF('Standard Profiles'!$G$18=$B$24,21,0),MOD($C69,24)+1)/SUM(INDEX($D$3:$AA$30,INDEX(Jesper!$R$2:$R$366,ROW(INDEX(Jesper!AH$2:AH$366,ROUNDDOWN($C69/24,0)+1,1))-1)+IF('Standard Profiles'!$G$18=$B$10,7,0)+IF('Standard Profiles'!$G$18=$B$17,14,0)+IF('Standard Profiles'!$G$18=$B$24,21,0),0)),0)</f>
        <v>36.933084935008679</v>
      </c>
      <c r="E69" cm="1">
        <f t="array" ref="E69">IFERROR(INDEX(Jesper!AI$2:AI$366,ROUNDDOWN($C69/24,0)+1,1)*INDEX($D$3:$AA$30,INDEX(Jesper!$R$2:$R$366,ROW(INDEX(Jesper!AI$2:AI$366,ROUNDDOWN($C69/24,0)+1,1))-1)+IF('Standard Profiles'!$G$19=$B$10,7,0)+IF('Standard Profiles'!$G$19=$B$17,14,0)+IF('Standard Profiles'!$G$19=$B$24,21,0),MOD($C69,24)+1)/SUM(INDEX($D$3:$AA$30,INDEX(Jesper!$R$2:$R$366,ROW(INDEX(Jesper!AI$2:AI$366,ROUNDDOWN($C69/24,0)+1,1))-1)+IF('Standard Profiles'!$G$19=$B$10,7,0)+IF('Standard Profiles'!$G$19=$B$17,14,0)+IF('Standard Profiles'!$G$19=$B$24,21,0),0)),0)</f>
        <v>40.322591497043987</v>
      </c>
      <c r="F69" cm="1">
        <f t="array" ref="F69">IFERROR(INDEX(Jesper!AJ$2:AJ$366,ROUNDDOWN($C69/24,0)+1,1)*INDEX($D$3:$AA$30,INDEX(Jesper!$R$2:$R$366,ROW(INDEX(Jesper!AJ$2:AJ$366,ROUNDDOWN($C69/24,0)+1,1))-1)+IF('Standard Profiles'!$G$20=$B$10,7,0)+IF('Standard Profiles'!$G$20=$B$17,14,0)+IF('Standard Profiles'!$G$20=$B$24,21,0),MOD($C69,24)+1)/SUM(INDEX($D$3:$AA$30,INDEX(Jesper!$R$2:$R$366,ROW(INDEX(Jesper!AJ$2:AJ$366,ROUNDDOWN($C69/24,0)+1,1))-1)+IF('Standard Profiles'!$G$20=$B$10,7,0)+IF('Standard Profiles'!$G$20=$B$17,14,0)+IF('Standard Profiles'!$G$20=$B$24,21,0),0)),0)</f>
        <v>0</v>
      </c>
      <c r="G69" cm="1">
        <f t="array" ref="G69">IFERROR(INDEX(Jesper!AK$2:AK$366,ROUNDDOWN($C69/24,0)+1,1)*INDEX($D$3:$AA$30,INDEX(Jesper!$R$2:$R$366,ROW(INDEX(Jesper!AK$2:AK$366,ROUNDDOWN($C69/24,0)+1,1))-1)+IF('Standard Profiles'!$G$21=$B$10,7,0)+IF('Standard Profiles'!$G$21=$B$17,14,0)+IF('Standard Profiles'!$G$21=$B$24,21,0),MOD($C69,24)+1)/SUM(INDEX($D$3:$AA$30,INDEX(Jesper!$R$2:$R$366,ROW(INDEX(Jesper!AK$2:AK$366,ROUNDDOWN($C69/24,0)+1,1))-1)+IF('Standard Profiles'!$G$21=$B$10,7,0)+IF('Standard Profiles'!$G$21=$B$17,14,0)+IF('Standard Profiles'!$G$21=$B$24,21,0),0)),0)</f>
        <v>31.653829401687073</v>
      </c>
      <c r="H69" cm="1">
        <f t="array" ref="H69">IFERROR(INDEX(Jesper!AL$2:AL$366,ROUNDDOWN($C69/24,0)+1,1)*INDEX($D$3:$AA$30,INDEX(Jesper!$R$2:$R$366,ROW(INDEX(Jesper!AL$2:AL$366,ROUNDDOWN($C69/24,0)+1,1))-1)+IF('Standard Profiles'!$G$22=$B$10,7,0)+IF('Standard Profiles'!$G$22=$B$17,14,0)+IF('Standard Profiles'!$G$22=$B$24,21,0),MOD($C69,24)+1)/SUM(INDEX($D$3:$AA$30,INDEX(Jesper!$R$2:$R$366,ROW(INDEX(Jesper!AL$2:AL$366,ROUNDDOWN($C69/24,0)+1,1))-1)+IF('Standard Profiles'!$G$22=$B$10,7,0)+IF('Standard Profiles'!$G$22=$B$17,14,0)+IF('Standard Profiles'!$G$22=$B$24,21,0),0)),0)</f>
        <v>0</v>
      </c>
      <c r="I69">
        <f t="shared" si="20"/>
        <v>15.193838112809788</v>
      </c>
      <c r="J69">
        <f t="shared" si="21"/>
        <v>87.806374131328568</v>
      </c>
      <c r="K69">
        <f t="shared" si="22"/>
        <v>3.9395290597342596</v>
      </c>
      <c r="L69">
        <f t="shared" si="23"/>
        <v>1.9697645298671298</v>
      </c>
      <c r="M69">
        <f t="shared" si="24"/>
        <v>0</v>
      </c>
      <c r="N69" s="45">
        <f t="shared" si="25"/>
        <v>44928.458333333248</v>
      </c>
      <c r="O69">
        <v>2.0552046193774349</v>
      </c>
      <c r="P69">
        <v>52.434544556216572</v>
      </c>
      <c r="Q69">
        <v>3.6923351815421674</v>
      </c>
      <c r="R69">
        <v>1.8461675907710837</v>
      </c>
      <c r="S69">
        <v>0</v>
      </c>
      <c r="T69" s="45">
        <v>45061.458333325507</v>
      </c>
      <c r="U69" t="str">
        <f>CHOOSE(WEEKDAY(T69,2),"Monday","Tuesday","Wednesday","Thursday","Friday","Saturday","Sunday")</f>
        <v>Monday</v>
      </c>
    </row>
    <row r="70" spans="2:21" x14ac:dyDescent="0.25">
      <c r="B70">
        <f t="shared" si="19"/>
        <v>1</v>
      </c>
      <c r="C70" s="16">
        <v>36</v>
      </c>
      <c r="D70" cm="1">
        <f t="array" ref="D70">IFERROR(INDEX(Jesper!AH$2:AH$366,ROUNDDOWN($C70/24,0)+1,1)*INDEX($D$3:$AA$30,INDEX(Jesper!$R$2:$R$366,ROW(INDEX(Jesper!AH$2:AH$366,ROUNDDOWN($C70/24,0)+1,1))-1)+IF('Standard Profiles'!$G$18=$B$10,7,0)+IF('Standard Profiles'!$G$18=$B$17,14,0)+IF('Standard Profiles'!$G$18=$B$24,21,0),MOD($C70,24)+1)/SUM(INDEX($D$3:$AA$30,INDEX(Jesper!$R$2:$R$366,ROW(INDEX(Jesper!AH$2:AH$366,ROUNDDOWN($C70/24,0)+1,1))-1)+IF('Standard Profiles'!$G$18=$B$10,7,0)+IF('Standard Profiles'!$G$18=$B$17,14,0)+IF('Standard Profiles'!$G$18=$B$24,21,0),0)),0)</f>
        <v>36.933084935008679</v>
      </c>
      <c r="E70" cm="1">
        <f t="array" ref="E70">IFERROR(INDEX(Jesper!AI$2:AI$366,ROUNDDOWN($C70/24,0)+1,1)*INDEX($D$3:$AA$30,INDEX(Jesper!$R$2:$R$366,ROW(INDEX(Jesper!AI$2:AI$366,ROUNDDOWN($C70/24,0)+1,1))-1)+IF('Standard Profiles'!$G$19=$B$10,7,0)+IF('Standard Profiles'!$G$19=$B$17,14,0)+IF('Standard Profiles'!$G$19=$B$24,21,0),MOD($C70,24)+1)/SUM(INDEX($D$3:$AA$30,INDEX(Jesper!$R$2:$R$366,ROW(INDEX(Jesper!AI$2:AI$366,ROUNDDOWN($C70/24,0)+1,1))-1)+IF('Standard Profiles'!$G$19=$B$10,7,0)+IF('Standard Profiles'!$G$19=$B$17,14,0)+IF('Standard Profiles'!$G$19=$B$24,21,0),0)),0)</f>
        <v>40.322591497043987</v>
      </c>
      <c r="F70" cm="1">
        <f t="array" ref="F70">IFERROR(INDEX(Jesper!AJ$2:AJ$366,ROUNDDOWN($C70/24,0)+1,1)*INDEX($D$3:$AA$30,INDEX(Jesper!$R$2:$R$366,ROW(INDEX(Jesper!AJ$2:AJ$366,ROUNDDOWN($C70/24,0)+1,1))-1)+IF('Standard Profiles'!$G$20=$B$10,7,0)+IF('Standard Profiles'!$G$20=$B$17,14,0)+IF('Standard Profiles'!$G$20=$B$24,21,0),MOD($C70,24)+1)/SUM(INDEX($D$3:$AA$30,INDEX(Jesper!$R$2:$R$366,ROW(INDEX(Jesper!AJ$2:AJ$366,ROUNDDOWN($C70/24,0)+1,1))-1)+IF('Standard Profiles'!$G$20=$B$10,7,0)+IF('Standard Profiles'!$G$20=$B$17,14,0)+IF('Standard Profiles'!$G$20=$B$24,21,0),0)),0)</f>
        <v>0</v>
      </c>
      <c r="G70" cm="1">
        <f t="array" ref="G70">IFERROR(INDEX(Jesper!AK$2:AK$366,ROUNDDOWN($C70/24,0)+1,1)*INDEX($D$3:$AA$30,INDEX(Jesper!$R$2:$R$366,ROW(INDEX(Jesper!AK$2:AK$366,ROUNDDOWN($C70/24,0)+1,1))-1)+IF('Standard Profiles'!$G$21=$B$10,7,0)+IF('Standard Profiles'!$G$21=$B$17,14,0)+IF('Standard Profiles'!$G$21=$B$24,21,0),MOD($C70,24)+1)/SUM(INDEX($D$3:$AA$30,INDEX(Jesper!$R$2:$R$366,ROW(INDEX(Jesper!AK$2:AK$366,ROUNDDOWN($C70/24,0)+1,1))-1)+IF('Standard Profiles'!$G$21=$B$10,7,0)+IF('Standard Profiles'!$G$21=$B$17,14,0)+IF('Standard Profiles'!$G$21=$B$24,21,0),0)),0)</f>
        <v>31.653829401687073</v>
      </c>
      <c r="H70" cm="1">
        <f t="array" ref="H70">IFERROR(INDEX(Jesper!AL$2:AL$366,ROUNDDOWN($C70/24,0)+1,1)*INDEX($D$3:$AA$30,INDEX(Jesper!$R$2:$R$366,ROW(INDEX(Jesper!AL$2:AL$366,ROUNDDOWN($C70/24,0)+1,1))-1)+IF('Standard Profiles'!$G$22=$B$10,7,0)+IF('Standard Profiles'!$G$22=$B$17,14,0)+IF('Standard Profiles'!$G$22=$B$24,21,0),MOD($C70,24)+1)/SUM(INDEX($D$3:$AA$30,INDEX(Jesper!$R$2:$R$366,ROW(INDEX(Jesper!AL$2:AL$366,ROUNDDOWN($C70/24,0)+1,1))-1)+IF('Standard Profiles'!$G$22=$B$10,7,0)+IF('Standard Profiles'!$G$22=$B$17,14,0)+IF('Standard Profiles'!$G$22=$B$24,21,0),0)),0)</f>
        <v>0</v>
      </c>
      <c r="I70">
        <f t="shared" si="20"/>
        <v>15.193838112809788</v>
      </c>
      <c r="J70">
        <f t="shared" si="21"/>
        <v>87.806374131328568</v>
      </c>
      <c r="K70">
        <f t="shared" si="22"/>
        <v>3.9395290597342596</v>
      </c>
      <c r="L70">
        <f t="shared" si="23"/>
        <v>1.9697645298671298</v>
      </c>
      <c r="M70">
        <f t="shared" si="24"/>
        <v>0</v>
      </c>
      <c r="N70" s="45">
        <f t="shared" si="25"/>
        <v>44928.499999999913</v>
      </c>
      <c r="O70">
        <v>2.0552046193774349</v>
      </c>
      <c r="P70">
        <v>52.434544556216572</v>
      </c>
      <c r="Q70">
        <v>3.6923351815421674</v>
      </c>
      <c r="R70">
        <v>1.8461675907710837</v>
      </c>
      <c r="S70">
        <v>0</v>
      </c>
      <c r="T70" s="45">
        <v>45061.499999992171</v>
      </c>
    </row>
    <row r="71" spans="2:21" x14ac:dyDescent="0.25">
      <c r="B71">
        <f t="shared" si="19"/>
        <v>1</v>
      </c>
      <c r="C71" s="16">
        <v>37</v>
      </c>
      <c r="D71" cm="1">
        <f t="array" ref="D71">IFERROR(INDEX(Jesper!AH$2:AH$366,ROUNDDOWN($C71/24,0)+1,1)*INDEX($D$3:$AA$30,INDEX(Jesper!$R$2:$R$366,ROW(INDEX(Jesper!AH$2:AH$366,ROUNDDOWN($C71/24,0)+1,1))-1)+IF('Standard Profiles'!$G$18=$B$10,7,0)+IF('Standard Profiles'!$G$18=$B$17,14,0)+IF('Standard Profiles'!$G$18=$B$24,21,0),MOD($C71,24)+1)/SUM(INDEX($D$3:$AA$30,INDEX(Jesper!$R$2:$R$366,ROW(INDEX(Jesper!AH$2:AH$366,ROUNDDOWN($C71/24,0)+1,1))-1)+IF('Standard Profiles'!$G$18=$B$10,7,0)+IF('Standard Profiles'!$G$18=$B$17,14,0)+IF('Standard Profiles'!$G$18=$B$24,21,0),0)),0)</f>
        <v>24.622056623339123</v>
      </c>
      <c r="E71" cm="1">
        <f t="array" ref="E71">IFERROR(INDEX(Jesper!AI$2:AI$366,ROUNDDOWN($C71/24,0)+1,1)*INDEX($D$3:$AA$30,INDEX(Jesper!$R$2:$R$366,ROW(INDEX(Jesper!AI$2:AI$366,ROUNDDOWN($C71/24,0)+1,1))-1)+IF('Standard Profiles'!$G$19=$B$10,7,0)+IF('Standard Profiles'!$G$19=$B$17,14,0)+IF('Standard Profiles'!$G$19=$B$24,21,0),MOD($C71,24)+1)/SUM(INDEX($D$3:$AA$30,INDEX(Jesper!$R$2:$R$366,ROW(INDEX(Jesper!AI$2:AI$366,ROUNDDOWN($C71/24,0)+1,1))-1)+IF('Standard Profiles'!$G$19=$B$10,7,0)+IF('Standard Profiles'!$G$19=$B$17,14,0)+IF('Standard Profiles'!$G$19=$B$24,21,0),0)),0)</f>
        <v>26.881727664695998</v>
      </c>
      <c r="F71" cm="1">
        <f t="array" ref="F71">IFERROR(INDEX(Jesper!AJ$2:AJ$366,ROUNDDOWN($C71/24,0)+1,1)*INDEX($D$3:$AA$30,INDEX(Jesper!$R$2:$R$366,ROW(INDEX(Jesper!AJ$2:AJ$366,ROUNDDOWN($C71/24,0)+1,1))-1)+IF('Standard Profiles'!$G$20=$B$10,7,0)+IF('Standard Profiles'!$G$20=$B$17,14,0)+IF('Standard Profiles'!$G$20=$B$24,21,0),MOD($C71,24)+1)/SUM(INDEX($D$3:$AA$30,INDEX(Jesper!$R$2:$R$366,ROW(INDEX(Jesper!AJ$2:AJ$366,ROUNDDOWN($C71/24,0)+1,1))-1)+IF('Standard Profiles'!$G$20=$B$10,7,0)+IF('Standard Profiles'!$G$20=$B$17,14,0)+IF('Standard Profiles'!$G$20=$B$24,21,0),0)),0)</f>
        <v>0</v>
      </c>
      <c r="G71" cm="1">
        <f t="array" ref="G71">IFERROR(INDEX(Jesper!AK$2:AK$366,ROUNDDOWN($C71/24,0)+1,1)*INDEX($D$3:$AA$30,INDEX(Jesper!$R$2:$R$366,ROW(INDEX(Jesper!AK$2:AK$366,ROUNDDOWN($C71/24,0)+1,1))-1)+IF('Standard Profiles'!$G$21=$B$10,7,0)+IF('Standard Profiles'!$G$21=$B$17,14,0)+IF('Standard Profiles'!$G$21=$B$24,21,0),MOD($C71,24)+1)/SUM(INDEX($D$3:$AA$30,INDEX(Jesper!$R$2:$R$366,ROW(INDEX(Jesper!AK$2:AK$366,ROUNDDOWN($C71/24,0)+1,1))-1)+IF('Standard Profiles'!$G$21=$B$10,7,0)+IF('Standard Profiles'!$G$21=$B$17,14,0)+IF('Standard Profiles'!$G$21=$B$24,21,0),0)),0)</f>
        <v>21.102552934458053</v>
      </c>
      <c r="H71" cm="1">
        <f t="array" ref="H71">IFERROR(INDEX(Jesper!AL$2:AL$366,ROUNDDOWN($C71/24,0)+1,1)*INDEX($D$3:$AA$30,INDEX(Jesper!$R$2:$R$366,ROW(INDEX(Jesper!AL$2:AL$366,ROUNDDOWN($C71/24,0)+1,1))-1)+IF('Standard Profiles'!$G$22=$B$10,7,0)+IF('Standard Profiles'!$G$22=$B$17,14,0)+IF('Standard Profiles'!$G$22=$B$24,21,0),MOD($C71,24)+1)/SUM(INDEX($D$3:$AA$30,INDEX(Jesper!$R$2:$R$366,ROW(INDEX(Jesper!AL$2:AL$366,ROUNDDOWN($C71/24,0)+1,1))-1)+IF('Standard Profiles'!$G$22=$B$10,7,0)+IF('Standard Profiles'!$G$22=$B$17,14,0)+IF('Standard Profiles'!$G$22=$B$24,21,0),0)),0)</f>
        <v>0</v>
      </c>
      <c r="I71">
        <f t="shared" si="20"/>
        <v>10.129225408539861</v>
      </c>
      <c r="J71">
        <f t="shared" si="21"/>
        <v>58.537582754219059</v>
      </c>
      <c r="K71">
        <f t="shared" si="22"/>
        <v>2.6263527064895067</v>
      </c>
      <c r="L71">
        <f t="shared" si="23"/>
        <v>1.3131763532447533</v>
      </c>
      <c r="M71">
        <f t="shared" si="24"/>
        <v>0</v>
      </c>
      <c r="N71" s="45">
        <f t="shared" si="25"/>
        <v>44928.541666666577</v>
      </c>
      <c r="O71">
        <v>1.3701364129182902</v>
      </c>
      <c r="P71">
        <v>34.956363037477715</v>
      </c>
      <c r="Q71">
        <v>2.461556787694779</v>
      </c>
      <c r="R71">
        <v>1.2307783938473895</v>
      </c>
      <c r="S71">
        <v>0</v>
      </c>
      <c r="T71" s="45">
        <v>45061.541666658835</v>
      </c>
    </row>
    <row r="72" spans="2:21" x14ac:dyDescent="0.25">
      <c r="B72">
        <f t="shared" si="19"/>
        <v>1</v>
      </c>
      <c r="C72" s="16">
        <v>38</v>
      </c>
      <c r="D72" cm="1">
        <f t="array" ref="D72">IFERROR(INDEX(Jesper!AH$2:AH$366,ROUNDDOWN($C72/24,0)+1,1)*INDEX($D$3:$AA$30,INDEX(Jesper!$R$2:$R$366,ROW(INDEX(Jesper!AH$2:AH$366,ROUNDDOWN($C72/24,0)+1,1))-1)+IF('Standard Profiles'!$G$18=$B$10,7,0)+IF('Standard Profiles'!$G$18=$B$17,14,0)+IF('Standard Profiles'!$G$18=$B$24,21,0),MOD($C72,24)+1)/SUM(INDEX($D$3:$AA$30,INDEX(Jesper!$R$2:$R$366,ROW(INDEX(Jesper!AH$2:AH$366,ROUNDDOWN($C72/24,0)+1,1))-1)+IF('Standard Profiles'!$G$18=$B$10,7,0)+IF('Standard Profiles'!$G$18=$B$17,14,0)+IF('Standard Profiles'!$G$18=$B$24,21,0),0)),0)</f>
        <v>36.933084935008679</v>
      </c>
      <c r="E72" cm="1">
        <f t="array" ref="E72">IFERROR(INDEX(Jesper!AI$2:AI$366,ROUNDDOWN($C72/24,0)+1,1)*INDEX($D$3:$AA$30,INDEX(Jesper!$R$2:$R$366,ROW(INDEX(Jesper!AI$2:AI$366,ROUNDDOWN($C72/24,0)+1,1))-1)+IF('Standard Profiles'!$G$19=$B$10,7,0)+IF('Standard Profiles'!$G$19=$B$17,14,0)+IF('Standard Profiles'!$G$19=$B$24,21,0),MOD($C72,24)+1)/SUM(INDEX($D$3:$AA$30,INDEX(Jesper!$R$2:$R$366,ROW(INDEX(Jesper!AI$2:AI$366,ROUNDDOWN($C72/24,0)+1,1))-1)+IF('Standard Profiles'!$G$19=$B$10,7,0)+IF('Standard Profiles'!$G$19=$B$17,14,0)+IF('Standard Profiles'!$G$19=$B$24,21,0),0)),0)</f>
        <v>40.322591497043987</v>
      </c>
      <c r="F72" cm="1">
        <f t="array" ref="F72">IFERROR(INDEX(Jesper!AJ$2:AJ$366,ROUNDDOWN($C72/24,0)+1,1)*INDEX($D$3:$AA$30,INDEX(Jesper!$R$2:$R$366,ROW(INDEX(Jesper!AJ$2:AJ$366,ROUNDDOWN($C72/24,0)+1,1))-1)+IF('Standard Profiles'!$G$20=$B$10,7,0)+IF('Standard Profiles'!$G$20=$B$17,14,0)+IF('Standard Profiles'!$G$20=$B$24,21,0),MOD($C72,24)+1)/SUM(INDEX($D$3:$AA$30,INDEX(Jesper!$R$2:$R$366,ROW(INDEX(Jesper!AJ$2:AJ$366,ROUNDDOWN($C72/24,0)+1,1))-1)+IF('Standard Profiles'!$G$20=$B$10,7,0)+IF('Standard Profiles'!$G$20=$B$17,14,0)+IF('Standard Profiles'!$G$20=$B$24,21,0),0)),0)</f>
        <v>0</v>
      </c>
      <c r="G72" cm="1">
        <f t="array" ref="G72">IFERROR(INDEX(Jesper!AK$2:AK$366,ROUNDDOWN($C72/24,0)+1,1)*INDEX($D$3:$AA$30,INDEX(Jesper!$R$2:$R$366,ROW(INDEX(Jesper!AK$2:AK$366,ROUNDDOWN($C72/24,0)+1,1))-1)+IF('Standard Profiles'!$G$21=$B$10,7,0)+IF('Standard Profiles'!$G$21=$B$17,14,0)+IF('Standard Profiles'!$G$21=$B$24,21,0),MOD($C72,24)+1)/SUM(INDEX($D$3:$AA$30,INDEX(Jesper!$R$2:$R$366,ROW(INDEX(Jesper!AK$2:AK$366,ROUNDDOWN($C72/24,0)+1,1))-1)+IF('Standard Profiles'!$G$21=$B$10,7,0)+IF('Standard Profiles'!$G$21=$B$17,14,0)+IF('Standard Profiles'!$G$21=$B$24,21,0),0)),0)</f>
        <v>31.653829401687073</v>
      </c>
      <c r="H72" cm="1">
        <f t="array" ref="H72">IFERROR(INDEX(Jesper!AL$2:AL$366,ROUNDDOWN($C72/24,0)+1,1)*INDEX($D$3:$AA$30,INDEX(Jesper!$R$2:$R$366,ROW(INDEX(Jesper!AL$2:AL$366,ROUNDDOWN($C72/24,0)+1,1))-1)+IF('Standard Profiles'!$G$22=$B$10,7,0)+IF('Standard Profiles'!$G$22=$B$17,14,0)+IF('Standard Profiles'!$G$22=$B$24,21,0),MOD($C72,24)+1)/SUM(INDEX($D$3:$AA$30,INDEX(Jesper!$R$2:$R$366,ROW(INDEX(Jesper!AL$2:AL$366,ROUNDDOWN($C72/24,0)+1,1))-1)+IF('Standard Profiles'!$G$22=$B$10,7,0)+IF('Standard Profiles'!$G$22=$B$17,14,0)+IF('Standard Profiles'!$G$22=$B$24,21,0),0)),0)</f>
        <v>0</v>
      </c>
      <c r="I72">
        <f t="shared" si="20"/>
        <v>15.193838112809788</v>
      </c>
      <c r="J72">
        <f t="shared" si="21"/>
        <v>87.806374131328568</v>
      </c>
      <c r="K72">
        <f t="shared" si="22"/>
        <v>3.9395290597342596</v>
      </c>
      <c r="L72">
        <f t="shared" si="23"/>
        <v>1.9697645298671298</v>
      </c>
      <c r="M72">
        <f t="shared" si="24"/>
        <v>0</v>
      </c>
      <c r="N72" s="45">
        <f t="shared" si="25"/>
        <v>44928.583333333241</v>
      </c>
      <c r="O72">
        <v>2.0552046193774349</v>
      </c>
      <c r="P72">
        <v>52.434544556216572</v>
      </c>
      <c r="Q72">
        <v>3.6923351815421674</v>
      </c>
      <c r="R72">
        <v>1.8461675907710837</v>
      </c>
      <c r="S72">
        <v>0</v>
      </c>
      <c r="T72" s="45">
        <v>45061.5833333255</v>
      </c>
    </row>
    <row r="73" spans="2:21" x14ac:dyDescent="0.25">
      <c r="B73">
        <f t="shared" si="19"/>
        <v>1</v>
      </c>
      <c r="C73" s="16">
        <v>39</v>
      </c>
      <c r="D73" cm="1">
        <f t="array" ref="D73">IFERROR(INDEX(Jesper!AH$2:AH$366,ROUNDDOWN($C73/24,0)+1,1)*INDEX($D$3:$AA$30,INDEX(Jesper!$R$2:$R$366,ROW(INDEX(Jesper!AH$2:AH$366,ROUNDDOWN($C73/24,0)+1,1))-1)+IF('Standard Profiles'!$G$18=$B$10,7,0)+IF('Standard Profiles'!$G$18=$B$17,14,0)+IF('Standard Profiles'!$G$18=$B$24,21,0),MOD($C73,24)+1)/SUM(INDEX($D$3:$AA$30,INDEX(Jesper!$R$2:$R$366,ROW(INDEX(Jesper!AH$2:AH$366,ROUNDDOWN($C73/24,0)+1,1))-1)+IF('Standard Profiles'!$G$18=$B$10,7,0)+IF('Standard Profiles'!$G$18=$B$17,14,0)+IF('Standard Profiles'!$G$18=$B$24,21,0),0)),0)</f>
        <v>36.933084935008679</v>
      </c>
      <c r="E73" cm="1">
        <f t="array" ref="E73">IFERROR(INDEX(Jesper!AI$2:AI$366,ROUNDDOWN($C73/24,0)+1,1)*INDEX($D$3:$AA$30,INDEX(Jesper!$R$2:$R$366,ROW(INDEX(Jesper!AI$2:AI$366,ROUNDDOWN($C73/24,0)+1,1))-1)+IF('Standard Profiles'!$G$19=$B$10,7,0)+IF('Standard Profiles'!$G$19=$B$17,14,0)+IF('Standard Profiles'!$G$19=$B$24,21,0),MOD($C73,24)+1)/SUM(INDEX($D$3:$AA$30,INDEX(Jesper!$R$2:$R$366,ROW(INDEX(Jesper!AI$2:AI$366,ROUNDDOWN($C73/24,0)+1,1))-1)+IF('Standard Profiles'!$G$19=$B$10,7,0)+IF('Standard Profiles'!$G$19=$B$17,14,0)+IF('Standard Profiles'!$G$19=$B$24,21,0),0)),0)</f>
        <v>40.322591497043987</v>
      </c>
      <c r="F73" cm="1">
        <f t="array" ref="F73">IFERROR(INDEX(Jesper!AJ$2:AJ$366,ROUNDDOWN($C73/24,0)+1,1)*INDEX($D$3:$AA$30,INDEX(Jesper!$R$2:$R$366,ROW(INDEX(Jesper!AJ$2:AJ$366,ROUNDDOWN($C73/24,0)+1,1))-1)+IF('Standard Profiles'!$G$20=$B$10,7,0)+IF('Standard Profiles'!$G$20=$B$17,14,0)+IF('Standard Profiles'!$G$20=$B$24,21,0),MOD($C73,24)+1)/SUM(INDEX($D$3:$AA$30,INDEX(Jesper!$R$2:$R$366,ROW(INDEX(Jesper!AJ$2:AJ$366,ROUNDDOWN($C73/24,0)+1,1))-1)+IF('Standard Profiles'!$G$20=$B$10,7,0)+IF('Standard Profiles'!$G$20=$B$17,14,0)+IF('Standard Profiles'!$G$20=$B$24,21,0),0)),0)</f>
        <v>0</v>
      </c>
      <c r="G73" cm="1">
        <f t="array" ref="G73">IFERROR(INDEX(Jesper!AK$2:AK$366,ROUNDDOWN($C73/24,0)+1,1)*INDEX($D$3:$AA$30,INDEX(Jesper!$R$2:$R$366,ROW(INDEX(Jesper!AK$2:AK$366,ROUNDDOWN($C73/24,0)+1,1))-1)+IF('Standard Profiles'!$G$21=$B$10,7,0)+IF('Standard Profiles'!$G$21=$B$17,14,0)+IF('Standard Profiles'!$G$21=$B$24,21,0),MOD($C73,24)+1)/SUM(INDEX($D$3:$AA$30,INDEX(Jesper!$R$2:$R$366,ROW(INDEX(Jesper!AK$2:AK$366,ROUNDDOWN($C73/24,0)+1,1))-1)+IF('Standard Profiles'!$G$21=$B$10,7,0)+IF('Standard Profiles'!$G$21=$B$17,14,0)+IF('Standard Profiles'!$G$21=$B$24,21,0),0)),0)</f>
        <v>31.653829401687073</v>
      </c>
      <c r="H73" cm="1">
        <f t="array" ref="H73">IFERROR(INDEX(Jesper!AL$2:AL$366,ROUNDDOWN($C73/24,0)+1,1)*INDEX($D$3:$AA$30,INDEX(Jesper!$R$2:$R$366,ROW(INDEX(Jesper!AL$2:AL$366,ROUNDDOWN($C73/24,0)+1,1))-1)+IF('Standard Profiles'!$G$22=$B$10,7,0)+IF('Standard Profiles'!$G$22=$B$17,14,0)+IF('Standard Profiles'!$G$22=$B$24,21,0),MOD($C73,24)+1)/SUM(INDEX($D$3:$AA$30,INDEX(Jesper!$R$2:$R$366,ROW(INDEX(Jesper!AL$2:AL$366,ROUNDDOWN($C73/24,0)+1,1))-1)+IF('Standard Profiles'!$G$22=$B$10,7,0)+IF('Standard Profiles'!$G$22=$B$17,14,0)+IF('Standard Profiles'!$G$22=$B$24,21,0),0)),0)</f>
        <v>0</v>
      </c>
      <c r="I73">
        <f t="shared" si="20"/>
        <v>15.193838112809788</v>
      </c>
      <c r="J73">
        <f t="shared" si="21"/>
        <v>87.806374131328568</v>
      </c>
      <c r="K73">
        <f t="shared" si="22"/>
        <v>3.9395290597342596</v>
      </c>
      <c r="L73">
        <f t="shared" si="23"/>
        <v>1.9697645298671298</v>
      </c>
      <c r="M73">
        <f t="shared" si="24"/>
        <v>0</v>
      </c>
      <c r="N73" s="45">
        <f t="shared" si="25"/>
        <v>44928.624999999905</v>
      </c>
      <c r="O73">
        <v>2.0552046193774349</v>
      </c>
      <c r="P73">
        <v>52.434544556216572</v>
      </c>
      <c r="Q73">
        <v>3.6923351815421674</v>
      </c>
      <c r="R73">
        <v>1.8461675907710837</v>
      </c>
      <c r="S73">
        <v>0</v>
      </c>
      <c r="T73" s="45">
        <v>45061.624999992164</v>
      </c>
    </row>
    <row r="74" spans="2:21" x14ac:dyDescent="0.25">
      <c r="B74">
        <f t="shared" si="19"/>
        <v>1</v>
      </c>
      <c r="C74" s="16">
        <v>40</v>
      </c>
      <c r="D74" cm="1">
        <f t="array" ref="D74">IFERROR(INDEX(Jesper!AH$2:AH$366,ROUNDDOWN($C74/24,0)+1,1)*INDEX($D$3:$AA$30,INDEX(Jesper!$R$2:$R$366,ROW(INDEX(Jesper!AH$2:AH$366,ROUNDDOWN($C74/24,0)+1,1))-1)+IF('Standard Profiles'!$G$18=$B$10,7,0)+IF('Standard Profiles'!$G$18=$B$17,14,0)+IF('Standard Profiles'!$G$18=$B$24,21,0),MOD($C74,24)+1)/SUM(INDEX($D$3:$AA$30,INDEX(Jesper!$R$2:$R$366,ROW(INDEX(Jesper!AH$2:AH$366,ROUNDDOWN($C74/24,0)+1,1))-1)+IF('Standard Profiles'!$G$18=$B$10,7,0)+IF('Standard Profiles'!$G$18=$B$17,14,0)+IF('Standard Profiles'!$G$18=$B$24,21,0),0)),0)</f>
        <v>21.54429954542173</v>
      </c>
      <c r="E74" cm="1">
        <f t="array" ref="E74">IFERROR(INDEX(Jesper!AI$2:AI$366,ROUNDDOWN($C74/24,0)+1,1)*INDEX($D$3:$AA$30,INDEX(Jesper!$R$2:$R$366,ROW(INDEX(Jesper!AI$2:AI$366,ROUNDDOWN($C74/24,0)+1,1))-1)+IF('Standard Profiles'!$G$19=$B$10,7,0)+IF('Standard Profiles'!$G$19=$B$17,14,0)+IF('Standard Profiles'!$G$19=$B$24,21,0),MOD($C74,24)+1)/SUM(INDEX($D$3:$AA$30,INDEX(Jesper!$R$2:$R$366,ROW(INDEX(Jesper!AI$2:AI$366,ROUNDDOWN($C74/24,0)+1,1))-1)+IF('Standard Profiles'!$G$19=$B$10,7,0)+IF('Standard Profiles'!$G$19=$B$17,14,0)+IF('Standard Profiles'!$G$19=$B$24,21,0),0)),0)</f>
        <v>23.521511706608994</v>
      </c>
      <c r="F74" cm="1">
        <f t="array" ref="F74">IFERROR(INDEX(Jesper!AJ$2:AJ$366,ROUNDDOWN($C74/24,0)+1,1)*INDEX($D$3:$AA$30,INDEX(Jesper!$R$2:$R$366,ROW(INDEX(Jesper!AJ$2:AJ$366,ROUNDDOWN($C74/24,0)+1,1))-1)+IF('Standard Profiles'!$G$20=$B$10,7,0)+IF('Standard Profiles'!$G$20=$B$17,14,0)+IF('Standard Profiles'!$G$20=$B$24,21,0),MOD($C74,24)+1)/SUM(INDEX($D$3:$AA$30,INDEX(Jesper!$R$2:$R$366,ROW(INDEX(Jesper!AJ$2:AJ$366,ROUNDDOWN($C74/24,0)+1,1))-1)+IF('Standard Profiles'!$G$20=$B$10,7,0)+IF('Standard Profiles'!$G$20=$B$17,14,0)+IF('Standard Profiles'!$G$20=$B$24,21,0),0)),0)</f>
        <v>0</v>
      </c>
      <c r="G74" cm="1">
        <f t="array" ref="G74">IFERROR(INDEX(Jesper!AK$2:AK$366,ROUNDDOWN($C74/24,0)+1,1)*INDEX($D$3:$AA$30,INDEX(Jesper!$R$2:$R$366,ROW(INDEX(Jesper!AK$2:AK$366,ROUNDDOWN($C74/24,0)+1,1))-1)+IF('Standard Profiles'!$G$21=$B$10,7,0)+IF('Standard Profiles'!$G$21=$B$17,14,0)+IF('Standard Profiles'!$G$21=$B$24,21,0),MOD($C74,24)+1)/SUM(INDEX($D$3:$AA$30,INDEX(Jesper!$R$2:$R$366,ROW(INDEX(Jesper!AK$2:AK$366,ROUNDDOWN($C74/24,0)+1,1))-1)+IF('Standard Profiles'!$G$21=$B$10,7,0)+IF('Standard Profiles'!$G$21=$B$17,14,0)+IF('Standard Profiles'!$G$21=$B$24,21,0),0)),0)</f>
        <v>26.378191168072565</v>
      </c>
      <c r="H74" cm="1">
        <f t="array" ref="H74">IFERROR(INDEX(Jesper!AL$2:AL$366,ROUNDDOWN($C74/24,0)+1,1)*INDEX($D$3:$AA$30,INDEX(Jesper!$R$2:$R$366,ROW(INDEX(Jesper!AL$2:AL$366,ROUNDDOWN($C74/24,0)+1,1))-1)+IF('Standard Profiles'!$G$22=$B$10,7,0)+IF('Standard Profiles'!$G$22=$B$17,14,0)+IF('Standard Profiles'!$G$22=$B$24,21,0),MOD($C74,24)+1)/SUM(INDEX($D$3:$AA$30,INDEX(Jesper!$R$2:$R$366,ROW(INDEX(Jesper!AL$2:AL$366,ROUNDDOWN($C74/24,0)+1,1))-1)+IF('Standard Profiles'!$G$22=$B$10,7,0)+IF('Standard Profiles'!$G$22=$B$17,14,0)+IF('Standard Profiles'!$G$22=$B$24,21,0),0)),0)</f>
        <v>0</v>
      </c>
      <c r="I74">
        <f t="shared" si="20"/>
        <v>12.661531760674825</v>
      </c>
      <c r="J74">
        <f t="shared" si="21"/>
        <v>55.335382732160987</v>
      </c>
      <c r="K74">
        <f t="shared" si="22"/>
        <v>2.298058618178318</v>
      </c>
      <c r="L74">
        <f t="shared" si="23"/>
        <v>1.149029309089159</v>
      </c>
      <c r="M74">
        <f t="shared" si="24"/>
        <v>0</v>
      </c>
      <c r="N74" s="45">
        <f t="shared" si="25"/>
        <v>44928.66666666657</v>
      </c>
      <c r="O74">
        <v>1.7126705161478626</v>
      </c>
      <c r="P74">
        <v>31.143435575541055</v>
      </c>
      <c r="Q74">
        <v>2.1538621892329313</v>
      </c>
      <c r="R74">
        <v>1.0769310946164656</v>
      </c>
      <c r="S74">
        <v>0</v>
      </c>
      <c r="T74" s="45">
        <v>45061.666666658828</v>
      </c>
    </row>
    <row r="75" spans="2:21" x14ac:dyDescent="0.25">
      <c r="B75">
        <f t="shared" si="19"/>
        <v>1</v>
      </c>
      <c r="C75" s="16">
        <v>41</v>
      </c>
      <c r="D75" cm="1">
        <f t="array" ref="D75">IFERROR(INDEX(Jesper!AH$2:AH$366,ROUNDDOWN($C75/24,0)+1,1)*INDEX($D$3:$AA$30,INDEX(Jesper!$R$2:$R$366,ROW(INDEX(Jesper!AH$2:AH$366,ROUNDDOWN($C75/24,0)+1,1))-1)+IF('Standard Profiles'!$G$18=$B$10,7,0)+IF('Standard Profiles'!$G$18=$B$17,14,0)+IF('Standard Profiles'!$G$18=$B$24,21,0),MOD($C75,24)+1)/SUM(INDEX($D$3:$AA$30,INDEX(Jesper!$R$2:$R$366,ROW(INDEX(Jesper!AH$2:AH$366,ROUNDDOWN($C75/24,0)+1,1))-1)+IF('Standard Profiles'!$G$18=$B$10,7,0)+IF('Standard Profiles'!$G$18=$B$17,14,0)+IF('Standard Profiles'!$G$18=$B$24,21,0),0)),0)</f>
        <v>6.1555141558347808</v>
      </c>
      <c r="E75" cm="1">
        <f t="array" ref="E75">IFERROR(INDEX(Jesper!AI$2:AI$366,ROUNDDOWN($C75/24,0)+1,1)*INDEX($D$3:$AA$30,INDEX(Jesper!$R$2:$R$366,ROW(INDEX(Jesper!AI$2:AI$366,ROUNDDOWN($C75/24,0)+1,1))-1)+IF('Standard Profiles'!$G$19=$B$10,7,0)+IF('Standard Profiles'!$G$19=$B$17,14,0)+IF('Standard Profiles'!$G$19=$B$24,21,0),MOD($C75,24)+1)/SUM(INDEX($D$3:$AA$30,INDEX(Jesper!$R$2:$R$366,ROW(INDEX(Jesper!AI$2:AI$366,ROUNDDOWN($C75/24,0)+1,1))-1)+IF('Standard Profiles'!$G$19=$B$10,7,0)+IF('Standard Profiles'!$G$19=$B$17,14,0)+IF('Standard Profiles'!$G$19=$B$24,21,0),0)),0)</f>
        <v>6.7204319161739994</v>
      </c>
      <c r="F75" cm="1">
        <f t="array" ref="F75">IFERROR(INDEX(Jesper!AJ$2:AJ$366,ROUNDDOWN($C75/24,0)+1,1)*INDEX($D$3:$AA$30,INDEX(Jesper!$R$2:$R$366,ROW(INDEX(Jesper!AJ$2:AJ$366,ROUNDDOWN($C75/24,0)+1,1))-1)+IF('Standard Profiles'!$G$20=$B$10,7,0)+IF('Standard Profiles'!$G$20=$B$17,14,0)+IF('Standard Profiles'!$G$20=$B$24,21,0),MOD($C75,24)+1)/SUM(INDEX($D$3:$AA$30,INDEX(Jesper!$R$2:$R$366,ROW(INDEX(Jesper!AJ$2:AJ$366,ROUNDDOWN($C75/24,0)+1,1))-1)+IF('Standard Profiles'!$G$20=$B$10,7,0)+IF('Standard Profiles'!$G$20=$B$17,14,0)+IF('Standard Profiles'!$G$20=$B$24,21,0),0)),0)</f>
        <v>0</v>
      </c>
      <c r="G75" cm="1">
        <f t="array" ref="G75">IFERROR(INDEX(Jesper!AK$2:AK$366,ROUNDDOWN($C75/24,0)+1,1)*INDEX($D$3:$AA$30,INDEX(Jesper!$R$2:$R$366,ROW(INDEX(Jesper!AK$2:AK$366,ROUNDDOWN($C75/24,0)+1,1))-1)+IF('Standard Profiles'!$G$21=$B$10,7,0)+IF('Standard Profiles'!$G$21=$B$17,14,0)+IF('Standard Profiles'!$G$21=$B$24,21,0),MOD($C75,24)+1)/SUM(INDEX($D$3:$AA$30,INDEX(Jesper!$R$2:$R$366,ROW(INDEX(Jesper!AK$2:AK$366,ROUNDDOWN($C75/24,0)+1,1))-1)+IF('Standard Profiles'!$G$21=$B$10,7,0)+IF('Standard Profiles'!$G$21=$B$17,14,0)+IF('Standard Profiles'!$G$21=$B$24,21,0),0)),0)</f>
        <v>21.22383197431126</v>
      </c>
      <c r="H75" cm="1">
        <f t="array" ref="H75">IFERROR(INDEX(Jesper!AL$2:AL$366,ROUNDDOWN($C75/24,0)+1,1)*INDEX($D$3:$AA$30,INDEX(Jesper!$R$2:$R$366,ROW(INDEX(Jesper!AL$2:AL$366,ROUNDDOWN($C75/24,0)+1,1))-1)+IF('Standard Profiles'!$G$22=$B$10,7,0)+IF('Standard Profiles'!$G$22=$B$17,14,0)+IF('Standard Profiles'!$G$22=$B$24,21,0),MOD($C75,24)+1)/SUM(INDEX($D$3:$AA$30,INDEX(Jesper!$R$2:$R$366,ROW(INDEX(Jesper!AL$2:AL$366,ROUNDDOWN($C75/24,0)+1,1))-1)+IF('Standard Profiles'!$G$22=$B$10,7,0)+IF('Standard Profiles'!$G$22=$B$17,14,0)+IF('Standard Profiles'!$G$22=$B$24,21,0),0)),0)</f>
        <v>0</v>
      </c>
      <c r="I75">
        <f t="shared" si="20"/>
        <v>10.1874393476694</v>
      </c>
      <c r="J75">
        <f t="shared" si="21"/>
        <v>22.927456433717076</v>
      </c>
      <c r="K75">
        <f t="shared" si="22"/>
        <v>0.65658817662237667</v>
      </c>
      <c r="L75">
        <f t="shared" si="23"/>
        <v>0.32829408831118834</v>
      </c>
      <c r="M75">
        <f t="shared" si="24"/>
        <v>0</v>
      </c>
      <c r="N75" s="45">
        <f t="shared" si="25"/>
        <v>44928.708333333234</v>
      </c>
      <c r="O75">
        <v>1.3780107601189699</v>
      </c>
      <c r="P75">
        <v>9.8608571376662777</v>
      </c>
      <c r="Q75">
        <v>0.61538919692369476</v>
      </c>
      <c r="R75">
        <v>0.30769459846184738</v>
      </c>
      <c r="S75">
        <v>0</v>
      </c>
      <c r="T75" s="45">
        <v>45061.708333325492</v>
      </c>
    </row>
    <row r="76" spans="2:21" x14ac:dyDescent="0.25">
      <c r="B76">
        <f t="shared" si="19"/>
        <v>1</v>
      </c>
      <c r="C76" s="16">
        <v>42</v>
      </c>
      <c r="D76" cm="1">
        <f t="array" ref="D76">IFERROR(INDEX(Jesper!AH$2:AH$366,ROUNDDOWN($C76/24,0)+1,1)*INDEX($D$3:$AA$30,INDEX(Jesper!$R$2:$R$366,ROW(INDEX(Jesper!AH$2:AH$366,ROUNDDOWN($C76/24,0)+1,1))-1)+IF('Standard Profiles'!$G$18=$B$10,7,0)+IF('Standard Profiles'!$G$18=$B$17,14,0)+IF('Standard Profiles'!$G$18=$B$24,21,0),MOD($C76,24)+1)/SUM(INDEX($D$3:$AA$30,INDEX(Jesper!$R$2:$R$366,ROW(INDEX(Jesper!AH$2:AH$366,ROUNDDOWN($C76/24,0)+1,1))-1)+IF('Standard Profiles'!$G$18=$B$10,7,0)+IF('Standard Profiles'!$G$18=$B$17,14,0)+IF('Standard Profiles'!$G$18=$B$24,21,0),0)),0)</f>
        <v>6.0688167733582343</v>
      </c>
      <c r="E76" cm="1">
        <f t="array" ref="E76">IFERROR(INDEX(Jesper!AI$2:AI$366,ROUNDDOWN($C76/24,0)+1,1)*INDEX($D$3:$AA$30,INDEX(Jesper!$R$2:$R$366,ROW(INDEX(Jesper!AI$2:AI$366,ROUNDDOWN($C76/24,0)+1,1))-1)+IF('Standard Profiles'!$G$19=$B$10,7,0)+IF('Standard Profiles'!$G$19=$B$17,14,0)+IF('Standard Profiles'!$G$19=$B$24,21,0),MOD($C76,24)+1)/SUM(INDEX($D$3:$AA$30,INDEX(Jesper!$R$2:$R$366,ROW(INDEX(Jesper!AI$2:AI$366,ROUNDDOWN($C76/24,0)+1,1))-1)+IF('Standard Profiles'!$G$19=$B$10,7,0)+IF('Standard Profiles'!$G$19=$B$17,14,0)+IF('Standard Profiles'!$G$19=$B$24,21,0),0)),0)</f>
        <v>6.6257779455236605</v>
      </c>
      <c r="F76" cm="1">
        <f t="array" ref="F76">IFERROR(INDEX(Jesper!AJ$2:AJ$366,ROUNDDOWN($C76/24,0)+1,1)*INDEX($D$3:$AA$30,INDEX(Jesper!$R$2:$R$366,ROW(INDEX(Jesper!AJ$2:AJ$366,ROUNDDOWN($C76/24,0)+1,1))-1)+IF('Standard Profiles'!$G$20=$B$10,7,0)+IF('Standard Profiles'!$G$20=$B$17,14,0)+IF('Standard Profiles'!$G$20=$B$24,21,0),MOD($C76,24)+1)/SUM(INDEX($D$3:$AA$30,INDEX(Jesper!$R$2:$R$366,ROW(INDEX(Jesper!AJ$2:AJ$366,ROUNDDOWN($C76/24,0)+1,1))-1)+IF('Standard Profiles'!$G$20=$B$10,7,0)+IF('Standard Profiles'!$G$20=$B$17,14,0)+IF('Standard Profiles'!$G$20=$B$24,21,0),0)),0)</f>
        <v>0</v>
      </c>
      <c r="G76" cm="1">
        <f t="array" ref="G76">IFERROR(INDEX(Jesper!AK$2:AK$366,ROUNDDOWN($C76/24,0)+1,1)*INDEX($D$3:$AA$30,INDEX(Jesper!$R$2:$R$366,ROW(INDEX(Jesper!AK$2:AK$366,ROUNDDOWN($C76/24,0)+1,1))-1)+IF('Standard Profiles'!$G$21=$B$10,7,0)+IF('Standard Profiles'!$G$21=$B$17,14,0)+IF('Standard Profiles'!$G$21=$B$24,21,0),MOD($C76,24)+1)/SUM(INDEX($D$3:$AA$30,INDEX(Jesper!$R$2:$R$366,ROW(INDEX(Jesper!AK$2:AK$366,ROUNDDOWN($C76/24,0)+1,1))-1)+IF('Standard Profiles'!$G$21=$B$10,7,0)+IF('Standard Profiles'!$G$21=$B$17,14,0)+IF('Standard Profiles'!$G$21=$B$24,21,0),0)),0)</f>
        <v>7.5799399908254506</v>
      </c>
      <c r="H76" cm="1">
        <f t="array" ref="H76">IFERROR(INDEX(Jesper!AL$2:AL$366,ROUNDDOWN($C76/24,0)+1,1)*INDEX($D$3:$AA$30,INDEX(Jesper!$R$2:$R$366,ROW(INDEX(Jesper!AL$2:AL$366,ROUNDDOWN($C76/24,0)+1,1))-1)+IF('Standard Profiles'!$G$22=$B$10,7,0)+IF('Standard Profiles'!$G$22=$B$17,14,0)+IF('Standard Profiles'!$G$22=$B$24,21,0),MOD($C76,24)+1)/SUM(INDEX($D$3:$AA$30,INDEX(Jesper!$R$2:$R$366,ROW(INDEX(Jesper!AL$2:AL$366,ROUNDDOWN($C76/24,0)+1,1))-1)+IF('Standard Profiles'!$G$22=$B$10,7,0)+IF('Standard Profiles'!$G$22=$B$17,14,0)+IF('Standard Profiles'!$G$22=$B$24,21,0),0)),0)</f>
        <v>0</v>
      </c>
      <c r="I76">
        <f t="shared" si="20"/>
        <v>3.6383711955962146</v>
      </c>
      <c r="J76">
        <f t="shared" si="21"/>
        <v>15.665152830373811</v>
      </c>
      <c r="K76">
        <f t="shared" si="22"/>
        <v>0.64734045582487842</v>
      </c>
      <c r="L76">
        <f t="shared" si="23"/>
        <v>0.32367022791243921</v>
      </c>
      <c r="M76">
        <f t="shared" si="24"/>
        <v>0</v>
      </c>
      <c r="N76" s="45">
        <f t="shared" si="25"/>
        <v>44928.749999999898</v>
      </c>
      <c r="O76">
        <v>0.49214670004248934</v>
      </c>
      <c r="P76">
        <v>8.7833117465617701</v>
      </c>
      <c r="Q76">
        <v>0.60672174344589624</v>
      </c>
      <c r="R76">
        <v>0.30336087172294812</v>
      </c>
      <c r="S76">
        <v>0</v>
      </c>
      <c r="T76" s="45">
        <v>45061.749999992157</v>
      </c>
    </row>
    <row r="77" spans="2:21" x14ac:dyDescent="0.25">
      <c r="B77">
        <f t="shared" si="19"/>
        <v>1</v>
      </c>
      <c r="C77" s="16">
        <v>43</v>
      </c>
      <c r="D77" cm="1">
        <f t="array" ref="D77">IFERROR(INDEX(Jesper!AH$2:AH$366,ROUNDDOWN($C77/24,0)+1,1)*INDEX($D$3:$AA$30,INDEX(Jesper!$R$2:$R$366,ROW(INDEX(Jesper!AH$2:AH$366,ROUNDDOWN($C77/24,0)+1,1))-1)+IF('Standard Profiles'!$G$18=$B$10,7,0)+IF('Standard Profiles'!$G$18=$B$17,14,0)+IF('Standard Profiles'!$G$18=$B$24,21,0),MOD($C77,24)+1)/SUM(INDEX($D$3:$AA$30,INDEX(Jesper!$R$2:$R$366,ROW(INDEX(Jesper!AH$2:AH$366,ROUNDDOWN($C77/24,0)+1,1))-1)+IF('Standard Profiles'!$G$18=$B$10,7,0)+IF('Standard Profiles'!$G$18=$B$17,14,0)+IF('Standard Profiles'!$G$18=$B$24,21,0),0)),0)</f>
        <v>6.0688167733582343</v>
      </c>
      <c r="E77" cm="1">
        <f t="array" ref="E77">IFERROR(INDEX(Jesper!AI$2:AI$366,ROUNDDOWN($C77/24,0)+1,1)*INDEX($D$3:$AA$30,INDEX(Jesper!$R$2:$R$366,ROW(INDEX(Jesper!AI$2:AI$366,ROUNDDOWN($C77/24,0)+1,1))-1)+IF('Standard Profiles'!$G$19=$B$10,7,0)+IF('Standard Profiles'!$G$19=$B$17,14,0)+IF('Standard Profiles'!$G$19=$B$24,21,0),MOD($C77,24)+1)/SUM(INDEX($D$3:$AA$30,INDEX(Jesper!$R$2:$R$366,ROW(INDEX(Jesper!AI$2:AI$366,ROUNDDOWN($C77/24,0)+1,1))-1)+IF('Standard Profiles'!$G$19=$B$10,7,0)+IF('Standard Profiles'!$G$19=$B$17,14,0)+IF('Standard Profiles'!$G$19=$B$24,21,0),0)),0)</f>
        <v>6.6257779455236605</v>
      </c>
      <c r="F77" cm="1">
        <f t="array" ref="F77">IFERROR(INDEX(Jesper!AJ$2:AJ$366,ROUNDDOWN($C77/24,0)+1,1)*INDEX($D$3:$AA$30,INDEX(Jesper!$R$2:$R$366,ROW(INDEX(Jesper!AJ$2:AJ$366,ROUNDDOWN($C77/24,0)+1,1))-1)+IF('Standard Profiles'!$G$20=$B$10,7,0)+IF('Standard Profiles'!$G$20=$B$17,14,0)+IF('Standard Profiles'!$G$20=$B$24,21,0),MOD($C77,24)+1)/SUM(INDEX($D$3:$AA$30,INDEX(Jesper!$R$2:$R$366,ROW(INDEX(Jesper!AJ$2:AJ$366,ROUNDDOWN($C77/24,0)+1,1))-1)+IF('Standard Profiles'!$G$20=$B$10,7,0)+IF('Standard Profiles'!$G$20=$B$17,14,0)+IF('Standard Profiles'!$G$20=$B$24,21,0),0)),0)</f>
        <v>0</v>
      </c>
      <c r="G77" cm="1">
        <f t="array" ref="G77">IFERROR(INDEX(Jesper!AK$2:AK$366,ROUNDDOWN($C77/24,0)+1,1)*INDEX($D$3:$AA$30,INDEX(Jesper!$R$2:$R$366,ROW(INDEX(Jesper!AK$2:AK$366,ROUNDDOWN($C77/24,0)+1,1))-1)+IF('Standard Profiles'!$G$21=$B$10,7,0)+IF('Standard Profiles'!$G$21=$B$17,14,0)+IF('Standard Profiles'!$G$21=$B$24,21,0),MOD($C77,24)+1)/SUM(INDEX($D$3:$AA$30,INDEX(Jesper!$R$2:$R$366,ROW(INDEX(Jesper!AK$2:AK$366,ROUNDDOWN($C77/24,0)+1,1))-1)+IF('Standard Profiles'!$G$21=$B$10,7,0)+IF('Standard Profiles'!$G$21=$B$17,14,0)+IF('Standard Profiles'!$G$21=$B$24,21,0),0)),0)</f>
        <v>7.5799399908254506</v>
      </c>
      <c r="H77" cm="1">
        <f t="array" ref="H77">IFERROR(INDEX(Jesper!AL$2:AL$366,ROUNDDOWN($C77/24,0)+1,1)*INDEX($D$3:$AA$30,INDEX(Jesper!$R$2:$R$366,ROW(INDEX(Jesper!AL$2:AL$366,ROUNDDOWN($C77/24,0)+1,1))-1)+IF('Standard Profiles'!$G$22=$B$10,7,0)+IF('Standard Profiles'!$G$22=$B$17,14,0)+IF('Standard Profiles'!$G$22=$B$24,21,0),MOD($C77,24)+1)/SUM(INDEX($D$3:$AA$30,INDEX(Jesper!$R$2:$R$366,ROW(INDEX(Jesper!AL$2:AL$366,ROUNDDOWN($C77/24,0)+1,1))-1)+IF('Standard Profiles'!$G$22=$B$10,7,0)+IF('Standard Profiles'!$G$22=$B$17,14,0)+IF('Standard Profiles'!$G$22=$B$24,21,0),0)),0)</f>
        <v>0</v>
      </c>
      <c r="I77">
        <f t="shared" si="20"/>
        <v>3.6383711955962146</v>
      </c>
      <c r="J77">
        <f t="shared" si="21"/>
        <v>15.665152830373811</v>
      </c>
      <c r="K77">
        <f t="shared" si="22"/>
        <v>0.64734045582487842</v>
      </c>
      <c r="L77">
        <f t="shared" si="23"/>
        <v>0.32367022791243921</v>
      </c>
      <c r="M77">
        <f t="shared" si="24"/>
        <v>0</v>
      </c>
      <c r="N77" s="45">
        <f t="shared" si="25"/>
        <v>44928.791666666562</v>
      </c>
      <c r="O77">
        <v>0.49214670004248934</v>
      </c>
      <c r="P77">
        <v>8.7833117465617701</v>
      </c>
      <c r="Q77">
        <v>0.60672174344589624</v>
      </c>
      <c r="R77">
        <v>0.30336087172294812</v>
      </c>
      <c r="S77">
        <v>0</v>
      </c>
      <c r="T77" s="45">
        <v>45061.791666658821</v>
      </c>
    </row>
    <row r="78" spans="2:21" x14ac:dyDescent="0.25">
      <c r="B78">
        <f t="shared" si="19"/>
        <v>1</v>
      </c>
      <c r="C78" s="16">
        <v>44</v>
      </c>
      <c r="D78" cm="1">
        <f t="array" ref="D78">IFERROR(INDEX(Jesper!AH$2:AH$366,ROUNDDOWN($C78/24,0)+1,1)*INDEX($D$3:$AA$30,INDEX(Jesper!$R$2:$R$366,ROW(INDEX(Jesper!AH$2:AH$366,ROUNDDOWN($C78/24,0)+1,1))-1)+IF('Standard Profiles'!$G$18=$B$10,7,0)+IF('Standard Profiles'!$G$18=$B$17,14,0)+IF('Standard Profiles'!$G$18=$B$24,21,0),MOD($C78,24)+1)/SUM(INDEX($D$3:$AA$30,INDEX(Jesper!$R$2:$R$366,ROW(INDEX(Jesper!AH$2:AH$366,ROUNDDOWN($C78/24,0)+1,1))-1)+IF('Standard Profiles'!$G$18=$B$10,7,0)+IF('Standard Profiles'!$G$18=$B$17,14,0)+IF('Standard Profiles'!$G$18=$B$24,21,0),0)),0)</f>
        <v>6.0688167733582343</v>
      </c>
      <c r="E78" cm="1">
        <f t="array" ref="E78">IFERROR(INDEX(Jesper!AI$2:AI$366,ROUNDDOWN($C78/24,0)+1,1)*INDEX($D$3:$AA$30,INDEX(Jesper!$R$2:$R$366,ROW(INDEX(Jesper!AI$2:AI$366,ROUNDDOWN($C78/24,0)+1,1))-1)+IF('Standard Profiles'!$G$19=$B$10,7,0)+IF('Standard Profiles'!$G$19=$B$17,14,0)+IF('Standard Profiles'!$G$19=$B$24,21,0),MOD($C78,24)+1)/SUM(INDEX($D$3:$AA$30,INDEX(Jesper!$R$2:$R$366,ROW(INDEX(Jesper!AI$2:AI$366,ROUNDDOWN($C78/24,0)+1,1))-1)+IF('Standard Profiles'!$G$19=$B$10,7,0)+IF('Standard Profiles'!$G$19=$B$17,14,0)+IF('Standard Profiles'!$G$19=$B$24,21,0),0)),0)</f>
        <v>6.6257779455236605</v>
      </c>
      <c r="F78" cm="1">
        <f t="array" ref="F78">IFERROR(INDEX(Jesper!AJ$2:AJ$366,ROUNDDOWN($C78/24,0)+1,1)*INDEX($D$3:$AA$30,INDEX(Jesper!$R$2:$R$366,ROW(INDEX(Jesper!AJ$2:AJ$366,ROUNDDOWN($C78/24,0)+1,1))-1)+IF('Standard Profiles'!$G$20=$B$10,7,0)+IF('Standard Profiles'!$G$20=$B$17,14,0)+IF('Standard Profiles'!$G$20=$B$24,21,0),MOD($C78,24)+1)/SUM(INDEX($D$3:$AA$30,INDEX(Jesper!$R$2:$R$366,ROW(INDEX(Jesper!AJ$2:AJ$366,ROUNDDOWN($C78/24,0)+1,1))-1)+IF('Standard Profiles'!$G$20=$B$10,7,0)+IF('Standard Profiles'!$G$20=$B$17,14,0)+IF('Standard Profiles'!$G$20=$B$24,21,0),0)),0)</f>
        <v>0</v>
      </c>
      <c r="G78" cm="1">
        <f t="array" ref="G78">IFERROR(INDEX(Jesper!AK$2:AK$366,ROUNDDOWN($C78/24,0)+1,1)*INDEX($D$3:$AA$30,INDEX(Jesper!$R$2:$R$366,ROW(INDEX(Jesper!AK$2:AK$366,ROUNDDOWN($C78/24,0)+1,1))-1)+IF('Standard Profiles'!$G$21=$B$10,7,0)+IF('Standard Profiles'!$G$21=$B$17,14,0)+IF('Standard Profiles'!$G$21=$B$24,21,0),MOD($C78,24)+1)/SUM(INDEX($D$3:$AA$30,INDEX(Jesper!$R$2:$R$366,ROW(INDEX(Jesper!AK$2:AK$366,ROUNDDOWN($C78/24,0)+1,1))-1)+IF('Standard Profiles'!$G$21=$B$10,7,0)+IF('Standard Profiles'!$G$21=$B$17,14,0)+IF('Standard Profiles'!$G$21=$B$24,21,0),0)),0)</f>
        <v>7.5799399908254506</v>
      </c>
      <c r="H78" cm="1">
        <f t="array" ref="H78">IFERROR(INDEX(Jesper!AL$2:AL$366,ROUNDDOWN($C78/24,0)+1,1)*INDEX($D$3:$AA$30,INDEX(Jesper!$R$2:$R$366,ROW(INDEX(Jesper!AL$2:AL$366,ROUNDDOWN($C78/24,0)+1,1))-1)+IF('Standard Profiles'!$G$22=$B$10,7,0)+IF('Standard Profiles'!$G$22=$B$17,14,0)+IF('Standard Profiles'!$G$22=$B$24,21,0),MOD($C78,24)+1)/SUM(INDEX($D$3:$AA$30,INDEX(Jesper!$R$2:$R$366,ROW(INDEX(Jesper!AL$2:AL$366,ROUNDDOWN($C78/24,0)+1,1))-1)+IF('Standard Profiles'!$G$22=$B$10,7,0)+IF('Standard Profiles'!$G$22=$B$17,14,0)+IF('Standard Profiles'!$G$22=$B$24,21,0),0)),0)</f>
        <v>0</v>
      </c>
      <c r="I78">
        <f t="shared" si="20"/>
        <v>3.6383711955962146</v>
      </c>
      <c r="J78">
        <f t="shared" si="21"/>
        <v>15.665152830373811</v>
      </c>
      <c r="K78">
        <f t="shared" si="22"/>
        <v>0.64734045582487842</v>
      </c>
      <c r="L78">
        <f t="shared" si="23"/>
        <v>0.32367022791243921</v>
      </c>
      <c r="M78">
        <f t="shared" si="24"/>
        <v>0</v>
      </c>
      <c r="N78" s="45">
        <f t="shared" si="25"/>
        <v>44928.833333333227</v>
      </c>
      <c r="O78">
        <v>0.49214670004248934</v>
      </c>
      <c r="P78">
        <v>8.7833117465617701</v>
      </c>
      <c r="Q78">
        <v>0.60672174344589624</v>
      </c>
      <c r="R78">
        <v>0.30336087172294812</v>
      </c>
      <c r="S78">
        <v>0</v>
      </c>
      <c r="T78" s="45">
        <v>45061.833333325485</v>
      </c>
    </row>
    <row r="79" spans="2:21" x14ac:dyDescent="0.25">
      <c r="B79">
        <f t="shared" si="19"/>
        <v>1</v>
      </c>
      <c r="C79" s="16">
        <v>45</v>
      </c>
      <c r="D79" cm="1">
        <f t="array" ref="D79">IFERROR(INDEX(Jesper!AH$2:AH$366,ROUNDDOWN($C79/24,0)+1,1)*INDEX($D$3:$AA$30,INDEX(Jesper!$R$2:$R$366,ROW(INDEX(Jesper!AH$2:AH$366,ROUNDDOWN($C79/24,0)+1,1))-1)+IF('Standard Profiles'!$G$18=$B$10,7,0)+IF('Standard Profiles'!$G$18=$B$17,14,0)+IF('Standard Profiles'!$G$18=$B$24,21,0),MOD($C79,24)+1)/SUM(INDEX($D$3:$AA$30,INDEX(Jesper!$R$2:$R$366,ROW(INDEX(Jesper!AH$2:AH$366,ROUNDDOWN($C79/24,0)+1,1))-1)+IF('Standard Profiles'!$G$18=$B$10,7,0)+IF('Standard Profiles'!$G$18=$B$17,14,0)+IF('Standard Profiles'!$G$18=$B$24,21,0),0)),0)</f>
        <v>6.0688167733582343</v>
      </c>
      <c r="E79" cm="1">
        <f t="array" ref="E79">IFERROR(INDEX(Jesper!AI$2:AI$366,ROUNDDOWN($C79/24,0)+1,1)*INDEX($D$3:$AA$30,INDEX(Jesper!$R$2:$R$366,ROW(INDEX(Jesper!AI$2:AI$366,ROUNDDOWN($C79/24,0)+1,1))-1)+IF('Standard Profiles'!$G$19=$B$10,7,0)+IF('Standard Profiles'!$G$19=$B$17,14,0)+IF('Standard Profiles'!$G$19=$B$24,21,0),MOD($C79,24)+1)/SUM(INDEX($D$3:$AA$30,INDEX(Jesper!$R$2:$R$366,ROW(INDEX(Jesper!AI$2:AI$366,ROUNDDOWN($C79/24,0)+1,1))-1)+IF('Standard Profiles'!$G$19=$B$10,7,0)+IF('Standard Profiles'!$G$19=$B$17,14,0)+IF('Standard Profiles'!$G$19=$B$24,21,0),0)),0)</f>
        <v>6.6257779455236605</v>
      </c>
      <c r="F79" cm="1">
        <f t="array" ref="F79">IFERROR(INDEX(Jesper!AJ$2:AJ$366,ROUNDDOWN($C79/24,0)+1,1)*INDEX($D$3:$AA$30,INDEX(Jesper!$R$2:$R$366,ROW(INDEX(Jesper!AJ$2:AJ$366,ROUNDDOWN($C79/24,0)+1,1))-1)+IF('Standard Profiles'!$G$20=$B$10,7,0)+IF('Standard Profiles'!$G$20=$B$17,14,0)+IF('Standard Profiles'!$G$20=$B$24,21,0),MOD($C79,24)+1)/SUM(INDEX($D$3:$AA$30,INDEX(Jesper!$R$2:$R$366,ROW(INDEX(Jesper!AJ$2:AJ$366,ROUNDDOWN($C79/24,0)+1,1))-1)+IF('Standard Profiles'!$G$20=$B$10,7,0)+IF('Standard Profiles'!$G$20=$B$17,14,0)+IF('Standard Profiles'!$G$20=$B$24,21,0),0)),0)</f>
        <v>0</v>
      </c>
      <c r="G79" cm="1">
        <f t="array" ref="G79">IFERROR(INDEX(Jesper!AK$2:AK$366,ROUNDDOWN($C79/24,0)+1,1)*INDEX($D$3:$AA$30,INDEX(Jesper!$R$2:$R$366,ROW(INDEX(Jesper!AK$2:AK$366,ROUNDDOWN($C79/24,0)+1,1))-1)+IF('Standard Profiles'!$G$21=$B$10,7,0)+IF('Standard Profiles'!$G$21=$B$17,14,0)+IF('Standard Profiles'!$G$21=$B$24,21,0),MOD($C79,24)+1)/SUM(INDEX($D$3:$AA$30,INDEX(Jesper!$R$2:$R$366,ROW(INDEX(Jesper!AK$2:AK$366,ROUNDDOWN($C79/24,0)+1,1))-1)+IF('Standard Profiles'!$G$21=$B$10,7,0)+IF('Standard Profiles'!$G$21=$B$17,14,0)+IF('Standard Profiles'!$G$21=$B$24,21,0),0)),0)</f>
        <v>7.5799399908254506</v>
      </c>
      <c r="H79" cm="1">
        <f t="array" ref="H79">IFERROR(INDEX(Jesper!AL$2:AL$366,ROUNDDOWN($C79/24,0)+1,1)*INDEX($D$3:$AA$30,INDEX(Jesper!$R$2:$R$366,ROW(INDEX(Jesper!AL$2:AL$366,ROUNDDOWN($C79/24,0)+1,1))-1)+IF('Standard Profiles'!$G$22=$B$10,7,0)+IF('Standard Profiles'!$G$22=$B$17,14,0)+IF('Standard Profiles'!$G$22=$B$24,21,0),MOD($C79,24)+1)/SUM(INDEX($D$3:$AA$30,INDEX(Jesper!$R$2:$R$366,ROW(INDEX(Jesper!AL$2:AL$366,ROUNDDOWN($C79/24,0)+1,1))-1)+IF('Standard Profiles'!$G$22=$B$10,7,0)+IF('Standard Profiles'!$G$22=$B$17,14,0)+IF('Standard Profiles'!$G$22=$B$24,21,0),0)),0)</f>
        <v>0</v>
      </c>
      <c r="I79">
        <f t="shared" si="20"/>
        <v>3.6383711955962146</v>
      </c>
      <c r="J79">
        <f t="shared" si="21"/>
        <v>15.665152830373811</v>
      </c>
      <c r="K79">
        <f t="shared" si="22"/>
        <v>0.64734045582487842</v>
      </c>
      <c r="L79">
        <f t="shared" si="23"/>
        <v>0.32367022791243921</v>
      </c>
      <c r="M79">
        <f t="shared" si="24"/>
        <v>0</v>
      </c>
      <c r="N79" s="45">
        <f t="shared" si="25"/>
        <v>44928.874999999891</v>
      </c>
      <c r="O79">
        <v>0.49214670004248934</v>
      </c>
      <c r="P79">
        <v>8.7833117465617701</v>
      </c>
      <c r="Q79">
        <v>0.60672174344589624</v>
      </c>
      <c r="R79">
        <v>0.30336087172294812</v>
      </c>
      <c r="S79">
        <v>0</v>
      </c>
      <c r="T79" s="45">
        <v>45061.874999992149</v>
      </c>
    </row>
    <row r="80" spans="2:21" x14ac:dyDescent="0.25">
      <c r="B80">
        <f t="shared" si="19"/>
        <v>1</v>
      </c>
      <c r="C80" s="16">
        <v>46</v>
      </c>
      <c r="D80" cm="1">
        <f t="array" ref="D80">IFERROR(INDEX(Jesper!AH$2:AH$366,ROUNDDOWN($C80/24,0)+1,1)*INDEX($D$3:$AA$30,INDEX(Jesper!$R$2:$R$366,ROW(INDEX(Jesper!AH$2:AH$366,ROUNDDOWN($C80/24,0)+1,1))-1)+IF('Standard Profiles'!$G$18=$B$10,7,0)+IF('Standard Profiles'!$G$18=$B$17,14,0)+IF('Standard Profiles'!$G$18=$B$24,21,0),MOD($C80,24)+1)/SUM(INDEX($D$3:$AA$30,INDEX(Jesper!$R$2:$R$366,ROW(INDEX(Jesper!AH$2:AH$366,ROUNDDOWN($C80/24,0)+1,1))-1)+IF('Standard Profiles'!$G$18=$B$10,7,0)+IF('Standard Profiles'!$G$18=$B$17,14,0)+IF('Standard Profiles'!$G$18=$B$24,21,0),0)),0)</f>
        <v>6.0688167733582343</v>
      </c>
      <c r="E80" cm="1">
        <f t="array" ref="E80">IFERROR(INDEX(Jesper!AI$2:AI$366,ROUNDDOWN($C80/24,0)+1,1)*INDEX($D$3:$AA$30,INDEX(Jesper!$R$2:$R$366,ROW(INDEX(Jesper!AI$2:AI$366,ROUNDDOWN($C80/24,0)+1,1))-1)+IF('Standard Profiles'!$G$19=$B$10,7,0)+IF('Standard Profiles'!$G$19=$B$17,14,0)+IF('Standard Profiles'!$G$19=$B$24,21,0),MOD($C80,24)+1)/SUM(INDEX($D$3:$AA$30,INDEX(Jesper!$R$2:$R$366,ROW(INDEX(Jesper!AI$2:AI$366,ROUNDDOWN($C80/24,0)+1,1))-1)+IF('Standard Profiles'!$G$19=$B$10,7,0)+IF('Standard Profiles'!$G$19=$B$17,14,0)+IF('Standard Profiles'!$G$19=$B$24,21,0),0)),0)</f>
        <v>6.6257779455236605</v>
      </c>
      <c r="F80" cm="1">
        <f t="array" ref="F80">IFERROR(INDEX(Jesper!AJ$2:AJ$366,ROUNDDOWN($C80/24,0)+1,1)*INDEX($D$3:$AA$30,INDEX(Jesper!$R$2:$R$366,ROW(INDEX(Jesper!AJ$2:AJ$366,ROUNDDOWN($C80/24,0)+1,1))-1)+IF('Standard Profiles'!$G$20=$B$10,7,0)+IF('Standard Profiles'!$G$20=$B$17,14,0)+IF('Standard Profiles'!$G$20=$B$24,21,0),MOD($C80,24)+1)/SUM(INDEX($D$3:$AA$30,INDEX(Jesper!$R$2:$R$366,ROW(INDEX(Jesper!AJ$2:AJ$366,ROUNDDOWN($C80/24,0)+1,1))-1)+IF('Standard Profiles'!$G$20=$B$10,7,0)+IF('Standard Profiles'!$G$20=$B$17,14,0)+IF('Standard Profiles'!$G$20=$B$24,21,0),0)),0)</f>
        <v>0</v>
      </c>
      <c r="G80" cm="1">
        <f t="array" ref="G80">IFERROR(INDEX(Jesper!AK$2:AK$366,ROUNDDOWN($C80/24,0)+1,1)*INDEX($D$3:$AA$30,INDEX(Jesper!$R$2:$R$366,ROW(INDEX(Jesper!AK$2:AK$366,ROUNDDOWN($C80/24,0)+1,1))-1)+IF('Standard Profiles'!$G$21=$B$10,7,0)+IF('Standard Profiles'!$G$21=$B$17,14,0)+IF('Standard Profiles'!$G$21=$B$24,21,0),MOD($C80,24)+1)/SUM(INDEX($D$3:$AA$30,INDEX(Jesper!$R$2:$R$366,ROW(INDEX(Jesper!AK$2:AK$366,ROUNDDOWN($C80/24,0)+1,1))-1)+IF('Standard Profiles'!$G$21=$B$10,7,0)+IF('Standard Profiles'!$G$21=$B$17,14,0)+IF('Standard Profiles'!$G$21=$B$24,21,0),0)),0)</f>
        <v>7.5799399908254506</v>
      </c>
      <c r="H80" cm="1">
        <f t="array" ref="H80">IFERROR(INDEX(Jesper!AL$2:AL$366,ROUNDDOWN($C80/24,0)+1,1)*INDEX($D$3:$AA$30,INDEX(Jesper!$R$2:$R$366,ROW(INDEX(Jesper!AL$2:AL$366,ROUNDDOWN($C80/24,0)+1,1))-1)+IF('Standard Profiles'!$G$22=$B$10,7,0)+IF('Standard Profiles'!$G$22=$B$17,14,0)+IF('Standard Profiles'!$G$22=$B$24,21,0),MOD($C80,24)+1)/SUM(INDEX($D$3:$AA$30,INDEX(Jesper!$R$2:$R$366,ROW(INDEX(Jesper!AL$2:AL$366,ROUNDDOWN($C80/24,0)+1,1))-1)+IF('Standard Profiles'!$G$22=$B$10,7,0)+IF('Standard Profiles'!$G$22=$B$17,14,0)+IF('Standard Profiles'!$G$22=$B$24,21,0),0)),0)</f>
        <v>0</v>
      </c>
      <c r="I80">
        <f t="shared" si="20"/>
        <v>3.6383711955962146</v>
      </c>
      <c r="J80">
        <f t="shared" si="21"/>
        <v>15.665152830373811</v>
      </c>
      <c r="K80">
        <f t="shared" si="22"/>
        <v>0.64734045582487842</v>
      </c>
      <c r="L80">
        <f t="shared" si="23"/>
        <v>0.32367022791243921</v>
      </c>
      <c r="M80">
        <f t="shared" si="24"/>
        <v>0</v>
      </c>
      <c r="N80" s="45">
        <f t="shared" si="25"/>
        <v>44928.916666666555</v>
      </c>
      <c r="O80">
        <v>0.49214670004248934</v>
      </c>
      <c r="P80">
        <v>8.7833117465617701</v>
      </c>
      <c r="Q80">
        <v>0.60672174344589624</v>
      </c>
      <c r="R80">
        <v>0.30336087172294812</v>
      </c>
      <c r="S80">
        <v>0</v>
      </c>
      <c r="T80" s="45">
        <v>45061.916666658813</v>
      </c>
    </row>
    <row r="81" spans="2:21" x14ac:dyDescent="0.25">
      <c r="B81">
        <f t="shared" si="19"/>
        <v>1</v>
      </c>
      <c r="C81" s="16">
        <v>47</v>
      </c>
      <c r="D81" cm="1">
        <f t="array" ref="D81">IFERROR(INDEX(Jesper!AH$2:AH$366,ROUNDDOWN($C81/24,0)+1,1)*INDEX($D$3:$AA$30,INDEX(Jesper!$R$2:$R$366,ROW(INDEX(Jesper!AH$2:AH$366,ROUNDDOWN($C81/24,0)+1,1))-1)+IF('Standard Profiles'!$G$18=$B$10,7,0)+IF('Standard Profiles'!$G$18=$B$17,14,0)+IF('Standard Profiles'!$G$18=$B$24,21,0),MOD($C81,24)+1)/SUM(INDEX($D$3:$AA$30,INDEX(Jesper!$R$2:$R$366,ROW(INDEX(Jesper!AH$2:AH$366,ROUNDDOWN($C81/24,0)+1,1))-1)+IF('Standard Profiles'!$G$18=$B$10,7,0)+IF('Standard Profiles'!$G$18=$B$17,14,0)+IF('Standard Profiles'!$G$18=$B$24,21,0),0)),0)</f>
        <v>6.0688167733582343</v>
      </c>
      <c r="E81" cm="1">
        <f t="array" ref="E81">IFERROR(INDEX(Jesper!AI$2:AI$366,ROUNDDOWN($C81/24,0)+1,1)*INDEX($D$3:$AA$30,INDEX(Jesper!$R$2:$R$366,ROW(INDEX(Jesper!AI$2:AI$366,ROUNDDOWN($C81/24,0)+1,1))-1)+IF('Standard Profiles'!$G$19=$B$10,7,0)+IF('Standard Profiles'!$G$19=$B$17,14,0)+IF('Standard Profiles'!$G$19=$B$24,21,0),MOD($C81,24)+1)/SUM(INDEX($D$3:$AA$30,INDEX(Jesper!$R$2:$R$366,ROW(INDEX(Jesper!AI$2:AI$366,ROUNDDOWN($C81/24,0)+1,1))-1)+IF('Standard Profiles'!$G$19=$B$10,7,0)+IF('Standard Profiles'!$G$19=$B$17,14,0)+IF('Standard Profiles'!$G$19=$B$24,21,0),0)),0)</f>
        <v>6.6257779455236605</v>
      </c>
      <c r="F81" cm="1">
        <f t="array" ref="F81">IFERROR(INDEX(Jesper!AJ$2:AJ$366,ROUNDDOWN($C81/24,0)+1,1)*INDEX($D$3:$AA$30,INDEX(Jesper!$R$2:$R$366,ROW(INDEX(Jesper!AJ$2:AJ$366,ROUNDDOWN($C81/24,0)+1,1))-1)+IF('Standard Profiles'!$G$20=$B$10,7,0)+IF('Standard Profiles'!$G$20=$B$17,14,0)+IF('Standard Profiles'!$G$20=$B$24,21,0),MOD($C81,24)+1)/SUM(INDEX($D$3:$AA$30,INDEX(Jesper!$R$2:$R$366,ROW(INDEX(Jesper!AJ$2:AJ$366,ROUNDDOWN($C81/24,0)+1,1))-1)+IF('Standard Profiles'!$G$20=$B$10,7,0)+IF('Standard Profiles'!$G$20=$B$17,14,0)+IF('Standard Profiles'!$G$20=$B$24,21,0),0)),0)</f>
        <v>0</v>
      </c>
      <c r="G81" cm="1">
        <f t="array" ref="G81">IFERROR(INDEX(Jesper!AK$2:AK$366,ROUNDDOWN($C81/24,0)+1,1)*INDEX($D$3:$AA$30,INDEX(Jesper!$R$2:$R$366,ROW(INDEX(Jesper!AK$2:AK$366,ROUNDDOWN($C81/24,0)+1,1))-1)+IF('Standard Profiles'!$G$21=$B$10,7,0)+IF('Standard Profiles'!$G$21=$B$17,14,0)+IF('Standard Profiles'!$G$21=$B$24,21,0),MOD($C81,24)+1)/SUM(INDEX($D$3:$AA$30,INDEX(Jesper!$R$2:$R$366,ROW(INDEX(Jesper!AK$2:AK$366,ROUNDDOWN($C81/24,0)+1,1))-1)+IF('Standard Profiles'!$G$21=$B$10,7,0)+IF('Standard Profiles'!$G$21=$B$17,14,0)+IF('Standard Profiles'!$G$21=$B$24,21,0),0)),0)</f>
        <v>7.5799399908254506</v>
      </c>
      <c r="H81" cm="1">
        <f t="array" ref="H81">IFERROR(INDEX(Jesper!AL$2:AL$366,ROUNDDOWN($C81/24,0)+1,1)*INDEX($D$3:$AA$30,INDEX(Jesper!$R$2:$R$366,ROW(INDEX(Jesper!AL$2:AL$366,ROUNDDOWN($C81/24,0)+1,1))-1)+IF('Standard Profiles'!$G$22=$B$10,7,0)+IF('Standard Profiles'!$G$22=$B$17,14,0)+IF('Standard Profiles'!$G$22=$B$24,21,0),MOD($C81,24)+1)/SUM(INDEX($D$3:$AA$30,INDEX(Jesper!$R$2:$R$366,ROW(INDEX(Jesper!AL$2:AL$366,ROUNDDOWN($C81/24,0)+1,1))-1)+IF('Standard Profiles'!$G$22=$B$10,7,0)+IF('Standard Profiles'!$G$22=$B$17,14,0)+IF('Standard Profiles'!$G$22=$B$24,21,0),0)),0)</f>
        <v>0</v>
      </c>
      <c r="I81">
        <f t="shared" si="20"/>
        <v>3.6383711955962146</v>
      </c>
      <c r="J81">
        <f t="shared" si="21"/>
        <v>15.665152830373811</v>
      </c>
      <c r="K81">
        <f t="shared" si="22"/>
        <v>0.64734045582487842</v>
      </c>
      <c r="L81">
        <f t="shared" si="23"/>
        <v>0.32367022791243921</v>
      </c>
      <c r="M81">
        <f t="shared" si="24"/>
        <v>0</v>
      </c>
      <c r="N81" s="45">
        <f t="shared" si="25"/>
        <v>44928.958333333219</v>
      </c>
      <c r="O81">
        <v>0.49214670004248934</v>
      </c>
      <c r="P81">
        <v>8.7833117465617701</v>
      </c>
      <c r="Q81">
        <v>0.60672174344589624</v>
      </c>
      <c r="R81">
        <v>0.30336087172294812</v>
      </c>
      <c r="S81">
        <v>0</v>
      </c>
      <c r="T81" s="45">
        <v>45061.958333325478</v>
      </c>
    </row>
    <row r="82" spans="2:21" x14ac:dyDescent="0.25">
      <c r="B82">
        <f t="shared" si="19"/>
        <v>2</v>
      </c>
      <c r="C82" s="16">
        <v>48</v>
      </c>
      <c r="D82" cm="1">
        <f t="array" ref="D82">IFERROR(INDEX(Jesper!AH$2:AH$366,ROUNDDOWN($C82/24,0)+1,1)*INDEX($D$3:$AA$30,INDEX(Jesper!$R$2:$R$366,ROW(INDEX(Jesper!AH$2:AH$366,ROUNDDOWN($C82/24,0)+1,1))-1)+IF('Standard Profiles'!$G$18=$B$10,7,0)+IF('Standard Profiles'!$G$18=$B$17,14,0)+IF('Standard Profiles'!$G$18=$B$24,21,0),MOD($C82,24)+1)/SUM(INDEX($D$3:$AA$30,INDEX(Jesper!$R$2:$R$366,ROW(INDEX(Jesper!AH$2:AH$366,ROUNDDOWN($C82/24,0)+1,1))-1)+IF('Standard Profiles'!$G$18=$B$10,7,0)+IF('Standard Profiles'!$G$18=$B$17,14,0)+IF('Standard Profiles'!$G$18=$B$24,21,0),0)),0)</f>
        <v>3.8196755592977785</v>
      </c>
      <c r="E82" cm="1">
        <f t="array" ref="E82">IFERROR(INDEX(Jesper!AI$2:AI$366,ROUNDDOWN($C82/24,0)+1,1)*INDEX($D$3:$AA$30,INDEX(Jesper!$R$2:$R$366,ROW(INDEX(Jesper!AI$2:AI$366,ROUNDDOWN($C82/24,0)+1,1))-1)+IF('Standard Profiles'!$G$19=$B$10,7,0)+IF('Standard Profiles'!$G$19=$B$17,14,0)+IF('Standard Profiles'!$G$19=$B$24,21,0),MOD($C82,24)+1)/SUM(INDEX($D$3:$AA$30,INDEX(Jesper!$R$2:$R$366,ROW(INDEX(Jesper!AI$2:AI$366,ROUNDDOWN($C82/24,0)+1,1))-1)+IF('Standard Profiles'!$G$19=$B$10,7,0)+IF('Standard Profiles'!$G$19=$B$17,14,0)+IF('Standard Profiles'!$G$19=$B$24,21,0),0)),0)</f>
        <v>3.8408334763286596</v>
      </c>
      <c r="F82" cm="1">
        <f t="array" ref="F82">IFERROR(INDEX(Jesper!AJ$2:AJ$366,ROUNDDOWN($C82/24,0)+1,1)*INDEX($D$3:$AA$30,INDEX(Jesper!$R$2:$R$366,ROW(INDEX(Jesper!AJ$2:AJ$366,ROUNDDOWN($C82/24,0)+1,1))-1)+IF('Standard Profiles'!$G$20=$B$10,7,0)+IF('Standard Profiles'!$G$20=$B$17,14,0)+IF('Standard Profiles'!$G$20=$B$24,21,0),MOD($C82,24)+1)/SUM(INDEX($D$3:$AA$30,INDEX(Jesper!$R$2:$R$366,ROW(INDEX(Jesper!AJ$2:AJ$366,ROUNDDOWN($C82/24,0)+1,1))-1)+IF('Standard Profiles'!$G$20=$B$10,7,0)+IF('Standard Profiles'!$G$20=$B$17,14,0)+IF('Standard Profiles'!$G$20=$B$24,21,0),0)),0)</f>
        <v>0</v>
      </c>
      <c r="G82" cm="1">
        <f t="array" ref="G82">IFERROR(INDEX(Jesper!AK$2:AK$366,ROUNDDOWN($C82/24,0)+1,1)*INDEX($D$3:$AA$30,INDEX(Jesper!$R$2:$R$366,ROW(INDEX(Jesper!AK$2:AK$366,ROUNDDOWN($C82/24,0)+1,1))-1)+IF('Standard Profiles'!$G$21=$B$10,7,0)+IF('Standard Profiles'!$G$21=$B$17,14,0)+IF('Standard Profiles'!$G$21=$B$24,21,0),MOD($C82,24)+1)/SUM(INDEX($D$3:$AA$30,INDEX(Jesper!$R$2:$R$366,ROW(INDEX(Jesper!AK$2:AK$366,ROUNDDOWN($C82/24,0)+1,1))-1)+IF('Standard Profiles'!$G$21=$B$10,7,0)+IF('Standard Profiles'!$G$21=$B$17,14,0)+IF('Standard Profiles'!$G$21=$B$24,21,0),0)),0)</f>
        <v>5.6319845906721984</v>
      </c>
      <c r="H82" cm="1">
        <f t="array" ref="H82">IFERROR(INDEX(Jesper!AL$2:AL$366,ROUNDDOWN($C82/24,0)+1,1)*INDEX($D$3:$AA$30,INDEX(Jesper!$R$2:$R$366,ROW(INDEX(Jesper!AL$2:AL$366,ROUNDDOWN($C82/24,0)+1,1))-1)+IF('Standard Profiles'!$G$22=$B$10,7,0)+IF('Standard Profiles'!$G$22=$B$17,14,0)+IF('Standard Profiles'!$G$22=$B$24,21,0),MOD($C82,24)+1)/SUM(INDEX($D$3:$AA$30,INDEX(Jesper!$R$2:$R$366,ROW(INDEX(Jesper!AL$2:AL$366,ROUNDDOWN($C82/24,0)+1,1))-1)+IF('Standard Profiles'!$G$22=$B$10,7,0)+IF('Standard Profiles'!$G$22=$B$17,14,0)+IF('Standard Profiles'!$G$22=$B$24,21,0),0)),0)</f>
        <v>0</v>
      </c>
      <c r="I82">
        <f t="shared" si="20"/>
        <v>2.7033526035226538</v>
      </c>
      <c r="J82">
        <f t="shared" si="21"/>
        <v>9.9779929332883377</v>
      </c>
      <c r="K82">
        <f t="shared" si="22"/>
        <v>0.40743205965842971</v>
      </c>
      <c r="L82">
        <f t="shared" si="23"/>
        <v>0.20371602982921486</v>
      </c>
      <c r="M82">
        <f t="shared" si="24"/>
        <v>0</v>
      </c>
      <c r="N82" s="45">
        <f t="shared" si="25"/>
        <v>44928.999999999884</v>
      </c>
      <c r="O82">
        <v>0.45670161218879862</v>
      </c>
      <c r="P82">
        <v>5.7250549901052192</v>
      </c>
      <c r="Q82">
        <v>0.3861596878835481</v>
      </c>
      <c r="R82">
        <v>0.19307984394177405</v>
      </c>
      <c r="S82">
        <v>0</v>
      </c>
      <c r="T82" s="45">
        <v>45061.999999992142</v>
      </c>
    </row>
    <row r="83" spans="2:21" x14ac:dyDescent="0.25">
      <c r="B83">
        <f t="shared" si="19"/>
        <v>2</v>
      </c>
      <c r="C83" s="16">
        <v>49</v>
      </c>
      <c r="D83" cm="1">
        <f t="array" ref="D83">IFERROR(INDEX(Jesper!AH$2:AH$366,ROUNDDOWN($C83/24,0)+1,1)*INDEX($D$3:$AA$30,INDEX(Jesper!$R$2:$R$366,ROW(INDEX(Jesper!AH$2:AH$366,ROUNDDOWN($C83/24,0)+1,1))-1)+IF('Standard Profiles'!$G$18=$B$10,7,0)+IF('Standard Profiles'!$G$18=$B$17,14,0)+IF('Standard Profiles'!$G$18=$B$24,21,0),MOD($C83,24)+1)/SUM(INDEX($D$3:$AA$30,INDEX(Jesper!$R$2:$R$366,ROW(INDEX(Jesper!AH$2:AH$366,ROUNDDOWN($C83/24,0)+1,1))-1)+IF('Standard Profiles'!$G$18=$B$10,7,0)+IF('Standard Profiles'!$G$18=$B$17,14,0)+IF('Standard Profiles'!$G$18=$B$24,21,0),0)),0)</f>
        <v>5.8204579951204245</v>
      </c>
      <c r="E83" cm="1">
        <f t="array" ref="E83">IFERROR(INDEX(Jesper!AI$2:AI$366,ROUNDDOWN($C83/24,0)+1,1)*INDEX($D$3:$AA$30,INDEX(Jesper!$R$2:$R$366,ROW(INDEX(Jesper!AI$2:AI$366,ROUNDDOWN($C83/24,0)+1,1))-1)+IF('Standard Profiles'!$G$19=$B$10,7,0)+IF('Standard Profiles'!$G$19=$B$17,14,0)+IF('Standard Profiles'!$G$19=$B$24,21,0),MOD($C83,24)+1)/SUM(INDEX($D$3:$AA$30,INDEX(Jesper!$R$2:$R$366,ROW(INDEX(Jesper!AI$2:AI$366,ROUNDDOWN($C83/24,0)+1,1))-1)+IF('Standard Profiles'!$G$19=$B$10,7,0)+IF('Standard Profiles'!$G$19=$B$17,14,0)+IF('Standard Profiles'!$G$19=$B$24,21,0),0)),0)</f>
        <v>5.8526986305960529</v>
      </c>
      <c r="F83" cm="1">
        <f t="array" ref="F83">IFERROR(INDEX(Jesper!AJ$2:AJ$366,ROUNDDOWN($C83/24,0)+1,1)*INDEX($D$3:$AA$30,INDEX(Jesper!$R$2:$R$366,ROW(INDEX(Jesper!AJ$2:AJ$366,ROUNDDOWN($C83/24,0)+1,1))-1)+IF('Standard Profiles'!$G$20=$B$10,7,0)+IF('Standard Profiles'!$G$20=$B$17,14,0)+IF('Standard Profiles'!$G$20=$B$24,21,0),MOD($C83,24)+1)/SUM(INDEX($D$3:$AA$30,INDEX(Jesper!$R$2:$R$366,ROW(INDEX(Jesper!AJ$2:AJ$366,ROUNDDOWN($C83/24,0)+1,1))-1)+IF('Standard Profiles'!$G$20=$B$10,7,0)+IF('Standard Profiles'!$G$20=$B$17,14,0)+IF('Standard Profiles'!$G$20=$B$24,21,0),0)),0)</f>
        <v>0</v>
      </c>
      <c r="G83" cm="1">
        <f t="array" ref="G83">IFERROR(INDEX(Jesper!AK$2:AK$366,ROUNDDOWN($C83/24,0)+1,1)*INDEX($D$3:$AA$30,INDEX(Jesper!$R$2:$R$366,ROW(INDEX(Jesper!AK$2:AK$366,ROUNDDOWN($C83/24,0)+1,1))-1)+IF('Standard Profiles'!$G$21=$B$10,7,0)+IF('Standard Profiles'!$G$21=$B$17,14,0)+IF('Standard Profiles'!$G$21=$B$24,21,0),MOD($C83,24)+1)/SUM(INDEX($D$3:$AA$30,INDEX(Jesper!$R$2:$R$366,ROW(INDEX(Jesper!AK$2:AK$366,ROUNDDOWN($C83/24,0)+1,1))-1)+IF('Standard Profiles'!$G$21=$B$10,7,0)+IF('Standard Profiles'!$G$21=$B$17,14,0)+IF('Standard Profiles'!$G$21=$B$24,21,0),0)),0)</f>
        <v>5.6319845906721984</v>
      </c>
      <c r="H83" cm="1">
        <f t="array" ref="H83">IFERROR(INDEX(Jesper!AL$2:AL$366,ROUNDDOWN($C83/24,0)+1,1)*INDEX($D$3:$AA$30,INDEX(Jesper!$R$2:$R$366,ROW(INDEX(Jesper!AL$2:AL$366,ROUNDDOWN($C83/24,0)+1,1))-1)+IF('Standard Profiles'!$G$22=$B$10,7,0)+IF('Standard Profiles'!$G$22=$B$17,14,0)+IF('Standard Profiles'!$G$22=$B$24,21,0),MOD($C83,24)+1)/SUM(INDEX($D$3:$AA$30,INDEX(Jesper!$R$2:$R$366,ROW(INDEX(Jesper!AL$2:AL$366,ROUNDDOWN($C83/24,0)+1,1))-1)+IF('Standard Profiles'!$G$22=$B$10,7,0)+IF('Standard Profiles'!$G$22=$B$17,14,0)+IF('Standard Profiles'!$G$22=$B$24,21,0),0)),0)</f>
        <v>0</v>
      </c>
      <c r="I83">
        <f t="shared" si="20"/>
        <v>2.7033526035226538</v>
      </c>
      <c r="J83">
        <f t="shared" si="21"/>
        <v>13.670515333646755</v>
      </c>
      <c r="K83">
        <f t="shared" si="22"/>
        <v>0.6208488528128453</v>
      </c>
      <c r="L83">
        <f t="shared" si="23"/>
        <v>0.31042442640642265</v>
      </c>
      <c r="M83">
        <f t="shared" si="24"/>
        <v>0</v>
      </c>
      <c r="N83" s="45">
        <f t="shared" si="25"/>
        <v>44929.041666666548</v>
      </c>
      <c r="O83">
        <v>0.45670161218879862</v>
      </c>
      <c r="P83">
        <v>8.4647332764182774</v>
      </c>
      <c r="Q83">
        <v>0.58843381010826379</v>
      </c>
      <c r="R83">
        <v>0.29421690505413189</v>
      </c>
      <c r="S83">
        <v>0</v>
      </c>
      <c r="T83" s="45">
        <v>45062.041666658806</v>
      </c>
    </row>
    <row r="84" spans="2:21" x14ac:dyDescent="0.25">
      <c r="B84">
        <f t="shared" si="19"/>
        <v>2</v>
      </c>
      <c r="C84" s="16">
        <v>50</v>
      </c>
      <c r="D84" cm="1">
        <f t="array" ref="D84">IFERROR(INDEX(Jesper!AH$2:AH$366,ROUNDDOWN($C84/24,0)+1,1)*INDEX($D$3:$AA$30,INDEX(Jesper!$R$2:$R$366,ROW(INDEX(Jesper!AH$2:AH$366,ROUNDDOWN($C84/24,0)+1,1))-1)+IF('Standard Profiles'!$G$18=$B$10,7,0)+IF('Standard Profiles'!$G$18=$B$17,14,0)+IF('Standard Profiles'!$G$18=$B$24,21,0),MOD($C84,24)+1)/SUM(INDEX($D$3:$AA$30,INDEX(Jesper!$R$2:$R$366,ROW(INDEX(Jesper!AH$2:AH$366,ROUNDDOWN($C84/24,0)+1,1))-1)+IF('Standard Profiles'!$G$18=$B$10,7,0)+IF('Standard Profiles'!$G$18=$B$17,14,0)+IF('Standard Profiles'!$G$18=$B$24,21,0),0)),0)</f>
        <v>5.8204579951204245</v>
      </c>
      <c r="E84" cm="1">
        <f t="array" ref="E84">IFERROR(INDEX(Jesper!AI$2:AI$366,ROUNDDOWN($C84/24,0)+1,1)*INDEX($D$3:$AA$30,INDEX(Jesper!$R$2:$R$366,ROW(INDEX(Jesper!AI$2:AI$366,ROUNDDOWN($C84/24,0)+1,1))-1)+IF('Standard Profiles'!$G$19=$B$10,7,0)+IF('Standard Profiles'!$G$19=$B$17,14,0)+IF('Standard Profiles'!$G$19=$B$24,21,0),MOD($C84,24)+1)/SUM(INDEX($D$3:$AA$30,INDEX(Jesper!$R$2:$R$366,ROW(INDEX(Jesper!AI$2:AI$366,ROUNDDOWN($C84/24,0)+1,1))-1)+IF('Standard Profiles'!$G$19=$B$10,7,0)+IF('Standard Profiles'!$G$19=$B$17,14,0)+IF('Standard Profiles'!$G$19=$B$24,21,0),0)),0)</f>
        <v>5.8526986305960529</v>
      </c>
      <c r="F84" cm="1">
        <f t="array" ref="F84">IFERROR(INDEX(Jesper!AJ$2:AJ$366,ROUNDDOWN($C84/24,0)+1,1)*INDEX($D$3:$AA$30,INDEX(Jesper!$R$2:$R$366,ROW(INDEX(Jesper!AJ$2:AJ$366,ROUNDDOWN($C84/24,0)+1,1))-1)+IF('Standard Profiles'!$G$20=$B$10,7,0)+IF('Standard Profiles'!$G$20=$B$17,14,0)+IF('Standard Profiles'!$G$20=$B$24,21,0),MOD($C84,24)+1)/SUM(INDEX($D$3:$AA$30,INDEX(Jesper!$R$2:$R$366,ROW(INDEX(Jesper!AJ$2:AJ$366,ROUNDDOWN($C84/24,0)+1,1))-1)+IF('Standard Profiles'!$G$20=$B$10,7,0)+IF('Standard Profiles'!$G$20=$B$17,14,0)+IF('Standard Profiles'!$G$20=$B$24,21,0),0)),0)</f>
        <v>0</v>
      </c>
      <c r="G84" cm="1">
        <f t="array" ref="G84">IFERROR(INDEX(Jesper!AK$2:AK$366,ROUNDDOWN($C84/24,0)+1,1)*INDEX($D$3:$AA$30,INDEX(Jesper!$R$2:$R$366,ROW(INDEX(Jesper!AK$2:AK$366,ROUNDDOWN($C84/24,0)+1,1))-1)+IF('Standard Profiles'!$G$21=$B$10,7,0)+IF('Standard Profiles'!$G$21=$B$17,14,0)+IF('Standard Profiles'!$G$21=$B$24,21,0),MOD($C84,24)+1)/SUM(INDEX($D$3:$AA$30,INDEX(Jesper!$R$2:$R$366,ROW(INDEX(Jesper!AK$2:AK$366,ROUNDDOWN($C84/24,0)+1,1))-1)+IF('Standard Profiles'!$G$21=$B$10,7,0)+IF('Standard Profiles'!$G$21=$B$17,14,0)+IF('Standard Profiles'!$G$21=$B$24,21,0),0)),0)</f>
        <v>5.6319845906721984</v>
      </c>
      <c r="H84" cm="1">
        <f t="array" ref="H84">IFERROR(INDEX(Jesper!AL$2:AL$366,ROUNDDOWN($C84/24,0)+1,1)*INDEX($D$3:$AA$30,INDEX(Jesper!$R$2:$R$366,ROW(INDEX(Jesper!AL$2:AL$366,ROUNDDOWN($C84/24,0)+1,1))-1)+IF('Standard Profiles'!$G$22=$B$10,7,0)+IF('Standard Profiles'!$G$22=$B$17,14,0)+IF('Standard Profiles'!$G$22=$B$24,21,0),MOD($C84,24)+1)/SUM(INDEX($D$3:$AA$30,INDEX(Jesper!$R$2:$R$366,ROW(INDEX(Jesper!AL$2:AL$366,ROUNDDOWN($C84/24,0)+1,1))-1)+IF('Standard Profiles'!$G$22=$B$10,7,0)+IF('Standard Profiles'!$G$22=$B$17,14,0)+IF('Standard Profiles'!$G$22=$B$24,21,0),0)),0)</f>
        <v>0</v>
      </c>
      <c r="I84">
        <f t="shared" si="20"/>
        <v>2.7033526035226538</v>
      </c>
      <c r="J84">
        <f t="shared" si="21"/>
        <v>13.670515333646755</v>
      </c>
      <c r="K84">
        <f t="shared" si="22"/>
        <v>0.6208488528128453</v>
      </c>
      <c r="L84">
        <f t="shared" si="23"/>
        <v>0.31042442640642265</v>
      </c>
      <c r="M84">
        <f t="shared" si="24"/>
        <v>0</v>
      </c>
      <c r="N84" s="45">
        <f t="shared" si="25"/>
        <v>44929.083333333212</v>
      </c>
      <c r="O84">
        <v>0.45670161218879862</v>
      </c>
      <c r="P84">
        <v>8.4647332764182774</v>
      </c>
      <c r="Q84">
        <v>0.58843381010826379</v>
      </c>
      <c r="R84">
        <v>0.29421690505413189</v>
      </c>
      <c r="S84">
        <v>0</v>
      </c>
      <c r="T84" s="45">
        <v>45062.08333332547</v>
      </c>
    </row>
    <row r="85" spans="2:21" x14ac:dyDescent="0.25">
      <c r="B85">
        <f t="shared" si="19"/>
        <v>2</v>
      </c>
      <c r="C85" s="16">
        <v>51</v>
      </c>
      <c r="D85" cm="1">
        <f t="array" ref="D85">IFERROR(INDEX(Jesper!AH$2:AH$366,ROUNDDOWN($C85/24,0)+1,1)*INDEX($D$3:$AA$30,INDEX(Jesper!$R$2:$R$366,ROW(INDEX(Jesper!AH$2:AH$366,ROUNDDOWN($C85/24,0)+1,1))-1)+IF('Standard Profiles'!$G$18=$B$10,7,0)+IF('Standard Profiles'!$G$18=$B$17,14,0)+IF('Standard Profiles'!$G$18=$B$24,21,0),MOD($C85,24)+1)/SUM(INDEX($D$3:$AA$30,INDEX(Jesper!$R$2:$R$366,ROW(INDEX(Jesper!AH$2:AH$366,ROUNDDOWN($C85/24,0)+1,1))-1)+IF('Standard Profiles'!$G$18=$B$10,7,0)+IF('Standard Profiles'!$G$18=$B$17,14,0)+IF('Standard Profiles'!$G$18=$B$24,21,0),0)),0)</f>
        <v>5.8204579951204245</v>
      </c>
      <c r="E85" cm="1">
        <f t="array" ref="E85">IFERROR(INDEX(Jesper!AI$2:AI$366,ROUNDDOWN($C85/24,0)+1,1)*INDEX($D$3:$AA$30,INDEX(Jesper!$R$2:$R$366,ROW(INDEX(Jesper!AI$2:AI$366,ROUNDDOWN($C85/24,0)+1,1))-1)+IF('Standard Profiles'!$G$19=$B$10,7,0)+IF('Standard Profiles'!$G$19=$B$17,14,0)+IF('Standard Profiles'!$G$19=$B$24,21,0),MOD($C85,24)+1)/SUM(INDEX($D$3:$AA$30,INDEX(Jesper!$R$2:$R$366,ROW(INDEX(Jesper!AI$2:AI$366,ROUNDDOWN($C85/24,0)+1,1))-1)+IF('Standard Profiles'!$G$19=$B$10,7,0)+IF('Standard Profiles'!$G$19=$B$17,14,0)+IF('Standard Profiles'!$G$19=$B$24,21,0),0)),0)</f>
        <v>5.8526986305960529</v>
      </c>
      <c r="F85" cm="1">
        <f t="array" ref="F85">IFERROR(INDEX(Jesper!AJ$2:AJ$366,ROUNDDOWN($C85/24,0)+1,1)*INDEX($D$3:$AA$30,INDEX(Jesper!$R$2:$R$366,ROW(INDEX(Jesper!AJ$2:AJ$366,ROUNDDOWN($C85/24,0)+1,1))-1)+IF('Standard Profiles'!$G$20=$B$10,7,0)+IF('Standard Profiles'!$G$20=$B$17,14,0)+IF('Standard Profiles'!$G$20=$B$24,21,0),MOD($C85,24)+1)/SUM(INDEX($D$3:$AA$30,INDEX(Jesper!$R$2:$R$366,ROW(INDEX(Jesper!AJ$2:AJ$366,ROUNDDOWN($C85/24,0)+1,1))-1)+IF('Standard Profiles'!$G$20=$B$10,7,0)+IF('Standard Profiles'!$G$20=$B$17,14,0)+IF('Standard Profiles'!$G$20=$B$24,21,0),0)),0)</f>
        <v>0</v>
      </c>
      <c r="G85" cm="1">
        <f t="array" ref="G85">IFERROR(INDEX(Jesper!AK$2:AK$366,ROUNDDOWN($C85/24,0)+1,1)*INDEX($D$3:$AA$30,INDEX(Jesper!$R$2:$R$366,ROW(INDEX(Jesper!AK$2:AK$366,ROUNDDOWN($C85/24,0)+1,1))-1)+IF('Standard Profiles'!$G$21=$B$10,7,0)+IF('Standard Profiles'!$G$21=$B$17,14,0)+IF('Standard Profiles'!$G$21=$B$24,21,0),MOD($C85,24)+1)/SUM(INDEX($D$3:$AA$30,INDEX(Jesper!$R$2:$R$366,ROW(INDEX(Jesper!AK$2:AK$366,ROUNDDOWN($C85/24,0)+1,1))-1)+IF('Standard Profiles'!$G$21=$B$10,7,0)+IF('Standard Profiles'!$G$21=$B$17,14,0)+IF('Standard Profiles'!$G$21=$B$24,21,0),0)),0)</f>
        <v>5.6319845906721984</v>
      </c>
      <c r="H85" cm="1">
        <f t="array" ref="H85">IFERROR(INDEX(Jesper!AL$2:AL$366,ROUNDDOWN($C85/24,0)+1,1)*INDEX($D$3:$AA$30,INDEX(Jesper!$R$2:$R$366,ROW(INDEX(Jesper!AL$2:AL$366,ROUNDDOWN($C85/24,0)+1,1))-1)+IF('Standard Profiles'!$G$22=$B$10,7,0)+IF('Standard Profiles'!$G$22=$B$17,14,0)+IF('Standard Profiles'!$G$22=$B$24,21,0),MOD($C85,24)+1)/SUM(INDEX($D$3:$AA$30,INDEX(Jesper!$R$2:$R$366,ROW(INDEX(Jesper!AL$2:AL$366,ROUNDDOWN($C85/24,0)+1,1))-1)+IF('Standard Profiles'!$G$22=$B$10,7,0)+IF('Standard Profiles'!$G$22=$B$17,14,0)+IF('Standard Profiles'!$G$22=$B$24,21,0),0)),0)</f>
        <v>0</v>
      </c>
      <c r="I85">
        <f t="shared" si="20"/>
        <v>2.7033526035226538</v>
      </c>
      <c r="J85">
        <f t="shared" si="21"/>
        <v>13.670515333646755</v>
      </c>
      <c r="K85">
        <f t="shared" si="22"/>
        <v>0.6208488528128453</v>
      </c>
      <c r="L85">
        <f t="shared" si="23"/>
        <v>0.31042442640642265</v>
      </c>
      <c r="M85">
        <f t="shared" si="24"/>
        <v>0</v>
      </c>
      <c r="N85" s="45">
        <f t="shared" si="25"/>
        <v>44929.124999999876</v>
      </c>
      <c r="O85">
        <v>0.45670161218879862</v>
      </c>
      <c r="P85">
        <v>8.4647332764182774</v>
      </c>
      <c r="Q85">
        <v>0.58843381010826379</v>
      </c>
      <c r="R85">
        <v>0.29421690505413189</v>
      </c>
      <c r="S85">
        <v>0</v>
      </c>
      <c r="T85" s="45">
        <v>45062.124999992135</v>
      </c>
    </row>
    <row r="86" spans="2:21" x14ac:dyDescent="0.25">
      <c r="B86">
        <f t="shared" si="19"/>
        <v>2</v>
      </c>
      <c r="C86" s="16">
        <v>52</v>
      </c>
      <c r="D86" cm="1">
        <f t="array" ref="D86">IFERROR(INDEX(Jesper!AH$2:AH$366,ROUNDDOWN($C86/24,0)+1,1)*INDEX($D$3:$AA$30,INDEX(Jesper!$R$2:$R$366,ROW(INDEX(Jesper!AH$2:AH$366,ROUNDDOWN($C86/24,0)+1,1))-1)+IF('Standard Profiles'!$G$18=$B$10,7,0)+IF('Standard Profiles'!$G$18=$B$17,14,0)+IF('Standard Profiles'!$G$18=$B$24,21,0),MOD($C86,24)+1)/SUM(INDEX($D$3:$AA$30,INDEX(Jesper!$R$2:$R$366,ROW(INDEX(Jesper!AH$2:AH$366,ROUNDDOWN($C86/24,0)+1,1))-1)+IF('Standard Profiles'!$G$18=$B$10,7,0)+IF('Standard Profiles'!$G$18=$B$17,14,0)+IF('Standard Profiles'!$G$18=$B$24,21,0),0)),0)</f>
        <v>5.8204579951204245</v>
      </c>
      <c r="E86" cm="1">
        <f t="array" ref="E86">IFERROR(INDEX(Jesper!AI$2:AI$366,ROUNDDOWN($C86/24,0)+1,1)*INDEX($D$3:$AA$30,INDEX(Jesper!$R$2:$R$366,ROW(INDEX(Jesper!AI$2:AI$366,ROUNDDOWN($C86/24,0)+1,1))-1)+IF('Standard Profiles'!$G$19=$B$10,7,0)+IF('Standard Profiles'!$G$19=$B$17,14,0)+IF('Standard Profiles'!$G$19=$B$24,21,0),MOD($C86,24)+1)/SUM(INDEX($D$3:$AA$30,INDEX(Jesper!$R$2:$R$366,ROW(INDEX(Jesper!AI$2:AI$366,ROUNDDOWN($C86/24,0)+1,1))-1)+IF('Standard Profiles'!$G$19=$B$10,7,0)+IF('Standard Profiles'!$G$19=$B$17,14,0)+IF('Standard Profiles'!$G$19=$B$24,21,0),0)),0)</f>
        <v>5.8526986305960529</v>
      </c>
      <c r="F86" cm="1">
        <f t="array" ref="F86">IFERROR(INDEX(Jesper!AJ$2:AJ$366,ROUNDDOWN($C86/24,0)+1,1)*INDEX($D$3:$AA$30,INDEX(Jesper!$R$2:$R$366,ROW(INDEX(Jesper!AJ$2:AJ$366,ROUNDDOWN($C86/24,0)+1,1))-1)+IF('Standard Profiles'!$G$20=$B$10,7,0)+IF('Standard Profiles'!$G$20=$B$17,14,0)+IF('Standard Profiles'!$G$20=$B$24,21,0),MOD($C86,24)+1)/SUM(INDEX($D$3:$AA$30,INDEX(Jesper!$R$2:$R$366,ROW(INDEX(Jesper!AJ$2:AJ$366,ROUNDDOWN($C86/24,0)+1,1))-1)+IF('Standard Profiles'!$G$20=$B$10,7,0)+IF('Standard Profiles'!$G$20=$B$17,14,0)+IF('Standard Profiles'!$G$20=$B$24,21,0),0)),0)</f>
        <v>0</v>
      </c>
      <c r="G86" cm="1">
        <f t="array" ref="G86">IFERROR(INDEX(Jesper!AK$2:AK$366,ROUNDDOWN($C86/24,0)+1,1)*INDEX($D$3:$AA$30,INDEX(Jesper!$R$2:$R$366,ROW(INDEX(Jesper!AK$2:AK$366,ROUNDDOWN($C86/24,0)+1,1))-1)+IF('Standard Profiles'!$G$21=$B$10,7,0)+IF('Standard Profiles'!$G$21=$B$17,14,0)+IF('Standard Profiles'!$G$21=$B$24,21,0),MOD($C86,24)+1)/SUM(INDEX($D$3:$AA$30,INDEX(Jesper!$R$2:$R$366,ROW(INDEX(Jesper!AK$2:AK$366,ROUNDDOWN($C86/24,0)+1,1))-1)+IF('Standard Profiles'!$G$21=$B$10,7,0)+IF('Standard Profiles'!$G$21=$B$17,14,0)+IF('Standard Profiles'!$G$21=$B$24,21,0),0)),0)</f>
        <v>5.6319845906721984</v>
      </c>
      <c r="H86" cm="1">
        <f t="array" ref="H86">IFERROR(INDEX(Jesper!AL$2:AL$366,ROUNDDOWN($C86/24,0)+1,1)*INDEX($D$3:$AA$30,INDEX(Jesper!$R$2:$R$366,ROW(INDEX(Jesper!AL$2:AL$366,ROUNDDOWN($C86/24,0)+1,1))-1)+IF('Standard Profiles'!$G$22=$B$10,7,0)+IF('Standard Profiles'!$G$22=$B$17,14,0)+IF('Standard Profiles'!$G$22=$B$24,21,0),MOD($C86,24)+1)/SUM(INDEX($D$3:$AA$30,INDEX(Jesper!$R$2:$R$366,ROW(INDEX(Jesper!AL$2:AL$366,ROUNDDOWN($C86/24,0)+1,1))-1)+IF('Standard Profiles'!$G$22=$B$10,7,0)+IF('Standard Profiles'!$G$22=$B$17,14,0)+IF('Standard Profiles'!$G$22=$B$24,21,0),0)),0)</f>
        <v>0</v>
      </c>
      <c r="I86">
        <f t="shared" si="20"/>
        <v>2.7033526035226538</v>
      </c>
      <c r="J86">
        <f t="shared" si="21"/>
        <v>13.670515333646755</v>
      </c>
      <c r="K86">
        <f t="shared" si="22"/>
        <v>0.6208488528128453</v>
      </c>
      <c r="L86">
        <f t="shared" si="23"/>
        <v>0.31042442640642265</v>
      </c>
      <c r="M86">
        <f t="shared" si="24"/>
        <v>0</v>
      </c>
      <c r="N86" s="45">
        <f t="shared" si="25"/>
        <v>44929.166666666541</v>
      </c>
      <c r="O86">
        <v>0.45670161218879862</v>
      </c>
      <c r="P86">
        <v>8.4647332764182774</v>
      </c>
      <c r="Q86">
        <v>0.58843381010826379</v>
      </c>
      <c r="R86">
        <v>0.29421690505413189</v>
      </c>
      <c r="S86">
        <v>0</v>
      </c>
      <c r="T86" s="45">
        <v>45062.166666658799</v>
      </c>
    </row>
    <row r="87" spans="2:21" x14ac:dyDescent="0.25">
      <c r="B87">
        <f t="shared" si="19"/>
        <v>2</v>
      </c>
      <c r="C87" s="16">
        <v>53</v>
      </c>
      <c r="D87" cm="1">
        <f t="array" ref="D87">IFERROR(INDEX(Jesper!AH$2:AH$366,ROUNDDOWN($C87/24,0)+1,1)*INDEX($D$3:$AA$30,INDEX(Jesper!$R$2:$R$366,ROW(INDEX(Jesper!AH$2:AH$366,ROUNDDOWN($C87/24,0)+1,1))-1)+IF('Standard Profiles'!$G$18=$B$10,7,0)+IF('Standard Profiles'!$G$18=$B$17,14,0)+IF('Standard Profiles'!$G$18=$B$24,21,0),MOD($C87,24)+1)/SUM(INDEX($D$3:$AA$30,INDEX(Jesper!$R$2:$R$366,ROW(INDEX(Jesper!AH$2:AH$366,ROUNDDOWN($C87/24,0)+1,1))-1)+IF('Standard Profiles'!$G$18=$B$10,7,0)+IF('Standard Profiles'!$G$18=$B$17,14,0)+IF('Standard Profiles'!$G$18=$B$24,21,0),0)),0)</f>
        <v>5.8204579951204245</v>
      </c>
      <c r="E87" cm="1">
        <f t="array" ref="E87">IFERROR(INDEX(Jesper!AI$2:AI$366,ROUNDDOWN($C87/24,0)+1,1)*INDEX($D$3:$AA$30,INDEX(Jesper!$R$2:$R$366,ROW(INDEX(Jesper!AI$2:AI$366,ROUNDDOWN($C87/24,0)+1,1))-1)+IF('Standard Profiles'!$G$19=$B$10,7,0)+IF('Standard Profiles'!$G$19=$B$17,14,0)+IF('Standard Profiles'!$G$19=$B$24,21,0),MOD($C87,24)+1)/SUM(INDEX($D$3:$AA$30,INDEX(Jesper!$R$2:$R$366,ROW(INDEX(Jesper!AI$2:AI$366,ROUNDDOWN($C87/24,0)+1,1))-1)+IF('Standard Profiles'!$G$19=$B$10,7,0)+IF('Standard Profiles'!$G$19=$B$17,14,0)+IF('Standard Profiles'!$G$19=$B$24,21,0),0)),0)</f>
        <v>5.8526986305960529</v>
      </c>
      <c r="F87" cm="1">
        <f t="array" ref="F87">IFERROR(INDEX(Jesper!AJ$2:AJ$366,ROUNDDOWN($C87/24,0)+1,1)*INDEX($D$3:$AA$30,INDEX(Jesper!$R$2:$R$366,ROW(INDEX(Jesper!AJ$2:AJ$366,ROUNDDOWN($C87/24,0)+1,1))-1)+IF('Standard Profiles'!$G$20=$B$10,7,0)+IF('Standard Profiles'!$G$20=$B$17,14,0)+IF('Standard Profiles'!$G$20=$B$24,21,0),MOD($C87,24)+1)/SUM(INDEX($D$3:$AA$30,INDEX(Jesper!$R$2:$R$366,ROW(INDEX(Jesper!AJ$2:AJ$366,ROUNDDOWN($C87/24,0)+1,1))-1)+IF('Standard Profiles'!$G$20=$B$10,7,0)+IF('Standard Profiles'!$G$20=$B$17,14,0)+IF('Standard Profiles'!$G$20=$B$24,21,0),0)),0)</f>
        <v>0</v>
      </c>
      <c r="G87" cm="1">
        <f t="array" ref="G87">IFERROR(INDEX(Jesper!AK$2:AK$366,ROUNDDOWN($C87/24,0)+1,1)*INDEX($D$3:$AA$30,INDEX(Jesper!$R$2:$R$366,ROW(INDEX(Jesper!AK$2:AK$366,ROUNDDOWN($C87/24,0)+1,1))-1)+IF('Standard Profiles'!$G$21=$B$10,7,0)+IF('Standard Profiles'!$G$21=$B$17,14,0)+IF('Standard Profiles'!$G$21=$B$24,21,0),MOD($C87,24)+1)/SUM(INDEX($D$3:$AA$30,INDEX(Jesper!$R$2:$R$366,ROW(INDEX(Jesper!AK$2:AK$366,ROUNDDOWN($C87/24,0)+1,1))-1)+IF('Standard Profiles'!$G$21=$B$10,7,0)+IF('Standard Profiles'!$G$21=$B$17,14,0)+IF('Standard Profiles'!$G$21=$B$24,21,0),0)),0)</f>
        <v>5.6319845906721984</v>
      </c>
      <c r="H87" cm="1">
        <f t="array" ref="H87">IFERROR(INDEX(Jesper!AL$2:AL$366,ROUNDDOWN($C87/24,0)+1,1)*INDEX($D$3:$AA$30,INDEX(Jesper!$R$2:$R$366,ROW(INDEX(Jesper!AL$2:AL$366,ROUNDDOWN($C87/24,0)+1,1))-1)+IF('Standard Profiles'!$G$22=$B$10,7,0)+IF('Standard Profiles'!$G$22=$B$17,14,0)+IF('Standard Profiles'!$G$22=$B$24,21,0),MOD($C87,24)+1)/SUM(INDEX($D$3:$AA$30,INDEX(Jesper!$R$2:$R$366,ROW(INDEX(Jesper!AL$2:AL$366,ROUNDDOWN($C87/24,0)+1,1))-1)+IF('Standard Profiles'!$G$22=$B$10,7,0)+IF('Standard Profiles'!$G$22=$B$17,14,0)+IF('Standard Profiles'!$G$22=$B$24,21,0),0)),0)</f>
        <v>0</v>
      </c>
      <c r="I87">
        <f t="shared" si="20"/>
        <v>2.7033526035226538</v>
      </c>
      <c r="J87">
        <f t="shared" si="21"/>
        <v>13.670515333646755</v>
      </c>
      <c r="K87">
        <f t="shared" si="22"/>
        <v>0.6208488528128453</v>
      </c>
      <c r="L87">
        <f t="shared" si="23"/>
        <v>0.31042442640642265</v>
      </c>
      <c r="M87">
        <f t="shared" si="24"/>
        <v>0</v>
      </c>
      <c r="N87" s="45">
        <f t="shared" si="25"/>
        <v>44929.208333333205</v>
      </c>
      <c r="O87">
        <v>0.45670161218879862</v>
      </c>
      <c r="P87">
        <v>8.4647332764182774</v>
      </c>
      <c r="Q87">
        <v>0.58843381010826379</v>
      </c>
      <c r="R87">
        <v>0.29421690505413189</v>
      </c>
      <c r="S87">
        <v>0</v>
      </c>
      <c r="T87" s="45">
        <v>45062.208333325463</v>
      </c>
    </row>
    <row r="88" spans="2:21" x14ac:dyDescent="0.25">
      <c r="B88">
        <f t="shared" si="19"/>
        <v>2</v>
      </c>
      <c r="C88" s="16">
        <v>54</v>
      </c>
      <c r="D88" cm="1">
        <f t="array" ref="D88">IFERROR(INDEX(Jesper!AH$2:AH$366,ROUNDDOWN($C88/24,0)+1,1)*INDEX($D$3:$AA$30,INDEX(Jesper!$R$2:$R$366,ROW(INDEX(Jesper!AH$2:AH$366,ROUNDDOWN($C88/24,0)+1,1))-1)+IF('Standard Profiles'!$G$18=$B$10,7,0)+IF('Standard Profiles'!$G$18=$B$17,14,0)+IF('Standard Profiles'!$G$18=$B$24,21,0),MOD($C88,24)+1)/SUM(INDEX($D$3:$AA$30,INDEX(Jesper!$R$2:$R$366,ROW(INDEX(Jesper!AH$2:AH$366,ROUNDDOWN($C88/24,0)+1,1))-1)+IF('Standard Profiles'!$G$18=$B$10,7,0)+IF('Standard Profiles'!$G$18=$B$17,14,0)+IF('Standard Profiles'!$G$18=$B$24,21,0),0)),0)</f>
        <v>5.8204579951204245</v>
      </c>
      <c r="E88" cm="1">
        <f t="array" ref="E88">IFERROR(INDEX(Jesper!AI$2:AI$366,ROUNDDOWN($C88/24,0)+1,1)*INDEX($D$3:$AA$30,INDEX(Jesper!$R$2:$R$366,ROW(INDEX(Jesper!AI$2:AI$366,ROUNDDOWN($C88/24,0)+1,1))-1)+IF('Standard Profiles'!$G$19=$B$10,7,0)+IF('Standard Profiles'!$G$19=$B$17,14,0)+IF('Standard Profiles'!$G$19=$B$24,21,0),MOD($C88,24)+1)/SUM(INDEX($D$3:$AA$30,INDEX(Jesper!$R$2:$R$366,ROW(INDEX(Jesper!AI$2:AI$366,ROUNDDOWN($C88/24,0)+1,1))-1)+IF('Standard Profiles'!$G$19=$B$10,7,0)+IF('Standard Profiles'!$G$19=$B$17,14,0)+IF('Standard Profiles'!$G$19=$B$24,21,0),0)),0)</f>
        <v>5.8526986305960529</v>
      </c>
      <c r="F88" cm="1">
        <f t="array" ref="F88">IFERROR(INDEX(Jesper!AJ$2:AJ$366,ROUNDDOWN($C88/24,0)+1,1)*INDEX($D$3:$AA$30,INDEX(Jesper!$R$2:$R$366,ROW(INDEX(Jesper!AJ$2:AJ$366,ROUNDDOWN($C88/24,0)+1,1))-1)+IF('Standard Profiles'!$G$20=$B$10,7,0)+IF('Standard Profiles'!$G$20=$B$17,14,0)+IF('Standard Profiles'!$G$20=$B$24,21,0),MOD($C88,24)+1)/SUM(INDEX($D$3:$AA$30,INDEX(Jesper!$R$2:$R$366,ROW(INDEX(Jesper!AJ$2:AJ$366,ROUNDDOWN($C88/24,0)+1,1))-1)+IF('Standard Profiles'!$G$20=$B$10,7,0)+IF('Standard Profiles'!$G$20=$B$17,14,0)+IF('Standard Profiles'!$G$20=$B$24,21,0),0)),0)</f>
        <v>0</v>
      </c>
      <c r="G88" cm="1">
        <f t="array" ref="G88">IFERROR(INDEX(Jesper!AK$2:AK$366,ROUNDDOWN($C88/24,0)+1,1)*INDEX($D$3:$AA$30,INDEX(Jesper!$R$2:$R$366,ROW(INDEX(Jesper!AK$2:AK$366,ROUNDDOWN($C88/24,0)+1,1))-1)+IF('Standard Profiles'!$G$21=$B$10,7,0)+IF('Standard Profiles'!$G$21=$B$17,14,0)+IF('Standard Profiles'!$G$21=$B$24,21,0),MOD($C88,24)+1)/SUM(INDEX($D$3:$AA$30,INDEX(Jesper!$R$2:$R$366,ROW(INDEX(Jesper!AK$2:AK$366,ROUNDDOWN($C88/24,0)+1,1))-1)+IF('Standard Profiles'!$G$21=$B$10,7,0)+IF('Standard Profiles'!$G$21=$B$17,14,0)+IF('Standard Profiles'!$G$21=$B$24,21,0),0)),0)</f>
        <v>5.6319845906721984</v>
      </c>
      <c r="H88" cm="1">
        <f t="array" ref="H88">IFERROR(INDEX(Jesper!AL$2:AL$366,ROUNDDOWN($C88/24,0)+1,1)*INDEX($D$3:$AA$30,INDEX(Jesper!$R$2:$R$366,ROW(INDEX(Jesper!AL$2:AL$366,ROUNDDOWN($C88/24,0)+1,1))-1)+IF('Standard Profiles'!$G$22=$B$10,7,0)+IF('Standard Profiles'!$G$22=$B$17,14,0)+IF('Standard Profiles'!$G$22=$B$24,21,0),MOD($C88,24)+1)/SUM(INDEX($D$3:$AA$30,INDEX(Jesper!$R$2:$R$366,ROW(INDEX(Jesper!AL$2:AL$366,ROUNDDOWN($C88/24,0)+1,1))-1)+IF('Standard Profiles'!$G$22=$B$10,7,0)+IF('Standard Profiles'!$G$22=$B$17,14,0)+IF('Standard Profiles'!$G$22=$B$24,21,0),0)),0)</f>
        <v>0</v>
      </c>
      <c r="I88">
        <f t="shared" si="20"/>
        <v>2.7033526035226538</v>
      </c>
      <c r="J88">
        <f t="shared" si="21"/>
        <v>13.670515333646755</v>
      </c>
      <c r="K88">
        <f t="shared" si="22"/>
        <v>0.6208488528128453</v>
      </c>
      <c r="L88">
        <f t="shared" si="23"/>
        <v>0.31042442640642265</v>
      </c>
      <c r="M88">
        <f t="shared" si="24"/>
        <v>0</v>
      </c>
      <c r="N88" s="45">
        <f t="shared" si="25"/>
        <v>44929.249999999869</v>
      </c>
      <c r="O88">
        <v>0.45670161218879862</v>
      </c>
      <c r="P88">
        <v>8.4647332764182774</v>
      </c>
      <c r="Q88">
        <v>0.58843381010826379</v>
      </c>
      <c r="R88">
        <v>0.29421690505413189</v>
      </c>
      <c r="S88">
        <v>0</v>
      </c>
      <c r="T88" s="45">
        <v>45062.249999992127</v>
      </c>
    </row>
    <row r="89" spans="2:21" x14ac:dyDescent="0.25">
      <c r="B89">
        <f t="shared" si="19"/>
        <v>2</v>
      </c>
      <c r="C89" s="16">
        <v>55</v>
      </c>
      <c r="D89" cm="1">
        <f t="array" ref="D89">IFERROR(INDEX(Jesper!AH$2:AH$366,ROUNDDOWN($C89/24,0)+1,1)*INDEX($D$3:$AA$30,INDEX(Jesper!$R$2:$R$366,ROW(INDEX(Jesper!AH$2:AH$366,ROUNDDOWN($C89/24,0)+1,1))-1)+IF('Standard Profiles'!$G$18=$B$10,7,0)+IF('Standard Profiles'!$G$18=$B$17,14,0)+IF('Standard Profiles'!$G$18=$B$24,21,0),MOD($C89,24)+1)/SUM(INDEX($D$3:$AA$30,INDEX(Jesper!$R$2:$R$366,ROW(INDEX(Jesper!AH$2:AH$366,ROUNDDOWN($C89/24,0)+1,1))-1)+IF('Standard Profiles'!$G$18=$B$10,7,0)+IF('Standard Profiles'!$G$18=$B$17,14,0)+IF('Standard Profiles'!$G$18=$B$24,21,0),0)),0)</f>
        <v>24.536868235679538</v>
      </c>
      <c r="E89" cm="1">
        <f t="array" ref="E89">IFERROR(INDEX(Jesper!AI$2:AI$366,ROUNDDOWN($C89/24,0)+1,1)*INDEX($D$3:$AA$30,INDEX(Jesper!$R$2:$R$366,ROW(INDEX(Jesper!AI$2:AI$366,ROUNDDOWN($C89/24,0)+1,1))-1)+IF('Standard Profiles'!$G$19=$B$10,7,0)+IF('Standard Profiles'!$G$19=$B$17,14,0)+IF('Standard Profiles'!$G$19=$B$24,21,0),MOD($C89,24)+1)/SUM(INDEX($D$3:$AA$30,INDEX(Jesper!$R$2:$R$366,ROW(INDEX(Jesper!AI$2:AI$366,ROUNDDOWN($C89/24,0)+1,1))-1)+IF('Standard Profiles'!$G$19=$B$10,7,0)+IF('Standard Profiles'!$G$19=$B$17,14,0)+IF('Standard Profiles'!$G$19=$B$24,21,0),0)),0)</f>
        <v>24.672782664606483</v>
      </c>
      <c r="F89" cm="1">
        <f t="array" ref="F89">IFERROR(INDEX(Jesper!AJ$2:AJ$366,ROUNDDOWN($C89/24,0)+1,1)*INDEX($D$3:$AA$30,INDEX(Jesper!$R$2:$R$366,ROW(INDEX(Jesper!AJ$2:AJ$366,ROUNDDOWN($C89/24,0)+1,1))-1)+IF('Standard Profiles'!$G$20=$B$10,7,0)+IF('Standard Profiles'!$G$20=$B$17,14,0)+IF('Standard Profiles'!$G$20=$B$24,21,0),MOD($C89,24)+1)/SUM(INDEX($D$3:$AA$30,INDEX(Jesper!$R$2:$R$366,ROW(INDEX(Jesper!AJ$2:AJ$366,ROUNDDOWN($C89/24,0)+1,1))-1)+IF('Standard Profiles'!$G$20=$B$10,7,0)+IF('Standard Profiles'!$G$20=$B$17,14,0)+IF('Standard Profiles'!$G$20=$B$24,21,0),0)),0)</f>
        <v>0</v>
      </c>
      <c r="G89" cm="1">
        <f t="array" ref="G89">IFERROR(INDEX(Jesper!AK$2:AK$366,ROUNDDOWN($C89/24,0)+1,1)*INDEX($D$3:$AA$30,INDEX(Jesper!$R$2:$R$366,ROW(INDEX(Jesper!AK$2:AK$366,ROUNDDOWN($C89/24,0)+1,1))-1)+IF('Standard Profiles'!$G$21=$B$10,7,0)+IF('Standard Profiles'!$G$21=$B$17,14,0)+IF('Standard Profiles'!$G$21=$B$24,21,0),MOD($C89,24)+1)/SUM(INDEX($D$3:$AA$30,INDEX(Jesper!$R$2:$R$366,ROW(INDEX(Jesper!AK$2:AK$366,ROUNDDOWN($C89/24,0)+1,1))-1)+IF('Standard Profiles'!$G$21=$B$10,7,0)+IF('Standard Profiles'!$G$21=$B$17,14,0)+IF('Standard Profiles'!$G$21=$B$24,21,0),0)),0)</f>
        <v>16.223749159581523</v>
      </c>
      <c r="H89" cm="1">
        <f t="array" ref="H89">IFERROR(INDEX(Jesper!AL$2:AL$366,ROUNDDOWN($C89/24,0)+1,1)*INDEX($D$3:$AA$30,INDEX(Jesper!$R$2:$R$366,ROW(INDEX(Jesper!AL$2:AL$366,ROUNDDOWN($C89/24,0)+1,1))-1)+IF('Standard Profiles'!$G$22=$B$10,7,0)+IF('Standard Profiles'!$G$22=$B$17,14,0)+IF('Standard Profiles'!$G$22=$B$24,21,0),MOD($C89,24)+1)/SUM(INDEX($D$3:$AA$30,INDEX(Jesper!$R$2:$R$366,ROW(INDEX(Jesper!AL$2:AL$366,ROUNDDOWN($C89/24,0)+1,1))-1)+IF('Standard Profiles'!$G$22=$B$10,7,0)+IF('Standard Profiles'!$G$22=$B$17,14,0)+IF('Standard Profiles'!$G$22=$B$24,21,0),0)),0)</f>
        <v>0</v>
      </c>
      <c r="I89">
        <f t="shared" si="20"/>
        <v>7.7873995965991272</v>
      </c>
      <c r="J89">
        <f t="shared" si="21"/>
        <v>53.7201015455597</v>
      </c>
      <c r="K89">
        <f t="shared" si="22"/>
        <v>2.6172659451391511</v>
      </c>
      <c r="L89">
        <f t="shared" si="23"/>
        <v>1.3086329725695756</v>
      </c>
      <c r="M89">
        <f t="shared" si="24"/>
        <v>0</v>
      </c>
      <c r="N89" s="45">
        <f t="shared" si="25"/>
        <v>44929.291666666533</v>
      </c>
      <c r="O89">
        <v>1.3155952893051519</v>
      </c>
      <c r="P89">
        <v>35.023646486774361</v>
      </c>
      <c r="Q89">
        <v>2.4806162807376491</v>
      </c>
      <c r="R89">
        <v>1.2403081403688245</v>
      </c>
      <c r="S89">
        <v>0</v>
      </c>
      <c r="T89" s="45">
        <v>45062.291666658792</v>
      </c>
    </row>
    <row r="90" spans="2:21" x14ac:dyDescent="0.25">
      <c r="B90">
        <f t="shared" si="19"/>
        <v>2</v>
      </c>
      <c r="C90" s="16">
        <v>56</v>
      </c>
      <c r="D90" cm="1">
        <f t="array" ref="D90">IFERROR(INDEX(Jesper!AH$2:AH$366,ROUNDDOWN($C90/24,0)+1,1)*INDEX($D$3:$AA$30,INDEX(Jesper!$R$2:$R$366,ROW(INDEX(Jesper!AH$2:AH$366,ROUNDDOWN($C90/24,0)+1,1))-1)+IF('Standard Profiles'!$G$18=$B$10,7,0)+IF('Standard Profiles'!$G$18=$B$17,14,0)+IF('Standard Profiles'!$G$18=$B$24,21,0),MOD($C90,24)+1)/SUM(INDEX($D$3:$AA$30,INDEX(Jesper!$R$2:$R$366,ROW(INDEX(Jesper!AH$2:AH$366,ROUNDDOWN($C90/24,0)+1,1))-1)+IF('Standard Profiles'!$G$18=$B$10,7,0)+IF('Standard Profiles'!$G$18=$B$17,14,0)+IF('Standard Profiles'!$G$18=$B$24,21,0),0)),0)</f>
        <v>27.377979294547696</v>
      </c>
      <c r="E90" cm="1">
        <f t="array" ref="E90">IFERROR(INDEX(Jesper!AI$2:AI$366,ROUNDDOWN($C90/24,0)+1,1)*INDEX($D$3:$AA$30,INDEX(Jesper!$R$2:$R$366,ROW(INDEX(Jesper!AI$2:AI$366,ROUNDDOWN($C90/24,0)+1,1))-1)+IF('Standard Profiles'!$G$19=$B$10,7,0)+IF('Standard Profiles'!$G$19=$B$17,14,0)+IF('Standard Profiles'!$G$19=$B$24,21,0),MOD($C90,24)+1)/SUM(INDEX($D$3:$AA$30,INDEX(Jesper!$R$2:$R$366,ROW(INDEX(Jesper!AI$2:AI$366,ROUNDDOWN($C90/24,0)+1,1))-1)+IF('Standard Profiles'!$G$19=$B$10,7,0)+IF('Standard Profiles'!$G$19=$B$17,14,0)+IF('Standard Profiles'!$G$19=$B$24,21,0),0)),0)</f>
        <v>27.529631183666179</v>
      </c>
      <c r="F90" cm="1">
        <f t="array" ref="F90">IFERROR(INDEX(Jesper!AJ$2:AJ$366,ROUNDDOWN($C90/24,0)+1,1)*INDEX($D$3:$AA$30,INDEX(Jesper!$R$2:$R$366,ROW(INDEX(Jesper!AJ$2:AJ$366,ROUNDDOWN($C90/24,0)+1,1))-1)+IF('Standard Profiles'!$G$20=$B$10,7,0)+IF('Standard Profiles'!$G$20=$B$17,14,0)+IF('Standard Profiles'!$G$20=$B$24,21,0),MOD($C90,24)+1)/SUM(INDEX($D$3:$AA$30,INDEX(Jesper!$R$2:$R$366,ROW(INDEX(Jesper!AJ$2:AJ$366,ROUNDDOWN($C90/24,0)+1,1))-1)+IF('Standard Profiles'!$G$20=$B$10,7,0)+IF('Standard Profiles'!$G$20=$B$17,14,0)+IF('Standard Profiles'!$G$20=$B$24,21,0),0)),0)</f>
        <v>0</v>
      </c>
      <c r="G90" cm="1">
        <f t="array" ref="G90">IFERROR(INDEX(Jesper!AK$2:AK$366,ROUNDDOWN($C90/24,0)+1,1)*INDEX($D$3:$AA$30,INDEX(Jesper!$R$2:$R$366,ROW(INDEX(Jesper!AK$2:AK$366,ROUNDDOWN($C90/24,0)+1,1))-1)+IF('Standard Profiles'!$G$21=$B$10,7,0)+IF('Standard Profiles'!$G$21=$B$17,14,0)+IF('Standard Profiles'!$G$21=$B$24,21,0),MOD($C90,24)+1)/SUM(INDEX($D$3:$AA$30,INDEX(Jesper!$R$2:$R$366,ROW(INDEX(Jesper!AK$2:AK$366,ROUNDDOWN($C90/24,0)+1,1))-1)+IF('Standard Profiles'!$G$21=$B$10,7,0)+IF('Standard Profiles'!$G$21=$B$17,14,0)+IF('Standard Profiles'!$G$21=$B$24,21,0),0)),0)</f>
        <v>18.10228853595412</v>
      </c>
      <c r="H90" cm="1">
        <f t="array" ref="H90">IFERROR(INDEX(Jesper!AL$2:AL$366,ROUNDDOWN($C90/24,0)+1,1)*INDEX($D$3:$AA$30,INDEX(Jesper!$R$2:$R$366,ROW(INDEX(Jesper!AL$2:AL$366,ROUNDDOWN($C90/24,0)+1,1))-1)+IF('Standard Profiles'!$G$22=$B$10,7,0)+IF('Standard Profiles'!$G$22=$B$17,14,0)+IF('Standard Profiles'!$G$22=$B$24,21,0),MOD($C90,24)+1)/SUM(INDEX($D$3:$AA$30,INDEX(Jesper!$R$2:$R$366,ROW(INDEX(Jesper!AL$2:AL$366,ROUNDDOWN($C90/24,0)+1,1))-1)+IF('Standard Profiles'!$G$22=$B$10,7,0)+IF('Standard Profiles'!$G$22=$B$17,14,0)+IF('Standard Profiles'!$G$22=$B$24,21,0),0)),0)</f>
        <v>0</v>
      </c>
      <c r="I90">
        <f t="shared" si="20"/>
        <v>8.689098497257973</v>
      </c>
      <c r="J90">
        <f t="shared" si="21"/>
        <v>59.940323829782386</v>
      </c>
      <c r="K90">
        <f t="shared" si="22"/>
        <v>2.9203177914184213</v>
      </c>
      <c r="L90">
        <f t="shared" si="23"/>
        <v>1.4601588957092106</v>
      </c>
      <c r="M90">
        <f t="shared" si="24"/>
        <v>0</v>
      </c>
      <c r="N90" s="45">
        <f t="shared" si="25"/>
        <v>44929.333333333198</v>
      </c>
      <c r="O90">
        <v>1.4679273754352222</v>
      </c>
      <c r="P90">
        <v>39.079016079979809</v>
      </c>
      <c r="Q90">
        <v>2.7678455342967454</v>
      </c>
      <c r="R90">
        <v>1.3839227671483727</v>
      </c>
      <c r="S90">
        <v>0</v>
      </c>
      <c r="T90" s="45">
        <v>45062.333333325456</v>
      </c>
    </row>
    <row r="91" spans="2:21" x14ac:dyDescent="0.25">
      <c r="B91">
        <f t="shared" si="19"/>
        <v>2</v>
      </c>
      <c r="C91" s="16">
        <v>57</v>
      </c>
      <c r="D91" cm="1">
        <f t="array" ref="D91">IFERROR(INDEX(Jesper!AH$2:AH$366,ROUNDDOWN($C91/24,0)+1,1)*INDEX($D$3:$AA$30,INDEX(Jesper!$R$2:$R$366,ROW(INDEX(Jesper!AH$2:AH$366,ROUNDDOWN($C91/24,0)+1,1))-1)+IF('Standard Profiles'!$G$18=$B$10,7,0)+IF('Standard Profiles'!$G$18=$B$17,14,0)+IF('Standard Profiles'!$G$18=$B$24,21,0),MOD($C91,24)+1)/SUM(INDEX($D$3:$AA$30,INDEX(Jesper!$R$2:$R$366,ROW(INDEX(Jesper!AH$2:AH$366,ROUNDDOWN($C91/24,0)+1,1))-1)+IF('Standard Profiles'!$G$18=$B$10,7,0)+IF('Standard Profiles'!$G$18=$B$17,14,0)+IF('Standard Profiles'!$G$18=$B$24,21,0),0)),0)</f>
        <v>30.219090353415854</v>
      </c>
      <c r="E91" cm="1">
        <f t="array" ref="E91">IFERROR(INDEX(Jesper!AI$2:AI$366,ROUNDDOWN($C91/24,0)+1,1)*INDEX($D$3:$AA$30,INDEX(Jesper!$R$2:$R$366,ROW(INDEX(Jesper!AI$2:AI$366,ROUNDDOWN($C91/24,0)+1,1))-1)+IF('Standard Profiles'!$G$19=$B$10,7,0)+IF('Standard Profiles'!$G$19=$B$17,14,0)+IF('Standard Profiles'!$G$19=$B$24,21,0),MOD($C91,24)+1)/SUM(INDEX($D$3:$AA$30,INDEX(Jesper!$R$2:$R$366,ROW(INDEX(Jesper!AI$2:AI$366,ROUNDDOWN($C91/24,0)+1,1))-1)+IF('Standard Profiles'!$G$19=$B$10,7,0)+IF('Standard Profiles'!$G$19=$B$17,14,0)+IF('Standard Profiles'!$G$19=$B$24,21,0),0)),0)</f>
        <v>30.386479702725882</v>
      </c>
      <c r="F91" cm="1">
        <f t="array" ref="F91">IFERROR(INDEX(Jesper!AJ$2:AJ$366,ROUNDDOWN($C91/24,0)+1,1)*INDEX($D$3:$AA$30,INDEX(Jesper!$R$2:$R$366,ROW(INDEX(Jesper!AJ$2:AJ$366,ROUNDDOWN($C91/24,0)+1,1))-1)+IF('Standard Profiles'!$G$20=$B$10,7,0)+IF('Standard Profiles'!$G$20=$B$17,14,0)+IF('Standard Profiles'!$G$20=$B$24,21,0),MOD($C91,24)+1)/SUM(INDEX($D$3:$AA$30,INDEX(Jesper!$R$2:$R$366,ROW(INDEX(Jesper!AJ$2:AJ$366,ROUNDDOWN($C91/24,0)+1,1))-1)+IF('Standard Profiles'!$G$20=$B$10,7,0)+IF('Standard Profiles'!$G$20=$B$17,14,0)+IF('Standard Profiles'!$G$20=$B$24,21,0),0)),0)</f>
        <v>0</v>
      </c>
      <c r="G91" cm="1">
        <f t="array" ref="G91">IFERROR(INDEX(Jesper!AK$2:AK$366,ROUNDDOWN($C91/24,0)+1,1)*INDEX($D$3:$AA$30,INDEX(Jesper!$R$2:$R$366,ROW(INDEX(Jesper!AK$2:AK$366,ROUNDDOWN($C91/24,0)+1,1))-1)+IF('Standard Profiles'!$G$21=$B$10,7,0)+IF('Standard Profiles'!$G$21=$B$17,14,0)+IF('Standard Profiles'!$G$21=$B$24,21,0),MOD($C91,24)+1)/SUM(INDEX($D$3:$AA$30,INDEX(Jesper!$R$2:$R$366,ROW(INDEX(Jesper!AK$2:AK$366,ROUNDDOWN($C91/24,0)+1,1))-1)+IF('Standard Profiles'!$G$21=$B$10,7,0)+IF('Standard Profiles'!$G$21=$B$17,14,0)+IF('Standard Profiles'!$G$21=$B$24,21,0),0)),0)</f>
        <v>19.980827912326721</v>
      </c>
      <c r="H91" cm="1">
        <f t="array" ref="H91">IFERROR(INDEX(Jesper!AL$2:AL$366,ROUNDDOWN($C91/24,0)+1,1)*INDEX($D$3:$AA$30,INDEX(Jesper!$R$2:$R$366,ROW(INDEX(Jesper!AL$2:AL$366,ROUNDDOWN($C91/24,0)+1,1))-1)+IF('Standard Profiles'!$G$22=$B$10,7,0)+IF('Standard Profiles'!$G$22=$B$17,14,0)+IF('Standard Profiles'!$G$22=$B$24,21,0),MOD($C91,24)+1)/SUM(INDEX($D$3:$AA$30,INDEX(Jesper!$R$2:$R$366,ROW(INDEX(Jesper!AL$2:AL$366,ROUNDDOWN($C91/24,0)+1,1))-1)+IF('Standard Profiles'!$G$22=$B$10,7,0)+IF('Standard Profiles'!$G$22=$B$17,14,0)+IF('Standard Profiles'!$G$22=$B$24,21,0),0)),0)</f>
        <v>0</v>
      </c>
      <c r="I91">
        <f t="shared" si="20"/>
        <v>9.5907973979168215</v>
      </c>
      <c r="J91">
        <f t="shared" si="21"/>
        <v>66.160546114005101</v>
      </c>
      <c r="K91">
        <f t="shared" si="22"/>
        <v>3.2233696376976915</v>
      </c>
      <c r="L91">
        <f t="shared" si="23"/>
        <v>1.6116848188488457</v>
      </c>
      <c r="M91">
        <f t="shared" si="24"/>
        <v>0</v>
      </c>
      <c r="N91" s="45">
        <f t="shared" si="25"/>
        <v>44929.374999999862</v>
      </c>
      <c r="O91">
        <v>1.6202594615652925</v>
      </c>
      <c r="P91">
        <v>43.134385673185271</v>
      </c>
      <c r="Q91">
        <v>3.0550747878558417</v>
      </c>
      <c r="R91">
        <v>1.5275373939279209</v>
      </c>
      <c r="S91">
        <v>0</v>
      </c>
      <c r="T91" s="45">
        <v>45062.37499999212</v>
      </c>
    </row>
    <row r="92" spans="2:21" x14ac:dyDescent="0.25">
      <c r="B92">
        <f t="shared" si="19"/>
        <v>2</v>
      </c>
      <c r="C92" s="16">
        <v>58</v>
      </c>
      <c r="D92" cm="1">
        <f t="array" ref="D92">IFERROR(INDEX(Jesper!AH$2:AH$366,ROUNDDOWN($C92/24,0)+1,1)*INDEX($D$3:$AA$30,INDEX(Jesper!$R$2:$R$366,ROW(INDEX(Jesper!AH$2:AH$366,ROUNDDOWN($C92/24,0)+1,1))-1)+IF('Standard Profiles'!$G$18=$B$10,7,0)+IF('Standard Profiles'!$G$18=$B$17,14,0)+IF('Standard Profiles'!$G$18=$B$24,21,0),MOD($C92,24)+1)/SUM(INDEX($D$3:$AA$30,INDEX(Jesper!$R$2:$R$366,ROW(INDEX(Jesper!AH$2:AH$366,ROUNDDOWN($C92/24,0)+1,1))-1)+IF('Standard Profiles'!$G$18=$B$10,7,0)+IF('Standard Profiles'!$G$18=$B$17,14,0)+IF('Standard Profiles'!$G$18=$B$24,21,0),0)),0)</f>
        <v>30.219090353415854</v>
      </c>
      <c r="E92" cm="1">
        <f t="array" ref="E92">IFERROR(INDEX(Jesper!AI$2:AI$366,ROUNDDOWN($C92/24,0)+1,1)*INDEX($D$3:$AA$30,INDEX(Jesper!$R$2:$R$366,ROW(INDEX(Jesper!AI$2:AI$366,ROUNDDOWN($C92/24,0)+1,1))-1)+IF('Standard Profiles'!$G$19=$B$10,7,0)+IF('Standard Profiles'!$G$19=$B$17,14,0)+IF('Standard Profiles'!$G$19=$B$24,21,0),MOD($C92,24)+1)/SUM(INDEX($D$3:$AA$30,INDEX(Jesper!$R$2:$R$366,ROW(INDEX(Jesper!AI$2:AI$366,ROUNDDOWN($C92/24,0)+1,1))-1)+IF('Standard Profiles'!$G$19=$B$10,7,0)+IF('Standard Profiles'!$G$19=$B$17,14,0)+IF('Standard Profiles'!$G$19=$B$24,21,0),0)),0)</f>
        <v>30.386479702725882</v>
      </c>
      <c r="F92" cm="1">
        <f t="array" ref="F92">IFERROR(INDEX(Jesper!AJ$2:AJ$366,ROUNDDOWN($C92/24,0)+1,1)*INDEX($D$3:$AA$30,INDEX(Jesper!$R$2:$R$366,ROW(INDEX(Jesper!AJ$2:AJ$366,ROUNDDOWN($C92/24,0)+1,1))-1)+IF('Standard Profiles'!$G$20=$B$10,7,0)+IF('Standard Profiles'!$G$20=$B$17,14,0)+IF('Standard Profiles'!$G$20=$B$24,21,0),MOD($C92,24)+1)/SUM(INDEX($D$3:$AA$30,INDEX(Jesper!$R$2:$R$366,ROW(INDEX(Jesper!AJ$2:AJ$366,ROUNDDOWN($C92/24,0)+1,1))-1)+IF('Standard Profiles'!$G$20=$B$10,7,0)+IF('Standard Profiles'!$G$20=$B$17,14,0)+IF('Standard Profiles'!$G$20=$B$24,21,0),0)),0)</f>
        <v>0</v>
      </c>
      <c r="G92" cm="1">
        <f t="array" ref="G92">IFERROR(INDEX(Jesper!AK$2:AK$366,ROUNDDOWN($C92/24,0)+1,1)*INDEX($D$3:$AA$30,INDEX(Jesper!$R$2:$R$366,ROW(INDEX(Jesper!AK$2:AK$366,ROUNDDOWN($C92/24,0)+1,1))-1)+IF('Standard Profiles'!$G$21=$B$10,7,0)+IF('Standard Profiles'!$G$21=$B$17,14,0)+IF('Standard Profiles'!$G$21=$B$24,21,0),MOD($C92,24)+1)/SUM(INDEX($D$3:$AA$30,INDEX(Jesper!$R$2:$R$366,ROW(INDEX(Jesper!AK$2:AK$366,ROUNDDOWN($C92/24,0)+1,1))-1)+IF('Standard Profiles'!$G$21=$B$10,7,0)+IF('Standard Profiles'!$G$21=$B$17,14,0)+IF('Standard Profiles'!$G$21=$B$24,21,0),0)),0)</f>
        <v>19.980827912326721</v>
      </c>
      <c r="H92" cm="1">
        <f t="array" ref="H92">IFERROR(INDEX(Jesper!AL$2:AL$366,ROUNDDOWN($C92/24,0)+1,1)*INDEX($D$3:$AA$30,INDEX(Jesper!$R$2:$R$366,ROW(INDEX(Jesper!AL$2:AL$366,ROUNDDOWN($C92/24,0)+1,1))-1)+IF('Standard Profiles'!$G$22=$B$10,7,0)+IF('Standard Profiles'!$G$22=$B$17,14,0)+IF('Standard Profiles'!$G$22=$B$24,21,0),MOD($C92,24)+1)/SUM(INDEX($D$3:$AA$30,INDEX(Jesper!$R$2:$R$366,ROW(INDEX(Jesper!AL$2:AL$366,ROUNDDOWN($C92/24,0)+1,1))-1)+IF('Standard Profiles'!$G$22=$B$10,7,0)+IF('Standard Profiles'!$G$22=$B$17,14,0)+IF('Standard Profiles'!$G$22=$B$24,21,0),0)),0)</f>
        <v>0</v>
      </c>
      <c r="I92">
        <f t="shared" si="20"/>
        <v>9.5907973979168215</v>
      </c>
      <c r="J92">
        <f t="shared" si="21"/>
        <v>66.160546114005101</v>
      </c>
      <c r="K92">
        <f t="shared" si="22"/>
        <v>3.2233696376976915</v>
      </c>
      <c r="L92">
        <f t="shared" si="23"/>
        <v>1.6116848188488457</v>
      </c>
      <c r="M92">
        <f t="shared" si="24"/>
        <v>0</v>
      </c>
      <c r="N92" s="45">
        <f t="shared" si="25"/>
        <v>44929.416666666526</v>
      </c>
      <c r="O92">
        <v>1.6202594615652925</v>
      </c>
      <c r="P92">
        <v>43.134385673185271</v>
      </c>
      <c r="Q92">
        <v>3.0550747878558417</v>
      </c>
      <c r="R92">
        <v>1.5275373939279209</v>
      </c>
      <c r="S92">
        <v>0</v>
      </c>
      <c r="T92" s="45">
        <v>45062.416666658784</v>
      </c>
    </row>
    <row r="93" spans="2:21" x14ac:dyDescent="0.25">
      <c r="B93">
        <f t="shared" si="19"/>
        <v>2</v>
      </c>
      <c r="C93" s="16">
        <v>59</v>
      </c>
      <c r="D93" cm="1">
        <f t="array" ref="D93">IFERROR(INDEX(Jesper!AH$2:AH$366,ROUNDDOWN($C93/24,0)+1,1)*INDEX($D$3:$AA$30,INDEX(Jesper!$R$2:$R$366,ROW(INDEX(Jesper!AH$2:AH$366,ROUNDDOWN($C93/24,0)+1,1))-1)+IF('Standard Profiles'!$G$18=$B$10,7,0)+IF('Standard Profiles'!$G$18=$B$17,14,0)+IF('Standard Profiles'!$G$18=$B$24,21,0),MOD($C93,24)+1)/SUM(INDEX($D$3:$AA$30,INDEX(Jesper!$R$2:$R$366,ROW(INDEX(Jesper!AH$2:AH$366,ROUNDDOWN($C93/24,0)+1,1))-1)+IF('Standard Profiles'!$G$18=$B$10,7,0)+IF('Standard Profiles'!$G$18=$B$17,14,0)+IF('Standard Profiles'!$G$18=$B$24,21,0),0)),0)</f>
        <v>36.159595294685637</v>
      </c>
      <c r="E93" cm="1">
        <f t="array" ref="E93">IFERROR(INDEX(Jesper!AI$2:AI$366,ROUNDDOWN($C93/24,0)+1,1)*INDEX($D$3:$AA$30,INDEX(Jesper!$R$2:$R$366,ROW(INDEX(Jesper!AI$2:AI$366,ROUNDDOWN($C93/24,0)+1,1))-1)+IF('Standard Profiles'!$G$19=$B$10,7,0)+IF('Standard Profiles'!$G$19=$B$17,14,0)+IF('Standard Profiles'!$G$19=$B$24,21,0),MOD($C93,24)+1)/SUM(INDEX($D$3:$AA$30,INDEX(Jesper!$R$2:$R$366,ROW(INDEX(Jesper!AI$2:AI$366,ROUNDDOWN($C93/24,0)+1,1))-1)+IF('Standard Profiles'!$G$19=$B$10,7,0)+IF('Standard Profiles'!$G$19=$B$17,14,0)+IF('Standard Profiles'!$G$19=$B$24,21,0),0)),0)</f>
        <v>36.359890242577976</v>
      </c>
      <c r="F93" cm="1">
        <f t="array" ref="F93">IFERROR(INDEX(Jesper!AJ$2:AJ$366,ROUNDDOWN($C93/24,0)+1,1)*INDEX($D$3:$AA$30,INDEX(Jesper!$R$2:$R$366,ROW(INDEX(Jesper!AJ$2:AJ$366,ROUNDDOWN($C93/24,0)+1,1))-1)+IF('Standard Profiles'!$G$20=$B$10,7,0)+IF('Standard Profiles'!$G$20=$B$17,14,0)+IF('Standard Profiles'!$G$20=$B$24,21,0),MOD($C93,24)+1)/SUM(INDEX($D$3:$AA$30,INDEX(Jesper!$R$2:$R$366,ROW(INDEX(Jesper!AJ$2:AJ$366,ROUNDDOWN($C93/24,0)+1,1))-1)+IF('Standard Profiles'!$G$20=$B$10,7,0)+IF('Standard Profiles'!$G$20=$B$17,14,0)+IF('Standard Profiles'!$G$20=$B$24,21,0),0)),0)</f>
        <v>0</v>
      </c>
      <c r="G93" cm="1">
        <f t="array" ref="G93">IFERROR(INDEX(Jesper!AK$2:AK$366,ROUNDDOWN($C93/24,0)+1,1)*INDEX($D$3:$AA$30,INDEX(Jesper!$R$2:$R$366,ROW(INDEX(Jesper!AK$2:AK$366,ROUNDDOWN($C93/24,0)+1,1))-1)+IF('Standard Profiles'!$G$21=$B$10,7,0)+IF('Standard Profiles'!$G$21=$B$17,14,0)+IF('Standard Profiles'!$G$21=$B$24,21,0),MOD($C93,24)+1)/SUM(INDEX($D$3:$AA$30,INDEX(Jesper!$R$2:$R$366,ROW(INDEX(Jesper!AK$2:AK$366,ROUNDDOWN($C93/24,0)+1,1))-1)+IF('Standard Profiles'!$G$21=$B$10,7,0)+IF('Standard Profiles'!$G$21=$B$17,14,0)+IF('Standard Profiles'!$G$21=$B$24,21,0),0)),0)</f>
        <v>23.90868297201488</v>
      </c>
      <c r="H93" cm="1">
        <f t="array" ref="H93">IFERROR(INDEX(Jesper!AL$2:AL$366,ROUNDDOWN($C93/24,0)+1,1)*INDEX($D$3:$AA$30,INDEX(Jesper!$R$2:$R$366,ROW(INDEX(Jesper!AL$2:AL$366,ROUNDDOWN($C93/24,0)+1,1))-1)+IF('Standard Profiles'!$G$22=$B$10,7,0)+IF('Standard Profiles'!$G$22=$B$17,14,0)+IF('Standard Profiles'!$G$22=$B$24,21,0),MOD($C93,24)+1)/SUM(INDEX($D$3:$AA$30,INDEX(Jesper!$R$2:$R$366,ROW(INDEX(Jesper!AL$2:AL$366,ROUNDDOWN($C93/24,0)+1,1))-1)+IF('Standard Profiles'!$G$22=$B$10,7,0)+IF('Standard Profiles'!$G$22=$B$17,14,0)+IF('Standard Profiles'!$G$22=$B$24,21,0),0)),0)</f>
        <v>0</v>
      </c>
      <c r="I93">
        <f t="shared" si="20"/>
        <v>11.476167826567137</v>
      </c>
      <c r="J93">
        <f t="shared" si="21"/>
        <v>79.166465435561648</v>
      </c>
      <c r="K93">
        <f t="shared" si="22"/>
        <v>3.8570234980998017</v>
      </c>
      <c r="L93">
        <f t="shared" si="23"/>
        <v>1.9285117490499009</v>
      </c>
      <c r="M93">
        <f t="shared" si="24"/>
        <v>0</v>
      </c>
      <c r="N93" s="45">
        <f t="shared" si="25"/>
        <v>44929.45833333319</v>
      </c>
      <c r="O93">
        <v>1.9387720052918029</v>
      </c>
      <c r="P93">
        <v>51.613794822614842</v>
      </c>
      <c r="Q93">
        <v>3.6556450452975882</v>
      </c>
      <c r="R93">
        <v>1.8278225226487941</v>
      </c>
      <c r="S93">
        <v>0</v>
      </c>
      <c r="T93" s="45">
        <v>45062.458333325449</v>
      </c>
      <c r="U93" t="str">
        <f>CHOOSE(WEEKDAY(T93,2),"Monday","Tuesday","Wednesday","Thursday","Friday","Saturday","Sunday")</f>
        <v>Tuesday</v>
      </c>
    </row>
    <row r="94" spans="2:21" x14ac:dyDescent="0.25">
      <c r="B94">
        <f t="shared" si="19"/>
        <v>2</v>
      </c>
      <c r="C94" s="16">
        <v>60</v>
      </c>
      <c r="D94" cm="1">
        <f t="array" ref="D94">IFERROR(INDEX(Jesper!AH$2:AH$366,ROUNDDOWN($C94/24,0)+1,1)*INDEX($D$3:$AA$30,INDEX(Jesper!$R$2:$R$366,ROW(INDEX(Jesper!AH$2:AH$366,ROUNDDOWN($C94/24,0)+1,1))-1)+IF('Standard Profiles'!$G$18=$B$10,7,0)+IF('Standard Profiles'!$G$18=$B$17,14,0)+IF('Standard Profiles'!$G$18=$B$24,21,0),MOD($C94,24)+1)/SUM(INDEX($D$3:$AA$30,INDEX(Jesper!$R$2:$R$366,ROW(INDEX(Jesper!AH$2:AH$366,ROUNDDOWN($C94/24,0)+1,1))-1)+IF('Standard Profiles'!$G$18=$B$10,7,0)+IF('Standard Profiles'!$G$18=$B$17,14,0)+IF('Standard Profiles'!$G$18=$B$24,21,0),0)),0)</f>
        <v>36.159595294685637</v>
      </c>
      <c r="E94" cm="1">
        <f t="array" ref="E94">IFERROR(INDEX(Jesper!AI$2:AI$366,ROUNDDOWN($C94/24,0)+1,1)*INDEX($D$3:$AA$30,INDEX(Jesper!$R$2:$R$366,ROW(INDEX(Jesper!AI$2:AI$366,ROUNDDOWN($C94/24,0)+1,1))-1)+IF('Standard Profiles'!$G$19=$B$10,7,0)+IF('Standard Profiles'!$G$19=$B$17,14,0)+IF('Standard Profiles'!$G$19=$B$24,21,0),MOD($C94,24)+1)/SUM(INDEX($D$3:$AA$30,INDEX(Jesper!$R$2:$R$366,ROW(INDEX(Jesper!AI$2:AI$366,ROUNDDOWN($C94/24,0)+1,1))-1)+IF('Standard Profiles'!$G$19=$B$10,7,0)+IF('Standard Profiles'!$G$19=$B$17,14,0)+IF('Standard Profiles'!$G$19=$B$24,21,0),0)),0)</f>
        <v>36.359890242577976</v>
      </c>
      <c r="F94" cm="1">
        <f t="array" ref="F94">IFERROR(INDEX(Jesper!AJ$2:AJ$366,ROUNDDOWN($C94/24,0)+1,1)*INDEX($D$3:$AA$30,INDEX(Jesper!$R$2:$R$366,ROW(INDEX(Jesper!AJ$2:AJ$366,ROUNDDOWN($C94/24,0)+1,1))-1)+IF('Standard Profiles'!$G$20=$B$10,7,0)+IF('Standard Profiles'!$G$20=$B$17,14,0)+IF('Standard Profiles'!$G$20=$B$24,21,0),MOD($C94,24)+1)/SUM(INDEX($D$3:$AA$30,INDEX(Jesper!$R$2:$R$366,ROW(INDEX(Jesper!AJ$2:AJ$366,ROUNDDOWN($C94/24,0)+1,1))-1)+IF('Standard Profiles'!$G$20=$B$10,7,0)+IF('Standard Profiles'!$G$20=$B$17,14,0)+IF('Standard Profiles'!$G$20=$B$24,21,0),0)),0)</f>
        <v>0</v>
      </c>
      <c r="G94" cm="1">
        <f t="array" ref="G94">IFERROR(INDEX(Jesper!AK$2:AK$366,ROUNDDOWN($C94/24,0)+1,1)*INDEX($D$3:$AA$30,INDEX(Jesper!$R$2:$R$366,ROW(INDEX(Jesper!AK$2:AK$366,ROUNDDOWN($C94/24,0)+1,1))-1)+IF('Standard Profiles'!$G$21=$B$10,7,0)+IF('Standard Profiles'!$G$21=$B$17,14,0)+IF('Standard Profiles'!$G$21=$B$24,21,0),MOD($C94,24)+1)/SUM(INDEX($D$3:$AA$30,INDEX(Jesper!$R$2:$R$366,ROW(INDEX(Jesper!AK$2:AK$366,ROUNDDOWN($C94/24,0)+1,1))-1)+IF('Standard Profiles'!$G$21=$B$10,7,0)+IF('Standard Profiles'!$G$21=$B$17,14,0)+IF('Standard Profiles'!$G$21=$B$24,21,0),0)),0)</f>
        <v>23.90868297201488</v>
      </c>
      <c r="H94" cm="1">
        <f t="array" ref="H94">IFERROR(INDEX(Jesper!AL$2:AL$366,ROUNDDOWN($C94/24,0)+1,1)*INDEX($D$3:$AA$30,INDEX(Jesper!$R$2:$R$366,ROW(INDEX(Jesper!AL$2:AL$366,ROUNDDOWN($C94/24,0)+1,1))-1)+IF('Standard Profiles'!$G$22=$B$10,7,0)+IF('Standard Profiles'!$G$22=$B$17,14,0)+IF('Standard Profiles'!$G$22=$B$24,21,0),MOD($C94,24)+1)/SUM(INDEX($D$3:$AA$30,INDEX(Jesper!$R$2:$R$366,ROW(INDEX(Jesper!AL$2:AL$366,ROUNDDOWN($C94/24,0)+1,1))-1)+IF('Standard Profiles'!$G$22=$B$10,7,0)+IF('Standard Profiles'!$G$22=$B$17,14,0)+IF('Standard Profiles'!$G$22=$B$24,21,0),0)),0)</f>
        <v>0</v>
      </c>
      <c r="I94">
        <f t="shared" si="20"/>
        <v>11.476167826567137</v>
      </c>
      <c r="J94">
        <f t="shared" si="21"/>
        <v>79.166465435561648</v>
      </c>
      <c r="K94">
        <f t="shared" si="22"/>
        <v>3.8570234980998017</v>
      </c>
      <c r="L94">
        <f t="shared" si="23"/>
        <v>1.9285117490499009</v>
      </c>
      <c r="M94">
        <f t="shared" si="24"/>
        <v>0</v>
      </c>
      <c r="N94" s="45">
        <f t="shared" si="25"/>
        <v>44929.499999999854</v>
      </c>
      <c r="O94">
        <v>1.9387720052918029</v>
      </c>
      <c r="P94">
        <v>51.613794822614842</v>
      </c>
      <c r="Q94">
        <v>3.6556450452975882</v>
      </c>
      <c r="R94">
        <v>1.8278225226487941</v>
      </c>
      <c r="S94">
        <v>0</v>
      </c>
      <c r="T94" s="45">
        <v>45062.499999992113</v>
      </c>
    </row>
    <row r="95" spans="2:21" x14ac:dyDescent="0.25">
      <c r="B95">
        <f t="shared" si="19"/>
        <v>2</v>
      </c>
      <c r="C95" s="16">
        <v>61</v>
      </c>
      <c r="D95" cm="1">
        <f t="array" ref="D95">IFERROR(INDEX(Jesper!AH$2:AH$366,ROUNDDOWN($C95/24,0)+1,1)*INDEX($D$3:$AA$30,INDEX(Jesper!$R$2:$R$366,ROW(INDEX(Jesper!AH$2:AH$366,ROUNDDOWN($C95/24,0)+1,1))-1)+IF('Standard Profiles'!$G$18=$B$10,7,0)+IF('Standard Profiles'!$G$18=$B$17,14,0)+IF('Standard Profiles'!$G$18=$B$24,21,0),MOD($C95,24)+1)/SUM(INDEX($D$3:$AA$30,INDEX(Jesper!$R$2:$R$366,ROW(INDEX(Jesper!AH$2:AH$366,ROUNDDOWN($C95/24,0)+1,1))-1)+IF('Standard Profiles'!$G$18=$B$10,7,0)+IF('Standard Profiles'!$G$18=$B$17,14,0)+IF('Standard Profiles'!$G$18=$B$24,21,0),0)),0)</f>
        <v>24.020302588612601</v>
      </c>
      <c r="E95" cm="1">
        <f t="array" ref="E95">IFERROR(INDEX(Jesper!AI$2:AI$366,ROUNDDOWN($C95/24,0)+1,1)*INDEX($D$3:$AA$30,INDEX(Jesper!$R$2:$R$366,ROW(INDEX(Jesper!AI$2:AI$366,ROUNDDOWN($C95/24,0)+1,1))-1)+IF('Standard Profiles'!$G$19=$B$10,7,0)+IF('Standard Profiles'!$G$19=$B$17,14,0)+IF('Standard Profiles'!$G$19=$B$24,21,0),MOD($C95,24)+1)/SUM(INDEX($D$3:$AA$30,INDEX(Jesper!$R$2:$R$366,ROW(INDEX(Jesper!AI$2:AI$366,ROUNDDOWN($C95/24,0)+1,1))-1)+IF('Standard Profiles'!$G$19=$B$10,7,0)+IF('Standard Profiles'!$G$19=$B$17,14,0)+IF('Standard Profiles'!$G$19=$B$24,21,0),0)),0)</f>
        <v>24.153355661141084</v>
      </c>
      <c r="F95" cm="1">
        <f t="array" ref="F95">IFERROR(INDEX(Jesper!AJ$2:AJ$366,ROUNDDOWN($C95/24,0)+1,1)*INDEX($D$3:$AA$30,INDEX(Jesper!$R$2:$R$366,ROW(INDEX(Jesper!AJ$2:AJ$366,ROUNDDOWN($C95/24,0)+1,1))-1)+IF('Standard Profiles'!$G$20=$B$10,7,0)+IF('Standard Profiles'!$G$20=$B$17,14,0)+IF('Standard Profiles'!$G$20=$B$24,21,0),MOD($C95,24)+1)/SUM(INDEX($D$3:$AA$30,INDEX(Jesper!$R$2:$R$366,ROW(INDEX(Jesper!AJ$2:AJ$366,ROUNDDOWN($C95/24,0)+1,1))-1)+IF('Standard Profiles'!$G$20=$B$10,7,0)+IF('Standard Profiles'!$G$20=$B$17,14,0)+IF('Standard Profiles'!$G$20=$B$24,21,0),0)),0)</f>
        <v>0</v>
      </c>
      <c r="G95" cm="1">
        <f t="array" ref="G95">IFERROR(INDEX(Jesper!AK$2:AK$366,ROUNDDOWN($C95/24,0)+1,1)*INDEX($D$3:$AA$30,INDEX(Jesper!$R$2:$R$366,ROW(INDEX(Jesper!AK$2:AK$366,ROUNDDOWN($C95/24,0)+1,1))-1)+IF('Standard Profiles'!$G$21=$B$10,7,0)+IF('Standard Profiles'!$G$21=$B$17,14,0)+IF('Standard Profiles'!$G$21=$B$24,21,0),MOD($C95,24)+1)/SUM(INDEX($D$3:$AA$30,INDEX(Jesper!$R$2:$R$366,ROW(INDEX(Jesper!AK$2:AK$366,ROUNDDOWN($C95/24,0)+1,1))-1)+IF('Standard Profiles'!$G$21=$B$10,7,0)+IF('Standard Profiles'!$G$21=$B$17,14,0)+IF('Standard Profiles'!$G$21=$B$24,21,0),0)),0)</f>
        <v>15.882196545695596</v>
      </c>
      <c r="H95" cm="1">
        <f t="array" ref="H95">IFERROR(INDEX(Jesper!AL$2:AL$366,ROUNDDOWN($C95/24,0)+1,1)*INDEX($D$3:$AA$30,INDEX(Jesper!$R$2:$R$366,ROW(INDEX(Jesper!AL$2:AL$366,ROUNDDOWN($C95/24,0)+1,1))-1)+IF('Standard Profiles'!$G$22=$B$10,7,0)+IF('Standard Profiles'!$G$22=$B$17,14,0)+IF('Standard Profiles'!$G$22=$B$24,21,0),MOD($C95,24)+1)/SUM(INDEX($D$3:$AA$30,INDEX(Jesper!$R$2:$R$366,ROW(INDEX(Jesper!AL$2:AL$366,ROUNDDOWN($C95/24,0)+1,1))-1)+IF('Standard Profiles'!$G$22=$B$10,7,0)+IF('Standard Profiles'!$G$22=$B$17,14,0)+IF('Standard Profiles'!$G$22=$B$24,21,0),0)),0)</f>
        <v>0</v>
      </c>
      <c r="I95">
        <f t="shared" si="20"/>
        <v>7.6234543419338818</v>
      </c>
      <c r="J95">
        <f t="shared" si="21"/>
        <v>52.589152039337378</v>
      </c>
      <c r="K95">
        <f t="shared" si="22"/>
        <v>2.5621656094520109</v>
      </c>
      <c r="L95">
        <f t="shared" si="23"/>
        <v>1.2810828047260054</v>
      </c>
      <c r="M95">
        <f t="shared" si="24"/>
        <v>0</v>
      </c>
      <c r="N95" s="45">
        <f t="shared" si="25"/>
        <v>44929.541666666519</v>
      </c>
      <c r="O95">
        <v>1.2878985463724117</v>
      </c>
      <c r="P95">
        <v>34.286306560737003</v>
      </c>
      <c r="Q95">
        <v>2.4283927800905407</v>
      </c>
      <c r="R95">
        <v>1.2141963900452704</v>
      </c>
      <c r="S95">
        <v>0</v>
      </c>
      <c r="T95" s="45">
        <v>45062.541666658777</v>
      </c>
    </row>
    <row r="96" spans="2:21" x14ac:dyDescent="0.25">
      <c r="B96">
        <f t="shared" si="19"/>
        <v>2</v>
      </c>
      <c r="C96" s="16">
        <v>62</v>
      </c>
      <c r="D96" cm="1">
        <f t="array" ref="D96">IFERROR(INDEX(Jesper!AH$2:AH$366,ROUNDDOWN($C96/24,0)+1,1)*INDEX($D$3:$AA$30,INDEX(Jesper!$R$2:$R$366,ROW(INDEX(Jesper!AH$2:AH$366,ROUNDDOWN($C96/24,0)+1,1))-1)+IF('Standard Profiles'!$G$18=$B$10,7,0)+IF('Standard Profiles'!$G$18=$B$17,14,0)+IF('Standard Profiles'!$G$18=$B$24,21,0),MOD($C96,24)+1)/SUM(INDEX($D$3:$AA$30,INDEX(Jesper!$R$2:$R$366,ROW(INDEX(Jesper!AH$2:AH$366,ROUNDDOWN($C96/24,0)+1,1))-1)+IF('Standard Profiles'!$G$18=$B$10,7,0)+IF('Standard Profiles'!$G$18=$B$17,14,0)+IF('Standard Profiles'!$G$18=$B$24,21,0),0)),0)</f>
        <v>36.159595294685637</v>
      </c>
      <c r="E96" cm="1">
        <f t="array" ref="E96">IFERROR(INDEX(Jesper!AI$2:AI$366,ROUNDDOWN($C96/24,0)+1,1)*INDEX($D$3:$AA$30,INDEX(Jesper!$R$2:$R$366,ROW(INDEX(Jesper!AI$2:AI$366,ROUNDDOWN($C96/24,0)+1,1))-1)+IF('Standard Profiles'!$G$19=$B$10,7,0)+IF('Standard Profiles'!$G$19=$B$17,14,0)+IF('Standard Profiles'!$G$19=$B$24,21,0),MOD($C96,24)+1)/SUM(INDEX($D$3:$AA$30,INDEX(Jesper!$R$2:$R$366,ROW(INDEX(Jesper!AI$2:AI$366,ROUNDDOWN($C96/24,0)+1,1))-1)+IF('Standard Profiles'!$G$19=$B$10,7,0)+IF('Standard Profiles'!$G$19=$B$17,14,0)+IF('Standard Profiles'!$G$19=$B$24,21,0),0)),0)</f>
        <v>36.359890242577976</v>
      </c>
      <c r="F96" cm="1">
        <f t="array" ref="F96">IFERROR(INDEX(Jesper!AJ$2:AJ$366,ROUNDDOWN($C96/24,0)+1,1)*INDEX($D$3:$AA$30,INDEX(Jesper!$R$2:$R$366,ROW(INDEX(Jesper!AJ$2:AJ$366,ROUNDDOWN($C96/24,0)+1,1))-1)+IF('Standard Profiles'!$G$20=$B$10,7,0)+IF('Standard Profiles'!$G$20=$B$17,14,0)+IF('Standard Profiles'!$G$20=$B$24,21,0),MOD($C96,24)+1)/SUM(INDEX($D$3:$AA$30,INDEX(Jesper!$R$2:$R$366,ROW(INDEX(Jesper!AJ$2:AJ$366,ROUNDDOWN($C96/24,0)+1,1))-1)+IF('Standard Profiles'!$G$20=$B$10,7,0)+IF('Standard Profiles'!$G$20=$B$17,14,0)+IF('Standard Profiles'!$G$20=$B$24,21,0),0)),0)</f>
        <v>0</v>
      </c>
      <c r="G96" cm="1">
        <f t="array" ref="G96">IFERROR(INDEX(Jesper!AK$2:AK$366,ROUNDDOWN($C96/24,0)+1,1)*INDEX($D$3:$AA$30,INDEX(Jesper!$R$2:$R$366,ROW(INDEX(Jesper!AK$2:AK$366,ROUNDDOWN($C96/24,0)+1,1))-1)+IF('Standard Profiles'!$G$21=$B$10,7,0)+IF('Standard Profiles'!$G$21=$B$17,14,0)+IF('Standard Profiles'!$G$21=$B$24,21,0),MOD($C96,24)+1)/SUM(INDEX($D$3:$AA$30,INDEX(Jesper!$R$2:$R$366,ROW(INDEX(Jesper!AK$2:AK$366,ROUNDDOWN($C96/24,0)+1,1))-1)+IF('Standard Profiles'!$G$21=$B$10,7,0)+IF('Standard Profiles'!$G$21=$B$17,14,0)+IF('Standard Profiles'!$G$21=$B$24,21,0),0)),0)</f>
        <v>23.90868297201488</v>
      </c>
      <c r="H96" cm="1">
        <f t="array" ref="H96">IFERROR(INDEX(Jesper!AL$2:AL$366,ROUNDDOWN($C96/24,0)+1,1)*INDEX($D$3:$AA$30,INDEX(Jesper!$R$2:$R$366,ROW(INDEX(Jesper!AL$2:AL$366,ROUNDDOWN($C96/24,0)+1,1))-1)+IF('Standard Profiles'!$G$22=$B$10,7,0)+IF('Standard Profiles'!$G$22=$B$17,14,0)+IF('Standard Profiles'!$G$22=$B$24,21,0),MOD($C96,24)+1)/SUM(INDEX($D$3:$AA$30,INDEX(Jesper!$R$2:$R$366,ROW(INDEX(Jesper!AL$2:AL$366,ROUNDDOWN($C96/24,0)+1,1))-1)+IF('Standard Profiles'!$G$22=$B$10,7,0)+IF('Standard Profiles'!$G$22=$B$17,14,0)+IF('Standard Profiles'!$G$22=$B$24,21,0),0)),0)</f>
        <v>0</v>
      </c>
      <c r="I96">
        <f t="shared" si="20"/>
        <v>11.476167826567137</v>
      </c>
      <c r="J96">
        <f t="shared" si="21"/>
        <v>79.166465435561648</v>
      </c>
      <c r="K96">
        <f t="shared" si="22"/>
        <v>3.8570234980998017</v>
      </c>
      <c r="L96">
        <f t="shared" si="23"/>
        <v>1.9285117490499009</v>
      </c>
      <c r="M96">
        <f t="shared" si="24"/>
        <v>0</v>
      </c>
      <c r="N96" s="45">
        <f t="shared" si="25"/>
        <v>44929.583333333183</v>
      </c>
      <c r="O96">
        <v>1.9387720052918029</v>
      </c>
      <c r="P96">
        <v>51.613794822614842</v>
      </c>
      <c r="Q96">
        <v>3.6556450452975882</v>
      </c>
      <c r="R96">
        <v>1.8278225226487941</v>
      </c>
      <c r="S96">
        <v>0</v>
      </c>
      <c r="T96" s="45">
        <v>45062.583333325441</v>
      </c>
    </row>
    <row r="97" spans="2:20" x14ac:dyDescent="0.25">
      <c r="B97">
        <f t="shared" si="19"/>
        <v>2</v>
      </c>
      <c r="C97" s="16">
        <v>63</v>
      </c>
      <c r="D97" cm="1">
        <f t="array" ref="D97">IFERROR(INDEX(Jesper!AH$2:AH$366,ROUNDDOWN($C97/24,0)+1,1)*INDEX($D$3:$AA$30,INDEX(Jesper!$R$2:$R$366,ROW(INDEX(Jesper!AH$2:AH$366,ROUNDDOWN($C97/24,0)+1,1))-1)+IF('Standard Profiles'!$G$18=$B$10,7,0)+IF('Standard Profiles'!$G$18=$B$17,14,0)+IF('Standard Profiles'!$G$18=$B$24,21,0),MOD($C97,24)+1)/SUM(INDEX($D$3:$AA$30,INDEX(Jesper!$R$2:$R$366,ROW(INDEX(Jesper!AH$2:AH$366,ROUNDDOWN($C97/24,0)+1,1))-1)+IF('Standard Profiles'!$G$18=$B$10,7,0)+IF('Standard Profiles'!$G$18=$B$17,14,0)+IF('Standard Profiles'!$G$18=$B$24,21,0),0)),0)</f>
        <v>36.159595294685637</v>
      </c>
      <c r="E97" cm="1">
        <f t="array" ref="E97">IFERROR(INDEX(Jesper!AI$2:AI$366,ROUNDDOWN($C97/24,0)+1,1)*INDEX($D$3:$AA$30,INDEX(Jesper!$R$2:$R$366,ROW(INDEX(Jesper!AI$2:AI$366,ROUNDDOWN($C97/24,0)+1,1))-1)+IF('Standard Profiles'!$G$19=$B$10,7,0)+IF('Standard Profiles'!$G$19=$B$17,14,0)+IF('Standard Profiles'!$G$19=$B$24,21,0),MOD($C97,24)+1)/SUM(INDEX($D$3:$AA$30,INDEX(Jesper!$R$2:$R$366,ROW(INDEX(Jesper!AI$2:AI$366,ROUNDDOWN($C97/24,0)+1,1))-1)+IF('Standard Profiles'!$G$19=$B$10,7,0)+IF('Standard Profiles'!$G$19=$B$17,14,0)+IF('Standard Profiles'!$G$19=$B$24,21,0),0)),0)</f>
        <v>36.359890242577976</v>
      </c>
      <c r="F97" cm="1">
        <f t="array" ref="F97">IFERROR(INDEX(Jesper!AJ$2:AJ$366,ROUNDDOWN($C97/24,0)+1,1)*INDEX($D$3:$AA$30,INDEX(Jesper!$R$2:$R$366,ROW(INDEX(Jesper!AJ$2:AJ$366,ROUNDDOWN($C97/24,0)+1,1))-1)+IF('Standard Profiles'!$G$20=$B$10,7,0)+IF('Standard Profiles'!$G$20=$B$17,14,0)+IF('Standard Profiles'!$G$20=$B$24,21,0),MOD($C97,24)+1)/SUM(INDEX($D$3:$AA$30,INDEX(Jesper!$R$2:$R$366,ROW(INDEX(Jesper!AJ$2:AJ$366,ROUNDDOWN($C97/24,0)+1,1))-1)+IF('Standard Profiles'!$G$20=$B$10,7,0)+IF('Standard Profiles'!$G$20=$B$17,14,0)+IF('Standard Profiles'!$G$20=$B$24,21,0),0)),0)</f>
        <v>0</v>
      </c>
      <c r="G97" cm="1">
        <f t="array" ref="G97">IFERROR(INDEX(Jesper!AK$2:AK$366,ROUNDDOWN($C97/24,0)+1,1)*INDEX($D$3:$AA$30,INDEX(Jesper!$R$2:$R$366,ROW(INDEX(Jesper!AK$2:AK$366,ROUNDDOWN($C97/24,0)+1,1))-1)+IF('Standard Profiles'!$G$21=$B$10,7,0)+IF('Standard Profiles'!$G$21=$B$17,14,0)+IF('Standard Profiles'!$G$21=$B$24,21,0),MOD($C97,24)+1)/SUM(INDEX($D$3:$AA$30,INDEX(Jesper!$R$2:$R$366,ROW(INDEX(Jesper!AK$2:AK$366,ROUNDDOWN($C97/24,0)+1,1))-1)+IF('Standard Profiles'!$G$21=$B$10,7,0)+IF('Standard Profiles'!$G$21=$B$17,14,0)+IF('Standard Profiles'!$G$21=$B$24,21,0),0)),0)</f>
        <v>23.90868297201488</v>
      </c>
      <c r="H97" cm="1">
        <f t="array" ref="H97">IFERROR(INDEX(Jesper!AL$2:AL$366,ROUNDDOWN($C97/24,0)+1,1)*INDEX($D$3:$AA$30,INDEX(Jesper!$R$2:$R$366,ROW(INDEX(Jesper!AL$2:AL$366,ROUNDDOWN($C97/24,0)+1,1))-1)+IF('Standard Profiles'!$G$22=$B$10,7,0)+IF('Standard Profiles'!$G$22=$B$17,14,0)+IF('Standard Profiles'!$G$22=$B$24,21,0),MOD($C97,24)+1)/SUM(INDEX($D$3:$AA$30,INDEX(Jesper!$R$2:$R$366,ROW(INDEX(Jesper!AL$2:AL$366,ROUNDDOWN($C97/24,0)+1,1))-1)+IF('Standard Profiles'!$G$22=$B$10,7,0)+IF('Standard Profiles'!$G$22=$B$17,14,0)+IF('Standard Profiles'!$G$22=$B$24,21,0),0)),0)</f>
        <v>0</v>
      </c>
      <c r="I97">
        <f t="shared" si="20"/>
        <v>11.476167826567137</v>
      </c>
      <c r="J97">
        <f t="shared" si="21"/>
        <v>79.166465435561648</v>
      </c>
      <c r="K97">
        <f t="shared" si="22"/>
        <v>3.8570234980998017</v>
      </c>
      <c r="L97">
        <f t="shared" si="23"/>
        <v>1.9285117490499009</v>
      </c>
      <c r="M97">
        <f t="shared" si="24"/>
        <v>0</v>
      </c>
      <c r="N97" s="45">
        <f t="shared" si="25"/>
        <v>44929.624999999847</v>
      </c>
      <c r="O97">
        <v>1.9387720052918029</v>
      </c>
      <c r="P97">
        <v>51.613794822614842</v>
      </c>
      <c r="Q97">
        <v>3.6556450452975882</v>
      </c>
      <c r="R97">
        <v>1.8278225226487941</v>
      </c>
      <c r="S97">
        <v>0</v>
      </c>
      <c r="T97" s="45">
        <v>45062.624999992106</v>
      </c>
    </row>
    <row r="98" spans="2:20" x14ac:dyDescent="0.25">
      <c r="B98">
        <f t="shared" si="19"/>
        <v>2</v>
      </c>
      <c r="C98" s="16">
        <v>64</v>
      </c>
      <c r="D98" cm="1">
        <f t="array" ref="D98">IFERROR(INDEX(Jesper!AH$2:AH$366,ROUNDDOWN($C98/24,0)+1,1)*INDEX($D$3:$AA$30,INDEX(Jesper!$R$2:$R$366,ROW(INDEX(Jesper!AH$2:AH$366,ROUNDDOWN($C98/24,0)+1,1))-1)+IF('Standard Profiles'!$G$18=$B$10,7,0)+IF('Standard Profiles'!$G$18=$B$17,14,0)+IF('Standard Profiles'!$G$18=$B$24,21,0),MOD($C98,24)+1)/SUM(INDEX($D$3:$AA$30,INDEX(Jesper!$R$2:$R$366,ROW(INDEX(Jesper!AH$2:AH$366,ROUNDDOWN($C98/24,0)+1,1))-1)+IF('Standard Profiles'!$G$18=$B$10,7,0)+IF('Standard Profiles'!$G$18=$B$17,14,0)+IF('Standard Profiles'!$G$18=$B$24,21,0),0)),0)</f>
        <v>21.308332941511178</v>
      </c>
      <c r="E98" cm="1">
        <f t="array" ref="E98">IFERROR(INDEX(Jesper!AI$2:AI$366,ROUNDDOWN($C98/24,0)+1,1)*INDEX($D$3:$AA$30,INDEX(Jesper!$R$2:$R$366,ROW(INDEX(Jesper!AI$2:AI$366,ROUNDDOWN($C98/24,0)+1,1))-1)+IF('Standard Profiles'!$G$19=$B$10,7,0)+IF('Standard Profiles'!$G$19=$B$17,14,0)+IF('Standard Profiles'!$G$19=$B$24,21,0),MOD($C98,24)+1)/SUM(INDEX($D$3:$AA$30,INDEX(Jesper!$R$2:$R$366,ROW(INDEX(Jesper!AI$2:AI$366,ROUNDDOWN($C98/24,0)+1,1))-1)+IF('Standard Profiles'!$G$19=$B$10,7,0)+IF('Standard Profiles'!$G$19=$B$17,14,0)+IF('Standard Profiles'!$G$19=$B$24,21,0),0)),0)</f>
        <v>21.426363892947734</v>
      </c>
      <c r="F98" cm="1">
        <f t="array" ref="F98">IFERROR(INDEX(Jesper!AJ$2:AJ$366,ROUNDDOWN($C98/24,0)+1,1)*INDEX($D$3:$AA$30,INDEX(Jesper!$R$2:$R$366,ROW(INDEX(Jesper!AJ$2:AJ$366,ROUNDDOWN($C98/24,0)+1,1))-1)+IF('Standard Profiles'!$G$20=$B$10,7,0)+IF('Standard Profiles'!$G$20=$B$17,14,0)+IF('Standard Profiles'!$G$20=$B$24,21,0),MOD($C98,24)+1)/SUM(INDEX($D$3:$AA$30,INDEX(Jesper!$R$2:$R$366,ROW(INDEX(Jesper!AJ$2:AJ$366,ROUNDDOWN($C98/24,0)+1,1))-1)+IF('Standard Profiles'!$G$20=$B$10,7,0)+IF('Standard Profiles'!$G$20=$B$17,14,0)+IF('Standard Profiles'!$G$20=$B$24,21,0),0)),0)</f>
        <v>0</v>
      </c>
      <c r="G98" cm="1">
        <f t="array" ref="G98">IFERROR(INDEX(Jesper!AK$2:AK$366,ROUNDDOWN($C98/24,0)+1,1)*INDEX($D$3:$AA$30,INDEX(Jesper!$R$2:$R$366,ROW(INDEX(Jesper!AK$2:AK$366,ROUNDDOWN($C98/24,0)+1,1))-1)+IF('Standard Profiles'!$G$21=$B$10,7,0)+IF('Standard Profiles'!$G$21=$B$17,14,0)+IF('Standard Profiles'!$G$21=$B$24,21,0),MOD($C98,24)+1)/SUM(INDEX($D$3:$AA$30,INDEX(Jesper!$R$2:$R$366,ROW(INDEX(Jesper!AK$2:AK$366,ROUNDDOWN($C98/24,0)+1,1))-1)+IF('Standard Profiles'!$G$21=$B$10,7,0)+IF('Standard Profiles'!$G$21=$B$17,14,0)+IF('Standard Profiles'!$G$21=$B$24,21,0),0)),0)</f>
        <v>19.984461450772315</v>
      </c>
      <c r="H98" cm="1">
        <f t="array" ref="H98">IFERROR(INDEX(Jesper!AL$2:AL$366,ROUNDDOWN($C98/24,0)+1,1)*INDEX($D$3:$AA$30,INDEX(Jesper!$R$2:$R$366,ROW(INDEX(Jesper!AL$2:AL$366,ROUNDDOWN($C98/24,0)+1,1))-1)+IF('Standard Profiles'!$G$22=$B$10,7,0)+IF('Standard Profiles'!$G$22=$B$17,14,0)+IF('Standard Profiles'!$G$22=$B$24,21,0),MOD($C98,24)+1)/SUM(INDEX($D$3:$AA$30,INDEX(Jesper!$R$2:$R$366,ROW(INDEX(Jesper!AL$2:AL$366,ROUNDDOWN($C98/24,0)+1,1))-1)+IF('Standard Profiles'!$G$22=$B$10,7,0)+IF('Standard Profiles'!$G$22=$B$17,14,0)+IF('Standard Profiles'!$G$22=$B$24,21,0),0)),0)</f>
        <v>0</v>
      </c>
      <c r="I98">
        <f t="shared" si="20"/>
        <v>9.592541496370707</v>
      </c>
      <c r="J98">
        <f t="shared" si="21"/>
        <v>49.717283518218728</v>
      </c>
      <c r="K98">
        <f t="shared" si="22"/>
        <v>2.2728888470945257</v>
      </c>
      <c r="L98">
        <f t="shared" si="23"/>
        <v>1.1364444235472628</v>
      </c>
      <c r="M98">
        <f t="shared" si="24"/>
        <v>0</v>
      </c>
      <c r="N98" s="45">
        <f t="shared" si="25"/>
        <v>44929.666666666511</v>
      </c>
      <c r="O98">
        <v>1.6205541077667045</v>
      </c>
      <c r="P98">
        <v>30.933174032648001</v>
      </c>
      <c r="Q98">
        <v>2.1542194016932217</v>
      </c>
      <c r="R98">
        <v>1.0771097008466108</v>
      </c>
      <c r="S98">
        <v>0</v>
      </c>
      <c r="T98" s="45">
        <v>45062.66666665877</v>
      </c>
    </row>
    <row r="99" spans="2:20" x14ac:dyDescent="0.25">
      <c r="B99">
        <f t="shared" ref="B99:B162" si="26">WEEKDAY(N99,2)</f>
        <v>2</v>
      </c>
      <c r="C99" s="16">
        <v>65</v>
      </c>
      <c r="D99" cm="1">
        <f t="array" ref="D99">IFERROR(INDEX(Jesper!AH$2:AH$366,ROUNDDOWN($C99/24,0)+1,1)*INDEX($D$3:$AA$30,INDEX(Jesper!$R$2:$R$366,ROW(INDEX(Jesper!AH$2:AH$366,ROUNDDOWN($C99/24,0)+1,1))-1)+IF('Standard Profiles'!$G$18=$B$10,7,0)+IF('Standard Profiles'!$G$18=$B$17,14,0)+IF('Standard Profiles'!$G$18=$B$24,21,0),MOD($C99,24)+1)/SUM(INDEX($D$3:$AA$30,INDEX(Jesper!$R$2:$R$366,ROW(INDEX(Jesper!AH$2:AH$366,ROUNDDOWN($C99/24,0)+1,1))-1)+IF('Standard Profiles'!$G$18=$B$10,7,0)+IF('Standard Profiles'!$G$18=$B$17,14,0)+IF('Standard Profiles'!$G$18=$B$24,21,0),0)),0)</f>
        <v>9.0944656173756631</v>
      </c>
      <c r="E99" cm="1">
        <f t="array" ref="E99">IFERROR(INDEX(Jesper!AI$2:AI$366,ROUNDDOWN($C99/24,0)+1,1)*INDEX($D$3:$AA$30,INDEX(Jesper!$R$2:$R$366,ROW(INDEX(Jesper!AI$2:AI$366,ROUNDDOWN($C99/24,0)+1,1))-1)+IF('Standard Profiles'!$G$19=$B$10,7,0)+IF('Standard Profiles'!$G$19=$B$17,14,0)+IF('Standard Profiles'!$G$19=$B$24,21,0),MOD($C99,24)+1)/SUM(INDEX($D$3:$AA$30,INDEX(Jesper!$R$2:$R$366,ROW(INDEX(Jesper!AI$2:AI$366,ROUNDDOWN($C99/24,0)+1,1))-1)+IF('Standard Profiles'!$G$19=$B$10,7,0)+IF('Standard Profiles'!$G$19=$B$17,14,0)+IF('Standard Profiles'!$G$19=$B$24,21,0),0)),0)</f>
        <v>9.144841610306333</v>
      </c>
      <c r="F99" cm="1">
        <f t="array" ref="F99">IFERROR(INDEX(Jesper!AJ$2:AJ$366,ROUNDDOWN($C99/24,0)+1,1)*INDEX($D$3:$AA$30,INDEX(Jesper!$R$2:$R$366,ROW(INDEX(Jesper!AJ$2:AJ$366,ROUNDDOWN($C99/24,0)+1,1))-1)+IF('Standard Profiles'!$G$20=$B$10,7,0)+IF('Standard Profiles'!$G$20=$B$17,14,0)+IF('Standard Profiles'!$G$20=$B$24,21,0),MOD($C99,24)+1)/SUM(INDEX($D$3:$AA$30,INDEX(Jesper!$R$2:$R$366,ROW(INDEX(Jesper!AJ$2:AJ$366,ROUNDDOWN($C99/24,0)+1,1))-1)+IF('Standard Profiles'!$G$20=$B$10,7,0)+IF('Standard Profiles'!$G$20=$B$17,14,0)+IF('Standard Profiles'!$G$20=$B$24,21,0),0)),0)</f>
        <v>0</v>
      </c>
      <c r="G99" cm="1">
        <f t="array" ref="G99">IFERROR(INDEX(Jesper!AK$2:AK$366,ROUNDDOWN($C99/24,0)+1,1)*INDEX($D$3:$AA$30,INDEX(Jesper!$R$2:$R$366,ROW(INDEX(Jesper!AK$2:AK$366,ROUNDDOWN($C99/24,0)+1,1))-1)+IF('Standard Profiles'!$G$21=$B$10,7,0)+IF('Standard Profiles'!$G$21=$B$17,14,0)+IF('Standard Profiles'!$G$21=$B$24,21,0),MOD($C99,24)+1)/SUM(INDEX($D$3:$AA$30,INDEX(Jesper!$R$2:$R$366,ROW(INDEX(Jesper!AK$2:AK$366,ROUNDDOWN($C99/24,0)+1,1))-1)+IF('Standard Profiles'!$G$21=$B$10,7,0)+IF('Standard Profiles'!$G$21=$B$17,14,0)+IF('Standard Profiles'!$G$21=$B$24,21,0),0)),0)</f>
        <v>15.878563007250003</v>
      </c>
      <c r="H99" cm="1">
        <f t="array" ref="H99">IFERROR(INDEX(Jesper!AL$2:AL$366,ROUNDDOWN($C99/24,0)+1,1)*INDEX($D$3:$AA$30,INDEX(Jesper!$R$2:$R$366,ROW(INDEX(Jesper!AL$2:AL$366,ROUNDDOWN($C99/24,0)+1,1))-1)+IF('Standard Profiles'!$G$22=$B$10,7,0)+IF('Standard Profiles'!$G$22=$B$17,14,0)+IF('Standard Profiles'!$G$22=$B$24,21,0),MOD($C99,24)+1)/SUM(INDEX($D$3:$AA$30,INDEX(Jesper!$R$2:$R$366,ROW(INDEX(Jesper!AL$2:AL$366,ROUNDDOWN($C99/24,0)+1,1))-1)+IF('Standard Profiles'!$G$22=$B$10,7,0)+IF('Standard Profiles'!$G$22=$B$17,14,0)+IF('Standard Profiles'!$G$22=$B$24,21,0),0)),0)</f>
        <v>0</v>
      </c>
      <c r="I99">
        <f t="shared" ref="I99:I162" si="27">IF($B99&lt;6,AC$37*$D99+AC$38*$E99+AC$39*$F99+AC$40*$G99,AC$46*$D99+AC$47*$E99+AC$48*$F99+AC$49*$G99+AC$50*$H99)</f>
        <v>7.6217102434799973</v>
      </c>
      <c r="J99">
        <f t="shared" ref="J99:J162" si="28">IF($B99&lt;6,AD$37*$D99+AD$38*$E99+AD$39*$F99+AD$40*$G99,AD$46*$D99+AD$47*$E99+AD$48*$F99+AD$49*$G99+AD$50*$H99)</f>
        <v>25.041045492671895</v>
      </c>
      <c r="K99">
        <f t="shared" ref="K99:K162" si="29">IF($B99&lt;6,AE$37*$D99+AE$38*$E99+AE$39*$F99+AE$40*$G99,AE$46*$D99+AE$47*$E99+AE$48*$F99+AE$49*$G99+AE$50*$H99)</f>
        <v>0.97007633252007075</v>
      </c>
      <c r="L99">
        <f t="shared" ref="L99:L162" si="30">IF($B99&lt;6,AF$37*$D99+AF$38*$E99+AF$39*$F99+AF$40*$G99,AF$46*$D99+AF$47*$E99+AF$48*$F99+AF$49*$G99+AF$50*$H99)</f>
        <v>0.48503816626003537</v>
      </c>
      <c r="M99">
        <f t="shared" ref="M99:M162" si="31">IF($B99&lt;6,AG$37*$D99+AG$38*$E99+AG$39*$F99+AG$40*$G99,AG$46*$D99+AG$47*$E99+AG$48*$F99+AG$49*$G99+AG$50*$H99)</f>
        <v>0</v>
      </c>
      <c r="N99" s="45">
        <f t="shared" si="25"/>
        <v>44929.708333333176</v>
      </c>
      <c r="O99">
        <v>1.2876039001709998</v>
      </c>
      <c r="P99">
        <v>13.847987344790059</v>
      </c>
      <c r="Q99">
        <v>0.91942782829416203</v>
      </c>
      <c r="R99">
        <v>0.45971391414708102</v>
      </c>
      <c r="S99">
        <v>0</v>
      </c>
      <c r="T99" s="45">
        <v>45062.708333325434</v>
      </c>
    </row>
    <row r="100" spans="2:20" x14ac:dyDescent="0.25">
      <c r="B100">
        <f t="shared" si="26"/>
        <v>2</v>
      </c>
      <c r="C100" s="16">
        <v>66</v>
      </c>
      <c r="D100" cm="1">
        <f t="array" ref="D100">IFERROR(INDEX(Jesper!AH$2:AH$366,ROUNDDOWN($C100/24,0)+1,1)*INDEX($D$3:$AA$30,INDEX(Jesper!$R$2:$R$366,ROW(INDEX(Jesper!AH$2:AH$366,ROUNDDOWN($C100/24,0)+1,1))-1)+IF('Standard Profiles'!$G$18=$B$10,7,0)+IF('Standard Profiles'!$G$18=$B$17,14,0)+IF('Standard Profiles'!$G$18=$B$24,21,0),MOD($C100,24)+1)/SUM(INDEX($D$3:$AA$30,INDEX(Jesper!$R$2:$R$366,ROW(INDEX(Jesper!AH$2:AH$366,ROUNDDOWN($C100/24,0)+1,1))-1)+IF('Standard Profiles'!$G$18=$B$10,7,0)+IF('Standard Profiles'!$G$18=$B$17,14,0)+IF('Standard Profiles'!$G$18=$B$24,21,0),0)),0)</f>
        <v>6.0023473074679377</v>
      </c>
      <c r="E100" cm="1">
        <f t="array" ref="E100">IFERROR(INDEX(Jesper!AI$2:AI$366,ROUNDDOWN($C100/24,0)+1,1)*INDEX($D$3:$AA$30,INDEX(Jesper!$R$2:$R$366,ROW(INDEX(Jesper!AI$2:AI$366,ROUNDDOWN($C100/24,0)+1,1))-1)+IF('Standard Profiles'!$G$19=$B$10,7,0)+IF('Standard Profiles'!$G$19=$B$17,14,0)+IF('Standard Profiles'!$G$19=$B$24,21,0),MOD($C100,24)+1)/SUM(INDEX($D$3:$AA$30,INDEX(Jesper!$R$2:$R$366,ROW(INDEX(Jesper!AI$2:AI$366,ROUNDDOWN($C100/24,0)+1,1))-1)+IF('Standard Profiles'!$G$19=$B$10,7,0)+IF('Standard Profiles'!$G$19=$B$17,14,0)+IF('Standard Profiles'!$G$19=$B$24,21,0),0)),0)</f>
        <v>6.0355954628021795</v>
      </c>
      <c r="F100" cm="1">
        <f t="array" ref="F100">IFERROR(INDEX(Jesper!AJ$2:AJ$366,ROUNDDOWN($C100/24,0)+1,1)*INDEX($D$3:$AA$30,INDEX(Jesper!$R$2:$R$366,ROW(INDEX(Jesper!AJ$2:AJ$366,ROUNDDOWN($C100/24,0)+1,1))-1)+IF('Standard Profiles'!$G$20=$B$10,7,0)+IF('Standard Profiles'!$G$20=$B$17,14,0)+IF('Standard Profiles'!$G$20=$B$24,21,0),MOD($C100,24)+1)/SUM(INDEX($D$3:$AA$30,INDEX(Jesper!$R$2:$R$366,ROW(INDEX(Jesper!AJ$2:AJ$366,ROUNDDOWN($C100/24,0)+1,1))-1)+IF('Standard Profiles'!$G$20=$B$10,7,0)+IF('Standard Profiles'!$G$20=$B$17,14,0)+IF('Standard Profiles'!$G$20=$B$24,21,0),0)),0)</f>
        <v>0</v>
      </c>
      <c r="G100" cm="1">
        <f t="array" ref="G100">IFERROR(INDEX(Jesper!AK$2:AK$366,ROUNDDOWN($C100/24,0)+1,1)*INDEX($D$3:$AA$30,INDEX(Jesper!$R$2:$R$366,ROW(INDEX(Jesper!AK$2:AK$366,ROUNDDOWN($C100/24,0)+1,1))-1)+IF('Standard Profiles'!$G$21=$B$10,7,0)+IF('Standard Profiles'!$G$21=$B$17,14,0)+IF('Standard Profiles'!$G$21=$B$24,21,0),MOD($C100,24)+1)/SUM(INDEX($D$3:$AA$30,INDEX(Jesper!$R$2:$R$366,ROW(INDEX(Jesper!AK$2:AK$366,ROUNDDOWN($C100/24,0)+1,1))-1)+IF('Standard Profiles'!$G$21=$B$10,7,0)+IF('Standard Profiles'!$G$21=$B$17,14,0)+IF('Standard Profiles'!$G$21=$B$24,21,0),0)),0)</f>
        <v>5.6319845906721984</v>
      </c>
      <c r="H100" cm="1">
        <f t="array" ref="H100">IFERROR(INDEX(Jesper!AL$2:AL$366,ROUNDDOWN($C100/24,0)+1,1)*INDEX($D$3:$AA$30,INDEX(Jesper!$R$2:$R$366,ROW(INDEX(Jesper!AL$2:AL$366,ROUNDDOWN($C100/24,0)+1,1))-1)+IF('Standard Profiles'!$G$22=$B$10,7,0)+IF('Standard Profiles'!$G$22=$B$17,14,0)+IF('Standard Profiles'!$G$22=$B$24,21,0),MOD($C100,24)+1)/SUM(INDEX($D$3:$AA$30,INDEX(Jesper!$R$2:$R$366,ROW(INDEX(Jesper!AL$2:AL$366,ROUNDDOWN($C100/24,0)+1,1))-1)+IF('Standard Profiles'!$G$22=$B$10,7,0)+IF('Standard Profiles'!$G$22=$B$17,14,0)+IF('Standard Profiles'!$G$22=$B$24,21,0),0)),0)</f>
        <v>0</v>
      </c>
      <c r="I100">
        <f t="shared" si="27"/>
        <v>2.7033526035226538</v>
      </c>
      <c r="J100">
        <f t="shared" si="28"/>
        <v>14.006199188224791</v>
      </c>
      <c r="K100">
        <f t="shared" si="29"/>
        <v>0.6402503794632467</v>
      </c>
      <c r="L100">
        <f t="shared" si="30"/>
        <v>0.32012518973162335</v>
      </c>
      <c r="M100">
        <f t="shared" si="31"/>
        <v>0</v>
      </c>
      <c r="N100" s="45">
        <f t="shared" ref="N100:N163" si="32">N99+1/24</f>
        <v>44929.74999999984</v>
      </c>
      <c r="O100">
        <v>0.45670161218879862</v>
      </c>
      <c r="P100">
        <v>8.7137949388103735</v>
      </c>
      <c r="Q100">
        <v>0.60682236667414702</v>
      </c>
      <c r="R100">
        <v>0.30341118333707351</v>
      </c>
      <c r="S100">
        <v>0</v>
      </c>
      <c r="T100" s="45">
        <v>45062.749999992098</v>
      </c>
    </row>
    <row r="101" spans="2:20" x14ac:dyDescent="0.25">
      <c r="B101">
        <f t="shared" si="26"/>
        <v>2</v>
      </c>
      <c r="C101" s="16">
        <v>67</v>
      </c>
      <c r="D101" cm="1">
        <f t="array" ref="D101">IFERROR(INDEX(Jesper!AH$2:AH$366,ROUNDDOWN($C101/24,0)+1,1)*INDEX($D$3:$AA$30,INDEX(Jesper!$R$2:$R$366,ROW(INDEX(Jesper!AH$2:AH$366,ROUNDDOWN($C101/24,0)+1,1))-1)+IF('Standard Profiles'!$G$18=$B$10,7,0)+IF('Standard Profiles'!$G$18=$B$17,14,0)+IF('Standard Profiles'!$G$18=$B$24,21,0),MOD($C101,24)+1)/SUM(INDEX($D$3:$AA$30,INDEX(Jesper!$R$2:$R$366,ROW(INDEX(Jesper!AH$2:AH$366,ROUNDDOWN($C101/24,0)+1,1))-1)+IF('Standard Profiles'!$G$18=$B$10,7,0)+IF('Standard Profiles'!$G$18=$B$17,14,0)+IF('Standard Profiles'!$G$18=$B$24,21,0),0)),0)</f>
        <v>6.0023473074679377</v>
      </c>
      <c r="E101" cm="1">
        <f t="array" ref="E101">IFERROR(INDEX(Jesper!AI$2:AI$366,ROUNDDOWN($C101/24,0)+1,1)*INDEX($D$3:$AA$30,INDEX(Jesper!$R$2:$R$366,ROW(INDEX(Jesper!AI$2:AI$366,ROUNDDOWN($C101/24,0)+1,1))-1)+IF('Standard Profiles'!$G$19=$B$10,7,0)+IF('Standard Profiles'!$G$19=$B$17,14,0)+IF('Standard Profiles'!$G$19=$B$24,21,0),MOD($C101,24)+1)/SUM(INDEX($D$3:$AA$30,INDEX(Jesper!$R$2:$R$366,ROW(INDEX(Jesper!AI$2:AI$366,ROUNDDOWN($C101/24,0)+1,1))-1)+IF('Standard Profiles'!$G$19=$B$10,7,0)+IF('Standard Profiles'!$G$19=$B$17,14,0)+IF('Standard Profiles'!$G$19=$B$24,21,0),0)),0)</f>
        <v>6.0355954628021795</v>
      </c>
      <c r="F101" cm="1">
        <f t="array" ref="F101">IFERROR(INDEX(Jesper!AJ$2:AJ$366,ROUNDDOWN($C101/24,0)+1,1)*INDEX($D$3:$AA$30,INDEX(Jesper!$R$2:$R$366,ROW(INDEX(Jesper!AJ$2:AJ$366,ROUNDDOWN($C101/24,0)+1,1))-1)+IF('Standard Profiles'!$G$20=$B$10,7,0)+IF('Standard Profiles'!$G$20=$B$17,14,0)+IF('Standard Profiles'!$G$20=$B$24,21,0),MOD($C101,24)+1)/SUM(INDEX($D$3:$AA$30,INDEX(Jesper!$R$2:$R$366,ROW(INDEX(Jesper!AJ$2:AJ$366,ROUNDDOWN($C101/24,0)+1,1))-1)+IF('Standard Profiles'!$G$20=$B$10,7,0)+IF('Standard Profiles'!$G$20=$B$17,14,0)+IF('Standard Profiles'!$G$20=$B$24,21,0),0)),0)</f>
        <v>0</v>
      </c>
      <c r="G101" cm="1">
        <f t="array" ref="G101">IFERROR(INDEX(Jesper!AK$2:AK$366,ROUNDDOWN($C101/24,0)+1,1)*INDEX($D$3:$AA$30,INDEX(Jesper!$R$2:$R$366,ROW(INDEX(Jesper!AK$2:AK$366,ROUNDDOWN($C101/24,0)+1,1))-1)+IF('Standard Profiles'!$G$21=$B$10,7,0)+IF('Standard Profiles'!$G$21=$B$17,14,0)+IF('Standard Profiles'!$G$21=$B$24,21,0),MOD($C101,24)+1)/SUM(INDEX($D$3:$AA$30,INDEX(Jesper!$R$2:$R$366,ROW(INDEX(Jesper!AK$2:AK$366,ROUNDDOWN($C101/24,0)+1,1))-1)+IF('Standard Profiles'!$G$21=$B$10,7,0)+IF('Standard Profiles'!$G$21=$B$17,14,0)+IF('Standard Profiles'!$G$21=$B$24,21,0),0)),0)</f>
        <v>5.6319845906721984</v>
      </c>
      <c r="H101" cm="1">
        <f t="array" ref="H101">IFERROR(INDEX(Jesper!AL$2:AL$366,ROUNDDOWN($C101/24,0)+1,1)*INDEX($D$3:$AA$30,INDEX(Jesper!$R$2:$R$366,ROW(INDEX(Jesper!AL$2:AL$366,ROUNDDOWN($C101/24,0)+1,1))-1)+IF('Standard Profiles'!$G$22=$B$10,7,0)+IF('Standard Profiles'!$G$22=$B$17,14,0)+IF('Standard Profiles'!$G$22=$B$24,21,0),MOD($C101,24)+1)/SUM(INDEX($D$3:$AA$30,INDEX(Jesper!$R$2:$R$366,ROW(INDEX(Jesper!AL$2:AL$366,ROUNDDOWN($C101/24,0)+1,1))-1)+IF('Standard Profiles'!$G$22=$B$10,7,0)+IF('Standard Profiles'!$G$22=$B$17,14,0)+IF('Standard Profiles'!$G$22=$B$24,21,0),0)),0)</f>
        <v>0</v>
      </c>
      <c r="I101">
        <f t="shared" si="27"/>
        <v>2.7033526035226538</v>
      </c>
      <c r="J101">
        <f t="shared" si="28"/>
        <v>14.006199188224791</v>
      </c>
      <c r="K101">
        <f t="shared" si="29"/>
        <v>0.6402503794632467</v>
      </c>
      <c r="L101">
        <f t="shared" si="30"/>
        <v>0.32012518973162335</v>
      </c>
      <c r="M101">
        <f t="shared" si="31"/>
        <v>0</v>
      </c>
      <c r="N101" s="45">
        <f t="shared" si="32"/>
        <v>44929.791666666504</v>
      </c>
      <c r="O101">
        <v>0.45670161218879862</v>
      </c>
      <c r="P101">
        <v>8.7137949388103735</v>
      </c>
      <c r="Q101">
        <v>0.60682236667414702</v>
      </c>
      <c r="R101">
        <v>0.30341118333707351</v>
      </c>
      <c r="S101">
        <v>0</v>
      </c>
      <c r="T101" s="45">
        <v>45062.791666658763</v>
      </c>
    </row>
    <row r="102" spans="2:20" x14ac:dyDescent="0.25">
      <c r="B102">
        <f t="shared" si="26"/>
        <v>2</v>
      </c>
      <c r="C102" s="16">
        <v>68</v>
      </c>
      <c r="D102" cm="1">
        <f t="array" ref="D102">IFERROR(INDEX(Jesper!AH$2:AH$366,ROUNDDOWN($C102/24,0)+1,1)*INDEX($D$3:$AA$30,INDEX(Jesper!$R$2:$R$366,ROW(INDEX(Jesper!AH$2:AH$366,ROUNDDOWN($C102/24,0)+1,1))-1)+IF('Standard Profiles'!$G$18=$B$10,7,0)+IF('Standard Profiles'!$G$18=$B$17,14,0)+IF('Standard Profiles'!$G$18=$B$24,21,0),MOD($C102,24)+1)/SUM(INDEX($D$3:$AA$30,INDEX(Jesper!$R$2:$R$366,ROW(INDEX(Jesper!AH$2:AH$366,ROUNDDOWN($C102/24,0)+1,1))-1)+IF('Standard Profiles'!$G$18=$B$10,7,0)+IF('Standard Profiles'!$G$18=$B$17,14,0)+IF('Standard Profiles'!$G$18=$B$24,21,0),0)),0)</f>
        <v>6.0023473074679377</v>
      </c>
      <c r="E102" cm="1">
        <f t="array" ref="E102">IFERROR(INDEX(Jesper!AI$2:AI$366,ROUNDDOWN($C102/24,0)+1,1)*INDEX($D$3:$AA$30,INDEX(Jesper!$R$2:$R$366,ROW(INDEX(Jesper!AI$2:AI$366,ROUNDDOWN($C102/24,0)+1,1))-1)+IF('Standard Profiles'!$G$19=$B$10,7,0)+IF('Standard Profiles'!$G$19=$B$17,14,0)+IF('Standard Profiles'!$G$19=$B$24,21,0),MOD($C102,24)+1)/SUM(INDEX($D$3:$AA$30,INDEX(Jesper!$R$2:$R$366,ROW(INDEX(Jesper!AI$2:AI$366,ROUNDDOWN($C102/24,0)+1,1))-1)+IF('Standard Profiles'!$G$19=$B$10,7,0)+IF('Standard Profiles'!$G$19=$B$17,14,0)+IF('Standard Profiles'!$G$19=$B$24,21,0),0)),0)</f>
        <v>6.0355954628021795</v>
      </c>
      <c r="F102" cm="1">
        <f t="array" ref="F102">IFERROR(INDEX(Jesper!AJ$2:AJ$366,ROUNDDOWN($C102/24,0)+1,1)*INDEX($D$3:$AA$30,INDEX(Jesper!$R$2:$R$366,ROW(INDEX(Jesper!AJ$2:AJ$366,ROUNDDOWN($C102/24,0)+1,1))-1)+IF('Standard Profiles'!$G$20=$B$10,7,0)+IF('Standard Profiles'!$G$20=$B$17,14,0)+IF('Standard Profiles'!$G$20=$B$24,21,0),MOD($C102,24)+1)/SUM(INDEX($D$3:$AA$30,INDEX(Jesper!$R$2:$R$366,ROW(INDEX(Jesper!AJ$2:AJ$366,ROUNDDOWN($C102/24,0)+1,1))-1)+IF('Standard Profiles'!$G$20=$B$10,7,0)+IF('Standard Profiles'!$G$20=$B$17,14,0)+IF('Standard Profiles'!$G$20=$B$24,21,0),0)),0)</f>
        <v>0</v>
      </c>
      <c r="G102" cm="1">
        <f t="array" ref="G102">IFERROR(INDEX(Jesper!AK$2:AK$366,ROUNDDOWN($C102/24,0)+1,1)*INDEX($D$3:$AA$30,INDEX(Jesper!$R$2:$R$366,ROW(INDEX(Jesper!AK$2:AK$366,ROUNDDOWN($C102/24,0)+1,1))-1)+IF('Standard Profiles'!$G$21=$B$10,7,0)+IF('Standard Profiles'!$G$21=$B$17,14,0)+IF('Standard Profiles'!$G$21=$B$24,21,0),MOD($C102,24)+1)/SUM(INDEX($D$3:$AA$30,INDEX(Jesper!$R$2:$R$366,ROW(INDEX(Jesper!AK$2:AK$366,ROUNDDOWN($C102/24,0)+1,1))-1)+IF('Standard Profiles'!$G$21=$B$10,7,0)+IF('Standard Profiles'!$G$21=$B$17,14,0)+IF('Standard Profiles'!$G$21=$B$24,21,0),0)),0)</f>
        <v>5.6319845906721984</v>
      </c>
      <c r="H102" cm="1">
        <f t="array" ref="H102">IFERROR(INDEX(Jesper!AL$2:AL$366,ROUNDDOWN($C102/24,0)+1,1)*INDEX($D$3:$AA$30,INDEX(Jesper!$R$2:$R$366,ROW(INDEX(Jesper!AL$2:AL$366,ROUNDDOWN($C102/24,0)+1,1))-1)+IF('Standard Profiles'!$G$22=$B$10,7,0)+IF('Standard Profiles'!$G$22=$B$17,14,0)+IF('Standard Profiles'!$G$22=$B$24,21,0),MOD($C102,24)+1)/SUM(INDEX($D$3:$AA$30,INDEX(Jesper!$R$2:$R$366,ROW(INDEX(Jesper!AL$2:AL$366,ROUNDDOWN($C102/24,0)+1,1))-1)+IF('Standard Profiles'!$G$22=$B$10,7,0)+IF('Standard Profiles'!$G$22=$B$17,14,0)+IF('Standard Profiles'!$G$22=$B$24,21,0),0)),0)</f>
        <v>0</v>
      </c>
      <c r="I102">
        <f t="shared" si="27"/>
        <v>2.7033526035226538</v>
      </c>
      <c r="J102">
        <f t="shared" si="28"/>
        <v>14.006199188224791</v>
      </c>
      <c r="K102">
        <f t="shared" si="29"/>
        <v>0.6402503794632467</v>
      </c>
      <c r="L102">
        <f t="shared" si="30"/>
        <v>0.32012518973162335</v>
      </c>
      <c r="M102">
        <f t="shared" si="31"/>
        <v>0</v>
      </c>
      <c r="N102" s="45">
        <f t="shared" si="32"/>
        <v>44929.833333333168</v>
      </c>
      <c r="O102">
        <v>0.45670161218879862</v>
      </c>
      <c r="P102">
        <v>8.7137949388103735</v>
      </c>
      <c r="Q102">
        <v>0.60682236667414702</v>
      </c>
      <c r="R102">
        <v>0.30341118333707351</v>
      </c>
      <c r="S102">
        <v>0</v>
      </c>
      <c r="T102" s="45">
        <v>45062.833333325427</v>
      </c>
    </row>
    <row r="103" spans="2:20" x14ac:dyDescent="0.25">
      <c r="B103">
        <f t="shared" si="26"/>
        <v>2</v>
      </c>
      <c r="C103" s="16">
        <v>69</v>
      </c>
      <c r="D103" cm="1">
        <f t="array" ref="D103">IFERROR(INDEX(Jesper!AH$2:AH$366,ROUNDDOWN($C103/24,0)+1,1)*INDEX($D$3:$AA$30,INDEX(Jesper!$R$2:$R$366,ROW(INDEX(Jesper!AH$2:AH$366,ROUNDDOWN($C103/24,0)+1,1))-1)+IF('Standard Profiles'!$G$18=$B$10,7,0)+IF('Standard Profiles'!$G$18=$B$17,14,0)+IF('Standard Profiles'!$G$18=$B$24,21,0),MOD($C103,24)+1)/SUM(INDEX($D$3:$AA$30,INDEX(Jesper!$R$2:$R$366,ROW(INDEX(Jesper!AH$2:AH$366,ROUNDDOWN($C103/24,0)+1,1))-1)+IF('Standard Profiles'!$G$18=$B$10,7,0)+IF('Standard Profiles'!$G$18=$B$17,14,0)+IF('Standard Profiles'!$G$18=$B$24,21,0),0)),0)</f>
        <v>6.0023473074679377</v>
      </c>
      <c r="E103" cm="1">
        <f t="array" ref="E103">IFERROR(INDEX(Jesper!AI$2:AI$366,ROUNDDOWN($C103/24,0)+1,1)*INDEX($D$3:$AA$30,INDEX(Jesper!$R$2:$R$366,ROW(INDEX(Jesper!AI$2:AI$366,ROUNDDOWN($C103/24,0)+1,1))-1)+IF('Standard Profiles'!$G$19=$B$10,7,0)+IF('Standard Profiles'!$G$19=$B$17,14,0)+IF('Standard Profiles'!$G$19=$B$24,21,0),MOD($C103,24)+1)/SUM(INDEX($D$3:$AA$30,INDEX(Jesper!$R$2:$R$366,ROW(INDEX(Jesper!AI$2:AI$366,ROUNDDOWN($C103/24,0)+1,1))-1)+IF('Standard Profiles'!$G$19=$B$10,7,0)+IF('Standard Profiles'!$G$19=$B$17,14,0)+IF('Standard Profiles'!$G$19=$B$24,21,0),0)),0)</f>
        <v>6.0355954628021795</v>
      </c>
      <c r="F103" cm="1">
        <f t="array" ref="F103">IFERROR(INDEX(Jesper!AJ$2:AJ$366,ROUNDDOWN($C103/24,0)+1,1)*INDEX($D$3:$AA$30,INDEX(Jesper!$R$2:$R$366,ROW(INDEX(Jesper!AJ$2:AJ$366,ROUNDDOWN($C103/24,0)+1,1))-1)+IF('Standard Profiles'!$G$20=$B$10,7,0)+IF('Standard Profiles'!$G$20=$B$17,14,0)+IF('Standard Profiles'!$G$20=$B$24,21,0),MOD($C103,24)+1)/SUM(INDEX($D$3:$AA$30,INDEX(Jesper!$R$2:$R$366,ROW(INDEX(Jesper!AJ$2:AJ$366,ROUNDDOWN($C103/24,0)+1,1))-1)+IF('Standard Profiles'!$G$20=$B$10,7,0)+IF('Standard Profiles'!$G$20=$B$17,14,0)+IF('Standard Profiles'!$G$20=$B$24,21,0),0)),0)</f>
        <v>0</v>
      </c>
      <c r="G103" cm="1">
        <f t="array" ref="G103">IFERROR(INDEX(Jesper!AK$2:AK$366,ROUNDDOWN($C103/24,0)+1,1)*INDEX($D$3:$AA$30,INDEX(Jesper!$R$2:$R$366,ROW(INDEX(Jesper!AK$2:AK$366,ROUNDDOWN($C103/24,0)+1,1))-1)+IF('Standard Profiles'!$G$21=$B$10,7,0)+IF('Standard Profiles'!$G$21=$B$17,14,0)+IF('Standard Profiles'!$G$21=$B$24,21,0),MOD($C103,24)+1)/SUM(INDEX($D$3:$AA$30,INDEX(Jesper!$R$2:$R$366,ROW(INDEX(Jesper!AK$2:AK$366,ROUNDDOWN($C103/24,0)+1,1))-1)+IF('Standard Profiles'!$G$21=$B$10,7,0)+IF('Standard Profiles'!$G$21=$B$17,14,0)+IF('Standard Profiles'!$G$21=$B$24,21,0),0)),0)</f>
        <v>5.6319845906721984</v>
      </c>
      <c r="H103" cm="1">
        <f t="array" ref="H103">IFERROR(INDEX(Jesper!AL$2:AL$366,ROUNDDOWN($C103/24,0)+1,1)*INDEX($D$3:$AA$30,INDEX(Jesper!$R$2:$R$366,ROW(INDEX(Jesper!AL$2:AL$366,ROUNDDOWN($C103/24,0)+1,1))-1)+IF('Standard Profiles'!$G$22=$B$10,7,0)+IF('Standard Profiles'!$G$22=$B$17,14,0)+IF('Standard Profiles'!$G$22=$B$24,21,0),MOD($C103,24)+1)/SUM(INDEX($D$3:$AA$30,INDEX(Jesper!$R$2:$R$366,ROW(INDEX(Jesper!AL$2:AL$366,ROUNDDOWN($C103/24,0)+1,1))-1)+IF('Standard Profiles'!$G$22=$B$10,7,0)+IF('Standard Profiles'!$G$22=$B$17,14,0)+IF('Standard Profiles'!$G$22=$B$24,21,0),0)),0)</f>
        <v>0</v>
      </c>
      <c r="I103">
        <f t="shared" si="27"/>
        <v>2.7033526035226538</v>
      </c>
      <c r="J103">
        <f t="shared" si="28"/>
        <v>14.006199188224791</v>
      </c>
      <c r="K103">
        <f t="shared" si="29"/>
        <v>0.6402503794632467</v>
      </c>
      <c r="L103">
        <f t="shared" si="30"/>
        <v>0.32012518973162335</v>
      </c>
      <c r="M103">
        <f t="shared" si="31"/>
        <v>0</v>
      </c>
      <c r="N103" s="45">
        <f t="shared" si="32"/>
        <v>44929.874999999833</v>
      </c>
      <c r="O103">
        <v>0.45670161218879862</v>
      </c>
      <c r="P103">
        <v>8.7137949388103735</v>
      </c>
      <c r="Q103">
        <v>0.60682236667414702</v>
      </c>
      <c r="R103">
        <v>0.30341118333707351</v>
      </c>
      <c r="S103">
        <v>0</v>
      </c>
      <c r="T103" s="45">
        <v>45062.874999992091</v>
      </c>
    </row>
    <row r="104" spans="2:20" x14ac:dyDescent="0.25">
      <c r="B104">
        <f t="shared" si="26"/>
        <v>2</v>
      </c>
      <c r="C104" s="16">
        <v>70</v>
      </c>
      <c r="D104" cm="1">
        <f t="array" ref="D104">IFERROR(INDEX(Jesper!AH$2:AH$366,ROUNDDOWN($C104/24,0)+1,1)*INDEX($D$3:$AA$30,INDEX(Jesper!$R$2:$R$366,ROW(INDEX(Jesper!AH$2:AH$366,ROUNDDOWN($C104/24,0)+1,1))-1)+IF('Standard Profiles'!$G$18=$B$10,7,0)+IF('Standard Profiles'!$G$18=$B$17,14,0)+IF('Standard Profiles'!$G$18=$B$24,21,0),MOD($C104,24)+1)/SUM(INDEX($D$3:$AA$30,INDEX(Jesper!$R$2:$R$366,ROW(INDEX(Jesper!AH$2:AH$366,ROUNDDOWN($C104/24,0)+1,1))-1)+IF('Standard Profiles'!$G$18=$B$10,7,0)+IF('Standard Profiles'!$G$18=$B$17,14,0)+IF('Standard Profiles'!$G$18=$B$24,21,0),0)),0)</f>
        <v>6.0023473074679377</v>
      </c>
      <c r="E104" cm="1">
        <f t="array" ref="E104">IFERROR(INDEX(Jesper!AI$2:AI$366,ROUNDDOWN($C104/24,0)+1,1)*INDEX($D$3:$AA$30,INDEX(Jesper!$R$2:$R$366,ROW(INDEX(Jesper!AI$2:AI$366,ROUNDDOWN($C104/24,0)+1,1))-1)+IF('Standard Profiles'!$G$19=$B$10,7,0)+IF('Standard Profiles'!$G$19=$B$17,14,0)+IF('Standard Profiles'!$G$19=$B$24,21,0),MOD($C104,24)+1)/SUM(INDEX($D$3:$AA$30,INDEX(Jesper!$R$2:$R$366,ROW(INDEX(Jesper!AI$2:AI$366,ROUNDDOWN($C104/24,0)+1,1))-1)+IF('Standard Profiles'!$G$19=$B$10,7,0)+IF('Standard Profiles'!$G$19=$B$17,14,0)+IF('Standard Profiles'!$G$19=$B$24,21,0),0)),0)</f>
        <v>6.0355954628021795</v>
      </c>
      <c r="F104" cm="1">
        <f t="array" ref="F104">IFERROR(INDEX(Jesper!AJ$2:AJ$366,ROUNDDOWN($C104/24,0)+1,1)*INDEX($D$3:$AA$30,INDEX(Jesper!$R$2:$R$366,ROW(INDEX(Jesper!AJ$2:AJ$366,ROUNDDOWN($C104/24,0)+1,1))-1)+IF('Standard Profiles'!$G$20=$B$10,7,0)+IF('Standard Profiles'!$G$20=$B$17,14,0)+IF('Standard Profiles'!$G$20=$B$24,21,0),MOD($C104,24)+1)/SUM(INDEX($D$3:$AA$30,INDEX(Jesper!$R$2:$R$366,ROW(INDEX(Jesper!AJ$2:AJ$366,ROUNDDOWN($C104/24,0)+1,1))-1)+IF('Standard Profiles'!$G$20=$B$10,7,0)+IF('Standard Profiles'!$G$20=$B$17,14,0)+IF('Standard Profiles'!$G$20=$B$24,21,0),0)),0)</f>
        <v>0</v>
      </c>
      <c r="G104" cm="1">
        <f t="array" ref="G104">IFERROR(INDEX(Jesper!AK$2:AK$366,ROUNDDOWN($C104/24,0)+1,1)*INDEX($D$3:$AA$30,INDEX(Jesper!$R$2:$R$366,ROW(INDEX(Jesper!AK$2:AK$366,ROUNDDOWN($C104/24,0)+1,1))-1)+IF('Standard Profiles'!$G$21=$B$10,7,0)+IF('Standard Profiles'!$G$21=$B$17,14,0)+IF('Standard Profiles'!$G$21=$B$24,21,0),MOD($C104,24)+1)/SUM(INDEX($D$3:$AA$30,INDEX(Jesper!$R$2:$R$366,ROW(INDEX(Jesper!AK$2:AK$366,ROUNDDOWN($C104/24,0)+1,1))-1)+IF('Standard Profiles'!$G$21=$B$10,7,0)+IF('Standard Profiles'!$G$21=$B$17,14,0)+IF('Standard Profiles'!$G$21=$B$24,21,0),0)),0)</f>
        <v>5.6319845906721984</v>
      </c>
      <c r="H104" cm="1">
        <f t="array" ref="H104">IFERROR(INDEX(Jesper!AL$2:AL$366,ROUNDDOWN($C104/24,0)+1,1)*INDEX($D$3:$AA$30,INDEX(Jesper!$R$2:$R$366,ROW(INDEX(Jesper!AL$2:AL$366,ROUNDDOWN($C104/24,0)+1,1))-1)+IF('Standard Profiles'!$G$22=$B$10,7,0)+IF('Standard Profiles'!$G$22=$B$17,14,0)+IF('Standard Profiles'!$G$22=$B$24,21,0),MOD($C104,24)+1)/SUM(INDEX($D$3:$AA$30,INDEX(Jesper!$R$2:$R$366,ROW(INDEX(Jesper!AL$2:AL$366,ROUNDDOWN($C104/24,0)+1,1))-1)+IF('Standard Profiles'!$G$22=$B$10,7,0)+IF('Standard Profiles'!$G$22=$B$17,14,0)+IF('Standard Profiles'!$G$22=$B$24,21,0),0)),0)</f>
        <v>0</v>
      </c>
      <c r="I104">
        <f t="shared" si="27"/>
        <v>2.7033526035226538</v>
      </c>
      <c r="J104">
        <f t="shared" si="28"/>
        <v>14.006199188224791</v>
      </c>
      <c r="K104">
        <f t="shared" si="29"/>
        <v>0.6402503794632467</v>
      </c>
      <c r="L104">
        <f t="shared" si="30"/>
        <v>0.32012518973162335</v>
      </c>
      <c r="M104">
        <f t="shared" si="31"/>
        <v>0</v>
      </c>
      <c r="N104" s="45">
        <f t="shared" si="32"/>
        <v>44929.916666666497</v>
      </c>
      <c r="O104">
        <v>0.45670161218879862</v>
      </c>
      <c r="P104">
        <v>8.7137949388103735</v>
      </c>
      <c r="Q104">
        <v>0.60682236667414702</v>
      </c>
      <c r="R104">
        <v>0.30341118333707351</v>
      </c>
      <c r="S104">
        <v>0</v>
      </c>
      <c r="T104" s="45">
        <v>45062.916666658755</v>
      </c>
    </row>
    <row r="105" spans="2:20" x14ac:dyDescent="0.25">
      <c r="B105">
        <f t="shared" si="26"/>
        <v>2</v>
      </c>
      <c r="C105" s="16">
        <v>71</v>
      </c>
      <c r="D105" cm="1">
        <f t="array" ref="D105">IFERROR(INDEX(Jesper!AH$2:AH$366,ROUNDDOWN($C105/24,0)+1,1)*INDEX($D$3:$AA$30,INDEX(Jesper!$R$2:$R$366,ROW(INDEX(Jesper!AH$2:AH$366,ROUNDDOWN($C105/24,0)+1,1))-1)+IF('Standard Profiles'!$G$18=$B$10,7,0)+IF('Standard Profiles'!$G$18=$B$17,14,0)+IF('Standard Profiles'!$G$18=$B$24,21,0),MOD($C105,24)+1)/SUM(INDEX($D$3:$AA$30,INDEX(Jesper!$R$2:$R$366,ROW(INDEX(Jesper!AH$2:AH$366,ROUNDDOWN($C105/24,0)+1,1))-1)+IF('Standard Profiles'!$G$18=$B$10,7,0)+IF('Standard Profiles'!$G$18=$B$17,14,0)+IF('Standard Profiles'!$G$18=$B$24,21,0),0)),0)</f>
        <v>6.0023473074679377</v>
      </c>
      <c r="E105" cm="1">
        <f t="array" ref="E105">IFERROR(INDEX(Jesper!AI$2:AI$366,ROUNDDOWN($C105/24,0)+1,1)*INDEX($D$3:$AA$30,INDEX(Jesper!$R$2:$R$366,ROW(INDEX(Jesper!AI$2:AI$366,ROUNDDOWN($C105/24,0)+1,1))-1)+IF('Standard Profiles'!$G$19=$B$10,7,0)+IF('Standard Profiles'!$G$19=$B$17,14,0)+IF('Standard Profiles'!$G$19=$B$24,21,0),MOD($C105,24)+1)/SUM(INDEX($D$3:$AA$30,INDEX(Jesper!$R$2:$R$366,ROW(INDEX(Jesper!AI$2:AI$366,ROUNDDOWN($C105/24,0)+1,1))-1)+IF('Standard Profiles'!$G$19=$B$10,7,0)+IF('Standard Profiles'!$G$19=$B$17,14,0)+IF('Standard Profiles'!$G$19=$B$24,21,0),0)),0)</f>
        <v>6.0355954628021795</v>
      </c>
      <c r="F105" cm="1">
        <f t="array" ref="F105">IFERROR(INDEX(Jesper!AJ$2:AJ$366,ROUNDDOWN($C105/24,0)+1,1)*INDEX($D$3:$AA$30,INDEX(Jesper!$R$2:$R$366,ROW(INDEX(Jesper!AJ$2:AJ$366,ROUNDDOWN($C105/24,0)+1,1))-1)+IF('Standard Profiles'!$G$20=$B$10,7,0)+IF('Standard Profiles'!$G$20=$B$17,14,0)+IF('Standard Profiles'!$G$20=$B$24,21,0),MOD($C105,24)+1)/SUM(INDEX($D$3:$AA$30,INDEX(Jesper!$R$2:$R$366,ROW(INDEX(Jesper!AJ$2:AJ$366,ROUNDDOWN($C105/24,0)+1,1))-1)+IF('Standard Profiles'!$G$20=$B$10,7,0)+IF('Standard Profiles'!$G$20=$B$17,14,0)+IF('Standard Profiles'!$G$20=$B$24,21,0),0)),0)</f>
        <v>0</v>
      </c>
      <c r="G105" cm="1">
        <f t="array" ref="G105">IFERROR(INDEX(Jesper!AK$2:AK$366,ROUNDDOWN($C105/24,0)+1,1)*INDEX($D$3:$AA$30,INDEX(Jesper!$R$2:$R$366,ROW(INDEX(Jesper!AK$2:AK$366,ROUNDDOWN($C105/24,0)+1,1))-1)+IF('Standard Profiles'!$G$21=$B$10,7,0)+IF('Standard Profiles'!$G$21=$B$17,14,0)+IF('Standard Profiles'!$G$21=$B$24,21,0),MOD($C105,24)+1)/SUM(INDEX($D$3:$AA$30,INDEX(Jesper!$R$2:$R$366,ROW(INDEX(Jesper!AK$2:AK$366,ROUNDDOWN($C105/24,0)+1,1))-1)+IF('Standard Profiles'!$G$21=$B$10,7,0)+IF('Standard Profiles'!$G$21=$B$17,14,0)+IF('Standard Profiles'!$G$21=$B$24,21,0),0)),0)</f>
        <v>5.6319845906721984</v>
      </c>
      <c r="H105" cm="1">
        <f t="array" ref="H105">IFERROR(INDEX(Jesper!AL$2:AL$366,ROUNDDOWN($C105/24,0)+1,1)*INDEX($D$3:$AA$30,INDEX(Jesper!$R$2:$R$366,ROW(INDEX(Jesper!AL$2:AL$366,ROUNDDOWN($C105/24,0)+1,1))-1)+IF('Standard Profiles'!$G$22=$B$10,7,0)+IF('Standard Profiles'!$G$22=$B$17,14,0)+IF('Standard Profiles'!$G$22=$B$24,21,0),MOD($C105,24)+1)/SUM(INDEX($D$3:$AA$30,INDEX(Jesper!$R$2:$R$366,ROW(INDEX(Jesper!AL$2:AL$366,ROUNDDOWN($C105/24,0)+1,1))-1)+IF('Standard Profiles'!$G$22=$B$10,7,0)+IF('Standard Profiles'!$G$22=$B$17,14,0)+IF('Standard Profiles'!$G$22=$B$24,21,0),0)),0)</f>
        <v>0</v>
      </c>
      <c r="I105">
        <f t="shared" si="27"/>
        <v>2.7033526035226538</v>
      </c>
      <c r="J105">
        <f t="shared" si="28"/>
        <v>14.006199188224791</v>
      </c>
      <c r="K105">
        <f t="shared" si="29"/>
        <v>0.6402503794632467</v>
      </c>
      <c r="L105">
        <f t="shared" si="30"/>
        <v>0.32012518973162335</v>
      </c>
      <c r="M105">
        <f t="shared" si="31"/>
        <v>0</v>
      </c>
      <c r="N105" s="45">
        <f t="shared" si="32"/>
        <v>44929.958333333161</v>
      </c>
      <c r="O105">
        <v>0.45670161218879862</v>
      </c>
      <c r="P105">
        <v>8.7137949388103735</v>
      </c>
      <c r="Q105">
        <v>0.60682236667414702</v>
      </c>
      <c r="R105">
        <v>0.30341118333707351</v>
      </c>
      <c r="S105">
        <v>0</v>
      </c>
      <c r="T105" s="45">
        <v>45062.95833332542</v>
      </c>
    </row>
    <row r="106" spans="2:20" x14ac:dyDescent="0.25">
      <c r="B106">
        <f t="shared" si="26"/>
        <v>3</v>
      </c>
      <c r="C106" s="16">
        <v>72</v>
      </c>
      <c r="D106" cm="1">
        <f t="array" ref="D106">IFERROR(INDEX(Jesper!AH$2:AH$366,ROUNDDOWN($C106/24,0)+1,1)*INDEX($D$3:$AA$30,INDEX(Jesper!$R$2:$R$366,ROW(INDEX(Jesper!AH$2:AH$366,ROUNDDOWN($C106/24,0)+1,1))-1)+IF('Standard Profiles'!$G$18=$B$10,7,0)+IF('Standard Profiles'!$G$18=$B$17,14,0)+IF('Standard Profiles'!$G$18=$B$24,21,0),MOD($C106,24)+1)/SUM(INDEX($D$3:$AA$30,INDEX(Jesper!$R$2:$R$366,ROW(INDEX(Jesper!AH$2:AH$366,ROUNDDOWN($C106/24,0)+1,1))-1)+IF('Standard Profiles'!$G$18=$B$10,7,0)+IF('Standard Profiles'!$G$18=$B$17,14,0)+IF('Standard Profiles'!$G$18=$B$24,21,0),0)),0)</f>
        <v>5.9770826381352729</v>
      </c>
      <c r="E106" cm="1">
        <f t="array" ref="E106">IFERROR(INDEX(Jesper!AI$2:AI$366,ROUNDDOWN($C106/24,0)+1,1)*INDEX($D$3:$AA$30,INDEX(Jesper!$R$2:$R$366,ROW(INDEX(Jesper!AI$2:AI$366,ROUNDDOWN($C106/24,0)+1,1))-1)+IF('Standard Profiles'!$G$19=$B$10,7,0)+IF('Standard Profiles'!$G$19=$B$17,14,0)+IF('Standard Profiles'!$G$19=$B$24,21,0),MOD($C106,24)+1)/SUM(INDEX($D$3:$AA$30,INDEX(Jesper!$R$2:$R$366,ROW(INDEX(Jesper!AI$2:AI$366,ROUNDDOWN($C106/24,0)+1,1))-1)+IF('Standard Profiles'!$G$19=$B$10,7,0)+IF('Standard Profiles'!$G$19=$B$17,14,0)+IF('Standard Profiles'!$G$19=$B$24,21,0),0)),0)</f>
        <v>6.1935147022483843</v>
      </c>
      <c r="F106" cm="1">
        <f t="array" ref="F106">IFERROR(INDEX(Jesper!AJ$2:AJ$366,ROUNDDOWN($C106/24,0)+1,1)*INDEX($D$3:$AA$30,INDEX(Jesper!$R$2:$R$366,ROW(INDEX(Jesper!AJ$2:AJ$366,ROUNDDOWN($C106/24,0)+1,1))-1)+IF('Standard Profiles'!$G$20=$B$10,7,0)+IF('Standard Profiles'!$G$20=$B$17,14,0)+IF('Standard Profiles'!$G$20=$B$24,21,0),MOD($C106,24)+1)/SUM(INDEX($D$3:$AA$30,INDEX(Jesper!$R$2:$R$366,ROW(INDEX(Jesper!AJ$2:AJ$366,ROUNDDOWN($C106/24,0)+1,1))-1)+IF('Standard Profiles'!$G$20=$B$10,7,0)+IF('Standard Profiles'!$G$20=$B$17,14,0)+IF('Standard Profiles'!$G$20=$B$24,21,0),0)),0)</f>
        <v>0</v>
      </c>
      <c r="G106" cm="1">
        <f t="array" ref="G106">IFERROR(INDEX(Jesper!AK$2:AK$366,ROUNDDOWN($C106/24,0)+1,1)*INDEX($D$3:$AA$30,INDEX(Jesper!$R$2:$R$366,ROW(INDEX(Jesper!AK$2:AK$366,ROUNDDOWN($C106/24,0)+1,1))-1)+IF('Standard Profiles'!$G$21=$B$10,7,0)+IF('Standard Profiles'!$G$21=$B$17,14,0)+IF('Standard Profiles'!$G$21=$B$24,21,0),MOD($C106,24)+1)/SUM(INDEX($D$3:$AA$30,INDEX(Jesper!$R$2:$R$366,ROW(INDEX(Jesper!AK$2:AK$366,ROUNDDOWN($C106/24,0)+1,1))-1)+IF('Standard Profiles'!$G$21=$B$10,7,0)+IF('Standard Profiles'!$G$21=$B$17,14,0)+IF('Standard Profiles'!$G$21=$B$24,21,0),0)),0)</f>
        <v>6.3628419791681985</v>
      </c>
      <c r="H106" cm="1">
        <f t="array" ref="H106">IFERROR(INDEX(Jesper!AL$2:AL$366,ROUNDDOWN($C106/24,0)+1,1)*INDEX($D$3:$AA$30,INDEX(Jesper!$R$2:$R$366,ROW(INDEX(Jesper!AL$2:AL$366,ROUNDDOWN($C106/24,0)+1,1))-1)+IF('Standard Profiles'!$G$22=$B$10,7,0)+IF('Standard Profiles'!$G$22=$B$17,14,0)+IF('Standard Profiles'!$G$22=$B$24,21,0),MOD($C106,24)+1)/SUM(INDEX($D$3:$AA$30,INDEX(Jesper!$R$2:$R$366,ROW(INDEX(Jesper!AL$2:AL$366,ROUNDDOWN($C106/24,0)+1,1))-1)+IF('Standard Profiles'!$G$22=$B$10,7,0)+IF('Standard Profiles'!$G$22=$B$17,14,0)+IF('Standard Profiles'!$G$22=$B$24,21,0),0)),0)</f>
        <v>0</v>
      </c>
      <c r="I106">
        <f t="shared" si="27"/>
        <v>3.0541641500007337</v>
      </c>
      <c r="J106">
        <f t="shared" si="28"/>
        <v>14.522941947449478</v>
      </c>
      <c r="K106">
        <f t="shared" si="29"/>
        <v>0.63755548140109586</v>
      </c>
      <c r="L106">
        <f t="shared" si="30"/>
        <v>0.31877774070054793</v>
      </c>
      <c r="M106">
        <f t="shared" si="31"/>
        <v>0</v>
      </c>
      <c r="N106" s="45">
        <f t="shared" si="32"/>
        <v>44929.999999999825</v>
      </c>
      <c r="O106">
        <v>1.153578412618228</v>
      </c>
      <c r="P106">
        <v>10.778595046545821</v>
      </c>
      <c r="Q106">
        <v>0.61784646129926379</v>
      </c>
      <c r="R106">
        <v>0.3089232306496319</v>
      </c>
      <c r="S106">
        <v>0</v>
      </c>
      <c r="T106" s="45">
        <v>45062.999999992084</v>
      </c>
    </row>
    <row r="107" spans="2:20" x14ac:dyDescent="0.25">
      <c r="B107">
        <f t="shared" si="26"/>
        <v>3</v>
      </c>
      <c r="C107" s="16">
        <v>73</v>
      </c>
      <c r="D107" cm="1">
        <f t="array" ref="D107">IFERROR(INDEX(Jesper!AH$2:AH$366,ROUNDDOWN($C107/24,0)+1,1)*INDEX($D$3:$AA$30,INDEX(Jesper!$R$2:$R$366,ROW(INDEX(Jesper!AH$2:AH$366,ROUNDDOWN($C107/24,0)+1,1))-1)+IF('Standard Profiles'!$G$18=$B$10,7,0)+IF('Standard Profiles'!$G$18=$B$17,14,0)+IF('Standard Profiles'!$G$18=$B$24,21,0),MOD($C107,24)+1)/SUM(INDEX($D$3:$AA$30,INDEX(Jesper!$R$2:$R$366,ROW(INDEX(Jesper!AH$2:AH$366,ROUNDDOWN($C107/24,0)+1,1))-1)+IF('Standard Profiles'!$G$18=$B$10,7,0)+IF('Standard Profiles'!$G$18=$B$17,14,0)+IF('Standard Profiles'!$G$18=$B$24,21,0),0)),0)</f>
        <v>5.9770826381352729</v>
      </c>
      <c r="E107" cm="1">
        <f t="array" ref="E107">IFERROR(INDEX(Jesper!AI$2:AI$366,ROUNDDOWN($C107/24,0)+1,1)*INDEX($D$3:$AA$30,INDEX(Jesper!$R$2:$R$366,ROW(INDEX(Jesper!AI$2:AI$366,ROUNDDOWN($C107/24,0)+1,1))-1)+IF('Standard Profiles'!$G$19=$B$10,7,0)+IF('Standard Profiles'!$G$19=$B$17,14,0)+IF('Standard Profiles'!$G$19=$B$24,21,0),MOD($C107,24)+1)/SUM(INDEX($D$3:$AA$30,INDEX(Jesper!$R$2:$R$366,ROW(INDEX(Jesper!AI$2:AI$366,ROUNDDOWN($C107/24,0)+1,1))-1)+IF('Standard Profiles'!$G$19=$B$10,7,0)+IF('Standard Profiles'!$G$19=$B$17,14,0)+IF('Standard Profiles'!$G$19=$B$24,21,0),0)),0)</f>
        <v>6.1935147022483843</v>
      </c>
      <c r="F107" cm="1">
        <f t="array" ref="F107">IFERROR(INDEX(Jesper!AJ$2:AJ$366,ROUNDDOWN($C107/24,0)+1,1)*INDEX($D$3:$AA$30,INDEX(Jesper!$R$2:$R$366,ROW(INDEX(Jesper!AJ$2:AJ$366,ROUNDDOWN($C107/24,0)+1,1))-1)+IF('Standard Profiles'!$G$20=$B$10,7,0)+IF('Standard Profiles'!$G$20=$B$17,14,0)+IF('Standard Profiles'!$G$20=$B$24,21,0),MOD($C107,24)+1)/SUM(INDEX($D$3:$AA$30,INDEX(Jesper!$R$2:$R$366,ROW(INDEX(Jesper!AJ$2:AJ$366,ROUNDDOWN($C107/24,0)+1,1))-1)+IF('Standard Profiles'!$G$20=$B$10,7,0)+IF('Standard Profiles'!$G$20=$B$17,14,0)+IF('Standard Profiles'!$G$20=$B$24,21,0),0)),0)</f>
        <v>0</v>
      </c>
      <c r="G107" cm="1">
        <f t="array" ref="G107">IFERROR(INDEX(Jesper!AK$2:AK$366,ROUNDDOWN($C107/24,0)+1,1)*INDEX($D$3:$AA$30,INDEX(Jesper!$R$2:$R$366,ROW(INDEX(Jesper!AK$2:AK$366,ROUNDDOWN($C107/24,0)+1,1))-1)+IF('Standard Profiles'!$G$21=$B$10,7,0)+IF('Standard Profiles'!$G$21=$B$17,14,0)+IF('Standard Profiles'!$G$21=$B$24,21,0),MOD($C107,24)+1)/SUM(INDEX($D$3:$AA$30,INDEX(Jesper!$R$2:$R$366,ROW(INDEX(Jesper!AK$2:AK$366,ROUNDDOWN($C107/24,0)+1,1))-1)+IF('Standard Profiles'!$G$21=$B$10,7,0)+IF('Standard Profiles'!$G$21=$B$17,14,0)+IF('Standard Profiles'!$G$21=$B$24,21,0),0)),0)</f>
        <v>6.3628419791681985</v>
      </c>
      <c r="H107" cm="1">
        <f t="array" ref="H107">IFERROR(INDEX(Jesper!AL$2:AL$366,ROUNDDOWN($C107/24,0)+1,1)*INDEX($D$3:$AA$30,INDEX(Jesper!$R$2:$R$366,ROW(INDEX(Jesper!AL$2:AL$366,ROUNDDOWN($C107/24,0)+1,1))-1)+IF('Standard Profiles'!$G$22=$B$10,7,0)+IF('Standard Profiles'!$G$22=$B$17,14,0)+IF('Standard Profiles'!$G$22=$B$24,21,0),MOD($C107,24)+1)/SUM(INDEX($D$3:$AA$30,INDEX(Jesper!$R$2:$R$366,ROW(INDEX(Jesper!AL$2:AL$366,ROUNDDOWN($C107/24,0)+1,1))-1)+IF('Standard Profiles'!$G$22=$B$10,7,0)+IF('Standard Profiles'!$G$22=$B$17,14,0)+IF('Standard Profiles'!$G$22=$B$24,21,0),0)),0)</f>
        <v>0</v>
      </c>
      <c r="I107">
        <f t="shared" si="27"/>
        <v>3.0541641500007337</v>
      </c>
      <c r="J107">
        <f t="shared" si="28"/>
        <v>14.522941947449478</v>
      </c>
      <c r="K107">
        <f t="shared" si="29"/>
        <v>0.63755548140109586</v>
      </c>
      <c r="L107">
        <f t="shared" si="30"/>
        <v>0.31877774070054793</v>
      </c>
      <c r="M107">
        <f t="shared" si="31"/>
        <v>0</v>
      </c>
      <c r="N107" s="45">
        <f t="shared" si="32"/>
        <v>44930.04166666649</v>
      </c>
      <c r="O107">
        <v>1.153578412618228</v>
      </c>
      <c r="P107">
        <v>10.778595046545821</v>
      </c>
      <c r="Q107">
        <v>0.61784646129926379</v>
      </c>
      <c r="R107">
        <v>0.3089232306496319</v>
      </c>
      <c r="S107">
        <v>0</v>
      </c>
      <c r="T107" s="45">
        <v>45063.041666658748</v>
      </c>
    </row>
    <row r="108" spans="2:20" x14ac:dyDescent="0.25">
      <c r="B108">
        <f t="shared" si="26"/>
        <v>3</v>
      </c>
      <c r="C108" s="16">
        <v>74</v>
      </c>
      <c r="D108" cm="1">
        <f t="array" ref="D108">IFERROR(INDEX(Jesper!AH$2:AH$366,ROUNDDOWN($C108/24,0)+1,1)*INDEX($D$3:$AA$30,INDEX(Jesper!$R$2:$R$366,ROW(INDEX(Jesper!AH$2:AH$366,ROUNDDOWN($C108/24,0)+1,1))-1)+IF('Standard Profiles'!$G$18=$B$10,7,0)+IF('Standard Profiles'!$G$18=$B$17,14,0)+IF('Standard Profiles'!$G$18=$B$24,21,0),MOD($C108,24)+1)/SUM(INDEX($D$3:$AA$30,INDEX(Jesper!$R$2:$R$366,ROW(INDEX(Jesper!AH$2:AH$366,ROUNDDOWN($C108/24,0)+1,1))-1)+IF('Standard Profiles'!$G$18=$B$10,7,0)+IF('Standard Profiles'!$G$18=$B$17,14,0)+IF('Standard Profiles'!$G$18=$B$24,21,0),0)),0)</f>
        <v>5.9770826381352729</v>
      </c>
      <c r="E108" cm="1">
        <f t="array" ref="E108">IFERROR(INDEX(Jesper!AI$2:AI$366,ROUNDDOWN($C108/24,0)+1,1)*INDEX($D$3:$AA$30,INDEX(Jesper!$R$2:$R$366,ROW(INDEX(Jesper!AI$2:AI$366,ROUNDDOWN($C108/24,0)+1,1))-1)+IF('Standard Profiles'!$G$19=$B$10,7,0)+IF('Standard Profiles'!$G$19=$B$17,14,0)+IF('Standard Profiles'!$G$19=$B$24,21,0),MOD($C108,24)+1)/SUM(INDEX($D$3:$AA$30,INDEX(Jesper!$R$2:$R$366,ROW(INDEX(Jesper!AI$2:AI$366,ROUNDDOWN($C108/24,0)+1,1))-1)+IF('Standard Profiles'!$G$19=$B$10,7,0)+IF('Standard Profiles'!$G$19=$B$17,14,0)+IF('Standard Profiles'!$G$19=$B$24,21,0),0)),0)</f>
        <v>6.1935147022483843</v>
      </c>
      <c r="F108" cm="1">
        <f t="array" ref="F108">IFERROR(INDEX(Jesper!AJ$2:AJ$366,ROUNDDOWN($C108/24,0)+1,1)*INDEX($D$3:$AA$30,INDEX(Jesper!$R$2:$R$366,ROW(INDEX(Jesper!AJ$2:AJ$366,ROUNDDOWN($C108/24,0)+1,1))-1)+IF('Standard Profiles'!$G$20=$B$10,7,0)+IF('Standard Profiles'!$G$20=$B$17,14,0)+IF('Standard Profiles'!$G$20=$B$24,21,0),MOD($C108,24)+1)/SUM(INDEX($D$3:$AA$30,INDEX(Jesper!$R$2:$R$366,ROW(INDEX(Jesper!AJ$2:AJ$366,ROUNDDOWN($C108/24,0)+1,1))-1)+IF('Standard Profiles'!$G$20=$B$10,7,0)+IF('Standard Profiles'!$G$20=$B$17,14,0)+IF('Standard Profiles'!$G$20=$B$24,21,0),0)),0)</f>
        <v>0</v>
      </c>
      <c r="G108" cm="1">
        <f t="array" ref="G108">IFERROR(INDEX(Jesper!AK$2:AK$366,ROUNDDOWN($C108/24,0)+1,1)*INDEX($D$3:$AA$30,INDEX(Jesper!$R$2:$R$366,ROW(INDEX(Jesper!AK$2:AK$366,ROUNDDOWN($C108/24,0)+1,1))-1)+IF('Standard Profiles'!$G$21=$B$10,7,0)+IF('Standard Profiles'!$G$21=$B$17,14,0)+IF('Standard Profiles'!$G$21=$B$24,21,0),MOD($C108,24)+1)/SUM(INDEX($D$3:$AA$30,INDEX(Jesper!$R$2:$R$366,ROW(INDEX(Jesper!AK$2:AK$366,ROUNDDOWN($C108/24,0)+1,1))-1)+IF('Standard Profiles'!$G$21=$B$10,7,0)+IF('Standard Profiles'!$G$21=$B$17,14,0)+IF('Standard Profiles'!$G$21=$B$24,21,0),0)),0)</f>
        <v>6.3628419791681985</v>
      </c>
      <c r="H108" cm="1">
        <f t="array" ref="H108">IFERROR(INDEX(Jesper!AL$2:AL$366,ROUNDDOWN($C108/24,0)+1,1)*INDEX($D$3:$AA$30,INDEX(Jesper!$R$2:$R$366,ROW(INDEX(Jesper!AL$2:AL$366,ROUNDDOWN($C108/24,0)+1,1))-1)+IF('Standard Profiles'!$G$22=$B$10,7,0)+IF('Standard Profiles'!$G$22=$B$17,14,0)+IF('Standard Profiles'!$G$22=$B$24,21,0),MOD($C108,24)+1)/SUM(INDEX($D$3:$AA$30,INDEX(Jesper!$R$2:$R$366,ROW(INDEX(Jesper!AL$2:AL$366,ROUNDDOWN($C108/24,0)+1,1))-1)+IF('Standard Profiles'!$G$22=$B$10,7,0)+IF('Standard Profiles'!$G$22=$B$17,14,0)+IF('Standard Profiles'!$G$22=$B$24,21,0),0)),0)</f>
        <v>0</v>
      </c>
      <c r="I108">
        <f t="shared" si="27"/>
        <v>3.0541641500007337</v>
      </c>
      <c r="J108">
        <f t="shared" si="28"/>
        <v>14.522941947449478</v>
      </c>
      <c r="K108">
        <f t="shared" si="29"/>
        <v>0.63755548140109586</v>
      </c>
      <c r="L108">
        <f t="shared" si="30"/>
        <v>0.31877774070054793</v>
      </c>
      <c r="M108">
        <f t="shared" si="31"/>
        <v>0</v>
      </c>
      <c r="N108" s="45">
        <f t="shared" si="32"/>
        <v>44930.083333333154</v>
      </c>
      <c r="O108">
        <v>1.153578412618228</v>
      </c>
      <c r="P108">
        <v>10.778595046545821</v>
      </c>
      <c r="Q108">
        <v>0.61784646129926379</v>
      </c>
      <c r="R108">
        <v>0.3089232306496319</v>
      </c>
      <c r="S108">
        <v>0</v>
      </c>
      <c r="T108" s="45">
        <v>45063.083333325412</v>
      </c>
    </row>
    <row r="109" spans="2:20" x14ac:dyDescent="0.25">
      <c r="B109">
        <f t="shared" si="26"/>
        <v>3</v>
      </c>
      <c r="C109" s="16">
        <v>75</v>
      </c>
      <c r="D109" cm="1">
        <f t="array" ref="D109">IFERROR(INDEX(Jesper!AH$2:AH$366,ROUNDDOWN($C109/24,0)+1,1)*INDEX($D$3:$AA$30,INDEX(Jesper!$R$2:$R$366,ROW(INDEX(Jesper!AH$2:AH$366,ROUNDDOWN($C109/24,0)+1,1))-1)+IF('Standard Profiles'!$G$18=$B$10,7,0)+IF('Standard Profiles'!$G$18=$B$17,14,0)+IF('Standard Profiles'!$G$18=$B$24,21,0),MOD($C109,24)+1)/SUM(INDEX($D$3:$AA$30,INDEX(Jesper!$R$2:$R$366,ROW(INDEX(Jesper!AH$2:AH$366,ROUNDDOWN($C109/24,0)+1,1))-1)+IF('Standard Profiles'!$G$18=$B$10,7,0)+IF('Standard Profiles'!$G$18=$B$17,14,0)+IF('Standard Profiles'!$G$18=$B$24,21,0),0)),0)</f>
        <v>5.9770826381352729</v>
      </c>
      <c r="E109" cm="1">
        <f t="array" ref="E109">IFERROR(INDEX(Jesper!AI$2:AI$366,ROUNDDOWN($C109/24,0)+1,1)*INDEX($D$3:$AA$30,INDEX(Jesper!$R$2:$R$366,ROW(INDEX(Jesper!AI$2:AI$366,ROUNDDOWN($C109/24,0)+1,1))-1)+IF('Standard Profiles'!$G$19=$B$10,7,0)+IF('Standard Profiles'!$G$19=$B$17,14,0)+IF('Standard Profiles'!$G$19=$B$24,21,0),MOD($C109,24)+1)/SUM(INDEX($D$3:$AA$30,INDEX(Jesper!$R$2:$R$366,ROW(INDEX(Jesper!AI$2:AI$366,ROUNDDOWN($C109/24,0)+1,1))-1)+IF('Standard Profiles'!$G$19=$B$10,7,0)+IF('Standard Profiles'!$G$19=$B$17,14,0)+IF('Standard Profiles'!$G$19=$B$24,21,0),0)),0)</f>
        <v>6.1935147022483843</v>
      </c>
      <c r="F109" cm="1">
        <f t="array" ref="F109">IFERROR(INDEX(Jesper!AJ$2:AJ$366,ROUNDDOWN($C109/24,0)+1,1)*INDEX($D$3:$AA$30,INDEX(Jesper!$R$2:$R$366,ROW(INDEX(Jesper!AJ$2:AJ$366,ROUNDDOWN($C109/24,0)+1,1))-1)+IF('Standard Profiles'!$G$20=$B$10,7,0)+IF('Standard Profiles'!$G$20=$B$17,14,0)+IF('Standard Profiles'!$G$20=$B$24,21,0),MOD($C109,24)+1)/SUM(INDEX($D$3:$AA$30,INDEX(Jesper!$R$2:$R$366,ROW(INDEX(Jesper!AJ$2:AJ$366,ROUNDDOWN($C109/24,0)+1,1))-1)+IF('Standard Profiles'!$G$20=$B$10,7,0)+IF('Standard Profiles'!$G$20=$B$17,14,0)+IF('Standard Profiles'!$G$20=$B$24,21,0),0)),0)</f>
        <v>0</v>
      </c>
      <c r="G109" cm="1">
        <f t="array" ref="G109">IFERROR(INDEX(Jesper!AK$2:AK$366,ROUNDDOWN($C109/24,0)+1,1)*INDEX($D$3:$AA$30,INDEX(Jesper!$R$2:$R$366,ROW(INDEX(Jesper!AK$2:AK$366,ROUNDDOWN($C109/24,0)+1,1))-1)+IF('Standard Profiles'!$G$21=$B$10,7,0)+IF('Standard Profiles'!$G$21=$B$17,14,0)+IF('Standard Profiles'!$G$21=$B$24,21,0),MOD($C109,24)+1)/SUM(INDEX($D$3:$AA$30,INDEX(Jesper!$R$2:$R$366,ROW(INDEX(Jesper!AK$2:AK$366,ROUNDDOWN($C109/24,0)+1,1))-1)+IF('Standard Profiles'!$G$21=$B$10,7,0)+IF('Standard Profiles'!$G$21=$B$17,14,0)+IF('Standard Profiles'!$G$21=$B$24,21,0),0)),0)</f>
        <v>6.3628419791681985</v>
      </c>
      <c r="H109" cm="1">
        <f t="array" ref="H109">IFERROR(INDEX(Jesper!AL$2:AL$366,ROUNDDOWN($C109/24,0)+1,1)*INDEX($D$3:$AA$30,INDEX(Jesper!$R$2:$R$366,ROW(INDEX(Jesper!AL$2:AL$366,ROUNDDOWN($C109/24,0)+1,1))-1)+IF('Standard Profiles'!$G$22=$B$10,7,0)+IF('Standard Profiles'!$G$22=$B$17,14,0)+IF('Standard Profiles'!$G$22=$B$24,21,0),MOD($C109,24)+1)/SUM(INDEX($D$3:$AA$30,INDEX(Jesper!$R$2:$R$366,ROW(INDEX(Jesper!AL$2:AL$366,ROUNDDOWN($C109/24,0)+1,1))-1)+IF('Standard Profiles'!$G$22=$B$10,7,0)+IF('Standard Profiles'!$G$22=$B$17,14,0)+IF('Standard Profiles'!$G$22=$B$24,21,0),0)),0)</f>
        <v>0</v>
      </c>
      <c r="I109">
        <f t="shared" si="27"/>
        <v>3.0541641500007337</v>
      </c>
      <c r="J109">
        <f t="shared" si="28"/>
        <v>14.522941947449478</v>
      </c>
      <c r="K109">
        <f t="shared" si="29"/>
        <v>0.63755548140109586</v>
      </c>
      <c r="L109">
        <f t="shared" si="30"/>
        <v>0.31877774070054793</v>
      </c>
      <c r="M109">
        <f t="shared" si="31"/>
        <v>0</v>
      </c>
      <c r="N109" s="45">
        <f t="shared" si="32"/>
        <v>44930.124999999818</v>
      </c>
      <c r="O109">
        <v>1.153578412618228</v>
      </c>
      <c r="P109">
        <v>10.778595046545821</v>
      </c>
      <c r="Q109">
        <v>0.61784646129926379</v>
      </c>
      <c r="R109">
        <v>0.3089232306496319</v>
      </c>
      <c r="S109">
        <v>0</v>
      </c>
      <c r="T109" s="45">
        <v>45063.124999992076</v>
      </c>
    </row>
    <row r="110" spans="2:20" x14ac:dyDescent="0.25">
      <c r="B110">
        <f t="shared" si="26"/>
        <v>3</v>
      </c>
      <c r="C110" s="16">
        <v>76</v>
      </c>
      <c r="D110" cm="1">
        <f t="array" ref="D110">IFERROR(INDEX(Jesper!AH$2:AH$366,ROUNDDOWN($C110/24,0)+1,1)*INDEX($D$3:$AA$30,INDEX(Jesper!$R$2:$R$366,ROW(INDEX(Jesper!AH$2:AH$366,ROUNDDOWN($C110/24,0)+1,1))-1)+IF('Standard Profiles'!$G$18=$B$10,7,0)+IF('Standard Profiles'!$G$18=$B$17,14,0)+IF('Standard Profiles'!$G$18=$B$24,21,0),MOD($C110,24)+1)/SUM(INDEX($D$3:$AA$30,INDEX(Jesper!$R$2:$R$366,ROW(INDEX(Jesper!AH$2:AH$366,ROUNDDOWN($C110/24,0)+1,1))-1)+IF('Standard Profiles'!$G$18=$B$10,7,0)+IF('Standard Profiles'!$G$18=$B$17,14,0)+IF('Standard Profiles'!$G$18=$B$24,21,0),0)),0)</f>
        <v>5.9770826381352729</v>
      </c>
      <c r="E110" cm="1">
        <f t="array" ref="E110">IFERROR(INDEX(Jesper!AI$2:AI$366,ROUNDDOWN($C110/24,0)+1,1)*INDEX($D$3:$AA$30,INDEX(Jesper!$R$2:$R$366,ROW(INDEX(Jesper!AI$2:AI$366,ROUNDDOWN($C110/24,0)+1,1))-1)+IF('Standard Profiles'!$G$19=$B$10,7,0)+IF('Standard Profiles'!$G$19=$B$17,14,0)+IF('Standard Profiles'!$G$19=$B$24,21,0),MOD($C110,24)+1)/SUM(INDEX($D$3:$AA$30,INDEX(Jesper!$R$2:$R$366,ROW(INDEX(Jesper!AI$2:AI$366,ROUNDDOWN($C110/24,0)+1,1))-1)+IF('Standard Profiles'!$G$19=$B$10,7,0)+IF('Standard Profiles'!$G$19=$B$17,14,0)+IF('Standard Profiles'!$G$19=$B$24,21,0),0)),0)</f>
        <v>6.1935147022483843</v>
      </c>
      <c r="F110" cm="1">
        <f t="array" ref="F110">IFERROR(INDEX(Jesper!AJ$2:AJ$366,ROUNDDOWN($C110/24,0)+1,1)*INDEX($D$3:$AA$30,INDEX(Jesper!$R$2:$R$366,ROW(INDEX(Jesper!AJ$2:AJ$366,ROUNDDOWN($C110/24,0)+1,1))-1)+IF('Standard Profiles'!$G$20=$B$10,7,0)+IF('Standard Profiles'!$G$20=$B$17,14,0)+IF('Standard Profiles'!$G$20=$B$24,21,0),MOD($C110,24)+1)/SUM(INDEX($D$3:$AA$30,INDEX(Jesper!$R$2:$R$366,ROW(INDEX(Jesper!AJ$2:AJ$366,ROUNDDOWN($C110/24,0)+1,1))-1)+IF('Standard Profiles'!$G$20=$B$10,7,0)+IF('Standard Profiles'!$G$20=$B$17,14,0)+IF('Standard Profiles'!$G$20=$B$24,21,0),0)),0)</f>
        <v>0</v>
      </c>
      <c r="G110" cm="1">
        <f t="array" ref="G110">IFERROR(INDEX(Jesper!AK$2:AK$366,ROUNDDOWN($C110/24,0)+1,1)*INDEX($D$3:$AA$30,INDEX(Jesper!$R$2:$R$366,ROW(INDEX(Jesper!AK$2:AK$366,ROUNDDOWN($C110/24,0)+1,1))-1)+IF('Standard Profiles'!$G$21=$B$10,7,0)+IF('Standard Profiles'!$G$21=$B$17,14,0)+IF('Standard Profiles'!$G$21=$B$24,21,0),MOD($C110,24)+1)/SUM(INDEX($D$3:$AA$30,INDEX(Jesper!$R$2:$R$366,ROW(INDEX(Jesper!AK$2:AK$366,ROUNDDOWN($C110/24,0)+1,1))-1)+IF('Standard Profiles'!$G$21=$B$10,7,0)+IF('Standard Profiles'!$G$21=$B$17,14,0)+IF('Standard Profiles'!$G$21=$B$24,21,0),0)),0)</f>
        <v>6.3628419791681985</v>
      </c>
      <c r="H110" cm="1">
        <f t="array" ref="H110">IFERROR(INDEX(Jesper!AL$2:AL$366,ROUNDDOWN($C110/24,0)+1,1)*INDEX($D$3:$AA$30,INDEX(Jesper!$R$2:$R$366,ROW(INDEX(Jesper!AL$2:AL$366,ROUNDDOWN($C110/24,0)+1,1))-1)+IF('Standard Profiles'!$G$22=$B$10,7,0)+IF('Standard Profiles'!$G$22=$B$17,14,0)+IF('Standard Profiles'!$G$22=$B$24,21,0),MOD($C110,24)+1)/SUM(INDEX($D$3:$AA$30,INDEX(Jesper!$R$2:$R$366,ROW(INDEX(Jesper!AL$2:AL$366,ROUNDDOWN($C110/24,0)+1,1))-1)+IF('Standard Profiles'!$G$22=$B$10,7,0)+IF('Standard Profiles'!$G$22=$B$17,14,0)+IF('Standard Profiles'!$G$22=$B$24,21,0),0)),0)</f>
        <v>0</v>
      </c>
      <c r="I110">
        <f t="shared" si="27"/>
        <v>3.0541641500007337</v>
      </c>
      <c r="J110">
        <f t="shared" si="28"/>
        <v>14.522941947449478</v>
      </c>
      <c r="K110">
        <f t="shared" si="29"/>
        <v>0.63755548140109586</v>
      </c>
      <c r="L110">
        <f t="shared" si="30"/>
        <v>0.31877774070054793</v>
      </c>
      <c r="M110">
        <f t="shared" si="31"/>
        <v>0</v>
      </c>
      <c r="N110" s="45">
        <f t="shared" si="32"/>
        <v>44930.166666666482</v>
      </c>
      <c r="O110">
        <v>1.153578412618228</v>
      </c>
      <c r="P110">
        <v>10.778595046545821</v>
      </c>
      <c r="Q110">
        <v>0.61784646129926379</v>
      </c>
      <c r="R110">
        <v>0.3089232306496319</v>
      </c>
      <c r="S110">
        <v>0</v>
      </c>
      <c r="T110" s="45">
        <v>45063.166666658741</v>
      </c>
    </row>
    <row r="111" spans="2:20" x14ac:dyDescent="0.25">
      <c r="B111">
        <f t="shared" si="26"/>
        <v>3</v>
      </c>
      <c r="C111" s="16">
        <v>77</v>
      </c>
      <c r="D111" cm="1">
        <f t="array" ref="D111">IFERROR(INDEX(Jesper!AH$2:AH$366,ROUNDDOWN($C111/24,0)+1,1)*INDEX($D$3:$AA$30,INDEX(Jesper!$R$2:$R$366,ROW(INDEX(Jesper!AH$2:AH$366,ROUNDDOWN($C111/24,0)+1,1))-1)+IF('Standard Profiles'!$G$18=$B$10,7,0)+IF('Standard Profiles'!$G$18=$B$17,14,0)+IF('Standard Profiles'!$G$18=$B$24,21,0),MOD($C111,24)+1)/SUM(INDEX($D$3:$AA$30,INDEX(Jesper!$R$2:$R$366,ROW(INDEX(Jesper!AH$2:AH$366,ROUNDDOWN($C111/24,0)+1,1))-1)+IF('Standard Profiles'!$G$18=$B$10,7,0)+IF('Standard Profiles'!$G$18=$B$17,14,0)+IF('Standard Profiles'!$G$18=$B$24,21,0),0)),0)</f>
        <v>5.9770826381352729</v>
      </c>
      <c r="E111" cm="1">
        <f t="array" ref="E111">IFERROR(INDEX(Jesper!AI$2:AI$366,ROUNDDOWN($C111/24,0)+1,1)*INDEX($D$3:$AA$30,INDEX(Jesper!$R$2:$R$366,ROW(INDEX(Jesper!AI$2:AI$366,ROUNDDOWN($C111/24,0)+1,1))-1)+IF('Standard Profiles'!$G$19=$B$10,7,0)+IF('Standard Profiles'!$G$19=$B$17,14,0)+IF('Standard Profiles'!$G$19=$B$24,21,0),MOD($C111,24)+1)/SUM(INDEX($D$3:$AA$30,INDEX(Jesper!$R$2:$R$366,ROW(INDEX(Jesper!AI$2:AI$366,ROUNDDOWN($C111/24,0)+1,1))-1)+IF('Standard Profiles'!$G$19=$B$10,7,0)+IF('Standard Profiles'!$G$19=$B$17,14,0)+IF('Standard Profiles'!$G$19=$B$24,21,0),0)),0)</f>
        <v>6.1935147022483843</v>
      </c>
      <c r="F111" cm="1">
        <f t="array" ref="F111">IFERROR(INDEX(Jesper!AJ$2:AJ$366,ROUNDDOWN($C111/24,0)+1,1)*INDEX($D$3:$AA$30,INDEX(Jesper!$R$2:$R$366,ROW(INDEX(Jesper!AJ$2:AJ$366,ROUNDDOWN($C111/24,0)+1,1))-1)+IF('Standard Profiles'!$G$20=$B$10,7,0)+IF('Standard Profiles'!$G$20=$B$17,14,0)+IF('Standard Profiles'!$G$20=$B$24,21,0),MOD($C111,24)+1)/SUM(INDEX($D$3:$AA$30,INDEX(Jesper!$R$2:$R$366,ROW(INDEX(Jesper!AJ$2:AJ$366,ROUNDDOWN($C111/24,0)+1,1))-1)+IF('Standard Profiles'!$G$20=$B$10,7,0)+IF('Standard Profiles'!$G$20=$B$17,14,0)+IF('Standard Profiles'!$G$20=$B$24,21,0),0)),0)</f>
        <v>0</v>
      </c>
      <c r="G111" cm="1">
        <f t="array" ref="G111">IFERROR(INDEX(Jesper!AK$2:AK$366,ROUNDDOWN($C111/24,0)+1,1)*INDEX($D$3:$AA$30,INDEX(Jesper!$R$2:$R$366,ROW(INDEX(Jesper!AK$2:AK$366,ROUNDDOWN($C111/24,0)+1,1))-1)+IF('Standard Profiles'!$G$21=$B$10,7,0)+IF('Standard Profiles'!$G$21=$B$17,14,0)+IF('Standard Profiles'!$G$21=$B$24,21,0),MOD($C111,24)+1)/SUM(INDEX($D$3:$AA$30,INDEX(Jesper!$R$2:$R$366,ROW(INDEX(Jesper!AK$2:AK$366,ROUNDDOWN($C111/24,0)+1,1))-1)+IF('Standard Profiles'!$G$21=$B$10,7,0)+IF('Standard Profiles'!$G$21=$B$17,14,0)+IF('Standard Profiles'!$G$21=$B$24,21,0),0)),0)</f>
        <v>6.3628419791681985</v>
      </c>
      <c r="H111" cm="1">
        <f t="array" ref="H111">IFERROR(INDEX(Jesper!AL$2:AL$366,ROUNDDOWN($C111/24,0)+1,1)*INDEX($D$3:$AA$30,INDEX(Jesper!$R$2:$R$366,ROW(INDEX(Jesper!AL$2:AL$366,ROUNDDOWN($C111/24,0)+1,1))-1)+IF('Standard Profiles'!$G$22=$B$10,7,0)+IF('Standard Profiles'!$G$22=$B$17,14,0)+IF('Standard Profiles'!$G$22=$B$24,21,0),MOD($C111,24)+1)/SUM(INDEX($D$3:$AA$30,INDEX(Jesper!$R$2:$R$366,ROW(INDEX(Jesper!AL$2:AL$366,ROUNDDOWN($C111/24,0)+1,1))-1)+IF('Standard Profiles'!$G$22=$B$10,7,0)+IF('Standard Profiles'!$G$22=$B$17,14,0)+IF('Standard Profiles'!$G$22=$B$24,21,0),0)),0)</f>
        <v>0</v>
      </c>
      <c r="I111">
        <f t="shared" si="27"/>
        <v>3.0541641500007337</v>
      </c>
      <c r="J111">
        <f t="shared" si="28"/>
        <v>14.522941947449478</v>
      </c>
      <c r="K111">
        <f t="shared" si="29"/>
        <v>0.63755548140109586</v>
      </c>
      <c r="L111">
        <f t="shared" si="30"/>
        <v>0.31877774070054793</v>
      </c>
      <c r="M111">
        <f t="shared" si="31"/>
        <v>0</v>
      </c>
      <c r="N111" s="45">
        <f t="shared" si="32"/>
        <v>44930.208333333147</v>
      </c>
      <c r="O111">
        <v>1.153578412618228</v>
      </c>
      <c r="P111">
        <v>10.778595046545821</v>
      </c>
      <c r="Q111">
        <v>0.61784646129926379</v>
      </c>
      <c r="R111">
        <v>0.3089232306496319</v>
      </c>
      <c r="S111">
        <v>0</v>
      </c>
      <c r="T111" s="45">
        <v>45063.208333325405</v>
      </c>
    </row>
    <row r="112" spans="2:20" x14ac:dyDescent="0.25">
      <c r="B112">
        <f t="shared" si="26"/>
        <v>3</v>
      </c>
      <c r="C112" s="16">
        <v>78</v>
      </c>
      <c r="D112" cm="1">
        <f t="array" ref="D112">IFERROR(INDEX(Jesper!AH$2:AH$366,ROUNDDOWN($C112/24,0)+1,1)*INDEX($D$3:$AA$30,INDEX(Jesper!$R$2:$R$366,ROW(INDEX(Jesper!AH$2:AH$366,ROUNDDOWN($C112/24,0)+1,1))-1)+IF('Standard Profiles'!$G$18=$B$10,7,0)+IF('Standard Profiles'!$G$18=$B$17,14,0)+IF('Standard Profiles'!$G$18=$B$24,21,0),MOD($C112,24)+1)/SUM(INDEX($D$3:$AA$30,INDEX(Jesper!$R$2:$R$366,ROW(INDEX(Jesper!AH$2:AH$366,ROUNDDOWN($C112/24,0)+1,1))-1)+IF('Standard Profiles'!$G$18=$B$10,7,0)+IF('Standard Profiles'!$G$18=$B$17,14,0)+IF('Standard Profiles'!$G$18=$B$24,21,0),0)),0)</f>
        <v>5.9770826381352729</v>
      </c>
      <c r="E112" cm="1">
        <f t="array" ref="E112">IFERROR(INDEX(Jesper!AI$2:AI$366,ROUNDDOWN($C112/24,0)+1,1)*INDEX($D$3:$AA$30,INDEX(Jesper!$R$2:$R$366,ROW(INDEX(Jesper!AI$2:AI$366,ROUNDDOWN($C112/24,0)+1,1))-1)+IF('Standard Profiles'!$G$19=$B$10,7,0)+IF('Standard Profiles'!$G$19=$B$17,14,0)+IF('Standard Profiles'!$G$19=$B$24,21,0),MOD($C112,24)+1)/SUM(INDEX($D$3:$AA$30,INDEX(Jesper!$R$2:$R$366,ROW(INDEX(Jesper!AI$2:AI$366,ROUNDDOWN($C112/24,0)+1,1))-1)+IF('Standard Profiles'!$G$19=$B$10,7,0)+IF('Standard Profiles'!$G$19=$B$17,14,0)+IF('Standard Profiles'!$G$19=$B$24,21,0),0)),0)</f>
        <v>6.1935147022483843</v>
      </c>
      <c r="F112" cm="1">
        <f t="array" ref="F112">IFERROR(INDEX(Jesper!AJ$2:AJ$366,ROUNDDOWN($C112/24,0)+1,1)*INDEX($D$3:$AA$30,INDEX(Jesper!$R$2:$R$366,ROW(INDEX(Jesper!AJ$2:AJ$366,ROUNDDOWN($C112/24,0)+1,1))-1)+IF('Standard Profiles'!$G$20=$B$10,7,0)+IF('Standard Profiles'!$G$20=$B$17,14,0)+IF('Standard Profiles'!$G$20=$B$24,21,0),MOD($C112,24)+1)/SUM(INDEX($D$3:$AA$30,INDEX(Jesper!$R$2:$R$366,ROW(INDEX(Jesper!AJ$2:AJ$366,ROUNDDOWN($C112/24,0)+1,1))-1)+IF('Standard Profiles'!$G$20=$B$10,7,0)+IF('Standard Profiles'!$G$20=$B$17,14,0)+IF('Standard Profiles'!$G$20=$B$24,21,0),0)),0)</f>
        <v>0</v>
      </c>
      <c r="G112" cm="1">
        <f t="array" ref="G112">IFERROR(INDEX(Jesper!AK$2:AK$366,ROUNDDOWN($C112/24,0)+1,1)*INDEX($D$3:$AA$30,INDEX(Jesper!$R$2:$R$366,ROW(INDEX(Jesper!AK$2:AK$366,ROUNDDOWN($C112/24,0)+1,1))-1)+IF('Standard Profiles'!$G$21=$B$10,7,0)+IF('Standard Profiles'!$G$21=$B$17,14,0)+IF('Standard Profiles'!$G$21=$B$24,21,0),MOD($C112,24)+1)/SUM(INDEX($D$3:$AA$30,INDEX(Jesper!$R$2:$R$366,ROW(INDEX(Jesper!AK$2:AK$366,ROUNDDOWN($C112/24,0)+1,1))-1)+IF('Standard Profiles'!$G$21=$B$10,7,0)+IF('Standard Profiles'!$G$21=$B$17,14,0)+IF('Standard Profiles'!$G$21=$B$24,21,0),0)),0)</f>
        <v>6.3628419791681985</v>
      </c>
      <c r="H112" cm="1">
        <f t="array" ref="H112">IFERROR(INDEX(Jesper!AL$2:AL$366,ROUNDDOWN($C112/24,0)+1,1)*INDEX($D$3:$AA$30,INDEX(Jesper!$R$2:$R$366,ROW(INDEX(Jesper!AL$2:AL$366,ROUNDDOWN($C112/24,0)+1,1))-1)+IF('Standard Profiles'!$G$22=$B$10,7,0)+IF('Standard Profiles'!$G$22=$B$17,14,0)+IF('Standard Profiles'!$G$22=$B$24,21,0),MOD($C112,24)+1)/SUM(INDEX($D$3:$AA$30,INDEX(Jesper!$R$2:$R$366,ROW(INDEX(Jesper!AL$2:AL$366,ROUNDDOWN($C112/24,0)+1,1))-1)+IF('Standard Profiles'!$G$22=$B$10,7,0)+IF('Standard Profiles'!$G$22=$B$17,14,0)+IF('Standard Profiles'!$G$22=$B$24,21,0),0)),0)</f>
        <v>0</v>
      </c>
      <c r="I112">
        <f t="shared" si="27"/>
        <v>3.0541641500007337</v>
      </c>
      <c r="J112">
        <f t="shared" si="28"/>
        <v>14.522941947449478</v>
      </c>
      <c r="K112">
        <f t="shared" si="29"/>
        <v>0.63755548140109586</v>
      </c>
      <c r="L112">
        <f t="shared" si="30"/>
        <v>0.31877774070054793</v>
      </c>
      <c r="M112">
        <f t="shared" si="31"/>
        <v>0</v>
      </c>
      <c r="N112" s="45">
        <f t="shared" si="32"/>
        <v>44930.249999999811</v>
      </c>
      <c r="O112">
        <v>1.153578412618228</v>
      </c>
      <c r="P112">
        <v>10.778595046545821</v>
      </c>
      <c r="Q112">
        <v>0.61784646129926379</v>
      </c>
      <c r="R112">
        <v>0.3089232306496319</v>
      </c>
      <c r="S112">
        <v>0</v>
      </c>
      <c r="T112" s="45">
        <v>45063.249999992069</v>
      </c>
    </row>
    <row r="113" spans="2:21" x14ac:dyDescent="0.25">
      <c r="B113">
        <f t="shared" si="26"/>
        <v>3</v>
      </c>
      <c r="C113" s="16">
        <v>79</v>
      </c>
      <c r="D113" cm="1">
        <f t="array" ref="D113">IFERROR(INDEX(Jesper!AH$2:AH$366,ROUNDDOWN($C113/24,0)+1,1)*INDEX($D$3:$AA$30,INDEX(Jesper!$R$2:$R$366,ROW(INDEX(Jesper!AH$2:AH$366,ROUNDDOWN($C113/24,0)+1,1))-1)+IF('Standard Profiles'!$G$18=$B$10,7,0)+IF('Standard Profiles'!$G$18=$B$17,14,0)+IF('Standard Profiles'!$G$18=$B$24,21,0),MOD($C113,24)+1)/SUM(INDEX($D$3:$AA$30,INDEX(Jesper!$R$2:$R$366,ROW(INDEX(Jesper!AH$2:AH$366,ROUNDDOWN($C113/24,0)+1,1))-1)+IF('Standard Profiles'!$G$18=$B$10,7,0)+IF('Standard Profiles'!$G$18=$B$17,14,0)+IF('Standard Profiles'!$G$18=$B$24,21,0),0)),0)</f>
        <v>24.433589329831765</v>
      </c>
      <c r="E113" cm="1">
        <f t="array" ref="E113">IFERROR(INDEX(Jesper!AI$2:AI$366,ROUNDDOWN($C113/24,0)+1,1)*INDEX($D$3:$AA$30,INDEX(Jesper!$R$2:$R$366,ROW(INDEX(Jesper!AI$2:AI$366,ROUNDDOWN($C113/24,0)+1,1))-1)+IF('Standard Profiles'!$G$19=$B$10,7,0)+IF('Standard Profiles'!$G$19=$B$17,14,0)+IF('Standard Profiles'!$G$19=$B$24,21,0),MOD($C113,24)+1)/SUM(INDEX($D$3:$AA$30,INDEX(Jesper!$R$2:$R$366,ROW(INDEX(Jesper!AI$2:AI$366,ROUNDDOWN($C113/24,0)+1,1))-1)+IF('Standard Profiles'!$G$19=$B$10,7,0)+IF('Standard Profiles'!$G$19=$B$17,14,0)+IF('Standard Profiles'!$G$19=$B$24,21,0),0)),0)</f>
        <v>25.318337373736572</v>
      </c>
      <c r="F113" cm="1">
        <f t="array" ref="F113">IFERROR(INDEX(Jesper!AJ$2:AJ$366,ROUNDDOWN($C113/24,0)+1,1)*INDEX($D$3:$AA$30,INDEX(Jesper!$R$2:$R$366,ROW(INDEX(Jesper!AJ$2:AJ$366,ROUNDDOWN($C113/24,0)+1,1))-1)+IF('Standard Profiles'!$G$20=$B$10,7,0)+IF('Standard Profiles'!$G$20=$B$17,14,0)+IF('Standard Profiles'!$G$20=$B$24,21,0),MOD($C113,24)+1)/SUM(INDEX($D$3:$AA$30,INDEX(Jesper!$R$2:$R$366,ROW(INDEX(Jesper!AJ$2:AJ$366,ROUNDDOWN($C113/24,0)+1,1))-1)+IF('Standard Profiles'!$G$20=$B$10,7,0)+IF('Standard Profiles'!$G$20=$B$17,14,0)+IF('Standard Profiles'!$G$20=$B$24,21,0),0)),0)</f>
        <v>0</v>
      </c>
      <c r="G113" cm="1">
        <f t="array" ref="G113">IFERROR(INDEX(Jesper!AK$2:AK$366,ROUNDDOWN($C113/24,0)+1,1)*INDEX($D$3:$AA$30,INDEX(Jesper!$R$2:$R$366,ROW(INDEX(Jesper!AK$2:AK$366,ROUNDDOWN($C113/24,0)+1,1))-1)+IF('Standard Profiles'!$G$21=$B$10,7,0)+IF('Standard Profiles'!$G$21=$B$17,14,0)+IF('Standard Profiles'!$G$21=$B$24,21,0),MOD($C113,24)+1)/SUM(INDEX($D$3:$AA$30,INDEX(Jesper!$R$2:$R$366,ROW(INDEX(Jesper!AK$2:AK$366,ROUNDDOWN($C113/24,0)+1,1))-1)+IF('Standard Profiles'!$G$21=$B$10,7,0)+IF('Standard Profiles'!$G$21=$B$17,14,0)+IF('Standard Profiles'!$G$21=$B$24,21,0),0)),0)</f>
        <v>17.529629652608389</v>
      </c>
      <c r="H113" cm="1">
        <f t="array" ref="H113">IFERROR(INDEX(Jesper!AL$2:AL$366,ROUNDDOWN($C113/24,0)+1,1)*INDEX($D$3:$AA$30,INDEX(Jesper!$R$2:$R$366,ROW(INDEX(Jesper!AL$2:AL$366,ROUNDDOWN($C113/24,0)+1,1))-1)+IF('Standard Profiles'!$G$22=$B$10,7,0)+IF('Standard Profiles'!$G$22=$B$17,14,0)+IF('Standard Profiles'!$G$22=$B$24,21,0),MOD($C113,24)+1)/SUM(INDEX($D$3:$AA$30,INDEX(Jesper!$R$2:$R$366,ROW(INDEX(Jesper!AL$2:AL$366,ROUNDDOWN($C113/24,0)+1,1))-1)+IF('Standard Profiles'!$G$22=$B$10,7,0)+IF('Standard Profiles'!$G$22=$B$17,14,0)+IF('Standard Profiles'!$G$22=$B$24,21,0),0)),0)</f>
        <v>0</v>
      </c>
      <c r="I113">
        <f t="shared" si="27"/>
        <v>8.4142222332520227</v>
      </c>
      <c r="J113">
        <f t="shared" si="28"/>
        <v>54.957959830151616</v>
      </c>
      <c r="K113">
        <f t="shared" si="29"/>
        <v>2.6062495285153884</v>
      </c>
      <c r="L113">
        <f t="shared" si="30"/>
        <v>1.3031247642576942</v>
      </c>
      <c r="M113">
        <f t="shared" si="31"/>
        <v>0</v>
      </c>
      <c r="N113" s="45">
        <f t="shared" si="32"/>
        <v>44930.291666666475</v>
      </c>
      <c r="O113">
        <v>3.1781085267632174</v>
      </c>
      <c r="P113">
        <v>42.3958781745485</v>
      </c>
      <c r="Q113">
        <v>2.5256814433112327</v>
      </c>
      <c r="R113">
        <v>1.2628407216556163</v>
      </c>
      <c r="S113">
        <v>0</v>
      </c>
      <c r="T113" s="45">
        <v>45063.291666658733</v>
      </c>
    </row>
    <row r="114" spans="2:21" x14ac:dyDescent="0.25">
      <c r="B114">
        <f t="shared" si="26"/>
        <v>3</v>
      </c>
      <c r="C114" s="16">
        <v>80</v>
      </c>
      <c r="D114" cm="1">
        <f t="array" ref="D114">IFERROR(INDEX(Jesper!AH$2:AH$366,ROUNDDOWN($C114/24,0)+1,1)*INDEX($D$3:$AA$30,INDEX(Jesper!$R$2:$R$366,ROW(INDEX(Jesper!AH$2:AH$366,ROUNDDOWN($C114/24,0)+1,1))-1)+IF('Standard Profiles'!$G$18=$B$10,7,0)+IF('Standard Profiles'!$G$18=$B$17,14,0)+IF('Standard Profiles'!$G$18=$B$24,21,0),MOD($C114,24)+1)/SUM(INDEX($D$3:$AA$30,INDEX(Jesper!$R$2:$R$366,ROW(INDEX(Jesper!AH$2:AH$366,ROUNDDOWN($C114/24,0)+1,1))-1)+IF('Standard Profiles'!$G$18=$B$10,7,0)+IF('Standard Profiles'!$G$18=$B$17,14,0)+IF('Standard Profiles'!$G$18=$B$24,21,0),0)),0)</f>
        <v>27.262741778549131</v>
      </c>
      <c r="E114" cm="1">
        <f t="array" ref="E114">IFERROR(INDEX(Jesper!AI$2:AI$366,ROUNDDOWN($C114/24,0)+1,1)*INDEX($D$3:$AA$30,INDEX(Jesper!$R$2:$R$366,ROW(INDEX(Jesper!AI$2:AI$366,ROUNDDOWN($C114/24,0)+1,1))-1)+IF('Standard Profiles'!$G$19=$B$10,7,0)+IF('Standard Profiles'!$G$19=$B$17,14,0)+IF('Standard Profiles'!$G$19=$B$24,21,0),MOD($C114,24)+1)/SUM(INDEX($D$3:$AA$30,INDEX(Jesper!$R$2:$R$366,ROW(INDEX(Jesper!AI$2:AI$366,ROUNDDOWN($C114/24,0)+1,1))-1)+IF('Standard Profiles'!$G$19=$B$10,7,0)+IF('Standard Profiles'!$G$19=$B$17,14,0)+IF('Standard Profiles'!$G$19=$B$24,21,0),0)),0)</f>
        <v>28.249934332800809</v>
      </c>
      <c r="F114" cm="1">
        <f t="array" ref="F114">IFERROR(INDEX(Jesper!AJ$2:AJ$366,ROUNDDOWN($C114/24,0)+1,1)*INDEX($D$3:$AA$30,INDEX(Jesper!$R$2:$R$366,ROW(INDEX(Jesper!AJ$2:AJ$366,ROUNDDOWN($C114/24,0)+1,1))-1)+IF('Standard Profiles'!$G$20=$B$10,7,0)+IF('Standard Profiles'!$G$20=$B$17,14,0)+IF('Standard Profiles'!$G$20=$B$24,21,0),MOD($C114,24)+1)/SUM(INDEX($D$3:$AA$30,INDEX(Jesper!$R$2:$R$366,ROW(INDEX(Jesper!AJ$2:AJ$366,ROUNDDOWN($C114/24,0)+1,1))-1)+IF('Standard Profiles'!$G$20=$B$10,7,0)+IF('Standard Profiles'!$G$20=$B$17,14,0)+IF('Standard Profiles'!$G$20=$B$24,21,0),0)),0)</f>
        <v>0</v>
      </c>
      <c r="G114" cm="1">
        <f t="array" ref="G114">IFERROR(INDEX(Jesper!AK$2:AK$366,ROUNDDOWN($C114/24,0)+1,1)*INDEX($D$3:$AA$30,INDEX(Jesper!$R$2:$R$366,ROW(INDEX(Jesper!AK$2:AK$366,ROUNDDOWN($C114/24,0)+1,1))-1)+IF('Standard Profiles'!$G$21=$B$10,7,0)+IF('Standard Profiles'!$G$21=$B$17,14,0)+IF('Standard Profiles'!$G$21=$B$24,21,0),MOD($C114,24)+1)/SUM(INDEX($D$3:$AA$30,INDEX(Jesper!$R$2:$R$366,ROW(INDEX(Jesper!AK$2:AK$366,ROUNDDOWN($C114/24,0)+1,1))-1)+IF('Standard Profiles'!$G$21=$B$10,7,0)+IF('Standard Profiles'!$G$21=$B$17,14,0)+IF('Standard Profiles'!$G$21=$B$24,21,0),0)),0)</f>
        <v>19.559376243963044</v>
      </c>
      <c r="H114" cm="1">
        <f t="array" ref="H114">IFERROR(INDEX(Jesper!AL$2:AL$366,ROUNDDOWN($C114/24,0)+1,1)*INDEX($D$3:$AA$30,INDEX(Jesper!$R$2:$R$366,ROW(INDEX(Jesper!AL$2:AL$366,ROUNDDOWN($C114/24,0)+1,1))-1)+IF('Standard Profiles'!$G$22=$B$10,7,0)+IF('Standard Profiles'!$G$22=$B$17,14,0)+IF('Standard Profiles'!$G$22=$B$24,21,0),MOD($C114,24)+1)/SUM(INDEX($D$3:$AA$30,INDEX(Jesper!$R$2:$R$366,ROW(INDEX(Jesper!AL$2:AL$366,ROUNDDOWN($C114/24,0)+1,1))-1)+IF('Standard Profiles'!$G$22=$B$10,7,0)+IF('Standard Profiles'!$G$22=$B$17,14,0)+IF('Standard Profiles'!$G$22=$B$24,21,0),0)),0)</f>
        <v>0</v>
      </c>
      <c r="I114">
        <f t="shared" si="27"/>
        <v>9.3885005971022562</v>
      </c>
      <c r="J114">
        <f t="shared" si="28"/>
        <v>61.321513073642869</v>
      </c>
      <c r="K114">
        <f t="shared" si="29"/>
        <v>2.9080257897119073</v>
      </c>
      <c r="L114">
        <f t="shared" si="30"/>
        <v>1.4540128948559536</v>
      </c>
      <c r="M114">
        <f t="shared" si="31"/>
        <v>0</v>
      </c>
      <c r="N114" s="45">
        <f t="shared" si="32"/>
        <v>44930.333333333139</v>
      </c>
      <c r="O114">
        <v>3.5461000403884326</v>
      </c>
      <c r="P114">
        <v>47.304874594759383</v>
      </c>
      <c r="Q114">
        <v>2.8181287683262175</v>
      </c>
      <c r="R114">
        <v>1.4090643841631088</v>
      </c>
      <c r="S114">
        <v>0</v>
      </c>
      <c r="T114" s="45">
        <v>45063.333333325398</v>
      </c>
    </row>
    <row r="115" spans="2:21" x14ac:dyDescent="0.25">
      <c r="B115">
        <f t="shared" si="26"/>
        <v>3</v>
      </c>
      <c r="C115" s="16">
        <v>81</v>
      </c>
      <c r="D115" cm="1">
        <f t="array" ref="D115">IFERROR(INDEX(Jesper!AH$2:AH$366,ROUNDDOWN($C115/24,0)+1,1)*INDEX($D$3:$AA$30,INDEX(Jesper!$R$2:$R$366,ROW(INDEX(Jesper!AH$2:AH$366,ROUNDDOWN($C115/24,0)+1,1))-1)+IF('Standard Profiles'!$G$18=$B$10,7,0)+IF('Standard Profiles'!$G$18=$B$17,14,0)+IF('Standard Profiles'!$G$18=$B$24,21,0),MOD($C115,24)+1)/SUM(INDEX($D$3:$AA$30,INDEX(Jesper!$R$2:$R$366,ROW(INDEX(Jesper!AH$2:AH$366,ROUNDDOWN($C115/24,0)+1,1))-1)+IF('Standard Profiles'!$G$18=$B$10,7,0)+IF('Standard Profiles'!$G$18=$B$17,14,0)+IF('Standard Profiles'!$G$18=$B$24,21,0),0)),0)</f>
        <v>30.091894227266494</v>
      </c>
      <c r="E115" cm="1">
        <f t="array" ref="E115">IFERROR(INDEX(Jesper!AI$2:AI$366,ROUNDDOWN($C115/24,0)+1,1)*INDEX($D$3:$AA$30,INDEX(Jesper!$R$2:$R$366,ROW(INDEX(Jesper!AI$2:AI$366,ROUNDDOWN($C115/24,0)+1,1))-1)+IF('Standard Profiles'!$G$19=$B$10,7,0)+IF('Standard Profiles'!$G$19=$B$17,14,0)+IF('Standard Profiles'!$G$19=$B$24,21,0),MOD($C115,24)+1)/SUM(INDEX($D$3:$AA$30,INDEX(Jesper!$R$2:$R$366,ROW(INDEX(Jesper!AI$2:AI$366,ROUNDDOWN($C115/24,0)+1,1))-1)+IF('Standard Profiles'!$G$19=$B$10,7,0)+IF('Standard Profiles'!$G$19=$B$17,14,0)+IF('Standard Profiles'!$G$19=$B$24,21,0),0)),0)</f>
        <v>31.181531291865046</v>
      </c>
      <c r="F115" cm="1">
        <f t="array" ref="F115">IFERROR(INDEX(Jesper!AJ$2:AJ$366,ROUNDDOWN($C115/24,0)+1,1)*INDEX($D$3:$AA$30,INDEX(Jesper!$R$2:$R$366,ROW(INDEX(Jesper!AJ$2:AJ$366,ROUNDDOWN($C115/24,0)+1,1))-1)+IF('Standard Profiles'!$G$20=$B$10,7,0)+IF('Standard Profiles'!$G$20=$B$17,14,0)+IF('Standard Profiles'!$G$20=$B$24,21,0),MOD($C115,24)+1)/SUM(INDEX($D$3:$AA$30,INDEX(Jesper!$R$2:$R$366,ROW(INDEX(Jesper!AJ$2:AJ$366,ROUNDDOWN($C115/24,0)+1,1))-1)+IF('Standard Profiles'!$G$20=$B$10,7,0)+IF('Standard Profiles'!$G$20=$B$17,14,0)+IF('Standard Profiles'!$G$20=$B$24,21,0),0)),0)</f>
        <v>0</v>
      </c>
      <c r="G115" cm="1">
        <f t="array" ref="G115">IFERROR(INDEX(Jesper!AK$2:AK$366,ROUNDDOWN($C115/24,0)+1,1)*INDEX($D$3:$AA$30,INDEX(Jesper!$R$2:$R$366,ROW(INDEX(Jesper!AK$2:AK$366,ROUNDDOWN($C115/24,0)+1,1))-1)+IF('Standard Profiles'!$G$21=$B$10,7,0)+IF('Standard Profiles'!$G$21=$B$17,14,0)+IF('Standard Profiles'!$G$21=$B$24,21,0),MOD($C115,24)+1)/SUM(INDEX($D$3:$AA$30,INDEX(Jesper!$R$2:$R$366,ROW(INDEX(Jesper!AK$2:AK$366,ROUNDDOWN($C115/24,0)+1,1))-1)+IF('Standard Profiles'!$G$21=$B$10,7,0)+IF('Standard Profiles'!$G$21=$B$17,14,0)+IF('Standard Profiles'!$G$21=$B$24,21,0),0)),0)</f>
        <v>21.589122835317696</v>
      </c>
      <c r="H115" cm="1">
        <f t="array" ref="H115">IFERROR(INDEX(Jesper!AL$2:AL$366,ROUNDDOWN($C115/24,0)+1,1)*INDEX($D$3:$AA$30,INDEX(Jesper!$R$2:$R$366,ROW(INDEX(Jesper!AL$2:AL$366,ROUNDDOWN($C115/24,0)+1,1))-1)+IF('Standard Profiles'!$G$22=$B$10,7,0)+IF('Standard Profiles'!$G$22=$B$17,14,0)+IF('Standard Profiles'!$G$22=$B$24,21,0),MOD($C115,24)+1)/SUM(INDEX($D$3:$AA$30,INDEX(Jesper!$R$2:$R$366,ROW(INDEX(Jesper!AL$2:AL$366,ROUNDDOWN($C115/24,0)+1,1))-1)+IF('Standard Profiles'!$G$22=$B$10,7,0)+IF('Standard Profiles'!$G$22=$B$17,14,0)+IF('Standard Profiles'!$G$22=$B$24,21,0),0)),0)</f>
        <v>0</v>
      </c>
      <c r="I115">
        <f t="shared" si="27"/>
        <v>10.362778960952488</v>
      </c>
      <c r="J115">
        <f t="shared" si="28"/>
        <v>67.685066317134115</v>
      </c>
      <c r="K115">
        <f t="shared" si="29"/>
        <v>3.2098020509084262</v>
      </c>
      <c r="L115">
        <f t="shared" si="30"/>
        <v>1.6049010254542131</v>
      </c>
      <c r="M115">
        <f t="shared" si="31"/>
        <v>0</v>
      </c>
      <c r="N115" s="45">
        <f t="shared" si="32"/>
        <v>44930.374999999804</v>
      </c>
      <c r="O115">
        <v>3.9140915540136474</v>
      </c>
      <c r="P115">
        <v>52.213871014970266</v>
      </c>
      <c r="Q115">
        <v>3.1105760933412028</v>
      </c>
      <c r="R115">
        <v>1.5552880466706014</v>
      </c>
      <c r="S115">
        <v>0</v>
      </c>
      <c r="T115" s="45">
        <v>45063.374999992062</v>
      </c>
    </row>
    <row r="116" spans="2:21" x14ac:dyDescent="0.25">
      <c r="B116">
        <f t="shared" si="26"/>
        <v>3</v>
      </c>
      <c r="C116" s="16">
        <v>82</v>
      </c>
      <c r="D116" cm="1">
        <f t="array" ref="D116">IFERROR(INDEX(Jesper!AH$2:AH$366,ROUNDDOWN($C116/24,0)+1,1)*INDEX($D$3:$AA$30,INDEX(Jesper!$R$2:$R$366,ROW(INDEX(Jesper!AH$2:AH$366,ROUNDDOWN($C116/24,0)+1,1))-1)+IF('Standard Profiles'!$G$18=$B$10,7,0)+IF('Standard Profiles'!$G$18=$B$17,14,0)+IF('Standard Profiles'!$G$18=$B$24,21,0),MOD($C116,24)+1)/SUM(INDEX($D$3:$AA$30,INDEX(Jesper!$R$2:$R$366,ROW(INDEX(Jesper!AH$2:AH$366,ROUNDDOWN($C116/24,0)+1,1))-1)+IF('Standard Profiles'!$G$18=$B$10,7,0)+IF('Standard Profiles'!$G$18=$B$17,14,0)+IF('Standard Profiles'!$G$18=$B$24,21,0),0)),0)</f>
        <v>30.091894227266494</v>
      </c>
      <c r="E116" cm="1">
        <f t="array" ref="E116">IFERROR(INDEX(Jesper!AI$2:AI$366,ROUNDDOWN($C116/24,0)+1,1)*INDEX($D$3:$AA$30,INDEX(Jesper!$R$2:$R$366,ROW(INDEX(Jesper!AI$2:AI$366,ROUNDDOWN($C116/24,0)+1,1))-1)+IF('Standard Profiles'!$G$19=$B$10,7,0)+IF('Standard Profiles'!$G$19=$B$17,14,0)+IF('Standard Profiles'!$G$19=$B$24,21,0),MOD($C116,24)+1)/SUM(INDEX($D$3:$AA$30,INDEX(Jesper!$R$2:$R$366,ROW(INDEX(Jesper!AI$2:AI$366,ROUNDDOWN($C116/24,0)+1,1))-1)+IF('Standard Profiles'!$G$19=$B$10,7,0)+IF('Standard Profiles'!$G$19=$B$17,14,0)+IF('Standard Profiles'!$G$19=$B$24,21,0),0)),0)</f>
        <v>31.181531291865046</v>
      </c>
      <c r="F116" cm="1">
        <f t="array" ref="F116">IFERROR(INDEX(Jesper!AJ$2:AJ$366,ROUNDDOWN($C116/24,0)+1,1)*INDEX($D$3:$AA$30,INDEX(Jesper!$R$2:$R$366,ROW(INDEX(Jesper!AJ$2:AJ$366,ROUNDDOWN($C116/24,0)+1,1))-1)+IF('Standard Profiles'!$G$20=$B$10,7,0)+IF('Standard Profiles'!$G$20=$B$17,14,0)+IF('Standard Profiles'!$G$20=$B$24,21,0),MOD($C116,24)+1)/SUM(INDEX($D$3:$AA$30,INDEX(Jesper!$R$2:$R$366,ROW(INDEX(Jesper!AJ$2:AJ$366,ROUNDDOWN($C116/24,0)+1,1))-1)+IF('Standard Profiles'!$G$20=$B$10,7,0)+IF('Standard Profiles'!$G$20=$B$17,14,0)+IF('Standard Profiles'!$G$20=$B$24,21,0),0)),0)</f>
        <v>0</v>
      </c>
      <c r="G116" cm="1">
        <f t="array" ref="G116">IFERROR(INDEX(Jesper!AK$2:AK$366,ROUNDDOWN($C116/24,0)+1,1)*INDEX($D$3:$AA$30,INDEX(Jesper!$R$2:$R$366,ROW(INDEX(Jesper!AK$2:AK$366,ROUNDDOWN($C116/24,0)+1,1))-1)+IF('Standard Profiles'!$G$21=$B$10,7,0)+IF('Standard Profiles'!$G$21=$B$17,14,0)+IF('Standard Profiles'!$G$21=$B$24,21,0),MOD($C116,24)+1)/SUM(INDEX($D$3:$AA$30,INDEX(Jesper!$R$2:$R$366,ROW(INDEX(Jesper!AK$2:AK$366,ROUNDDOWN($C116/24,0)+1,1))-1)+IF('Standard Profiles'!$G$21=$B$10,7,0)+IF('Standard Profiles'!$G$21=$B$17,14,0)+IF('Standard Profiles'!$G$21=$B$24,21,0),0)),0)</f>
        <v>21.589122835317696</v>
      </c>
      <c r="H116" cm="1">
        <f t="array" ref="H116">IFERROR(INDEX(Jesper!AL$2:AL$366,ROUNDDOWN($C116/24,0)+1,1)*INDEX($D$3:$AA$30,INDEX(Jesper!$R$2:$R$366,ROW(INDEX(Jesper!AL$2:AL$366,ROUNDDOWN($C116/24,0)+1,1))-1)+IF('Standard Profiles'!$G$22=$B$10,7,0)+IF('Standard Profiles'!$G$22=$B$17,14,0)+IF('Standard Profiles'!$G$22=$B$24,21,0),MOD($C116,24)+1)/SUM(INDEX($D$3:$AA$30,INDEX(Jesper!$R$2:$R$366,ROW(INDEX(Jesper!AL$2:AL$366,ROUNDDOWN($C116/24,0)+1,1))-1)+IF('Standard Profiles'!$G$22=$B$10,7,0)+IF('Standard Profiles'!$G$22=$B$17,14,0)+IF('Standard Profiles'!$G$22=$B$24,21,0),0)),0)</f>
        <v>0</v>
      </c>
      <c r="I116">
        <f t="shared" si="27"/>
        <v>10.362778960952488</v>
      </c>
      <c r="J116">
        <f t="shared" si="28"/>
        <v>67.685066317134115</v>
      </c>
      <c r="K116">
        <f t="shared" si="29"/>
        <v>3.2098020509084262</v>
      </c>
      <c r="L116">
        <f t="shared" si="30"/>
        <v>1.6049010254542131</v>
      </c>
      <c r="M116">
        <f t="shared" si="31"/>
        <v>0</v>
      </c>
      <c r="N116" s="45">
        <f t="shared" si="32"/>
        <v>44930.416666666468</v>
      </c>
      <c r="O116">
        <v>3.9140915540136474</v>
      </c>
      <c r="P116">
        <v>52.213871014970266</v>
      </c>
      <c r="Q116">
        <v>3.1105760933412028</v>
      </c>
      <c r="R116">
        <v>1.5552880466706014</v>
      </c>
      <c r="S116">
        <v>0</v>
      </c>
      <c r="T116" s="45">
        <v>45063.416666658726</v>
      </c>
    </row>
    <row r="117" spans="2:21" x14ac:dyDescent="0.25">
      <c r="B117">
        <f t="shared" si="26"/>
        <v>3</v>
      </c>
      <c r="C117" s="16">
        <v>83</v>
      </c>
      <c r="D117" cm="1">
        <f t="array" ref="D117">IFERROR(INDEX(Jesper!AH$2:AH$366,ROUNDDOWN($C117/24,0)+1,1)*INDEX($D$3:$AA$30,INDEX(Jesper!$R$2:$R$366,ROW(INDEX(Jesper!AH$2:AH$366,ROUNDDOWN($C117/24,0)+1,1))-1)+IF('Standard Profiles'!$G$18=$B$10,7,0)+IF('Standard Profiles'!$G$18=$B$17,14,0)+IF('Standard Profiles'!$G$18=$B$24,21,0),MOD($C117,24)+1)/SUM(INDEX($D$3:$AA$30,INDEX(Jesper!$R$2:$R$366,ROW(INDEX(Jesper!AH$2:AH$366,ROUNDDOWN($C117/24,0)+1,1))-1)+IF('Standard Profiles'!$G$18=$B$10,7,0)+IF('Standard Profiles'!$G$18=$B$17,14,0)+IF('Standard Profiles'!$G$18=$B$24,21,0),0)),0)</f>
        <v>36.007394801857338</v>
      </c>
      <c r="E117" cm="1">
        <f t="array" ref="E117">IFERROR(INDEX(Jesper!AI$2:AI$366,ROUNDDOWN($C117/24,0)+1,1)*INDEX($D$3:$AA$30,INDEX(Jesper!$R$2:$R$366,ROW(INDEX(Jesper!AI$2:AI$366,ROUNDDOWN($C117/24,0)+1,1))-1)+IF('Standard Profiles'!$G$19=$B$10,7,0)+IF('Standard Profiles'!$G$19=$B$17,14,0)+IF('Standard Profiles'!$G$19=$B$24,21,0),MOD($C117,24)+1)/SUM(INDEX($D$3:$AA$30,INDEX(Jesper!$R$2:$R$366,ROW(INDEX(Jesper!AI$2:AI$366,ROUNDDOWN($C117/24,0)+1,1))-1)+IF('Standard Profiles'!$G$19=$B$10,7,0)+IF('Standard Profiles'!$G$19=$B$17,14,0)+IF('Standard Profiles'!$G$19=$B$24,21,0),0)),0)</f>
        <v>37.311234024453896</v>
      </c>
      <c r="F117" cm="1">
        <f t="array" ref="F117">IFERROR(INDEX(Jesper!AJ$2:AJ$366,ROUNDDOWN($C117/24,0)+1,1)*INDEX($D$3:$AA$30,INDEX(Jesper!$R$2:$R$366,ROW(INDEX(Jesper!AJ$2:AJ$366,ROUNDDOWN($C117/24,0)+1,1))-1)+IF('Standard Profiles'!$G$20=$B$10,7,0)+IF('Standard Profiles'!$G$20=$B$17,14,0)+IF('Standard Profiles'!$G$20=$B$24,21,0),MOD($C117,24)+1)/SUM(INDEX($D$3:$AA$30,INDEX(Jesper!$R$2:$R$366,ROW(INDEX(Jesper!AJ$2:AJ$366,ROUNDDOWN($C117/24,0)+1,1))-1)+IF('Standard Profiles'!$G$20=$B$10,7,0)+IF('Standard Profiles'!$G$20=$B$17,14,0)+IF('Standard Profiles'!$G$20=$B$24,21,0),0)),0)</f>
        <v>0</v>
      </c>
      <c r="G117" cm="1">
        <f t="array" ref="G117">IFERROR(INDEX(Jesper!AK$2:AK$366,ROUNDDOWN($C117/24,0)+1,1)*INDEX($D$3:$AA$30,INDEX(Jesper!$R$2:$R$366,ROW(INDEX(Jesper!AK$2:AK$366,ROUNDDOWN($C117/24,0)+1,1))-1)+IF('Standard Profiles'!$G$21=$B$10,7,0)+IF('Standard Profiles'!$G$21=$B$17,14,0)+IF('Standard Profiles'!$G$21=$B$24,21,0),MOD($C117,24)+1)/SUM(INDEX($D$3:$AA$30,INDEX(Jesper!$R$2:$R$366,ROW(INDEX(Jesper!AK$2:AK$366,ROUNDDOWN($C117/24,0)+1,1))-1)+IF('Standard Profiles'!$G$21=$B$10,7,0)+IF('Standard Profiles'!$G$21=$B$17,14,0)+IF('Standard Profiles'!$G$21=$B$24,21,0),0)),0)</f>
        <v>25.833138435422885</v>
      </c>
      <c r="H117" cm="1">
        <f t="array" ref="H117">IFERROR(INDEX(Jesper!AL$2:AL$366,ROUNDDOWN($C117/24,0)+1,1)*INDEX($D$3:$AA$30,INDEX(Jesper!$R$2:$R$366,ROW(INDEX(Jesper!AL$2:AL$366,ROUNDDOWN($C117/24,0)+1,1))-1)+IF('Standard Profiles'!$G$22=$B$10,7,0)+IF('Standard Profiles'!$G$22=$B$17,14,0)+IF('Standard Profiles'!$G$22=$B$24,21,0),MOD($C117,24)+1)/SUM(INDEX($D$3:$AA$30,INDEX(Jesper!$R$2:$R$366,ROW(INDEX(Jesper!AL$2:AL$366,ROUNDDOWN($C117/24,0)+1,1))-1)+IF('Standard Profiles'!$G$22=$B$10,7,0)+IF('Standard Profiles'!$G$22=$B$17,14,0)+IF('Standard Profiles'!$G$22=$B$24,21,0),0)),0)</f>
        <v>0</v>
      </c>
      <c r="I117">
        <f t="shared" si="27"/>
        <v>12.399906449002978</v>
      </c>
      <c r="J117">
        <f t="shared" si="28"/>
        <v>80.990677644433973</v>
      </c>
      <c r="K117">
        <f t="shared" si="29"/>
        <v>3.8407887788647828</v>
      </c>
      <c r="L117">
        <f t="shared" si="30"/>
        <v>1.9203943894323914</v>
      </c>
      <c r="M117">
        <f t="shared" si="31"/>
        <v>0</v>
      </c>
      <c r="N117" s="45">
        <f t="shared" si="32"/>
        <v>44930.458333333132</v>
      </c>
      <c r="O117">
        <v>4.6835283552300044</v>
      </c>
      <c r="P117">
        <v>62.478136257229366</v>
      </c>
      <c r="Q117">
        <v>3.7220568638270799</v>
      </c>
      <c r="R117">
        <v>1.8610284319135399</v>
      </c>
      <c r="S117">
        <v>0</v>
      </c>
      <c r="T117" s="45">
        <v>45063.45833332539</v>
      </c>
      <c r="U117" t="str">
        <f>CHOOSE(WEEKDAY(T117,2),"Monday","Tuesday","Wednesday","Thursday","Friday","Saturday","Sunday")</f>
        <v>Wednesday</v>
      </c>
    </row>
    <row r="118" spans="2:21" x14ac:dyDescent="0.25">
      <c r="B118">
        <f t="shared" si="26"/>
        <v>3</v>
      </c>
      <c r="C118" s="16">
        <v>84</v>
      </c>
      <c r="D118" cm="1">
        <f t="array" ref="D118">IFERROR(INDEX(Jesper!AH$2:AH$366,ROUNDDOWN($C118/24,0)+1,1)*INDEX($D$3:$AA$30,INDEX(Jesper!$R$2:$R$366,ROW(INDEX(Jesper!AH$2:AH$366,ROUNDDOWN($C118/24,0)+1,1))-1)+IF('Standard Profiles'!$G$18=$B$10,7,0)+IF('Standard Profiles'!$G$18=$B$17,14,0)+IF('Standard Profiles'!$G$18=$B$24,21,0),MOD($C118,24)+1)/SUM(INDEX($D$3:$AA$30,INDEX(Jesper!$R$2:$R$366,ROW(INDEX(Jesper!AH$2:AH$366,ROUNDDOWN($C118/24,0)+1,1))-1)+IF('Standard Profiles'!$G$18=$B$10,7,0)+IF('Standard Profiles'!$G$18=$B$17,14,0)+IF('Standard Profiles'!$G$18=$B$24,21,0),0)),0)</f>
        <v>36.007394801857338</v>
      </c>
      <c r="E118" cm="1">
        <f t="array" ref="E118">IFERROR(INDEX(Jesper!AI$2:AI$366,ROUNDDOWN($C118/24,0)+1,1)*INDEX($D$3:$AA$30,INDEX(Jesper!$R$2:$R$366,ROW(INDEX(Jesper!AI$2:AI$366,ROUNDDOWN($C118/24,0)+1,1))-1)+IF('Standard Profiles'!$G$19=$B$10,7,0)+IF('Standard Profiles'!$G$19=$B$17,14,0)+IF('Standard Profiles'!$G$19=$B$24,21,0),MOD($C118,24)+1)/SUM(INDEX($D$3:$AA$30,INDEX(Jesper!$R$2:$R$366,ROW(INDEX(Jesper!AI$2:AI$366,ROUNDDOWN($C118/24,0)+1,1))-1)+IF('Standard Profiles'!$G$19=$B$10,7,0)+IF('Standard Profiles'!$G$19=$B$17,14,0)+IF('Standard Profiles'!$G$19=$B$24,21,0),0)),0)</f>
        <v>37.311234024453896</v>
      </c>
      <c r="F118" cm="1">
        <f t="array" ref="F118">IFERROR(INDEX(Jesper!AJ$2:AJ$366,ROUNDDOWN($C118/24,0)+1,1)*INDEX($D$3:$AA$30,INDEX(Jesper!$R$2:$R$366,ROW(INDEX(Jesper!AJ$2:AJ$366,ROUNDDOWN($C118/24,0)+1,1))-1)+IF('Standard Profiles'!$G$20=$B$10,7,0)+IF('Standard Profiles'!$G$20=$B$17,14,0)+IF('Standard Profiles'!$G$20=$B$24,21,0),MOD($C118,24)+1)/SUM(INDEX($D$3:$AA$30,INDEX(Jesper!$R$2:$R$366,ROW(INDEX(Jesper!AJ$2:AJ$366,ROUNDDOWN($C118/24,0)+1,1))-1)+IF('Standard Profiles'!$G$20=$B$10,7,0)+IF('Standard Profiles'!$G$20=$B$17,14,0)+IF('Standard Profiles'!$G$20=$B$24,21,0),0)),0)</f>
        <v>0</v>
      </c>
      <c r="G118" cm="1">
        <f t="array" ref="G118">IFERROR(INDEX(Jesper!AK$2:AK$366,ROUNDDOWN($C118/24,0)+1,1)*INDEX($D$3:$AA$30,INDEX(Jesper!$R$2:$R$366,ROW(INDEX(Jesper!AK$2:AK$366,ROUNDDOWN($C118/24,0)+1,1))-1)+IF('Standard Profiles'!$G$21=$B$10,7,0)+IF('Standard Profiles'!$G$21=$B$17,14,0)+IF('Standard Profiles'!$G$21=$B$24,21,0),MOD($C118,24)+1)/SUM(INDEX($D$3:$AA$30,INDEX(Jesper!$R$2:$R$366,ROW(INDEX(Jesper!AK$2:AK$366,ROUNDDOWN($C118/24,0)+1,1))-1)+IF('Standard Profiles'!$G$21=$B$10,7,0)+IF('Standard Profiles'!$G$21=$B$17,14,0)+IF('Standard Profiles'!$G$21=$B$24,21,0),0)),0)</f>
        <v>25.833138435422885</v>
      </c>
      <c r="H118" cm="1">
        <f t="array" ref="H118">IFERROR(INDEX(Jesper!AL$2:AL$366,ROUNDDOWN($C118/24,0)+1,1)*INDEX($D$3:$AA$30,INDEX(Jesper!$R$2:$R$366,ROW(INDEX(Jesper!AL$2:AL$366,ROUNDDOWN($C118/24,0)+1,1))-1)+IF('Standard Profiles'!$G$22=$B$10,7,0)+IF('Standard Profiles'!$G$22=$B$17,14,0)+IF('Standard Profiles'!$G$22=$B$24,21,0),MOD($C118,24)+1)/SUM(INDEX($D$3:$AA$30,INDEX(Jesper!$R$2:$R$366,ROW(INDEX(Jesper!AL$2:AL$366,ROUNDDOWN($C118/24,0)+1,1))-1)+IF('Standard Profiles'!$G$22=$B$10,7,0)+IF('Standard Profiles'!$G$22=$B$17,14,0)+IF('Standard Profiles'!$G$22=$B$24,21,0),0)),0)</f>
        <v>0</v>
      </c>
      <c r="I118">
        <f t="shared" si="27"/>
        <v>12.399906449002978</v>
      </c>
      <c r="J118">
        <f t="shared" si="28"/>
        <v>80.990677644433973</v>
      </c>
      <c r="K118">
        <f t="shared" si="29"/>
        <v>3.8407887788647828</v>
      </c>
      <c r="L118">
        <f t="shared" si="30"/>
        <v>1.9203943894323914</v>
      </c>
      <c r="M118">
        <f t="shared" si="31"/>
        <v>0</v>
      </c>
      <c r="N118" s="45">
        <f t="shared" si="32"/>
        <v>44930.499999999796</v>
      </c>
      <c r="O118">
        <v>4.6835283552300044</v>
      </c>
      <c r="P118">
        <v>62.478136257229366</v>
      </c>
      <c r="Q118">
        <v>3.7220568638270799</v>
      </c>
      <c r="R118">
        <v>1.8610284319135399</v>
      </c>
      <c r="S118">
        <v>0</v>
      </c>
      <c r="T118" s="45">
        <v>45063.499999992055</v>
      </c>
    </row>
    <row r="119" spans="2:21" x14ac:dyDescent="0.25">
      <c r="B119">
        <f t="shared" si="26"/>
        <v>3</v>
      </c>
      <c r="C119" s="16">
        <v>85</v>
      </c>
      <c r="D119" cm="1">
        <f t="array" ref="D119">IFERROR(INDEX(Jesper!AH$2:AH$366,ROUNDDOWN($C119/24,0)+1,1)*INDEX($D$3:$AA$30,INDEX(Jesper!$R$2:$R$366,ROW(INDEX(Jesper!AH$2:AH$366,ROUNDDOWN($C119/24,0)+1,1))-1)+IF('Standard Profiles'!$G$18=$B$10,7,0)+IF('Standard Profiles'!$G$18=$B$17,14,0)+IF('Standard Profiles'!$G$18=$B$24,21,0),MOD($C119,24)+1)/SUM(INDEX($D$3:$AA$30,INDEX(Jesper!$R$2:$R$366,ROW(INDEX(Jesper!AH$2:AH$366,ROUNDDOWN($C119/24,0)+1,1))-1)+IF('Standard Profiles'!$G$18=$B$10,7,0)+IF('Standard Profiles'!$G$18=$B$17,14,0)+IF('Standard Profiles'!$G$18=$B$24,21,0),0)),0)</f>
        <v>23.919197975519516</v>
      </c>
      <c r="E119" cm="1">
        <f t="array" ref="E119">IFERROR(INDEX(Jesper!AI$2:AI$366,ROUNDDOWN($C119/24,0)+1,1)*INDEX($D$3:$AA$30,INDEX(Jesper!$R$2:$R$366,ROW(INDEX(Jesper!AI$2:AI$366,ROUNDDOWN($C119/24,0)+1,1))-1)+IF('Standard Profiles'!$G$19=$B$10,7,0)+IF('Standard Profiles'!$G$19=$B$17,14,0)+IF('Standard Profiles'!$G$19=$B$24,21,0),MOD($C119,24)+1)/SUM(INDEX($D$3:$AA$30,INDEX(Jesper!$R$2:$R$366,ROW(INDEX(Jesper!AI$2:AI$366,ROUNDDOWN($C119/24,0)+1,1))-1)+IF('Standard Profiles'!$G$19=$B$10,7,0)+IF('Standard Profiles'!$G$19=$B$17,14,0)+IF('Standard Profiles'!$G$19=$B$24,21,0),0)),0)</f>
        <v>24.785319744815805</v>
      </c>
      <c r="F119" cm="1">
        <f t="array" ref="F119">IFERROR(INDEX(Jesper!AJ$2:AJ$366,ROUNDDOWN($C119/24,0)+1,1)*INDEX($D$3:$AA$30,INDEX(Jesper!$R$2:$R$366,ROW(INDEX(Jesper!AJ$2:AJ$366,ROUNDDOWN($C119/24,0)+1,1))-1)+IF('Standard Profiles'!$G$20=$B$10,7,0)+IF('Standard Profiles'!$G$20=$B$17,14,0)+IF('Standard Profiles'!$G$20=$B$24,21,0),MOD($C119,24)+1)/SUM(INDEX($D$3:$AA$30,INDEX(Jesper!$R$2:$R$366,ROW(INDEX(Jesper!AJ$2:AJ$366,ROUNDDOWN($C119/24,0)+1,1))-1)+IF('Standard Profiles'!$G$20=$B$10,7,0)+IF('Standard Profiles'!$G$20=$B$17,14,0)+IF('Standard Profiles'!$G$20=$B$24,21,0),0)),0)</f>
        <v>0</v>
      </c>
      <c r="G119" cm="1">
        <f t="array" ref="G119">IFERROR(INDEX(Jesper!AK$2:AK$366,ROUNDDOWN($C119/24,0)+1,1)*INDEX($D$3:$AA$30,INDEX(Jesper!$R$2:$R$366,ROW(INDEX(Jesper!AK$2:AK$366,ROUNDDOWN($C119/24,0)+1,1))-1)+IF('Standard Profiles'!$G$21=$B$10,7,0)+IF('Standard Profiles'!$G$21=$B$17,14,0)+IF('Standard Profiles'!$G$21=$B$24,21,0),MOD($C119,24)+1)/SUM(INDEX($D$3:$AA$30,INDEX(Jesper!$R$2:$R$366,ROW(INDEX(Jesper!AK$2:AK$366,ROUNDDOWN($C119/24,0)+1,1))-1)+IF('Standard Profiles'!$G$21=$B$10,7,0)+IF('Standard Profiles'!$G$21=$B$17,14,0)+IF('Standard Profiles'!$G$21=$B$24,21,0),0)),0)</f>
        <v>17.16058481781663</v>
      </c>
      <c r="H119" cm="1">
        <f t="array" ref="H119">IFERROR(INDEX(Jesper!AL$2:AL$366,ROUNDDOWN($C119/24,0)+1,1)*INDEX($D$3:$AA$30,INDEX(Jesper!$R$2:$R$366,ROW(INDEX(Jesper!AL$2:AL$366,ROUNDDOWN($C119/24,0)+1,1))-1)+IF('Standard Profiles'!$G$22=$B$10,7,0)+IF('Standard Profiles'!$G$22=$B$17,14,0)+IF('Standard Profiles'!$G$22=$B$24,21,0),MOD($C119,24)+1)/SUM(INDEX($D$3:$AA$30,INDEX(Jesper!$R$2:$R$366,ROW(INDEX(Jesper!AL$2:AL$366,ROUNDDOWN($C119/24,0)+1,1))-1)+IF('Standard Profiles'!$G$22=$B$10,7,0)+IF('Standard Profiles'!$G$22=$B$17,14,0)+IF('Standard Profiles'!$G$22=$B$24,21,0),0)),0)</f>
        <v>0</v>
      </c>
      <c r="I119">
        <f t="shared" si="27"/>
        <v>8.2370807125519789</v>
      </c>
      <c r="J119">
        <f t="shared" si="28"/>
        <v>53.800950149516851</v>
      </c>
      <c r="K119">
        <f t="shared" si="29"/>
        <v>2.5513811173887486</v>
      </c>
      <c r="L119">
        <f t="shared" si="30"/>
        <v>1.2756905586943743</v>
      </c>
      <c r="M119">
        <f t="shared" si="31"/>
        <v>0</v>
      </c>
      <c r="N119" s="45">
        <f t="shared" si="32"/>
        <v>44930.541666666461</v>
      </c>
      <c r="O119">
        <v>3.1112009788313606</v>
      </c>
      <c r="P119">
        <v>41.503333370873797</v>
      </c>
      <c r="Q119">
        <v>2.4725092023994177</v>
      </c>
      <c r="R119">
        <v>1.2362546011997089</v>
      </c>
      <c r="S119">
        <v>0</v>
      </c>
      <c r="T119" s="45">
        <v>45063.541666658719</v>
      </c>
    </row>
    <row r="120" spans="2:21" x14ac:dyDescent="0.25">
      <c r="B120">
        <f t="shared" si="26"/>
        <v>3</v>
      </c>
      <c r="C120" s="16">
        <v>86</v>
      </c>
      <c r="D120" cm="1">
        <f t="array" ref="D120">IFERROR(INDEX(Jesper!AH$2:AH$366,ROUNDDOWN($C120/24,0)+1,1)*INDEX($D$3:$AA$30,INDEX(Jesper!$R$2:$R$366,ROW(INDEX(Jesper!AH$2:AH$366,ROUNDDOWN($C120/24,0)+1,1))-1)+IF('Standard Profiles'!$G$18=$B$10,7,0)+IF('Standard Profiles'!$G$18=$B$17,14,0)+IF('Standard Profiles'!$G$18=$B$24,21,0),MOD($C120,24)+1)/SUM(INDEX($D$3:$AA$30,INDEX(Jesper!$R$2:$R$366,ROW(INDEX(Jesper!AH$2:AH$366,ROUNDDOWN($C120/24,0)+1,1))-1)+IF('Standard Profiles'!$G$18=$B$10,7,0)+IF('Standard Profiles'!$G$18=$B$17,14,0)+IF('Standard Profiles'!$G$18=$B$24,21,0),0)),0)</f>
        <v>36.007394801857338</v>
      </c>
      <c r="E120" cm="1">
        <f t="array" ref="E120">IFERROR(INDEX(Jesper!AI$2:AI$366,ROUNDDOWN($C120/24,0)+1,1)*INDEX($D$3:$AA$30,INDEX(Jesper!$R$2:$R$366,ROW(INDEX(Jesper!AI$2:AI$366,ROUNDDOWN($C120/24,0)+1,1))-1)+IF('Standard Profiles'!$G$19=$B$10,7,0)+IF('Standard Profiles'!$G$19=$B$17,14,0)+IF('Standard Profiles'!$G$19=$B$24,21,0),MOD($C120,24)+1)/SUM(INDEX($D$3:$AA$30,INDEX(Jesper!$R$2:$R$366,ROW(INDEX(Jesper!AI$2:AI$366,ROUNDDOWN($C120/24,0)+1,1))-1)+IF('Standard Profiles'!$G$19=$B$10,7,0)+IF('Standard Profiles'!$G$19=$B$17,14,0)+IF('Standard Profiles'!$G$19=$B$24,21,0),0)),0)</f>
        <v>37.311234024453896</v>
      </c>
      <c r="F120" cm="1">
        <f t="array" ref="F120">IFERROR(INDEX(Jesper!AJ$2:AJ$366,ROUNDDOWN($C120/24,0)+1,1)*INDEX($D$3:$AA$30,INDEX(Jesper!$R$2:$R$366,ROW(INDEX(Jesper!AJ$2:AJ$366,ROUNDDOWN($C120/24,0)+1,1))-1)+IF('Standard Profiles'!$G$20=$B$10,7,0)+IF('Standard Profiles'!$G$20=$B$17,14,0)+IF('Standard Profiles'!$G$20=$B$24,21,0),MOD($C120,24)+1)/SUM(INDEX($D$3:$AA$30,INDEX(Jesper!$R$2:$R$366,ROW(INDEX(Jesper!AJ$2:AJ$366,ROUNDDOWN($C120/24,0)+1,1))-1)+IF('Standard Profiles'!$G$20=$B$10,7,0)+IF('Standard Profiles'!$G$20=$B$17,14,0)+IF('Standard Profiles'!$G$20=$B$24,21,0),0)),0)</f>
        <v>0</v>
      </c>
      <c r="G120" cm="1">
        <f t="array" ref="G120">IFERROR(INDEX(Jesper!AK$2:AK$366,ROUNDDOWN($C120/24,0)+1,1)*INDEX($D$3:$AA$30,INDEX(Jesper!$R$2:$R$366,ROW(INDEX(Jesper!AK$2:AK$366,ROUNDDOWN($C120/24,0)+1,1))-1)+IF('Standard Profiles'!$G$21=$B$10,7,0)+IF('Standard Profiles'!$G$21=$B$17,14,0)+IF('Standard Profiles'!$G$21=$B$24,21,0),MOD($C120,24)+1)/SUM(INDEX($D$3:$AA$30,INDEX(Jesper!$R$2:$R$366,ROW(INDEX(Jesper!AK$2:AK$366,ROUNDDOWN($C120/24,0)+1,1))-1)+IF('Standard Profiles'!$G$21=$B$10,7,0)+IF('Standard Profiles'!$G$21=$B$17,14,0)+IF('Standard Profiles'!$G$21=$B$24,21,0),0)),0)</f>
        <v>25.833138435422885</v>
      </c>
      <c r="H120" cm="1">
        <f t="array" ref="H120">IFERROR(INDEX(Jesper!AL$2:AL$366,ROUNDDOWN($C120/24,0)+1,1)*INDEX($D$3:$AA$30,INDEX(Jesper!$R$2:$R$366,ROW(INDEX(Jesper!AL$2:AL$366,ROUNDDOWN($C120/24,0)+1,1))-1)+IF('Standard Profiles'!$G$22=$B$10,7,0)+IF('Standard Profiles'!$G$22=$B$17,14,0)+IF('Standard Profiles'!$G$22=$B$24,21,0),MOD($C120,24)+1)/SUM(INDEX($D$3:$AA$30,INDEX(Jesper!$R$2:$R$366,ROW(INDEX(Jesper!AL$2:AL$366,ROUNDDOWN($C120/24,0)+1,1))-1)+IF('Standard Profiles'!$G$22=$B$10,7,0)+IF('Standard Profiles'!$G$22=$B$17,14,0)+IF('Standard Profiles'!$G$22=$B$24,21,0),0)),0)</f>
        <v>0</v>
      </c>
      <c r="I120">
        <f t="shared" si="27"/>
        <v>12.399906449002978</v>
      </c>
      <c r="J120">
        <f t="shared" si="28"/>
        <v>80.990677644433973</v>
      </c>
      <c r="K120">
        <f t="shared" si="29"/>
        <v>3.8407887788647828</v>
      </c>
      <c r="L120">
        <f t="shared" si="30"/>
        <v>1.9203943894323914</v>
      </c>
      <c r="M120">
        <f t="shared" si="31"/>
        <v>0</v>
      </c>
      <c r="N120" s="45">
        <f t="shared" si="32"/>
        <v>44930.583333333125</v>
      </c>
      <c r="O120">
        <v>4.6835283552300044</v>
      </c>
      <c r="P120">
        <v>62.478136257229366</v>
      </c>
      <c r="Q120">
        <v>3.7220568638270799</v>
      </c>
      <c r="R120">
        <v>1.8610284319135399</v>
      </c>
      <c r="S120">
        <v>0</v>
      </c>
      <c r="T120" s="45">
        <v>45063.583333325383</v>
      </c>
    </row>
    <row r="121" spans="2:21" x14ac:dyDescent="0.25">
      <c r="B121">
        <f t="shared" si="26"/>
        <v>3</v>
      </c>
      <c r="C121" s="16">
        <v>87</v>
      </c>
      <c r="D121" cm="1">
        <f t="array" ref="D121">IFERROR(INDEX(Jesper!AH$2:AH$366,ROUNDDOWN($C121/24,0)+1,1)*INDEX($D$3:$AA$30,INDEX(Jesper!$R$2:$R$366,ROW(INDEX(Jesper!AH$2:AH$366,ROUNDDOWN($C121/24,0)+1,1))-1)+IF('Standard Profiles'!$G$18=$B$10,7,0)+IF('Standard Profiles'!$G$18=$B$17,14,0)+IF('Standard Profiles'!$G$18=$B$24,21,0),MOD($C121,24)+1)/SUM(INDEX($D$3:$AA$30,INDEX(Jesper!$R$2:$R$366,ROW(INDEX(Jesper!AH$2:AH$366,ROUNDDOWN($C121/24,0)+1,1))-1)+IF('Standard Profiles'!$G$18=$B$10,7,0)+IF('Standard Profiles'!$G$18=$B$17,14,0)+IF('Standard Profiles'!$G$18=$B$24,21,0),0)),0)</f>
        <v>36.007394801857338</v>
      </c>
      <c r="E121" cm="1">
        <f t="array" ref="E121">IFERROR(INDEX(Jesper!AI$2:AI$366,ROUNDDOWN($C121/24,0)+1,1)*INDEX($D$3:$AA$30,INDEX(Jesper!$R$2:$R$366,ROW(INDEX(Jesper!AI$2:AI$366,ROUNDDOWN($C121/24,0)+1,1))-1)+IF('Standard Profiles'!$G$19=$B$10,7,0)+IF('Standard Profiles'!$G$19=$B$17,14,0)+IF('Standard Profiles'!$G$19=$B$24,21,0),MOD($C121,24)+1)/SUM(INDEX($D$3:$AA$30,INDEX(Jesper!$R$2:$R$366,ROW(INDEX(Jesper!AI$2:AI$366,ROUNDDOWN($C121/24,0)+1,1))-1)+IF('Standard Profiles'!$G$19=$B$10,7,0)+IF('Standard Profiles'!$G$19=$B$17,14,0)+IF('Standard Profiles'!$G$19=$B$24,21,0),0)),0)</f>
        <v>37.311234024453896</v>
      </c>
      <c r="F121" cm="1">
        <f t="array" ref="F121">IFERROR(INDEX(Jesper!AJ$2:AJ$366,ROUNDDOWN($C121/24,0)+1,1)*INDEX($D$3:$AA$30,INDEX(Jesper!$R$2:$R$366,ROW(INDEX(Jesper!AJ$2:AJ$366,ROUNDDOWN($C121/24,0)+1,1))-1)+IF('Standard Profiles'!$G$20=$B$10,7,0)+IF('Standard Profiles'!$G$20=$B$17,14,0)+IF('Standard Profiles'!$G$20=$B$24,21,0),MOD($C121,24)+1)/SUM(INDEX($D$3:$AA$30,INDEX(Jesper!$R$2:$R$366,ROW(INDEX(Jesper!AJ$2:AJ$366,ROUNDDOWN($C121/24,0)+1,1))-1)+IF('Standard Profiles'!$G$20=$B$10,7,0)+IF('Standard Profiles'!$G$20=$B$17,14,0)+IF('Standard Profiles'!$G$20=$B$24,21,0),0)),0)</f>
        <v>0</v>
      </c>
      <c r="G121" cm="1">
        <f t="array" ref="G121">IFERROR(INDEX(Jesper!AK$2:AK$366,ROUNDDOWN($C121/24,0)+1,1)*INDEX($D$3:$AA$30,INDEX(Jesper!$R$2:$R$366,ROW(INDEX(Jesper!AK$2:AK$366,ROUNDDOWN($C121/24,0)+1,1))-1)+IF('Standard Profiles'!$G$21=$B$10,7,0)+IF('Standard Profiles'!$G$21=$B$17,14,0)+IF('Standard Profiles'!$G$21=$B$24,21,0),MOD($C121,24)+1)/SUM(INDEX($D$3:$AA$30,INDEX(Jesper!$R$2:$R$366,ROW(INDEX(Jesper!AK$2:AK$366,ROUNDDOWN($C121/24,0)+1,1))-1)+IF('Standard Profiles'!$G$21=$B$10,7,0)+IF('Standard Profiles'!$G$21=$B$17,14,0)+IF('Standard Profiles'!$G$21=$B$24,21,0),0)),0)</f>
        <v>25.833138435422885</v>
      </c>
      <c r="H121" cm="1">
        <f t="array" ref="H121">IFERROR(INDEX(Jesper!AL$2:AL$366,ROUNDDOWN($C121/24,0)+1,1)*INDEX($D$3:$AA$30,INDEX(Jesper!$R$2:$R$366,ROW(INDEX(Jesper!AL$2:AL$366,ROUNDDOWN($C121/24,0)+1,1))-1)+IF('Standard Profiles'!$G$22=$B$10,7,0)+IF('Standard Profiles'!$G$22=$B$17,14,0)+IF('Standard Profiles'!$G$22=$B$24,21,0),MOD($C121,24)+1)/SUM(INDEX($D$3:$AA$30,INDEX(Jesper!$R$2:$R$366,ROW(INDEX(Jesper!AL$2:AL$366,ROUNDDOWN($C121/24,0)+1,1))-1)+IF('Standard Profiles'!$G$22=$B$10,7,0)+IF('Standard Profiles'!$G$22=$B$17,14,0)+IF('Standard Profiles'!$G$22=$B$24,21,0),0)),0)</f>
        <v>0</v>
      </c>
      <c r="I121">
        <f t="shared" si="27"/>
        <v>12.399906449002978</v>
      </c>
      <c r="J121">
        <f t="shared" si="28"/>
        <v>80.990677644433973</v>
      </c>
      <c r="K121">
        <f t="shared" si="29"/>
        <v>3.8407887788647828</v>
      </c>
      <c r="L121">
        <f t="shared" si="30"/>
        <v>1.9203943894323914</v>
      </c>
      <c r="M121">
        <f t="shared" si="31"/>
        <v>0</v>
      </c>
      <c r="N121" s="45">
        <f t="shared" si="32"/>
        <v>44930.624999999789</v>
      </c>
      <c r="O121">
        <v>4.6835283552300044</v>
      </c>
      <c r="P121">
        <v>62.478136257229366</v>
      </c>
      <c r="Q121">
        <v>3.7220568638270799</v>
      </c>
      <c r="R121">
        <v>1.8610284319135399</v>
      </c>
      <c r="S121">
        <v>0</v>
      </c>
      <c r="T121" s="45">
        <v>45063.624999992047</v>
      </c>
    </row>
    <row r="122" spans="2:21" x14ac:dyDescent="0.25">
      <c r="B122">
        <f t="shared" si="26"/>
        <v>3</v>
      </c>
      <c r="C122" s="16">
        <v>88</v>
      </c>
      <c r="D122" cm="1">
        <f t="array" ref="D122">IFERROR(INDEX(Jesper!AH$2:AH$366,ROUNDDOWN($C122/24,0)+1,1)*INDEX($D$3:$AA$30,INDEX(Jesper!$R$2:$R$366,ROW(INDEX(Jesper!AH$2:AH$366,ROUNDDOWN($C122/24,0)+1,1))-1)+IF('Standard Profiles'!$G$18=$B$10,7,0)+IF('Standard Profiles'!$G$18=$B$17,14,0)+IF('Standard Profiles'!$G$18=$B$24,21,0),MOD($C122,24)+1)/SUM(INDEX($D$3:$AA$30,INDEX(Jesper!$R$2:$R$366,ROW(INDEX(Jesper!AH$2:AH$366,ROUNDDOWN($C122/24,0)+1,1))-1)+IF('Standard Profiles'!$G$18=$B$10,7,0)+IF('Standard Profiles'!$G$18=$B$17,14,0)+IF('Standard Profiles'!$G$18=$B$24,21,0),0)),0)</f>
        <v>21.21864336538022</v>
      </c>
      <c r="E122" cm="1">
        <f t="array" ref="E122">IFERROR(INDEX(Jesper!AI$2:AI$366,ROUNDDOWN($C122/24,0)+1,1)*INDEX($D$3:$AA$30,INDEX(Jesper!$R$2:$R$366,ROW(INDEX(Jesper!AI$2:AI$366,ROUNDDOWN($C122/24,0)+1,1))-1)+IF('Standard Profiles'!$G$19=$B$10,7,0)+IF('Standard Profiles'!$G$19=$B$17,14,0)+IF('Standard Profiles'!$G$19=$B$24,21,0),MOD($C122,24)+1)/SUM(INDEX($D$3:$AA$30,INDEX(Jesper!$R$2:$R$366,ROW(INDEX(Jesper!AI$2:AI$366,ROUNDDOWN($C122/24,0)+1,1))-1)+IF('Standard Profiles'!$G$19=$B$10,7,0)+IF('Standard Profiles'!$G$19=$B$17,14,0)+IF('Standard Profiles'!$G$19=$B$24,21,0),0)),0)</f>
        <v>21.986977192981762</v>
      </c>
      <c r="F122" cm="1">
        <f t="array" ref="F122">IFERROR(INDEX(Jesper!AJ$2:AJ$366,ROUNDDOWN($C122/24,0)+1,1)*INDEX($D$3:$AA$30,INDEX(Jesper!$R$2:$R$366,ROW(INDEX(Jesper!AJ$2:AJ$366,ROUNDDOWN($C122/24,0)+1,1))-1)+IF('Standard Profiles'!$G$20=$B$10,7,0)+IF('Standard Profiles'!$G$20=$B$17,14,0)+IF('Standard Profiles'!$G$20=$B$24,21,0),MOD($C122,24)+1)/SUM(INDEX($D$3:$AA$30,INDEX(Jesper!$R$2:$R$366,ROW(INDEX(Jesper!AJ$2:AJ$366,ROUNDDOWN($C122/24,0)+1,1))-1)+IF('Standard Profiles'!$G$20=$B$10,7,0)+IF('Standard Profiles'!$G$20=$B$17,14,0)+IF('Standard Profiles'!$G$20=$B$24,21,0),0)),0)</f>
        <v>0</v>
      </c>
      <c r="G122" cm="1">
        <f t="array" ref="G122">IFERROR(INDEX(Jesper!AK$2:AK$366,ROUNDDOWN($C122/24,0)+1,1)*INDEX($D$3:$AA$30,INDEX(Jesper!$R$2:$R$366,ROW(INDEX(Jesper!AK$2:AK$366,ROUNDDOWN($C122/24,0)+1,1))-1)+IF('Standard Profiles'!$G$21=$B$10,7,0)+IF('Standard Profiles'!$G$21=$B$17,14,0)+IF('Standard Profiles'!$G$21=$B$24,21,0),MOD($C122,24)+1)/SUM(INDEX($D$3:$AA$30,INDEX(Jesper!$R$2:$R$366,ROW(INDEX(Jesper!AK$2:AK$366,ROUNDDOWN($C122/24,0)+1,1))-1)+IF('Standard Profiles'!$G$21=$B$10,7,0)+IF('Standard Profiles'!$G$21=$B$17,14,0)+IF('Standard Profiles'!$G$21=$B$24,21,0),0)),0)</f>
        <v>21.585941414328119</v>
      </c>
      <c r="H122" cm="1">
        <f t="array" ref="H122">IFERROR(INDEX(Jesper!AL$2:AL$366,ROUNDDOWN($C122/24,0)+1,1)*INDEX($D$3:$AA$30,INDEX(Jesper!$R$2:$R$366,ROW(INDEX(Jesper!AL$2:AL$366,ROUNDDOWN($C122/24,0)+1,1))-1)+IF('Standard Profiles'!$G$22=$B$10,7,0)+IF('Standard Profiles'!$G$22=$B$17,14,0)+IF('Standard Profiles'!$G$22=$B$24,21,0),MOD($C122,24)+1)/SUM(INDEX($D$3:$AA$30,INDEX(Jesper!$R$2:$R$366,ROW(INDEX(Jesper!AL$2:AL$366,ROUNDDOWN($C122/24,0)+1,1))-1)+IF('Standard Profiles'!$G$22=$B$10,7,0)+IF('Standard Profiles'!$G$22=$B$17,14,0)+IF('Standard Profiles'!$G$22=$B$24,21,0),0)),0)</f>
        <v>0</v>
      </c>
      <c r="I122">
        <f t="shared" si="27"/>
        <v>10.361251878877491</v>
      </c>
      <c r="J122">
        <f t="shared" si="28"/>
        <v>51.035327155351773</v>
      </c>
      <c r="K122">
        <f t="shared" si="29"/>
        <v>2.2633219589738904</v>
      </c>
      <c r="L122">
        <f t="shared" si="30"/>
        <v>1.1316609794869452</v>
      </c>
      <c r="M122">
        <f t="shared" si="31"/>
        <v>0</v>
      </c>
      <c r="N122" s="45">
        <f t="shared" si="32"/>
        <v>44930.666666666453</v>
      </c>
      <c r="O122">
        <v>3.913514764807339</v>
      </c>
      <c r="P122">
        <v>38.067183098584685</v>
      </c>
      <c r="Q122">
        <v>2.1933549376123862</v>
      </c>
      <c r="R122">
        <v>1.0966774688061931</v>
      </c>
      <c r="S122">
        <v>0</v>
      </c>
      <c r="T122" s="45">
        <v>45063.666666658712</v>
      </c>
    </row>
    <row r="123" spans="2:21" x14ac:dyDescent="0.25">
      <c r="B123">
        <f t="shared" si="26"/>
        <v>3</v>
      </c>
      <c r="C123" s="16">
        <v>89</v>
      </c>
      <c r="D123" cm="1">
        <f t="array" ref="D123">IFERROR(INDEX(Jesper!AH$2:AH$366,ROUNDDOWN($C123/24,0)+1,1)*INDEX($D$3:$AA$30,INDEX(Jesper!$R$2:$R$366,ROW(INDEX(Jesper!AH$2:AH$366,ROUNDDOWN($C123/24,0)+1,1))-1)+IF('Standard Profiles'!$G$18=$B$10,7,0)+IF('Standard Profiles'!$G$18=$B$17,14,0)+IF('Standard Profiles'!$G$18=$B$24,21,0),MOD($C123,24)+1)/SUM(INDEX($D$3:$AA$30,INDEX(Jesper!$R$2:$R$366,ROW(INDEX(Jesper!AH$2:AH$366,ROUNDDOWN($C123/24,0)+1,1))-1)+IF('Standard Profiles'!$G$18=$B$10,7,0)+IF('Standard Profiles'!$G$18=$B$17,14,0)+IF('Standard Profiles'!$G$18=$B$24,21,0),0)),0)</f>
        <v>9.0561858153564749</v>
      </c>
      <c r="E123" cm="1">
        <f t="array" ref="E123">IFERROR(INDEX(Jesper!AI$2:AI$366,ROUNDDOWN($C123/24,0)+1,1)*INDEX($D$3:$AA$30,INDEX(Jesper!$R$2:$R$366,ROW(INDEX(Jesper!AI$2:AI$366,ROUNDDOWN($C123/24,0)+1,1))-1)+IF('Standard Profiles'!$G$19=$B$10,7,0)+IF('Standard Profiles'!$G$19=$B$17,14,0)+IF('Standard Profiles'!$G$19=$B$24,21,0),MOD($C123,24)+1)/SUM(INDEX($D$3:$AA$30,INDEX(Jesper!$R$2:$R$366,ROW(INDEX(Jesper!AI$2:AI$366,ROUNDDOWN($C123/24,0)+1,1))-1)+IF('Standard Profiles'!$G$19=$B$10,7,0)+IF('Standard Profiles'!$G$19=$B$17,14,0)+IF('Standard Profiles'!$G$19=$B$24,21,0),0)),0)</f>
        <v>9.3841131852248232</v>
      </c>
      <c r="F123" cm="1">
        <f t="array" ref="F123">IFERROR(INDEX(Jesper!AJ$2:AJ$366,ROUNDDOWN($C123/24,0)+1,1)*INDEX($D$3:$AA$30,INDEX(Jesper!$R$2:$R$366,ROW(INDEX(Jesper!AJ$2:AJ$366,ROUNDDOWN($C123/24,0)+1,1))-1)+IF('Standard Profiles'!$G$20=$B$10,7,0)+IF('Standard Profiles'!$G$20=$B$17,14,0)+IF('Standard Profiles'!$G$20=$B$24,21,0),MOD($C123,24)+1)/SUM(INDEX($D$3:$AA$30,INDEX(Jesper!$R$2:$R$366,ROW(INDEX(Jesper!AJ$2:AJ$366,ROUNDDOWN($C123/24,0)+1,1))-1)+IF('Standard Profiles'!$G$20=$B$10,7,0)+IF('Standard Profiles'!$G$20=$B$17,14,0)+IF('Standard Profiles'!$G$20=$B$24,21,0),0)),0)</f>
        <v>0</v>
      </c>
      <c r="G123" cm="1">
        <f t="array" ref="G123">IFERROR(INDEX(Jesper!AK$2:AK$366,ROUNDDOWN($C123/24,0)+1,1)*INDEX($D$3:$AA$30,INDEX(Jesper!$R$2:$R$366,ROW(INDEX(Jesper!AK$2:AK$366,ROUNDDOWN($C123/24,0)+1,1))-1)+IF('Standard Profiles'!$G$21=$B$10,7,0)+IF('Standard Profiles'!$G$21=$B$17,14,0)+IF('Standard Profiles'!$G$21=$B$24,21,0),MOD($C123,24)+1)/SUM(INDEX($D$3:$AA$30,INDEX(Jesper!$R$2:$R$366,ROW(INDEX(Jesper!AK$2:AK$366,ROUNDDOWN($C123/24,0)+1,1))-1)+IF('Standard Profiles'!$G$21=$B$10,7,0)+IF('Standard Profiles'!$G$21=$B$17,14,0)+IF('Standard Profiles'!$G$21=$B$24,21,0),0)),0)</f>
        <v>17.163766238806215</v>
      </c>
      <c r="H123" cm="1">
        <f t="array" ref="H123">IFERROR(INDEX(Jesper!AL$2:AL$366,ROUNDDOWN($C123/24,0)+1,1)*INDEX($D$3:$AA$30,INDEX(Jesper!$R$2:$R$366,ROW(INDEX(Jesper!AL$2:AL$366,ROUNDDOWN($C123/24,0)+1,1))-1)+IF('Standard Profiles'!$G$22=$B$10,7,0)+IF('Standard Profiles'!$G$22=$B$17,14,0)+IF('Standard Profiles'!$G$22=$B$24,21,0),MOD($C123,24)+1)/SUM(INDEX($D$3:$AA$30,INDEX(Jesper!$R$2:$R$366,ROW(INDEX(Jesper!AL$2:AL$366,ROUNDDOWN($C123/24,0)+1,1))-1)+IF('Standard Profiles'!$G$22=$B$10,7,0)+IF('Standard Profiles'!$G$22=$B$17,14,0)+IF('Standard Profiles'!$G$22=$B$24,21,0),0)),0)</f>
        <v>0</v>
      </c>
      <c r="I123">
        <f t="shared" si="27"/>
        <v>8.2386077946269793</v>
      </c>
      <c r="J123">
        <f t="shared" si="28"/>
        <v>25.916467714303497</v>
      </c>
      <c r="K123">
        <f t="shared" si="29"/>
        <v>0.96599315363802407</v>
      </c>
      <c r="L123">
        <f t="shared" si="30"/>
        <v>0.48299657681901204</v>
      </c>
      <c r="M123">
        <f t="shared" si="31"/>
        <v>0</v>
      </c>
      <c r="N123" s="45">
        <f t="shared" si="32"/>
        <v>44930.708333333117</v>
      </c>
      <c r="O123">
        <v>3.1117777680376704</v>
      </c>
      <c r="P123">
        <v>17.808797278317691</v>
      </c>
      <c r="Q123">
        <v>0.93613100196858157</v>
      </c>
      <c r="R123">
        <v>0.46806550098429078</v>
      </c>
      <c r="S123">
        <v>0</v>
      </c>
      <c r="T123" s="45">
        <v>45063.708333325376</v>
      </c>
    </row>
    <row r="124" spans="2:21" x14ac:dyDescent="0.25">
      <c r="B124">
        <f t="shared" si="26"/>
        <v>3</v>
      </c>
      <c r="C124" s="16">
        <v>90</v>
      </c>
      <c r="D124" cm="1">
        <f t="array" ref="D124">IFERROR(INDEX(Jesper!AH$2:AH$366,ROUNDDOWN($C124/24,0)+1,1)*INDEX($D$3:$AA$30,INDEX(Jesper!$R$2:$R$366,ROW(INDEX(Jesper!AH$2:AH$366,ROUNDDOWN($C124/24,0)+1,1))-1)+IF('Standard Profiles'!$G$18=$B$10,7,0)+IF('Standard Profiles'!$G$18=$B$17,14,0)+IF('Standard Profiles'!$G$18=$B$24,21,0),MOD($C124,24)+1)/SUM(INDEX($D$3:$AA$30,INDEX(Jesper!$R$2:$R$366,ROW(INDEX(Jesper!AH$2:AH$366,ROUNDDOWN($C124/24,0)+1,1))-1)+IF('Standard Profiles'!$G$18=$B$10,7,0)+IF('Standard Profiles'!$G$18=$B$17,14,0)+IF('Standard Profiles'!$G$18=$B$24,21,0),0)),0)</f>
        <v>5.9770826381352729</v>
      </c>
      <c r="E124" cm="1">
        <f t="array" ref="E124">IFERROR(INDEX(Jesper!AI$2:AI$366,ROUNDDOWN($C124/24,0)+1,1)*INDEX($D$3:$AA$30,INDEX(Jesper!$R$2:$R$366,ROW(INDEX(Jesper!AI$2:AI$366,ROUNDDOWN($C124/24,0)+1,1))-1)+IF('Standard Profiles'!$G$19=$B$10,7,0)+IF('Standard Profiles'!$G$19=$B$17,14,0)+IF('Standard Profiles'!$G$19=$B$24,21,0),MOD($C124,24)+1)/SUM(INDEX($D$3:$AA$30,INDEX(Jesper!$R$2:$R$366,ROW(INDEX(Jesper!AI$2:AI$366,ROUNDDOWN($C124/24,0)+1,1))-1)+IF('Standard Profiles'!$G$19=$B$10,7,0)+IF('Standard Profiles'!$G$19=$B$17,14,0)+IF('Standard Profiles'!$G$19=$B$24,21,0),0)),0)</f>
        <v>6.1935147022483843</v>
      </c>
      <c r="F124" cm="1">
        <f t="array" ref="F124">IFERROR(INDEX(Jesper!AJ$2:AJ$366,ROUNDDOWN($C124/24,0)+1,1)*INDEX($D$3:$AA$30,INDEX(Jesper!$R$2:$R$366,ROW(INDEX(Jesper!AJ$2:AJ$366,ROUNDDOWN($C124/24,0)+1,1))-1)+IF('Standard Profiles'!$G$20=$B$10,7,0)+IF('Standard Profiles'!$G$20=$B$17,14,0)+IF('Standard Profiles'!$G$20=$B$24,21,0),MOD($C124,24)+1)/SUM(INDEX($D$3:$AA$30,INDEX(Jesper!$R$2:$R$366,ROW(INDEX(Jesper!AJ$2:AJ$366,ROUNDDOWN($C124/24,0)+1,1))-1)+IF('Standard Profiles'!$G$20=$B$10,7,0)+IF('Standard Profiles'!$G$20=$B$17,14,0)+IF('Standard Profiles'!$G$20=$B$24,21,0),0)),0)</f>
        <v>0</v>
      </c>
      <c r="G124" cm="1">
        <f t="array" ref="G124">IFERROR(INDEX(Jesper!AK$2:AK$366,ROUNDDOWN($C124/24,0)+1,1)*INDEX($D$3:$AA$30,INDEX(Jesper!$R$2:$R$366,ROW(INDEX(Jesper!AK$2:AK$366,ROUNDDOWN($C124/24,0)+1,1))-1)+IF('Standard Profiles'!$G$21=$B$10,7,0)+IF('Standard Profiles'!$G$21=$B$17,14,0)+IF('Standard Profiles'!$G$21=$B$24,21,0),MOD($C124,24)+1)/SUM(INDEX($D$3:$AA$30,INDEX(Jesper!$R$2:$R$366,ROW(INDEX(Jesper!AK$2:AK$366,ROUNDDOWN($C124/24,0)+1,1))-1)+IF('Standard Profiles'!$G$21=$B$10,7,0)+IF('Standard Profiles'!$G$21=$B$17,14,0)+IF('Standard Profiles'!$G$21=$B$24,21,0),0)),0)</f>
        <v>6.3628419791681985</v>
      </c>
      <c r="H124" cm="1">
        <f t="array" ref="H124">IFERROR(INDEX(Jesper!AL$2:AL$366,ROUNDDOWN($C124/24,0)+1,1)*INDEX($D$3:$AA$30,INDEX(Jesper!$R$2:$R$366,ROW(INDEX(Jesper!AL$2:AL$366,ROUNDDOWN($C124/24,0)+1,1))-1)+IF('Standard Profiles'!$G$22=$B$10,7,0)+IF('Standard Profiles'!$G$22=$B$17,14,0)+IF('Standard Profiles'!$G$22=$B$24,21,0),MOD($C124,24)+1)/SUM(INDEX($D$3:$AA$30,INDEX(Jesper!$R$2:$R$366,ROW(INDEX(Jesper!AL$2:AL$366,ROUNDDOWN($C124/24,0)+1,1))-1)+IF('Standard Profiles'!$G$22=$B$10,7,0)+IF('Standard Profiles'!$G$22=$B$17,14,0)+IF('Standard Profiles'!$G$22=$B$24,21,0),0)),0)</f>
        <v>0</v>
      </c>
      <c r="I124">
        <f t="shared" si="27"/>
        <v>3.0541641500007337</v>
      </c>
      <c r="J124">
        <f t="shared" si="28"/>
        <v>14.522941947449478</v>
      </c>
      <c r="K124">
        <f t="shared" si="29"/>
        <v>0.63755548140109586</v>
      </c>
      <c r="L124">
        <f t="shared" si="30"/>
        <v>0.31877774070054793</v>
      </c>
      <c r="M124">
        <f t="shared" si="31"/>
        <v>0</v>
      </c>
      <c r="N124" s="45">
        <f t="shared" si="32"/>
        <v>44930.749999999782</v>
      </c>
      <c r="O124">
        <v>1.153578412618228</v>
      </c>
      <c r="P124">
        <v>10.778595046545821</v>
      </c>
      <c r="Q124">
        <v>0.61784646129926379</v>
      </c>
      <c r="R124">
        <v>0.3089232306496319</v>
      </c>
      <c r="S124">
        <v>0</v>
      </c>
      <c r="T124" s="45">
        <v>45063.74999999204</v>
      </c>
    </row>
    <row r="125" spans="2:21" x14ac:dyDescent="0.25">
      <c r="B125">
        <f t="shared" si="26"/>
        <v>3</v>
      </c>
      <c r="C125" s="16">
        <v>91</v>
      </c>
      <c r="D125" cm="1">
        <f t="array" ref="D125">IFERROR(INDEX(Jesper!AH$2:AH$366,ROUNDDOWN($C125/24,0)+1,1)*INDEX($D$3:$AA$30,INDEX(Jesper!$R$2:$R$366,ROW(INDEX(Jesper!AH$2:AH$366,ROUNDDOWN($C125/24,0)+1,1))-1)+IF('Standard Profiles'!$G$18=$B$10,7,0)+IF('Standard Profiles'!$G$18=$B$17,14,0)+IF('Standard Profiles'!$G$18=$B$24,21,0),MOD($C125,24)+1)/SUM(INDEX($D$3:$AA$30,INDEX(Jesper!$R$2:$R$366,ROW(INDEX(Jesper!AH$2:AH$366,ROUNDDOWN($C125/24,0)+1,1))-1)+IF('Standard Profiles'!$G$18=$B$10,7,0)+IF('Standard Profiles'!$G$18=$B$17,14,0)+IF('Standard Profiles'!$G$18=$B$24,21,0),0)),0)</f>
        <v>5.9770826381352729</v>
      </c>
      <c r="E125" cm="1">
        <f t="array" ref="E125">IFERROR(INDEX(Jesper!AI$2:AI$366,ROUNDDOWN($C125/24,0)+1,1)*INDEX($D$3:$AA$30,INDEX(Jesper!$R$2:$R$366,ROW(INDEX(Jesper!AI$2:AI$366,ROUNDDOWN($C125/24,0)+1,1))-1)+IF('Standard Profiles'!$G$19=$B$10,7,0)+IF('Standard Profiles'!$G$19=$B$17,14,0)+IF('Standard Profiles'!$G$19=$B$24,21,0),MOD($C125,24)+1)/SUM(INDEX($D$3:$AA$30,INDEX(Jesper!$R$2:$R$366,ROW(INDEX(Jesper!AI$2:AI$366,ROUNDDOWN($C125/24,0)+1,1))-1)+IF('Standard Profiles'!$G$19=$B$10,7,0)+IF('Standard Profiles'!$G$19=$B$17,14,0)+IF('Standard Profiles'!$G$19=$B$24,21,0),0)),0)</f>
        <v>6.1935147022483843</v>
      </c>
      <c r="F125" cm="1">
        <f t="array" ref="F125">IFERROR(INDEX(Jesper!AJ$2:AJ$366,ROUNDDOWN($C125/24,0)+1,1)*INDEX($D$3:$AA$30,INDEX(Jesper!$R$2:$R$366,ROW(INDEX(Jesper!AJ$2:AJ$366,ROUNDDOWN($C125/24,0)+1,1))-1)+IF('Standard Profiles'!$G$20=$B$10,7,0)+IF('Standard Profiles'!$G$20=$B$17,14,0)+IF('Standard Profiles'!$G$20=$B$24,21,0),MOD($C125,24)+1)/SUM(INDEX($D$3:$AA$30,INDEX(Jesper!$R$2:$R$366,ROW(INDEX(Jesper!AJ$2:AJ$366,ROUNDDOWN($C125/24,0)+1,1))-1)+IF('Standard Profiles'!$G$20=$B$10,7,0)+IF('Standard Profiles'!$G$20=$B$17,14,0)+IF('Standard Profiles'!$G$20=$B$24,21,0),0)),0)</f>
        <v>0</v>
      </c>
      <c r="G125" cm="1">
        <f t="array" ref="G125">IFERROR(INDEX(Jesper!AK$2:AK$366,ROUNDDOWN($C125/24,0)+1,1)*INDEX($D$3:$AA$30,INDEX(Jesper!$R$2:$R$366,ROW(INDEX(Jesper!AK$2:AK$366,ROUNDDOWN($C125/24,0)+1,1))-1)+IF('Standard Profiles'!$G$21=$B$10,7,0)+IF('Standard Profiles'!$G$21=$B$17,14,0)+IF('Standard Profiles'!$G$21=$B$24,21,0),MOD($C125,24)+1)/SUM(INDEX($D$3:$AA$30,INDEX(Jesper!$R$2:$R$366,ROW(INDEX(Jesper!AK$2:AK$366,ROUNDDOWN($C125/24,0)+1,1))-1)+IF('Standard Profiles'!$G$21=$B$10,7,0)+IF('Standard Profiles'!$G$21=$B$17,14,0)+IF('Standard Profiles'!$G$21=$B$24,21,0),0)),0)</f>
        <v>6.3628419791681985</v>
      </c>
      <c r="H125" cm="1">
        <f t="array" ref="H125">IFERROR(INDEX(Jesper!AL$2:AL$366,ROUNDDOWN($C125/24,0)+1,1)*INDEX($D$3:$AA$30,INDEX(Jesper!$R$2:$R$366,ROW(INDEX(Jesper!AL$2:AL$366,ROUNDDOWN($C125/24,0)+1,1))-1)+IF('Standard Profiles'!$G$22=$B$10,7,0)+IF('Standard Profiles'!$G$22=$B$17,14,0)+IF('Standard Profiles'!$G$22=$B$24,21,0),MOD($C125,24)+1)/SUM(INDEX($D$3:$AA$30,INDEX(Jesper!$R$2:$R$366,ROW(INDEX(Jesper!AL$2:AL$366,ROUNDDOWN($C125/24,0)+1,1))-1)+IF('Standard Profiles'!$G$22=$B$10,7,0)+IF('Standard Profiles'!$G$22=$B$17,14,0)+IF('Standard Profiles'!$G$22=$B$24,21,0),0)),0)</f>
        <v>0</v>
      </c>
      <c r="I125">
        <f t="shared" si="27"/>
        <v>3.0541641500007337</v>
      </c>
      <c r="J125">
        <f t="shared" si="28"/>
        <v>14.522941947449478</v>
      </c>
      <c r="K125">
        <f t="shared" si="29"/>
        <v>0.63755548140109586</v>
      </c>
      <c r="L125">
        <f t="shared" si="30"/>
        <v>0.31877774070054793</v>
      </c>
      <c r="M125">
        <f t="shared" si="31"/>
        <v>0</v>
      </c>
      <c r="N125" s="45">
        <f t="shared" si="32"/>
        <v>44930.791666666446</v>
      </c>
      <c r="O125">
        <v>1.153578412618228</v>
      </c>
      <c r="P125">
        <v>10.778595046545821</v>
      </c>
      <c r="Q125">
        <v>0.61784646129926379</v>
      </c>
      <c r="R125">
        <v>0.3089232306496319</v>
      </c>
      <c r="S125">
        <v>0</v>
      </c>
      <c r="T125" s="45">
        <v>45063.791666658704</v>
      </c>
    </row>
    <row r="126" spans="2:21" x14ac:dyDescent="0.25">
      <c r="B126">
        <f t="shared" si="26"/>
        <v>3</v>
      </c>
      <c r="C126" s="16">
        <v>92</v>
      </c>
      <c r="D126" cm="1">
        <f t="array" ref="D126">IFERROR(INDEX(Jesper!AH$2:AH$366,ROUNDDOWN($C126/24,0)+1,1)*INDEX($D$3:$AA$30,INDEX(Jesper!$R$2:$R$366,ROW(INDEX(Jesper!AH$2:AH$366,ROUNDDOWN($C126/24,0)+1,1))-1)+IF('Standard Profiles'!$G$18=$B$10,7,0)+IF('Standard Profiles'!$G$18=$B$17,14,0)+IF('Standard Profiles'!$G$18=$B$24,21,0),MOD($C126,24)+1)/SUM(INDEX($D$3:$AA$30,INDEX(Jesper!$R$2:$R$366,ROW(INDEX(Jesper!AH$2:AH$366,ROUNDDOWN($C126/24,0)+1,1))-1)+IF('Standard Profiles'!$G$18=$B$10,7,0)+IF('Standard Profiles'!$G$18=$B$17,14,0)+IF('Standard Profiles'!$G$18=$B$24,21,0),0)),0)</f>
        <v>5.9770826381352729</v>
      </c>
      <c r="E126" cm="1">
        <f t="array" ref="E126">IFERROR(INDEX(Jesper!AI$2:AI$366,ROUNDDOWN($C126/24,0)+1,1)*INDEX($D$3:$AA$30,INDEX(Jesper!$R$2:$R$366,ROW(INDEX(Jesper!AI$2:AI$366,ROUNDDOWN($C126/24,0)+1,1))-1)+IF('Standard Profiles'!$G$19=$B$10,7,0)+IF('Standard Profiles'!$G$19=$B$17,14,0)+IF('Standard Profiles'!$G$19=$B$24,21,0),MOD($C126,24)+1)/SUM(INDEX($D$3:$AA$30,INDEX(Jesper!$R$2:$R$366,ROW(INDEX(Jesper!AI$2:AI$366,ROUNDDOWN($C126/24,0)+1,1))-1)+IF('Standard Profiles'!$G$19=$B$10,7,0)+IF('Standard Profiles'!$G$19=$B$17,14,0)+IF('Standard Profiles'!$G$19=$B$24,21,0),0)),0)</f>
        <v>6.1935147022483843</v>
      </c>
      <c r="F126" cm="1">
        <f t="array" ref="F126">IFERROR(INDEX(Jesper!AJ$2:AJ$366,ROUNDDOWN($C126/24,0)+1,1)*INDEX($D$3:$AA$30,INDEX(Jesper!$R$2:$R$366,ROW(INDEX(Jesper!AJ$2:AJ$366,ROUNDDOWN($C126/24,0)+1,1))-1)+IF('Standard Profiles'!$G$20=$B$10,7,0)+IF('Standard Profiles'!$G$20=$B$17,14,0)+IF('Standard Profiles'!$G$20=$B$24,21,0),MOD($C126,24)+1)/SUM(INDEX($D$3:$AA$30,INDEX(Jesper!$R$2:$R$366,ROW(INDEX(Jesper!AJ$2:AJ$366,ROUNDDOWN($C126/24,0)+1,1))-1)+IF('Standard Profiles'!$G$20=$B$10,7,0)+IF('Standard Profiles'!$G$20=$B$17,14,0)+IF('Standard Profiles'!$G$20=$B$24,21,0),0)),0)</f>
        <v>0</v>
      </c>
      <c r="G126" cm="1">
        <f t="array" ref="G126">IFERROR(INDEX(Jesper!AK$2:AK$366,ROUNDDOWN($C126/24,0)+1,1)*INDEX($D$3:$AA$30,INDEX(Jesper!$R$2:$R$366,ROW(INDEX(Jesper!AK$2:AK$366,ROUNDDOWN($C126/24,0)+1,1))-1)+IF('Standard Profiles'!$G$21=$B$10,7,0)+IF('Standard Profiles'!$G$21=$B$17,14,0)+IF('Standard Profiles'!$G$21=$B$24,21,0),MOD($C126,24)+1)/SUM(INDEX($D$3:$AA$30,INDEX(Jesper!$R$2:$R$366,ROW(INDEX(Jesper!AK$2:AK$366,ROUNDDOWN($C126/24,0)+1,1))-1)+IF('Standard Profiles'!$G$21=$B$10,7,0)+IF('Standard Profiles'!$G$21=$B$17,14,0)+IF('Standard Profiles'!$G$21=$B$24,21,0),0)),0)</f>
        <v>6.3628419791681985</v>
      </c>
      <c r="H126" cm="1">
        <f t="array" ref="H126">IFERROR(INDEX(Jesper!AL$2:AL$366,ROUNDDOWN($C126/24,0)+1,1)*INDEX($D$3:$AA$30,INDEX(Jesper!$R$2:$R$366,ROW(INDEX(Jesper!AL$2:AL$366,ROUNDDOWN($C126/24,0)+1,1))-1)+IF('Standard Profiles'!$G$22=$B$10,7,0)+IF('Standard Profiles'!$G$22=$B$17,14,0)+IF('Standard Profiles'!$G$22=$B$24,21,0),MOD($C126,24)+1)/SUM(INDEX($D$3:$AA$30,INDEX(Jesper!$R$2:$R$366,ROW(INDEX(Jesper!AL$2:AL$366,ROUNDDOWN($C126/24,0)+1,1))-1)+IF('Standard Profiles'!$G$22=$B$10,7,0)+IF('Standard Profiles'!$G$22=$B$17,14,0)+IF('Standard Profiles'!$G$22=$B$24,21,0),0)),0)</f>
        <v>0</v>
      </c>
      <c r="I126">
        <f t="shared" si="27"/>
        <v>3.0541641500007337</v>
      </c>
      <c r="J126">
        <f t="shared" si="28"/>
        <v>14.522941947449478</v>
      </c>
      <c r="K126">
        <f t="shared" si="29"/>
        <v>0.63755548140109586</v>
      </c>
      <c r="L126">
        <f t="shared" si="30"/>
        <v>0.31877774070054793</v>
      </c>
      <c r="M126">
        <f t="shared" si="31"/>
        <v>0</v>
      </c>
      <c r="N126" s="45">
        <f t="shared" si="32"/>
        <v>44930.83333333311</v>
      </c>
      <c r="O126">
        <v>1.153578412618228</v>
      </c>
      <c r="P126">
        <v>10.778595046545821</v>
      </c>
      <c r="Q126">
        <v>0.61784646129926379</v>
      </c>
      <c r="R126">
        <v>0.3089232306496319</v>
      </c>
      <c r="S126">
        <v>0</v>
      </c>
      <c r="T126" s="45">
        <v>45063.833333325369</v>
      </c>
    </row>
    <row r="127" spans="2:21" x14ac:dyDescent="0.25">
      <c r="B127">
        <f t="shared" si="26"/>
        <v>3</v>
      </c>
      <c r="C127" s="16">
        <v>93</v>
      </c>
      <c r="D127" cm="1">
        <f t="array" ref="D127">IFERROR(INDEX(Jesper!AH$2:AH$366,ROUNDDOWN($C127/24,0)+1,1)*INDEX($D$3:$AA$30,INDEX(Jesper!$R$2:$R$366,ROW(INDEX(Jesper!AH$2:AH$366,ROUNDDOWN($C127/24,0)+1,1))-1)+IF('Standard Profiles'!$G$18=$B$10,7,0)+IF('Standard Profiles'!$G$18=$B$17,14,0)+IF('Standard Profiles'!$G$18=$B$24,21,0),MOD($C127,24)+1)/SUM(INDEX($D$3:$AA$30,INDEX(Jesper!$R$2:$R$366,ROW(INDEX(Jesper!AH$2:AH$366,ROUNDDOWN($C127/24,0)+1,1))-1)+IF('Standard Profiles'!$G$18=$B$10,7,0)+IF('Standard Profiles'!$G$18=$B$17,14,0)+IF('Standard Profiles'!$G$18=$B$24,21,0),0)),0)</f>
        <v>5.9770826381352729</v>
      </c>
      <c r="E127" cm="1">
        <f t="array" ref="E127">IFERROR(INDEX(Jesper!AI$2:AI$366,ROUNDDOWN($C127/24,0)+1,1)*INDEX($D$3:$AA$30,INDEX(Jesper!$R$2:$R$366,ROW(INDEX(Jesper!AI$2:AI$366,ROUNDDOWN($C127/24,0)+1,1))-1)+IF('Standard Profiles'!$G$19=$B$10,7,0)+IF('Standard Profiles'!$G$19=$B$17,14,0)+IF('Standard Profiles'!$G$19=$B$24,21,0),MOD($C127,24)+1)/SUM(INDEX($D$3:$AA$30,INDEX(Jesper!$R$2:$R$366,ROW(INDEX(Jesper!AI$2:AI$366,ROUNDDOWN($C127/24,0)+1,1))-1)+IF('Standard Profiles'!$G$19=$B$10,7,0)+IF('Standard Profiles'!$G$19=$B$17,14,0)+IF('Standard Profiles'!$G$19=$B$24,21,0),0)),0)</f>
        <v>6.1935147022483843</v>
      </c>
      <c r="F127" cm="1">
        <f t="array" ref="F127">IFERROR(INDEX(Jesper!AJ$2:AJ$366,ROUNDDOWN($C127/24,0)+1,1)*INDEX($D$3:$AA$30,INDEX(Jesper!$R$2:$R$366,ROW(INDEX(Jesper!AJ$2:AJ$366,ROUNDDOWN($C127/24,0)+1,1))-1)+IF('Standard Profiles'!$G$20=$B$10,7,0)+IF('Standard Profiles'!$G$20=$B$17,14,0)+IF('Standard Profiles'!$G$20=$B$24,21,0),MOD($C127,24)+1)/SUM(INDEX($D$3:$AA$30,INDEX(Jesper!$R$2:$R$366,ROW(INDEX(Jesper!AJ$2:AJ$366,ROUNDDOWN($C127/24,0)+1,1))-1)+IF('Standard Profiles'!$G$20=$B$10,7,0)+IF('Standard Profiles'!$G$20=$B$17,14,0)+IF('Standard Profiles'!$G$20=$B$24,21,0),0)),0)</f>
        <v>0</v>
      </c>
      <c r="G127" cm="1">
        <f t="array" ref="G127">IFERROR(INDEX(Jesper!AK$2:AK$366,ROUNDDOWN($C127/24,0)+1,1)*INDEX($D$3:$AA$30,INDEX(Jesper!$R$2:$R$366,ROW(INDEX(Jesper!AK$2:AK$366,ROUNDDOWN($C127/24,0)+1,1))-1)+IF('Standard Profiles'!$G$21=$B$10,7,0)+IF('Standard Profiles'!$G$21=$B$17,14,0)+IF('Standard Profiles'!$G$21=$B$24,21,0),MOD($C127,24)+1)/SUM(INDEX($D$3:$AA$30,INDEX(Jesper!$R$2:$R$366,ROW(INDEX(Jesper!AK$2:AK$366,ROUNDDOWN($C127/24,0)+1,1))-1)+IF('Standard Profiles'!$G$21=$B$10,7,0)+IF('Standard Profiles'!$G$21=$B$17,14,0)+IF('Standard Profiles'!$G$21=$B$24,21,0),0)),0)</f>
        <v>6.3628419791681985</v>
      </c>
      <c r="H127" cm="1">
        <f t="array" ref="H127">IFERROR(INDEX(Jesper!AL$2:AL$366,ROUNDDOWN($C127/24,0)+1,1)*INDEX($D$3:$AA$30,INDEX(Jesper!$R$2:$R$366,ROW(INDEX(Jesper!AL$2:AL$366,ROUNDDOWN($C127/24,0)+1,1))-1)+IF('Standard Profiles'!$G$22=$B$10,7,0)+IF('Standard Profiles'!$G$22=$B$17,14,0)+IF('Standard Profiles'!$G$22=$B$24,21,0),MOD($C127,24)+1)/SUM(INDEX($D$3:$AA$30,INDEX(Jesper!$R$2:$R$366,ROW(INDEX(Jesper!AL$2:AL$366,ROUNDDOWN($C127/24,0)+1,1))-1)+IF('Standard Profiles'!$G$22=$B$10,7,0)+IF('Standard Profiles'!$G$22=$B$17,14,0)+IF('Standard Profiles'!$G$22=$B$24,21,0),0)),0)</f>
        <v>0</v>
      </c>
      <c r="I127">
        <f t="shared" si="27"/>
        <v>3.0541641500007337</v>
      </c>
      <c r="J127">
        <f t="shared" si="28"/>
        <v>14.522941947449478</v>
      </c>
      <c r="K127">
        <f t="shared" si="29"/>
        <v>0.63755548140109586</v>
      </c>
      <c r="L127">
        <f t="shared" si="30"/>
        <v>0.31877774070054793</v>
      </c>
      <c r="M127">
        <f t="shared" si="31"/>
        <v>0</v>
      </c>
      <c r="N127" s="45">
        <f t="shared" si="32"/>
        <v>44930.874999999774</v>
      </c>
      <c r="O127">
        <v>1.153578412618228</v>
      </c>
      <c r="P127">
        <v>10.778595046545821</v>
      </c>
      <c r="Q127">
        <v>0.61784646129926379</v>
      </c>
      <c r="R127">
        <v>0.3089232306496319</v>
      </c>
      <c r="S127">
        <v>0</v>
      </c>
      <c r="T127" s="45">
        <v>45063.874999992033</v>
      </c>
    </row>
    <row r="128" spans="2:21" x14ac:dyDescent="0.25">
      <c r="B128">
        <f t="shared" si="26"/>
        <v>3</v>
      </c>
      <c r="C128" s="16">
        <v>94</v>
      </c>
      <c r="D128" cm="1">
        <f t="array" ref="D128">IFERROR(INDEX(Jesper!AH$2:AH$366,ROUNDDOWN($C128/24,0)+1,1)*INDEX($D$3:$AA$30,INDEX(Jesper!$R$2:$R$366,ROW(INDEX(Jesper!AH$2:AH$366,ROUNDDOWN($C128/24,0)+1,1))-1)+IF('Standard Profiles'!$G$18=$B$10,7,0)+IF('Standard Profiles'!$G$18=$B$17,14,0)+IF('Standard Profiles'!$G$18=$B$24,21,0),MOD($C128,24)+1)/SUM(INDEX($D$3:$AA$30,INDEX(Jesper!$R$2:$R$366,ROW(INDEX(Jesper!AH$2:AH$366,ROUNDDOWN($C128/24,0)+1,1))-1)+IF('Standard Profiles'!$G$18=$B$10,7,0)+IF('Standard Profiles'!$G$18=$B$17,14,0)+IF('Standard Profiles'!$G$18=$B$24,21,0),0)),0)</f>
        <v>5.9770826381352729</v>
      </c>
      <c r="E128" cm="1">
        <f t="array" ref="E128">IFERROR(INDEX(Jesper!AI$2:AI$366,ROUNDDOWN($C128/24,0)+1,1)*INDEX($D$3:$AA$30,INDEX(Jesper!$R$2:$R$366,ROW(INDEX(Jesper!AI$2:AI$366,ROUNDDOWN($C128/24,0)+1,1))-1)+IF('Standard Profiles'!$G$19=$B$10,7,0)+IF('Standard Profiles'!$G$19=$B$17,14,0)+IF('Standard Profiles'!$G$19=$B$24,21,0),MOD($C128,24)+1)/SUM(INDEX($D$3:$AA$30,INDEX(Jesper!$R$2:$R$366,ROW(INDEX(Jesper!AI$2:AI$366,ROUNDDOWN($C128/24,0)+1,1))-1)+IF('Standard Profiles'!$G$19=$B$10,7,0)+IF('Standard Profiles'!$G$19=$B$17,14,0)+IF('Standard Profiles'!$G$19=$B$24,21,0),0)),0)</f>
        <v>6.1935147022483843</v>
      </c>
      <c r="F128" cm="1">
        <f t="array" ref="F128">IFERROR(INDEX(Jesper!AJ$2:AJ$366,ROUNDDOWN($C128/24,0)+1,1)*INDEX($D$3:$AA$30,INDEX(Jesper!$R$2:$R$366,ROW(INDEX(Jesper!AJ$2:AJ$366,ROUNDDOWN($C128/24,0)+1,1))-1)+IF('Standard Profiles'!$G$20=$B$10,7,0)+IF('Standard Profiles'!$G$20=$B$17,14,0)+IF('Standard Profiles'!$G$20=$B$24,21,0),MOD($C128,24)+1)/SUM(INDEX($D$3:$AA$30,INDEX(Jesper!$R$2:$R$366,ROW(INDEX(Jesper!AJ$2:AJ$366,ROUNDDOWN($C128/24,0)+1,1))-1)+IF('Standard Profiles'!$G$20=$B$10,7,0)+IF('Standard Profiles'!$G$20=$B$17,14,0)+IF('Standard Profiles'!$G$20=$B$24,21,0),0)),0)</f>
        <v>0</v>
      </c>
      <c r="G128" cm="1">
        <f t="array" ref="G128">IFERROR(INDEX(Jesper!AK$2:AK$366,ROUNDDOWN($C128/24,0)+1,1)*INDEX($D$3:$AA$30,INDEX(Jesper!$R$2:$R$366,ROW(INDEX(Jesper!AK$2:AK$366,ROUNDDOWN($C128/24,0)+1,1))-1)+IF('Standard Profiles'!$G$21=$B$10,7,0)+IF('Standard Profiles'!$G$21=$B$17,14,0)+IF('Standard Profiles'!$G$21=$B$24,21,0),MOD($C128,24)+1)/SUM(INDEX($D$3:$AA$30,INDEX(Jesper!$R$2:$R$366,ROW(INDEX(Jesper!AK$2:AK$366,ROUNDDOWN($C128/24,0)+1,1))-1)+IF('Standard Profiles'!$G$21=$B$10,7,0)+IF('Standard Profiles'!$G$21=$B$17,14,0)+IF('Standard Profiles'!$G$21=$B$24,21,0),0)),0)</f>
        <v>6.3628419791681985</v>
      </c>
      <c r="H128" cm="1">
        <f t="array" ref="H128">IFERROR(INDEX(Jesper!AL$2:AL$366,ROUNDDOWN($C128/24,0)+1,1)*INDEX($D$3:$AA$30,INDEX(Jesper!$R$2:$R$366,ROW(INDEX(Jesper!AL$2:AL$366,ROUNDDOWN($C128/24,0)+1,1))-1)+IF('Standard Profiles'!$G$22=$B$10,7,0)+IF('Standard Profiles'!$G$22=$B$17,14,0)+IF('Standard Profiles'!$G$22=$B$24,21,0),MOD($C128,24)+1)/SUM(INDEX($D$3:$AA$30,INDEX(Jesper!$R$2:$R$366,ROW(INDEX(Jesper!AL$2:AL$366,ROUNDDOWN($C128/24,0)+1,1))-1)+IF('Standard Profiles'!$G$22=$B$10,7,0)+IF('Standard Profiles'!$G$22=$B$17,14,0)+IF('Standard Profiles'!$G$22=$B$24,21,0),0)),0)</f>
        <v>0</v>
      </c>
      <c r="I128">
        <f t="shared" si="27"/>
        <v>3.0541641500007337</v>
      </c>
      <c r="J128">
        <f t="shared" si="28"/>
        <v>14.522941947449478</v>
      </c>
      <c r="K128">
        <f t="shared" si="29"/>
        <v>0.63755548140109586</v>
      </c>
      <c r="L128">
        <f t="shared" si="30"/>
        <v>0.31877774070054793</v>
      </c>
      <c r="M128">
        <f t="shared" si="31"/>
        <v>0</v>
      </c>
      <c r="N128" s="45">
        <f t="shared" si="32"/>
        <v>44930.916666666439</v>
      </c>
      <c r="O128">
        <v>1.153578412618228</v>
      </c>
      <c r="P128">
        <v>10.778595046545821</v>
      </c>
      <c r="Q128">
        <v>0.61784646129926379</v>
      </c>
      <c r="R128">
        <v>0.3089232306496319</v>
      </c>
      <c r="S128">
        <v>0</v>
      </c>
      <c r="T128" s="45">
        <v>45063.916666658697</v>
      </c>
    </row>
    <row r="129" spans="2:21" x14ac:dyDescent="0.25">
      <c r="B129">
        <f t="shared" si="26"/>
        <v>3</v>
      </c>
      <c r="C129" s="16">
        <v>95</v>
      </c>
      <c r="D129" cm="1">
        <f t="array" ref="D129">IFERROR(INDEX(Jesper!AH$2:AH$366,ROUNDDOWN($C129/24,0)+1,1)*INDEX($D$3:$AA$30,INDEX(Jesper!$R$2:$R$366,ROW(INDEX(Jesper!AH$2:AH$366,ROUNDDOWN($C129/24,0)+1,1))-1)+IF('Standard Profiles'!$G$18=$B$10,7,0)+IF('Standard Profiles'!$G$18=$B$17,14,0)+IF('Standard Profiles'!$G$18=$B$24,21,0),MOD($C129,24)+1)/SUM(INDEX($D$3:$AA$30,INDEX(Jesper!$R$2:$R$366,ROW(INDEX(Jesper!AH$2:AH$366,ROUNDDOWN($C129/24,0)+1,1))-1)+IF('Standard Profiles'!$G$18=$B$10,7,0)+IF('Standard Profiles'!$G$18=$B$17,14,0)+IF('Standard Profiles'!$G$18=$B$24,21,0),0)),0)</f>
        <v>5.9770826381352729</v>
      </c>
      <c r="E129" cm="1">
        <f t="array" ref="E129">IFERROR(INDEX(Jesper!AI$2:AI$366,ROUNDDOWN($C129/24,0)+1,1)*INDEX($D$3:$AA$30,INDEX(Jesper!$R$2:$R$366,ROW(INDEX(Jesper!AI$2:AI$366,ROUNDDOWN($C129/24,0)+1,1))-1)+IF('Standard Profiles'!$G$19=$B$10,7,0)+IF('Standard Profiles'!$G$19=$B$17,14,0)+IF('Standard Profiles'!$G$19=$B$24,21,0),MOD($C129,24)+1)/SUM(INDEX($D$3:$AA$30,INDEX(Jesper!$R$2:$R$366,ROW(INDEX(Jesper!AI$2:AI$366,ROUNDDOWN($C129/24,0)+1,1))-1)+IF('Standard Profiles'!$G$19=$B$10,7,0)+IF('Standard Profiles'!$G$19=$B$17,14,0)+IF('Standard Profiles'!$G$19=$B$24,21,0),0)),0)</f>
        <v>6.1935147022483843</v>
      </c>
      <c r="F129" cm="1">
        <f t="array" ref="F129">IFERROR(INDEX(Jesper!AJ$2:AJ$366,ROUNDDOWN($C129/24,0)+1,1)*INDEX($D$3:$AA$30,INDEX(Jesper!$R$2:$R$366,ROW(INDEX(Jesper!AJ$2:AJ$366,ROUNDDOWN($C129/24,0)+1,1))-1)+IF('Standard Profiles'!$G$20=$B$10,7,0)+IF('Standard Profiles'!$G$20=$B$17,14,0)+IF('Standard Profiles'!$G$20=$B$24,21,0),MOD($C129,24)+1)/SUM(INDEX($D$3:$AA$30,INDEX(Jesper!$R$2:$R$366,ROW(INDEX(Jesper!AJ$2:AJ$366,ROUNDDOWN($C129/24,0)+1,1))-1)+IF('Standard Profiles'!$G$20=$B$10,7,0)+IF('Standard Profiles'!$G$20=$B$17,14,0)+IF('Standard Profiles'!$G$20=$B$24,21,0),0)),0)</f>
        <v>0</v>
      </c>
      <c r="G129" cm="1">
        <f t="array" ref="G129">IFERROR(INDEX(Jesper!AK$2:AK$366,ROUNDDOWN($C129/24,0)+1,1)*INDEX($D$3:$AA$30,INDEX(Jesper!$R$2:$R$366,ROW(INDEX(Jesper!AK$2:AK$366,ROUNDDOWN($C129/24,0)+1,1))-1)+IF('Standard Profiles'!$G$21=$B$10,7,0)+IF('Standard Profiles'!$G$21=$B$17,14,0)+IF('Standard Profiles'!$G$21=$B$24,21,0),MOD($C129,24)+1)/SUM(INDEX($D$3:$AA$30,INDEX(Jesper!$R$2:$R$366,ROW(INDEX(Jesper!AK$2:AK$366,ROUNDDOWN($C129/24,0)+1,1))-1)+IF('Standard Profiles'!$G$21=$B$10,7,0)+IF('Standard Profiles'!$G$21=$B$17,14,0)+IF('Standard Profiles'!$G$21=$B$24,21,0),0)),0)</f>
        <v>6.3628419791681985</v>
      </c>
      <c r="H129" cm="1">
        <f t="array" ref="H129">IFERROR(INDEX(Jesper!AL$2:AL$366,ROUNDDOWN($C129/24,0)+1,1)*INDEX($D$3:$AA$30,INDEX(Jesper!$R$2:$R$366,ROW(INDEX(Jesper!AL$2:AL$366,ROUNDDOWN($C129/24,0)+1,1))-1)+IF('Standard Profiles'!$G$22=$B$10,7,0)+IF('Standard Profiles'!$G$22=$B$17,14,0)+IF('Standard Profiles'!$G$22=$B$24,21,0),MOD($C129,24)+1)/SUM(INDEX($D$3:$AA$30,INDEX(Jesper!$R$2:$R$366,ROW(INDEX(Jesper!AL$2:AL$366,ROUNDDOWN($C129/24,0)+1,1))-1)+IF('Standard Profiles'!$G$22=$B$10,7,0)+IF('Standard Profiles'!$G$22=$B$17,14,0)+IF('Standard Profiles'!$G$22=$B$24,21,0),0)),0)</f>
        <v>0</v>
      </c>
      <c r="I129">
        <f t="shared" si="27"/>
        <v>3.0541641500007337</v>
      </c>
      <c r="J129">
        <f t="shared" si="28"/>
        <v>14.522941947449478</v>
      </c>
      <c r="K129">
        <f t="shared" si="29"/>
        <v>0.63755548140109586</v>
      </c>
      <c r="L129">
        <f t="shared" si="30"/>
        <v>0.31877774070054793</v>
      </c>
      <c r="M129">
        <f t="shared" si="31"/>
        <v>0</v>
      </c>
      <c r="N129" s="45">
        <f t="shared" si="32"/>
        <v>44930.958333333103</v>
      </c>
      <c r="O129">
        <v>1.153578412618228</v>
      </c>
      <c r="P129">
        <v>10.778595046545821</v>
      </c>
      <c r="Q129">
        <v>0.61784646129926379</v>
      </c>
      <c r="R129">
        <v>0.3089232306496319</v>
      </c>
      <c r="S129">
        <v>0</v>
      </c>
      <c r="T129" s="45">
        <v>45063.958333325361</v>
      </c>
    </row>
    <row r="130" spans="2:21" x14ac:dyDescent="0.25">
      <c r="B130">
        <f t="shared" si="26"/>
        <v>4</v>
      </c>
      <c r="C130" s="16">
        <v>96</v>
      </c>
      <c r="D130" cm="1">
        <f t="array" ref="D130">IFERROR(INDEX(Jesper!AH$2:AH$366,ROUNDDOWN($C130/24,0)+1,1)*INDEX($D$3:$AA$30,INDEX(Jesper!$R$2:$R$366,ROW(INDEX(Jesper!AH$2:AH$366,ROUNDDOWN($C130/24,0)+1,1))-1)+IF('Standard Profiles'!$G$18=$B$10,7,0)+IF('Standard Profiles'!$G$18=$B$17,14,0)+IF('Standard Profiles'!$G$18=$B$24,21,0),MOD($C130,24)+1)/SUM(INDEX($D$3:$AA$30,INDEX(Jesper!$R$2:$R$366,ROW(INDEX(Jesper!AH$2:AH$366,ROUNDDOWN($C130/24,0)+1,1))-1)+IF('Standard Profiles'!$G$18=$B$10,7,0)+IF('Standard Profiles'!$G$18=$B$17,14,0)+IF('Standard Profiles'!$G$18=$B$24,21,0),0)),0)</f>
        <v>5.7755131143665359</v>
      </c>
      <c r="E130" cm="1">
        <f t="array" ref="E130">IFERROR(INDEX(Jesper!AI$2:AI$366,ROUNDDOWN($C130/24,0)+1,1)*INDEX($D$3:$AA$30,INDEX(Jesper!$R$2:$R$366,ROW(INDEX(Jesper!AI$2:AI$366,ROUNDDOWN($C130/24,0)+1,1))-1)+IF('Standard Profiles'!$G$19=$B$10,7,0)+IF('Standard Profiles'!$G$19=$B$17,14,0)+IF('Standard Profiles'!$G$19=$B$24,21,0),MOD($C130,24)+1)/SUM(INDEX($D$3:$AA$30,INDEX(Jesper!$R$2:$R$366,ROW(INDEX(Jesper!AI$2:AI$366,ROUNDDOWN($C130/24,0)+1,1))-1)+IF('Standard Profiles'!$G$19=$B$10,7,0)+IF('Standard Profiles'!$G$19=$B$17,14,0)+IF('Standard Profiles'!$G$19=$B$24,21,0),0)),0)</f>
        <v>4.5242378090440072</v>
      </c>
      <c r="F130" cm="1">
        <f t="array" ref="F130">IFERROR(INDEX(Jesper!AJ$2:AJ$366,ROUNDDOWN($C130/24,0)+1,1)*INDEX($D$3:$AA$30,INDEX(Jesper!$R$2:$R$366,ROW(INDEX(Jesper!AJ$2:AJ$366,ROUNDDOWN($C130/24,0)+1,1))-1)+IF('Standard Profiles'!$G$20=$B$10,7,0)+IF('Standard Profiles'!$G$20=$B$17,14,0)+IF('Standard Profiles'!$G$20=$B$24,21,0),MOD($C130,24)+1)/SUM(INDEX($D$3:$AA$30,INDEX(Jesper!$R$2:$R$366,ROW(INDEX(Jesper!AJ$2:AJ$366,ROUNDDOWN($C130/24,0)+1,1))-1)+IF('Standard Profiles'!$G$20=$B$10,7,0)+IF('Standard Profiles'!$G$20=$B$17,14,0)+IF('Standard Profiles'!$G$20=$B$24,21,0),0)),0)</f>
        <v>0</v>
      </c>
      <c r="G130" cm="1">
        <f t="array" ref="G130">IFERROR(INDEX(Jesper!AK$2:AK$366,ROUNDDOWN($C130/24,0)+1,1)*INDEX($D$3:$AA$30,INDEX(Jesper!$R$2:$R$366,ROW(INDEX(Jesper!AK$2:AK$366,ROUNDDOWN($C130/24,0)+1,1))-1)+IF('Standard Profiles'!$G$21=$B$10,7,0)+IF('Standard Profiles'!$G$21=$B$17,14,0)+IF('Standard Profiles'!$G$21=$B$24,21,0),MOD($C130,24)+1)/SUM(INDEX($D$3:$AA$30,INDEX(Jesper!$R$2:$R$366,ROW(INDEX(Jesper!AK$2:AK$366,ROUNDDOWN($C130/24,0)+1,1))-1)+IF('Standard Profiles'!$G$21=$B$10,7,0)+IF('Standard Profiles'!$G$21=$B$17,14,0)+IF('Standard Profiles'!$G$21=$B$24,21,0),0)),0)</f>
        <v>2.0433289396625001</v>
      </c>
      <c r="H130" cm="1">
        <f t="array" ref="H130">IFERROR(INDEX(Jesper!AL$2:AL$366,ROUNDDOWN($C130/24,0)+1,1)*INDEX($D$3:$AA$30,INDEX(Jesper!$R$2:$R$366,ROW(INDEX(Jesper!AL$2:AL$366,ROUNDDOWN($C130/24,0)+1,1))-1)+IF('Standard Profiles'!$G$22=$B$10,7,0)+IF('Standard Profiles'!$G$22=$B$17,14,0)+IF('Standard Profiles'!$G$22=$B$24,21,0),MOD($C130,24)+1)/SUM(INDEX($D$3:$AA$30,INDEX(Jesper!$R$2:$R$366,ROW(INDEX(Jesper!AL$2:AL$366,ROUNDDOWN($C130/24,0)+1,1))-1)+IF('Standard Profiles'!$G$22=$B$10,7,0)+IF('Standard Profiles'!$G$22=$B$17,14,0)+IF('Standard Profiles'!$G$22=$B$24,21,0),0)),0)</f>
        <v>0</v>
      </c>
      <c r="I130">
        <f t="shared" si="27"/>
        <v>0.98079789103799953</v>
      </c>
      <c r="J130">
        <f t="shared" si="28"/>
        <v>10.438199873736398</v>
      </c>
      <c r="K130">
        <f t="shared" si="29"/>
        <v>0.61605473219909723</v>
      </c>
      <c r="L130">
        <f t="shared" si="30"/>
        <v>0.30802736609954862</v>
      </c>
      <c r="M130">
        <f t="shared" si="31"/>
        <v>0</v>
      </c>
      <c r="N130" s="45">
        <f t="shared" si="32"/>
        <v>44930.999999999767</v>
      </c>
      <c r="O130">
        <v>1.2831638038033979</v>
      </c>
      <c r="P130">
        <v>11.033891426152886</v>
      </c>
      <c r="Q130">
        <v>0.61919025812438866</v>
      </c>
      <c r="R130">
        <v>0.30959512906219433</v>
      </c>
      <c r="S130">
        <v>0</v>
      </c>
      <c r="T130" s="45">
        <v>45063.999999992026</v>
      </c>
    </row>
    <row r="131" spans="2:21" x14ac:dyDescent="0.25">
      <c r="B131">
        <f t="shared" si="26"/>
        <v>4</v>
      </c>
      <c r="C131" s="16">
        <v>97</v>
      </c>
      <c r="D131" cm="1">
        <f t="array" ref="D131">IFERROR(INDEX(Jesper!AH$2:AH$366,ROUNDDOWN($C131/24,0)+1,1)*INDEX($D$3:$AA$30,INDEX(Jesper!$R$2:$R$366,ROW(INDEX(Jesper!AH$2:AH$366,ROUNDDOWN($C131/24,0)+1,1))-1)+IF('Standard Profiles'!$G$18=$B$10,7,0)+IF('Standard Profiles'!$G$18=$B$17,14,0)+IF('Standard Profiles'!$G$18=$B$24,21,0),MOD($C131,24)+1)/SUM(INDEX($D$3:$AA$30,INDEX(Jesper!$R$2:$R$366,ROW(INDEX(Jesper!AH$2:AH$366,ROUNDDOWN($C131/24,0)+1,1))-1)+IF('Standard Profiles'!$G$18=$B$10,7,0)+IF('Standard Profiles'!$G$18=$B$17,14,0)+IF('Standard Profiles'!$G$18=$B$24,21,0),0)),0)</f>
        <v>5.7755131143665359</v>
      </c>
      <c r="E131" cm="1">
        <f t="array" ref="E131">IFERROR(INDEX(Jesper!AI$2:AI$366,ROUNDDOWN($C131/24,0)+1,1)*INDEX($D$3:$AA$30,INDEX(Jesper!$R$2:$R$366,ROW(INDEX(Jesper!AI$2:AI$366,ROUNDDOWN($C131/24,0)+1,1))-1)+IF('Standard Profiles'!$G$19=$B$10,7,0)+IF('Standard Profiles'!$G$19=$B$17,14,0)+IF('Standard Profiles'!$G$19=$B$24,21,0),MOD($C131,24)+1)/SUM(INDEX($D$3:$AA$30,INDEX(Jesper!$R$2:$R$366,ROW(INDEX(Jesper!AI$2:AI$366,ROUNDDOWN($C131/24,0)+1,1))-1)+IF('Standard Profiles'!$G$19=$B$10,7,0)+IF('Standard Profiles'!$G$19=$B$17,14,0)+IF('Standard Profiles'!$G$19=$B$24,21,0),0)),0)</f>
        <v>4.5242378090440072</v>
      </c>
      <c r="F131" cm="1">
        <f t="array" ref="F131">IFERROR(INDEX(Jesper!AJ$2:AJ$366,ROUNDDOWN($C131/24,0)+1,1)*INDEX($D$3:$AA$30,INDEX(Jesper!$R$2:$R$366,ROW(INDEX(Jesper!AJ$2:AJ$366,ROUNDDOWN($C131/24,0)+1,1))-1)+IF('Standard Profiles'!$G$20=$B$10,7,0)+IF('Standard Profiles'!$G$20=$B$17,14,0)+IF('Standard Profiles'!$G$20=$B$24,21,0),MOD($C131,24)+1)/SUM(INDEX($D$3:$AA$30,INDEX(Jesper!$R$2:$R$366,ROW(INDEX(Jesper!AJ$2:AJ$366,ROUNDDOWN($C131/24,0)+1,1))-1)+IF('Standard Profiles'!$G$20=$B$10,7,0)+IF('Standard Profiles'!$G$20=$B$17,14,0)+IF('Standard Profiles'!$G$20=$B$24,21,0),0)),0)</f>
        <v>0</v>
      </c>
      <c r="G131" cm="1">
        <f t="array" ref="G131">IFERROR(INDEX(Jesper!AK$2:AK$366,ROUNDDOWN($C131/24,0)+1,1)*INDEX($D$3:$AA$30,INDEX(Jesper!$R$2:$R$366,ROW(INDEX(Jesper!AK$2:AK$366,ROUNDDOWN($C131/24,0)+1,1))-1)+IF('Standard Profiles'!$G$21=$B$10,7,0)+IF('Standard Profiles'!$G$21=$B$17,14,0)+IF('Standard Profiles'!$G$21=$B$24,21,0),MOD($C131,24)+1)/SUM(INDEX($D$3:$AA$30,INDEX(Jesper!$R$2:$R$366,ROW(INDEX(Jesper!AK$2:AK$366,ROUNDDOWN($C131/24,0)+1,1))-1)+IF('Standard Profiles'!$G$21=$B$10,7,0)+IF('Standard Profiles'!$G$21=$B$17,14,0)+IF('Standard Profiles'!$G$21=$B$24,21,0),0)),0)</f>
        <v>2.0433289396625001</v>
      </c>
      <c r="H131" cm="1">
        <f t="array" ref="H131">IFERROR(INDEX(Jesper!AL$2:AL$366,ROUNDDOWN($C131/24,0)+1,1)*INDEX($D$3:$AA$30,INDEX(Jesper!$R$2:$R$366,ROW(INDEX(Jesper!AL$2:AL$366,ROUNDDOWN($C131/24,0)+1,1))-1)+IF('Standard Profiles'!$G$22=$B$10,7,0)+IF('Standard Profiles'!$G$22=$B$17,14,0)+IF('Standard Profiles'!$G$22=$B$24,21,0),MOD($C131,24)+1)/SUM(INDEX($D$3:$AA$30,INDEX(Jesper!$R$2:$R$366,ROW(INDEX(Jesper!AL$2:AL$366,ROUNDDOWN($C131/24,0)+1,1))-1)+IF('Standard Profiles'!$G$22=$B$10,7,0)+IF('Standard Profiles'!$G$22=$B$17,14,0)+IF('Standard Profiles'!$G$22=$B$24,21,0),0)),0)</f>
        <v>0</v>
      </c>
      <c r="I131">
        <f t="shared" si="27"/>
        <v>0.98079789103799953</v>
      </c>
      <c r="J131">
        <f t="shared" si="28"/>
        <v>10.438199873736398</v>
      </c>
      <c r="K131">
        <f t="shared" si="29"/>
        <v>0.61605473219909723</v>
      </c>
      <c r="L131">
        <f t="shared" si="30"/>
        <v>0.30802736609954862</v>
      </c>
      <c r="M131">
        <f t="shared" si="31"/>
        <v>0</v>
      </c>
      <c r="N131" s="45">
        <f t="shared" si="32"/>
        <v>44931.041666666431</v>
      </c>
      <c r="O131">
        <v>1.2831638038033979</v>
      </c>
      <c r="P131">
        <v>11.033891426152886</v>
      </c>
      <c r="Q131">
        <v>0.61919025812438866</v>
      </c>
      <c r="R131">
        <v>0.30959512906219433</v>
      </c>
      <c r="S131">
        <v>0</v>
      </c>
      <c r="T131" s="45">
        <v>45064.04166665869</v>
      </c>
    </row>
    <row r="132" spans="2:21" x14ac:dyDescent="0.25">
      <c r="B132">
        <f t="shared" si="26"/>
        <v>4</v>
      </c>
      <c r="C132" s="16">
        <v>98</v>
      </c>
      <c r="D132" cm="1">
        <f t="array" ref="D132">IFERROR(INDEX(Jesper!AH$2:AH$366,ROUNDDOWN($C132/24,0)+1,1)*INDEX($D$3:$AA$30,INDEX(Jesper!$R$2:$R$366,ROW(INDEX(Jesper!AH$2:AH$366,ROUNDDOWN($C132/24,0)+1,1))-1)+IF('Standard Profiles'!$G$18=$B$10,7,0)+IF('Standard Profiles'!$G$18=$B$17,14,0)+IF('Standard Profiles'!$G$18=$B$24,21,0),MOD($C132,24)+1)/SUM(INDEX($D$3:$AA$30,INDEX(Jesper!$R$2:$R$366,ROW(INDEX(Jesper!AH$2:AH$366,ROUNDDOWN($C132/24,0)+1,1))-1)+IF('Standard Profiles'!$G$18=$B$10,7,0)+IF('Standard Profiles'!$G$18=$B$17,14,0)+IF('Standard Profiles'!$G$18=$B$24,21,0),0)),0)</f>
        <v>5.7755131143665359</v>
      </c>
      <c r="E132" cm="1">
        <f t="array" ref="E132">IFERROR(INDEX(Jesper!AI$2:AI$366,ROUNDDOWN($C132/24,0)+1,1)*INDEX($D$3:$AA$30,INDEX(Jesper!$R$2:$R$366,ROW(INDEX(Jesper!AI$2:AI$366,ROUNDDOWN($C132/24,0)+1,1))-1)+IF('Standard Profiles'!$G$19=$B$10,7,0)+IF('Standard Profiles'!$G$19=$B$17,14,0)+IF('Standard Profiles'!$G$19=$B$24,21,0),MOD($C132,24)+1)/SUM(INDEX($D$3:$AA$30,INDEX(Jesper!$R$2:$R$366,ROW(INDEX(Jesper!AI$2:AI$366,ROUNDDOWN($C132/24,0)+1,1))-1)+IF('Standard Profiles'!$G$19=$B$10,7,0)+IF('Standard Profiles'!$G$19=$B$17,14,0)+IF('Standard Profiles'!$G$19=$B$24,21,0),0)),0)</f>
        <v>4.5242378090440072</v>
      </c>
      <c r="F132" cm="1">
        <f t="array" ref="F132">IFERROR(INDEX(Jesper!AJ$2:AJ$366,ROUNDDOWN($C132/24,0)+1,1)*INDEX($D$3:$AA$30,INDEX(Jesper!$R$2:$R$366,ROW(INDEX(Jesper!AJ$2:AJ$366,ROUNDDOWN($C132/24,0)+1,1))-1)+IF('Standard Profiles'!$G$20=$B$10,7,0)+IF('Standard Profiles'!$G$20=$B$17,14,0)+IF('Standard Profiles'!$G$20=$B$24,21,0),MOD($C132,24)+1)/SUM(INDEX($D$3:$AA$30,INDEX(Jesper!$R$2:$R$366,ROW(INDEX(Jesper!AJ$2:AJ$366,ROUNDDOWN($C132/24,0)+1,1))-1)+IF('Standard Profiles'!$G$20=$B$10,7,0)+IF('Standard Profiles'!$G$20=$B$17,14,0)+IF('Standard Profiles'!$G$20=$B$24,21,0),0)),0)</f>
        <v>0</v>
      </c>
      <c r="G132" cm="1">
        <f t="array" ref="G132">IFERROR(INDEX(Jesper!AK$2:AK$366,ROUNDDOWN($C132/24,0)+1,1)*INDEX($D$3:$AA$30,INDEX(Jesper!$R$2:$R$366,ROW(INDEX(Jesper!AK$2:AK$366,ROUNDDOWN($C132/24,0)+1,1))-1)+IF('Standard Profiles'!$G$21=$B$10,7,0)+IF('Standard Profiles'!$G$21=$B$17,14,0)+IF('Standard Profiles'!$G$21=$B$24,21,0),MOD($C132,24)+1)/SUM(INDEX($D$3:$AA$30,INDEX(Jesper!$R$2:$R$366,ROW(INDEX(Jesper!AK$2:AK$366,ROUNDDOWN($C132/24,0)+1,1))-1)+IF('Standard Profiles'!$G$21=$B$10,7,0)+IF('Standard Profiles'!$G$21=$B$17,14,0)+IF('Standard Profiles'!$G$21=$B$24,21,0),0)),0)</f>
        <v>2.0433289396625001</v>
      </c>
      <c r="H132" cm="1">
        <f t="array" ref="H132">IFERROR(INDEX(Jesper!AL$2:AL$366,ROUNDDOWN($C132/24,0)+1,1)*INDEX($D$3:$AA$30,INDEX(Jesper!$R$2:$R$366,ROW(INDEX(Jesper!AL$2:AL$366,ROUNDDOWN($C132/24,0)+1,1))-1)+IF('Standard Profiles'!$G$22=$B$10,7,0)+IF('Standard Profiles'!$G$22=$B$17,14,0)+IF('Standard Profiles'!$G$22=$B$24,21,0),MOD($C132,24)+1)/SUM(INDEX($D$3:$AA$30,INDEX(Jesper!$R$2:$R$366,ROW(INDEX(Jesper!AL$2:AL$366,ROUNDDOWN($C132/24,0)+1,1))-1)+IF('Standard Profiles'!$G$22=$B$10,7,0)+IF('Standard Profiles'!$G$22=$B$17,14,0)+IF('Standard Profiles'!$G$22=$B$24,21,0),0)),0)</f>
        <v>0</v>
      </c>
      <c r="I132">
        <f t="shared" si="27"/>
        <v>0.98079789103799953</v>
      </c>
      <c r="J132">
        <f t="shared" si="28"/>
        <v>10.438199873736398</v>
      </c>
      <c r="K132">
        <f t="shared" si="29"/>
        <v>0.61605473219909723</v>
      </c>
      <c r="L132">
        <f t="shared" si="30"/>
        <v>0.30802736609954862</v>
      </c>
      <c r="M132">
        <f t="shared" si="31"/>
        <v>0</v>
      </c>
      <c r="N132" s="45">
        <f t="shared" si="32"/>
        <v>44931.083333333096</v>
      </c>
      <c r="O132">
        <v>1.2831638038033979</v>
      </c>
      <c r="P132">
        <v>11.033891426152886</v>
      </c>
      <c r="Q132">
        <v>0.61919025812438866</v>
      </c>
      <c r="R132">
        <v>0.30959512906219433</v>
      </c>
      <c r="S132">
        <v>0</v>
      </c>
      <c r="T132" s="45">
        <v>45064.083333325354</v>
      </c>
    </row>
    <row r="133" spans="2:21" x14ac:dyDescent="0.25">
      <c r="B133">
        <f t="shared" si="26"/>
        <v>4</v>
      </c>
      <c r="C133" s="16">
        <v>99</v>
      </c>
      <c r="D133" cm="1">
        <f t="array" ref="D133">IFERROR(INDEX(Jesper!AH$2:AH$366,ROUNDDOWN($C133/24,0)+1,1)*INDEX($D$3:$AA$30,INDEX(Jesper!$R$2:$R$366,ROW(INDEX(Jesper!AH$2:AH$366,ROUNDDOWN($C133/24,0)+1,1))-1)+IF('Standard Profiles'!$G$18=$B$10,7,0)+IF('Standard Profiles'!$G$18=$B$17,14,0)+IF('Standard Profiles'!$G$18=$B$24,21,0),MOD($C133,24)+1)/SUM(INDEX($D$3:$AA$30,INDEX(Jesper!$R$2:$R$366,ROW(INDEX(Jesper!AH$2:AH$366,ROUNDDOWN($C133/24,0)+1,1))-1)+IF('Standard Profiles'!$G$18=$B$10,7,0)+IF('Standard Profiles'!$G$18=$B$17,14,0)+IF('Standard Profiles'!$G$18=$B$24,21,0),0)),0)</f>
        <v>5.7755131143665359</v>
      </c>
      <c r="E133" cm="1">
        <f t="array" ref="E133">IFERROR(INDEX(Jesper!AI$2:AI$366,ROUNDDOWN($C133/24,0)+1,1)*INDEX($D$3:$AA$30,INDEX(Jesper!$R$2:$R$366,ROW(INDEX(Jesper!AI$2:AI$366,ROUNDDOWN($C133/24,0)+1,1))-1)+IF('Standard Profiles'!$G$19=$B$10,7,0)+IF('Standard Profiles'!$G$19=$B$17,14,0)+IF('Standard Profiles'!$G$19=$B$24,21,0),MOD($C133,24)+1)/SUM(INDEX($D$3:$AA$30,INDEX(Jesper!$R$2:$R$366,ROW(INDEX(Jesper!AI$2:AI$366,ROUNDDOWN($C133/24,0)+1,1))-1)+IF('Standard Profiles'!$G$19=$B$10,7,0)+IF('Standard Profiles'!$G$19=$B$17,14,0)+IF('Standard Profiles'!$G$19=$B$24,21,0),0)),0)</f>
        <v>4.5242378090440072</v>
      </c>
      <c r="F133" cm="1">
        <f t="array" ref="F133">IFERROR(INDEX(Jesper!AJ$2:AJ$366,ROUNDDOWN($C133/24,0)+1,1)*INDEX($D$3:$AA$30,INDEX(Jesper!$R$2:$R$366,ROW(INDEX(Jesper!AJ$2:AJ$366,ROUNDDOWN($C133/24,0)+1,1))-1)+IF('Standard Profiles'!$G$20=$B$10,7,0)+IF('Standard Profiles'!$G$20=$B$17,14,0)+IF('Standard Profiles'!$G$20=$B$24,21,0),MOD($C133,24)+1)/SUM(INDEX($D$3:$AA$30,INDEX(Jesper!$R$2:$R$366,ROW(INDEX(Jesper!AJ$2:AJ$366,ROUNDDOWN($C133/24,0)+1,1))-1)+IF('Standard Profiles'!$G$20=$B$10,7,0)+IF('Standard Profiles'!$G$20=$B$17,14,0)+IF('Standard Profiles'!$G$20=$B$24,21,0),0)),0)</f>
        <v>0</v>
      </c>
      <c r="G133" cm="1">
        <f t="array" ref="G133">IFERROR(INDEX(Jesper!AK$2:AK$366,ROUNDDOWN($C133/24,0)+1,1)*INDEX($D$3:$AA$30,INDEX(Jesper!$R$2:$R$366,ROW(INDEX(Jesper!AK$2:AK$366,ROUNDDOWN($C133/24,0)+1,1))-1)+IF('Standard Profiles'!$G$21=$B$10,7,0)+IF('Standard Profiles'!$G$21=$B$17,14,0)+IF('Standard Profiles'!$G$21=$B$24,21,0),MOD($C133,24)+1)/SUM(INDEX($D$3:$AA$30,INDEX(Jesper!$R$2:$R$366,ROW(INDEX(Jesper!AK$2:AK$366,ROUNDDOWN($C133/24,0)+1,1))-1)+IF('Standard Profiles'!$G$21=$B$10,7,0)+IF('Standard Profiles'!$G$21=$B$17,14,0)+IF('Standard Profiles'!$G$21=$B$24,21,0),0)),0)</f>
        <v>2.0433289396625001</v>
      </c>
      <c r="H133" cm="1">
        <f t="array" ref="H133">IFERROR(INDEX(Jesper!AL$2:AL$366,ROUNDDOWN($C133/24,0)+1,1)*INDEX($D$3:$AA$30,INDEX(Jesper!$R$2:$R$366,ROW(INDEX(Jesper!AL$2:AL$366,ROUNDDOWN($C133/24,0)+1,1))-1)+IF('Standard Profiles'!$G$22=$B$10,7,0)+IF('Standard Profiles'!$G$22=$B$17,14,0)+IF('Standard Profiles'!$G$22=$B$24,21,0),MOD($C133,24)+1)/SUM(INDEX($D$3:$AA$30,INDEX(Jesper!$R$2:$R$366,ROW(INDEX(Jesper!AL$2:AL$366,ROUNDDOWN($C133/24,0)+1,1))-1)+IF('Standard Profiles'!$G$22=$B$10,7,0)+IF('Standard Profiles'!$G$22=$B$17,14,0)+IF('Standard Profiles'!$G$22=$B$24,21,0),0)),0)</f>
        <v>0</v>
      </c>
      <c r="I133">
        <f t="shared" si="27"/>
        <v>0.98079789103799953</v>
      </c>
      <c r="J133">
        <f t="shared" si="28"/>
        <v>10.438199873736398</v>
      </c>
      <c r="K133">
        <f t="shared" si="29"/>
        <v>0.61605473219909723</v>
      </c>
      <c r="L133">
        <f t="shared" si="30"/>
        <v>0.30802736609954862</v>
      </c>
      <c r="M133">
        <f t="shared" si="31"/>
        <v>0</v>
      </c>
      <c r="N133" s="45">
        <f t="shared" si="32"/>
        <v>44931.12499999976</v>
      </c>
      <c r="O133">
        <v>1.2831638038033979</v>
      </c>
      <c r="P133">
        <v>11.033891426152886</v>
      </c>
      <c r="Q133">
        <v>0.61919025812438866</v>
      </c>
      <c r="R133">
        <v>0.30959512906219433</v>
      </c>
      <c r="S133">
        <v>0</v>
      </c>
      <c r="T133" s="45">
        <v>45064.124999992018</v>
      </c>
    </row>
    <row r="134" spans="2:21" x14ac:dyDescent="0.25">
      <c r="B134">
        <f t="shared" si="26"/>
        <v>4</v>
      </c>
      <c r="C134" s="16">
        <v>100</v>
      </c>
      <c r="D134" cm="1">
        <f t="array" ref="D134">IFERROR(INDEX(Jesper!AH$2:AH$366,ROUNDDOWN($C134/24,0)+1,1)*INDEX($D$3:$AA$30,INDEX(Jesper!$R$2:$R$366,ROW(INDEX(Jesper!AH$2:AH$366,ROUNDDOWN($C134/24,0)+1,1))-1)+IF('Standard Profiles'!$G$18=$B$10,7,0)+IF('Standard Profiles'!$G$18=$B$17,14,0)+IF('Standard Profiles'!$G$18=$B$24,21,0),MOD($C134,24)+1)/SUM(INDEX($D$3:$AA$30,INDEX(Jesper!$R$2:$R$366,ROW(INDEX(Jesper!AH$2:AH$366,ROUNDDOWN($C134/24,0)+1,1))-1)+IF('Standard Profiles'!$G$18=$B$10,7,0)+IF('Standard Profiles'!$G$18=$B$17,14,0)+IF('Standard Profiles'!$G$18=$B$24,21,0),0)),0)</f>
        <v>5.7755131143665359</v>
      </c>
      <c r="E134" cm="1">
        <f t="array" ref="E134">IFERROR(INDEX(Jesper!AI$2:AI$366,ROUNDDOWN($C134/24,0)+1,1)*INDEX($D$3:$AA$30,INDEX(Jesper!$R$2:$R$366,ROW(INDEX(Jesper!AI$2:AI$366,ROUNDDOWN($C134/24,0)+1,1))-1)+IF('Standard Profiles'!$G$19=$B$10,7,0)+IF('Standard Profiles'!$G$19=$B$17,14,0)+IF('Standard Profiles'!$G$19=$B$24,21,0),MOD($C134,24)+1)/SUM(INDEX($D$3:$AA$30,INDEX(Jesper!$R$2:$R$366,ROW(INDEX(Jesper!AI$2:AI$366,ROUNDDOWN($C134/24,0)+1,1))-1)+IF('Standard Profiles'!$G$19=$B$10,7,0)+IF('Standard Profiles'!$G$19=$B$17,14,0)+IF('Standard Profiles'!$G$19=$B$24,21,0),0)),0)</f>
        <v>4.5242378090440072</v>
      </c>
      <c r="F134" cm="1">
        <f t="array" ref="F134">IFERROR(INDEX(Jesper!AJ$2:AJ$366,ROUNDDOWN($C134/24,0)+1,1)*INDEX($D$3:$AA$30,INDEX(Jesper!$R$2:$R$366,ROW(INDEX(Jesper!AJ$2:AJ$366,ROUNDDOWN($C134/24,0)+1,1))-1)+IF('Standard Profiles'!$G$20=$B$10,7,0)+IF('Standard Profiles'!$G$20=$B$17,14,0)+IF('Standard Profiles'!$G$20=$B$24,21,0),MOD($C134,24)+1)/SUM(INDEX($D$3:$AA$30,INDEX(Jesper!$R$2:$R$366,ROW(INDEX(Jesper!AJ$2:AJ$366,ROUNDDOWN($C134/24,0)+1,1))-1)+IF('Standard Profiles'!$G$20=$B$10,7,0)+IF('Standard Profiles'!$G$20=$B$17,14,0)+IF('Standard Profiles'!$G$20=$B$24,21,0),0)),0)</f>
        <v>0</v>
      </c>
      <c r="G134" cm="1">
        <f t="array" ref="G134">IFERROR(INDEX(Jesper!AK$2:AK$366,ROUNDDOWN($C134/24,0)+1,1)*INDEX($D$3:$AA$30,INDEX(Jesper!$R$2:$R$366,ROW(INDEX(Jesper!AK$2:AK$366,ROUNDDOWN($C134/24,0)+1,1))-1)+IF('Standard Profiles'!$G$21=$B$10,7,0)+IF('Standard Profiles'!$G$21=$B$17,14,0)+IF('Standard Profiles'!$G$21=$B$24,21,0),MOD($C134,24)+1)/SUM(INDEX($D$3:$AA$30,INDEX(Jesper!$R$2:$R$366,ROW(INDEX(Jesper!AK$2:AK$366,ROUNDDOWN($C134/24,0)+1,1))-1)+IF('Standard Profiles'!$G$21=$B$10,7,0)+IF('Standard Profiles'!$G$21=$B$17,14,0)+IF('Standard Profiles'!$G$21=$B$24,21,0),0)),0)</f>
        <v>2.0433289396625001</v>
      </c>
      <c r="H134" cm="1">
        <f t="array" ref="H134">IFERROR(INDEX(Jesper!AL$2:AL$366,ROUNDDOWN($C134/24,0)+1,1)*INDEX($D$3:$AA$30,INDEX(Jesper!$R$2:$R$366,ROW(INDEX(Jesper!AL$2:AL$366,ROUNDDOWN($C134/24,0)+1,1))-1)+IF('Standard Profiles'!$G$22=$B$10,7,0)+IF('Standard Profiles'!$G$22=$B$17,14,0)+IF('Standard Profiles'!$G$22=$B$24,21,0),MOD($C134,24)+1)/SUM(INDEX($D$3:$AA$30,INDEX(Jesper!$R$2:$R$366,ROW(INDEX(Jesper!AL$2:AL$366,ROUNDDOWN($C134/24,0)+1,1))-1)+IF('Standard Profiles'!$G$22=$B$10,7,0)+IF('Standard Profiles'!$G$22=$B$17,14,0)+IF('Standard Profiles'!$G$22=$B$24,21,0),0)),0)</f>
        <v>0</v>
      </c>
      <c r="I134">
        <f t="shared" si="27"/>
        <v>0.98079789103799953</v>
      </c>
      <c r="J134">
        <f t="shared" si="28"/>
        <v>10.438199873736398</v>
      </c>
      <c r="K134">
        <f t="shared" si="29"/>
        <v>0.61605473219909723</v>
      </c>
      <c r="L134">
        <f t="shared" si="30"/>
        <v>0.30802736609954862</v>
      </c>
      <c r="M134">
        <f t="shared" si="31"/>
        <v>0</v>
      </c>
      <c r="N134" s="45">
        <f t="shared" si="32"/>
        <v>44931.166666666424</v>
      </c>
      <c r="O134">
        <v>1.2831638038033979</v>
      </c>
      <c r="P134">
        <v>11.033891426152886</v>
      </c>
      <c r="Q134">
        <v>0.61919025812438866</v>
      </c>
      <c r="R134">
        <v>0.30959512906219433</v>
      </c>
      <c r="S134">
        <v>0</v>
      </c>
      <c r="T134" s="45">
        <v>45064.166666658683</v>
      </c>
    </row>
    <row r="135" spans="2:21" x14ac:dyDescent="0.25">
      <c r="B135">
        <f t="shared" si="26"/>
        <v>4</v>
      </c>
      <c r="C135" s="16">
        <v>101</v>
      </c>
      <c r="D135" cm="1">
        <f t="array" ref="D135">IFERROR(INDEX(Jesper!AH$2:AH$366,ROUNDDOWN($C135/24,0)+1,1)*INDEX($D$3:$AA$30,INDEX(Jesper!$R$2:$R$366,ROW(INDEX(Jesper!AH$2:AH$366,ROUNDDOWN($C135/24,0)+1,1))-1)+IF('Standard Profiles'!$G$18=$B$10,7,0)+IF('Standard Profiles'!$G$18=$B$17,14,0)+IF('Standard Profiles'!$G$18=$B$24,21,0),MOD($C135,24)+1)/SUM(INDEX($D$3:$AA$30,INDEX(Jesper!$R$2:$R$366,ROW(INDEX(Jesper!AH$2:AH$366,ROUNDDOWN($C135/24,0)+1,1))-1)+IF('Standard Profiles'!$G$18=$B$10,7,0)+IF('Standard Profiles'!$G$18=$B$17,14,0)+IF('Standard Profiles'!$G$18=$B$24,21,0),0)),0)</f>
        <v>5.7755131143665359</v>
      </c>
      <c r="E135" cm="1">
        <f t="array" ref="E135">IFERROR(INDEX(Jesper!AI$2:AI$366,ROUNDDOWN($C135/24,0)+1,1)*INDEX($D$3:$AA$30,INDEX(Jesper!$R$2:$R$366,ROW(INDEX(Jesper!AI$2:AI$366,ROUNDDOWN($C135/24,0)+1,1))-1)+IF('Standard Profiles'!$G$19=$B$10,7,0)+IF('Standard Profiles'!$G$19=$B$17,14,0)+IF('Standard Profiles'!$G$19=$B$24,21,0),MOD($C135,24)+1)/SUM(INDEX($D$3:$AA$30,INDEX(Jesper!$R$2:$R$366,ROW(INDEX(Jesper!AI$2:AI$366,ROUNDDOWN($C135/24,0)+1,1))-1)+IF('Standard Profiles'!$G$19=$B$10,7,0)+IF('Standard Profiles'!$G$19=$B$17,14,0)+IF('Standard Profiles'!$G$19=$B$24,21,0),0)),0)</f>
        <v>4.5242378090440072</v>
      </c>
      <c r="F135" cm="1">
        <f t="array" ref="F135">IFERROR(INDEX(Jesper!AJ$2:AJ$366,ROUNDDOWN($C135/24,0)+1,1)*INDEX($D$3:$AA$30,INDEX(Jesper!$R$2:$R$366,ROW(INDEX(Jesper!AJ$2:AJ$366,ROUNDDOWN($C135/24,0)+1,1))-1)+IF('Standard Profiles'!$G$20=$B$10,7,0)+IF('Standard Profiles'!$G$20=$B$17,14,0)+IF('Standard Profiles'!$G$20=$B$24,21,0),MOD($C135,24)+1)/SUM(INDEX($D$3:$AA$30,INDEX(Jesper!$R$2:$R$366,ROW(INDEX(Jesper!AJ$2:AJ$366,ROUNDDOWN($C135/24,0)+1,1))-1)+IF('Standard Profiles'!$G$20=$B$10,7,0)+IF('Standard Profiles'!$G$20=$B$17,14,0)+IF('Standard Profiles'!$G$20=$B$24,21,0),0)),0)</f>
        <v>0</v>
      </c>
      <c r="G135" cm="1">
        <f t="array" ref="G135">IFERROR(INDEX(Jesper!AK$2:AK$366,ROUNDDOWN($C135/24,0)+1,1)*INDEX($D$3:$AA$30,INDEX(Jesper!$R$2:$R$366,ROW(INDEX(Jesper!AK$2:AK$366,ROUNDDOWN($C135/24,0)+1,1))-1)+IF('Standard Profiles'!$G$21=$B$10,7,0)+IF('Standard Profiles'!$G$21=$B$17,14,0)+IF('Standard Profiles'!$G$21=$B$24,21,0),MOD($C135,24)+1)/SUM(INDEX($D$3:$AA$30,INDEX(Jesper!$R$2:$R$366,ROW(INDEX(Jesper!AK$2:AK$366,ROUNDDOWN($C135/24,0)+1,1))-1)+IF('Standard Profiles'!$G$21=$B$10,7,0)+IF('Standard Profiles'!$G$21=$B$17,14,0)+IF('Standard Profiles'!$G$21=$B$24,21,0),0)),0)</f>
        <v>2.0433289396625001</v>
      </c>
      <c r="H135" cm="1">
        <f t="array" ref="H135">IFERROR(INDEX(Jesper!AL$2:AL$366,ROUNDDOWN($C135/24,0)+1,1)*INDEX($D$3:$AA$30,INDEX(Jesper!$R$2:$R$366,ROW(INDEX(Jesper!AL$2:AL$366,ROUNDDOWN($C135/24,0)+1,1))-1)+IF('Standard Profiles'!$G$22=$B$10,7,0)+IF('Standard Profiles'!$G$22=$B$17,14,0)+IF('Standard Profiles'!$G$22=$B$24,21,0),MOD($C135,24)+1)/SUM(INDEX($D$3:$AA$30,INDEX(Jesper!$R$2:$R$366,ROW(INDEX(Jesper!AL$2:AL$366,ROUNDDOWN($C135/24,0)+1,1))-1)+IF('Standard Profiles'!$G$22=$B$10,7,0)+IF('Standard Profiles'!$G$22=$B$17,14,0)+IF('Standard Profiles'!$G$22=$B$24,21,0),0)),0)</f>
        <v>0</v>
      </c>
      <c r="I135">
        <f t="shared" si="27"/>
        <v>0.98079789103799953</v>
      </c>
      <c r="J135">
        <f t="shared" si="28"/>
        <v>10.438199873736398</v>
      </c>
      <c r="K135">
        <f t="shared" si="29"/>
        <v>0.61605473219909723</v>
      </c>
      <c r="L135">
        <f t="shared" si="30"/>
        <v>0.30802736609954862</v>
      </c>
      <c r="M135">
        <f t="shared" si="31"/>
        <v>0</v>
      </c>
      <c r="N135" s="45">
        <f t="shared" si="32"/>
        <v>44931.208333333088</v>
      </c>
      <c r="O135">
        <v>1.2831638038033979</v>
      </c>
      <c r="P135">
        <v>11.033891426152886</v>
      </c>
      <c r="Q135">
        <v>0.61919025812438866</v>
      </c>
      <c r="R135">
        <v>0.30959512906219433</v>
      </c>
      <c r="S135">
        <v>0</v>
      </c>
      <c r="T135" s="45">
        <v>45064.208333325347</v>
      </c>
    </row>
    <row r="136" spans="2:21" x14ac:dyDescent="0.25">
      <c r="B136">
        <f t="shared" si="26"/>
        <v>4</v>
      </c>
      <c r="C136" s="16">
        <v>102</v>
      </c>
      <c r="D136" cm="1">
        <f t="array" ref="D136">IFERROR(INDEX(Jesper!AH$2:AH$366,ROUNDDOWN($C136/24,0)+1,1)*INDEX($D$3:$AA$30,INDEX(Jesper!$R$2:$R$366,ROW(INDEX(Jesper!AH$2:AH$366,ROUNDDOWN($C136/24,0)+1,1))-1)+IF('Standard Profiles'!$G$18=$B$10,7,0)+IF('Standard Profiles'!$G$18=$B$17,14,0)+IF('Standard Profiles'!$G$18=$B$24,21,0),MOD($C136,24)+1)/SUM(INDEX($D$3:$AA$30,INDEX(Jesper!$R$2:$R$366,ROW(INDEX(Jesper!AH$2:AH$366,ROUNDDOWN($C136/24,0)+1,1))-1)+IF('Standard Profiles'!$G$18=$B$10,7,0)+IF('Standard Profiles'!$G$18=$B$17,14,0)+IF('Standard Profiles'!$G$18=$B$24,21,0),0)),0)</f>
        <v>5.7755131143665359</v>
      </c>
      <c r="E136" cm="1">
        <f t="array" ref="E136">IFERROR(INDEX(Jesper!AI$2:AI$366,ROUNDDOWN($C136/24,0)+1,1)*INDEX($D$3:$AA$30,INDEX(Jesper!$R$2:$R$366,ROW(INDEX(Jesper!AI$2:AI$366,ROUNDDOWN($C136/24,0)+1,1))-1)+IF('Standard Profiles'!$G$19=$B$10,7,0)+IF('Standard Profiles'!$G$19=$B$17,14,0)+IF('Standard Profiles'!$G$19=$B$24,21,0),MOD($C136,24)+1)/SUM(INDEX($D$3:$AA$30,INDEX(Jesper!$R$2:$R$366,ROW(INDEX(Jesper!AI$2:AI$366,ROUNDDOWN($C136/24,0)+1,1))-1)+IF('Standard Profiles'!$G$19=$B$10,7,0)+IF('Standard Profiles'!$G$19=$B$17,14,0)+IF('Standard Profiles'!$G$19=$B$24,21,0),0)),0)</f>
        <v>4.5242378090440072</v>
      </c>
      <c r="F136" cm="1">
        <f t="array" ref="F136">IFERROR(INDEX(Jesper!AJ$2:AJ$366,ROUNDDOWN($C136/24,0)+1,1)*INDEX($D$3:$AA$30,INDEX(Jesper!$R$2:$R$366,ROW(INDEX(Jesper!AJ$2:AJ$366,ROUNDDOWN($C136/24,0)+1,1))-1)+IF('Standard Profiles'!$G$20=$B$10,7,0)+IF('Standard Profiles'!$G$20=$B$17,14,0)+IF('Standard Profiles'!$G$20=$B$24,21,0),MOD($C136,24)+1)/SUM(INDEX($D$3:$AA$30,INDEX(Jesper!$R$2:$R$366,ROW(INDEX(Jesper!AJ$2:AJ$366,ROUNDDOWN($C136/24,0)+1,1))-1)+IF('Standard Profiles'!$G$20=$B$10,7,0)+IF('Standard Profiles'!$G$20=$B$17,14,0)+IF('Standard Profiles'!$G$20=$B$24,21,0),0)),0)</f>
        <v>0</v>
      </c>
      <c r="G136" cm="1">
        <f t="array" ref="G136">IFERROR(INDEX(Jesper!AK$2:AK$366,ROUNDDOWN($C136/24,0)+1,1)*INDEX($D$3:$AA$30,INDEX(Jesper!$R$2:$R$366,ROW(INDEX(Jesper!AK$2:AK$366,ROUNDDOWN($C136/24,0)+1,1))-1)+IF('Standard Profiles'!$G$21=$B$10,7,0)+IF('Standard Profiles'!$G$21=$B$17,14,0)+IF('Standard Profiles'!$G$21=$B$24,21,0),MOD($C136,24)+1)/SUM(INDEX($D$3:$AA$30,INDEX(Jesper!$R$2:$R$366,ROW(INDEX(Jesper!AK$2:AK$366,ROUNDDOWN($C136/24,0)+1,1))-1)+IF('Standard Profiles'!$G$21=$B$10,7,0)+IF('Standard Profiles'!$G$21=$B$17,14,0)+IF('Standard Profiles'!$G$21=$B$24,21,0),0)),0)</f>
        <v>2.0433289396625001</v>
      </c>
      <c r="H136" cm="1">
        <f t="array" ref="H136">IFERROR(INDEX(Jesper!AL$2:AL$366,ROUNDDOWN($C136/24,0)+1,1)*INDEX($D$3:$AA$30,INDEX(Jesper!$R$2:$R$366,ROW(INDEX(Jesper!AL$2:AL$366,ROUNDDOWN($C136/24,0)+1,1))-1)+IF('Standard Profiles'!$G$22=$B$10,7,0)+IF('Standard Profiles'!$G$22=$B$17,14,0)+IF('Standard Profiles'!$G$22=$B$24,21,0),MOD($C136,24)+1)/SUM(INDEX($D$3:$AA$30,INDEX(Jesper!$R$2:$R$366,ROW(INDEX(Jesper!AL$2:AL$366,ROUNDDOWN($C136/24,0)+1,1))-1)+IF('Standard Profiles'!$G$22=$B$10,7,0)+IF('Standard Profiles'!$G$22=$B$17,14,0)+IF('Standard Profiles'!$G$22=$B$24,21,0),0)),0)</f>
        <v>0</v>
      </c>
      <c r="I136">
        <f t="shared" si="27"/>
        <v>0.98079789103799953</v>
      </c>
      <c r="J136">
        <f t="shared" si="28"/>
        <v>10.438199873736398</v>
      </c>
      <c r="K136">
        <f t="shared" si="29"/>
        <v>0.61605473219909723</v>
      </c>
      <c r="L136">
        <f t="shared" si="30"/>
        <v>0.30802736609954862</v>
      </c>
      <c r="M136">
        <f t="shared" si="31"/>
        <v>0</v>
      </c>
      <c r="N136" s="45">
        <f t="shared" si="32"/>
        <v>44931.249999999753</v>
      </c>
      <c r="O136">
        <v>1.2831638038033979</v>
      </c>
      <c r="P136">
        <v>11.033891426152886</v>
      </c>
      <c r="Q136">
        <v>0.61919025812438866</v>
      </c>
      <c r="R136">
        <v>0.30959512906219433</v>
      </c>
      <c r="S136">
        <v>0</v>
      </c>
      <c r="T136" s="45">
        <v>45064.249999992011</v>
      </c>
    </row>
    <row r="137" spans="2:21" x14ac:dyDescent="0.25">
      <c r="B137">
        <f t="shared" si="26"/>
        <v>4</v>
      </c>
      <c r="C137" s="16">
        <v>103</v>
      </c>
      <c r="D137" cm="1">
        <f t="array" ref="D137">IFERROR(INDEX(Jesper!AH$2:AH$366,ROUNDDOWN($C137/24,0)+1,1)*INDEX($D$3:$AA$30,INDEX(Jesper!$R$2:$R$366,ROW(INDEX(Jesper!AH$2:AH$366,ROUNDDOWN($C137/24,0)+1,1))-1)+IF('Standard Profiles'!$G$18=$B$10,7,0)+IF('Standard Profiles'!$G$18=$B$17,14,0)+IF('Standard Profiles'!$G$18=$B$24,21,0),MOD($C137,24)+1)/SUM(INDEX($D$3:$AA$30,INDEX(Jesper!$R$2:$R$366,ROW(INDEX(Jesper!AH$2:AH$366,ROUNDDOWN($C137/24,0)+1,1))-1)+IF('Standard Profiles'!$G$18=$B$10,7,0)+IF('Standard Profiles'!$G$18=$B$17,14,0)+IF('Standard Profiles'!$G$18=$B$24,21,0),0)),0)</f>
        <v>23.609597549334719</v>
      </c>
      <c r="E137" cm="1">
        <f t="array" ref="E137">IFERROR(INDEX(Jesper!AI$2:AI$366,ROUNDDOWN($C137/24,0)+1,1)*INDEX($D$3:$AA$30,INDEX(Jesper!$R$2:$R$366,ROW(INDEX(Jesper!AI$2:AI$366,ROUNDDOWN($C137/24,0)+1,1))-1)+IF('Standard Profiles'!$G$19=$B$10,7,0)+IF('Standard Profiles'!$G$19=$B$17,14,0)+IF('Standard Profiles'!$G$19=$B$24,21,0),MOD($C137,24)+1)/SUM(INDEX($D$3:$AA$30,INDEX(Jesper!$R$2:$R$366,ROW(INDEX(Jesper!AI$2:AI$366,ROUNDDOWN($C137/24,0)+1,1))-1)+IF('Standard Profiles'!$G$19=$B$10,7,0)+IF('Standard Profiles'!$G$19=$B$17,14,0)+IF('Standard Profiles'!$G$19=$B$24,21,0),0)),0)</f>
        <v>18.494535770910197</v>
      </c>
      <c r="F137" cm="1">
        <f t="array" ref="F137">IFERROR(INDEX(Jesper!AJ$2:AJ$366,ROUNDDOWN($C137/24,0)+1,1)*INDEX($D$3:$AA$30,INDEX(Jesper!$R$2:$R$366,ROW(INDEX(Jesper!AJ$2:AJ$366,ROUNDDOWN($C137/24,0)+1,1))-1)+IF('Standard Profiles'!$G$20=$B$10,7,0)+IF('Standard Profiles'!$G$20=$B$17,14,0)+IF('Standard Profiles'!$G$20=$B$24,21,0),MOD($C137,24)+1)/SUM(INDEX($D$3:$AA$30,INDEX(Jesper!$R$2:$R$366,ROW(INDEX(Jesper!AJ$2:AJ$366,ROUNDDOWN($C137/24,0)+1,1))-1)+IF('Standard Profiles'!$G$20=$B$10,7,0)+IF('Standard Profiles'!$G$20=$B$17,14,0)+IF('Standard Profiles'!$G$20=$B$24,21,0),0)),0)</f>
        <v>0</v>
      </c>
      <c r="G137" cm="1">
        <f t="array" ref="G137">IFERROR(INDEX(Jesper!AK$2:AK$366,ROUNDDOWN($C137/24,0)+1,1)*INDEX($D$3:$AA$30,INDEX(Jesper!$R$2:$R$366,ROW(INDEX(Jesper!AK$2:AK$366,ROUNDDOWN($C137/24,0)+1,1))-1)+IF('Standard Profiles'!$G$21=$B$10,7,0)+IF('Standard Profiles'!$G$21=$B$17,14,0)+IF('Standard Profiles'!$G$21=$B$24,21,0),MOD($C137,24)+1)/SUM(INDEX($D$3:$AA$30,INDEX(Jesper!$R$2:$R$366,ROW(INDEX(Jesper!AK$2:AK$366,ROUNDDOWN($C137/24,0)+1,1))-1)+IF('Standard Profiles'!$G$21=$B$10,7,0)+IF('Standard Profiles'!$G$21=$B$17,14,0)+IF('Standard Profiles'!$G$21=$B$24,21,0),0)),0)</f>
        <v>5.6293712287701876</v>
      </c>
      <c r="H137" cm="1">
        <f t="array" ref="H137">IFERROR(INDEX(Jesper!AL$2:AL$366,ROUNDDOWN($C137/24,0)+1,1)*INDEX($D$3:$AA$30,INDEX(Jesper!$R$2:$R$366,ROW(INDEX(Jesper!AL$2:AL$366,ROUNDDOWN($C137/24,0)+1,1))-1)+IF('Standard Profiles'!$G$22=$B$10,7,0)+IF('Standard Profiles'!$G$22=$B$17,14,0)+IF('Standard Profiles'!$G$22=$B$24,21,0),MOD($C137,24)+1)/SUM(INDEX($D$3:$AA$30,INDEX(Jesper!$R$2:$R$366,ROW(INDEX(Jesper!AL$2:AL$366,ROUNDDOWN($C137/24,0)+1,1))-1)+IF('Standard Profiles'!$G$22=$B$10,7,0)+IF('Standard Profiles'!$G$22=$B$17,14,0)+IF('Standard Profiles'!$G$22=$B$24,21,0),0)),0)</f>
        <v>0</v>
      </c>
      <c r="I137">
        <f t="shared" si="27"/>
        <v>2.7020981898096887</v>
      </c>
      <c r="J137">
        <f t="shared" si="28"/>
        <v>41.253870751311858</v>
      </c>
      <c r="K137">
        <f t="shared" si="29"/>
        <v>2.5183570719290369</v>
      </c>
      <c r="L137">
        <f t="shared" si="30"/>
        <v>1.2591785359645185</v>
      </c>
      <c r="M137">
        <f t="shared" si="31"/>
        <v>0</v>
      </c>
      <c r="N137" s="45">
        <f t="shared" si="32"/>
        <v>44931.291666666417</v>
      </c>
      <c r="O137">
        <v>3.5351162794783604</v>
      </c>
      <c r="P137">
        <v>43.252383741975983</v>
      </c>
      <c r="Q137">
        <v>2.5311747218478793</v>
      </c>
      <c r="R137">
        <v>1.2655873609239396</v>
      </c>
      <c r="S137">
        <v>0</v>
      </c>
      <c r="T137" s="45">
        <v>45064.291666658675</v>
      </c>
    </row>
    <row r="138" spans="2:21" x14ac:dyDescent="0.25">
      <c r="B138">
        <f t="shared" si="26"/>
        <v>4</v>
      </c>
      <c r="C138" s="16">
        <v>104</v>
      </c>
      <c r="D138" cm="1">
        <f t="array" ref="D138">IFERROR(INDEX(Jesper!AH$2:AH$366,ROUNDDOWN($C138/24,0)+1,1)*INDEX($D$3:$AA$30,INDEX(Jesper!$R$2:$R$366,ROW(INDEX(Jesper!AH$2:AH$366,ROUNDDOWN($C138/24,0)+1,1))-1)+IF('Standard Profiles'!$G$18=$B$10,7,0)+IF('Standard Profiles'!$G$18=$B$17,14,0)+IF('Standard Profiles'!$G$18=$B$24,21,0),MOD($C138,24)+1)/SUM(INDEX($D$3:$AA$30,INDEX(Jesper!$R$2:$R$366,ROW(INDEX(Jesper!AH$2:AH$366,ROUNDDOWN($C138/24,0)+1,1))-1)+IF('Standard Profiles'!$G$18=$B$10,7,0)+IF('Standard Profiles'!$G$18=$B$17,14,0)+IF('Standard Profiles'!$G$18=$B$24,21,0),0)),0)</f>
        <v>26.343340423468213</v>
      </c>
      <c r="E138" cm="1">
        <f t="array" ref="E138">IFERROR(INDEX(Jesper!AI$2:AI$366,ROUNDDOWN($C138/24,0)+1,1)*INDEX($D$3:$AA$30,INDEX(Jesper!$R$2:$R$366,ROW(INDEX(Jesper!AI$2:AI$366,ROUNDDOWN($C138/24,0)+1,1))-1)+IF('Standard Profiles'!$G$19=$B$10,7,0)+IF('Standard Profiles'!$G$19=$B$17,14,0)+IF('Standard Profiles'!$G$19=$B$24,21,0),MOD($C138,24)+1)/SUM(INDEX($D$3:$AA$30,INDEX(Jesper!$R$2:$R$366,ROW(INDEX(Jesper!AI$2:AI$366,ROUNDDOWN($C138/24,0)+1,1))-1)+IF('Standard Profiles'!$G$19=$B$10,7,0)+IF('Standard Profiles'!$G$19=$B$17,14,0)+IF('Standard Profiles'!$G$19=$B$24,21,0),0)),0)</f>
        <v>20.636008333857696</v>
      </c>
      <c r="F138" cm="1">
        <f t="array" ref="F138">IFERROR(INDEX(Jesper!AJ$2:AJ$366,ROUNDDOWN($C138/24,0)+1,1)*INDEX($D$3:$AA$30,INDEX(Jesper!$R$2:$R$366,ROW(INDEX(Jesper!AJ$2:AJ$366,ROUNDDOWN($C138/24,0)+1,1))-1)+IF('Standard Profiles'!$G$20=$B$10,7,0)+IF('Standard Profiles'!$G$20=$B$17,14,0)+IF('Standard Profiles'!$G$20=$B$24,21,0),MOD($C138,24)+1)/SUM(INDEX($D$3:$AA$30,INDEX(Jesper!$R$2:$R$366,ROW(INDEX(Jesper!AJ$2:AJ$366,ROUNDDOWN($C138/24,0)+1,1))-1)+IF('Standard Profiles'!$G$20=$B$10,7,0)+IF('Standard Profiles'!$G$20=$B$17,14,0)+IF('Standard Profiles'!$G$20=$B$24,21,0),0)),0)</f>
        <v>0</v>
      </c>
      <c r="G138" cm="1">
        <f t="array" ref="G138">IFERROR(INDEX(Jesper!AK$2:AK$366,ROUNDDOWN($C138/24,0)+1,1)*INDEX($D$3:$AA$30,INDEX(Jesper!$R$2:$R$366,ROW(INDEX(Jesper!AK$2:AK$366,ROUNDDOWN($C138/24,0)+1,1))-1)+IF('Standard Profiles'!$G$21=$B$10,7,0)+IF('Standard Profiles'!$G$21=$B$17,14,0)+IF('Standard Profiles'!$G$21=$B$24,21,0),MOD($C138,24)+1)/SUM(INDEX($D$3:$AA$30,INDEX(Jesper!$R$2:$R$366,ROW(INDEX(Jesper!AK$2:AK$366,ROUNDDOWN($C138/24,0)+1,1))-1)+IF('Standard Profiles'!$G$21=$B$10,7,0)+IF('Standard Profiles'!$G$21=$B$17,14,0)+IF('Standard Profiles'!$G$21=$B$24,21,0),0)),0)</f>
        <v>6.2811931605225251</v>
      </c>
      <c r="H138" cm="1">
        <f t="array" ref="H138">IFERROR(INDEX(Jesper!AL$2:AL$366,ROUNDDOWN($C138/24,0)+1,1)*INDEX($D$3:$AA$30,INDEX(Jesper!$R$2:$R$366,ROW(INDEX(Jesper!AL$2:AL$366,ROUNDDOWN($C138/24,0)+1,1))-1)+IF('Standard Profiles'!$G$22=$B$10,7,0)+IF('Standard Profiles'!$G$22=$B$17,14,0)+IF('Standard Profiles'!$G$22=$B$24,21,0),MOD($C138,24)+1)/SUM(INDEX($D$3:$AA$30,INDEX(Jesper!$R$2:$R$366,ROW(INDEX(Jesper!AL$2:AL$366,ROUNDDOWN($C138/24,0)+1,1))-1)+IF('Standard Profiles'!$G$22=$B$10,7,0)+IF('Standard Profiles'!$G$22=$B$17,14,0)+IF('Standard Profiles'!$G$22=$B$24,21,0),0)),0)</f>
        <v>0</v>
      </c>
      <c r="I138">
        <f t="shared" si="27"/>
        <v>3.0149727170508105</v>
      </c>
      <c r="J138">
        <f t="shared" si="28"/>
        <v>46.03063473304271</v>
      </c>
      <c r="K138">
        <f t="shared" si="29"/>
        <v>2.8099563118366095</v>
      </c>
      <c r="L138">
        <f t="shared" si="30"/>
        <v>1.4049781559183048</v>
      </c>
      <c r="M138">
        <f t="shared" si="31"/>
        <v>0</v>
      </c>
      <c r="N138" s="45">
        <f t="shared" si="32"/>
        <v>44931.333333333081</v>
      </c>
      <c r="O138">
        <v>3.9444455328916446</v>
      </c>
      <c r="P138">
        <v>48.260554491046889</v>
      </c>
      <c r="Q138">
        <v>2.8242581106934237</v>
      </c>
      <c r="R138">
        <v>1.4121290553467118</v>
      </c>
      <c r="S138">
        <v>0</v>
      </c>
      <c r="T138" s="45">
        <v>45064.333333325339</v>
      </c>
    </row>
    <row r="139" spans="2:21" x14ac:dyDescent="0.25">
      <c r="B139">
        <f t="shared" si="26"/>
        <v>4</v>
      </c>
      <c r="C139" s="16">
        <v>105</v>
      </c>
      <c r="D139" cm="1">
        <f t="array" ref="D139">IFERROR(INDEX(Jesper!AH$2:AH$366,ROUNDDOWN($C139/24,0)+1,1)*INDEX($D$3:$AA$30,INDEX(Jesper!$R$2:$R$366,ROW(INDEX(Jesper!AH$2:AH$366,ROUNDDOWN($C139/24,0)+1,1))-1)+IF('Standard Profiles'!$G$18=$B$10,7,0)+IF('Standard Profiles'!$G$18=$B$17,14,0)+IF('Standard Profiles'!$G$18=$B$24,21,0),MOD($C139,24)+1)/SUM(INDEX($D$3:$AA$30,INDEX(Jesper!$R$2:$R$366,ROW(INDEX(Jesper!AH$2:AH$366,ROUNDDOWN($C139/24,0)+1,1))-1)+IF('Standard Profiles'!$G$18=$B$10,7,0)+IF('Standard Profiles'!$G$18=$B$17,14,0)+IF('Standard Profiles'!$G$18=$B$24,21,0),0)),0)</f>
        <v>29.07708329760171</v>
      </c>
      <c r="E139" cm="1">
        <f t="array" ref="E139">IFERROR(INDEX(Jesper!AI$2:AI$366,ROUNDDOWN($C139/24,0)+1,1)*INDEX($D$3:$AA$30,INDEX(Jesper!$R$2:$R$366,ROW(INDEX(Jesper!AI$2:AI$366,ROUNDDOWN($C139/24,0)+1,1))-1)+IF('Standard Profiles'!$G$19=$B$10,7,0)+IF('Standard Profiles'!$G$19=$B$17,14,0)+IF('Standard Profiles'!$G$19=$B$24,21,0),MOD($C139,24)+1)/SUM(INDEX($D$3:$AA$30,INDEX(Jesper!$R$2:$R$366,ROW(INDEX(Jesper!AI$2:AI$366,ROUNDDOWN($C139/24,0)+1,1))-1)+IF('Standard Profiles'!$G$19=$B$10,7,0)+IF('Standard Profiles'!$G$19=$B$17,14,0)+IF('Standard Profiles'!$G$19=$B$24,21,0),0)),0)</f>
        <v>22.777480896805191</v>
      </c>
      <c r="F139" cm="1">
        <f t="array" ref="F139">IFERROR(INDEX(Jesper!AJ$2:AJ$366,ROUNDDOWN($C139/24,0)+1,1)*INDEX($D$3:$AA$30,INDEX(Jesper!$R$2:$R$366,ROW(INDEX(Jesper!AJ$2:AJ$366,ROUNDDOWN($C139/24,0)+1,1))-1)+IF('Standard Profiles'!$G$20=$B$10,7,0)+IF('Standard Profiles'!$G$20=$B$17,14,0)+IF('Standard Profiles'!$G$20=$B$24,21,0),MOD($C139,24)+1)/SUM(INDEX($D$3:$AA$30,INDEX(Jesper!$R$2:$R$366,ROW(INDEX(Jesper!AJ$2:AJ$366,ROUNDDOWN($C139/24,0)+1,1))-1)+IF('Standard Profiles'!$G$20=$B$10,7,0)+IF('Standard Profiles'!$G$20=$B$17,14,0)+IF('Standard Profiles'!$G$20=$B$24,21,0),0)),0)</f>
        <v>0</v>
      </c>
      <c r="G139" cm="1">
        <f t="array" ref="G139">IFERROR(INDEX(Jesper!AK$2:AK$366,ROUNDDOWN($C139/24,0)+1,1)*INDEX($D$3:$AA$30,INDEX(Jesper!$R$2:$R$366,ROW(INDEX(Jesper!AK$2:AK$366,ROUNDDOWN($C139/24,0)+1,1))-1)+IF('Standard Profiles'!$G$21=$B$10,7,0)+IF('Standard Profiles'!$G$21=$B$17,14,0)+IF('Standard Profiles'!$G$21=$B$24,21,0),MOD($C139,24)+1)/SUM(INDEX($D$3:$AA$30,INDEX(Jesper!$R$2:$R$366,ROW(INDEX(Jesper!AK$2:AK$366,ROUNDDOWN($C139/24,0)+1,1))-1)+IF('Standard Profiles'!$G$21=$B$10,7,0)+IF('Standard Profiles'!$G$21=$B$17,14,0)+IF('Standard Profiles'!$G$21=$B$24,21,0),0)),0)</f>
        <v>6.9330150922748626</v>
      </c>
      <c r="H139" cm="1">
        <f t="array" ref="H139">IFERROR(INDEX(Jesper!AL$2:AL$366,ROUNDDOWN($C139/24,0)+1,1)*INDEX($D$3:$AA$30,INDEX(Jesper!$R$2:$R$366,ROW(INDEX(Jesper!AL$2:AL$366,ROUNDDOWN($C139/24,0)+1,1))-1)+IF('Standard Profiles'!$G$22=$B$10,7,0)+IF('Standard Profiles'!$G$22=$B$17,14,0)+IF('Standard Profiles'!$G$22=$B$24,21,0),MOD($C139,24)+1)/SUM(INDEX($D$3:$AA$30,INDEX(Jesper!$R$2:$R$366,ROW(INDEX(Jesper!AL$2:AL$366,ROUNDDOWN($C139/24,0)+1,1))-1)+IF('Standard Profiles'!$G$22=$B$10,7,0)+IF('Standard Profiles'!$G$22=$B$17,14,0)+IF('Standard Profiles'!$G$22=$B$24,21,0),0)),0)</f>
        <v>0</v>
      </c>
      <c r="I139">
        <f t="shared" si="27"/>
        <v>3.3278472442919322</v>
      </c>
      <c r="J139">
        <f t="shared" si="28"/>
        <v>50.807398714773562</v>
      </c>
      <c r="K139">
        <f t="shared" si="29"/>
        <v>3.1015555517441826</v>
      </c>
      <c r="L139">
        <f t="shared" si="30"/>
        <v>1.5507777758720913</v>
      </c>
      <c r="M139">
        <f t="shared" si="31"/>
        <v>0</v>
      </c>
      <c r="N139" s="45">
        <f t="shared" si="32"/>
        <v>44931.374999999745</v>
      </c>
      <c r="O139">
        <v>4.3537747863049283</v>
      </c>
      <c r="P139">
        <v>53.268725240117796</v>
      </c>
      <c r="Q139">
        <v>3.1173414995389677</v>
      </c>
      <c r="R139">
        <v>1.5586707497694838</v>
      </c>
      <c r="S139">
        <v>0</v>
      </c>
      <c r="T139" s="45">
        <v>45064.374999992004</v>
      </c>
    </row>
    <row r="140" spans="2:21" x14ac:dyDescent="0.25">
      <c r="B140">
        <f t="shared" si="26"/>
        <v>4</v>
      </c>
      <c r="C140" s="16">
        <v>106</v>
      </c>
      <c r="D140" cm="1">
        <f t="array" ref="D140">IFERROR(INDEX(Jesper!AH$2:AH$366,ROUNDDOWN($C140/24,0)+1,1)*INDEX($D$3:$AA$30,INDEX(Jesper!$R$2:$R$366,ROW(INDEX(Jesper!AH$2:AH$366,ROUNDDOWN($C140/24,0)+1,1))-1)+IF('Standard Profiles'!$G$18=$B$10,7,0)+IF('Standard Profiles'!$G$18=$B$17,14,0)+IF('Standard Profiles'!$G$18=$B$24,21,0),MOD($C140,24)+1)/SUM(INDEX($D$3:$AA$30,INDEX(Jesper!$R$2:$R$366,ROW(INDEX(Jesper!AH$2:AH$366,ROUNDDOWN($C140/24,0)+1,1))-1)+IF('Standard Profiles'!$G$18=$B$10,7,0)+IF('Standard Profiles'!$G$18=$B$17,14,0)+IF('Standard Profiles'!$G$18=$B$24,21,0),0)),0)</f>
        <v>29.07708329760171</v>
      </c>
      <c r="E140" cm="1">
        <f t="array" ref="E140">IFERROR(INDEX(Jesper!AI$2:AI$366,ROUNDDOWN($C140/24,0)+1,1)*INDEX($D$3:$AA$30,INDEX(Jesper!$R$2:$R$366,ROW(INDEX(Jesper!AI$2:AI$366,ROUNDDOWN($C140/24,0)+1,1))-1)+IF('Standard Profiles'!$G$19=$B$10,7,0)+IF('Standard Profiles'!$G$19=$B$17,14,0)+IF('Standard Profiles'!$G$19=$B$24,21,0),MOD($C140,24)+1)/SUM(INDEX($D$3:$AA$30,INDEX(Jesper!$R$2:$R$366,ROW(INDEX(Jesper!AI$2:AI$366,ROUNDDOWN($C140/24,0)+1,1))-1)+IF('Standard Profiles'!$G$19=$B$10,7,0)+IF('Standard Profiles'!$G$19=$B$17,14,0)+IF('Standard Profiles'!$G$19=$B$24,21,0),0)),0)</f>
        <v>22.777480896805191</v>
      </c>
      <c r="F140" cm="1">
        <f t="array" ref="F140">IFERROR(INDEX(Jesper!AJ$2:AJ$366,ROUNDDOWN($C140/24,0)+1,1)*INDEX($D$3:$AA$30,INDEX(Jesper!$R$2:$R$366,ROW(INDEX(Jesper!AJ$2:AJ$366,ROUNDDOWN($C140/24,0)+1,1))-1)+IF('Standard Profiles'!$G$20=$B$10,7,0)+IF('Standard Profiles'!$G$20=$B$17,14,0)+IF('Standard Profiles'!$G$20=$B$24,21,0),MOD($C140,24)+1)/SUM(INDEX($D$3:$AA$30,INDEX(Jesper!$R$2:$R$366,ROW(INDEX(Jesper!AJ$2:AJ$366,ROUNDDOWN($C140/24,0)+1,1))-1)+IF('Standard Profiles'!$G$20=$B$10,7,0)+IF('Standard Profiles'!$G$20=$B$17,14,0)+IF('Standard Profiles'!$G$20=$B$24,21,0),0)),0)</f>
        <v>0</v>
      </c>
      <c r="G140" cm="1">
        <f t="array" ref="G140">IFERROR(INDEX(Jesper!AK$2:AK$366,ROUNDDOWN($C140/24,0)+1,1)*INDEX($D$3:$AA$30,INDEX(Jesper!$R$2:$R$366,ROW(INDEX(Jesper!AK$2:AK$366,ROUNDDOWN($C140/24,0)+1,1))-1)+IF('Standard Profiles'!$G$21=$B$10,7,0)+IF('Standard Profiles'!$G$21=$B$17,14,0)+IF('Standard Profiles'!$G$21=$B$24,21,0),MOD($C140,24)+1)/SUM(INDEX($D$3:$AA$30,INDEX(Jesper!$R$2:$R$366,ROW(INDEX(Jesper!AK$2:AK$366,ROUNDDOWN($C140/24,0)+1,1))-1)+IF('Standard Profiles'!$G$21=$B$10,7,0)+IF('Standard Profiles'!$G$21=$B$17,14,0)+IF('Standard Profiles'!$G$21=$B$24,21,0),0)),0)</f>
        <v>6.9330150922748626</v>
      </c>
      <c r="H140" cm="1">
        <f t="array" ref="H140">IFERROR(INDEX(Jesper!AL$2:AL$366,ROUNDDOWN($C140/24,0)+1,1)*INDEX($D$3:$AA$30,INDEX(Jesper!$R$2:$R$366,ROW(INDEX(Jesper!AL$2:AL$366,ROUNDDOWN($C140/24,0)+1,1))-1)+IF('Standard Profiles'!$G$22=$B$10,7,0)+IF('Standard Profiles'!$G$22=$B$17,14,0)+IF('Standard Profiles'!$G$22=$B$24,21,0),MOD($C140,24)+1)/SUM(INDEX($D$3:$AA$30,INDEX(Jesper!$R$2:$R$366,ROW(INDEX(Jesper!AL$2:AL$366,ROUNDDOWN($C140/24,0)+1,1))-1)+IF('Standard Profiles'!$G$22=$B$10,7,0)+IF('Standard Profiles'!$G$22=$B$17,14,0)+IF('Standard Profiles'!$G$22=$B$24,21,0),0)),0)</f>
        <v>0</v>
      </c>
      <c r="I140">
        <f t="shared" si="27"/>
        <v>3.3278472442919322</v>
      </c>
      <c r="J140">
        <f t="shared" si="28"/>
        <v>50.807398714773562</v>
      </c>
      <c r="K140">
        <f t="shared" si="29"/>
        <v>3.1015555517441826</v>
      </c>
      <c r="L140">
        <f t="shared" si="30"/>
        <v>1.5507777758720913</v>
      </c>
      <c r="M140">
        <f t="shared" si="31"/>
        <v>0</v>
      </c>
      <c r="N140" s="45">
        <f t="shared" si="32"/>
        <v>44931.41666666641</v>
      </c>
      <c r="O140">
        <v>4.3537747863049283</v>
      </c>
      <c r="P140">
        <v>53.268725240117796</v>
      </c>
      <c r="Q140">
        <v>3.1173414995389677</v>
      </c>
      <c r="R140">
        <v>1.5586707497694838</v>
      </c>
      <c r="S140">
        <v>0</v>
      </c>
      <c r="T140" s="45">
        <v>45064.416666658668</v>
      </c>
    </row>
    <row r="141" spans="2:21" x14ac:dyDescent="0.25">
      <c r="B141">
        <f t="shared" si="26"/>
        <v>4</v>
      </c>
      <c r="C141" s="16">
        <v>107</v>
      </c>
      <c r="D141" cm="1">
        <f t="array" ref="D141">IFERROR(INDEX(Jesper!AH$2:AH$366,ROUNDDOWN($C141/24,0)+1,1)*INDEX($D$3:$AA$30,INDEX(Jesper!$R$2:$R$366,ROW(INDEX(Jesper!AH$2:AH$366,ROUNDDOWN($C141/24,0)+1,1))-1)+IF('Standard Profiles'!$G$18=$B$10,7,0)+IF('Standard Profiles'!$G$18=$B$17,14,0)+IF('Standard Profiles'!$G$18=$B$24,21,0),MOD($C141,24)+1)/SUM(INDEX($D$3:$AA$30,INDEX(Jesper!$R$2:$R$366,ROW(INDEX(Jesper!AH$2:AH$366,ROUNDDOWN($C141/24,0)+1,1))-1)+IF('Standard Profiles'!$G$18=$B$10,7,0)+IF('Standard Profiles'!$G$18=$B$17,14,0)+IF('Standard Profiles'!$G$18=$B$24,21,0),0)),0)</f>
        <v>34.793091125335373</v>
      </c>
      <c r="E141" cm="1">
        <f t="array" ref="E141">IFERROR(INDEX(Jesper!AI$2:AI$366,ROUNDDOWN($C141/24,0)+1,1)*INDEX($D$3:$AA$30,INDEX(Jesper!$R$2:$R$366,ROW(INDEX(Jesper!AI$2:AI$366,ROUNDDOWN($C141/24,0)+1,1))-1)+IF('Standard Profiles'!$G$19=$B$10,7,0)+IF('Standard Profiles'!$G$19=$B$17,14,0)+IF('Standard Profiles'!$G$19=$B$24,21,0),MOD($C141,24)+1)/SUM(INDEX($D$3:$AA$30,INDEX(Jesper!$R$2:$R$366,ROW(INDEX(Jesper!AI$2:AI$366,ROUNDDOWN($C141/24,0)+1,1))-1)+IF('Standard Profiles'!$G$19=$B$10,7,0)+IF('Standard Profiles'!$G$19=$B$17,14,0)+IF('Standard Profiles'!$G$19=$B$24,21,0),0)),0)</f>
        <v>27.255105346604498</v>
      </c>
      <c r="F141" cm="1">
        <f t="array" ref="F141">IFERROR(INDEX(Jesper!AJ$2:AJ$366,ROUNDDOWN($C141/24,0)+1,1)*INDEX($D$3:$AA$30,INDEX(Jesper!$R$2:$R$366,ROW(INDEX(Jesper!AJ$2:AJ$366,ROUNDDOWN($C141/24,0)+1,1))-1)+IF('Standard Profiles'!$G$20=$B$10,7,0)+IF('Standard Profiles'!$G$20=$B$17,14,0)+IF('Standard Profiles'!$G$20=$B$24,21,0),MOD($C141,24)+1)/SUM(INDEX($D$3:$AA$30,INDEX(Jesper!$R$2:$R$366,ROW(INDEX(Jesper!AJ$2:AJ$366,ROUNDDOWN($C141/24,0)+1,1))-1)+IF('Standard Profiles'!$G$20=$B$10,7,0)+IF('Standard Profiles'!$G$20=$B$17,14,0)+IF('Standard Profiles'!$G$20=$B$24,21,0),0)),0)</f>
        <v>0</v>
      </c>
      <c r="G141" cm="1">
        <f t="array" ref="G141">IFERROR(INDEX(Jesper!AK$2:AK$366,ROUNDDOWN($C141/24,0)+1,1)*INDEX($D$3:$AA$30,INDEX(Jesper!$R$2:$R$366,ROW(INDEX(Jesper!AK$2:AK$366,ROUNDDOWN($C141/24,0)+1,1))-1)+IF('Standard Profiles'!$G$21=$B$10,7,0)+IF('Standard Profiles'!$G$21=$B$17,14,0)+IF('Standard Profiles'!$G$21=$B$24,21,0),MOD($C141,24)+1)/SUM(INDEX($D$3:$AA$30,INDEX(Jesper!$R$2:$R$366,ROW(INDEX(Jesper!AK$2:AK$366,ROUNDDOWN($C141/24,0)+1,1))-1)+IF('Standard Profiles'!$G$21=$B$10,7,0)+IF('Standard Profiles'!$G$21=$B$17,14,0)+IF('Standard Profiles'!$G$21=$B$24,21,0),0)),0)</f>
        <v>8.2959154950297496</v>
      </c>
      <c r="H141" cm="1">
        <f t="array" ref="H141">IFERROR(INDEX(Jesper!AL$2:AL$366,ROUNDDOWN($C141/24,0)+1,1)*INDEX($D$3:$AA$30,INDEX(Jesper!$R$2:$R$366,ROW(INDEX(Jesper!AL$2:AL$366,ROUNDDOWN($C141/24,0)+1,1))-1)+IF('Standard Profiles'!$G$22=$B$10,7,0)+IF('Standard Profiles'!$G$22=$B$17,14,0)+IF('Standard Profiles'!$G$22=$B$24,21,0),MOD($C141,24)+1)/SUM(INDEX($D$3:$AA$30,INDEX(Jesper!$R$2:$R$366,ROW(INDEX(Jesper!AL$2:AL$366,ROUNDDOWN($C141/24,0)+1,1))-1)+IF('Standard Profiles'!$G$22=$B$10,7,0)+IF('Standard Profiles'!$G$22=$B$17,14,0)+IF('Standard Profiles'!$G$22=$B$24,21,0),0)),0)</f>
        <v>0</v>
      </c>
      <c r="I141">
        <f t="shared" si="27"/>
        <v>3.9820394376142776</v>
      </c>
      <c r="J141">
        <f t="shared" si="28"/>
        <v>60.795177949301682</v>
      </c>
      <c r="K141">
        <f t="shared" si="29"/>
        <v>3.7112630533691067</v>
      </c>
      <c r="L141">
        <f t="shared" si="30"/>
        <v>1.8556315266845533</v>
      </c>
      <c r="M141">
        <f t="shared" si="31"/>
        <v>0</v>
      </c>
      <c r="N141" s="45">
        <f t="shared" si="32"/>
        <v>44931.458333333074</v>
      </c>
      <c r="O141">
        <v>5.2096450434417942</v>
      </c>
      <c r="P141">
        <v>63.740354988175127</v>
      </c>
      <c r="Q141">
        <v>3.7301522216705592</v>
      </c>
      <c r="R141">
        <v>1.8650761108352796</v>
      </c>
      <c r="S141">
        <v>0</v>
      </c>
      <c r="T141" s="45">
        <v>45064.458333325332</v>
      </c>
      <c r="U141" t="str">
        <f>CHOOSE(WEEKDAY(T141,2),"Monday","Tuesday","Wednesday","Thursday","Friday","Saturday","Sunday")</f>
        <v>Thursday</v>
      </c>
    </row>
    <row r="142" spans="2:21" x14ac:dyDescent="0.25">
      <c r="B142">
        <f t="shared" si="26"/>
        <v>4</v>
      </c>
      <c r="C142" s="16">
        <v>108</v>
      </c>
      <c r="D142" cm="1">
        <f t="array" ref="D142">IFERROR(INDEX(Jesper!AH$2:AH$366,ROUNDDOWN($C142/24,0)+1,1)*INDEX($D$3:$AA$30,INDEX(Jesper!$R$2:$R$366,ROW(INDEX(Jesper!AH$2:AH$366,ROUNDDOWN($C142/24,0)+1,1))-1)+IF('Standard Profiles'!$G$18=$B$10,7,0)+IF('Standard Profiles'!$G$18=$B$17,14,0)+IF('Standard Profiles'!$G$18=$B$24,21,0),MOD($C142,24)+1)/SUM(INDEX($D$3:$AA$30,INDEX(Jesper!$R$2:$R$366,ROW(INDEX(Jesper!AH$2:AH$366,ROUNDDOWN($C142/24,0)+1,1))-1)+IF('Standard Profiles'!$G$18=$B$10,7,0)+IF('Standard Profiles'!$G$18=$B$17,14,0)+IF('Standard Profiles'!$G$18=$B$24,21,0),0)),0)</f>
        <v>34.793091125335373</v>
      </c>
      <c r="E142" cm="1">
        <f t="array" ref="E142">IFERROR(INDEX(Jesper!AI$2:AI$366,ROUNDDOWN($C142/24,0)+1,1)*INDEX($D$3:$AA$30,INDEX(Jesper!$R$2:$R$366,ROW(INDEX(Jesper!AI$2:AI$366,ROUNDDOWN($C142/24,0)+1,1))-1)+IF('Standard Profiles'!$G$19=$B$10,7,0)+IF('Standard Profiles'!$G$19=$B$17,14,0)+IF('Standard Profiles'!$G$19=$B$24,21,0),MOD($C142,24)+1)/SUM(INDEX($D$3:$AA$30,INDEX(Jesper!$R$2:$R$366,ROW(INDEX(Jesper!AI$2:AI$366,ROUNDDOWN($C142/24,0)+1,1))-1)+IF('Standard Profiles'!$G$19=$B$10,7,0)+IF('Standard Profiles'!$G$19=$B$17,14,0)+IF('Standard Profiles'!$G$19=$B$24,21,0),0)),0)</f>
        <v>27.255105346604498</v>
      </c>
      <c r="F142" cm="1">
        <f t="array" ref="F142">IFERROR(INDEX(Jesper!AJ$2:AJ$366,ROUNDDOWN($C142/24,0)+1,1)*INDEX($D$3:$AA$30,INDEX(Jesper!$R$2:$R$366,ROW(INDEX(Jesper!AJ$2:AJ$366,ROUNDDOWN($C142/24,0)+1,1))-1)+IF('Standard Profiles'!$G$20=$B$10,7,0)+IF('Standard Profiles'!$G$20=$B$17,14,0)+IF('Standard Profiles'!$G$20=$B$24,21,0),MOD($C142,24)+1)/SUM(INDEX($D$3:$AA$30,INDEX(Jesper!$R$2:$R$366,ROW(INDEX(Jesper!AJ$2:AJ$366,ROUNDDOWN($C142/24,0)+1,1))-1)+IF('Standard Profiles'!$G$20=$B$10,7,0)+IF('Standard Profiles'!$G$20=$B$17,14,0)+IF('Standard Profiles'!$G$20=$B$24,21,0),0)),0)</f>
        <v>0</v>
      </c>
      <c r="G142" cm="1">
        <f t="array" ref="G142">IFERROR(INDEX(Jesper!AK$2:AK$366,ROUNDDOWN($C142/24,0)+1,1)*INDEX($D$3:$AA$30,INDEX(Jesper!$R$2:$R$366,ROW(INDEX(Jesper!AK$2:AK$366,ROUNDDOWN($C142/24,0)+1,1))-1)+IF('Standard Profiles'!$G$21=$B$10,7,0)+IF('Standard Profiles'!$G$21=$B$17,14,0)+IF('Standard Profiles'!$G$21=$B$24,21,0),MOD($C142,24)+1)/SUM(INDEX($D$3:$AA$30,INDEX(Jesper!$R$2:$R$366,ROW(INDEX(Jesper!AK$2:AK$366,ROUNDDOWN($C142/24,0)+1,1))-1)+IF('Standard Profiles'!$G$21=$B$10,7,0)+IF('Standard Profiles'!$G$21=$B$17,14,0)+IF('Standard Profiles'!$G$21=$B$24,21,0),0)),0)</f>
        <v>8.2959154950297496</v>
      </c>
      <c r="H142" cm="1">
        <f t="array" ref="H142">IFERROR(INDEX(Jesper!AL$2:AL$366,ROUNDDOWN($C142/24,0)+1,1)*INDEX($D$3:$AA$30,INDEX(Jesper!$R$2:$R$366,ROW(INDEX(Jesper!AL$2:AL$366,ROUNDDOWN($C142/24,0)+1,1))-1)+IF('Standard Profiles'!$G$22=$B$10,7,0)+IF('Standard Profiles'!$G$22=$B$17,14,0)+IF('Standard Profiles'!$G$22=$B$24,21,0),MOD($C142,24)+1)/SUM(INDEX($D$3:$AA$30,INDEX(Jesper!$R$2:$R$366,ROW(INDEX(Jesper!AL$2:AL$366,ROUNDDOWN($C142/24,0)+1,1))-1)+IF('Standard Profiles'!$G$22=$B$10,7,0)+IF('Standard Profiles'!$G$22=$B$17,14,0)+IF('Standard Profiles'!$G$22=$B$24,21,0),0)),0)</f>
        <v>0</v>
      </c>
      <c r="I142">
        <f t="shared" si="27"/>
        <v>3.9820394376142776</v>
      </c>
      <c r="J142">
        <f t="shared" si="28"/>
        <v>60.795177949301682</v>
      </c>
      <c r="K142">
        <f t="shared" si="29"/>
        <v>3.7112630533691067</v>
      </c>
      <c r="L142">
        <f t="shared" si="30"/>
        <v>1.8556315266845533</v>
      </c>
      <c r="M142">
        <f t="shared" si="31"/>
        <v>0</v>
      </c>
      <c r="N142" s="45">
        <f t="shared" si="32"/>
        <v>44931.499999999738</v>
      </c>
      <c r="O142">
        <v>5.2096450434417942</v>
      </c>
      <c r="P142">
        <v>63.740354988175127</v>
      </c>
      <c r="Q142">
        <v>3.7301522216705592</v>
      </c>
      <c r="R142">
        <v>1.8650761108352796</v>
      </c>
      <c r="S142">
        <v>0</v>
      </c>
      <c r="T142" s="45">
        <v>45064.499999991996</v>
      </c>
    </row>
    <row r="143" spans="2:21" x14ac:dyDescent="0.25">
      <c r="B143">
        <f t="shared" si="26"/>
        <v>4</v>
      </c>
      <c r="C143" s="16">
        <v>109</v>
      </c>
      <c r="D143" cm="1">
        <f t="array" ref="D143">IFERROR(INDEX(Jesper!AH$2:AH$366,ROUNDDOWN($C143/24,0)+1,1)*INDEX($D$3:$AA$30,INDEX(Jesper!$R$2:$R$366,ROW(INDEX(Jesper!AH$2:AH$366,ROUNDDOWN($C143/24,0)+1,1))-1)+IF('Standard Profiles'!$G$18=$B$10,7,0)+IF('Standard Profiles'!$G$18=$B$17,14,0)+IF('Standard Profiles'!$G$18=$B$24,21,0),MOD($C143,24)+1)/SUM(INDEX($D$3:$AA$30,INDEX(Jesper!$R$2:$R$366,ROW(INDEX(Jesper!AH$2:AH$366,ROUNDDOWN($C143/24,0)+1,1))-1)+IF('Standard Profiles'!$G$18=$B$10,7,0)+IF('Standard Profiles'!$G$18=$B$17,14,0)+IF('Standard Profiles'!$G$18=$B$24,21,0),0)),0)</f>
        <v>23.112553390401356</v>
      </c>
      <c r="E143" cm="1">
        <f t="array" ref="E143">IFERROR(INDEX(Jesper!AI$2:AI$366,ROUNDDOWN($C143/24,0)+1,1)*INDEX($D$3:$AA$30,INDEX(Jesper!$R$2:$R$366,ROW(INDEX(Jesper!AI$2:AI$366,ROUNDDOWN($C143/24,0)+1,1))-1)+IF('Standard Profiles'!$G$19=$B$10,7,0)+IF('Standard Profiles'!$G$19=$B$17,14,0)+IF('Standard Profiles'!$G$19=$B$24,21,0),MOD($C143,24)+1)/SUM(INDEX($D$3:$AA$30,INDEX(Jesper!$R$2:$R$366,ROW(INDEX(Jesper!AI$2:AI$366,ROUNDDOWN($C143/24,0)+1,1))-1)+IF('Standard Profiles'!$G$19=$B$10,7,0)+IF('Standard Profiles'!$G$19=$B$17,14,0)+IF('Standard Profiles'!$G$19=$B$24,21,0),0)),0)</f>
        <v>18.105177123101559</v>
      </c>
      <c r="F143" cm="1">
        <f t="array" ref="F143">IFERROR(INDEX(Jesper!AJ$2:AJ$366,ROUNDDOWN($C143/24,0)+1,1)*INDEX($D$3:$AA$30,INDEX(Jesper!$R$2:$R$366,ROW(INDEX(Jesper!AJ$2:AJ$366,ROUNDDOWN($C143/24,0)+1,1))-1)+IF('Standard Profiles'!$G$20=$B$10,7,0)+IF('Standard Profiles'!$G$20=$B$17,14,0)+IF('Standard Profiles'!$G$20=$B$24,21,0),MOD($C143,24)+1)/SUM(INDEX($D$3:$AA$30,INDEX(Jesper!$R$2:$R$366,ROW(INDEX(Jesper!AJ$2:AJ$366,ROUNDDOWN($C143/24,0)+1,1))-1)+IF('Standard Profiles'!$G$20=$B$10,7,0)+IF('Standard Profiles'!$G$20=$B$17,14,0)+IF('Standard Profiles'!$G$20=$B$24,21,0),0)),0)</f>
        <v>0</v>
      </c>
      <c r="G143" cm="1">
        <f t="array" ref="G143">IFERROR(INDEX(Jesper!AK$2:AK$366,ROUNDDOWN($C143/24,0)+1,1)*INDEX($D$3:$AA$30,INDEX(Jesper!$R$2:$R$366,ROW(INDEX(Jesper!AK$2:AK$366,ROUNDDOWN($C143/24,0)+1,1))-1)+IF('Standard Profiles'!$G$21=$B$10,7,0)+IF('Standard Profiles'!$G$21=$B$17,14,0)+IF('Standard Profiles'!$G$21=$B$24,21,0),MOD($C143,24)+1)/SUM(INDEX($D$3:$AA$30,INDEX(Jesper!$R$2:$R$366,ROW(INDEX(Jesper!AK$2:AK$366,ROUNDDOWN($C143/24,0)+1,1))-1)+IF('Standard Profiles'!$G$21=$B$10,7,0)+IF('Standard Profiles'!$G$21=$B$17,14,0)+IF('Standard Profiles'!$G$21=$B$24,21,0),0)),0)</f>
        <v>5.5108581502697627</v>
      </c>
      <c r="H143" cm="1">
        <f t="array" ref="H143">IFERROR(INDEX(Jesper!AL$2:AL$366,ROUNDDOWN($C143/24,0)+1,1)*INDEX($D$3:$AA$30,INDEX(Jesper!$R$2:$R$366,ROW(INDEX(Jesper!AL$2:AL$366,ROUNDDOWN($C143/24,0)+1,1))-1)+IF('Standard Profiles'!$G$22=$B$10,7,0)+IF('Standard Profiles'!$G$22=$B$17,14,0)+IF('Standard Profiles'!$G$22=$B$24,21,0),MOD($C143,24)+1)/SUM(INDEX($D$3:$AA$30,INDEX(Jesper!$R$2:$R$366,ROW(INDEX(Jesper!AL$2:AL$366,ROUNDDOWN($C143/24,0)+1,1))-1)+IF('Standard Profiles'!$G$22=$B$10,7,0)+IF('Standard Profiles'!$G$22=$B$17,14,0)+IF('Standard Profiles'!$G$22=$B$24,21,0),0)),0)</f>
        <v>0</v>
      </c>
      <c r="I143">
        <f t="shared" si="27"/>
        <v>2.6452119121294846</v>
      </c>
      <c r="J143">
        <f t="shared" si="28"/>
        <v>40.385368209178971</v>
      </c>
      <c r="K143">
        <f t="shared" si="29"/>
        <v>2.465339028309478</v>
      </c>
      <c r="L143">
        <f t="shared" si="30"/>
        <v>1.232669514154739</v>
      </c>
      <c r="M143">
        <f t="shared" si="31"/>
        <v>0</v>
      </c>
      <c r="N143" s="45">
        <f t="shared" si="32"/>
        <v>44931.541666666402</v>
      </c>
      <c r="O143">
        <v>3.4606927788577631</v>
      </c>
      <c r="P143">
        <v>42.34180724214491</v>
      </c>
      <c r="Q143">
        <v>2.4778868329668713</v>
      </c>
      <c r="R143">
        <v>1.2389434164834356</v>
      </c>
      <c r="S143">
        <v>0</v>
      </c>
      <c r="T143" s="45">
        <v>45064.541666658661</v>
      </c>
    </row>
    <row r="144" spans="2:21" x14ac:dyDescent="0.25">
      <c r="B144">
        <f t="shared" si="26"/>
        <v>4</v>
      </c>
      <c r="C144" s="16">
        <v>110</v>
      </c>
      <c r="D144" cm="1">
        <f t="array" ref="D144">IFERROR(INDEX(Jesper!AH$2:AH$366,ROUNDDOWN($C144/24,0)+1,1)*INDEX($D$3:$AA$30,INDEX(Jesper!$R$2:$R$366,ROW(INDEX(Jesper!AH$2:AH$366,ROUNDDOWN($C144/24,0)+1,1))-1)+IF('Standard Profiles'!$G$18=$B$10,7,0)+IF('Standard Profiles'!$G$18=$B$17,14,0)+IF('Standard Profiles'!$G$18=$B$24,21,0),MOD($C144,24)+1)/SUM(INDEX($D$3:$AA$30,INDEX(Jesper!$R$2:$R$366,ROW(INDEX(Jesper!AH$2:AH$366,ROUNDDOWN($C144/24,0)+1,1))-1)+IF('Standard Profiles'!$G$18=$B$10,7,0)+IF('Standard Profiles'!$G$18=$B$17,14,0)+IF('Standard Profiles'!$G$18=$B$24,21,0),0)),0)</f>
        <v>34.793091125335373</v>
      </c>
      <c r="E144" cm="1">
        <f t="array" ref="E144">IFERROR(INDEX(Jesper!AI$2:AI$366,ROUNDDOWN($C144/24,0)+1,1)*INDEX($D$3:$AA$30,INDEX(Jesper!$R$2:$R$366,ROW(INDEX(Jesper!AI$2:AI$366,ROUNDDOWN($C144/24,0)+1,1))-1)+IF('Standard Profiles'!$G$19=$B$10,7,0)+IF('Standard Profiles'!$G$19=$B$17,14,0)+IF('Standard Profiles'!$G$19=$B$24,21,0),MOD($C144,24)+1)/SUM(INDEX($D$3:$AA$30,INDEX(Jesper!$R$2:$R$366,ROW(INDEX(Jesper!AI$2:AI$366,ROUNDDOWN($C144/24,0)+1,1))-1)+IF('Standard Profiles'!$G$19=$B$10,7,0)+IF('Standard Profiles'!$G$19=$B$17,14,0)+IF('Standard Profiles'!$G$19=$B$24,21,0),0)),0)</f>
        <v>27.255105346604498</v>
      </c>
      <c r="F144" cm="1">
        <f t="array" ref="F144">IFERROR(INDEX(Jesper!AJ$2:AJ$366,ROUNDDOWN($C144/24,0)+1,1)*INDEX($D$3:$AA$30,INDEX(Jesper!$R$2:$R$366,ROW(INDEX(Jesper!AJ$2:AJ$366,ROUNDDOWN($C144/24,0)+1,1))-1)+IF('Standard Profiles'!$G$20=$B$10,7,0)+IF('Standard Profiles'!$G$20=$B$17,14,0)+IF('Standard Profiles'!$G$20=$B$24,21,0),MOD($C144,24)+1)/SUM(INDEX($D$3:$AA$30,INDEX(Jesper!$R$2:$R$366,ROW(INDEX(Jesper!AJ$2:AJ$366,ROUNDDOWN($C144/24,0)+1,1))-1)+IF('Standard Profiles'!$G$20=$B$10,7,0)+IF('Standard Profiles'!$G$20=$B$17,14,0)+IF('Standard Profiles'!$G$20=$B$24,21,0),0)),0)</f>
        <v>0</v>
      </c>
      <c r="G144" cm="1">
        <f t="array" ref="G144">IFERROR(INDEX(Jesper!AK$2:AK$366,ROUNDDOWN($C144/24,0)+1,1)*INDEX($D$3:$AA$30,INDEX(Jesper!$R$2:$R$366,ROW(INDEX(Jesper!AK$2:AK$366,ROUNDDOWN($C144/24,0)+1,1))-1)+IF('Standard Profiles'!$G$21=$B$10,7,0)+IF('Standard Profiles'!$G$21=$B$17,14,0)+IF('Standard Profiles'!$G$21=$B$24,21,0),MOD($C144,24)+1)/SUM(INDEX($D$3:$AA$30,INDEX(Jesper!$R$2:$R$366,ROW(INDEX(Jesper!AK$2:AK$366,ROUNDDOWN($C144/24,0)+1,1))-1)+IF('Standard Profiles'!$G$21=$B$10,7,0)+IF('Standard Profiles'!$G$21=$B$17,14,0)+IF('Standard Profiles'!$G$21=$B$24,21,0),0)),0)</f>
        <v>8.2959154950297496</v>
      </c>
      <c r="H144" cm="1">
        <f t="array" ref="H144">IFERROR(INDEX(Jesper!AL$2:AL$366,ROUNDDOWN($C144/24,0)+1,1)*INDEX($D$3:$AA$30,INDEX(Jesper!$R$2:$R$366,ROW(INDEX(Jesper!AL$2:AL$366,ROUNDDOWN($C144/24,0)+1,1))-1)+IF('Standard Profiles'!$G$22=$B$10,7,0)+IF('Standard Profiles'!$G$22=$B$17,14,0)+IF('Standard Profiles'!$G$22=$B$24,21,0),MOD($C144,24)+1)/SUM(INDEX($D$3:$AA$30,INDEX(Jesper!$R$2:$R$366,ROW(INDEX(Jesper!AL$2:AL$366,ROUNDDOWN($C144/24,0)+1,1))-1)+IF('Standard Profiles'!$G$22=$B$10,7,0)+IF('Standard Profiles'!$G$22=$B$17,14,0)+IF('Standard Profiles'!$G$22=$B$24,21,0),0)),0)</f>
        <v>0</v>
      </c>
      <c r="I144">
        <f t="shared" si="27"/>
        <v>3.9820394376142776</v>
      </c>
      <c r="J144">
        <f t="shared" si="28"/>
        <v>60.795177949301682</v>
      </c>
      <c r="K144">
        <f t="shared" si="29"/>
        <v>3.7112630533691067</v>
      </c>
      <c r="L144">
        <f t="shared" si="30"/>
        <v>1.8556315266845533</v>
      </c>
      <c r="M144">
        <f t="shared" si="31"/>
        <v>0</v>
      </c>
      <c r="N144" s="45">
        <f t="shared" si="32"/>
        <v>44931.583333333067</v>
      </c>
      <c r="O144">
        <v>5.2096450434417942</v>
      </c>
      <c r="P144">
        <v>63.740354988175127</v>
      </c>
      <c r="Q144">
        <v>3.7301522216705592</v>
      </c>
      <c r="R144">
        <v>1.8650761108352796</v>
      </c>
      <c r="S144">
        <v>0</v>
      </c>
      <c r="T144" s="45">
        <v>45064.583333325325</v>
      </c>
    </row>
    <row r="145" spans="2:20" x14ac:dyDescent="0.25">
      <c r="B145">
        <f t="shared" si="26"/>
        <v>4</v>
      </c>
      <c r="C145" s="16">
        <v>111</v>
      </c>
      <c r="D145" cm="1">
        <f t="array" ref="D145">IFERROR(INDEX(Jesper!AH$2:AH$366,ROUNDDOWN($C145/24,0)+1,1)*INDEX($D$3:$AA$30,INDEX(Jesper!$R$2:$R$366,ROW(INDEX(Jesper!AH$2:AH$366,ROUNDDOWN($C145/24,0)+1,1))-1)+IF('Standard Profiles'!$G$18=$B$10,7,0)+IF('Standard Profiles'!$G$18=$B$17,14,0)+IF('Standard Profiles'!$G$18=$B$24,21,0),MOD($C145,24)+1)/SUM(INDEX($D$3:$AA$30,INDEX(Jesper!$R$2:$R$366,ROW(INDEX(Jesper!AH$2:AH$366,ROUNDDOWN($C145/24,0)+1,1))-1)+IF('Standard Profiles'!$G$18=$B$10,7,0)+IF('Standard Profiles'!$G$18=$B$17,14,0)+IF('Standard Profiles'!$G$18=$B$24,21,0),0)),0)</f>
        <v>34.793091125335373</v>
      </c>
      <c r="E145" cm="1">
        <f t="array" ref="E145">IFERROR(INDEX(Jesper!AI$2:AI$366,ROUNDDOWN($C145/24,0)+1,1)*INDEX($D$3:$AA$30,INDEX(Jesper!$R$2:$R$366,ROW(INDEX(Jesper!AI$2:AI$366,ROUNDDOWN($C145/24,0)+1,1))-1)+IF('Standard Profiles'!$G$19=$B$10,7,0)+IF('Standard Profiles'!$G$19=$B$17,14,0)+IF('Standard Profiles'!$G$19=$B$24,21,0),MOD($C145,24)+1)/SUM(INDEX($D$3:$AA$30,INDEX(Jesper!$R$2:$R$366,ROW(INDEX(Jesper!AI$2:AI$366,ROUNDDOWN($C145/24,0)+1,1))-1)+IF('Standard Profiles'!$G$19=$B$10,7,0)+IF('Standard Profiles'!$G$19=$B$17,14,0)+IF('Standard Profiles'!$G$19=$B$24,21,0),0)),0)</f>
        <v>27.255105346604498</v>
      </c>
      <c r="F145" cm="1">
        <f t="array" ref="F145">IFERROR(INDEX(Jesper!AJ$2:AJ$366,ROUNDDOWN($C145/24,0)+1,1)*INDEX($D$3:$AA$30,INDEX(Jesper!$R$2:$R$366,ROW(INDEX(Jesper!AJ$2:AJ$366,ROUNDDOWN($C145/24,0)+1,1))-1)+IF('Standard Profiles'!$G$20=$B$10,7,0)+IF('Standard Profiles'!$G$20=$B$17,14,0)+IF('Standard Profiles'!$G$20=$B$24,21,0),MOD($C145,24)+1)/SUM(INDEX($D$3:$AA$30,INDEX(Jesper!$R$2:$R$366,ROW(INDEX(Jesper!AJ$2:AJ$366,ROUNDDOWN($C145/24,0)+1,1))-1)+IF('Standard Profiles'!$G$20=$B$10,7,0)+IF('Standard Profiles'!$G$20=$B$17,14,0)+IF('Standard Profiles'!$G$20=$B$24,21,0),0)),0)</f>
        <v>0</v>
      </c>
      <c r="G145" cm="1">
        <f t="array" ref="G145">IFERROR(INDEX(Jesper!AK$2:AK$366,ROUNDDOWN($C145/24,0)+1,1)*INDEX($D$3:$AA$30,INDEX(Jesper!$R$2:$R$366,ROW(INDEX(Jesper!AK$2:AK$366,ROUNDDOWN($C145/24,0)+1,1))-1)+IF('Standard Profiles'!$G$21=$B$10,7,0)+IF('Standard Profiles'!$G$21=$B$17,14,0)+IF('Standard Profiles'!$G$21=$B$24,21,0),MOD($C145,24)+1)/SUM(INDEX($D$3:$AA$30,INDEX(Jesper!$R$2:$R$366,ROW(INDEX(Jesper!AK$2:AK$366,ROUNDDOWN($C145/24,0)+1,1))-1)+IF('Standard Profiles'!$G$21=$B$10,7,0)+IF('Standard Profiles'!$G$21=$B$17,14,0)+IF('Standard Profiles'!$G$21=$B$24,21,0),0)),0)</f>
        <v>8.2959154950297496</v>
      </c>
      <c r="H145" cm="1">
        <f t="array" ref="H145">IFERROR(INDEX(Jesper!AL$2:AL$366,ROUNDDOWN($C145/24,0)+1,1)*INDEX($D$3:$AA$30,INDEX(Jesper!$R$2:$R$366,ROW(INDEX(Jesper!AL$2:AL$366,ROUNDDOWN($C145/24,0)+1,1))-1)+IF('Standard Profiles'!$G$22=$B$10,7,0)+IF('Standard Profiles'!$G$22=$B$17,14,0)+IF('Standard Profiles'!$G$22=$B$24,21,0),MOD($C145,24)+1)/SUM(INDEX($D$3:$AA$30,INDEX(Jesper!$R$2:$R$366,ROW(INDEX(Jesper!AL$2:AL$366,ROUNDDOWN($C145/24,0)+1,1))-1)+IF('Standard Profiles'!$G$22=$B$10,7,0)+IF('Standard Profiles'!$G$22=$B$17,14,0)+IF('Standard Profiles'!$G$22=$B$24,21,0),0)),0)</f>
        <v>0</v>
      </c>
      <c r="I145">
        <f t="shared" si="27"/>
        <v>3.9820394376142776</v>
      </c>
      <c r="J145">
        <f t="shared" si="28"/>
        <v>60.795177949301682</v>
      </c>
      <c r="K145">
        <f t="shared" si="29"/>
        <v>3.7112630533691067</v>
      </c>
      <c r="L145">
        <f t="shared" si="30"/>
        <v>1.8556315266845533</v>
      </c>
      <c r="M145">
        <f t="shared" si="31"/>
        <v>0</v>
      </c>
      <c r="N145" s="45">
        <f t="shared" si="32"/>
        <v>44931.624999999731</v>
      </c>
      <c r="O145">
        <v>5.2096450434417942</v>
      </c>
      <c r="P145">
        <v>63.740354988175127</v>
      </c>
      <c r="Q145">
        <v>3.7301522216705592</v>
      </c>
      <c r="R145">
        <v>1.8650761108352796</v>
      </c>
      <c r="S145">
        <v>0</v>
      </c>
      <c r="T145" s="45">
        <v>45064.624999991989</v>
      </c>
    </row>
    <row r="146" spans="2:20" x14ac:dyDescent="0.25">
      <c r="B146">
        <f t="shared" si="26"/>
        <v>4</v>
      </c>
      <c r="C146" s="16">
        <v>112</v>
      </c>
      <c r="D146" cm="1">
        <f t="array" ref="D146">IFERROR(INDEX(Jesper!AH$2:AH$366,ROUNDDOWN($C146/24,0)+1,1)*INDEX($D$3:$AA$30,INDEX(Jesper!$R$2:$R$366,ROW(INDEX(Jesper!AH$2:AH$366,ROUNDDOWN($C146/24,0)+1,1))-1)+IF('Standard Profiles'!$G$18=$B$10,7,0)+IF('Standard Profiles'!$G$18=$B$17,14,0)+IF('Standard Profiles'!$G$18=$B$24,21,0),MOD($C146,24)+1)/SUM(INDEX($D$3:$AA$30,INDEX(Jesper!$R$2:$R$366,ROW(INDEX(Jesper!AH$2:AH$366,ROUNDDOWN($C146/24,0)+1,1))-1)+IF('Standard Profiles'!$G$18=$B$10,7,0)+IF('Standard Profiles'!$G$18=$B$17,14,0)+IF('Standard Profiles'!$G$18=$B$24,21,0),0)),0)</f>
        <v>20.503071556001203</v>
      </c>
      <c r="E146" cm="1">
        <f t="array" ref="E146">IFERROR(INDEX(Jesper!AI$2:AI$366,ROUNDDOWN($C146/24,0)+1,1)*INDEX($D$3:$AA$30,INDEX(Jesper!$R$2:$R$366,ROW(INDEX(Jesper!AI$2:AI$366,ROUNDDOWN($C146/24,0)+1,1))-1)+IF('Standard Profiles'!$G$19=$B$10,7,0)+IF('Standard Profiles'!$G$19=$B$17,14,0)+IF('Standard Profiles'!$G$19=$B$24,21,0),MOD($C146,24)+1)/SUM(INDEX($D$3:$AA$30,INDEX(Jesper!$R$2:$R$366,ROW(INDEX(Jesper!AI$2:AI$366,ROUNDDOWN($C146/24,0)+1,1))-1)+IF('Standard Profiles'!$G$19=$B$10,7,0)+IF('Standard Profiles'!$G$19=$B$17,14,0)+IF('Standard Profiles'!$G$19=$B$24,21,0),0)),0)</f>
        <v>16.061044222106222</v>
      </c>
      <c r="F146" cm="1">
        <f t="array" ref="F146">IFERROR(INDEX(Jesper!AJ$2:AJ$366,ROUNDDOWN($C146/24,0)+1,1)*INDEX($D$3:$AA$30,INDEX(Jesper!$R$2:$R$366,ROW(INDEX(Jesper!AJ$2:AJ$366,ROUNDDOWN($C146/24,0)+1,1))-1)+IF('Standard Profiles'!$G$20=$B$10,7,0)+IF('Standard Profiles'!$G$20=$B$17,14,0)+IF('Standard Profiles'!$G$20=$B$24,21,0),MOD($C146,24)+1)/SUM(INDEX($D$3:$AA$30,INDEX(Jesper!$R$2:$R$366,ROW(INDEX(Jesper!AJ$2:AJ$366,ROUNDDOWN($C146/24,0)+1,1))-1)+IF('Standard Profiles'!$G$20=$B$10,7,0)+IF('Standard Profiles'!$G$20=$B$17,14,0)+IF('Standard Profiles'!$G$20=$B$24,21,0),0)),0)</f>
        <v>0</v>
      </c>
      <c r="G146" cm="1">
        <f t="array" ref="G146">IFERROR(INDEX(Jesper!AK$2:AK$366,ROUNDDOWN($C146/24,0)+1,1)*INDEX($D$3:$AA$30,INDEX(Jesper!$R$2:$R$366,ROW(INDEX(Jesper!AK$2:AK$366,ROUNDDOWN($C146/24,0)+1,1))-1)+IF('Standard Profiles'!$G$21=$B$10,7,0)+IF('Standard Profiles'!$G$21=$B$17,14,0)+IF('Standard Profiles'!$G$21=$B$24,21,0),MOD($C146,24)+1)/SUM(INDEX($D$3:$AA$30,INDEX(Jesper!$R$2:$R$366,ROW(INDEX(Jesper!AK$2:AK$366,ROUNDDOWN($C146/24,0)+1,1))-1)+IF('Standard Profiles'!$G$21=$B$10,7,0)+IF('Standard Profiles'!$G$21=$B$17,14,0)+IF('Standard Profiles'!$G$21=$B$24,21,0),0)),0)</f>
        <v>6.9319934278050317</v>
      </c>
      <c r="H146" cm="1">
        <f t="array" ref="H146">IFERROR(INDEX(Jesper!AL$2:AL$366,ROUNDDOWN($C146/24,0)+1,1)*INDEX($D$3:$AA$30,INDEX(Jesper!$R$2:$R$366,ROW(INDEX(Jesper!AL$2:AL$366,ROUNDDOWN($C146/24,0)+1,1))-1)+IF('Standard Profiles'!$G$22=$B$10,7,0)+IF('Standard Profiles'!$G$22=$B$17,14,0)+IF('Standard Profiles'!$G$22=$B$24,21,0),MOD($C146,24)+1)/SUM(INDEX($D$3:$AA$30,INDEX(Jesper!$R$2:$R$366,ROW(INDEX(Jesper!AL$2:AL$366,ROUNDDOWN($C146/24,0)+1,1))-1)+IF('Standard Profiles'!$G$22=$B$10,7,0)+IF('Standard Profiles'!$G$22=$B$17,14,0)+IF('Standard Profiles'!$G$22=$B$24,21,0),0)),0)</f>
        <v>0</v>
      </c>
      <c r="I146">
        <f t="shared" si="27"/>
        <v>3.3273568453464137</v>
      </c>
      <c r="J146">
        <f t="shared" si="28"/>
        <v>36.888260911605848</v>
      </c>
      <c r="K146">
        <f t="shared" si="29"/>
        <v>2.1869942993067952</v>
      </c>
      <c r="L146">
        <f t="shared" si="30"/>
        <v>1.0934971496533976</v>
      </c>
      <c r="M146">
        <f t="shared" si="31"/>
        <v>0</v>
      </c>
      <c r="N146" s="45">
        <f t="shared" si="32"/>
        <v>44931.666666666395</v>
      </c>
      <c r="O146">
        <v>4.3531332044030275</v>
      </c>
      <c r="P146">
        <v>38.951374738818785</v>
      </c>
      <c r="Q146">
        <v>2.1981254163415795</v>
      </c>
      <c r="R146">
        <v>1.0990627081707898</v>
      </c>
      <c r="S146">
        <v>0</v>
      </c>
      <c r="T146" s="45">
        <v>45064.666666658653</v>
      </c>
    </row>
    <row r="147" spans="2:20" x14ac:dyDescent="0.25">
      <c r="B147">
        <f t="shared" si="26"/>
        <v>4</v>
      </c>
      <c r="C147" s="16">
        <v>113</v>
      </c>
      <c r="D147" cm="1">
        <f t="array" ref="D147">IFERROR(INDEX(Jesper!AH$2:AH$366,ROUNDDOWN($C147/24,0)+1,1)*INDEX($D$3:$AA$30,INDEX(Jesper!$R$2:$R$366,ROW(INDEX(Jesper!AH$2:AH$366,ROUNDDOWN($C147/24,0)+1,1))-1)+IF('Standard Profiles'!$G$18=$B$10,7,0)+IF('Standard Profiles'!$G$18=$B$17,14,0)+IF('Standard Profiles'!$G$18=$B$24,21,0),MOD($C147,24)+1)/SUM(INDEX($D$3:$AA$30,INDEX(Jesper!$R$2:$R$366,ROW(INDEX(Jesper!AH$2:AH$366,ROUNDDOWN($C147/24,0)+1,1))-1)+IF('Standard Profiles'!$G$18=$B$10,7,0)+IF('Standard Profiles'!$G$18=$B$17,14,0)+IF('Standard Profiles'!$G$18=$B$24,21,0),0)),0)</f>
        <v>8.7507774460099039</v>
      </c>
      <c r="E147" cm="1">
        <f t="array" ref="E147">IFERROR(INDEX(Jesper!AI$2:AI$366,ROUNDDOWN($C147/24,0)+1,1)*INDEX($D$3:$AA$30,INDEX(Jesper!$R$2:$R$366,ROW(INDEX(Jesper!AI$2:AI$366,ROUNDDOWN($C147/24,0)+1,1))-1)+IF('Standard Profiles'!$G$19=$B$10,7,0)+IF('Standard Profiles'!$G$19=$B$17,14,0)+IF('Standard Profiles'!$G$19=$B$24,21,0),MOD($C147,24)+1)/SUM(INDEX($D$3:$AA$30,INDEX(Jesper!$R$2:$R$366,ROW(INDEX(Jesper!AI$2:AI$366,ROUNDDOWN($C147/24,0)+1,1))-1)+IF('Standard Profiles'!$G$19=$B$10,7,0)+IF('Standard Profiles'!$G$19=$B$17,14,0)+IF('Standard Profiles'!$G$19=$B$24,21,0),0)),0)</f>
        <v>6.8549057712787986</v>
      </c>
      <c r="F147" cm="1">
        <f t="array" ref="F147">IFERROR(INDEX(Jesper!AJ$2:AJ$366,ROUNDDOWN($C147/24,0)+1,1)*INDEX($D$3:$AA$30,INDEX(Jesper!$R$2:$R$366,ROW(INDEX(Jesper!AJ$2:AJ$366,ROUNDDOWN($C147/24,0)+1,1))-1)+IF('Standard Profiles'!$G$20=$B$10,7,0)+IF('Standard Profiles'!$G$20=$B$17,14,0)+IF('Standard Profiles'!$G$20=$B$24,21,0),MOD($C147,24)+1)/SUM(INDEX($D$3:$AA$30,INDEX(Jesper!$R$2:$R$366,ROW(INDEX(Jesper!AJ$2:AJ$366,ROUNDDOWN($C147/24,0)+1,1))-1)+IF('Standard Profiles'!$G$20=$B$10,7,0)+IF('Standard Profiles'!$G$20=$B$17,14,0)+IF('Standard Profiles'!$G$20=$B$24,21,0),0)),0)</f>
        <v>0</v>
      </c>
      <c r="G147" cm="1">
        <f t="array" ref="G147">IFERROR(INDEX(Jesper!AK$2:AK$366,ROUNDDOWN($C147/24,0)+1,1)*INDEX($D$3:$AA$30,INDEX(Jesper!$R$2:$R$366,ROW(INDEX(Jesper!AK$2:AK$366,ROUNDDOWN($C147/24,0)+1,1))-1)+IF('Standard Profiles'!$G$21=$B$10,7,0)+IF('Standard Profiles'!$G$21=$B$17,14,0)+IF('Standard Profiles'!$G$21=$B$24,21,0),MOD($C147,24)+1)/SUM(INDEX($D$3:$AA$30,INDEX(Jesper!$R$2:$R$366,ROW(INDEX(Jesper!AK$2:AK$366,ROUNDDOWN($C147/24,0)+1,1))-1)+IF('Standard Profiles'!$G$21=$B$10,7,0)+IF('Standard Profiles'!$G$21=$B$17,14,0)+IF('Standard Profiles'!$G$21=$B$24,21,0),0)),0)</f>
        <v>5.5118798147395935</v>
      </c>
      <c r="H147" cm="1">
        <f t="array" ref="H147">IFERROR(INDEX(Jesper!AL$2:AL$366,ROUNDDOWN($C147/24,0)+1,1)*INDEX($D$3:$AA$30,INDEX(Jesper!$R$2:$R$366,ROW(INDEX(Jesper!AL$2:AL$366,ROUNDDOWN($C147/24,0)+1,1))-1)+IF('Standard Profiles'!$G$22=$B$10,7,0)+IF('Standard Profiles'!$G$22=$B$17,14,0)+IF('Standard Profiles'!$G$22=$B$24,21,0),MOD($C147,24)+1)/SUM(INDEX($D$3:$AA$30,INDEX(Jesper!$R$2:$R$366,ROW(INDEX(Jesper!AL$2:AL$366,ROUNDDOWN($C147/24,0)+1,1))-1)+IF('Standard Profiles'!$G$22=$B$10,7,0)+IF('Standard Profiles'!$G$22=$B$17,14,0)+IF('Standard Profiles'!$G$22=$B$24,21,0),0)),0)</f>
        <v>0</v>
      </c>
      <c r="I147">
        <f t="shared" si="27"/>
        <v>2.6457023110750035</v>
      </c>
      <c r="J147">
        <f t="shared" si="28"/>
        <v>17.071736329591708</v>
      </c>
      <c r="K147">
        <f t="shared" si="29"/>
        <v>0.93341626090772312</v>
      </c>
      <c r="L147">
        <f t="shared" si="30"/>
        <v>0.46670813045386156</v>
      </c>
      <c r="M147">
        <f t="shared" si="31"/>
        <v>0</v>
      </c>
      <c r="N147" s="45">
        <f t="shared" si="32"/>
        <v>44931.708333333059</v>
      </c>
      <c r="O147">
        <v>3.4613343607596652</v>
      </c>
      <c r="P147">
        <v>18.361592989862171</v>
      </c>
      <c r="Q147">
        <v>0.93816705776422515</v>
      </c>
      <c r="R147">
        <v>0.46908352888211258</v>
      </c>
      <c r="S147">
        <v>0</v>
      </c>
      <c r="T147" s="45">
        <v>45064.708333325318</v>
      </c>
    </row>
    <row r="148" spans="2:20" x14ac:dyDescent="0.25">
      <c r="B148">
        <f t="shared" si="26"/>
        <v>4</v>
      </c>
      <c r="C148" s="16">
        <v>114</v>
      </c>
      <c r="D148" cm="1">
        <f t="array" ref="D148">IFERROR(INDEX(Jesper!AH$2:AH$366,ROUNDDOWN($C148/24,0)+1,1)*INDEX($D$3:$AA$30,INDEX(Jesper!$R$2:$R$366,ROW(INDEX(Jesper!AH$2:AH$366,ROUNDDOWN($C148/24,0)+1,1))-1)+IF('Standard Profiles'!$G$18=$B$10,7,0)+IF('Standard Profiles'!$G$18=$B$17,14,0)+IF('Standard Profiles'!$G$18=$B$24,21,0),MOD($C148,24)+1)/SUM(INDEX($D$3:$AA$30,INDEX(Jesper!$R$2:$R$366,ROW(INDEX(Jesper!AH$2:AH$366,ROUNDDOWN($C148/24,0)+1,1))-1)+IF('Standard Profiles'!$G$18=$B$10,7,0)+IF('Standard Profiles'!$G$18=$B$17,14,0)+IF('Standard Profiles'!$G$18=$B$24,21,0),0)),0)</f>
        <v>5.7755131143665359</v>
      </c>
      <c r="E148" cm="1">
        <f t="array" ref="E148">IFERROR(INDEX(Jesper!AI$2:AI$366,ROUNDDOWN($C148/24,0)+1,1)*INDEX($D$3:$AA$30,INDEX(Jesper!$R$2:$R$366,ROW(INDEX(Jesper!AI$2:AI$366,ROUNDDOWN($C148/24,0)+1,1))-1)+IF('Standard Profiles'!$G$19=$B$10,7,0)+IF('Standard Profiles'!$G$19=$B$17,14,0)+IF('Standard Profiles'!$G$19=$B$24,21,0),MOD($C148,24)+1)/SUM(INDEX($D$3:$AA$30,INDEX(Jesper!$R$2:$R$366,ROW(INDEX(Jesper!AI$2:AI$366,ROUNDDOWN($C148/24,0)+1,1))-1)+IF('Standard Profiles'!$G$19=$B$10,7,0)+IF('Standard Profiles'!$G$19=$B$17,14,0)+IF('Standard Profiles'!$G$19=$B$24,21,0),0)),0)</f>
        <v>4.5242378090440072</v>
      </c>
      <c r="F148" cm="1">
        <f t="array" ref="F148">IFERROR(INDEX(Jesper!AJ$2:AJ$366,ROUNDDOWN($C148/24,0)+1,1)*INDEX($D$3:$AA$30,INDEX(Jesper!$R$2:$R$366,ROW(INDEX(Jesper!AJ$2:AJ$366,ROUNDDOWN($C148/24,0)+1,1))-1)+IF('Standard Profiles'!$G$20=$B$10,7,0)+IF('Standard Profiles'!$G$20=$B$17,14,0)+IF('Standard Profiles'!$G$20=$B$24,21,0),MOD($C148,24)+1)/SUM(INDEX($D$3:$AA$30,INDEX(Jesper!$R$2:$R$366,ROW(INDEX(Jesper!AJ$2:AJ$366,ROUNDDOWN($C148/24,0)+1,1))-1)+IF('Standard Profiles'!$G$20=$B$10,7,0)+IF('Standard Profiles'!$G$20=$B$17,14,0)+IF('Standard Profiles'!$G$20=$B$24,21,0),0)),0)</f>
        <v>0</v>
      </c>
      <c r="G148" cm="1">
        <f t="array" ref="G148">IFERROR(INDEX(Jesper!AK$2:AK$366,ROUNDDOWN($C148/24,0)+1,1)*INDEX($D$3:$AA$30,INDEX(Jesper!$R$2:$R$366,ROW(INDEX(Jesper!AK$2:AK$366,ROUNDDOWN($C148/24,0)+1,1))-1)+IF('Standard Profiles'!$G$21=$B$10,7,0)+IF('Standard Profiles'!$G$21=$B$17,14,0)+IF('Standard Profiles'!$G$21=$B$24,21,0),MOD($C148,24)+1)/SUM(INDEX($D$3:$AA$30,INDEX(Jesper!$R$2:$R$366,ROW(INDEX(Jesper!AK$2:AK$366,ROUNDDOWN($C148/24,0)+1,1))-1)+IF('Standard Profiles'!$G$21=$B$10,7,0)+IF('Standard Profiles'!$G$21=$B$17,14,0)+IF('Standard Profiles'!$G$21=$B$24,21,0),0)),0)</f>
        <v>2.0433289396625001</v>
      </c>
      <c r="H148" cm="1">
        <f t="array" ref="H148">IFERROR(INDEX(Jesper!AL$2:AL$366,ROUNDDOWN($C148/24,0)+1,1)*INDEX($D$3:$AA$30,INDEX(Jesper!$R$2:$R$366,ROW(INDEX(Jesper!AL$2:AL$366,ROUNDDOWN($C148/24,0)+1,1))-1)+IF('Standard Profiles'!$G$22=$B$10,7,0)+IF('Standard Profiles'!$G$22=$B$17,14,0)+IF('Standard Profiles'!$G$22=$B$24,21,0),MOD($C148,24)+1)/SUM(INDEX($D$3:$AA$30,INDEX(Jesper!$R$2:$R$366,ROW(INDEX(Jesper!AL$2:AL$366,ROUNDDOWN($C148/24,0)+1,1))-1)+IF('Standard Profiles'!$G$22=$B$10,7,0)+IF('Standard Profiles'!$G$22=$B$17,14,0)+IF('Standard Profiles'!$G$22=$B$24,21,0),0)),0)</f>
        <v>0</v>
      </c>
      <c r="I148">
        <f t="shared" si="27"/>
        <v>0.98079789103799953</v>
      </c>
      <c r="J148">
        <f t="shared" si="28"/>
        <v>10.438199873736398</v>
      </c>
      <c r="K148">
        <f t="shared" si="29"/>
        <v>0.61605473219909723</v>
      </c>
      <c r="L148">
        <f t="shared" si="30"/>
        <v>0.30802736609954862</v>
      </c>
      <c r="M148">
        <f t="shared" si="31"/>
        <v>0</v>
      </c>
      <c r="N148" s="45">
        <f t="shared" si="32"/>
        <v>44931.749999999724</v>
      </c>
      <c r="O148">
        <v>1.2831638038033979</v>
      </c>
      <c r="P148">
        <v>11.033891426152886</v>
      </c>
      <c r="Q148">
        <v>0.61919025812438866</v>
      </c>
      <c r="R148">
        <v>0.30959512906219433</v>
      </c>
      <c r="S148">
        <v>0</v>
      </c>
      <c r="T148" s="45">
        <v>45064.749999991982</v>
      </c>
    </row>
    <row r="149" spans="2:20" x14ac:dyDescent="0.25">
      <c r="B149">
        <f t="shared" si="26"/>
        <v>4</v>
      </c>
      <c r="C149" s="16">
        <v>115</v>
      </c>
      <c r="D149" cm="1">
        <f t="array" ref="D149">IFERROR(INDEX(Jesper!AH$2:AH$366,ROUNDDOWN($C149/24,0)+1,1)*INDEX($D$3:$AA$30,INDEX(Jesper!$R$2:$R$366,ROW(INDEX(Jesper!AH$2:AH$366,ROUNDDOWN($C149/24,0)+1,1))-1)+IF('Standard Profiles'!$G$18=$B$10,7,0)+IF('Standard Profiles'!$G$18=$B$17,14,0)+IF('Standard Profiles'!$G$18=$B$24,21,0),MOD($C149,24)+1)/SUM(INDEX($D$3:$AA$30,INDEX(Jesper!$R$2:$R$366,ROW(INDEX(Jesper!AH$2:AH$366,ROUNDDOWN($C149/24,0)+1,1))-1)+IF('Standard Profiles'!$G$18=$B$10,7,0)+IF('Standard Profiles'!$G$18=$B$17,14,0)+IF('Standard Profiles'!$G$18=$B$24,21,0),0)),0)</f>
        <v>5.7755131143665359</v>
      </c>
      <c r="E149" cm="1">
        <f t="array" ref="E149">IFERROR(INDEX(Jesper!AI$2:AI$366,ROUNDDOWN($C149/24,0)+1,1)*INDEX($D$3:$AA$30,INDEX(Jesper!$R$2:$R$366,ROW(INDEX(Jesper!AI$2:AI$366,ROUNDDOWN($C149/24,0)+1,1))-1)+IF('Standard Profiles'!$G$19=$B$10,7,0)+IF('Standard Profiles'!$G$19=$B$17,14,0)+IF('Standard Profiles'!$G$19=$B$24,21,0),MOD($C149,24)+1)/SUM(INDEX($D$3:$AA$30,INDEX(Jesper!$R$2:$R$366,ROW(INDEX(Jesper!AI$2:AI$366,ROUNDDOWN($C149/24,0)+1,1))-1)+IF('Standard Profiles'!$G$19=$B$10,7,0)+IF('Standard Profiles'!$G$19=$B$17,14,0)+IF('Standard Profiles'!$G$19=$B$24,21,0),0)),0)</f>
        <v>4.5242378090440072</v>
      </c>
      <c r="F149" cm="1">
        <f t="array" ref="F149">IFERROR(INDEX(Jesper!AJ$2:AJ$366,ROUNDDOWN($C149/24,0)+1,1)*INDEX($D$3:$AA$30,INDEX(Jesper!$R$2:$R$366,ROW(INDEX(Jesper!AJ$2:AJ$366,ROUNDDOWN($C149/24,0)+1,1))-1)+IF('Standard Profiles'!$G$20=$B$10,7,0)+IF('Standard Profiles'!$G$20=$B$17,14,0)+IF('Standard Profiles'!$G$20=$B$24,21,0),MOD($C149,24)+1)/SUM(INDEX($D$3:$AA$30,INDEX(Jesper!$R$2:$R$366,ROW(INDEX(Jesper!AJ$2:AJ$366,ROUNDDOWN($C149/24,0)+1,1))-1)+IF('Standard Profiles'!$G$20=$B$10,7,0)+IF('Standard Profiles'!$G$20=$B$17,14,0)+IF('Standard Profiles'!$G$20=$B$24,21,0),0)),0)</f>
        <v>0</v>
      </c>
      <c r="G149" cm="1">
        <f t="array" ref="G149">IFERROR(INDEX(Jesper!AK$2:AK$366,ROUNDDOWN($C149/24,0)+1,1)*INDEX($D$3:$AA$30,INDEX(Jesper!$R$2:$R$366,ROW(INDEX(Jesper!AK$2:AK$366,ROUNDDOWN($C149/24,0)+1,1))-1)+IF('Standard Profiles'!$G$21=$B$10,7,0)+IF('Standard Profiles'!$G$21=$B$17,14,0)+IF('Standard Profiles'!$G$21=$B$24,21,0),MOD($C149,24)+1)/SUM(INDEX($D$3:$AA$30,INDEX(Jesper!$R$2:$R$366,ROW(INDEX(Jesper!AK$2:AK$366,ROUNDDOWN($C149/24,0)+1,1))-1)+IF('Standard Profiles'!$G$21=$B$10,7,0)+IF('Standard Profiles'!$G$21=$B$17,14,0)+IF('Standard Profiles'!$G$21=$B$24,21,0),0)),0)</f>
        <v>2.0433289396625001</v>
      </c>
      <c r="H149" cm="1">
        <f t="array" ref="H149">IFERROR(INDEX(Jesper!AL$2:AL$366,ROUNDDOWN($C149/24,0)+1,1)*INDEX($D$3:$AA$30,INDEX(Jesper!$R$2:$R$366,ROW(INDEX(Jesper!AL$2:AL$366,ROUNDDOWN($C149/24,0)+1,1))-1)+IF('Standard Profiles'!$G$22=$B$10,7,0)+IF('Standard Profiles'!$G$22=$B$17,14,0)+IF('Standard Profiles'!$G$22=$B$24,21,0),MOD($C149,24)+1)/SUM(INDEX($D$3:$AA$30,INDEX(Jesper!$R$2:$R$366,ROW(INDEX(Jesper!AL$2:AL$366,ROUNDDOWN($C149/24,0)+1,1))-1)+IF('Standard Profiles'!$G$22=$B$10,7,0)+IF('Standard Profiles'!$G$22=$B$17,14,0)+IF('Standard Profiles'!$G$22=$B$24,21,0),0)),0)</f>
        <v>0</v>
      </c>
      <c r="I149">
        <f t="shared" si="27"/>
        <v>0.98079789103799953</v>
      </c>
      <c r="J149">
        <f t="shared" si="28"/>
        <v>10.438199873736398</v>
      </c>
      <c r="K149">
        <f t="shared" si="29"/>
        <v>0.61605473219909723</v>
      </c>
      <c r="L149">
        <f t="shared" si="30"/>
        <v>0.30802736609954862</v>
      </c>
      <c r="M149">
        <f t="shared" si="31"/>
        <v>0</v>
      </c>
      <c r="N149" s="45">
        <f t="shared" si="32"/>
        <v>44931.791666666388</v>
      </c>
      <c r="O149">
        <v>1.2831638038033979</v>
      </c>
      <c r="P149">
        <v>11.033891426152886</v>
      </c>
      <c r="Q149">
        <v>0.61919025812438866</v>
      </c>
      <c r="R149">
        <v>0.30959512906219433</v>
      </c>
      <c r="S149">
        <v>0</v>
      </c>
      <c r="T149" s="45">
        <v>45064.791666658646</v>
      </c>
    </row>
    <row r="150" spans="2:20" x14ac:dyDescent="0.25">
      <c r="B150">
        <f t="shared" si="26"/>
        <v>4</v>
      </c>
      <c r="C150" s="16">
        <v>116</v>
      </c>
      <c r="D150" cm="1">
        <f t="array" ref="D150">IFERROR(INDEX(Jesper!AH$2:AH$366,ROUNDDOWN($C150/24,0)+1,1)*INDEX($D$3:$AA$30,INDEX(Jesper!$R$2:$R$366,ROW(INDEX(Jesper!AH$2:AH$366,ROUNDDOWN($C150/24,0)+1,1))-1)+IF('Standard Profiles'!$G$18=$B$10,7,0)+IF('Standard Profiles'!$G$18=$B$17,14,0)+IF('Standard Profiles'!$G$18=$B$24,21,0),MOD($C150,24)+1)/SUM(INDEX($D$3:$AA$30,INDEX(Jesper!$R$2:$R$366,ROW(INDEX(Jesper!AH$2:AH$366,ROUNDDOWN($C150/24,0)+1,1))-1)+IF('Standard Profiles'!$G$18=$B$10,7,0)+IF('Standard Profiles'!$G$18=$B$17,14,0)+IF('Standard Profiles'!$G$18=$B$24,21,0),0)),0)</f>
        <v>5.7755131143665359</v>
      </c>
      <c r="E150" cm="1">
        <f t="array" ref="E150">IFERROR(INDEX(Jesper!AI$2:AI$366,ROUNDDOWN($C150/24,0)+1,1)*INDEX($D$3:$AA$30,INDEX(Jesper!$R$2:$R$366,ROW(INDEX(Jesper!AI$2:AI$366,ROUNDDOWN($C150/24,0)+1,1))-1)+IF('Standard Profiles'!$G$19=$B$10,7,0)+IF('Standard Profiles'!$G$19=$B$17,14,0)+IF('Standard Profiles'!$G$19=$B$24,21,0),MOD($C150,24)+1)/SUM(INDEX($D$3:$AA$30,INDEX(Jesper!$R$2:$R$366,ROW(INDEX(Jesper!AI$2:AI$366,ROUNDDOWN($C150/24,0)+1,1))-1)+IF('Standard Profiles'!$G$19=$B$10,7,0)+IF('Standard Profiles'!$G$19=$B$17,14,0)+IF('Standard Profiles'!$G$19=$B$24,21,0),0)),0)</f>
        <v>4.5242378090440072</v>
      </c>
      <c r="F150" cm="1">
        <f t="array" ref="F150">IFERROR(INDEX(Jesper!AJ$2:AJ$366,ROUNDDOWN($C150/24,0)+1,1)*INDEX($D$3:$AA$30,INDEX(Jesper!$R$2:$R$366,ROW(INDEX(Jesper!AJ$2:AJ$366,ROUNDDOWN($C150/24,0)+1,1))-1)+IF('Standard Profiles'!$G$20=$B$10,7,0)+IF('Standard Profiles'!$G$20=$B$17,14,0)+IF('Standard Profiles'!$G$20=$B$24,21,0),MOD($C150,24)+1)/SUM(INDEX($D$3:$AA$30,INDEX(Jesper!$R$2:$R$366,ROW(INDEX(Jesper!AJ$2:AJ$366,ROUNDDOWN($C150/24,0)+1,1))-1)+IF('Standard Profiles'!$G$20=$B$10,7,0)+IF('Standard Profiles'!$G$20=$B$17,14,0)+IF('Standard Profiles'!$G$20=$B$24,21,0),0)),0)</f>
        <v>0</v>
      </c>
      <c r="G150" cm="1">
        <f t="array" ref="G150">IFERROR(INDEX(Jesper!AK$2:AK$366,ROUNDDOWN($C150/24,0)+1,1)*INDEX($D$3:$AA$30,INDEX(Jesper!$R$2:$R$366,ROW(INDEX(Jesper!AK$2:AK$366,ROUNDDOWN($C150/24,0)+1,1))-1)+IF('Standard Profiles'!$G$21=$B$10,7,0)+IF('Standard Profiles'!$G$21=$B$17,14,0)+IF('Standard Profiles'!$G$21=$B$24,21,0),MOD($C150,24)+1)/SUM(INDEX($D$3:$AA$30,INDEX(Jesper!$R$2:$R$366,ROW(INDEX(Jesper!AK$2:AK$366,ROUNDDOWN($C150/24,0)+1,1))-1)+IF('Standard Profiles'!$G$21=$B$10,7,0)+IF('Standard Profiles'!$G$21=$B$17,14,0)+IF('Standard Profiles'!$G$21=$B$24,21,0),0)),0)</f>
        <v>2.0433289396625001</v>
      </c>
      <c r="H150" cm="1">
        <f t="array" ref="H150">IFERROR(INDEX(Jesper!AL$2:AL$366,ROUNDDOWN($C150/24,0)+1,1)*INDEX($D$3:$AA$30,INDEX(Jesper!$R$2:$R$366,ROW(INDEX(Jesper!AL$2:AL$366,ROUNDDOWN($C150/24,0)+1,1))-1)+IF('Standard Profiles'!$G$22=$B$10,7,0)+IF('Standard Profiles'!$G$22=$B$17,14,0)+IF('Standard Profiles'!$G$22=$B$24,21,0),MOD($C150,24)+1)/SUM(INDEX($D$3:$AA$30,INDEX(Jesper!$R$2:$R$366,ROW(INDEX(Jesper!AL$2:AL$366,ROUNDDOWN($C150/24,0)+1,1))-1)+IF('Standard Profiles'!$G$22=$B$10,7,0)+IF('Standard Profiles'!$G$22=$B$17,14,0)+IF('Standard Profiles'!$G$22=$B$24,21,0),0)),0)</f>
        <v>0</v>
      </c>
      <c r="I150">
        <f t="shared" si="27"/>
        <v>0.98079789103799953</v>
      </c>
      <c r="J150">
        <f t="shared" si="28"/>
        <v>10.438199873736398</v>
      </c>
      <c r="K150">
        <f t="shared" si="29"/>
        <v>0.61605473219909723</v>
      </c>
      <c r="L150">
        <f t="shared" si="30"/>
        <v>0.30802736609954862</v>
      </c>
      <c r="M150">
        <f t="shared" si="31"/>
        <v>0</v>
      </c>
      <c r="N150" s="45">
        <f t="shared" si="32"/>
        <v>44931.833333333052</v>
      </c>
      <c r="O150">
        <v>1.2831638038033979</v>
      </c>
      <c r="P150">
        <v>11.033891426152886</v>
      </c>
      <c r="Q150">
        <v>0.61919025812438866</v>
      </c>
      <c r="R150">
        <v>0.30959512906219433</v>
      </c>
      <c r="S150">
        <v>0</v>
      </c>
      <c r="T150" s="45">
        <v>45064.83333332531</v>
      </c>
    </row>
    <row r="151" spans="2:20" x14ac:dyDescent="0.25">
      <c r="B151">
        <f t="shared" si="26"/>
        <v>4</v>
      </c>
      <c r="C151" s="16">
        <v>117</v>
      </c>
      <c r="D151" cm="1">
        <f t="array" ref="D151">IFERROR(INDEX(Jesper!AH$2:AH$366,ROUNDDOWN($C151/24,0)+1,1)*INDEX($D$3:$AA$30,INDEX(Jesper!$R$2:$R$366,ROW(INDEX(Jesper!AH$2:AH$366,ROUNDDOWN($C151/24,0)+1,1))-1)+IF('Standard Profiles'!$G$18=$B$10,7,0)+IF('Standard Profiles'!$G$18=$B$17,14,0)+IF('Standard Profiles'!$G$18=$B$24,21,0),MOD($C151,24)+1)/SUM(INDEX($D$3:$AA$30,INDEX(Jesper!$R$2:$R$366,ROW(INDEX(Jesper!AH$2:AH$366,ROUNDDOWN($C151/24,0)+1,1))-1)+IF('Standard Profiles'!$G$18=$B$10,7,0)+IF('Standard Profiles'!$G$18=$B$17,14,0)+IF('Standard Profiles'!$G$18=$B$24,21,0),0)),0)</f>
        <v>5.7755131143665359</v>
      </c>
      <c r="E151" cm="1">
        <f t="array" ref="E151">IFERROR(INDEX(Jesper!AI$2:AI$366,ROUNDDOWN($C151/24,0)+1,1)*INDEX($D$3:$AA$30,INDEX(Jesper!$R$2:$R$366,ROW(INDEX(Jesper!AI$2:AI$366,ROUNDDOWN($C151/24,0)+1,1))-1)+IF('Standard Profiles'!$G$19=$B$10,7,0)+IF('Standard Profiles'!$G$19=$B$17,14,0)+IF('Standard Profiles'!$G$19=$B$24,21,0),MOD($C151,24)+1)/SUM(INDEX($D$3:$AA$30,INDEX(Jesper!$R$2:$R$366,ROW(INDEX(Jesper!AI$2:AI$366,ROUNDDOWN($C151/24,0)+1,1))-1)+IF('Standard Profiles'!$G$19=$B$10,7,0)+IF('Standard Profiles'!$G$19=$B$17,14,0)+IF('Standard Profiles'!$G$19=$B$24,21,0),0)),0)</f>
        <v>4.5242378090440072</v>
      </c>
      <c r="F151" cm="1">
        <f t="array" ref="F151">IFERROR(INDEX(Jesper!AJ$2:AJ$366,ROUNDDOWN($C151/24,0)+1,1)*INDEX($D$3:$AA$30,INDEX(Jesper!$R$2:$R$366,ROW(INDEX(Jesper!AJ$2:AJ$366,ROUNDDOWN($C151/24,0)+1,1))-1)+IF('Standard Profiles'!$G$20=$B$10,7,0)+IF('Standard Profiles'!$G$20=$B$17,14,0)+IF('Standard Profiles'!$G$20=$B$24,21,0),MOD($C151,24)+1)/SUM(INDEX($D$3:$AA$30,INDEX(Jesper!$R$2:$R$366,ROW(INDEX(Jesper!AJ$2:AJ$366,ROUNDDOWN($C151/24,0)+1,1))-1)+IF('Standard Profiles'!$G$20=$B$10,7,0)+IF('Standard Profiles'!$G$20=$B$17,14,0)+IF('Standard Profiles'!$G$20=$B$24,21,0),0)),0)</f>
        <v>0</v>
      </c>
      <c r="G151" cm="1">
        <f t="array" ref="G151">IFERROR(INDEX(Jesper!AK$2:AK$366,ROUNDDOWN($C151/24,0)+1,1)*INDEX($D$3:$AA$30,INDEX(Jesper!$R$2:$R$366,ROW(INDEX(Jesper!AK$2:AK$366,ROUNDDOWN($C151/24,0)+1,1))-1)+IF('Standard Profiles'!$G$21=$B$10,7,0)+IF('Standard Profiles'!$G$21=$B$17,14,0)+IF('Standard Profiles'!$G$21=$B$24,21,0),MOD($C151,24)+1)/SUM(INDEX($D$3:$AA$30,INDEX(Jesper!$R$2:$R$366,ROW(INDEX(Jesper!AK$2:AK$366,ROUNDDOWN($C151/24,0)+1,1))-1)+IF('Standard Profiles'!$G$21=$B$10,7,0)+IF('Standard Profiles'!$G$21=$B$17,14,0)+IF('Standard Profiles'!$G$21=$B$24,21,0),0)),0)</f>
        <v>2.0433289396625001</v>
      </c>
      <c r="H151" cm="1">
        <f t="array" ref="H151">IFERROR(INDEX(Jesper!AL$2:AL$366,ROUNDDOWN($C151/24,0)+1,1)*INDEX($D$3:$AA$30,INDEX(Jesper!$R$2:$R$366,ROW(INDEX(Jesper!AL$2:AL$366,ROUNDDOWN($C151/24,0)+1,1))-1)+IF('Standard Profiles'!$G$22=$B$10,7,0)+IF('Standard Profiles'!$G$22=$B$17,14,0)+IF('Standard Profiles'!$G$22=$B$24,21,0),MOD($C151,24)+1)/SUM(INDEX($D$3:$AA$30,INDEX(Jesper!$R$2:$R$366,ROW(INDEX(Jesper!AL$2:AL$366,ROUNDDOWN($C151/24,0)+1,1))-1)+IF('Standard Profiles'!$G$22=$B$10,7,0)+IF('Standard Profiles'!$G$22=$B$17,14,0)+IF('Standard Profiles'!$G$22=$B$24,21,0),0)),0)</f>
        <v>0</v>
      </c>
      <c r="I151">
        <f t="shared" si="27"/>
        <v>0.98079789103799953</v>
      </c>
      <c r="J151">
        <f t="shared" si="28"/>
        <v>10.438199873736398</v>
      </c>
      <c r="K151">
        <f t="shared" si="29"/>
        <v>0.61605473219909723</v>
      </c>
      <c r="L151">
        <f t="shared" si="30"/>
        <v>0.30802736609954862</v>
      </c>
      <c r="M151">
        <f t="shared" si="31"/>
        <v>0</v>
      </c>
      <c r="N151" s="45">
        <f t="shared" si="32"/>
        <v>44931.874999999716</v>
      </c>
      <c r="O151">
        <v>1.2831638038033979</v>
      </c>
      <c r="P151">
        <v>11.033891426152886</v>
      </c>
      <c r="Q151">
        <v>0.61919025812438866</v>
      </c>
      <c r="R151">
        <v>0.30959512906219433</v>
      </c>
      <c r="S151">
        <v>0</v>
      </c>
      <c r="T151" s="45">
        <v>45064.874999991975</v>
      </c>
    </row>
    <row r="152" spans="2:20" x14ac:dyDescent="0.25">
      <c r="B152">
        <f t="shared" si="26"/>
        <v>4</v>
      </c>
      <c r="C152" s="16">
        <v>118</v>
      </c>
      <c r="D152" cm="1">
        <f t="array" ref="D152">IFERROR(INDEX(Jesper!AH$2:AH$366,ROUNDDOWN($C152/24,0)+1,1)*INDEX($D$3:$AA$30,INDEX(Jesper!$R$2:$R$366,ROW(INDEX(Jesper!AH$2:AH$366,ROUNDDOWN($C152/24,0)+1,1))-1)+IF('Standard Profiles'!$G$18=$B$10,7,0)+IF('Standard Profiles'!$G$18=$B$17,14,0)+IF('Standard Profiles'!$G$18=$B$24,21,0),MOD($C152,24)+1)/SUM(INDEX($D$3:$AA$30,INDEX(Jesper!$R$2:$R$366,ROW(INDEX(Jesper!AH$2:AH$366,ROUNDDOWN($C152/24,0)+1,1))-1)+IF('Standard Profiles'!$G$18=$B$10,7,0)+IF('Standard Profiles'!$G$18=$B$17,14,0)+IF('Standard Profiles'!$G$18=$B$24,21,0),0)),0)</f>
        <v>5.7755131143665359</v>
      </c>
      <c r="E152" cm="1">
        <f t="array" ref="E152">IFERROR(INDEX(Jesper!AI$2:AI$366,ROUNDDOWN($C152/24,0)+1,1)*INDEX($D$3:$AA$30,INDEX(Jesper!$R$2:$R$366,ROW(INDEX(Jesper!AI$2:AI$366,ROUNDDOWN($C152/24,0)+1,1))-1)+IF('Standard Profiles'!$G$19=$B$10,7,0)+IF('Standard Profiles'!$G$19=$B$17,14,0)+IF('Standard Profiles'!$G$19=$B$24,21,0),MOD($C152,24)+1)/SUM(INDEX($D$3:$AA$30,INDEX(Jesper!$R$2:$R$366,ROW(INDEX(Jesper!AI$2:AI$366,ROUNDDOWN($C152/24,0)+1,1))-1)+IF('Standard Profiles'!$G$19=$B$10,7,0)+IF('Standard Profiles'!$G$19=$B$17,14,0)+IF('Standard Profiles'!$G$19=$B$24,21,0),0)),0)</f>
        <v>4.5242378090440072</v>
      </c>
      <c r="F152" cm="1">
        <f t="array" ref="F152">IFERROR(INDEX(Jesper!AJ$2:AJ$366,ROUNDDOWN($C152/24,0)+1,1)*INDEX($D$3:$AA$30,INDEX(Jesper!$R$2:$R$366,ROW(INDEX(Jesper!AJ$2:AJ$366,ROUNDDOWN($C152/24,0)+1,1))-1)+IF('Standard Profiles'!$G$20=$B$10,7,0)+IF('Standard Profiles'!$G$20=$B$17,14,0)+IF('Standard Profiles'!$G$20=$B$24,21,0),MOD($C152,24)+1)/SUM(INDEX($D$3:$AA$30,INDEX(Jesper!$R$2:$R$366,ROW(INDEX(Jesper!AJ$2:AJ$366,ROUNDDOWN($C152/24,0)+1,1))-1)+IF('Standard Profiles'!$G$20=$B$10,7,0)+IF('Standard Profiles'!$G$20=$B$17,14,0)+IF('Standard Profiles'!$G$20=$B$24,21,0),0)),0)</f>
        <v>0</v>
      </c>
      <c r="G152" cm="1">
        <f t="array" ref="G152">IFERROR(INDEX(Jesper!AK$2:AK$366,ROUNDDOWN($C152/24,0)+1,1)*INDEX($D$3:$AA$30,INDEX(Jesper!$R$2:$R$366,ROW(INDEX(Jesper!AK$2:AK$366,ROUNDDOWN($C152/24,0)+1,1))-1)+IF('Standard Profiles'!$G$21=$B$10,7,0)+IF('Standard Profiles'!$G$21=$B$17,14,0)+IF('Standard Profiles'!$G$21=$B$24,21,0),MOD($C152,24)+1)/SUM(INDEX($D$3:$AA$30,INDEX(Jesper!$R$2:$R$366,ROW(INDEX(Jesper!AK$2:AK$366,ROUNDDOWN($C152/24,0)+1,1))-1)+IF('Standard Profiles'!$G$21=$B$10,7,0)+IF('Standard Profiles'!$G$21=$B$17,14,0)+IF('Standard Profiles'!$G$21=$B$24,21,0),0)),0)</f>
        <v>2.0433289396625001</v>
      </c>
      <c r="H152" cm="1">
        <f t="array" ref="H152">IFERROR(INDEX(Jesper!AL$2:AL$366,ROUNDDOWN($C152/24,0)+1,1)*INDEX($D$3:$AA$30,INDEX(Jesper!$R$2:$R$366,ROW(INDEX(Jesper!AL$2:AL$366,ROUNDDOWN($C152/24,0)+1,1))-1)+IF('Standard Profiles'!$G$22=$B$10,7,0)+IF('Standard Profiles'!$G$22=$B$17,14,0)+IF('Standard Profiles'!$G$22=$B$24,21,0),MOD($C152,24)+1)/SUM(INDEX($D$3:$AA$30,INDEX(Jesper!$R$2:$R$366,ROW(INDEX(Jesper!AL$2:AL$366,ROUNDDOWN($C152/24,0)+1,1))-1)+IF('Standard Profiles'!$G$22=$B$10,7,0)+IF('Standard Profiles'!$G$22=$B$17,14,0)+IF('Standard Profiles'!$G$22=$B$24,21,0),0)),0)</f>
        <v>0</v>
      </c>
      <c r="I152">
        <f t="shared" si="27"/>
        <v>0.98079789103799953</v>
      </c>
      <c r="J152">
        <f t="shared" si="28"/>
        <v>10.438199873736398</v>
      </c>
      <c r="K152">
        <f t="shared" si="29"/>
        <v>0.61605473219909723</v>
      </c>
      <c r="L152">
        <f t="shared" si="30"/>
        <v>0.30802736609954862</v>
      </c>
      <c r="M152">
        <f t="shared" si="31"/>
        <v>0</v>
      </c>
      <c r="N152" s="45">
        <f t="shared" si="32"/>
        <v>44931.91666666638</v>
      </c>
      <c r="O152">
        <v>1.2831638038033979</v>
      </c>
      <c r="P152">
        <v>11.033891426152886</v>
      </c>
      <c r="Q152">
        <v>0.61919025812438866</v>
      </c>
      <c r="R152">
        <v>0.30959512906219433</v>
      </c>
      <c r="S152">
        <v>0</v>
      </c>
      <c r="T152" s="45">
        <v>45064.916666658639</v>
      </c>
    </row>
    <row r="153" spans="2:20" x14ac:dyDescent="0.25">
      <c r="B153">
        <f t="shared" si="26"/>
        <v>4</v>
      </c>
      <c r="C153" s="16">
        <v>119</v>
      </c>
      <c r="D153" cm="1">
        <f t="array" ref="D153">IFERROR(INDEX(Jesper!AH$2:AH$366,ROUNDDOWN($C153/24,0)+1,1)*INDEX($D$3:$AA$30,INDEX(Jesper!$R$2:$R$366,ROW(INDEX(Jesper!AH$2:AH$366,ROUNDDOWN($C153/24,0)+1,1))-1)+IF('Standard Profiles'!$G$18=$B$10,7,0)+IF('Standard Profiles'!$G$18=$B$17,14,0)+IF('Standard Profiles'!$G$18=$B$24,21,0),MOD($C153,24)+1)/SUM(INDEX($D$3:$AA$30,INDEX(Jesper!$R$2:$R$366,ROW(INDEX(Jesper!AH$2:AH$366,ROUNDDOWN($C153/24,0)+1,1))-1)+IF('Standard Profiles'!$G$18=$B$10,7,0)+IF('Standard Profiles'!$G$18=$B$17,14,0)+IF('Standard Profiles'!$G$18=$B$24,21,0),0)),0)</f>
        <v>5.7755131143665359</v>
      </c>
      <c r="E153" cm="1">
        <f t="array" ref="E153">IFERROR(INDEX(Jesper!AI$2:AI$366,ROUNDDOWN($C153/24,0)+1,1)*INDEX($D$3:$AA$30,INDEX(Jesper!$R$2:$R$366,ROW(INDEX(Jesper!AI$2:AI$366,ROUNDDOWN($C153/24,0)+1,1))-1)+IF('Standard Profiles'!$G$19=$B$10,7,0)+IF('Standard Profiles'!$G$19=$B$17,14,0)+IF('Standard Profiles'!$G$19=$B$24,21,0),MOD($C153,24)+1)/SUM(INDEX($D$3:$AA$30,INDEX(Jesper!$R$2:$R$366,ROW(INDEX(Jesper!AI$2:AI$366,ROUNDDOWN($C153/24,0)+1,1))-1)+IF('Standard Profiles'!$G$19=$B$10,7,0)+IF('Standard Profiles'!$G$19=$B$17,14,0)+IF('Standard Profiles'!$G$19=$B$24,21,0),0)),0)</f>
        <v>4.5242378090440072</v>
      </c>
      <c r="F153" cm="1">
        <f t="array" ref="F153">IFERROR(INDEX(Jesper!AJ$2:AJ$366,ROUNDDOWN($C153/24,0)+1,1)*INDEX($D$3:$AA$30,INDEX(Jesper!$R$2:$R$366,ROW(INDEX(Jesper!AJ$2:AJ$366,ROUNDDOWN($C153/24,0)+1,1))-1)+IF('Standard Profiles'!$G$20=$B$10,7,0)+IF('Standard Profiles'!$G$20=$B$17,14,0)+IF('Standard Profiles'!$G$20=$B$24,21,0),MOD($C153,24)+1)/SUM(INDEX($D$3:$AA$30,INDEX(Jesper!$R$2:$R$366,ROW(INDEX(Jesper!AJ$2:AJ$366,ROUNDDOWN($C153/24,0)+1,1))-1)+IF('Standard Profiles'!$G$20=$B$10,7,0)+IF('Standard Profiles'!$G$20=$B$17,14,0)+IF('Standard Profiles'!$G$20=$B$24,21,0),0)),0)</f>
        <v>0</v>
      </c>
      <c r="G153" cm="1">
        <f t="array" ref="G153">IFERROR(INDEX(Jesper!AK$2:AK$366,ROUNDDOWN($C153/24,0)+1,1)*INDEX($D$3:$AA$30,INDEX(Jesper!$R$2:$R$366,ROW(INDEX(Jesper!AK$2:AK$366,ROUNDDOWN($C153/24,0)+1,1))-1)+IF('Standard Profiles'!$G$21=$B$10,7,0)+IF('Standard Profiles'!$G$21=$B$17,14,0)+IF('Standard Profiles'!$G$21=$B$24,21,0),MOD($C153,24)+1)/SUM(INDEX($D$3:$AA$30,INDEX(Jesper!$R$2:$R$366,ROW(INDEX(Jesper!AK$2:AK$366,ROUNDDOWN($C153/24,0)+1,1))-1)+IF('Standard Profiles'!$G$21=$B$10,7,0)+IF('Standard Profiles'!$G$21=$B$17,14,0)+IF('Standard Profiles'!$G$21=$B$24,21,0),0)),0)</f>
        <v>2.0433289396625001</v>
      </c>
      <c r="H153" cm="1">
        <f t="array" ref="H153">IFERROR(INDEX(Jesper!AL$2:AL$366,ROUNDDOWN($C153/24,0)+1,1)*INDEX($D$3:$AA$30,INDEX(Jesper!$R$2:$R$366,ROW(INDEX(Jesper!AL$2:AL$366,ROUNDDOWN($C153/24,0)+1,1))-1)+IF('Standard Profiles'!$G$22=$B$10,7,0)+IF('Standard Profiles'!$G$22=$B$17,14,0)+IF('Standard Profiles'!$G$22=$B$24,21,0),MOD($C153,24)+1)/SUM(INDEX($D$3:$AA$30,INDEX(Jesper!$R$2:$R$366,ROW(INDEX(Jesper!AL$2:AL$366,ROUNDDOWN($C153/24,0)+1,1))-1)+IF('Standard Profiles'!$G$22=$B$10,7,0)+IF('Standard Profiles'!$G$22=$B$17,14,0)+IF('Standard Profiles'!$G$22=$B$24,21,0),0)),0)</f>
        <v>0</v>
      </c>
      <c r="I153">
        <f t="shared" si="27"/>
        <v>0.98079789103799953</v>
      </c>
      <c r="J153">
        <f t="shared" si="28"/>
        <v>10.438199873736398</v>
      </c>
      <c r="K153">
        <f t="shared" si="29"/>
        <v>0.61605473219909723</v>
      </c>
      <c r="L153">
        <f t="shared" si="30"/>
        <v>0.30802736609954862</v>
      </c>
      <c r="M153">
        <f t="shared" si="31"/>
        <v>0</v>
      </c>
      <c r="N153" s="45">
        <f t="shared" si="32"/>
        <v>44931.958333333045</v>
      </c>
      <c r="O153">
        <v>1.2831638038033979</v>
      </c>
      <c r="P153">
        <v>11.033891426152886</v>
      </c>
      <c r="Q153">
        <v>0.61919025812438866</v>
      </c>
      <c r="R153">
        <v>0.30959512906219433</v>
      </c>
      <c r="S153">
        <v>0</v>
      </c>
      <c r="T153" s="45">
        <v>45064.958333325303</v>
      </c>
    </row>
    <row r="154" spans="2:20" x14ac:dyDescent="0.25">
      <c r="B154">
        <f t="shared" si="26"/>
        <v>5</v>
      </c>
      <c r="C154" s="16">
        <v>120</v>
      </c>
      <c r="D154" cm="1">
        <f t="array" ref="D154">IFERROR(INDEX(Jesper!AH$2:AH$366,ROUNDDOWN($C154/24,0)+1,1)*INDEX($D$3:$AA$30,INDEX(Jesper!$R$2:$R$366,ROW(INDEX(Jesper!AH$2:AH$366,ROUNDDOWN($C154/24,0)+1,1))-1)+IF('Standard Profiles'!$G$18=$B$10,7,0)+IF('Standard Profiles'!$G$18=$B$17,14,0)+IF('Standard Profiles'!$G$18=$B$24,21,0),MOD($C154,24)+1)/SUM(INDEX($D$3:$AA$30,INDEX(Jesper!$R$2:$R$366,ROW(INDEX(Jesper!AH$2:AH$366,ROUNDDOWN($C154/24,0)+1,1))-1)+IF('Standard Profiles'!$G$18=$B$10,7,0)+IF('Standard Profiles'!$G$18=$B$17,14,0)+IF('Standard Profiles'!$G$18=$B$24,21,0),0)),0)</f>
        <v>8.9118982063423378</v>
      </c>
      <c r="E154" cm="1">
        <f t="array" ref="E154">IFERROR(INDEX(Jesper!AI$2:AI$366,ROUNDDOWN($C154/24,0)+1,1)*INDEX($D$3:$AA$30,INDEX(Jesper!$R$2:$R$366,ROW(INDEX(Jesper!AI$2:AI$366,ROUNDDOWN($C154/24,0)+1,1))-1)+IF('Standard Profiles'!$G$19=$B$10,7,0)+IF('Standard Profiles'!$G$19=$B$17,14,0)+IF('Standard Profiles'!$G$19=$B$24,21,0),MOD($C154,24)+1)/SUM(INDEX($D$3:$AA$30,INDEX(Jesper!$R$2:$R$366,ROW(INDEX(Jesper!AI$2:AI$366,ROUNDDOWN($C154/24,0)+1,1))-1)+IF('Standard Profiles'!$G$19=$B$10,7,0)+IF('Standard Profiles'!$G$19=$B$17,14,0)+IF('Standard Profiles'!$G$19=$B$24,21,0),0)),0)</f>
        <v>7.6068235223159384</v>
      </c>
      <c r="F154" cm="1">
        <f t="array" ref="F154">IFERROR(INDEX(Jesper!AJ$2:AJ$366,ROUNDDOWN($C154/24,0)+1,1)*INDEX($D$3:$AA$30,INDEX(Jesper!$R$2:$R$366,ROW(INDEX(Jesper!AJ$2:AJ$366,ROUNDDOWN($C154/24,0)+1,1))-1)+IF('Standard Profiles'!$G$20=$B$10,7,0)+IF('Standard Profiles'!$G$20=$B$17,14,0)+IF('Standard Profiles'!$G$20=$B$24,21,0),MOD($C154,24)+1)/SUM(INDEX($D$3:$AA$30,INDEX(Jesper!$R$2:$R$366,ROW(INDEX(Jesper!AJ$2:AJ$366,ROUNDDOWN($C154/24,0)+1,1))-1)+IF('Standard Profiles'!$G$20=$B$10,7,0)+IF('Standard Profiles'!$G$20=$B$17,14,0)+IF('Standard Profiles'!$G$20=$B$24,21,0),0)),0)</f>
        <v>0</v>
      </c>
      <c r="G154" cm="1">
        <f t="array" ref="G154">IFERROR(INDEX(Jesper!AK$2:AK$366,ROUNDDOWN($C154/24,0)+1,1)*INDEX($D$3:$AA$30,INDEX(Jesper!$R$2:$R$366,ROW(INDEX(Jesper!AK$2:AK$366,ROUNDDOWN($C154/24,0)+1,1))-1)+IF('Standard Profiles'!$G$21=$B$10,7,0)+IF('Standard Profiles'!$G$21=$B$17,14,0)+IF('Standard Profiles'!$G$21=$B$24,21,0),MOD($C154,24)+1)/SUM(INDEX($D$3:$AA$30,INDEX(Jesper!$R$2:$R$366,ROW(INDEX(Jesper!AK$2:AK$366,ROUNDDOWN($C154/24,0)+1,1))-1)+IF('Standard Profiles'!$G$21=$B$10,7,0)+IF('Standard Profiles'!$G$21=$B$17,14,0)+IF('Standard Profiles'!$G$21=$B$24,21,0),0)),0)</f>
        <v>3.1013860942506013</v>
      </c>
      <c r="H154" cm="1">
        <f t="array" ref="H154">IFERROR(INDEX(Jesper!AL$2:AL$366,ROUNDDOWN($C154/24,0)+1,1)*INDEX($D$3:$AA$30,INDEX(Jesper!$R$2:$R$366,ROW(INDEX(Jesper!AL$2:AL$366,ROUNDDOWN($C154/24,0)+1,1))-1)+IF('Standard Profiles'!$G$22=$B$10,7,0)+IF('Standard Profiles'!$G$22=$B$17,14,0)+IF('Standard Profiles'!$G$22=$B$24,21,0),MOD($C154,24)+1)/SUM(INDEX($D$3:$AA$30,INDEX(Jesper!$R$2:$R$366,ROW(INDEX(Jesper!AL$2:AL$366,ROUNDDOWN($C154/24,0)+1,1))-1)+IF('Standard Profiles'!$G$22=$B$10,7,0)+IF('Standard Profiles'!$G$22=$B$17,14,0)+IF('Standard Profiles'!$G$22=$B$24,21,0),0)),0)</f>
        <v>0</v>
      </c>
      <c r="I154">
        <f t="shared" si="27"/>
        <v>1.4886653252402879</v>
      </c>
      <c r="J154">
        <f t="shared" si="28"/>
        <v>16.705538784653815</v>
      </c>
      <c r="K154">
        <f t="shared" si="29"/>
        <v>0.95060247534318276</v>
      </c>
      <c r="L154">
        <f t="shared" si="30"/>
        <v>0.47530123767159138</v>
      </c>
      <c r="M154">
        <f t="shared" si="31"/>
        <v>0</v>
      </c>
      <c r="N154" s="45">
        <f t="shared" si="32"/>
        <v>44931.999999999709</v>
      </c>
      <c r="O154">
        <v>0.47587213943459633</v>
      </c>
      <c r="P154">
        <v>13.20773061889806</v>
      </c>
      <c r="Q154">
        <v>0.92252939530463729</v>
      </c>
      <c r="R154">
        <v>0.46126469765231864</v>
      </c>
      <c r="S154">
        <v>0</v>
      </c>
      <c r="T154" s="45">
        <v>45064.999999991967</v>
      </c>
    </row>
    <row r="155" spans="2:20" x14ac:dyDescent="0.25">
      <c r="B155">
        <f t="shared" si="26"/>
        <v>5</v>
      </c>
      <c r="C155" s="16">
        <v>121</v>
      </c>
      <c r="D155" cm="1">
        <f t="array" ref="D155">IFERROR(INDEX(Jesper!AH$2:AH$366,ROUNDDOWN($C155/24,0)+1,1)*INDEX($D$3:$AA$30,INDEX(Jesper!$R$2:$R$366,ROW(INDEX(Jesper!AH$2:AH$366,ROUNDDOWN($C155/24,0)+1,1))-1)+IF('Standard Profiles'!$G$18=$B$10,7,0)+IF('Standard Profiles'!$G$18=$B$17,14,0)+IF('Standard Profiles'!$G$18=$B$24,21,0),MOD($C155,24)+1)/SUM(INDEX($D$3:$AA$30,INDEX(Jesper!$R$2:$R$366,ROW(INDEX(Jesper!AH$2:AH$366,ROUNDDOWN($C155/24,0)+1,1))-1)+IF('Standard Profiles'!$G$18=$B$10,7,0)+IF('Standard Profiles'!$G$18=$B$17,14,0)+IF('Standard Profiles'!$G$18=$B$24,21,0),0)),0)</f>
        <v>5.4011504280862663</v>
      </c>
      <c r="E155" cm="1">
        <f t="array" ref="E155">IFERROR(INDEX(Jesper!AI$2:AI$366,ROUNDDOWN($C155/24,0)+1,1)*INDEX($D$3:$AA$30,INDEX(Jesper!$R$2:$R$366,ROW(INDEX(Jesper!AI$2:AI$366,ROUNDDOWN($C155/24,0)+1,1))-1)+IF('Standard Profiles'!$G$19=$B$10,7,0)+IF('Standard Profiles'!$G$19=$B$17,14,0)+IF('Standard Profiles'!$G$19=$B$24,21,0),MOD($C155,24)+1)/SUM(INDEX($D$3:$AA$30,INDEX(Jesper!$R$2:$R$366,ROW(INDEX(Jesper!AI$2:AI$366,ROUNDDOWN($C155/24,0)+1,1))-1)+IF('Standard Profiles'!$G$19=$B$10,7,0)+IF('Standard Profiles'!$G$19=$B$17,14,0)+IF('Standard Profiles'!$G$19=$B$24,21,0),0)),0)</f>
        <v>4.6101960741308723</v>
      </c>
      <c r="F155" cm="1">
        <f t="array" ref="F155">IFERROR(INDEX(Jesper!AJ$2:AJ$366,ROUNDDOWN($C155/24,0)+1,1)*INDEX($D$3:$AA$30,INDEX(Jesper!$R$2:$R$366,ROW(INDEX(Jesper!AJ$2:AJ$366,ROUNDDOWN($C155/24,0)+1,1))-1)+IF('Standard Profiles'!$G$20=$B$10,7,0)+IF('Standard Profiles'!$G$20=$B$17,14,0)+IF('Standard Profiles'!$G$20=$B$24,21,0),MOD($C155,24)+1)/SUM(INDEX($D$3:$AA$30,INDEX(Jesper!$R$2:$R$366,ROW(INDEX(Jesper!AJ$2:AJ$366,ROUNDDOWN($C155/24,0)+1,1))-1)+IF('Standard Profiles'!$G$20=$B$10,7,0)+IF('Standard Profiles'!$G$20=$B$17,14,0)+IF('Standard Profiles'!$G$20=$B$24,21,0),0)),0)</f>
        <v>0</v>
      </c>
      <c r="G155" cm="1">
        <f t="array" ref="G155">IFERROR(INDEX(Jesper!AK$2:AK$366,ROUNDDOWN($C155/24,0)+1,1)*INDEX($D$3:$AA$30,INDEX(Jesper!$R$2:$R$366,ROW(INDEX(Jesper!AK$2:AK$366,ROUNDDOWN($C155/24,0)+1,1))-1)+IF('Standard Profiles'!$G$21=$B$10,7,0)+IF('Standard Profiles'!$G$21=$B$17,14,0)+IF('Standard Profiles'!$G$21=$B$24,21,0),MOD($C155,24)+1)/SUM(INDEX($D$3:$AA$30,INDEX(Jesper!$R$2:$R$366,ROW(INDEX(Jesper!AK$2:AK$366,ROUNDDOWN($C155/24,0)+1,1))-1)+IF('Standard Profiles'!$G$21=$B$10,7,0)+IF('Standard Profiles'!$G$21=$B$17,14,0)+IF('Standard Profiles'!$G$21=$B$24,21,0),0)),0)</f>
        <v>3.1013860942506013</v>
      </c>
      <c r="H155" cm="1">
        <f t="array" ref="H155">IFERROR(INDEX(Jesper!AL$2:AL$366,ROUNDDOWN($C155/24,0)+1,1)*INDEX($D$3:$AA$30,INDEX(Jesper!$R$2:$R$366,ROW(INDEX(Jesper!AL$2:AL$366,ROUNDDOWN($C155/24,0)+1,1))-1)+IF('Standard Profiles'!$G$22=$B$10,7,0)+IF('Standard Profiles'!$G$22=$B$17,14,0)+IF('Standard Profiles'!$G$22=$B$24,21,0),MOD($C155,24)+1)/SUM(INDEX($D$3:$AA$30,INDEX(Jesper!$R$2:$R$366,ROW(INDEX(Jesper!AL$2:AL$366,ROUNDDOWN($C155/24,0)+1,1))-1)+IF('Standard Profiles'!$G$22=$B$10,7,0)+IF('Standard Profiles'!$G$22=$B$17,14,0)+IF('Standard Profiles'!$G$22=$B$24,21,0),0)),0)</f>
        <v>0</v>
      </c>
      <c r="I155">
        <f t="shared" si="27"/>
        <v>1.4886653252402879</v>
      </c>
      <c r="J155">
        <f t="shared" si="28"/>
        <v>10.759883202733649</v>
      </c>
      <c r="K155">
        <f t="shared" si="29"/>
        <v>0.57612271232920176</v>
      </c>
      <c r="L155">
        <f t="shared" si="30"/>
        <v>0.28806135616460088</v>
      </c>
      <c r="M155">
        <f t="shared" si="31"/>
        <v>0</v>
      </c>
      <c r="N155" s="45">
        <f t="shared" si="32"/>
        <v>44932.041666666373</v>
      </c>
      <c r="O155">
        <v>0.47587213943459633</v>
      </c>
      <c r="P155">
        <v>8.2077720709595496</v>
      </c>
      <c r="Q155">
        <v>0.55910872442705295</v>
      </c>
      <c r="R155">
        <v>0.27955436221352647</v>
      </c>
      <c r="S155">
        <v>0</v>
      </c>
      <c r="T155" s="45">
        <v>45065.041666658632</v>
      </c>
    </row>
    <row r="156" spans="2:20" x14ac:dyDescent="0.25">
      <c r="B156">
        <f t="shared" si="26"/>
        <v>5</v>
      </c>
      <c r="C156" s="16">
        <v>122</v>
      </c>
      <c r="D156" cm="1">
        <f t="array" ref="D156">IFERROR(INDEX(Jesper!AH$2:AH$366,ROUNDDOWN($C156/24,0)+1,1)*INDEX($D$3:$AA$30,INDEX(Jesper!$R$2:$R$366,ROW(INDEX(Jesper!AH$2:AH$366,ROUNDDOWN($C156/24,0)+1,1))-1)+IF('Standard Profiles'!$G$18=$B$10,7,0)+IF('Standard Profiles'!$G$18=$B$17,14,0)+IF('Standard Profiles'!$G$18=$B$24,21,0),MOD($C156,24)+1)/SUM(INDEX($D$3:$AA$30,INDEX(Jesper!$R$2:$R$366,ROW(INDEX(Jesper!AH$2:AH$366,ROUNDDOWN($C156/24,0)+1,1))-1)+IF('Standard Profiles'!$G$18=$B$10,7,0)+IF('Standard Profiles'!$G$18=$B$17,14,0)+IF('Standard Profiles'!$G$18=$B$24,21,0),0)),0)</f>
        <v>5.4011504280862663</v>
      </c>
      <c r="E156" cm="1">
        <f t="array" ref="E156">IFERROR(INDEX(Jesper!AI$2:AI$366,ROUNDDOWN($C156/24,0)+1,1)*INDEX($D$3:$AA$30,INDEX(Jesper!$R$2:$R$366,ROW(INDEX(Jesper!AI$2:AI$366,ROUNDDOWN($C156/24,0)+1,1))-1)+IF('Standard Profiles'!$G$19=$B$10,7,0)+IF('Standard Profiles'!$G$19=$B$17,14,0)+IF('Standard Profiles'!$G$19=$B$24,21,0),MOD($C156,24)+1)/SUM(INDEX($D$3:$AA$30,INDEX(Jesper!$R$2:$R$366,ROW(INDEX(Jesper!AI$2:AI$366,ROUNDDOWN($C156/24,0)+1,1))-1)+IF('Standard Profiles'!$G$19=$B$10,7,0)+IF('Standard Profiles'!$G$19=$B$17,14,0)+IF('Standard Profiles'!$G$19=$B$24,21,0),0)),0)</f>
        <v>4.6101960741308723</v>
      </c>
      <c r="F156" cm="1">
        <f t="array" ref="F156">IFERROR(INDEX(Jesper!AJ$2:AJ$366,ROUNDDOWN($C156/24,0)+1,1)*INDEX($D$3:$AA$30,INDEX(Jesper!$R$2:$R$366,ROW(INDEX(Jesper!AJ$2:AJ$366,ROUNDDOWN($C156/24,0)+1,1))-1)+IF('Standard Profiles'!$G$20=$B$10,7,0)+IF('Standard Profiles'!$G$20=$B$17,14,0)+IF('Standard Profiles'!$G$20=$B$24,21,0),MOD($C156,24)+1)/SUM(INDEX($D$3:$AA$30,INDEX(Jesper!$R$2:$R$366,ROW(INDEX(Jesper!AJ$2:AJ$366,ROUNDDOWN($C156/24,0)+1,1))-1)+IF('Standard Profiles'!$G$20=$B$10,7,0)+IF('Standard Profiles'!$G$20=$B$17,14,0)+IF('Standard Profiles'!$G$20=$B$24,21,0),0)),0)</f>
        <v>0</v>
      </c>
      <c r="G156" cm="1">
        <f t="array" ref="G156">IFERROR(INDEX(Jesper!AK$2:AK$366,ROUNDDOWN($C156/24,0)+1,1)*INDEX($D$3:$AA$30,INDEX(Jesper!$R$2:$R$366,ROW(INDEX(Jesper!AK$2:AK$366,ROUNDDOWN($C156/24,0)+1,1))-1)+IF('Standard Profiles'!$G$21=$B$10,7,0)+IF('Standard Profiles'!$G$21=$B$17,14,0)+IF('Standard Profiles'!$G$21=$B$24,21,0),MOD($C156,24)+1)/SUM(INDEX($D$3:$AA$30,INDEX(Jesper!$R$2:$R$366,ROW(INDEX(Jesper!AK$2:AK$366,ROUNDDOWN($C156/24,0)+1,1))-1)+IF('Standard Profiles'!$G$21=$B$10,7,0)+IF('Standard Profiles'!$G$21=$B$17,14,0)+IF('Standard Profiles'!$G$21=$B$24,21,0),0)),0)</f>
        <v>3.1013860942506013</v>
      </c>
      <c r="H156" cm="1">
        <f t="array" ref="H156">IFERROR(INDEX(Jesper!AL$2:AL$366,ROUNDDOWN($C156/24,0)+1,1)*INDEX($D$3:$AA$30,INDEX(Jesper!$R$2:$R$366,ROW(INDEX(Jesper!AL$2:AL$366,ROUNDDOWN($C156/24,0)+1,1))-1)+IF('Standard Profiles'!$G$22=$B$10,7,0)+IF('Standard Profiles'!$G$22=$B$17,14,0)+IF('Standard Profiles'!$G$22=$B$24,21,0),MOD($C156,24)+1)/SUM(INDEX($D$3:$AA$30,INDEX(Jesper!$R$2:$R$366,ROW(INDEX(Jesper!AL$2:AL$366,ROUNDDOWN($C156/24,0)+1,1))-1)+IF('Standard Profiles'!$G$22=$B$10,7,0)+IF('Standard Profiles'!$G$22=$B$17,14,0)+IF('Standard Profiles'!$G$22=$B$24,21,0),0)),0)</f>
        <v>0</v>
      </c>
      <c r="I156">
        <f t="shared" si="27"/>
        <v>1.4886653252402879</v>
      </c>
      <c r="J156">
        <f t="shared" si="28"/>
        <v>10.759883202733649</v>
      </c>
      <c r="K156">
        <f t="shared" si="29"/>
        <v>0.57612271232920176</v>
      </c>
      <c r="L156">
        <f t="shared" si="30"/>
        <v>0.28806135616460088</v>
      </c>
      <c r="M156">
        <f t="shared" si="31"/>
        <v>0</v>
      </c>
      <c r="N156" s="45">
        <f t="shared" si="32"/>
        <v>44932.083333333037</v>
      </c>
      <c r="O156">
        <v>0.47587213943459633</v>
      </c>
      <c r="P156">
        <v>8.2077720709595496</v>
      </c>
      <c r="Q156">
        <v>0.55910872442705295</v>
      </c>
      <c r="R156">
        <v>0.27955436221352647</v>
      </c>
      <c r="S156">
        <v>0</v>
      </c>
      <c r="T156" s="45">
        <v>45065.083333325296</v>
      </c>
    </row>
    <row r="157" spans="2:20" x14ac:dyDescent="0.25">
      <c r="B157">
        <f t="shared" si="26"/>
        <v>5</v>
      </c>
      <c r="C157" s="16">
        <v>123</v>
      </c>
      <c r="D157" cm="1">
        <f t="array" ref="D157">IFERROR(INDEX(Jesper!AH$2:AH$366,ROUNDDOWN($C157/24,0)+1,1)*INDEX($D$3:$AA$30,INDEX(Jesper!$R$2:$R$366,ROW(INDEX(Jesper!AH$2:AH$366,ROUNDDOWN($C157/24,0)+1,1))-1)+IF('Standard Profiles'!$G$18=$B$10,7,0)+IF('Standard Profiles'!$G$18=$B$17,14,0)+IF('Standard Profiles'!$G$18=$B$24,21,0),MOD($C157,24)+1)/SUM(INDEX($D$3:$AA$30,INDEX(Jesper!$R$2:$R$366,ROW(INDEX(Jesper!AH$2:AH$366,ROUNDDOWN($C157/24,0)+1,1))-1)+IF('Standard Profiles'!$G$18=$B$10,7,0)+IF('Standard Profiles'!$G$18=$B$17,14,0)+IF('Standard Profiles'!$G$18=$B$24,21,0),0)),0)</f>
        <v>5.4011504280862663</v>
      </c>
      <c r="E157" cm="1">
        <f t="array" ref="E157">IFERROR(INDEX(Jesper!AI$2:AI$366,ROUNDDOWN($C157/24,0)+1,1)*INDEX($D$3:$AA$30,INDEX(Jesper!$R$2:$R$366,ROW(INDEX(Jesper!AI$2:AI$366,ROUNDDOWN($C157/24,0)+1,1))-1)+IF('Standard Profiles'!$G$19=$B$10,7,0)+IF('Standard Profiles'!$G$19=$B$17,14,0)+IF('Standard Profiles'!$G$19=$B$24,21,0),MOD($C157,24)+1)/SUM(INDEX($D$3:$AA$30,INDEX(Jesper!$R$2:$R$366,ROW(INDEX(Jesper!AI$2:AI$366,ROUNDDOWN($C157/24,0)+1,1))-1)+IF('Standard Profiles'!$G$19=$B$10,7,0)+IF('Standard Profiles'!$G$19=$B$17,14,0)+IF('Standard Profiles'!$G$19=$B$24,21,0),0)),0)</f>
        <v>4.6101960741308723</v>
      </c>
      <c r="F157" cm="1">
        <f t="array" ref="F157">IFERROR(INDEX(Jesper!AJ$2:AJ$366,ROUNDDOWN($C157/24,0)+1,1)*INDEX($D$3:$AA$30,INDEX(Jesper!$R$2:$R$366,ROW(INDEX(Jesper!AJ$2:AJ$366,ROUNDDOWN($C157/24,0)+1,1))-1)+IF('Standard Profiles'!$G$20=$B$10,7,0)+IF('Standard Profiles'!$G$20=$B$17,14,0)+IF('Standard Profiles'!$G$20=$B$24,21,0),MOD($C157,24)+1)/SUM(INDEX($D$3:$AA$30,INDEX(Jesper!$R$2:$R$366,ROW(INDEX(Jesper!AJ$2:AJ$366,ROUNDDOWN($C157/24,0)+1,1))-1)+IF('Standard Profiles'!$G$20=$B$10,7,0)+IF('Standard Profiles'!$G$20=$B$17,14,0)+IF('Standard Profiles'!$G$20=$B$24,21,0),0)),0)</f>
        <v>0</v>
      </c>
      <c r="G157" cm="1">
        <f t="array" ref="G157">IFERROR(INDEX(Jesper!AK$2:AK$366,ROUNDDOWN($C157/24,0)+1,1)*INDEX($D$3:$AA$30,INDEX(Jesper!$R$2:$R$366,ROW(INDEX(Jesper!AK$2:AK$366,ROUNDDOWN($C157/24,0)+1,1))-1)+IF('Standard Profiles'!$G$21=$B$10,7,0)+IF('Standard Profiles'!$G$21=$B$17,14,0)+IF('Standard Profiles'!$G$21=$B$24,21,0),MOD($C157,24)+1)/SUM(INDEX($D$3:$AA$30,INDEX(Jesper!$R$2:$R$366,ROW(INDEX(Jesper!AK$2:AK$366,ROUNDDOWN($C157/24,0)+1,1))-1)+IF('Standard Profiles'!$G$21=$B$10,7,0)+IF('Standard Profiles'!$G$21=$B$17,14,0)+IF('Standard Profiles'!$G$21=$B$24,21,0),0)),0)</f>
        <v>3.1013860942506013</v>
      </c>
      <c r="H157" cm="1">
        <f t="array" ref="H157">IFERROR(INDEX(Jesper!AL$2:AL$366,ROUNDDOWN($C157/24,0)+1,1)*INDEX($D$3:$AA$30,INDEX(Jesper!$R$2:$R$366,ROW(INDEX(Jesper!AL$2:AL$366,ROUNDDOWN($C157/24,0)+1,1))-1)+IF('Standard Profiles'!$G$22=$B$10,7,0)+IF('Standard Profiles'!$G$22=$B$17,14,0)+IF('Standard Profiles'!$G$22=$B$24,21,0),MOD($C157,24)+1)/SUM(INDEX($D$3:$AA$30,INDEX(Jesper!$R$2:$R$366,ROW(INDEX(Jesper!AL$2:AL$366,ROUNDDOWN($C157/24,0)+1,1))-1)+IF('Standard Profiles'!$G$22=$B$10,7,0)+IF('Standard Profiles'!$G$22=$B$17,14,0)+IF('Standard Profiles'!$G$22=$B$24,21,0),0)),0)</f>
        <v>0</v>
      </c>
      <c r="I157">
        <f t="shared" si="27"/>
        <v>1.4886653252402879</v>
      </c>
      <c r="J157">
        <f t="shared" si="28"/>
        <v>10.759883202733649</v>
      </c>
      <c r="K157">
        <f t="shared" si="29"/>
        <v>0.57612271232920176</v>
      </c>
      <c r="L157">
        <f t="shared" si="30"/>
        <v>0.28806135616460088</v>
      </c>
      <c r="M157">
        <f t="shared" si="31"/>
        <v>0</v>
      </c>
      <c r="N157" s="45">
        <f t="shared" si="32"/>
        <v>44932.124999999702</v>
      </c>
      <c r="O157">
        <v>0.47587213943459633</v>
      </c>
      <c r="P157">
        <v>8.2077720709595496</v>
      </c>
      <c r="Q157">
        <v>0.55910872442705295</v>
      </c>
      <c r="R157">
        <v>0.27955436221352647</v>
      </c>
      <c r="S157">
        <v>0</v>
      </c>
      <c r="T157" s="45">
        <v>45065.12499999196</v>
      </c>
    </row>
    <row r="158" spans="2:20" x14ac:dyDescent="0.25">
      <c r="B158">
        <f t="shared" si="26"/>
        <v>5</v>
      </c>
      <c r="C158" s="16">
        <v>124</v>
      </c>
      <c r="D158" cm="1">
        <f t="array" ref="D158">IFERROR(INDEX(Jesper!AH$2:AH$366,ROUNDDOWN($C158/24,0)+1,1)*INDEX($D$3:$AA$30,INDEX(Jesper!$R$2:$R$366,ROW(INDEX(Jesper!AH$2:AH$366,ROUNDDOWN($C158/24,0)+1,1))-1)+IF('Standard Profiles'!$G$18=$B$10,7,0)+IF('Standard Profiles'!$G$18=$B$17,14,0)+IF('Standard Profiles'!$G$18=$B$24,21,0),MOD($C158,24)+1)/SUM(INDEX($D$3:$AA$30,INDEX(Jesper!$R$2:$R$366,ROW(INDEX(Jesper!AH$2:AH$366,ROUNDDOWN($C158/24,0)+1,1))-1)+IF('Standard Profiles'!$G$18=$B$10,7,0)+IF('Standard Profiles'!$G$18=$B$17,14,0)+IF('Standard Profiles'!$G$18=$B$24,21,0),0)),0)</f>
        <v>5.4011504280862663</v>
      </c>
      <c r="E158" cm="1">
        <f t="array" ref="E158">IFERROR(INDEX(Jesper!AI$2:AI$366,ROUNDDOWN($C158/24,0)+1,1)*INDEX($D$3:$AA$30,INDEX(Jesper!$R$2:$R$366,ROW(INDEX(Jesper!AI$2:AI$366,ROUNDDOWN($C158/24,0)+1,1))-1)+IF('Standard Profiles'!$G$19=$B$10,7,0)+IF('Standard Profiles'!$G$19=$B$17,14,0)+IF('Standard Profiles'!$G$19=$B$24,21,0),MOD($C158,24)+1)/SUM(INDEX($D$3:$AA$30,INDEX(Jesper!$R$2:$R$366,ROW(INDEX(Jesper!AI$2:AI$366,ROUNDDOWN($C158/24,0)+1,1))-1)+IF('Standard Profiles'!$G$19=$B$10,7,0)+IF('Standard Profiles'!$G$19=$B$17,14,0)+IF('Standard Profiles'!$G$19=$B$24,21,0),0)),0)</f>
        <v>4.6101960741308723</v>
      </c>
      <c r="F158" cm="1">
        <f t="array" ref="F158">IFERROR(INDEX(Jesper!AJ$2:AJ$366,ROUNDDOWN($C158/24,0)+1,1)*INDEX($D$3:$AA$30,INDEX(Jesper!$R$2:$R$366,ROW(INDEX(Jesper!AJ$2:AJ$366,ROUNDDOWN($C158/24,0)+1,1))-1)+IF('Standard Profiles'!$G$20=$B$10,7,0)+IF('Standard Profiles'!$G$20=$B$17,14,0)+IF('Standard Profiles'!$G$20=$B$24,21,0),MOD($C158,24)+1)/SUM(INDEX($D$3:$AA$30,INDEX(Jesper!$R$2:$R$366,ROW(INDEX(Jesper!AJ$2:AJ$366,ROUNDDOWN($C158/24,0)+1,1))-1)+IF('Standard Profiles'!$G$20=$B$10,7,0)+IF('Standard Profiles'!$G$20=$B$17,14,0)+IF('Standard Profiles'!$G$20=$B$24,21,0),0)),0)</f>
        <v>0</v>
      </c>
      <c r="G158" cm="1">
        <f t="array" ref="G158">IFERROR(INDEX(Jesper!AK$2:AK$366,ROUNDDOWN($C158/24,0)+1,1)*INDEX($D$3:$AA$30,INDEX(Jesper!$R$2:$R$366,ROW(INDEX(Jesper!AK$2:AK$366,ROUNDDOWN($C158/24,0)+1,1))-1)+IF('Standard Profiles'!$G$21=$B$10,7,0)+IF('Standard Profiles'!$G$21=$B$17,14,0)+IF('Standard Profiles'!$G$21=$B$24,21,0),MOD($C158,24)+1)/SUM(INDEX($D$3:$AA$30,INDEX(Jesper!$R$2:$R$366,ROW(INDEX(Jesper!AK$2:AK$366,ROUNDDOWN($C158/24,0)+1,1))-1)+IF('Standard Profiles'!$G$21=$B$10,7,0)+IF('Standard Profiles'!$G$21=$B$17,14,0)+IF('Standard Profiles'!$G$21=$B$24,21,0),0)),0)</f>
        <v>3.1013860942506013</v>
      </c>
      <c r="H158" cm="1">
        <f t="array" ref="H158">IFERROR(INDEX(Jesper!AL$2:AL$366,ROUNDDOWN($C158/24,0)+1,1)*INDEX($D$3:$AA$30,INDEX(Jesper!$R$2:$R$366,ROW(INDEX(Jesper!AL$2:AL$366,ROUNDDOWN($C158/24,0)+1,1))-1)+IF('Standard Profiles'!$G$22=$B$10,7,0)+IF('Standard Profiles'!$G$22=$B$17,14,0)+IF('Standard Profiles'!$G$22=$B$24,21,0),MOD($C158,24)+1)/SUM(INDEX($D$3:$AA$30,INDEX(Jesper!$R$2:$R$366,ROW(INDEX(Jesper!AL$2:AL$366,ROUNDDOWN($C158/24,0)+1,1))-1)+IF('Standard Profiles'!$G$22=$B$10,7,0)+IF('Standard Profiles'!$G$22=$B$17,14,0)+IF('Standard Profiles'!$G$22=$B$24,21,0),0)),0)</f>
        <v>0</v>
      </c>
      <c r="I158">
        <f t="shared" si="27"/>
        <v>1.4886653252402879</v>
      </c>
      <c r="J158">
        <f t="shared" si="28"/>
        <v>10.759883202733649</v>
      </c>
      <c r="K158">
        <f t="shared" si="29"/>
        <v>0.57612271232920176</v>
      </c>
      <c r="L158">
        <f t="shared" si="30"/>
        <v>0.28806135616460088</v>
      </c>
      <c r="M158">
        <f t="shared" si="31"/>
        <v>0</v>
      </c>
      <c r="N158" s="45">
        <f t="shared" si="32"/>
        <v>44932.166666666366</v>
      </c>
      <c r="O158">
        <v>0.47587213943459633</v>
      </c>
      <c r="P158">
        <v>8.2077720709595496</v>
      </c>
      <c r="Q158">
        <v>0.55910872442705295</v>
      </c>
      <c r="R158">
        <v>0.27955436221352647</v>
      </c>
      <c r="S158">
        <v>0</v>
      </c>
      <c r="T158" s="45">
        <v>45065.166666658624</v>
      </c>
    </row>
    <row r="159" spans="2:20" x14ac:dyDescent="0.25">
      <c r="B159">
        <f t="shared" si="26"/>
        <v>5</v>
      </c>
      <c r="C159" s="16">
        <v>125</v>
      </c>
      <c r="D159" cm="1">
        <f t="array" ref="D159">IFERROR(INDEX(Jesper!AH$2:AH$366,ROUNDDOWN($C159/24,0)+1,1)*INDEX($D$3:$AA$30,INDEX(Jesper!$R$2:$R$366,ROW(INDEX(Jesper!AH$2:AH$366,ROUNDDOWN($C159/24,0)+1,1))-1)+IF('Standard Profiles'!$G$18=$B$10,7,0)+IF('Standard Profiles'!$G$18=$B$17,14,0)+IF('Standard Profiles'!$G$18=$B$24,21,0),MOD($C159,24)+1)/SUM(INDEX($D$3:$AA$30,INDEX(Jesper!$R$2:$R$366,ROW(INDEX(Jesper!AH$2:AH$366,ROUNDDOWN($C159/24,0)+1,1))-1)+IF('Standard Profiles'!$G$18=$B$10,7,0)+IF('Standard Profiles'!$G$18=$B$17,14,0)+IF('Standard Profiles'!$G$18=$B$24,21,0),0)),0)</f>
        <v>5.4011504280862663</v>
      </c>
      <c r="E159" cm="1">
        <f t="array" ref="E159">IFERROR(INDEX(Jesper!AI$2:AI$366,ROUNDDOWN($C159/24,0)+1,1)*INDEX($D$3:$AA$30,INDEX(Jesper!$R$2:$R$366,ROW(INDEX(Jesper!AI$2:AI$366,ROUNDDOWN($C159/24,0)+1,1))-1)+IF('Standard Profiles'!$G$19=$B$10,7,0)+IF('Standard Profiles'!$G$19=$B$17,14,0)+IF('Standard Profiles'!$G$19=$B$24,21,0),MOD($C159,24)+1)/SUM(INDEX($D$3:$AA$30,INDEX(Jesper!$R$2:$R$366,ROW(INDEX(Jesper!AI$2:AI$366,ROUNDDOWN($C159/24,0)+1,1))-1)+IF('Standard Profiles'!$G$19=$B$10,7,0)+IF('Standard Profiles'!$G$19=$B$17,14,0)+IF('Standard Profiles'!$G$19=$B$24,21,0),0)),0)</f>
        <v>4.6101960741308723</v>
      </c>
      <c r="F159" cm="1">
        <f t="array" ref="F159">IFERROR(INDEX(Jesper!AJ$2:AJ$366,ROUNDDOWN($C159/24,0)+1,1)*INDEX($D$3:$AA$30,INDEX(Jesper!$R$2:$R$366,ROW(INDEX(Jesper!AJ$2:AJ$366,ROUNDDOWN($C159/24,0)+1,1))-1)+IF('Standard Profiles'!$G$20=$B$10,7,0)+IF('Standard Profiles'!$G$20=$B$17,14,0)+IF('Standard Profiles'!$G$20=$B$24,21,0),MOD($C159,24)+1)/SUM(INDEX($D$3:$AA$30,INDEX(Jesper!$R$2:$R$366,ROW(INDEX(Jesper!AJ$2:AJ$366,ROUNDDOWN($C159/24,0)+1,1))-1)+IF('Standard Profiles'!$G$20=$B$10,7,0)+IF('Standard Profiles'!$G$20=$B$17,14,0)+IF('Standard Profiles'!$G$20=$B$24,21,0),0)),0)</f>
        <v>0</v>
      </c>
      <c r="G159" cm="1">
        <f t="array" ref="G159">IFERROR(INDEX(Jesper!AK$2:AK$366,ROUNDDOWN($C159/24,0)+1,1)*INDEX($D$3:$AA$30,INDEX(Jesper!$R$2:$R$366,ROW(INDEX(Jesper!AK$2:AK$366,ROUNDDOWN($C159/24,0)+1,1))-1)+IF('Standard Profiles'!$G$21=$B$10,7,0)+IF('Standard Profiles'!$G$21=$B$17,14,0)+IF('Standard Profiles'!$G$21=$B$24,21,0),MOD($C159,24)+1)/SUM(INDEX($D$3:$AA$30,INDEX(Jesper!$R$2:$R$366,ROW(INDEX(Jesper!AK$2:AK$366,ROUNDDOWN($C159/24,0)+1,1))-1)+IF('Standard Profiles'!$G$21=$B$10,7,0)+IF('Standard Profiles'!$G$21=$B$17,14,0)+IF('Standard Profiles'!$G$21=$B$24,21,0),0)),0)</f>
        <v>3.1013860942506013</v>
      </c>
      <c r="H159" cm="1">
        <f t="array" ref="H159">IFERROR(INDEX(Jesper!AL$2:AL$366,ROUNDDOWN($C159/24,0)+1,1)*INDEX($D$3:$AA$30,INDEX(Jesper!$R$2:$R$366,ROW(INDEX(Jesper!AL$2:AL$366,ROUNDDOWN($C159/24,0)+1,1))-1)+IF('Standard Profiles'!$G$22=$B$10,7,0)+IF('Standard Profiles'!$G$22=$B$17,14,0)+IF('Standard Profiles'!$G$22=$B$24,21,0),MOD($C159,24)+1)/SUM(INDEX($D$3:$AA$30,INDEX(Jesper!$R$2:$R$366,ROW(INDEX(Jesper!AL$2:AL$366,ROUNDDOWN($C159/24,0)+1,1))-1)+IF('Standard Profiles'!$G$22=$B$10,7,0)+IF('Standard Profiles'!$G$22=$B$17,14,0)+IF('Standard Profiles'!$G$22=$B$24,21,0),0)),0)</f>
        <v>0</v>
      </c>
      <c r="I159">
        <f t="shared" si="27"/>
        <v>1.4886653252402879</v>
      </c>
      <c r="J159">
        <f t="shared" si="28"/>
        <v>10.759883202733649</v>
      </c>
      <c r="K159">
        <f t="shared" si="29"/>
        <v>0.57612271232920176</v>
      </c>
      <c r="L159">
        <f t="shared" si="30"/>
        <v>0.28806135616460088</v>
      </c>
      <c r="M159">
        <f t="shared" si="31"/>
        <v>0</v>
      </c>
      <c r="N159" s="45">
        <f t="shared" si="32"/>
        <v>44932.20833333303</v>
      </c>
      <c r="O159">
        <v>0.47587213943459633</v>
      </c>
      <c r="P159">
        <v>8.2077720709595496</v>
      </c>
      <c r="Q159">
        <v>0.55910872442705295</v>
      </c>
      <c r="R159">
        <v>0.27955436221352647</v>
      </c>
      <c r="S159">
        <v>0</v>
      </c>
      <c r="T159" s="45">
        <v>45065.208333325289</v>
      </c>
    </row>
    <row r="160" spans="2:20" x14ac:dyDescent="0.25">
      <c r="B160">
        <f t="shared" si="26"/>
        <v>5</v>
      </c>
      <c r="C160" s="16">
        <v>126</v>
      </c>
      <c r="D160" cm="1">
        <f t="array" ref="D160">IFERROR(INDEX(Jesper!AH$2:AH$366,ROUNDDOWN($C160/24,0)+1,1)*INDEX($D$3:$AA$30,INDEX(Jesper!$R$2:$R$366,ROW(INDEX(Jesper!AH$2:AH$366,ROUNDDOWN($C160/24,0)+1,1))-1)+IF('Standard Profiles'!$G$18=$B$10,7,0)+IF('Standard Profiles'!$G$18=$B$17,14,0)+IF('Standard Profiles'!$G$18=$B$24,21,0),MOD($C160,24)+1)/SUM(INDEX($D$3:$AA$30,INDEX(Jesper!$R$2:$R$366,ROW(INDEX(Jesper!AH$2:AH$366,ROUNDDOWN($C160/24,0)+1,1))-1)+IF('Standard Profiles'!$G$18=$B$10,7,0)+IF('Standard Profiles'!$G$18=$B$17,14,0)+IF('Standard Profiles'!$G$18=$B$24,21,0),0)),0)</f>
        <v>5.4011504280862663</v>
      </c>
      <c r="E160" cm="1">
        <f t="array" ref="E160">IFERROR(INDEX(Jesper!AI$2:AI$366,ROUNDDOWN($C160/24,0)+1,1)*INDEX($D$3:$AA$30,INDEX(Jesper!$R$2:$R$366,ROW(INDEX(Jesper!AI$2:AI$366,ROUNDDOWN($C160/24,0)+1,1))-1)+IF('Standard Profiles'!$G$19=$B$10,7,0)+IF('Standard Profiles'!$G$19=$B$17,14,0)+IF('Standard Profiles'!$G$19=$B$24,21,0),MOD($C160,24)+1)/SUM(INDEX($D$3:$AA$30,INDEX(Jesper!$R$2:$R$366,ROW(INDEX(Jesper!AI$2:AI$366,ROUNDDOWN($C160/24,0)+1,1))-1)+IF('Standard Profiles'!$G$19=$B$10,7,0)+IF('Standard Profiles'!$G$19=$B$17,14,0)+IF('Standard Profiles'!$G$19=$B$24,21,0),0)),0)</f>
        <v>4.6101960741308723</v>
      </c>
      <c r="F160" cm="1">
        <f t="array" ref="F160">IFERROR(INDEX(Jesper!AJ$2:AJ$366,ROUNDDOWN($C160/24,0)+1,1)*INDEX($D$3:$AA$30,INDEX(Jesper!$R$2:$R$366,ROW(INDEX(Jesper!AJ$2:AJ$366,ROUNDDOWN($C160/24,0)+1,1))-1)+IF('Standard Profiles'!$G$20=$B$10,7,0)+IF('Standard Profiles'!$G$20=$B$17,14,0)+IF('Standard Profiles'!$G$20=$B$24,21,0),MOD($C160,24)+1)/SUM(INDEX($D$3:$AA$30,INDEX(Jesper!$R$2:$R$366,ROW(INDEX(Jesper!AJ$2:AJ$366,ROUNDDOWN($C160/24,0)+1,1))-1)+IF('Standard Profiles'!$G$20=$B$10,7,0)+IF('Standard Profiles'!$G$20=$B$17,14,0)+IF('Standard Profiles'!$G$20=$B$24,21,0),0)),0)</f>
        <v>0</v>
      </c>
      <c r="G160" cm="1">
        <f t="array" ref="G160">IFERROR(INDEX(Jesper!AK$2:AK$366,ROUNDDOWN($C160/24,0)+1,1)*INDEX($D$3:$AA$30,INDEX(Jesper!$R$2:$R$366,ROW(INDEX(Jesper!AK$2:AK$366,ROUNDDOWN($C160/24,0)+1,1))-1)+IF('Standard Profiles'!$G$21=$B$10,7,0)+IF('Standard Profiles'!$G$21=$B$17,14,0)+IF('Standard Profiles'!$G$21=$B$24,21,0),MOD($C160,24)+1)/SUM(INDEX($D$3:$AA$30,INDEX(Jesper!$R$2:$R$366,ROW(INDEX(Jesper!AK$2:AK$366,ROUNDDOWN($C160/24,0)+1,1))-1)+IF('Standard Profiles'!$G$21=$B$10,7,0)+IF('Standard Profiles'!$G$21=$B$17,14,0)+IF('Standard Profiles'!$G$21=$B$24,21,0),0)),0)</f>
        <v>3.1013860942506013</v>
      </c>
      <c r="H160" cm="1">
        <f t="array" ref="H160">IFERROR(INDEX(Jesper!AL$2:AL$366,ROUNDDOWN($C160/24,0)+1,1)*INDEX($D$3:$AA$30,INDEX(Jesper!$R$2:$R$366,ROW(INDEX(Jesper!AL$2:AL$366,ROUNDDOWN($C160/24,0)+1,1))-1)+IF('Standard Profiles'!$G$22=$B$10,7,0)+IF('Standard Profiles'!$G$22=$B$17,14,0)+IF('Standard Profiles'!$G$22=$B$24,21,0),MOD($C160,24)+1)/SUM(INDEX($D$3:$AA$30,INDEX(Jesper!$R$2:$R$366,ROW(INDEX(Jesper!AL$2:AL$366,ROUNDDOWN($C160/24,0)+1,1))-1)+IF('Standard Profiles'!$G$22=$B$10,7,0)+IF('Standard Profiles'!$G$22=$B$17,14,0)+IF('Standard Profiles'!$G$22=$B$24,21,0),0)),0)</f>
        <v>0</v>
      </c>
      <c r="I160">
        <f t="shared" si="27"/>
        <v>1.4886653252402879</v>
      </c>
      <c r="J160">
        <f t="shared" si="28"/>
        <v>10.759883202733649</v>
      </c>
      <c r="K160">
        <f t="shared" si="29"/>
        <v>0.57612271232920176</v>
      </c>
      <c r="L160">
        <f t="shared" si="30"/>
        <v>0.28806135616460088</v>
      </c>
      <c r="M160">
        <f t="shared" si="31"/>
        <v>0</v>
      </c>
      <c r="N160" s="45">
        <f t="shared" si="32"/>
        <v>44932.249999999694</v>
      </c>
      <c r="O160">
        <v>0.47587213943459633</v>
      </c>
      <c r="P160">
        <v>8.2077720709595496</v>
      </c>
      <c r="Q160">
        <v>0.55910872442705295</v>
      </c>
      <c r="R160">
        <v>0.27955436221352647</v>
      </c>
      <c r="S160">
        <v>0</v>
      </c>
      <c r="T160" s="45">
        <v>45065.249999991953</v>
      </c>
    </row>
    <row r="161" spans="2:21" x14ac:dyDescent="0.25">
      <c r="B161">
        <f t="shared" si="26"/>
        <v>5</v>
      </c>
      <c r="C161" s="16">
        <v>127</v>
      </c>
      <c r="D161" cm="1">
        <f t="array" ref="D161">IFERROR(INDEX(Jesper!AH$2:AH$366,ROUNDDOWN($C161/24,0)+1,1)*INDEX($D$3:$AA$30,INDEX(Jesper!$R$2:$R$366,ROW(INDEX(Jesper!AH$2:AH$366,ROUNDDOWN($C161/24,0)+1,1))-1)+IF('Standard Profiles'!$G$18=$B$10,7,0)+IF('Standard Profiles'!$G$18=$B$17,14,0)+IF('Standard Profiles'!$G$18=$B$24,21,0),MOD($C161,24)+1)/SUM(INDEX($D$3:$AA$30,INDEX(Jesper!$R$2:$R$366,ROW(INDEX(Jesper!AH$2:AH$366,ROUNDDOWN($C161/24,0)+1,1))-1)+IF('Standard Profiles'!$G$18=$B$10,7,0)+IF('Standard Profiles'!$G$18=$B$17,14,0)+IF('Standard Profiles'!$G$18=$B$24,21,0),0)),0)</f>
        <v>23.008900823647494</v>
      </c>
      <c r="E161" cm="1">
        <f t="array" ref="E161">IFERROR(INDEX(Jesper!AI$2:AI$366,ROUNDDOWN($C161/24,0)+1,1)*INDEX($D$3:$AA$30,INDEX(Jesper!$R$2:$R$366,ROW(INDEX(Jesper!AI$2:AI$366,ROUNDDOWN($C161/24,0)+1,1))-1)+IF('Standard Profiles'!$G$19=$B$10,7,0)+IF('Standard Profiles'!$G$19=$B$17,14,0)+IF('Standard Profiles'!$G$19=$B$24,21,0),MOD($C161,24)+1)/SUM(INDEX($D$3:$AA$30,INDEX(Jesper!$R$2:$R$366,ROW(INDEX(Jesper!AI$2:AI$366,ROUNDDOWN($C161/24,0)+1,1))-1)+IF('Standard Profiles'!$G$19=$B$10,7,0)+IF('Standard Profiles'!$G$19=$B$17,14,0)+IF('Standard Profiles'!$G$19=$B$24,21,0),0)),0)</f>
        <v>19.639435275797513</v>
      </c>
      <c r="F161" cm="1">
        <f t="array" ref="F161">IFERROR(INDEX(Jesper!AJ$2:AJ$366,ROUNDDOWN($C161/24,0)+1,1)*INDEX($D$3:$AA$30,INDEX(Jesper!$R$2:$R$366,ROW(INDEX(Jesper!AJ$2:AJ$366,ROUNDDOWN($C161/24,0)+1,1))-1)+IF('Standard Profiles'!$G$20=$B$10,7,0)+IF('Standard Profiles'!$G$20=$B$17,14,0)+IF('Standard Profiles'!$G$20=$B$24,21,0),MOD($C161,24)+1)/SUM(INDEX($D$3:$AA$30,INDEX(Jesper!$R$2:$R$366,ROW(INDEX(Jesper!AJ$2:AJ$366,ROUNDDOWN($C161/24,0)+1,1))-1)+IF('Standard Profiles'!$G$20=$B$10,7,0)+IF('Standard Profiles'!$G$20=$B$17,14,0)+IF('Standard Profiles'!$G$20=$B$24,21,0),0)),0)</f>
        <v>0</v>
      </c>
      <c r="G161" cm="1">
        <f t="array" ref="G161">IFERROR(INDEX(Jesper!AK$2:AK$366,ROUNDDOWN($C161/24,0)+1,1)*INDEX($D$3:$AA$30,INDEX(Jesper!$R$2:$R$366,ROW(INDEX(Jesper!AK$2:AK$366,ROUNDDOWN($C161/24,0)+1,1))-1)+IF('Standard Profiles'!$G$21=$B$10,7,0)+IF('Standard Profiles'!$G$21=$B$17,14,0)+IF('Standard Profiles'!$G$21=$B$24,21,0),MOD($C161,24)+1)/SUM(INDEX($D$3:$AA$30,INDEX(Jesper!$R$2:$R$366,ROW(INDEX(Jesper!AK$2:AK$366,ROUNDDOWN($C161/24,0)+1,1))-1)+IF('Standard Profiles'!$G$21=$B$10,7,0)+IF('Standard Profiles'!$G$21=$B$17,14,0)+IF('Standard Profiles'!$G$21=$B$24,21,0),0)),0)</f>
        <v>8.4037558682919524</v>
      </c>
      <c r="H161" cm="1">
        <f t="array" ref="H161">IFERROR(INDEX(Jesper!AL$2:AL$366,ROUNDDOWN($C161/24,0)+1,1)*INDEX($D$3:$AA$30,INDEX(Jesper!$R$2:$R$366,ROW(INDEX(Jesper!AL$2:AL$366,ROUNDDOWN($C161/24,0)+1,1))-1)+IF('Standard Profiles'!$G$22=$B$10,7,0)+IF('Standard Profiles'!$G$22=$B$17,14,0)+IF('Standard Profiles'!$G$22=$B$24,21,0),MOD($C161,24)+1)/SUM(INDEX($D$3:$AA$30,INDEX(Jesper!$R$2:$R$366,ROW(INDEX(Jesper!AL$2:AL$366,ROUNDDOWN($C161/24,0)+1,1))-1)+IF('Standard Profiles'!$G$22=$B$10,7,0)+IF('Standard Profiles'!$G$22=$B$17,14,0)+IF('Standard Profiles'!$G$22=$B$24,21,0),0)),0)</f>
        <v>0</v>
      </c>
      <c r="I161">
        <f t="shared" si="27"/>
        <v>4.0338028167801347</v>
      </c>
      <c r="J161">
        <f t="shared" si="28"/>
        <v>43.336865019173217</v>
      </c>
      <c r="K161">
        <f t="shared" si="29"/>
        <v>2.4542827545223993</v>
      </c>
      <c r="L161">
        <f t="shared" si="30"/>
        <v>1.2271413772611997</v>
      </c>
      <c r="M161">
        <f t="shared" si="31"/>
        <v>0</v>
      </c>
      <c r="N161" s="45">
        <f t="shared" si="32"/>
        <v>44932.291666666359</v>
      </c>
      <c r="O161">
        <v>1.2894599907260029</v>
      </c>
      <c r="P161">
        <v>34.165874088750186</v>
      </c>
      <c r="Q161">
        <v>2.3818031660592456</v>
      </c>
      <c r="R161">
        <v>1.1909015830296228</v>
      </c>
      <c r="S161">
        <v>0</v>
      </c>
      <c r="T161" s="45">
        <v>45065.291666658617</v>
      </c>
    </row>
    <row r="162" spans="2:21" x14ac:dyDescent="0.25">
      <c r="B162">
        <f t="shared" si="26"/>
        <v>5</v>
      </c>
      <c r="C162" s="16">
        <v>128</v>
      </c>
      <c r="D162" cm="1">
        <f t="array" ref="D162">IFERROR(INDEX(Jesper!AH$2:AH$366,ROUNDDOWN($C162/24,0)+1,1)*INDEX($D$3:$AA$30,INDEX(Jesper!$R$2:$R$366,ROW(INDEX(Jesper!AH$2:AH$366,ROUNDDOWN($C162/24,0)+1,1))-1)+IF('Standard Profiles'!$G$18=$B$10,7,0)+IF('Standard Profiles'!$G$18=$B$17,14,0)+IF('Standard Profiles'!$G$18=$B$24,21,0),MOD($C162,24)+1)/SUM(INDEX($D$3:$AA$30,INDEX(Jesper!$R$2:$R$366,ROW(INDEX(Jesper!AH$2:AH$366,ROUNDDOWN($C162/24,0)+1,1))-1)+IF('Standard Profiles'!$G$18=$B$10,7,0)+IF('Standard Profiles'!$G$18=$B$17,14,0)+IF('Standard Profiles'!$G$18=$B$24,21,0),0)),0)</f>
        <v>28.761126029559364</v>
      </c>
      <c r="E162" cm="1">
        <f t="array" ref="E162">IFERROR(INDEX(Jesper!AI$2:AI$366,ROUNDDOWN($C162/24,0)+1,1)*INDEX($D$3:$AA$30,INDEX(Jesper!$R$2:$R$366,ROW(INDEX(Jesper!AI$2:AI$366,ROUNDDOWN($C162/24,0)+1,1))-1)+IF('Standard Profiles'!$G$19=$B$10,7,0)+IF('Standard Profiles'!$G$19=$B$17,14,0)+IF('Standard Profiles'!$G$19=$B$24,21,0),MOD($C162,24)+1)/SUM(INDEX($D$3:$AA$30,INDEX(Jesper!$R$2:$R$366,ROW(INDEX(Jesper!AI$2:AI$366,ROUNDDOWN($C162/24,0)+1,1))-1)+IF('Standard Profiles'!$G$19=$B$10,7,0)+IF('Standard Profiles'!$G$19=$B$17,14,0)+IF('Standard Profiles'!$G$19=$B$24,21,0),0)),0)</f>
        <v>24.549294094746891</v>
      </c>
      <c r="F162" cm="1">
        <f t="array" ref="F162">IFERROR(INDEX(Jesper!AJ$2:AJ$366,ROUNDDOWN($C162/24,0)+1,1)*INDEX($D$3:$AA$30,INDEX(Jesper!$R$2:$R$366,ROW(INDEX(Jesper!AJ$2:AJ$366,ROUNDDOWN($C162/24,0)+1,1))-1)+IF('Standard Profiles'!$G$20=$B$10,7,0)+IF('Standard Profiles'!$G$20=$B$17,14,0)+IF('Standard Profiles'!$G$20=$B$24,21,0),MOD($C162,24)+1)/SUM(INDEX($D$3:$AA$30,INDEX(Jesper!$R$2:$R$366,ROW(INDEX(Jesper!AJ$2:AJ$366,ROUNDDOWN($C162/24,0)+1,1))-1)+IF('Standard Profiles'!$G$20=$B$10,7,0)+IF('Standard Profiles'!$G$20=$B$17,14,0)+IF('Standard Profiles'!$G$20=$B$24,21,0),0)),0)</f>
        <v>0</v>
      </c>
      <c r="G162" cm="1">
        <f t="array" ref="G162">IFERROR(INDEX(Jesper!AK$2:AK$366,ROUNDDOWN($C162/24,0)+1,1)*INDEX($D$3:$AA$30,INDEX(Jesper!$R$2:$R$366,ROW(INDEX(Jesper!AK$2:AK$366,ROUNDDOWN($C162/24,0)+1,1))-1)+IF('Standard Profiles'!$G$21=$B$10,7,0)+IF('Standard Profiles'!$G$21=$B$17,14,0)+IF('Standard Profiles'!$G$21=$B$24,21,0),MOD($C162,24)+1)/SUM(INDEX($D$3:$AA$30,INDEX(Jesper!$R$2:$R$366,ROW(INDEX(Jesper!AK$2:AK$366,ROUNDDOWN($C162/24,0)+1,1))-1)+IF('Standard Profiles'!$G$21=$B$10,7,0)+IF('Standard Profiles'!$G$21=$B$17,14,0)+IF('Standard Profiles'!$G$21=$B$24,21,0),0)),0)</f>
        <v>10.504694835364941</v>
      </c>
      <c r="H162" cm="1">
        <f t="array" ref="H162">IFERROR(INDEX(Jesper!AL$2:AL$366,ROUNDDOWN($C162/24,0)+1,1)*INDEX($D$3:$AA$30,INDEX(Jesper!$R$2:$R$366,ROW(INDEX(Jesper!AL$2:AL$366,ROUNDDOWN($C162/24,0)+1,1))-1)+IF('Standard Profiles'!$G$22=$B$10,7,0)+IF('Standard Profiles'!$G$22=$B$17,14,0)+IF('Standard Profiles'!$G$22=$B$24,21,0),MOD($C162,24)+1)/SUM(INDEX($D$3:$AA$30,INDEX(Jesper!$R$2:$R$366,ROW(INDEX(Jesper!AL$2:AL$366,ROUNDDOWN($C162/24,0)+1,1))-1)+IF('Standard Profiles'!$G$22=$B$10,7,0)+IF('Standard Profiles'!$G$22=$B$17,14,0)+IF('Standard Profiles'!$G$22=$B$24,21,0),0)),0)</f>
        <v>0</v>
      </c>
      <c r="I162">
        <f t="shared" si="27"/>
        <v>5.0422535209751693</v>
      </c>
      <c r="J162">
        <f t="shared" si="28"/>
        <v>54.171081273966529</v>
      </c>
      <c r="K162">
        <f t="shared" si="29"/>
        <v>3.0678534431529991</v>
      </c>
      <c r="L162">
        <f t="shared" si="30"/>
        <v>1.5339267215764996</v>
      </c>
      <c r="M162">
        <f t="shared" si="31"/>
        <v>0</v>
      </c>
      <c r="N162" s="45">
        <f t="shared" si="32"/>
        <v>44932.333333333023</v>
      </c>
      <c r="O162">
        <v>1.6118249884075038</v>
      </c>
      <c r="P162">
        <v>42.707342610937737</v>
      </c>
      <c r="Q162">
        <v>2.9772539575740571</v>
      </c>
      <c r="R162">
        <v>1.4886269787870285</v>
      </c>
      <c r="S162">
        <v>0</v>
      </c>
      <c r="T162" s="45">
        <v>45065.333333325281</v>
      </c>
    </row>
    <row r="163" spans="2:21" x14ac:dyDescent="0.25">
      <c r="B163">
        <f t="shared" ref="B163:B226" si="33">WEEKDAY(N163,2)</f>
        <v>5</v>
      </c>
      <c r="C163" s="16">
        <v>129</v>
      </c>
      <c r="D163" cm="1">
        <f t="array" ref="D163">IFERROR(INDEX(Jesper!AH$2:AH$366,ROUNDDOWN($C163/24,0)+1,1)*INDEX($D$3:$AA$30,INDEX(Jesper!$R$2:$R$366,ROW(INDEX(Jesper!AH$2:AH$366,ROUNDDOWN($C163/24,0)+1,1))-1)+IF('Standard Profiles'!$G$18=$B$10,7,0)+IF('Standard Profiles'!$G$18=$B$17,14,0)+IF('Standard Profiles'!$G$18=$B$24,21,0),MOD($C163,24)+1)/SUM(INDEX($D$3:$AA$30,INDEX(Jesper!$R$2:$R$366,ROW(INDEX(Jesper!AH$2:AH$366,ROUNDDOWN($C163/24,0)+1,1))-1)+IF('Standard Profiles'!$G$18=$B$10,7,0)+IF('Standard Profiles'!$G$18=$B$17,14,0)+IF('Standard Profiles'!$G$18=$B$24,21,0),0)),0)</f>
        <v>31.637238632515306</v>
      </c>
      <c r="E163" cm="1">
        <f t="array" ref="E163">IFERROR(INDEX(Jesper!AI$2:AI$366,ROUNDDOWN($C163/24,0)+1,1)*INDEX($D$3:$AA$30,INDEX(Jesper!$R$2:$R$366,ROW(INDEX(Jesper!AI$2:AI$366,ROUNDDOWN($C163/24,0)+1,1))-1)+IF('Standard Profiles'!$G$19=$B$10,7,0)+IF('Standard Profiles'!$G$19=$B$17,14,0)+IF('Standard Profiles'!$G$19=$B$24,21,0),MOD($C163,24)+1)/SUM(INDEX($D$3:$AA$30,INDEX(Jesper!$R$2:$R$366,ROW(INDEX(Jesper!AI$2:AI$366,ROUNDDOWN($C163/24,0)+1,1))-1)+IF('Standard Profiles'!$G$19=$B$10,7,0)+IF('Standard Profiles'!$G$19=$B$17,14,0)+IF('Standard Profiles'!$G$19=$B$24,21,0),0)),0)</f>
        <v>27.004223504221581</v>
      </c>
      <c r="F163" cm="1">
        <f t="array" ref="F163">IFERROR(INDEX(Jesper!AJ$2:AJ$366,ROUNDDOWN($C163/24,0)+1,1)*INDEX($D$3:$AA$30,INDEX(Jesper!$R$2:$R$366,ROW(INDEX(Jesper!AJ$2:AJ$366,ROUNDDOWN($C163/24,0)+1,1))-1)+IF('Standard Profiles'!$G$20=$B$10,7,0)+IF('Standard Profiles'!$G$20=$B$17,14,0)+IF('Standard Profiles'!$G$20=$B$24,21,0),MOD($C163,24)+1)/SUM(INDEX($D$3:$AA$30,INDEX(Jesper!$R$2:$R$366,ROW(INDEX(Jesper!AJ$2:AJ$366,ROUNDDOWN($C163/24,0)+1,1))-1)+IF('Standard Profiles'!$G$20=$B$10,7,0)+IF('Standard Profiles'!$G$20=$B$17,14,0)+IF('Standard Profiles'!$G$20=$B$24,21,0),0)),0)</f>
        <v>0</v>
      </c>
      <c r="G163" cm="1">
        <f t="array" ref="G163">IFERROR(INDEX(Jesper!AK$2:AK$366,ROUNDDOWN($C163/24,0)+1,1)*INDEX($D$3:$AA$30,INDEX(Jesper!$R$2:$R$366,ROW(INDEX(Jesper!AK$2:AK$366,ROUNDDOWN($C163/24,0)+1,1))-1)+IF('Standard Profiles'!$G$21=$B$10,7,0)+IF('Standard Profiles'!$G$21=$B$17,14,0)+IF('Standard Profiles'!$G$21=$B$24,21,0),MOD($C163,24)+1)/SUM(INDEX($D$3:$AA$30,INDEX(Jesper!$R$2:$R$366,ROW(INDEX(Jesper!AK$2:AK$366,ROUNDDOWN($C163/24,0)+1,1))-1)+IF('Standard Profiles'!$G$21=$B$10,7,0)+IF('Standard Profiles'!$G$21=$B$17,14,0)+IF('Standard Profiles'!$G$21=$B$24,21,0),0)),0)</f>
        <v>11.555164318901435</v>
      </c>
      <c r="H163" cm="1">
        <f t="array" ref="H163">IFERROR(INDEX(Jesper!AL$2:AL$366,ROUNDDOWN($C163/24,0)+1,1)*INDEX($D$3:$AA$30,INDEX(Jesper!$R$2:$R$366,ROW(INDEX(Jesper!AL$2:AL$366,ROUNDDOWN($C163/24,0)+1,1))-1)+IF('Standard Profiles'!$G$22=$B$10,7,0)+IF('Standard Profiles'!$G$22=$B$17,14,0)+IF('Standard Profiles'!$G$22=$B$24,21,0),MOD($C163,24)+1)/SUM(INDEX($D$3:$AA$30,INDEX(Jesper!$R$2:$R$366,ROW(INDEX(Jesper!AL$2:AL$366,ROUNDDOWN($C163/24,0)+1,1))-1)+IF('Standard Profiles'!$G$22=$B$10,7,0)+IF('Standard Profiles'!$G$22=$B$17,14,0)+IF('Standard Profiles'!$G$22=$B$24,21,0),0)),0)</f>
        <v>0</v>
      </c>
      <c r="I163">
        <f t="shared" ref="I163:I226" si="34">IF($B163&lt;6,AC$37*$D163+AC$38*$E163+AC$39*$F163+AC$40*$G163,AC$46*$D163+AC$47*$E163+AC$48*$F163+AC$49*$G163+AC$50*$H163)</f>
        <v>5.5464788730726857</v>
      </c>
      <c r="J163">
        <f t="shared" ref="J163:J226" si="35">IF($B163&lt;6,AD$37*$D163+AD$38*$E163+AD$39*$F163+AD$40*$G163,AD$46*$D163+AD$47*$E163+AD$48*$F163+AD$49*$G163+AD$50*$H163)</f>
        <v>59.588189401363181</v>
      </c>
      <c r="K163">
        <f t="shared" ref="K163:K226" si="36">IF($B163&lt;6,AE$37*$D163+AE$38*$E163+AE$39*$F163+AE$40*$G163,AE$46*$D163+AE$47*$E163+AE$48*$F163+AE$49*$G163+AE$50*$H163)</f>
        <v>3.3746387874682995</v>
      </c>
      <c r="L163">
        <f t="shared" ref="L163:L226" si="37">IF($B163&lt;6,AF$37*$D163+AF$38*$E163+AF$39*$F163+AF$40*$G163,AF$46*$D163+AF$47*$E163+AF$48*$F163+AF$49*$G163+AF$50*$H163)</f>
        <v>1.6873193937341497</v>
      </c>
      <c r="M163">
        <f t="shared" ref="M163:M226" si="38">IF($B163&lt;6,AG$37*$D163+AG$38*$E163+AG$39*$F163+AG$40*$G163,AG$46*$D163+AG$47*$E163+AG$48*$F163+AG$49*$G163+AG$50*$H163)</f>
        <v>0</v>
      </c>
      <c r="N163" s="45">
        <f t="shared" si="32"/>
        <v>44932.374999999687</v>
      </c>
      <c r="O163">
        <v>1.7730074872482542</v>
      </c>
      <c r="P163">
        <v>46.978076872031508</v>
      </c>
      <c r="Q163">
        <v>3.2749793533314624</v>
      </c>
      <c r="R163">
        <v>1.6374896766657312</v>
      </c>
      <c r="S163">
        <v>0</v>
      </c>
      <c r="T163" s="45">
        <v>45065.374999991946</v>
      </c>
    </row>
    <row r="164" spans="2:21" x14ac:dyDescent="0.25">
      <c r="B164">
        <f t="shared" si="33"/>
        <v>5</v>
      </c>
      <c r="C164" s="16">
        <v>130</v>
      </c>
      <c r="D164" cm="1">
        <f t="array" ref="D164">IFERROR(INDEX(Jesper!AH$2:AH$366,ROUNDDOWN($C164/24,0)+1,1)*INDEX($D$3:$AA$30,INDEX(Jesper!$R$2:$R$366,ROW(INDEX(Jesper!AH$2:AH$366,ROUNDDOWN($C164/24,0)+1,1))-1)+IF('Standard Profiles'!$G$18=$B$10,7,0)+IF('Standard Profiles'!$G$18=$B$17,14,0)+IF('Standard Profiles'!$G$18=$B$24,21,0),MOD($C164,24)+1)/SUM(INDEX($D$3:$AA$30,INDEX(Jesper!$R$2:$R$366,ROW(INDEX(Jesper!AH$2:AH$366,ROUNDDOWN($C164/24,0)+1,1))-1)+IF('Standard Profiles'!$G$18=$B$10,7,0)+IF('Standard Profiles'!$G$18=$B$17,14,0)+IF('Standard Profiles'!$G$18=$B$24,21,0),0)),0)</f>
        <v>31.637238632515306</v>
      </c>
      <c r="E164" cm="1">
        <f t="array" ref="E164">IFERROR(INDEX(Jesper!AI$2:AI$366,ROUNDDOWN($C164/24,0)+1,1)*INDEX($D$3:$AA$30,INDEX(Jesper!$R$2:$R$366,ROW(INDEX(Jesper!AI$2:AI$366,ROUNDDOWN($C164/24,0)+1,1))-1)+IF('Standard Profiles'!$G$19=$B$10,7,0)+IF('Standard Profiles'!$G$19=$B$17,14,0)+IF('Standard Profiles'!$G$19=$B$24,21,0),MOD($C164,24)+1)/SUM(INDEX($D$3:$AA$30,INDEX(Jesper!$R$2:$R$366,ROW(INDEX(Jesper!AI$2:AI$366,ROUNDDOWN($C164/24,0)+1,1))-1)+IF('Standard Profiles'!$G$19=$B$10,7,0)+IF('Standard Profiles'!$G$19=$B$17,14,0)+IF('Standard Profiles'!$G$19=$B$24,21,0),0)),0)</f>
        <v>27.004223504221581</v>
      </c>
      <c r="F164" cm="1">
        <f t="array" ref="F164">IFERROR(INDEX(Jesper!AJ$2:AJ$366,ROUNDDOWN($C164/24,0)+1,1)*INDEX($D$3:$AA$30,INDEX(Jesper!$R$2:$R$366,ROW(INDEX(Jesper!AJ$2:AJ$366,ROUNDDOWN($C164/24,0)+1,1))-1)+IF('Standard Profiles'!$G$20=$B$10,7,0)+IF('Standard Profiles'!$G$20=$B$17,14,0)+IF('Standard Profiles'!$G$20=$B$24,21,0),MOD($C164,24)+1)/SUM(INDEX($D$3:$AA$30,INDEX(Jesper!$R$2:$R$366,ROW(INDEX(Jesper!AJ$2:AJ$366,ROUNDDOWN($C164/24,0)+1,1))-1)+IF('Standard Profiles'!$G$20=$B$10,7,0)+IF('Standard Profiles'!$G$20=$B$17,14,0)+IF('Standard Profiles'!$G$20=$B$24,21,0),0)),0)</f>
        <v>0</v>
      </c>
      <c r="G164" cm="1">
        <f t="array" ref="G164">IFERROR(INDEX(Jesper!AK$2:AK$366,ROUNDDOWN($C164/24,0)+1,1)*INDEX($D$3:$AA$30,INDEX(Jesper!$R$2:$R$366,ROW(INDEX(Jesper!AK$2:AK$366,ROUNDDOWN($C164/24,0)+1,1))-1)+IF('Standard Profiles'!$G$21=$B$10,7,0)+IF('Standard Profiles'!$G$21=$B$17,14,0)+IF('Standard Profiles'!$G$21=$B$24,21,0),MOD($C164,24)+1)/SUM(INDEX($D$3:$AA$30,INDEX(Jesper!$R$2:$R$366,ROW(INDEX(Jesper!AK$2:AK$366,ROUNDDOWN($C164/24,0)+1,1))-1)+IF('Standard Profiles'!$G$21=$B$10,7,0)+IF('Standard Profiles'!$G$21=$B$17,14,0)+IF('Standard Profiles'!$G$21=$B$24,21,0),0)),0)</f>
        <v>11.555164318901435</v>
      </c>
      <c r="H164" cm="1">
        <f t="array" ref="H164">IFERROR(INDEX(Jesper!AL$2:AL$366,ROUNDDOWN($C164/24,0)+1,1)*INDEX($D$3:$AA$30,INDEX(Jesper!$R$2:$R$366,ROW(INDEX(Jesper!AL$2:AL$366,ROUNDDOWN($C164/24,0)+1,1))-1)+IF('Standard Profiles'!$G$22=$B$10,7,0)+IF('Standard Profiles'!$G$22=$B$17,14,0)+IF('Standard Profiles'!$G$22=$B$24,21,0),MOD($C164,24)+1)/SUM(INDEX($D$3:$AA$30,INDEX(Jesper!$R$2:$R$366,ROW(INDEX(Jesper!AL$2:AL$366,ROUNDDOWN($C164/24,0)+1,1))-1)+IF('Standard Profiles'!$G$22=$B$10,7,0)+IF('Standard Profiles'!$G$22=$B$17,14,0)+IF('Standard Profiles'!$G$22=$B$24,21,0),0)),0)</f>
        <v>0</v>
      </c>
      <c r="I164">
        <f t="shared" si="34"/>
        <v>5.5464788730726857</v>
      </c>
      <c r="J164">
        <f t="shared" si="35"/>
        <v>59.588189401363181</v>
      </c>
      <c r="K164">
        <f t="shared" si="36"/>
        <v>3.3746387874682995</v>
      </c>
      <c r="L164">
        <f t="shared" si="37"/>
        <v>1.6873193937341497</v>
      </c>
      <c r="M164">
        <f t="shared" si="38"/>
        <v>0</v>
      </c>
      <c r="N164" s="45">
        <f t="shared" ref="N164:N227" si="39">N163+1/24</f>
        <v>44932.416666666351</v>
      </c>
      <c r="O164">
        <v>1.7730074872482542</v>
      </c>
      <c r="P164">
        <v>46.978076872031508</v>
      </c>
      <c r="Q164">
        <v>3.2749793533314624</v>
      </c>
      <c r="R164">
        <v>1.6374896766657312</v>
      </c>
      <c r="S164">
        <v>0</v>
      </c>
      <c r="T164" s="45">
        <v>45065.41666665861</v>
      </c>
    </row>
    <row r="165" spans="2:21" x14ac:dyDescent="0.25">
      <c r="B165">
        <f t="shared" si="33"/>
        <v>5</v>
      </c>
      <c r="C165" s="16">
        <v>131</v>
      </c>
      <c r="D165" cm="1">
        <f t="array" ref="D165">IFERROR(INDEX(Jesper!AH$2:AH$366,ROUNDDOWN($C165/24,0)+1,1)*INDEX($D$3:$AA$30,INDEX(Jesper!$R$2:$R$366,ROW(INDEX(Jesper!AH$2:AH$366,ROUNDDOWN($C165/24,0)+1,1))-1)+IF('Standard Profiles'!$G$18=$B$10,7,0)+IF('Standard Profiles'!$G$18=$B$17,14,0)+IF('Standard Profiles'!$G$18=$B$24,21,0),MOD($C165,24)+1)/SUM(INDEX($D$3:$AA$30,INDEX(Jesper!$R$2:$R$366,ROW(INDEX(Jesper!AH$2:AH$366,ROUNDDOWN($C165/24,0)+1,1))-1)+IF('Standard Profiles'!$G$18=$B$10,7,0)+IF('Standard Profiles'!$G$18=$B$17,14,0)+IF('Standard Profiles'!$G$18=$B$24,21,0),0)),0)</f>
        <v>37.389463838427176</v>
      </c>
      <c r="E165" cm="1">
        <f t="array" ref="E165">IFERROR(INDEX(Jesper!AI$2:AI$366,ROUNDDOWN($C165/24,0)+1,1)*INDEX($D$3:$AA$30,INDEX(Jesper!$R$2:$R$366,ROW(INDEX(Jesper!AI$2:AI$366,ROUNDDOWN($C165/24,0)+1,1))-1)+IF('Standard Profiles'!$G$19=$B$10,7,0)+IF('Standard Profiles'!$G$19=$B$17,14,0)+IF('Standard Profiles'!$G$19=$B$24,21,0),MOD($C165,24)+1)/SUM(INDEX($D$3:$AA$30,INDEX(Jesper!$R$2:$R$366,ROW(INDEX(Jesper!AI$2:AI$366,ROUNDDOWN($C165/24,0)+1,1))-1)+IF('Standard Profiles'!$G$19=$B$10,7,0)+IF('Standard Profiles'!$G$19=$B$17,14,0)+IF('Standard Profiles'!$G$19=$B$24,21,0),0)),0)</f>
        <v>31.914082323170959</v>
      </c>
      <c r="F165" cm="1">
        <f t="array" ref="F165">IFERROR(INDEX(Jesper!AJ$2:AJ$366,ROUNDDOWN($C165/24,0)+1,1)*INDEX($D$3:$AA$30,INDEX(Jesper!$R$2:$R$366,ROW(INDEX(Jesper!AJ$2:AJ$366,ROUNDDOWN($C165/24,0)+1,1))-1)+IF('Standard Profiles'!$G$20=$B$10,7,0)+IF('Standard Profiles'!$G$20=$B$17,14,0)+IF('Standard Profiles'!$G$20=$B$24,21,0),MOD($C165,24)+1)/SUM(INDEX($D$3:$AA$30,INDEX(Jesper!$R$2:$R$366,ROW(INDEX(Jesper!AJ$2:AJ$366,ROUNDDOWN($C165/24,0)+1,1))-1)+IF('Standard Profiles'!$G$20=$B$10,7,0)+IF('Standard Profiles'!$G$20=$B$17,14,0)+IF('Standard Profiles'!$G$20=$B$24,21,0),0)),0)</f>
        <v>0</v>
      </c>
      <c r="G165" cm="1">
        <f t="array" ref="G165">IFERROR(INDEX(Jesper!AK$2:AK$366,ROUNDDOWN($C165/24,0)+1,1)*INDEX($D$3:$AA$30,INDEX(Jesper!$R$2:$R$366,ROW(INDEX(Jesper!AK$2:AK$366,ROUNDDOWN($C165/24,0)+1,1))-1)+IF('Standard Profiles'!$G$21=$B$10,7,0)+IF('Standard Profiles'!$G$21=$B$17,14,0)+IF('Standard Profiles'!$G$21=$B$24,21,0),MOD($C165,24)+1)/SUM(INDEX($D$3:$AA$30,INDEX(Jesper!$R$2:$R$366,ROW(INDEX(Jesper!AK$2:AK$366,ROUNDDOWN($C165/24,0)+1,1))-1)+IF('Standard Profiles'!$G$21=$B$10,7,0)+IF('Standard Profiles'!$G$21=$B$17,14,0)+IF('Standard Profiles'!$G$21=$B$24,21,0),0)),0)</f>
        <v>13.656103285974423</v>
      </c>
      <c r="H165" cm="1">
        <f t="array" ref="H165">IFERROR(INDEX(Jesper!AL$2:AL$366,ROUNDDOWN($C165/24,0)+1,1)*INDEX($D$3:$AA$30,INDEX(Jesper!$R$2:$R$366,ROW(INDEX(Jesper!AL$2:AL$366,ROUNDDOWN($C165/24,0)+1,1))-1)+IF('Standard Profiles'!$G$22=$B$10,7,0)+IF('Standard Profiles'!$G$22=$B$17,14,0)+IF('Standard Profiles'!$G$22=$B$24,21,0),MOD($C165,24)+1)/SUM(INDEX($D$3:$AA$30,INDEX(Jesper!$R$2:$R$366,ROW(INDEX(Jesper!AL$2:AL$366,ROUNDDOWN($C165/24,0)+1,1))-1)+IF('Standard Profiles'!$G$22=$B$10,7,0)+IF('Standard Profiles'!$G$22=$B$17,14,0)+IF('Standard Profiles'!$G$22=$B$24,21,0),0)),0)</f>
        <v>0</v>
      </c>
      <c r="I165">
        <f t="shared" si="34"/>
        <v>6.5549295772677194</v>
      </c>
      <c r="J165">
        <f t="shared" si="35"/>
        <v>70.422405656156485</v>
      </c>
      <c r="K165">
        <f t="shared" si="36"/>
        <v>3.9882094760988989</v>
      </c>
      <c r="L165">
        <f t="shared" si="37"/>
        <v>1.9941047380494494</v>
      </c>
      <c r="M165">
        <f t="shared" si="38"/>
        <v>0</v>
      </c>
      <c r="N165" s="45">
        <f t="shared" si="39"/>
        <v>44932.458333333016</v>
      </c>
      <c r="O165">
        <v>2.0953724849297548</v>
      </c>
      <c r="P165">
        <v>55.519545394219051</v>
      </c>
      <c r="Q165">
        <v>3.8704301448462739</v>
      </c>
      <c r="R165">
        <v>1.935215072423137</v>
      </c>
      <c r="S165">
        <v>0</v>
      </c>
      <c r="T165" s="45">
        <v>45065.458333325274</v>
      </c>
      <c r="U165" t="str">
        <f>CHOOSE(WEEKDAY(T165,2),"Monday","Tuesday","Wednesday","Thursday","Friday","Saturday","Sunday")</f>
        <v>Friday</v>
      </c>
    </row>
    <row r="166" spans="2:21" x14ac:dyDescent="0.25">
      <c r="B166">
        <f t="shared" si="33"/>
        <v>5</v>
      </c>
      <c r="C166" s="16">
        <v>132</v>
      </c>
      <c r="D166" cm="1">
        <f t="array" ref="D166">IFERROR(INDEX(Jesper!AH$2:AH$366,ROUNDDOWN($C166/24,0)+1,1)*INDEX($D$3:$AA$30,INDEX(Jesper!$R$2:$R$366,ROW(INDEX(Jesper!AH$2:AH$366,ROUNDDOWN($C166/24,0)+1,1))-1)+IF('Standard Profiles'!$G$18=$B$10,7,0)+IF('Standard Profiles'!$G$18=$B$17,14,0)+IF('Standard Profiles'!$G$18=$B$24,21,0),MOD($C166,24)+1)/SUM(INDEX($D$3:$AA$30,INDEX(Jesper!$R$2:$R$366,ROW(INDEX(Jesper!AH$2:AH$366,ROUNDDOWN($C166/24,0)+1,1))-1)+IF('Standard Profiles'!$G$18=$B$10,7,0)+IF('Standard Profiles'!$G$18=$B$17,14,0)+IF('Standard Profiles'!$G$18=$B$24,21,0),0)),0)</f>
        <v>37.389463838427176</v>
      </c>
      <c r="E166" cm="1">
        <f t="array" ref="E166">IFERROR(INDEX(Jesper!AI$2:AI$366,ROUNDDOWN($C166/24,0)+1,1)*INDEX($D$3:$AA$30,INDEX(Jesper!$R$2:$R$366,ROW(INDEX(Jesper!AI$2:AI$366,ROUNDDOWN($C166/24,0)+1,1))-1)+IF('Standard Profiles'!$G$19=$B$10,7,0)+IF('Standard Profiles'!$G$19=$B$17,14,0)+IF('Standard Profiles'!$G$19=$B$24,21,0),MOD($C166,24)+1)/SUM(INDEX($D$3:$AA$30,INDEX(Jesper!$R$2:$R$366,ROW(INDEX(Jesper!AI$2:AI$366,ROUNDDOWN($C166/24,0)+1,1))-1)+IF('Standard Profiles'!$G$19=$B$10,7,0)+IF('Standard Profiles'!$G$19=$B$17,14,0)+IF('Standard Profiles'!$G$19=$B$24,21,0),0)),0)</f>
        <v>31.914082323170959</v>
      </c>
      <c r="F166" cm="1">
        <f t="array" ref="F166">IFERROR(INDEX(Jesper!AJ$2:AJ$366,ROUNDDOWN($C166/24,0)+1,1)*INDEX($D$3:$AA$30,INDEX(Jesper!$R$2:$R$366,ROW(INDEX(Jesper!AJ$2:AJ$366,ROUNDDOWN($C166/24,0)+1,1))-1)+IF('Standard Profiles'!$G$20=$B$10,7,0)+IF('Standard Profiles'!$G$20=$B$17,14,0)+IF('Standard Profiles'!$G$20=$B$24,21,0),MOD($C166,24)+1)/SUM(INDEX($D$3:$AA$30,INDEX(Jesper!$R$2:$R$366,ROW(INDEX(Jesper!AJ$2:AJ$366,ROUNDDOWN($C166/24,0)+1,1))-1)+IF('Standard Profiles'!$G$20=$B$10,7,0)+IF('Standard Profiles'!$G$20=$B$17,14,0)+IF('Standard Profiles'!$G$20=$B$24,21,0),0)),0)</f>
        <v>0</v>
      </c>
      <c r="G166" cm="1">
        <f t="array" ref="G166">IFERROR(INDEX(Jesper!AK$2:AK$366,ROUNDDOWN($C166/24,0)+1,1)*INDEX($D$3:$AA$30,INDEX(Jesper!$R$2:$R$366,ROW(INDEX(Jesper!AK$2:AK$366,ROUNDDOWN($C166/24,0)+1,1))-1)+IF('Standard Profiles'!$G$21=$B$10,7,0)+IF('Standard Profiles'!$G$21=$B$17,14,0)+IF('Standard Profiles'!$G$21=$B$24,21,0),MOD($C166,24)+1)/SUM(INDEX($D$3:$AA$30,INDEX(Jesper!$R$2:$R$366,ROW(INDEX(Jesper!AK$2:AK$366,ROUNDDOWN($C166/24,0)+1,1))-1)+IF('Standard Profiles'!$G$21=$B$10,7,0)+IF('Standard Profiles'!$G$21=$B$17,14,0)+IF('Standard Profiles'!$G$21=$B$24,21,0),0)),0)</f>
        <v>13.656103285974423</v>
      </c>
      <c r="H166" cm="1">
        <f t="array" ref="H166">IFERROR(INDEX(Jesper!AL$2:AL$366,ROUNDDOWN($C166/24,0)+1,1)*INDEX($D$3:$AA$30,INDEX(Jesper!$R$2:$R$366,ROW(INDEX(Jesper!AL$2:AL$366,ROUNDDOWN($C166/24,0)+1,1))-1)+IF('Standard Profiles'!$G$22=$B$10,7,0)+IF('Standard Profiles'!$G$22=$B$17,14,0)+IF('Standard Profiles'!$G$22=$B$24,21,0),MOD($C166,24)+1)/SUM(INDEX($D$3:$AA$30,INDEX(Jesper!$R$2:$R$366,ROW(INDEX(Jesper!AL$2:AL$366,ROUNDDOWN($C166/24,0)+1,1))-1)+IF('Standard Profiles'!$G$22=$B$10,7,0)+IF('Standard Profiles'!$G$22=$B$17,14,0)+IF('Standard Profiles'!$G$22=$B$24,21,0),0)),0)</f>
        <v>0</v>
      </c>
      <c r="I166">
        <f t="shared" si="34"/>
        <v>6.5549295772677194</v>
      </c>
      <c r="J166">
        <f t="shared" si="35"/>
        <v>70.422405656156485</v>
      </c>
      <c r="K166">
        <f t="shared" si="36"/>
        <v>3.9882094760988989</v>
      </c>
      <c r="L166">
        <f t="shared" si="37"/>
        <v>1.9941047380494494</v>
      </c>
      <c r="M166">
        <f t="shared" si="38"/>
        <v>0</v>
      </c>
      <c r="N166" s="45">
        <f t="shared" si="39"/>
        <v>44932.49999999968</v>
      </c>
      <c r="O166">
        <v>2.0953724849297548</v>
      </c>
      <c r="P166">
        <v>55.519545394219051</v>
      </c>
      <c r="Q166">
        <v>3.8704301448462739</v>
      </c>
      <c r="R166">
        <v>1.935215072423137</v>
      </c>
      <c r="S166">
        <v>0</v>
      </c>
      <c r="T166" s="45">
        <v>45065.499999991938</v>
      </c>
    </row>
    <row r="167" spans="2:21" x14ac:dyDescent="0.25">
      <c r="B167">
        <f t="shared" si="33"/>
        <v>5</v>
      </c>
      <c r="C167" s="16">
        <v>133</v>
      </c>
      <c r="D167" cm="1">
        <f t="array" ref="D167">IFERROR(INDEX(Jesper!AH$2:AH$366,ROUNDDOWN($C167/24,0)+1,1)*INDEX($D$3:$AA$30,INDEX(Jesper!$R$2:$R$366,ROW(INDEX(Jesper!AH$2:AH$366,ROUNDDOWN($C167/24,0)+1,1))-1)+IF('Standard Profiles'!$G$18=$B$10,7,0)+IF('Standard Profiles'!$G$18=$B$17,14,0)+IF('Standard Profiles'!$G$18=$B$24,21,0),MOD($C167,24)+1)/SUM(INDEX($D$3:$AA$30,INDEX(Jesper!$R$2:$R$366,ROW(INDEX(Jesper!AH$2:AH$366,ROUNDDOWN($C167/24,0)+1,1))-1)+IF('Standard Profiles'!$G$18=$B$10,7,0)+IF('Standard Profiles'!$G$18=$B$17,14,0)+IF('Standard Profiles'!$G$18=$B$24,21,0),0)),0)</f>
        <v>25.885013426603429</v>
      </c>
      <c r="E167" cm="1">
        <f t="array" ref="E167">IFERROR(INDEX(Jesper!AI$2:AI$366,ROUNDDOWN($C167/24,0)+1,1)*INDEX($D$3:$AA$30,INDEX(Jesper!$R$2:$R$366,ROW(INDEX(Jesper!AI$2:AI$366,ROUNDDOWN($C167/24,0)+1,1))-1)+IF('Standard Profiles'!$G$19=$B$10,7,0)+IF('Standard Profiles'!$G$19=$B$17,14,0)+IF('Standard Profiles'!$G$19=$B$24,21,0),MOD($C167,24)+1)/SUM(INDEX($D$3:$AA$30,INDEX(Jesper!$R$2:$R$366,ROW(INDEX(Jesper!AI$2:AI$366,ROUNDDOWN($C167/24,0)+1,1))-1)+IF('Standard Profiles'!$G$19=$B$10,7,0)+IF('Standard Profiles'!$G$19=$B$17,14,0)+IF('Standard Profiles'!$G$19=$B$24,21,0),0)),0)</f>
        <v>22.094364685272204</v>
      </c>
      <c r="F167" cm="1">
        <f t="array" ref="F167">IFERROR(INDEX(Jesper!AJ$2:AJ$366,ROUNDDOWN($C167/24,0)+1,1)*INDEX($D$3:$AA$30,INDEX(Jesper!$R$2:$R$366,ROW(INDEX(Jesper!AJ$2:AJ$366,ROUNDDOWN($C167/24,0)+1,1))-1)+IF('Standard Profiles'!$G$20=$B$10,7,0)+IF('Standard Profiles'!$G$20=$B$17,14,0)+IF('Standard Profiles'!$G$20=$B$24,21,0),MOD($C167,24)+1)/SUM(INDEX($D$3:$AA$30,INDEX(Jesper!$R$2:$R$366,ROW(INDEX(Jesper!AJ$2:AJ$366,ROUNDDOWN($C167/24,0)+1,1))-1)+IF('Standard Profiles'!$G$20=$B$10,7,0)+IF('Standard Profiles'!$G$20=$B$17,14,0)+IF('Standard Profiles'!$G$20=$B$24,21,0),0)),0)</f>
        <v>0</v>
      </c>
      <c r="G167" cm="1">
        <f t="array" ref="G167">IFERROR(INDEX(Jesper!AK$2:AK$366,ROUNDDOWN($C167/24,0)+1,1)*INDEX($D$3:$AA$30,INDEX(Jesper!$R$2:$R$366,ROW(INDEX(Jesper!AK$2:AK$366,ROUNDDOWN($C167/24,0)+1,1))-1)+IF('Standard Profiles'!$G$21=$B$10,7,0)+IF('Standard Profiles'!$G$21=$B$17,14,0)+IF('Standard Profiles'!$G$21=$B$24,21,0),MOD($C167,24)+1)/SUM(INDEX($D$3:$AA$30,INDEX(Jesper!$R$2:$R$366,ROW(INDEX(Jesper!AK$2:AK$366,ROUNDDOWN($C167/24,0)+1,1))-1)+IF('Standard Profiles'!$G$21=$B$10,7,0)+IF('Standard Profiles'!$G$21=$B$17,14,0)+IF('Standard Profiles'!$G$21=$B$24,21,0),0)),0)</f>
        <v>9.4542253518284483</v>
      </c>
      <c r="H167" cm="1">
        <f t="array" ref="H167">IFERROR(INDEX(Jesper!AL$2:AL$366,ROUNDDOWN($C167/24,0)+1,1)*INDEX($D$3:$AA$30,INDEX(Jesper!$R$2:$R$366,ROW(INDEX(Jesper!AL$2:AL$366,ROUNDDOWN($C167/24,0)+1,1))-1)+IF('Standard Profiles'!$G$22=$B$10,7,0)+IF('Standard Profiles'!$G$22=$B$17,14,0)+IF('Standard Profiles'!$G$22=$B$24,21,0),MOD($C167,24)+1)/SUM(INDEX($D$3:$AA$30,INDEX(Jesper!$R$2:$R$366,ROW(INDEX(Jesper!AL$2:AL$366,ROUNDDOWN($C167/24,0)+1,1))-1)+IF('Standard Profiles'!$G$22=$B$10,7,0)+IF('Standard Profiles'!$G$22=$B$17,14,0)+IF('Standard Profiles'!$G$22=$B$24,21,0),0)),0)</f>
        <v>0</v>
      </c>
      <c r="I167">
        <f t="shared" si="34"/>
        <v>4.5380281688776529</v>
      </c>
      <c r="J167">
        <f t="shared" si="35"/>
        <v>48.753973146569876</v>
      </c>
      <c r="K167">
        <f t="shared" si="36"/>
        <v>2.7610680988376992</v>
      </c>
      <c r="L167">
        <f t="shared" si="37"/>
        <v>1.3805340494188496</v>
      </c>
      <c r="M167">
        <f t="shared" si="38"/>
        <v>0</v>
      </c>
      <c r="N167" s="45">
        <f t="shared" si="39"/>
        <v>44932.541666666344</v>
      </c>
      <c r="O167">
        <v>1.4506424895667533</v>
      </c>
      <c r="P167">
        <v>38.436608349843958</v>
      </c>
      <c r="Q167">
        <v>2.6795285618166509</v>
      </c>
      <c r="R167">
        <v>1.3397642809083254</v>
      </c>
      <c r="S167">
        <v>0</v>
      </c>
      <c r="T167" s="45">
        <v>45065.541666658602</v>
      </c>
    </row>
    <row r="168" spans="2:21" x14ac:dyDescent="0.25">
      <c r="B168">
        <f t="shared" si="33"/>
        <v>5</v>
      </c>
      <c r="C168" s="16">
        <v>134</v>
      </c>
      <c r="D168" cm="1">
        <f t="array" ref="D168">IFERROR(INDEX(Jesper!AH$2:AH$366,ROUNDDOWN($C168/24,0)+1,1)*INDEX($D$3:$AA$30,INDEX(Jesper!$R$2:$R$366,ROW(INDEX(Jesper!AH$2:AH$366,ROUNDDOWN($C168/24,0)+1,1))-1)+IF('Standard Profiles'!$G$18=$B$10,7,0)+IF('Standard Profiles'!$G$18=$B$17,14,0)+IF('Standard Profiles'!$G$18=$B$24,21,0),MOD($C168,24)+1)/SUM(INDEX($D$3:$AA$30,INDEX(Jesper!$R$2:$R$366,ROW(INDEX(Jesper!AH$2:AH$366,ROUNDDOWN($C168/24,0)+1,1))-1)+IF('Standard Profiles'!$G$18=$B$10,7,0)+IF('Standard Profiles'!$G$18=$B$17,14,0)+IF('Standard Profiles'!$G$18=$B$24,21,0),0)),0)</f>
        <v>37.389463838427176</v>
      </c>
      <c r="E168" cm="1">
        <f t="array" ref="E168">IFERROR(INDEX(Jesper!AI$2:AI$366,ROUNDDOWN($C168/24,0)+1,1)*INDEX($D$3:$AA$30,INDEX(Jesper!$R$2:$R$366,ROW(INDEX(Jesper!AI$2:AI$366,ROUNDDOWN($C168/24,0)+1,1))-1)+IF('Standard Profiles'!$G$19=$B$10,7,0)+IF('Standard Profiles'!$G$19=$B$17,14,0)+IF('Standard Profiles'!$G$19=$B$24,21,0),MOD($C168,24)+1)/SUM(INDEX($D$3:$AA$30,INDEX(Jesper!$R$2:$R$366,ROW(INDEX(Jesper!AI$2:AI$366,ROUNDDOWN($C168/24,0)+1,1))-1)+IF('Standard Profiles'!$G$19=$B$10,7,0)+IF('Standard Profiles'!$G$19=$B$17,14,0)+IF('Standard Profiles'!$G$19=$B$24,21,0),0)),0)</f>
        <v>31.914082323170959</v>
      </c>
      <c r="F168" cm="1">
        <f t="array" ref="F168">IFERROR(INDEX(Jesper!AJ$2:AJ$366,ROUNDDOWN($C168/24,0)+1,1)*INDEX($D$3:$AA$30,INDEX(Jesper!$R$2:$R$366,ROW(INDEX(Jesper!AJ$2:AJ$366,ROUNDDOWN($C168/24,0)+1,1))-1)+IF('Standard Profiles'!$G$20=$B$10,7,0)+IF('Standard Profiles'!$G$20=$B$17,14,0)+IF('Standard Profiles'!$G$20=$B$24,21,0),MOD($C168,24)+1)/SUM(INDEX($D$3:$AA$30,INDEX(Jesper!$R$2:$R$366,ROW(INDEX(Jesper!AJ$2:AJ$366,ROUNDDOWN($C168/24,0)+1,1))-1)+IF('Standard Profiles'!$G$20=$B$10,7,0)+IF('Standard Profiles'!$G$20=$B$17,14,0)+IF('Standard Profiles'!$G$20=$B$24,21,0),0)),0)</f>
        <v>0</v>
      </c>
      <c r="G168" cm="1">
        <f t="array" ref="G168">IFERROR(INDEX(Jesper!AK$2:AK$366,ROUNDDOWN($C168/24,0)+1,1)*INDEX($D$3:$AA$30,INDEX(Jesper!$R$2:$R$366,ROW(INDEX(Jesper!AK$2:AK$366,ROUNDDOWN($C168/24,0)+1,1))-1)+IF('Standard Profiles'!$G$21=$B$10,7,0)+IF('Standard Profiles'!$G$21=$B$17,14,0)+IF('Standard Profiles'!$G$21=$B$24,21,0),MOD($C168,24)+1)/SUM(INDEX($D$3:$AA$30,INDEX(Jesper!$R$2:$R$366,ROW(INDEX(Jesper!AK$2:AK$366,ROUNDDOWN($C168/24,0)+1,1))-1)+IF('Standard Profiles'!$G$21=$B$10,7,0)+IF('Standard Profiles'!$G$21=$B$17,14,0)+IF('Standard Profiles'!$G$21=$B$24,21,0),0)),0)</f>
        <v>13.656103285974423</v>
      </c>
      <c r="H168" cm="1">
        <f t="array" ref="H168">IFERROR(INDEX(Jesper!AL$2:AL$366,ROUNDDOWN($C168/24,0)+1,1)*INDEX($D$3:$AA$30,INDEX(Jesper!$R$2:$R$366,ROW(INDEX(Jesper!AL$2:AL$366,ROUNDDOWN($C168/24,0)+1,1))-1)+IF('Standard Profiles'!$G$22=$B$10,7,0)+IF('Standard Profiles'!$G$22=$B$17,14,0)+IF('Standard Profiles'!$G$22=$B$24,21,0),MOD($C168,24)+1)/SUM(INDEX($D$3:$AA$30,INDEX(Jesper!$R$2:$R$366,ROW(INDEX(Jesper!AL$2:AL$366,ROUNDDOWN($C168/24,0)+1,1))-1)+IF('Standard Profiles'!$G$22=$B$10,7,0)+IF('Standard Profiles'!$G$22=$B$17,14,0)+IF('Standard Profiles'!$G$22=$B$24,21,0),0)),0)</f>
        <v>0</v>
      </c>
      <c r="I168">
        <f t="shared" si="34"/>
        <v>6.5549295772677194</v>
      </c>
      <c r="J168">
        <f t="shared" si="35"/>
        <v>70.422405656156485</v>
      </c>
      <c r="K168">
        <f t="shared" si="36"/>
        <v>3.9882094760988989</v>
      </c>
      <c r="L168">
        <f t="shared" si="37"/>
        <v>1.9941047380494494</v>
      </c>
      <c r="M168">
        <f t="shared" si="38"/>
        <v>0</v>
      </c>
      <c r="N168" s="45">
        <f t="shared" si="39"/>
        <v>44932.583333333008</v>
      </c>
      <c r="O168">
        <v>2.0953724849297548</v>
      </c>
      <c r="P168">
        <v>55.519545394219051</v>
      </c>
      <c r="Q168">
        <v>3.8704301448462739</v>
      </c>
      <c r="R168">
        <v>1.935215072423137</v>
      </c>
      <c r="S168">
        <v>0</v>
      </c>
      <c r="T168" s="45">
        <v>45065.583333325267</v>
      </c>
    </row>
    <row r="169" spans="2:21" x14ac:dyDescent="0.25">
      <c r="B169">
        <f t="shared" si="33"/>
        <v>5</v>
      </c>
      <c r="C169" s="16">
        <v>135</v>
      </c>
      <c r="D169" cm="1">
        <f t="array" ref="D169">IFERROR(INDEX(Jesper!AH$2:AH$366,ROUNDDOWN($C169/24,0)+1,1)*INDEX($D$3:$AA$30,INDEX(Jesper!$R$2:$R$366,ROW(INDEX(Jesper!AH$2:AH$366,ROUNDDOWN($C169/24,0)+1,1))-1)+IF('Standard Profiles'!$G$18=$B$10,7,0)+IF('Standard Profiles'!$G$18=$B$17,14,0)+IF('Standard Profiles'!$G$18=$B$24,21,0),MOD($C169,24)+1)/SUM(INDEX($D$3:$AA$30,INDEX(Jesper!$R$2:$R$366,ROW(INDEX(Jesper!AH$2:AH$366,ROUNDDOWN($C169/24,0)+1,1))-1)+IF('Standard Profiles'!$G$18=$B$10,7,0)+IF('Standard Profiles'!$G$18=$B$17,14,0)+IF('Standard Profiles'!$G$18=$B$24,21,0),0)),0)</f>
        <v>28.761126029559364</v>
      </c>
      <c r="E169" cm="1">
        <f t="array" ref="E169">IFERROR(INDEX(Jesper!AI$2:AI$366,ROUNDDOWN($C169/24,0)+1,1)*INDEX($D$3:$AA$30,INDEX(Jesper!$R$2:$R$366,ROW(INDEX(Jesper!AI$2:AI$366,ROUNDDOWN($C169/24,0)+1,1))-1)+IF('Standard Profiles'!$G$19=$B$10,7,0)+IF('Standard Profiles'!$G$19=$B$17,14,0)+IF('Standard Profiles'!$G$19=$B$24,21,0),MOD($C169,24)+1)/SUM(INDEX($D$3:$AA$30,INDEX(Jesper!$R$2:$R$366,ROW(INDEX(Jesper!AI$2:AI$366,ROUNDDOWN($C169/24,0)+1,1))-1)+IF('Standard Profiles'!$G$19=$B$10,7,0)+IF('Standard Profiles'!$G$19=$B$17,14,0)+IF('Standard Profiles'!$G$19=$B$24,21,0),0)),0)</f>
        <v>24.549294094746891</v>
      </c>
      <c r="F169" cm="1">
        <f t="array" ref="F169">IFERROR(INDEX(Jesper!AJ$2:AJ$366,ROUNDDOWN($C169/24,0)+1,1)*INDEX($D$3:$AA$30,INDEX(Jesper!$R$2:$R$366,ROW(INDEX(Jesper!AJ$2:AJ$366,ROUNDDOWN($C169/24,0)+1,1))-1)+IF('Standard Profiles'!$G$20=$B$10,7,0)+IF('Standard Profiles'!$G$20=$B$17,14,0)+IF('Standard Profiles'!$G$20=$B$24,21,0),MOD($C169,24)+1)/SUM(INDEX($D$3:$AA$30,INDEX(Jesper!$R$2:$R$366,ROW(INDEX(Jesper!AJ$2:AJ$366,ROUNDDOWN($C169/24,0)+1,1))-1)+IF('Standard Profiles'!$G$20=$B$10,7,0)+IF('Standard Profiles'!$G$20=$B$17,14,0)+IF('Standard Profiles'!$G$20=$B$24,21,0),0)),0)</f>
        <v>0</v>
      </c>
      <c r="G169" cm="1">
        <f t="array" ref="G169">IFERROR(INDEX(Jesper!AK$2:AK$366,ROUNDDOWN($C169/24,0)+1,1)*INDEX($D$3:$AA$30,INDEX(Jesper!$R$2:$R$366,ROW(INDEX(Jesper!AK$2:AK$366,ROUNDDOWN($C169/24,0)+1,1))-1)+IF('Standard Profiles'!$G$21=$B$10,7,0)+IF('Standard Profiles'!$G$21=$B$17,14,0)+IF('Standard Profiles'!$G$21=$B$24,21,0),MOD($C169,24)+1)/SUM(INDEX($D$3:$AA$30,INDEX(Jesper!$R$2:$R$366,ROW(INDEX(Jesper!AK$2:AK$366,ROUNDDOWN($C169/24,0)+1,1))-1)+IF('Standard Profiles'!$G$21=$B$10,7,0)+IF('Standard Profiles'!$G$21=$B$17,14,0)+IF('Standard Profiles'!$G$21=$B$24,21,0),0)),0)</f>
        <v>11.555164318901435</v>
      </c>
      <c r="H169" cm="1">
        <f t="array" ref="H169">IFERROR(INDEX(Jesper!AL$2:AL$366,ROUNDDOWN($C169/24,0)+1,1)*INDEX($D$3:$AA$30,INDEX(Jesper!$R$2:$R$366,ROW(INDEX(Jesper!AL$2:AL$366,ROUNDDOWN($C169/24,0)+1,1))-1)+IF('Standard Profiles'!$G$22=$B$10,7,0)+IF('Standard Profiles'!$G$22=$B$17,14,0)+IF('Standard Profiles'!$G$22=$B$24,21,0),MOD($C169,24)+1)/SUM(INDEX($D$3:$AA$30,INDEX(Jesper!$R$2:$R$366,ROW(INDEX(Jesper!AL$2:AL$366,ROUNDDOWN($C169/24,0)+1,1))-1)+IF('Standard Profiles'!$G$22=$B$10,7,0)+IF('Standard Profiles'!$G$22=$B$17,14,0)+IF('Standard Profiles'!$G$22=$B$24,21,0),0)),0)</f>
        <v>0</v>
      </c>
      <c r="I169">
        <f t="shared" si="34"/>
        <v>5.5464788730726857</v>
      </c>
      <c r="J169">
        <f t="shared" si="35"/>
        <v>54.717325405405504</v>
      </c>
      <c r="K169">
        <f t="shared" si="36"/>
        <v>3.0678534431529991</v>
      </c>
      <c r="L169">
        <f t="shared" si="37"/>
        <v>1.5339267215764996</v>
      </c>
      <c r="M169">
        <f t="shared" si="38"/>
        <v>0</v>
      </c>
      <c r="N169" s="45">
        <f t="shared" si="39"/>
        <v>44932.624999999673</v>
      </c>
      <c r="O169">
        <v>1.7730074872482542</v>
      </c>
      <c r="P169">
        <v>42.881956984681885</v>
      </c>
      <c r="Q169">
        <v>2.9772539575740571</v>
      </c>
      <c r="R169">
        <v>1.4886269787870285</v>
      </c>
      <c r="S169">
        <v>0</v>
      </c>
      <c r="T169" s="45">
        <v>45065.624999991931</v>
      </c>
    </row>
    <row r="170" spans="2:21" x14ac:dyDescent="0.25">
      <c r="B170">
        <f t="shared" si="33"/>
        <v>5</v>
      </c>
      <c r="C170" s="16">
        <v>136</v>
      </c>
      <c r="D170" cm="1">
        <f t="array" ref="D170">IFERROR(INDEX(Jesper!AH$2:AH$366,ROUNDDOWN($C170/24,0)+1,1)*INDEX($D$3:$AA$30,INDEX(Jesper!$R$2:$R$366,ROW(INDEX(Jesper!AH$2:AH$366,ROUNDDOWN($C170/24,0)+1,1))-1)+IF('Standard Profiles'!$G$18=$B$10,7,0)+IF('Standard Profiles'!$G$18=$B$17,14,0)+IF('Standard Profiles'!$G$18=$B$24,21,0),MOD($C170,24)+1)/SUM(INDEX($D$3:$AA$30,INDEX(Jesper!$R$2:$R$366,ROW(INDEX(Jesper!AH$2:AH$366,ROUNDDOWN($C170/24,0)+1,1))-1)+IF('Standard Profiles'!$G$18=$B$10,7,0)+IF('Standard Profiles'!$G$18=$B$17,14,0)+IF('Standard Profiles'!$G$18=$B$24,21,0),0)),0)</f>
        <v>13.502876070215665</v>
      </c>
      <c r="E170" cm="1">
        <f t="array" ref="E170">IFERROR(INDEX(Jesper!AI$2:AI$366,ROUNDDOWN($C170/24,0)+1,1)*INDEX($D$3:$AA$30,INDEX(Jesper!$R$2:$R$366,ROW(INDEX(Jesper!AI$2:AI$366,ROUNDDOWN($C170/24,0)+1,1))-1)+IF('Standard Profiles'!$G$19=$B$10,7,0)+IF('Standard Profiles'!$G$19=$B$17,14,0)+IF('Standard Profiles'!$G$19=$B$24,21,0),MOD($C170,24)+1)/SUM(INDEX($D$3:$AA$30,INDEX(Jesper!$R$2:$R$366,ROW(INDEX(Jesper!AI$2:AI$366,ROUNDDOWN($C170/24,0)+1,1))-1)+IF('Standard Profiles'!$G$19=$B$10,7,0)+IF('Standard Profiles'!$G$19=$B$17,14,0)+IF('Standard Profiles'!$G$19=$B$24,21,0),0)),0)</f>
        <v>11.525490185327181</v>
      </c>
      <c r="F170" cm="1">
        <f t="array" ref="F170">IFERROR(INDEX(Jesper!AJ$2:AJ$366,ROUNDDOWN($C170/24,0)+1,1)*INDEX($D$3:$AA$30,INDEX(Jesper!$R$2:$R$366,ROW(INDEX(Jesper!AJ$2:AJ$366,ROUNDDOWN($C170/24,0)+1,1))-1)+IF('Standard Profiles'!$G$20=$B$10,7,0)+IF('Standard Profiles'!$G$20=$B$17,14,0)+IF('Standard Profiles'!$G$20=$B$24,21,0),MOD($C170,24)+1)/SUM(INDEX($D$3:$AA$30,INDEX(Jesper!$R$2:$R$366,ROW(INDEX(Jesper!AJ$2:AJ$366,ROUNDDOWN($C170/24,0)+1,1))-1)+IF('Standard Profiles'!$G$20=$B$10,7,0)+IF('Standard Profiles'!$G$20=$B$17,14,0)+IF('Standard Profiles'!$G$20=$B$24,21,0),0)),0)</f>
        <v>0</v>
      </c>
      <c r="G170" cm="1">
        <f t="array" ref="G170">IFERROR(INDEX(Jesper!AK$2:AK$366,ROUNDDOWN($C170/24,0)+1,1)*INDEX($D$3:$AA$30,INDEX(Jesper!$R$2:$R$366,ROW(INDEX(Jesper!AK$2:AK$366,ROUNDDOWN($C170/24,0)+1,1))-1)+IF('Standard Profiles'!$G$21=$B$10,7,0)+IF('Standard Profiles'!$G$21=$B$17,14,0)+IF('Standard Profiles'!$G$21=$B$24,21,0),MOD($C170,24)+1)/SUM(INDEX($D$3:$AA$30,INDEX(Jesper!$R$2:$R$366,ROW(INDEX(Jesper!AK$2:AK$366,ROUNDDOWN($C170/24,0)+1,1))-1)+IF('Standard Profiles'!$G$21=$B$10,7,0)+IF('Standard Profiles'!$G$21=$B$17,14,0)+IF('Standard Profiles'!$G$21=$B$24,21,0),0)),0)</f>
        <v>10.004471271776135</v>
      </c>
      <c r="H170" cm="1">
        <f t="array" ref="H170">IFERROR(INDEX(Jesper!AL$2:AL$366,ROUNDDOWN($C170/24,0)+1,1)*INDEX($D$3:$AA$30,INDEX(Jesper!$R$2:$R$366,ROW(INDEX(Jesper!AL$2:AL$366,ROUNDDOWN($C170/24,0)+1,1))-1)+IF('Standard Profiles'!$G$22=$B$10,7,0)+IF('Standard Profiles'!$G$22=$B$17,14,0)+IF('Standard Profiles'!$G$22=$B$24,21,0),MOD($C170,24)+1)/SUM(INDEX($D$3:$AA$30,INDEX(Jesper!$R$2:$R$366,ROW(INDEX(Jesper!AL$2:AL$366,ROUNDDOWN($C170/24,0)+1,1))-1)+IF('Standard Profiles'!$G$22=$B$10,7,0)+IF('Standard Profiles'!$G$22=$B$17,14,0)+IF('Standard Profiles'!$G$22=$B$24,21,0),0)),0)</f>
        <v>0</v>
      </c>
      <c r="I170">
        <f t="shared" si="34"/>
        <v>4.8021462104525421</v>
      </c>
      <c r="J170">
        <f t="shared" si="35"/>
        <v>28.070231145631929</v>
      </c>
      <c r="K170">
        <f t="shared" si="36"/>
        <v>1.4403067808230043</v>
      </c>
      <c r="L170">
        <f t="shared" si="37"/>
        <v>0.72015339041150217</v>
      </c>
      <c r="M170">
        <f t="shared" si="38"/>
        <v>0</v>
      </c>
      <c r="N170" s="45">
        <f t="shared" si="39"/>
        <v>44932.666666666337</v>
      </c>
      <c r="O170">
        <v>1.5350714175309559</v>
      </c>
      <c r="P170">
        <v>20.893603835422045</v>
      </c>
      <c r="Q170">
        <v>1.3977718110676325</v>
      </c>
      <c r="R170">
        <v>0.69888590553381624</v>
      </c>
      <c r="S170">
        <v>0</v>
      </c>
      <c r="T170" s="45">
        <v>45065.666666658595</v>
      </c>
    </row>
    <row r="171" spans="2:21" x14ac:dyDescent="0.25">
      <c r="B171">
        <f t="shared" si="33"/>
        <v>5</v>
      </c>
      <c r="C171" s="16">
        <v>137</v>
      </c>
      <c r="D171" cm="1">
        <f t="array" ref="D171">IFERROR(INDEX(Jesper!AH$2:AH$366,ROUNDDOWN($C171/24,0)+1,1)*INDEX($D$3:$AA$30,INDEX(Jesper!$R$2:$R$366,ROW(INDEX(Jesper!AH$2:AH$366,ROUNDDOWN($C171/24,0)+1,1))-1)+IF('Standard Profiles'!$G$18=$B$10,7,0)+IF('Standard Profiles'!$G$18=$B$17,14,0)+IF('Standard Profiles'!$G$18=$B$24,21,0),MOD($C171,24)+1)/SUM(INDEX($D$3:$AA$30,INDEX(Jesper!$R$2:$R$366,ROW(INDEX(Jesper!AH$2:AH$366,ROUNDDOWN($C171/24,0)+1,1))-1)+IF('Standard Profiles'!$G$18=$B$10,7,0)+IF('Standard Profiles'!$G$18=$B$17,14,0)+IF('Standard Profiles'!$G$18=$B$24,21,0),0)),0)</f>
        <v>8.9118982063423378</v>
      </c>
      <c r="E171" cm="1">
        <f t="array" ref="E171">IFERROR(INDEX(Jesper!AI$2:AI$366,ROUNDDOWN($C171/24,0)+1,1)*INDEX($D$3:$AA$30,INDEX(Jesper!$R$2:$R$366,ROW(INDEX(Jesper!AI$2:AI$366,ROUNDDOWN($C171/24,0)+1,1))-1)+IF('Standard Profiles'!$G$19=$B$10,7,0)+IF('Standard Profiles'!$G$19=$B$17,14,0)+IF('Standard Profiles'!$G$19=$B$24,21,0),MOD($C171,24)+1)/SUM(INDEX($D$3:$AA$30,INDEX(Jesper!$R$2:$R$366,ROW(INDEX(Jesper!AI$2:AI$366,ROUNDDOWN($C171/24,0)+1,1))-1)+IF('Standard Profiles'!$G$19=$B$10,7,0)+IF('Standard Profiles'!$G$19=$B$17,14,0)+IF('Standard Profiles'!$G$19=$B$24,21,0),0)),0)</f>
        <v>7.6068235223159384</v>
      </c>
      <c r="F171" cm="1">
        <f t="array" ref="F171">IFERROR(INDEX(Jesper!AJ$2:AJ$366,ROUNDDOWN($C171/24,0)+1,1)*INDEX($D$3:$AA$30,INDEX(Jesper!$R$2:$R$366,ROW(INDEX(Jesper!AJ$2:AJ$366,ROUNDDOWN($C171/24,0)+1,1))-1)+IF('Standard Profiles'!$G$20=$B$10,7,0)+IF('Standard Profiles'!$G$20=$B$17,14,0)+IF('Standard Profiles'!$G$20=$B$24,21,0),MOD($C171,24)+1)/SUM(INDEX($D$3:$AA$30,INDEX(Jesper!$R$2:$R$366,ROW(INDEX(Jesper!AJ$2:AJ$366,ROUNDDOWN($C171/24,0)+1,1))-1)+IF('Standard Profiles'!$G$20=$B$10,7,0)+IF('Standard Profiles'!$G$20=$B$17,14,0)+IF('Standard Profiles'!$G$20=$B$24,21,0),0)),0)</f>
        <v>0</v>
      </c>
      <c r="G171" cm="1">
        <f t="array" ref="G171">IFERROR(INDEX(Jesper!AK$2:AK$366,ROUNDDOWN($C171/24,0)+1,1)*INDEX($D$3:$AA$30,INDEX(Jesper!$R$2:$R$366,ROW(INDEX(Jesper!AK$2:AK$366,ROUNDDOWN($C171/24,0)+1,1))-1)+IF('Standard Profiles'!$G$21=$B$10,7,0)+IF('Standard Profiles'!$G$21=$B$17,14,0)+IF('Standard Profiles'!$G$21=$B$24,21,0),MOD($C171,24)+1)/SUM(INDEX($D$3:$AA$30,INDEX(Jesper!$R$2:$R$366,ROW(INDEX(Jesper!AK$2:AK$366,ROUNDDOWN($C171/24,0)+1,1))-1)+IF('Standard Profiles'!$G$21=$B$10,7,0)+IF('Standard Profiles'!$G$21=$B$17,14,0)+IF('Standard Profiles'!$G$21=$B$24,21,0),0)),0)</f>
        <v>8.4037558682919524</v>
      </c>
      <c r="H171" cm="1">
        <f t="array" ref="H171">IFERROR(INDEX(Jesper!AL$2:AL$366,ROUNDDOWN($C171/24,0)+1,1)*INDEX($D$3:$AA$30,INDEX(Jesper!$R$2:$R$366,ROW(INDEX(Jesper!AL$2:AL$366,ROUNDDOWN($C171/24,0)+1,1))-1)+IF('Standard Profiles'!$G$22=$B$10,7,0)+IF('Standard Profiles'!$G$22=$B$17,14,0)+IF('Standard Profiles'!$G$22=$B$24,21,0),MOD($C171,24)+1)/SUM(INDEX($D$3:$AA$30,INDEX(Jesper!$R$2:$R$366,ROW(INDEX(Jesper!AL$2:AL$366,ROUNDDOWN($C171/24,0)+1,1))-1)+IF('Standard Profiles'!$G$22=$B$10,7,0)+IF('Standard Profiles'!$G$22=$B$17,14,0)+IF('Standard Profiles'!$G$22=$B$24,21,0),0)),0)</f>
        <v>0</v>
      </c>
      <c r="I171">
        <f t="shared" si="34"/>
        <v>4.0338028167801347</v>
      </c>
      <c r="J171">
        <f t="shared" si="35"/>
        <v>19.46277106715532</v>
      </c>
      <c r="K171">
        <f t="shared" si="36"/>
        <v>0.95060247534318276</v>
      </c>
      <c r="L171">
        <f t="shared" si="37"/>
        <v>0.47530123767159138</v>
      </c>
      <c r="M171">
        <f t="shared" si="38"/>
        <v>0</v>
      </c>
      <c r="N171" s="45">
        <f t="shared" si="39"/>
        <v>44932.708333333001</v>
      </c>
      <c r="O171">
        <v>1.2894599907260029</v>
      </c>
      <c r="P171">
        <v>14.089117457797084</v>
      </c>
      <c r="Q171">
        <v>0.92252939530463729</v>
      </c>
      <c r="R171">
        <v>0.46126469765231864</v>
      </c>
      <c r="S171">
        <v>0</v>
      </c>
      <c r="T171" s="45">
        <v>45065.708333325259</v>
      </c>
    </row>
    <row r="172" spans="2:21" x14ac:dyDescent="0.25">
      <c r="B172">
        <f t="shared" si="33"/>
        <v>5</v>
      </c>
      <c r="C172" s="16">
        <v>138</v>
      </c>
      <c r="D172" cm="1">
        <f t="array" ref="D172">IFERROR(INDEX(Jesper!AH$2:AH$366,ROUNDDOWN($C172/24,0)+1,1)*INDEX($D$3:$AA$30,INDEX(Jesper!$R$2:$R$366,ROW(INDEX(Jesper!AH$2:AH$366,ROUNDDOWN($C172/24,0)+1,1))-1)+IF('Standard Profiles'!$G$18=$B$10,7,0)+IF('Standard Profiles'!$G$18=$B$17,14,0)+IF('Standard Profiles'!$G$18=$B$24,21,0),MOD($C172,24)+1)/SUM(INDEX($D$3:$AA$30,INDEX(Jesper!$R$2:$R$366,ROW(INDEX(Jesper!AH$2:AH$366,ROUNDDOWN($C172/24,0)+1,1))-1)+IF('Standard Profiles'!$G$18=$B$10,7,0)+IF('Standard Profiles'!$G$18=$B$17,14,0)+IF('Standard Profiles'!$G$18=$B$24,21,0),0)),0)</f>
        <v>5.6712079494905794</v>
      </c>
      <c r="E172" cm="1">
        <f t="array" ref="E172">IFERROR(INDEX(Jesper!AI$2:AI$366,ROUNDDOWN($C172/24,0)+1,1)*INDEX($D$3:$AA$30,INDEX(Jesper!$R$2:$R$366,ROW(INDEX(Jesper!AI$2:AI$366,ROUNDDOWN($C172/24,0)+1,1))-1)+IF('Standard Profiles'!$G$19=$B$10,7,0)+IF('Standard Profiles'!$G$19=$B$17,14,0)+IF('Standard Profiles'!$G$19=$B$24,21,0),MOD($C172,24)+1)/SUM(INDEX($D$3:$AA$30,INDEX(Jesper!$R$2:$R$366,ROW(INDEX(Jesper!AI$2:AI$366,ROUNDDOWN($C172/24,0)+1,1))-1)+IF('Standard Profiles'!$G$19=$B$10,7,0)+IF('Standard Profiles'!$G$19=$B$17,14,0)+IF('Standard Profiles'!$G$19=$B$24,21,0),0)),0)</f>
        <v>4.840705877837415</v>
      </c>
      <c r="F172" cm="1">
        <f t="array" ref="F172">IFERROR(INDEX(Jesper!AJ$2:AJ$366,ROUNDDOWN($C172/24,0)+1,1)*INDEX($D$3:$AA$30,INDEX(Jesper!$R$2:$R$366,ROW(INDEX(Jesper!AJ$2:AJ$366,ROUNDDOWN($C172/24,0)+1,1))-1)+IF('Standard Profiles'!$G$20=$B$10,7,0)+IF('Standard Profiles'!$G$20=$B$17,14,0)+IF('Standard Profiles'!$G$20=$B$24,21,0),MOD($C172,24)+1)/SUM(INDEX($D$3:$AA$30,INDEX(Jesper!$R$2:$R$366,ROW(INDEX(Jesper!AJ$2:AJ$366,ROUNDDOWN($C172/24,0)+1,1))-1)+IF('Standard Profiles'!$G$20=$B$10,7,0)+IF('Standard Profiles'!$G$20=$B$17,14,0)+IF('Standard Profiles'!$G$20=$B$24,21,0),0)),0)</f>
        <v>0</v>
      </c>
      <c r="G172" cm="1">
        <f t="array" ref="G172">IFERROR(INDEX(Jesper!AK$2:AK$366,ROUNDDOWN($C172/24,0)+1,1)*INDEX($D$3:$AA$30,INDEX(Jesper!$R$2:$R$366,ROW(INDEX(Jesper!AK$2:AK$366,ROUNDDOWN($C172/24,0)+1,1))-1)+IF('Standard Profiles'!$G$21=$B$10,7,0)+IF('Standard Profiles'!$G$21=$B$17,14,0)+IF('Standard Profiles'!$G$21=$B$24,21,0),MOD($C172,24)+1)/SUM(INDEX($D$3:$AA$30,INDEX(Jesper!$R$2:$R$366,ROW(INDEX(Jesper!AK$2:AK$366,ROUNDDOWN($C172/24,0)+1,1))-1)+IF('Standard Profiles'!$G$21=$B$10,7,0)+IF('Standard Profiles'!$G$21=$B$17,14,0)+IF('Standard Profiles'!$G$21=$B$24,21,0),0)),0)</f>
        <v>3.1013860942506013</v>
      </c>
      <c r="H172" cm="1">
        <f t="array" ref="H172">IFERROR(INDEX(Jesper!AL$2:AL$366,ROUNDDOWN($C172/24,0)+1,1)*INDEX($D$3:$AA$30,INDEX(Jesper!$R$2:$R$366,ROW(INDEX(Jesper!AL$2:AL$366,ROUNDDOWN($C172/24,0)+1,1))-1)+IF('Standard Profiles'!$G$22=$B$10,7,0)+IF('Standard Profiles'!$G$22=$B$17,14,0)+IF('Standard Profiles'!$G$22=$B$24,21,0),MOD($C172,24)+1)/SUM(INDEX($D$3:$AA$30,INDEX(Jesper!$R$2:$R$366,ROW(INDEX(Jesper!AL$2:AL$366,ROUNDDOWN($C172/24,0)+1,1))-1)+IF('Standard Profiles'!$G$22=$B$10,7,0)+IF('Standard Profiles'!$G$22=$B$17,14,0)+IF('Standard Profiles'!$G$22=$B$24,21,0),0)),0)</f>
        <v>0</v>
      </c>
      <c r="I172">
        <f t="shared" si="34"/>
        <v>1.4886653252402879</v>
      </c>
      <c r="J172">
        <f t="shared" si="35"/>
        <v>11.217241324419813</v>
      </c>
      <c r="K172">
        <f t="shared" si="36"/>
        <v>0.60492884794566182</v>
      </c>
      <c r="L172">
        <f t="shared" si="37"/>
        <v>0.30246442397283091</v>
      </c>
      <c r="M172">
        <f t="shared" si="38"/>
        <v>0</v>
      </c>
      <c r="N172" s="45">
        <f t="shared" si="39"/>
        <v>44932.749999999665</v>
      </c>
      <c r="O172">
        <v>0.47587213943459633</v>
      </c>
      <c r="P172">
        <v>8.5923842669548183</v>
      </c>
      <c r="Q172">
        <v>0.5870641606484055</v>
      </c>
      <c r="R172">
        <v>0.29353208032420275</v>
      </c>
      <c r="S172">
        <v>0</v>
      </c>
      <c r="T172" s="45">
        <v>45065.749999991924</v>
      </c>
    </row>
    <row r="173" spans="2:21" x14ac:dyDescent="0.25">
      <c r="B173">
        <f t="shared" si="33"/>
        <v>5</v>
      </c>
      <c r="C173" s="16">
        <v>139</v>
      </c>
      <c r="D173" cm="1">
        <f t="array" ref="D173">IFERROR(INDEX(Jesper!AH$2:AH$366,ROUNDDOWN($C173/24,0)+1,1)*INDEX($D$3:$AA$30,INDEX(Jesper!$R$2:$R$366,ROW(INDEX(Jesper!AH$2:AH$366,ROUNDDOWN($C173/24,0)+1,1))-1)+IF('Standard Profiles'!$G$18=$B$10,7,0)+IF('Standard Profiles'!$G$18=$B$17,14,0)+IF('Standard Profiles'!$G$18=$B$24,21,0),MOD($C173,24)+1)/SUM(INDEX($D$3:$AA$30,INDEX(Jesper!$R$2:$R$366,ROW(INDEX(Jesper!AH$2:AH$366,ROUNDDOWN($C173/24,0)+1,1))-1)+IF('Standard Profiles'!$G$18=$B$10,7,0)+IF('Standard Profiles'!$G$18=$B$17,14,0)+IF('Standard Profiles'!$G$18=$B$24,21,0),0)),0)</f>
        <v>5.4011504280862663</v>
      </c>
      <c r="E173" cm="1">
        <f t="array" ref="E173">IFERROR(INDEX(Jesper!AI$2:AI$366,ROUNDDOWN($C173/24,0)+1,1)*INDEX($D$3:$AA$30,INDEX(Jesper!$R$2:$R$366,ROW(INDEX(Jesper!AI$2:AI$366,ROUNDDOWN($C173/24,0)+1,1))-1)+IF('Standard Profiles'!$G$19=$B$10,7,0)+IF('Standard Profiles'!$G$19=$B$17,14,0)+IF('Standard Profiles'!$G$19=$B$24,21,0),MOD($C173,24)+1)/SUM(INDEX($D$3:$AA$30,INDEX(Jesper!$R$2:$R$366,ROW(INDEX(Jesper!AI$2:AI$366,ROUNDDOWN($C173/24,0)+1,1))-1)+IF('Standard Profiles'!$G$19=$B$10,7,0)+IF('Standard Profiles'!$G$19=$B$17,14,0)+IF('Standard Profiles'!$G$19=$B$24,21,0),0)),0)</f>
        <v>4.6101960741308723</v>
      </c>
      <c r="F173" cm="1">
        <f t="array" ref="F173">IFERROR(INDEX(Jesper!AJ$2:AJ$366,ROUNDDOWN($C173/24,0)+1,1)*INDEX($D$3:$AA$30,INDEX(Jesper!$R$2:$R$366,ROW(INDEX(Jesper!AJ$2:AJ$366,ROUNDDOWN($C173/24,0)+1,1))-1)+IF('Standard Profiles'!$G$20=$B$10,7,0)+IF('Standard Profiles'!$G$20=$B$17,14,0)+IF('Standard Profiles'!$G$20=$B$24,21,0),MOD($C173,24)+1)/SUM(INDEX($D$3:$AA$30,INDEX(Jesper!$R$2:$R$366,ROW(INDEX(Jesper!AJ$2:AJ$366,ROUNDDOWN($C173/24,0)+1,1))-1)+IF('Standard Profiles'!$G$20=$B$10,7,0)+IF('Standard Profiles'!$G$20=$B$17,14,0)+IF('Standard Profiles'!$G$20=$B$24,21,0),0)),0)</f>
        <v>0</v>
      </c>
      <c r="G173" cm="1">
        <f t="array" ref="G173">IFERROR(INDEX(Jesper!AK$2:AK$366,ROUNDDOWN($C173/24,0)+1,1)*INDEX($D$3:$AA$30,INDEX(Jesper!$R$2:$R$366,ROW(INDEX(Jesper!AK$2:AK$366,ROUNDDOWN($C173/24,0)+1,1))-1)+IF('Standard Profiles'!$G$21=$B$10,7,0)+IF('Standard Profiles'!$G$21=$B$17,14,0)+IF('Standard Profiles'!$G$21=$B$24,21,0),MOD($C173,24)+1)/SUM(INDEX($D$3:$AA$30,INDEX(Jesper!$R$2:$R$366,ROW(INDEX(Jesper!AK$2:AK$366,ROUNDDOWN($C173/24,0)+1,1))-1)+IF('Standard Profiles'!$G$21=$B$10,7,0)+IF('Standard Profiles'!$G$21=$B$17,14,0)+IF('Standard Profiles'!$G$21=$B$24,21,0),0)),0)</f>
        <v>3.1013860942506013</v>
      </c>
      <c r="H173" cm="1">
        <f t="array" ref="H173">IFERROR(INDEX(Jesper!AL$2:AL$366,ROUNDDOWN($C173/24,0)+1,1)*INDEX($D$3:$AA$30,INDEX(Jesper!$R$2:$R$366,ROW(INDEX(Jesper!AL$2:AL$366,ROUNDDOWN($C173/24,0)+1,1))-1)+IF('Standard Profiles'!$G$22=$B$10,7,0)+IF('Standard Profiles'!$G$22=$B$17,14,0)+IF('Standard Profiles'!$G$22=$B$24,21,0),MOD($C173,24)+1)/SUM(INDEX($D$3:$AA$30,INDEX(Jesper!$R$2:$R$366,ROW(INDEX(Jesper!AL$2:AL$366,ROUNDDOWN($C173/24,0)+1,1))-1)+IF('Standard Profiles'!$G$22=$B$10,7,0)+IF('Standard Profiles'!$G$22=$B$17,14,0)+IF('Standard Profiles'!$G$22=$B$24,21,0),0)),0)</f>
        <v>0</v>
      </c>
      <c r="I173">
        <f t="shared" si="34"/>
        <v>1.4886653252402879</v>
      </c>
      <c r="J173">
        <f t="shared" si="35"/>
        <v>10.759883202733649</v>
      </c>
      <c r="K173">
        <f t="shared" si="36"/>
        <v>0.57612271232920176</v>
      </c>
      <c r="L173">
        <f t="shared" si="37"/>
        <v>0.28806135616460088</v>
      </c>
      <c r="M173">
        <f t="shared" si="38"/>
        <v>0</v>
      </c>
      <c r="N173" s="45">
        <f t="shared" si="39"/>
        <v>44932.79166666633</v>
      </c>
      <c r="O173">
        <v>0.47587213943459633</v>
      </c>
      <c r="P173">
        <v>8.2077720709595496</v>
      </c>
      <c r="Q173">
        <v>0.55910872442705295</v>
      </c>
      <c r="R173">
        <v>0.27955436221352647</v>
      </c>
      <c r="S173">
        <v>0</v>
      </c>
      <c r="T173" s="45">
        <v>45065.791666658588</v>
      </c>
    </row>
    <row r="174" spans="2:21" x14ac:dyDescent="0.25">
      <c r="B174">
        <f t="shared" si="33"/>
        <v>5</v>
      </c>
      <c r="C174" s="16">
        <v>140</v>
      </c>
      <c r="D174" cm="1">
        <f t="array" ref="D174">IFERROR(INDEX(Jesper!AH$2:AH$366,ROUNDDOWN($C174/24,0)+1,1)*INDEX($D$3:$AA$30,INDEX(Jesper!$R$2:$R$366,ROW(INDEX(Jesper!AH$2:AH$366,ROUNDDOWN($C174/24,0)+1,1))-1)+IF('Standard Profiles'!$G$18=$B$10,7,0)+IF('Standard Profiles'!$G$18=$B$17,14,0)+IF('Standard Profiles'!$G$18=$B$24,21,0),MOD($C174,24)+1)/SUM(INDEX($D$3:$AA$30,INDEX(Jesper!$R$2:$R$366,ROW(INDEX(Jesper!AH$2:AH$366,ROUNDDOWN($C174/24,0)+1,1))-1)+IF('Standard Profiles'!$G$18=$B$10,7,0)+IF('Standard Profiles'!$G$18=$B$17,14,0)+IF('Standard Profiles'!$G$18=$B$24,21,0),0)),0)</f>
        <v>5.4011504280862663</v>
      </c>
      <c r="E174" cm="1">
        <f t="array" ref="E174">IFERROR(INDEX(Jesper!AI$2:AI$366,ROUNDDOWN($C174/24,0)+1,1)*INDEX($D$3:$AA$30,INDEX(Jesper!$R$2:$R$366,ROW(INDEX(Jesper!AI$2:AI$366,ROUNDDOWN($C174/24,0)+1,1))-1)+IF('Standard Profiles'!$G$19=$B$10,7,0)+IF('Standard Profiles'!$G$19=$B$17,14,0)+IF('Standard Profiles'!$G$19=$B$24,21,0),MOD($C174,24)+1)/SUM(INDEX($D$3:$AA$30,INDEX(Jesper!$R$2:$R$366,ROW(INDEX(Jesper!AI$2:AI$366,ROUNDDOWN($C174/24,0)+1,1))-1)+IF('Standard Profiles'!$G$19=$B$10,7,0)+IF('Standard Profiles'!$G$19=$B$17,14,0)+IF('Standard Profiles'!$G$19=$B$24,21,0),0)),0)</f>
        <v>4.6101960741308723</v>
      </c>
      <c r="F174" cm="1">
        <f t="array" ref="F174">IFERROR(INDEX(Jesper!AJ$2:AJ$366,ROUNDDOWN($C174/24,0)+1,1)*INDEX($D$3:$AA$30,INDEX(Jesper!$R$2:$R$366,ROW(INDEX(Jesper!AJ$2:AJ$366,ROUNDDOWN($C174/24,0)+1,1))-1)+IF('Standard Profiles'!$G$20=$B$10,7,0)+IF('Standard Profiles'!$G$20=$B$17,14,0)+IF('Standard Profiles'!$G$20=$B$24,21,0),MOD($C174,24)+1)/SUM(INDEX($D$3:$AA$30,INDEX(Jesper!$R$2:$R$366,ROW(INDEX(Jesper!AJ$2:AJ$366,ROUNDDOWN($C174/24,0)+1,1))-1)+IF('Standard Profiles'!$G$20=$B$10,7,0)+IF('Standard Profiles'!$G$20=$B$17,14,0)+IF('Standard Profiles'!$G$20=$B$24,21,0),0)),0)</f>
        <v>0</v>
      </c>
      <c r="G174" cm="1">
        <f t="array" ref="G174">IFERROR(INDEX(Jesper!AK$2:AK$366,ROUNDDOWN($C174/24,0)+1,1)*INDEX($D$3:$AA$30,INDEX(Jesper!$R$2:$R$366,ROW(INDEX(Jesper!AK$2:AK$366,ROUNDDOWN($C174/24,0)+1,1))-1)+IF('Standard Profiles'!$G$21=$B$10,7,0)+IF('Standard Profiles'!$G$21=$B$17,14,0)+IF('Standard Profiles'!$G$21=$B$24,21,0),MOD($C174,24)+1)/SUM(INDEX($D$3:$AA$30,INDEX(Jesper!$R$2:$R$366,ROW(INDEX(Jesper!AK$2:AK$366,ROUNDDOWN($C174/24,0)+1,1))-1)+IF('Standard Profiles'!$G$21=$B$10,7,0)+IF('Standard Profiles'!$G$21=$B$17,14,0)+IF('Standard Profiles'!$G$21=$B$24,21,0),0)),0)</f>
        <v>3.1013860942506013</v>
      </c>
      <c r="H174" cm="1">
        <f t="array" ref="H174">IFERROR(INDEX(Jesper!AL$2:AL$366,ROUNDDOWN($C174/24,0)+1,1)*INDEX($D$3:$AA$30,INDEX(Jesper!$R$2:$R$366,ROW(INDEX(Jesper!AL$2:AL$366,ROUNDDOWN($C174/24,0)+1,1))-1)+IF('Standard Profiles'!$G$22=$B$10,7,0)+IF('Standard Profiles'!$G$22=$B$17,14,0)+IF('Standard Profiles'!$G$22=$B$24,21,0),MOD($C174,24)+1)/SUM(INDEX($D$3:$AA$30,INDEX(Jesper!$R$2:$R$366,ROW(INDEX(Jesper!AL$2:AL$366,ROUNDDOWN($C174/24,0)+1,1))-1)+IF('Standard Profiles'!$G$22=$B$10,7,0)+IF('Standard Profiles'!$G$22=$B$17,14,0)+IF('Standard Profiles'!$G$22=$B$24,21,0),0)),0)</f>
        <v>0</v>
      </c>
      <c r="I174">
        <f t="shared" si="34"/>
        <v>1.4886653252402879</v>
      </c>
      <c r="J174">
        <f t="shared" si="35"/>
        <v>10.759883202733649</v>
      </c>
      <c r="K174">
        <f t="shared" si="36"/>
        <v>0.57612271232920176</v>
      </c>
      <c r="L174">
        <f t="shared" si="37"/>
        <v>0.28806135616460088</v>
      </c>
      <c r="M174">
        <f t="shared" si="38"/>
        <v>0</v>
      </c>
      <c r="N174" s="45">
        <f t="shared" si="39"/>
        <v>44932.833333332994</v>
      </c>
      <c r="O174">
        <v>0.47587213943459633</v>
      </c>
      <c r="P174">
        <v>8.2077720709595496</v>
      </c>
      <c r="Q174">
        <v>0.55910872442705295</v>
      </c>
      <c r="R174">
        <v>0.27955436221352647</v>
      </c>
      <c r="S174">
        <v>0</v>
      </c>
      <c r="T174" s="45">
        <v>45065.833333325252</v>
      </c>
    </row>
    <row r="175" spans="2:21" x14ac:dyDescent="0.25">
      <c r="B175">
        <f t="shared" si="33"/>
        <v>5</v>
      </c>
      <c r="C175" s="16">
        <v>141</v>
      </c>
      <c r="D175" cm="1">
        <f t="array" ref="D175">IFERROR(INDEX(Jesper!AH$2:AH$366,ROUNDDOWN($C175/24,0)+1,1)*INDEX($D$3:$AA$30,INDEX(Jesper!$R$2:$R$366,ROW(INDEX(Jesper!AH$2:AH$366,ROUNDDOWN($C175/24,0)+1,1))-1)+IF('Standard Profiles'!$G$18=$B$10,7,0)+IF('Standard Profiles'!$G$18=$B$17,14,0)+IF('Standard Profiles'!$G$18=$B$24,21,0),MOD($C175,24)+1)/SUM(INDEX($D$3:$AA$30,INDEX(Jesper!$R$2:$R$366,ROW(INDEX(Jesper!AH$2:AH$366,ROUNDDOWN($C175/24,0)+1,1))-1)+IF('Standard Profiles'!$G$18=$B$10,7,0)+IF('Standard Profiles'!$G$18=$B$17,14,0)+IF('Standard Profiles'!$G$18=$B$24,21,0),0)),0)</f>
        <v>5.4011504280862663</v>
      </c>
      <c r="E175" cm="1">
        <f t="array" ref="E175">IFERROR(INDEX(Jesper!AI$2:AI$366,ROUNDDOWN($C175/24,0)+1,1)*INDEX($D$3:$AA$30,INDEX(Jesper!$R$2:$R$366,ROW(INDEX(Jesper!AI$2:AI$366,ROUNDDOWN($C175/24,0)+1,1))-1)+IF('Standard Profiles'!$G$19=$B$10,7,0)+IF('Standard Profiles'!$G$19=$B$17,14,0)+IF('Standard Profiles'!$G$19=$B$24,21,0),MOD($C175,24)+1)/SUM(INDEX($D$3:$AA$30,INDEX(Jesper!$R$2:$R$366,ROW(INDEX(Jesper!AI$2:AI$366,ROUNDDOWN($C175/24,0)+1,1))-1)+IF('Standard Profiles'!$G$19=$B$10,7,0)+IF('Standard Profiles'!$G$19=$B$17,14,0)+IF('Standard Profiles'!$G$19=$B$24,21,0),0)),0)</f>
        <v>4.6101960741308723</v>
      </c>
      <c r="F175" cm="1">
        <f t="array" ref="F175">IFERROR(INDEX(Jesper!AJ$2:AJ$366,ROUNDDOWN($C175/24,0)+1,1)*INDEX($D$3:$AA$30,INDEX(Jesper!$R$2:$R$366,ROW(INDEX(Jesper!AJ$2:AJ$366,ROUNDDOWN($C175/24,0)+1,1))-1)+IF('Standard Profiles'!$G$20=$B$10,7,0)+IF('Standard Profiles'!$G$20=$B$17,14,0)+IF('Standard Profiles'!$G$20=$B$24,21,0),MOD($C175,24)+1)/SUM(INDEX($D$3:$AA$30,INDEX(Jesper!$R$2:$R$366,ROW(INDEX(Jesper!AJ$2:AJ$366,ROUNDDOWN($C175/24,0)+1,1))-1)+IF('Standard Profiles'!$G$20=$B$10,7,0)+IF('Standard Profiles'!$G$20=$B$17,14,0)+IF('Standard Profiles'!$G$20=$B$24,21,0),0)),0)</f>
        <v>0</v>
      </c>
      <c r="G175" cm="1">
        <f t="array" ref="G175">IFERROR(INDEX(Jesper!AK$2:AK$366,ROUNDDOWN($C175/24,0)+1,1)*INDEX($D$3:$AA$30,INDEX(Jesper!$R$2:$R$366,ROW(INDEX(Jesper!AK$2:AK$366,ROUNDDOWN($C175/24,0)+1,1))-1)+IF('Standard Profiles'!$G$21=$B$10,7,0)+IF('Standard Profiles'!$G$21=$B$17,14,0)+IF('Standard Profiles'!$G$21=$B$24,21,0),MOD($C175,24)+1)/SUM(INDEX($D$3:$AA$30,INDEX(Jesper!$R$2:$R$366,ROW(INDEX(Jesper!AK$2:AK$366,ROUNDDOWN($C175/24,0)+1,1))-1)+IF('Standard Profiles'!$G$21=$B$10,7,0)+IF('Standard Profiles'!$G$21=$B$17,14,0)+IF('Standard Profiles'!$G$21=$B$24,21,0),0)),0)</f>
        <v>3.1013860942506013</v>
      </c>
      <c r="H175" cm="1">
        <f t="array" ref="H175">IFERROR(INDEX(Jesper!AL$2:AL$366,ROUNDDOWN($C175/24,0)+1,1)*INDEX($D$3:$AA$30,INDEX(Jesper!$R$2:$R$366,ROW(INDEX(Jesper!AL$2:AL$366,ROUNDDOWN($C175/24,0)+1,1))-1)+IF('Standard Profiles'!$G$22=$B$10,7,0)+IF('Standard Profiles'!$G$22=$B$17,14,0)+IF('Standard Profiles'!$G$22=$B$24,21,0),MOD($C175,24)+1)/SUM(INDEX($D$3:$AA$30,INDEX(Jesper!$R$2:$R$366,ROW(INDEX(Jesper!AL$2:AL$366,ROUNDDOWN($C175/24,0)+1,1))-1)+IF('Standard Profiles'!$G$22=$B$10,7,0)+IF('Standard Profiles'!$G$22=$B$17,14,0)+IF('Standard Profiles'!$G$22=$B$24,21,0),0)),0)</f>
        <v>0</v>
      </c>
      <c r="I175">
        <f t="shared" si="34"/>
        <v>1.4886653252402879</v>
      </c>
      <c r="J175">
        <f t="shared" si="35"/>
        <v>10.759883202733649</v>
      </c>
      <c r="K175">
        <f t="shared" si="36"/>
        <v>0.57612271232920176</v>
      </c>
      <c r="L175">
        <f t="shared" si="37"/>
        <v>0.28806135616460088</v>
      </c>
      <c r="M175">
        <f t="shared" si="38"/>
        <v>0</v>
      </c>
      <c r="N175" s="45">
        <f t="shared" si="39"/>
        <v>44932.874999999658</v>
      </c>
      <c r="O175">
        <v>0.47587213943459633</v>
      </c>
      <c r="P175">
        <v>8.2077720709595496</v>
      </c>
      <c r="Q175">
        <v>0.55910872442705295</v>
      </c>
      <c r="R175">
        <v>0.27955436221352647</v>
      </c>
      <c r="S175">
        <v>0</v>
      </c>
      <c r="T175" s="45">
        <v>45065.874999991916</v>
      </c>
    </row>
    <row r="176" spans="2:21" x14ac:dyDescent="0.25">
      <c r="B176">
        <f t="shared" si="33"/>
        <v>5</v>
      </c>
      <c r="C176" s="16">
        <v>142</v>
      </c>
      <c r="D176" cm="1">
        <f t="array" ref="D176">IFERROR(INDEX(Jesper!AH$2:AH$366,ROUNDDOWN($C176/24,0)+1,1)*INDEX($D$3:$AA$30,INDEX(Jesper!$R$2:$R$366,ROW(INDEX(Jesper!AH$2:AH$366,ROUNDDOWN($C176/24,0)+1,1))-1)+IF('Standard Profiles'!$G$18=$B$10,7,0)+IF('Standard Profiles'!$G$18=$B$17,14,0)+IF('Standard Profiles'!$G$18=$B$24,21,0),MOD($C176,24)+1)/SUM(INDEX($D$3:$AA$30,INDEX(Jesper!$R$2:$R$366,ROW(INDEX(Jesper!AH$2:AH$366,ROUNDDOWN($C176/24,0)+1,1))-1)+IF('Standard Profiles'!$G$18=$B$10,7,0)+IF('Standard Profiles'!$G$18=$B$17,14,0)+IF('Standard Profiles'!$G$18=$B$24,21,0),0)),0)</f>
        <v>5.4011504280862663</v>
      </c>
      <c r="E176" cm="1">
        <f t="array" ref="E176">IFERROR(INDEX(Jesper!AI$2:AI$366,ROUNDDOWN($C176/24,0)+1,1)*INDEX($D$3:$AA$30,INDEX(Jesper!$R$2:$R$366,ROW(INDEX(Jesper!AI$2:AI$366,ROUNDDOWN($C176/24,0)+1,1))-1)+IF('Standard Profiles'!$G$19=$B$10,7,0)+IF('Standard Profiles'!$G$19=$B$17,14,0)+IF('Standard Profiles'!$G$19=$B$24,21,0),MOD($C176,24)+1)/SUM(INDEX($D$3:$AA$30,INDEX(Jesper!$R$2:$R$366,ROW(INDEX(Jesper!AI$2:AI$366,ROUNDDOWN($C176/24,0)+1,1))-1)+IF('Standard Profiles'!$G$19=$B$10,7,0)+IF('Standard Profiles'!$G$19=$B$17,14,0)+IF('Standard Profiles'!$G$19=$B$24,21,0),0)),0)</f>
        <v>4.6101960741308723</v>
      </c>
      <c r="F176" cm="1">
        <f t="array" ref="F176">IFERROR(INDEX(Jesper!AJ$2:AJ$366,ROUNDDOWN($C176/24,0)+1,1)*INDEX($D$3:$AA$30,INDEX(Jesper!$R$2:$R$366,ROW(INDEX(Jesper!AJ$2:AJ$366,ROUNDDOWN($C176/24,0)+1,1))-1)+IF('Standard Profiles'!$G$20=$B$10,7,0)+IF('Standard Profiles'!$G$20=$B$17,14,0)+IF('Standard Profiles'!$G$20=$B$24,21,0),MOD($C176,24)+1)/SUM(INDEX($D$3:$AA$30,INDEX(Jesper!$R$2:$R$366,ROW(INDEX(Jesper!AJ$2:AJ$366,ROUNDDOWN($C176/24,0)+1,1))-1)+IF('Standard Profiles'!$G$20=$B$10,7,0)+IF('Standard Profiles'!$G$20=$B$17,14,0)+IF('Standard Profiles'!$G$20=$B$24,21,0),0)),0)</f>
        <v>0</v>
      </c>
      <c r="G176" cm="1">
        <f t="array" ref="G176">IFERROR(INDEX(Jesper!AK$2:AK$366,ROUNDDOWN($C176/24,0)+1,1)*INDEX($D$3:$AA$30,INDEX(Jesper!$R$2:$R$366,ROW(INDEX(Jesper!AK$2:AK$366,ROUNDDOWN($C176/24,0)+1,1))-1)+IF('Standard Profiles'!$G$21=$B$10,7,0)+IF('Standard Profiles'!$G$21=$B$17,14,0)+IF('Standard Profiles'!$G$21=$B$24,21,0),MOD($C176,24)+1)/SUM(INDEX($D$3:$AA$30,INDEX(Jesper!$R$2:$R$366,ROW(INDEX(Jesper!AK$2:AK$366,ROUNDDOWN($C176/24,0)+1,1))-1)+IF('Standard Profiles'!$G$21=$B$10,7,0)+IF('Standard Profiles'!$G$21=$B$17,14,0)+IF('Standard Profiles'!$G$21=$B$24,21,0),0)),0)</f>
        <v>3.1013860942506013</v>
      </c>
      <c r="H176" cm="1">
        <f t="array" ref="H176">IFERROR(INDEX(Jesper!AL$2:AL$366,ROUNDDOWN($C176/24,0)+1,1)*INDEX($D$3:$AA$30,INDEX(Jesper!$R$2:$R$366,ROW(INDEX(Jesper!AL$2:AL$366,ROUNDDOWN($C176/24,0)+1,1))-1)+IF('Standard Profiles'!$G$22=$B$10,7,0)+IF('Standard Profiles'!$G$22=$B$17,14,0)+IF('Standard Profiles'!$G$22=$B$24,21,0),MOD($C176,24)+1)/SUM(INDEX($D$3:$AA$30,INDEX(Jesper!$R$2:$R$366,ROW(INDEX(Jesper!AL$2:AL$366,ROUNDDOWN($C176/24,0)+1,1))-1)+IF('Standard Profiles'!$G$22=$B$10,7,0)+IF('Standard Profiles'!$G$22=$B$17,14,0)+IF('Standard Profiles'!$G$22=$B$24,21,0),0)),0)</f>
        <v>0</v>
      </c>
      <c r="I176">
        <f t="shared" si="34"/>
        <v>1.4886653252402879</v>
      </c>
      <c r="J176">
        <f t="shared" si="35"/>
        <v>10.759883202733649</v>
      </c>
      <c r="K176">
        <f t="shared" si="36"/>
        <v>0.57612271232920176</v>
      </c>
      <c r="L176">
        <f t="shared" si="37"/>
        <v>0.28806135616460088</v>
      </c>
      <c r="M176">
        <f t="shared" si="38"/>
        <v>0</v>
      </c>
      <c r="N176" s="45">
        <f t="shared" si="39"/>
        <v>44932.916666666322</v>
      </c>
      <c r="O176">
        <v>0.47587213943459633</v>
      </c>
      <c r="P176">
        <v>8.2077720709595496</v>
      </c>
      <c r="Q176">
        <v>0.55910872442705295</v>
      </c>
      <c r="R176">
        <v>0.27955436221352647</v>
      </c>
      <c r="S176">
        <v>0</v>
      </c>
      <c r="T176" s="45">
        <v>45065.916666658581</v>
      </c>
    </row>
    <row r="177" spans="2:21" x14ac:dyDescent="0.25">
      <c r="B177">
        <f t="shared" si="33"/>
        <v>5</v>
      </c>
      <c r="C177" s="16">
        <v>143</v>
      </c>
      <c r="D177" cm="1">
        <f t="array" ref="D177">IFERROR(INDEX(Jesper!AH$2:AH$366,ROUNDDOWN($C177/24,0)+1,1)*INDEX($D$3:$AA$30,INDEX(Jesper!$R$2:$R$366,ROW(INDEX(Jesper!AH$2:AH$366,ROUNDDOWN($C177/24,0)+1,1))-1)+IF('Standard Profiles'!$G$18=$B$10,7,0)+IF('Standard Profiles'!$G$18=$B$17,14,0)+IF('Standard Profiles'!$G$18=$B$24,21,0),MOD($C177,24)+1)/SUM(INDEX($D$3:$AA$30,INDEX(Jesper!$R$2:$R$366,ROW(INDEX(Jesper!AH$2:AH$366,ROUNDDOWN($C177/24,0)+1,1))-1)+IF('Standard Profiles'!$G$18=$B$10,7,0)+IF('Standard Profiles'!$G$18=$B$17,14,0)+IF('Standard Profiles'!$G$18=$B$24,21,0),0)),0)</f>
        <v>5.4011504280862663</v>
      </c>
      <c r="E177" cm="1">
        <f t="array" ref="E177">IFERROR(INDEX(Jesper!AI$2:AI$366,ROUNDDOWN($C177/24,0)+1,1)*INDEX($D$3:$AA$30,INDEX(Jesper!$R$2:$R$366,ROW(INDEX(Jesper!AI$2:AI$366,ROUNDDOWN($C177/24,0)+1,1))-1)+IF('Standard Profiles'!$G$19=$B$10,7,0)+IF('Standard Profiles'!$G$19=$B$17,14,0)+IF('Standard Profiles'!$G$19=$B$24,21,0),MOD($C177,24)+1)/SUM(INDEX($D$3:$AA$30,INDEX(Jesper!$R$2:$R$366,ROW(INDEX(Jesper!AI$2:AI$366,ROUNDDOWN($C177/24,0)+1,1))-1)+IF('Standard Profiles'!$G$19=$B$10,7,0)+IF('Standard Profiles'!$G$19=$B$17,14,0)+IF('Standard Profiles'!$G$19=$B$24,21,0),0)),0)</f>
        <v>4.6101960741308723</v>
      </c>
      <c r="F177" cm="1">
        <f t="array" ref="F177">IFERROR(INDEX(Jesper!AJ$2:AJ$366,ROUNDDOWN($C177/24,0)+1,1)*INDEX($D$3:$AA$30,INDEX(Jesper!$R$2:$R$366,ROW(INDEX(Jesper!AJ$2:AJ$366,ROUNDDOWN($C177/24,0)+1,1))-1)+IF('Standard Profiles'!$G$20=$B$10,7,0)+IF('Standard Profiles'!$G$20=$B$17,14,0)+IF('Standard Profiles'!$G$20=$B$24,21,0),MOD($C177,24)+1)/SUM(INDEX($D$3:$AA$30,INDEX(Jesper!$R$2:$R$366,ROW(INDEX(Jesper!AJ$2:AJ$366,ROUNDDOWN($C177/24,0)+1,1))-1)+IF('Standard Profiles'!$G$20=$B$10,7,0)+IF('Standard Profiles'!$G$20=$B$17,14,0)+IF('Standard Profiles'!$G$20=$B$24,21,0),0)),0)</f>
        <v>0</v>
      </c>
      <c r="G177" cm="1">
        <f t="array" ref="G177">IFERROR(INDEX(Jesper!AK$2:AK$366,ROUNDDOWN($C177/24,0)+1,1)*INDEX($D$3:$AA$30,INDEX(Jesper!$R$2:$R$366,ROW(INDEX(Jesper!AK$2:AK$366,ROUNDDOWN($C177/24,0)+1,1))-1)+IF('Standard Profiles'!$G$21=$B$10,7,0)+IF('Standard Profiles'!$G$21=$B$17,14,0)+IF('Standard Profiles'!$G$21=$B$24,21,0),MOD($C177,24)+1)/SUM(INDEX($D$3:$AA$30,INDEX(Jesper!$R$2:$R$366,ROW(INDEX(Jesper!AK$2:AK$366,ROUNDDOWN($C177/24,0)+1,1))-1)+IF('Standard Profiles'!$G$21=$B$10,7,0)+IF('Standard Profiles'!$G$21=$B$17,14,0)+IF('Standard Profiles'!$G$21=$B$24,21,0),0)),0)</f>
        <v>3.1013860942506013</v>
      </c>
      <c r="H177" cm="1">
        <f t="array" ref="H177">IFERROR(INDEX(Jesper!AL$2:AL$366,ROUNDDOWN($C177/24,0)+1,1)*INDEX($D$3:$AA$30,INDEX(Jesper!$R$2:$R$366,ROW(INDEX(Jesper!AL$2:AL$366,ROUNDDOWN($C177/24,0)+1,1))-1)+IF('Standard Profiles'!$G$22=$B$10,7,0)+IF('Standard Profiles'!$G$22=$B$17,14,0)+IF('Standard Profiles'!$G$22=$B$24,21,0),MOD($C177,24)+1)/SUM(INDEX($D$3:$AA$30,INDEX(Jesper!$R$2:$R$366,ROW(INDEX(Jesper!AL$2:AL$366,ROUNDDOWN($C177/24,0)+1,1))-1)+IF('Standard Profiles'!$G$22=$B$10,7,0)+IF('Standard Profiles'!$G$22=$B$17,14,0)+IF('Standard Profiles'!$G$22=$B$24,21,0),0)),0)</f>
        <v>0</v>
      </c>
      <c r="I177">
        <f t="shared" si="34"/>
        <v>1.4886653252402879</v>
      </c>
      <c r="J177">
        <f t="shared" si="35"/>
        <v>10.759883202733649</v>
      </c>
      <c r="K177">
        <f t="shared" si="36"/>
        <v>0.57612271232920176</v>
      </c>
      <c r="L177">
        <f t="shared" si="37"/>
        <v>0.28806135616460088</v>
      </c>
      <c r="M177">
        <f t="shared" si="38"/>
        <v>0</v>
      </c>
      <c r="N177" s="45">
        <f t="shared" si="39"/>
        <v>44932.958333332987</v>
      </c>
      <c r="O177">
        <v>0.47587213943459633</v>
      </c>
      <c r="P177">
        <v>8.2077720709595496</v>
      </c>
      <c r="Q177">
        <v>0.55910872442705295</v>
      </c>
      <c r="R177">
        <v>0.27955436221352647</v>
      </c>
      <c r="S177">
        <v>0</v>
      </c>
      <c r="T177" s="45">
        <v>45065.958333325245</v>
      </c>
    </row>
    <row r="178" spans="2:21" x14ac:dyDescent="0.25">
      <c r="B178">
        <f t="shared" si="33"/>
        <v>6</v>
      </c>
      <c r="C178" s="16">
        <v>144</v>
      </c>
      <c r="D178" cm="1">
        <f t="array" ref="D178">IFERROR(INDEX(Jesper!AH$2:AH$366,ROUNDDOWN($C178/24,0)+1,1)*INDEX($D$3:$AA$30,INDEX(Jesper!$R$2:$R$366,ROW(INDEX(Jesper!AH$2:AH$366,ROUNDDOWN($C178/24,0)+1,1))-1)+IF('Standard Profiles'!$G$18=$B$10,7,0)+IF('Standard Profiles'!$G$18=$B$17,14,0)+IF('Standard Profiles'!$G$18=$B$24,21,0),MOD($C178,24)+1)/SUM(INDEX($D$3:$AA$30,INDEX(Jesper!$R$2:$R$366,ROW(INDEX(Jesper!AH$2:AH$366,ROUNDDOWN($C178/24,0)+1,1))-1)+IF('Standard Profiles'!$G$18=$B$10,7,0)+IF('Standard Profiles'!$G$18=$B$17,14,0)+IF('Standard Profiles'!$G$18=$B$24,21,0),0)),0)</f>
        <v>0</v>
      </c>
      <c r="E178" cm="1">
        <f t="array" ref="E178">IFERROR(INDEX(Jesper!AI$2:AI$366,ROUNDDOWN($C178/24,0)+1,1)*INDEX($D$3:$AA$30,INDEX(Jesper!$R$2:$R$366,ROW(INDEX(Jesper!AI$2:AI$366,ROUNDDOWN($C178/24,0)+1,1))-1)+IF('Standard Profiles'!$G$19=$B$10,7,0)+IF('Standard Profiles'!$G$19=$B$17,14,0)+IF('Standard Profiles'!$G$19=$B$24,21,0),MOD($C178,24)+1)/SUM(INDEX($D$3:$AA$30,INDEX(Jesper!$R$2:$R$366,ROW(INDEX(Jesper!AI$2:AI$366,ROUNDDOWN($C178/24,0)+1,1))-1)+IF('Standard Profiles'!$G$19=$B$10,7,0)+IF('Standard Profiles'!$G$19=$B$17,14,0)+IF('Standard Profiles'!$G$19=$B$24,21,0),0)),0)</f>
        <v>4.4875685695832903</v>
      </c>
      <c r="F178" cm="1">
        <f t="array" ref="F178">IFERROR(INDEX(Jesper!AJ$2:AJ$366,ROUNDDOWN($C178/24,0)+1,1)*INDEX($D$3:$AA$30,INDEX(Jesper!$R$2:$R$366,ROW(INDEX(Jesper!AJ$2:AJ$366,ROUNDDOWN($C178/24,0)+1,1))-1)+IF('Standard Profiles'!$G$20=$B$10,7,0)+IF('Standard Profiles'!$G$20=$B$17,14,0)+IF('Standard Profiles'!$G$20=$B$24,21,0),MOD($C178,24)+1)/SUM(INDEX($D$3:$AA$30,INDEX(Jesper!$R$2:$R$366,ROW(INDEX(Jesper!AJ$2:AJ$366,ROUNDDOWN($C178/24,0)+1,1))-1)+IF('Standard Profiles'!$G$20=$B$10,7,0)+IF('Standard Profiles'!$G$20=$B$17,14,0)+IF('Standard Profiles'!$G$20=$B$24,21,0),0)),0)</f>
        <v>3.3501097757553411</v>
      </c>
      <c r="G178" cm="1">
        <f t="array" ref="G178">IFERROR(INDEX(Jesper!AK$2:AK$366,ROUNDDOWN($C178/24,0)+1,1)*INDEX($D$3:$AA$30,INDEX(Jesper!$R$2:$R$366,ROW(INDEX(Jesper!AK$2:AK$366,ROUNDDOWN($C178/24,0)+1,1))-1)+IF('Standard Profiles'!$G$21=$B$10,7,0)+IF('Standard Profiles'!$G$21=$B$17,14,0)+IF('Standard Profiles'!$G$21=$B$24,21,0),MOD($C178,24)+1)/SUM(INDEX($D$3:$AA$30,INDEX(Jesper!$R$2:$R$366,ROW(INDEX(Jesper!AK$2:AK$366,ROUNDDOWN($C178/24,0)+1,1))-1)+IF('Standard Profiles'!$G$21=$B$10,7,0)+IF('Standard Profiles'!$G$21=$B$17,14,0)+IF('Standard Profiles'!$G$21=$B$24,21,0),0)),0)</f>
        <v>4.1112575709733186</v>
      </c>
      <c r="H178" cm="1">
        <f t="array" ref="H178">IFERROR(INDEX(Jesper!AL$2:AL$366,ROUNDDOWN($C178/24,0)+1,1)*INDEX($D$3:$AA$30,INDEX(Jesper!$R$2:$R$366,ROW(INDEX(Jesper!AL$2:AL$366,ROUNDDOWN($C178/24,0)+1,1))-1)+IF('Standard Profiles'!$G$22=$B$10,7,0)+IF('Standard Profiles'!$G$22=$B$17,14,0)+IF('Standard Profiles'!$G$22=$B$24,21,0),MOD($C178,24)+1)/SUM(INDEX($D$3:$AA$30,INDEX(Jesper!$R$2:$R$366,ROW(INDEX(Jesper!AL$2:AL$366,ROUNDDOWN($C178/24,0)+1,1))-1)+IF('Standard Profiles'!$G$22=$B$10,7,0)+IF('Standard Profiles'!$G$22=$B$17,14,0)+IF('Standard Profiles'!$G$22=$B$24,21,0),0)),0)</f>
        <v>1.0712816351748364</v>
      </c>
      <c r="I178">
        <f t="shared" si="34"/>
        <v>1.0284303697678436</v>
      </c>
      <c r="J178">
        <f t="shared" si="35"/>
        <v>11.453278953368949</v>
      </c>
      <c r="K178">
        <f t="shared" si="36"/>
        <v>0.35900548556666323</v>
      </c>
      <c r="L178">
        <f t="shared" si="37"/>
        <v>0.17950274278333161</v>
      </c>
      <c r="M178">
        <f t="shared" si="38"/>
        <v>0</v>
      </c>
      <c r="N178" s="45">
        <f t="shared" si="39"/>
        <v>44932.999999999651</v>
      </c>
      <c r="O178">
        <v>0.18343017795673341</v>
      </c>
      <c r="P178">
        <v>5.0904684757316883</v>
      </c>
      <c r="Q178">
        <v>0.24425938880590728</v>
      </c>
      <c r="R178">
        <v>0.12212969440295364</v>
      </c>
      <c r="S178">
        <v>0</v>
      </c>
      <c r="T178" s="45">
        <v>45065.999999991909</v>
      </c>
    </row>
    <row r="179" spans="2:21" x14ac:dyDescent="0.25">
      <c r="B179">
        <f t="shared" si="33"/>
        <v>6</v>
      </c>
      <c r="C179" s="16">
        <v>145</v>
      </c>
      <c r="D179" cm="1">
        <f t="array" ref="D179">IFERROR(INDEX(Jesper!AH$2:AH$366,ROUNDDOWN($C179/24,0)+1,1)*INDEX($D$3:$AA$30,INDEX(Jesper!$R$2:$R$366,ROW(INDEX(Jesper!AH$2:AH$366,ROUNDDOWN($C179/24,0)+1,1))-1)+IF('Standard Profiles'!$G$18=$B$10,7,0)+IF('Standard Profiles'!$G$18=$B$17,14,0)+IF('Standard Profiles'!$G$18=$B$24,21,0),MOD($C179,24)+1)/SUM(INDEX($D$3:$AA$30,INDEX(Jesper!$R$2:$R$366,ROW(INDEX(Jesper!AH$2:AH$366,ROUNDDOWN($C179/24,0)+1,1))-1)+IF('Standard Profiles'!$G$18=$B$10,7,0)+IF('Standard Profiles'!$G$18=$B$17,14,0)+IF('Standard Profiles'!$G$18=$B$24,21,0),0)),0)</f>
        <v>0</v>
      </c>
      <c r="E179" cm="1">
        <f t="array" ref="E179">IFERROR(INDEX(Jesper!AI$2:AI$366,ROUNDDOWN($C179/24,0)+1,1)*INDEX($D$3:$AA$30,INDEX(Jesper!$R$2:$R$366,ROW(INDEX(Jesper!AI$2:AI$366,ROUNDDOWN($C179/24,0)+1,1))-1)+IF('Standard Profiles'!$G$19=$B$10,7,0)+IF('Standard Profiles'!$G$19=$B$17,14,0)+IF('Standard Profiles'!$G$19=$B$24,21,0),MOD($C179,24)+1)/SUM(INDEX($D$3:$AA$30,INDEX(Jesper!$R$2:$R$366,ROW(INDEX(Jesper!AI$2:AI$366,ROUNDDOWN($C179/24,0)+1,1))-1)+IF('Standard Profiles'!$G$19=$B$10,7,0)+IF('Standard Profiles'!$G$19=$B$17,14,0)+IF('Standard Profiles'!$G$19=$B$24,21,0),0)),0)</f>
        <v>4.0388117126249607</v>
      </c>
      <c r="F179" cm="1">
        <f t="array" ref="F179">IFERROR(INDEX(Jesper!AJ$2:AJ$366,ROUNDDOWN($C179/24,0)+1,1)*INDEX($D$3:$AA$30,INDEX(Jesper!$R$2:$R$366,ROW(INDEX(Jesper!AJ$2:AJ$366,ROUNDDOWN($C179/24,0)+1,1))-1)+IF('Standard Profiles'!$G$20=$B$10,7,0)+IF('Standard Profiles'!$G$20=$B$17,14,0)+IF('Standard Profiles'!$G$20=$B$24,21,0),MOD($C179,24)+1)/SUM(INDEX($D$3:$AA$30,INDEX(Jesper!$R$2:$R$366,ROW(INDEX(Jesper!AJ$2:AJ$366,ROUNDDOWN($C179/24,0)+1,1))-1)+IF('Standard Profiles'!$G$20=$B$10,7,0)+IF('Standard Profiles'!$G$20=$B$17,14,0)+IF('Standard Profiles'!$G$20=$B$24,21,0),0)),0)</f>
        <v>3.0150987981798072</v>
      </c>
      <c r="G179" cm="1">
        <f t="array" ref="G179">IFERROR(INDEX(Jesper!AK$2:AK$366,ROUNDDOWN($C179/24,0)+1,1)*INDEX($D$3:$AA$30,INDEX(Jesper!$R$2:$R$366,ROW(INDEX(Jesper!AK$2:AK$366,ROUNDDOWN($C179/24,0)+1,1))-1)+IF('Standard Profiles'!$G$21=$B$10,7,0)+IF('Standard Profiles'!$G$21=$B$17,14,0)+IF('Standard Profiles'!$G$21=$B$24,21,0),MOD($C179,24)+1)/SUM(INDEX($D$3:$AA$30,INDEX(Jesper!$R$2:$R$366,ROW(INDEX(Jesper!AK$2:AK$366,ROUNDDOWN($C179/24,0)+1,1))-1)+IF('Standard Profiles'!$G$21=$B$10,7,0)+IF('Standard Profiles'!$G$21=$B$17,14,0)+IF('Standard Profiles'!$G$21=$B$24,21,0),0)),0)</f>
        <v>4.1112575709733186</v>
      </c>
      <c r="H179" cm="1">
        <f t="array" ref="H179">IFERROR(INDEX(Jesper!AL$2:AL$366,ROUNDDOWN($C179/24,0)+1,1)*INDEX($D$3:$AA$30,INDEX(Jesper!$R$2:$R$366,ROW(INDEX(Jesper!AL$2:AL$366,ROUNDDOWN($C179/24,0)+1,1))-1)+IF('Standard Profiles'!$G$22=$B$10,7,0)+IF('Standard Profiles'!$G$22=$B$17,14,0)+IF('Standard Profiles'!$G$22=$B$24,21,0),MOD($C179,24)+1)/SUM(INDEX($D$3:$AA$30,INDEX(Jesper!$R$2:$R$366,ROW(INDEX(Jesper!AL$2:AL$366,ROUNDDOWN($C179/24,0)+1,1))-1)+IF('Standard Profiles'!$G$22=$B$10,7,0)+IF('Standard Profiles'!$G$22=$B$17,14,0)+IF('Standard Profiles'!$G$22=$B$24,21,0),0)),0)</f>
        <v>2.0915498591508714</v>
      </c>
      <c r="I179">
        <f t="shared" si="34"/>
        <v>2.0078878647848377</v>
      </c>
      <c r="J179">
        <f t="shared" si="35"/>
        <v>10.764172670629126</v>
      </c>
      <c r="K179">
        <f t="shared" si="36"/>
        <v>0.32310493700999687</v>
      </c>
      <c r="L179">
        <f t="shared" si="37"/>
        <v>0.16155246850499844</v>
      </c>
      <c r="M179">
        <f t="shared" si="38"/>
        <v>0</v>
      </c>
      <c r="N179" s="45">
        <f t="shared" si="39"/>
        <v>44933.041666666315</v>
      </c>
      <c r="O179">
        <v>0.35812558553457485</v>
      </c>
      <c r="P179">
        <v>4.6787113265117917</v>
      </c>
      <c r="Q179">
        <v>0.21983344992531656</v>
      </c>
      <c r="R179">
        <v>0.10991672496265828</v>
      </c>
      <c r="S179">
        <v>0</v>
      </c>
      <c r="T179" s="45">
        <v>45066.041666658573</v>
      </c>
    </row>
    <row r="180" spans="2:21" x14ac:dyDescent="0.25">
      <c r="B180">
        <f t="shared" si="33"/>
        <v>6</v>
      </c>
      <c r="C180" s="16">
        <v>146</v>
      </c>
      <c r="D180" cm="1">
        <f t="array" ref="D180">IFERROR(INDEX(Jesper!AH$2:AH$366,ROUNDDOWN($C180/24,0)+1,1)*INDEX($D$3:$AA$30,INDEX(Jesper!$R$2:$R$366,ROW(INDEX(Jesper!AH$2:AH$366,ROUNDDOWN($C180/24,0)+1,1))-1)+IF('Standard Profiles'!$G$18=$B$10,7,0)+IF('Standard Profiles'!$G$18=$B$17,14,0)+IF('Standard Profiles'!$G$18=$B$24,21,0),MOD($C180,24)+1)/SUM(INDEX($D$3:$AA$30,INDEX(Jesper!$R$2:$R$366,ROW(INDEX(Jesper!AH$2:AH$366,ROUNDDOWN($C180/24,0)+1,1))-1)+IF('Standard Profiles'!$G$18=$B$10,7,0)+IF('Standard Profiles'!$G$18=$B$17,14,0)+IF('Standard Profiles'!$G$18=$B$24,21,0),0)),0)</f>
        <v>0</v>
      </c>
      <c r="E180" cm="1">
        <f t="array" ref="E180">IFERROR(INDEX(Jesper!AI$2:AI$366,ROUNDDOWN($C180/24,0)+1,1)*INDEX($D$3:$AA$30,INDEX(Jesper!$R$2:$R$366,ROW(INDEX(Jesper!AI$2:AI$366,ROUNDDOWN($C180/24,0)+1,1))-1)+IF('Standard Profiles'!$G$19=$B$10,7,0)+IF('Standard Profiles'!$G$19=$B$17,14,0)+IF('Standard Profiles'!$G$19=$B$24,21,0),MOD($C180,24)+1)/SUM(INDEX($D$3:$AA$30,INDEX(Jesper!$R$2:$R$366,ROW(INDEX(Jesper!AI$2:AI$366,ROUNDDOWN($C180/24,0)+1,1))-1)+IF('Standard Profiles'!$G$19=$B$10,7,0)+IF('Standard Profiles'!$G$19=$B$17,14,0)+IF('Standard Profiles'!$G$19=$B$24,21,0),0)),0)</f>
        <v>4.0388117126249607</v>
      </c>
      <c r="F180" cm="1">
        <f t="array" ref="F180">IFERROR(INDEX(Jesper!AJ$2:AJ$366,ROUNDDOWN($C180/24,0)+1,1)*INDEX($D$3:$AA$30,INDEX(Jesper!$R$2:$R$366,ROW(INDEX(Jesper!AJ$2:AJ$366,ROUNDDOWN($C180/24,0)+1,1))-1)+IF('Standard Profiles'!$G$20=$B$10,7,0)+IF('Standard Profiles'!$G$20=$B$17,14,0)+IF('Standard Profiles'!$G$20=$B$24,21,0),MOD($C180,24)+1)/SUM(INDEX($D$3:$AA$30,INDEX(Jesper!$R$2:$R$366,ROW(INDEX(Jesper!AJ$2:AJ$366,ROUNDDOWN($C180/24,0)+1,1))-1)+IF('Standard Profiles'!$G$20=$B$10,7,0)+IF('Standard Profiles'!$G$20=$B$17,14,0)+IF('Standard Profiles'!$G$20=$B$24,21,0),0)),0)</f>
        <v>3.0150987981798072</v>
      </c>
      <c r="G180" cm="1">
        <f t="array" ref="G180">IFERROR(INDEX(Jesper!AK$2:AK$366,ROUNDDOWN($C180/24,0)+1,1)*INDEX($D$3:$AA$30,INDEX(Jesper!$R$2:$R$366,ROW(INDEX(Jesper!AK$2:AK$366,ROUNDDOWN($C180/24,0)+1,1))-1)+IF('Standard Profiles'!$G$21=$B$10,7,0)+IF('Standard Profiles'!$G$21=$B$17,14,0)+IF('Standard Profiles'!$G$21=$B$24,21,0),MOD($C180,24)+1)/SUM(INDEX($D$3:$AA$30,INDEX(Jesper!$R$2:$R$366,ROW(INDEX(Jesper!AK$2:AK$366,ROUNDDOWN($C180/24,0)+1,1))-1)+IF('Standard Profiles'!$G$21=$B$10,7,0)+IF('Standard Profiles'!$G$21=$B$17,14,0)+IF('Standard Profiles'!$G$21=$B$24,21,0),0)),0)</f>
        <v>4.1112575709733186</v>
      </c>
      <c r="H180" cm="1">
        <f t="array" ref="H180">IFERROR(INDEX(Jesper!AL$2:AL$366,ROUNDDOWN($C180/24,0)+1,1)*INDEX($D$3:$AA$30,INDEX(Jesper!$R$2:$R$366,ROW(INDEX(Jesper!AL$2:AL$366,ROUNDDOWN($C180/24,0)+1,1))-1)+IF('Standard Profiles'!$G$22=$B$10,7,0)+IF('Standard Profiles'!$G$22=$B$17,14,0)+IF('Standard Profiles'!$G$22=$B$24,21,0),MOD($C180,24)+1)/SUM(INDEX($D$3:$AA$30,INDEX(Jesper!$R$2:$R$366,ROW(INDEX(Jesper!AL$2:AL$366,ROUNDDOWN($C180/24,0)+1,1))-1)+IF('Standard Profiles'!$G$22=$B$10,7,0)+IF('Standard Profiles'!$G$22=$B$17,14,0)+IF('Standard Profiles'!$G$22=$B$24,21,0),0)),0)</f>
        <v>2.0915498591508714</v>
      </c>
      <c r="I180">
        <f t="shared" si="34"/>
        <v>2.0078878647848377</v>
      </c>
      <c r="J180">
        <f t="shared" si="35"/>
        <v>10.764172670629126</v>
      </c>
      <c r="K180">
        <f t="shared" si="36"/>
        <v>0.32310493700999687</v>
      </c>
      <c r="L180">
        <f t="shared" si="37"/>
        <v>0.16155246850499844</v>
      </c>
      <c r="M180">
        <f t="shared" si="38"/>
        <v>0</v>
      </c>
      <c r="N180" s="45">
        <f t="shared" si="39"/>
        <v>44933.083333332979</v>
      </c>
      <c r="O180">
        <v>0.35812558553457485</v>
      </c>
      <c r="P180">
        <v>4.6787113265117917</v>
      </c>
      <c r="Q180">
        <v>0.21983344992531656</v>
      </c>
      <c r="R180">
        <v>0.10991672496265828</v>
      </c>
      <c r="S180">
        <v>0</v>
      </c>
      <c r="T180" s="45">
        <v>45066.083333325238</v>
      </c>
    </row>
    <row r="181" spans="2:21" x14ac:dyDescent="0.25">
      <c r="B181">
        <f t="shared" si="33"/>
        <v>6</v>
      </c>
      <c r="C181" s="16">
        <v>147</v>
      </c>
      <c r="D181" cm="1">
        <f t="array" ref="D181">IFERROR(INDEX(Jesper!AH$2:AH$366,ROUNDDOWN($C181/24,0)+1,1)*INDEX($D$3:$AA$30,INDEX(Jesper!$R$2:$R$366,ROW(INDEX(Jesper!AH$2:AH$366,ROUNDDOWN($C181/24,0)+1,1))-1)+IF('Standard Profiles'!$G$18=$B$10,7,0)+IF('Standard Profiles'!$G$18=$B$17,14,0)+IF('Standard Profiles'!$G$18=$B$24,21,0),MOD($C181,24)+1)/SUM(INDEX($D$3:$AA$30,INDEX(Jesper!$R$2:$R$366,ROW(INDEX(Jesper!AH$2:AH$366,ROUNDDOWN($C181/24,0)+1,1))-1)+IF('Standard Profiles'!$G$18=$B$10,7,0)+IF('Standard Profiles'!$G$18=$B$17,14,0)+IF('Standard Profiles'!$G$18=$B$24,21,0),0)),0)</f>
        <v>0</v>
      </c>
      <c r="E181" cm="1">
        <f t="array" ref="E181">IFERROR(INDEX(Jesper!AI$2:AI$366,ROUNDDOWN($C181/24,0)+1,1)*INDEX($D$3:$AA$30,INDEX(Jesper!$R$2:$R$366,ROW(INDEX(Jesper!AI$2:AI$366,ROUNDDOWN($C181/24,0)+1,1))-1)+IF('Standard Profiles'!$G$19=$B$10,7,0)+IF('Standard Profiles'!$G$19=$B$17,14,0)+IF('Standard Profiles'!$G$19=$B$24,21,0),MOD($C181,24)+1)/SUM(INDEX($D$3:$AA$30,INDEX(Jesper!$R$2:$R$366,ROW(INDEX(Jesper!AI$2:AI$366,ROUNDDOWN($C181/24,0)+1,1))-1)+IF('Standard Profiles'!$G$19=$B$10,7,0)+IF('Standard Profiles'!$G$19=$B$17,14,0)+IF('Standard Profiles'!$G$19=$B$24,21,0),0)),0)</f>
        <v>4.0388117126249607</v>
      </c>
      <c r="F181" cm="1">
        <f t="array" ref="F181">IFERROR(INDEX(Jesper!AJ$2:AJ$366,ROUNDDOWN($C181/24,0)+1,1)*INDEX($D$3:$AA$30,INDEX(Jesper!$R$2:$R$366,ROW(INDEX(Jesper!AJ$2:AJ$366,ROUNDDOWN($C181/24,0)+1,1))-1)+IF('Standard Profiles'!$G$20=$B$10,7,0)+IF('Standard Profiles'!$G$20=$B$17,14,0)+IF('Standard Profiles'!$G$20=$B$24,21,0),MOD($C181,24)+1)/SUM(INDEX($D$3:$AA$30,INDEX(Jesper!$R$2:$R$366,ROW(INDEX(Jesper!AJ$2:AJ$366,ROUNDDOWN($C181/24,0)+1,1))-1)+IF('Standard Profiles'!$G$20=$B$10,7,0)+IF('Standard Profiles'!$G$20=$B$17,14,0)+IF('Standard Profiles'!$G$20=$B$24,21,0),0)),0)</f>
        <v>3.0150987981798072</v>
      </c>
      <c r="G181" cm="1">
        <f t="array" ref="G181">IFERROR(INDEX(Jesper!AK$2:AK$366,ROUNDDOWN($C181/24,0)+1,1)*INDEX($D$3:$AA$30,INDEX(Jesper!$R$2:$R$366,ROW(INDEX(Jesper!AK$2:AK$366,ROUNDDOWN($C181/24,0)+1,1))-1)+IF('Standard Profiles'!$G$21=$B$10,7,0)+IF('Standard Profiles'!$G$21=$B$17,14,0)+IF('Standard Profiles'!$G$21=$B$24,21,0),MOD($C181,24)+1)/SUM(INDEX($D$3:$AA$30,INDEX(Jesper!$R$2:$R$366,ROW(INDEX(Jesper!AK$2:AK$366,ROUNDDOWN($C181/24,0)+1,1))-1)+IF('Standard Profiles'!$G$21=$B$10,7,0)+IF('Standard Profiles'!$G$21=$B$17,14,0)+IF('Standard Profiles'!$G$21=$B$24,21,0),0)),0)</f>
        <v>4.1112575709733186</v>
      </c>
      <c r="H181" cm="1">
        <f t="array" ref="H181">IFERROR(INDEX(Jesper!AL$2:AL$366,ROUNDDOWN($C181/24,0)+1,1)*INDEX($D$3:$AA$30,INDEX(Jesper!$R$2:$R$366,ROW(INDEX(Jesper!AL$2:AL$366,ROUNDDOWN($C181/24,0)+1,1))-1)+IF('Standard Profiles'!$G$22=$B$10,7,0)+IF('Standard Profiles'!$G$22=$B$17,14,0)+IF('Standard Profiles'!$G$22=$B$24,21,0),MOD($C181,24)+1)/SUM(INDEX($D$3:$AA$30,INDEX(Jesper!$R$2:$R$366,ROW(INDEX(Jesper!AL$2:AL$366,ROUNDDOWN($C181/24,0)+1,1))-1)+IF('Standard Profiles'!$G$22=$B$10,7,0)+IF('Standard Profiles'!$G$22=$B$17,14,0)+IF('Standard Profiles'!$G$22=$B$24,21,0),0)),0)</f>
        <v>2.0915498591508714</v>
      </c>
      <c r="I181">
        <f t="shared" si="34"/>
        <v>2.0078878647848377</v>
      </c>
      <c r="J181">
        <f t="shared" si="35"/>
        <v>10.764172670629126</v>
      </c>
      <c r="K181">
        <f t="shared" si="36"/>
        <v>0.32310493700999687</v>
      </c>
      <c r="L181">
        <f t="shared" si="37"/>
        <v>0.16155246850499844</v>
      </c>
      <c r="M181">
        <f t="shared" si="38"/>
        <v>0</v>
      </c>
      <c r="N181" s="45">
        <f t="shared" si="39"/>
        <v>44933.124999999643</v>
      </c>
      <c r="O181">
        <v>0.35812558553457485</v>
      </c>
      <c r="P181">
        <v>4.6787113265117917</v>
      </c>
      <c r="Q181">
        <v>0.21983344992531656</v>
      </c>
      <c r="R181">
        <v>0.10991672496265828</v>
      </c>
      <c r="S181">
        <v>0</v>
      </c>
      <c r="T181" s="45">
        <v>45066.124999991902</v>
      </c>
    </row>
    <row r="182" spans="2:21" x14ac:dyDescent="0.25">
      <c r="B182">
        <f t="shared" si="33"/>
        <v>6</v>
      </c>
      <c r="C182" s="16">
        <v>148</v>
      </c>
      <c r="D182" cm="1">
        <f t="array" ref="D182">IFERROR(INDEX(Jesper!AH$2:AH$366,ROUNDDOWN($C182/24,0)+1,1)*INDEX($D$3:$AA$30,INDEX(Jesper!$R$2:$R$366,ROW(INDEX(Jesper!AH$2:AH$366,ROUNDDOWN($C182/24,0)+1,1))-1)+IF('Standard Profiles'!$G$18=$B$10,7,0)+IF('Standard Profiles'!$G$18=$B$17,14,0)+IF('Standard Profiles'!$G$18=$B$24,21,0),MOD($C182,24)+1)/SUM(INDEX($D$3:$AA$30,INDEX(Jesper!$R$2:$R$366,ROW(INDEX(Jesper!AH$2:AH$366,ROUNDDOWN($C182/24,0)+1,1))-1)+IF('Standard Profiles'!$G$18=$B$10,7,0)+IF('Standard Profiles'!$G$18=$B$17,14,0)+IF('Standard Profiles'!$G$18=$B$24,21,0),0)),0)</f>
        <v>0</v>
      </c>
      <c r="E182" cm="1">
        <f t="array" ref="E182">IFERROR(INDEX(Jesper!AI$2:AI$366,ROUNDDOWN($C182/24,0)+1,1)*INDEX($D$3:$AA$30,INDEX(Jesper!$R$2:$R$366,ROW(INDEX(Jesper!AI$2:AI$366,ROUNDDOWN($C182/24,0)+1,1))-1)+IF('Standard Profiles'!$G$19=$B$10,7,0)+IF('Standard Profiles'!$G$19=$B$17,14,0)+IF('Standard Profiles'!$G$19=$B$24,21,0),MOD($C182,24)+1)/SUM(INDEX($D$3:$AA$30,INDEX(Jesper!$R$2:$R$366,ROW(INDEX(Jesper!AI$2:AI$366,ROUNDDOWN($C182/24,0)+1,1))-1)+IF('Standard Profiles'!$G$19=$B$10,7,0)+IF('Standard Profiles'!$G$19=$B$17,14,0)+IF('Standard Profiles'!$G$19=$B$24,21,0),0)),0)</f>
        <v>4.0388117126249607</v>
      </c>
      <c r="F182" cm="1">
        <f t="array" ref="F182">IFERROR(INDEX(Jesper!AJ$2:AJ$366,ROUNDDOWN($C182/24,0)+1,1)*INDEX($D$3:$AA$30,INDEX(Jesper!$R$2:$R$366,ROW(INDEX(Jesper!AJ$2:AJ$366,ROUNDDOWN($C182/24,0)+1,1))-1)+IF('Standard Profiles'!$G$20=$B$10,7,0)+IF('Standard Profiles'!$G$20=$B$17,14,0)+IF('Standard Profiles'!$G$20=$B$24,21,0),MOD($C182,24)+1)/SUM(INDEX($D$3:$AA$30,INDEX(Jesper!$R$2:$R$366,ROW(INDEX(Jesper!AJ$2:AJ$366,ROUNDDOWN($C182/24,0)+1,1))-1)+IF('Standard Profiles'!$G$20=$B$10,7,0)+IF('Standard Profiles'!$G$20=$B$17,14,0)+IF('Standard Profiles'!$G$20=$B$24,21,0),0)),0)</f>
        <v>3.0150987981798072</v>
      </c>
      <c r="G182" cm="1">
        <f t="array" ref="G182">IFERROR(INDEX(Jesper!AK$2:AK$366,ROUNDDOWN($C182/24,0)+1,1)*INDEX($D$3:$AA$30,INDEX(Jesper!$R$2:$R$366,ROW(INDEX(Jesper!AK$2:AK$366,ROUNDDOWN($C182/24,0)+1,1))-1)+IF('Standard Profiles'!$G$21=$B$10,7,0)+IF('Standard Profiles'!$G$21=$B$17,14,0)+IF('Standard Profiles'!$G$21=$B$24,21,0),MOD($C182,24)+1)/SUM(INDEX($D$3:$AA$30,INDEX(Jesper!$R$2:$R$366,ROW(INDEX(Jesper!AK$2:AK$366,ROUNDDOWN($C182/24,0)+1,1))-1)+IF('Standard Profiles'!$G$21=$B$10,7,0)+IF('Standard Profiles'!$G$21=$B$17,14,0)+IF('Standard Profiles'!$G$21=$B$24,21,0),0)),0)</f>
        <v>4.1112575709733186</v>
      </c>
      <c r="H182" cm="1">
        <f t="array" ref="H182">IFERROR(INDEX(Jesper!AL$2:AL$366,ROUNDDOWN($C182/24,0)+1,1)*INDEX($D$3:$AA$30,INDEX(Jesper!$R$2:$R$366,ROW(INDEX(Jesper!AL$2:AL$366,ROUNDDOWN($C182/24,0)+1,1))-1)+IF('Standard Profiles'!$G$22=$B$10,7,0)+IF('Standard Profiles'!$G$22=$B$17,14,0)+IF('Standard Profiles'!$G$22=$B$24,21,0),MOD($C182,24)+1)/SUM(INDEX($D$3:$AA$30,INDEX(Jesper!$R$2:$R$366,ROW(INDEX(Jesper!AL$2:AL$366,ROUNDDOWN($C182/24,0)+1,1))-1)+IF('Standard Profiles'!$G$22=$B$10,7,0)+IF('Standard Profiles'!$G$22=$B$17,14,0)+IF('Standard Profiles'!$G$22=$B$24,21,0),0)),0)</f>
        <v>2.0915498591508714</v>
      </c>
      <c r="I182">
        <f t="shared" si="34"/>
        <v>2.0078878647848377</v>
      </c>
      <c r="J182">
        <f t="shared" si="35"/>
        <v>10.764172670629126</v>
      </c>
      <c r="K182">
        <f t="shared" si="36"/>
        <v>0.32310493700999687</v>
      </c>
      <c r="L182">
        <f t="shared" si="37"/>
        <v>0.16155246850499844</v>
      </c>
      <c r="M182">
        <f t="shared" si="38"/>
        <v>0</v>
      </c>
      <c r="N182" s="45">
        <f t="shared" si="39"/>
        <v>44933.166666666308</v>
      </c>
      <c r="O182">
        <v>0.35812558553457485</v>
      </c>
      <c r="P182">
        <v>4.6787113265117917</v>
      </c>
      <c r="Q182">
        <v>0.21983344992531656</v>
      </c>
      <c r="R182">
        <v>0.10991672496265828</v>
      </c>
      <c r="S182">
        <v>0</v>
      </c>
      <c r="T182" s="45">
        <v>45066.166666658566</v>
      </c>
    </row>
    <row r="183" spans="2:21" x14ac:dyDescent="0.25">
      <c r="B183">
        <f t="shared" si="33"/>
        <v>6</v>
      </c>
      <c r="C183" s="16">
        <v>149</v>
      </c>
      <c r="D183" cm="1">
        <f t="array" ref="D183">IFERROR(INDEX(Jesper!AH$2:AH$366,ROUNDDOWN($C183/24,0)+1,1)*INDEX($D$3:$AA$30,INDEX(Jesper!$R$2:$R$366,ROW(INDEX(Jesper!AH$2:AH$366,ROUNDDOWN($C183/24,0)+1,1))-1)+IF('Standard Profiles'!$G$18=$B$10,7,0)+IF('Standard Profiles'!$G$18=$B$17,14,0)+IF('Standard Profiles'!$G$18=$B$24,21,0),MOD($C183,24)+1)/SUM(INDEX($D$3:$AA$30,INDEX(Jesper!$R$2:$R$366,ROW(INDEX(Jesper!AH$2:AH$366,ROUNDDOWN($C183/24,0)+1,1))-1)+IF('Standard Profiles'!$G$18=$B$10,7,0)+IF('Standard Profiles'!$G$18=$B$17,14,0)+IF('Standard Profiles'!$G$18=$B$24,21,0),0)),0)</f>
        <v>0</v>
      </c>
      <c r="E183" cm="1">
        <f t="array" ref="E183">IFERROR(INDEX(Jesper!AI$2:AI$366,ROUNDDOWN($C183/24,0)+1,1)*INDEX($D$3:$AA$30,INDEX(Jesper!$R$2:$R$366,ROW(INDEX(Jesper!AI$2:AI$366,ROUNDDOWN($C183/24,0)+1,1))-1)+IF('Standard Profiles'!$G$19=$B$10,7,0)+IF('Standard Profiles'!$G$19=$B$17,14,0)+IF('Standard Profiles'!$G$19=$B$24,21,0),MOD($C183,24)+1)/SUM(INDEX($D$3:$AA$30,INDEX(Jesper!$R$2:$R$366,ROW(INDEX(Jesper!AI$2:AI$366,ROUNDDOWN($C183/24,0)+1,1))-1)+IF('Standard Profiles'!$G$19=$B$10,7,0)+IF('Standard Profiles'!$G$19=$B$17,14,0)+IF('Standard Profiles'!$G$19=$B$24,21,0),0)),0)</f>
        <v>4.0388117126249607</v>
      </c>
      <c r="F183" cm="1">
        <f t="array" ref="F183">IFERROR(INDEX(Jesper!AJ$2:AJ$366,ROUNDDOWN($C183/24,0)+1,1)*INDEX($D$3:$AA$30,INDEX(Jesper!$R$2:$R$366,ROW(INDEX(Jesper!AJ$2:AJ$366,ROUNDDOWN($C183/24,0)+1,1))-1)+IF('Standard Profiles'!$G$20=$B$10,7,0)+IF('Standard Profiles'!$G$20=$B$17,14,0)+IF('Standard Profiles'!$G$20=$B$24,21,0),MOD($C183,24)+1)/SUM(INDEX($D$3:$AA$30,INDEX(Jesper!$R$2:$R$366,ROW(INDEX(Jesper!AJ$2:AJ$366,ROUNDDOWN($C183/24,0)+1,1))-1)+IF('Standard Profiles'!$G$20=$B$10,7,0)+IF('Standard Profiles'!$G$20=$B$17,14,0)+IF('Standard Profiles'!$G$20=$B$24,21,0),0)),0)</f>
        <v>3.0150987981798072</v>
      </c>
      <c r="G183" cm="1">
        <f t="array" ref="G183">IFERROR(INDEX(Jesper!AK$2:AK$366,ROUNDDOWN($C183/24,0)+1,1)*INDEX($D$3:$AA$30,INDEX(Jesper!$R$2:$R$366,ROW(INDEX(Jesper!AK$2:AK$366,ROUNDDOWN($C183/24,0)+1,1))-1)+IF('Standard Profiles'!$G$21=$B$10,7,0)+IF('Standard Profiles'!$G$21=$B$17,14,0)+IF('Standard Profiles'!$G$21=$B$24,21,0),MOD($C183,24)+1)/SUM(INDEX($D$3:$AA$30,INDEX(Jesper!$R$2:$R$366,ROW(INDEX(Jesper!AK$2:AK$366,ROUNDDOWN($C183/24,0)+1,1))-1)+IF('Standard Profiles'!$G$21=$B$10,7,0)+IF('Standard Profiles'!$G$21=$B$17,14,0)+IF('Standard Profiles'!$G$21=$B$24,21,0),0)),0)</f>
        <v>4.1112575709733186</v>
      </c>
      <c r="H183" cm="1">
        <f t="array" ref="H183">IFERROR(INDEX(Jesper!AL$2:AL$366,ROUNDDOWN($C183/24,0)+1,1)*INDEX($D$3:$AA$30,INDEX(Jesper!$R$2:$R$366,ROW(INDEX(Jesper!AL$2:AL$366,ROUNDDOWN($C183/24,0)+1,1))-1)+IF('Standard Profiles'!$G$22=$B$10,7,0)+IF('Standard Profiles'!$G$22=$B$17,14,0)+IF('Standard Profiles'!$G$22=$B$24,21,0),MOD($C183,24)+1)/SUM(INDEX($D$3:$AA$30,INDEX(Jesper!$R$2:$R$366,ROW(INDEX(Jesper!AL$2:AL$366,ROUNDDOWN($C183/24,0)+1,1))-1)+IF('Standard Profiles'!$G$22=$B$10,7,0)+IF('Standard Profiles'!$G$22=$B$17,14,0)+IF('Standard Profiles'!$G$22=$B$24,21,0),0)),0)</f>
        <v>2.6016839711388884</v>
      </c>
      <c r="I183">
        <f t="shared" si="34"/>
        <v>2.4976166122933341</v>
      </c>
      <c r="J183">
        <f t="shared" si="35"/>
        <v>10.784578035108646</v>
      </c>
      <c r="K183">
        <f t="shared" si="36"/>
        <v>0.32310493700999687</v>
      </c>
      <c r="L183">
        <f t="shared" si="37"/>
        <v>0.16155246850499844</v>
      </c>
      <c r="M183">
        <f t="shared" si="38"/>
        <v>0</v>
      </c>
      <c r="N183" s="45">
        <f t="shared" si="39"/>
        <v>44933.208333332972</v>
      </c>
      <c r="O183">
        <v>0.4454732893234955</v>
      </c>
      <c r="P183">
        <v>4.6823508141696628</v>
      </c>
      <c r="Q183">
        <v>0.21983344992531656</v>
      </c>
      <c r="R183">
        <v>0.10991672496265828</v>
      </c>
      <c r="S183">
        <v>0</v>
      </c>
      <c r="T183" s="45">
        <v>45066.20833332523</v>
      </c>
    </row>
    <row r="184" spans="2:21" x14ac:dyDescent="0.25">
      <c r="B184">
        <f t="shared" si="33"/>
        <v>6</v>
      </c>
      <c r="C184" s="16">
        <v>150</v>
      </c>
      <c r="D184" cm="1">
        <f t="array" ref="D184">IFERROR(INDEX(Jesper!AH$2:AH$366,ROUNDDOWN($C184/24,0)+1,1)*INDEX($D$3:$AA$30,INDEX(Jesper!$R$2:$R$366,ROW(INDEX(Jesper!AH$2:AH$366,ROUNDDOWN($C184/24,0)+1,1))-1)+IF('Standard Profiles'!$G$18=$B$10,7,0)+IF('Standard Profiles'!$G$18=$B$17,14,0)+IF('Standard Profiles'!$G$18=$B$24,21,0),MOD($C184,24)+1)/SUM(INDEX($D$3:$AA$30,INDEX(Jesper!$R$2:$R$366,ROW(INDEX(Jesper!AH$2:AH$366,ROUNDDOWN($C184/24,0)+1,1))-1)+IF('Standard Profiles'!$G$18=$B$10,7,0)+IF('Standard Profiles'!$G$18=$B$17,14,0)+IF('Standard Profiles'!$G$18=$B$24,21,0),0)),0)</f>
        <v>0</v>
      </c>
      <c r="E184" cm="1">
        <f t="array" ref="E184">IFERROR(INDEX(Jesper!AI$2:AI$366,ROUNDDOWN($C184/24,0)+1,1)*INDEX($D$3:$AA$30,INDEX(Jesper!$R$2:$R$366,ROW(INDEX(Jesper!AI$2:AI$366,ROUNDDOWN($C184/24,0)+1,1))-1)+IF('Standard Profiles'!$G$19=$B$10,7,0)+IF('Standard Profiles'!$G$19=$B$17,14,0)+IF('Standard Profiles'!$G$19=$B$24,21,0),MOD($C184,24)+1)/SUM(INDEX($D$3:$AA$30,INDEX(Jesper!$R$2:$R$366,ROW(INDEX(Jesper!AI$2:AI$366,ROUNDDOWN($C184/24,0)+1,1))-1)+IF('Standard Profiles'!$G$19=$B$10,7,0)+IF('Standard Profiles'!$G$19=$B$17,14,0)+IF('Standard Profiles'!$G$19=$B$24,21,0),0)),0)</f>
        <v>4.0388117126249607</v>
      </c>
      <c r="F184" cm="1">
        <f t="array" ref="F184">IFERROR(INDEX(Jesper!AJ$2:AJ$366,ROUNDDOWN($C184/24,0)+1,1)*INDEX($D$3:$AA$30,INDEX(Jesper!$R$2:$R$366,ROW(INDEX(Jesper!AJ$2:AJ$366,ROUNDDOWN($C184/24,0)+1,1))-1)+IF('Standard Profiles'!$G$20=$B$10,7,0)+IF('Standard Profiles'!$G$20=$B$17,14,0)+IF('Standard Profiles'!$G$20=$B$24,21,0),MOD($C184,24)+1)/SUM(INDEX($D$3:$AA$30,INDEX(Jesper!$R$2:$R$366,ROW(INDEX(Jesper!AJ$2:AJ$366,ROUNDDOWN($C184/24,0)+1,1))-1)+IF('Standard Profiles'!$G$20=$B$10,7,0)+IF('Standard Profiles'!$G$20=$B$17,14,0)+IF('Standard Profiles'!$G$20=$B$24,21,0),0)),0)</f>
        <v>3.0150987981798072</v>
      </c>
      <c r="G184" cm="1">
        <f t="array" ref="G184">IFERROR(INDEX(Jesper!AK$2:AK$366,ROUNDDOWN($C184/24,0)+1,1)*INDEX($D$3:$AA$30,INDEX(Jesper!$R$2:$R$366,ROW(INDEX(Jesper!AK$2:AK$366,ROUNDDOWN($C184/24,0)+1,1))-1)+IF('Standard Profiles'!$G$21=$B$10,7,0)+IF('Standard Profiles'!$G$21=$B$17,14,0)+IF('Standard Profiles'!$G$21=$B$24,21,0),MOD($C184,24)+1)/SUM(INDEX($D$3:$AA$30,INDEX(Jesper!$R$2:$R$366,ROW(INDEX(Jesper!AK$2:AK$366,ROUNDDOWN($C184/24,0)+1,1))-1)+IF('Standard Profiles'!$G$21=$B$10,7,0)+IF('Standard Profiles'!$G$21=$B$17,14,0)+IF('Standard Profiles'!$G$21=$B$24,21,0),0)),0)</f>
        <v>4.1112575709733186</v>
      </c>
      <c r="H184" cm="1">
        <f t="array" ref="H184">IFERROR(INDEX(Jesper!AL$2:AL$366,ROUNDDOWN($C184/24,0)+1,1)*INDEX($D$3:$AA$30,INDEX(Jesper!$R$2:$R$366,ROW(INDEX(Jesper!AL$2:AL$366,ROUNDDOWN($C184/24,0)+1,1))-1)+IF('Standard Profiles'!$G$22=$B$10,7,0)+IF('Standard Profiles'!$G$22=$B$17,14,0)+IF('Standard Profiles'!$G$22=$B$24,21,0),MOD($C184,24)+1)/SUM(INDEX($D$3:$AA$30,INDEX(Jesper!$R$2:$R$366,ROW(INDEX(Jesper!AL$2:AL$366,ROUNDDOWN($C184/24,0)+1,1))-1)+IF('Standard Profiles'!$G$22=$B$10,7,0)+IF('Standard Profiles'!$G$22=$B$17,14,0)+IF('Standard Profiles'!$G$22=$B$24,21,0),0)),0)</f>
        <v>3.2648583167233114</v>
      </c>
      <c r="I184">
        <f t="shared" si="34"/>
        <v>3.1342639840543804</v>
      </c>
      <c r="J184">
        <f t="shared" si="35"/>
        <v>10.811105008932023</v>
      </c>
      <c r="K184">
        <f t="shared" si="36"/>
        <v>0.32310493700999687</v>
      </c>
      <c r="L184">
        <f t="shared" si="37"/>
        <v>0.16155246850499844</v>
      </c>
      <c r="M184">
        <f t="shared" si="38"/>
        <v>0</v>
      </c>
      <c r="N184" s="45">
        <f t="shared" si="39"/>
        <v>44933.249999999636</v>
      </c>
      <c r="O184">
        <v>0.55902530424909236</v>
      </c>
      <c r="P184">
        <v>4.6870821481248957</v>
      </c>
      <c r="Q184">
        <v>0.21983344992531656</v>
      </c>
      <c r="R184">
        <v>0.10991672496265828</v>
      </c>
      <c r="S184">
        <v>0</v>
      </c>
      <c r="T184" s="45">
        <v>45066.249999991895</v>
      </c>
    </row>
    <row r="185" spans="2:21" x14ac:dyDescent="0.25">
      <c r="B185">
        <f t="shared" si="33"/>
        <v>6</v>
      </c>
      <c r="C185" s="16">
        <v>151</v>
      </c>
      <c r="D185" cm="1">
        <f t="array" ref="D185">IFERROR(INDEX(Jesper!AH$2:AH$366,ROUNDDOWN($C185/24,0)+1,1)*INDEX($D$3:$AA$30,INDEX(Jesper!$R$2:$R$366,ROW(INDEX(Jesper!AH$2:AH$366,ROUNDDOWN($C185/24,0)+1,1))-1)+IF('Standard Profiles'!$G$18=$B$10,7,0)+IF('Standard Profiles'!$G$18=$B$17,14,0)+IF('Standard Profiles'!$G$18=$B$24,21,0),MOD($C185,24)+1)/SUM(INDEX($D$3:$AA$30,INDEX(Jesper!$R$2:$R$366,ROW(INDEX(Jesper!AH$2:AH$366,ROUNDDOWN($C185/24,0)+1,1))-1)+IF('Standard Profiles'!$G$18=$B$10,7,0)+IF('Standard Profiles'!$G$18=$B$17,14,0)+IF('Standard Profiles'!$G$18=$B$24,21,0),0)),0)</f>
        <v>0</v>
      </c>
      <c r="E185" cm="1">
        <f t="array" ref="E185">IFERROR(INDEX(Jesper!AI$2:AI$366,ROUNDDOWN($C185/24,0)+1,1)*INDEX($D$3:$AA$30,INDEX(Jesper!$R$2:$R$366,ROW(INDEX(Jesper!AI$2:AI$366,ROUNDDOWN($C185/24,0)+1,1))-1)+IF('Standard Profiles'!$G$19=$B$10,7,0)+IF('Standard Profiles'!$G$19=$B$17,14,0)+IF('Standard Profiles'!$G$19=$B$24,21,0),MOD($C185,24)+1)/SUM(INDEX($D$3:$AA$30,INDEX(Jesper!$R$2:$R$366,ROW(INDEX(Jesper!AI$2:AI$366,ROUNDDOWN($C185/24,0)+1,1))-1)+IF('Standard Profiles'!$G$19=$B$10,7,0)+IF('Standard Profiles'!$G$19=$B$17,14,0)+IF('Standard Profiles'!$G$19=$B$24,21,0),0)),0)</f>
        <v>4.0388117126249607</v>
      </c>
      <c r="F185" cm="1">
        <f t="array" ref="F185">IFERROR(INDEX(Jesper!AJ$2:AJ$366,ROUNDDOWN($C185/24,0)+1,1)*INDEX($D$3:$AA$30,INDEX(Jesper!$R$2:$R$366,ROW(INDEX(Jesper!AJ$2:AJ$366,ROUNDDOWN($C185/24,0)+1,1))-1)+IF('Standard Profiles'!$G$20=$B$10,7,0)+IF('Standard Profiles'!$G$20=$B$17,14,0)+IF('Standard Profiles'!$G$20=$B$24,21,0),MOD($C185,24)+1)/SUM(INDEX($D$3:$AA$30,INDEX(Jesper!$R$2:$R$366,ROW(INDEX(Jesper!AJ$2:AJ$366,ROUNDDOWN($C185/24,0)+1,1))-1)+IF('Standard Profiles'!$G$20=$B$10,7,0)+IF('Standard Profiles'!$G$20=$B$17,14,0)+IF('Standard Profiles'!$G$20=$B$24,21,0),0)),0)</f>
        <v>3.0150987981798072</v>
      </c>
      <c r="G185" cm="1">
        <f t="array" ref="G185">IFERROR(INDEX(Jesper!AK$2:AK$366,ROUNDDOWN($C185/24,0)+1,1)*INDEX($D$3:$AA$30,INDEX(Jesper!$R$2:$R$366,ROW(INDEX(Jesper!AK$2:AK$366,ROUNDDOWN($C185/24,0)+1,1))-1)+IF('Standard Profiles'!$G$21=$B$10,7,0)+IF('Standard Profiles'!$G$21=$B$17,14,0)+IF('Standard Profiles'!$G$21=$B$24,21,0),MOD($C185,24)+1)/SUM(INDEX($D$3:$AA$30,INDEX(Jesper!$R$2:$R$366,ROW(INDEX(Jesper!AK$2:AK$366,ROUNDDOWN($C185/24,0)+1,1))-1)+IF('Standard Profiles'!$G$21=$B$10,7,0)+IF('Standard Profiles'!$G$21=$B$17,14,0)+IF('Standard Profiles'!$G$21=$B$24,21,0),0)),0)</f>
        <v>4.1112575709733186</v>
      </c>
      <c r="H185" cm="1">
        <f t="array" ref="H185">IFERROR(INDEX(Jesper!AL$2:AL$366,ROUNDDOWN($C185/24,0)+1,1)*INDEX($D$3:$AA$30,INDEX(Jesper!$R$2:$R$366,ROW(INDEX(Jesper!AL$2:AL$366,ROUNDDOWN($C185/24,0)+1,1))-1)+IF('Standard Profiles'!$G$22=$B$10,7,0)+IF('Standard Profiles'!$G$22=$B$17,14,0)+IF('Standard Profiles'!$G$22=$B$24,21,0),MOD($C185,24)+1)/SUM(INDEX($D$3:$AA$30,INDEX(Jesper!$R$2:$R$366,ROW(INDEX(Jesper!AL$2:AL$366,ROUNDDOWN($C185/24,0)+1,1))-1)+IF('Standard Profiles'!$G$22=$B$10,7,0)+IF('Standard Profiles'!$G$22=$B$17,14,0)+IF('Standard Profiles'!$G$22=$B$24,21,0),0)),0)</f>
        <v>3.7239790175125269</v>
      </c>
      <c r="I185">
        <f t="shared" si="34"/>
        <v>3.5750198568120277</v>
      </c>
      <c r="J185">
        <f t="shared" si="35"/>
        <v>10.829469836963591</v>
      </c>
      <c r="K185">
        <f t="shared" si="36"/>
        <v>0.32310493700999687</v>
      </c>
      <c r="L185">
        <f t="shared" si="37"/>
        <v>0.16155246850499844</v>
      </c>
      <c r="M185">
        <f t="shared" si="38"/>
        <v>0</v>
      </c>
      <c r="N185" s="45">
        <f t="shared" si="39"/>
        <v>44933.2916666663</v>
      </c>
      <c r="O185">
        <v>0.63763823765912098</v>
      </c>
      <c r="P185">
        <v>4.6903576870169807</v>
      </c>
      <c r="Q185">
        <v>0.21983344992531656</v>
      </c>
      <c r="R185">
        <v>0.10991672496265828</v>
      </c>
      <c r="S185">
        <v>0</v>
      </c>
      <c r="T185" s="45">
        <v>45066.291666658559</v>
      </c>
    </row>
    <row r="186" spans="2:21" x14ac:dyDescent="0.25">
      <c r="B186">
        <f t="shared" si="33"/>
        <v>6</v>
      </c>
      <c r="C186" s="16">
        <v>152</v>
      </c>
      <c r="D186" cm="1">
        <f t="array" ref="D186">IFERROR(INDEX(Jesper!AH$2:AH$366,ROUNDDOWN($C186/24,0)+1,1)*INDEX($D$3:$AA$30,INDEX(Jesper!$R$2:$R$366,ROW(INDEX(Jesper!AH$2:AH$366,ROUNDDOWN($C186/24,0)+1,1))-1)+IF('Standard Profiles'!$G$18=$B$10,7,0)+IF('Standard Profiles'!$G$18=$B$17,14,0)+IF('Standard Profiles'!$G$18=$B$24,21,0),MOD($C186,24)+1)/SUM(INDEX($D$3:$AA$30,INDEX(Jesper!$R$2:$R$366,ROW(INDEX(Jesper!AH$2:AH$366,ROUNDDOWN($C186/24,0)+1,1))-1)+IF('Standard Profiles'!$G$18=$B$10,7,0)+IF('Standard Profiles'!$G$18=$B$17,14,0)+IF('Standard Profiles'!$G$18=$B$24,21,0),0)),0)</f>
        <v>0</v>
      </c>
      <c r="E186" cm="1">
        <f t="array" ref="E186">IFERROR(INDEX(Jesper!AI$2:AI$366,ROUNDDOWN($C186/24,0)+1,1)*INDEX($D$3:$AA$30,INDEX(Jesper!$R$2:$R$366,ROW(INDEX(Jesper!AI$2:AI$366,ROUNDDOWN($C186/24,0)+1,1))-1)+IF('Standard Profiles'!$G$19=$B$10,7,0)+IF('Standard Profiles'!$G$19=$B$17,14,0)+IF('Standard Profiles'!$G$19=$B$24,21,0),MOD($C186,24)+1)/SUM(INDEX($D$3:$AA$30,INDEX(Jesper!$R$2:$R$366,ROW(INDEX(Jesper!AI$2:AI$366,ROUNDDOWN($C186/24,0)+1,1))-1)+IF('Standard Profiles'!$G$19=$B$10,7,0)+IF('Standard Profiles'!$G$19=$B$17,14,0)+IF('Standard Profiles'!$G$19=$B$24,21,0),0)),0)</f>
        <v>4.0388117126249607</v>
      </c>
      <c r="F186" cm="1">
        <f t="array" ref="F186">IFERROR(INDEX(Jesper!AJ$2:AJ$366,ROUNDDOWN($C186/24,0)+1,1)*INDEX($D$3:$AA$30,INDEX(Jesper!$R$2:$R$366,ROW(INDEX(Jesper!AJ$2:AJ$366,ROUNDDOWN($C186/24,0)+1,1))-1)+IF('Standard Profiles'!$G$20=$B$10,7,0)+IF('Standard Profiles'!$G$20=$B$17,14,0)+IF('Standard Profiles'!$G$20=$B$24,21,0),MOD($C186,24)+1)/SUM(INDEX($D$3:$AA$30,INDEX(Jesper!$R$2:$R$366,ROW(INDEX(Jesper!AJ$2:AJ$366,ROUNDDOWN($C186/24,0)+1,1))-1)+IF('Standard Profiles'!$G$20=$B$10,7,0)+IF('Standard Profiles'!$G$20=$B$17,14,0)+IF('Standard Profiles'!$G$20=$B$24,21,0),0)),0)</f>
        <v>3.0150987981798072</v>
      </c>
      <c r="G186" cm="1">
        <f t="array" ref="G186">IFERROR(INDEX(Jesper!AK$2:AK$366,ROUNDDOWN($C186/24,0)+1,1)*INDEX($D$3:$AA$30,INDEX(Jesper!$R$2:$R$366,ROW(INDEX(Jesper!AK$2:AK$366,ROUNDDOWN($C186/24,0)+1,1))-1)+IF('Standard Profiles'!$G$21=$B$10,7,0)+IF('Standard Profiles'!$G$21=$B$17,14,0)+IF('Standard Profiles'!$G$21=$B$24,21,0),MOD($C186,24)+1)/SUM(INDEX($D$3:$AA$30,INDEX(Jesper!$R$2:$R$366,ROW(INDEX(Jesper!AK$2:AK$366,ROUNDDOWN($C186/24,0)+1,1))-1)+IF('Standard Profiles'!$G$21=$B$10,7,0)+IF('Standard Profiles'!$G$21=$B$17,14,0)+IF('Standard Profiles'!$G$21=$B$24,21,0),0)),0)</f>
        <v>4.1112575709733186</v>
      </c>
      <c r="H186" cm="1">
        <f t="array" ref="H186">IFERROR(INDEX(Jesper!AL$2:AL$366,ROUNDDOWN($C186/24,0)+1,1)*INDEX($D$3:$AA$30,INDEX(Jesper!$R$2:$R$366,ROW(INDEX(Jesper!AL$2:AL$366,ROUNDDOWN($C186/24,0)+1,1))-1)+IF('Standard Profiles'!$G$22=$B$10,7,0)+IF('Standard Profiles'!$G$22=$B$17,14,0)+IF('Standard Profiles'!$G$22=$B$24,21,0),MOD($C186,24)+1)/SUM(INDEX($D$3:$AA$30,INDEX(Jesper!$R$2:$R$366,ROW(INDEX(Jesper!AL$2:AL$366,ROUNDDOWN($C186/24,0)+1,1))-1)+IF('Standard Profiles'!$G$22=$B$10,7,0)+IF('Standard Profiles'!$G$22=$B$17,14,0)+IF('Standard Profiles'!$G$22=$B$24,21,0),0)),0)</f>
        <v>3.7239790175125269</v>
      </c>
      <c r="I186">
        <f t="shared" si="34"/>
        <v>3.5750198568120277</v>
      </c>
      <c r="J186">
        <f t="shared" si="35"/>
        <v>10.829469836963591</v>
      </c>
      <c r="K186">
        <f t="shared" si="36"/>
        <v>0.32310493700999687</v>
      </c>
      <c r="L186">
        <f t="shared" si="37"/>
        <v>0.16155246850499844</v>
      </c>
      <c r="M186">
        <f t="shared" si="38"/>
        <v>0</v>
      </c>
      <c r="N186" s="45">
        <f t="shared" si="39"/>
        <v>44933.333333332965</v>
      </c>
      <c r="O186">
        <v>0.63763823765912098</v>
      </c>
      <c r="P186">
        <v>4.6903576870169807</v>
      </c>
      <c r="Q186">
        <v>0.21983344992531656</v>
      </c>
      <c r="R186">
        <v>0.10991672496265828</v>
      </c>
      <c r="S186">
        <v>0</v>
      </c>
      <c r="T186" s="45">
        <v>45066.333333325223</v>
      </c>
    </row>
    <row r="187" spans="2:21" x14ac:dyDescent="0.25">
      <c r="B187">
        <f t="shared" si="33"/>
        <v>6</v>
      </c>
      <c r="C187" s="16">
        <v>153</v>
      </c>
      <c r="D187" cm="1">
        <f t="array" ref="D187">IFERROR(INDEX(Jesper!AH$2:AH$366,ROUNDDOWN($C187/24,0)+1,1)*INDEX($D$3:$AA$30,INDEX(Jesper!$R$2:$R$366,ROW(INDEX(Jesper!AH$2:AH$366,ROUNDDOWN($C187/24,0)+1,1))-1)+IF('Standard Profiles'!$G$18=$B$10,7,0)+IF('Standard Profiles'!$G$18=$B$17,14,0)+IF('Standard Profiles'!$G$18=$B$24,21,0),MOD($C187,24)+1)/SUM(INDEX($D$3:$AA$30,INDEX(Jesper!$R$2:$R$366,ROW(INDEX(Jesper!AH$2:AH$366,ROUNDDOWN($C187/24,0)+1,1))-1)+IF('Standard Profiles'!$G$18=$B$10,7,0)+IF('Standard Profiles'!$G$18=$B$17,14,0)+IF('Standard Profiles'!$G$18=$B$24,21,0),0)),0)</f>
        <v>0</v>
      </c>
      <c r="E187" cm="1">
        <f t="array" ref="E187">IFERROR(INDEX(Jesper!AI$2:AI$366,ROUNDDOWN($C187/24,0)+1,1)*INDEX($D$3:$AA$30,INDEX(Jesper!$R$2:$R$366,ROW(INDEX(Jesper!AI$2:AI$366,ROUNDDOWN($C187/24,0)+1,1))-1)+IF('Standard Profiles'!$G$19=$B$10,7,0)+IF('Standard Profiles'!$G$19=$B$17,14,0)+IF('Standard Profiles'!$G$19=$B$24,21,0),MOD($C187,24)+1)/SUM(INDEX($D$3:$AA$30,INDEX(Jesper!$R$2:$R$366,ROW(INDEX(Jesper!AI$2:AI$366,ROUNDDOWN($C187/24,0)+1,1))-1)+IF('Standard Profiles'!$G$19=$B$10,7,0)+IF('Standard Profiles'!$G$19=$B$17,14,0)+IF('Standard Profiles'!$G$19=$B$24,21,0),0)),0)</f>
        <v>4.0388117126249607</v>
      </c>
      <c r="F187" cm="1">
        <f t="array" ref="F187">IFERROR(INDEX(Jesper!AJ$2:AJ$366,ROUNDDOWN($C187/24,0)+1,1)*INDEX($D$3:$AA$30,INDEX(Jesper!$R$2:$R$366,ROW(INDEX(Jesper!AJ$2:AJ$366,ROUNDDOWN($C187/24,0)+1,1))-1)+IF('Standard Profiles'!$G$20=$B$10,7,0)+IF('Standard Profiles'!$G$20=$B$17,14,0)+IF('Standard Profiles'!$G$20=$B$24,21,0),MOD($C187,24)+1)/SUM(INDEX($D$3:$AA$30,INDEX(Jesper!$R$2:$R$366,ROW(INDEX(Jesper!AJ$2:AJ$366,ROUNDDOWN($C187/24,0)+1,1))-1)+IF('Standard Profiles'!$G$20=$B$10,7,0)+IF('Standard Profiles'!$G$20=$B$17,14,0)+IF('Standard Profiles'!$G$20=$B$24,21,0),0)),0)</f>
        <v>3.0150987981798072</v>
      </c>
      <c r="G187" cm="1">
        <f t="array" ref="G187">IFERROR(INDEX(Jesper!AK$2:AK$366,ROUNDDOWN($C187/24,0)+1,1)*INDEX($D$3:$AA$30,INDEX(Jesper!$R$2:$R$366,ROW(INDEX(Jesper!AK$2:AK$366,ROUNDDOWN($C187/24,0)+1,1))-1)+IF('Standard Profiles'!$G$21=$B$10,7,0)+IF('Standard Profiles'!$G$21=$B$17,14,0)+IF('Standard Profiles'!$G$21=$B$24,21,0),MOD($C187,24)+1)/SUM(INDEX($D$3:$AA$30,INDEX(Jesper!$R$2:$R$366,ROW(INDEX(Jesper!AK$2:AK$366,ROUNDDOWN($C187/24,0)+1,1))-1)+IF('Standard Profiles'!$G$21=$B$10,7,0)+IF('Standard Profiles'!$G$21=$B$17,14,0)+IF('Standard Profiles'!$G$21=$B$24,21,0),0)),0)</f>
        <v>4.1112575709733186</v>
      </c>
      <c r="H187" cm="1">
        <f t="array" ref="H187">IFERROR(INDEX(Jesper!AL$2:AL$366,ROUNDDOWN($C187/24,0)+1,1)*INDEX($D$3:$AA$30,INDEX(Jesper!$R$2:$R$366,ROW(INDEX(Jesper!AL$2:AL$366,ROUNDDOWN($C187/24,0)+1,1))-1)+IF('Standard Profiles'!$G$22=$B$10,7,0)+IF('Standard Profiles'!$G$22=$B$17,14,0)+IF('Standard Profiles'!$G$22=$B$24,21,0),MOD($C187,24)+1)/SUM(INDEX($D$3:$AA$30,INDEX(Jesper!$R$2:$R$366,ROW(INDEX(Jesper!AL$2:AL$366,ROUNDDOWN($C187/24,0)+1,1))-1)+IF('Standard Profiles'!$G$22=$B$10,7,0)+IF('Standard Profiles'!$G$22=$B$17,14,0)+IF('Standard Profiles'!$G$22=$B$24,21,0),0)),0)</f>
        <v>3.7239790175125269</v>
      </c>
      <c r="I187">
        <f t="shared" si="34"/>
        <v>3.5750198568120277</v>
      </c>
      <c r="J187">
        <f t="shared" si="35"/>
        <v>10.829469836963591</v>
      </c>
      <c r="K187">
        <f t="shared" si="36"/>
        <v>0.32310493700999687</v>
      </c>
      <c r="L187">
        <f t="shared" si="37"/>
        <v>0.16155246850499844</v>
      </c>
      <c r="M187">
        <f t="shared" si="38"/>
        <v>0</v>
      </c>
      <c r="N187" s="45">
        <f t="shared" si="39"/>
        <v>44933.374999999629</v>
      </c>
      <c r="O187">
        <v>0.63763823765912098</v>
      </c>
      <c r="P187">
        <v>4.6903576870169807</v>
      </c>
      <c r="Q187">
        <v>0.21983344992531656</v>
      </c>
      <c r="R187">
        <v>0.10991672496265828</v>
      </c>
      <c r="S187">
        <v>0</v>
      </c>
      <c r="T187" s="45">
        <v>45066.374999991887</v>
      </c>
    </row>
    <row r="188" spans="2:21" x14ac:dyDescent="0.25">
      <c r="B188">
        <f t="shared" si="33"/>
        <v>6</v>
      </c>
      <c r="C188" s="16">
        <v>154</v>
      </c>
      <c r="D188" cm="1">
        <f t="array" ref="D188">IFERROR(INDEX(Jesper!AH$2:AH$366,ROUNDDOWN($C188/24,0)+1,1)*INDEX($D$3:$AA$30,INDEX(Jesper!$R$2:$R$366,ROW(INDEX(Jesper!AH$2:AH$366,ROUNDDOWN($C188/24,0)+1,1))-1)+IF('Standard Profiles'!$G$18=$B$10,7,0)+IF('Standard Profiles'!$G$18=$B$17,14,0)+IF('Standard Profiles'!$G$18=$B$24,21,0),MOD($C188,24)+1)/SUM(INDEX($D$3:$AA$30,INDEX(Jesper!$R$2:$R$366,ROW(INDEX(Jesper!AH$2:AH$366,ROUNDDOWN($C188/24,0)+1,1))-1)+IF('Standard Profiles'!$G$18=$B$10,7,0)+IF('Standard Profiles'!$G$18=$B$17,14,0)+IF('Standard Profiles'!$G$18=$B$24,21,0),0)),0)</f>
        <v>0</v>
      </c>
      <c r="E188" cm="1">
        <f t="array" ref="E188">IFERROR(INDEX(Jesper!AI$2:AI$366,ROUNDDOWN($C188/24,0)+1,1)*INDEX($D$3:$AA$30,INDEX(Jesper!$R$2:$R$366,ROW(INDEX(Jesper!AI$2:AI$366,ROUNDDOWN($C188/24,0)+1,1))-1)+IF('Standard Profiles'!$G$19=$B$10,7,0)+IF('Standard Profiles'!$G$19=$B$17,14,0)+IF('Standard Profiles'!$G$19=$B$24,21,0),MOD($C188,24)+1)/SUM(INDEX($D$3:$AA$30,INDEX(Jesper!$R$2:$R$366,ROW(INDEX(Jesper!AI$2:AI$366,ROUNDDOWN($C188/24,0)+1,1))-1)+IF('Standard Profiles'!$G$19=$B$10,7,0)+IF('Standard Profiles'!$G$19=$B$17,14,0)+IF('Standard Profiles'!$G$19=$B$24,21,0),0)),0)</f>
        <v>4.0388117126249607</v>
      </c>
      <c r="F188" cm="1">
        <f t="array" ref="F188">IFERROR(INDEX(Jesper!AJ$2:AJ$366,ROUNDDOWN($C188/24,0)+1,1)*INDEX($D$3:$AA$30,INDEX(Jesper!$R$2:$R$366,ROW(INDEX(Jesper!AJ$2:AJ$366,ROUNDDOWN($C188/24,0)+1,1))-1)+IF('Standard Profiles'!$G$20=$B$10,7,0)+IF('Standard Profiles'!$G$20=$B$17,14,0)+IF('Standard Profiles'!$G$20=$B$24,21,0),MOD($C188,24)+1)/SUM(INDEX($D$3:$AA$30,INDEX(Jesper!$R$2:$R$366,ROW(INDEX(Jesper!AJ$2:AJ$366,ROUNDDOWN($C188/24,0)+1,1))-1)+IF('Standard Profiles'!$G$20=$B$10,7,0)+IF('Standard Profiles'!$G$20=$B$17,14,0)+IF('Standard Profiles'!$G$20=$B$24,21,0),0)),0)</f>
        <v>3.0150987981798072</v>
      </c>
      <c r="G188" cm="1">
        <f t="array" ref="G188">IFERROR(INDEX(Jesper!AK$2:AK$366,ROUNDDOWN($C188/24,0)+1,1)*INDEX($D$3:$AA$30,INDEX(Jesper!$R$2:$R$366,ROW(INDEX(Jesper!AK$2:AK$366,ROUNDDOWN($C188/24,0)+1,1))-1)+IF('Standard Profiles'!$G$21=$B$10,7,0)+IF('Standard Profiles'!$G$21=$B$17,14,0)+IF('Standard Profiles'!$G$21=$B$24,21,0),MOD($C188,24)+1)/SUM(INDEX($D$3:$AA$30,INDEX(Jesper!$R$2:$R$366,ROW(INDEX(Jesper!AK$2:AK$366,ROUNDDOWN($C188/24,0)+1,1))-1)+IF('Standard Profiles'!$G$21=$B$10,7,0)+IF('Standard Profiles'!$G$21=$B$17,14,0)+IF('Standard Profiles'!$G$21=$B$24,21,0),0)),0)</f>
        <v>4.1112575709733186</v>
      </c>
      <c r="H188" cm="1">
        <f t="array" ref="H188">IFERROR(INDEX(Jesper!AL$2:AL$366,ROUNDDOWN($C188/24,0)+1,1)*INDEX($D$3:$AA$30,INDEX(Jesper!$R$2:$R$366,ROW(INDEX(Jesper!AL$2:AL$366,ROUNDDOWN($C188/24,0)+1,1))-1)+IF('Standard Profiles'!$G$22=$B$10,7,0)+IF('Standard Profiles'!$G$22=$B$17,14,0)+IF('Standard Profiles'!$G$22=$B$24,21,0),MOD($C188,24)+1)/SUM(INDEX($D$3:$AA$30,INDEX(Jesper!$R$2:$R$366,ROW(INDEX(Jesper!AL$2:AL$366,ROUNDDOWN($C188/24,0)+1,1))-1)+IF('Standard Profiles'!$G$22=$B$10,7,0)+IF('Standard Profiles'!$G$22=$B$17,14,0)+IF('Standard Profiles'!$G$22=$B$24,21,0),0)),0)</f>
        <v>3.7239790175125269</v>
      </c>
      <c r="I188">
        <f t="shared" si="34"/>
        <v>3.5750198568120277</v>
      </c>
      <c r="J188">
        <f t="shared" si="35"/>
        <v>10.829469836963591</v>
      </c>
      <c r="K188">
        <f t="shared" si="36"/>
        <v>0.32310493700999687</v>
      </c>
      <c r="L188">
        <f t="shared" si="37"/>
        <v>0.16155246850499844</v>
      </c>
      <c r="M188">
        <f t="shared" si="38"/>
        <v>0</v>
      </c>
      <c r="N188" s="45">
        <f t="shared" si="39"/>
        <v>44933.416666666293</v>
      </c>
      <c r="O188">
        <v>0.63763823765912098</v>
      </c>
      <c r="P188">
        <v>4.6903576870169807</v>
      </c>
      <c r="Q188">
        <v>0.21983344992531656</v>
      </c>
      <c r="R188">
        <v>0.10991672496265828</v>
      </c>
      <c r="S188">
        <v>0</v>
      </c>
      <c r="T188" s="45">
        <v>45066.416666658552</v>
      </c>
    </row>
    <row r="189" spans="2:21" x14ac:dyDescent="0.25">
      <c r="B189">
        <f t="shared" si="33"/>
        <v>6</v>
      </c>
      <c r="C189" s="16">
        <v>155</v>
      </c>
      <c r="D189" cm="1">
        <f t="array" ref="D189">IFERROR(INDEX(Jesper!AH$2:AH$366,ROUNDDOWN($C189/24,0)+1,1)*INDEX($D$3:$AA$30,INDEX(Jesper!$R$2:$R$366,ROW(INDEX(Jesper!AH$2:AH$366,ROUNDDOWN($C189/24,0)+1,1))-1)+IF('Standard Profiles'!$G$18=$B$10,7,0)+IF('Standard Profiles'!$G$18=$B$17,14,0)+IF('Standard Profiles'!$G$18=$B$24,21,0),MOD($C189,24)+1)/SUM(INDEX($D$3:$AA$30,INDEX(Jesper!$R$2:$R$366,ROW(INDEX(Jesper!AH$2:AH$366,ROUNDDOWN($C189/24,0)+1,1))-1)+IF('Standard Profiles'!$G$18=$B$10,7,0)+IF('Standard Profiles'!$G$18=$B$17,14,0)+IF('Standard Profiles'!$G$18=$B$24,21,0),0)),0)</f>
        <v>0</v>
      </c>
      <c r="E189" cm="1">
        <f t="array" ref="E189">IFERROR(INDEX(Jesper!AI$2:AI$366,ROUNDDOWN($C189/24,0)+1,1)*INDEX($D$3:$AA$30,INDEX(Jesper!$R$2:$R$366,ROW(INDEX(Jesper!AI$2:AI$366,ROUNDDOWN($C189/24,0)+1,1))-1)+IF('Standard Profiles'!$G$19=$B$10,7,0)+IF('Standard Profiles'!$G$19=$B$17,14,0)+IF('Standard Profiles'!$G$19=$B$24,21,0),MOD($C189,24)+1)/SUM(INDEX($D$3:$AA$30,INDEX(Jesper!$R$2:$R$366,ROW(INDEX(Jesper!AI$2:AI$366,ROUNDDOWN($C189/24,0)+1,1))-1)+IF('Standard Profiles'!$G$19=$B$10,7,0)+IF('Standard Profiles'!$G$19=$B$17,14,0)+IF('Standard Profiles'!$G$19=$B$24,21,0),0)),0)</f>
        <v>4.0388117126249607</v>
      </c>
      <c r="F189" cm="1">
        <f t="array" ref="F189">IFERROR(INDEX(Jesper!AJ$2:AJ$366,ROUNDDOWN($C189/24,0)+1,1)*INDEX($D$3:$AA$30,INDEX(Jesper!$R$2:$R$366,ROW(INDEX(Jesper!AJ$2:AJ$366,ROUNDDOWN($C189/24,0)+1,1))-1)+IF('Standard Profiles'!$G$20=$B$10,7,0)+IF('Standard Profiles'!$G$20=$B$17,14,0)+IF('Standard Profiles'!$G$20=$B$24,21,0),MOD($C189,24)+1)/SUM(INDEX($D$3:$AA$30,INDEX(Jesper!$R$2:$R$366,ROW(INDEX(Jesper!AJ$2:AJ$366,ROUNDDOWN($C189/24,0)+1,1))-1)+IF('Standard Profiles'!$G$20=$B$10,7,0)+IF('Standard Profiles'!$G$20=$B$17,14,0)+IF('Standard Profiles'!$G$20=$B$24,21,0),0)),0)</f>
        <v>3.0150987981798072</v>
      </c>
      <c r="G189" cm="1">
        <f t="array" ref="G189">IFERROR(INDEX(Jesper!AK$2:AK$366,ROUNDDOWN($C189/24,0)+1,1)*INDEX($D$3:$AA$30,INDEX(Jesper!$R$2:$R$366,ROW(INDEX(Jesper!AK$2:AK$366,ROUNDDOWN($C189/24,0)+1,1))-1)+IF('Standard Profiles'!$G$21=$B$10,7,0)+IF('Standard Profiles'!$G$21=$B$17,14,0)+IF('Standard Profiles'!$G$21=$B$24,21,0),MOD($C189,24)+1)/SUM(INDEX($D$3:$AA$30,INDEX(Jesper!$R$2:$R$366,ROW(INDEX(Jesper!AK$2:AK$366,ROUNDDOWN($C189/24,0)+1,1))-1)+IF('Standard Profiles'!$G$21=$B$10,7,0)+IF('Standard Profiles'!$G$21=$B$17,14,0)+IF('Standard Profiles'!$G$21=$B$24,21,0),0)),0)</f>
        <v>4.1112575709733186</v>
      </c>
      <c r="H189" cm="1">
        <f t="array" ref="H189">IFERROR(INDEX(Jesper!AL$2:AL$366,ROUNDDOWN($C189/24,0)+1,1)*INDEX($D$3:$AA$30,INDEX(Jesper!$R$2:$R$366,ROW(INDEX(Jesper!AL$2:AL$366,ROUNDDOWN($C189/24,0)+1,1))-1)+IF('Standard Profiles'!$G$22=$B$10,7,0)+IF('Standard Profiles'!$G$22=$B$17,14,0)+IF('Standard Profiles'!$G$22=$B$24,21,0),MOD($C189,24)+1)/SUM(INDEX($D$3:$AA$30,INDEX(Jesper!$R$2:$R$366,ROW(INDEX(Jesper!AL$2:AL$366,ROUNDDOWN($C189/24,0)+1,1))-1)+IF('Standard Profiles'!$G$22=$B$10,7,0)+IF('Standard Profiles'!$G$22=$B$17,14,0)+IF('Standard Profiles'!$G$22=$B$24,21,0),0)),0)</f>
        <v>3.7239790175125269</v>
      </c>
      <c r="I189">
        <f t="shared" si="34"/>
        <v>3.5750198568120277</v>
      </c>
      <c r="J189">
        <f t="shared" si="35"/>
        <v>10.829469836963591</v>
      </c>
      <c r="K189">
        <f t="shared" si="36"/>
        <v>0.32310493700999687</v>
      </c>
      <c r="L189">
        <f t="shared" si="37"/>
        <v>0.16155246850499844</v>
      </c>
      <c r="M189">
        <f t="shared" si="38"/>
        <v>0</v>
      </c>
      <c r="N189" s="45">
        <f t="shared" si="39"/>
        <v>44933.458333332957</v>
      </c>
      <c r="O189">
        <v>0.63763823765912098</v>
      </c>
      <c r="P189">
        <v>4.6903576870169807</v>
      </c>
      <c r="Q189">
        <v>0.21983344992531656</v>
      </c>
      <c r="R189">
        <v>0.10991672496265828</v>
      </c>
      <c r="S189">
        <v>0</v>
      </c>
      <c r="T189" s="45">
        <v>45066.458333325216</v>
      </c>
      <c r="U189" t="str">
        <f>CHOOSE(WEEKDAY(T188,2),"Monday","Tuesday","Wednesday","Thursday","Friday","Saturday","Sunday")</f>
        <v>Saturday</v>
      </c>
    </row>
    <row r="190" spans="2:21" x14ac:dyDescent="0.25">
      <c r="B190">
        <f t="shared" si="33"/>
        <v>6</v>
      </c>
      <c r="C190" s="16">
        <v>156</v>
      </c>
      <c r="D190" cm="1">
        <f t="array" ref="D190">IFERROR(INDEX(Jesper!AH$2:AH$366,ROUNDDOWN($C190/24,0)+1,1)*INDEX($D$3:$AA$30,INDEX(Jesper!$R$2:$R$366,ROW(INDEX(Jesper!AH$2:AH$366,ROUNDDOWN($C190/24,0)+1,1))-1)+IF('Standard Profiles'!$G$18=$B$10,7,0)+IF('Standard Profiles'!$G$18=$B$17,14,0)+IF('Standard Profiles'!$G$18=$B$24,21,0),MOD($C190,24)+1)/SUM(INDEX($D$3:$AA$30,INDEX(Jesper!$R$2:$R$366,ROW(INDEX(Jesper!AH$2:AH$366,ROUNDDOWN($C190/24,0)+1,1))-1)+IF('Standard Profiles'!$G$18=$B$10,7,0)+IF('Standard Profiles'!$G$18=$B$17,14,0)+IF('Standard Profiles'!$G$18=$B$24,21,0),0)),0)</f>
        <v>0</v>
      </c>
      <c r="E190" cm="1">
        <f t="array" ref="E190">IFERROR(INDEX(Jesper!AI$2:AI$366,ROUNDDOWN($C190/24,0)+1,1)*INDEX($D$3:$AA$30,INDEX(Jesper!$R$2:$R$366,ROW(INDEX(Jesper!AI$2:AI$366,ROUNDDOWN($C190/24,0)+1,1))-1)+IF('Standard Profiles'!$G$19=$B$10,7,0)+IF('Standard Profiles'!$G$19=$B$17,14,0)+IF('Standard Profiles'!$G$19=$B$24,21,0),MOD($C190,24)+1)/SUM(INDEX($D$3:$AA$30,INDEX(Jesper!$R$2:$R$366,ROW(INDEX(Jesper!AI$2:AI$366,ROUNDDOWN($C190/24,0)+1,1))-1)+IF('Standard Profiles'!$G$19=$B$10,7,0)+IF('Standard Profiles'!$G$19=$B$17,14,0)+IF('Standard Profiles'!$G$19=$B$24,21,0),0)),0)</f>
        <v>4.0388117126249607</v>
      </c>
      <c r="F190" cm="1">
        <f t="array" ref="F190">IFERROR(INDEX(Jesper!AJ$2:AJ$366,ROUNDDOWN($C190/24,0)+1,1)*INDEX($D$3:$AA$30,INDEX(Jesper!$R$2:$R$366,ROW(INDEX(Jesper!AJ$2:AJ$366,ROUNDDOWN($C190/24,0)+1,1))-1)+IF('Standard Profiles'!$G$20=$B$10,7,0)+IF('Standard Profiles'!$G$20=$B$17,14,0)+IF('Standard Profiles'!$G$20=$B$24,21,0),MOD($C190,24)+1)/SUM(INDEX($D$3:$AA$30,INDEX(Jesper!$R$2:$R$366,ROW(INDEX(Jesper!AJ$2:AJ$366,ROUNDDOWN($C190/24,0)+1,1))-1)+IF('Standard Profiles'!$G$20=$B$10,7,0)+IF('Standard Profiles'!$G$20=$B$17,14,0)+IF('Standard Profiles'!$G$20=$B$24,21,0),0)),0)</f>
        <v>3.0150987981798072</v>
      </c>
      <c r="G190" cm="1">
        <f t="array" ref="G190">IFERROR(INDEX(Jesper!AK$2:AK$366,ROUNDDOWN($C190/24,0)+1,1)*INDEX($D$3:$AA$30,INDEX(Jesper!$R$2:$R$366,ROW(INDEX(Jesper!AK$2:AK$366,ROUNDDOWN($C190/24,0)+1,1))-1)+IF('Standard Profiles'!$G$21=$B$10,7,0)+IF('Standard Profiles'!$G$21=$B$17,14,0)+IF('Standard Profiles'!$G$21=$B$24,21,0),MOD($C190,24)+1)/SUM(INDEX($D$3:$AA$30,INDEX(Jesper!$R$2:$R$366,ROW(INDEX(Jesper!AK$2:AK$366,ROUNDDOWN($C190/24,0)+1,1))-1)+IF('Standard Profiles'!$G$21=$B$10,7,0)+IF('Standard Profiles'!$G$21=$B$17,14,0)+IF('Standard Profiles'!$G$21=$B$24,21,0),0)),0)</f>
        <v>4.1112575709733186</v>
      </c>
      <c r="H190" cm="1">
        <f t="array" ref="H190">IFERROR(INDEX(Jesper!AL$2:AL$366,ROUNDDOWN($C190/24,0)+1,1)*INDEX($D$3:$AA$30,INDEX(Jesper!$R$2:$R$366,ROW(INDEX(Jesper!AL$2:AL$366,ROUNDDOWN($C190/24,0)+1,1))-1)+IF('Standard Profiles'!$G$22=$B$10,7,0)+IF('Standard Profiles'!$G$22=$B$17,14,0)+IF('Standard Profiles'!$G$22=$B$24,21,0),MOD($C190,24)+1)/SUM(INDEX($D$3:$AA$30,INDEX(Jesper!$R$2:$R$366,ROW(INDEX(Jesper!AL$2:AL$366,ROUNDDOWN($C190/24,0)+1,1))-1)+IF('Standard Profiles'!$G$22=$B$10,7,0)+IF('Standard Profiles'!$G$22=$B$17,14,0)+IF('Standard Profiles'!$G$22=$B$24,21,0),0)),0)</f>
        <v>3.7239790175125269</v>
      </c>
      <c r="I190">
        <f t="shared" si="34"/>
        <v>3.5750198568120277</v>
      </c>
      <c r="J190">
        <f t="shared" si="35"/>
        <v>10.829469836963591</v>
      </c>
      <c r="K190">
        <f t="shared" si="36"/>
        <v>0.32310493700999687</v>
      </c>
      <c r="L190">
        <f t="shared" si="37"/>
        <v>0.16155246850499844</v>
      </c>
      <c r="M190">
        <f t="shared" si="38"/>
        <v>0</v>
      </c>
      <c r="N190" s="45">
        <f t="shared" si="39"/>
        <v>44933.499999999622</v>
      </c>
      <c r="O190">
        <v>0.63763823765912098</v>
      </c>
      <c r="P190">
        <v>4.6903576870169807</v>
      </c>
      <c r="Q190">
        <v>0.21983344992531656</v>
      </c>
      <c r="R190">
        <v>0.10991672496265828</v>
      </c>
      <c r="S190">
        <v>0</v>
      </c>
      <c r="T190" s="45">
        <v>45066.49999999188</v>
      </c>
    </row>
    <row r="191" spans="2:21" x14ac:dyDescent="0.25">
      <c r="B191">
        <f t="shared" si="33"/>
        <v>6</v>
      </c>
      <c r="C191" s="16">
        <v>157</v>
      </c>
      <c r="D191" cm="1">
        <f t="array" ref="D191">IFERROR(INDEX(Jesper!AH$2:AH$366,ROUNDDOWN($C191/24,0)+1,1)*INDEX($D$3:$AA$30,INDEX(Jesper!$R$2:$R$366,ROW(INDEX(Jesper!AH$2:AH$366,ROUNDDOWN($C191/24,0)+1,1))-1)+IF('Standard Profiles'!$G$18=$B$10,7,0)+IF('Standard Profiles'!$G$18=$B$17,14,0)+IF('Standard Profiles'!$G$18=$B$24,21,0),MOD($C191,24)+1)/SUM(INDEX($D$3:$AA$30,INDEX(Jesper!$R$2:$R$366,ROW(INDEX(Jesper!AH$2:AH$366,ROUNDDOWN($C191/24,0)+1,1))-1)+IF('Standard Profiles'!$G$18=$B$10,7,0)+IF('Standard Profiles'!$G$18=$B$17,14,0)+IF('Standard Profiles'!$G$18=$B$24,21,0),0)),0)</f>
        <v>0</v>
      </c>
      <c r="E191" cm="1">
        <f t="array" ref="E191">IFERROR(INDEX(Jesper!AI$2:AI$366,ROUNDDOWN($C191/24,0)+1,1)*INDEX($D$3:$AA$30,INDEX(Jesper!$R$2:$R$366,ROW(INDEX(Jesper!AI$2:AI$366,ROUNDDOWN($C191/24,0)+1,1))-1)+IF('Standard Profiles'!$G$19=$B$10,7,0)+IF('Standard Profiles'!$G$19=$B$17,14,0)+IF('Standard Profiles'!$G$19=$B$24,21,0),MOD($C191,24)+1)/SUM(INDEX($D$3:$AA$30,INDEX(Jesper!$R$2:$R$366,ROW(INDEX(Jesper!AI$2:AI$366,ROUNDDOWN($C191/24,0)+1,1))-1)+IF('Standard Profiles'!$G$19=$B$10,7,0)+IF('Standard Profiles'!$G$19=$B$17,14,0)+IF('Standard Profiles'!$G$19=$B$24,21,0),0)),0)</f>
        <v>4.0388117126249607</v>
      </c>
      <c r="F191" cm="1">
        <f t="array" ref="F191">IFERROR(INDEX(Jesper!AJ$2:AJ$366,ROUNDDOWN($C191/24,0)+1,1)*INDEX($D$3:$AA$30,INDEX(Jesper!$R$2:$R$366,ROW(INDEX(Jesper!AJ$2:AJ$366,ROUNDDOWN($C191/24,0)+1,1))-1)+IF('Standard Profiles'!$G$20=$B$10,7,0)+IF('Standard Profiles'!$G$20=$B$17,14,0)+IF('Standard Profiles'!$G$20=$B$24,21,0),MOD($C191,24)+1)/SUM(INDEX($D$3:$AA$30,INDEX(Jesper!$R$2:$R$366,ROW(INDEX(Jesper!AJ$2:AJ$366,ROUNDDOWN($C191/24,0)+1,1))-1)+IF('Standard Profiles'!$G$20=$B$10,7,0)+IF('Standard Profiles'!$G$20=$B$17,14,0)+IF('Standard Profiles'!$G$20=$B$24,21,0),0)),0)</f>
        <v>3.0150987981798072</v>
      </c>
      <c r="G191" cm="1">
        <f t="array" ref="G191">IFERROR(INDEX(Jesper!AK$2:AK$366,ROUNDDOWN($C191/24,0)+1,1)*INDEX($D$3:$AA$30,INDEX(Jesper!$R$2:$R$366,ROW(INDEX(Jesper!AK$2:AK$366,ROUNDDOWN($C191/24,0)+1,1))-1)+IF('Standard Profiles'!$G$21=$B$10,7,0)+IF('Standard Profiles'!$G$21=$B$17,14,0)+IF('Standard Profiles'!$G$21=$B$24,21,0),MOD($C191,24)+1)/SUM(INDEX($D$3:$AA$30,INDEX(Jesper!$R$2:$R$366,ROW(INDEX(Jesper!AK$2:AK$366,ROUNDDOWN($C191/24,0)+1,1))-1)+IF('Standard Profiles'!$G$21=$B$10,7,0)+IF('Standard Profiles'!$G$21=$B$17,14,0)+IF('Standard Profiles'!$G$21=$B$24,21,0),0)),0)</f>
        <v>4.1112575709733186</v>
      </c>
      <c r="H191" cm="1">
        <f t="array" ref="H191">IFERROR(INDEX(Jesper!AL$2:AL$366,ROUNDDOWN($C191/24,0)+1,1)*INDEX($D$3:$AA$30,INDEX(Jesper!$R$2:$R$366,ROW(INDEX(Jesper!AL$2:AL$366,ROUNDDOWN($C191/24,0)+1,1))-1)+IF('Standard Profiles'!$G$22=$B$10,7,0)+IF('Standard Profiles'!$G$22=$B$17,14,0)+IF('Standard Profiles'!$G$22=$B$24,21,0),MOD($C191,24)+1)/SUM(INDEX($D$3:$AA$30,INDEX(Jesper!$R$2:$R$366,ROW(INDEX(Jesper!AL$2:AL$366,ROUNDDOWN($C191/24,0)+1,1))-1)+IF('Standard Profiles'!$G$22=$B$10,7,0)+IF('Standard Profiles'!$G$22=$B$17,14,0)+IF('Standard Profiles'!$G$22=$B$24,21,0),0)),0)</f>
        <v>3.7239790175125269</v>
      </c>
      <c r="I191">
        <f t="shared" si="34"/>
        <v>3.5750198568120277</v>
      </c>
      <c r="J191">
        <f t="shared" si="35"/>
        <v>10.829469836963591</v>
      </c>
      <c r="K191">
        <f t="shared" si="36"/>
        <v>0.32310493700999687</v>
      </c>
      <c r="L191">
        <f t="shared" si="37"/>
        <v>0.16155246850499844</v>
      </c>
      <c r="M191">
        <f t="shared" si="38"/>
        <v>0</v>
      </c>
      <c r="N191" s="45">
        <f t="shared" si="39"/>
        <v>44933.541666666286</v>
      </c>
      <c r="O191">
        <v>0.63763823765912098</v>
      </c>
      <c r="P191">
        <v>4.6903576870169807</v>
      </c>
      <c r="Q191">
        <v>0.21983344992531656</v>
      </c>
      <c r="R191">
        <v>0.10991672496265828</v>
      </c>
      <c r="S191">
        <v>0</v>
      </c>
      <c r="T191" s="45">
        <v>45066.541666658544</v>
      </c>
    </row>
    <row r="192" spans="2:21" x14ac:dyDescent="0.25">
      <c r="B192">
        <f t="shared" si="33"/>
        <v>6</v>
      </c>
      <c r="C192" s="16">
        <v>158</v>
      </c>
      <c r="D192" cm="1">
        <f t="array" ref="D192">IFERROR(INDEX(Jesper!AH$2:AH$366,ROUNDDOWN($C192/24,0)+1,1)*INDEX($D$3:$AA$30,INDEX(Jesper!$R$2:$R$366,ROW(INDEX(Jesper!AH$2:AH$366,ROUNDDOWN($C192/24,0)+1,1))-1)+IF('Standard Profiles'!$G$18=$B$10,7,0)+IF('Standard Profiles'!$G$18=$B$17,14,0)+IF('Standard Profiles'!$G$18=$B$24,21,0),MOD($C192,24)+1)/SUM(INDEX($D$3:$AA$30,INDEX(Jesper!$R$2:$R$366,ROW(INDEX(Jesper!AH$2:AH$366,ROUNDDOWN($C192/24,0)+1,1))-1)+IF('Standard Profiles'!$G$18=$B$10,7,0)+IF('Standard Profiles'!$G$18=$B$17,14,0)+IF('Standard Profiles'!$G$18=$B$24,21,0),0)),0)</f>
        <v>0</v>
      </c>
      <c r="E192" cm="1">
        <f t="array" ref="E192">IFERROR(INDEX(Jesper!AI$2:AI$366,ROUNDDOWN($C192/24,0)+1,1)*INDEX($D$3:$AA$30,INDEX(Jesper!$R$2:$R$366,ROW(INDEX(Jesper!AI$2:AI$366,ROUNDDOWN($C192/24,0)+1,1))-1)+IF('Standard Profiles'!$G$19=$B$10,7,0)+IF('Standard Profiles'!$G$19=$B$17,14,0)+IF('Standard Profiles'!$G$19=$B$24,21,0),MOD($C192,24)+1)/SUM(INDEX($D$3:$AA$30,INDEX(Jesper!$R$2:$R$366,ROW(INDEX(Jesper!AI$2:AI$366,ROUNDDOWN($C192/24,0)+1,1))-1)+IF('Standard Profiles'!$G$19=$B$10,7,0)+IF('Standard Profiles'!$G$19=$B$17,14,0)+IF('Standard Profiles'!$G$19=$B$24,21,0),0)),0)</f>
        <v>4.0388117126249607</v>
      </c>
      <c r="F192" cm="1">
        <f t="array" ref="F192">IFERROR(INDEX(Jesper!AJ$2:AJ$366,ROUNDDOWN($C192/24,0)+1,1)*INDEX($D$3:$AA$30,INDEX(Jesper!$R$2:$R$366,ROW(INDEX(Jesper!AJ$2:AJ$366,ROUNDDOWN($C192/24,0)+1,1))-1)+IF('Standard Profiles'!$G$20=$B$10,7,0)+IF('Standard Profiles'!$G$20=$B$17,14,0)+IF('Standard Profiles'!$G$20=$B$24,21,0),MOD($C192,24)+1)/SUM(INDEX($D$3:$AA$30,INDEX(Jesper!$R$2:$R$366,ROW(INDEX(Jesper!AJ$2:AJ$366,ROUNDDOWN($C192/24,0)+1,1))-1)+IF('Standard Profiles'!$G$20=$B$10,7,0)+IF('Standard Profiles'!$G$20=$B$17,14,0)+IF('Standard Profiles'!$G$20=$B$24,21,0),0)),0)</f>
        <v>3.0150987981798072</v>
      </c>
      <c r="G192" cm="1">
        <f t="array" ref="G192">IFERROR(INDEX(Jesper!AK$2:AK$366,ROUNDDOWN($C192/24,0)+1,1)*INDEX($D$3:$AA$30,INDEX(Jesper!$R$2:$R$366,ROW(INDEX(Jesper!AK$2:AK$366,ROUNDDOWN($C192/24,0)+1,1))-1)+IF('Standard Profiles'!$G$21=$B$10,7,0)+IF('Standard Profiles'!$G$21=$B$17,14,0)+IF('Standard Profiles'!$G$21=$B$24,21,0),MOD($C192,24)+1)/SUM(INDEX($D$3:$AA$30,INDEX(Jesper!$R$2:$R$366,ROW(INDEX(Jesper!AK$2:AK$366,ROUNDDOWN($C192/24,0)+1,1))-1)+IF('Standard Profiles'!$G$21=$B$10,7,0)+IF('Standard Profiles'!$G$21=$B$17,14,0)+IF('Standard Profiles'!$G$21=$B$24,21,0),0)),0)</f>
        <v>4.1112575709733186</v>
      </c>
      <c r="H192" cm="1">
        <f t="array" ref="H192">IFERROR(INDEX(Jesper!AL$2:AL$366,ROUNDDOWN($C192/24,0)+1,1)*INDEX($D$3:$AA$30,INDEX(Jesper!$R$2:$R$366,ROW(INDEX(Jesper!AL$2:AL$366,ROUNDDOWN($C192/24,0)+1,1))-1)+IF('Standard Profiles'!$G$22=$B$10,7,0)+IF('Standard Profiles'!$G$22=$B$17,14,0)+IF('Standard Profiles'!$G$22=$B$24,21,0),MOD($C192,24)+1)/SUM(INDEX($D$3:$AA$30,INDEX(Jesper!$R$2:$R$366,ROW(INDEX(Jesper!AL$2:AL$366,ROUNDDOWN($C192/24,0)+1,1))-1)+IF('Standard Profiles'!$G$22=$B$10,7,0)+IF('Standard Profiles'!$G$22=$B$17,14,0)+IF('Standard Profiles'!$G$22=$B$24,21,0),0)),0)</f>
        <v>3.7239790175125269</v>
      </c>
      <c r="I192">
        <f t="shared" si="34"/>
        <v>3.5750198568120277</v>
      </c>
      <c r="J192">
        <f t="shared" si="35"/>
        <v>10.829469836963591</v>
      </c>
      <c r="K192">
        <f t="shared" si="36"/>
        <v>0.32310493700999687</v>
      </c>
      <c r="L192">
        <f t="shared" si="37"/>
        <v>0.16155246850499844</v>
      </c>
      <c r="M192">
        <f t="shared" si="38"/>
        <v>0</v>
      </c>
      <c r="N192" s="45">
        <f t="shared" si="39"/>
        <v>44933.58333333295</v>
      </c>
      <c r="O192">
        <v>0.63763823765912098</v>
      </c>
      <c r="P192">
        <v>4.6903576870169807</v>
      </c>
      <c r="Q192">
        <v>0.21983344992531656</v>
      </c>
      <c r="R192">
        <v>0.10991672496265828</v>
      </c>
      <c r="S192">
        <v>0</v>
      </c>
      <c r="T192" s="45">
        <v>45066.583333325209</v>
      </c>
    </row>
    <row r="193" spans="2:20" x14ac:dyDescent="0.25">
      <c r="B193">
        <f t="shared" si="33"/>
        <v>6</v>
      </c>
      <c r="C193" s="16">
        <v>159</v>
      </c>
      <c r="D193" cm="1">
        <f t="array" ref="D193">IFERROR(INDEX(Jesper!AH$2:AH$366,ROUNDDOWN($C193/24,0)+1,1)*INDEX($D$3:$AA$30,INDEX(Jesper!$R$2:$R$366,ROW(INDEX(Jesper!AH$2:AH$366,ROUNDDOWN($C193/24,0)+1,1))-1)+IF('Standard Profiles'!$G$18=$B$10,7,0)+IF('Standard Profiles'!$G$18=$B$17,14,0)+IF('Standard Profiles'!$G$18=$B$24,21,0),MOD($C193,24)+1)/SUM(INDEX($D$3:$AA$30,INDEX(Jesper!$R$2:$R$366,ROW(INDEX(Jesper!AH$2:AH$366,ROUNDDOWN($C193/24,0)+1,1))-1)+IF('Standard Profiles'!$G$18=$B$10,7,0)+IF('Standard Profiles'!$G$18=$B$17,14,0)+IF('Standard Profiles'!$G$18=$B$24,21,0),0)),0)</f>
        <v>0</v>
      </c>
      <c r="E193" cm="1">
        <f t="array" ref="E193">IFERROR(INDEX(Jesper!AI$2:AI$366,ROUNDDOWN($C193/24,0)+1,1)*INDEX($D$3:$AA$30,INDEX(Jesper!$R$2:$R$366,ROW(INDEX(Jesper!AI$2:AI$366,ROUNDDOWN($C193/24,0)+1,1))-1)+IF('Standard Profiles'!$G$19=$B$10,7,0)+IF('Standard Profiles'!$G$19=$B$17,14,0)+IF('Standard Profiles'!$G$19=$B$24,21,0),MOD($C193,24)+1)/SUM(INDEX($D$3:$AA$30,INDEX(Jesper!$R$2:$R$366,ROW(INDEX(Jesper!AI$2:AI$366,ROUNDDOWN($C193/24,0)+1,1))-1)+IF('Standard Profiles'!$G$19=$B$10,7,0)+IF('Standard Profiles'!$G$19=$B$17,14,0)+IF('Standard Profiles'!$G$19=$B$24,21,0),0)),0)</f>
        <v>4.0388117126249607</v>
      </c>
      <c r="F193" cm="1">
        <f t="array" ref="F193">IFERROR(INDEX(Jesper!AJ$2:AJ$366,ROUNDDOWN($C193/24,0)+1,1)*INDEX($D$3:$AA$30,INDEX(Jesper!$R$2:$R$366,ROW(INDEX(Jesper!AJ$2:AJ$366,ROUNDDOWN($C193/24,0)+1,1))-1)+IF('Standard Profiles'!$G$20=$B$10,7,0)+IF('Standard Profiles'!$G$20=$B$17,14,0)+IF('Standard Profiles'!$G$20=$B$24,21,0),MOD($C193,24)+1)/SUM(INDEX($D$3:$AA$30,INDEX(Jesper!$R$2:$R$366,ROW(INDEX(Jesper!AJ$2:AJ$366,ROUNDDOWN($C193/24,0)+1,1))-1)+IF('Standard Profiles'!$G$20=$B$10,7,0)+IF('Standard Profiles'!$G$20=$B$17,14,0)+IF('Standard Profiles'!$G$20=$B$24,21,0),0)),0)</f>
        <v>3.0150987981798072</v>
      </c>
      <c r="G193" cm="1">
        <f t="array" ref="G193">IFERROR(INDEX(Jesper!AK$2:AK$366,ROUNDDOWN($C193/24,0)+1,1)*INDEX($D$3:$AA$30,INDEX(Jesper!$R$2:$R$366,ROW(INDEX(Jesper!AK$2:AK$366,ROUNDDOWN($C193/24,0)+1,1))-1)+IF('Standard Profiles'!$G$21=$B$10,7,0)+IF('Standard Profiles'!$G$21=$B$17,14,0)+IF('Standard Profiles'!$G$21=$B$24,21,0),MOD($C193,24)+1)/SUM(INDEX($D$3:$AA$30,INDEX(Jesper!$R$2:$R$366,ROW(INDEX(Jesper!AK$2:AK$366,ROUNDDOWN($C193/24,0)+1,1))-1)+IF('Standard Profiles'!$G$21=$B$10,7,0)+IF('Standard Profiles'!$G$21=$B$17,14,0)+IF('Standard Profiles'!$G$21=$B$24,21,0),0)),0)</f>
        <v>4.1112575709733186</v>
      </c>
      <c r="H193" cm="1">
        <f t="array" ref="H193">IFERROR(INDEX(Jesper!AL$2:AL$366,ROUNDDOWN($C193/24,0)+1,1)*INDEX($D$3:$AA$30,INDEX(Jesper!$R$2:$R$366,ROW(INDEX(Jesper!AL$2:AL$366,ROUNDDOWN($C193/24,0)+1,1))-1)+IF('Standard Profiles'!$G$22=$B$10,7,0)+IF('Standard Profiles'!$G$22=$B$17,14,0)+IF('Standard Profiles'!$G$22=$B$24,21,0),MOD($C193,24)+1)/SUM(INDEX($D$3:$AA$30,INDEX(Jesper!$R$2:$R$366,ROW(INDEX(Jesper!AL$2:AL$366,ROUNDDOWN($C193/24,0)+1,1))-1)+IF('Standard Profiles'!$G$22=$B$10,7,0)+IF('Standard Profiles'!$G$22=$B$17,14,0)+IF('Standard Profiles'!$G$22=$B$24,21,0),0)),0)</f>
        <v>3.3668851391209147</v>
      </c>
      <c r="I193">
        <f t="shared" si="34"/>
        <v>3.23220973355608</v>
      </c>
      <c r="J193">
        <f t="shared" si="35"/>
        <v>10.815186081827926</v>
      </c>
      <c r="K193">
        <f t="shared" si="36"/>
        <v>0.32310493700999687</v>
      </c>
      <c r="L193">
        <f t="shared" si="37"/>
        <v>0.16155246850499844</v>
      </c>
      <c r="M193">
        <f t="shared" si="38"/>
        <v>0</v>
      </c>
      <c r="N193" s="45">
        <f t="shared" si="39"/>
        <v>44933.624999999614</v>
      </c>
      <c r="O193">
        <v>0.57649484500687653</v>
      </c>
      <c r="P193">
        <v>4.6878100456564704</v>
      </c>
      <c r="Q193">
        <v>0.21983344992531656</v>
      </c>
      <c r="R193">
        <v>0.10991672496265828</v>
      </c>
      <c r="S193">
        <v>0</v>
      </c>
      <c r="T193" s="45">
        <v>45066.624999991873</v>
      </c>
    </row>
    <row r="194" spans="2:20" x14ac:dyDescent="0.25">
      <c r="B194">
        <f t="shared" si="33"/>
        <v>6</v>
      </c>
      <c r="C194" s="16">
        <v>160</v>
      </c>
      <c r="D194" cm="1">
        <f t="array" ref="D194">IFERROR(INDEX(Jesper!AH$2:AH$366,ROUNDDOWN($C194/24,0)+1,1)*INDEX($D$3:$AA$30,INDEX(Jesper!$R$2:$R$366,ROW(INDEX(Jesper!AH$2:AH$366,ROUNDDOWN($C194/24,0)+1,1))-1)+IF('Standard Profiles'!$G$18=$B$10,7,0)+IF('Standard Profiles'!$G$18=$B$17,14,0)+IF('Standard Profiles'!$G$18=$B$24,21,0),MOD($C194,24)+1)/SUM(INDEX($D$3:$AA$30,INDEX(Jesper!$R$2:$R$366,ROW(INDEX(Jesper!AH$2:AH$366,ROUNDDOWN($C194/24,0)+1,1))-1)+IF('Standard Profiles'!$G$18=$B$10,7,0)+IF('Standard Profiles'!$G$18=$B$17,14,0)+IF('Standard Profiles'!$G$18=$B$24,21,0),0)),0)</f>
        <v>0</v>
      </c>
      <c r="E194" cm="1">
        <f t="array" ref="E194">IFERROR(INDEX(Jesper!AI$2:AI$366,ROUNDDOWN($C194/24,0)+1,1)*INDEX($D$3:$AA$30,INDEX(Jesper!$R$2:$R$366,ROW(INDEX(Jesper!AI$2:AI$366,ROUNDDOWN($C194/24,0)+1,1))-1)+IF('Standard Profiles'!$G$19=$B$10,7,0)+IF('Standard Profiles'!$G$19=$B$17,14,0)+IF('Standard Profiles'!$G$19=$B$24,21,0),MOD($C194,24)+1)/SUM(INDEX($D$3:$AA$30,INDEX(Jesper!$R$2:$R$366,ROW(INDEX(Jesper!AI$2:AI$366,ROUNDDOWN($C194/24,0)+1,1))-1)+IF('Standard Profiles'!$G$19=$B$10,7,0)+IF('Standard Profiles'!$G$19=$B$17,14,0)+IF('Standard Profiles'!$G$19=$B$24,21,0),0)),0)</f>
        <v>4.0388117126249607</v>
      </c>
      <c r="F194" cm="1">
        <f t="array" ref="F194">IFERROR(INDEX(Jesper!AJ$2:AJ$366,ROUNDDOWN($C194/24,0)+1,1)*INDEX($D$3:$AA$30,INDEX(Jesper!$R$2:$R$366,ROW(INDEX(Jesper!AJ$2:AJ$366,ROUNDDOWN($C194/24,0)+1,1))-1)+IF('Standard Profiles'!$G$20=$B$10,7,0)+IF('Standard Profiles'!$G$20=$B$17,14,0)+IF('Standard Profiles'!$G$20=$B$24,21,0),MOD($C194,24)+1)/SUM(INDEX($D$3:$AA$30,INDEX(Jesper!$R$2:$R$366,ROW(INDEX(Jesper!AJ$2:AJ$366,ROUNDDOWN($C194/24,0)+1,1))-1)+IF('Standard Profiles'!$G$20=$B$10,7,0)+IF('Standard Profiles'!$G$20=$B$17,14,0)+IF('Standard Profiles'!$G$20=$B$24,21,0),0)),0)</f>
        <v>3.0150987981798072</v>
      </c>
      <c r="G194" cm="1">
        <f t="array" ref="G194">IFERROR(INDEX(Jesper!AK$2:AK$366,ROUNDDOWN($C194/24,0)+1,1)*INDEX($D$3:$AA$30,INDEX(Jesper!$R$2:$R$366,ROW(INDEX(Jesper!AK$2:AK$366,ROUNDDOWN($C194/24,0)+1,1))-1)+IF('Standard Profiles'!$G$21=$B$10,7,0)+IF('Standard Profiles'!$G$21=$B$17,14,0)+IF('Standard Profiles'!$G$21=$B$24,21,0),MOD($C194,24)+1)/SUM(INDEX($D$3:$AA$30,INDEX(Jesper!$R$2:$R$366,ROW(INDEX(Jesper!AK$2:AK$366,ROUNDDOWN($C194/24,0)+1,1))-1)+IF('Standard Profiles'!$G$21=$B$10,7,0)+IF('Standard Profiles'!$G$21=$B$17,14,0)+IF('Standard Profiles'!$G$21=$B$24,21,0),0)),0)</f>
        <v>4.1112575709733186</v>
      </c>
      <c r="H194" cm="1">
        <f t="array" ref="H194">IFERROR(INDEX(Jesper!AL$2:AL$366,ROUNDDOWN($C194/24,0)+1,1)*INDEX($D$3:$AA$30,INDEX(Jesper!$R$2:$R$366,ROW(INDEX(Jesper!AL$2:AL$366,ROUNDDOWN($C194/24,0)+1,1))-1)+IF('Standard Profiles'!$G$22=$B$10,7,0)+IF('Standard Profiles'!$G$22=$B$17,14,0)+IF('Standard Profiles'!$G$22=$B$24,21,0),MOD($C194,24)+1)/SUM(INDEX($D$3:$AA$30,INDEX(Jesper!$R$2:$R$366,ROW(INDEX(Jesper!AL$2:AL$366,ROUNDDOWN($C194/24,0)+1,1))-1)+IF('Standard Profiles'!$G$22=$B$10,7,0)+IF('Standard Profiles'!$G$22=$B$17,14,0)+IF('Standard Profiles'!$G$22=$B$24,21,0),0)),0)</f>
        <v>3.0608046719281043</v>
      </c>
      <c r="I194">
        <f t="shared" si="34"/>
        <v>2.9383724850509818</v>
      </c>
      <c r="J194">
        <f t="shared" si="35"/>
        <v>10.802942863140213</v>
      </c>
      <c r="K194">
        <f t="shared" si="36"/>
        <v>0.32310493700999687</v>
      </c>
      <c r="L194">
        <f t="shared" si="37"/>
        <v>0.16155246850499844</v>
      </c>
      <c r="M194">
        <f t="shared" si="38"/>
        <v>0</v>
      </c>
      <c r="N194" s="45">
        <f t="shared" si="39"/>
        <v>44933.666666666279</v>
      </c>
      <c r="O194">
        <v>0.52408622273352401</v>
      </c>
      <c r="P194">
        <v>4.685626353061747</v>
      </c>
      <c r="Q194">
        <v>0.21983344992531656</v>
      </c>
      <c r="R194">
        <v>0.10991672496265828</v>
      </c>
      <c r="S194">
        <v>0</v>
      </c>
      <c r="T194" s="45">
        <v>45066.666666658537</v>
      </c>
    </row>
    <row r="195" spans="2:20" x14ac:dyDescent="0.25">
      <c r="B195">
        <f t="shared" si="33"/>
        <v>6</v>
      </c>
      <c r="C195" s="16">
        <v>161</v>
      </c>
      <c r="D195" cm="1">
        <f t="array" ref="D195">IFERROR(INDEX(Jesper!AH$2:AH$366,ROUNDDOWN($C195/24,0)+1,1)*INDEX($D$3:$AA$30,INDEX(Jesper!$R$2:$R$366,ROW(INDEX(Jesper!AH$2:AH$366,ROUNDDOWN($C195/24,0)+1,1))-1)+IF('Standard Profiles'!$G$18=$B$10,7,0)+IF('Standard Profiles'!$G$18=$B$17,14,0)+IF('Standard Profiles'!$G$18=$B$24,21,0),MOD($C195,24)+1)/SUM(INDEX($D$3:$AA$30,INDEX(Jesper!$R$2:$R$366,ROW(INDEX(Jesper!AH$2:AH$366,ROUNDDOWN($C195/24,0)+1,1))-1)+IF('Standard Profiles'!$G$18=$B$10,7,0)+IF('Standard Profiles'!$G$18=$B$17,14,0)+IF('Standard Profiles'!$G$18=$B$24,21,0),0)),0)</f>
        <v>0</v>
      </c>
      <c r="E195" cm="1">
        <f t="array" ref="E195">IFERROR(INDEX(Jesper!AI$2:AI$366,ROUNDDOWN($C195/24,0)+1,1)*INDEX($D$3:$AA$30,INDEX(Jesper!$R$2:$R$366,ROW(INDEX(Jesper!AI$2:AI$366,ROUNDDOWN($C195/24,0)+1,1))-1)+IF('Standard Profiles'!$G$19=$B$10,7,0)+IF('Standard Profiles'!$G$19=$B$17,14,0)+IF('Standard Profiles'!$G$19=$B$24,21,0),MOD($C195,24)+1)/SUM(INDEX($D$3:$AA$30,INDEX(Jesper!$R$2:$R$366,ROW(INDEX(Jesper!AI$2:AI$366,ROUNDDOWN($C195/24,0)+1,1))-1)+IF('Standard Profiles'!$G$19=$B$10,7,0)+IF('Standard Profiles'!$G$19=$B$17,14,0)+IF('Standard Profiles'!$G$19=$B$24,21,0),0)),0)</f>
        <v>4.0388117126249607</v>
      </c>
      <c r="F195" cm="1">
        <f t="array" ref="F195">IFERROR(INDEX(Jesper!AJ$2:AJ$366,ROUNDDOWN($C195/24,0)+1,1)*INDEX($D$3:$AA$30,INDEX(Jesper!$R$2:$R$366,ROW(INDEX(Jesper!AJ$2:AJ$366,ROUNDDOWN($C195/24,0)+1,1))-1)+IF('Standard Profiles'!$G$20=$B$10,7,0)+IF('Standard Profiles'!$G$20=$B$17,14,0)+IF('Standard Profiles'!$G$20=$B$24,21,0),MOD($C195,24)+1)/SUM(INDEX($D$3:$AA$30,INDEX(Jesper!$R$2:$R$366,ROW(INDEX(Jesper!AJ$2:AJ$366,ROUNDDOWN($C195/24,0)+1,1))-1)+IF('Standard Profiles'!$G$20=$B$10,7,0)+IF('Standard Profiles'!$G$20=$B$17,14,0)+IF('Standard Profiles'!$G$20=$B$24,21,0),0)),0)</f>
        <v>3.0150987981798072</v>
      </c>
      <c r="G195" cm="1">
        <f t="array" ref="G195">IFERROR(INDEX(Jesper!AK$2:AK$366,ROUNDDOWN($C195/24,0)+1,1)*INDEX($D$3:$AA$30,INDEX(Jesper!$R$2:$R$366,ROW(INDEX(Jesper!AK$2:AK$366,ROUNDDOWN($C195/24,0)+1,1))-1)+IF('Standard Profiles'!$G$21=$B$10,7,0)+IF('Standard Profiles'!$G$21=$B$17,14,0)+IF('Standard Profiles'!$G$21=$B$24,21,0),MOD($C195,24)+1)/SUM(INDEX($D$3:$AA$30,INDEX(Jesper!$R$2:$R$366,ROW(INDEX(Jesper!AK$2:AK$366,ROUNDDOWN($C195/24,0)+1,1))-1)+IF('Standard Profiles'!$G$21=$B$10,7,0)+IF('Standard Profiles'!$G$21=$B$17,14,0)+IF('Standard Profiles'!$G$21=$B$24,21,0),0)),0)</f>
        <v>4.1112575709733186</v>
      </c>
      <c r="H195" cm="1">
        <f t="array" ref="H195">IFERROR(INDEX(Jesper!AL$2:AL$366,ROUNDDOWN($C195/24,0)+1,1)*INDEX($D$3:$AA$30,INDEX(Jesper!$R$2:$R$366,ROW(INDEX(Jesper!AL$2:AL$366,ROUNDDOWN($C195/24,0)+1,1))-1)+IF('Standard Profiles'!$G$22=$B$10,7,0)+IF('Standard Profiles'!$G$22=$B$17,14,0)+IF('Standard Profiles'!$G$22=$B$24,21,0),MOD($C195,24)+1)/SUM(INDEX($D$3:$AA$30,INDEX(Jesper!$R$2:$R$366,ROW(INDEX(Jesper!AL$2:AL$366,ROUNDDOWN($C195/24,0)+1,1))-1)+IF('Standard Profiles'!$G$22=$B$10,7,0)+IF('Standard Profiles'!$G$22=$B$17,14,0)+IF('Standard Profiles'!$G$22=$B$24,21,0),0)),0)</f>
        <v>2.754724204735294</v>
      </c>
      <c r="I195">
        <f t="shared" si="34"/>
        <v>2.6445352365458836</v>
      </c>
      <c r="J195">
        <f t="shared" si="35"/>
        <v>10.790699644452502</v>
      </c>
      <c r="K195">
        <f t="shared" si="36"/>
        <v>0.32310493700999687</v>
      </c>
      <c r="L195">
        <f t="shared" si="37"/>
        <v>0.16155246850499844</v>
      </c>
      <c r="M195">
        <f t="shared" si="38"/>
        <v>0</v>
      </c>
      <c r="N195" s="45">
        <f t="shared" si="39"/>
        <v>44933.708333332943</v>
      </c>
      <c r="O195">
        <v>0.47167760046017165</v>
      </c>
      <c r="P195">
        <v>4.6834426604670245</v>
      </c>
      <c r="Q195">
        <v>0.21983344992531656</v>
      </c>
      <c r="R195">
        <v>0.10991672496265828</v>
      </c>
      <c r="S195">
        <v>0</v>
      </c>
      <c r="T195" s="45">
        <v>45066.708333325201</v>
      </c>
    </row>
    <row r="196" spans="2:20" x14ac:dyDescent="0.25">
      <c r="B196">
        <f t="shared" si="33"/>
        <v>6</v>
      </c>
      <c r="C196" s="16">
        <v>162</v>
      </c>
      <c r="D196" cm="1">
        <f t="array" ref="D196">IFERROR(INDEX(Jesper!AH$2:AH$366,ROUNDDOWN($C196/24,0)+1,1)*INDEX($D$3:$AA$30,INDEX(Jesper!$R$2:$R$366,ROW(INDEX(Jesper!AH$2:AH$366,ROUNDDOWN($C196/24,0)+1,1))-1)+IF('Standard Profiles'!$G$18=$B$10,7,0)+IF('Standard Profiles'!$G$18=$B$17,14,0)+IF('Standard Profiles'!$G$18=$B$24,21,0),MOD($C196,24)+1)/SUM(INDEX($D$3:$AA$30,INDEX(Jesper!$R$2:$R$366,ROW(INDEX(Jesper!AH$2:AH$366,ROUNDDOWN($C196/24,0)+1,1))-1)+IF('Standard Profiles'!$G$18=$B$10,7,0)+IF('Standard Profiles'!$G$18=$B$17,14,0)+IF('Standard Profiles'!$G$18=$B$24,21,0),0)),0)</f>
        <v>0</v>
      </c>
      <c r="E196" cm="1">
        <f t="array" ref="E196">IFERROR(INDEX(Jesper!AI$2:AI$366,ROUNDDOWN($C196/24,0)+1,1)*INDEX($D$3:$AA$30,INDEX(Jesper!$R$2:$R$366,ROW(INDEX(Jesper!AI$2:AI$366,ROUNDDOWN($C196/24,0)+1,1))-1)+IF('Standard Profiles'!$G$19=$B$10,7,0)+IF('Standard Profiles'!$G$19=$B$17,14,0)+IF('Standard Profiles'!$G$19=$B$24,21,0),MOD($C196,24)+1)/SUM(INDEX($D$3:$AA$30,INDEX(Jesper!$R$2:$R$366,ROW(INDEX(Jesper!AI$2:AI$366,ROUNDDOWN($C196/24,0)+1,1))-1)+IF('Standard Profiles'!$G$19=$B$10,7,0)+IF('Standard Profiles'!$G$19=$B$17,14,0)+IF('Standard Profiles'!$G$19=$B$24,21,0),0)),0)</f>
        <v>4.0388117126249607</v>
      </c>
      <c r="F196" cm="1">
        <f t="array" ref="F196">IFERROR(INDEX(Jesper!AJ$2:AJ$366,ROUNDDOWN($C196/24,0)+1,1)*INDEX($D$3:$AA$30,INDEX(Jesper!$R$2:$R$366,ROW(INDEX(Jesper!AJ$2:AJ$366,ROUNDDOWN($C196/24,0)+1,1))-1)+IF('Standard Profiles'!$G$20=$B$10,7,0)+IF('Standard Profiles'!$G$20=$B$17,14,0)+IF('Standard Profiles'!$G$20=$B$24,21,0),MOD($C196,24)+1)/SUM(INDEX($D$3:$AA$30,INDEX(Jesper!$R$2:$R$366,ROW(INDEX(Jesper!AJ$2:AJ$366,ROUNDDOWN($C196/24,0)+1,1))-1)+IF('Standard Profiles'!$G$20=$B$10,7,0)+IF('Standard Profiles'!$G$20=$B$17,14,0)+IF('Standard Profiles'!$G$20=$B$24,21,0),0)),0)</f>
        <v>3.0150987981798072</v>
      </c>
      <c r="G196" cm="1">
        <f t="array" ref="G196">IFERROR(INDEX(Jesper!AK$2:AK$366,ROUNDDOWN($C196/24,0)+1,1)*INDEX($D$3:$AA$30,INDEX(Jesper!$R$2:$R$366,ROW(INDEX(Jesper!AK$2:AK$366,ROUNDDOWN($C196/24,0)+1,1))-1)+IF('Standard Profiles'!$G$21=$B$10,7,0)+IF('Standard Profiles'!$G$21=$B$17,14,0)+IF('Standard Profiles'!$G$21=$B$24,21,0),MOD($C196,24)+1)/SUM(INDEX($D$3:$AA$30,INDEX(Jesper!$R$2:$R$366,ROW(INDEX(Jesper!AK$2:AK$366,ROUNDDOWN($C196/24,0)+1,1))-1)+IF('Standard Profiles'!$G$21=$B$10,7,0)+IF('Standard Profiles'!$G$21=$B$17,14,0)+IF('Standard Profiles'!$G$21=$B$24,21,0),0)),0)</f>
        <v>4.1112575709733186</v>
      </c>
      <c r="H196" cm="1">
        <f t="array" ref="H196">IFERROR(INDEX(Jesper!AL$2:AL$366,ROUNDDOWN($C196/24,0)+1,1)*INDEX($D$3:$AA$30,INDEX(Jesper!$R$2:$R$366,ROW(INDEX(Jesper!AL$2:AL$366,ROUNDDOWN($C196/24,0)+1,1))-1)+IF('Standard Profiles'!$G$22=$B$10,7,0)+IF('Standard Profiles'!$G$22=$B$17,14,0)+IF('Standard Profiles'!$G$22=$B$24,21,0),MOD($C196,24)+1)/SUM(INDEX($D$3:$AA$30,INDEX(Jesper!$R$2:$R$366,ROW(INDEX(Jesper!AL$2:AL$366,ROUNDDOWN($C196/24,0)+1,1))-1)+IF('Standard Profiles'!$G$22=$B$10,7,0)+IF('Standard Profiles'!$G$22=$B$17,14,0)+IF('Standard Profiles'!$G$22=$B$24,21,0),0)),0)</f>
        <v>2.6526973823376903</v>
      </c>
      <c r="I196">
        <f t="shared" si="34"/>
        <v>2.5465894870441841</v>
      </c>
      <c r="J196">
        <f t="shared" si="35"/>
        <v>10.786618571556598</v>
      </c>
      <c r="K196">
        <f t="shared" si="36"/>
        <v>0.32310493700999687</v>
      </c>
      <c r="L196">
        <f t="shared" si="37"/>
        <v>0.16155246850499844</v>
      </c>
      <c r="M196">
        <f t="shared" si="38"/>
        <v>0</v>
      </c>
      <c r="N196" s="45">
        <f t="shared" si="39"/>
        <v>44933.749999999607</v>
      </c>
      <c r="O196">
        <v>0.45420805970238748</v>
      </c>
      <c r="P196">
        <v>4.6827147629354497</v>
      </c>
      <c r="Q196">
        <v>0.21983344992531656</v>
      </c>
      <c r="R196">
        <v>0.10991672496265828</v>
      </c>
      <c r="S196">
        <v>0</v>
      </c>
      <c r="T196" s="45">
        <v>45066.749999991865</v>
      </c>
    </row>
    <row r="197" spans="2:20" x14ac:dyDescent="0.25">
      <c r="B197">
        <f t="shared" si="33"/>
        <v>6</v>
      </c>
      <c r="C197" s="16">
        <v>163</v>
      </c>
      <c r="D197" cm="1">
        <f t="array" ref="D197">IFERROR(INDEX(Jesper!AH$2:AH$366,ROUNDDOWN($C197/24,0)+1,1)*INDEX($D$3:$AA$30,INDEX(Jesper!$R$2:$R$366,ROW(INDEX(Jesper!AH$2:AH$366,ROUNDDOWN($C197/24,0)+1,1))-1)+IF('Standard Profiles'!$G$18=$B$10,7,0)+IF('Standard Profiles'!$G$18=$B$17,14,0)+IF('Standard Profiles'!$G$18=$B$24,21,0),MOD($C197,24)+1)/SUM(INDEX($D$3:$AA$30,INDEX(Jesper!$R$2:$R$366,ROW(INDEX(Jesper!AH$2:AH$366,ROUNDDOWN($C197/24,0)+1,1))-1)+IF('Standard Profiles'!$G$18=$B$10,7,0)+IF('Standard Profiles'!$G$18=$B$17,14,0)+IF('Standard Profiles'!$G$18=$B$24,21,0),0)),0)</f>
        <v>0</v>
      </c>
      <c r="E197" cm="1">
        <f t="array" ref="E197">IFERROR(INDEX(Jesper!AI$2:AI$366,ROUNDDOWN($C197/24,0)+1,1)*INDEX($D$3:$AA$30,INDEX(Jesper!$R$2:$R$366,ROW(INDEX(Jesper!AI$2:AI$366,ROUNDDOWN($C197/24,0)+1,1))-1)+IF('Standard Profiles'!$G$19=$B$10,7,0)+IF('Standard Profiles'!$G$19=$B$17,14,0)+IF('Standard Profiles'!$G$19=$B$24,21,0),MOD($C197,24)+1)/SUM(INDEX($D$3:$AA$30,INDEX(Jesper!$R$2:$R$366,ROW(INDEX(Jesper!AI$2:AI$366,ROUNDDOWN($C197/24,0)+1,1))-1)+IF('Standard Profiles'!$G$19=$B$10,7,0)+IF('Standard Profiles'!$G$19=$B$17,14,0)+IF('Standard Profiles'!$G$19=$B$24,21,0),0)),0)</f>
        <v>4.0388117126249607</v>
      </c>
      <c r="F197" cm="1">
        <f t="array" ref="F197">IFERROR(INDEX(Jesper!AJ$2:AJ$366,ROUNDDOWN($C197/24,0)+1,1)*INDEX($D$3:$AA$30,INDEX(Jesper!$R$2:$R$366,ROW(INDEX(Jesper!AJ$2:AJ$366,ROUNDDOWN($C197/24,0)+1,1))-1)+IF('Standard Profiles'!$G$20=$B$10,7,0)+IF('Standard Profiles'!$G$20=$B$17,14,0)+IF('Standard Profiles'!$G$20=$B$24,21,0),MOD($C197,24)+1)/SUM(INDEX($D$3:$AA$30,INDEX(Jesper!$R$2:$R$366,ROW(INDEX(Jesper!AJ$2:AJ$366,ROUNDDOWN($C197/24,0)+1,1))-1)+IF('Standard Profiles'!$G$20=$B$10,7,0)+IF('Standard Profiles'!$G$20=$B$17,14,0)+IF('Standard Profiles'!$G$20=$B$24,21,0),0)),0)</f>
        <v>3.0150987981798072</v>
      </c>
      <c r="G197" cm="1">
        <f t="array" ref="G197">IFERROR(INDEX(Jesper!AK$2:AK$366,ROUNDDOWN($C197/24,0)+1,1)*INDEX($D$3:$AA$30,INDEX(Jesper!$R$2:$R$366,ROW(INDEX(Jesper!AK$2:AK$366,ROUNDDOWN($C197/24,0)+1,1))-1)+IF('Standard Profiles'!$G$21=$B$10,7,0)+IF('Standard Profiles'!$G$21=$B$17,14,0)+IF('Standard Profiles'!$G$21=$B$24,21,0),MOD($C197,24)+1)/SUM(INDEX($D$3:$AA$30,INDEX(Jesper!$R$2:$R$366,ROW(INDEX(Jesper!AK$2:AK$366,ROUNDDOWN($C197/24,0)+1,1))-1)+IF('Standard Profiles'!$G$21=$B$10,7,0)+IF('Standard Profiles'!$G$21=$B$17,14,0)+IF('Standard Profiles'!$G$21=$B$24,21,0),0)),0)</f>
        <v>4.1112575709733186</v>
      </c>
      <c r="H197" cm="1">
        <f t="array" ref="H197">IFERROR(INDEX(Jesper!AL$2:AL$366,ROUNDDOWN($C197/24,0)+1,1)*INDEX($D$3:$AA$30,INDEX(Jesper!$R$2:$R$366,ROW(INDEX(Jesper!AL$2:AL$366,ROUNDDOWN($C197/24,0)+1,1))-1)+IF('Standard Profiles'!$G$22=$B$10,7,0)+IF('Standard Profiles'!$G$22=$B$17,14,0)+IF('Standard Profiles'!$G$22=$B$24,21,0),MOD($C197,24)+1)/SUM(INDEX($D$3:$AA$30,INDEX(Jesper!$R$2:$R$366,ROW(INDEX(Jesper!AL$2:AL$366,ROUNDDOWN($C197/24,0)+1,1))-1)+IF('Standard Profiles'!$G$22=$B$10,7,0)+IF('Standard Profiles'!$G$22=$B$17,14,0)+IF('Standard Profiles'!$G$22=$B$24,21,0),0)),0)</f>
        <v>2.1425632703496729</v>
      </c>
      <c r="I197">
        <f t="shared" si="34"/>
        <v>2.0568607395356873</v>
      </c>
      <c r="J197">
        <f t="shared" si="35"/>
        <v>10.766213207077078</v>
      </c>
      <c r="K197">
        <f t="shared" si="36"/>
        <v>0.32310493700999687</v>
      </c>
      <c r="L197">
        <f t="shared" si="37"/>
        <v>0.16155246850499844</v>
      </c>
      <c r="M197">
        <f t="shared" si="38"/>
        <v>0</v>
      </c>
      <c r="N197" s="45">
        <f t="shared" si="39"/>
        <v>44933.791666666271</v>
      </c>
      <c r="O197">
        <v>0.36686035591346683</v>
      </c>
      <c r="P197">
        <v>4.6790752752775786</v>
      </c>
      <c r="Q197">
        <v>0.21983344992531656</v>
      </c>
      <c r="R197">
        <v>0.10991672496265828</v>
      </c>
      <c r="S197">
        <v>0</v>
      </c>
      <c r="T197" s="45">
        <v>45066.79166665853</v>
      </c>
    </row>
    <row r="198" spans="2:20" x14ac:dyDescent="0.25">
      <c r="B198">
        <f t="shared" si="33"/>
        <v>6</v>
      </c>
      <c r="C198" s="16">
        <v>164</v>
      </c>
      <c r="D198" cm="1">
        <f t="array" ref="D198">IFERROR(INDEX(Jesper!AH$2:AH$366,ROUNDDOWN($C198/24,0)+1,1)*INDEX($D$3:$AA$30,INDEX(Jesper!$R$2:$R$366,ROW(INDEX(Jesper!AH$2:AH$366,ROUNDDOWN($C198/24,0)+1,1))-1)+IF('Standard Profiles'!$G$18=$B$10,7,0)+IF('Standard Profiles'!$G$18=$B$17,14,0)+IF('Standard Profiles'!$G$18=$B$24,21,0),MOD($C198,24)+1)/SUM(INDEX($D$3:$AA$30,INDEX(Jesper!$R$2:$R$366,ROW(INDEX(Jesper!AH$2:AH$366,ROUNDDOWN($C198/24,0)+1,1))-1)+IF('Standard Profiles'!$G$18=$B$10,7,0)+IF('Standard Profiles'!$G$18=$B$17,14,0)+IF('Standard Profiles'!$G$18=$B$24,21,0),0)),0)</f>
        <v>0</v>
      </c>
      <c r="E198" cm="1">
        <f t="array" ref="E198">IFERROR(INDEX(Jesper!AI$2:AI$366,ROUNDDOWN($C198/24,0)+1,1)*INDEX($D$3:$AA$30,INDEX(Jesper!$R$2:$R$366,ROW(INDEX(Jesper!AI$2:AI$366,ROUNDDOWN($C198/24,0)+1,1))-1)+IF('Standard Profiles'!$G$19=$B$10,7,0)+IF('Standard Profiles'!$G$19=$B$17,14,0)+IF('Standard Profiles'!$G$19=$B$24,21,0),MOD($C198,24)+1)/SUM(INDEX($D$3:$AA$30,INDEX(Jesper!$R$2:$R$366,ROW(INDEX(Jesper!AI$2:AI$366,ROUNDDOWN($C198/24,0)+1,1))-1)+IF('Standard Profiles'!$G$19=$B$10,7,0)+IF('Standard Profiles'!$G$19=$B$17,14,0)+IF('Standard Profiles'!$G$19=$B$24,21,0),0)),0)</f>
        <v>4.0388117126249607</v>
      </c>
      <c r="F198" cm="1">
        <f t="array" ref="F198">IFERROR(INDEX(Jesper!AJ$2:AJ$366,ROUNDDOWN($C198/24,0)+1,1)*INDEX($D$3:$AA$30,INDEX(Jesper!$R$2:$R$366,ROW(INDEX(Jesper!AJ$2:AJ$366,ROUNDDOWN($C198/24,0)+1,1))-1)+IF('Standard Profiles'!$G$20=$B$10,7,0)+IF('Standard Profiles'!$G$20=$B$17,14,0)+IF('Standard Profiles'!$G$20=$B$24,21,0),MOD($C198,24)+1)/SUM(INDEX($D$3:$AA$30,INDEX(Jesper!$R$2:$R$366,ROW(INDEX(Jesper!AJ$2:AJ$366,ROUNDDOWN($C198/24,0)+1,1))-1)+IF('Standard Profiles'!$G$20=$B$10,7,0)+IF('Standard Profiles'!$G$20=$B$17,14,0)+IF('Standard Profiles'!$G$20=$B$24,21,0),0)),0)</f>
        <v>3.0150987981798072</v>
      </c>
      <c r="G198" cm="1">
        <f t="array" ref="G198">IFERROR(INDEX(Jesper!AK$2:AK$366,ROUNDDOWN($C198/24,0)+1,1)*INDEX($D$3:$AA$30,INDEX(Jesper!$R$2:$R$366,ROW(INDEX(Jesper!AK$2:AK$366,ROUNDDOWN($C198/24,0)+1,1))-1)+IF('Standard Profiles'!$G$21=$B$10,7,0)+IF('Standard Profiles'!$G$21=$B$17,14,0)+IF('Standard Profiles'!$G$21=$B$24,21,0),MOD($C198,24)+1)/SUM(INDEX($D$3:$AA$30,INDEX(Jesper!$R$2:$R$366,ROW(INDEX(Jesper!AK$2:AK$366,ROUNDDOWN($C198/24,0)+1,1))-1)+IF('Standard Profiles'!$G$21=$B$10,7,0)+IF('Standard Profiles'!$G$21=$B$17,14,0)+IF('Standard Profiles'!$G$21=$B$24,21,0),0)),0)</f>
        <v>4.1112575709733186</v>
      </c>
      <c r="H198" cm="1">
        <f t="array" ref="H198">IFERROR(INDEX(Jesper!AL$2:AL$366,ROUNDDOWN($C198/24,0)+1,1)*INDEX($D$3:$AA$30,INDEX(Jesper!$R$2:$R$366,ROW(INDEX(Jesper!AL$2:AL$366,ROUNDDOWN($C198/24,0)+1,1))-1)+IF('Standard Profiles'!$G$22=$B$10,7,0)+IF('Standard Profiles'!$G$22=$B$17,14,0)+IF('Standard Profiles'!$G$22=$B$24,21,0),MOD($C198,24)+1)/SUM(INDEX($D$3:$AA$30,INDEX(Jesper!$R$2:$R$366,ROW(INDEX(Jesper!AL$2:AL$366,ROUNDDOWN($C198/24,0)+1,1))-1)+IF('Standard Profiles'!$G$22=$B$10,7,0)+IF('Standard Profiles'!$G$22=$B$17,14,0)+IF('Standard Profiles'!$G$22=$B$24,21,0),0)),0)</f>
        <v>1.5814157471628538</v>
      </c>
      <c r="I198">
        <f t="shared" si="34"/>
        <v>1.5181591172763405</v>
      </c>
      <c r="J198">
        <f t="shared" si="35"/>
        <v>10.743767306149605</v>
      </c>
      <c r="K198">
        <f t="shared" si="36"/>
        <v>0.32310493700999687</v>
      </c>
      <c r="L198">
        <f t="shared" si="37"/>
        <v>0.16155246850499844</v>
      </c>
      <c r="M198">
        <f t="shared" si="38"/>
        <v>0</v>
      </c>
      <c r="N198" s="45">
        <f t="shared" si="39"/>
        <v>44933.833333332936</v>
      </c>
      <c r="O198">
        <v>0.27077788174565409</v>
      </c>
      <c r="P198">
        <v>4.6750718388539196</v>
      </c>
      <c r="Q198">
        <v>0.21983344992531656</v>
      </c>
      <c r="R198">
        <v>0.10991672496265828</v>
      </c>
      <c r="S198">
        <v>0</v>
      </c>
      <c r="T198" s="45">
        <v>45066.833333325194</v>
      </c>
    </row>
    <row r="199" spans="2:20" x14ac:dyDescent="0.25">
      <c r="B199">
        <f t="shared" si="33"/>
        <v>6</v>
      </c>
      <c r="C199" s="16">
        <v>165</v>
      </c>
      <c r="D199" cm="1">
        <f t="array" ref="D199">IFERROR(INDEX(Jesper!AH$2:AH$366,ROUNDDOWN($C199/24,0)+1,1)*INDEX($D$3:$AA$30,INDEX(Jesper!$R$2:$R$366,ROW(INDEX(Jesper!AH$2:AH$366,ROUNDDOWN($C199/24,0)+1,1))-1)+IF('Standard Profiles'!$G$18=$B$10,7,0)+IF('Standard Profiles'!$G$18=$B$17,14,0)+IF('Standard Profiles'!$G$18=$B$24,21,0),MOD($C199,24)+1)/SUM(INDEX($D$3:$AA$30,INDEX(Jesper!$R$2:$R$366,ROW(INDEX(Jesper!AH$2:AH$366,ROUNDDOWN($C199/24,0)+1,1))-1)+IF('Standard Profiles'!$G$18=$B$10,7,0)+IF('Standard Profiles'!$G$18=$B$17,14,0)+IF('Standard Profiles'!$G$18=$B$24,21,0),0)),0)</f>
        <v>0</v>
      </c>
      <c r="E199" cm="1">
        <f t="array" ref="E199">IFERROR(INDEX(Jesper!AI$2:AI$366,ROUNDDOWN($C199/24,0)+1,1)*INDEX($D$3:$AA$30,INDEX(Jesper!$R$2:$R$366,ROW(INDEX(Jesper!AI$2:AI$366,ROUNDDOWN($C199/24,0)+1,1))-1)+IF('Standard Profiles'!$G$19=$B$10,7,0)+IF('Standard Profiles'!$G$19=$B$17,14,0)+IF('Standard Profiles'!$G$19=$B$24,21,0),MOD($C199,24)+1)/SUM(INDEX($D$3:$AA$30,INDEX(Jesper!$R$2:$R$366,ROW(INDEX(Jesper!AI$2:AI$366,ROUNDDOWN($C199/24,0)+1,1))-1)+IF('Standard Profiles'!$G$19=$B$10,7,0)+IF('Standard Profiles'!$G$19=$B$17,14,0)+IF('Standard Profiles'!$G$19=$B$24,21,0),0)),0)</f>
        <v>4.0388117126249607</v>
      </c>
      <c r="F199" cm="1">
        <f t="array" ref="F199">IFERROR(INDEX(Jesper!AJ$2:AJ$366,ROUNDDOWN($C199/24,0)+1,1)*INDEX($D$3:$AA$30,INDEX(Jesper!$R$2:$R$366,ROW(INDEX(Jesper!AJ$2:AJ$366,ROUNDDOWN($C199/24,0)+1,1))-1)+IF('Standard Profiles'!$G$20=$B$10,7,0)+IF('Standard Profiles'!$G$20=$B$17,14,0)+IF('Standard Profiles'!$G$20=$B$24,21,0),MOD($C199,24)+1)/SUM(INDEX($D$3:$AA$30,INDEX(Jesper!$R$2:$R$366,ROW(INDEX(Jesper!AJ$2:AJ$366,ROUNDDOWN($C199/24,0)+1,1))-1)+IF('Standard Profiles'!$G$20=$B$10,7,0)+IF('Standard Profiles'!$G$20=$B$17,14,0)+IF('Standard Profiles'!$G$20=$B$24,21,0),0)),0)</f>
        <v>3.0150987981798072</v>
      </c>
      <c r="G199" cm="1">
        <f t="array" ref="G199">IFERROR(INDEX(Jesper!AK$2:AK$366,ROUNDDOWN($C199/24,0)+1,1)*INDEX($D$3:$AA$30,INDEX(Jesper!$R$2:$R$366,ROW(INDEX(Jesper!AK$2:AK$366,ROUNDDOWN($C199/24,0)+1,1))-1)+IF('Standard Profiles'!$G$21=$B$10,7,0)+IF('Standard Profiles'!$G$21=$B$17,14,0)+IF('Standard Profiles'!$G$21=$B$24,21,0),MOD($C199,24)+1)/SUM(INDEX($D$3:$AA$30,INDEX(Jesper!$R$2:$R$366,ROW(INDEX(Jesper!AK$2:AK$366,ROUNDDOWN($C199/24,0)+1,1))-1)+IF('Standard Profiles'!$G$21=$B$10,7,0)+IF('Standard Profiles'!$G$21=$B$17,14,0)+IF('Standard Profiles'!$G$21=$B$24,21,0),0)),0)</f>
        <v>4.1112575709733186</v>
      </c>
      <c r="H199" cm="1">
        <f t="array" ref="H199">IFERROR(INDEX(Jesper!AL$2:AL$366,ROUNDDOWN($C199/24,0)+1,1)*INDEX($D$3:$AA$30,INDEX(Jesper!$R$2:$R$366,ROW(INDEX(Jesper!AL$2:AL$366,ROUNDDOWN($C199/24,0)+1,1))-1)+IF('Standard Profiles'!$G$22=$B$10,7,0)+IF('Standard Profiles'!$G$22=$B$17,14,0)+IF('Standard Profiles'!$G$22=$B$24,21,0),MOD($C199,24)+1)/SUM(INDEX($D$3:$AA$30,INDEX(Jesper!$R$2:$R$366,ROW(INDEX(Jesper!AL$2:AL$366,ROUNDDOWN($C199/24,0)+1,1))-1)+IF('Standard Profiles'!$G$22=$B$10,7,0)+IF('Standard Profiles'!$G$22=$B$17,14,0)+IF('Standard Profiles'!$G$22=$B$24,21,0),0)),0)</f>
        <v>1.5814157471628538</v>
      </c>
      <c r="I199">
        <f t="shared" si="34"/>
        <v>1.5181591172763405</v>
      </c>
      <c r="J199">
        <f t="shared" si="35"/>
        <v>10.743767306149605</v>
      </c>
      <c r="K199">
        <f t="shared" si="36"/>
        <v>0.32310493700999687</v>
      </c>
      <c r="L199">
        <f t="shared" si="37"/>
        <v>0.16155246850499844</v>
      </c>
      <c r="M199">
        <f t="shared" si="38"/>
        <v>0</v>
      </c>
      <c r="N199" s="45">
        <f t="shared" si="39"/>
        <v>44933.8749999996</v>
      </c>
      <c r="O199">
        <v>0.27077788174565409</v>
      </c>
      <c r="P199">
        <v>4.6750718388539196</v>
      </c>
      <c r="Q199">
        <v>0.21983344992531656</v>
      </c>
      <c r="R199">
        <v>0.10991672496265828</v>
      </c>
      <c r="S199">
        <v>0</v>
      </c>
      <c r="T199" s="45">
        <v>45066.874999991858</v>
      </c>
    </row>
    <row r="200" spans="2:20" x14ac:dyDescent="0.25">
      <c r="B200">
        <f t="shared" si="33"/>
        <v>6</v>
      </c>
      <c r="C200" s="16">
        <v>166</v>
      </c>
      <c r="D200" cm="1">
        <f t="array" ref="D200">IFERROR(INDEX(Jesper!AH$2:AH$366,ROUNDDOWN($C200/24,0)+1,1)*INDEX($D$3:$AA$30,INDEX(Jesper!$R$2:$R$366,ROW(INDEX(Jesper!AH$2:AH$366,ROUNDDOWN($C200/24,0)+1,1))-1)+IF('Standard Profiles'!$G$18=$B$10,7,0)+IF('Standard Profiles'!$G$18=$B$17,14,0)+IF('Standard Profiles'!$G$18=$B$24,21,0),MOD($C200,24)+1)/SUM(INDEX($D$3:$AA$30,INDEX(Jesper!$R$2:$R$366,ROW(INDEX(Jesper!AH$2:AH$366,ROUNDDOWN($C200/24,0)+1,1))-1)+IF('Standard Profiles'!$G$18=$B$10,7,0)+IF('Standard Profiles'!$G$18=$B$17,14,0)+IF('Standard Profiles'!$G$18=$B$24,21,0),0)),0)</f>
        <v>0</v>
      </c>
      <c r="E200" cm="1">
        <f t="array" ref="E200">IFERROR(INDEX(Jesper!AI$2:AI$366,ROUNDDOWN($C200/24,0)+1,1)*INDEX($D$3:$AA$30,INDEX(Jesper!$R$2:$R$366,ROW(INDEX(Jesper!AI$2:AI$366,ROUNDDOWN($C200/24,0)+1,1))-1)+IF('Standard Profiles'!$G$19=$B$10,7,0)+IF('Standard Profiles'!$G$19=$B$17,14,0)+IF('Standard Profiles'!$G$19=$B$24,21,0),MOD($C200,24)+1)/SUM(INDEX($D$3:$AA$30,INDEX(Jesper!$R$2:$R$366,ROW(INDEX(Jesper!AI$2:AI$366,ROUNDDOWN($C200/24,0)+1,1))-1)+IF('Standard Profiles'!$G$19=$B$10,7,0)+IF('Standard Profiles'!$G$19=$B$17,14,0)+IF('Standard Profiles'!$G$19=$B$24,21,0),0)),0)</f>
        <v>4.0388117126249607</v>
      </c>
      <c r="F200" cm="1">
        <f t="array" ref="F200">IFERROR(INDEX(Jesper!AJ$2:AJ$366,ROUNDDOWN($C200/24,0)+1,1)*INDEX($D$3:$AA$30,INDEX(Jesper!$R$2:$R$366,ROW(INDEX(Jesper!AJ$2:AJ$366,ROUNDDOWN($C200/24,0)+1,1))-1)+IF('Standard Profiles'!$G$20=$B$10,7,0)+IF('Standard Profiles'!$G$20=$B$17,14,0)+IF('Standard Profiles'!$G$20=$B$24,21,0),MOD($C200,24)+1)/SUM(INDEX($D$3:$AA$30,INDEX(Jesper!$R$2:$R$366,ROW(INDEX(Jesper!AJ$2:AJ$366,ROUNDDOWN($C200/24,0)+1,1))-1)+IF('Standard Profiles'!$G$20=$B$10,7,0)+IF('Standard Profiles'!$G$20=$B$17,14,0)+IF('Standard Profiles'!$G$20=$B$24,21,0),0)),0)</f>
        <v>3.0150987981798072</v>
      </c>
      <c r="G200" cm="1">
        <f t="array" ref="G200">IFERROR(INDEX(Jesper!AK$2:AK$366,ROUNDDOWN($C200/24,0)+1,1)*INDEX($D$3:$AA$30,INDEX(Jesper!$R$2:$R$366,ROW(INDEX(Jesper!AK$2:AK$366,ROUNDDOWN($C200/24,0)+1,1))-1)+IF('Standard Profiles'!$G$21=$B$10,7,0)+IF('Standard Profiles'!$G$21=$B$17,14,0)+IF('Standard Profiles'!$G$21=$B$24,21,0),MOD($C200,24)+1)/SUM(INDEX($D$3:$AA$30,INDEX(Jesper!$R$2:$R$366,ROW(INDEX(Jesper!AK$2:AK$366,ROUNDDOWN($C200/24,0)+1,1))-1)+IF('Standard Profiles'!$G$21=$B$10,7,0)+IF('Standard Profiles'!$G$21=$B$17,14,0)+IF('Standard Profiles'!$G$21=$B$24,21,0),0)),0)</f>
        <v>4.1112575709733186</v>
      </c>
      <c r="H200" cm="1">
        <f t="array" ref="H200">IFERROR(INDEX(Jesper!AL$2:AL$366,ROUNDDOWN($C200/24,0)+1,1)*INDEX($D$3:$AA$30,INDEX(Jesper!$R$2:$R$366,ROW(INDEX(Jesper!AL$2:AL$366,ROUNDDOWN($C200/24,0)+1,1))-1)+IF('Standard Profiles'!$G$22=$B$10,7,0)+IF('Standard Profiles'!$G$22=$B$17,14,0)+IF('Standard Profiles'!$G$22=$B$24,21,0),MOD($C200,24)+1)/SUM(INDEX($D$3:$AA$30,INDEX(Jesper!$R$2:$R$366,ROW(INDEX(Jesper!AL$2:AL$366,ROUNDDOWN($C200/24,0)+1,1))-1)+IF('Standard Profiles'!$G$22=$B$10,7,0)+IF('Standard Profiles'!$G$22=$B$17,14,0)+IF('Standard Profiles'!$G$22=$B$24,21,0),0)),0)</f>
        <v>1.5814157471628538</v>
      </c>
      <c r="I200">
        <f t="shared" si="34"/>
        <v>1.5181591172763405</v>
      </c>
      <c r="J200">
        <f t="shared" si="35"/>
        <v>10.743767306149605</v>
      </c>
      <c r="K200">
        <f t="shared" si="36"/>
        <v>0.32310493700999687</v>
      </c>
      <c r="L200">
        <f t="shared" si="37"/>
        <v>0.16155246850499844</v>
      </c>
      <c r="M200">
        <f t="shared" si="38"/>
        <v>0</v>
      </c>
      <c r="N200" s="45">
        <f t="shared" si="39"/>
        <v>44933.916666666264</v>
      </c>
      <c r="O200">
        <v>0.27077788174565409</v>
      </c>
      <c r="P200">
        <v>4.6750718388539196</v>
      </c>
      <c r="Q200">
        <v>0.21983344992531656</v>
      </c>
      <c r="R200">
        <v>0.10991672496265828</v>
      </c>
      <c r="S200">
        <v>0</v>
      </c>
      <c r="T200" s="45">
        <v>45066.916666658522</v>
      </c>
    </row>
    <row r="201" spans="2:20" x14ac:dyDescent="0.25">
      <c r="B201">
        <f t="shared" si="33"/>
        <v>6</v>
      </c>
      <c r="C201" s="16">
        <v>167</v>
      </c>
      <c r="D201" cm="1">
        <f t="array" ref="D201">IFERROR(INDEX(Jesper!AH$2:AH$366,ROUNDDOWN($C201/24,0)+1,1)*INDEX($D$3:$AA$30,INDEX(Jesper!$R$2:$R$366,ROW(INDEX(Jesper!AH$2:AH$366,ROUNDDOWN($C201/24,0)+1,1))-1)+IF('Standard Profiles'!$G$18=$B$10,7,0)+IF('Standard Profiles'!$G$18=$B$17,14,0)+IF('Standard Profiles'!$G$18=$B$24,21,0),MOD($C201,24)+1)/SUM(INDEX($D$3:$AA$30,INDEX(Jesper!$R$2:$R$366,ROW(INDEX(Jesper!AH$2:AH$366,ROUNDDOWN($C201/24,0)+1,1))-1)+IF('Standard Profiles'!$G$18=$B$10,7,0)+IF('Standard Profiles'!$G$18=$B$17,14,0)+IF('Standard Profiles'!$G$18=$B$24,21,0),0)),0)</f>
        <v>0</v>
      </c>
      <c r="E201" cm="1">
        <f t="array" ref="E201">IFERROR(INDEX(Jesper!AI$2:AI$366,ROUNDDOWN($C201/24,0)+1,1)*INDEX($D$3:$AA$30,INDEX(Jesper!$R$2:$R$366,ROW(INDEX(Jesper!AI$2:AI$366,ROUNDDOWN($C201/24,0)+1,1))-1)+IF('Standard Profiles'!$G$19=$B$10,7,0)+IF('Standard Profiles'!$G$19=$B$17,14,0)+IF('Standard Profiles'!$G$19=$B$24,21,0),MOD($C201,24)+1)/SUM(INDEX($D$3:$AA$30,INDEX(Jesper!$R$2:$R$366,ROW(INDEX(Jesper!AI$2:AI$366,ROUNDDOWN($C201/24,0)+1,1))-1)+IF('Standard Profiles'!$G$19=$B$10,7,0)+IF('Standard Profiles'!$G$19=$B$17,14,0)+IF('Standard Profiles'!$G$19=$B$24,21,0),0)),0)</f>
        <v>4.0388117126249607</v>
      </c>
      <c r="F201" cm="1">
        <f t="array" ref="F201">IFERROR(INDEX(Jesper!AJ$2:AJ$366,ROUNDDOWN($C201/24,0)+1,1)*INDEX($D$3:$AA$30,INDEX(Jesper!$R$2:$R$366,ROW(INDEX(Jesper!AJ$2:AJ$366,ROUNDDOWN($C201/24,0)+1,1))-1)+IF('Standard Profiles'!$G$20=$B$10,7,0)+IF('Standard Profiles'!$G$20=$B$17,14,0)+IF('Standard Profiles'!$G$20=$B$24,21,0),MOD($C201,24)+1)/SUM(INDEX($D$3:$AA$30,INDEX(Jesper!$R$2:$R$366,ROW(INDEX(Jesper!AJ$2:AJ$366,ROUNDDOWN($C201/24,0)+1,1))-1)+IF('Standard Profiles'!$G$20=$B$10,7,0)+IF('Standard Profiles'!$G$20=$B$17,14,0)+IF('Standard Profiles'!$G$20=$B$24,21,0),0)),0)</f>
        <v>3.0150987981798072</v>
      </c>
      <c r="G201" cm="1">
        <f t="array" ref="G201">IFERROR(INDEX(Jesper!AK$2:AK$366,ROUNDDOWN($C201/24,0)+1,1)*INDEX($D$3:$AA$30,INDEX(Jesper!$R$2:$R$366,ROW(INDEX(Jesper!AK$2:AK$366,ROUNDDOWN($C201/24,0)+1,1))-1)+IF('Standard Profiles'!$G$21=$B$10,7,0)+IF('Standard Profiles'!$G$21=$B$17,14,0)+IF('Standard Profiles'!$G$21=$B$24,21,0),MOD($C201,24)+1)/SUM(INDEX($D$3:$AA$30,INDEX(Jesper!$R$2:$R$366,ROW(INDEX(Jesper!AK$2:AK$366,ROUNDDOWN($C201/24,0)+1,1))-1)+IF('Standard Profiles'!$G$21=$B$10,7,0)+IF('Standard Profiles'!$G$21=$B$17,14,0)+IF('Standard Profiles'!$G$21=$B$24,21,0),0)),0)</f>
        <v>4.1112575709733186</v>
      </c>
      <c r="H201" cm="1">
        <f t="array" ref="H201">IFERROR(INDEX(Jesper!AL$2:AL$366,ROUNDDOWN($C201/24,0)+1,1)*INDEX($D$3:$AA$30,INDEX(Jesper!$R$2:$R$366,ROW(INDEX(Jesper!AL$2:AL$366,ROUNDDOWN($C201/24,0)+1,1))-1)+IF('Standard Profiles'!$G$22=$B$10,7,0)+IF('Standard Profiles'!$G$22=$B$17,14,0)+IF('Standard Profiles'!$G$22=$B$24,21,0),MOD($C201,24)+1)/SUM(INDEX($D$3:$AA$30,INDEX(Jesper!$R$2:$R$366,ROW(INDEX(Jesper!AL$2:AL$366,ROUNDDOWN($C201/24,0)+1,1))-1)+IF('Standard Profiles'!$G$22=$B$10,7,0)+IF('Standard Profiles'!$G$22=$B$17,14,0)+IF('Standard Profiles'!$G$22=$B$24,21,0),0)),0)</f>
        <v>1.5814157471628538</v>
      </c>
      <c r="I201">
        <f t="shared" si="34"/>
        <v>1.5181591172763405</v>
      </c>
      <c r="J201">
        <f t="shared" si="35"/>
        <v>10.743767306149605</v>
      </c>
      <c r="K201">
        <f t="shared" si="36"/>
        <v>0.32310493700999687</v>
      </c>
      <c r="L201">
        <f t="shared" si="37"/>
        <v>0.16155246850499844</v>
      </c>
      <c r="M201">
        <f t="shared" si="38"/>
        <v>0</v>
      </c>
      <c r="N201" s="45">
        <f t="shared" si="39"/>
        <v>44933.958333332928</v>
      </c>
      <c r="O201">
        <v>0.27077788174565409</v>
      </c>
      <c r="P201">
        <v>4.6750718388539196</v>
      </c>
      <c r="Q201">
        <v>0.21983344992531656</v>
      </c>
      <c r="R201">
        <v>0.10991672496265828</v>
      </c>
      <c r="S201">
        <v>0</v>
      </c>
      <c r="T201" s="45">
        <v>45066.958333325187</v>
      </c>
    </row>
    <row r="202" spans="2:20" x14ac:dyDescent="0.25">
      <c r="B202">
        <f t="shared" si="33"/>
        <v>7</v>
      </c>
      <c r="C202" s="16">
        <v>168</v>
      </c>
      <c r="D202" cm="1">
        <f t="array" ref="D202">IFERROR(INDEX(Jesper!AH$2:AH$366,ROUNDDOWN($C202/24,0)+1,1)*INDEX($D$3:$AA$30,INDEX(Jesper!$R$2:$R$366,ROW(INDEX(Jesper!AH$2:AH$366,ROUNDDOWN($C202/24,0)+1,1))-1)+IF('Standard Profiles'!$G$18=$B$10,7,0)+IF('Standard Profiles'!$G$18=$B$17,14,0)+IF('Standard Profiles'!$G$18=$B$24,21,0),MOD($C202,24)+1)/SUM(INDEX($D$3:$AA$30,INDEX(Jesper!$R$2:$R$366,ROW(INDEX(Jesper!AH$2:AH$366,ROUNDDOWN($C202/24,0)+1,1))-1)+IF('Standard Profiles'!$G$18=$B$10,7,0)+IF('Standard Profiles'!$G$18=$B$17,14,0)+IF('Standard Profiles'!$G$18=$B$24,21,0),0)),0)</f>
        <v>0</v>
      </c>
      <c r="E202" cm="1">
        <f t="array" ref="E202">IFERROR(INDEX(Jesper!AI$2:AI$366,ROUNDDOWN($C202/24,0)+1,1)*INDEX($D$3:$AA$30,INDEX(Jesper!$R$2:$R$366,ROW(INDEX(Jesper!AI$2:AI$366,ROUNDDOWN($C202/24,0)+1,1))-1)+IF('Standard Profiles'!$G$19=$B$10,7,0)+IF('Standard Profiles'!$G$19=$B$17,14,0)+IF('Standard Profiles'!$G$19=$B$24,21,0),MOD($C202,24)+1)/SUM(INDEX($D$3:$AA$30,INDEX(Jesper!$R$2:$R$366,ROW(INDEX(Jesper!AI$2:AI$366,ROUNDDOWN($C202/24,0)+1,1))-1)+IF('Standard Profiles'!$G$19=$B$10,7,0)+IF('Standard Profiles'!$G$19=$B$17,14,0)+IF('Standard Profiles'!$G$19=$B$24,21,0),0)),0)</f>
        <v>4.8475709866026504</v>
      </c>
      <c r="F202" cm="1">
        <f t="array" ref="F202">IFERROR(INDEX(Jesper!AJ$2:AJ$366,ROUNDDOWN($C202/24,0)+1,1)*INDEX($D$3:$AA$30,INDEX(Jesper!$R$2:$R$366,ROW(INDEX(Jesper!AJ$2:AJ$366,ROUNDDOWN($C202/24,0)+1,1))-1)+IF('Standard Profiles'!$G$20=$B$10,7,0)+IF('Standard Profiles'!$G$20=$B$17,14,0)+IF('Standard Profiles'!$G$20=$B$24,21,0),MOD($C202,24)+1)/SUM(INDEX($D$3:$AA$30,INDEX(Jesper!$R$2:$R$366,ROW(INDEX(Jesper!AJ$2:AJ$366,ROUNDDOWN($C202/24,0)+1,1))-1)+IF('Standard Profiles'!$G$20=$B$10,7,0)+IF('Standard Profiles'!$G$20=$B$17,14,0)+IF('Standard Profiles'!$G$20=$B$24,21,0),0)),0)</f>
        <v>4.0164592930642762</v>
      </c>
      <c r="G202" cm="1">
        <f t="array" ref="G202">IFERROR(INDEX(Jesper!AK$2:AK$366,ROUNDDOWN($C202/24,0)+1,1)*INDEX($D$3:$AA$30,INDEX(Jesper!$R$2:$R$366,ROW(INDEX(Jesper!AK$2:AK$366,ROUNDDOWN($C202/24,0)+1,1))-1)+IF('Standard Profiles'!$G$21=$B$10,7,0)+IF('Standard Profiles'!$G$21=$B$17,14,0)+IF('Standard Profiles'!$G$21=$B$24,21,0),MOD($C202,24)+1)/SUM(INDEX($D$3:$AA$30,INDEX(Jesper!$R$2:$R$366,ROW(INDEX(Jesper!AK$2:AK$366,ROUNDDOWN($C202/24,0)+1,1))-1)+IF('Standard Profiles'!$G$21=$B$10,7,0)+IF('Standard Profiles'!$G$21=$B$17,14,0)+IF('Standard Profiles'!$G$21=$B$24,21,0),0)),0)</f>
        <v>6.3605638957015804</v>
      </c>
      <c r="H202" cm="1">
        <f t="array" ref="H202">IFERROR(INDEX(Jesper!AL$2:AL$366,ROUNDDOWN($C202/24,0)+1,1)*INDEX($D$3:$AA$30,INDEX(Jesper!$R$2:$R$366,ROW(INDEX(Jesper!AL$2:AL$366,ROUNDDOWN($C202/24,0)+1,1))-1)+IF('Standard Profiles'!$G$22=$B$10,7,0)+IF('Standard Profiles'!$G$22=$B$17,14,0)+IF('Standard Profiles'!$G$22=$B$24,21,0),MOD($C202,24)+1)/SUM(INDEX($D$3:$AA$30,INDEX(Jesper!$R$2:$R$366,ROW(INDEX(Jesper!AL$2:AL$366,ROUNDDOWN($C202/24,0)+1,1))-1)+IF('Standard Profiles'!$G$22=$B$10,7,0)+IF('Standard Profiles'!$G$22=$B$17,14,0)+IF('Standard Profiles'!$G$22=$B$24,21,0),0)),0)</f>
        <v>2.9798758007648103</v>
      </c>
      <c r="I202">
        <f t="shared" si="34"/>
        <v>2.8606807687342193</v>
      </c>
      <c r="J202">
        <f t="shared" si="35"/>
        <v>14.762080689006781</v>
      </c>
      <c r="K202">
        <f t="shared" si="36"/>
        <v>0.38780567892821205</v>
      </c>
      <c r="L202">
        <f t="shared" si="37"/>
        <v>0.19390283946410602</v>
      </c>
      <c r="M202">
        <f t="shared" si="38"/>
        <v>0</v>
      </c>
      <c r="N202" s="45">
        <f t="shared" si="39"/>
        <v>44933.999999999593</v>
      </c>
    </row>
    <row r="203" spans="2:20" x14ac:dyDescent="0.25">
      <c r="B203">
        <f t="shared" si="33"/>
        <v>7</v>
      </c>
      <c r="C203" s="16">
        <v>169</v>
      </c>
      <c r="D203" cm="1">
        <f t="array" ref="D203">IFERROR(INDEX(Jesper!AH$2:AH$366,ROUNDDOWN($C203/24,0)+1,1)*INDEX($D$3:$AA$30,INDEX(Jesper!$R$2:$R$366,ROW(INDEX(Jesper!AH$2:AH$366,ROUNDDOWN($C203/24,0)+1,1))-1)+IF('Standard Profiles'!$G$18=$B$10,7,0)+IF('Standard Profiles'!$G$18=$B$17,14,0)+IF('Standard Profiles'!$G$18=$B$24,21,0),MOD($C203,24)+1)/SUM(INDEX($D$3:$AA$30,INDEX(Jesper!$R$2:$R$366,ROW(INDEX(Jesper!AH$2:AH$366,ROUNDDOWN($C203/24,0)+1,1))-1)+IF('Standard Profiles'!$G$18=$B$10,7,0)+IF('Standard Profiles'!$G$18=$B$17,14,0)+IF('Standard Profiles'!$G$18=$B$24,21,0),0)),0)</f>
        <v>0</v>
      </c>
      <c r="E203" cm="1">
        <f t="array" ref="E203">IFERROR(INDEX(Jesper!AI$2:AI$366,ROUNDDOWN($C203/24,0)+1,1)*INDEX($D$3:$AA$30,INDEX(Jesper!$R$2:$R$366,ROW(INDEX(Jesper!AI$2:AI$366,ROUNDDOWN($C203/24,0)+1,1))-1)+IF('Standard Profiles'!$G$19=$B$10,7,0)+IF('Standard Profiles'!$G$19=$B$17,14,0)+IF('Standard Profiles'!$G$19=$B$24,21,0),MOD($C203,24)+1)/SUM(INDEX($D$3:$AA$30,INDEX(Jesper!$R$2:$R$366,ROW(INDEX(Jesper!AI$2:AI$366,ROUNDDOWN($C203/24,0)+1,1))-1)+IF('Standard Profiles'!$G$19=$B$10,7,0)+IF('Standard Profiles'!$G$19=$B$17,14,0)+IF('Standard Profiles'!$G$19=$B$24,21,0),0)),0)</f>
        <v>4.8475709866026504</v>
      </c>
      <c r="F203" cm="1">
        <f t="array" ref="F203">IFERROR(INDEX(Jesper!AJ$2:AJ$366,ROUNDDOWN($C203/24,0)+1,1)*INDEX($D$3:$AA$30,INDEX(Jesper!$R$2:$R$366,ROW(INDEX(Jesper!AJ$2:AJ$366,ROUNDDOWN($C203/24,0)+1,1))-1)+IF('Standard Profiles'!$G$20=$B$10,7,0)+IF('Standard Profiles'!$G$20=$B$17,14,0)+IF('Standard Profiles'!$G$20=$B$24,21,0),MOD($C203,24)+1)/SUM(INDEX($D$3:$AA$30,INDEX(Jesper!$R$2:$R$366,ROW(INDEX(Jesper!AJ$2:AJ$366,ROUNDDOWN($C203/24,0)+1,1))-1)+IF('Standard Profiles'!$G$20=$B$10,7,0)+IF('Standard Profiles'!$G$20=$B$17,14,0)+IF('Standard Profiles'!$G$20=$B$24,21,0),0)),0)</f>
        <v>4.0164592930642762</v>
      </c>
      <c r="G203" cm="1">
        <f t="array" ref="G203">IFERROR(INDEX(Jesper!AK$2:AK$366,ROUNDDOWN($C203/24,0)+1,1)*INDEX($D$3:$AA$30,INDEX(Jesper!$R$2:$R$366,ROW(INDEX(Jesper!AK$2:AK$366,ROUNDDOWN($C203/24,0)+1,1))-1)+IF('Standard Profiles'!$G$21=$B$10,7,0)+IF('Standard Profiles'!$G$21=$B$17,14,0)+IF('Standard Profiles'!$G$21=$B$24,21,0),MOD($C203,24)+1)/SUM(INDEX($D$3:$AA$30,INDEX(Jesper!$R$2:$R$366,ROW(INDEX(Jesper!AK$2:AK$366,ROUNDDOWN($C203/24,0)+1,1))-1)+IF('Standard Profiles'!$G$21=$B$10,7,0)+IF('Standard Profiles'!$G$21=$B$17,14,0)+IF('Standard Profiles'!$G$21=$B$24,21,0),0)),0)</f>
        <v>6.3605638957015804</v>
      </c>
      <c r="H203" cm="1">
        <f t="array" ref="H203">IFERROR(INDEX(Jesper!AL$2:AL$366,ROUNDDOWN($C203/24,0)+1,1)*INDEX($D$3:$AA$30,INDEX(Jesper!$R$2:$R$366,ROW(INDEX(Jesper!AL$2:AL$366,ROUNDDOWN($C203/24,0)+1,1))-1)+IF('Standard Profiles'!$G$22=$B$10,7,0)+IF('Standard Profiles'!$G$22=$B$17,14,0)+IF('Standard Profiles'!$G$22=$B$24,21,0),MOD($C203,24)+1)/SUM(INDEX($D$3:$AA$30,INDEX(Jesper!$R$2:$R$366,ROW(INDEX(Jesper!AL$2:AL$366,ROUNDDOWN($C203/24,0)+1,1))-1)+IF('Standard Profiles'!$G$22=$B$10,7,0)+IF('Standard Profiles'!$G$22=$B$17,14,0)+IF('Standard Profiles'!$G$22=$B$24,21,0),0)),0)</f>
        <v>3.4605009299204248</v>
      </c>
      <c r="I203">
        <f t="shared" si="34"/>
        <v>3.3220808927236094</v>
      </c>
      <c r="J203">
        <f t="shared" si="35"/>
        <v>14.781305694173005</v>
      </c>
      <c r="K203">
        <f t="shared" si="36"/>
        <v>0.38780567892821205</v>
      </c>
      <c r="L203">
        <f t="shared" si="37"/>
        <v>0.19390283946410602</v>
      </c>
      <c r="M203">
        <f t="shared" si="38"/>
        <v>0</v>
      </c>
      <c r="N203" s="45">
        <f t="shared" si="39"/>
        <v>44934.041666666257</v>
      </c>
    </row>
    <row r="204" spans="2:20" x14ac:dyDescent="0.25">
      <c r="B204">
        <f t="shared" si="33"/>
        <v>7</v>
      </c>
      <c r="C204" s="16">
        <v>170</v>
      </c>
      <c r="D204" cm="1">
        <f t="array" ref="D204">IFERROR(INDEX(Jesper!AH$2:AH$366,ROUNDDOWN($C204/24,0)+1,1)*INDEX($D$3:$AA$30,INDEX(Jesper!$R$2:$R$366,ROW(INDEX(Jesper!AH$2:AH$366,ROUNDDOWN($C204/24,0)+1,1))-1)+IF('Standard Profiles'!$G$18=$B$10,7,0)+IF('Standard Profiles'!$G$18=$B$17,14,0)+IF('Standard Profiles'!$G$18=$B$24,21,0),MOD($C204,24)+1)/SUM(INDEX($D$3:$AA$30,INDEX(Jesper!$R$2:$R$366,ROW(INDEX(Jesper!AH$2:AH$366,ROUNDDOWN($C204/24,0)+1,1))-1)+IF('Standard Profiles'!$G$18=$B$10,7,0)+IF('Standard Profiles'!$G$18=$B$17,14,0)+IF('Standard Profiles'!$G$18=$B$24,21,0),0)),0)</f>
        <v>0</v>
      </c>
      <c r="E204" cm="1">
        <f t="array" ref="E204">IFERROR(INDEX(Jesper!AI$2:AI$366,ROUNDDOWN($C204/24,0)+1,1)*INDEX($D$3:$AA$30,INDEX(Jesper!$R$2:$R$366,ROW(INDEX(Jesper!AI$2:AI$366,ROUNDDOWN($C204/24,0)+1,1))-1)+IF('Standard Profiles'!$G$19=$B$10,7,0)+IF('Standard Profiles'!$G$19=$B$17,14,0)+IF('Standard Profiles'!$G$19=$B$24,21,0),MOD($C204,24)+1)/SUM(INDEX($D$3:$AA$30,INDEX(Jesper!$R$2:$R$366,ROW(INDEX(Jesper!AI$2:AI$366,ROUNDDOWN($C204/24,0)+1,1))-1)+IF('Standard Profiles'!$G$19=$B$10,7,0)+IF('Standard Profiles'!$G$19=$B$17,14,0)+IF('Standard Profiles'!$G$19=$B$24,21,0),0)),0)</f>
        <v>4.8475709866026504</v>
      </c>
      <c r="F204" cm="1">
        <f t="array" ref="F204">IFERROR(INDEX(Jesper!AJ$2:AJ$366,ROUNDDOWN($C204/24,0)+1,1)*INDEX($D$3:$AA$30,INDEX(Jesper!$R$2:$R$366,ROW(INDEX(Jesper!AJ$2:AJ$366,ROUNDDOWN($C204/24,0)+1,1))-1)+IF('Standard Profiles'!$G$20=$B$10,7,0)+IF('Standard Profiles'!$G$20=$B$17,14,0)+IF('Standard Profiles'!$G$20=$B$24,21,0),MOD($C204,24)+1)/SUM(INDEX($D$3:$AA$30,INDEX(Jesper!$R$2:$R$366,ROW(INDEX(Jesper!AJ$2:AJ$366,ROUNDDOWN($C204/24,0)+1,1))-1)+IF('Standard Profiles'!$G$20=$B$10,7,0)+IF('Standard Profiles'!$G$20=$B$17,14,0)+IF('Standard Profiles'!$G$20=$B$24,21,0),0)),0)</f>
        <v>4.0164592930642762</v>
      </c>
      <c r="G204" cm="1">
        <f t="array" ref="G204">IFERROR(INDEX(Jesper!AK$2:AK$366,ROUNDDOWN($C204/24,0)+1,1)*INDEX($D$3:$AA$30,INDEX(Jesper!$R$2:$R$366,ROW(INDEX(Jesper!AK$2:AK$366,ROUNDDOWN($C204/24,0)+1,1))-1)+IF('Standard Profiles'!$G$21=$B$10,7,0)+IF('Standard Profiles'!$G$21=$B$17,14,0)+IF('Standard Profiles'!$G$21=$B$24,21,0),MOD($C204,24)+1)/SUM(INDEX($D$3:$AA$30,INDEX(Jesper!$R$2:$R$366,ROW(INDEX(Jesper!AK$2:AK$366,ROUNDDOWN($C204/24,0)+1,1))-1)+IF('Standard Profiles'!$G$21=$B$10,7,0)+IF('Standard Profiles'!$G$21=$B$17,14,0)+IF('Standard Profiles'!$G$21=$B$24,21,0),0)),0)</f>
        <v>6.3605638957015804</v>
      </c>
      <c r="H204" cm="1">
        <f t="array" ref="H204">IFERROR(INDEX(Jesper!AL$2:AL$366,ROUNDDOWN($C204/24,0)+1,1)*INDEX($D$3:$AA$30,INDEX(Jesper!$R$2:$R$366,ROW(INDEX(Jesper!AL$2:AL$366,ROUNDDOWN($C204/24,0)+1,1))-1)+IF('Standard Profiles'!$G$22=$B$10,7,0)+IF('Standard Profiles'!$G$22=$B$17,14,0)+IF('Standard Profiles'!$G$22=$B$24,21,0),MOD($C204,24)+1)/SUM(INDEX($D$3:$AA$30,INDEX(Jesper!$R$2:$R$366,ROW(INDEX(Jesper!AL$2:AL$366,ROUNDDOWN($C204/24,0)+1,1))-1)+IF('Standard Profiles'!$G$22=$B$10,7,0)+IF('Standard Profiles'!$G$22=$B$17,14,0)+IF('Standard Profiles'!$G$22=$B$24,21,0),0)),0)</f>
        <v>3.4605009299204248</v>
      </c>
      <c r="I204">
        <f t="shared" si="34"/>
        <v>3.3220808927236094</v>
      </c>
      <c r="J204">
        <f t="shared" si="35"/>
        <v>14.781305694173005</v>
      </c>
      <c r="K204">
        <f t="shared" si="36"/>
        <v>0.38780567892821205</v>
      </c>
      <c r="L204">
        <f t="shared" si="37"/>
        <v>0.19390283946410602</v>
      </c>
      <c r="M204">
        <f t="shared" si="38"/>
        <v>0</v>
      </c>
      <c r="N204" s="45">
        <f t="shared" si="39"/>
        <v>44934.083333332921</v>
      </c>
    </row>
    <row r="205" spans="2:20" x14ac:dyDescent="0.25">
      <c r="B205">
        <f t="shared" si="33"/>
        <v>7</v>
      </c>
      <c r="C205" s="16">
        <v>171</v>
      </c>
      <c r="D205" cm="1">
        <f t="array" ref="D205">IFERROR(INDEX(Jesper!AH$2:AH$366,ROUNDDOWN($C205/24,0)+1,1)*INDEX($D$3:$AA$30,INDEX(Jesper!$R$2:$R$366,ROW(INDEX(Jesper!AH$2:AH$366,ROUNDDOWN($C205/24,0)+1,1))-1)+IF('Standard Profiles'!$G$18=$B$10,7,0)+IF('Standard Profiles'!$G$18=$B$17,14,0)+IF('Standard Profiles'!$G$18=$B$24,21,0),MOD($C205,24)+1)/SUM(INDEX($D$3:$AA$30,INDEX(Jesper!$R$2:$R$366,ROW(INDEX(Jesper!AH$2:AH$366,ROUNDDOWN($C205/24,0)+1,1))-1)+IF('Standard Profiles'!$G$18=$B$10,7,0)+IF('Standard Profiles'!$G$18=$B$17,14,0)+IF('Standard Profiles'!$G$18=$B$24,21,0),0)),0)</f>
        <v>0</v>
      </c>
      <c r="E205" cm="1">
        <f t="array" ref="E205">IFERROR(INDEX(Jesper!AI$2:AI$366,ROUNDDOWN($C205/24,0)+1,1)*INDEX($D$3:$AA$30,INDEX(Jesper!$R$2:$R$366,ROW(INDEX(Jesper!AI$2:AI$366,ROUNDDOWN($C205/24,0)+1,1))-1)+IF('Standard Profiles'!$G$19=$B$10,7,0)+IF('Standard Profiles'!$G$19=$B$17,14,0)+IF('Standard Profiles'!$G$19=$B$24,21,0),MOD($C205,24)+1)/SUM(INDEX($D$3:$AA$30,INDEX(Jesper!$R$2:$R$366,ROW(INDEX(Jesper!AI$2:AI$366,ROUNDDOWN($C205/24,0)+1,1))-1)+IF('Standard Profiles'!$G$19=$B$10,7,0)+IF('Standard Profiles'!$G$19=$B$17,14,0)+IF('Standard Profiles'!$G$19=$B$24,21,0),0)),0)</f>
        <v>4.8475709866026504</v>
      </c>
      <c r="F205" cm="1">
        <f t="array" ref="F205">IFERROR(INDEX(Jesper!AJ$2:AJ$366,ROUNDDOWN($C205/24,0)+1,1)*INDEX($D$3:$AA$30,INDEX(Jesper!$R$2:$R$366,ROW(INDEX(Jesper!AJ$2:AJ$366,ROUNDDOWN($C205/24,0)+1,1))-1)+IF('Standard Profiles'!$G$20=$B$10,7,0)+IF('Standard Profiles'!$G$20=$B$17,14,0)+IF('Standard Profiles'!$G$20=$B$24,21,0),MOD($C205,24)+1)/SUM(INDEX($D$3:$AA$30,INDEX(Jesper!$R$2:$R$366,ROW(INDEX(Jesper!AJ$2:AJ$366,ROUNDDOWN($C205/24,0)+1,1))-1)+IF('Standard Profiles'!$G$20=$B$10,7,0)+IF('Standard Profiles'!$G$20=$B$17,14,0)+IF('Standard Profiles'!$G$20=$B$24,21,0),0)),0)</f>
        <v>4.0164592930642762</v>
      </c>
      <c r="G205" cm="1">
        <f t="array" ref="G205">IFERROR(INDEX(Jesper!AK$2:AK$366,ROUNDDOWN($C205/24,0)+1,1)*INDEX($D$3:$AA$30,INDEX(Jesper!$R$2:$R$366,ROW(INDEX(Jesper!AK$2:AK$366,ROUNDDOWN($C205/24,0)+1,1))-1)+IF('Standard Profiles'!$G$21=$B$10,7,0)+IF('Standard Profiles'!$G$21=$B$17,14,0)+IF('Standard Profiles'!$G$21=$B$24,21,0),MOD($C205,24)+1)/SUM(INDEX($D$3:$AA$30,INDEX(Jesper!$R$2:$R$366,ROW(INDEX(Jesper!AK$2:AK$366,ROUNDDOWN($C205/24,0)+1,1))-1)+IF('Standard Profiles'!$G$21=$B$10,7,0)+IF('Standard Profiles'!$G$21=$B$17,14,0)+IF('Standard Profiles'!$G$21=$B$24,21,0),0)),0)</f>
        <v>6.3605638957015804</v>
      </c>
      <c r="H205" cm="1">
        <f t="array" ref="H205">IFERROR(INDEX(Jesper!AL$2:AL$366,ROUNDDOWN($C205/24,0)+1,1)*INDEX($D$3:$AA$30,INDEX(Jesper!$R$2:$R$366,ROW(INDEX(Jesper!AL$2:AL$366,ROUNDDOWN($C205/24,0)+1,1))-1)+IF('Standard Profiles'!$G$22=$B$10,7,0)+IF('Standard Profiles'!$G$22=$B$17,14,0)+IF('Standard Profiles'!$G$22=$B$24,21,0),MOD($C205,24)+1)/SUM(INDEX($D$3:$AA$30,INDEX(Jesper!$R$2:$R$366,ROW(INDEX(Jesper!AL$2:AL$366,ROUNDDOWN($C205/24,0)+1,1))-1)+IF('Standard Profiles'!$G$22=$B$10,7,0)+IF('Standard Profiles'!$G$22=$B$17,14,0)+IF('Standard Profiles'!$G$22=$B$24,21,0),0)),0)</f>
        <v>3.4605009299204248</v>
      </c>
      <c r="I205">
        <f t="shared" si="34"/>
        <v>3.3220808927236094</v>
      </c>
      <c r="J205">
        <f t="shared" si="35"/>
        <v>14.781305694173005</v>
      </c>
      <c r="K205">
        <f t="shared" si="36"/>
        <v>0.38780567892821205</v>
      </c>
      <c r="L205">
        <f t="shared" si="37"/>
        <v>0.19390283946410602</v>
      </c>
      <c r="M205">
        <f t="shared" si="38"/>
        <v>0</v>
      </c>
      <c r="N205" s="45">
        <f t="shared" si="39"/>
        <v>44934.124999999585</v>
      </c>
    </row>
    <row r="206" spans="2:20" x14ac:dyDescent="0.25">
      <c r="B206">
        <f t="shared" si="33"/>
        <v>7</v>
      </c>
      <c r="C206" s="16">
        <v>172</v>
      </c>
      <c r="D206" cm="1">
        <f t="array" ref="D206">IFERROR(INDEX(Jesper!AH$2:AH$366,ROUNDDOWN($C206/24,0)+1,1)*INDEX($D$3:$AA$30,INDEX(Jesper!$R$2:$R$366,ROW(INDEX(Jesper!AH$2:AH$366,ROUNDDOWN($C206/24,0)+1,1))-1)+IF('Standard Profiles'!$G$18=$B$10,7,0)+IF('Standard Profiles'!$G$18=$B$17,14,0)+IF('Standard Profiles'!$G$18=$B$24,21,0),MOD($C206,24)+1)/SUM(INDEX($D$3:$AA$30,INDEX(Jesper!$R$2:$R$366,ROW(INDEX(Jesper!AH$2:AH$366,ROUNDDOWN($C206/24,0)+1,1))-1)+IF('Standard Profiles'!$G$18=$B$10,7,0)+IF('Standard Profiles'!$G$18=$B$17,14,0)+IF('Standard Profiles'!$G$18=$B$24,21,0),0)),0)</f>
        <v>0</v>
      </c>
      <c r="E206" cm="1">
        <f t="array" ref="E206">IFERROR(INDEX(Jesper!AI$2:AI$366,ROUNDDOWN($C206/24,0)+1,1)*INDEX($D$3:$AA$30,INDEX(Jesper!$R$2:$R$366,ROW(INDEX(Jesper!AI$2:AI$366,ROUNDDOWN($C206/24,0)+1,1))-1)+IF('Standard Profiles'!$G$19=$B$10,7,0)+IF('Standard Profiles'!$G$19=$B$17,14,0)+IF('Standard Profiles'!$G$19=$B$24,21,0),MOD($C206,24)+1)/SUM(INDEX($D$3:$AA$30,INDEX(Jesper!$R$2:$R$366,ROW(INDEX(Jesper!AI$2:AI$366,ROUNDDOWN($C206/24,0)+1,1))-1)+IF('Standard Profiles'!$G$19=$B$10,7,0)+IF('Standard Profiles'!$G$19=$B$17,14,0)+IF('Standard Profiles'!$G$19=$B$24,21,0),0)),0)</f>
        <v>4.8475709866026504</v>
      </c>
      <c r="F206" cm="1">
        <f t="array" ref="F206">IFERROR(INDEX(Jesper!AJ$2:AJ$366,ROUNDDOWN($C206/24,0)+1,1)*INDEX($D$3:$AA$30,INDEX(Jesper!$R$2:$R$366,ROW(INDEX(Jesper!AJ$2:AJ$366,ROUNDDOWN($C206/24,0)+1,1))-1)+IF('Standard Profiles'!$G$20=$B$10,7,0)+IF('Standard Profiles'!$G$20=$B$17,14,0)+IF('Standard Profiles'!$G$20=$B$24,21,0),MOD($C206,24)+1)/SUM(INDEX($D$3:$AA$30,INDEX(Jesper!$R$2:$R$366,ROW(INDEX(Jesper!AJ$2:AJ$366,ROUNDDOWN($C206/24,0)+1,1))-1)+IF('Standard Profiles'!$G$20=$B$10,7,0)+IF('Standard Profiles'!$G$20=$B$17,14,0)+IF('Standard Profiles'!$G$20=$B$24,21,0),0)),0)</f>
        <v>4.0164592930642762</v>
      </c>
      <c r="G206" cm="1">
        <f t="array" ref="G206">IFERROR(INDEX(Jesper!AK$2:AK$366,ROUNDDOWN($C206/24,0)+1,1)*INDEX($D$3:$AA$30,INDEX(Jesper!$R$2:$R$366,ROW(INDEX(Jesper!AK$2:AK$366,ROUNDDOWN($C206/24,0)+1,1))-1)+IF('Standard Profiles'!$G$21=$B$10,7,0)+IF('Standard Profiles'!$G$21=$B$17,14,0)+IF('Standard Profiles'!$G$21=$B$24,21,0),MOD($C206,24)+1)/SUM(INDEX($D$3:$AA$30,INDEX(Jesper!$R$2:$R$366,ROW(INDEX(Jesper!AK$2:AK$366,ROUNDDOWN($C206/24,0)+1,1))-1)+IF('Standard Profiles'!$G$21=$B$10,7,0)+IF('Standard Profiles'!$G$21=$B$17,14,0)+IF('Standard Profiles'!$G$21=$B$24,21,0),0)),0)</f>
        <v>6.3605638957015804</v>
      </c>
      <c r="H206" cm="1">
        <f t="array" ref="H206">IFERROR(INDEX(Jesper!AL$2:AL$366,ROUNDDOWN($C206/24,0)+1,1)*INDEX($D$3:$AA$30,INDEX(Jesper!$R$2:$R$366,ROW(INDEX(Jesper!AL$2:AL$366,ROUNDDOWN($C206/24,0)+1,1))-1)+IF('Standard Profiles'!$G$22=$B$10,7,0)+IF('Standard Profiles'!$G$22=$B$17,14,0)+IF('Standard Profiles'!$G$22=$B$24,21,0),MOD($C206,24)+1)/SUM(INDEX($D$3:$AA$30,INDEX(Jesper!$R$2:$R$366,ROW(INDEX(Jesper!AL$2:AL$366,ROUNDDOWN($C206/24,0)+1,1))-1)+IF('Standard Profiles'!$G$22=$B$10,7,0)+IF('Standard Profiles'!$G$22=$B$17,14,0)+IF('Standard Profiles'!$G$22=$B$24,21,0),0)),0)</f>
        <v>3.4605009299204248</v>
      </c>
      <c r="I206">
        <f t="shared" si="34"/>
        <v>3.3220808927236094</v>
      </c>
      <c r="J206">
        <f t="shared" si="35"/>
        <v>14.781305694173005</v>
      </c>
      <c r="K206">
        <f t="shared" si="36"/>
        <v>0.38780567892821205</v>
      </c>
      <c r="L206">
        <f t="shared" si="37"/>
        <v>0.19390283946410602</v>
      </c>
      <c r="M206">
        <f t="shared" si="38"/>
        <v>0</v>
      </c>
      <c r="N206" s="45">
        <f t="shared" si="39"/>
        <v>44934.16666666625</v>
      </c>
    </row>
    <row r="207" spans="2:20" x14ac:dyDescent="0.25">
      <c r="B207">
        <f t="shared" si="33"/>
        <v>7</v>
      </c>
      <c r="C207" s="16">
        <v>173</v>
      </c>
      <c r="D207" cm="1">
        <f t="array" ref="D207">IFERROR(INDEX(Jesper!AH$2:AH$366,ROUNDDOWN($C207/24,0)+1,1)*INDEX($D$3:$AA$30,INDEX(Jesper!$R$2:$R$366,ROW(INDEX(Jesper!AH$2:AH$366,ROUNDDOWN($C207/24,0)+1,1))-1)+IF('Standard Profiles'!$G$18=$B$10,7,0)+IF('Standard Profiles'!$G$18=$B$17,14,0)+IF('Standard Profiles'!$G$18=$B$24,21,0),MOD($C207,24)+1)/SUM(INDEX($D$3:$AA$30,INDEX(Jesper!$R$2:$R$366,ROW(INDEX(Jesper!AH$2:AH$366,ROUNDDOWN($C207/24,0)+1,1))-1)+IF('Standard Profiles'!$G$18=$B$10,7,0)+IF('Standard Profiles'!$G$18=$B$17,14,0)+IF('Standard Profiles'!$G$18=$B$24,21,0),0)),0)</f>
        <v>0</v>
      </c>
      <c r="E207" cm="1">
        <f t="array" ref="E207">IFERROR(INDEX(Jesper!AI$2:AI$366,ROUNDDOWN($C207/24,0)+1,1)*INDEX($D$3:$AA$30,INDEX(Jesper!$R$2:$R$366,ROW(INDEX(Jesper!AI$2:AI$366,ROUNDDOWN($C207/24,0)+1,1))-1)+IF('Standard Profiles'!$G$19=$B$10,7,0)+IF('Standard Profiles'!$G$19=$B$17,14,0)+IF('Standard Profiles'!$G$19=$B$24,21,0),MOD($C207,24)+1)/SUM(INDEX($D$3:$AA$30,INDEX(Jesper!$R$2:$R$366,ROW(INDEX(Jesper!AI$2:AI$366,ROUNDDOWN($C207/24,0)+1,1))-1)+IF('Standard Profiles'!$G$19=$B$10,7,0)+IF('Standard Profiles'!$G$19=$B$17,14,0)+IF('Standard Profiles'!$G$19=$B$24,21,0),0)),0)</f>
        <v>4.8475709866026504</v>
      </c>
      <c r="F207" cm="1">
        <f t="array" ref="F207">IFERROR(INDEX(Jesper!AJ$2:AJ$366,ROUNDDOWN($C207/24,0)+1,1)*INDEX($D$3:$AA$30,INDEX(Jesper!$R$2:$R$366,ROW(INDEX(Jesper!AJ$2:AJ$366,ROUNDDOWN($C207/24,0)+1,1))-1)+IF('Standard Profiles'!$G$20=$B$10,7,0)+IF('Standard Profiles'!$G$20=$B$17,14,0)+IF('Standard Profiles'!$G$20=$B$24,21,0),MOD($C207,24)+1)/SUM(INDEX($D$3:$AA$30,INDEX(Jesper!$R$2:$R$366,ROW(INDEX(Jesper!AJ$2:AJ$366,ROUNDDOWN($C207/24,0)+1,1))-1)+IF('Standard Profiles'!$G$20=$B$10,7,0)+IF('Standard Profiles'!$G$20=$B$17,14,0)+IF('Standard Profiles'!$G$20=$B$24,21,0),0)),0)</f>
        <v>4.0164592930642762</v>
      </c>
      <c r="G207" cm="1">
        <f t="array" ref="G207">IFERROR(INDEX(Jesper!AK$2:AK$366,ROUNDDOWN($C207/24,0)+1,1)*INDEX($D$3:$AA$30,INDEX(Jesper!$R$2:$R$366,ROW(INDEX(Jesper!AK$2:AK$366,ROUNDDOWN($C207/24,0)+1,1))-1)+IF('Standard Profiles'!$G$21=$B$10,7,0)+IF('Standard Profiles'!$G$21=$B$17,14,0)+IF('Standard Profiles'!$G$21=$B$24,21,0),MOD($C207,24)+1)/SUM(INDEX($D$3:$AA$30,INDEX(Jesper!$R$2:$R$366,ROW(INDEX(Jesper!AK$2:AK$366,ROUNDDOWN($C207/24,0)+1,1))-1)+IF('Standard Profiles'!$G$21=$B$10,7,0)+IF('Standard Profiles'!$G$21=$B$17,14,0)+IF('Standard Profiles'!$G$21=$B$24,21,0),0)),0)</f>
        <v>6.3605638957015804</v>
      </c>
      <c r="H207" cm="1">
        <f t="array" ref="H207">IFERROR(INDEX(Jesper!AL$2:AL$366,ROUNDDOWN($C207/24,0)+1,1)*INDEX($D$3:$AA$30,INDEX(Jesper!$R$2:$R$366,ROW(INDEX(Jesper!AL$2:AL$366,ROUNDDOWN($C207/24,0)+1,1))-1)+IF('Standard Profiles'!$G$22=$B$10,7,0)+IF('Standard Profiles'!$G$22=$B$17,14,0)+IF('Standard Profiles'!$G$22=$B$24,21,0),MOD($C207,24)+1)/SUM(INDEX($D$3:$AA$30,INDEX(Jesper!$R$2:$R$366,ROW(INDEX(Jesper!AL$2:AL$366,ROUNDDOWN($C207/24,0)+1,1))-1)+IF('Standard Profiles'!$G$22=$B$10,7,0)+IF('Standard Profiles'!$G$22=$B$17,14,0)+IF('Standard Profiles'!$G$22=$B$24,21,0),0)),0)</f>
        <v>4.325626162400531</v>
      </c>
      <c r="I207">
        <f t="shared" si="34"/>
        <v>4.1526011159045124</v>
      </c>
      <c r="J207">
        <f t="shared" si="35"/>
        <v>14.815910703472209</v>
      </c>
      <c r="K207">
        <f t="shared" si="36"/>
        <v>0.38780567892821205</v>
      </c>
      <c r="L207">
        <f t="shared" si="37"/>
        <v>0.19390283946410602</v>
      </c>
      <c r="M207">
        <f t="shared" si="38"/>
        <v>0</v>
      </c>
      <c r="N207" s="45">
        <f t="shared" si="39"/>
        <v>44934.208333332914</v>
      </c>
    </row>
    <row r="208" spans="2:20" x14ac:dyDescent="0.25">
      <c r="B208">
        <f t="shared" si="33"/>
        <v>7</v>
      </c>
      <c r="C208" s="16">
        <v>174</v>
      </c>
      <c r="D208" cm="1">
        <f t="array" ref="D208">IFERROR(INDEX(Jesper!AH$2:AH$366,ROUNDDOWN($C208/24,0)+1,1)*INDEX($D$3:$AA$30,INDEX(Jesper!$R$2:$R$366,ROW(INDEX(Jesper!AH$2:AH$366,ROUNDDOWN($C208/24,0)+1,1))-1)+IF('Standard Profiles'!$G$18=$B$10,7,0)+IF('Standard Profiles'!$G$18=$B$17,14,0)+IF('Standard Profiles'!$G$18=$B$24,21,0),MOD($C208,24)+1)/SUM(INDEX($D$3:$AA$30,INDEX(Jesper!$R$2:$R$366,ROW(INDEX(Jesper!AH$2:AH$366,ROUNDDOWN($C208/24,0)+1,1))-1)+IF('Standard Profiles'!$G$18=$B$10,7,0)+IF('Standard Profiles'!$G$18=$B$17,14,0)+IF('Standard Profiles'!$G$18=$B$24,21,0),0)),0)</f>
        <v>0</v>
      </c>
      <c r="E208" cm="1">
        <f t="array" ref="E208">IFERROR(INDEX(Jesper!AI$2:AI$366,ROUNDDOWN($C208/24,0)+1,1)*INDEX($D$3:$AA$30,INDEX(Jesper!$R$2:$R$366,ROW(INDEX(Jesper!AI$2:AI$366,ROUNDDOWN($C208/24,0)+1,1))-1)+IF('Standard Profiles'!$G$19=$B$10,7,0)+IF('Standard Profiles'!$G$19=$B$17,14,0)+IF('Standard Profiles'!$G$19=$B$24,21,0),MOD($C208,24)+1)/SUM(INDEX($D$3:$AA$30,INDEX(Jesper!$R$2:$R$366,ROW(INDEX(Jesper!AI$2:AI$366,ROUNDDOWN($C208/24,0)+1,1))-1)+IF('Standard Profiles'!$G$19=$B$10,7,0)+IF('Standard Profiles'!$G$19=$B$17,14,0)+IF('Standard Profiles'!$G$19=$B$24,21,0),0)),0)</f>
        <v>4.8475709866026504</v>
      </c>
      <c r="F208" cm="1">
        <f t="array" ref="F208">IFERROR(INDEX(Jesper!AJ$2:AJ$366,ROUNDDOWN($C208/24,0)+1,1)*INDEX($D$3:$AA$30,INDEX(Jesper!$R$2:$R$366,ROW(INDEX(Jesper!AJ$2:AJ$366,ROUNDDOWN($C208/24,0)+1,1))-1)+IF('Standard Profiles'!$G$20=$B$10,7,0)+IF('Standard Profiles'!$G$20=$B$17,14,0)+IF('Standard Profiles'!$G$20=$B$24,21,0),MOD($C208,24)+1)/SUM(INDEX($D$3:$AA$30,INDEX(Jesper!$R$2:$R$366,ROW(INDEX(Jesper!AJ$2:AJ$366,ROUNDDOWN($C208/24,0)+1,1))-1)+IF('Standard Profiles'!$G$20=$B$10,7,0)+IF('Standard Profiles'!$G$20=$B$17,14,0)+IF('Standard Profiles'!$G$20=$B$24,21,0),0)),0)</f>
        <v>4.0164592930642762</v>
      </c>
      <c r="G208" cm="1">
        <f t="array" ref="G208">IFERROR(INDEX(Jesper!AK$2:AK$366,ROUNDDOWN($C208/24,0)+1,1)*INDEX($D$3:$AA$30,INDEX(Jesper!$R$2:$R$366,ROW(INDEX(Jesper!AK$2:AK$366,ROUNDDOWN($C208/24,0)+1,1))-1)+IF('Standard Profiles'!$G$21=$B$10,7,0)+IF('Standard Profiles'!$G$21=$B$17,14,0)+IF('Standard Profiles'!$G$21=$B$24,21,0),MOD($C208,24)+1)/SUM(INDEX($D$3:$AA$30,INDEX(Jesper!$R$2:$R$366,ROW(INDEX(Jesper!AK$2:AK$366,ROUNDDOWN($C208/24,0)+1,1))-1)+IF('Standard Profiles'!$G$21=$B$10,7,0)+IF('Standard Profiles'!$G$21=$B$17,14,0)+IF('Standard Profiles'!$G$21=$B$24,21,0),0)),0)</f>
        <v>6.3605638957015804</v>
      </c>
      <c r="H208" cm="1">
        <f t="array" ref="H208">IFERROR(INDEX(Jesper!AL$2:AL$366,ROUNDDOWN($C208/24,0)+1,1)*INDEX($D$3:$AA$30,INDEX(Jesper!$R$2:$R$366,ROW(INDEX(Jesper!AL$2:AL$366,ROUNDDOWN($C208/24,0)+1,1))-1)+IF('Standard Profiles'!$G$22=$B$10,7,0)+IF('Standard Profiles'!$G$22=$B$17,14,0)+IF('Standard Profiles'!$G$22=$B$24,21,0),MOD($C208,24)+1)/SUM(INDEX($D$3:$AA$30,INDEX(Jesper!$R$2:$R$366,ROW(INDEX(Jesper!AL$2:AL$366,ROUNDDOWN($C208/24,0)+1,1))-1)+IF('Standard Profiles'!$G$22=$B$10,7,0)+IF('Standard Profiles'!$G$22=$B$17,14,0)+IF('Standard Profiles'!$G$22=$B$24,21,0),0)),0)</f>
        <v>5.0946263690495144</v>
      </c>
      <c r="I208">
        <f t="shared" si="34"/>
        <v>4.8908413142875364</v>
      </c>
      <c r="J208">
        <f t="shared" si="35"/>
        <v>14.846670711738168</v>
      </c>
      <c r="K208">
        <f t="shared" si="36"/>
        <v>0.38780567892821205</v>
      </c>
      <c r="L208">
        <f t="shared" si="37"/>
        <v>0.19390283946410602</v>
      </c>
      <c r="M208">
        <f t="shared" si="38"/>
        <v>0</v>
      </c>
      <c r="N208" s="45">
        <f t="shared" si="39"/>
        <v>44934.249999999578</v>
      </c>
    </row>
    <row r="209" spans="2:14" x14ac:dyDescent="0.25">
      <c r="B209">
        <f t="shared" si="33"/>
        <v>7</v>
      </c>
      <c r="C209" s="16">
        <v>175</v>
      </c>
      <c r="D209" cm="1">
        <f t="array" ref="D209">IFERROR(INDEX(Jesper!AH$2:AH$366,ROUNDDOWN($C209/24,0)+1,1)*INDEX($D$3:$AA$30,INDEX(Jesper!$R$2:$R$366,ROW(INDEX(Jesper!AH$2:AH$366,ROUNDDOWN($C209/24,0)+1,1))-1)+IF('Standard Profiles'!$G$18=$B$10,7,0)+IF('Standard Profiles'!$G$18=$B$17,14,0)+IF('Standard Profiles'!$G$18=$B$24,21,0),MOD($C209,24)+1)/SUM(INDEX($D$3:$AA$30,INDEX(Jesper!$R$2:$R$366,ROW(INDEX(Jesper!AH$2:AH$366,ROUNDDOWN($C209/24,0)+1,1))-1)+IF('Standard Profiles'!$G$18=$B$10,7,0)+IF('Standard Profiles'!$G$18=$B$17,14,0)+IF('Standard Profiles'!$G$18=$B$24,21,0),0)),0)</f>
        <v>0</v>
      </c>
      <c r="E209" cm="1">
        <f t="array" ref="E209">IFERROR(INDEX(Jesper!AI$2:AI$366,ROUNDDOWN($C209/24,0)+1,1)*INDEX($D$3:$AA$30,INDEX(Jesper!$R$2:$R$366,ROW(INDEX(Jesper!AI$2:AI$366,ROUNDDOWN($C209/24,0)+1,1))-1)+IF('Standard Profiles'!$G$19=$B$10,7,0)+IF('Standard Profiles'!$G$19=$B$17,14,0)+IF('Standard Profiles'!$G$19=$B$24,21,0),MOD($C209,24)+1)/SUM(INDEX($D$3:$AA$30,INDEX(Jesper!$R$2:$R$366,ROW(INDEX(Jesper!AI$2:AI$366,ROUNDDOWN($C209/24,0)+1,1))-1)+IF('Standard Profiles'!$G$19=$B$10,7,0)+IF('Standard Profiles'!$G$19=$B$17,14,0)+IF('Standard Profiles'!$G$19=$B$24,21,0),0)),0)</f>
        <v>4.8475709866026504</v>
      </c>
      <c r="F209" cm="1">
        <f t="array" ref="F209">IFERROR(INDEX(Jesper!AJ$2:AJ$366,ROUNDDOWN($C209/24,0)+1,1)*INDEX($D$3:$AA$30,INDEX(Jesper!$R$2:$R$366,ROW(INDEX(Jesper!AJ$2:AJ$366,ROUNDDOWN($C209/24,0)+1,1))-1)+IF('Standard Profiles'!$G$20=$B$10,7,0)+IF('Standard Profiles'!$G$20=$B$17,14,0)+IF('Standard Profiles'!$G$20=$B$24,21,0),MOD($C209,24)+1)/SUM(INDEX($D$3:$AA$30,INDEX(Jesper!$R$2:$R$366,ROW(INDEX(Jesper!AJ$2:AJ$366,ROUNDDOWN($C209/24,0)+1,1))-1)+IF('Standard Profiles'!$G$20=$B$10,7,0)+IF('Standard Profiles'!$G$20=$B$17,14,0)+IF('Standard Profiles'!$G$20=$B$24,21,0),0)),0)</f>
        <v>4.0164592930642762</v>
      </c>
      <c r="G209" cm="1">
        <f t="array" ref="G209">IFERROR(INDEX(Jesper!AK$2:AK$366,ROUNDDOWN($C209/24,0)+1,1)*INDEX($D$3:$AA$30,INDEX(Jesper!$R$2:$R$366,ROW(INDEX(Jesper!AK$2:AK$366,ROUNDDOWN($C209/24,0)+1,1))-1)+IF('Standard Profiles'!$G$21=$B$10,7,0)+IF('Standard Profiles'!$G$21=$B$17,14,0)+IF('Standard Profiles'!$G$21=$B$24,21,0),MOD($C209,24)+1)/SUM(INDEX($D$3:$AA$30,INDEX(Jesper!$R$2:$R$366,ROW(INDEX(Jesper!AK$2:AK$366,ROUNDDOWN($C209/24,0)+1,1))-1)+IF('Standard Profiles'!$G$21=$B$10,7,0)+IF('Standard Profiles'!$G$21=$B$17,14,0)+IF('Standard Profiles'!$G$21=$B$24,21,0),0)),0)</f>
        <v>6.3605638957015804</v>
      </c>
      <c r="H209" cm="1">
        <f t="array" ref="H209">IFERROR(INDEX(Jesper!AL$2:AL$366,ROUNDDOWN($C209/24,0)+1,1)*INDEX($D$3:$AA$30,INDEX(Jesper!$R$2:$R$366,ROW(INDEX(Jesper!AL$2:AL$366,ROUNDDOWN($C209/24,0)+1,1))-1)+IF('Standard Profiles'!$G$22=$B$10,7,0)+IF('Standard Profiles'!$G$22=$B$17,14,0)+IF('Standard Profiles'!$G$22=$B$24,21,0),MOD($C209,24)+1)/SUM(INDEX($D$3:$AA$30,INDEX(Jesper!$R$2:$R$366,ROW(INDEX(Jesper!AL$2:AL$366,ROUNDDOWN($C209/24,0)+1,1))-1)+IF('Standard Profiles'!$G$22=$B$10,7,0)+IF('Standard Profiles'!$G$22=$B$17,14,0)+IF('Standard Profiles'!$G$22=$B$24,21,0),0)),0)</f>
        <v>6.0558766273607434</v>
      </c>
      <c r="I209">
        <f t="shared" si="34"/>
        <v>5.8136415622663167</v>
      </c>
      <c r="J209">
        <f t="shared" si="35"/>
        <v>14.885120722070617</v>
      </c>
      <c r="K209">
        <f t="shared" si="36"/>
        <v>0.38780567892821205</v>
      </c>
      <c r="L209">
        <f t="shared" si="37"/>
        <v>0.19390283946410602</v>
      </c>
      <c r="M209">
        <f t="shared" si="38"/>
        <v>0</v>
      </c>
      <c r="N209" s="45">
        <f t="shared" si="39"/>
        <v>44934.291666666242</v>
      </c>
    </row>
    <row r="210" spans="2:14" x14ac:dyDescent="0.25">
      <c r="B210">
        <f t="shared" si="33"/>
        <v>7</v>
      </c>
      <c r="C210" s="16">
        <v>176</v>
      </c>
      <c r="D210" cm="1">
        <f t="array" ref="D210">IFERROR(INDEX(Jesper!AH$2:AH$366,ROUNDDOWN($C210/24,0)+1,1)*INDEX($D$3:$AA$30,INDEX(Jesper!$R$2:$R$366,ROW(INDEX(Jesper!AH$2:AH$366,ROUNDDOWN($C210/24,0)+1,1))-1)+IF('Standard Profiles'!$G$18=$B$10,7,0)+IF('Standard Profiles'!$G$18=$B$17,14,0)+IF('Standard Profiles'!$G$18=$B$24,21,0),MOD($C210,24)+1)/SUM(INDEX($D$3:$AA$30,INDEX(Jesper!$R$2:$R$366,ROW(INDEX(Jesper!AH$2:AH$366,ROUNDDOWN($C210/24,0)+1,1))-1)+IF('Standard Profiles'!$G$18=$B$10,7,0)+IF('Standard Profiles'!$G$18=$B$17,14,0)+IF('Standard Profiles'!$G$18=$B$24,21,0),0)),0)</f>
        <v>0</v>
      </c>
      <c r="E210" cm="1">
        <f t="array" ref="E210">IFERROR(INDEX(Jesper!AI$2:AI$366,ROUNDDOWN($C210/24,0)+1,1)*INDEX($D$3:$AA$30,INDEX(Jesper!$R$2:$R$366,ROW(INDEX(Jesper!AI$2:AI$366,ROUNDDOWN($C210/24,0)+1,1))-1)+IF('Standard Profiles'!$G$19=$B$10,7,0)+IF('Standard Profiles'!$G$19=$B$17,14,0)+IF('Standard Profiles'!$G$19=$B$24,21,0),MOD($C210,24)+1)/SUM(INDEX($D$3:$AA$30,INDEX(Jesper!$R$2:$R$366,ROW(INDEX(Jesper!AI$2:AI$366,ROUNDDOWN($C210/24,0)+1,1))-1)+IF('Standard Profiles'!$G$19=$B$10,7,0)+IF('Standard Profiles'!$G$19=$B$17,14,0)+IF('Standard Profiles'!$G$19=$B$24,21,0),0)),0)</f>
        <v>4.8475709866026504</v>
      </c>
      <c r="F210" cm="1">
        <f t="array" ref="F210">IFERROR(INDEX(Jesper!AJ$2:AJ$366,ROUNDDOWN($C210/24,0)+1,1)*INDEX($D$3:$AA$30,INDEX(Jesper!$R$2:$R$366,ROW(INDEX(Jesper!AJ$2:AJ$366,ROUNDDOWN($C210/24,0)+1,1))-1)+IF('Standard Profiles'!$G$20=$B$10,7,0)+IF('Standard Profiles'!$G$20=$B$17,14,0)+IF('Standard Profiles'!$G$20=$B$24,21,0),MOD($C210,24)+1)/SUM(INDEX($D$3:$AA$30,INDEX(Jesper!$R$2:$R$366,ROW(INDEX(Jesper!AJ$2:AJ$366,ROUNDDOWN($C210/24,0)+1,1))-1)+IF('Standard Profiles'!$G$20=$B$10,7,0)+IF('Standard Profiles'!$G$20=$B$17,14,0)+IF('Standard Profiles'!$G$20=$B$24,21,0),0)),0)</f>
        <v>4.0164592930642762</v>
      </c>
      <c r="G210" cm="1">
        <f t="array" ref="G210">IFERROR(INDEX(Jesper!AK$2:AK$366,ROUNDDOWN($C210/24,0)+1,1)*INDEX($D$3:$AA$30,INDEX(Jesper!$R$2:$R$366,ROW(INDEX(Jesper!AK$2:AK$366,ROUNDDOWN($C210/24,0)+1,1))-1)+IF('Standard Profiles'!$G$21=$B$10,7,0)+IF('Standard Profiles'!$G$21=$B$17,14,0)+IF('Standard Profiles'!$G$21=$B$24,21,0),MOD($C210,24)+1)/SUM(INDEX($D$3:$AA$30,INDEX(Jesper!$R$2:$R$366,ROW(INDEX(Jesper!AK$2:AK$366,ROUNDDOWN($C210/24,0)+1,1))-1)+IF('Standard Profiles'!$G$21=$B$10,7,0)+IF('Standard Profiles'!$G$21=$B$17,14,0)+IF('Standard Profiles'!$G$21=$B$24,21,0),0)),0)</f>
        <v>6.3605638957015804</v>
      </c>
      <c r="H210" cm="1">
        <f t="array" ref="H210">IFERROR(INDEX(Jesper!AL$2:AL$366,ROUNDDOWN($C210/24,0)+1,1)*INDEX($D$3:$AA$30,INDEX(Jesper!$R$2:$R$366,ROW(INDEX(Jesper!AL$2:AL$366,ROUNDDOWN($C210/24,0)+1,1))-1)+IF('Standard Profiles'!$G$22=$B$10,7,0)+IF('Standard Profiles'!$G$22=$B$17,14,0)+IF('Standard Profiles'!$G$22=$B$24,21,0),MOD($C210,24)+1)/SUM(INDEX($D$3:$AA$30,INDEX(Jesper!$R$2:$R$366,ROW(INDEX(Jesper!AL$2:AL$366,ROUNDDOWN($C210/24,0)+1,1))-1)+IF('Standard Profiles'!$G$22=$B$10,7,0)+IF('Standard Profiles'!$G$22=$B$17,14,0)+IF('Standard Profiles'!$G$22=$B$24,21,0),0)),0)</f>
        <v>6.0558766273607434</v>
      </c>
      <c r="I210">
        <f t="shared" si="34"/>
        <v>5.8136415622663167</v>
      </c>
      <c r="J210">
        <f t="shared" si="35"/>
        <v>14.885120722070617</v>
      </c>
      <c r="K210">
        <f t="shared" si="36"/>
        <v>0.38780567892821205</v>
      </c>
      <c r="L210">
        <f t="shared" si="37"/>
        <v>0.19390283946410602</v>
      </c>
      <c r="M210">
        <f t="shared" si="38"/>
        <v>0</v>
      </c>
      <c r="N210" s="45">
        <f t="shared" si="39"/>
        <v>44934.333333332906</v>
      </c>
    </row>
    <row r="211" spans="2:14" x14ac:dyDescent="0.25">
      <c r="B211">
        <f t="shared" si="33"/>
        <v>7</v>
      </c>
      <c r="C211" s="16">
        <v>177</v>
      </c>
      <c r="D211" cm="1">
        <f t="array" ref="D211">IFERROR(INDEX(Jesper!AH$2:AH$366,ROUNDDOWN($C211/24,0)+1,1)*INDEX($D$3:$AA$30,INDEX(Jesper!$R$2:$R$366,ROW(INDEX(Jesper!AH$2:AH$366,ROUNDDOWN($C211/24,0)+1,1))-1)+IF('Standard Profiles'!$G$18=$B$10,7,0)+IF('Standard Profiles'!$G$18=$B$17,14,0)+IF('Standard Profiles'!$G$18=$B$24,21,0),MOD($C211,24)+1)/SUM(INDEX($D$3:$AA$30,INDEX(Jesper!$R$2:$R$366,ROW(INDEX(Jesper!AH$2:AH$366,ROUNDDOWN($C211/24,0)+1,1))-1)+IF('Standard Profiles'!$G$18=$B$10,7,0)+IF('Standard Profiles'!$G$18=$B$17,14,0)+IF('Standard Profiles'!$G$18=$B$24,21,0),0)),0)</f>
        <v>0</v>
      </c>
      <c r="E211" cm="1">
        <f t="array" ref="E211">IFERROR(INDEX(Jesper!AI$2:AI$366,ROUNDDOWN($C211/24,0)+1,1)*INDEX($D$3:$AA$30,INDEX(Jesper!$R$2:$R$366,ROW(INDEX(Jesper!AI$2:AI$366,ROUNDDOWN($C211/24,0)+1,1))-1)+IF('Standard Profiles'!$G$19=$B$10,7,0)+IF('Standard Profiles'!$G$19=$B$17,14,0)+IF('Standard Profiles'!$G$19=$B$24,21,0),MOD($C211,24)+1)/SUM(INDEX($D$3:$AA$30,INDEX(Jesper!$R$2:$R$366,ROW(INDEX(Jesper!AI$2:AI$366,ROUNDDOWN($C211/24,0)+1,1))-1)+IF('Standard Profiles'!$G$19=$B$10,7,0)+IF('Standard Profiles'!$G$19=$B$17,14,0)+IF('Standard Profiles'!$G$19=$B$24,21,0),0)),0)</f>
        <v>4.8475709866026504</v>
      </c>
      <c r="F211" cm="1">
        <f t="array" ref="F211">IFERROR(INDEX(Jesper!AJ$2:AJ$366,ROUNDDOWN($C211/24,0)+1,1)*INDEX($D$3:$AA$30,INDEX(Jesper!$R$2:$R$366,ROW(INDEX(Jesper!AJ$2:AJ$366,ROUNDDOWN($C211/24,0)+1,1))-1)+IF('Standard Profiles'!$G$20=$B$10,7,0)+IF('Standard Profiles'!$G$20=$B$17,14,0)+IF('Standard Profiles'!$G$20=$B$24,21,0),MOD($C211,24)+1)/SUM(INDEX($D$3:$AA$30,INDEX(Jesper!$R$2:$R$366,ROW(INDEX(Jesper!AJ$2:AJ$366,ROUNDDOWN($C211/24,0)+1,1))-1)+IF('Standard Profiles'!$G$20=$B$10,7,0)+IF('Standard Profiles'!$G$20=$B$17,14,0)+IF('Standard Profiles'!$G$20=$B$24,21,0),0)),0)</f>
        <v>4.0164592930642762</v>
      </c>
      <c r="G211" cm="1">
        <f t="array" ref="G211">IFERROR(INDEX(Jesper!AK$2:AK$366,ROUNDDOWN($C211/24,0)+1,1)*INDEX($D$3:$AA$30,INDEX(Jesper!$R$2:$R$366,ROW(INDEX(Jesper!AK$2:AK$366,ROUNDDOWN($C211/24,0)+1,1))-1)+IF('Standard Profiles'!$G$21=$B$10,7,0)+IF('Standard Profiles'!$G$21=$B$17,14,0)+IF('Standard Profiles'!$G$21=$B$24,21,0),MOD($C211,24)+1)/SUM(INDEX($D$3:$AA$30,INDEX(Jesper!$R$2:$R$366,ROW(INDEX(Jesper!AK$2:AK$366,ROUNDDOWN($C211/24,0)+1,1))-1)+IF('Standard Profiles'!$G$21=$B$10,7,0)+IF('Standard Profiles'!$G$21=$B$17,14,0)+IF('Standard Profiles'!$G$21=$B$24,21,0),0)),0)</f>
        <v>6.3605638957015804</v>
      </c>
      <c r="H211" cm="1">
        <f t="array" ref="H211">IFERROR(INDEX(Jesper!AL$2:AL$366,ROUNDDOWN($C211/24,0)+1,1)*INDEX($D$3:$AA$30,INDEX(Jesper!$R$2:$R$366,ROW(INDEX(Jesper!AL$2:AL$366,ROUNDDOWN($C211/24,0)+1,1))-1)+IF('Standard Profiles'!$G$22=$B$10,7,0)+IF('Standard Profiles'!$G$22=$B$17,14,0)+IF('Standard Profiles'!$G$22=$B$24,21,0),MOD($C211,24)+1)/SUM(INDEX($D$3:$AA$30,INDEX(Jesper!$R$2:$R$366,ROW(INDEX(Jesper!AL$2:AL$366,ROUNDDOWN($C211/24,0)+1,1))-1)+IF('Standard Profiles'!$G$22=$B$10,7,0)+IF('Standard Profiles'!$G$22=$B$17,14,0)+IF('Standard Profiles'!$G$22=$B$24,21,0),0)),0)</f>
        <v>6.0558766273607434</v>
      </c>
      <c r="I211">
        <f t="shared" si="34"/>
        <v>5.8136415622663167</v>
      </c>
      <c r="J211">
        <f t="shared" si="35"/>
        <v>14.885120722070617</v>
      </c>
      <c r="K211">
        <f t="shared" si="36"/>
        <v>0.38780567892821205</v>
      </c>
      <c r="L211">
        <f t="shared" si="37"/>
        <v>0.19390283946410602</v>
      </c>
      <c r="M211">
        <f t="shared" si="38"/>
        <v>0</v>
      </c>
      <c r="N211" s="45">
        <f t="shared" si="39"/>
        <v>44934.374999999571</v>
      </c>
    </row>
    <row r="212" spans="2:14" x14ac:dyDescent="0.25">
      <c r="B212">
        <f t="shared" si="33"/>
        <v>7</v>
      </c>
      <c r="C212" s="16">
        <v>178</v>
      </c>
      <c r="D212" cm="1">
        <f t="array" ref="D212">IFERROR(INDEX(Jesper!AH$2:AH$366,ROUNDDOWN($C212/24,0)+1,1)*INDEX($D$3:$AA$30,INDEX(Jesper!$R$2:$R$366,ROW(INDEX(Jesper!AH$2:AH$366,ROUNDDOWN($C212/24,0)+1,1))-1)+IF('Standard Profiles'!$G$18=$B$10,7,0)+IF('Standard Profiles'!$G$18=$B$17,14,0)+IF('Standard Profiles'!$G$18=$B$24,21,0),MOD($C212,24)+1)/SUM(INDEX($D$3:$AA$30,INDEX(Jesper!$R$2:$R$366,ROW(INDEX(Jesper!AH$2:AH$366,ROUNDDOWN($C212/24,0)+1,1))-1)+IF('Standard Profiles'!$G$18=$B$10,7,0)+IF('Standard Profiles'!$G$18=$B$17,14,0)+IF('Standard Profiles'!$G$18=$B$24,21,0),0)),0)</f>
        <v>0</v>
      </c>
      <c r="E212" cm="1">
        <f t="array" ref="E212">IFERROR(INDEX(Jesper!AI$2:AI$366,ROUNDDOWN($C212/24,0)+1,1)*INDEX($D$3:$AA$30,INDEX(Jesper!$R$2:$R$366,ROW(INDEX(Jesper!AI$2:AI$366,ROUNDDOWN($C212/24,0)+1,1))-1)+IF('Standard Profiles'!$G$19=$B$10,7,0)+IF('Standard Profiles'!$G$19=$B$17,14,0)+IF('Standard Profiles'!$G$19=$B$24,21,0),MOD($C212,24)+1)/SUM(INDEX($D$3:$AA$30,INDEX(Jesper!$R$2:$R$366,ROW(INDEX(Jesper!AI$2:AI$366,ROUNDDOWN($C212/24,0)+1,1))-1)+IF('Standard Profiles'!$G$19=$B$10,7,0)+IF('Standard Profiles'!$G$19=$B$17,14,0)+IF('Standard Profiles'!$G$19=$B$24,21,0),0)),0)</f>
        <v>4.8475709866026504</v>
      </c>
      <c r="F212" cm="1">
        <f t="array" ref="F212">IFERROR(INDEX(Jesper!AJ$2:AJ$366,ROUNDDOWN($C212/24,0)+1,1)*INDEX($D$3:$AA$30,INDEX(Jesper!$R$2:$R$366,ROW(INDEX(Jesper!AJ$2:AJ$366,ROUNDDOWN($C212/24,0)+1,1))-1)+IF('Standard Profiles'!$G$20=$B$10,7,0)+IF('Standard Profiles'!$G$20=$B$17,14,0)+IF('Standard Profiles'!$G$20=$B$24,21,0),MOD($C212,24)+1)/SUM(INDEX($D$3:$AA$30,INDEX(Jesper!$R$2:$R$366,ROW(INDEX(Jesper!AJ$2:AJ$366,ROUNDDOWN($C212/24,0)+1,1))-1)+IF('Standard Profiles'!$G$20=$B$10,7,0)+IF('Standard Profiles'!$G$20=$B$17,14,0)+IF('Standard Profiles'!$G$20=$B$24,21,0),0)),0)</f>
        <v>4.0164592930642762</v>
      </c>
      <c r="G212" cm="1">
        <f t="array" ref="G212">IFERROR(INDEX(Jesper!AK$2:AK$366,ROUNDDOWN($C212/24,0)+1,1)*INDEX($D$3:$AA$30,INDEX(Jesper!$R$2:$R$366,ROW(INDEX(Jesper!AK$2:AK$366,ROUNDDOWN($C212/24,0)+1,1))-1)+IF('Standard Profiles'!$G$21=$B$10,7,0)+IF('Standard Profiles'!$G$21=$B$17,14,0)+IF('Standard Profiles'!$G$21=$B$24,21,0),MOD($C212,24)+1)/SUM(INDEX($D$3:$AA$30,INDEX(Jesper!$R$2:$R$366,ROW(INDEX(Jesper!AK$2:AK$366,ROUNDDOWN($C212/24,0)+1,1))-1)+IF('Standard Profiles'!$G$21=$B$10,7,0)+IF('Standard Profiles'!$G$21=$B$17,14,0)+IF('Standard Profiles'!$G$21=$B$24,21,0),0)),0)</f>
        <v>6.3605638957015804</v>
      </c>
      <c r="H212" cm="1">
        <f t="array" ref="H212">IFERROR(INDEX(Jesper!AL$2:AL$366,ROUNDDOWN($C212/24,0)+1,1)*INDEX($D$3:$AA$30,INDEX(Jesper!$R$2:$R$366,ROW(INDEX(Jesper!AL$2:AL$366,ROUNDDOWN($C212/24,0)+1,1))-1)+IF('Standard Profiles'!$G$22=$B$10,7,0)+IF('Standard Profiles'!$G$22=$B$17,14,0)+IF('Standard Profiles'!$G$22=$B$24,21,0),MOD($C212,24)+1)/SUM(INDEX($D$3:$AA$30,INDEX(Jesper!$R$2:$R$366,ROW(INDEX(Jesper!AL$2:AL$366,ROUNDDOWN($C212/24,0)+1,1))-1)+IF('Standard Profiles'!$G$22=$B$10,7,0)+IF('Standard Profiles'!$G$22=$B$17,14,0)+IF('Standard Profiles'!$G$22=$B$24,21,0),0)),0)</f>
        <v>6.0558766273607434</v>
      </c>
      <c r="I212">
        <f t="shared" si="34"/>
        <v>5.8136415622663167</v>
      </c>
      <c r="J212">
        <f t="shared" si="35"/>
        <v>14.885120722070617</v>
      </c>
      <c r="K212">
        <f t="shared" si="36"/>
        <v>0.38780567892821205</v>
      </c>
      <c r="L212">
        <f t="shared" si="37"/>
        <v>0.19390283946410602</v>
      </c>
      <c r="M212">
        <f t="shared" si="38"/>
        <v>0</v>
      </c>
      <c r="N212" s="45">
        <f t="shared" si="39"/>
        <v>44934.416666666235</v>
      </c>
    </row>
    <row r="213" spans="2:14" x14ac:dyDescent="0.25">
      <c r="B213">
        <f t="shared" si="33"/>
        <v>7</v>
      </c>
      <c r="C213" s="16">
        <v>179</v>
      </c>
      <c r="D213" cm="1">
        <f t="array" ref="D213">IFERROR(INDEX(Jesper!AH$2:AH$366,ROUNDDOWN($C213/24,0)+1,1)*INDEX($D$3:$AA$30,INDEX(Jesper!$R$2:$R$366,ROW(INDEX(Jesper!AH$2:AH$366,ROUNDDOWN($C213/24,0)+1,1))-1)+IF('Standard Profiles'!$G$18=$B$10,7,0)+IF('Standard Profiles'!$G$18=$B$17,14,0)+IF('Standard Profiles'!$G$18=$B$24,21,0),MOD($C213,24)+1)/SUM(INDEX($D$3:$AA$30,INDEX(Jesper!$R$2:$R$366,ROW(INDEX(Jesper!AH$2:AH$366,ROUNDDOWN($C213/24,0)+1,1))-1)+IF('Standard Profiles'!$G$18=$B$10,7,0)+IF('Standard Profiles'!$G$18=$B$17,14,0)+IF('Standard Profiles'!$G$18=$B$24,21,0),0)),0)</f>
        <v>0</v>
      </c>
      <c r="E213" cm="1">
        <f t="array" ref="E213">IFERROR(INDEX(Jesper!AI$2:AI$366,ROUNDDOWN($C213/24,0)+1,1)*INDEX($D$3:$AA$30,INDEX(Jesper!$R$2:$R$366,ROW(INDEX(Jesper!AI$2:AI$366,ROUNDDOWN($C213/24,0)+1,1))-1)+IF('Standard Profiles'!$G$19=$B$10,7,0)+IF('Standard Profiles'!$G$19=$B$17,14,0)+IF('Standard Profiles'!$G$19=$B$24,21,0),MOD($C213,24)+1)/SUM(INDEX($D$3:$AA$30,INDEX(Jesper!$R$2:$R$366,ROW(INDEX(Jesper!AI$2:AI$366,ROUNDDOWN($C213/24,0)+1,1))-1)+IF('Standard Profiles'!$G$19=$B$10,7,0)+IF('Standard Profiles'!$G$19=$B$17,14,0)+IF('Standard Profiles'!$G$19=$B$24,21,0),0)),0)</f>
        <v>4.8475709866026504</v>
      </c>
      <c r="F213" cm="1">
        <f t="array" ref="F213">IFERROR(INDEX(Jesper!AJ$2:AJ$366,ROUNDDOWN($C213/24,0)+1,1)*INDEX($D$3:$AA$30,INDEX(Jesper!$R$2:$R$366,ROW(INDEX(Jesper!AJ$2:AJ$366,ROUNDDOWN($C213/24,0)+1,1))-1)+IF('Standard Profiles'!$G$20=$B$10,7,0)+IF('Standard Profiles'!$G$20=$B$17,14,0)+IF('Standard Profiles'!$G$20=$B$24,21,0),MOD($C213,24)+1)/SUM(INDEX($D$3:$AA$30,INDEX(Jesper!$R$2:$R$366,ROW(INDEX(Jesper!AJ$2:AJ$366,ROUNDDOWN($C213/24,0)+1,1))-1)+IF('Standard Profiles'!$G$20=$B$10,7,0)+IF('Standard Profiles'!$G$20=$B$17,14,0)+IF('Standard Profiles'!$G$20=$B$24,21,0),0)),0)</f>
        <v>4.0164592930642762</v>
      </c>
      <c r="G213" cm="1">
        <f t="array" ref="G213">IFERROR(INDEX(Jesper!AK$2:AK$366,ROUNDDOWN($C213/24,0)+1,1)*INDEX($D$3:$AA$30,INDEX(Jesper!$R$2:$R$366,ROW(INDEX(Jesper!AK$2:AK$366,ROUNDDOWN($C213/24,0)+1,1))-1)+IF('Standard Profiles'!$G$21=$B$10,7,0)+IF('Standard Profiles'!$G$21=$B$17,14,0)+IF('Standard Profiles'!$G$21=$B$24,21,0),MOD($C213,24)+1)/SUM(INDEX($D$3:$AA$30,INDEX(Jesper!$R$2:$R$366,ROW(INDEX(Jesper!AK$2:AK$366,ROUNDDOWN($C213/24,0)+1,1))-1)+IF('Standard Profiles'!$G$21=$B$10,7,0)+IF('Standard Profiles'!$G$21=$B$17,14,0)+IF('Standard Profiles'!$G$21=$B$24,21,0),0)),0)</f>
        <v>6.3605638957015804</v>
      </c>
      <c r="H213" cm="1">
        <f t="array" ref="H213">IFERROR(INDEX(Jesper!AL$2:AL$366,ROUNDDOWN($C213/24,0)+1,1)*INDEX($D$3:$AA$30,INDEX(Jesper!$R$2:$R$366,ROW(INDEX(Jesper!AL$2:AL$366,ROUNDDOWN($C213/24,0)+1,1))-1)+IF('Standard Profiles'!$G$22=$B$10,7,0)+IF('Standard Profiles'!$G$22=$B$17,14,0)+IF('Standard Profiles'!$G$22=$B$24,21,0),MOD($C213,24)+1)/SUM(INDEX($D$3:$AA$30,INDEX(Jesper!$R$2:$R$366,ROW(INDEX(Jesper!AL$2:AL$366,ROUNDDOWN($C213/24,0)+1,1))-1)+IF('Standard Profiles'!$G$22=$B$10,7,0)+IF('Standard Profiles'!$G$22=$B$17,14,0)+IF('Standard Profiles'!$G$22=$B$24,21,0),0)),0)</f>
        <v>6.0558766273607434</v>
      </c>
      <c r="I213">
        <f t="shared" si="34"/>
        <v>5.8136415622663167</v>
      </c>
      <c r="J213">
        <f t="shared" si="35"/>
        <v>14.885120722070617</v>
      </c>
      <c r="K213">
        <f t="shared" si="36"/>
        <v>0.38780567892821205</v>
      </c>
      <c r="L213">
        <f t="shared" si="37"/>
        <v>0.19390283946410602</v>
      </c>
      <c r="M213">
        <f t="shared" si="38"/>
        <v>0</v>
      </c>
      <c r="N213" s="45">
        <f t="shared" si="39"/>
        <v>44934.458333332899</v>
      </c>
    </row>
    <row r="214" spans="2:14" x14ac:dyDescent="0.25">
      <c r="B214">
        <f t="shared" si="33"/>
        <v>7</v>
      </c>
      <c r="C214" s="16">
        <v>180</v>
      </c>
      <c r="D214" cm="1">
        <f t="array" ref="D214">IFERROR(INDEX(Jesper!AH$2:AH$366,ROUNDDOWN($C214/24,0)+1,1)*INDEX($D$3:$AA$30,INDEX(Jesper!$R$2:$R$366,ROW(INDEX(Jesper!AH$2:AH$366,ROUNDDOWN($C214/24,0)+1,1))-1)+IF('Standard Profiles'!$G$18=$B$10,7,0)+IF('Standard Profiles'!$G$18=$B$17,14,0)+IF('Standard Profiles'!$G$18=$B$24,21,0),MOD($C214,24)+1)/SUM(INDEX($D$3:$AA$30,INDEX(Jesper!$R$2:$R$366,ROW(INDEX(Jesper!AH$2:AH$366,ROUNDDOWN($C214/24,0)+1,1))-1)+IF('Standard Profiles'!$G$18=$B$10,7,0)+IF('Standard Profiles'!$G$18=$B$17,14,0)+IF('Standard Profiles'!$G$18=$B$24,21,0),0)),0)</f>
        <v>0</v>
      </c>
      <c r="E214" cm="1">
        <f t="array" ref="E214">IFERROR(INDEX(Jesper!AI$2:AI$366,ROUNDDOWN($C214/24,0)+1,1)*INDEX($D$3:$AA$30,INDEX(Jesper!$R$2:$R$366,ROW(INDEX(Jesper!AI$2:AI$366,ROUNDDOWN($C214/24,0)+1,1))-1)+IF('Standard Profiles'!$G$19=$B$10,7,0)+IF('Standard Profiles'!$G$19=$B$17,14,0)+IF('Standard Profiles'!$G$19=$B$24,21,0),MOD($C214,24)+1)/SUM(INDEX($D$3:$AA$30,INDEX(Jesper!$R$2:$R$366,ROW(INDEX(Jesper!AI$2:AI$366,ROUNDDOWN($C214/24,0)+1,1))-1)+IF('Standard Profiles'!$G$19=$B$10,7,0)+IF('Standard Profiles'!$G$19=$B$17,14,0)+IF('Standard Profiles'!$G$19=$B$24,21,0),0)),0)</f>
        <v>4.8475709866026504</v>
      </c>
      <c r="F214" cm="1">
        <f t="array" ref="F214">IFERROR(INDEX(Jesper!AJ$2:AJ$366,ROUNDDOWN($C214/24,0)+1,1)*INDEX($D$3:$AA$30,INDEX(Jesper!$R$2:$R$366,ROW(INDEX(Jesper!AJ$2:AJ$366,ROUNDDOWN($C214/24,0)+1,1))-1)+IF('Standard Profiles'!$G$20=$B$10,7,0)+IF('Standard Profiles'!$G$20=$B$17,14,0)+IF('Standard Profiles'!$G$20=$B$24,21,0),MOD($C214,24)+1)/SUM(INDEX($D$3:$AA$30,INDEX(Jesper!$R$2:$R$366,ROW(INDEX(Jesper!AJ$2:AJ$366,ROUNDDOWN($C214/24,0)+1,1))-1)+IF('Standard Profiles'!$G$20=$B$10,7,0)+IF('Standard Profiles'!$G$20=$B$17,14,0)+IF('Standard Profiles'!$G$20=$B$24,21,0),0)),0)</f>
        <v>4.0164592930642762</v>
      </c>
      <c r="G214" cm="1">
        <f t="array" ref="G214">IFERROR(INDEX(Jesper!AK$2:AK$366,ROUNDDOWN($C214/24,0)+1,1)*INDEX($D$3:$AA$30,INDEX(Jesper!$R$2:$R$366,ROW(INDEX(Jesper!AK$2:AK$366,ROUNDDOWN($C214/24,0)+1,1))-1)+IF('Standard Profiles'!$G$21=$B$10,7,0)+IF('Standard Profiles'!$G$21=$B$17,14,0)+IF('Standard Profiles'!$G$21=$B$24,21,0),MOD($C214,24)+1)/SUM(INDEX($D$3:$AA$30,INDEX(Jesper!$R$2:$R$366,ROW(INDEX(Jesper!AK$2:AK$366,ROUNDDOWN($C214/24,0)+1,1))-1)+IF('Standard Profiles'!$G$21=$B$10,7,0)+IF('Standard Profiles'!$G$21=$B$17,14,0)+IF('Standard Profiles'!$G$21=$B$24,21,0),0)),0)</f>
        <v>6.3605638957015804</v>
      </c>
      <c r="H214" cm="1">
        <f t="array" ref="H214">IFERROR(INDEX(Jesper!AL$2:AL$366,ROUNDDOWN($C214/24,0)+1,1)*INDEX($D$3:$AA$30,INDEX(Jesper!$R$2:$R$366,ROW(INDEX(Jesper!AL$2:AL$366,ROUNDDOWN($C214/24,0)+1,1))-1)+IF('Standard Profiles'!$G$22=$B$10,7,0)+IF('Standard Profiles'!$G$22=$B$17,14,0)+IF('Standard Profiles'!$G$22=$B$24,21,0),MOD($C214,24)+1)/SUM(INDEX($D$3:$AA$30,INDEX(Jesper!$R$2:$R$366,ROW(INDEX(Jesper!AL$2:AL$366,ROUNDDOWN($C214/24,0)+1,1))-1)+IF('Standard Profiles'!$G$22=$B$10,7,0)+IF('Standard Profiles'!$G$22=$B$17,14,0)+IF('Standard Profiles'!$G$22=$B$24,21,0),0)),0)</f>
        <v>6.0558766273607434</v>
      </c>
      <c r="I214">
        <f t="shared" si="34"/>
        <v>5.8136415622663167</v>
      </c>
      <c r="J214">
        <f t="shared" si="35"/>
        <v>14.885120722070617</v>
      </c>
      <c r="K214">
        <f t="shared" si="36"/>
        <v>0.38780567892821205</v>
      </c>
      <c r="L214">
        <f t="shared" si="37"/>
        <v>0.19390283946410602</v>
      </c>
      <c r="M214">
        <f t="shared" si="38"/>
        <v>0</v>
      </c>
      <c r="N214" s="45">
        <f t="shared" si="39"/>
        <v>44934.499999999563</v>
      </c>
    </row>
    <row r="215" spans="2:14" x14ac:dyDescent="0.25">
      <c r="B215">
        <f t="shared" si="33"/>
        <v>7</v>
      </c>
      <c r="C215" s="16">
        <v>181</v>
      </c>
      <c r="D215" cm="1">
        <f t="array" ref="D215">IFERROR(INDEX(Jesper!AH$2:AH$366,ROUNDDOWN($C215/24,0)+1,1)*INDEX($D$3:$AA$30,INDEX(Jesper!$R$2:$R$366,ROW(INDEX(Jesper!AH$2:AH$366,ROUNDDOWN($C215/24,0)+1,1))-1)+IF('Standard Profiles'!$G$18=$B$10,7,0)+IF('Standard Profiles'!$G$18=$B$17,14,0)+IF('Standard Profiles'!$G$18=$B$24,21,0),MOD($C215,24)+1)/SUM(INDEX($D$3:$AA$30,INDEX(Jesper!$R$2:$R$366,ROW(INDEX(Jesper!AH$2:AH$366,ROUNDDOWN($C215/24,0)+1,1))-1)+IF('Standard Profiles'!$G$18=$B$10,7,0)+IF('Standard Profiles'!$G$18=$B$17,14,0)+IF('Standard Profiles'!$G$18=$B$24,21,0),0)),0)</f>
        <v>0</v>
      </c>
      <c r="E215" cm="1">
        <f t="array" ref="E215">IFERROR(INDEX(Jesper!AI$2:AI$366,ROUNDDOWN($C215/24,0)+1,1)*INDEX($D$3:$AA$30,INDEX(Jesper!$R$2:$R$366,ROW(INDEX(Jesper!AI$2:AI$366,ROUNDDOWN($C215/24,0)+1,1))-1)+IF('Standard Profiles'!$G$19=$B$10,7,0)+IF('Standard Profiles'!$G$19=$B$17,14,0)+IF('Standard Profiles'!$G$19=$B$24,21,0),MOD($C215,24)+1)/SUM(INDEX($D$3:$AA$30,INDEX(Jesper!$R$2:$R$366,ROW(INDEX(Jesper!AI$2:AI$366,ROUNDDOWN($C215/24,0)+1,1))-1)+IF('Standard Profiles'!$G$19=$B$10,7,0)+IF('Standard Profiles'!$G$19=$B$17,14,0)+IF('Standard Profiles'!$G$19=$B$24,21,0),0)),0)</f>
        <v>4.8475709866026504</v>
      </c>
      <c r="F215" cm="1">
        <f t="array" ref="F215">IFERROR(INDEX(Jesper!AJ$2:AJ$366,ROUNDDOWN($C215/24,0)+1,1)*INDEX($D$3:$AA$30,INDEX(Jesper!$R$2:$R$366,ROW(INDEX(Jesper!AJ$2:AJ$366,ROUNDDOWN($C215/24,0)+1,1))-1)+IF('Standard Profiles'!$G$20=$B$10,7,0)+IF('Standard Profiles'!$G$20=$B$17,14,0)+IF('Standard Profiles'!$G$20=$B$24,21,0),MOD($C215,24)+1)/SUM(INDEX($D$3:$AA$30,INDEX(Jesper!$R$2:$R$366,ROW(INDEX(Jesper!AJ$2:AJ$366,ROUNDDOWN($C215/24,0)+1,1))-1)+IF('Standard Profiles'!$G$20=$B$10,7,0)+IF('Standard Profiles'!$G$20=$B$17,14,0)+IF('Standard Profiles'!$G$20=$B$24,21,0),0)),0)</f>
        <v>4.0164592930642762</v>
      </c>
      <c r="G215" cm="1">
        <f t="array" ref="G215">IFERROR(INDEX(Jesper!AK$2:AK$366,ROUNDDOWN($C215/24,0)+1,1)*INDEX($D$3:$AA$30,INDEX(Jesper!$R$2:$R$366,ROW(INDEX(Jesper!AK$2:AK$366,ROUNDDOWN($C215/24,0)+1,1))-1)+IF('Standard Profiles'!$G$21=$B$10,7,0)+IF('Standard Profiles'!$G$21=$B$17,14,0)+IF('Standard Profiles'!$G$21=$B$24,21,0),MOD($C215,24)+1)/SUM(INDEX($D$3:$AA$30,INDEX(Jesper!$R$2:$R$366,ROW(INDEX(Jesper!AK$2:AK$366,ROUNDDOWN($C215/24,0)+1,1))-1)+IF('Standard Profiles'!$G$21=$B$10,7,0)+IF('Standard Profiles'!$G$21=$B$17,14,0)+IF('Standard Profiles'!$G$21=$B$24,21,0),0)),0)</f>
        <v>6.3605638957015804</v>
      </c>
      <c r="H215" cm="1">
        <f t="array" ref="H215">IFERROR(INDEX(Jesper!AL$2:AL$366,ROUNDDOWN($C215/24,0)+1,1)*INDEX($D$3:$AA$30,INDEX(Jesper!$R$2:$R$366,ROW(INDEX(Jesper!AL$2:AL$366,ROUNDDOWN($C215/24,0)+1,1))-1)+IF('Standard Profiles'!$G$22=$B$10,7,0)+IF('Standard Profiles'!$G$22=$B$17,14,0)+IF('Standard Profiles'!$G$22=$B$24,21,0),MOD($C215,24)+1)/SUM(INDEX($D$3:$AA$30,INDEX(Jesper!$R$2:$R$366,ROW(INDEX(Jesper!AL$2:AL$366,ROUNDDOWN($C215/24,0)+1,1))-1)+IF('Standard Profiles'!$G$22=$B$10,7,0)+IF('Standard Profiles'!$G$22=$B$17,14,0)+IF('Standard Profiles'!$G$22=$B$24,21,0),0)),0)</f>
        <v>6.0558766273607434</v>
      </c>
      <c r="I215">
        <f t="shared" si="34"/>
        <v>5.8136415622663167</v>
      </c>
      <c r="J215">
        <f t="shared" si="35"/>
        <v>14.885120722070617</v>
      </c>
      <c r="K215">
        <f t="shared" si="36"/>
        <v>0.38780567892821205</v>
      </c>
      <c r="L215">
        <f t="shared" si="37"/>
        <v>0.19390283946410602</v>
      </c>
      <c r="M215">
        <f t="shared" si="38"/>
        <v>0</v>
      </c>
      <c r="N215" s="45">
        <f t="shared" si="39"/>
        <v>44934.541666666228</v>
      </c>
    </row>
    <row r="216" spans="2:14" x14ac:dyDescent="0.25">
      <c r="B216">
        <f t="shared" si="33"/>
        <v>7</v>
      </c>
      <c r="C216" s="16">
        <v>182</v>
      </c>
      <c r="D216" cm="1">
        <f t="array" ref="D216">IFERROR(INDEX(Jesper!AH$2:AH$366,ROUNDDOWN($C216/24,0)+1,1)*INDEX($D$3:$AA$30,INDEX(Jesper!$R$2:$R$366,ROW(INDEX(Jesper!AH$2:AH$366,ROUNDDOWN($C216/24,0)+1,1))-1)+IF('Standard Profiles'!$G$18=$B$10,7,0)+IF('Standard Profiles'!$G$18=$B$17,14,0)+IF('Standard Profiles'!$G$18=$B$24,21,0),MOD($C216,24)+1)/SUM(INDEX($D$3:$AA$30,INDEX(Jesper!$R$2:$R$366,ROW(INDEX(Jesper!AH$2:AH$366,ROUNDDOWN($C216/24,0)+1,1))-1)+IF('Standard Profiles'!$G$18=$B$10,7,0)+IF('Standard Profiles'!$G$18=$B$17,14,0)+IF('Standard Profiles'!$G$18=$B$24,21,0),0)),0)</f>
        <v>0</v>
      </c>
      <c r="E216" cm="1">
        <f t="array" ref="E216">IFERROR(INDEX(Jesper!AI$2:AI$366,ROUNDDOWN($C216/24,0)+1,1)*INDEX($D$3:$AA$30,INDEX(Jesper!$R$2:$R$366,ROW(INDEX(Jesper!AI$2:AI$366,ROUNDDOWN($C216/24,0)+1,1))-1)+IF('Standard Profiles'!$G$19=$B$10,7,0)+IF('Standard Profiles'!$G$19=$B$17,14,0)+IF('Standard Profiles'!$G$19=$B$24,21,0),MOD($C216,24)+1)/SUM(INDEX($D$3:$AA$30,INDEX(Jesper!$R$2:$R$366,ROW(INDEX(Jesper!AI$2:AI$366,ROUNDDOWN($C216/24,0)+1,1))-1)+IF('Standard Profiles'!$G$19=$B$10,7,0)+IF('Standard Profiles'!$G$19=$B$17,14,0)+IF('Standard Profiles'!$G$19=$B$24,21,0),0)),0)</f>
        <v>4.8475709866026504</v>
      </c>
      <c r="F216" cm="1">
        <f t="array" ref="F216">IFERROR(INDEX(Jesper!AJ$2:AJ$366,ROUNDDOWN($C216/24,0)+1,1)*INDEX($D$3:$AA$30,INDEX(Jesper!$R$2:$R$366,ROW(INDEX(Jesper!AJ$2:AJ$366,ROUNDDOWN($C216/24,0)+1,1))-1)+IF('Standard Profiles'!$G$20=$B$10,7,0)+IF('Standard Profiles'!$G$20=$B$17,14,0)+IF('Standard Profiles'!$G$20=$B$24,21,0),MOD($C216,24)+1)/SUM(INDEX($D$3:$AA$30,INDEX(Jesper!$R$2:$R$366,ROW(INDEX(Jesper!AJ$2:AJ$366,ROUNDDOWN($C216/24,0)+1,1))-1)+IF('Standard Profiles'!$G$20=$B$10,7,0)+IF('Standard Profiles'!$G$20=$B$17,14,0)+IF('Standard Profiles'!$G$20=$B$24,21,0),0)),0)</f>
        <v>4.0164592930642762</v>
      </c>
      <c r="G216" cm="1">
        <f t="array" ref="G216">IFERROR(INDEX(Jesper!AK$2:AK$366,ROUNDDOWN($C216/24,0)+1,1)*INDEX($D$3:$AA$30,INDEX(Jesper!$R$2:$R$366,ROW(INDEX(Jesper!AK$2:AK$366,ROUNDDOWN($C216/24,0)+1,1))-1)+IF('Standard Profiles'!$G$21=$B$10,7,0)+IF('Standard Profiles'!$G$21=$B$17,14,0)+IF('Standard Profiles'!$G$21=$B$24,21,0),MOD($C216,24)+1)/SUM(INDEX($D$3:$AA$30,INDEX(Jesper!$R$2:$R$366,ROW(INDEX(Jesper!AK$2:AK$366,ROUNDDOWN($C216/24,0)+1,1))-1)+IF('Standard Profiles'!$G$21=$B$10,7,0)+IF('Standard Profiles'!$G$21=$B$17,14,0)+IF('Standard Profiles'!$G$21=$B$24,21,0),0)),0)</f>
        <v>6.3605638957015804</v>
      </c>
      <c r="H216" cm="1">
        <f t="array" ref="H216">IFERROR(INDEX(Jesper!AL$2:AL$366,ROUNDDOWN($C216/24,0)+1,1)*INDEX($D$3:$AA$30,INDEX(Jesper!$R$2:$R$366,ROW(INDEX(Jesper!AL$2:AL$366,ROUNDDOWN($C216/24,0)+1,1))-1)+IF('Standard Profiles'!$G$22=$B$10,7,0)+IF('Standard Profiles'!$G$22=$B$17,14,0)+IF('Standard Profiles'!$G$22=$B$24,21,0),MOD($C216,24)+1)/SUM(INDEX($D$3:$AA$30,INDEX(Jesper!$R$2:$R$366,ROW(INDEX(Jesper!AL$2:AL$366,ROUNDDOWN($C216/24,0)+1,1))-1)+IF('Standard Profiles'!$G$22=$B$10,7,0)+IF('Standard Profiles'!$G$22=$B$17,14,0)+IF('Standard Profiles'!$G$22=$B$24,21,0),0)),0)</f>
        <v>6.0558766273607434</v>
      </c>
      <c r="I216">
        <f t="shared" si="34"/>
        <v>5.8136415622663167</v>
      </c>
      <c r="J216">
        <f t="shared" si="35"/>
        <v>14.885120722070617</v>
      </c>
      <c r="K216">
        <f t="shared" si="36"/>
        <v>0.38780567892821205</v>
      </c>
      <c r="L216">
        <f t="shared" si="37"/>
        <v>0.19390283946410602</v>
      </c>
      <c r="M216">
        <f t="shared" si="38"/>
        <v>0</v>
      </c>
      <c r="N216" s="45">
        <f t="shared" si="39"/>
        <v>44934.583333332892</v>
      </c>
    </row>
    <row r="217" spans="2:14" x14ac:dyDescent="0.25">
      <c r="B217">
        <f t="shared" si="33"/>
        <v>7</v>
      </c>
      <c r="C217" s="16">
        <v>183</v>
      </c>
      <c r="D217" cm="1">
        <f t="array" ref="D217">IFERROR(INDEX(Jesper!AH$2:AH$366,ROUNDDOWN($C217/24,0)+1,1)*INDEX($D$3:$AA$30,INDEX(Jesper!$R$2:$R$366,ROW(INDEX(Jesper!AH$2:AH$366,ROUNDDOWN($C217/24,0)+1,1))-1)+IF('Standard Profiles'!$G$18=$B$10,7,0)+IF('Standard Profiles'!$G$18=$B$17,14,0)+IF('Standard Profiles'!$G$18=$B$24,21,0),MOD($C217,24)+1)/SUM(INDEX($D$3:$AA$30,INDEX(Jesper!$R$2:$R$366,ROW(INDEX(Jesper!AH$2:AH$366,ROUNDDOWN($C217/24,0)+1,1))-1)+IF('Standard Profiles'!$G$18=$B$10,7,0)+IF('Standard Profiles'!$G$18=$B$17,14,0)+IF('Standard Profiles'!$G$18=$B$24,21,0),0)),0)</f>
        <v>0</v>
      </c>
      <c r="E217" cm="1">
        <f t="array" ref="E217">IFERROR(INDEX(Jesper!AI$2:AI$366,ROUNDDOWN($C217/24,0)+1,1)*INDEX($D$3:$AA$30,INDEX(Jesper!$R$2:$R$366,ROW(INDEX(Jesper!AI$2:AI$366,ROUNDDOWN($C217/24,0)+1,1))-1)+IF('Standard Profiles'!$G$19=$B$10,7,0)+IF('Standard Profiles'!$G$19=$B$17,14,0)+IF('Standard Profiles'!$G$19=$B$24,21,0),MOD($C217,24)+1)/SUM(INDEX($D$3:$AA$30,INDEX(Jesper!$R$2:$R$366,ROW(INDEX(Jesper!AI$2:AI$366,ROUNDDOWN($C217/24,0)+1,1))-1)+IF('Standard Profiles'!$G$19=$B$10,7,0)+IF('Standard Profiles'!$G$19=$B$17,14,0)+IF('Standard Profiles'!$G$19=$B$24,21,0),0)),0)</f>
        <v>4.8475709866026504</v>
      </c>
      <c r="F217" cm="1">
        <f t="array" ref="F217">IFERROR(INDEX(Jesper!AJ$2:AJ$366,ROUNDDOWN($C217/24,0)+1,1)*INDEX($D$3:$AA$30,INDEX(Jesper!$R$2:$R$366,ROW(INDEX(Jesper!AJ$2:AJ$366,ROUNDDOWN($C217/24,0)+1,1))-1)+IF('Standard Profiles'!$G$20=$B$10,7,0)+IF('Standard Profiles'!$G$20=$B$17,14,0)+IF('Standard Profiles'!$G$20=$B$24,21,0),MOD($C217,24)+1)/SUM(INDEX($D$3:$AA$30,INDEX(Jesper!$R$2:$R$366,ROW(INDEX(Jesper!AJ$2:AJ$366,ROUNDDOWN($C217/24,0)+1,1))-1)+IF('Standard Profiles'!$G$20=$B$10,7,0)+IF('Standard Profiles'!$G$20=$B$17,14,0)+IF('Standard Profiles'!$G$20=$B$24,21,0),0)),0)</f>
        <v>4.0164592930642762</v>
      </c>
      <c r="G217" cm="1">
        <f t="array" ref="G217">IFERROR(INDEX(Jesper!AK$2:AK$366,ROUNDDOWN($C217/24,0)+1,1)*INDEX($D$3:$AA$30,INDEX(Jesper!$R$2:$R$366,ROW(INDEX(Jesper!AK$2:AK$366,ROUNDDOWN($C217/24,0)+1,1))-1)+IF('Standard Profiles'!$G$21=$B$10,7,0)+IF('Standard Profiles'!$G$21=$B$17,14,0)+IF('Standard Profiles'!$G$21=$B$24,21,0),MOD($C217,24)+1)/SUM(INDEX($D$3:$AA$30,INDEX(Jesper!$R$2:$R$366,ROW(INDEX(Jesper!AK$2:AK$366,ROUNDDOWN($C217/24,0)+1,1))-1)+IF('Standard Profiles'!$G$21=$B$10,7,0)+IF('Standard Profiles'!$G$21=$B$17,14,0)+IF('Standard Profiles'!$G$21=$B$24,21,0),0)),0)</f>
        <v>6.3605638957015804</v>
      </c>
      <c r="H217" cm="1">
        <f t="array" ref="H217">IFERROR(INDEX(Jesper!AL$2:AL$366,ROUNDDOWN($C217/24,0)+1,1)*INDEX($D$3:$AA$30,INDEX(Jesper!$R$2:$R$366,ROW(INDEX(Jesper!AL$2:AL$366,ROUNDDOWN($C217/24,0)+1,1))-1)+IF('Standard Profiles'!$G$22=$B$10,7,0)+IF('Standard Profiles'!$G$22=$B$17,14,0)+IF('Standard Profiles'!$G$22=$B$24,21,0),MOD($C217,24)+1)/SUM(INDEX($D$3:$AA$30,INDEX(Jesper!$R$2:$R$366,ROW(INDEX(Jesper!AL$2:AL$366,ROUNDDOWN($C217/24,0)+1,1))-1)+IF('Standard Profiles'!$G$22=$B$10,7,0)+IF('Standard Profiles'!$G$22=$B$17,14,0)+IF('Standard Profiles'!$G$22=$B$24,21,0),0)),0)</f>
        <v>5.3830014465428828</v>
      </c>
      <c r="I217">
        <f t="shared" si="34"/>
        <v>5.1676813886811699</v>
      </c>
      <c r="J217">
        <f t="shared" si="35"/>
        <v>14.858205714837903</v>
      </c>
      <c r="K217">
        <f t="shared" si="36"/>
        <v>0.38780567892821205</v>
      </c>
      <c r="L217">
        <f t="shared" si="37"/>
        <v>0.19390283946410602</v>
      </c>
      <c r="M217">
        <f t="shared" si="38"/>
        <v>0</v>
      </c>
      <c r="N217" s="45">
        <f t="shared" si="39"/>
        <v>44934.624999999556</v>
      </c>
    </row>
    <row r="218" spans="2:14" x14ac:dyDescent="0.25">
      <c r="B218">
        <f t="shared" si="33"/>
        <v>7</v>
      </c>
      <c r="C218" s="16">
        <v>184</v>
      </c>
      <c r="D218" cm="1">
        <f t="array" ref="D218">IFERROR(INDEX(Jesper!AH$2:AH$366,ROUNDDOWN($C218/24,0)+1,1)*INDEX($D$3:$AA$30,INDEX(Jesper!$R$2:$R$366,ROW(INDEX(Jesper!AH$2:AH$366,ROUNDDOWN($C218/24,0)+1,1))-1)+IF('Standard Profiles'!$G$18=$B$10,7,0)+IF('Standard Profiles'!$G$18=$B$17,14,0)+IF('Standard Profiles'!$G$18=$B$24,21,0),MOD($C218,24)+1)/SUM(INDEX($D$3:$AA$30,INDEX(Jesper!$R$2:$R$366,ROW(INDEX(Jesper!AH$2:AH$366,ROUNDDOWN($C218/24,0)+1,1))-1)+IF('Standard Profiles'!$G$18=$B$10,7,0)+IF('Standard Profiles'!$G$18=$B$17,14,0)+IF('Standard Profiles'!$G$18=$B$24,21,0),0)),0)</f>
        <v>0</v>
      </c>
      <c r="E218" cm="1">
        <f t="array" ref="E218">IFERROR(INDEX(Jesper!AI$2:AI$366,ROUNDDOWN($C218/24,0)+1,1)*INDEX($D$3:$AA$30,INDEX(Jesper!$R$2:$R$366,ROW(INDEX(Jesper!AI$2:AI$366,ROUNDDOWN($C218/24,0)+1,1))-1)+IF('Standard Profiles'!$G$19=$B$10,7,0)+IF('Standard Profiles'!$G$19=$B$17,14,0)+IF('Standard Profiles'!$G$19=$B$24,21,0),MOD($C218,24)+1)/SUM(INDEX($D$3:$AA$30,INDEX(Jesper!$R$2:$R$366,ROW(INDEX(Jesper!AI$2:AI$366,ROUNDDOWN($C218/24,0)+1,1))-1)+IF('Standard Profiles'!$G$19=$B$10,7,0)+IF('Standard Profiles'!$G$19=$B$17,14,0)+IF('Standard Profiles'!$G$19=$B$24,21,0),0)),0)</f>
        <v>4.8475709866026504</v>
      </c>
      <c r="F218" cm="1">
        <f t="array" ref="F218">IFERROR(INDEX(Jesper!AJ$2:AJ$366,ROUNDDOWN($C218/24,0)+1,1)*INDEX($D$3:$AA$30,INDEX(Jesper!$R$2:$R$366,ROW(INDEX(Jesper!AJ$2:AJ$366,ROUNDDOWN($C218/24,0)+1,1))-1)+IF('Standard Profiles'!$G$20=$B$10,7,0)+IF('Standard Profiles'!$G$20=$B$17,14,0)+IF('Standard Profiles'!$G$20=$B$24,21,0),MOD($C218,24)+1)/SUM(INDEX($D$3:$AA$30,INDEX(Jesper!$R$2:$R$366,ROW(INDEX(Jesper!AJ$2:AJ$366,ROUNDDOWN($C218/24,0)+1,1))-1)+IF('Standard Profiles'!$G$20=$B$10,7,0)+IF('Standard Profiles'!$G$20=$B$17,14,0)+IF('Standard Profiles'!$G$20=$B$24,21,0),0)),0)</f>
        <v>4.0164592930642762</v>
      </c>
      <c r="G218" cm="1">
        <f t="array" ref="G218">IFERROR(INDEX(Jesper!AK$2:AK$366,ROUNDDOWN($C218/24,0)+1,1)*INDEX($D$3:$AA$30,INDEX(Jesper!$R$2:$R$366,ROW(INDEX(Jesper!AK$2:AK$366,ROUNDDOWN($C218/24,0)+1,1))-1)+IF('Standard Profiles'!$G$21=$B$10,7,0)+IF('Standard Profiles'!$G$21=$B$17,14,0)+IF('Standard Profiles'!$G$21=$B$24,21,0),MOD($C218,24)+1)/SUM(INDEX($D$3:$AA$30,INDEX(Jesper!$R$2:$R$366,ROW(INDEX(Jesper!AK$2:AK$366,ROUNDDOWN($C218/24,0)+1,1))-1)+IF('Standard Profiles'!$G$21=$B$10,7,0)+IF('Standard Profiles'!$G$21=$B$17,14,0)+IF('Standard Profiles'!$G$21=$B$24,21,0),0)),0)</f>
        <v>6.3605638957015804</v>
      </c>
      <c r="H218" cm="1">
        <f t="array" ref="H218">IFERROR(INDEX(Jesper!AL$2:AL$366,ROUNDDOWN($C218/24,0)+1,1)*INDEX($D$3:$AA$30,INDEX(Jesper!$R$2:$R$366,ROW(INDEX(Jesper!AL$2:AL$366,ROUNDDOWN($C218/24,0)+1,1))-1)+IF('Standard Profiles'!$G$22=$B$10,7,0)+IF('Standard Profiles'!$G$22=$B$17,14,0)+IF('Standard Profiles'!$G$22=$B$24,21,0),MOD($C218,24)+1)/SUM(INDEX($D$3:$AA$30,INDEX(Jesper!$R$2:$R$366,ROW(INDEX(Jesper!AL$2:AL$366,ROUNDDOWN($C218/24,0)+1,1))-1)+IF('Standard Profiles'!$G$22=$B$10,7,0)+IF('Standard Profiles'!$G$22=$B$17,14,0)+IF('Standard Profiles'!$G$22=$B$24,21,0),0)),0)</f>
        <v>5.28687642071176</v>
      </c>
      <c r="I218">
        <f t="shared" si="34"/>
        <v>5.0754013638832927</v>
      </c>
      <c r="J218">
        <f t="shared" si="35"/>
        <v>14.854360713804658</v>
      </c>
      <c r="K218">
        <f t="shared" si="36"/>
        <v>0.38780567892821205</v>
      </c>
      <c r="L218">
        <f t="shared" si="37"/>
        <v>0.19390283946410602</v>
      </c>
      <c r="M218">
        <f t="shared" si="38"/>
        <v>0</v>
      </c>
      <c r="N218" s="45">
        <f t="shared" si="39"/>
        <v>44934.66666666622</v>
      </c>
    </row>
    <row r="219" spans="2:14" x14ac:dyDescent="0.25">
      <c r="B219">
        <f t="shared" si="33"/>
        <v>7</v>
      </c>
      <c r="C219" s="16">
        <v>185</v>
      </c>
      <c r="D219" cm="1">
        <f t="array" ref="D219">IFERROR(INDEX(Jesper!AH$2:AH$366,ROUNDDOWN($C219/24,0)+1,1)*INDEX($D$3:$AA$30,INDEX(Jesper!$R$2:$R$366,ROW(INDEX(Jesper!AH$2:AH$366,ROUNDDOWN($C219/24,0)+1,1))-1)+IF('Standard Profiles'!$G$18=$B$10,7,0)+IF('Standard Profiles'!$G$18=$B$17,14,0)+IF('Standard Profiles'!$G$18=$B$24,21,0),MOD($C219,24)+1)/SUM(INDEX($D$3:$AA$30,INDEX(Jesper!$R$2:$R$366,ROW(INDEX(Jesper!AH$2:AH$366,ROUNDDOWN($C219/24,0)+1,1))-1)+IF('Standard Profiles'!$G$18=$B$10,7,0)+IF('Standard Profiles'!$G$18=$B$17,14,0)+IF('Standard Profiles'!$G$18=$B$24,21,0),0)),0)</f>
        <v>0</v>
      </c>
      <c r="E219" cm="1">
        <f t="array" ref="E219">IFERROR(INDEX(Jesper!AI$2:AI$366,ROUNDDOWN($C219/24,0)+1,1)*INDEX($D$3:$AA$30,INDEX(Jesper!$R$2:$R$366,ROW(INDEX(Jesper!AI$2:AI$366,ROUNDDOWN($C219/24,0)+1,1))-1)+IF('Standard Profiles'!$G$19=$B$10,7,0)+IF('Standard Profiles'!$G$19=$B$17,14,0)+IF('Standard Profiles'!$G$19=$B$24,21,0),MOD($C219,24)+1)/SUM(INDEX($D$3:$AA$30,INDEX(Jesper!$R$2:$R$366,ROW(INDEX(Jesper!AI$2:AI$366,ROUNDDOWN($C219/24,0)+1,1))-1)+IF('Standard Profiles'!$G$19=$B$10,7,0)+IF('Standard Profiles'!$G$19=$B$17,14,0)+IF('Standard Profiles'!$G$19=$B$24,21,0),0)),0)</f>
        <v>4.8475709866026504</v>
      </c>
      <c r="F219" cm="1">
        <f t="array" ref="F219">IFERROR(INDEX(Jesper!AJ$2:AJ$366,ROUNDDOWN($C219/24,0)+1,1)*INDEX($D$3:$AA$30,INDEX(Jesper!$R$2:$R$366,ROW(INDEX(Jesper!AJ$2:AJ$366,ROUNDDOWN($C219/24,0)+1,1))-1)+IF('Standard Profiles'!$G$20=$B$10,7,0)+IF('Standard Profiles'!$G$20=$B$17,14,0)+IF('Standard Profiles'!$G$20=$B$24,21,0),MOD($C219,24)+1)/SUM(INDEX($D$3:$AA$30,INDEX(Jesper!$R$2:$R$366,ROW(INDEX(Jesper!AJ$2:AJ$366,ROUNDDOWN($C219/24,0)+1,1))-1)+IF('Standard Profiles'!$G$20=$B$10,7,0)+IF('Standard Profiles'!$G$20=$B$17,14,0)+IF('Standard Profiles'!$G$20=$B$24,21,0),0)),0)</f>
        <v>4.0164592930642762</v>
      </c>
      <c r="G219" cm="1">
        <f t="array" ref="G219">IFERROR(INDEX(Jesper!AK$2:AK$366,ROUNDDOWN($C219/24,0)+1,1)*INDEX($D$3:$AA$30,INDEX(Jesper!$R$2:$R$366,ROW(INDEX(Jesper!AK$2:AK$366,ROUNDDOWN($C219/24,0)+1,1))-1)+IF('Standard Profiles'!$G$21=$B$10,7,0)+IF('Standard Profiles'!$G$21=$B$17,14,0)+IF('Standard Profiles'!$G$21=$B$24,21,0),MOD($C219,24)+1)/SUM(INDEX($D$3:$AA$30,INDEX(Jesper!$R$2:$R$366,ROW(INDEX(Jesper!AK$2:AK$366,ROUNDDOWN($C219/24,0)+1,1))-1)+IF('Standard Profiles'!$G$21=$B$10,7,0)+IF('Standard Profiles'!$G$21=$B$17,14,0)+IF('Standard Profiles'!$G$21=$B$24,21,0),0)),0)</f>
        <v>6.3605638957015804</v>
      </c>
      <c r="H219" cm="1">
        <f t="array" ref="H219">IFERROR(INDEX(Jesper!AL$2:AL$366,ROUNDDOWN($C219/24,0)+1,1)*INDEX($D$3:$AA$30,INDEX(Jesper!$R$2:$R$366,ROW(INDEX(Jesper!AL$2:AL$366,ROUNDDOWN($C219/24,0)+1,1))-1)+IF('Standard Profiles'!$G$22=$B$10,7,0)+IF('Standard Profiles'!$G$22=$B$17,14,0)+IF('Standard Profiles'!$G$22=$B$24,21,0),MOD($C219,24)+1)/SUM(INDEX($D$3:$AA$30,INDEX(Jesper!$R$2:$R$366,ROW(INDEX(Jesper!AL$2:AL$366,ROUNDDOWN($C219/24,0)+1,1))-1)+IF('Standard Profiles'!$G$22=$B$10,7,0)+IF('Standard Profiles'!$G$22=$B$17,14,0)+IF('Standard Profiles'!$G$22=$B$24,21,0),0)),0)</f>
        <v>4.5178762140627766</v>
      </c>
      <c r="I219">
        <f t="shared" si="34"/>
        <v>4.3371611655002678</v>
      </c>
      <c r="J219">
        <f t="shared" si="35"/>
        <v>14.823600705538698</v>
      </c>
      <c r="K219">
        <f t="shared" si="36"/>
        <v>0.38780567892821205</v>
      </c>
      <c r="L219">
        <f t="shared" si="37"/>
        <v>0.19390283946410602</v>
      </c>
      <c r="M219">
        <f t="shared" si="38"/>
        <v>0</v>
      </c>
      <c r="N219" s="45">
        <f t="shared" si="39"/>
        <v>44934.708333332885</v>
      </c>
    </row>
    <row r="220" spans="2:14" x14ac:dyDescent="0.25">
      <c r="B220">
        <f t="shared" si="33"/>
        <v>7</v>
      </c>
      <c r="C220" s="16">
        <v>186</v>
      </c>
      <c r="D220" cm="1">
        <f t="array" ref="D220">IFERROR(INDEX(Jesper!AH$2:AH$366,ROUNDDOWN($C220/24,0)+1,1)*INDEX($D$3:$AA$30,INDEX(Jesper!$R$2:$R$366,ROW(INDEX(Jesper!AH$2:AH$366,ROUNDDOWN($C220/24,0)+1,1))-1)+IF('Standard Profiles'!$G$18=$B$10,7,0)+IF('Standard Profiles'!$G$18=$B$17,14,0)+IF('Standard Profiles'!$G$18=$B$24,21,0),MOD($C220,24)+1)/SUM(INDEX($D$3:$AA$30,INDEX(Jesper!$R$2:$R$366,ROW(INDEX(Jesper!AH$2:AH$366,ROUNDDOWN($C220/24,0)+1,1))-1)+IF('Standard Profiles'!$G$18=$B$10,7,0)+IF('Standard Profiles'!$G$18=$B$17,14,0)+IF('Standard Profiles'!$G$18=$B$24,21,0),0)),0)</f>
        <v>0</v>
      </c>
      <c r="E220" cm="1">
        <f t="array" ref="E220">IFERROR(INDEX(Jesper!AI$2:AI$366,ROUNDDOWN($C220/24,0)+1,1)*INDEX($D$3:$AA$30,INDEX(Jesper!$R$2:$R$366,ROW(INDEX(Jesper!AI$2:AI$366,ROUNDDOWN($C220/24,0)+1,1))-1)+IF('Standard Profiles'!$G$19=$B$10,7,0)+IF('Standard Profiles'!$G$19=$B$17,14,0)+IF('Standard Profiles'!$G$19=$B$24,21,0),MOD($C220,24)+1)/SUM(INDEX($D$3:$AA$30,INDEX(Jesper!$R$2:$R$366,ROW(INDEX(Jesper!AI$2:AI$366,ROUNDDOWN($C220/24,0)+1,1))-1)+IF('Standard Profiles'!$G$19=$B$10,7,0)+IF('Standard Profiles'!$G$19=$B$17,14,0)+IF('Standard Profiles'!$G$19=$B$24,21,0),0)),0)</f>
        <v>4.8475709866026504</v>
      </c>
      <c r="F220" cm="1">
        <f t="array" ref="F220">IFERROR(INDEX(Jesper!AJ$2:AJ$366,ROUNDDOWN($C220/24,0)+1,1)*INDEX($D$3:$AA$30,INDEX(Jesper!$R$2:$R$366,ROW(INDEX(Jesper!AJ$2:AJ$366,ROUNDDOWN($C220/24,0)+1,1))-1)+IF('Standard Profiles'!$G$20=$B$10,7,0)+IF('Standard Profiles'!$G$20=$B$17,14,0)+IF('Standard Profiles'!$G$20=$B$24,21,0),MOD($C220,24)+1)/SUM(INDEX($D$3:$AA$30,INDEX(Jesper!$R$2:$R$366,ROW(INDEX(Jesper!AJ$2:AJ$366,ROUNDDOWN($C220/24,0)+1,1))-1)+IF('Standard Profiles'!$G$20=$B$10,7,0)+IF('Standard Profiles'!$G$20=$B$17,14,0)+IF('Standard Profiles'!$G$20=$B$24,21,0),0)),0)</f>
        <v>4.0164592930642762</v>
      </c>
      <c r="G220" cm="1">
        <f t="array" ref="G220">IFERROR(INDEX(Jesper!AK$2:AK$366,ROUNDDOWN($C220/24,0)+1,1)*INDEX($D$3:$AA$30,INDEX(Jesper!$R$2:$R$366,ROW(INDEX(Jesper!AK$2:AK$366,ROUNDDOWN($C220/24,0)+1,1))-1)+IF('Standard Profiles'!$G$21=$B$10,7,0)+IF('Standard Profiles'!$G$21=$B$17,14,0)+IF('Standard Profiles'!$G$21=$B$24,21,0),MOD($C220,24)+1)/SUM(INDEX($D$3:$AA$30,INDEX(Jesper!$R$2:$R$366,ROW(INDEX(Jesper!AK$2:AK$366,ROUNDDOWN($C220/24,0)+1,1))-1)+IF('Standard Profiles'!$G$21=$B$10,7,0)+IF('Standard Profiles'!$G$21=$B$17,14,0)+IF('Standard Profiles'!$G$21=$B$24,21,0),0)),0)</f>
        <v>6.3605638957015804</v>
      </c>
      <c r="H220" cm="1">
        <f t="array" ref="H220">IFERROR(INDEX(Jesper!AL$2:AL$366,ROUNDDOWN($C220/24,0)+1,1)*INDEX($D$3:$AA$30,INDEX(Jesper!$R$2:$R$366,ROW(INDEX(Jesper!AL$2:AL$366,ROUNDDOWN($C220/24,0)+1,1))-1)+IF('Standard Profiles'!$G$22=$B$10,7,0)+IF('Standard Profiles'!$G$22=$B$17,14,0)+IF('Standard Profiles'!$G$22=$B$24,21,0),MOD($C220,24)+1)/SUM(INDEX($D$3:$AA$30,INDEX(Jesper!$R$2:$R$366,ROW(INDEX(Jesper!AL$2:AL$366,ROUNDDOWN($C220/24,0)+1,1))-1)+IF('Standard Profiles'!$G$22=$B$10,7,0)+IF('Standard Profiles'!$G$22=$B$17,14,0)+IF('Standard Profiles'!$G$22=$B$24,21,0),0)),0)</f>
        <v>4.2295011365694082</v>
      </c>
      <c r="I220">
        <f t="shared" si="34"/>
        <v>4.0603210911066343</v>
      </c>
      <c r="J220">
        <f t="shared" si="35"/>
        <v>14.812065702438964</v>
      </c>
      <c r="K220">
        <f t="shared" si="36"/>
        <v>0.38780567892821205</v>
      </c>
      <c r="L220">
        <f t="shared" si="37"/>
        <v>0.19390283946410602</v>
      </c>
      <c r="M220">
        <f t="shared" si="38"/>
        <v>0</v>
      </c>
      <c r="N220" s="45">
        <f t="shared" si="39"/>
        <v>44934.749999999549</v>
      </c>
    </row>
    <row r="221" spans="2:14" x14ac:dyDescent="0.25">
      <c r="B221">
        <f t="shared" si="33"/>
        <v>7</v>
      </c>
      <c r="C221" s="16">
        <v>187</v>
      </c>
      <c r="D221" cm="1">
        <f t="array" ref="D221">IFERROR(INDEX(Jesper!AH$2:AH$366,ROUNDDOWN($C221/24,0)+1,1)*INDEX($D$3:$AA$30,INDEX(Jesper!$R$2:$R$366,ROW(INDEX(Jesper!AH$2:AH$366,ROUNDDOWN($C221/24,0)+1,1))-1)+IF('Standard Profiles'!$G$18=$B$10,7,0)+IF('Standard Profiles'!$G$18=$B$17,14,0)+IF('Standard Profiles'!$G$18=$B$24,21,0),MOD($C221,24)+1)/SUM(INDEX($D$3:$AA$30,INDEX(Jesper!$R$2:$R$366,ROW(INDEX(Jesper!AH$2:AH$366,ROUNDDOWN($C221/24,0)+1,1))-1)+IF('Standard Profiles'!$G$18=$B$10,7,0)+IF('Standard Profiles'!$G$18=$B$17,14,0)+IF('Standard Profiles'!$G$18=$B$24,21,0),0)),0)</f>
        <v>0</v>
      </c>
      <c r="E221" cm="1">
        <f t="array" ref="E221">IFERROR(INDEX(Jesper!AI$2:AI$366,ROUNDDOWN($C221/24,0)+1,1)*INDEX($D$3:$AA$30,INDEX(Jesper!$R$2:$R$366,ROW(INDEX(Jesper!AI$2:AI$366,ROUNDDOWN($C221/24,0)+1,1))-1)+IF('Standard Profiles'!$G$19=$B$10,7,0)+IF('Standard Profiles'!$G$19=$B$17,14,0)+IF('Standard Profiles'!$G$19=$B$24,21,0),MOD($C221,24)+1)/SUM(INDEX($D$3:$AA$30,INDEX(Jesper!$R$2:$R$366,ROW(INDEX(Jesper!AI$2:AI$366,ROUNDDOWN($C221/24,0)+1,1))-1)+IF('Standard Profiles'!$G$19=$B$10,7,0)+IF('Standard Profiles'!$G$19=$B$17,14,0)+IF('Standard Profiles'!$G$19=$B$24,21,0),0)),0)</f>
        <v>4.8475709866026504</v>
      </c>
      <c r="F221" cm="1">
        <f t="array" ref="F221">IFERROR(INDEX(Jesper!AJ$2:AJ$366,ROUNDDOWN($C221/24,0)+1,1)*INDEX($D$3:$AA$30,INDEX(Jesper!$R$2:$R$366,ROW(INDEX(Jesper!AJ$2:AJ$366,ROUNDDOWN($C221/24,0)+1,1))-1)+IF('Standard Profiles'!$G$20=$B$10,7,0)+IF('Standard Profiles'!$G$20=$B$17,14,0)+IF('Standard Profiles'!$G$20=$B$24,21,0),MOD($C221,24)+1)/SUM(INDEX($D$3:$AA$30,INDEX(Jesper!$R$2:$R$366,ROW(INDEX(Jesper!AJ$2:AJ$366,ROUNDDOWN($C221/24,0)+1,1))-1)+IF('Standard Profiles'!$G$20=$B$10,7,0)+IF('Standard Profiles'!$G$20=$B$17,14,0)+IF('Standard Profiles'!$G$20=$B$24,21,0),0)),0)</f>
        <v>4.0164592930642762</v>
      </c>
      <c r="G221" cm="1">
        <f t="array" ref="G221">IFERROR(INDEX(Jesper!AK$2:AK$366,ROUNDDOWN($C221/24,0)+1,1)*INDEX($D$3:$AA$30,INDEX(Jesper!$R$2:$R$366,ROW(INDEX(Jesper!AK$2:AK$366,ROUNDDOWN($C221/24,0)+1,1))-1)+IF('Standard Profiles'!$G$21=$B$10,7,0)+IF('Standard Profiles'!$G$21=$B$17,14,0)+IF('Standard Profiles'!$G$21=$B$24,21,0),MOD($C221,24)+1)/SUM(INDEX($D$3:$AA$30,INDEX(Jesper!$R$2:$R$366,ROW(INDEX(Jesper!AK$2:AK$366,ROUNDDOWN($C221/24,0)+1,1))-1)+IF('Standard Profiles'!$G$21=$B$10,7,0)+IF('Standard Profiles'!$G$21=$B$17,14,0)+IF('Standard Profiles'!$G$21=$B$24,21,0),0)),0)</f>
        <v>6.3605638957015804</v>
      </c>
      <c r="H221" cm="1">
        <f t="array" ref="H221">IFERROR(INDEX(Jesper!AL$2:AL$366,ROUNDDOWN($C221/24,0)+1,1)*INDEX($D$3:$AA$30,INDEX(Jesper!$R$2:$R$366,ROW(INDEX(Jesper!AL$2:AL$366,ROUNDDOWN($C221/24,0)+1,1))-1)+IF('Standard Profiles'!$G$22=$B$10,7,0)+IF('Standard Profiles'!$G$22=$B$17,14,0)+IF('Standard Profiles'!$G$22=$B$24,21,0),MOD($C221,24)+1)/SUM(INDEX($D$3:$AA$30,INDEX(Jesper!$R$2:$R$366,ROW(INDEX(Jesper!AL$2:AL$366,ROUNDDOWN($C221/24,0)+1,1))-1)+IF('Standard Profiles'!$G$22=$B$10,7,0)+IF('Standard Profiles'!$G$22=$B$17,14,0)+IF('Standard Profiles'!$G$22=$B$24,21,0),0)),0)</f>
        <v>3.5566259557515481</v>
      </c>
      <c r="I221">
        <f t="shared" si="34"/>
        <v>3.414360917521488</v>
      </c>
      <c r="J221">
        <f t="shared" si="35"/>
        <v>14.78515069520625</v>
      </c>
      <c r="K221">
        <f t="shared" si="36"/>
        <v>0.38780567892821205</v>
      </c>
      <c r="L221">
        <f t="shared" si="37"/>
        <v>0.19390283946410602</v>
      </c>
      <c r="M221">
        <f t="shared" si="38"/>
        <v>0</v>
      </c>
      <c r="N221" s="45">
        <f t="shared" si="39"/>
        <v>44934.791666666213</v>
      </c>
    </row>
    <row r="222" spans="2:14" x14ac:dyDescent="0.25">
      <c r="B222">
        <f t="shared" si="33"/>
        <v>7</v>
      </c>
      <c r="C222" s="16">
        <v>188</v>
      </c>
      <c r="D222" cm="1">
        <f t="array" ref="D222">IFERROR(INDEX(Jesper!AH$2:AH$366,ROUNDDOWN($C222/24,0)+1,1)*INDEX($D$3:$AA$30,INDEX(Jesper!$R$2:$R$366,ROW(INDEX(Jesper!AH$2:AH$366,ROUNDDOWN($C222/24,0)+1,1))-1)+IF('Standard Profiles'!$G$18=$B$10,7,0)+IF('Standard Profiles'!$G$18=$B$17,14,0)+IF('Standard Profiles'!$G$18=$B$24,21,0),MOD($C222,24)+1)/SUM(INDEX($D$3:$AA$30,INDEX(Jesper!$R$2:$R$366,ROW(INDEX(Jesper!AH$2:AH$366,ROUNDDOWN($C222/24,0)+1,1))-1)+IF('Standard Profiles'!$G$18=$B$10,7,0)+IF('Standard Profiles'!$G$18=$B$17,14,0)+IF('Standard Profiles'!$G$18=$B$24,21,0),0)),0)</f>
        <v>0</v>
      </c>
      <c r="E222" cm="1">
        <f t="array" ref="E222">IFERROR(INDEX(Jesper!AI$2:AI$366,ROUNDDOWN($C222/24,0)+1,1)*INDEX($D$3:$AA$30,INDEX(Jesper!$R$2:$R$366,ROW(INDEX(Jesper!AI$2:AI$366,ROUNDDOWN($C222/24,0)+1,1))-1)+IF('Standard Profiles'!$G$19=$B$10,7,0)+IF('Standard Profiles'!$G$19=$B$17,14,0)+IF('Standard Profiles'!$G$19=$B$24,21,0),MOD($C222,24)+1)/SUM(INDEX($D$3:$AA$30,INDEX(Jesper!$R$2:$R$366,ROW(INDEX(Jesper!AI$2:AI$366,ROUNDDOWN($C222/24,0)+1,1))-1)+IF('Standard Profiles'!$G$19=$B$10,7,0)+IF('Standard Profiles'!$G$19=$B$17,14,0)+IF('Standard Profiles'!$G$19=$B$24,21,0),0)),0)</f>
        <v>4.8475709866026504</v>
      </c>
      <c r="F222" cm="1">
        <f t="array" ref="F222">IFERROR(INDEX(Jesper!AJ$2:AJ$366,ROUNDDOWN($C222/24,0)+1,1)*INDEX($D$3:$AA$30,INDEX(Jesper!$R$2:$R$366,ROW(INDEX(Jesper!AJ$2:AJ$366,ROUNDDOWN($C222/24,0)+1,1))-1)+IF('Standard Profiles'!$G$20=$B$10,7,0)+IF('Standard Profiles'!$G$20=$B$17,14,0)+IF('Standard Profiles'!$G$20=$B$24,21,0),MOD($C222,24)+1)/SUM(INDEX($D$3:$AA$30,INDEX(Jesper!$R$2:$R$366,ROW(INDEX(Jesper!AJ$2:AJ$366,ROUNDDOWN($C222/24,0)+1,1))-1)+IF('Standard Profiles'!$G$20=$B$10,7,0)+IF('Standard Profiles'!$G$20=$B$17,14,0)+IF('Standard Profiles'!$G$20=$B$24,21,0),0)),0)</f>
        <v>4.0164592930642762</v>
      </c>
      <c r="G222" cm="1">
        <f t="array" ref="G222">IFERROR(INDEX(Jesper!AK$2:AK$366,ROUNDDOWN($C222/24,0)+1,1)*INDEX($D$3:$AA$30,INDEX(Jesper!$R$2:$R$366,ROW(INDEX(Jesper!AK$2:AK$366,ROUNDDOWN($C222/24,0)+1,1))-1)+IF('Standard Profiles'!$G$21=$B$10,7,0)+IF('Standard Profiles'!$G$21=$B$17,14,0)+IF('Standard Profiles'!$G$21=$B$24,21,0),MOD($C222,24)+1)/SUM(INDEX($D$3:$AA$30,INDEX(Jesper!$R$2:$R$366,ROW(INDEX(Jesper!AK$2:AK$366,ROUNDDOWN($C222/24,0)+1,1))-1)+IF('Standard Profiles'!$G$21=$B$10,7,0)+IF('Standard Profiles'!$G$21=$B$17,14,0)+IF('Standard Profiles'!$G$21=$B$24,21,0),0)),0)</f>
        <v>6.3605638957015804</v>
      </c>
      <c r="H222" cm="1">
        <f t="array" ref="H222">IFERROR(INDEX(Jesper!AL$2:AL$366,ROUNDDOWN($C222/24,0)+1,1)*INDEX($D$3:$AA$30,INDEX(Jesper!$R$2:$R$366,ROW(INDEX(Jesper!AL$2:AL$366,ROUNDDOWN($C222/24,0)+1,1))-1)+IF('Standard Profiles'!$G$22=$B$10,7,0)+IF('Standard Profiles'!$G$22=$B$17,14,0)+IF('Standard Profiles'!$G$22=$B$24,21,0),MOD($C222,24)+1)/SUM(INDEX($D$3:$AA$30,INDEX(Jesper!$R$2:$R$366,ROW(INDEX(Jesper!AL$2:AL$366,ROUNDDOWN($C222/24,0)+1,1))-1)+IF('Standard Profiles'!$G$22=$B$10,7,0)+IF('Standard Profiles'!$G$22=$B$17,14,0)+IF('Standard Profiles'!$G$22=$B$24,21,0),0)),0)</f>
        <v>2.9798758007648103</v>
      </c>
      <c r="I222">
        <f t="shared" si="34"/>
        <v>2.8606807687342193</v>
      </c>
      <c r="J222">
        <f t="shared" si="35"/>
        <v>14.762080689006781</v>
      </c>
      <c r="K222">
        <f t="shared" si="36"/>
        <v>0.38780567892821205</v>
      </c>
      <c r="L222">
        <f t="shared" si="37"/>
        <v>0.19390283946410602</v>
      </c>
      <c r="M222">
        <f t="shared" si="38"/>
        <v>0</v>
      </c>
      <c r="N222" s="45">
        <f t="shared" si="39"/>
        <v>44934.833333332877</v>
      </c>
    </row>
    <row r="223" spans="2:14" x14ac:dyDescent="0.25">
      <c r="B223">
        <f t="shared" si="33"/>
        <v>7</v>
      </c>
      <c r="C223" s="16">
        <v>189</v>
      </c>
      <c r="D223" cm="1">
        <f t="array" ref="D223">IFERROR(INDEX(Jesper!AH$2:AH$366,ROUNDDOWN($C223/24,0)+1,1)*INDEX($D$3:$AA$30,INDEX(Jesper!$R$2:$R$366,ROW(INDEX(Jesper!AH$2:AH$366,ROUNDDOWN($C223/24,0)+1,1))-1)+IF('Standard Profiles'!$G$18=$B$10,7,0)+IF('Standard Profiles'!$G$18=$B$17,14,0)+IF('Standard Profiles'!$G$18=$B$24,21,0),MOD($C223,24)+1)/SUM(INDEX($D$3:$AA$30,INDEX(Jesper!$R$2:$R$366,ROW(INDEX(Jesper!AH$2:AH$366,ROUNDDOWN($C223/24,0)+1,1))-1)+IF('Standard Profiles'!$G$18=$B$10,7,0)+IF('Standard Profiles'!$G$18=$B$17,14,0)+IF('Standard Profiles'!$G$18=$B$24,21,0),0)),0)</f>
        <v>0</v>
      </c>
      <c r="E223" cm="1">
        <f t="array" ref="E223">IFERROR(INDEX(Jesper!AI$2:AI$366,ROUNDDOWN($C223/24,0)+1,1)*INDEX($D$3:$AA$30,INDEX(Jesper!$R$2:$R$366,ROW(INDEX(Jesper!AI$2:AI$366,ROUNDDOWN($C223/24,0)+1,1))-1)+IF('Standard Profiles'!$G$19=$B$10,7,0)+IF('Standard Profiles'!$G$19=$B$17,14,0)+IF('Standard Profiles'!$G$19=$B$24,21,0),MOD($C223,24)+1)/SUM(INDEX($D$3:$AA$30,INDEX(Jesper!$R$2:$R$366,ROW(INDEX(Jesper!AI$2:AI$366,ROUNDDOWN($C223/24,0)+1,1))-1)+IF('Standard Profiles'!$G$19=$B$10,7,0)+IF('Standard Profiles'!$G$19=$B$17,14,0)+IF('Standard Profiles'!$G$19=$B$24,21,0),0)),0)</f>
        <v>4.8475709866026504</v>
      </c>
      <c r="F223" cm="1">
        <f t="array" ref="F223">IFERROR(INDEX(Jesper!AJ$2:AJ$366,ROUNDDOWN($C223/24,0)+1,1)*INDEX($D$3:$AA$30,INDEX(Jesper!$R$2:$R$366,ROW(INDEX(Jesper!AJ$2:AJ$366,ROUNDDOWN($C223/24,0)+1,1))-1)+IF('Standard Profiles'!$G$20=$B$10,7,0)+IF('Standard Profiles'!$G$20=$B$17,14,0)+IF('Standard Profiles'!$G$20=$B$24,21,0),MOD($C223,24)+1)/SUM(INDEX($D$3:$AA$30,INDEX(Jesper!$R$2:$R$366,ROW(INDEX(Jesper!AJ$2:AJ$366,ROUNDDOWN($C223/24,0)+1,1))-1)+IF('Standard Profiles'!$G$20=$B$10,7,0)+IF('Standard Profiles'!$G$20=$B$17,14,0)+IF('Standard Profiles'!$G$20=$B$24,21,0),0)),0)</f>
        <v>4.0164592930642762</v>
      </c>
      <c r="G223" cm="1">
        <f t="array" ref="G223">IFERROR(INDEX(Jesper!AK$2:AK$366,ROUNDDOWN($C223/24,0)+1,1)*INDEX($D$3:$AA$30,INDEX(Jesper!$R$2:$R$366,ROW(INDEX(Jesper!AK$2:AK$366,ROUNDDOWN($C223/24,0)+1,1))-1)+IF('Standard Profiles'!$G$21=$B$10,7,0)+IF('Standard Profiles'!$G$21=$B$17,14,0)+IF('Standard Profiles'!$G$21=$B$24,21,0),MOD($C223,24)+1)/SUM(INDEX($D$3:$AA$30,INDEX(Jesper!$R$2:$R$366,ROW(INDEX(Jesper!AK$2:AK$366,ROUNDDOWN($C223/24,0)+1,1))-1)+IF('Standard Profiles'!$G$21=$B$10,7,0)+IF('Standard Profiles'!$G$21=$B$17,14,0)+IF('Standard Profiles'!$G$21=$B$24,21,0),0)),0)</f>
        <v>6.3605638957015804</v>
      </c>
      <c r="H223" cm="1">
        <f t="array" ref="H223">IFERROR(INDEX(Jesper!AL$2:AL$366,ROUNDDOWN($C223/24,0)+1,1)*INDEX($D$3:$AA$30,INDEX(Jesper!$R$2:$R$366,ROW(INDEX(Jesper!AL$2:AL$366,ROUNDDOWN($C223/24,0)+1,1))-1)+IF('Standard Profiles'!$G$22=$B$10,7,0)+IF('Standard Profiles'!$G$22=$B$17,14,0)+IF('Standard Profiles'!$G$22=$B$24,21,0),MOD($C223,24)+1)/SUM(INDEX($D$3:$AA$30,INDEX(Jesper!$R$2:$R$366,ROW(INDEX(Jesper!AL$2:AL$366,ROUNDDOWN($C223/24,0)+1,1))-1)+IF('Standard Profiles'!$G$22=$B$10,7,0)+IF('Standard Profiles'!$G$22=$B$17,14,0)+IF('Standard Profiles'!$G$22=$B$24,21,0),0)),0)</f>
        <v>2.5953756974403186</v>
      </c>
      <c r="I223">
        <f t="shared" si="34"/>
        <v>2.4915606695427073</v>
      </c>
      <c r="J223">
        <f t="shared" si="35"/>
        <v>14.746700684873801</v>
      </c>
      <c r="K223">
        <f t="shared" si="36"/>
        <v>0.38780567892821205</v>
      </c>
      <c r="L223">
        <f t="shared" si="37"/>
        <v>0.19390283946410602</v>
      </c>
      <c r="M223">
        <f t="shared" si="38"/>
        <v>0</v>
      </c>
      <c r="N223" s="45">
        <f t="shared" si="39"/>
        <v>44934.874999999542</v>
      </c>
    </row>
    <row r="224" spans="2:14" x14ac:dyDescent="0.25">
      <c r="B224">
        <f t="shared" si="33"/>
        <v>7</v>
      </c>
      <c r="C224" s="16">
        <v>190</v>
      </c>
      <c r="D224" cm="1">
        <f t="array" ref="D224">IFERROR(INDEX(Jesper!AH$2:AH$366,ROUNDDOWN($C224/24,0)+1,1)*INDEX($D$3:$AA$30,INDEX(Jesper!$R$2:$R$366,ROW(INDEX(Jesper!AH$2:AH$366,ROUNDDOWN($C224/24,0)+1,1))-1)+IF('Standard Profiles'!$G$18=$B$10,7,0)+IF('Standard Profiles'!$G$18=$B$17,14,0)+IF('Standard Profiles'!$G$18=$B$24,21,0),MOD($C224,24)+1)/SUM(INDEX($D$3:$AA$30,INDEX(Jesper!$R$2:$R$366,ROW(INDEX(Jesper!AH$2:AH$366,ROUNDDOWN($C224/24,0)+1,1))-1)+IF('Standard Profiles'!$G$18=$B$10,7,0)+IF('Standard Profiles'!$G$18=$B$17,14,0)+IF('Standard Profiles'!$G$18=$B$24,21,0),0)),0)</f>
        <v>0</v>
      </c>
      <c r="E224" cm="1">
        <f t="array" ref="E224">IFERROR(INDEX(Jesper!AI$2:AI$366,ROUNDDOWN($C224/24,0)+1,1)*INDEX($D$3:$AA$30,INDEX(Jesper!$R$2:$R$366,ROW(INDEX(Jesper!AI$2:AI$366,ROUNDDOWN($C224/24,0)+1,1))-1)+IF('Standard Profiles'!$G$19=$B$10,7,0)+IF('Standard Profiles'!$G$19=$B$17,14,0)+IF('Standard Profiles'!$G$19=$B$24,21,0),MOD($C224,24)+1)/SUM(INDEX($D$3:$AA$30,INDEX(Jesper!$R$2:$R$366,ROW(INDEX(Jesper!AI$2:AI$366,ROUNDDOWN($C224/24,0)+1,1))-1)+IF('Standard Profiles'!$G$19=$B$10,7,0)+IF('Standard Profiles'!$G$19=$B$17,14,0)+IF('Standard Profiles'!$G$19=$B$24,21,0),0)),0)</f>
        <v>4.8475709866026504</v>
      </c>
      <c r="F224" cm="1">
        <f t="array" ref="F224">IFERROR(INDEX(Jesper!AJ$2:AJ$366,ROUNDDOWN($C224/24,0)+1,1)*INDEX($D$3:$AA$30,INDEX(Jesper!$R$2:$R$366,ROW(INDEX(Jesper!AJ$2:AJ$366,ROUNDDOWN($C224/24,0)+1,1))-1)+IF('Standard Profiles'!$G$20=$B$10,7,0)+IF('Standard Profiles'!$G$20=$B$17,14,0)+IF('Standard Profiles'!$G$20=$B$24,21,0),MOD($C224,24)+1)/SUM(INDEX($D$3:$AA$30,INDEX(Jesper!$R$2:$R$366,ROW(INDEX(Jesper!AJ$2:AJ$366,ROUNDDOWN($C224/24,0)+1,1))-1)+IF('Standard Profiles'!$G$20=$B$10,7,0)+IF('Standard Profiles'!$G$20=$B$17,14,0)+IF('Standard Profiles'!$G$20=$B$24,21,0),0)),0)</f>
        <v>4.0164592930642762</v>
      </c>
      <c r="G224" cm="1">
        <f t="array" ref="G224">IFERROR(INDEX(Jesper!AK$2:AK$366,ROUNDDOWN($C224/24,0)+1,1)*INDEX($D$3:$AA$30,INDEX(Jesper!$R$2:$R$366,ROW(INDEX(Jesper!AK$2:AK$366,ROUNDDOWN($C224/24,0)+1,1))-1)+IF('Standard Profiles'!$G$21=$B$10,7,0)+IF('Standard Profiles'!$G$21=$B$17,14,0)+IF('Standard Profiles'!$G$21=$B$24,21,0),MOD($C224,24)+1)/SUM(INDEX($D$3:$AA$30,INDEX(Jesper!$R$2:$R$366,ROW(INDEX(Jesper!AK$2:AK$366,ROUNDDOWN($C224/24,0)+1,1))-1)+IF('Standard Profiles'!$G$21=$B$10,7,0)+IF('Standard Profiles'!$G$21=$B$17,14,0)+IF('Standard Profiles'!$G$21=$B$24,21,0),0)),0)</f>
        <v>6.3605638957015804</v>
      </c>
      <c r="H224" cm="1">
        <f t="array" ref="H224">IFERROR(INDEX(Jesper!AL$2:AL$366,ROUNDDOWN($C224/24,0)+1,1)*INDEX($D$3:$AA$30,INDEX(Jesper!$R$2:$R$366,ROW(INDEX(Jesper!AL$2:AL$366,ROUNDDOWN($C224/24,0)+1,1))-1)+IF('Standard Profiles'!$G$22=$B$10,7,0)+IF('Standard Profiles'!$G$22=$B$17,14,0)+IF('Standard Profiles'!$G$22=$B$24,21,0),MOD($C224,24)+1)/SUM(INDEX($D$3:$AA$30,INDEX(Jesper!$R$2:$R$366,ROW(INDEX(Jesper!AL$2:AL$366,ROUNDDOWN($C224/24,0)+1,1))-1)+IF('Standard Profiles'!$G$22=$B$10,7,0)+IF('Standard Profiles'!$G$22=$B$17,14,0)+IF('Standard Profiles'!$G$22=$B$24,21,0),0)),0)</f>
        <v>2.5953756974403186</v>
      </c>
      <c r="I224">
        <f t="shared" si="34"/>
        <v>2.4915606695427073</v>
      </c>
      <c r="J224">
        <f t="shared" si="35"/>
        <v>14.746700684873801</v>
      </c>
      <c r="K224">
        <f t="shared" si="36"/>
        <v>0.38780567892821205</v>
      </c>
      <c r="L224">
        <f t="shared" si="37"/>
        <v>0.19390283946410602</v>
      </c>
      <c r="M224">
        <f t="shared" si="38"/>
        <v>0</v>
      </c>
      <c r="N224" s="45">
        <f t="shared" si="39"/>
        <v>44934.916666666206</v>
      </c>
    </row>
    <row r="225" spans="2:14" x14ac:dyDescent="0.25">
      <c r="B225">
        <f t="shared" si="33"/>
        <v>7</v>
      </c>
      <c r="C225" s="16">
        <v>191</v>
      </c>
      <c r="D225" cm="1">
        <f t="array" ref="D225">IFERROR(INDEX(Jesper!AH$2:AH$366,ROUNDDOWN($C225/24,0)+1,1)*INDEX($D$3:$AA$30,INDEX(Jesper!$R$2:$R$366,ROW(INDEX(Jesper!AH$2:AH$366,ROUNDDOWN($C225/24,0)+1,1))-1)+IF('Standard Profiles'!$G$18=$B$10,7,0)+IF('Standard Profiles'!$G$18=$B$17,14,0)+IF('Standard Profiles'!$G$18=$B$24,21,0),MOD($C225,24)+1)/SUM(INDEX($D$3:$AA$30,INDEX(Jesper!$R$2:$R$366,ROW(INDEX(Jesper!AH$2:AH$366,ROUNDDOWN($C225/24,0)+1,1))-1)+IF('Standard Profiles'!$G$18=$B$10,7,0)+IF('Standard Profiles'!$G$18=$B$17,14,0)+IF('Standard Profiles'!$G$18=$B$24,21,0),0)),0)</f>
        <v>0</v>
      </c>
      <c r="E225" cm="1">
        <f t="array" ref="E225">IFERROR(INDEX(Jesper!AI$2:AI$366,ROUNDDOWN($C225/24,0)+1,1)*INDEX($D$3:$AA$30,INDEX(Jesper!$R$2:$R$366,ROW(INDEX(Jesper!AI$2:AI$366,ROUNDDOWN($C225/24,0)+1,1))-1)+IF('Standard Profiles'!$G$19=$B$10,7,0)+IF('Standard Profiles'!$G$19=$B$17,14,0)+IF('Standard Profiles'!$G$19=$B$24,21,0),MOD($C225,24)+1)/SUM(INDEX($D$3:$AA$30,INDEX(Jesper!$R$2:$R$366,ROW(INDEX(Jesper!AI$2:AI$366,ROUNDDOWN($C225/24,0)+1,1))-1)+IF('Standard Profiles'!$G$19=$B$10,7,0)+IF('Standard Profiles'!$G$19=$B$17,14,0)+IF('Standard Profiles'!$G$19=$B$24,21,0),0)),0)</f>
        <v>4.8475709866026504</v>
      </c>
      <c r="F225" cm="1">
        <f t="array" ref="F225">IFERROR(INDEX(Jesper!AJ$2:AJ$366,ROUNDDOWN($C225/24,0)+1,1)*INDEX($D$3:$AA$30,INDEX(Jesper!$R$2:$R$366,ROW(INDEX(Jesper!AJ$2:AJ$366,ROUNDDOWN($C225/24,0)+1,1))-1)+IF('Standard Profiles'!$G$20=$B$10,7,0)+IF('Standard Profiles'!$G$20=$B$17,14,0)+IF('Standard Profiles'!$G$20=$B$24,21,0),MOD($C225,24)+1)/SUM(INDEX($D$3:$AA$30,INDEX(Jesper!$R$2:$R$366,ROW(INDEX(Jesper!AJ$2:AJ$366,ROUNDDOWN($C225/24,0)+1,1))-1)+IF('Standard Profiles'!$G$20=$B$10,7,0)+IF('Standard Profiles'!$G$20=$B$17,14,0)+IF('Standard Profiles'!$G$20=$B$24,21,0),0)),0)</f>
        <v>4.0164592930642762</v>
      </c>
      <c r="G225" cm="1">
        <f t="array" ref="G225">IFERROR(INDEX(Jesper!AK$2:AK$366,ROUNDDOWN($C225/24,0)+1,1)*INDEX($D$3:$AA$30,INDEX(Jesper!$R$2:$R$366,ROW(INDEX(Jesper!AK$2:AK$366,ROUNDDOWN($C225/24,0)+1,1))-1)+IF('Standard Profiles'!$G$21=$B$10,7,0)+IF('Standard Profiles'!$G$21=$B$17,14,0)+IF('Standard Profiles'!$G$21=$B$24,21,0),MOD($C225,24)+1)/SUM(INDEX($D$3:$AA$30,INDEX(Jesper!$R$2:$R$366,ROW(INDEX(Jesper!AK$2:AK$366,ROUNDDOWN($C225/24,0)+1,1))-1)+IF('Standard Profiles'!$G$21=$B$10,7,0)+IF('Standard Profiles'!$G$21=$B$17,14,0)+IF('Standard Profiles'!$G$21=$B$24,21,0),0)),0)</f>
        <v>6.3605638957015804</v>
      </c>
      <c r="H225" cm="1">
        <f t="array" ref="H225">IFERROR(INDEX(Jesper!AL$2:AL$366,ROUNDDOWN($C225/24,0)+1,1)*INDEX($D$3:$AA$30,INDEX(Jesper!$R$2:$R$366,ROW(INDEX(Jesper!AL$2:AL$366,ROUNDDOWN($C225/24,0)+1,1))-1)+IF('Standard Profiles'!$G$22=$B$10,7,0)+IF('Standard Profiles'!$G$22=$B$17,14,0)+IF('Standard Profiles'!$G$22=$B$24,21,0),MOD($C225,24)+1)/SUM(INDEX($D$3:$AA$30,INDEX(Jesper!$R$2:$R$366,ROW(INDEX(Jesper!AL$2:AL$366,ROUNDDOWN($C225/24,0)+1,1))-1)+IF('Standard Profiles'!$G$22=$B$10,7,0)+IF('Standard Profiles'!$G$22=$B$17,14,0)+IF('Standard Profiles'!$G$22=$B$24,21,0),0)),0)</f>
        <v>2.5953756974403186</v>
      </c>
      <c r="I225">
        <f t="shared" si="34"/>
        <v>2.4915606695427073</v>
      </c>
      <c r="J225">
        <f t="shared" si="35"/>
        <v>14.746700684873801</v>
      </c>
      <c r="K225">
        <f t="shared" si="36"/>
        <v>0.38780567892821205</v>
      </c>
      <c r="L225">
        <f t="shared" si="37"/>
        <v>0.19390283946410602</v>
      </c>
      <c r="M225">
        <f t="shared" si="38"/>
        <v>0</v>
      </c>
      <c r="N225" s="45">
        <f t="shared" si="39"/>
        <v>44934.95833333287</v>
      </c>
    </row>
    <row r="226" spans="2:14" x14ac:dyDescent="0.25">
      <c r="B226">
        <f t="shared" si="33"/>
        <v>1</v>
      </c>
      <c r="C226" s="16">
        <v>192</v>
      </c>
      <c r="D226" cm="1">
        <f t="array" ref="D226">IFERROR(INDEX(Jesper!AH$2:AH$366,ROUNDDOWN($C226/24,0)+1,1)*INDEX($D$3:$AA$30,INDEX(Jesper!$R$2:$R$366,ROW(INDEX(Jesper!AH$2:AH$366,ROUNDDOWN($C226/24,0)+1,1))-1)+IF('Standard Profiles'!$G$18=$B$10,7,0)+IF('Standard Profiles'!$G$18=$B$17,14,0)+IF('Standard Profiles'!$G$18=$B$24,21,0),MOD($C226,24)+1)/SUM(INDEX($D$3:$AA$30,INDEX(Jesper!$R$2:$R$366,ROW(INDEX(Jesper!AH$2:AH$366,ROUNDDOWN($C226/24,0)+1,1))-1)+IF('Standard Profiles'!$G$18=$B$10,7,0)+IF('Standard Profiles'!$G$18=$B$17,14,0)+IF('Standard Profiles'!$G$18=$B$24,21,0),0)),0)</f>
        <v>5.7959440350947418</v>
      </c>
      <c r="E226" cm="1">
        <f t="array" ref="E226">IFERROR(INDEX(Jesper!AI$2:AI$366,ROUNDDOWN($C226/24,0)+1,1)*INDEX($D$3:$AA$30,INDEX(Jesper!$R$2:$R$366,ROW(INDEX(Jesper!AI$2:AI$366,ROUNDDOWN($C226/24,0)+1,1))-1)+IF('Standard Profiles'!$G$19=$B$10,7,0)+IF('Standard Profiles'!$G$19=$B$17,14,0)+IF('Standard Profiles'!$G$19=$B$24,21,0),MOD($C226,24)+1)/SUM(INDEX($D$3:$AA$30,INDEX(Jesper!$R$2:$R$366,ROW(INDEX(Jesper!AI$2:AI$366,ROUNDDOWN($C226/24,0)+1,1))-1)+IF('Standard Profiles'!$G$19=$B$10,7,0)+IF('Standard Profiles'!$G$19=$B$17,14,0)+IF('Standard Profiles'!$G$19=$B$24,21,0),0)),0)</f>
        <v>6.443748682663565</v>
      </c>
      <c r="F226" cm="1">
        <f t="array" ref="F226">IFERROR(INDEX(Jesper!AJ$2:AJ$366,ROUNDDOWN($C226/24,0)+1,1)*INDEX($D$3:$AA$30,INDEX(Jesper!$R$2:$R$366,ROW(INDEX(Jesper!AJ$2:AJ$366,ROUNDDOWN($C226/24,0)+1,1))-1)+IF('Standard Profiles'!$G$20=$B$10,7,0)+IF('Standard Profiles'!$G$20=$B$17,14,0)+IF('Standard Profiles'!$G$20=$B$24,21,0),MOD($C226,24)+1)/SUM(INDEX($D$3:$AA$30,INDEX(Jesper!$R$2:$R$366,ROW(INDEX(Jesper!AJ$2:AJ$366,ROUNDDOWN($C226/24,0)+1,1))-1)+IF('Standard Profiles'!$G$20=$B$10,7,0)+IF('Standard Profiles'!$G$20=$B$17,14,0)+IF('Standard Profiles'!$G$20=$B$24,21,0),0)),0)</f>
        <v>0</v>
      </c>
      <c r="G226" cm="1">
        <f t="array" ref="G226">IFERROR(INDEX(Jesper!AK$2:AK$366,ROUNDDOWN($C226/24,0)+1,1)*INDEX($D$3:$AA$30,INDEX(Jesper!$R$2:$R$366,ROW(INDEX(Jesper!AK$2:AK$366,ROUNDDOWN($C226/24,0)+1,1))-1)+IF('Standard Profiles'!$G$21=$B$10,7,0)+IF('Standard Profiles'!$G$21=$B$17,14,0)+IF('Standard Profiles'!$G$21=$B$24,21,0),MOD($C226,24)+1)/SUM(INDEX($D$3:$AA$30,INDEX(Jesper!$R$2:$R$366,ROW(INDEX(Jesper!AK$2:AK$366,ROUNDDOWN($C226/24,0)+1,1))-1)+IF('Standard Profiles'!$G$21=$B$10,7,0)+IF('Standard Profiles'!$G$21=$B$17,14,0)+IF('Standard Profiles'!$G$21=$B$24,21,0),0)),0)</f>
        <v>5.0886545011626199</v>
      </c>
      <c r="H226" cm="1">
        <f t="array" ref="H226">IFERROR(INDEX(Jesper!AL$2:AL$366,ROUNDDOWN($C226/24,0)+1,1)*INDEX($D$3:$AA$30,INDEX(Jesper!$R$2:$R$366,ROW(INDEX(Jesper!AL$2:AL$366,ROUNDDOWN($C226/24,0)+1,1))-1)+IF('Standard Profiles'!$G$22=$B$10,7,0)+IF('Standard Profiles'!$G$22=$B$17,14,0)+IF('Standard Profiles'!$G$22=$B$24,21,0),MOD($C226,24)+1)/SUM(INDEX($D$3:$AA$30,INDEX(Jesper!$R$2:$R$366,ROW(INDEX(Jesper!AL$2:AL$366,ROUNDDOWN($C226/24,0)+1,1))-1)+IF('Standard Profiles'!$G$22=$B$10,7,0)+IF('Standard Profiles'!$G$22=$B$17,14,0)+IF('Standard Profiles'!$G$22=$B$24,21,0),0)),0)</f>
        <v>0</v>
      </c>
      <c r="I226">
        <f t="shared" si="34"/>
        <v>2.4425541605580565</v>
      </c>
      <c r="J226">
        <f t="shared" si="35"/>
        <v>13.958442012747712</v>
      </c>
      <c r="K226">
        <f t="shared" si="36"/>
        <v>0.61823403041010583</v>
      </c>
      <c r="L226">
        <f t="shared" si="37"/>
        <v>0.30911701520505291</v>
      </c>
      <c r="M226">
        <f t="shared" si="38"/>
        <v>0</v>
      </c>
      <c r="N226" s="45">
        <f t="shared" si="39"/>
        <v>44934.999999999534</v>
      </c>
    </row>
    <row r="227" spans="2:14" x14ac:dyDescent="0.25">
      <c r="B227">
        <f t="shared" ref="B227:B290" si="40">WEEKDAY(N227,2)</f>
        <v>1</v>
      </c>
      <c r="C227" s="16">
        <v>193</v>
      </c>
      <c r="D227" cm="1">
        <f t="array" ref="D227">IFERROR(INDEX(Jesper!AH$2:AH$366,ROUNDDOWN($C227/24,0)+1,1)*INDEX($D$3:$AA$30,INDEX(Jesper!$R$2:$R$366,ROW(INDEX(Jesper!AH$2:AH$366,ROUNDDOWN($C227/24,0)+1,1))-1)+IF('Standard Profiles'!$G$18=$B$10,7,0)+IF('Standard Profiles'!$G$18=$B$17,14,0)+IF('Standard Profiles'!$G$18=$B$24,21,0),MOD($C227,24)+1)/SUM(INDEX($D$3:$AA$30,INDEX(Jesper!$R$2:$R$366,ROW(INDEX(Jesper!AH$2:AH$366,ROUNDDOWN($C227/24,0)+1,1))-1)+IF('Standard Profiles'!$G$18=$B$10,7,0)+IF('Standard Profiles'!$G$18=$B$17,14,0)+IF('Standard Profiles'!$G$18=$B$24,21,0),0)),0)</f>
        <v>5.7959440350947418</v>
      </c>
      <c r="E227" cm="1">
        <f t="array" ref="E227">IFERROR(INDEX(Jesper!AI$2:AI$366,ROUNDDOWN($C227/24,0)+1,1)*INDEX($D$3:$AA$30,INDEX(Jesper!$R$2:$R$366,ROW(INDEX(Jesper!AI$2:AI$366,ROUNDDOWN($C227/24,0)+1,1))-1)+IF('Standard Profiles'!$G$19=$B$10,7,0)+IF('Standard Profiles'!$G$19=$B$17,14,0)+IF('Standard Profiles'!$G$19=$B$24,21,0),MOD($C227,24)+1)/SUM(INDEX($D$3:$AA$30,INDEX(Jesper!$R$2:$R$366,ROW(INDEX(Jesper!AI$2:AI$366,ROUNDDOWN($C227/24,0)+1,1))-1)+IF('Standard Profiles'!$G$19=$B$10,7,0)+IF('Standard Profiles'!$G$19=$B$17,14,0)+IF('Standard Profiles'!$G$19=$B$24,21,0),0)),0)</f>
        <v>6.443748682663565</v>
      </c>
      <c r="F227" cm="1">
        <f t="array" ref="F227">IFERROR(INDEX(Jesper!AJ$2:AJ$366,ROUNDDOWN($C227/24,0)+1,1)*INDEX($D$3:$AA$30,INDEX(Jesper!$R$2:$R$366,ROW(INDEX(Jesper!AJ$2:AJ$366,ROUNDDOWN($C227/24,0)+1,1))-1)+IF('Standard Profiles'!$G$20=$B$10,7,0)+IF('Standard Profiles'!$G$20=$B$17,14,0)+IF('Standard Profiles'!$G$20=$B$24,21,0),MOD($C227,24)+1)/SUM(INDEX($D$3:$AA$30,INDEX(Jesper!$R$2:$R$366,ROW(INDEX(Jesper!AJ$2:AJ$366,ROUNDDOWN($C227/24,0)+1,1))-1)+IF('Standard Profiles'!$G$20=$B$10,7,0)+IF('Standard Profiles'!$G$20=$B$17,14,0)+IF('Standard Profiles'!$G$20=$B$24,21,0),0)),0)</f>
        <v>0</v>
      </c>
      <c r="G227" cm="1">
        <f t="array" ref="G227">IFERROR(INDEX(Jesper!AK$2:AK$366,ROUNDDOWN($C227/24,0)+1,1)*INDEX($D$3:$AA$30,INDEX(Jesper!$R$2:$R$366,ROW(INDEX(Jesper!AK$2:AK$366,ROUNDDOWN($C227/24,0)+1,1))-1)+IF('Standard Profiles'!$G$21=$B$10,7,0)+IF('Standard Profiles'!$G$21=$B$17,14,0)+IF('Standard Profiles'!$G$21=$B$24,21,0),MOD($C227,24)+1)/SUM(INDEX($D$3:$AA$30,INDEX(Jesper!$R$2:$R$366,ROW(INDEX(Jesper!AK$2:AK$366,ROUNDDOWN($C227/24,0)+1,1))-1)+IF('Standard Profiles'!$G$21=$B$10,7,0)+IF('Standard Profiles'!$G$21=$B$17,14,0)+IF('Standard Profiles'!$G$21=$B$24,21,0),0)),0)</f>
        <v>5.0886545011626199</v>
      </c>
      <c r="H227" cm="1">
        <f t="array" ref="H227">IFERROR(INDEX(Jesper!AL$2:AL$366,ROUNDDOWN($C227/24,0)+1,1)*INDEX($D$3:$AA$30,INDEX(Jesper!$R$2:$R$366,ROW(INDEX(Jesper!AL$2:AL$366,ROUNDDOWN($C227/24,0)+1,1))-1)+IF('Standard Profiles'!$G$22=$B$10,7,0)+IF('Standard Profiles'!$G$22=$B$17,14,0)+IF('Standard Profiles'!$G$22=$B$24,21,0),MOD($C227,24)+1)/SUM(INDEX($D$3:$AA$30,INDEX(Jesper!$R$2:$R$366,ROW(INDEX(Jesper!AL$2:AL$366,ROUNDDOWN($C227/24,0)+1,1))-1)+IF('Standard Profiles'!$G$22=$B$10,7,0)+IF('Standard Profiles'!$G$22=$B$17,14,0)+IF('Standard Profiles'!$G$22=$B$24,21,0),0)),0)</f>
        <v>0</v>
      </c>
      <c r="I227">
        <f t="shared" ref="I227:I290" si="41">IF($B227&lt;6,AC$37*$D227+AC$38*$E227+AC$39*$F227+AC$40*$G227,AC$46*$D227+AC$47*$E227+AC$48*$F227+AC$49*$G227+AC$50*$H227)</f>
        <v>2.4425541605580565</v>
      </c>
      <c r="J227">
        <f t="shared" ref="J227:J290" si="42">IF($B227&lt;6,AD$37*$D227+AD$38*$E227+AD$39*$F227+AD$40*$G227,AD$46*$D227+AD$47*$E227+AD$48*$F227+AD$49*$G227+AD$50*$H227)</f>
        <v>13.958442012747712</v>
      </c>
      <c r="K227">
        <f t="shared" ref="K227:K290" si="43">IF($B227&lt;6,AE$37*$D227+AE$38*$E227+AE$39*$F227+AE$40*$G227,AE$46*$D227+AE$47*$E227+AE$48*$F227+AE$49*$G227+AE$50*$H227)</f>
        <v>0.61823403041010583</v>
      </c>
      <c r="L227">
        <f t="shared" ref="L227:L290" si="44">IF($B227&lt;6,AF$37*$D227+AF$38*$E227+AF$39*$F227+AF$40*$G227,AF$46*$D227+AF$47*$E227+AF$48*$F227+AF$49*$G227+AF$50*$H227)</f>
        <v>0.30911701520505291</v>
      </c>
      <c r="M227">
        <f t="shared" ref="M227:M290" si="45">IF($B227&lt;6,AG$37*$D227+AG$38*$E227+AG$39*$F227+AG$40*$G227,AG$46*$D227+AG$47*$E227+AG$48*$F227+AG$49*$G227+AG$50*$H227)</f>
        <v>0</v>
      </c>
      <c r="N227" s="45">
        <f t="shared" si="39"/>
        <v>44935.041666666199</v>
      </c>
    </row>
    <row r="228" spans="2:14" x14ac:dyDescent="0.25">
      <c r="B228">
        <f t="shared" si="40"/>
        <v>1</v>
      </c>
      <c r="C228" s="16">
        <v>194</v>
      </c>
      <c r="D228" cm="1">
        <f t="array" ref="D228">IFERROR(INDEX(Jesper!AH$2:AH$366,ROUNDDOWN($C228/24,0)+1,1)*INDEX($D$3:$AA$30,INDEX(Jesper!$R$2:$R$366,ROW(INDEX(Jesper!AH$2:AH$366,ROUNDDOWN($C228/24,0)+1,1))-1)+IF('Standard Profiles'!$G$18=$B$10,7,0)+IF('Standard Profiles'!$G$18=$B$17,14,0)+IF('Standard Profiles'!$G$18=$B$24,21,0),MOD($C228,24)+1)/SUM(INDEX($D$3:$AA$30,INDEX(Jesper!$R$2:$R$366,ROW(INDEX(Jesper!AH$2:AH$366,ROUNDDOWN($C228/24,0)+1,1))-1)+IF('Standard Profiles'!$G$18=$B$10,7,0)+IF('Standard Profiles'!$G$18=$B$17,14,0)+IF('Standard Profiles'!$G$18=$B$24,21,0),0)),0)</f>
        <v>5.7959440350947418</v>
      </c>
      <c r="E228" cm="1">
        <f t="array" ref="E228">IFERROR(INDEX(Jesper!AI$2:AI$366,ROUNDDOWN($C228/24,0)+1,1)*INDEX($D$3:$AA$30,INDEX(Jesper!$R$2:$R$366,ROW(INDEX(Jesper!AI$2:AI$366,ROUNDDOWN($C228/24,0)+1,1))-1)+IF('Standard Profiles'!$G$19=$B$10,7,0)+IF('Standard Profiles'!$G$19=$B$17,14,0)+IF('Standard Profiles'!$G$19=$B$24,21,0),MOD($C228,24)+1)/SUM(INDEX($D$3:$AA$30,INDEX(Jesper!$R$2:$R$366,ROW(INDEX(Jesper!AI$2:AI$366,ROUNDDOWN($C228/24,0)+1,1))-1)+IF('Standard Profiles'!$G$19=$B$10,7,0)+IF('Standard Profiles'!$G$19=$B$17,14,0)+IF('Standard Profiles'!$G$19=$B$24,21,0),0)),0)</f>
        <v>6.443748682663565</v>
      </c>
      <c r="F228" cm="1">
        <f t="array" ref="F228">IFERROR(INDEX(Jesper!AJ$2:AJ$366,ROUNDDOWN($C228/24,0)+1,1)*INDEX($D$3:$AA$30,INDEX(Jesper!$R$2:$R$366,ROW(INDEX(Jesper!AJ$2:AJ$366,ROUNDDOWN($C228/24,0)+1,1))-1)+IF('Standard Profiles'!$G$20=$B$10,7,0)+IF('Standard Profiles'!$G$20=$B$17,14,0)+IF('Standard Profiles'!$G$20=$B$24,21,0),MOD($C228,24)+1)/SUM(INDEX($D$3:$AA$30,INDEX(Jesper!$R$2:$R$366,ROW(INDEX(Jesper!AJ$2:AJ$366,ROUNDDOWN($C228/24,0)+1,1))-1)+IF('Standard Profiles'!$G$20=$B$10,7,0)+IF('Standard Profiles'!$G$20=$B$17,14,0)+IF('Standard Profiles'!$G$20=$B$24,21,0),0)),0)</f>
        <v>0</v>
      </c>
      <c r="G228" cm="1">
        <f t="array" ref="G228">IFERROR(INDEX(Jesper!AK$2:AK$366,ROUNDDOWN($C228/24,0)+1,1)*INDEX($D$3:$AA$30,INDEX(Jesper!$R$2:$R$366,ROW(INDEX(Jesper!AK$2:AK$366,ROUNDDOWN($C228/24,0)+1,1))-1)+IF('Standard Profiles'!$G$21=$B$10,7,0)+IF('Standard Profiles'!$G$21=$B$17,14,0)+IF('Standard Profiles'!$G$21=$B$24,21,0),MOD($C228,24)+1)/SUM(INDEX($D$3:$AA$30,INDEX(Jesper!$R$2:$R$366,ROW(INDEX(Jesper!AK$2:AK$366,ROUNDDOWN($C228/24,0)+1,1))-1)+IF('Standard Profiles'!$G$21=$B$10,7,0)+IF('Standard Profiles'!$G$21=$B$17,14,0)+IF('Standard Profiles'!$G$21=$B$24,21,0),0)),0)</f>
        <v>5.0886545011626199</v>
      </c>
      <c r="H228" cm="1">
        <f t="array" ref="H228">IFERROR(INDEX(Jesper!AL$2:AL$366,ROUNDDOWN($C228/24,0)+1,1)*INDEX($D$3:$AA$30,INDEX(Jesper!$R$2:$R$366,ROW(INDEX(Jesper!AL$2:AL$366,ROUNDDOWN($C228/24,0)+1,1))-1)+IF('Standard Profiles'!$G$22=$B$10,7,0)+IF('Standard Profiles'!$G$22=$B$17,14,0)+IF('Standard Profiles'!$G$22=$B$24,21,0),MOD($C228,24)+1)/SUM(INDEX($D$3:$AA$30,INDEX(Jesper!$R$2:$R$366,ROW(INDEX(Jesper!AL$2:AL$366,ROUNDDOWN($C228/24,0)+1,1))-1)+IF('Standard Profiles'!$G$22=$B$10,7,0)+IF('Standard Profiles'!$G$22=$B$17,14,0)+IF('Standard Profiles'!$G$22=$B$24,21,0),0)),0)</f>
        <v>0</v>
      </c>
      <c r="I228">
        <f t="shared" si="41"/>
        <v>2.4425541605580565</v>
      </c>
      <c r="J228">
        <f t="shared" si="42"/>
        <v>13.958442012747712</v>
      </c>
      <c r="K228">
        <f t="shared" si="43"/>
        <v>0.61823403041010583</v>
      </c>
      <c r="L228">
        <f t="shared" si="44"/>
        <v>0.30911701520505291</v>
      </c>
      <c r="M228">
        <f t="shared" si="45"/>
        <v>0</v>
      </c>
      <c r="N228" s="45">
        <f t="shared" ref="N228:N291" si="46">N227+1/24</f>
        <v>44935.083333332863</v>
      </c>
    </row>
    <row r="229" spans="2:14" x14ac:dyDescent="0.25">
      <c r="B229">
        <f t="shared" si="40"/>
        <v>1</v>
      </c>
      <c r="C229" s="16">
        <v>195</v>
      </c>
      <c r="D229" cm="1">
        <f t="array" ref="D229">IFERROR(INDEX(Jesper!AH$2:AH$366,ROUNDDOWN($C229/24,0)+1,1)*INDEX($D$3:$AA$30,INDEX(Jesper!$R$2:$R$366,ROW(INDEX(Jesper!AH$2:AH$366,ROUNDDOWN($C229/24,0)+1,1))-1)+IF('Standard Profiles'!$G$18=$B$10,7,0)+IF('Standard Profiles'!$G$18=$B$17,14,0)+IF('Standard Profiles'!$G$18=$B$24,21,0),MOD($C229,24)+1)/SUM(INDEX($D$3:$AA$30,INDEX(Jesper!$R$2:$R$366,ROW(INDEX(Jesper!AH$2:AH$366,ROUNDDOWN($C229/24,0)+1,1))-1)+IF('Standard Profiles'!$G$18=$B$10,7,0)+IF('Standard Profiles'!$G$18=$B$17,14,0)+IF('Standard Profiles'!$G$18=$B$24,21,0),0)),0)</f>
        <v>5.7959440350947418</v>
      </c>
      <c r="E229" cm="1">
        <f t="array" ref="E229">IFERROR(INDEX(Jesper!AI$2:AI$366,ROUNDDOWN($C229/24,0)+1,1)*INDEX($D$3:$AA$30,INDEX(Jesper!$R$2:$R$366,ROW(INDEX(Jesper!AI$2:AI$366,ROUNDDOWN($C229/24,0)+1,1))-1)+IF('Standard Profiles'!$G$19=$B$10,7,0)+IF('Standard Profiles'!$G$19=$B$17,14,0)+IF('Standard Profiles'!$G$19=$B$24,21,0),MOD($C229,24)+1)/SUM(INDEX($D$3:$AA$30,INDEX(Jesper!$R$2:$R$366,ROW(INDEX(Jesper!AI$2:AI$366,ROUNDDOWN($C229/24,0)+1,1))-1)+IF('Standard Profiles'!$G$19=$B$10,7,0)+IF('Standard Profiles'!$G$19=$B$17,14,0)+IF('Standard Profiles'!$G$19=$B$24,21,0),0)),0)</f>
        <v>6.443748682663565</v>
      </c>
      <c r="F229" cm="1">
        <f t="array" ref="F229">IFERROR(INDEX(Jesper!AJ$2:AJ$366,ROUNDDOWN($C229/24,0)+1,1)*INDEX($D$3:$AA$30,INDEX(Jesper!$R$2:$R$366,ROW(INDEX(Jesper!AJ$2:AJ$366,ROUNDDOWN($C229/24,0)+1,1))-1)+IF('Standard Profiles'!$G$20=$B$10,7,0)+IF('Standard Profiles'!$G$20=$B$17,14,0)+IF('Standard Profiles'!$G$20=$B$24,21,0),MOD($C229,24)+1)/SUM(INDEX($D$3:$AA$30,INDEX(Jesper!$R$2:$R$366,ROW(INDEX(Jesper!AJ$2:AJ$366,ROUNDDOWN($C229/24,0)+1,1))-1)+IF('Standard Profiles'!$G$20=$B$10,7,0)+IF('Standard Profiles'!$G$20=$B$17,14,0)+IF('Standard Profiles'!$G$20=$B$24,21,0),0)),0)</f>
        <v>0</v>
      </c>
      <c r="G229" cm="1">
        <f t="array" ref="G229">IFERROR(INDEX(Jesper!AK$2:AK$366,ROUNDDOWN($C229/24,0)+1,1)*INDEX($D$3:$AA$30,INDEX(Jesper!$R$2:$R$366,ROW(INDEX(Jesper!AK$2:AK$366,ROUNDDOWN($C229/24,0)+1,1))-1)+IF('Standard Profiles'!$G$21=$B$10,7,0)+IF('Standard Profiles'!$G$21=$B$17,14,0)+IF('Standard Profiles'!$G$21=$B$24,21,0),MOD($C229,24)+1)/SUM(INDEX($D$3:$AA$30,INDEX(Jesper!$R$2:$R$366,ROW(INDEX(Jesper!AK$2:AK$366,ROUNDDOWN($C229/24,0)+1,1))-1)+IF('Standard Profiles'!$G$21=$B$10,7,0)+IF('Standard Profiles'!$G$21=$B$17,14,0)+IF('Standard Profiles'!$G$21=$B$24,21,0),0)),0)</f>
        <v>5.0886545011626199</v>
      </c>
      <c r="H229" cm="1">
        <f t="array" ref="H229">IFERROR(INDEX(Jesper!AL$2:AL$366,ROUNDDOWN($C229/24,0)+1,1)*INDEX($D$3:$AA$30,INDEX(Jesper!$R$2:$R$366,ROW(INDEX(Jesper!AL$2:AL$366,ROUNDDOWN($C229/24,0)+1,1))-1)+IF('Standard Profiles'!$G$22=$B$10,7,0)+IF('Standard Profiles'!$G$22=$B$17,14,0)+IF('Standard Profiles'!$G$22=$B$24,21,0),MOD($C229,24)+1)/SUM(INDEX($D$3:$AA$30,INDEX(Jesper!$R$2:$R$366,ROW(INDEX(Jesper!AL$2:AL$366,ROUNDDOWN($C229/24,0)+1,1))-1)+IF('Standard Profiles'!$G$22=$B$10,7,0)+IF('Standard Profiles'!$G$22=$B$17,14,0)+IF('Standard Profiles'!$G$22=$B$24,21,0),0)),0)</f>
        <v>0</v>
      </c>
      <c r="I229">
        <f t="shared" si="41"/>
        <v>2.4425541605580565</v>
      </c>
      <c r="J229">
        <f t="shared" si="42"/>
        <v>13.958442012747712</v>
      </c>
      <c r="K229">
        <f t="shared" si="43"/>
        <v>0.61823403041010583</v>
      </c>
      <c r="L229">
        <f t="shared" si="44"/>
        <v>0.30911701520505291</v>
      </c>
      <c r="M229">
        <f t="shared" si="45"/>
        <v>0</v>
      </c>
      <c r="N229" s="45">
        <f t="shared" si="46"/>
        <v>44935.124999999527</v>
      </c>
    </row>
    <row r="230" spans="2:14" x14ac:dyDescent="0.25">
      <c r="B230">
        <f t="shared" si="40"/>
        <v>1</v>
      </c>
      <c r="C230" s="16">
        <v>196</v>
      </c>
      <c r="D230" cm="1">
        <f t="array" ref="D230">IFERROR(INDEX(Jesper!AH$2:AH$366,ROUNDDOWN($C230/24,0)+1,1)*INDEX($D$3:$AA$30,INDEX(Jesper!$R$2:$R$366,ROW(INDEX(Jesper!AH$2:AH$366,ROUNDDOWN($C230/24,0)+1,1))-1)+IF('Standard Profiles'!$G$18=$B$10,7,0)+IF('Standard Profiles'!$G$18=$B$17,14,0)+IF('Standard Profiles'!$G$18=$B$24,21,0),MOD($C230,24)+1)/SUM(INDEX($D$3:$AA$30,INDEX(Jesper!$R$2:$R$366,ROW(INDEX(Jesper!AH$2:AH$366,ROUNDDOWN($C230/24,0)+1,1))-1)+IF('Standard Profiles'!$G$18=$B$10,7,0)+IF('Standard Profiles'!$G$18=$B$17,14,0)+IF('Standard Profiles'!$G$18=$B$24,21,0),0)),0)</f>
        <v>5.7959440350947418</v>
      </c>
      <c r="E230" cm="1">
        <f t="array" ref="E230">IFERROR(INDEX(Jesper!AI$2:AI$366,ROUNDDOWN($C230/24,0)+1,1)*INDEX($D$3:$AA$30,INDEX(Jesper!$R$2:$R$366,ROW(INDEX(Jesper!AI$2:AI$366,ROUNDDOWN($C230/24,0)+1,1))-1)+IF('Standard Profiles'!$G$19=$B$10,7,0)+IF('Standard Profiles'!$G$19=$B$17,14,0)+IF('Standard Profiles'!$G$19=$B$24,21,0),MOD($C230,24)+1)/SUM(INDEX($D$3:$AA$30,INDEX(Jesper!$R$2:$R$366,ROW(INDEX(Jesper!AI$2:AI$366,ROUNDDOWN($C230/24,0)+1,1))-1)+IF('Standard Profiles'!$G$19=$B$10,7,0)+IF('Standard Profiles'!$G$19=$B$17,14,0)+IF('Standard Profiles'!$G$19=$B$24,21,0),0)),0)</f>
        <v>6.443748682663565</v>
      </c>
      <c r="F230" cm="1">
        <f t="array" ref="F230">IFERROR(INDEX(Jesper!AJ$2:AJ$366,ROUNDDOWN($C230/24,0)+1,1)*INDEX($D$3:$AA$30,INDEX(Jesper!$R$2:$R$366,ROW(INDEX(Jesper!AJ$2:AJ$366,ROUNDDOWN($C230/24,0)+1,1))-1)+IF('Standard Profiles'!$G$20=$B$10,7,0)+IF('Standard Profiles'!$G$20=$B$17,14,0)+IF('Standard Profiles'!$G$20=$B$24,21,0),MOD($C230,24)+1)/SUM(INDEX($D$3:$AA$30,INDEX(Jesper!$R$2:$R$366,ROW(INDEX(Jesper!AJ$2:AJ$366,ROUNDDOWN($C230/24,0)+1,1))-1)+IF('Standard Profiles'!$G$20=$B$10,7,0)+IF('Standard Profiles'!$G$20=$B$17,14,0)+IF('Standard Profiles'!$G$20=$B$24,21,0),0)),0)</f>
        <v>0</v>
      </c>
      <c r="G230" cm="1">
        <f t="array" ref="G230">IFERROR(INDEX(Jesper!AK$2:AK$366,ROUNDDOWN($C230/24,0)+1,1)*INDEX($D$3:$AA$30,INDEX(Jesper!$R$2:$R$366,ROW(INDEX(Jesper!AK$2:AK$366,ROUNDDOWN($C230/24,0)+1,1))-1)+IF('Standard Profiles'!$G$21=$B$10,7,0)+IF('Standard Profiles'!$G$21=$B$17,14,0)+IF('Standard Profiles'!$G$21=$B$24,21,0),MOD($C230,24)+1)/SUM(INDEX($D$3:$AA$30,INDEX(Jesper!$R$2:$R$366,ROW(INDEX(Jesper!AK$2:AK$366,ROUNDDOWN($C230/24,0)+1,1))-1)+IF('Standard Profiles'!$G$21=$B$10,7,0)+IF('Standard Profiles'!$G$21=$B$17,14,0)+IF('Standard Profiles'!$G$21=$B$24,21,0),0)),0)</f>
        <v>5.0886545011626199</v>
      </c>
      <c r="H230" cm="1">
        <f t="array" ref="H230">IFERROR(INDEX(Jesper!AL$2:AL$366,ROUNDDOWN($C230/24,0)+1,1)*INDEX($D$3:$AA$30,INDEX(Jesper!$R$2:$R$366,ROW(INDEX(Jesper!AL$2:AL$366,ROUNDDOWN($C230/24,0)+1,1))-1)+IF('Standard Profiles'!$G$22=$B$10,7,0)+IF('Standard Profiles'!$G$22=$B$17,14,0)+IF('Standard Profiles'!$G$22=$B$24,21,0),MOD($C230,24)+1)/SUM(INDEX($D$3:$AA$30,INDEX(Jesper!$R$2:$R$366,ROW(INDEX(Jesper!AL$2:AL$366,ROUNDDOWN($C230/24,0)+1,1))-1)+IF('Standard Profiles'!$G$22=$B$10,7,0)+IF('Standard Profiles'!$G$22=$B$17,14,0)+IF('Standard Profiles'!$G$22=$B$24,21,0),0)),0)</f>
        <v>0</v>
      </c>
      <c r="I230">
        <f t="shared" si="41"/>
        <v>2.4425541605580565</v>
      </c>
      <c r="J230">
        <f t="shared" si="42"/>
        <v>13.958442012747712</v>
      </c>
      <c r="K230">
        <f t="shared" si="43"/>
        <v>0.61823403041010583</v>
      </c>
      <c r="L230">
        <f t="shared" si="44"/>
        <v>0.30911701520505291</v>
      </c>
      <c r="M230">
        <f t="shared" si="45"/>
        <v>0</v>
      </c>
      <c r="N230" s="45">
        <f t="shared" si="46"/>
        <v>44935.166666666191</v>
      </c>
    </row>
    <row r="231" spans="2:14" x14ac:dyDescent="0.25">
      <c r="B231">
        <f t="shared" si="40"/>
        <v>1</v>
      </c>
      <c r="C231" s="16">
        <v>197</v>
      </c>
      <c r="D231" cm="1">
        <f t="array" ref="D231">IFERROR(INDEX(Jesper!AH$2:AH$366,ROUNDDOWN($C231/24,0)+1,1)*INDEX($D$3:$AA$30,INDEX(Jesper!$R$2:$R$366,ROW(INDEX(Jesper!AH$2:AH$366,ROUNDDOWN($C231/24,0)+1,1))-1)+IF('Standard Profiles'!$G$18=$B$10,7,0)+IF('Standard Profiles'!$G$18=$B$17,14,0)+IF('Standard Profiles'!$G$18=$B$24,21,0),MOD($C231,24)+1)/SUM(INDEX($D$3:$AA$30,INDEX(Jesper!$R$2:$R$366,ROW(INDEX(Jesper!AH$2:AH$366,ROUNDDOWN($C231/24,0)+1,1))-1)+IF('Standard Profiles'!$G$18=$B$10,7,0)+IF('Standard Profiles'!$G$18=$B$17,14,0)+IF('Standard Profiles'!$G$18=$B$24,21,0),0)),0)</f>
        <v>5.7959440350947418</v>
      </c>
      <c r="E231" cm="1">
        <f t="array" ref="E231">IFERROR(INDEX(Jesper!AI$2:AI$366,ROUNDDOWN($C231/24,0)+1,1)*INDEX($D$3:$AA$30,INDEX(Jesper!$R$2:$R$366,ROW(INDEX(Jesper!AI$2:AI$366,ROUNDDOWN($C231/24,0)+1,1))-1)+IF('Standard Profiles'!$G$19=$B$10,7,0)+IF('Standard Profiles'!$G$19=$B$17,14,0)+IF('Standard Profiles'!$G$19=$B$24,21,0),MOD($C231,24)+1)/SUM(INDEX($D$3:$AA$30,INDEX(Jesper!$R$2:$R$366,ROW(INDEX(Jesper!AI$2:AI$366,ROUNDDOWN($C231/24,0)+1,1))-1)+IF('Standard Profiles'!$G$19=$B$10,7,0)+IF('Standard Profiles'!$G$19=$B$17,14,0)+IF('Standard Profiles'!$G$19=$B$24,21,0),0)),0)</f>
        <v>6.443748682663565</v>
      </c>
      <c r="F231" cm="1">
        <f t="array" ref="F231">IFERROR(INDEX(Jesper!AJ$2:AJ$366,ROUNDDOWN($C231/24,0)+1,1)*INDEX($D$3:$AA$30,INDEX(Jesper!$R$2:$R$366,ROW(INDEX(Jesper!AJ$2:AJ$366,ROUNDDOWN($C231/24,0)+1,1))-1)+IF('Standard Profiles'!$G$20=$B$10,7,0)+IF('Standard Profiles'!$G$20=$B$17,14,0)+IF('Standard Profiles'!$G$20=$B$24,21,0),MOD($C231,24)+1)/SUM(INDEX($D$3:$AA$30,INDEX(Jesper!$R$2:$R$366,ROW(INDEX(Jesper!AJ$2:AJ$366,ROUNDDOWN($C231/24,0)+1,1))-1)+IF('Standard Profiles'!$G$20=$B$10,7,0)+IF('Standard Profiles'!$G$20=$B$17,14,0)+IF('Standard Profiles'!$G$20=$B$24,21,0),0)),0)</f>
        <v>0</v>
      </c>
      <c r="G231" cm="1">
        <f t="array" ref="G231">IFERROR(INDEX(Jesper!AK$2:AK$366,ROUNDDOWN($C231/24,0)+1,1)*INDEX($D$3:$AA$30,INDEX(Jesper!$R$2:$R$366,ROW(INDEX(Jesper!AK$2:AK$366,ROUNDDOWN($C231/24,0)+1,1))-1)+IF('Standard Profiles'!$G$21=$B$10,7,0)+IF('Standard Profiles'!$G$21=$B$17,14,0)+IF('Standard Profiles'!$G$21=$B$24,21,0),MOD($C231,24)+1)/SUM(INDEX($D$3:$AA$30,INDEX(Jesper!$R$2:$R$366,ROW(INDEX(Jesper!AK$2:AK$366,ROUNDDOWN($C231/24,0)+1,1))-1)+IF('Standard Profiles'!$G$21=$B$10,7,0)+IF('Standard Profiles'!$G$21=$B$17,14,0)+IF('Standard Profiles'!$G$21=$B$24,21,0),0)),0)</f>
        <v>5.0886545011626199</v>
      </c>
      <c r="H231" cm="1">
        <f t="array" ref="H231">IFERROR(INDEX(Jesper!AL$2:AL$366,ROUNDDOWN($C231/24,0)+1,1)*INDEX($D$3:$AA$30,INDEX(Jesper!$R$2:$R$366,ROW(INDEX(Jesper!AL$2:AL$366,ROUNDDOWN($C231/24,0)+1,1))-1)+IF('Standard Profiles'!$G$22=$B$10,7,0)+IF('Standard Profiles'!$G$22=$B$17,14,0)+IF('Standard Profiles'!$G$22=$B$24,21,0),MOD($C231,24)+1)/SUM(INDEX($D$3:$AA$30,INDEX(Jesper!$R$2:$R$366,ROW(INDEX(Jesper!AL$2:AL$366,ROUNDDOWN($C231/24,0)+1,1))-1)+IF('Standard Profiles'!$G$22=$B$10,7,0)+IF('Standard Profiles'!$G$22=$B$17,14,0)+IF('Standard Profiles'!$G$22=$B$24,21,0),0)),0)</f>
        <v>0</v>
      </c>
      <c r="I231">
        <f t="shared" si="41"/>
        <v>2.4425541605580565</v>
      </c>
      <c r="J231">
        <f t="shared" si="42"/>
        <v>13.958442012747712</v>
      </c>
      <c r="K231">
        <f t="shared" si="43"/>
        <v>0.61823403041010583</v>
      </c>
      <c r="L231">
        <f t="shared" si="44"/>
        <v>0.30911701520505291</v>
      </c>
      <c r="M231">
        <f t="shared" si="45"/>
        <v>0</v>
      </c>
      <c r="N231" s="45">
        <f t="shared" si="46"/>
        <v>44935.208333332856</v>
      </c>
    </row>
    <row r="232" spans="2:14" x14ac:dyDescent="0.25">
      <c r="B232">
        <f t="shared" si="40"/>
        <v>1</v>
      </c>
      <c r="C232" s="16">
        <v>198</v>
      </c>
      <c r="D232" cm="1">
        <f t="array" ref="D232">IFERROR(INDEX(Jesper!AH$2:AH$366,ROUNDDOWN($C232/24,0)+1,1)*INDEX($D$3:$AA$30,INDEX(Jesper!$R$2:$R$366,ROW(INDEX(Jesper!AH$2:AH$366,ROUNDDOWN($C232/24,0)+1,1))-1)+IF('Standard Profiles'!$G$18=$B$10,7,0)+IF('Standard Profiles'!$G$18=$B$17,14,0)+IF('Standard Profiles'!$G$18=$B$24,21,0),MOD($C232,24)+1)/SUM(INDEX($D$3:$AA$30,INDEX(Jesper!$R$2:$R$366,ROW(INDEX(Jesper!AH$2:AH$366,ROUNDDOWN($C232/24,0)+1,1))-1)+IF('Standard Profiles'!$G$18=$B$10,7,0)+IF('Standard Profiles'!$G$18=$B$17,14,0)+IF('Standard Profiles'!$G$18=$B$24,21,0),0)),0)</f>
        <v>5.7959440350947418</v>
      </c>
      <c r="E232" cm="1">
        <f t="array" ref="E232">IFERROR(INDEX(Jesper!AI$2:AI$366,ROUNDDOWN($C232/24,0)+1,1)*INDEX($D$3:$AA$30,INDEX(Jesper!$R$2:$R$366,ROW(INDEX(Jesper!AI$2:AI$366,ROUNDDOWN($C232/24,0)+1,1))-1)+IF('Standard Profiles'!$G$19=$B$10,7,0)+IF('Standard Profiles'!$G$19=$B$17,14,0)+IF('Standard Profiles'!$G$19=$B$24,21,0),MOD($C232,24)+1)/SUM(INDEX($D$3:$AA$30,INDEX(Jesper!$R$2:$R$366,ROW(INDEX(Jesper!AI$2:AI$366,ROUNDDOWN($C232/24,0)+1,1))-1)+IF('Standard Profiles'!$G$19=$B$10,7,0)+IF('Standard Profiles'!$G$19=$B$17,14,0)+IF('Standard Profiles'!$G$19=$B$24,21,0),0)),0)</f>
        <v>6.443748682663565</v>
      </c>
      <c r="F232" cm="1">
        <f t="array" ref="F232">IFERROR(INDEX(Jesper!AJ$2:AJ$366,ROUNDDOWN($C232/24,0)+1,1)*INDEX($D$3:$AA$30,INDEX(Jesper!$R$2:$R$366,ROW(INDEX(Jesper!AJ$2:AJ$366,ROUNDDOWN($C232/24,0)+1,1))-1)+IF('Standard Profiles'!$G$20=$B$10,7,0)+IF('Standard Profiles'!$G$20=$B$17,14,0)+IF('Standard Profiles'!$G$20=$B$24,21,0),MOD($C232,24)+1)/SUM(INDEX($D$3:$AA$30,INDEX(Jesper!$R$2:$R$366,ROW(INDEX(Jesper!AJ$2:AJ$366,ROUNDDOWN($C232/24,0)+1,1))-1)+IF('Standard Profiles'!$G$20=$B$10,7,0)+IF('Standard Profiles'!$G$20=$B$17,14,0)+IF('Standard Profiles'!$G$20=$B$24,21,0),0)),0)</f>
        <v>0</v>
      </c>
      <c r="G232" cm="1">
        <f t="array" ref="G232">IFERROR(INDEX(Jesper!AK$2:AK$366,ROUNDDOWN($C232/24,0)+1,1)*INDEX($D$3:$AA$30,INDEX(Jesper!$R$2:$R$366,ROW(INDEX(Jesper!AK$2:AK$366,ROUNDDOWN($C232/24,0)+1,1))-1)+IF('Standard Profiles'!$G$21=$B$10,7,0)+IF('Standard Profiles'!$G$21=$B$17,14,0)+IF('Standard Profiles'!$G$21=$B$24,21,0),MOD($C232,24)+1)/SUM(INDEX($D$3:$AA$30,INDEX(Jesper!$R$2:$R$366,ROW(INDEX(Jesper!AK$2:AK$366,ROUNDDOWN($C232/24,0)+1,1))-1)+IF('Standard Profiles'!$G$21=$B$10,7,0)+IF('Standard Profiles'!$G$21=$B$17,14,0)+IF('Standard Profiles'!$G$21=$B$24,21,0),0)),0)</f>
        <v>5.0886545011626199</v>
      </c>
      <c r="H232" cm="1">
        <f t="array" ref="H232">IFERROR(INDEX(Jesper!AL$2:AL$366,ROUNDDOWN($C232/24,0)+1,1)*INDEX($D$3:$AA$30,INDEX(Jesper!$R$2:$R$366,ROW(INDEX(Jesper!AL$2:AL$366,ROUNDDOWN($C232/24,0)+1,1))-1)+IF('Standard Profiles'!$G$22=$B$10,7,0)+IF('Standard Profiles'!$G$22=$B$17,14,0)+IF('Standard Profiles'!$G$22=$B$24,21,0),MOD($C232,24)+1)/SUM(INDEX($D$3:$AA$30,INDEX(Jesper!$R$2:$R$366,ROW(INDEX(Jesper!AL$2:AL$366,ROUNDDOWN($C232/24,0)+1,1))-1)+IF('Standard Profiles'!$G$22=$B$10,7,0)+IF('Standard Profiles'!$G$22=$B$17,14,0)+IF('Standard Profiles'!$G$22=$B$24,21,0),0)),0)</f>
        <v>0</v>
      </c>
      <c r="I232">
        <f t="shared" si="41"/>
        <v>2.4425541605580565</v>
      </c>
      <c r="J232">
        <f t="shared" si="42"/>
        <v>13.958442012747712</v>
      </c>
      <c r="K232">
        <f t="shared" si="43"/>
        <v>0.61823403041010583</v>
      </c>
      <c r="L232">
        <f t="shared" si="44"/>
        <v>0.30911701520505291</v>
      </c>
      <c r="M232">
        <f t="shared" si="45"/>
        <v>0</v>
      </c>
      <c r="N232" s="45">
        <f t="shared" si="46"/>
        <v>44935.24999999952</v>
      </c>
    </row>
    <row r="233" spans="2:14" x14ac:dyDescent="0.25">
      <c r="B233">
        <f t="shared" si="40"/>
        <v>1</v>
      </c>
      <c r="C233" s="16">
        <v>199</v>
      </c>
      <c r="D233" cm="1">
        <f t="array" ref="D233">IFERROR(INDEX(Jesper!AH$2:AH$366,ROUNDDOWN($C233/24,0)+1,1)*INDEX($D$3:$AA$30,INDEX(Jesper!$R$2:$R$366,ROW(INDEX(Jesper!AH$2:AH$366,ROUNDDOWN($C233/24,0)+1,1))-1)+IF('Standard Profiles'!$G$18=$B$10,7,0)+IF('Standard Profiles'!$G$18=$B$17,14,0)+IF('Standard Profiles'!$G$18=$B$24,21,0),MOD($C233,24)+1)/SUM(INDEX($D$3:$AA$30,INDEX(Jesper!$R$2:$R$366,ROW(INDEX(Jesper!AH$2:AH$366,ROUNDDOWN($C233/24,0)+1,1))-1)+IF('Standard Profiles'!$G$18=$B$10,7,0)+IF('Standard Profiles'!$G$18=$B$17,14,0)+IF('Standard Profiles'!$G$18=$B$24,21,0),0)),0)</f>
        <v>24.690721589503596</v>
      </c>
      <c r="E233" cm="1">
        <f t="array" ref="E233">IFERROR(INDEX(Jesper!AI$2:AI$366,ROUNDDOWN($C233/24,0)+1,1)*INDEX($D$3:$AA$30,INDEX(Jesper!$R$2:$R$366,ROW(INDEX(Jesper!AI$2:AI$366,ROUNDDOWN($C233/24,0)+1,1))-1)+IF('Standard Profiles'!$G$19=$B$10,7,0)+IF('Standard Profiles'!$G$19=$B$17,14,0)+IF('Standard Profiles'!$G$19=$B$24,21,0),MOD($C233,24)+1)/SUM(INDEX($D$3:$AA$30,INDEX(Jesper!$R$2:$R$366,ROW(INDEX(Jesper!AI$2:AI$366,ROUNDDOWN($C233/24,0)+1,1))-1)+IF('Standard Profiles'!$G$19=$B$10,7,0)+IF('Standard Profiles'!$G$19=$B$17,14,0)+IF('Standard Profiles'!$G$19=$B$24,21,0),0)),0)</f>
        <v>27.450369388146786</v>
      </c>
      <c r="F233" cm="1">
        <f t="array" ref="F233">IFERROR(INDEX(Jesper!AJ$2:AJ$366,ROUNDDOWN($C233/24,0)+1,1)*INDEX($D$3:$AA$30,INDEX(Jesper!$R$2:$R$366,ROW(INDEX(Jesper!AJ$2:AJ$366,ROUNDDOWN($C233/24,0)+1,1))-1)+IF('Standard Profiles'!$G$20=$B$10,7,0)+IF('Standard Profiles'!$G$20=$B$17,14,0)+IF('Standard Profiles'!$G$20=$B$24,21,0),MOD($C233,24)+1)/SUM(INDEX($D$3:$AA$30,INDEX(Jesper!$R$2:$R$366,ROW(INDEX(Jesper!AJ$2:AJ$366,ROUNDDOWN($C233/24,0)+1,1))-1)+IF('Standard Profiles'!$G$20=$B$10,7,0)+IF('Standard Profiles'!$G$20=$B$17,14,0)+IF('Standard Profiles'!$G$20=$B$24,21,0),0)),0)</f>
        <v>0</v>
      </c>
      <c r="G233" cm="1">
        <f t="array" ref="G233">IFERROR(INDEX(Jesper!AK$2:AK$366,ROUNDDOWN($C233/24,0)+1,1)*INDEX($D$3:$AA$30,INDEX(Jesper!$R$2:$R$366,ROW(INDEX(Jesper!AK$2:AK$366,ROUNDDOWN($C233/24,0)+1,1))-1)+IF('Standard Profiles'!$G$21=$B$10,7,0)+IF('Standard Profiles'!$G$21=$B$17,14,0)+IF('Standard Profiles'!$G$21=$B$24,21,0),MOD($C233,24)+1)/SUM(INDEX($D$3:$AA$30,INDEX(Jesper!$R$2:$R$366,ROW(INDEX(Jesper!AK$2:AK$366,ROUNDDOWN($C233/24,0)+1,1))-1)+IF('Standard Profiles'!$G$21=$B$10,7,0)+IF('Standard Profiles'!$G$21=$B$17,14,0)+IF('Standard Profiles'!$G$21=$B$24,21,0),0)),0)</f>
        <v>22.135647080057396</v>
      </c>
      <c r="H233" cm="1">
        <f t="array" ref="H233">IFERROR(INDEX(Jesper!AL$2:AL$366,ROUNDDOWN($C233/24,0)+1,1)*INDEX($D$3:$AA$30,INDEX(Jesper!$R$2:$R$366,ROW(INDEX(Jesper!AL$2:AL$366,ROUNDDOWN($C233/24,0)+1,1))-1)+IF('Standard Profiles'!$G$22=$B$10,7,0)+IF('Standard Profiles'!$G$22=$B$17,14,0)+IF('Standard Profiles'!$G$22=$B$24,21,0),MOD($C233,24)+1)/SUM(INDEX($D$3:$AA$30,INDEX(Jesper!$R$2:$R$366,ROW(INDEX(Jesper!AL$2:AL$366,ROUNDDOWN($C233/24,0)+1,1))-1)+IF('Standard Profiles'!$G$22=$B$10,7,0)+IF('Standard Profiles'!$G$22=$B$17,14,0)+IF('Standard Profiles'!$G$22=$B$24,21,0),0)),0)</f>
        <v>0</v>
      </c>
      <c r="I233">
        <f t="shared" si="41"/>
        <v>10.625110598427545</v>
      </c>
      <c r="J233">
        <f t="shared" si="42"/>
        <v>59.701112004959654</v>
      </c>
      <c r="K233">
        <f t="shared" si="43"/>
        <v>2.6336769695470506</v>
      </c>
      <c r="L233">
        <f t="shared" si="44"/>
        <v>1.3168384847735253</v>
      </c>
      <c r="M233">
        <f t="shared" si="45"/>
        <v>0</v>
      </c>
      <c r="N233" s="45">
        <f t="shared" si="46"/>
        <v>44935.291666666184</v>
      </c>
    </row>
    <row r="234" spans="2:14" x14ac:dyDescent="0.25">
      <c r="B234">
        <f t="shared" si="40"/>
        <v>1</v>
      </c>
      <c r="C234" s="16">
        <v>200</v>
      </c>
      <c r="D234" cm="1">
        <f t="array" ref="D234">IFERROR(INDEX(Jesper!AH$2:AH$366,ROUNDDOWN($C234/24,0)+1,1)*INDEX($D$3:$AA$30,INDEX(Jesper!$R$2:$R$366,ROW(INDEX(Jesper!AH$2:AH$366,ROUNDDOWN($C234/24,0)+1,1))-1)+IF('Standard Profiles'!$G$18=$B$10,7,0)+IF('Standard Profiles'!$G$18=$B$17,14,0)+IF('Standard Profiles'!$G$18=$B$24,21,0),MOD($C234,24)+1)/SUM(INDEX($D$3:$AA$30,INDEX(Jesper!$R$2:$R$366,ROW(INDEX(Jesper!AH$2:AH$366,ROUNDDOWN($C234/24,0)+1,1))-1)+IF('Standard Profiles'!$G$18=$B$10,7,0)+IF('Standard Profiles'!$G$18=$B$17,14,0)+IF('Standard Profiles'!$G$18=$B$24,21,0),0)),0)</f>
        <v>27.777061788191546</v>
      </c>
      <c r="E234" cm="1">
        <f t="array" ref="E234">IFERROR(INDEX(Jesper!AI$2:AI$366,ROUNDDOWN($C234/24,0)+1,1)*INDEX($D$3:$AA$30,INDEX(Jesper!$R$2:$R$366,ROW(INDEX(Jesper!AI$2:AI$366,ROUNDDOWN($C234/24,0)+1,1))-1)+IF('Standard Profiles'!$G$19=$B$10,7,0)+IF('Standard Profiles'!$G$19=$B$17,14,0)+IF('Standard Profiles'!$G$19=$B$24,21,0),MOD($C234,24)+1)/SUM(INDEX($D$3:$AA$30,INDEX(Jesper!$R$2:$R$366,ROW(INDEX(Jesper!AI$2:AI$366,ROUNDDOWN($C234/24,0)+1,1))-1)+IF('Standard Profiles'!$G$19=$B$10,7,0)+IF('Standard Profiles'!$G$19=$B$17,14,0)+IF('Standard Profiles'!$G$19=$B$24,21,0),0)),0)</f>
        <v>30.881665561665134</v>
      </c>
      <c r="F234" cm="1">
        <f t="array" ref="F234">IFERROR(INDEX(Jesper!AJ$2:AJ$366,ROUNDDOWN($C234/24,0)+1,1)*INDEX($D$3:$AA$30,INDEX(Jesper!$R$2:$R$366,ROW(INDEX(Jesper!AJ$2:AJ$366,ROUNDDOWN($C234/24,0)+1,1))-1)+IF('Standard Profiles'!$G$20=$B$10,7,0)+IF('Standard Profiles'!$G$20=$B$17,14,0)+IF('Standard Profiles'!$G$20=$B$24,21,0),MOD($C234,24)+1)/SUM(INDEX($D$3:$AA$30,INDEX(Jesper!$R$2:$R$366,ROW(INDEX(Jesper!AJ$2:AJ$366,ROUNDDOWN($C234/24,0)+1,1))-1)+IF('Standard Profiles'!$G$20=$B$10,7,0)+IF('Standard Profiles'!$G$20=$B$17,14,0)+IF('Standard Profiles'!$G$20=$B$24,21,0),0)),0)</f>
        <v>0</v>
      </c>
      <c r="G234" cm="1">
        <f t="array" ref="G234">IFERROR(INDEX(Jesper!AK$2:AK$366,ROUNDDOWN($C234/24,0)+1,1)*INDEX($D$3:$AA$30,INDEX(Jesper!$R$2:$R$366,ROW(INDEX(Jesper!AK$2:AK$366,ROUNDDOWN($C234/24,0)+1,1))-1)+IF('Standard Profiles'!$G$21=$B$10,7,0)+IF('Standard Profiles'!$G$21=$B$17,14,0)+IF('Standard Profiles'!$G$21=$B$24,21,0),MOD($C234,24)+1)/SUM(INDEX($D$3:$AA$30,INDEX(Jesper!$R$2:$R$366,ROW(INDEX(Jesper!AK$2:AK$366,ROUNDDOWN($C234/24,0)+1,1))-1)+IF('Standard Profiles'!$G$21=$B$10,7,0)+IF('Standard Profiles'!$G$21=$B$17,14,0)+IF('Standard Profiles'!$G$21=$B$24,21,0),0)),0)</f>
        <v>24.90260296506457</v>
      </c>
      <c r="H234" cm="1">
        <f t="array" ref="H234">IFERROR(INDEX(Jesper!AL$2:AL$366,ROUNDDOWN($C234/24,0)+1,1)*INDEX($D$3:$AA$30,INDEX(Jesper!$R$2:$R$366,ROW(INDEX(Jesper!AL$2:AL$366,ROUNDDOWN($C234/24,0)+1,1))-1)+IF('Standard Profiles'!$G$22=$B$10,7,0)+IF('Standard Profiles'!$G$22=$B$17,14,0)+IF('Standard Profiles'!$G$22=$B$24,21,0),MOD($C234,24)+1)/SUM(INDEX($D$3:$AA$30,INDEX(Jesper!$R$2:$R$366,ROW(INDEX(Jesper!AL$2:AL$366,ROUNDDOWN($C234/24,0)+1,1))-1)+IF('Standard Profiles'!$G$22=$B$10,7,0)+IF('Standard Profiles'!$G$22=$B$17,14,0)+IF('Standard Profiles'!$G$22=$B$24,21,0),0)),0)</f>
        <v>0</v>
      </c>
      <c r="I234">
        <f t="shared" si="41"/>
        <v>11.953249423230988</v>
      </c>
      <c r="J234">
        <f t="shared" si="42"/>
        <v>67.163751005579613</v>
      </c>
      <c r="K234">
        <f t="shared" si="43"/>
        <v>2.9628865907404318</v>
      </c>
      <c r="L234">
        <f t="shared" si="44"/>
        <v>1.4814432953702159</v>
      </c>
      <c r="M234">
        <f t="shared" si="45"/>
        <v>0</v>
      </c>
      <c r="N234" s="45">
        <f t="shared" si="46"/>
        <v>44935.333333332848</v>
      </c>
    </row>
    <row r="235" spans="2:14" x14ac:dyDescent="0.25">
      <c r="B235">
        <f t="shared" si="40"/>
        <v>1</v>
      </c>
      <c r="C235" s="16">
        <v>201</v>
      </c>
      <c r="D235" cm="1">
        <f t="array" ref="D235">IFERROR(INDEX(Jesper!AH$2:AH$366,ROUNDDOWN($C235/24,0)+1,1)*INDEX($D$3:$AA$30,INDEX(Jesper!$R$2:$R$366,ROW(INDEX(Jesper!AH$2:AH$366,ROUNDDOWN($C235/24,0)+1,1))-1)+IF('Standard Profiles'!$G$18=$B$10,7,0)+IF('Standard Profiles'!$G$18=$B$17,14,0)+IF('Standard Profiles'!$G$18=$B$24,21,0),MOD($C235,24)+1)/SUM(INDEX($D$3:$AA$30,INDEX(Jesper!$R$2:$R$366,ROW(INDEX(Jesper!AH$2:AH$366,ROUNDDOWN($C235/24,0)+1,1))-1)+IF('Standard Profiles'!$G$18=$B$10,7,0)+IF('Standard Profiles'!$G$18=$B$17,14,0)+IF('Standard Profiles'!$G$18=$B$24,21,0),0)),0)</f>
        <v>30.863401986879499</v>
      </c>
      <c r="E235" cm="1">
        <f t="array" ref="E235">IFERROR(INDEX(Jesper!AI$2:AI$366,ROUNDDOWN($C235/24,0)+1,1)*INDEX($D$3:$AA$30,INDEX(Jesper!$R$2:$R$366,ROW(INDEX(Jesper!AI$2:AI$366,ROUNDDOWN($C235/24,0)+1,1))-1)+IF('Standard Profiles'!$G$19=$B$10,7,0)+IF('Standard Profiles'!$G$19=$B$17,14,0)+IF('Standard Profiles'!$G$19=$B$24,21,0),MOD($C235,24)+1)/SUM(INDEX($D$3:$AA$30,INDEX(Jesper!$R$2:$R$366,ROW(INDEX(Jesper!AI$2:AI$366,ROUNDDOWN($C235/24,0)+1,1))-1)+IF('Standard Profiles'!$G$19=$B$10,7,0)+IF('Standard Profiles'!$G$19=$B$17,14,0)+IF('Standard Profiles'!$G$19=$B$24,21,0),0)),0)</f>
        <v>34.312961735183485</v>
      </c>
      <c r="F235" cm="1">
        <f t="array" ref="F235">IFERROR(INDEX(Jesper!AJ$2:AJ$366,ROUNDDOWN($C235/24,0)+1,1)*INDEX($D$3:$AA$30,INDEX(Jesper!$R$2:$R$366,ROW(INDEX(Jesper!AJ$2:AJ$366,ROUNDDOWN($C235/24,0)+1,1))-1)+IF('Standard Profiles'!$G$20=$B$10,7,0)+IF('Standard Profiles'!$G$20=$B$17,14,0)+IF('Standard Profiles'!$G$20=$B$24,21,0),MOD($C235,24)+1)/SUM(INDEX($D$3:$AA$30,INDEX(Jesper!$R$2:$R$366,ROW(INDEX(Jesper!AJ$2:AJ$366,ROUNDDOWN($C235/24,0)+1,1))-1)+IF('Standard Profiles'!$G$20=$B$10,7,0)+IF('Standard Profiles'!$G$20=$B$17,14,0)+IF('Standard Profiles'!$G$20=$B$24,21,0),0)),0)</f>
        <v>0</v>
      </c>
      <c r="G235" cm="1">
        <f t="array" ref="G235">IFERROR(INDEX(Jesper!AK$2:AK$366,ROUNDDOWN($C235/24,0)+1,1)*INDEX($D$3:$AA$30,INDEX(Jesper!$R$2:$R$366,ROW(INDEX(Jesper!AK$2:AK$366,ROUNDDOWN($C235/24,0)+1,1))-1)+IF('Standard Profiles'!$G$21=$B$10,7,0)+IF('Standard Profiles'!$G$21=$B$17,14,0)+IF('Standard Profiles'!$G$21=$B$24,21,0),MOD($C235,24)+1)/SUM(INDEX($D$3:$AA$30,INDEX(Jesper!$R$2:$R$366,ROW(INDEX(Jesper!AK$2:AK$366,ROUNDDOWN($C235/24,0)+1,1))-1)+IF('Standard Profiles'!$G$21=$B$10,7,0)+IF('Standard Profiles'!$G$21=$B$17,14,0)+IF('Standard Profiles'!$G$21=$B$24,21,0),0)),0)</f>
        <v>27.669558850071745</v>
      </c>
      <c r="H235" cm="1">
        <f t="array" ref="H235">IFERROR(INDEX(Jesper!AL$2:AL$366,ROUNDDOWN($C235/24,0)+1,1)*INDEX($D$3:$AA$30,INDEX(Jesper!$R$2:$R$366,ROW(INDEX(Jesper!AL$2:AL$366,ROUNDDOWN($C235/24,0)+1,1))-1)+IF('Standard Profiles'!$G$22=$B$10,7,0)+IF('Standard Profiles'!$G$22=$B$17,14,0)+IF('Standard Profiles'!$G$22=$B$24,21,0),MOD($C235,24)+1)/SUM(INDEX($D$3:$AA$30,INDEX(Jesper!$R$2:$R$366,ROW(INDEX(Jesper!AL$2:AL$366,ROUNDDOWN($C235/24,0)+1,1))-1)+IF('Standard Profiles'!$G$22=$B$10,7,0)+IF('Standard Profiles'!$G$22=$B$17,14,0)+IF('Standard Profiles'!$G$22=$B$24,21,0),0)),0)</f>
        <v>0</v>
      </c>
      <c r="I235">
        <f t="shared" si="41"/>
        <v>13.28138824803443</v>
      </c>
      <c r="J235">
        <f t="shared" si="42"/>
        <v>74.626390006199586</v>
      </c>
      <c r="K235">
        <f t="shared" si="43"/>
        <v>3.2920962119338135</v>
      </c>
      <c r="L235">
        <f t="shared" si="44"/>
        <v>1.6460481059669068</v>
      </c>
      <c r="M235">
        <f t="shared" si="45"/>
        <v>0</v>
      </c>
      <c r="N235" s="45">
        <f t="shared" si="46"/>
        <v>44935.374999999513</v>
      </c>
    </row>
    <row r="236" spans="2:14" x14ac:dyDescent="0.25">
      <c r="B236">
        <f t="shared" si="40"/>
        <v>1</v>
      </c>
      <c r="C236" s="16">
        <v>202</v>
      </c>
      <c r="D236" cm="1">
        <f t="array" ref="D236">IFERROR(INDEX(Jesper!AH$2:AH$366,ROUNDDOWN($C236/24,0)+1,1)*INDEX($D$3:$AA$30,INDEX(Jesper!$R$2:$R$366,ROW(INDEX(Jesper!AH$2:AH$366,ROUNDDOWN($C236/24,0)+1,1))-1)+IF('Standard Profiles'!$G$18=$B$10,7,0)+IF('Standard Profiles'!$G$18=$B$17,14,0)+IF('Standard Profiles'!$G$18=$B$24,21,0),MOD($C236,24)+1)/SUM(INDEX($D$3:$AA$30,INDEX(Jesper!$R$2:$R$366,ROW(INDEX(Jesper!AH$2:AH$366,ROUNDDOWN($C236/24,0)+1,1))-1)+IF('Standard Profiles'!$G$18=$B$10,7,0)+IF('Standard Profiles'!$G$18=$B$17,14,0)+IF('Standard Profiles'!$G$18=$B$24,21,0),0)),0)</f>
        <v>30.863401986879499</v>
      </c>
      <c r="E236" cm="1">
        <f t="array" ref="E236">IFERROR(INDEX(Jesper!AI$2:AI$366,ROUNDDOWN($C236/24,0)+1,1)*INDEX($D$3:$AA$30,INDEX(Jesper!$R$2:$R$366,ROW(INDEX(Jesper!AI$2:AI$366,ROUNDDOWN($C236/24,0)+1,1))-1)+IF('Standard Profiles'!$G$19=$B$10,7,0)+IF('Standard Profiles'!$G$19=$B$17,14,0)+IF('Standard Profiles'!$G$19=$B$24,21,0),MOD($C236,24)+1)/SUM(INDEX($D$3:$AA$30,INDEX(Jesper!$R$2:$R$366,ROW(INDEX(Jesper!AI$2:AI$366,ROUNDDOWN($C236/24,0)+1,1))-1)+IF('Standard Profiles'!$G$19=$B$10,7,0)+IF('Standard Profiles'!$G$19=$B$17,14,0)+IF('Standard Profiles'!$G$19=$B$24,21,0),0)),0)</f>
        <v>34.312961735183485</v>
      </c>
      <c r="F236" cm="1">
        <f t="array" ref="F236">IFERROR(INDEX(Jesper!AJ$2:AJ$366,ROUNDDOWN($C236/24,0)+1,1)*INDEX($D$3:$AA$30,INDEX(Jesper!$R$2:$R$366,ROW(INDEX(Jesper!AJ$2:AJ$366,ROUNDDOWN($C236/24,0)+1,1))-1)+IF('Standard Profiles'!$G$20=$B$10,7,0)+IF('Standard Profiles'!$G$20=$B$17,14,0)+IF('Standard Profiles'!$G$20=$B$24,21,0),MOD($C236,24)+1)/SUM(INDEX($D$3:$AA$30,INDEX(Jesper!$R$2:$R$366,ROW(INDEX(Jesper!AJ$2:AJ$366,ROUNDDOWN($C236/24,0)+1,1))-1)+IF('Standard Profiles'!$G$20=$B$10,7,0)+IF('Standard Profiles'!$G$20=$B$17,14,0)+IF('Standard Profiles'!$G$20=$B$24,21,0),0)),0)</f>
        <v>0</v>
      </c>
      <c r="G236" cm="1">
        <f t="array" ref="G236">IFERROR(INDEX(Jesper!AK$2:AK$366,ROUNDDOWN($C236/24,0)+1,1)*INDEX($D$3:$AA$30,INDEX(Jesper!$R$2:$R$366,ROW(INDEX(Jesper!AK$2:AK$366,ROUNDDOWN($C236/24,0)+1,1))-1)+IF('Standard Profiles'!$G$21=$B$10,7,0)+IF('Standard Profiles'!$G$21=$B$17,14,0)+IF('Standard Profiles'!$G$21=$B$24,21,0),MOD($C236,24)+1)/SUM(INDEX($D$3:$AA$30,INDEX(Jesper!$R$2:$R$366,ROW(INDEX(Jesper!AK$2:AK$366,ROUNDDOWN($C236/24,0)+1,1))-1)+IF('Standard Profiles'!$G$21=$B$10,7,0)+IF('Standard Profiles'!$G$21=$B$17,14,0)+IF('Standard Profiles'!$G$21=$B$24,21,0),0)),0)</f>
        <v>27.669558850071745</v>
      </c>
      <c r="H236" cm="1">
        <f t="array" ref="H236">IFERROR(INDEX(Jesper!AL$2:AL$366,ROUNDDOWN($C236/24,0)+1,1)*INDEX($D$3:$AA$30,INDEX(Jesper!$R$2:$R$366,ROW(INDEX(Jesper!AL$2:AL$366,ROUNDDOWN($C236/24,0)+1,1))-1)+IF('Standard Profiles'!$G$22=$B$10,7,0)+IF('Standard Profiles'!$G$22=$B$17,14,0)+IF('Standard Profiles'!$G$22=$B$24,21,0),MOD($C236,24)+1)/SUM(INDEX($D$3:$AA$30,INDEX(Jesper!$R$2:$R$366,ROW(INDEX(Jesper!AL$2:AL$366,ROUNDDOWN($C236/24,0)+1,1))-1)+IF('Standard Profiles'!$G$22=$B$10,7,0)+IF('Standard Profiles'!$G$22=$B$17,14,0)+IF('Standard Profiles'!$G$22=$B$24,21,0),0)),0)</f>
        <v>0</v>
      </c>
      <c r="I236">
        <f t="shared" si="41"/>
        <v>13.28138824803443</v>
      </c>
      <c r="J236">
        <f t="shared" si="42"/>
        <v>74.626390006199586</v>
      </c>
      <c r="K236">
        <f t="shared" si="43"/>
        <v>3.2920962119338135</v>
      </c>
      <c r="L236">
        <f t="shared" si="44"/>
        <v>1.6460481059669068</v>
      </c>
      <c r="M236">
        <f t="shared" si="45"/>
        <v>0</v>
      </c>
      <c r="N236" s="45">
        <f t="shared" si="46"/>
        <v>44935.416666666177</v>
      </c>
    </row>
    <row r="237" spans="2:14" x14ac:dyDescent="0.25">
      <c r="B237">
        <f t="shared" si="40"/>
        <v>1</v>
      </c>
      <c r="C237" s="16">
        <v>203</v>
      </c>
      <c r="D237" cm="1">
        <f t="array" ref="D237">IFERROR(INDEX(Jesper!AH$2:AH$366,ROUNDDOWN($C237/24,0)+1,1)*INDEX($D$3:$AA$30,INDEX(Jesper!$R$2:$R$366,ROW(INDEX(Jesper!AH$2:AH$366,ROUNDDOWN($C237/24,0)+1,1))-1)+IF('Standard Profiles'!$G$18=$B$10,7,0)+IF('Standard Profiles'!$G$18=$B$17,14,0)+IF('Standard Profiles'!$G$18=$B$24,21,0),MOD($C237,24)+1)/SUM(INDEX($D$3:$AA$30,INDEX(Jesper!$R$2:$R$366,ROW(INDEX(Jesper!AH$2:AH$366,ROUNDDOWN($C237/24,0)+1,1))-1)+IF('Standard Profiles'!$G$18=$B$10,7,0)+IF('Standard Profiles'!$G$18=$B$17,14,0)+IF('Standard Profiles'!$G$18=$B$24,21,0),0)),0)</f>
        <v>37.036082384255387</v>
      </c>
      <c r="E237" cm="1">
        <f t="array" ref="E237">IFERROR(INDEX(Jesper!AI$2:AI$366,ROUNDDOWN($C237/24,0)+1,1)*INDEX($D$3:$AA$30,INDEX(Jesper!$R$2:$R$366,ROW(INDEX(Jesper!AI$2:AI$366,ROUNDDOWN($C237/24,0)+1,1))-1)+IF('Standard Profiles'!$G$19=$B$10,7,0)+IF('Standard Profiles'!$G$19=$B$17,14,0)+IF('Standard Profiles'!$G$19=$B$24,21,0),MOD($C237,24)+1)/SUM(INDEX($D$3:$AA$30,INDEX(Jesper!$R$2:$R$366,ROW(INDEX(Jesper!AI$2:AI$366,ROUNDDOWN($C237/24,0)+1,1))-1)+IF('Standard Profiles'!$G$19=$B$10,7,0)+IF('Standard Profiles'!$G$19=$B$17,14,0)+IF('Standard Profiles'!$G$19=$B$24,21,0),0)),0)</f>
        <v>41.175554082220181</v>
      </c>
      <c r="F237" cm="1">
        <f t="array" ref="F237">IFERROR(INDEX(Jesper!AJ$2:AJ$366,ROUNDDOWN($C237/24,0)+1,1)*INDEX($D$3:$AA$30,INDEX(Jesper!$R$2:$R$366,ROW(INDEX(Jesper!AJ$2:AJ$366,ROUNDDOWN($C237/24,0)+1,1))-1)+IF('Standard Profiles'!$G$20=$B$10,7,0)+IF('Standard Profiles'!$G$20=$B$17,14,0)+IF('Standard Profiles'!$G$20=$B$24,21,0),MOD($C237,24)+1)/SUM(INDEX($D$3:$AA$30,INDEX(Jesper!$R$2:$R$366,ROW(INDEX(Jesper!AJ$2:AJ$366,ROUNDDOWN($C237/24,0)+1,1))-1)+IF('Standard Profiles'!$G$20=$B$10,7,0)+IF('Standard Profiles'!$G$20=$B$17,14,0)+IF('Standard Profiles'!$G$20=$B$24,21,0),0)),0)</f>
        <v>0</v>
      </c>
      <c r="G237" cm="1">
        <f t="array" ref="G237">IFERROR(INDEX(Jesper!AK$2:AK$366,ROUNDDOWN($C237/24,0)+1,1)*INDEX($D$3:$AA$30,INDEX(Jesper!$R$2:$R$366,ROW(INDEX(Jesper!AK$2:AK$366,ROUNDDOWN($C237/24,0)+1,1))-1)+IF('Standard Profiles'!$G$21=$B$10,7,0)+IF('Standard Profiles'!$G$21=$B$17,14,0)+IF('Standard Profiles'!$G$21=$B$24,21,0),MOD($C237,24)+1)/SUM(INDEX($D$3:$AA$30,INDEX(Jesper!$R$2:$R$366,ROW(INDEX(Jesper!AK$2:AK$366,ROUNDDOWN($C237/24,0)+1,1))-1)+IF('Standard Profiles'!$G$21=$B$10,7,0)+IF('Standard Profiles'!$G$21=$B$17,14,0)+IF('Standard Profiles'!$G$21=$B$24,21,0),0)),0)</f>
        <v>33.203470620086087</v>
      </c>
      <c r="H237" cm="1">
        <f t="array" ref="H237">IFERROR(INDEX(Jesper!AL$2:AL$366,ROUNDDOWN($C237/24,0)+1,1)*INDEX($D$3:$AA$30,INDEX(Jesper!$R$2:$R$366,ROW(INDEX(Jesper!AL$2:AL$366,ROUNDDOWN($C237/24,0)+1,1))-1)+IF('Standard Profiles'!$G$22=$B$10,7,0)+IF('Standard Profiles'!$G$22=$B$17,14,0)+IF('Standard Profiles'!$G$22=$B$24,21,0),MOD($C237,24)+1)/SUM(INDEX($D$3:$AA$30,INDEX(Jesper!$R$2:$R$366,ROW(INDEX(Jesper!AL$2:AL$366,ROUNDDOWN($C237/24,0)+1,1))-1)+IF('Standard Profiles'!$G$22=$B$10,7,0)+IF('Standard Profiles'!$G$22=$B$17,14,0)+IF('Standard Profiles'!$G$22=$B$24,21,0),0)),0)</f>
        <v>0</v>
      </c>
      <c r="I237">
        <f t="shared" si="41"/>
        <v>15.937665897641313</v>
      </c>
      <c r="J237">
        <f t="shared" si="42"/>
        <v>89.551668007439474</v>
      </c>
      <c r="K237">
        <f t="shared" si="43"/>
        <v>3.9505154543205747</v>
      </c>
      <c r="L237">
        <f t="shared" si="44"/>
        <v>1.9752577271602874</v>
      </c>
      <c r="M237">
        <f t="shared" si="45"/>
        <v>0</v>
      </c>
      <c r="N237" s="45">
        <f t="shared" si="46"/>
        <v>44935.458333332841</v>
      </c>
    </row>
    <row r="238" spans="2:14" x14ac:dyDescent="0.25">
      <c r="B238">
        <f t="shared" si="40"/>
        <v>1</v>
      </c>
      <c r="C238" s="16">
        <v>204</v>
      </c>
      <c r="D238" cm="1">
        <f t="array" ref="D238">IFERROR(INDEX(Jesper!AH$2:AH$366,ROUNDDOWN($C238/24,0)+1,1)*INDEX($D$3:$AA$30,INDEX(Jesper!$R$2:$R$366,ROW(INDEX(Jesper!AH$2:AH$366,ROUNDDOWN($C238/24,0)+1,1))-1)+IF('Standard Profiles'!$G$18=$B$10,7,0)+IF('Standard Profiles'!$G$18=$B$17,14,0)+IF('Standard Profiles'!$G$18=$B$24,21,0),MOD($C238,24)+1)/SUM(INDEX($D$3:$AA$30,INDEX(Jesper!$R$2:$R$366,ROW(INDEX(Jesper!AH$2:AH$366,ROUNDDOWN($C238/24,0)+1,1))-1)+IF('Standard Profiles'!$G$18=$B$10,7,0)+IF('Standard Profiles'!$G$18=$B$17,14,0)+IF('Standard Profiles'!$G$18=$B$24,21,0),0)),0)</f>
        <v>37.036082384255387</v>
      </c>
      <c r="E238" cm="1">
        <f t="array" ref="E238">IFERROR(INDEX(Jesper!AI$2:AI$366,ROUNDDOWN($C238/24,0)+1,1)*INDEX($D$3:$AA$30,INDEX(Jesper!$R$2:$R$366,ROW(INDEX(Jesper!AI$2:AI$366,ROUNDDOWN($C238/24,0)+1,1))-1)+IF('Standard Profiles'!$G$19=$B$10,7,0)+IF('Standard Profiles'!$G$19=$B$17,14,0)+IF('Standard Profiles'!$G$19=$B$24,21,0),MOD($C238,24)+1)/SUM(INDEX($D$3:$AA$30,INDEX(Jesper!$R$2:$R$366,ROW(INDEX(Jesper!AI$2:AI$366,ROUNDDOWN($C238/24,0)+1,1))-1)+IF('Standard Profiles'!$G$19=$B$10,7,0)+IF('Standard Profiles'!$G$19=$B$17,14,0)+IF('Standard Profiles'!$G$19=$B$24,21,0),0)),0)</f>
        <v>41.175554082220181</v>
      </c>
      <c r="F238" cm="1">
        <f t="array" ref="F238">IFERROR(INDEX(Jesper!AJ$2:AJ$366,ROUNDDOWN($C238/24,0)+1,1)*INDEX($D$3:$AA$30,INDEX(Jesper!$R$2:$R$366,ROW(INDEX(Jesper!AJ$2:AJ$366,ROUNDDOWN($C238/24,0)+1,1))-1)+IF('Standard Profiles'!$G$20=$B$10,7,0)+IF('Standard Profiles'!$G$20=$B$17,14,0)+IF('Standard Profiles'!$G$20=$B$24,21,0),MOD($C238,24)+1)/SUM(INDEX($D$3:$AA$30,INDEX(Jesper!$R$2:$R$366,ROW(INDEX(Jesper!AJ$2:AJ$366,ROUNDDOWN($C238/24,0)+1,1))-1)+IF('Standard Profiles'!$G$20=$B$10,7,0)+IF('Standard Profiles'!$G$20=$B$17,14,0)+IF('Standard Profiles'!$G$20=$B$24,21,0),0)),0)</f>
        <v>0</v>
      </c>
      <c r="G238" cm="1">
        <f t="array" ref="G238">IFERROR(INDEX(Jesper!AK$2:AK$366,ROUNDDOWN($C238/24,0)+1,1)*INDEX($D$3:$AA$30,INDEX(Jesper!$R$2:$R$366,ROW(INDEX(Jesper!AK$2:AK$366,ROUNDDOWN($C238/24,0)+1,1))-1)+IF('Standard Profiles'!$G$21=$B$10,7,0)+IF('Standard Profiles'!$G$21=$B$17,14,0)+IF('Standard Profiles'!$G$21=$B$24,21,0),MOD($C238,24)+1)/SUM(INDEX($D$3:$AA$30,INDEX(Jesper!$R$2:$R$366,ROW(INDEX(Jesper!AK$2:AK$366,ROUNDDOWN($C238/24,0)+1,1))-1)+IF('Standard Profiles'!$G$21=$B$10,7,0)+IF('Standard Profiles'!$G$21=$B$17,14,0)+IF('Standard Profiles'!$G$21=$B$24,21,0),0)),0)</f>
        <v>33.203470620086087</v>
      </c>
      <c r="H238" cm="1">
        <f t="array" ref="H238">IFERROR(INDEX(Jesper!AL$2:AL$366,ROUNDDOWN($C238/24,0)+1,1)*INDEX($D$3:$AA$30,INDEX(Jesper!$R$2:$R$366,ROW(INDEX(Jesper!AL$2:AL$366,ROUNDDOWN($C238/24,0)+1,1))-1)+IF('Standard Profiles'!$G$22=$B$10,7,0)+IF('Standard Profiles'!$G$22=$B$17,14,0)+IF('Standard Profiles'!$G$22=$B$24,21,0),MOD($C238,24)+1)/SUM(INDEX($D$3:$AA$30,INDEX(Jesper!$R$2:$R$366,ROW(INDEX(Jesper!AL$2:AL$366,ROUNDDOWN($C238/24,0)+1,1))-1)+IF('Standard Profiles'!$G$22=$B$10,7,0)+IF('Standard Profiles'!$G$22=$B$17,14,0)+IF('Standard Profiles'!$G$22=$B$24,21,0),0)),0)</f>
        <v>0</v>
      </c>
      <c r="I238">
        <f t="shared" si="41"/>
        <v>15.937665897641313</v>
      </c>
      <c r="J238">
        <f t="shared" si="42"/>
        <v>89.551668007439474</v>
      </c>
      <c r="K238">
        <f t="shared" si="43"/>
        <v>3.9505154543205747</v>
      </c>
      <c r="L238">
        <f t="shared" si="44"/>
        <v>1.9752577271602874</v>
      </c>
      <c r="M238">
        <f t="shared" si="45"/>
        <v>0</v>
      </c>
      <c r="N238" s="45">
        <f t="shared" si="46"/>
        <v>44935.499999999505</v>
      </c>
    </row>
    <row r="239" spans="2:14" x14ac:dyDescent="0.25">
      <c r="B239">
        <f t="shared" si="40"/>
        <v>1</v>
      </c>
      <c r="C239" s="16">
        <v>205</v>
      </c>
      <c r="D239" cm="1">
        <f t="array" ref="D239">IFERROR(INDEX(Jesper!AH$2:AH$366,ROUNDDOWN($C239/24,0)+1,1)*INDEX($D$3:$AA$30,INDEX(Jesper!$R$2:$R$366,ROW(INDEX(Jesper!AH$2:AH$366,ROUNDDOWN($C239/24,0)+1,1))-1)+IF('Standard Profiles'!$G$18=$B$10,7,0)+IF('Standard Profiles'!$G$18=$B$17,14,0)+IF('Standard Profiles'!$G$18=$B$24,21,0),MOD($C239,24)+1)/SUM(INDEX($D$3:$AA$30,INDEX(Jesper!$R$2:$R$366,ROW(INDEX(Jesper!AH$2:AH$366,ROUNDDOWN($C239/24,0)+1,1))-1)+IF('Standard Profiles'!$G$18=$B$10,7,0)+IF('Standard Profiles'!$G$18=$B$17,14,0)+IF('Standard Profiles'!$G$18=$B$24,21,0),0)),0)</f>
        <v>24.690721589503596</v>
      </c>
      <c r="E239" cm="1">
        <f t="array" ref="E239">IFERROR(INDEX(Jesper!AI$2:AI$366,ROUNDDOWN($C239/24,0)+1,1)*INDEX($D$3:$AA$30,INDEX(Jesper!$R$2:$R$366,ROW(INDEX(Jesper!AI$2:AI$366,ROUNDDOWN($C239/24,0)+1,1))-1)+IF('Standard Profiles'!$G$19=$B$10,7,0)+IF('Standard Profiles'!$G$19=$B$17,14,0)+IF('Standard Profiles'!$G$19=$B$24,21,0),MOD($C239,24)+1)/SUM(INDEX($D$3:$AA$30,INDEX(Jesper!$R$2:$R$366,ROW(INDEX(Jesper!AI$2:AI$366,ROUNDDOWN($C239/24,0)+1,1))-1)+IF('Standard Profiles'!$G$19=$B$10,7,0)+IF('Standard Profiles'!$G$19=$B$17,14,0)+IF('Standard Profiles'!$G$19=$B$24,21,0),0)),0)</f>
        <v>27.450369388146786</v>
      </c>
      <c r="F239" cm="1">
        <f t="array" ref="F239">IFERROR(INDEX(Jesper!AJ$2:AJ$366,ROUNDDOWN($C239/24,0)+1,1)*INDEX($D$3:$AA$30,INDEX(Jesper!$R$2:$R$366,ROW(INDEX(Jesper!AJ$2:AJ$366,ROUNDDOWN($C239/24,0)+1,1))-1)+IF('Standard Profiles'!$G$20=$B$10,7,0)+IF('Standard Profiles'!$G$20=$B$17,14,0)+IF('Standard Profiles'!$G$20=$B$24,21,0),MOD($C239,24)+1)/SUM(INDEX($D$3:$AA$30,INDEX(Jesper!$R$2:$R$366,ROW(INDEX(Jesper!AJ$2:AJ$366,ROUNDDOWN($C239/24,0)+1,1))-1)+IF('Standard Profiles'!$G$20=$B$10,7,0)+IF('Standard Profiles'!$G$20=$B$17,14,0)+IF('Standard Profiles'!$G$20=$B$24,21,0),0)),0)</f>
        <v>0</v>
      </c>
      <c r="G239" cm="1">
        <f t="array" ref="G239">IFERROR(INDEX(Jesper!AK$2:AK$366,ROUNDDOWN($C239/24,0)+1,1)*INDEX($D$3:$AA$30,INDEX(Jesper!$R$2:$R$366,ROW(INDEX(Jesper!AK$2:AK$366,ROUNDDOWN($C239/24,0)+1,1))-1)+IF('Standard Profiles'!$G$21=$B$10,7,0)+IF('Standard Profiles'!$G$21=$B$17,14,0)+IF('Standard Profiles'!$G$21=$B$24,21,0),MOD($C239,24)+1)/SUM(INDEX($D$3:$AA$30,INDEX(Jesper!$R$2:$R$366,ROW(INDEX(Jesper!AK$2:AK$366,ROUNDDOWN($C239/24,0)+1,1))-1)+IF('Standard Profiles'!$G$21=$B$10,7,0)+IF('Standard Profiles'!$G$21=$B$17,14,0)+IF('Standard Profiles'!$G$21=$B$24,21,0),0)),0)</f>
        <v>22.135647080057396</v>
      </c>
      <c r="H239" cm="1">
        <f t="array" ref="H239">IFERROR(INDEX(Jesper!AL$2:AL$366,ROUNDDOWN($C239/24,0)+1,1)*INDEX($D$3:$AA$30,INDEX(Jesper!$R$2:$R$366,ROW(INDEX(Jesper!AL$2:AL$366,ROUNDDOWN($C239/24,0)+1,1))-1)+IF('Standard Profiles'!$G$22=$B$10,7,0)+IF('Standard Profiles'!$G$22=$B$17,14,0)+IF('Standard Profiles'!$G$22=$B$24,21,0),MOD($C239,24)+1)/SUM(INDEX($D$3:$AA$30,INDEX(Jesper!$R$2:$R$366,ROW(INDEX(Jesper!AL$2:AL$366,ROUNDDOWN($C239/24,0)+1,1))-1)+IF('Standard Profiles'!$G$22=$B$10,7,0)+IF('Standard Profiles'!$G$22=$B$17,14,0)+IF('Standard Profiles'!$G$22=$B$24,21,0),0)),0)</f>
        <v>0</v>
      </c>
      <c r="I239">
        <f t="shared" si="41"/>
        <v>10.625110598427545</v>
      </c>
      <c r="J239">
        <f t="shared" si="42"/>
        <v>59.701112004959654</v>
      </c>
      <c r="K239">
        <f t="shared" si="43"/>
        <v>2.6336769695470506</v>
      </c>
      <c r="L239">
        <f t="shared" si="44"/>
        <v>1.3168384847735253</v>
      </c>
      <c r="M239">
        <f t="shared" si="45"/>
        <v>0</v>
      </c>
      <c r="N239" s="45">
        <f t="shared" si="46"/>
        <v>44935.541666666169</v>
      </c>
    </row>
    <row r="240" spans="2:14" x14ac:dyDescent="0.25">
      <c r="B240">
        <f t="shared" si="40"/>
        <v>1</v>
      </c>
      <c r="C240" s="16">
        <v>206</v>
      </c>
      <c r="D240" cm="1">
        <f t="array" ref="D240">IFERROR(INDEX(Jesper!AH$2:AH$366,ROUNDDOWN($C240/24,0)+1,1)*INDEX($D$3:$AA$30,INDEX(Jesper!$R$2:$R$366,ROW(INDEX(Jesper!AH$2:AH$366,ROUNDDOWN($C240/24,0)+1,1))-1)+IF('Standard Profiles'!$G$18=$B$10,7,0)+IF('Standard Profiles'!$G$18=$B$17,14,0)+IF('Standard Profiles'!$G$18=$B$24,21,0),MOD($C240,24)+1)/SUM(INDEX($D$3:$AA$30,INDEX(Jesper!$R$2:$R$366,ROW(INDEX(Jesper!AH$2:AH$366,ROUNDDOWN($C240/24,0)+1,1))-1)+IF('Standard Profiles'!$G$18=$B$10,7,0)+IF('Standard Profiles'!$G$18=$B$17,14,0)+IF('Standard Profiles'!$G$18=$B$24,21,0),0)),0)</f>
        <v>37.036082384255387</v>
      </c>
      <c r="E240" cm="1">
        <f t="array" ref="E240">IFERROR(INDEX(Jesper!AI$2:AI$366,ROUNDDOWN($C240/24,0)+1,1)*INDEX($D$3:$AA$30,INDEX(Jesper!$R$2:$R$366,ROW(INDEX(Jesper!AI$2:AI$366,ROUNDDOWN($C240/24,0)+1,1))-1)+IF('Standard Profiles'!$G$19=$B$10,7,0)+IF('Standard Profiles'!$G$19=$B$17,14,0)+IF('Standard Profiles'!$G$19=$B$24,21,0),MOD($C240,24)+1)/SUM(INDEX($D$3:$AA$30,INDEX(Jesper!$R$2:$R$366,ROW(INDEX(Jesper!AI$2:AI$366,ROUNDDOWN($C240/24,0)+1,1))-1)+IF('Standard Profiles'!$G$19=$B$10,7,0)+IF('Standard Profiles'!$G$19=$B$17,14,0)+IF('Standard Profiles'!$G$19=$B$24,21,0),0)),0)</f>
        <v>41.175554082220181</v>
      </c>
      <c r="F240" cm="1">
        <f t="array" ref="F240">IFERROR(INDEX(Jesper!AJ$2:AJ$366,ROUNDDOWN($C240/24,0)+1,1)*INDEX($D$3:$AA$30,INDEX(Jesper!$R$2:$R$366,ROW(INDEX(Jesper!AJ$2:AJ$366,ROUNDDOWN($C240/24,0)+1,1))-1)+IF('Standard Profiles'!$G$20=$B$10,7,0)+IF('Standard Profiles'!$G$20=$B$17,14,0)+IF('Standard Profiles'!$G$20=$B$24,21,0),MOD($C240,24)+1)/SUM(INDEX($D$3:$AA$30,INDEX(Jesper!$R$2:$R$366,ROW(INDEX(Jesper!AJ$2:AJ$366,ROUNDDOWN($C240/24,0)+1,1))-1)+IF('Standard Profiles'!$G$20=$B$10,7,0)+IF('Standard Profiles'!$G$20=$B$17,14,0)+IF('Standard Profiles'!$G$20=$B$24,21,0),0)),0)</f>
        <v>0</v>
      </c>
      <c r="G240" cm="1">
        <f t="array" ref="G240">IFERROR(INDEX(Jesper!AK$2:AK$366,ROUNDDOWN($C240/24,0)+1,1)*INDEX($D$3:$AA$30,INDEX(Jesper!$R$2:$R$366,ROW(INDEX(Jesper!AK$2:AK$366,ROUNDDOWN($C240/24,0)+1,1))-1)+IF('Standard Profiles'!$G$21=$B$10,7,0)+IF('Standard Profiles'!$G$21=$B$17,14,0)+IF('Standard Profiles'!$G$21=$B$24,21,0),MOD($C240,24)+1)/SUM(INDEX($D$3:$AA$30,INDEX(Jesper!$R$2:$R$366,ROW(INDEX(Jesper!AK$2:AK$366,ROUNDDOWN($C240/24,0)+1,1))-1)+IF('Standard Profiles'!$G$21=$B$10,7,0)+IF('Standard Profiles'!$G$21=$B$17,14,0)+IF('Standard Profiles'!$G$21=$B$24,21,0),0)),0)</f>
        <v>33.203470620086087</v>
      </c>
      <c r="H240" cm="1">
        <f t="array" ref="H240">IFERROR(INDEX(Jesper!AL$2:AL$366,ROUNDDOWN($C240/24,0)+1,1)*INDEX($D$3:$AA$30,INDEX(Jesper!$R$2:$R$366,ROW(INDEX(Jesper!AL$2:AL$366,ROUNDDOWN($C240/24,0)+1,1))-1)+IF('Standard Profiles'!$G$22=$B$10,7,0)+IF('Standard Profiles'!$G$22=$B$17,14,0)+IF('Standard Profiles'!$G$22=$B$24,21,0),MOD($C240,24)+1)/SUM(INDEX($D$3:$AA$30,INDEX(Jesper!$R$2:$R$366,ROW(INDEX(Jesper!AL$2:AL$366,ROUNDDOWN($C240/24,0)+1,1))-1)+IF('Standard Profiles'!$G$22=$B$10,7,0)+IF('Standard Profiles'!$G$22=$B$17,14,0)+IF('Standard Profiles'!$G$22=$B$24,21,0),0)),0)</f>
        <v>0</v>
      </c>
      <c r="I240">
        <f t="shared" si="41"/>
        <v>15.937665897641313</v>
      </c>
      <c r="J240">
        <f t="shared" si="42"/>
        <v>89.551668007439474</v>
      </c>
      <c r="K240">
        <f t="shared" si="43"/>
        <v>3.9505154543205747</v>
      </c>
      <c r="L240">
        <f t="shared" si="44"/>
        <v>1.9752577271602874</v>
      </c>
      <c r="M240">
        <f t="shared" si="45"/>
        <v>0</v>
      </c>
      <c r="N240" s="45">
        <f t="shared" si="46"/>
        <v>44935.583333332834</v>
      </c>
    </row>
    <row r="241" spans="2:14" x14ac:dyDescent="0.25">
      <c r="B241">
        <f t="shared" si="40"/>
        <v>1</v>
      </c>
      <c r="C241" s="16">
        <v>207</v>
      </c>
      <c r="D241" cm="1">
        <f t="array" ref="D241">IFERROR(INDEX(Jesper!AH$2:AH$366,ROUNDDOWN($C241/24,0)+1,1)*INDEX($D$3:$AA$30,INDEX(Jesper!$R$2:$R$366,ROW(INDEX(Jesper!AH$2:AH$366,ROUNDDOWN($C241/24,0)+1,1))-1)+IF('Standard Profiles'!$G$18=$B$10,7,0)+IF('Standard Profiles'!$G$18=$B$17,14,0)+IF('Standard Profiles'!$G$18=$B$24,21,0),MOD($C241,24)+1)/SUM(INDEX($D$3:$AA$30,INDEX(Jesper!$R$2:$R$366,ROW(INDEX(Jesper!AH$2:AH$366,ROUNDDOWN($C241/24,0)+1,1))-1)+IF('Standard Profiles'!$G$18=$B$10,7,0)+IF('Standard Profiles'!$G$18=$B$17,14,0)+IF('Standard Profiles'!$G$18=$B$24,21,0),0)),0)</f>
        <v>37.036082384255387</v>
      </c>
      <c r="E241" cm="1">
        <f t="array" ref="E241">IFERROR(INDEX(Jesper!AI$2:AI$366,ROUNDDOWN($C241/24,0)+1,1)*INDEX($D$3:$AA$30,INDEX(Jesper!$R$2:$R$366,ROW(INDEX(Jesper!AI$2:AI$366,ROUNDDOWN($C241/24,0)+1,1))-1)+IF('Standard Profiles'!$G$19=$B$10,7,0)+IF('Standard Profiles'!$G$19=$B$17,14,0)+IF('Standard Profiles'!$G$19=$B$24,21,0),MOD($C241,24)+1)/SUM(INDEX($D$3:$AA$30,INDEX(Jesper!$R$2:$R$366,ROW(INDEX(Jesper!AI$2:AI$366,ROUNDDOWN($C241/24,0)+1,1))-1)+IF('Standard Profiles'!$G$19=$B$10,7,0)+IF('Standard Profiles'!$G$19=$B$17,14,0)+IF('Standard Profiles'!$G$19=$B$24,21,0),0)),0)</f>
        <v>41.175554082220181</v>
      </c>
      <c r="F241" cm="1">
        <f t="array" ref="F241">IFERROR(INDEX(Jesper!AJ$2:AJ$366,ROUNDDOWN($C241/24,0)+1,1)*INDEX($D$3:$AA$30,INDEX(Jesper!$R$2:$R$366,ROW(INDEX(Jesper!AJ$2:AJ$366,ROUNDDOWN($C241/24,0)+1,1))-1)+IF('Standard Profiles'!$G$20=$B$10,7,0)+IF('Standard Profiles'!$G$20=$B$17,14,0)+IF('Standard Profiles'!$G$20=$B$24,21,0),MOD($C241,24)+1)/SUM(INDEX($D$3:$AA$30,INDEX(Jesper!$R$2:$R$366,ROW(INDEX(Jesper!AJ$2:AJ$366,ROUNDDOWN($C241/24,0)+1,1))-1)+IF('Standard Profiles'!$G$20=$B$10,7,0)+IF('Standard Profiles'!$G$20=$B$17,14,0)+IF('Standard Profiles'!$G$20=$B$24,21,0),0)),0)</f>
        <v>0</v>
      </c>
      <c r="G241" cm="1">
        <f t="array" ref="G241">IFERROR(INDEX(Jesper!AK$2:AK$366,ROUNDDOWN($C241/24,0)+1,1)*INDEX($D$3:$AA$30,INDEX(Jesper!$R$2:$R$366,ROW(INDEX(Jesper!AK$2:AK$366,ROUNDDOWN($C241/24,0)+1,1))-1)+IF('Standard Profiles'!$G$21=$B$10,7,0)+IF('Standard Profiles'!$G$21=$B$17,14,0)+IF('Standard Profiles'!$G$21=$B$24,21,0),MOD($C241,24)+1)/SUM(INDEX($D$3:$AA$30,INDEX(Jesper!$R$2:$R$366,ROW(INDEX(Jesper!AK$2:AK$366,ROUNDDOWN($C241/24,0)+1,1))-1)+IF('Standard Profiles'!$G$21=$B$10,7,0)+IF('Standard Profiles'!$G$21=$B$17,14,0)+IF('Standard Profiles'!$G$21=$B$24,21,0),0)),0)</f>
        <v>33.203470620086087</v>
      </c>
      <c r="H241" cm="1">
        <f t="array" ref="H241">IFERROR(INDEX(Jesper!AL$2:AL$366,ROUNDDOWN($C241/24,0)+1,1)*INDEX($D$3:$AA$30,INDEX(Jesper!$R$2:$R$366,ROW(INDEX(Jesper!AL$2:AL$366,ROUNDDOWN($C241/24,0)+1,1))-1)+IF('Standard Profiles'!$G$22=$B$10,7,0)+IF('Standard Profiles'!$G$22=$B$17,14,0)+IF('Standard Profiles'!$G$22=$B$24,21,0),MOD($C241,24)+1)/SUM(INDEX($D$3:$AA$30,INDEX(Jesper!$R$2:$R$366,ROW(INDEX(Jesper!AL$2:AL$366,ROUNDDOWN($C241/24,0)+1,1))-1)+IF('Standard Profiles'!$G$22=$B$10,7,0)+IF('Standard Profiles'!$G$22=$B$17,14,0)+IF('Standard Profiles'!$G$22=$B$24,21,0),0)),0)</f>
        <v>0</v>
      </c>
      <c r="I241">
        <f t="shared" si="41"/>
        <v>15.937665897641313</v>
      </c>
      <c r="J241">
        <f t="shared" si="42"/>
        <v>89.551668007439474</v>
      </c>
      <c r="K241">
        <f t="shared" si="43"/>
        <v>3.9505154543205747</v>
      </c>
      <c r="L241">
        <f t="shared" si="44"/>
        <v>1.9752577271602874</v>
      </c>
      <c r="M241">
        <f t="shared" si="45"/>
        <v>0</v>
      </c>
      <c r="N241" s="45">
        <f t="shared" si="46"/>
        <v>44935.624999999498</v>
      </c>
    </row>
    <row r="242" spans="2:14" x14ac:dyDescent="0.25">
      <c r="B242">
        <f t="shared" si="40"/>
        <v>1</v>
      </c>
      <c r="C242" s="16">
        <v>208</v>
      </c>
      <c r="D242" cm="1">
        <f t="array" ref="D242">IFERROR(INDEX(Jesper!AH$2:AH$366,ROUNDDOWN($C242/24,0)+1,1)*INDEX($D$3:$AA$30,INDEX(Jesper!$R$2:$R$366,ROW(INDEX(Jesper!AH$2:AH$366,ROUNDDOWN($C242/24,0)+1,1))-1)+IF('Standard Profiles'!$G$18=$B$10,7,0)+IF('Standard Profiles'!$G$18=$B$17,14,0)+IF('Standard Profiles'!$G$18=$B$24,21,0),MOD($C242,24)+1)/SUM(INDEX($D$3:$AA$30,INDEX(Jesper!$R$2:$R$366,ROW(INDEX(Jesper!AH$2:AH$366,ROUNDDOWN($C242/24,0)+1,1))-1)+IF('Standard Profiles'!$G$18=$B$10,7,0)+IF('Standard Profiles'!$G$18=$B$17,14,0)+IF('Standard Profiles'!$G$18=$B$24,21,0),0)),0)</f>
        <v>21.604381390815643</v>
      </c>
      <c r="E242" cm="1">
        <f t="array" ref="E242">IFERROR(INDEX(Jesper!AI$2:AI$366,ROUNDDOWN($C242/24,0)+1,1)*INDEX($D$3:$AA$30,INDEX(Jesper!$R$2:$R$366,ROW(INDEX(Jesper!AI$2:AI$366,ROUNDDOWN($C242/24,0)+1,1))-1)+IF('Standard Profiles'!$G$19=$B$10,7,0)+IF('Standard Profiles'!$G$19=$B$17,14,0)+IF('Standard Profiles'!$G$19=$B$24,21,0),MOD($C242,24)+1)/SUM(INDEX($D$3:$AA$30,INDEX(Jesper!$R$2:$R$366,ROW(INDEX(Jesper!AI$2:AI$366,ROUNDDOWN($C242/24,0)+1,1))-1)+IF('Standard Profiles'!$G$19=$B$10,7,0)+IF('Standard Profiles'!$G$19=$B$17,14,0)+IF('Standard Profiles'!$G$19=$B$24,21,0),0)),0)</f>
        <v>24.019073214628435</v>
      </c>
      <c r="F242" cm="1">
        <f t="array" ref="F242">IFERROR(INDEX(Jesper!AJ$2:AJ$366,ROUNDDOWN($C242/24,0)+1,1)*INDEX($D$3:$AA$30,INDEX(Jesper!$R$2:$R$366,ROW(INDEX(Jesper!AJ$2:AJ$366,ROUNDDOWN($C242/24,0)+1,1))-1)+IF('Standard Profiles'!$G$20=$B$10,7,0)+IF('Standard Profiles'!$G$20=$B$17,14,0)+IF('Standard Profiles'!$G$20=$B$24,21,0),MOD($C242,24)+1)/SUM(INDEX($D$3:$AA$30,INDEX(Jesper!$R$2:$R$366,ROW(INDEX(Jesper!AJ$2:AJ$366,ROUNDDOWN($C242/24,0)+1,1))-1)+IF('Standard Profiles'!$G$20=$B$10,7,0)+IF('Standard Profiles'!$G$20=$B$17,14,0)+IF('Standard Profiles'!$G$20=$B$24,21,0),0)),0)</f>
        <v>0</v>
      </c>
      <c r="G242" cm="1">
        <f t="array" ref="G242">IFERROR(INDEX(Jesper!AK$2:AK$366,ROUNDDOWN($C242/24,0)+1,1)*INDEX($D$3:$AA$30,INDEX(Jesper!$R$2:$R$366,ROW(INDEX(Jesper!AK$2:AK$366,ROUNDDOWN($C242/24,0)+1,1))-1)+IF('Standard Profiles'!$G$21=$B$10,7,0)+IF('Standard Profiles'!$G$21=$B$17,14,0)+IF('Standard Profiles'!$G$21=$B$24,21,0),MOD($C242,24)+1)/SUM(INDEX($D$3:$AA$30,INDEX(Jesper!$R$2:$R$366,ROW(INDEX(Jesper!AK$2:AK$366,ROUNDDOWN($C242/24,0)+1,1))-1)+IF('Standard Profiles'!$G$21=$B$10,7,0)+IF('Standard Profiles'!$G$21=$B$17,14,0)+IF('Standard Profiles'!$G$21=$B$24,21,0),0)),0)</f>
        <v>27.669558850071745</v>
      </c>
      <c r="H242" cm="1">
        <f t="array" ref="H242">IFERROR(INDEX(Jesper!AL$2:AL$366,ROUNDDOWN($C242/24,0)+1,1)*INDEX($D$3:$AA$30,INDEX(Jesper!$R$2:$R$366,ROW(INDEX(Jesper!AL$2:AL$366,ROUNDDOWN($C242/24,0)+1,1))-1)+IF('Standard Profiles'!$G$22=$B$10,7,0)+IF('Standard Profiles'!$G$22=$B$17,14,0)+IF('Standard Profiles'!$G$22=$B$24,21,0),MOD($C242,24)+1)/SUM(INDEX($D$3:$AA$30,INDEX(Jesper!$R$2:$R$366,ROW(INDEX(Jesper!AL$2:AL$366,ROUNDDOWN($C242/24,0)+1,1))-1)+IF('Standard Profiles'!$G$22=$B$10,7,0)+IF('Standard Profiles'!$G$22=$B$17,14,0)+IF('Standard Profiles'!$G$22=$B$24,21,0),0)),0)</f>
        <v>0</v>
      </c>
      <c r="I242">
        <f t="shared" si="41"/>
        <v>13.28138824803443</v>
      </c>
      <c r="J242">
        <f t="shared" si="42"/>
        <v>56.554924184950885</v>
      </c>
      <c r="K242">
        <f t="shared" si="43"/>
        <v>2.3044673483536688</v>
      </c>
      <c r="L242">
        <f t="shared" si="44"/>
        <v>1.1522336741768344</v>
      </c>
      <c r="M242">
        <f t="shared" si="45"/>
        <v>0</v>
      </c>
      <c r="N242" s="45">
        <f t="shared" si="46"/>
        <v>44935.666666666162</v>
      </c>
    </row>
    <row r="243" spans="2:14" x14ac:dyDescent="0.25">
      <c r="B243">
        <f t="shared" si="40"/>
        <v>1</v>
      </c>
      <c r="C243" s="16">
        <v>209</v>
      </c>
      <c r="D243" cm="1">
        <f t="array" ref="D243">IFERROR(INDEX(Jesper!AH$2:AH$366,ROUNDDOWN($C243/24,0)+1,1)*INDEX($D$3:$AA$30,INDEX(Jesper!$R$2:$R$366,ROW(INDEX(Jesper!AH$2:AH$366,ROUNDDOWN($C243/24,0)+1,1))-1)+IF('Standard Profiles'!$G$18=$B$10,7,0)+IF('Standard Profiles'!$G$18=$B$17,14,0)+IF('Standard Profiles'!$G$18=$B$24,21,0),MOD($C243,24)+1)/SUM(INDEX($D$3:$AA$30,INDEX(Jesper!$R$2:$R$366,ROW(INDEX(Jesper!AH$2:AH$366,ROUNDDOWN($C243/24,0)+1,1))-1)+IF('Standard Profiles'!$G$18=$B$10,7,0)+IF('Standard Profiles'!$G$18=$B$17,14,0)+IF('Standard Profiles'!$G$18=$B$24,21,0),0)),0)</f>
        <v>6.172680397375899</v>
      </c>
      <c r="E243" cm="1">
        <f t="array" ref="E243">IFERROR(INDEX(Jesper!AI$2:AI$366,ROUNDDOWN($C243/24,0)+1,1)*INDEX($D$3:$AA$30,INDEX(Jesper!$R$2:$R$366,ROW(INDEX(Jesper!AI$2:AI$366,ROUNDDOWN($C243/24,0)+1,1))-1)+IF('Standard Profiles'!$G$19=$B$10,7,0)+IF('Standard Profiles'!$G$19=$B$17,14,0)+IF('Standard Profiles'!$G$19=$B$24,21,0),MOD($C243,24)+1)/SUM(INDEX($D$3:$AA$30,INDEX(Jesper!$R$2:$R$366,ROW(INDEX(Jesper!AI$2:AI$366,ROUNDDOWN($C243/24,0)+1,1))-1)+IF('Standard Profiles'!$G$19=$B$10,7,0)+IF('Standard Profiles'!$G$19=$B$17,14,0)+IF('Standard Profiles'!$G$19=$B$24,21,0),0)),0)</f>
        <v>6.8625923470366965</v>
      </c>
      <c r="F243" cm="1">
        <f t="array" ref="F243">IFERROR(INDEX(Jesper!AJ$2:AJ$366,ROUNDDOWN($C243/24,0)+1,1)*INDEX($D$3:$AA$30,INDEX(Jesper!$R$2:$R$366,ROW(INDEX(Jesper!AJ$2:AJ$366,ROUNDDOWN($C243/24,0)+1,1))-1)+IF('Standard Profiles'!$G$20=$B$10,7,0)+IF('Standard Profiles'!$G$20=$B$17,14,0)+IF('Standard Profiles'!$G$20=$B$24,21,0),MOD($C243,24)+1)/SUM(INDEX($D$3:$AA$30,INDEX(Jesper!$R$2:$R$366,ROW(INDEX(Jesper!AJ$2:AJ$366,ROUNDDOWN($C243/24,0)+1,1))-1)+IF('Standard Profiles'!$G$20=$B$10,7,0)+IF('Standard Profiles'!$G$20=$B$17,14,0)+IF('Standard Profiles'!$G$20=$B$24,21,0),0)),0)</f>
        <v>0</v>
      </c>
      <c r="G243" cm="1">
        <f t="array" ref="G243">IFERROR(INDEX(Jesper!AK$2:AK$366,ROUNDDOWN($C243/24,0)+1,1)*INDEX($D$3:$AA$30,INDEX(Jesper!$R$2:$R$366,ROW(INDEX(Jesper!AK$2:AK$366,ROUNDDOWN($C243/24,0)+1,1))-1)+IF('Standard Profiles'!$G$21=$B$10,7,0)+IF('Standard Profiles'!$G$21=$B$17,14,0)+IF('Standard Profiles'!$G$21=$B$24,21,0),MOD($C243,24)+1)/SUM(INDEX($D$3:$AA$30,INDEX(Jesper!$R$2:$R$366,ROW(INDEX(Jesper!AK$2:AK$366,ROUNDDOWN($C243/24,0)+1,1))-1)+IF('Standard Profiles'!$G$21=$B$10,7,0)+IF('Standard Profiles'!$G$21=$B$17,14,0)+IF('Standard Profiles'!$G$21=$B$24,21,0),0)),0)</f>
        <v>22.262863442586461</v>
      </c>
      <c r="H243" cm="1">
        <f t="array" ref="H243">IFERROR(INDEX(Jesper!AL$2:AL$366,ROUNDDOWN($C243/24,0)+1,1)*INDEX($D$3:$AA$30,INDEX(Jesper!$R$2:$R$366,ROW(INDEX(Jesper!AL$2:AL$366,ROUNDDOWN($C243/24,0)+1,1))-1)+IF('Standard Profiles'!$G$22=$B$10,7,0)+IF('Standard Profiles'!$G$22=$B$17,14,0)+IF('Standard Profiles'!$G$22=$B$24,21,0),MOD($C243,24)+1)/SUM(INDEX($D$3:$AA$30,INDEX(Jesper!$R$2:$R$366,ROW(INDEX(Jesper!AL$2:AL$366,ROUNDDOWN($C243/24,0)+1,1))-1)+IF('Standard Profiles'!$G$22=$B$10,7,0)+IF('Standard Profiles'!$G$22=$B$17,14,0)+IF('Standard Profiles'!$G$22=$B$24,21,0),0)),0)</f>
        <v>0</v>
      </c>
      <c r="I243">
        <f t="shared" si="41"/>
        <v>10.686174452441495</v>
      </c>
      <c r="J243">
        <f t="shared" si="42"/>
        <v>23.624332870977419</v>
      </c>
      <c r="K243">
        <f t="shared" si="43"/>
        <v>0.65841924238676264</v>
      </c>
      <c r="L243">
        <f t="shared" si="44"/>
        <v>0.32920962119338132</v>
      </c>
      <c r="M243">
        <f t="shared" si="45"/>
        <v>0</v>
      </c>
      <c r="N243" s="45">
        <f t="shared" si="46"/>
        <v>44935.708333332826</v>
      </c>
    </row>
    <row r="244" spans="2:14" x14ac:dyDescent="0.25">
      <c r="B244">
        <f t="shared" si="40"/>
        <v>1</v>
      </c>
      <c r="C244" s="16">
        <v>210</v>
      </c>
      <c r="D244" cm="1">
        <f t="array" ref="D244">IFERROR(INDEX(Jesper!AH$2:AH$366,ROUNDDOWN($C244/24,0)+1,1)*INDEX($D$3:$AA$30,INDEX(Jesper!$R$2:$R$366,ROW(INDEX(Jesper!AH$2:AH$366,ROUNDDOWN($C244/24,0)+1,1))-1)+IF('Standard Profiles'!$G$18=$B$10,7,0)+IF('Standard Profiles'!$G$18=$B$17,14,0)+IF('Standard Profiles'!$G$18=$B$24,21,0),MOD($C244,24)+1)/SUM(INDEX($D$3:$AA$30,INDEX(Jesper!$R$2:$R$366,ROW(INDEX(Jesper!AH$2:AH$366,ROUNDDOWN($C244/24,0)+1,1))-1)+IF('Standard Profiles'!$G$18=$B$10,7,0)+IF('Standard Profiles'!$G$18=$B$17,14,0)+IF('Standard Profiles'!$G$18=$B$24,21,0),0)),0)</f>
        <v>6.0857412368494774</v>
      </c>
      <c r="E244" cm="1">
        <f t="array" ref="E244">IFERROR(INDEX(Jesper!AI$2:AI$366,ROUNDDOWN($C244/24,0)+1,1)*INDEX($D$3:$AA$30,INDEX(Jesper!$R$2:$R$366,ROW(INDEX(Jesper!AI$2:AI$366,ROUNDDOWN($C244/24,0)+1,1))-1)+IF('Standard Profiles'!$G$19=$B$10,7,0)+IF('Standard Profiles'!$G$19=$B$17,14,0)+IF('Standard Profiles'!$G$19=$B$24,21,0),MOD($C244,24)+1)/SUM(INDEX($D$3:$AA$30,INDEX(Jesper!$R$2:$R$366,ROW(INDEX(Jesper!AI$2:AI$366,ROUNDDOWN($C244/24,0)+1,1))-1)+IF('Standard Profiles'!$G$19=$B$10,7,0)+IF('Standard Profiles'!$G$19=$B$17,14,0)+IF('Standard Profiles'!$G$19=$B$24,21,0),0)),0)</f>
        <v>6.7659361167967429</v>
      </c>
      <c r="F244" cm="1">
        <f t="array" ref="F244">IFERROR(INDEX(Jesper!AJ$2:AJ$366,ROUNDDOWN($C244/24,0)+1,1)*INDEX($D$3:$AA$30,INDEX(Jesper!$R$2:$R$366,ROW(INDEX(Jesper!AJ$2:AJ$366,ROUNDDOWN($C244/24,0)+1,1))-1)+IF('Standard Profiles'!$G$20=$B$10,7,0)+IF('Standard Profiles'!$G$20=$B$17,14,0)+IF('Standard Profiles'!$G$20=$B$24,21,0),MOD($C244,24)+1)/SUM(INDEX($D$3:$AA$30,INDEX(Jesper!$R$2:$R$366,ROW(INDEX(Jesper!AJ$2:AJ$366,ROUNDDOWN($C244/24,0)+1,1))-1)+IF('Standard Profiles'!$G$20=$B$10,7,0)+IF('Standard Profiles'!$G$20=$B$17,14,0)+IF('Standard Profiles'!$G$20=$B$24,21,0),0)),0)</f>
        <v>0</v>
      </c>
      <c r="G244" cm="1">
        <f t="array" ref="G244">IFERROR(INDEX(Jesper!AK$2:AK$366,ROUNDDOWN($C244/24,0)+1,1)*INDEX($D$3:$AA$30,INDEX(Jesper!$R$2:$R$366,ROW(INDEX(Jesper!AK$2:AK$366,ROUNDDOWN($C244/24,0)+1,1))-1)+IF('Standard Profiles'!$G$21=$B$10,7,0)+IF('Standard Profiles'!$G$21=$B$17,14,0)+IF('Standard Profiles'!$G$21=$B$24,21,0),MOD($C244,24)+1)/SUM(INDEX($D$3:$AA$30,INDEX(Jesper!$R$2:$R$366,ROW(INDEX(Jesper!AK$2:AK$366,ROUNDDOWN($C244/24,0)+1,1))-1)+IF('Standard Profiles'!$G$21=$B$10,7,0)+IF('Standard Profiles'!$G$21=$B$17,14,0)+IF('Standard Profiles'!$G$21=$B$24,21,0),0)),0)</f>
        <v>7.9510226580665933</v>
      </c>
      <c r="H244" cm="1">
        <f t="array" ref="H244">IFERROR(INDEX(Jesper!AL$2:AL$366,ROUNDDOWN($C244/24,0)+1,1)*INDEX($D$3:$AA$30,INDEX(Jesper!$R$2:$R$366,ROW(INDEX(Jesper!AL$2:AL$366,ROUNDDOWN($C244/24,0)+1,1))-1)+IF('Standard Profiles'!$G$22=$B$10,7,0)+IF('Standard Profiles'!$G$22=$B$17,14,0)+IF('Standard Profiles'!$G$22=$B$24,21,0),MOD($C244,24)+1)/SUM(INDEX($D$3:$AA$30,INDEX(Jesper!$R$2:$R$366,ROW(INDEX(Jesper!AL$2:AL$366,ROUNDDOWN($C244/24,0)+1,1))-1)+IF('Standard Profiles'!$G$22=$B$10,7,0)+IF('Standard Profiles'!$G$22=$B$17,14,0)+IF('Standard Profiles'!$G$22=$B$24,21,0),0)),0)</f>
        <v>0</v>
      </c>
      <c r="I244">
        <f t="shared" si="41"/>
        <v>3.8164908758719629</v>
      </c>
      <c r="J244">
        <f t="shared" si="42"/>
        <v>16.012490537944934</v>
      </c>
      <c r="K244">
        <f t="shared" si="43"/>
        <v>0.64914573193061098</v>
      </c>
      <c r="L244">
        <f t="shared" si="44"/>
        <v>0.32457286596530549</v>
      </c>
      <c r="M244">
        <f t="shared" si="45"/>
        <v>0</v>
      </c>
      <c r="N244" s="45">
        <f t="shared" si="46"/>
        <v>44935.749999999491</v>
      </c>
    </row>
    <row r="245" spans="2:14" x14ac:dyDescent="0.25">
      <c r="B245">
        <f t="shared" si="40"/>
        <v>1</v>
      </c>
      <c r="C245" s="16">
        <v>211</v>
      </c>
      <c r="D245" cm="1">
        <f t="array" ref="D245">IFERROR(INDEX(Jesper!AH$2:AH$366,ROUNDDOWN($C245/24,0)+1,1)*INDEX($D$3:$AA$30,INDEX(Jesper!$R$2:$R$366,ROW(INDEX(Jesper!AH$2:AH$366,ROUNDDOWN($C245/24,0)+1,1))-1)+IF('Standard Profiles'!$G$18=$B$10,7,0)+IF('Standard Profiles'!$G$18=$B$17,14,0)+IF('Standard Profiles'!$G$18=$B$24,21,0),MOD($C245,24)+1)/SUM(INDEX($D$3:$AA$30,INDEX(Jesper!$R$2:$R$366,ROW(INDEX(Jesper!AH$2:AH$366,ROUNDDOWN($C245/24,0)+1,1))-1)+IF('Standard Profiles'!$G$18=$B$10,7,0)+IF('Standard Profiles'!$G$18=$B$17,14,0)+IF('Standard Profiles'!$G$18=$B$24,21,0),0)),0)</f>
        <v>6.0857412368494774</v>
      </c>
      <c r="E245" cm="1">
        <f t="array" ref="E245">IFERROR(INDEX(Jesper!AI$2:AI$366,ROUNDDOWN($C245/24,0)+1,1)*INDEX($D$3:$AA$30,INDEX(Jesper!$R$2:$R$366,ROW(INDEX(Jesper!AI$2:AI$366,ROUNDDOWN($C245/24,0)+1,1))-1)+IF('Standard Profiles'!$G$19=$B$10,7,0)+IF('Standard Profiles'!$G$19=$B$17,14,0)+IF('Standard Profiles'!$G$19=$B$24,21,0),MOD($C245,24)+1)/SUM(INDEX($D$3:$AA$30,INDEX(Jesper!$R$2:$R$366,ROW(INDEX(Jesper!AI$2:AI$366,ROUNDDOWN($C245/24,0)+1,1))-1)+IF('Standard Profiles'!$G$19=$B$10,7,0)+IF('Standard Profiles'!$G$19=$B$17,14,0)+IF('Standard Profiles'!$G$19=$B$24,21,0),0)),0)</f>
        <v>6.7659361167967429</v>
      </c>
      <c r="F245" cm="1">
        <f t="array" ref="F245">IFERROR(INDEX(Jesper!AJ$2:AJ$366,ROUNDDOWN($C245/24,0)+1,1)*INDEX($D$3:$AA$30,INDEX(Jesper!$R$2:$R$366,ROW(INDEX(Jesper!AJ$2:AJ$366,ROUNDDOWN($C245/24,0)+1,1))-1)+IF('Standard Profiles'!$G$20=$B$10,7,0)+IF('Standard Profiles'!$G$20=$B$17,14,0)+IF('Standard Profiles'!$G$20=$B$24,21,0),MOD($C245,24)+1)/SUM(INDEX($D$3:$AA$30,INDEX(Jesper!$R$2:$R$366,ROW(INDEX(Jesper!AJ$2:AJ$366,ROUNDDOWN($C245/24,0)+1,1))-1)+IF('Standard Profiles'!$G$20=$B$10,7,0)+IF('Standard Profiles'!$G$20=$B$17,14,0)+IF('Standard Profiles'!$G$20=$B$24,21,0),0)),0)</f>
        <v>0</v>
      </c>
      <c r="G245" cm="1">
        <f t="array" ref="G245">IFERROR(INDEX(Jesper!AK$2:AK$366,ROUNDDOWN($C245/24,0)+1,1)*INDEX($D$3:$AA$30,INDEX(Jesper!$R$2:$R$366,ROW(INDEX(Jesper!AK$2:AK$366,ROUNDDOWN($C245/24,0)+1,1))-1)+IF('Standard Profiles'!$G$21=$B$10,7,0)+IF('Standard Profiles'!$G$21=$B$17,14,0)+IF('Standard Profiles'!$G$21=$B$24,21,0),MOD($C245,24)+1)/SUM(INDEX($D$3:$AA$30,INDEX(Jesper!$R$2:$R$366,ROW(INDEX(Jesper!AK$2:AK$366,ROUNDDOWN($C245/24,0)+1,1))-1)+IF('Standard Profiles'!$G$21=$B$10,7,0)+IF('Standard Profiles'!$G$21=$B$17,14,0)+IF('Standard Profiles'!$G$21=$B$24,21,0),0)),0)</f>
        <v>7.9510226580665933</v>
      </c>
      <c r="H245" cm="1">
        <f t="array" ref="H245">IFERROR(INDEX(Jesper!AL$2:AL$366,ROUNDDOWN($C245/24,0)+1,1)*INDEX($D$3:$AA$30,INDEX(Jesper!$R$2:$R$366,ROW(INDEX(Jesper!AL$2:AL$366,ROUNDDOWN($C245/24,0)+1,1))-1)+IF('Standard Profiles'!$G$22=$B$10,7,0)+IF('Standard Profiles'!$G$22=$B$17,14,0)+IF('Standard Profiles'!$G$22=$B$24,21,0),MOD($C245,24)+1)/SUM(INDEX($D$3:$AA$30,INDEX(Jesper!$R$2:$R$366,ROW(INDEX(Jesper!AL$2:AL$366,ROUNDDOWN($C245/24,0)+1,1))-1)+IF('Standard Profiles'!$G$22=$B$10,7,0)+IF('Standard Profiles'!$G$22=$B$17,14,0)+IF('Standard Profiles'!$G$22=$B$24,21,0),0)),0)</f>
        <v>0</v>
      </c>
      <c r="I245">
        <f t="shared" si="41"/>
        <v>3.8164908758719629</v>
      </c>
      <c r="J245">
        <f t="shared" si="42"/>
        <v>16.012490537944934</v>
      </c>
      <c r="K245">
        <f t="shared" si="43"/>
        <v>0.64914573193061098</v>
      </c>
      <c r="L245">
        <f t="shared" si="44"/>
        <v>0.32457286596530549</v>
      </c>
      <c r="M245">
        <f t="shared" si="45"/>
        <v>0</v>
      </c>
      <c r="N245" s="45">
        <f t="shared" si="46"/>
        <v>44935.791666666155</v>
      </c>
    </row>
    <row r="246" spans="2:14" x14ac:dyDescent="0.25">
      <c r="B246">
        <f t="shared" si="40"/>
        <v>1</v>
      </c>
      <c r="C246" s="16">
        <v>212</v>
      </c>
      <c r="D246" cm="1">
        <f t="array" ref="D246">IFERROR(INDEX(Jesper!AH$2:AH$366,ROUNDDOWN($C246/24,0)+1,1)*INDEX($D$3:$AA$30,INDEX(Jesper!$R$2:$R$366,ROW(INDEX(Jesper!AH$2:AH$366,ROUNDDOWN($C246/24,0)+1,1))-1)+IF('Standard Profiles'!$G$18=$B$10,7,0)+IF('Standard Profiles'!$G$18=$B$17,14,0)+IF('Standard Profiles'!$G$18=$B$24,21,0),MOD($C246,24)+1)/SUM(INDEX($D$3:$AA$30,INDEX(Jesper!$R$2:$R$366,ROW(INDEX(Jesper!AH$2:AH$366,ROUNDDOWN($C246/24,0)+1,1))-1)+IF('Standard Profiles'!$G$18=$B$10,7,0)+IF('Standard Profiles'!$G$18=$B$17,14,0)+IF('Standard Profiles'!$G$18=$B$24,21,0),0)),0)</f>
        <v>6.0857412368494774</v>
      </c>
      <c r="E246" cm="1">
        <f t="array" ref="E246">IFERROR(INDEX(Jesper!AI$2:AI$366,ROUNDDOWN($C246/24,0)+1,1)*INDEX($D$3:$AA$30,INDEX(Jesper!$R$2:$R$366,ROW(INDEX(Jesper!AI$2:AI$366,ROUNDDOWN($C246/24,0)+1,1))-1)+IF('Standard Profiles'!$G$19=$B$10,7,0)+IF('Standard Profiles'!$G$19=$B$17,14,0)+IF('Standard Profiles'!$G$19=$B$24,21,0),MOD($C246,24)+1)/SUM(INDEX($D$3:$AA$30,INDEX(Jesper!$R$2:$R$366,ROW(INDEX(Jesper!AI$2:AI$366,ROUNDDOWN($C246/24,0)+1,1))-1)+IF('Standard Profiles'!$G$19=$B$10,7,0)+IF('Standard Profiles'!$G$19=$B$17,14,0)+IF('Standard Profiles'!$G$19=$B$24,21,0),0)),0)</f>
        <v>6.7659361167967429</v>
      </c>
      <c r="F246" cm="1">
        <f t="array" ref="F246">IFERROR(INDEX(Jesper!AJ$2:AJ$366,ROUNDDOWN($C246/24,0)+1,1)*INDEX($D$3:$AA$30,INDEX(Jesper!$R$2:$R$366,ROW(INDEX(Jesper!AJ$2:AJ$366,ROUNDDOWN($C246/24,0)+1,1))-1)+IF('Standard Profiles'!$G$20=$B$10,7,0)+IF('Standard Profiles'!$G$20=$B$17,14,0)+IF('Standard Profiles'!$G$20=$B$24,21,0),MOD($C246,24)+1)/SUM(INDEX($D$3:$AA$30,INDEX(Jesper!$R$2:$R$366,ROW(INDEX(Jesper!AJ$2:AJ$366,ROUNDDOWN($C246/24,0)+1,1))-1)+IF('Standard Profiles'!$G$20=$B$10,7,0)+IF('Standard Profiles'!$G$20=$B$17,14,0)+IF('Standard Profiles'!$G$20=$B$24,21,0),0)),0)</f>
        <v>0</v>
      </c>
      <c r="G246" cm="1">
        <f t="array" ref="G246">IFERROR(INDEX(Jesper!AK$2:AK$366,ROUNDDOWN($C246/24,0)+1,1)*INDEX($D$3:$AA$30,INDEX(Jesper!$R$2:$R$366,ROW(INDEX(Jesper!AK$2:AK$366,ROUNDDOWN($C246/24,0)+1,1))-1)+IF('Standard Profiles'!$G$21=$B$10,7,0)+IF('Standard Profiles'!$G$21=$B$17,14,0)+IF('Standard Profiles'!$G$21=$B$24,21,0),MOD($C246,24)+1)/SUM(INDEX($D$3:$AA$30,INDEX(Jesper!$R$2:$R$366,ROW(INDEX(Jesper!AK$2:AK$366,ROUNDDOWN($C246/24,0)+1,1))-1)+IF('Standard Profiles'!$G$21=$B$10,7,0)+IF('Standard Profiles'!$G$21=$B$17,14,0)+IF('Standard Profiles'!$G$21=$B$24,21,0),0)),0)</f>
        <v>7.9510226580665933</v>
      </c>
      <c r="H246" cm="1">
        <f t="array" ref="H246">IFERROR(INDEX(Jesper!AL$2:AL$366,ROUNDDOWN($C246/24,0)+1,1)*INDEX($D$3:$AA$30,INDEX(Jesper!$R$2:$R$366,ROW(INDEX(Jesper!AL$2:AL$366,ROUNDDOWN($C246/24,0)+1,1))-1)+IF('Standard Profiles'!$G$22=$B$10,7,0)+IF('Standard Profiles'!$G$22=$B$17,14,0)+IF('Standard Profiles'!$G$22=$B$24,21,0),MOD($C246,24)+1)/SUM(INDEX($D$3:$AA$30,INDEX(Jesper!$R$2:$R$366,ROW(INDEX(Jesper!AL$2:AL$366,ROUNDDOWN($C246/24,0)+1,1))-1)+IF('Standard Profiles'!$G$22=$B$10,7,0)+IF('Standard Profiles'!$G$22=$B$17,14,0)+IF('Standard Profiles'!$G$22=$B$24,21,0),0)),0)</f>
        <v>0</v>
      </c>
      <c r="I246">
        <f t="shared" si="41"/>
        <v>3.8164908758719629</v>
      </c>
      <c r="J246">
        <f t="shared" si="42"/>
        <v>16.012490537944934</v>
      </c>
      <c r="K246">
        <f t="shared" si="43"/>
        <v>0.64914573193061098</v>
      </c>
      <c r="L246">
        <f t="shared" si="44"/>
        <v>0.32457286596530549</v>
      </c>
      <c r="M246">
        <f t="shared" si="45"/>
        <v>0</v>
      </c>
      <c r="N246" s="45">
        <f t="shared" si="46"/>
        <v>44935.833333332819</v>
      </c>
    </row>
    <row r="247" spans="2:14" x14ac:dyDescent="0.25">
      <c r="B247">
        <f t="shared" si="40"/>
        <v>1</v>
      </c>
      <c r="C247" s="16">
        <v>213</v>
      </c>
      <c r="D247" cm="1">
        <f t="array" ref="D247">IFERROR(INDEX(Jesper!AH$2:AH$366,ROUNDDOWN($C247/24,0)+1,1)*INDEX($D$3:$AA$30,INDEX(Jesper!$R$2:$R$366,ROW(INDEX(Jesper!AH$2:AH$366,ROUNDDOWN($C247/24,0)+1,1))-1)+IF('Standard Profiles'!$G$18=$B$10,7,0)+IF('Standard Profiles'!$G$18=$B$17,14,0)+IF('Standard Profiles'!$G$18=$B$24,21,0),MOD($C247,24)+1)/SUM(INDEX($D$3:$AA$30,INDEX(Jesper!$R$2:$R$366,ROW(INDEX(Jesper!AH$2:AH$366,ROUNDDOWN($C247/24,0)+1,1))-1)+IF('Standard Profiles'!$G$18=$B$10,7,0)+IF('Standard Profiles'!$G$18=$B$17,14,0)+IF('Standard Profiles'!$G$18=$B$24,21,0),0)),0)</f>
        <v>6.0857412368494774</v>
      </c>
      <c r="E247" cm="1">
        <f t="array" ref="E247">IFERROR(INDEX(Jesper!AI$2:AI$366,ROUNDDOWN($C247/24,0)+1,1)*INDEX($D$3:$AA$30,INDEX(Jesper!$R$2:$R$366,ROW(INDEX(Jesper!AI$2:AI$366,ROUNDDOWN($C247/24,0)+1,1))-1)+IF('Standard Profiles'!$G$19=$B$10,7,0)+IF('Standard Profiles'!$G$19=$B$17,14,0)+IF('Standard Profiles'!$G$19=$B$24,21,0),MOD($C247,24)+1)/SUM(INDEX($D$3:$AA$30,INDEX(Jesper!$R$2:$R$366,ROW(INDEX(Jesper!AI$2:AI$366,ROUNDDOWN($C247/24,0)+1,1))-1)+IF('Standard Profiles'!$G$19=$B$10,7,0)+IF('Standard Profiles'!$G$19=$B$17,14,0)+IF('Standard Profiles'!$G$19=$B$24,21,0),0)),0)</f>
        <v>6.7659361167967429</v>
      </c>
      <c r="F247" cm="1">
        <f t="array" ref="F247">IFERROR(INDEX(Jesper!AJ$2:AJ$366,ROUNDDOWN($C247/24,0)+1,1)*INDEX($D$3:$AA$30,INDEX(Jesper!$R$2:$R$366,ROW(INDEX(Jesper!AJ$2:AJ$366,ROUNDDOWN($C247/24,0)+1,1))-1)+IF('Standard Profiles'!$G$20=$B$10,7,0)+IF('Standard Profiles'!$G$20=$B$17,14,0)+IF('Standard Profiles'!$G$20=$B$24,21,0),MOD($C247,24)+1)/SUM(INDEX($D$3:$AA$30,INDEX(Jesper!$R$2:$R$366,ROW(INDEX(Jesper!AJ$2:AJ$366,ROUNDDOWN($C247/24,0)+1,1))-1)+IF('Standard Profiles'!$G$20=$B$10,7,0)+IF('Standard Profiles'!$G$20=$B$17,14,0)+IF('Standard Profiles'!$G$20=$B$24,21,0),0)),0)</f>
        <v>0</v>
      </c>
      <c r="G247" cm="1">
        <f t="array" ref="G247">IFERROR(INDEX(Jesper!AK$2:AK$366,ROUNDDOWN($C247/24,0)+1,1)*INDEX($D$3:$AA$30,INDEX(Jesper!$R$2:$R$366,ROW(INDEX(Jesper!AK$2:AK$366,ROUNDDOWN($C247/24,0)+1,1))-1)+IF('Standard Profiles'!$G$21=$B$10,7,0)+IF('Standard Profiles'!$G$21=$B$17,14,0)+IF('Standard Profiles'!$G$21=$B$24,21,0),MOD($C247,24)+1)/SUM(INDEX($D$3:$AA$30,INDEX(Jesper!$R$2:$R$366,ROW(INDEX(Jesper!AK$2:AK$366,ROUNDDOWN($C247/24,0)+1,1))-1)+IF('Standard Profiles'!$G$21=$B$10,7,0)+IF('Standard Profiles'!$G$21=$B$17,14,0)+IF('Standard Profiles'!$G$21=$B$24,21,0),0)),0)</f>
        <v>7.9510226580665933</v>
      </c>
      <c r="H247" cm="1">
        <f t="array" ref="H247">IFERROR(INDEX(Jesper!AL$2:AL$366,ROUNDDOWN($C247/24,0)+1,1)*INDEX($D$3:$AA$30,INDEX(Jesper!$R$2:$R$366,ROW(INDEX(Jesper!AL$2:AL$366,ROUNDDOWN($C247/24,0)+1,1))-1)+IF('Standard Profiles'!$G$22=$B$10,7,0)+IF('Standard Profiles'!$G$22=$B$17,14,0)+IF('Standard Profiles'!$G$22=$B$24,21,0),MOD($C247,24)+1)/SUM(INDEX($D$3:$AA$30,INDEX(Jesper!$R$2:$R$366,ROW(INDEX(Jesper!AL$2:AL$366,ROUNDDOWN($C247/24,0)+1,1))-1)+IF('Standard Profiles'!$G$22=$B$10,7,0)+IF('Standard Profiles'!$G$22=$B$17,14,0)+IF('Standard Profiles'!$G$22=$B$24,21,0),0)),0)</f>
        <v>0</v>
      </c>
      <c r="I247">
        <f t="shared" si="41"/>
        <v>3.8164908758719629</v>
      </c>
      <c r="J247">
        <f t="shared" si="42"/>
        <v>16.012490537944934</v>
      </c>
      <c r="K247">
        <f t="shared" si="43"/>
        <v>0.64914573193061098</v>
      </c>
      <c r="L247">
        <f t="shared" si="44"/>
        <v>0.32457286596530549</v>
      </c>
      <c r="M247">
        <f t="shared" si="45"/>
        <v>0</v>
      </c>
      <c r="N247" s="45">
        <f t="shared" si="46"/>
        <v>44935.874999999483</v>
      </c>
    </row>
    <row r="248" spans="2:14" x14ac:dyDescent="0.25">
      <c r="B248">
        <f t="shared" si="40"/>
        <v>1</v>
      </c>
      <c r="C248" s="16">
        <v>214</v>
      </c>
      <c r="D248" cm="1">
        <f t="array" ref="D248">IFERROR(INDEX(Jesper!AH$2:AH$366,ROUNDDOWN($C248/24,0)+1,1)*INDEX($D$3:$AA$30,INDEX(Jesper!$R$2:$R$366,ROW(INDEX(Jesper!AH$2:AH$366,ROUNDDOWN($C248/24,0)+1,1))-1)+IF('Standard Profiles'!$G$18=$B$10,7,0)+IF('Standard Profiles'!$G$18=$B$17,14,0)+IF('Standard Profiles'!$G$18=$B$24,21,0),MOD($C248,24)+1)/SUM(INDEX($D$3:$AA$30,INDEX(Jesper!$R$2:$R$366,ROW(INDEX(Jesper!AH$2:AH$366,ROUNDDOWN($C248/24,0)+1,1))-1)+IF('Standard Profiles'!$G$18=$B$10,7,0)+IF('Standard Profiles'!$G$18=$B$17,14,0)+IF('Standard Profiles'!$G$18=$B$24,21,0),0)),0)</f>
        <v>6.0857412368494774</v>
      </c>
      <c r="E248" cm="1">
        <f t="array" ref="E248">IFERROR(INDEX(Jesper!AI$2:AI$366,ROUNDDOWN($C248/24,0)+1,1)*INDEX($D$3:$AA$30,INDEX(Jesper!$R$2:$R$366,ROW(INDEX(Jesper!AI$2:AI$366,ROUNDDOWN($C248/24,0)+1,1))-1)+IF('Standard Profiles'!$G$19=$B$10,7,0)+IF('Standard Profiles'!$G$19=$B$17,14,0)+IF('Standard Profiles'!$G$19=$B$24,21,0),MOD($C248,24)+1)/SUM(INDEX($D$3:$AA$30,INDEX(Jesper!$R$2:$R$366,ROW(INDEX(Jesper!AI$2:AI$366,ROUNDDOWN($C248/24,0)+1,1))-1)+IF('Standard Profiles'!$G$19=$B$10,7,0)+IF('Standard Profiles'!$G$19=$B$17,14,0)+IF('Standard Profiles'!$G$19=$B$24,21,0),0)),0)</f>
        <v>6.7659361167967429</v>
      </c>
      <c r="F248" cm="1">
        <f t="array" ref="F248">IFERROR(INDEX(Jesper!AJ$2:AJ$366,ROUNDDOWN($C248/24,0)+1,1)*INDEX($D$3:$AA$30,INDEX(Jesper!$R$2:$R$366,ROW(INDEX(Jesper!AJ$2:AJ$366,ROUNDDOWN($C248/24,0)+1,1))-1)+IF('Standard Profiles'!$G$20=$B$10,7,0)+IF('Standard Profiles'!$G$20=$B$17,14,0)+IF('Standard Profiles'!$G$20=$B$24,21,0),MOD($C248,24)+1)/SUM(INDEX($D$3:$AA$30,INDEX(Jesper!$R$2:$R$366,ROW(INDEX(Jesper!AJ$2:AJ$366,ROUNDDOWN($C248/24,0)+1,1))-1)+IF('Standard Profiles'!$G$20=$B$10,7,0)+IF('Standard Profiles'!$G$20=$B$17,14,0)+IF('Standard Profiles'!$G$20=$B$24,21,0),0)),0)</f>
        <v>0</v>
      </c>
      <c r="G248" cm="1">
        <f t="array" ref="G248">IFERROR(INDEX(Jesper!AK$2:AK$366,ROUNDDOWN($C248/24,0)+1,1)*INDEX($D$3:$AA$30,INDEX(Jesper!$R$2:$R$366,ROW(INDEX(Jesper!AK$2:AK$366,ROUNDDOWN($C248/24,0)+1,1))-1)+IF('Standard Profiles'!$G$21=$B$10,7,0)+IF('Standard Profiles'!$G$21=$B$17,14,0)+IF('Standard Profiles'!$G$21=$B$24,21,0),MOD($C248,24)+1)/SUM(INDEX($D$3:$AA$30,INDEX(Jesper!$R$2:$R$366,ROW(INDEX(Jesper!AK$2:AK$366,ROUNDDOWN($C248/24,0)+1,1))-1)+IF('Standard Profiles'!$G$21=$B$10,7,0)+IF('Standard Profiles'!$G$21=$B$17,14,0)+IF('Standard Profiles'!$G$21=$B$24,21,0),0)),0)</f>
        <v>7.9510226580665933</v>
      </c>
      <c r="H248" cm="1">
        <f t="array" ref="H248">IFERROR(INDEX(Jesper!AL$2:AL$366,ROUNDDOWN($C248/24,0)+1,1)*INDEX($D$3:$AA$30,INDEX(Jesper!$R$2:$R$366,ROW(INDEX(Jesper!AL$2:AL$366,ROUNDDOWN($C248/24,0)+1,1))-1)+IF('Standard Profiles'!$G$22=$B$10,7,0)+IF('Standard Profiles'!$G$22=$B$17,14,0)+IF('Standard Profiles'!$G$22=$B$24,21,0),MOD($C248,24)+1)/SUM(INDEX($D$3:$AA$30,INDEX(Jesper!$R$2:$R$366,ROW(INDEX(Jesper!AL$2:AL$366,ROUNDDOWN($C248/24,0)+1,1))-1)+IF('Standard Profiles'!$G$22=$B$10,7,0)+IF('Standard Profiles'!$G$22=$B$17,14,0)+IF('Standard Profiles'!$G$22=$B$24,21,0),0)),0)</f>
        <v>0</v>
      </c>
      <c r="I248">
        <f t="shared" si="41"/>
        <v>3.8164908758719629</v>
      </c>
      <c r="J248">
        <f t="shared" si="42"/>
        <v>16.012490537944934</v>
      </c>
      <c r="K248">
        <f t="shared" si="43"/>
        <v>0.64914573193061098</v>
      </c>
      <c r="L248">
        <f t="shared" si="44"/>
        <v>0.32457286596530549</v>
      </c>
      <c r="M248">
        <f t="shared" si="45"/>
        <v>0</v>
      </c>
      <c r="N248" s="45">
        <f t="shared" si="46"/>
        <v>44935.916666666148</v>
      </c>
    </row>
    <row r="249" spans="2:14" x14ac:dyDescent="0.25">
      <c r="B249">
        <f t="shared" si="40"/>
        <v>1</v>
      </c>
      <c r="C249" s="16">
        <v>215</v>
      </c>
      <c r="D249" cm="1">
        <f t="array" ref="D249">IFERROR(INDEX(Jesper!AH$2:AH$366,ROUNDDOWN($C249/24,0)+1,1)*INDEX($D$3:$AA$30,INDEX(Jesper!$R$2:$R$366,ROW(INDEX(Jesper!AH$2:AH$366,ROUNDDOWN($C249/24,0)+1,1))-1)+IF('Standard Profiles'!$G$18=$B$10,7,0)+IF('Standard Profiles'!$G$18=$B$17,14,0)+IF('Standard Profiles'!$G$18=$B$24,21,0),MOD($C249,24)+1)/SUM(INDEX($D$3:$AA$30,INDEX(Jesper!$R$2:$R$366,ROW(INDEX(Jesper!AH$2:AH$366,ROUNDDOWN($C249/24,0)+1,1))-1)+IF('Standard Profiles'!$G$18=$B$10,7,0)+IF('Standard Profiles'!$G$18=$B$17,14,0)+IF('Standard Profiles'!$G$18=$B$24,21,0),0)),0)</f>
        <v>6.0857412368494774</v>
      </c>
      <c r="E249" cm="1">
        <f t="array" ref="E249">IFERROR(INDEX(Jesper!AI$2:AI$366,ROUNDDOWN($C249/24,0)+1,1)*INDEX($D$3:$AA$30,INDEX(Jesper!$R$2:$R$366,ROW(INDEX(Jesper!AI$2:AI$366,ROUNDDOWN($C249/24,0)+1,1))-1)+IF('Standard Profiles'!$G$19=$B$10,7,0)+IF('Standard Profiles'!$G$19=$B$17,14,0)+IF('Standard Profiles'!$G$19=$B$24,21,0),MOD($C249,24)+1)/SUM(INDEX($D$3:$AA$30,INDEX(Jesper!$R$2:$R$366,ROW(INDEX(Jesper!AI$2:AI$366,ROUNDDOWN($C249/24,0)+1,1))-1)+IF('Standard Profiles'!$G$19=$B$10,7,0)+IF('Standard Profiles'!$G$19=$B$17,14,0)+IF('Standard Profiles'!$G$19=$B$24,21,0),0)),0)</f>
        <v>6.7659361167967429</v>
      </c>
      <c r="F249" cm="1">
        <f t="array" ref="F249">IFERROR(INDEX(Jesper!AJ$2:AJ$366,ROUNDDOWN($C249/24,0)+1,1)*INDEX($D$3:$AA$30,INDEX(Jesper!$R$2:$R$366,ROW(INDEX(Jesper!AJ$2:AJ$366,ROUNDDOWN($C249/24,0)+1,1))-1)+IF('Standard Profiles'!$G$20=$B$10,7,0)+IF('Standard Profiles'!$G$20=$B$17,14,0)+IF('Standard Profiles'!$G$20=$B$24,21,0),MOD($C249,24)+1)/SUM(INDEX($D$3:$AA$30,INDEX(Jesper!$R$2:$R$366,ROW(INDEX(Jesper!AJ$2:AJ$366,ROUNDDOWN($C249/24,0)+1,1))-1)+IF('Standard Profiles'!$G$20=$B$10,7,0)+IF('Standard Profiles'!$G$20=$B$17,14,0)+IF('Standard Profiles'!$G$20=$B$24,21,0),0)),0)</f>
        <v>0</v>
      </c>
      <c r="G249" cm="1">
        <f t="array" ref="G249">IFERROR(INDEX(Jesper!AK$2:AK$366,ROUNDDOWN($C249/24,0)+1,1)*INDEX($D$3:$AA$30,INDEX(Jesper!$R$2:$R$366,ROW(INDEX(Jesper!AK$2:AK$366,ROUNDDOWN($C249/24,0)+1,1))-1)+IF('Standard Profiles'!$G$21=$B$10,7,0)+IF('Standard Profiles'!$G$21=$B$17,14,0)+IF('Standard Profiles'!$G$21=$B$24,21,0),MOD($C249,24)+1)/SUM(INDEX($D$3:$AA$30,INDEX(Jesper!$R$2:$R$366,ROW(INDEX(Jesper!AK$2:AK$366,ROUNDDOWN($C249/24,0)+1,1))-1)+IF('Standard Profiles'!$G$21=$B$10,7,0)+IF('Standard Profiles'!$G$21=$B$17,14,0)+IF('Standard Profiles'!$G$21=$B$24,21,0),0)),0)</f>
        <v>7.9510226580665933</v>
      </c>
      <c r="H249" cm="1">
        <f t="array" ref="H249">IFERROR(INDEX(Jesper!AL$2:AL$366,ROUNDDOWN($C249/24,0)+1,1)*INDEX($D$3:$AA$30,INDEX(Jesper!$R$2:$R$366,ROW(INDEX(Jesper!AL$2:AL$366,ROUNDDOWN($C249/24,0)+1,1))-1)+IF('Standard Profiles'!$G$22=$B$10,7,0)+IF('Standard Profiles'!$G$22=$B$17,14,0)+IF('Standard Profiles'!$G$22=$B$24,21,0),MOD($C249,24)+1)/SUM(INDEX($D$3:$AA$30,INDEX(Jesper!$R$2:$R$366,ROW(INDEX(Jesper!AL$2:AL$366,ROUNDDOWN($C249/24,0)+1,1))-1)+IF('Standard Profiles'!$G$22=$B$10,7,0)+IF('Standard Profiles'!$G$22=$B$17,14,0)+IF('Standard Profiles'!$G$22=$B$24,21,0),0)),0)</f>
        <v>0</v>
      </c>
      <c r="I249">
        <f t="shared" si="41"/>
        <v>3.8164908758719629</v>
      </c>
      <c r="J249">
        <f t="shared" si="42"/>
        <v>16.012490537944934</v>
      </c>
      <c r="K249">
        <f t="shared" si="43"/>
        <v>0.64914573193061098</v>
      </c>
      <c r="L249">
        <f t="shared" si="44"/>
        <v>0.32457286596530549</v>
      </c>
      <c r="M249">
        <f t="shared" si="45"/>
        <v>0</v>
      </c>
      <c r="N249" s="45">
        <f t="shared" si="46"/>
        <v>44935.958333332812</v>
      </c>
    </row>
    <row r="250" spans="2:14" x14ac:dyDescent="0.25">
      <c r="B250">
        <f t="shared" si="40"/>
        <v>2</v>
      </c>
      <c r="C250" s="16">
        <v>216</v>
      </c>
      <c r="D250" cm="1">
        <f t="array" ref="D250">IFERROR(INDEX(Jesper!AH$2:AH$366,ROUNDDOWN($C250/24,0)+1,1)*INDEX($D$3:$AA$30,INDEX(Jesper!$R$2:$R$366,ROW(INDEX(Jesper!AH$2:AH$366,ROUNDDOWN($C250/24,0)+1,1))-1)+IF('Standard Profiles'!$G$18=$B$10,7,0)+IF('Standard Profiles'!$G$18=$B$17,14,0)+IF('Standard Profiles'!$G$18=$B$24,21,0),MOD($C250,24)+1)/SUM(INDEX($D$3:$AA$30,INDEX(Jesper!$R$2:$R$366,ROW(INDEX(Jesper!AH$2:AH$366,ROUNDDOWN($C250/24,0)+1,1))-1)+IF('Standard Profiles'!$G$18=$B$10,7,0)+IF('Standard Profiles'!$G$18=$B$17,14,0)+IF('Standard Profiles'!$G$18=$B$24,21,0),0)),0)</f>
        <v>3.8196755592977785</v>
      </c>
      <c r="E250" cm="1">
        <f t="array" ref="E250">IFERROR(INDEX(Jesper!AI$2:AI$366,ROUNDDOWN($C250/24,0)+1,1)*INDEX($D$3:$AA$30,INDEX(Jesper!$R$2:$R$366,ROW(INDEX(Jesper!AI$2:AI$366,ROUNDDOWN($C250/24,0)+1,1))-1)+IF('Standard Profiles'!$G$19=$B$10,7,0)+IF('Standard Profiles'!$G$19=$B$17,14,0)+IF('Standard Profiles'!$G$19=$B$24,21,0),MOD($C250,24)+1)/SUM(INDEX($D$3:$AA$30,INDEX(Jesper!$R$2:$R$366,ROW(INDEX(Jesper!AI$2:AI$366,ROUNDDOWN($C250/24,0)+1,1))-1)+IF('Standard Profiles'!$G$19=$B$10,7,0)+IF('Standard Profiles'!$G$19=$B$17,14,0)+IF('Standard Profiles'!$G$19=$B$24,21,0),0)),0)</f>
        <v>3.8408334763286596</v>
      </c>
      <c r="F250" cm="1">
        <f t="array" ref="F250">IFERROR(INDEX(Jesper!AJ$2:AJ$366,ROUNDDOWN($C250/24,0)+1,1)*INDEX($D$3:$AA$30,INDEX(Jesper!$R$2:$R$366,ROW(INDEX(Jesper!AJ$2:AJ$366,ROUNDDOWN($C250/24,0)+1,1))-1)+IF('Standard Profiles'!$G$20=$B$10,7,0)+IF('Standard Profiles'!$G$20=$B$17,14,0)+IF('Standard Profiles'!$G$20=$B$24,21,0),MOD($C250,24)+1)/SUM(INDEX($D$3:$AA$30,INDEX(Jesper!$R$2:$R$366,ROW(INDEX(Jesper!AJ$2:AJ$366,ROUNDDOWN($C250/24,0)+1,1))-1)+IF('Standard Profiles'!$G$20=$B$10,7,0)+IF('Standard Profiles'!$G$20=$B$17,14,0)+IF('Standard Profiles'!$G$20=$B$24,21,0),0)),0)</f>
        <v>0</v>
      </c>
      <c r="G250" cm="1">
        <f t="array" ref="G250">IFERROR(INDEX(Jesper!AK$2:AK$366,ROUNDDOWN($C250/24,0)+1,1)*INDEX($D$3:$AA$30,INDEX(Jesper!$R$2:$R$366,ROW(INDEX(Jesper!AK$2:AK$366,ROUNDDOWN($C250/24,0)+1,1))-1)+IF('Standard Profiles'!$G$21=$B$10,7,0)+IF('Standard Profiles'!$G$21=$B$17,14,0)+IF('Standard Profiles'!$G$21=$B$24,21,0),MOD($C250,24)+1)/SUM(INDEX($D$3:$AA$30,INDEX(Jesper!$R$2:$R$366,ROW(INDEX(Jesper!AK$2:AK$366,ROUNDDOWN($C250/24,0)+1,1))-1)+IF('Standard Profiles'!$G$21=$B$10,7,0)+IF('Standard Profiles'!$G$21=$B$17,14,0)+IF('Standard Profiles'!$G$21=$B$24,21,0),0)),0)</f>
        <v>5.6319845906721984</v>
      </c>
      <c r="H250" cm="1">
        <f t="array" ref="H250">IFERROR(INDEX(Jesper!AL$2:AL$366,ROUNDDOWN($C250/24,0)+1,1)*INDEX($D$3:$AA$30,INDEX(Jesper!$R$2:$R$366,ROW(INDEX(Jesper!AL$2:AL$366,ROUNDDOWN($C250/24,0)+1,1))-1)+IF('Standard Profiles'!$G$22=$B$10,7,0)+IF('Standard Profiles'!$G$22=$B$17,14,0)+IF('Standard Profiles'!$G$22=$B$24,21,0),MOD($C250,24)+1)/SUM(INDEX($D$3:$AA$30,INDEX(Jesper!$R$2:$R$366,ROW(INDEX(Jesper!AL$2:AL$366,ROUNDDOWN($C250/24,0)+1,1))-1)+IF('Standard Profiles'!$G$22=$B$10,7,0)+IF('Standard Profiles'!$G$22=$B$17,14,0)+IF('Standard Profiles'!$G$22=$B$24,21,0),0)),0)</f>
        <v>0</v>
      </c>
      <c r="I250">
        <f t="shared" si="41"/>
        <v>2.7033526035226538</v>
      </c>
      <c r="J250">
        <f t="shared" si="42"/>
        <v>9.9779929332883377</v>
      </c>
      <c r="K250">
        <f t="shared" si="43"/>
        <v>0.40743205965842971</v>
      </c>
      <c r="L250">
        <f t="shared" si="44"/>
        <v>0.20371602982921486</v>
      </c>
      <c r="M250">
        <f t="shared" si="45"/>
        <v>0</v>
      </c>
      <c r="N250" s="45">
        <f t="shared" si="46"/>
        <v>44935.999999999476</v>
      </c>
    </row>
    <row r="251" spans="2:14" x14ac:dyDescent="0.25">
      <c r="B251">
        <f t="shared" si="40"/>
        <v>2</v>
      </c>
      <c r="C251" s="16">
        <v>217</v>
      </c>
      <c r="D251" cm="1">
        <f t="array" ref="D251">IFERROR(INDEX(Jesper!AH$2:AH$366,ROUNDDOWN($C251/24,0)+1,1)*INDEX($D$3:$AA$30,INDEX(Jesper!$R$2:$R$366,ROW(INDEX(Jesper!AH$2:AH$366,ROUNDDOWN($C251/24,0)+1,1))-1)+IF('Standard Profiles'!$G$18=$B$10,7,0)+IF('Standard Profiles'!$G$18=$B$17,14,0)+IF('Standard Profiles'!$G$18=$B$24,21,0),MOD($C251,24)+1)/SUM(INDEX($D$3:$AA$30,INDEX(Jesper!$R$2:$R$366,ROW(INDEX(Jesper!AH$2:AH$366,ROUNDDOWN($C251/24,0)+1,1))-1)+IF('Standard Profiles'!$G$18=$B$10,7,0)+IF('Standard Profiles'!$G$18=$B$17,14,0)+IF('Standard Profiles'!$G$18=$B$24,21,0),0)),0)</f>
        <v>5.8204579951204245</v>
      </c>
      <c r="E251" cm="1">
        <f t="array" ref="E251">IFERROR(INDEX(Jesper!AI$2:AI$366,ROUNDDOWN($C251/24,0)+1,1)*INDEX($D$3:$AA$30,INDEX(Jesper!$R$2:$R$366,ROW(INDEX(Jesper!AI$2:AI$366,ROUNDDOWN($C251/24,0)+1,1))-1)+IF('Standard Profiles'!$G$19=$B$10,7,0)+IF('Standard Profiles'!$G$19=$B$17,14,0)+IF('Standard Profiles'!$G$19=$B$24,21,0),MOD($C251,24)+1)/SUM(INDEX($D$3:$AA$30,INDEX(Jesper!$R$2:$R$366,ROW(INDEX(Jesper!AI$2:AI$366,ROUNDDOWN($C251/24,0)+1,1))-1)+IF('Standard Profiles'!$G$19=$B$10,7,0)+IF('Standard Profiles'!$G$19=$B$17,14,0)+IF('Standard Profiles'!$G$19=$B$24,21,0),0)),0)</f>
        <v>5.8526986305960529</v>
      </c>
      <c r="F251" cm="1">
        <f t="array" ref="F251">IFERROR(INDEX(Jesper!AJ$2:AJ$366,ROUNDDOWN($C251/24,0)+1,1)*INDEX($D$3:$AA$30,INDEX(Jesper!$R$2:$R$366,ROW(INDEX(Jesper!AJ$2:AJ$366,ROUNDDOWN($C251/24,0)+1,1))-1)+IF('Standard Profiles'!$G$20=$B$10,7,0)+IF('Standard Profiles'!$G$20=$B$17,14,0)+IF('Standard Profiles'!$G$20=$B$24,21,0),MOD($C251,24)+1)/SUM(INDEX($D$3:$AA$30,INDEX(Jesper!$R$2:$R$366,ROW(INDEX(Jesper!AJ$2:AJ$366,ROUNDDOWN($C251/24,0)+1,1))-1)+IF('Standard Profiles'!$G$20=$B$10,7,0)+IF('Standard Profiles'!$G$20=$B$17,14,0)+IF('Standard Profiles'!$G$20=$B$24,21,0),0)),0)</f>
        <v>0</v>
      </c>
      <c r="G251" cm="1">
        <f t="array" ref="G251">IFERROR(INDEX(Jesper!AK$2:AK$366,ROUNDDOWN($C251/24,0)+1,1)*INDEX($D$3:$AA$30,INDEX(Jesper!$R$2:$R$366,ROW(INDEX(Jesper!AK$2:AK$366,ROUNDDOWN($C251/24,0)+1,1))-1)+IF('Standard Profiles'!$G$21=$B$10,7,0)+IF('Standard Profiles'!$G$21=$B$17,14,0)+IF('Standard Profiles'!$G$21=$B$24,21,0),MOD($C251,24)+1)/SUM(INDEX($D$3:$AA$30,INDEX(Jesper!$R$2:$R$366,ROW(INDEX(Jesper!AK$2:AK$366,ROUNDDOWN($C251/24,0)+1,1))-1)+IF('Standard Profiles'!$G$21=$B$10,7,0)+IF('Standard Profiles'!$G$21=$B$17,14,0)+IF('Standard Profiles'!$G$21=$B$24,21,0),0)),0)</f>
        <v>5.6319845906721984</v>
      </c>
      <c r="H251" cm="1">
        <f t="array" ref="H251">IFERROR(INDEX(Jesper!AL$2:AL$366,ROUNDDOWN($C251/24,0)+1,1)*INDEX($D$3:$AA$30,INDEX(Jesper!$R$2:$R$366,ROW(INDEX(Jesper!AL$2:AL$366,ROUNDDOWN($C251/24,0)+1,1))-1)+IF('Standard Profiles'!$G$22=$B$10,7,0)+IF('Standard Profiles'!$G$22=$B$17,14,0)+IF('Standard Profiles'!$G$22=$B$24,21,0),MOD($C251,24)+1)/SUM(INDEX($D$3:$AA$30,INDEX(Jesper!$R$2:$R$366,ROW(INDEX(Jesper!AL$2:AL$366,ROUNDDOWN($C251/24,0)+1,1))-1)+IF('Standard Profiles'!$G$22=$B$10,7,0)+IF('Standard Profiles'!$G$22=$B$17,14,0)+IF('Standard Profiles'!$G$22=$B$24,21,0),0)),0)</f>
        <v>0</v>
      </c>
      <c r="I251">
        <f t="shared" si="41"/>
        <v>2.7033526035226538</v>
      </c>
      <c r="J251">
        <f t="shared" si="42"/>
        <v>13.670515333646755</v>
      </c>
      <c r="K251">
        <f t="shared" si="43"/>
        <v>0.6208488528128453</v>
      </c>
      <c r="L251">
        <f t="shared" si="44"/>
        <v>0.31042442640642265</v>
      </c>
      <c r="M251">
        <f t="shared" si="45"/>
        <v>0</v>
      </c>
      <c r="N251" s="45">
        <f t="shared" si="46"/>
        <v>44936.04166666614</v>
      </c>
    </row>
    <row r="252" spans="2:14" x14ac:dyDescent="0.25">
      <c r="B252">
        <f t="shared" si="40"/>
        <v>2</v>
      </c>
      <c r="C252" s="16">
        <v>218</v>
      </c>
      <c r="D252" cm="1">
        <f t="array" ref="D252">IFERROR(INDEX(Jesper!AH$2:AH$366,ROUNDDOWN($C252/24,0)+1,1)*INDEX($D$3:$AA$30,INDEX(Jesper!$R$2:$R$366,ROW(INDEX(Jesper!AH$2:AH$366,ROUNDDOWN($C252/24,0)+1,1))-1)+IF('Standard Profiles'!$G$18=$B$10,7,0)+IF('Standard Profiles'!$G$18=$B$17,14,0)+IF('Standard Profiles'!$G$18=$B$24,21,0),MOD($C252,24)+1)/SUM(INDEX($D$3:$AA$30,INDEX(Jesper!$R$2:$R$366,ROW(INDEX(Jesper!AH$2:AH$366,ROUNDDOWN($C252/24,0)+1,1))-1)+IF('Standard Profiles'!$G$18=$B$10,7,0)+IF('Standard Profiles'!$G$18=$B$17,14,0)+IF('Standard Profiles'!$G$18=$B$24,21,0),0)),0)</f>
        <v>5.8204579951204245</v>
      </c>
      <c r="E252" cm="1">
        <f t="array" ref="E252">IFERROR(INDEX(Jesper!AI$2:AI$366,ROUNDDOWN($C252/24,0)+1,1)*INDEX($D$3:$AA$30,INDEX(Jesper!$R$2:$R$366,ROW(INDEX(Jesper!AI$2:AI$366,ROUNDDOWN($C252/24,0)+1,1))-1)+IF('Standard Profiles'!$G$19=$B$10,7,0)+IF('Standard Profiles'!$G$19=$B$17,14,0)+IF('Standard Profiles'!$G$19=$B$24,21,0),MOD($C252,24)+1)/SUM(INDEX($D$3:$AA$30,INDEX(Jesper!$R$2:$R$366,ROW(INDEX(Jesper!AI$2:AI$366,ROUNDDOWN($C252/24,0)+1,1))-1)+IF('Standard Profiles'!$G$19=$B$10,7,0)+IF('Standard Profiles'!$G$19=$B$17,14,0)+IF('Standard Profiles'!$G$19=$B$24,21,0),0)),0)</f>
        <v>5.8526986305960529</v>
      </c>
      <c r="F252" cm="1">
        <f t="array" ref="F252">IFERROR(INDEX(Jesper!AJ$2:AJ$366,ROUNDDOWN($C252/24,0)+1,1)*INDEX($D$3:$AA$30,INDEX(Jesper!$R$2:$R$366,ROW(INDEX(Jesper!AJ$2:AJ$366,ROUNDDOWN($C252/24,0)+1,1))-1)+IF('Standard Profiles'!$G$20=$B$10,7,0)+IF('Standard Profiles'!$G$20=$B$17,14,0)+IF('Standard Profiles'!$G$20=$B$24,21,0),MOD($C252,24)+1)/SUM(INDEX($D$3:$AA$30,INDEX(Jesper!$R$2:$R$366,ROW(INDEX(Jesper!AJ$2:AJ$366,ROUNDDOWN($C252/24,0)+1,1))-1)+IF('Standard Profiles'!$G$20=$B$10,7,0)+IF('Standard Profiles'!$G$20=$B$17,14,0)+IF('Standard Profiles'!$G$20=$B$24,21,0),0)),0)</f>
        <v>0</v>
      </c>
      <c r="G252" cm="1">
        <f t="array" ref="G252">IFERROR(INDEX(Jesper!AK$2:AK$366,ROUNDDOWN($C252/24,0)+1,1)*INDEX($D$3:$AA$30,INDEX(Jesper!$R$2:$R$366,ROW(INDEX(Jesper!AK$2:AK$366,ROUNDDOWN($C252/24,0)+1,1))-1)+IF('Standard Profiles'!$G$21=$B$10,7,0)+IF('Standard Profiles'!$G$21=$B$17,14,0)+IF('Standard Profiles'!$G$21=$B$24,21,0),MOD($C252,24)+1)/SUM(INDEX($D$3:$AA$30,INDEX(Jesper!$R$2:$R$366,ROW(INDEX(Jesper!AK$2:AK$366,ROUNDDOWN($C252/24,0)+1,1))-1)+IF('Standard Profiles'!$G$21=$B$10,7,0)+IF('Standard Profiles'!$G$21=$B$17,14,0)+IF('Standard Profiles'!$G$21=$B$24,21,0),0)),0)</f>
        <v>5.6319845906721984</v>
      </c>
      <c r="H252" cm="1">
        <f t="array" ref="H252">IFERROR(INDEX(Jesper!AL$2:AL$366,ROUNDDOWN($C252/24,0)+1,1)*INDEX($D$3:$AA$30,INDEX(Jesper!$R$2:$R$366,ROW(INDEX(Jesper!AL$2:AL$366,ROUNDDOWN($C252/24,0)+1,1))-1)+IF('Standard Profiles'!$G$22=$B$10,7,0)+IF('Standard Profiles'!$G$22=$B$17,14,0)+IF('Standard Profiles'!$G$22=$B$24,21,0),MOD($C252,24)+1)/SUM(INDEX($D$3:$AA$30,INDEX(Jesper!$R$2:$R$366,ROW(INDEX(Jesper!AL$2:AL$366,ROUNDDOWN($C252/24,0)+1,1))-1)+IF('Standard Profiles'!$G$22=$B$10,7,0)+IF('Standard Profiles'!$G$22=$B$17,14,0)+IF('Standard Profiles'!$G$22=$B$24,21,0),0)),0)</f>
        <v>0</v>
      </c>
      <c r="I252">
        <f t="shared" si="41"/>
        <v>2.7033526035226538</v>
      </c>
      <c r="J252">
        <f t="shared" si="42"/>
        <v>13.670515333646755</v>
      </c>
      <c r="K252">
        <f t="shared" si="43"/>
        <v>0.6208488528128453</v>
      </c>
      <c r="L252">
        <f t="shared" si="44"/>
        <v>0.31042442640642265</v>
      </c>
      <c r="M252">
        <f t="shared" si="45"/>
        <v>0</v>
      </c>
      <c r="N252" s="45">
        <f t="shared" si="46"/>
        <v>44936.083333332805</v>
      </c>
    </row>
    <row r="253" spans="2:14" x14ac:dyDescent="0.25">
      <c r="B253">
        <f t="shared" si="40"/>
        <v>2</v>
      </c>
      <c r="C253" s="16">
        <v>219</v>
      </c>
      <c r="D253" cm="1">
        <f t="array" ref="D253">IFERROR(INDEX(Jesper!AH$2:AH$366,ROUNDDOWN($C253/24,0)+1,1)*INDEX($D$3:$AA$30,INDEX(Jesper!$R$2:$R$366,ROW(INDEX(Jesper!AH$2:AH$366,ROUNDDOWN($C253/24,0)+1,1))-1)+IF('Standard Profiles'!$G$18=$B$10,7,0)+IF('Standard Profiles'!$G$18=$B$17,14,0)+IF('Standard Profiles'!$G$18=$B$24,21,0),MOD($C253,24)+1)/SUM(INDEX($D$3:$AA$30,INDEX(Jesper!$R$2:$R$366,ROW(INDEX(Jesper!AH$2:AH$366,ROUNDDOWN($C253/24,0)+1,1))-1)+IF('Standard Profiles'!$G$18=$B$10,7,0)+IF('Standard Profiles'!$G$18=$B$17,14,0)+IF('Standard Profiles'!$G$18=$B$24,21,0),0)),0)</f>
        <v>5.8204579951204245</v>
      </c>
      <c r="E253" cm="1">
        <f t="array" ref="E253">IFERROR(INDEX(Jesper!AI$2:AI$366,ROUNDDOWN($C253/24,0)+1,1)*INDEX($D$3:$AA$30,INDEX(Jesper!$R$2:$R$366,ROW(INDEX(Jesper!AI$2:AI$366,ROUNDDOWN($C253/24,0)+1,1))-1)+IF('Standard Profiles'!$G$19=$B$10,7,0)+IF('Standard Profiles'!$G$19=$B$17,14,0)+IF('Standard Profiles'!$G$19=$B$24,21,0),MOD($C253,24)+1)/SUM(INDEX($D$3:$AA$30,INDEX(Jesper!$R$2:$R$366,ROW(INDEX(Jesper!AI$2:AI$366,ROUNDDOWN($C253/24,0)+1,1))-1)+IF('Standard Profiles'!$G$19=$B$10,7,0)+IF('Standard Profiles'!$G$19=$B$17,14,0)+IF('Standard Profiles'!$G$19=$B$24,21,0),0)),0)</f>
        <v>5.8526986305960529</v>
      </c>
      <c r="F253" cm="1">
        <f t="array" ref="F253">IFERROR(INDEX(Jesper!AJ$2:AJ$366,ROUNDDOWN($C253/24,0)+1,1)*INDEX($D$3:$AA$30,INDEX(Jesper!$R$2:$R$366,ROW(INDEX(Jesper!AJ$2:AJ$366,ROUNDDOWN($C253/24,0)+1,1))-1)+IF('Standard Profiles'!$G$20=$B$10,7,0)+IF('Standard Profiles'!$G$20=$B$17,14,0)+IF('Standard Profiles'!$G$20=$B$24,21,0),MOD($C253,24)+1)/SUM(INDEX($D$3:$AA$30,INDEX(Jesper!$R$2:$R$366,ROW(INDEX(Jesper!AJ$2:AJ$366,ROUNDDOWN($C253/24,0)+1,1))-1)+IF('Standard Profiles'!$G$20=$B$10,7,0)+IF('Standard Profiles'!$G$20=$B$17,14,0)+IF('Standard Profiles'!$G$20=$B$24,21,0),0)),0)</f>
        <v>0</v>
      </c>
      <c r="G253" cm="1">
        <f t="array" ref="G253">IFERROR(INDEX(Jesper!AK$2:AK$366,ROUNDDOWN($C253/24,0)+1,1)*INDEX($D$3:$AA$30,INDEX(Jesper!$R$2:$R$366,ROW(INDEX(Jesper!AK$2:AK$366,ROUNDDOWN($C253/24,0)+1,1))-1)+IF('Standard Profiles'!$G$21=$B$10,7,0)+IF('Standard Profiles'!$G$21=$B$17,14,0)+IF('Standard Profiles'!$G$21=$B$24,21,0),MOD($C253,24)+1)/SUM(INDEX($D$3:$AA$30,INDEX(Jesper!$R$2:$R$366,ROW(INDEX(Jesper!AK$2:AK$366,ROUNDDOWN($C253/24,0)+1,1))-1)+IF('Standard Profiles'!$G$21=$B$10,7,0)+IF('Standard Profiles'!$G$21=$B$17,14,0)+IF('Standard Profiles'!$G$21=$B$24,21,0),0)),0)</f>
        <v>5.6319845906721984</v>
      </c>
      <c r="H253" cm="1">
        <f t="array" ref="H253">IFERROR(INDEX(Jesper!AL$2:AL$366,ROUNDDOWN($C253/24,0)+1,1)*INDEX($D$3:$AA$30,INDEX(Jesper!$R$2:$R$366,ROW(INDEX(Jesper!AL$2:AL$366,ROUNDDOWN($C253/24,0)+1,1))-1)+IF('Standard Profiles'!$G$22=$B$10,7,0)+IF('Standard Profiles'!$G$22=$B$17,14,0)+IF('Standard Profiles'!$G$22=$B$24,21,0),MOD($C253,24)+1)/SUM(INDEX($D$3:$AA$30,INDEX(Jesper!$R$2:$R$366,ROW(INDEX(Jesper!AL$2:AL$366,ROUNDDOWN($C253/24,0)+1,1))-1)+IF('Standard Profiles'!$G$22=$B$10,7,0)+IF('Standard Profiles'!$G$22=$B$17,14,0)+IF('Standard Profiles'!$G$22=$B$24,21,0),0)),0)</f>
        <v>0</v>
      </c>
      <c r="I253">
        <f t="shared" si="41"/>
        <v>2.7033526035226538</v>
      </c>
      <c r="J253">
        <f t="shared" si="42"/>
        <v>13.670515333646755</v>
      </c>
      <c r="K253">
        <f t="shared" si="43"/>
        <v>0.6208488528128453</v>
      </c>
      <c r="L253">
        <f t="shared" si="44"/>
        <v>0.31042442640642265</v>
      </c>
      <c r="M253">
        <f t="shared" si="45"/>
        <v>0</v>
      </c>
      <c r="N253" s="45">
        <f t="shared" si="46"/>
        <v>44936.124999999469</v>
      </c>
    </row>
    <row r="254" spans="2:14" x14ac:dyDescent="0.25">
      <c r="B254">
        <f t="shared" si="40"/>
        <v>2</v>
      </c>
      <c r="C254" s="16">
        <v>220</v>
      </c>
      <c r="D254" cm="1">
        <f t="array" ref="D254">IFERROR(INDEX(Jesper!AH$2:AH$366,ROUNDDOWN($C254/24,0)+1,1)*INDEX($D$3:$AA$30,INDEX(Jesper!$R$2:$R$366,ROW(INDEX(Jesper!AH$2:AH$366,ROUNDDOWN($C254/24,0)+1,1))-1)+IF('Standard Profiles'!$G$18=$B$10,7,0)+IF('Standard Profiles'!$G$18=$B$17,14,0)+IF('Standard Profiles'!$G$18=$B$24,21,0),MOD($C254,24)+1)/SUM(INDEX($D$3:$AA$30,INDEX(Jesper!$R$2:$R$366,ROW(INDEX(Jesper!AH$2:AH$366,ROUNDDOWN($C254/24,0)+1,1))-1)+IF('Standard Profiles'!$G$18=$B$10,7,0)+IF('Standard Profiles'!$G$18=$B$17,14,0)+IF('Standard Profiles'!$G$18=$B$24,21,0),0)),0)</f>
        <v>5.8204579951204245</v>
      </c>
      <c r="E254" cm="1">
        <f t="array" ref="E254">IFERROR(INDEX(Jesper!AI$2:AI$366,ROUNDDOWN($C254/24,0)+1,1)*INDEX($D$3:$AA$30,INDEX(Jesper!$R$2:$R$366,ROW(INDEX(Jesper!AI$2:AI$366,ROUNDDOWN($C254/24,0)+1,1))-1)+IF('Standard Profiles'!$G$19=$B$10,7,0)+IF('Standard Profiles'!$G$19=$B$17,14,0)+IF('Standard Profiles'!$G$19=$B$24,21,0),MOD($C254,24)+1)/SUM(INDEX($D$3:$AA$30,INDEX(Jesper!$R$2:$R$366,ROW(INDEX(Jesper!AI$2:AI$366,ROUNDDOWN($C254/24,0)+1,1))-1)+IF('Standard Profiles'!$G$19=$B$10,7,0)+IF('Standard Profiles'!$G$19=$B$17,14,0)+IF('Standard Profiles'!$G$19=$B$24,21,0),0)),0)</f>
        <v>5.8526986305960529</v>
      </c>
      <c r="F254" cm="1">
        <f t="array" ref="F254">IFERROR(INDEX(Jesper!AJ$2:AJ$366,ROUNDDOWN($C254/24,0)+1,1)*INDEX($D$3:$AA$30,INDEX(Jesper!$R$2:$R$366,ROW(INDEX(Jesper!AJ$2:AJ$366,ROUNDDOWN($C254/24,0)+1,1))-1)+IF('Standard Profiles'!$G$20=$B$10,7,0)+IF('Standard Profiles'!$G$20=$B$17,14,0)+IF('Standard Profiles'!$G$20=$B$24,21,0),MOD($C254,24)+1)/SUM(INDEX($D$3:$AA$30,INDEX(Jesper!$R$2:$R$366,ROW(INDEX(Jesper!AJ$2:AJ$366,ROUNDDOWN($C254/24,0)+1,1))-1)+IF('Standard Profiles'!$G$20=$B$10,7,0)+IF('Standard Profiles'!$G$20=$B$17,14,0)+IF('Standard Profiles'!$G$20=$B$24,21,0),0)),0)</f>
        <v>0</v>
      </c>
      <c r="G254" cm="1">
        <f t="array" ref="G254">IFERROR(INDEX(Jesper!AK$2:AK$366,ROUNDDOWN($C254/24,0)+1,1)*INDEX($D$3:$AA$30,INDEX(Jesper!$R$2:$R$366,ROW(INDEX(Jesper!AK$2:AK$366,ROUNDDOWN($C254/24,0)+1,1))-1)+IF('Standard Profiles'!$G$21=$B$10,7,0)+IF('Standard Profiles'!$G$21=$B$17,14,0)+IF('Standard Profiles'!$G$21=$B$24,21,0),MOD($C254,24)+1)/SUM(INDEX($D$3:$AA$30,INDEX(Jesper!$R$2:$R$366,ROW(INDEX(Jesper!AK$2:AK$366,ROUNDDOWN($C254/24,0)+1,1))-1)+IF('Standard Profiles'!$G$21=$B$10,7,0)+IF('Standard Profiles'!$G$21=$B$17,14,0)+IF('Standard Profiles'!$G$21=$B$24,21,0),0)),0)</f>
        <v>5.6319845906721984</v>
      </c>
      <c r="H254" cm="1">
        <f t="array" ref="H254">IFERROR(INDEX(Jesper!AL$2:AL$366,ROUNDDOWN($C254/24,0)+1,1)*INDEX($D$3:$AA$30,INDEX(Jesper!$R$2:$R$366,ROW(INDEX(Jesper!AL$2:AL$366,ROUNDDOWN($C254/24,0)+1,1))-1)+IF('Standard Profiles'!$G$22=$B$10,7,0)+IF('Standard Profiles'!$G$22=$B$17,14,0)+IF('Standard Profiles'!$G$22=$B$24,21,0),MOD($C254,24)+1)/SUM(INDEX($D$3:$AA$30,INDEX(Jesper!$R$2:$R$366,ROW(INDEX(Jesper!AL$2:AL$366,ROUNDDOWN($C254/24,0)+1,1))-1)+IF('Standard Profiles'!$G$22=$B$10,7,0)+IF('Standard Profiles'!$G$22=$B$17,14,0)+IF('Standard Profiles'!$G$22=$B$24,21,0),0)),0)</f>
        <v>0</v>
      </c>
      <c r="I254">
        <f t="shared" si="41"/>
        <v>2.7033526035226538</v>
      </c>
      <c r="J254">
        <f t="shared" si="42"/>
        <v>13.670515333646755</v>
      </c>
      <c r="K254">
        <f t="shared" si="43"/>
        <v>0.6208488528128453</v>
      </c>
      <c r="L254">
        <f t="shared" si="44"/>
        <v>0.31042442640642265</v>
      </c>
      <c r="M254">
        <f t="shared" si="45"/>
        <v>0</v>
      </c>
      <c r="N254" s="45">
        <f t="shared" si="46"/>
        <v>44936.166666666133</v>
      </c>
    </row>
    <row r="255" spans="2:14" x14ac:dyDescent="0.25">
      <c r="B255">
        <f t="shared" si="40"/>
        <v>2</v>
      </c>
      <c r="C255" s="16">
        <v>221</v>
      </c>
      <c r="D255" cm="1">
        <f t="array" ref="D255">IFERROR(INDEX(Jesper!AH$2:AH$366,ROUNDDOWN($C255/24,0)+1,1)*INDEX($D$3:$AA$30,INDEX(Jesper!$R$2:$R$366,ROW(INDEX(Jesper!AH$2:AH$366,ROUNDDOWN($C255/24,0)+1,1))-1)+IF('Standard Profiles'!$G$18=$B$10,7,0)+IF('Standard Profiles'!$G$18=$B$17,14,0)+IF('Standard Profiles'!$G$18=$B$24,21,0),MOD($C255,24)+1)/SUM(INDEX($D$3:$AA$30,INDEX(Jesper!$R$2:$R$366,ROW(INDEX(Jesper!AH$2:AH$366,ROUNDDOWN($C255/24,0)+1,1))-1)+IF('Standard Profiles'!$G$18=$B$10,7,0)+IF('Standard Profiles'!$G$18=$B$17,14,0)+IF('Standard Profiles'!$G$18=$B$24,21,0),0)),0)</f>
        <v>5.8204579951204245</v>
      </c>
      <c r="E255" cm="1">
        <f t="array" ref="E255">IFERROR(INDEX(Jesper!AI$2:AI$366,ROUNDDOWN($C255/24,0)+1,1)*INDEX($D$3:$AA$30,INDEX(Jesper!$R$2:$R$366,ROW(INDEX(Jesper!AI$2:AI$366,ROUNDDOWN($C255/24,0)+1,1))-1)+IF('Standard Profiles'!$G$19=$B$10,7,0)+IF('Standard Profiles'!$G$19=$B$17,14,0)+IF('Standard Profiles'!$G$19=$B$24,21,0),MOD($C255,24)+1)/SUM(INDEX($D$3:$AA$30,INDEX(Jesper!$R$2:$R$366,ROW(INDEX(Jesper!AI$2:AI$366,ROUNDDOWN($C255/24,0)+1,1))-1)+IF('Standard Profiles'!$G$19=$B$10,7,0)+IF('Standard Profiles'!$G$19=$B$17,14,0)+IF('Standard Profiles'!$G$19=$B$24,21,0),0)),0)</f>
        <v>5.8526986305960529</v>
      </c>
      <c r="F255" cm="1">
        <f t="array" ref="F255">IFERROR(INDEX(Jesper!AJ$2:AJ$366,ROUNDDOWN($C255/24,0)+1,1)*INDEX($D$3:$AA$30,INDEX(Jesper!$R$2:$R$366,ROW(INDEX(Jesper!AJ$2:AJ$366,ROUNDDOWN($C255/24,0)+1,1))-1)+IF('Standard Profiles'!$G$20=$B$10,7,0)+IF('Standard Profiles'!$G$20=$B$17,14,0)+IF('Standard Profiles'!$G$20=$B$24,21,0),MOD($C255,24)+1)/SUM(INDEX($D$3:$AA$30,INDEX(Jesper!$R$2:$R$366,ROW(INDEX(Jesper!AJ$2:AJ$366,ROUNDDOWN($C255/24,0)+1,1))-1)+IF('Standard Profiles'!$G$20=$B$10,7,0)+IF('Standard Profiles'!$G$20=$B$17,14,0)+IF('Standard Profiles'!$G$20=$B$24,21,0),0)),0)</f>
        <v>0</v>
      </c>
      <c r="G255" cm="1">
        <f t="array" ref="G255">IFERROR(INDEX(Jesper!AK$2:AK$366,ROUNDDOWN($C255/24,0)+1,1)*INDEX($D$3:$AA$30,INDEX(Jesper!$R$2:$R$366,ROW(INDEX(Jesper!AK$2:AK$366,ROUNDDOWN($C255/24,0)+1,1))-1)+IF('Standard Profiles'!$G$21=$B$10,7,0)+IF('Standard Profiles'!$G$21=$B$17,14,0)+IF('Standard Profiles'!$G$21=$B$24,21,0),MOD($C255,24)+1)/SUM(INDEX($D$3:$AA$30,INDEX(Jesper!$R$2:$R$366,ROW(INDEX(Jesper!AK$2:AK$366,ROUNDDOWN($C255/24,0)+1,1))-1)+IF('Standard Profiles'!$G$21=$B$10,7,0)+IF('Standard Profiles'!$G$21=$B$17,14,0)+IF('Standard Profiles'!$G$21=$B$24,21,0),0)),0)</f>
        <v>5.6319845906721984</v>
      </c>
      <c r="H255" cm="1">
        <f t="array" ref="H255">IFERROR(INDEX(Jesper!AL$2:AL$366,ROUNDDOWN($C255/24,0)+1,1)*INDEX($D$3:$AA$30,INDEX(Jesper!$R$2:$R$366,ROW(INDEX(Jesper!AL$2:AL$366,ROUNDDOWN($C255/24,0)+1,1))-1)+IF('Standard Profiles'!$G$22=$B$10,7,0)+IF('Standard Profiles'!$G$22=$B$17,14,0)+IF('Standard Profiles'!$G$22=$B$24,21,0),MOD($C255,24)+1)/SUM(INDEX($D$3:$AA$30,INDEX(Jesper!$R$2:$R$366,ROW(INDEX(Jesper!AL$2:AL$366,ROUNDDOWN($C255/24,0)+1,1))-1)+IF('Standard Profiles'!$G$22=$B$10,7,0)+IF('Standard Profiles'!$G$22=$B$17,14,0)+IF('Standard Profiles'!$G$22=$B$24,21,0),0)),0)</f>
        <v>0</v>
      </c>
      <c r="I255">
        <f t="shared" si="41"/>
        <v>2.7033526035226538</v>
      </c>
      <c r="J255">
        <f t="shared" si="42"/>
        <v>13.670515333646755</v>
      </c>
      <c r="K255">
        <f t="shared" si="43"/>
        <v>0.6208488528128453</v>
      </c>
      <c r="L255">
        <f t="shared" si="44"/>
        <v>0.31042442640642265</v>
      </c>
      <c r="M255">
        <f t="shared" si="45"/>
        <v>0</v>
      </c>
      <c r="N255" s="45">
        <f t="shared" si="46"/>
        <v>44936.208333332797</v>
      </c>
    </row>
    <row r="256" spans="2:14" x14ac:dyDescent="0.25">
      <c r="B256">
        <f t="shared" si="40"/>
        <v>2</v>
      </c>
      <c r="C256" s="16">
        <v>222</v>
      </c>
      <c r="D256" cm="1">
        <f t="array" ref="D256">IFERROR(INDEX(Jesper!AH$2:AH$366,ROUNDDOWN($C256/24,0)+1,1)*INDEX($D$3:$AA$30,INDEX(Jesper!$R$2:$R$366,ROW(INDEX(Jesper!AH$2:AH$366,ROUNDDOWN($C256/24,0)+1,1))-1)+IF('Standard Profiles'!$G$18=$B$10,7,0)+IF('Standard Profiles'!$G$18=$B$17,14,0)+IF('Standard Profiles'!$G$18=$B$24,21,0),MOD($C256,24)+1)/SUM(INDEX($D$3:$AA$30,INDEX(Jesper!$R$2:$R$366,ROW(INDEX(Jesper!AH$2:AH$366,ROUNDDOWN($C256/24,0)+1,1))-1)+IF('Standard Profiles'!$G$18=$B$10,7,0)+IF('Standard Profiles'!$G$18=$B$17,14,0)+IF('Standard Profiles'!$G$18=$B$24,21,0),0)),0)</f>
        <v>5.8204579951204245</v>
      </c>
      <c r="E256" cm="1">
        <f t="array" ref="E256">IFERROR(INDEX(Jesper!AI$2:AI$366,ROUNDDOWN($C256/24,0)+1,1)*INDEX($D$3:$AA$30,INDEX(Jesper!$R$2:$R$366,ROW(INDEX(Jesper!AI$2:AI$366,ROUNDDOWN($C256/24,0)+1,1))-1)+IF('Standard Profiles'!$G$19=$B$10,7,0)+IF('Standard Profiles'!$G$19=$B$17,14,0)+IF('Standard Profiles'!$G$19=$B$24,21,0),MOD($C256,24)+1)/SUM(INDEX($D$3:$AA$30,INDEX(Jesper!$R$2:$R$366,ROW(INDEX(Jesper!AI$2:AI$366,ROUNDDOWN($C256/24,0)+1,1))-1)+IF('Standard Profiles'!$G$19=$B$10,7,0)+IF('Standard Profiles'!$G$19=$B$17,14,0)+IF('Standard Profiles'!$G$19=$B$24,21,0),0)),0)</f>
        <v>5.8526986305960529</v>
      </c>
      <c r="F256" cm="1">
        <f t="array" ref="F256">IFERROR(INDEX(Jesper!AJ$2:AJ$366,ROUNDDOWN($C256/24,0)+1,1)*INDEX($D$3:$AA$30,INDEX(Jesper!$R$2:$R$366,ROW(INDEX(Jesper!AJ$2:AJ$366,ROUNDDOWN($C256/24,0)+1,1))-1)+IF('Standard Profiles'!$G$20=$B$10,7,0)+IF('Standard Profiles'!$G$20=$B$17,14,0)+IF('Standard Profiles'!$G$20=$B$24,21,0),MOD($C256,24)+1)/SUM(INDEX($D$3:$AA$30,INDEX(Jesper!$R$2:$R$366,ROW(INDEX(Jesper!AJ$2:AJ$366,ROUNDDOWN($C256/24,0)+1,1))-1)+IF('Standard Profiles'!$G$20=$B$10,7,0)+IF('Standard Profiles'!$G$20=$B$17,14,0)+IF('Standard Profiles'!$G$20=$B$24,21,0),0)),0)</f>
        <v>0</v>
      </c>
      <c r="G256" cm="1">
        <f t="array" ref="G256">IFERROR(INDEX(Jesper!AK$2:AK$366,ROUNDDOWN($C256/24,0)+1,1)*INDEX($D$3:$AA$30,INDEX(Jesper!$R$2:$R$366,ROW(INDEX(Jesper!AK$2:AK$366,ROUNDDOWN($C256/24,0)+1,1))-1)+IF('Standard Profiles'!$G$21=$B$10,7,0)+IF('Standard Profiles'!$G$21=$B$17,14,0)+IF('Standard Profiles'!$G$21=$B$24,21,0),MOD($C256,24)+1)/SUM(INDEX($D$3:$AA$30,INDEX(Jesper!$R$2:$R$366,ROW(INDEX(Jesper!AK$2:AK$366,ROUNDDOWN($C256/24,0)+1,1))-1)+IF('Standard Profiles'!$G$21=$B$10,7,0)+IF('Standard Profiles'!$G$21=$B$17,14,0)+IF('Standard Profiles'!$G$21=$B$24,21,0),0)),0)</f>
        <v>5.6319845906721984</v>
      </c>
      <c r="H256" cm="1">
        <f t="array" ref="H256">IFERROR(INDEX(Jesper!AL$2:AL$366,ROUNDDOWN($C256/24,0)+1,1)*INDEX($D$3:$AA$30,INDEX(Jesper!$R$2:$R$366,ROW(INDEX(Jesper!AL$2:AL$366,ROUNDDOWN($C256/24,0)+1,1))-1)+IF('Standard Profiles'!$G$22=$B$10,7,0)+IF('Standard Profiles'!$G$22=$B$17,14,0)+IF('Standard Profiles'!$G$22=$B$24,21,0),MOD($C256,24)+1)/SUM(INDEX($D$3:$AA$30,INDEX(Jesper!$R$2:$R$366,ROW(INDEX(Jesper!AL$2:AL$366,ROUNDDOWN($C256/24,0)+1,1))-1)+IF('Standard Profiles'!$G$22=$B$10,7,0)+IF('Standard Profiles'!$G$22=$B$17,14,0)+IF('Standard Profiles'!$G$22=$B$24,21,0),0)),0)</f>
        <v>0</v>
      </c>
      <c r="I256">
        <f t="shared" si="41"/>
        <v>2.7033526035226538</v>
      </c>
      <c r="J256">
        <f t="shared" si="42"/>
        <v>13.670515333646755</v>
      </c>
      <c r="K256">
        <f t="shared" si="43"/>
        <v>0.6208488528128453</v>
      </c>
      <c r="L256">
        <f t="shared" si="44"/>
        <v>0.31042442640642265</v>
      </c>
      <c r="M256">
        <f t="shared" si="45"/>
        <v>0</v>
      </c>
      <c r="N256" s="45">
        <f t="shared" si="46"/>
        <v>44936.249999999462</v>
      </c>
    </row>
    <row r="257" spans="2:14" x14ac:dyDescent="0.25">
      <c r="B257">
        <f t="shared" si="40"/>
        <v>2</v>
      </c>
      <c r="C257" s="16">
        <v>223</v>
      </c>
      <c r="D257" cm="1">
        <f t="array" ref="D257">IFERROR(INDEX(Jesper!AH$2:AH$366,ROUNDDOWN($C257/24,0)+1,1)*INDEX($D$3:$AA$30,INDEX(Jesper!$R$2:$R$366,ROW(INDEX(Jesper!AH$2:AH$366,ROUNDDOWN($C257/24,0)+1,1))-1)+IF('Standard Profiles'!$G$18=$B$10,7,0)+IF('Standard Profiles'!$G$18=$B$17,14,0)+IF('Standard Profiles'!$G$18=$B$24,21,0),MOD($C257,24)+1)/SUM(INDEX($D$3:$AA$30,INDEX(Jesper!$R$2:$R$366,ROW(INDEX(Jesper!AH$2:AH$366,ROUNDDOWN($C257/24,0)+1,1))-1)+IF('Standard Profiles'!$G$18=$B$10,7,0)+IF('Standard Profiles'!$G$18=$B$17,14,0)+IF('Standard Profiles'!$G$18=$B$24,21,0),0)),0)</f>
        <v>24.536868235679538</v>
      </c>
      <c r="E257" cm="1">
        <f t="array" ref="E257">IFERROR(INDEX(Jesper!AI$2:AI$366,ROUNDDOWN($C257/24,0)+1,1)*INDEX($D$3:$AA$30,INDEX(Jesper!$R$2:$R$366,ROW(INDEX(Jesper!AI$2:AI$366,ROUNDDOWN($C257/24,0)+1,1))-1)+IF('Standard Profiles'!$G$19=$B$10,7,0)+IF('Standard Profiles'!$G$19=$B$17,14,0)+IF('Standard Profiles'!$G$19=$B$24,21,0),MOD($C257,24)+1)/SUM(INDEX($D$3:$AA$30,INDEX(Jesper!$R$2:$R$366,ROW(INDEX(Jesper!AI$2:AI$366,ROUNDDOWN($C257/24,0)+1,1))-1)+IF('Standard Profiles'!$G$19=$B$10,7,0)+IF('Standard Profiles'!$G$19=$B$17,14,0)+IF('Standard Profiles'!$G$19=$B$24,21,0),0)),0)</f>
        <v>24.672782664606483</v>
      </c>
      <c r="F257" cm="1">
        <f t="array" ref="F257">IFERROR(INDEX(Jesper!AJ$2:AJ$366,ROUNDDOWN($C257/24,0)+1,1)*INDEX($D$3:$AA$30,INDEX(Jesper!$R$2:$R$366,ROW(INDEX(Jesper!AJ$2:AJ$366,ROUNDDOWN($C257/24,0)+1,1))-1)+IF('Standard Profiles'!$G$20=$B$10,7,0)+IF('Standard Profiles'!$G$20=$B$17,14,0)+IF('Standard Profiles'!$G$20=$B$24,21,0),MOD($C257,24)+1)/SUM(INDEX($D$3:$AA$30,INDEX(Jesper!$R$2:$R$366,ROW(INDEX(Jesper!AJ$2:AJ$366,ROUNDDOWN($C257/24,0)+1,1))-1)+IF('Standard Profiles'!$G$20=$B$10,7,0)+IF('Standard Profiles'!$G$20=$B$17,14,0)+IF('Standard Profiles'!$G$20=$B$24,21,0),0)),0)</f>
        <v>0</v>
      </c>
      <c r="G257" cm="1">
        <f t="array" ref="G257">IFERROR(INDEX(Jesper!AK$2:AK$366,ROUNDDOWN($C257/24,0)+1,1)*INDEX($D$3:$AA$30,INDEX(Jesper!$R$2:$R$366,ROW(INDEX(Jesper!AK$2:AK$366,ROUNDDOWN($C257/24,0)+1,1))-1)+IF('Standard Profiles'!$G$21=$B$10,7,0)+IF('Standard Profiles'!$G$21=$B$17,14,0)+IF('Standard Profiles'!$G$21=$B$24,21,0),MOD($C257,24)+1)/SUM(INDEX($D$3:$AA$30,INDEX(Jesper!$R$2:$R$366,ROW(INDEX(Jesper!AK$2:AK$366,ROUNDDOWN($C257/24,0)+1,1))-1)+IF('Standard Profiles'!$G$21=$B$10,7,0)+IF('Standard Profiles'!$G$21=$B$17,14,0)+IF('Standard Profiles'!$G$21=$B$24,21,0),0)),0)</f>
        <v>16.223749159581523</v>
      </c>
      <c r="H257" cm="1">
        <f t="array" ref="H257">IFERROR(INDEX(Jesper!AL$2:AL$366,ROUNDDOWN($C257/24,0)+1,1)*INDEX($D$3:$AA$30,INDEX(Jesper!$R$2:$R$366,ROW(INDEX(Jesper!AL$2:AL$366,ROUNDDOWN($C257/24,0)+1,1))-1)+IF('Standard Profiles'!$G$22=$B$10,7,0)+IF('Standard Profiles'!$G$22=$B$17,14,0)+IF('Standard Profiles'!$G$22=$B$24,21,0),MOD($C257,24)+1)/SUM(INDEX($D$3:$AA$30,INDEX(Jesper!$R$2:$R$366,ROW(INDEX(Jesper!AL$2:AL$366,ROUNDDOWN($C257/24,0)+1,1))-1)+IF('Standard Profiles'!$G$22=$B$10,7,0)+IF('Standard Profiles'!$G$22=$B$17,14,0)+IF('Standard Profiles'!$G$22=$B$24,21,0),0)),0)</f>
        <v>0</v>
      </c>
      <c r="I257">
        <f t="shared" si="41"/>
        <v>7.7873995965991272</v>
      </c>
      <c r="J257">
        <f t="shared" si="42"/>
        <v>53.7201015455597</v>
      </c>
      <c r="K257">
        <f t="shared" si="43"/>
        <v>2.6172659451391511</v>
      </c>
      <c r="L257">
        <f t="shared" si="44"/>
        <v>1.3086329725695756</v>
      </c>
      <c r="M257">
        <f t="shared" si="45"/>
        <v>0</v>
      </c>
      <c r="N257" s="45">
        <f t="shared" si="46"/>
        <v>44936.291666666126</v>
      </c>
    </row>
    <row r="258" spans="2:14" x14ac:dyDescent="0.25">
      <c r="B258">
        <f t="shared" si="40"/>
        <v>2</v>
      </c>
      <c r="C258" s="16">
        <v>224</v>
      </c>
      <c r="D258" cm="1">
        <f t="array" ref="D258">IFERROR(INDEX(Jesper!AH$2:AH$366,ROUNDDOWN($C258/24,0)+1,1)*INDEX($D$3:$AA$30,INDEX(Jesper!$R$2:$R$366,ROW(INDEX(Jesper!AH$2:AH$366,ROUNDDOWN($C258/24,0)+1,1))-1)+IF('Standard Profiles'!$G$18=$B$10,7,0)+IF('Standard Profiles'!$G$18=$B$17,14,0)+IF('Standard Profiles'!$G$18=$B$24,21,0),MOD($C258,24)+1)/SUM(INDEX($D$3:$AA$30,INDEX(Jesper!$R$2:$R$366,ROW(INDEX(Jesper!AH$2:AH$366,ROUNDDOWN($C258/24,0)+1,1))-1)+IF('Standard Profiles'!$G$18=$B$10,7,0)+IF('Standard Profiles'!$G$18=$B$17,14,0)+IF('Standard Profiles'!$G$18=$B$24,21,0),0)),0)</f>
        <v>27.377979294547696</v>
      </c>
      <c r="E258" cm="1">
        <f t="array" ref="E258">IFERROR(INDEX(Jesper!AI$2:AI$366,ROUNDDOWN($C258/24,0)+1,1)*INDEX($D$3:$AA$30,INDEX(Jesper!$R$2:$R$366,ROW(INDEX(Jesper!AI$2:AI$366,ROUNDDOWN($C258/24,0)+1,1))-1)+IF('Standard Profiles'!$G$19=$B$10,7,0)+IF('Standard Profiles'!$G$19=$B$17,14,0)+IF('Standard Profiles'!$G$19=$B$24,21,0),MOD($C258,24)+1)/SUM(INDEX($D$3:$AA$30,INDEX(Jesper!$R$2:$R$366,ROW(INDEX(Jesper!AI$2:AI$366,ROUNDDOWN($C258/24,0)+1,1))-1)+IF('Standard Profiles'!$G$19=$B$10,7,0)+IF('Standard Profiles'!$G$19=$B$17,14,0)+IF('Standard Profiles'!$G$19=$B$24,21,0),0)),0)</f>
        <v>27.529631183666179</v>
      </c>
      <c r="F258" cm="1">
        <f t="array" ref="F258">IFERROR(INDEX(Jesper!AJ$2:AJ$366,ROUNDDOWN($C258/24,0)+1,1)*INDEX($D$3:$AA$30,INDEX(Jesper!$R$2:$R$366,ROW(INDEX(Jesper!AJ$2:AJ$366,ROUNDDOWN($C258/24,0)+1,1))-1)+IF('Standard Profiles'!$G$20=$B$10,7,0)+IF('Standard Profiles'!$G$20=$B$17,14,0)+IF('Standard Profiles'!$G$20=$B$24,21,0),MOD($C258,24)+1)/SUM(INDEX($D$3:$AA$30,INDEX(Jesper!$R$2:$R$366,ROW(INDEX(Jesper!AJ$2:AJ$366,ROUNDDOWN($C258/24,0)+1,1))-1)+IF('Standard Profiles'!$G$20=$B$10,7,0)+IF('Standard Profiles'!$G$20=$B$17,14,0)+IF('Standard Profiles'!$G$20=$B$24,21,0),0)),0)</f>
        <v>0</v>
      </c>
      <c r="G258" cm="1">
        <f t="array" ref="G258">IFERROR(INDEX(Jesper!AK$2:AK$366,ROUNDDOWN($C258/24,0)+1,1)*INDEX($D$3:$AA$30,INDEX(Jesper!$R$2:$R$366,ROW(INDEX(Jesper!AK$2:AK$366,ROUNDDOWN($C258/24,0)+1,1))-1)+IF('Standard Profiles'!$G$21=$B$10,7,0)+IF('Standard Profiles'!$G$21=$B$17,14,0)+IF('Standard Profiles'!$G$21=$B$24,21,0),MOD($C258,24)+1)/SUM(INDEX($D$3:$AA$30,INDEX(Jesper!$R$2:$R$366,ROW(INDEX(Jesper!AK$2:AK$366,ROUNDDOWN($C258/24,0)+1,1))-1)+IF('Standard Profiles'!$G$21=$B$10,7,0)+IF('Standard Profiles'!$G$21=$B$17,14,0)+IF('Standard Profiles'!$G$21=$B$24,21,0),0)),0)</f>
        <v>18.10228853595412</v>
      </c>
      <c r="H258" cm="1">
        <f t="array" ref="H258">IFERROR(INDEX(Jesper!AL$2:AL$366,ROUNDDOWN($C258/24,0)+1,1)*INDEX($D$3:$AA$30,INDEX(Jesper!$R$2:$R$366,ROW(INDEX(Jesper!AL$2:AL$366,ROUNDDOWN($C258/24,0)+1,1))-1)+IF('Standard Profiles'!$G$22=$B$10,7,0)+IF('Standard Profiles'!$G$22=$B$17,14,0)+IF('Standard Profiles'!$G$22=$B$24,21,0),MOD($C258,24)+1)/SUM(INDEX($D$3:$AA$30,INDEX(Jesper!$R$2:$R$366,ROW(INDEX(Jesper!AL$2:AL$366,ROUNDDOWN($C258/24,0)+1,1))-1)+IF('Standard Profiles'!$G$22=$B$10,7,0)+IF('Standard Profiles'!$G$22=$B$17,14,0)+IF('Standard Profiles'!$G$22=$B$24,21,0),0)),0)</f>
        <v>0</v>
      </c>
      <c r="I258">
        <f t="shared" si="41"/>
        <v>8.689098497257973</v>
      </c>
      <c r="J258">
        <f t="shared" si="42"/>
        <v>59.940323829782386</v>
      </c>
      <c r="K258">
        <f t="shared" si="43"/>
        <v>2.9203177914184213</v>
      </c>
      <c r="L258">
        <f t="shared" si="44"/>
        <v>1.4601588957092106</v>
      </c>
      <c r="M258">
        <f t="shared" si="45"/>
        <v>0</v>
      </c>
      <c r="N258" s="45">
        <f t="shared" si="46"/>
        <v>44936.33333333279</v>
      </c>
    </row>
    <row r="259" spans="2:14" x14ac:dyDescent="0.25">
      <c r="B259">
        <f t="shared" si="40"/>
        <v>2</v>
      </c>
      <c r="C259" s="16">
        <v>225</v>
      </c>
      <c r="D259" cm="1">
        <f t="array" ref="D259">IFERROR(INDEX(Jesper!AH$2:AH$366,ROUNDDOWN($C259/24,0)+1,1)*INDEX($D$3:$AA$30,INDEX(Jesper!$R$2:$R$366,ROW(INDEX(Jesper!AH$2:AH$366,ROUNDDOWN($C259/24,0)+1,1))-1)+IF('Standard Profiles'!$G$18=$B$10,7,0)+IF('Standard Profiles'!$G$18=$B$17,14,0)+IF('Standard Profiles'!$G$18=$B$24,21,0),MOD($C259,24)+1)/SUM(INDEX($D$3:$AA$30,INDEX(Jesper!$R$2:$R$366,ROW(INDEX(Jesper!AH$2:AH$366,ROUNDDOWN($C259/24,0)+1,1))-1)+IF('Standard Profiles'!$G$18=$B$10,7,0)+IF('Standard Profiles'!$G$18=$B$17,14,0)+IF('Standard Profiles'!$G$18=$B$24,21,0),0)),0)</f>
        <v>30.219090353415854</v>
      </c>
      <c r="E259" cm="1">
        <f t="array" ref="E259">IFERROR(INDEX(Jesper!AI$2:AI$366,ROUNDDOWN($C259/24,0)+1,1)*INDEX($D$3:$AA$30,INDEX(Jesper!$R$2:$R$366,ROW(INDEX(Jesper!AI$2:AI$366,ROUNDDOWN($C259/24,0)+1,1))-1)+IF('Standard Profiles'!$G$19=$B$10,7,0)+IF('Standard Profiles'!$G$19=$B$17,14,0)+IF('Standard Profiles'!$G$19=$B$24,21,0),MOD($C259,24)+1)/SUM(INDEX($D$3:$AA$30,INDEX(Jesper!$R$2:$R$366,ROW(INDEX(Jesper!AI$2:AI$366,ROUNDDOWN($C259/24,0)+1,1))-1)+IF('Standard Profiles'!$G$19=$B$10,7,0)+IF('Standard Profiles'!$G$19=$B$17,14,0)+IF('Standard Profiles'!$G$19=$B$24,21,0),0)),0)</f>
        <v>30.386479702725882</v>
      </c>
      <c r="F259" cm="1">
        <f t="array" ref="F259">IFERROR(INDEX(Jesper!AJ$2:AJ$366,ROUNDDOWN($C259/24,0)+1,1)*INDEX($D$3:$AA$30,INDEX(Jesper!$R$2:$R$366,ROW(INDEX(Jesper!AJ$2:AJ$366,ROUNDDOWN($C259/24,0)+1,1))-1)+IF('Standard Profiles'!$G$20=$B$10,7,0)+IF('Standard Profiles'!$G$20=$B$17,14,0)+IF('Standard Profiles'!$G$20=$B$24,21,0),MOD($C259,24)+1)/SUM(INDEX($D$3:$AA$30,INDEX(Jesper!$R$2:$R$366,ROW(INDEX(Jesper!AJ$2:AJ$366,ROUNDDOWN($C259/24,0)+1,1))-1)+IF('Standard Profiles'!$G$20=$B$10,7,0)+IF('Standard Profiles'!$G$20=$B$17,14,0)+IF('Standard Profiles'!$G$20=$B$24,21,0),0)),0)</f>
        <v>0</v>
      </c>
      <c r="G259" cm="1">
        <f t="array" ref="G259">IFERROR(INDEX(Jesper!AK$2:AK$366,ROUNDDOWN($C259/24,0)+1,1)*INDEX($D$3:$AA$30,INDEX(Jesper!$R$2:$R$366,ROW(INDEX(Jesper!AK$2:AK$366,ROUNDDOWN($C259/24,0)+1,1))-1)+IF('Standard Profiles'!$G$21=$B$10,7,0)+IF('Standard Profiles'!$G$21=$B$17,14,0)+IF('Standard Profiles'!$G$21=$B$24,21,0),MOD($C259,24)+1)/SUM(INDEX($D$3:$AA$30,INDEX(Jesper!$R$2:$R$366,ROW(INDEX(Jesper!AK$2:AK$366,ROUNDDOWN($C259/24,0)+1,1))-1)+IF('Standard Profiles'!$G$21=$B$10,7,0)+IF('Standard Profiles'!$G$21=$B$17,14,0)+IF('Standard Profiles'!$G$21=$B$24,21,0),0)),0)</f>
        <v>19.980827912326721</v>
      </c>
      <c r="H259" cm="1">
        <f t="array" ref="H259">IFERROR(INDEX(Jesper!AL$2:AL$366,ROUNDDOWN($C259/24,0)+1,1)*INDEX($D$3:$AA$30,INDEX(Jesper!$R$2:$R$366,ROW(INDEX(Jesper!AL$2:AL$366,ROUNDDOWN($C259/24,0)+1,1))-1)+IF('Standard Profiles'!$G$22=$B$10,7,0)+IF('Standard Profiles'!$G$22=$B$17,14,0)+IF('Standard Profiles'!$G$22=$B$24,21,0),MOD($C259,24)+1)/SUM(INDEX($D$3:$AA$30,INDEX(Jesper!$R$2:$R$366,ROW(INDEX(Jesper!AL$2:AL$366,ROUNDDOWN($C259/24,0)+1,1))-1)+IF('Standard Profiles'!$G$22=$B$10,7,0)+IF('Standard Profiles'!$G$22=$B$17,14,0)+IF('Standard Profiles'!$G$22=$B$24,21,0),0)),0)</f>
        <v>0</v>
      </c>
      <c r="I259">
        <f t="shared" si="41"/>
        <v>9.5907973979168215</v>
      </c>
      <c r="J259">
        <f t="shared" si="42"/>
        <v>66.160546114005101</v>
      </c>
      <c r="K259">
        <f t="shared" si="43"/>
        <v>3.2233696376976915</v>
      </c>
      <c r="L259">
        <f t="shared" si="44"/>
        <v>1.6116848188488457</v>
      </c>
      <c r="M259">
        <f t="shared" si="45"/>
        <v>0</v>
      </c>
      <c r="N259" s="45">
        <f t="shared" si="46"/>
        <v>44936.374999999454</v>
      </c>
    </row>
    <row r="260" spans="2:14" x14ac:dyDescent="0.25">
      <c r="B260">
        <f t="shared" si="40"/>
        <v>2</v>
      </c>
      <c r="C260" s="16">
        <v>226</v>
      </c>
      <c r="D260" cm="1">
        <f t="array" ref="D260">IFERROR(INDEX(Jesper!AH$2:AH$366,ROUNDDOWN($C260/24,0)+1,1)*INDEX($D$3:$AA$30,INDEX(Jesper!$R$2:$R$366,ROW(INDEX(Jesper!AH$2:AH$366,ROUNDDOWN($C260/24,0)+1,1))-1)+IF('Standard Profiles'!$G$18=$B$10,7,0)+IF('Standard Profiles'!$G$18=$B$17,14,0)+IF('Standard Profiles'!$G$18=$B$24,21,0),MOD($C260,24)+1)/SUM(INDEX($D$3:$AA$30,INDEX(Jesper!$R$2:$R$366,ROW(INDEX(Jesper!AH$2:AH$366,ROUNDDOWN($C260/24,0)+1,1))-1)+IF('Standard Profiles'!$G$18=$B$10,7,0)+IF('Standard Profiles'!$G$18=$B$17,14,0)+IF('Standard Profiles'!$G$18=$B$24,21,0),0)),0)</f>
        <v>30.219090353415854</v>
      </c>
      <c r="E260" cm="1">
        <f t="array" ref="E260">IFERROR(INDEX(Jesper!AI$2:AI$366,ROUNDDOWN($C260/24,0)+1,1)*INDEX($D$3:$AA$30,INDEX(Jesper!$R$2:$R$366,ROW(INDEX(Jesper!AI$2:AI$366,ROUNDDOWN($C260/24,0)+1,1))-1)+IF('Standard Profiles'!$G$19=$B$10,7,0)+IF('Standard Profiles'!$G$19=$B$17,14,0)+IF('Standard Profiles'!$G$19=$B$24,21,0),MOD($C260,24)+1)/SUM(INDEX($D$3:$AA$30,INDEX(Jesper!$R$2:$R$366,ROW(INDEX(Jesper!AI$2:AI$366,ROUNDDOWN($C260/24,0)+1,1))-1)+IF('Standard Profiles'!$G$19=$B$10,7,0)+IF('Standard Profiles'!$G$19=$B$17,14,0)+IF('Standard Profiles'!$G$19=$B$24,21,0),0)),0)</f>
        <v>30.386479702725882</v>
      </c>
      <c r="F260" cm="1">
        <f t="array" ref="F260">IFERROR(INDEX(Jesper!AJ$2:AJ$366,ROUNDDOWN($C260/24,0)+1,1)*INDEX($D$3:$AA$30,INDEX(Jesper!$R$2:$R$366,ROW(INDEX(Jesper!AJ$2:AJ$366,ROUNDDOWN($C260/24,0)+1,1))-1)+IF('Standard Profiles'!$G$20=$B$10,7,0)+IF('Standard Profiles'!$G$20=$B$17,14,0)+IF('Standard Profiles'!$G$20=$B$24,21,0),MOD($C260,24)+1)/SUM(INDEX($D$3:$AA$30,INDEX(Jesper!$R$2:$R$366,ROW(INDEX(Jesper!AJ$2:AJ$366,ROUNDDOWN($C260/24,0)+1,1))-1)+IF('Standard Profiles'!$G$20=$B$10,7,0)+IF('Standard Profiles'!$G$20=$B$17,14,0)+IF('Standard Profiles'!$G$20=$B$24,21,0),0)),0)</f>
        <v>0</v>
      </c>
      <c r="G260" cm="1">
        <f t="array" ref="G260">IFERROR(INDEX(Jesper!AK$2:AK$366,ROUNDDOWN($C260/24,0)+1,1)*INDEX($D$3:$AA$30,INDEX(Jesper!$R$2:$R$366,ROW(INDEX(Jesper!AK$2:AK$366,ROUNDDOWN($C260/24,0)+1,1))-1)+IF('Standard Profiles'!$G$21=$B$10,7,0)+IF('Standard Profiles'!$G$21=$B$17,14,0)+IF('Standard Profiles'!$G$21=$B$24,21,0),MOD($C260,24)+1)/SUM(INDEX($D$3:$AA$30,INDEX(Jesper!$R$2:$R$366,ROW(INDEX(Jesper!AK$2:AK$366,ROUNDDOWN($C260/24,0)+1,1))-1)+IF('Standard Profiles'!$G$21=$B$10,7,0)+IF('Standard Profiles'!$G$21=$B$17,14,0)+IF('Standard Profiles'!$G$21=$B$24,21,0),0)),0)</f>
        <v>19.980827912326721</v>
      </c>
      <c r="H260" cm="1">
        <f t="array" ref="H260">IFERROR(INDEX(Jesper!AL$2:AL$366,ROUNDDOWN($C260/24,0)+1,1)*INDEX($D$3:$AA$30,INDEX(Jesper!$R$2:$R$366,ROW(INDEX(Jesper!AL$2:AL$366,ROUNDDOWN($C260/24,0)+1,1))-1)+IF('Standard Profiles'!$G$22=$B$10,7,0)+IF('Standard Profiles'!$G$22=$B$17,14,0)+IF('Standard Profiles'!$G$22=$B$24,21,0),MOD($C260,24)+1)/SUM(INDEX($D$3:$AA$30,INDEX(Jesper!$R$2:$R$366,ROW(INDEX(Jesper!AL$2:AL$366,ROUNDDOWN($C260/24,0)+1,1))-1)+IF('Standard Profiles'!$G$22=$B$10,7,0)+IF('Standard Profiles'!$G$22=$B$17,14,0)+IF('Standard Profiles'!$G$22=$B$24,21,0),0)),0)</f>
        <v>0</v>
      </c>
      <c r="I260">
        <f t="shared" si="41"/>
        <v>9.5907973979168215</v>
      </c>
      <c r="J260">
        <f t="shared" si="42"/>
        <v>66.160546114005101</v>
      </c>
      <c r="K260">
        <f t="shared" si="43"/>
        <v>3.2233696376976915</v>
      </c>
      <c r="L260">
        <f t="shared" si="44"/>
        <v>1.6116848188488457</v>
      </c>
      <c r="M260">
        <f t="shared" si="45"/>
        <v>0</v>
      </c>
      <c r="N260" s="45">
        <f t="shared" si="46"/>
        <v>44936.416666666119</v>
      </c>
    </row>
    <row r="261" spans="2:14" x14ac:dyDescent="0.25">
      <c r="B261">
        <f t="shared" si="40"/>
        <v>2</v>
      </c>
      <c r="C261" s="16">
        <v>227</v>
      </c>
      <c r="D261" cm="1">
        <f t="array" ref="D261">IFERROR(INDEX(Jesper!AH$2:AH$366,ROUNDDOWN($C261/24,0)+1,1)*INDEX($D$3:$AA$30,INDEX(Jesper!$R$2:$R$366,ROW(INDEX(Jesper!AH$2:AH$366,ROUNDDOWN($C261/24,0)+1,1))-1)+IF('Standard Profiles'!$G$18=$B$10,7,0)+IF('Standard Profiles'!$G$18=$B$17,14,0)+IF('Standard Profiles'!$G$18=$B$24,21,0),MOD($C261,24)+1)/SUM(INDEX($D$3:$AA$30,INDEX(Jesper!$R$2:$R$366,ROW(INDEX(Jesper!AH$2:AH$366,ROUNDDOWN($C261/24,0)+1,1))-1)+IF('Standard Profiles'!$G$18=$B$10,7,0)+IF('Standard Profiles'!$G$18=$B$17,14,0)+IF('Standard Profiles'!$G$18=$B$24,21,0),0)),0)</f>
        <v>36.159595294685637</v>
      </c>
      <c r="E261" cm="1">
        <f t="array" ref="E261">IFERROR(INDEX(Jesper!AI$2:AI$366,ROUNDDOWN($C261/24,0)+1,1)*INDEX($D$3:$AA$30,INDEX(Jesper!$R$2:$R$366,ROW(INDEX(Jesper!AI$2:AI$366,ROUNDDOWN($C261/24,0)+1,1))-1)+IF('Standard Profiles'!$G$19=$B$10,7,0)+IF('Standard Profiles'!$G$19=$B$17,14,0)+IF('Standard Profiles'!$G$19=$B$24,21,0),MOD($C261,24)+1)/SUM(INDEX($D$3:$AA$30,INDEX(Jesper!$R$2:$R$366,ROW(INDEX(Jesper!AI$2:AI$366,ROUNDDOWN($C261/24,0)+1,1))-1)+IF('Standard Profiles'!$G$19=$B$10,7,0)+IF('Standard Profiles'!$G$19=$B$17,14,0)+IF('Standard Profiles'!$G$19=$B$24,21,0),0)),0)</f>
        <v>36.359890242577976</v>
      </c>
      <c r="F261" cm="1">
        <f t="array" ref="F261">IFERROR(INDEX(Jesper!AJ$2:AJ$366,ROUNDDOWN($C261/24,0)+1,1)*INDEX($D$3:$AA$30,INDEX(Jesper!$R$2:$R$366,ROW(INDEX(Jesper!AJ$2:AJ$366,ROUNDDOWN($C261/24,0)+1,1))-1)+IF('Standard Profiles'!$G$20=$B$10,7,0)+IF('Standard Profiles'!$G$20=$B$17,14,0)+IF('Standard Profiles'!$G$20=$B$24,21,0),MOD($C261,24)+1)/SUM(INDEX($D$3:$AA$30,INDEX(Jesper!$R$2:$R$366,ROW(INDEX(Jesper!AJ$2:AJ$366,ROUNDDOWN($C261/24,0)+1,1))-1)+IF('Standard Profiles'!$G$20=$B$10,7,0)+IF('Standard Profiles'!$G$20=$B$17,14,0)+IF('Standard Profiles'!$G$20=$B$24,21,0),0)),0)</f>
        <v>0</v>
      </c>
      <c r="G261" cm="1">
        <f t="array" ref="G261">IFERROR(INDEX(Jesper!AK$2:AK$366,ROUNDDOWN($C261/24,0)+1,1)*INDEX($D$3:$AA$30,INDEX(Jesper!$R$2:$R$366,ROW(INDEX(Jesper!AK$2:AK$366,ROUNDDOWN($C261/24,0)+1,1))-1)+IF('Standard Profiles'!$G$21=$B$10,7,0)+IF('Standard Profiles'!$G$21=$B$17,14,0)+IF('Standard Profiles'!$G$21=$B$24,21,0),MOD($C261,24)+1)/SUM(INDEX($D$3:$AA$30,INDEX(Jesper!$R$2:$R$366,ROW(INDEX(Jesper!AK$2:AK$366,ROUNDDOWN($C261/24,0)+1,1))-1)+IF('Standard Profiles'!$G$21=$B$10,7,0)+IF('Standard Profiles'!$G$21=$B$17,14,0)+IF('Standard Profiles'!$G$21=$B$24,21,0),0)),0)</f>
        <v>23.90868297201488</v>
      </c>
      <c r="H261" cm="1">
        <f t="array" ref="H261">IFERROR(INDEX(Jesper!AL$2:AL$366,ROUNDDOWN($C261/24,0)+1,1)*INDEX($D$3:$AA$30,INDEX(Jesper!$R$2:$R$366,ROW(INDEX(Jesper!AL$2:AL$366,ROUNDDOWN($C261/24,0)+1,1))-1)+IF('Standard Profiles'!$G$22=$B$10,7,0)+IF('Standard Profiles'!$G$22=$B$17,14,0)+IF('Standard Profiles'!$G$22=$B$24,21,0),MOD($C261,24)+1)/SUM(INDEX($D$3:$AA$30,INDEX(Jesper!$R$2:$R$366,ROW(INDEX(Jesper!AL$2:AL$366,ROUNDDOWN($C261/24,0)+1,1))-1)+IF('Standard Profiles'!$G$22=$B$10,7,0)+IF('Standard Profiles'!$G$22=$B$17,14,0)+IF('Standard Profiles'!$G$22=$B$24,21,0),0)),0)</f>
        <v>0</v>
      </c>
      <c r="I261">
        <f t="shared" si="41"/>
        <v>11.476167826567137</v>
      </c>
      <c r="J261">
        <f t="shared" si="42"/>
        <v>79.166465435561648</v>
      </c>
      <c r="K261">
        <f t="shared" si="43"/>
        <v>3.8570234980998017</v>
      </c>
      <c r="L261">
        <f t="shared" si="44"/>
        <v>1.9285117490499009</v>
      </c>
      <c r="M261">
        <f t="shared" si="45"/>
        <v>0</v>
      </c>
      <c r="N261" s="45">
        <f t="shared" si="46"/>
        <v>44936.458333332783</v>
      </c>
    </row>
    <row r="262" spans="2:14" x14ac:dyDescent="0.25">
      <c r="B262">
        <f t="shared" si="40"/>
        <v>2</v>
      </c>
      <c r="C262" s="16">
        <v>228</v>
      </c>
      <c r="D262" cm="1">
        <f t="array" ref="D262">IFERROR(INDEX(Jesper!AH$2:AH$366,ROUNDDOWN($C262/24,0)+1,1)*INDEX($D$3:$AA$30,INDEX(Jesper!$R$2:$R$366,ROW(INDEX(Jesper!AH$2:AH$366,ROUNDDOWN($C262/24,0)+1,1))-1)+IF('Standard Profiles'!$G$18=$B$10,7,0)+IF('Standard Profiles'!$G$18=$B$17,14,0)+IF('Standard Profiles'!$G$18=$B$24,21,0),MOD($C262,24)+1)/SUM(INDEX($D$3:$AA$30,INDEX(Jesper!$R$2:$R$366,ROW(INDEX(Jesper!AH$2:AH$366,ROUNDDOWN($C262/24,0)+1,1))-1)+IF('Standard Profiles'!$G$18=$B$10,7,0)+IF('Standard Profiles'!$G$18=$B$17,14,0)+IF('Standard Profiles'!$G$18=$B$24,21,0),0)),0)</f>
        <v>36.159595294685637</v>
      </c>
      <c r="E262" cm="1">
        <f t="array" ref="E262">IFERROR(INDEX(Jesper!AI$2:AI$366,ROUNDDOWN($C262/24,0)+1,1)*INDEX($D$3:$AA$30,INDEX(Jesper!$R$2:$R$366,ROW(INDEX(Jesper!AI$2:AI$366,ROUNDDOWN($C262/24,0)+1,1))-1)+IF('Standard Profiles'!$G$19=$B$10,7,0)+IF('Standard Profiles'!$G$19=$B$17,14,0)+IF('Standard Profiles'!$G$19=$B$24,21,0),MOD($C262,24)+1)/SUM(INDEX($D$3:$AA$30,INDEX(Jesper!$R$2:$R$366,ROW(INDEX(Jesper!AI$2:AI$366,ROUNDDOWN($C262/24,0)+1,1))-1)+IF('Standard Profiles'!$G$19=$B$10,7,0)+IF('Standard Profiles'!$G$19=$B$17,14,0)+IF('Standard Profiles'!$G$19=$B$24,21,0),0)),0)</f>
        <v>36.359890242577976</v>
      </c>
      <c r="F262" cm="1">
        <f t="array" ref="F262">IFERROR(INDEX(Jesper!AJ$2:AJ$366,ROUNDDOWN($C262/24,0)+1,1)*INDEX($D$3:$AA$30,INDEX(Jesper!$R$2:$R$366,ROW(INDEX(Jesper!AJ$2:AJ$366,ROUNDDOWN($C262/24,0)+1,1))-1)+IF('Standard Profiles'!$G$20=$B$10,7,0)+IF('Standard Profiles'!$G$20=$B$17,14,0)+IF('Standard Profiles'!$G$20=$B$24,21,0),MOD($C262,24)+1)/SUM(INDEX($D$3:$AA$30,INDEX(Jesper!$R$2:$R$366,ROW(INDEX(Jesper!AJ$2:AJ$366,ROUNDDOWN($C262/24,0)+1,1))-1)+IF('Standard Profiles'!$G$20=$B$10,7,0)+IF('Standard Profiles'!$G$20=$B$17,14,0)+IF('Standard Profiles'!$G$20=$B$24,21,0),0)),0)</f>
        <v>0</v>
      </c>
      <c r="G262" cm="1">
        <f t="array" ref="G262">IFERROR(INDEX(Jesper!AK$2:AK$366,ROUNDDOWN($C262/24,0)+1,1)*INDEX($D$3:$AA$30,INDEX(Jesper!$R$2:$R$366,ROW(INDEX(Jesper!AK$2:AK$366,ROUNDDOWN($C262/24,0)+1,1))-1)+IF('Standard Profiles'!$G$21=$B$10,7,0)+IF('Standard Profiles'!$G$21=$B$17,14,0)+IF('Standard Profiles'!$G$21=$B$24,21,0),MOD($C262,24)+1)/SUM(INDEX($D$3:$AA$30,INDEX(Jesper!$R$2:$R$366,ROW(INDEX(Jesper!AK$2:AK$366,ROUNDDOWN($C262/24,0)+1,1))-1)+IF('Standard Profiles'!$G$21=$B$10,7,0)+IF('Standard Profiles'!$G$21=$B$17,14,0)+IF('Standard Profiles'!$G$21=$B$24,21,0),0)),0)</f>
        <v>23.90868297201488</v>
      </c>
      <c r="H262" cm="1">
        <f t="array" ref="H262">IFERROR(INDEX(Jesper!AL$2:AL$366,ROUNDDOWN($C262/24,0)+1,1)*INDEX($D$3:$AA$30,INDEX(Jesper!$R$2:$R$366,ROW(INDEX(Jesper!AL$2:AL$366,ROUNDDOWN($C262/24,0)+1,1))-1)+IF('Standard Profiles'!$G$22=$B$10,7,0)+IF('Standard Profiles'!$G$22=$B$17,14,0)+IF('Standard Profiles'!$G$22=$B$24,21,0),MOD($C262,24)+1)/SUM(INDEX($D$3:$AA$30,INDEX(Jesper!$R$2:$R$366,ROW(INDEX(Jesper!AL$2:AL$366,ROUNDDOWN($C262/24,0)+1,1))-1)+IF('Standard Profiles'!$G$22=$B$10,7,0)+IF('Standard Profiles'!$G$22=$B$17,14,0)+IF('Standard Profiles'!$G$22=$B$24,21,0),0)),0)</f>
        <v>0</v>
      </c>
      <c r="I262">
        <f t="shared" si="41"/>
        <v>11.476167826567137</v>
      </c>
      <c r="J262">
        <f t="shared" si="42"/>
        <v>79.166465435561648</v>
      </c>
      <c r="K262">
        <f t="shared" si="43"/>
        <v>3.8570234980998017</v>
      </c>
      <c r="L262">
        <f t="shared" si="44"/>
        <v>1.9285117490499009</v>
      </c>
      <c r="M262">
        <f t="shared" si="45"/>
        <v>0</v>
      </c>
      <c r="N262" s="45">
        <f t="shared" si="46"/>
        <v>44936.499999999447</v>
      </c>
    </row>
    <row r="263" spans="2:14" x14ac:dyDescent="0.25">
      <c r="B263">
        <f t="shared" si="40"/>
        <v>2</v>
      </c>
      <c r="C263" s="16">
        <v>229</v>
      </c>
      <c r="D263" cm="1">
        <f t="array" ref="D263">IFERROR(INDEX(Jesper!AH$2:AH$366,ROUNDDOWN($C263/24,0)+1,1)*INDEX($D$3:$AA$30,INDEX(Jesper!$R$2:$R$366,ROW(INDEX(Jesper!AH$2:AH$366,ROUNDDOWN($C263/24,0)+1,1))-1)+IF('Standard Profiles'!$G$18=$B$10,7,0)+IF('Standard Profiles'!$G$18=$B$17,14,0)+IF('Standard Profiles'!$G$18=$B$24,21,0),MOD($C263,24)+1)/SUM(INDEX($D$3:$AA$30,INDEX(Jesper!$R$2:$R$366,ROW(INDEX(Jesper!AH$2:AH$366,ROUNDDOWN($C263/24,0)+1,1))-1)+IF('Standard Profiles'!$G$18=$B$10,7,0)+IF('Standard Profiles'!$G$18=$B$17,14,0)+IF('Standard Profiles'!$G$18=$B$24,21,0),0)),0)</f>
        <v>24.020302588612601</v>
      </c>
      <c r="E263" cm="1">
        <f t="array" ref="E263">IFERROR(INDEX(Jesper!AI$2:AI$366,ROUNDDOWN($C263/24,0)+1,1)*INDEX($D$3:$AA$30,INDEX(Jesper!$R$2:$R$366,ROW(INDEX(Jesper!AI$2:AI$366,ROUNDDOWN($C263/24,0)+1,1))-1)+IF('Standard Profiles'!$G$19=$B$10,7,0)+IF('Standard Profiles'!$G$19=$B$17,14,0)+IF('Standard Profiles'!$G$19=$B$24,21,0),MOD($C263,24)+1)/SUM(INDEX($D$3:$AA$30,INDEX(Jesper!$R$2:$R$366,ROW(INDEX(Jesper!AI$2:AI$366,ROUNDDOWN($C263/24,0)+1,1))-1)+IF('Standard Profiles'!$G$19=$B$10,7,0)+IF('Standard Profiles'!$G$19=$B$17,14,0)+IF('Standard Profiles'!$G$19=$B$24,21,0),0)),0)</f>
        <v>24.153355661141084</v>
      </c>
      <c r="F263" cm="1">
        <f t="array" ref="F263">IFERROR(INDEX(Jesper!AJ$2:AJ$366,ROUNDDOWN($C263/24,0)+1,1)*INDEX($D$3:$AA$30,INDEX(Jesper!$R$2:$R$366,ROW(INDEX(Jesper!AJ$2:AJ$366,ROUNDDOWN($C263/24,0)+1,1))-1)+IF('Standard Profiles'!$G$20=$B$10,7,0)+IF('Standard Profiles'!$G$20=$B$17,14,0)+IF('Standard Profiles'!$G$20=$B$24,21,0),MOD($C263,24)+1)/SUM(INDEX($D$3:$AA$30,INDEX(Jesper!$R$2:$R$366,ROW(INDEX(Jesper!AJ$2:AJ$366,ROUNDDOWN($C263/24,0)+1,1))-1)+IF('Standard Profiles'!$G$20=$B$10,7,0)+IF('Standard Profiles'!$G$20=$B$17,14,0)+IF('Standard Profiles'!$G$20=$B$24,21,0),0)),0)</f>
        <v>0</v>
      </c>
      <c r="G263" cm="1">
        <f t="array" ref="G263">IFERROR(INDEX(Jesper!AK$2:AK$366,ROUNDDOWN($C263/24,0)+1,1)*INDEX($D$3:$AA$30,INDEX(Jesper!$R$2:$R$366,ROW(INDEX(Jesper!AK$2:AK$366,ROUNDDOWN($C263/24,0)+1,1))-1)+IF('Standard Profiles'!$G$21=$B$10,7,0)+IF('Standard Profiles'!$G$21=$B$17,14,0)+IF('Standard Profiles'!$G$21=$B$24,21,0),MOD($C263,24)+1)/SUM(INDEX($D$3:$AA$30,INDEX(Jesper!$R$2:$R$366,ROW(INDEX(Jesper!AK$2:AK$366,ROUNDDOWN($C263/24,0)+1,1))-1)+IF('Standard Profiles'!$G$21=$B$10,7,0)+IF('Standard Profiles'!$G$21=$B$17,14,0)+IF('Standard Profiles'!$G$21=$B$24,21,0),0)),0)</f>
        <v>15.882196545695596</v>
      </c>
      <c r="H263" cm="1">
        <f t="array" ref="H263">IFERROR(INDEX(Jesper!AL$2:AL$366,ROUNDDOWN($C263/24,0)+1,1)*INDEX($D$3:$AA$30,INDEX(Jesper!$R$2:$R$366,ROW(INDEX(Jesper!AL$2:AL$366,ROUNDDOWN($C263/24,0)+1,1))-1)+IF('Standard Profiles'!$G$22=$B$10,7,0)+IF('Standard Profiles'!$G$22=$B$17,14,0)+IF('Standard Profiles'!$G$22=$B$24,21,0),MOD($C263,24)+1)/SUM(INDEX($D$3:$AA$30,INDEX(Jesper!$R$2:$R$366,ROW(INDEX(Jesper!AL$2:AL$366,ROUNDDOWN($C263/24,0)+1,1))-1)+IF('Standard Profiles'!$G$22=$B$10,7,0)+IF('Standard Profiles'!$G$22=$B$17,14,0)+IF('Standard Profiles'!$G$22=$B$24,21,0),0)),0)</f>
        <v>0</v>
      </c>
      <c r="I263">
        <f t="shared" si="41"/>
        <v>7.6234543419338818</v>
      </c>
      <c r="J263">
        <f t="shared" si="42"/>
        <v>52.589152039337378</v>
      </c>
      <c r="K263">
        <f t="shared" si="43"/>
        <v>2.5621656094520109</v>
      </c>
      <c r="L263">
        <f t="shared" si="44"/>
        <v>1.2810828047260054</v>
      </c>
      <c r="M263">
        <f t="shared" si="45"/>
        <v>0</v>
      </c>
      <c r="N263" s="45">
        <f t="shared" si="46"/>
        <v>44936.541666666111</v>
      </c>
    </row>
    <row r="264" spans="2:14" x14ac:dyDescent="0.25">
      <c r="B264">
        <f t="shared" si="40"/>
        <v>2</v>
      </c>
      <c r="C264" s="16">
        <v>230</v>
      </c>
      <c r="D264" cm="1">
        <f t="array" ref="D264">IFERROR(INDEX(Jesper!AH$2:AH$366,ROUNDDOWN($C264/24,0)+1,1)*INDEX($D$3:$AA$30,INDEX(Jesper!$R$2:$R$366,ROW(INDEX(Jesper!AH$2:AH$366,ROUNDDOWN($C264/24,0)+1,1))-1)+IF('Standard Profiles'!$G$18=$B$10,7,0)+IF('Standard Profiles'!$G$18=$B$17,14,0)+IF('Standard Profiles'!$G$18=$B$24,21,0),MOD($C264,24)+1)/SUM(INDEX($D$3:$AA$30,INDEX(Jesper!$R$2:$R$366,ROW(INDEX(Jesper!AH$2:AH$366,ROUNDDOWN($C264/24,0)+1,1))-1)+IF('Standard Profiles'!$G$18=$B$10,7,0)+IF('Standard Profiles'!$G$18=$B$17,14,0)+IF('Standard Profiles'!$G$18=$B$24,21,0),0)),0)</f>
        <v>36.159595294685637</v>
      </c>
      <c r="E264" cm="1">
        <f t="array" ref="E264">IFERROR(INDEX(Jesper!AI$2:AI$366,ROUNDDOWN($C264/24,0)+1,1)*INDEX($D$3:$AA$30,INDEX(Jesper!$R$2:$R$366,ROW(INDEX(Jesper!AI$2:AI$366,ROUNDDOWN($C264/24,0)+1,1))-1)+IF('Standard Profiles'!$G$19=$B$10,7,0)+IF('Standard Profiles'!$G$19=$B$17,14,0)+IF('Standard Profiles'!$G$19=$B$24,21,0),MOD($C264,24)+1)/SUM(INDEX($D$3:$AA$30,INDEX(Jesper!$R$2:$R$366,ROW(INDEX(Jesper!AI$2:AI$366,ROUNDDOWN($C264/24,0)+1,1))-1)+IF('Standard Profiles'!$G$19=$B$10,7,0)+IF('Standard Profiles'!$G$19=$B$17,14,0)+IF('Standard Profiles'!$G$19=$B$24,21,0),0)),0)</f>
        <v>36.359890242577976</v>
      </c>
      <c r="F264" cm="1">
        <f t="array" ref="F264">IFERROR(INDEX(Jesper!AJ$2:AJ$366,ROUNDDOWN($C264/24,0)+1,1)*INDEX($D$3:$AA$30,INDEX(Jesper!$R$2:$R$366,ROW(INDEX(Jesper!AJ$2:AJ$366,ROUNDDOWN($C264/24,0)+1,1))-1)+IF('Standard Profiles'!$G$20=$B$10,7,0)+IF('Standard Profiles'!$G$20=$B$17,14,0)+IF('Standard Profiles'!$G$20=$B$24,21,0),MOD($C264,24)+1)/SUM(INDEX($D$3:$AA$30,INDEX(Jesper!$R$2:$R$366,ROW(INDEX(Jesper!AJ$2:AJ$366,ROUNDDOWN($C264/24,0)+1,1))-1)+IF('Standard Profiles'!$G$20=$B$10,7,0)+IF('Standard Profiles'!$G$20=$B$17,14,0)+IF('Standard Profiles'!$G$20=$B$24,21,0),0)),0)</f>
        <v>0</v>
      </c>
      <c r="G264" cm="1">
        <f t="array" ref="G264">IFERROR(INDEX(Jesper!AK$2:AK$366,ROUNDDOWN($C264/24,0)+1,1)*INDEX($D$3:$AA$30,INDEX(Jesper!$R$2:$R$366,ROW(INDEX(Jesper!AK$2:AK$366,ROUNDDOWN($C264/24,0)+1,1))-1)+IF('Standard Profiles'!$G$21=$B$10,7,0)+IF('Standard Profiles'!$G$21=$B$17,14,0)+IF('Standard Profiles'!$G$21=$B$24,21,0),MOD($C264,24)+1)/SUM(INDEX($D$3:$AA$30,INDEX(Jesper!$R$2:$R$366,ROW(INDEX(Jesper!AK$2:AK$366,ROUNDDOWN($C264/24,0)+1,1))-1)+IF('Standard Profiles'!$G$21=$B$10,7,0)+IF('Standard Profiles'!$G$21=$B$17,14,0)+IF('Standard Profiles'!$G$21=$B$24,21,0),0)),0)</f>
        <v>23.90868297201488</v>
      </c>
      <c r="H264" cm="1">
        <f t="array" ref="H264">IFERROR(INDEX(Jesper!AL$2:AL$366,ROUNDDOWN($C264/24,0)+1,1)*INDEX($D$3:$AA$30,INDEX(Jesper!$R$2:$R$366,ROW(INDEX(Jesper!AL$2:AL$366,ROUNDDOWN($C264/24,0)+1,1))-1)+IF('Standard Profiles'!$G$22=$B$10,7,0)+IF('Standard Profiles'!$G$22=$B$17,14,0)+IF('Standard Profiles'!$G$22=$B$24,21,0),MOD($C264,24)+1)/SUM(INDEX($D$3:$AA$30,INDEX(Jesper!$R$2:$R$366,ROW(INDEX(Jesper!AL$2:AL$366,ROUNDDOWN($C264/24,0)+1,1))-1)+IF('Standard Profiles'!$G$22=$B$10,7,0)+IF('Standard Profiles'!$G$22=$B$17,14,0)+IF('Standard Profiles'!$G$22=$B$24,21,0),0)),0)</f>
        <v>0</v>
      </c>
      <c r="I264">
        <f t="shared" si="41"/>
        <v>11.476167826567137</v>
      </c>
      <c r="J264">
        <f t="shared" si="42"/>
        <v>79.166465435561648</v>
      </c>
      <c r="K264">
        <f t="shared" si="43"/>
        <v>3.8570234980998017</v>
      </c>
      <c r="L264">
        <f t="shared" si="44"/>
        <v>1.9285117490499009</v>
      </c>
      <c r="M264">
        <f t="shared" si="45"/>
        <v>0</v>
      </c>
      <c r="N264" s="45">
        <f t="shared" si="46"/>
        <v>44936.583333332776</v>
      </c>
    </row>
    <row r="265" spans="2:14" x14ac:dyDescent="0.25">
      <c r="B265">
        <f t="shared" si="40"/>
        <v>2</v>
      </c>
      <c r="C265" s="16">
        <v>231</v>
      </c>
      <c r="D265" cm="1">
        <f t="array" ref="D265">IFERROR(INDEX(Jesper!AH$2:AH$366,ROUNDDOWN($C265/24,0)+1,1)*INDEX($D$3:$AA$30,INDEX(Jesper!$R$2:$R$366,ROW(INDEX(Jesper!AH$2:AH$366,ROUNDDOWN($C265/24,0)+1,1))-1)+IF('Standard Profiles'!$G$18=$B$10,7,0)+IF('Standard Profiles'!$G$18=$B$17,14,0)+IF('Standard Profiles'!$G$18=$B$24,21,0),MOD($C265,24)+1)/SUM(INDEX($D$3:$AA$30,INDEX(Jesper!$R$2:$R$366,ROW(INDEX(Jesper!AH$2:AH$366,ROUNDDOWN($C265/24,0)+1,1))-1)+IF('Standard Profiles'!$G$18=$B$10,7,0)+IF('Standard Profiles'!$G$18=$B$17,14,0)+IF('Standard Profiles'!$G$18=$B$24,21,0),0)),0)</f>
        <v>36.159595294685637</v>
      </c>
      <c r="E265" cm="1">
        <f t="array" ref="E265">IFERROR(INDEX(Jesper!AI$2:AI$366,ROUNDDOWN($C265/24,0)+1,1)*INDEX($D$3:$AA$30,INDEX(Jesper!$R$2:$R$366,ROW(INDEX(Jesper!AI$2:AI$366,ROUNDDOWN($C265/24,0)+1,1))-1)+IF('Standard Profiles'!$G$19=$B$10,7,0)+IF('Standard Profiles'!$G$19=$B$17,14,0)+IF('Standard Profiles'!$G$19=$B$24,21,0),MOD($C265,24)+1)/SUM(INDEX($D$3:$AA$30,INDEX(Jesper!$R$2:$R$366,ROW(INDEX(Jesper!AI$2:AI$366,ROUNDDOWN($C265/24,0)+1,1))-1)+IF('Standard Profiles'!$G$19=$B$10,7,0)+IF('Standard Profiles'!$G$19=$B$17,14,0)+IF('Standard Profiles'!$G$19=$B$24,21,0),0)),0)</f>
        <v>36.359890242577976</v>
      </c>
      <c r="F265" cm="1">
        <f t="array" ref="F265">IFERROR(INDEX(Jesper!AJ$2:AJ$366,ROUNDDOWN($C265/24,0)+1,1)*INDEX($D$3:$AA$30,INDEX(Jesper!$R$2:$R$366,ROW(INDEX(Jesper!AJ$2:AJ$366,ROUNDDOWN($C265/24,0)+1,1))-1)+IF('Standard Profiles'!$G$20=$B$10,7,0)+IF('Standard Profiles'!$G$20=$B$17,14,0)+IF('Standard Profiles'!$G$20=$B$24,21,0),MOD($C265,24)+1)/SUM(INDEX($D$3:$AA$30,INDEX(Jesper!$R$2:$R$366,ROW(INDEX(Jesper!AJ$2:AJ$366,ROUNDDOWN($C265/24,0)+1,1))-1)+IF('Standard Profiles'!$G$20=$B$10,7,0)+IF('Standard Profiles'!$G$20=$B$17,14,0)+IF('Standard Profiles'!$G$20=$B$24,21,0),0)),0)</f>
        <v>0</v>
      </c>
      <c r="G265" cm="1">
        <f t="array" ref="G265">IFERROR(INDEX(Jesper!AK$2:AK$366,ROUNDDOWN($C265/24,0)+1,1)*INDEX($D$3:$AA$30,INDEX(Jesper!$R$2:$R$366,ROW(INDEX(Jesper!AK$2:AK$366,ROUNDDOWN($C265/24,0)+1,1))-1)+IF('Standard Profiles'!$G$21=$B$10,7,0)+IF('Standard Profiles'!$G$21=$B$17,14,0)+IF('Standard Profiles'!$G$21=$B$24,21,0),MOD($C265,24)+1)/SUM(INDEX($D$3:$AA$30,INDEX(Jesper!$R$2:$R$366,ROW(INDEX(Jesper!AK$2:AK$366,ROUNDDOWN($C265/24,0)+1,1))-1)+IF('Standard Profiles'!$G$21=$B$10,7,0)+IF('Standard Profiles'!$G$21=$B$17,14,0)+IF('Standard Profiles'!$G$21=$B$24,21,0),0)),0)</f>
        <v>23.90868297201488</v>
      </c>
      <c r="H265" cm="1">
        <f t="array" ref="H265">IFERROR(INDEX(Jesper!AL$2:AL$366,ROUNDDOWN($C265/24,0)+1,1)*INDEX($D$3:$AA$30,INDEX(Jesper!$R$2:$R$366,ROW(INDEX(Jesper!AL$2:AL$366,ROUNDDOWN($C265/24,0)+1,1))-1)+IF('Standard Profiles'!$G$22=$B$10,7,0)+IF('Standard Profiles'!$G$22=$B$17,14,0)+IF('Standard Profiles'!$G$22=$B$24,21,0),MOD($C265,24)+1)/SUM(INDEX($D$3:$AA$30,INDEX(Jesper!$R$2:$R$366,ROW(INDEX(Jesper!AL$2:AL$366,ROUNDDOWN($C265/24,0)+1,1))-1)+IF('Standard Profiles'!$G$22=$B$10,7,0)+IF('Standard Profiles'!$G$22=$B$17,14,0)+IF('Standard Profiles'!$G$22=$B$24,21,0),0)),0)</f>
        <v>0</v>
      </c>
      <c r="I265">
        <f t="shared" si="41"/>
        <v>11.476167826567137</v>
      </c>
      <c r="J265">
        <f t="shared" si="42"/>
        <v>79.166465435561648</v>
      </c>
      <c r="K265">
        <f t="shared" si="43"/>
        <v>3.8570234980998017</v>
      </c>
      <c r="L265">
        <f t="shared" si="44"/>
        <v>1.9285117490499009</v>
      </c>
      <c r="M265">
        <f t="shared" si="45"/>
        <v>0</v>
      </c>
      <c r="N265" s="45">
        <f t="shared" si="46"/>
        <v>44936.62499999944</v>
      </c>
    </row>
    <row r="266" spans="2:14" x14ac:dyDescent="0.25">
      <c r="B266">
        <f t="shared" si="40"/>
        <v>2</v>
      </c>
      <c r="C266" s="16">
        <v>232</v>
      </c>
      <c r="D266" cm="1">
        <f t="array" ref="D266">IFERROR(INDEX(Jesper!AH$2:AH$366,ROUNDDOWN($C266/24,0)+1,1)*INDEX($D$3:$AA$30,INDEX(Jesper!$R$2:$R$366,ROW(INDEX(Jesper!AH$2:AH$366,ROUNDDOWN($C266/24,0)+1,1))-1)+IF('Standard Profiles'!$G$18=$B$10,7,0)+IF('Standard Profiles'!$G$18=$B$17,14,0)+IF('Standard Profiles'!$G$18=$B$24,21,0),MOD($C266,24)+1)/SUM(INDEX($D$3:$AA$30,INDEX(Jesper!$R$2:$R$366,ROW(INDEX(Jesper!AH$2:AH$366,ROUNDDOWN($C266/24,0)+1,1))-1)+IF('Standard Profiles'!$G$18=$B$10,7,0)+IF('Standard Profiles'!$G$18=$B$17,14,0)+IF('Standard Profiles'!$G$18=$B$24,21,0),0)),0)</f>
        <v>21.308332941511178</v>
      </c>
      <c r="E266" cm="1">
        <f t="array" ref="E266">IFERROR(INDEX(Jesper!AI$2:AI$366,ROUNDDOWN($C266/24,0)+1,1)*INDEX($D$3:$AA$30,INDEX(Jesper!$R$2:$R$366,ROW(INDEX(Jesper!AI$2:AI$366,ROUNDDOWN($C266/24,0)+1,1))-1)+IF('Standard Profiles'!$G$19=$B$10,7,0)+IF('Standard Profiles'!$G$19=$B$17,14,0)+IF('Standard Profiles'!$G$19=$B$24,21,0),MOD($C266,24)+1)/SUM(INDEX($D$3:$AA$30,INDEX(Jesper!$R$2:$R$366,ROW(INDEX(Jesper!AI$2:AI$366,ROUNDDOWN($C266/24,0)+1,1))-1)+IF('Standard Profiles'!$G$19=$B$10,7,0)+IF('Standard Profiles'!$G$19=$B$17,14,0)+IF('Standard Profiles'!$G$19=$B$24,21,0),0)),0)</f>
        <v>21.426363892947734</v>
      </c>
      <c r="F266" cm="1">
        <f t="array" ref="F266">IFERROR(INDEX(Jesper!AJ$2:AJ$366,ROUNDDOWN($C266/24,0)+1,1)*INDEX($D$3:$AA$30,INDEX(Jesper!$R$2:$R$366,ROW(INDEX(Jesper!AJ$2:AJ$366,ROUNDDOWN($C266/24,0)+1,1))-1)+IF('Standard Profiles'!$G$20=$B$10,7,0)+IF('Standard Profiles'!$G$20=$B$17,14,0)+IF('Standard Profiles'!$G$20=$B$24,21,0),MOD($C266,24)+1)/SUM(INDEX($D$3:$AA$30,INDEX(Jesper!$R$2:$R$366,ROW(INDEX(Jesper!AJ$2:AJ$366,ROUNDDOWN($C266/24,0)+1,1))-1)+IF('Standard Profiles'!$G$20=$B$10,7,0)+IF('Standard Profiles'!$G$20=$B$17,14,0)+IF('Standard Profiles'!$G$20=$B$24,21,0),0)),0)</f>
        <v>0</v>
      </c>
      <c r="G266" cm="1">
        <f t="array" ref="G266">IFERROR(INDEX(Jesper!AK$2:AK$366,ROUNDDOWN($C266/24,0)+1,1)*INDEX($D$3:$AA$30,INDEX(Jesper!$R$2:$R$366,ROW(INDEX(Jesper!AK$2:AK$366,ROUNDDOWN($C266/24,0)+1,1))-1)+IF('Standard Profiles'!$G$21=$B$10,7,0)+IF('Standard Profiles'!$G$21=$B$17,14,0)+IF('Standard Profiles'!$G$21=$B$24,21,0),MOD($C266,24)+1)/SUM(INDEX($D$3:$AA$30,INDEX(Jesper!$R$2:$R$366,ROW(INDEX(Jesper!AK$2:AK$366,ROUNDDOWN($C266/24,0)+1,1))-1)+IF('Standard Profiles'!$G$21=$B$10,7,0)+IF('Standard Profiles'!$G$21=$B$17,14,0)+IF('Standard Profiles'!$G$21=$B$24,21,0),0)),0)</f>
        <v>19.984461450772315</v>
      </c>
      <c r="H266" cm="1">
        <f t="array" ref="H266">IFERROR(INDEX(Jesper!AL$2:AL$366,ROUNDDOWN($C266/24,0)+1,1)*INDEX($D$3:$AA$30,INDEX(Jesper!$R$2:$R$366,ROW(INDEX(Jesper!AL$2:AL$366,ROUNDDOWN($C266/24,0)+1,1))-1)+IF('Standard Profiles'!$G$22=$B$10,7,0)+IF('Standard Profiles'!$G$22=$B$17,14,0)+IF('Standard Profiles'!$G$22=$B$24,21,0),MOD($C266,24)+1)/SUM(INDEX($D$3:$AA$30,INDEX(Jesper!$R$2:$R$366,ROW(INDEX(Jesper!AL$2:AL$366,ROUNDDOWN($C266/24,0)+1,1))-1)+IF('Standard Profiles'!$G$22=$B$10,7,0)+IF('Standard Profiles'!$G$22=$B$17,14,0)+IF('Standard Profiles'!$G$22=$B$24,21,0),0)),0)</f>
        <v>0</v>
      </c>
      <c r="I266">
        <f t="shared" si="41"/>
        <v>9.592541496370707</v>
      </c>
      <c r="J266">
        <f t="shared" si="42"/>
        <v>49.717283518218728</v>
      </c>
      <c r="K266">
        <f t="shared" si="43"/>
        <v>2.2728888470945257</v>
      </c>
      <c r="L266">
        <f t="shared" si="44"/>
        <v>1.1364444235472628</v>
      </c>
      <c r="M266">
        <f t="shared" si="45"/>
        <v>0</v>
      </c>
      <c r="N266" s="45">
        <f t="shared" si="46"/>
        <v>44936.666666666104</v>
      </c>
    </row>
    <row r="267" spans="2:14" x14ac:dyDescent="0.25">
      <c r="B267">
        <f t="shared" si="40"/>
        <v>2</v>
      </c>
      <c r="C267" s="16">
        <v>233</v>
      </c>
      <c r="D267" cm="1">
        <f t="array" ref="D267">IFERROR(INDEX(Jesper!AH$2:AH$366,ROUNDDOWN($C267/24,0)+1,1)*INDEX($D$3:$AA$30,INDEX(Jesper!$R$2:$R$366,ROW(INDEX(Jesper!AH$2:AH$366,ROUNDDOWN($C267/24,0)+1,1))-1)+IF('Standard Profiles'!$G$18=$B$10,7,0)+IF('Standard Profiles'!$G$18=$B$17,14,0)+IF('Standard Profiles'!$G$18=$B$24,21,0),MOD($C267,24)+1)/SUM(INDEX($D$3:$AA$30,INDEX(Jesper!$R$2:$R$366,ROW(INDEX(Jesper!AH$2:AH$366,ROUNDDOWN($C267/24,0)+1,1))-1)+IF('Standard Profiles'!$G$18=$B$10,7,0)+IF('Standard Profiles'!$G$18=$B$17,14,0)+IF('Standard Profiles'!$G$18=$B$24,21,0),0)),0)</f>
        <v>9.0944656173756631</v>
      </c>
      <c r="E267" cm="1">
        <f t="array" ref="E267">IFERROR(INDEX(Jesper!AI$2:AI$366,ROUNDDOWN($C267/24,0)+1,1)*INDEX($D$3:$AA$30,INDEX(Jesper!$R$2:$R$366,ROW(INDEX(Jesper!AI$2:AI$366,ROUNDDOWN($C267/24,0)+1,1))-1)+IF('Standard Profiles'!$G$19=$B$10,7,0)+IF('Standard Profiles'!$G$19=$B$17,14,0)+IF('Standard Profiles'!$G$19=$B$24,21,0),MOD($C267,24)+1)/SUM(INDEX($D$3:$AA$30,INDEX(Jesper!$R$2:$R$366,ROW(INDEX(Jesper!AI$2:AI$366,ROUNDDOWN($C267/24,0)+1,1))-1)+IF('Standard Profiles'!$G$19=$B$10,7,0)+IF('Standard Profiles'!$G$19=$B$17,14,0)+IF('Standard Profiles'!$G$19=$B$24,21,0),0)),0)</f>
        <v>9.144841610306333</v>
      </c>
      <c r="F267" cm="1">
        <f t="array" ref="F267">IFERROR(INDEX(Jesper!AJ$2:AJ$366,ROUNDDOWN($C267/24,0)+1,1)*INDEX($D$3:$AA$30,INDEX(Jesper!$R$2:$R$366,ROW(INDEX(Jesper!AJ$2:AJ$366,ROUNDDOWN($C267/24,0)+1,1))-1)+IF('Standard Profiles'!$G$20=$B$10,7,0)+IF('Standard Profiles'!$G$20=$B$17,14,0)+IF('Standard Profiles'!$G$20=$B$24,21,0),MOD($C267,24)+1)/SUM(INDEX($D$3:$AA$30,INDEX(Jesper!$R$2:$R$366,ROW(INDEX(Jesper!AJ$2:AJ$366,ROUNDDOWN($C267/24,0)+1,1))-1)+IF('Standard Profiles'!$G$20=$B$10,7,0)+IF('Standard Profiles'!$G$20=$B$17,14,0)+IF('Standard Profiles'!$G$20=$B$24,21,0),0)),0)</f>
        <v>0</v>
      </c>
      <c r="G267" cm="1">
        <f t="array" ref="G267">IFERROR(INDEX(Jesper!AK$2:AK$366,ROUNDDOWN($C267/24,0)+1,1)*INDEX($D$3:$AA$30,INDEX(Jesper!$R$2:$R$366,ROW(INDEX(Jesper!AK$2:AK$366,ROUNDDOWN($C267/24,0)+1,1))-1)+IF('Standard Profiles'!$G$21=$B$10,7,0)+IF('Standard Profiles'!$G$21=$B$17,14,0)+IF('Standard Profiles'!$G$21=$B$24,21,0),MOD($C267,24)+1)/SUM(INDEX($D$3:$AA$30,INDEX(Jesper!$R$2:$R$366,ROW(INDEX(Jesper!AK$2:AK$366,ROUNDDOWN($C267/24,0)+1,1))-1)+IF('Standard Profiles'!$G$21=$B$10,7,0)+IF('Standard Profiles'!$G$21=$B$17,14,0)+IF('Standard Profiles'!$G$21=$B$24,21,0),0)),0)</f>
        <v>15.878563007250003</v>
      </c>
      <c r="H267" cm="1">
        <f t="array" ref="H267">IFERROR(INDEX(Jesper!AL$2:AL$366,ROUNDDOWN($C267/24,0)+1,1)*INDEX($D$3:$AA$30,INDEX(Jesper!$R$2:$R$366,ROW(INDEX(Jesper!AL$2:AL$366,ROUNDDOWN($C267/24,0)+1,1))-1)+IF('Standard Profiles'!$G$22=$B$10,7,0)+IF('Standard Profiles'!$G$22=$B$17,14,0)+IF('Standard Profiles'!$G$22=$B$24,21,0),MOD($C267,24)+1)/SUM(INDEX($D$3:$AA$30,INDEX(Jesper!$R$2:$R$366,ROW(INDEX(Jesper!AL$2:AL$366,ROUNDDOWN($C267/24,0)+1,1))-1)+IF('Standard Profiles'!$G$22=$B$10,7,0)+IF('Standard Profiles'!$G$22=$B$17,14,0)+IF('Standard Profiles'!$G$22=$B$24,21,0),0)),0)</f>
        <v>0</v>
      </c>
      <c r="I267">
        <f t="shared" si="41"/>
        <v>7.6217102434799973</v>
      </c>
      <c r="J267">
        <f t="shared" si="42"/>
        <v>25.041045492671895</v>
      </c>
      <c r="K267">
        <f t="shared" si="43"/>
        <v>0.97007633252007075</v>
      </c>
      <c r="L267">
        <f t="shared" si="44"/>
        <v>0.48503816626003537</v>
      </c>
      <c r="M267">
        <f t="shared" si="45"/>
        <v>0</v>
      </c>
      <c r="N267" s="45">
        <f t="shared" si="46"/>
        <v>44936.708333332768</v>
      </c>
    </row>
    <row r="268" spans="2:14" x14ac:dyDescent="0.25">
      <c r="B268">
        <f t="shared" si="40"/>
        <v>2</v>
      </c>
      <c r="C268" s="16">
        <v>234</v>
      </c>
      <c r="D268" cm="1">
        <f t="array" ref="D268">IFERROR(INDEX(Jesper!AH$2:AH$366,ROUNDDOWN($C268/24,0)+1,1)*INDEX($D$3:$AA$30,INDEX(Jesper!$R$2:$R$366,ROW(INDEX(Jesper!AH$2:AH$366,ROUNDDOWN($C268/24,0)+1,1))-1)+IF('Standard Profiles'!$G$18=$B$10,7,0)+IF('Standard Profiles'!$G$18=$B$17,14,0)+IF('Standard Profiles'!$G$18=$B$24,21,0),MOD($C268,24)+1)/SUM(INDEX($D$3:$AA$30,INDEX(Jesper!$R$2:$R$366,ROW(INDEX(Jesper!AH$2:AH$366,ROUNDDOWN($C268/24,0)+1,1))-1)+IF('Standard Profiles'!$G$18=$B$10,7,0)+IF('Standard Profiles'!$G$18=$B$17,14,0)+IF('Standard Profiles'!$G$18=$B$24,21,0),0)),0)</f>
        <v>6.0023473074679377</v>
      </c>
      <c r="E268" cm="1">
        <f t="array" ref="E268">IFERROR(INDEX(Jesper!AI$2:AI$366,ROUNDDOWN($C268/24,0)+1,1)*INDEX($D$3:$AA$30,INDEX(Jesper!$R$2:$R$366,ROW(INDEX(Jesper!AI$2:AI$366,ROUNDDOWN($C268/24,0)+1,1))-1)+IF('Standard Profiles'!$G$19=$B$10,7,0)+IF('Standard Profiles'!$G$19=$B$17,14,0)+IF('Standard Profiles'!$G$19=$B$24,21,0),MOD($C268,24)+1)/SUM(INDEX($D$3:$AA$30,INDEX(Jesper!$R$2:$R$366,ROW(INDEX(Jesper!AI$2:AI$366,ROUNDDOWN($C268/24,0)+1,1))-1)+IF('Standard Profiles'!$G$19=$B$10,7,0)+IF('Standard Profiles'!$G$19=$B$17,14,0)+IF('Standard Profiles'!$G$19=$B$24,21,0),0)),0)</f>
        <v>6.0355954628021795</v>
      </c>
      <c r="F268" cm="1">
        <f t="array" ref="F268">IFERROR(INDEX(Jesper!AJ$2:AJ$366,ROUNDDOWN($C268/24,0)+1,1)*INDEX($D$3:$AA$30,INDEX(Jesper!$R$2:$R$366,ROW(INDEX(Jesper!AJ$2:AJ$366,ROUNDDOWN($C268/24,0)+1,1))-1)+IF('Standard Profiles'!$G$20=$B$10,7,0)+IF('Standard Profiles'!$G$20=$B$17,14,0)+IF('Standard Profiles'!$G$20=$B$24,21,0),MOD($C268,24)+1)/SUM(INDEX($D$3:$AA$30,INDEX(Jesper!$R$2:$R$366,ROW(INDEX(Jesper!AJ$2:AJ$366,ROUNDDOWN($C268/24,0)+1,1))-1)+IF('Standard Profiles'!$G$20=$B$10,7,0)+IF('Standard Profiles'!$G$20=$B$17,14,0)+IF('Standard Profiles'!$G$20=$B$24,21,0),0)),0)</f>
        <v>0</v>
      </c>
      <c r="G268" cm="1">
        <f t="array" ref="G268">IFERROR(INDEX(Jesper!AK$2:AK$366,ROUNDDOWN($C268/24,0)+1,1)*INDEX($D$3:$AA$30,INDEX(Jesper!$R$2:$R$366,ROW(INDEX(Jesper!AK$2:AK$366,ROUNDDOWN($C268/24,0)+1,1))-1)+IF('Standard Profiles'!$G$21=$B$10,7,0)+IF('Standard Profiles'!$G$21=$B$17,14,0)+IF('Standard Profiles'!$G$21=$B$24,21,0),MOD($C268,24)+1)/SUM(INDEX($D$3:$AA$30,INDEX(Jesper!$R$2:$R$366,ROW(INDEX(Jesper!AK$2:AK$366,ROUNDDOWN($C268/24,0)+1,1))-1)+IF('Standard Profiles'!$G$21=$B$10,7,0)+IF('Standard Profiles'!$G$21=$B$17,14,0)+IF('Standard Profiles'!$G$21=$B$24,21,0),0)),0)</f>
        <v>5.6319845906721984</v>
      </c>
      <c r="H268" cm="1">
        <f t="array" ref="H268">IFERROR(INDEX(Jesper!AL$2:AL$366,ROUNDDOWN($C268/24,0)+1,1)*INDEX($D$3:$AA$30,INDEX(Jesper!$R$2:$R$366,ROW(INDEX(Jesper!AL$2:AL$366,ROUNDDOWN($C268/24,0)+1,1))-1)+IF('Standard Profiles'!$G$22=$B$10,7,0)+IF('Standard Profiles'!$G$22=$B$17,14,0)+IF('Standard Profiles'!$G$22=$B$24,21,0),MOD($C268,24)+1)/SUM(INDEX($D$3:$AA$30,INDEX(Jesper!$R$2:$R$366,ROW(INDEX(Jesper!AL$2:AL$366,ROUNDDOWN($C268/24,0)+1,1))-1)+IF('Standard Profiles'!$G$22=$B$10,7,0)+IF('Standard Profiles'!$G$22=$B$17,14,0)+IF('Standard Profiles'!$G$22=$B$24,21,0),0)),0)</f>
        <v>0</v>
      </c>
      <c r="I268">
        <f t="shared" si="41"/>
        <v>2.7033526035226538</v>
      </c>
      <c r="J268">
        <f t="shared" si="42"/>
        <v>14.006199188224791</v>
      </c>
      <c r="K268">
        <f t="shared" si="43"/>
        <v>0.6402503794632467</v>
      </c>
      <c r="L268">
        <f t="shared" si="44"/>
        <v>0.32012518973162335</v>
      </c>
      <c r="M268">
        <f t="shared" si="45"/>
        <v>0</v>
      </c>
      <c r="N268" s="45">
        <f t="shared" si="46"/>
        <v>44936.749999999432</v>
      </c>
    </row>
    <row r="269" spans="2:14" x14ac:dyDescent="0.25">
      <c r="B269">
        <f t="shared" si="40"/>
        <v>2</v>
      </c>
      <c r="C269" s="16">
        <v>235</v>
      </c>
      <c r="D269" cm="1">
        <f t="array" ref="D269">IFERROR(INDEX(Jesper!AH$2:AH$366,ROUNDDOWN($C269/24,0)+1,1)*INDEX($D$3:$AA$30,INDEX(Jesper!$R$2:$R$366,ROW(INDEX(Jesper!AH$2:AH$366,ROUNDDOWN($C269/24,0)+1,1))-1)+IF('Standard Profiles'!$G$18=$B$10,7,0)+IF('Standard Profiles'!$G$18=$B$17,14,0)+IF('Standard Profiles'!$G$18=$B$24,21,0),MOD($C269,24)+1)/SUM(INDEX($D$3:$AA$30,INDEX(Jesper!$R$2:$R$366,ROW(INDEX(Jesper!AH$2:AH$366,ROUNDDOWN($C269/24,0)+1,1))-1)+IF('Standard Profiles'!$G$18=$B$10,7,0)+IF('Standard Profiles'!$G$18=$B$17,14,0)+IF('Standard Profiles'!$G$18=$B$24,21,0),0)),0)</f>
        <v>6.0023473074679377</v>
      </c>
      <c r="E269" cm="1">
        <f t="array" ref="E269">IFERROR(INDEX(Jesper!AI$2:AI$366,ROUNDDOWN($C269/24,0)+1,1)*INDEX($D$3:$AA$30,INDEX(Jesper!$R$2:$R$366,ROW(INDEX(Jesper!AI$2:AI$366,ROUNDDOWN($C269/24,0)+1,1))-1)+IF('Standard Profiles'!$G$19=$B$10,7,0)+IF('Standard Profiles'!$G$19=$B$17,14,0)+IF('Standard Profiles'!$G$19=$B$24,21,0),MOD($C269,24)+1)/SUM(INDEX($D$3:$AA$30,INDEX(Jesper!$R$2:$R$366,ROW(INDEX(Jesper!AI$2:AI$366,ROUNDDOWN($C269/24,0)+1,1))-1)+IF('Standard Profiles'!$G$19=$B$10,7,0)+IF('Standard Profiles'!$G$19=$B$17,14,0)+IF('Standard Profiles'!$G$19=$B$24,21,0),0)),0)</f>
        <v>6.0355954628021795</v>
      </c>
      <c r="F269" cm="1">
        <f t="array" ref="F269">IFERROR(INDEX(Jesper!AJ$2:AJ$366,ROUNDDOWN($C269/24,0)+1,1)*INDEX($D$3:$AA$30,INDEX(Jesper!$R$2:$R$366,ROW(INDEX(Jesper!AJ$2:AJ$366,ROUNDDOWN($C269/24,0)+1,1))-1)+IF('Standard Profiles'!$G$20=$B$10,7,0)+IF('Standard Profiles'!$G$20=$B$17,14,0)+IF('Standard Profiles'!$G$20=$B$24,21,0),MOD($C269,24)+1)/SUM(INDEX($D$3:$AA$30,INDEX(Jesper!$R$2:$R$366,ROW(INDEX(Jesper!AJ$2:AJ$366,ROUNDDOWN($C269/24,0)+1,1))-1)+IF('Standard Profiles'!$G$20=$B$10,7,0)+IF('Standard Profiles'!$G$20=$B$17,14,0)+IF('Standard Profiles'!$G$20=$B$24,21,0),0)),0)</f>
        <v>0</v>
      </c>
      <c r="G269" cm="1">
        <f t="array" ref="G269">IFERROR(INDEX(Jesper!AK$2:AK$366,ROUNDDOWN($C269/24,0)+1,1)*INDEX($D$3:$AA$30,INDEX(Jesper!$R$2:$R$366,ROW(INDEX(Jesper!AK$2:AK$366,ROUNDDOWN($C269/24,0)+1,1))-1)+IF('Standard Profiles'!$G$21=$B$10,7,0)+IF('Standard Profiles'!$G$21=$B$17,14,0)+IF('Standard Profiles'!$G$21=$B$24,21,0),MOD($C269,24)+1)/SUM(INDEX($D$3:$AA$30,INDEX(Jesper!$R$2:$R$366,ROW(INDEX(Jesper!AK$2:AK$366,ROUNDDOWN($C269/24,0)+1,1))-1)+IF('Standard Profiles'!$G$21=$B$10,7,0)+IF('Standard Profiles'!$G$21=$B$17,14,0)+IF('Standard Profiles'!$G$21=$B$24,21,0),0)),0)</f>
        <v>5.6319845906721984</v>
      </c>
      <c r="H269" cm="1">
        <f t="array" ref="H269">IFERROR(INDEX(Jesper!AL$2:AL$366,ROUNDDOWN($C269/24,0)+1,1)*INDEX($D$3:$AA$30,INDEX(Jesper!$R$2:$R$366,ROW(INDEX(Jesper!AL$2:AL$366,ROUNDDOWN($C269/24,0)+1,1))-1)+IF('Standard Profiles'!$G$22=$B$10,7,0)+IF('Standard Profiles'!$G$22=$B$17,14,0)+IF('Standard Profiles'!$G$22=$B$24,21,0),MOD($C269,24)+1)/SUM(INDEX($D$3:$AA$30,INDEX(Jesper!$R$2:$R$366,ROW(INDEX(Jesper!AL$2:AL$366,ROUNDDOWN($C269/24,0)+1,1))-1)+IF('Standard Profiles'!$G$22=$B$10,7,0)+IF('Standard Profiles'!$G$22=$B$17,14,0)+IF('Standard Profiles'!$G$22=$B$24,21,0),0)),0)</f>
        <v>0</v>
      </c>
      <c r="I269">
        <f t="shared" si="41"/>
        <v>2.7033526035226538</v>
      </c>
      <c r="J269">
        <f t="shared" si="42"/>
        <v>14.006199188224791</v>
      </c>
      <c r="K269">
        <f t="shared" si="43"/>
        <v>0.6402503794632467</v>
      </c>
      <c r="L269">
        <f t="shared" si="44"/>
        <v>0.32012518973162335</v>
      </c>
      <c r="M269">
        <f t="shared" si="45"/>
        <v>0</v>
      </c>
      <c r="N269" s="45">
        <f t="shared" si="46"/>
        <v>44936.791666666097</v>
      </c>
    </row>
    <row r="270" spans="2:14" x14ac:dyDescent="0.25">
      <c r="B270">
        <f t="shared" si="40"/>
        <v>2</v>
      </c>
      <c r="C270" s="16">
        <v>236</v>
      </c>
      <c r="D270" cm="1">
        <f t="array" ref="D270">IFERROR(INDEX(Jesper!AH$2:AH$366,ROUNDDOWN($C270/24,0)+1,1)*INDEX($D$3:$AA$30,INDEX(Jesper!$R$2:$R$366,ROW(INDEX(Jesper!AH$2:AH$366,ROUNDDOWN($C270/24,0)+1,1))-1)+IF('Standard Profiles'!$G$18=$B$10,7,0)+IF('Standard Profiles'!$G$18=$B$17,14,0)+IF('Standard Profiles'!$G$18=$B$24,21,0),MOD($C270,24)+1)/SUM(INDEX($D$3:$AA$30,INDEX(Jesper!$R$2:$R$366,ROW(INDEX(Jesper!AH$2:AH$366,ROUNDDOWN($C270/24,0)+1,1))-1)+IF('Standard Profiles'!$G$18=$B$10,7,0)+IF('Standard Profiles'!$G$18=$B$17,14,0)+IF('Standard Profiles'!$G$18=$B$24,21,0),0)),0)</f>
        <v>6.0023473074679377</v>
      </c>
      <c r="E270" cm="1">
        <f t="array" ref="E270">IFERROR(INDEX(Jesper!AI$2:AI$366,ROUNDDOWN($C270/24,0)+1,1)*INDEX($D$3:$AA$30,INDEX(Jesper!$R$2:$R$366,ROW(INDEX(Jesper!AI$2:AI$366,ROUNDDOWN($C270/24,0)+1,1))-1)+IF('Standard Profiles'!$G$19=$B$10,7,0)+IF('Standard Profiles'!$G$19=$B$17,14,0)+IF('Standard Profiles'!$G$19=$B$24,21,0),MOD($C270,24)+1)/SUM(INDEX($D$3:$AA$30,INDEX(Jesper!$R$2:$R$366,ROW(INDEX(Jesper!AI$2:AI$366,ROUNDDOWN($C270/24,0)+1,1))-1)+IF('Standard Profiles'!$G$19=$B$10,7,0)+IF('Standard Profiles'!$G$19=$B$17,14,0)+IF('Standard Profiles'!$G$19=$B$24,21,0),0)),0)</f>
        <v>6.0355954628021795</v>
      </c>
      <c r="F270" cm="1">
        <f t="array" ref="F270">IFERROR(INDEX(Jesper!AJ$2:AJ$366,ROUNDDOWN($C270/24,0)+1,1)*INDEX($D$3:$AA$30,INDEX(Jesper!$R$2:$R$366,ROW(INDEX(Jesper!AJ$2:AJ$366,ROUNDDOWN($C270/24,0)+1,1))-1)+IF('Standard Profiles'!$G$20=$B$10,7,0)+IF('Standard Profiles'!$G$20=$B$17,14,0)+IF('Standard Profiles'!$G$20=$B$24,21,0),MOD($C270,24)+1)/SUM(INDEX($D$3:$AA$30,INDEX(Jesper!$R$2:$R$366,ROW(INDEX(Jesper!AJ$2:AJ$366,ROUNDDOWN($C270/24,0)+1,1))-1)+IF('Standard Profiles'!$G$20=$B$10,7,0)+IF('Standard Profiles'!$G$20=$B$17,14,0)+IF('Standard Profiles'!$G$20=$B$24,21,0),0)),0)</f>
        <v>0</v>
      </c>
      <c r="G270" cm="1">
        <f t="array" ref="G270">IFERROR(INDEX(Jesper!AK$2:AK$366,ROUNDDOWN($C270/24,0)+1,1)*INDEX($D$3:$AA$30,INDEX(Jesper!$R$2:$R$366,ROW(INDEX(Jesper!AK$2:AK$366,ROUNDDOWN($C270/24,0)+1,1))-1)+IF('Standard Profiles'!$G$21=$B$10,7,0)+IF('Standard Profiles'!$G$21=$B$17,14,0)+IF('Standard Profiles'!$G$21=$B$24,21,0),MOD($C270,24)+1)/SUM(INDEX($D$3:$AA$30,INDEX(Jesper!$R$2:$R$366,ROW(INDEX(Jesper!AK$2:AK$366,ROUNDDOWN($C270/24,0)+1,1))-1)+IF('Standard Profiles'!$G$21=$B$10,7,0)+IF('Standard Profiles'!$G$21=$B$17,14,0)+IF('Standard Profiles'!$G$21=$B$24,21,0),0)),0)</f>
        <v>5.6319845906721984</v>
      </c>
      <c r="H270" cm="1">
        <f t="array" ref="H270">IFERROR(INDEX(Jesper!AL$2:AL$366,ROUNDDOWN($C270/24,0)+1,1)*INDEX($D$3:$AA$30,INDEX(Jesper!$R$2:$R$366,ROW(INDEX(Jesper!AL$2:AL$366,ROUNDDOWN($C270/24,0)+1,1))-1)+IF('Standard Profiles'!$G$22=$B$10,7,0)+IF('Standard Profiles'!$G$22=$B$17,14,0)+IF('Standard Profiles'!$G$22=$B$24,21,0),MOD($C270,24)+1)/SUM(INDEX($D$3:$AA$30,INDEX(Jesper!$R$2:$R$366,ROW(INDEX(Jesper!AL$2:AL$366,ROUNDDOWN($C270/24,0)+1,1))-1)+IF('Standard Profiles'!$G$22=$B$10,7,0)+IF('Standard Profiles'!$G$22=$B$17,14,0)+IF('Standard Profiles'!$G$22=$B$24,21,0),0)),0)</f>
        <v>0</v>
      </c>
      <c r="I270">
        <f t="shared" si="41"/>
        <v>2.7033526035226538</v>
      </c>
      <c r="J270">
        <f t="shared" si="42"/>
        <v>14.006199188224791</v>
      </c>
      <c r="K270">
        <f t="shared" si="43"/>
        <v>0.6402503794632467</v>
      </c>
      <c r="L270">
        <f t="shared" si="44"/>
        <v>0.32012518973162335</v>
      </c>
      <c r="M270">
        <f t="shared" si="45"/>
        <v>0</v>
      </c>
      <c r="N270" s="45">
        <f t="shared" si="46"/>
        <v>44936.833333332761</v>
      </c>
    </row>
    <row r="271" spans="2:14" x14ac:dyDescent="0.25">
      <c r="B271">
        <f t="shared" si="40"/>
        <v>2</v>
      </c>
      <c r="C271" s="16">
        <v>237</v>
      </c>
      <c r="D271" cm="1">
        <f t="array" ref="D271">IFERROR(INDEX(Jesper!AH$2:AH$366,ROUNDDOWN($C271/24,0)+1,1)*INDEX($D$3:$AA$30,INDEX(Jesper!$R$2:$R$366,ROW(INDEX(Jesper!AH$2:AH$366,ROUNDDOWN($C271/24,0)+1,1))-1)+IF('Standard Profiles'!$G$18=$B$10,7,0)+IF('Standard Profiles'!$G$18=$B$17,14,0)+IF('Standard Profiles'!$G$18=$B$24,21,0),MOD($C271,24)+1)/SUM(INDEX($D$3:$AA$30,INDEX(Jesper!$R$2:$R$366,ROW(INDEX(Jesper!AH$2:AH$366,ROUNDDOWN($C271/24,0)+1,1))-1)+IF('Standard Profiles'!$G$18=$B$10,7,0)+IF('Standard Profiles'!$G$18=$B$17,14,0)+IF('Standard Profiles'!$G$18=$B$24,21,0),0)),0)</f>
        <v>6.0023473074679377</v>
      </c>
      <c r="E271" cm="1">
        <f t="array" ref="E271">IFERROR(INDEX(Jesper!AI$2:AI$366,ROUNDDOWN($C271/24,0)+1,1)*INDEX($D$3:$AA$30,INDEX(Jesper!$R$2:$R$366,ROW(INDEX(Jesper!AI$2:AI$366,ROUNDDOWN($C271/24,0)+1,1))-1)+IF('Standard Profiles'!$G$19=$B$10,7,0)+IF('Standard Profiles'!$G$19=$B$17,14,0)+IF('Standard Profiles'!$G$19=$B$24,21,0),MOD($C271,24)+1)/SUM(INDEX($D$3:$AA$30,INDEX(Jesper!$R$2:$R$366,ROW(INDEX(Jesper!AI$2:AI$366,ROUNDDOWN($C271/24,0)+1,1))-1)+IF('Standard Profiles'!$G$19=$B$10,7,0)+IF('Standard Profiles'!$G$19=$B$17,14,0)+IF('Standard Profiles'!$G$19=$B$24,21,0),0)),0)</f>
        <v>6.0355954628021795</v>
      </c>
      <c r="F271" cm="1">
        <f t="array" ref="F271">IFERROR(INDEX(Jesper!AJ$2:AJ$366,ROUNDDOWN($C271/24,0)+1,1)*INDEX($D$3:$AA$30,INDEX(Jesper!$R$2:$R$366,ROW(INDEX(Jesper!AJ$2:AJ$366,ROUNDDOWN($C271/24,0)+1,1))-1)+IF('Standard Profiles'!$G$20=$B$10,7,0)+IF('Standard Profiles'!$G$20=$B$17,14,0)+IF('Standard Profiles'!$G$20=$B$24,21,0),MOD($C271,24)+1)/SUM(INDEX($D$3:$AA$30,INDEX(Jesper!$R$2:$R$366,ROW(INDEX(Jesper!AJ$2:AJ$366,ROUNDDOWN($C271/24,0)+1,1))-1)+IF('Standard Profiles'!$G$20=$B$10,7,0)+IF('Standard Profiles'!$G$20=$B$17,14,0)+IF('Standard Profiles'!$G$20=$B$24,21,0),0)),0)</f>
        <v>0</v>
      </c>
      <c r="G271" cm="1">
        <f t="array" ref="G271">IFERROR(INDEX(Jesper!AK$2:AK$366,ROUNDDOWN($C271/24,0)+1,1)*INDEX($D$3:$AA$30,INDEX(Jesper!$R$2:$R$366,ROW(INDEX(Jesper!AK$2:AK$366,ROUNDDOWN($C271/24,0)+1,1))-1)+IF('Standard Profiles'!$G$21=$B$10,7,0)+IF('Standard Profiles'!$G$21=$B$17,14,0)+IF('Standard Profiles'!$G$21=$B$24,21,0),MOD($C271,24)+1)/SUM(INDEX($D$3:$AA$30,INDEX(Jesper!$R$2:$R$366,ROW(INDEX(Jesper!AK$2:AK$366,ROUNDDOWN($C271/24,0)+1,1))-1)+IF('Standard Profiles'!$G$21=$B$10,7,0)+IF('Standard Profiles'!$G$21=$B$17,14,0)+IF('Standard Profiles'!$G$21=$B$24,21,0),0)),0)</f>
        <v>5.6319845906721984</v>
      </c>
      <c r="H271" cm="1">
        <f t="array" ref="H271">IFERROR(INDEX(Jesper!AL$2:AL$366,ROUNDDOWN($C271/24,0)+1,1)*INDEX($D$3:$AA$30,INDEX(Jesper!$R$2:$R$366,ROW(INDEX(Jesper!AL$2:AL$366,ROUNDDOWN($C271/24,0)+1,1))-1)+IF('Standard Profiles'!$G$22=$B$10,7,0)+IF('Standard Profiles'!$G$22=$B$17,14,0)+IF('Standard Profiles'!$G$22=$B$24,21,0),MOD($C271,24)+1)/SUM(INDEX($D$3:$AA$30,INDEX(Jesper!$R$2:$R$366,ROW(INDEX(Jesper!AL$2:AL$366,ROUNDDOWN($C271/24,0)+1,1))-1)+IF('Standard Profiles'!$G$22=$B$10,7,0)+IF('Standard Profiles'!$G$22=$B$17,14,0)+IF('Standard Profiles'!$G$22=$B$24,21,0),0)),0)</f>
        <v>0</v>
      </c>
      <c r="I271">
        <f t="shared" si="41"/>
        <v>2.7033526035226538</v>
      </c>
      <c r="J271">
        <f t="shared" si="42"/>
        <v>14.006199188224791</v>
      </c>
      <c r="K271">
        <f t="shared" si="43"/>
        <v>0.6402503794632467</v>
      </c>
      <c r="L271">
        <f t="shared" si="44"/>
        <v>0.32012518973162335</v>
      </c>
      <c r="M271">
        <f t="shared" si="45"/>
        <v>0</v>
      </c>
      <c r="N271" s="45">
        <f t="shared" si="46"/>
        <v>44936.874999999425</v>
      </c>
    </row>
    <row r="272" spans="2:14" x14ac:dyDescent="0.25">
      <c r="B272">
        <f t="shared" si="40"/>
        <v>2</v>
      </c>
      <c r="C272" s="16">
        <v>238</v>
      </c>
      <c r="D272" cm="1">
        <f t="array" ref="D272">IFERROR(INDEX(Jesper!AH$2:AH$366,ROUNDDOWN($C272/24,0)+1,1)*INDEX($D$3:$AA$30,INDEX(Jesper!$R$2:$R$366,ROW(INDEX(Jesper!AH$2:AH$366,ROUNDDOWN($C272/24,0)+1,1))-1)+IF('Standard Profiles'!$G$18=$B$10,7,0)+IF('Standard Profiles'!$G$18=$B$17,14,0)+IF('Standard Profiles'!$G$18=$B$24,21,0),MOD($C272,24)+1)/SUM(INDEX($D$3:$AA$30,INDEX(Jesper!$R$2:$R$366,ROW(INDEX(Jesper!AH$2:AH$366,ROUNDDOWN($C272/24,0)+1,1))-1)+IF('Standard Profiles'!$G$18=$B$10,7,0)+IF('Standard Profiles'!$G$18=$B$17,14,0)+IF('Standard Profiles'!$G$18=$B$24,21,0),0)),0)</f>
        <v>6.0023473074679377</v>
      </c>
      <c r="E272" cm="1">
        <f t="array" ref="E272">IFERROR(INDEX(Jesper!AI$2:AI$366,ROUNDDOWN($C272/24,0)+1,1)*INDEX($D$3:$AA$30,INDEX(Jesper!$R$2:$R$366,ROW(INDEX(Jesper!AI$2:AI$366,ROUNDDOWN($C272/24,0)+1,1))-1)+IF('Standard Profiles'!$G$19=$B$10,7,0)+IF('Standard Profiles'!$G$19=$B$17,14,0)+IF('Standard Profiles'!$G$19=$B$24,21,0),MOD($C272,24)+1)/SUM(INDEX($D$3:$AA$30,INDEX(Jesper!$R$2:$R$366,ROW(INDEX(Jesper!AI$2:AI$366,ROUNDDOWN($C272/24,0)+1,1))-1)+IF('Standard Profiles'!$G$19=$B$10,7,0)+IF('Standard Profiles'!$G$19=$B$17,14,0)+IF('Standard Profiles'!$G$19=$B$24,21,0),0)),0)</f>
        <v>6.0355954628021795</v>
      </c>
      <c r="F272" cm="1">
        <f t="array" ref="F272">IFERROR(INDEX(Jesper!AJ$2:AJ$366,ROUNDDOWN($C272/24,0)+1,1)*INDEX($D$3:$AA$30,INDEX(Jesper!$R$2:$R$366,ROW(INDEX(Jesper!AJ$2:AJ$366,ROUNDDOWN($C272/24,0)+1,1))-1)+IF('Standard Profiles'!$G$20=$B$10,7,0)+IF('Standard Profiles'!$G$20=$B$17,14,0)+IF('Standard Profiles'!$G$20=$B$24,21,0),MOD($C272,24)+1)/SUM(INDEX($D$3:$AA$30,INDEX(Jesper!$R$2:$R$366,ROW(INDEX(Jesper!AJ$2:AJ$366,ROUNDDOWN($C272/24,0)+1,1))-1)+IF('Standard Profiles'!$G$20=$B$10,7,0)+IF('Standard Profiles'!$G$20=$B$17,14,0)+IF('Standard Profiles'!$G$20=$B$24,21,0),0)),0)</f>
        <v>0</v>
      </c>
      <c r="G272" cm="1">
        <f t="array" ref="G272">IFERROR(INDEX(Jesper!AK$2:AK$366,ROUNDDOWN($C272/24,0)+1,1)*INDEX($D$3:$AA$30,INDEX(Jesper!$R$2:$R$366,ROW(INDEX(Jesper!AK$2:AK$366,ROUNDDOWN($C272/24,0)+1,1))-1)+IF('Standard Profiles'!$G$21=$B$10,7,0)+IF('Standard Profiles'!$G$21=$B$17,14,0)+IF('Standard Profiles'!$G$21=$B$24,21,0),MOD($C272,24)+1)/SUM(INDEX($D$3:$AA$30,INDEX(Jesper!$R$2:$R$366,ROW(INDEX(Jesper!AK$2:AK$366,ROUNDDOWN($C272/24,0)+1,1))-1)+IF('Standard Profiles'!$G$21=$B$10,7,0)+IF('Standard Profiles'!$G$21=$B$17,14,0)+IF('Standard Profiles'!$G$21=$B$24,21,0),0)),0)</f>
        <v>5.6319845906721984</v>
      </c>
      <c r="H272" cm="1">
        <f t="array" ref="H272">IFERROR(INDEX(Jesper!AL$2:AL$366,ROUNDDOWN($C272/24,0)+1,1)*INDEX($D$3:$AA$30,INDEX(Jesper!$R$2:$R$366,ROW(INDEX(Jesper!AL$2:AL$366,ROUNDDOWN($C272/24,0)+1,1))-1)+IF('Standard Profiles'!$G$22=$B$10,7,0)+IF('Standard Profiles'!$G$22=$B$17,14,0)+IF('Standard Profiles'!$G$22=$B$24,21,0),MOD($C272,24)+1)/SUM(INDEX($D$3:$AA$30,INDEX(Jesper!$R$2:$R$366,ROW(INDEX(Jesper!AL$2:AL$366,ROUNDDOWN($C272/24,0)+1,1))-1)+IF('Standard Profiles'!$G$22=$B$10,7,0)+IF('Standard Profiles'!$G$22=$B$17,14,0)+IF('Standard Profiles'!$G$22=$B$24,21,0),0)),0)</f>
        <v>0</v>
      </c>
      <c r="I272">
        <f t="shared" si="41"/>
        <v>2.7033526035226538</v>
      </c>
      <c r="J272">
        <f t="shared" si="42"/>
        <v>14.006199188224791</v>
      </c>
      <c r="K272">
        <f t="shared" si="43"/>
        <v>0.6402503794632467</v>
      </c>
      <c r="L272">
        <f t="shared" si="44"/>
        <v>0.32012518973162335</v>
      </c>
      <c r="M272">
        <f t="shared" si="45"/>
        <v>0</v>
      </c>
      <c r="N272" s="45">
        <f t="shared" si="46"/>
        <v>44936.916666666089</v>
      </c>
    </row>
    <row r="273" spans="2:14" x14ac:dyDescent="0.25">
      <c r="B273">
        <f t="shared" si="40"/>
        <v>2</v>
      </c>
      <c r="C273" s="16">
        <v>239</v>
      </c>
      <c r="D273" cm="1">
        <f t="array" ref="D273">IFERROR(INDEX(Jesper!AH$2:AH$366,ROUNDDOWN($C273/24,0)+1,1)*INDEX($D$3:$AA$30,INDEX(Jesper!$R$2:$R$366,ROW(INDEX(Jesper!AH$2:AH$366,ROUNDDOWN($C273/24,0)+1,1))-1)+IF('Standard Profiles'!$G$18=$B$10,7,0)+IF('Standard Profiles'!$G$18=$B$17,14,0)+IF('Standard Profiles'!$G$18=$B$24,21,0),MOD($C273,24)+1)/SUM(INDEX($D$3:$AA$30,INDEX(Jesper!$R$2:$R$366,ROW(INDEX(Jesper!AH$2:AH$366,ROUNDDOWN($C273/24,0)+1,1))-1)+IF('Standard Profiles'!$G$18=$B$10,7,0)+IF('Standard Profiles'!$G$18=$B$17,14,0)+IF('Standard Profiles'!$G$18=$B$24,21,0),0)),0)</f>
        <v>6.0023473074679377</v>
      </c>
      <c r="E273" cm="1">
        <f t="array" ref="E273">IFERROR(INDEX(Jesper!AI$2:AI$366,ROUNDDOWN($C273/24,0)+1,1)*INDEX($D$3:$AA$30,INDEX(Jesper!$R$2:$R$366,ROW(INDEX(Jesper!AI$2:AI$366,ROUNDDOWN($C273/24,0)+1,1))-1)+IF('Standard Profiles'!$G$19=$B$10,7,0)+IF('Standard Profiles'!$G$19=$B$17,14,0)+IF('Standard Profiles'!$G$19=$B$24,21,0),MOD($C273,24)+1)/SUM(INDEX($D$3:$AA$30,INDEX(Jesper!$R$2:$R$366,ROW(INDEX(Jesper!AI$2:AI$366,ROUNDDOWN($C273/24,0)+1,1))-1)+IF('Standard Profiles'!$G$19=$B$10,7,0)+IF('Standard Profiles'!$G$19=$B$17,14,0)+IF('Standard Profiles'!$G$19=$B$24,21,0),0)),0)</f>
        <v>6.0355954628021795</v>
      </c>
      <c r="F273" cm="1">
        <f t="array" ref="F273">IFERROR(INDEX(Jesper!AJ$2:AJ$366,ROUNDDOWN($C273/24,0)+1,1)*INDEX($D$3:$AA$30,INDEX(Jesper!$R$2:$R$366,ROW(INDEX(Jesper!AJ$2:AJ$366,ROUNDDOWN($C273/24,0)+1,1))-1)+IF('Standard Profiles'!$G$20=$B$10,7,0)+IF('Standard Profiles'!$G$20=$B$17,14,0)+IF('Standard Profiles'!$G$20=$B$24,21,0),MOD($C273,24)+1)/SUM(INDEX($D$3:$AA$30,INDEX(Jesper!$R$2:$R$366,ROW(INDEX(Jesper!AJ$2:AJ$366,ROUNDDOWN($C273/24,0)+1,1))-1)+IF('Standard Profiles'!$G$20=$B$10,7,0)+IF('Standard Profiles'!$G$20=$B$17,14,0)+IF('Standard Profiles'!$G$20=$B$24,21,0),0)),0)</f>
        <v>0</v>
      </c>
      <c r="G273" cm="1">
        <f t="array" ref="G273">IFERROR(INDEX(Jesper!AK$2:AK$366,ROUNDDOWN($C273/24,0)+1,1)*INDEX($D$3:$AA$30,INDEX(Jesper!$R$2:$R$366,ROW(INDEX(Jesper!AK$2:AK$366,ROUNDDOWN($C273/24,0)+1,1))-1)+IF('Standard Profiles'!$G$21=$B$10,7,0)+IF('Standard Profiles'!$G$21=$B$17,14,0)+IF('Standard Profiles'!$G$21=$B$24,21,0),MOD($C273,24)+1)/SUM(INDEX($D$3:$AA$30,INDEX(Jesper!$R$2:$R$366,ROW(INDEX(Jesper!AK$2:AK$366,ROUNDDOWN($C273/24,0)+1,1))-1)+IF('Standard Profiles'!$G$21=$B$10,7,0)+IF('Standard Profiles'!$G$21=$B$17,14,0)+IF('Standard Profiles'!$G$21=$B$24,21,0),0)),0)</f>
        <v>5.6319845906721984</v>
      </c>
      <c r="H273" cm="1">
        <f t="array" ref="H273">IFERROR(INDEX(Jesper!AL$2:AL$366,ROUNDDOWN($C273/24,0)+1,1)*INDEX($D$3:$AA$30,INDEX(Jesper!$R$2:$R$366,ROW(INDEX(Jesper!AL$2:AL$366,ROUNDDOWN($C273/24,0)+1,1))-1)+IF('Standard Profiles'!$G$22=$B$10,7,0)+IF('Standard Profiles'!$G$22=$B$17,14,0)+IF('Standard Profiles'!$G$22=$B$24,21,0),MOD($C273,24)+1)/SUM(INDEX($D$3:$AA$30,INDEX(Jesper!$R$2:$R$366,ROW(INDEX(Jesper!AL$2:AL$366,ROUNDDOWN($C273/24,0)+1,1))-1)+IF('Standard Profiles'!$G$22=$B$10,7,0)+IF('Standard Profiles'!$G$22=$B$17,14,0)+IF('Standard Profiles'!$G$22=$B$24,21,0),0)),0)</f>
        <v>0</v>
      </c>
      <c r="I273">
        <f t="shared" si="41"/>
        <v>2.7033526035226538</v>
      </c>
      <c r="J273">
        <f t="shared" si="42"/>
        <v>14.006199188224791</v>
      </c>
      <c r="K273">
        <f t="shared" si="43"/>
        <v>0.6402503794632467</v>
      </c>
      <c r="L273">
        <f t="shared" si="44"/>
        <v>0.32012518973162335</v>
      </c>
      <c r="M273">
        <f t="shared" si="45"/>
        <v>0</v>
      </c>
      <c r="N273" s="45">
        <f t="shared" si="46"/>
        <v>44936.958333332754</v>
      </c>
    </row>
    <row r="274" spans="2:14" x14ac:dyDescent="0.25">
      <c r="B274">
        <f t="shared" si="40"/>
        <v>3</v>
      </c>
      <c r="C274" s="16">
        <v>240</v>
      </c>
      <c r="D274" cm="1">
        <f t="array" ref="D274">IFERROR(INDEX(Jesper!AH$2:AH$366,ROUNDDOWN($C274/24,0)+1,1)*INDEX($D$3:$AA$30,INDEX(Jesper!$R$2:$R$366,ROW(INDEX(Jesper!AH$2:AH$366,ROUNDDOWN($C274/24,0)+1,1))-1)+IF('Standard Profiles'!$G$18=$B$10,7,0)+IF('Standard Profiles'!$G$18=$B$17,14,0)+IF('Standard Profiles'!$G$18=$B$24,21,0),MOD($C274,24)+1)/SUM(INDEX($D$3:$AA$30,INDEX(Jesper!$R$2:$R$366,ROW(INDEX(Jesper!AH$2:AH$366,ROUNDDOWN($C274/24,0)+1,1))-1)+IF('Standard Profiles'!$G$18=$B$10,7,0)+IF('Standard Profiles'!$G$18=$B$17,14,0)+IF('Standard Profiles'!$G$18=$B$24,21,0),0)),0)</f>
        <v>6.056870574627065</v>
      </c>
      <c r="E274" cm="1">
        <f t="array" ref="E274">IFERROR(INDEX(Jesper!AI$2:AI$366,ROUNDDOWN($C274/24,0)+1,1)*INDEX($D$3:$AA$30,INDEX(Jesper!$R$2:$R$366,ROW(INDEX(Jesper!AI$2:AI$366,ROUNDDOWN($C274/24,0)+1,1))-1)+IF('Standard Profiles'!$G$19=$B$10,7,0)+IF('Standard Profiles'!$G$19=$B$17,14,0)+IF('Standard Profiles'!$G$19=$B$24,21,0),MOD($C274,24)+1)/SUM(INDEX($D$3:$AA$30,INDEX(Jesper!$R$2:$R$366,ROW(INDEX(Jesper!AI$2:AI$366,ROUNDDOWN($C274/24,0)+1,1))-1)+IF('Standard Profiles'!$G$19=$B$10,7,0)+IF('Standard Profiles'!$G$19=$B$17,14,0)+IF('Standard Profiles'!$G$19=$B$24,21,0),0)),0)</f>
        <v>6.8542701391417831</v>
      </c>
      <c r="F274" cm="1">
        <f t="array" ref="F274">IFERROR(INDEX(Jesper!AJ$2:AJ$366,ROUNDDOWN($C274/24,0)+1,1)*INDEX($D$3:$AA$30,INDEX(Jesper!$R$2:$R$366,ROW(INDEX(Jesper!AJ$2:AJ$366,ROUNDDOWN($C274/24,0)+1,1))-1)+IF('Standard Profiles'!$G$20=$B$10,7,0)+IF('Standard Profiles'!$G$20=$B$17,14,0)+IF('Standard Profiles'!$G$20=$B$24,21,0),MOD($C274,24)+1)/SUM(INDEX($D$3:$AA$30,INDEX(Jesper!$R$2:$R$366,ROW(INDEX(Jesper!AJ$2:AJ$366,ROUNDDOWN($C274/24,0)+1,1))-1)+IF('Standard Profiles'!$G$20=$B$10,7,0)+IF('Standard Profiles'!$G$20=$B$17,14,0)+IF('Standard Profiles'!$G$20=$B$24,21,0),0)),0)</f>
        <v>0</v>
      </c>
      <c r="G274" cm="1">
        <f t="array" ref="G274">IFERROR(INDEX(Jesper!AK$2:AK$366,ROUNDDOWN($C274/24,0)+1,1)*INDEX($D$3:$AA$30,INDEX(Jesper!$R$2:$R$366,ROW(INDEX(Jesper!AK$2:AK$366,ROUNDDOWN($C274/24,0)+1,1))-1)+IF('Standard Profiles'!$G$21=$B$10,7,0)+IF('Standard Profiles'!$G$21=$B$17,14,0)+IF('Standard Profiles'!$G$21=$B$24,21,0),MOD($C274,24)+1)/SUM(INDEX($D$3:$AA$30,INDEX(Jesper!$R$2:$R$366,ROW(INDEX(Jesper!AK$2:AK$366,ROUNDDOWN($C274/24,0)+1,1))-1)+IF('Standard Profiles'!$G$21=$B$10,7,0)+IF('Standard Profiles'!$G$21=$B$17,14,0)+IF('Standard Profiles'!$G$21=$B$24,21,0),0)),0)</f>
        <v>8.0726492239725385</v>
      </c>
      <c r="H274" cm="1">
        <f t="array" ref="H274">IFERROR(INDEX(Jesper!AL$2:AL$366,ROUNDDOWN($C274/24,0)+1,1)*INDEX($D$3:$AA$30,INDEX(Jesper!$R$2:$R$366,ROW(INDEX(Jesper!AL$2:AL$366,ROUNDDOWN($C274/24,0)+1,1))-1)+IF('Standard Profiles'!$G$22=$B$10,7,0)+IF('Standard Profiles'!$G$22=$B$17,14,0)+IF('Standard Profiles'!$G$22=$B$24,21,0),MOD($C274,24)+1)/SUM(INDEX($D$3:$AA$30,INDEX(Jesper!$R$2:$R$366,ROW(INDEX(Jesper!AL$2:AL$366,ROUNDDOWN($C274/24,0)+1,1))-1)+IF('Standard Profiles'!$G$22=$B$10,7,0)+IF('Standard Profiles'!$G$22=$B$17,14,0)+IF('Standard Profiles'!$G$22=$B$24,21,0),0)),0)</f>
        <v>0</v>
      </c>
      <c r="I274">
        <f t="shared" si="41"/>
        <v>3.8748716275068165</v>
      </c>
      <c r="J274">
        <f t="shared" si="42"/>
        <v>16.13981901829424</v>
      </c>
      <c r="K274">
        <f t="shared" si="43"/>
        <v>0.64606619462688697</v>
      </c>
      <c r="L274">
        <f t="shared" si="44"/>
        <v>0.32303309731344348</v>
      </c>
      <c r="M274">
        <f t="shared" si="45"/>
        <v>0</v>
      </c>
      <c r="N274" s="45">
        <f t="shared" si="46"/>
        <v>44936.999999999418</v>
      </c>
    </row>
    <row r="275" spans="2:14" x14ac:dyDescent="0.25">
      <c r="B275">
        <f t="shared" si="40"/>
        <v>3</v>
      </c>
      <c r="C275" s="16">
        <v>241</v>
      </c>
      <c r="D275" cm="1">
        <f t="array" ref="D275">IFERROR(INDEX(Jesper!AH$2:AH$366,ROUNDDOWN($C275/24,0)+1,1)*INDEX($D$3:$AA$30,INDEX(Jesper!$R$2:$R$366,ROW(INDEX(Jesper!AH$2:AH$366,ROUNDDOWN($C275/24,0)+1,1))-1)+IF('Standard Profiles'!$G$18=$B$10,7,0)+IF('Standard Profiles'!$G$18=$B$17,14,0)+IF('Standard Profiles'!$G$18=$B$24,21,0),MOD($C275,24)+1)/SUM(INDEX($D$3:$AA$30,INDEX(Jesper!$R$2:$R$366,ROW(INDEX(Jesper!AH$2:AH$366,ROUNDDOWN($C275/24,0)+1,1))-1)+IF('Standard Profiles'!$G$18=$B$10,7,0)+IF('Standard Profiles'!$G$18=$B$17,14,0)+IF('Standard Profiles'!$G$18=$B$24,21,0),0)),0)</f>
        <v>6.056870574627065</v>
      </c>
      <c r="E275" cm="1">
        <f t="array" ref="E275">IFERROR(INDEX(Jesper!AI$2:AI$366,ROUNDDOWN($C275/24,0)+1,1)*INDEX($D$3:$AA$30,INDEX(Jesper!$R$2:$R$366,ROW(INDEX(Jesper!AI$2:AI$366,ROUNDDOWN($C275/24,0)+1,1))-1)+IF('Standard Profiles'!$G$19=$B$10,7,0)+IF('Standard Profiles'!$G$19=$B$17,14,0)+IF('Standard Profiles'!$G$19=$B$24,21,0),MOD($C275,24)+1)/SUM(INDEX($D$3:$AA$30,INDEX(Jesper!$R$2:$R$366,ROW(INDEX(Jesper!AI$2:AI$366,ROUNDDOWN($C275/24,0)+1,1))-1)+IF('Standard Profiles'!$G$19=$B$10,7,0)+IF('Standard Profiles'!$G$19=$B$17,14,0)+IF('Standard Profiles'!$G$19=$B$24,21,0),0)),0)</f>
        <v>6.8542701391417831</v>
      </c>
      <c r="F275" cm="1">
        <f t="array" ref="F275">IFERROR(INDEX(Jesper!AJ$2:AJ$366,ROUNDDOWN($C275/24,0)+1,1)*INDEX($D$3:$AA$30,INDEX(Jesper!$R$2:$R$366,ROW(INDEX(Jesper!AJ$2:AJ$366,ROUNDDOWN($C275/24,0)+1,1))-1)+IF('Standard Profiles'!$G$20=$B$10,7,0)+IF('Standard Profiles'!$G$20=$B$17,14,0)+IF('Standard Profiles'!$G$20=$B$24,21,0),MOD($C275,24)+1)/SUM(INDEX($D$3:$AA$30,INDEX(Jesper!$R$2:$R$366,ROW(INDEX(Jesper!AJ$2:AJ$366,ROUNDDOWN($C275/24,0)+1,1))-1)+IF('Standard Profiles'!$G$20=$B$10,7,0)+IF('Standard Profiles'!$G$20=$B$17,14,0)+IF('Standard Profiles'!$G$20=$B$24,21,0),0)),0)</f>
        <v>0</v>
      </c>
      <c r="G275" cm="1">
        <f t="array" ref="G275">IFERROR(INDEX(Jesper!AK$2:AK$366,ROUNDDOWN($C275/24,0)+1,1)*INDEX($D$3:$AA$30,INDEX(Jesper!$R$2:$R$366,ROW(INDEX(Jesper!AK$2:AK$366,ROUNDDOWN($C275/24,0)+1,1))-1)+IF('Standard Profiles'!$G$21=$B$10,7,0)+IF('Standard Profiles'!$G$21=$B$17,14,0)+IF('Standard Profiles'!$G$21=$B$24,21,0),MOD($C275,24)+1)/SUM(INDEX($D$3:$AA$30,INDEX(Jesper!$R$2:$R$366,ROW(INDEX(Jesper!AK$2:AK$366,ROUNDDOWN($C275/24,0)+1,1))-1)+IF('Standard Profiles'!$G$21=$B$10,7,0)+IF('Standard Profiles'!$G$21=$B$17,14,0)+IF('Standard Profiles'!$G$21=$B$24,21,0),0)),0)</f>
        <v>8.0726492239725385</v>
      </c>
      <c r="H275" cm="1">
        <f t="array" ref="H275">IFERROR(INDEX(Jesper!AL$2:AL$366,ROUNDDOWN($C275/24,0)+1,1)*INDEX($D$3:$AA$30,INDEX(Jesper!$R$2:$R$366,ROW(INDEX(Jesper!AL$2:AL$366,ROUNDDOWN($C275/24,0)+1,1))-1)+IF('Standard Profiles'!$G$22=$B$10,7,0)+IF('Standard Profiles'!$G$22=$B$17,14,0)+IF('Standard Profiles'!$G$22=$B$24,21,0),MOD($C275,24)+1)/SUM(INDEX($D$3:$AA$30,INDEX(Jesper!$R$2:$R$366,ROW(INDEX(Jesper!AL$2:AL$366,ROUNDDOWN($C275/24,0)+1,1))-1)+IF('Standard Profiles'!$G$22=$B$10,7,0)+IF('Standard Profiles'!$G$22=$B$17,14,0)+IF('Standard Profiles'!$G$22=$B$24,21,0),0)),0)</f>
        <v>0</v>
      </c>
      <c r="I275">
        <f t="shared" si="41"/>
        <v>3.8748716275068165</v>
      </c>
      <c r="J275">
        <f t="shared" si="42"/>
        <v>16.13981901829424</v>
      </c>
      <c r="K275">
        <f t="shared" si="43"/>
        <v>0.64606619462688697</v>
      </c>
      <c r="L275">
        <f t="shared" si="44"/>
        <v>0.32303309731344348</v>
      </c>
      <c r="M275">
        <f t="shared" si="45"/>
        <v>0</v>
      </c>
      <c r="N275" s="45">
        <f t="shared" si="46"/>
        <v>44937.041666666082</v>
      </c>
    </row>
    <row r="276" spans="2:14" x14ac:dyDescent="0.25">
      <c r="B276">
        <f t="shared" si="40"/>
        <v>3</v>
      </c>
      <c r="C276" s="16">
        <v>242</v>
      </c>
      <c r="D276" cm="1">
        <f t="array" ref="D276">IFERROR(INDEX(Jesper!AH$2:AH$366,ROUNDDOWN($C276/24,0)+1,1)*INDEX($D$3:$AA$30,INDEX(Jesper!$R$2:$R$366,ROW(INDEX(Jesper!AH$2:AH$366,ROUNDDOWN($C276/24,0)+1,1))-1)+IF('Standard Profiles'!$G$18=$B$10,7,0)+IF('Standard Profiles'!$G$18=$B$17,14,0)+IF('Standard Profiles'!$G$18=$B$24,21,0),MOD($C276,24)+1)/SUM(INDEX($D$3:$AA$30,INDEX(Jesper!$R$2:$R$366,ROW(INDEX(Jesper!AH$2:AH$366,ROUNDDOWN($C276/24,0)+1,1))-1)+IF('Standard Profiles'!$G$18=$B$10,7,0)+IF('Standard Profiles'!$G$18=$B$17,14,0)+IF('Standard Profiles'!$G$18=$B$24,21,0),0)),0)</f>
        <v>6.056870574627065</v>
      </c>
      <c r="E276" cm="1">
        <f t="array" ref="E276">IFERROR(INDEX(Jesper!AI$2:AI$366,ROUNDDOWN($C276/24,0)+1,1)*INDEX($D$3:$AA$30,INDEX(Jesper!$R$2:$R$366,ROW(INDEX(Jesper!AI$2:AI$366,ROUNDDOWN($C276/24,0)+1,1))-1)+IF('Standard Profiles'!$G$19=$B$10,7,0)+IF('Standard Profiles'!$G$19=$B$17,14,0)+IF('Standard Profiles'!$G$19=$B$24,21,0),MOD($C276,24)+1)/SUM(INDEX($D$3:$AA$30,INDEX(Jesper!$R$2:$R$366,ROW(INDEX(Jesper!AI$2:AI$366,ROUNDDOWN($C276/24,0)+1,1))-1)+IF('Standard Profiles'!$G$19=$B$10,7,0)+IF('Standard Profiles'!$G$19=$B$17,14,0)+IF('Standard Profiles'!$G$19=$B$24,21,0),0)),0)</f>
        <v>6.8542701391417831</v>
      </c>
      <c r="F276" cm="1">
        <f t="array" ref="F276">IFERROR(INDEX(Jesper!AJ$2:AJ$366,ROUNDDOWN($C276/24,0)+1,1)*INDEX($D$3:$AA$30,INDEX(Jesper!$R$2:$R$366,ROW(INDEX(Jesper!AJ$2:AJ$366,ROUNDDOWN($C276/24,0)+1,1))-1)+IF('Standard Profiles'!$G$20=$B$10,7,0)+IF('Standard Profiles'!$G$20=$B$17,14,0)+IF('Standard Profiles'!$G$20=$B$24,21,0),MOD($C276,24)+1)/SUM(INDEX($D$3:$AA$30,INDEX(Jesper!$R$2:$R$366,ROW(INDEX(Jesper!AJ$2:AJ$366,ROUNDDOWN($C276/24,0)+1,1))-1)+IF('Standard Profiles'!$G$20=$B$10,7,0)+IF('Standard Profiles'!$G$20=$B$17,14,0)+IF('Standard Profiles'!$G$20=$B$24,21,0),0)),0)</f>
        <v>0</v>
      </c>
      <c r="G276" cm="1">
        <f t="array" ref="G276">IFERROR(INDEX(Jesper!AK$2:AK$366,ROUNDDOWN($C276/24,0)+1,1)*INDEX($D$3:$AA$30,INDEX(Jesper!$R$2:$R$366,ROW(INDEX(Jesper!AK$2:AK$366,ROUNDDOWN($C276/24,0)+1,1))-1)+IF('Standard Profiles'!$G$21=$B$10,7,0)+IF('Standard Profiles'!$G$21=$B$17,14,0)+IF('Standard Profiles'!$G$21=$B$24,21,0),MOD($C276,24)+1)/SUM(INDEX($D$3:$AA$30,INDEX(Jesper!$R$2:$R$366,ROW(INDEX(Jesper!AK$2:AK$366,ROUNDDOWN($C276/24,0)+1,1))-1)+IF('Standard Profiles'!$G$21=$B$10,7,0)+IF('Standard Profiles'!$G$21=$B$17,14,0)+IF('Standard Profiles'!$G$21=$B$24,21,0),0)),0)</f>
        <v>8.0726492239725385</v>
      </c>
      <c r="H276" cm="1">
        <f t="array" ref="H276">IFERROR(INDEX(Jesper!AL$2:AL$366,ROUNDDOWN($C276/24,0)+1,1)*INDEX($D$3:$AA$30,INDEX(Jesper!$R$2:$R$366,ROW(INDEX(Jesper!AL$2:AL$366,ROUNDDOWN($C276/24,0)+1,1))-1)+IF('Standard Profiles'!$G$22=$B$10,7,0)+IF('Standard Profiles'!$G$22=$B$17,14,0)+IF('Standard Profiles'!$G$22=$B$24,21,0),MOD($C276,24)+1)/SUM(INDEX($D$3:$AA$30,INDEX(Jesper!$R$2:$R$366,ROW(INDEX(Jesper!AL$2:AL$366,ROUNDDOWN($C276/24,0)+1,1))-1)+IF('Standard Profiles'!$G$22=$B$10,7,0)+IF('Standard Profiles'!$G$22=$B$17,14,0)+IF('Standard Profiles'!$G$22=$B$24,21,0),0)),0)</f>
        <v>0</v>
      </c>
      <c r="I276">
        <f t="shared" si="41"/>
        <v>3.8748716275068165</v>
      </c>
      <c r="J276">
        <f t="shared" si="42"/>
        <v>16.13981901829424</v>
      </c>
      <c r="K276">
        <f t="shared" si="43"/>
        <v>0.64606619462688697</v>
      </c>
      <c r="L276">
        <f t="shared" si="44"/>
        <v>0.32303309731344348</v>
      </c>
      <c r="M276">
        <f t="shared" si="45"/>
        <v>0</v>
      </c>
      <c r="N276" s="45">
        <f t="shared" si="46"/>
        <v>44937.083333332746</v>
      </c>
    </row>
    <row r="277" spans="2:14" x14ac:dyDescent="0.25">
      <c r="B277">
        <f t="shared" si="40"/>
        <v>3</v>
      </c>
      <c r="C277" s="16">
        <v>243</v>
      </c>
      <c r="D277" cm="1">
        <f t="array" ref="D277">IFERROR(INDEX(Jesper!AH$2:AH$366,ROUNDDOWN($C277/24,0)+1,1)*INDEX($D$3:$AA$30,INDEX(Jesper!$R$2:$R$366,ROW(INDEX(Jesper!AH$2:AH$366,ROUNDDOWN($C277/24,0)+1,1))-1)+IF('Standard Profiles'!$G$18=$B$10,7,0)+IF('Standard Profiles'!$G$18=$B$17,14,0)+IF('Standard Profiles'!$G$18=$B$24,21,0),MOD($C277,24)+1)/SUM(INDEX($D$3:$AA$30,INDEX(Jesper!$R$2:$R$366,ROW(INDEX(Jesper!AH$2:AH$366,ROUNDDOWN($C277/24,0)+1,1))-1)+IF('Standard Profiles'!$G$18=$B$10,7,0)+IF('Standard Profiles'!$G$18=$B$17,14,0)+IF('Standard Profiles'!$G$18=$B$24,21,0),0)),0)</f>
        <v>6.056870574627065</v>
      </c>
      <c r="E277" cm="1">
        <f t="array" ref="E277">IFERROR(INDEX(Jesper!AI$2:AI$366,ROUNDDOWN($C277/24,0)+1,1)*INDEX($D$3:$AA$30,INDEX(Jesper!$R$2:$R$366,ROW(INDEX(Jesper!AI$2:AI$366,ROUNDDOWN($C277/24,0)+1,1))-1)+IF('Standard Profiles'!$G$19=$B$10,7,0)+IF('Standard Profiles'!$G$19=$B$17,14,0)+IF('Standard Profiles'!$G$19=$B$24,21,0),MOD($C277,24)+1)/SUM(INDEX($D$3:$AA$30,INDEX(Jesper!$R$2:$R$366,ROW(INDEX(Jesper!AI$2:AI$366,ROUNDDOWN($C277/24,0)+1,1))-1)+IF('Standard Profiles'!$G$19=$B$10,7,0)+IF('Standard Profiles'!$G$19=$B$17,14,0)+IF('Standard Profiles'!$G$19=$B$24,21,0),0)),0)</f>
        <v>6.8542701391417831</v>
      </c>
      <c r="F277" cm="1">
        <f t="array" ref="F277">IFERROR(INDEX(Jesper!AJ$2:AJ$366,ROUNDDOWN($C277/24,0)+1,1)*INDEX($D$3:$AA$30,INDEX(Jesper!$R$2:$R$366,ROW(INDEX(Jesper!AJ$2:AJ$366,ROUNDDOWN($C277/24,0)+1,1))-1)+IF('Standard Profiles'!$G$20=$B$10,7,0)+IF('Standard Profiles'!$G$20=$B$17,14,0)+IF('Standard Profiles'!$G$20=$B$24,21,0),MOD($C277,24)+1)/SUM(INDEX($D$3:$AA$30,INDEX(Jesper!$R$2:$R$366,ROW(INDEX(Jesper!AJ$2:AJ$366,ROUNDDOWN($C277/24,0)+1,1))-1)+IF('Standard Profiles'!$G$20=$B$10,7,0)+IF('Standard Profiles'!$G$20=$B$17,14,0)+IF('Standard Profiles'!$G$20=$B$24,21,0),0)),0)</f>
        <v>0</v>
      </c>
      <c r="G277" cm="1">
        <f t="array" ref="G277">IFERROR(INDEX(Jesper!AK$2:AK$366,ROUNDDOWN($C277/24,0)+1,1)*INDEX($D$3:$AA$30,INDEX(Jesper!$R$2:$R$366,ROW(INDEX(Jesper!AK$2:AK$366,ROUNDDOWN($C277/24,0)+1,1))-1)+IF('Standard Profiles'!$G$21=$B$10,7,0)+IF('Standard Profiles'!$G$21=$B$17,14,0)+IF('Standard Profiles'!$G$21=$B$24,21,0),MOD($C277,24)+1)/SUM(INDEX($D$3:$AA$30,INDEX(Jesper!$R$2:$R$366,ROW(INDEX(Jesper!AK$2:AK$366,ROUNDDOWN($C277/24,0)+1,1))-1)+IF('Standard Profiles'!$G$21=$B$10,7,0)+IF('Standard Profiles'!$G$21=$B$17,14,0)+IF('Standard Profiles'!$G$21=$B$24,21,0),0)),0)</f>
        <v>8.0726492239725385</v>
      </c>
      <c r="H277" cm="1">
        <f t="array" ref="H277">IFERROR(INDEX(Jesper!AL$2:AL$366,ROUNDDOWN($C277/24,0)+1,1)*INDEX($D$3:$AA$30,INDEX(Jesper!$R$2:$R$366,ROW(INDEX(Jesper!AL$2:AL$366,ROUNDDOWN($C277/24,0)+1,1))-1)+IF('Standard Profiles'!$G$22=$B$10,7,0)+IF('Standard Profiles'!$G$22=$B$17,14,0)+IF('Standard Profiles'!$G$22=$B$24,21,0),MOD($C277,24)+1)/SUM(INDEX($D$3:$AA$30,INDEX(Jesper!$R$2:$R$366,ROW(INDEX(Jesper!AL$2:AL$366,ROUNDDOWN($C277/24,0)+1,1))-1)+IF('Standard Profiles'!$G$22=$B$10,7,0)+IF('Standard Profiles'!$G$22=$B$17,14,0)+IF('Standard Profiles'!$G$22=$B$24,21,0),0)),0)</f>
        <v>0</v>
      </c>
      <c r="I277">
        <f t="shared" si="41"/>
        <v>3.8748716275068165</v>
      </c>
      <c r="J277">
        <f t="shared" si="42"/>
        <v>16.13981901829424</v>
      </c>
      <c r="K277">
        <f t="shared" si="43"/>
        <v>0.64606619462688697</v>
      </c>
      <c r="L277">
        <f t="shared" si="44"/>
        <v>0.32303309731344348</v>
      </c>
      <c r="M277">
        <f t="shared" si="45"/>
        <v>0</v>
      </c>
      <c r="N277" s="45">
        <f t="shared" si="46"/>
        <v>44937.124999999411</v>
      </c>
    </row>
    <row r="278" spans="2:14" x14ac:dyDescent="0.25">
      <c r="B278">
        <f t="shared" si="40"/>
        <v>3</v>
      </c>
      <c r="C278" s="16">
        <v>244</v>
      </c>
      <c r="D278" cm="1">
        <f t="array" ref="D278">IFERROR(INDEX(Jesper!AH$2:AH$366,ROUNDDOWN($C278/24,0)+1,1)*INDEX($D$3:$AA$30,INDEX(Jesper!$R$2:$R$366,ROW(INDEX(Jesper!AH$2:AH$366,ROUNDDOWN($C278/24,0)+1,1))-1)+IF('Standard Profiles'!$G$18=$B$10,7,0)+IF('Standard Profiles'!$G$18=$B$17,14,0)+IF('Standard Profiles'!$G$18=$B$24,21,0),MOD($C278,24)+1)/SUM(INDEX($D$3:$AA$30,INDEX(Jesper!$R$2:$R$366,ROW(INDEX(Jesper!AH$2:AH$366,ROUNDDOWN($C278/24,0)+1,1))-1)+IF('Standard Profiles'!$G$18=$B$10,7,0)+IF('Standard Profiles'!$G$18=$B$17,14,0)+IF('Standard Profiles'!$G$18=$B$24,21,0),0)),0)</f>
        <v>6.056870574627065</v>
      </c>
      <c r="E278" cm="1">
        <f t="array" ref="E278">IFERROR(INDEX(Jesper!AI$2:AI$366,ROUNDDOWN($C278/24,0)+1,1)*INDEX($D$3:$AA$30,INDEX(Jesper!$R$2:$R$366,ROW(INDEX(Jesper!AI$2:AI$366,ROUNDDOWN($C278/24,0)+1,1))-1)+IF('Standard Profiles'!$G$19=$B$10,7,0)+IF('Standard Profiles'!$G$19=$B$17,14,0)+IF('Standard Profiles'!$G$19=$B$24,21,0),MOD($C278,24)+1)/SUM(INDEX($D$3:$AA$30,INDEX(Jesper!$R$2:$R$366,ROW(INDEX(Jesper!AI$2:AI$366,ROUNDDOWN($C278/24,0)+1,1))-1)+IF('Standard Profiles'!$G$19=$B$10,7,0)+IF('Standard Profiles'!$G$19=$B$17,14,0)+IF('Standard Profiles'!$G$19=$B$24,21,0),0)),0)</f>
        <v>6.8542701391417831</v>
      </c>
      <c r="F278" cm="1">
        <f t="array" ref="F278">IFERROR(INDEX(Jesper!AJ$2:AJ$366,ROUNDDOWN($C278/24,0)+1,1)*INDEX($D$3:$AA$30,INDEX(Jesper!$R$2:$R$366,ROW(INDEX(Jesper!AJ$2:AJ$366,ROUNDDOWN($C278/24,0)+1,1))-1)+IF('Standard Profiles'!$G$20=$B$10,7,0)+IF('Standard Profiles'!$G$20=$B$17,14,0)+IF('Standard Profiles'!$G$20=$B$24,21,0),MOD($C278,24)+1)/SUM(INDEX($D$3:$AA$30,INDEX(Jesper!$R$2:$R$366,ROW(INDEX(Jesper!AJ$2:AJ$366,ROUNDDOWN($C278/24,0)+1,1))-1)+IF('Standard Profiles'!$G$20=$B$10,7,0)+IF('Standard Profiles'!$G$20=$B$17,14,0)+IF('Standard Profiles'!$G$20=$B$24,21,0),0)),0)</f>
        <v>0</v>
      </c>
      <c r="G278" cm="1">
        <f t="array" ref="G278">IFERROR(INDEX(Jesper!AK$2:AK$366,ROUNDDOWN($C278/24,0)+1,1)*INDEX($D$3:$AA$30,INDEX(Jesper!$R$2:$R$366,ROW(INDEX(Jesper!AK$2:AK$366,ROUNDDOWN($C278/24,0)+1,1))-1)+IF('Standard Profiles'!$G$21=$B$10,7,0)+IF('Standard Profiles'!$G$21=$B$17,14,0)+IF('Standard Profiles'!$G$21=$B$24,21,0),MOD($C278,24)+1)/SUM(INDEX($D$3:$AA$30,INDEX(Jesper!$R$2:$R$366,ROW(INDEX(Jesper!AK$2:AK$366,ROUNDDOWN($C278/24,0)+1,1))-1)+IF('Standard Profiles'!$G$21=$B$10,7,0)+IF('Standard Profiles'!$G$21=$B$17,14,0)+IF('Standard Profiles'!$G$21=$B$24,21,0),0)),0)</f>
        <v>8.0726492239725385</v>
      </c>
      <c r="H278" cm="1">
        <f t="array" ref="H278">IFERROR(INDEX(Jesper!AL$2:AL$366,ROUNDDOWN($C278/24,0)+1,1)*INDEX($D$3:$AA$30,INDEX(Jesper!$R$2:$R$366,ROW(INDEX(Jesper!AL$2:AL$366,ROUNDDOWN($C278/24,0)+1,1))-1)+IF('Standard Profiles'!$G$22=$B$10,7,0)+IF('Standard Profiles'!$G$22=$B$17,14,0)+IF('Standard Profiles'!$G$22=$B$24,21,0),MOD($C278,24)+1)/SUM(INDEX($D$3:$AA$30,INDEX(Jesper!$R$2:$R$366,ROW(INDEX(Jesper!AL$2:AL$366,ROUNDDOWN($C278/24,0)+1,1))-1)+IF('Standard Profiles'!$G$22=$B$10,7,0)+IF('Standard Profiles'!$G$22=$B$17,14,0)+IF('Standard Profiles'!$G$22=$B$24,21,0),0)),0)</f>
        <v>0</v>
      </c>
      <c r="I278">
        <f t="shared" si="41"/>
        <v>3.8748716275068165</v>
      </c>
      <c r="J278">
        <f t="shared" si="42"/>
        <v>16.13981901829424</v>
      </c>
      <c r="K278">
        <f t="shared" si="43"/>
        <v>0.64606619462688697</v>
      </c>
      <c r="L278">
        <f t="shared" si="44"/>
        <v>0.32303309731344348</v>
      </c>
      <c r="M278">
        <f t="shared" si="45"/>
        <v>0</v>
      </c>
      <c r="N278" s="45">
        <f t="shared" si="46"/>
        <v>44937.166666666075</v>
      </c>
    </row>
    <row r="279" spans="2:14" x14ac:dyDescent="0.25">
      <c r="B279">
        <f t="shared" si="40"/>
        <v>3</v>
      </c>
      <c r="C279" s="16">
        <v>245</v>
      </c>
      <c r="D279" cm="1">
        <f t="array" ref="D279">IFERROR(INDEX(Jesper!AH$2:AH$366,ROUNDDOWN($C279/24,0)+1,1)*INDEX($D$3:$AA$30,INDEX(Jesper!$R$2:$R$366,ROW(INDEX(Jesper!AH$2:AH$366,ROUNDDOWN($C279/24,0)+1,1))-1)+IF('Standard Profiles'!$G$18=$B$10,7,0)+IF('Standard Profiles'!$G$18=$B$17,14,0)+IF('Standard Profiles'!$G$18=$B$24,21,0),MOD($C279,24)+1)/SUM(INDEX($D$3:$AA$30,INDEX(Jesper!$R$2:$R$366,ROW(INDEX(Jesper!AH$2:AH$366,ROUNDDOWN($C279/24,0)+1,1))-1)+IF('Standard Profiles'!$G$18=$B$10,7,0)+IF('Standard Profiles'!$G$18=$B$17,14,0)+IF('Standard Profiles'!$G$18=$B$24,21,0),0)),0)</f>
        <v>6.056870574627065</v>
      </c>
      <c r="E279" cm="1">
        <f t="array" ref="E279">IFERROR(INDEX(Jesper!AI$2:AI$366,ROUNDDOWN($C279/24,0)+1,1)*INDEX($D$3:$AA$30,INDEX(Jesper!$R$2:$R$366,ROW(INDEX(Jesper!AI$2:AI$366,ROUNDDOWN($C279/24,0)+1,1))-1)+IF('Standard Profiles'!$G$19=$B$10,7,0)+IF('Standard Profiles'!$G$19=$B$17,14,0)+IF('Standard Profiles'!$G$19=$B$24,21,0),MOD($C279,24)+1)/SUM(INDEX($D$3:$AA$30,INDEX(Jesper!$R$2:$R$366,ROW(INDEX(Jesper!AI$2:AI$366,ROUNDDOWN($C279/24,0)+1,1))-1)+IF('Standard Profiles'!$G$19=$B$10,7,0)+IF('Standard Profiles'!$G$19=$B$17,14,0)+IF('Standard Profiles'!$G$19=$B$24,21,0),0)),0)</f>
        <v>6.8542701391417831</v>
      </c>
      <c r="F279" cm="1">
        <f t="array" ref="F279">IFERROR(INDEX(Jesper!AJ$2:AJ$366,ROUNDDOWN($C279/24,0)+1,1)*INDEX($D$3:$AA$30,INDEX(Jesper!$R$2:$R$366,ROW(INDEX(Jesper!AJ$2:AJ$366,ROUNDDOWN($C279/24,0)+1,1))-1)+IF('Standard Profiles'!$G$20=$B$10,7,0)+IF('Standard Profiles'!$G$20=$B$17,14,0)+IF('Standard Profiles'!$G$20=$B$24,21,0),MOD($C279,24)+1)/SUM(INDEX($D$3:$AA$30,INDEX(Jesper!$R$2:$R$366,ROW(INDEX(Jesper!AJ$2:AJ$366,ROUNDDOWN($C279/24,0)+1,1))-1)+IF('Standard Profiles'!$G$20=$B$10,7,0)+IF('Standard Profiles'!$G$20=$B$17,14,0)+IF('Standard Profiles'!$G$20=$B$24,21,0),0)),0)</f>
        <v>0</v>
      </c>
      <c r="G279" cm="1">
        <f t="array" ref="G279">IFERROR(INDEX(Jesper!AK$2:AK$366,ROUNDDOWN($C279/24,0)+1,1)*INDEX($D$3:$AA$30,INDEX(Jesper!$R$2:$R$366,ROW(INDEX(Jesper!AK$2:AK$366,ROUNDDOWN($C279/24,0)+1,1))-1)+IF('Standard Profiles'!$G$21=$B$10,7,0)+IF('Standard Profiles'!$G$21=$B$17,14,0)+IF('Standard Profiles'!$G$21=$B$24,21,0),MOD($C279,24)+1)/SUM(INDEX($D$3:$AA$30,INDEX(Jesper!$R$2:$R$366,ROW(INDEX(Jesper!AK$2:AK$366,ROUNDDOWN($C279/24,0)+1,1))-1)+IF('Standard Profiles'!$G$21=$B$10,7,0)+IF('Standard Profiles'!$G$21=$B$17,14,0)+IF('Standard Profiles'!$G$21=$B$24,21,0),0)),0)</f>
        <v>8.0726492239725385</v>
      </c>
      <c r="H279" cm="1">
        <f t="array" ref="H279">IFERROR(INDEX(Jesper!AL$2:AL$366,ROUNDDOWN($C279/24,0)+1,1)*INDEX($D$3:$AA$30,INDEX(Jesper!$R$2:$R$366,ROW(INDEX(Jesper!AL$2:AL$366,ROUNDDOWN($C279/24,0)+1,1))-1)+IF('Standard Profiles'!$G$22=$B$10,7,0)+IF('Standard Profiles'!$G$22=$B$17,14,0)+IF('Standard Profiles'!$G$22=$B$24,21,0),MOD($C279,24)+1)/SUM(INDEX($D$3:$AA$30,INDEX(Jesper!$R$2:$R$366,ROW(INDEX(Jesper!AL$2:AL$366,ROUNDDOWN($C279/24,0)+1,1))-1)+IF('Standard Profiles'!$G$22=$B$10,7,0)+IF('Standard Profiles'!$G$22=$B$17,14,0)+IF('Standard Profiles'!$G$22=$B$24,21,0),0)),0)</f>
        <v>0</v>
      </c>
      <c r="I279">
        <f t="shared" si="41"/>
        <v>3.8748716275068165</v>
      </c>
      <c r="J279">
        <f t="shared" si="42"/>
        <v>16.13981901829424</v>
      </c>
      <c r="K279">
        <f t="shared" si="43"/>
        <v>0.64606619462688697</v>
      </c>
      <c r="L279">
        <f t="shared" si="44"/>
        <v>0.32303309731344348</v>
      </c>
      <c r="M279">
        <f t="shared" si="45"/>
        <v>0</v>
      </c>
      <c r="N279" s="45">
        <f t="shared" si="46"/>
        <v>44937.208333332739</v>
      </c>
    </row>
    <row r="280" spans="2:14" x14ac:dyDescent="0.25">
      <c r="B280">
        <f t="shared" si="40"/>
        <v>3</v>
      </c>
      <c r="C280" s="16">
        <v>246</v>
      </c>
      <c r="D280" cm="1">
        <f t="array" ref="D280">IFERROR(INDEX(Jesper!AH$2:AH$366,ROUNDDOWN($C280/24,0)+1,1)*INDEX($D$3:$AA$30,INDEX(Jesper!$R$2:$R$366,ROW(INDEX(Jesper!AH$2:AH$366,ROUNDDOWN($C280/24,0)+1,1))-1)+IF('Standard Profiles'!$G$18=$B$10,7,0)+IF('Standard Profiles'!$G$18=$B$17,14,0)+IF('Standard Profiles'!$G$18=$B$24,21,0),MOD($C280,24)+1)/SUM(INDEX($D$3:$AA$30,INDEX(Jesper!$R$2:$R$366,ROW(INDEX(Jesper!AH$2:AH$366,ROUNDDOWN($C280/24,0)+1,1))-1)+IF('Standard Profiles'!$G$18=$B$10,7,0)+IF('Standard Profiles'!$G$18=$B$17,14,0)+IF('Standard Profiles'!$G$18=$B$24,21,0),0)),0)</f>
        <v>6.056870574627065</v>
      </c>
      <c r="E280" cm="1">
        <f t="array" ref="E280">IFERROR(INDEX(Jesper!AI$2:AI$366,ROUNDDOWN($C280/24,0)+1,1)*INDEX($D$3:$AA$30,INDEX(Jesper!$R$2:$R$366,ROW(INDEX(Jesper!AI$2:AI$366,ROUNDDOWN($C280/24,0)+1,1))-1)+IF('Standard Profiles'!$G$19=$B$10,7,0)+IF('Standard Profiles'!$G$19=$B$17,14,0)+IF('Standard Profiles'!$G$19=$B$24,21,0),MOD($C280,24)+1)/SUM(INDEX($D$3:$AA$30,INDEX(Jesper!$R$2:$R$366,ROW(INDEX(Jesper!AI$2:AI$366,ROUNDDOWN($C280/24,0)+1,1))-1)+IF('Standard Profiles'!$G$19=$B$10,7,0)+IF('Standard Profiles'!$G$19=$B$17,14,0)+IF('Standard Profiles'!$G$19=$B$24,21,0),0)),0)</f>
        <v>6.8542701391417831</v>
      </c>
      <c r="F280" cm="1">
        <f t="array" ref="F280">IFERROR(INDEX(Jesper!AJ$2:AJ$366,ROUNDDOWN($C280/24,0)+1,1)*INDEX($D$3:$AA$30,INDEX(Jesper!$R$2:$R$366,ROW(INDEX(Jesper!AJ$2:AJ$366,ROUNDDOWN($C280/24,0)+1,1))-1)+IF('Standard Profiles'!$G$20=$B$10,7,0)+IF('Standard Profiles'!$G$20=$B$17,14,0)+IF('Standard Profiles'!$G$20=$B$24,21,0),MOD($C280,24)+1)/SUM(INDEX($D$3:$AA$30,INDEX(Jesper!$R$2:$R$366,ROW(INDEX(Jesper!AJ$2:AJ$366,ROUNDDOWN($C280/24,0)+1,1))-1)+IF('Standard Profiles'!$G$20=$B$10,7,0)+IF('Standard Profiles'!$G$20=$B$17,14,0)+IF('Standard Profiles'!$G$20=$B$24,21,0),0)),0)</f>
        <v>0</v>
      </c>
      <c r="G280" cm="1">
        <f t="array" ref="G280">IFERROR(INDEX(Jesper!AK$2:AK$366,ROUNDDOWN($C280/24,0)+1,1)*INDEX($D$3:$AA$30,INDEX(Jesper!$R$2:$R$366,ROW(INDEX(Jesper!AK$2:AK$366,ROUNDDOWN($C280/24,0)+1,1))-1)+IF('Standard Profiles'!$G$21=$B$10,7,0)+IF('Standard Profiles'!$G$21=$B$17,14,0)+IF('Standard Profiles'!$G$21=$B$24,21,0),MOD($C280,24)+1)/SUM(INDEX($D$3:$AA$30,INDEX(Jesper!$R$2:$R$366,ROW(INDEX(Jesper!AK$2:AK$366,ROUNDDOWN($C280/24,0)+1,1))-1)+IF('Standard Profiles'!$G$21=$B$10,7,0)+IF('Standard Profiles'!$G$21=$B$17,14,0)+IF('Standard Profiles'!$G$21=$B$24,21,0),0)),0)</f>
        <v>8.0726492239725385</v>
      </c>
      <c r="H280" cm="1">
        <f t="array" ref="H280">IFERROR(INDEX(Jesper!AL$2:AL$366,ROUNDDOWN($C280/24,0)+1,1)*INDEX($D$3:$AA$30,INDEX(Jesper!$R$2:$R$366,ROW(INDEX(Jesper!AL$2:AL$366,ROUNDDOWN($C280/24,0)+1,1))-1)+IF('Standard Profiles'!$G$22=$B$10,7,0)+IF('Standard Profiles'!$G$22=$B$17,14,0)+IF('Standard Profiles'!$G$22=$B$24,21,0),MOD($C280,24)+1)/SUM(INDEX($D$3:$AA$30,INDEX(Jesper!$R$2:$R$366,ROW(INDEX(Jesper!AL$2:AL$366,ROUNDDOWN($C280/24,0)+1,1))-1)+IF('Standard Profiles'!$G$22=$B$10,7,0)+IF('Standard Profiles'!$G$22=$B$17,14,0)+IF('Standard Profiles'!$G$22=$B$24,21,0),0)),0)</f>
        <v>0</v>
      </c>
      <c r="I280">
        <f t="shared" si="41"/>
        <v>3.8748716275068165</v>
      </c>
      <c r="J280">
        <f t="shared" si="42"/>
        <v>16.13981901829424</v>
      </c>
      <c r="K280">
        <f t="shared" si="43"/>
        <v>0.64606619462688697</v>
      </c>
      <c r="L280">
        <f t="shared" si="44"/>
        <v>0.32303309731344348</v>
      </c>
      <c r="M280">
        <f t="shared" si="45"/>
        <v>0</v>
      </c>
      <c r="N280" s="45">
        <f t="shared" si="46"/>
        <v>44937.249999999403</v>
      </c>
    </row>
    <row r="281" spans="2:14" x14ac:dyDescent="0.25">
      <c r="B281">
        <f t="shared" si="40"/>
        <v>3</v>
      </c>
      <c r="C281" s="16">
        <v>247</v>
      </c>
      <c r="D281" cm="1">
        <f t="array" ref="D281">IFERROR(INDEX(Jesper!AH$2:AH$366,ROUNDDOWN($C281/24,0)+1,1)*INDEX($D$3:$AA$30,INDEX(Jesper!$R$2:$R$366,ROW(INDEX(Jesper!AH$2:AH$366,ROUNDDOWN($C281/24,0)+1,1))-1)+IF('Standard Profiles'!$G$18=$B$10,7,0)+IF('Standard Profiles'!$G$18=$B$17,14,0)+IF('Standard Profiles'!$G$18=$B$24,21,0),MOD($C281,24)+1)/SUM(INDEX($D$3:$AA$30,INDEX(Jesper!$R$2:$R$366,ROW(INDEX(Jesper!AH$2:AH$366,ROUNDDOWN($C281/24,0)+1,1))-1)+IF('Standard Profiles'!$G$18=$B$10,7,0)+IF('Standard Profiles'!$G$18=$B$17,14,0)+IF('Standard Profiles'!$G$18=$B$24,21,0),0)),0)</f>
        <v>24.759752742945182</v>
      </c>
      <c r="E281" cm="1">
        <f t="array" ref="E281">IFERROR(INDEX(Jesper!AI$2:AI$366,ROUNDDOWN($C281/24,0)+1,1)*INDEX($D$3:$AA$30,INDEX(Jesper!$R$2:$R$366,ROW(INDEX(Jesper!AI$2:AI$366,ROUNDDOWN($C281/24,0)+1,1))-1)+IF('Standard Profiles'!$G$19=$B$10,7,0)+IF('Standard Profiles'!$G$19=$B$17,14,0)+IF('Standard Profiles'!$G$19=$B$24,21,0),MOD($C281,24)+1)/SUM(INDEX($D$3:$AA$30,INDEX(Jesper!$R$2:$R$366,ROW(INDEX(Jesper!AI$2:AI$366,ROUNDDOWN($C281/24,0)+1,1))-1)+IF('Standard Profiles'!$G$19=$B$10,7,0)+IF('Standard Profiles'!$G$19=$B$17,14,0)+IF('Standard Profiles'!$G$19=$B$24,21,0),0)),0)</f>
        <v>28.019425508188679</v>
      </c>
      <c r="F281" cm="1">
        <f t="array" ref="F281">IFERROR(INDEX(Jesper!AJ$2:AJ$366,ROUNDDOWN($C281/24,0)+1,1)*INDEX($D$3:$AA$30,INDEX(Jesper!$R$2:$R$366,ROW(INDEX(Jesper!AJ$2:AJ$366,ROUNDDOWN($C281/24,0)+1,1))-1)+IF('Standard Profiles'!$G$20=$B$10,7,0)+IF('Standard Profiles'!$G$20=$B$17,14,0)+IF('Standard Profiles'!$G$20=$B$24,21,0),MOD($C281,24)+1)/SUM(INDEX($D$3:$AA$30,INDEX(Jesper!$R$2:$R$366,ROW(INDEX(Jesper!AJ$2:AJ$366,ROUNDDOWN($C281/24,0)+1,1))-1)+IF('Standard Profiles'!$G$20=$B$10,7,0)+IF('Standard Profiles'!$G$20=$B$17,14,0)+IF('Standard Profiles'!$G$20=$B$24,21,0),0)),0)</f>
        <v>0</v>
      </c>
      <c r="G281" cm="1">
        <f t="array" ref="G281">IFERROR(INDEX(Jesper!AK$2:AK$366,ROUNDDOWN($C281/24,0)+1,1)*INDEX($D$3:$AA$30,INDEX(Jesper!$R$2:$R$366,ROW(INDEX(Jesper!AK$2:AK$366,ROUNDDOWN($C281/24,0)+1,1))-1)+IF('Standard Profiles'!$G$21=$B$10,7,0)+IF('Standard Profiles'!$G$21=$B$17,14,0)+IF('Standard Profiles'!$G$21=$B$24,21,0),MOD($C281,24)+1)/SUM(INDEX($D$3:$AA$30,INDEX(Jesper!$R$2:$R$366,ROW(INDEX(Jesper!AK$2:AK$366,ROUNDDOWN($C281/24,0)+1,1))-1)+IF('Standard Profiles'!$G$21=$B$10,7,0)+IF('Standard Profiles'!$G$21=$B$17,14,0)+IF('Standard Profiles'!$G$21=$B$24,21,0),0)),0)</f>
        <v>22.24014861204434</v>
      </c>
      <c r="H281" cm="1">
        <f t="array" ref="H281">IFERROR(INDEX(Jesper!AL$2:AL$366,ROUNDDOWN($C281/24,0)+1,1)*INDEX($D$3:$AA$30,INDEX(Jesper!$R$2:$R$366,ROW(INDEX(Jesper!AL$2:AL$366,ROUNDDOWN($C281/24,0)+1,1))-1)+IF('Standard Profiles'!$G$22=$B$10,7,0)+IF('Standard Profiles'!$G$22=$B$17,14,0)+IF('Standard Profiles'!$G$22=$B$24,21,0),MOD($C281,24)+1)/SUM(INDEX($D$3:$AA$30,INDEX(Jesper!$R$2:$R$366,ROW(INDEX(Jesper!AL$2:AL$366,ROUNDDOWN($C281/24,0)+1,1))-1)+IF('Standard Profiles'!$G$22=$B$10,7,0)+IF('Standard Profiles'!$G$22=$B$17,14,0)+IF('Standard Profiles'!$G$22=$B$24,21,0),0)),0)</f>
        <v>0</v>
      </c>
      <c r="I281">
        <f t="shared" si="41"/>
        <v>10.675271333781279</v>
      </c>
      <c r="J281">
        <f t="shared" si="42"/>
        <v>60.382495090525687</v>
      </c>
      <c r="K281">
        <f t="shared" si="43"/>
        <v>2.6410402925808194</v>
      </c>
      <c r="L281">
        <f t="shared" si="44"/>
        <v>1.3205201462904097</v>
      </c>
      <c r="M281">
        <f t="shared" si="45"/>
        <v>0</v>
      </c>
      <c r="N281" s="45">
        <f t="shared" si="46"/>
        <v>44937.291666666068</v>
      </c>
    </row>
    <row r="282" spans="2:14" x14ac:dyDescent="0.25">
      <c r="B282">
        <f t="shared" si="40"/>
        <v>3</v>
      </c>
      <c r="C282" s="16">
        <v>248</v>
      </c>
      <c r="D282" cm="1">
        <f t="array" ref="D282">IFERROR(INDEX(Jesper!AH$2:AH$366,ROUNDDOWN($C282/24,0)+1,1)*INDEX($D$3:$AA$30,INDEX(Jesper!$R$2:$R$366,ROW(INDEX(Jesper!AH$2:AH$366,ROUNDDOWN($C282/24,0)+1,1))-1)+IF('Standard Profiles'!$G$18=$B$10,7,0)+IF('Standard Profiles'!$G$18=$B$17,14,0)+IF('Standard Profiles'!$G$18=$B$24,21,0),MOD($C282,24)+1)/SUM(INDEX($D$3:$AA$30,INDEX(Jesper!$R$2:$R$366,ROW(INDEX(Jesper!AH$2:AH$366,ROUNDDOWN($C282/24,0)+1,1))-1)+IF('Standard Profiles'!$G$18=$B$10,7,0)+IF('Standard Profiles'!$G$18=$B$17,14,0)+IF('Standard Profiles'!$G$18=$B$24,21,0),0)),0)</f>
        <v>27.626671481601992</v>
      </c>
      <c r="E282" cm="1">
        <f t="array" ref="E282">IFERROR(INDEX(Jesper!AI$2:AI$366,ROUNDDOWN($C282/24,0)+1,1)*INDEX($D$3:$AA$30,INDEX(Jesper!$R$2:$R$366,ROW(INDEX(Jesper!AI$2:AI$366,ROUNDDOWN($C282/24,0)+1,1))-1)+IF('Standard Profiles'!$G$19=$B$10,7,0)+IF('Standard Profiles'!$G$19=$B$17,14,0)+IF('Standard Profiles'!$G$19=$B$24,21,0),MOD($C282,24)+1)/SUM(INDEX($D$3:$AA$30,INDEX(Jesper!$R$2:$R$366,ROW(INDEX(Jesper!AI$2:AI$366,ROUNDDOWN($C282/24,0)+1,1))-1)+IF('Standard Profiles'!$G$19=$B$10,7,0)+IF('Standard Profiles'!$G$19=$B$17,14,0)+IF('Standard Profiles'!$G$19=$B$24,21,0),0)),0)</f>
        <v>31.26378004071579</v>
      </c>
      <c r="F282" cm="1">
        <f t="array" ref="F282">IFERROR(INDEX(Jesper!AJ$2:AJ$366,ROUNDDOWN($C282/24,0)+1,1)*INDEX($D$3:$AA$30,INDEX(Jesper!$R$2:$R$366,ROW(INDEX(Jesper!AJ$2:AJ$366,ROUNDDOWN($C282/24,0)+1,1))-1)+IF('Standard Profiles'!$G$20=$B$10,7,0)+IF('Standard Profiles'!$G$20=$B$17,14,0)+IF('Standard Profiles'!$G$20=$B$24,21,0),MOD($C282,24)+1)/SUM(INDEX($D$3:$AA$30,INDEX(Jesper!$R$2:$R$366,ROW(INDEX(Jesper!AJ$2:AJ$366,ROUNDDOWN($C282/24,0)+1,1))-1)+IF('Standard Profiles'!$G$20=$B$10,7,0)+IF('Standard Profiles'!$G$20=$B$17,14,0)+IF('Standard Profiles'!$G$20=$B$24,21,0),0)),0)</f>
        <v>0</v>
      </c>
      <c r="G282" cm="1">
        <f t="array" ref="G282">IFERROR(INDEX(Jesper!AK$2:AK$366,ROUNDDOWN($C282/24,0)+1,1)*INDEX($D$3:$AA$30,INDEX(Jesper!$R$2:$R$366,ROW(INDEX(Jesper!AK$2:AK$366,ROUNDDOWN($C282/24,0)+1,1))-1)+IF('Standard Profiles'!$G$21=$B$10,7,0)+IF('Standard Profiles'!$G$21=$B$17,14,0)+IF('Standard Profiles'!$G$21=$B$24,21,0),MOD($C282,24)+1)/SUM(INDEX($D$3:$AA$30,INDEX(Jesper!$R$2:$R$366,ROW(INDEX(Jesper!AK$2:AK$366,ROUNDDOWN($C282/24,0)+1,1))-1)+IF('Standard Profiles'!$G$21=$B$10,7,0)+IF('Standard Profiles'!$G$21=$B$17,14,0)+IF('Standard Profiles'!$G$21=$B$24,21,0),0)),0)</f>
        <v>24.815323714491587</v>
      </c>
      <c r="H282" cm="1">
        <f t="array" ref="H282">IFERROR(INDEX(Jesper!AL$2:AL$366,ROUNDDOWN($C282/24,0)+1,1)*INDEX($D$3:$AA$30,INDEX(Jesper!$R$2:$R$366,ROW(INDEX(Jesper!AL$2:AL$366,ROUNDDOWN($C282/24,0)+1,1))-1)+IF('Standard Profiles'!$G$22=$B$10,7,0)+IF('Standard Profiles'!$G$22=$B$17,14,0)+IF('Standard Profiles'!$G$22=$B$24,21,0),MOD($C282,24)+1)/SUM(INDEX($D$3:$AA$30,INDEX(Jesper!$R$2:$R$366,ROW(INDEX(Jesper!AL$2:AL$366,ROUNDDOWN($C282/24,0)+1,1))-1)+IF('Standard Profiles'!$G$22=$B$10,7,0)+IF('Standard Profiles'!$G$22=$B$17,14,0)+IF('Standard Profiles'!$G$22=$B$24,21,0),0)),0)</f>
        <v>0</v>
      </c>
      <c r="I282">
        <f t="shared" si="41"/>
        <v>11.911355382955955</v>
      </c>
      <c r="J282">
        <f t="shared" si="42"/>
        <v>67.374152416797102</v>
      </c>
      <c r="K282">
        <f t="shared" si="43"/>
        <v>2.9468449580375462</v>
      </c>
      <c r="L282">
        <f t="shared" si="44"/>
        <v>1.4734224790187731</v>
      </c>
      <c r="M282">
        <f t="shared" si="45"/>
        <v>0</v>
      </c>
      <c r="N282" s="45">
        <f t="shared" si="46"/>
        <v>44937.333333332732</v>
      </c>
    </row>
    <row r="283" spans="2:14" x14ac:dyDescent="0.25">
      <c r="B283">
        <f t="shared" si="40"/>
        <v>3</v>
      </c>
      <c r="C283" s="16">
        <v>249</v>
      </c>
      <c r="D283" cm="1">
        <f t="array" ref="D283">IFERROR(INDEX(Jesper!AH$2:AH$366,ROUNDDOWN($C283/24,0)+1,1)*INDEX($D$3:$AA$30,INDEX(Jesper!$R$2:$R$366,ROW(INDEX(Jesper!AH$2:AH$366,ROUNDDOWN($C283/24,0)+1,1))-1)+IF('Standard Profiles'!$G$18=$B$10,7,0)+IF('Standard Profiles'!$G$18=$B$17,14,0)+IF('Standard Profiles'!$G$18=$B$24,21,0),MOD($C283,24)+1)/SUM(INDEX($D$3:$AA$30,INDEX(Jesper!$R$2:$R$366,ROW(INDEX(Jesper!AH$2:AH$366,ROUNDDOWN($C283/24,0)+1,1))-1)+IF('Standard Profiles'!$G$18=$B$10,7,0)+IF('Standard Profiles'!$G$18=$B$17,14,0)+IF('Standard Profiles'!$G$18=$B$24,21,0),0)),0)</f>
        <v>30.493590220258806</v>
      </c>
      <c r="E283" cm="1">
        <f t="array" ref="E283">IFERROR(INDEX(Jesper!AI$2:AI$366,ROUNDDOWN($C283/24,0)+1,1)*INDEX($D$3:$AA$30,INDEX(Jesper!$R$2:$R$366,ROW(INDEX(Jesper!AI$2:AI$366,ROUNDDOWN($C283/24,0)+1,1))-1)+IF('Standard Profiles'!$G$19=$B$10,7,0)+IF('Standard Profiles'!$G$19=$B$17,14,0)+IF('Standard Profiles'!$G$19=$B$24,21,0),MOD($C283,24)+1)/SUM(INDEX($D$3:$AA$30,INDEX(Jesper!$R$2:$R$366,ROW(INDEX(Jesper!AI$2:AI$366,ROUNDDOWN($C283/24,0)+1,1))-1)+IF('Standard Profiles'!$G$19=$B$10,7,0)+IF('Standard Profiles'!$G$19=$B$17,14,0)+IF('Standard Profiles'!$G$19=$B$24,21,0),0)),0)</f>
        <v>34.508134573242906</v>
      </c>
      <c r="F283" cm="1">
        <f t="array" ref="F283">IFERROR(INDEX(Jesper!AJ$2:AJ$366,ROUNDDOWN($C283/24,0)+1,1)*INDEX($D$3:$AA$30,INDEX(Jesper!$R$2:$R$366,ROW(INDEX(Jesper!AJ$2:AJ$366,ROUNDDOWN($C283/24,0)+1,1))-1)+IF('Standard Profiles'!$G$20=$B$10,7,0)+IF('Standard Profiles'!$G$20=$B$17,14,0)+IF('Standard Profiles'!$G$20=$B$24,21,0),MOD($C283,24)+1)/SUM(INDEX($D$3:$AA$30,INDEX(Jesper!$R$2:$R$366,ROW(INDEX(Jesper!AJ$2:AJ$366,ROUNDDOWN($C283/24,0)+1,1))-1)+IF('Standard Profiles'!$G$20=$B$10,7,0)+IF('Standard Profiles'!$G$20=$B$17,14,0)+IF('Standard Profiles'!$G$20=$B$24,21,0),0)),0)</f>
        <v>0</v>
      </c>
      <c r="G283" cm="1">
        <f t="array" ref="G283">IFERROR(INDEX(Jesper!AK$2:AK$366,ROUNDDOWN($C283/24,0)+1,1)*INDEX($D$3:$AA$30,INDEX(Jesper!$R$2:$R$366,ROW(INDEX(Jesper!AK$2:AK$366,ROUNDDOWN($C283/24,0)+1,1))-1)+IF('Standard Profiles'!$G$21=$B$10,7,0)+IF('Standard Profiles'!$G$21=$B$17,14,0)+IF('Standard Profiles'!$G$21=$B$24,21,0),MOD($C283,24)+1)/SUM(INDEX($D$3:$AA$30,INDEX(Jesper!$R$2:$R$366,ROW(INDEX(Jesper!AK$2:AK$366,ROUNDDOWN($C283/24,0)+1,1))-1)+IF('Standard Profiles'!$G$21=$B$10,7,0)+IF('Standard Profiles'!$G$21=$B$17,14,0)+IF('Standard Profiles'!$G$21=$B$24,21,0),0)),0)</f>
        <v>27.39049881693882</v>
      </c>
      <c r="H283" cm="1">
        <f t="array" ref="H283">IFERROR(INDEX(Jesper!AL$2:AL$366,ROUNDDOWN($C283/24,0)+1,1)*INDEX($D$3:$AA$30,INDEX(Jesper!$R$2:$R$366,ROW(INDEX(Jesper!AL$2:AL$366,ROUNDDOWN($C283/24,0)+1,1))-1)+IF('Standard Profiles'!$G$22=$B$10,7,0)+IF('Standard Profiles'!$G$22=$B$17,14,0)+IF('Standard Profiles'!$G$22=$B$24,21,0),MOD($C283,24)+1)/SUM(INDEX($D$3:$AA$30,INDEX(Jesper!$R$2:$R$366,ROW(INDEX(Jesper!AL$2:AL$366,ROUNDDOWN($C283/24,0)+1,1))-1)+IF('Standard Profiles'!$G$22=$B$10,7,0)+IF('Standard Profiles'!$G$22=$B$17,14,0)+IF('Standard Profiles'!$G$22=$B$24,21,0),0)),0)</f>
        <v>0</v>
      </c>
      <c r="I283">
        <f t="shared" si="41"/>
        <v>13.147439432130627</v>
      </c>
      <c r="J283">
        <f t="shared" si="42"/>
        <v>74.365809743068496</v>
      </c>
      <c r="K283">
        <f t="shared" si="43"/>
        <v>3.252649623494273</v>
      </c>
      <c r="L283">
        <f t="shared" si="44"/>
        <v>1.6263248117471365</v>
      </c>
      <c r="M283">
        <f t="shared" si="45"/>
        <v>0</v>
      </c>
      <c r="N283" s="45">
        <f t="shared" si="46"/>
        <v>44937.374999999396</v>
      </c>
    </row>
    <row r="284" spans="2:14" x14ac:dyDescent="0.25">
      <c r="B284">
        <f t="shared" si="40"/>
        <v>3</v>
      </c>
      <c r="C284" s="16">
        <v>250</v>
      </c>
      <c r="D284" cm="1">
        <f t="array" ref="D284">IFERROR(INDEX(Jesper!AH$2:AH$366,ROUNDDOWN($C284/24,0)+1,1)*INDEX($D$3:$AA$30,INDEX(Jesper!$R$2:$R$366,ROW(INDEX(Jesper!AH$2:AH$366,ROUNDDOWN($C284/24,0)+1,1))-1)+IF('Standard Profiles'!$G$18=$B$10,7,0)+IF('Standard Profiles'!$G$18=$B$17,14,0)+IF('Standard Profiles'!$G$18=$B$24,21,0),MOD($C284,24)+1)/SUM(INDEX($D$3:$AA$30,INDEX(Jesper!$R$2:$R$366,ROW(INDEX(Jesper!AH$2:AH$366,ROUNDDOWN($C284/24,0)+1,1))-1)+IF('Standard Profiles'!$G$18=$B$10,7,0)+IF('Standard Profiles'!$G$18=$B$17,14,0)+IF('Standard Profiles'!$G$18=$B$24,21,0),0)),0)</f>
        <v>30.493590220258806</v>
      </c>
      <c r="E284" cm="1">
        <f t="array" ref="E284">IFERROR(INDEX(Jesper!AI$2:AI$366,ROUNDDOWN($C284/24,0)+1,1)*INDEX($D$3:$AA$30,INDEX(Jesper!$R$2:$R$366,ROW(INDEX(Jesper!AI$2:AI$366,ROUNDDOWN($C284/24,0)+1,1))-1)+IF('Standard Profiles'!$G$19=$B$10,7,0)+IF('Standard Profiles'!$G$19=$B$17,14,0)+IF('Standard Profiles'!$G$19=$B$24,21,0),MOD($C284,24)+1)/SUM(INDEX($D$3:$AA$30,INDEX(Jesper!$R$2:$R$366,ROW(INDEX(Jesper!AI$2:AI$366,ROUNDDOWN($C284/24,0)+1,1))-1)+IF('Standard Profiles'!$G$19=$B$10,7,0)+IF('Standard Profiles'!$G$19=$B$17,14,0)+IF('Standard Profiles'!$G$19=$B$24,21,0),0)),0)</f>
        <v>34.508134573242906</v>
      </c>
      <c r="F284" cm="1">
        <f t="array" ref="F284">IFERROR(INDEX(Jesper!AJ$2:AJ$366,ROUNDDOWN($C284/24,0)+1,1)*INDEX($D$3:$AA$30,INDEX(Jesper!$R$2:$R$366,ROW(INDEX(Jesper!AJ$2:AJ$366,ROUNDDOWN($C284/24,0)+1,1))-1)+IF('Standard Profiles'!$G$20=$B$10,7,0)+IF('Standard Profiles'!$G$20=$B$17,14,0)+IF('Standard Profiles'!$G$20=$B$24,21,0),MOD($C284,24)+1)/SUM(INDEX($D$3:$AA$30,INDEX(Jesper!$R$2:$R$366,ROW(INDEX(Jesper!AJ$2:AJ$366,ROUNDDOWN($C284/24,0)+1,1))-1)+IF('Standard Profiles'!$G$20=$B$10,7,0)+IF('Standard Profiles'!$G$20=$B$17,14,0)+IF('Standard Profiles'!$G$20=$B$24,21,0),0)),0)</f>
        <v>0</v>
      </c>
      <c r="G284" cm="1">
        <f t="array" ref="G284">IFERROR(INDEX(Jesper!AK$2:AK$366,ROUNDDOWN($C284/24,0)+1,1)*INDEX($D$3:$AA$30,INDEX(Jesper!$R$2:$R$366,ROW(INDEX(Jesper!AK$2:AK$366,ROUNDDOWN($C284/24,0)+1,1))-1)+IF('Standard Profiles'!$G$21=$B$10,7,0)+IF('Standard Profiles'!$G$21=$B$17,14,0)+IF('Standard Profiles'!$G$21=$B$24,21,0),MOD($C284,24)+1)/SUM(INDEX($D$3:$AA$30,INDEX(Jesper!$R$2:$R$366,ROW(INDEX(Jesper!AK$2:AK$366,ROUNDDOWN($C284/24,0)+1,1))-1)+IF('Standard Profiles'!$G$21=$B$10,7,0)+IF('Standard Profiles'!$G$21=$B$17,14,0)+IF('Standard Profiles'!$G$21=$B$24,21,0),0)),0)</f>
        <v>27.39049881693882</v>
      </c>
      <c r="H284" cm="1">
        <f t="array" ref="H284">IFERROR(INDEX(Jesper!AL$2:AL$366,ROUNDDOWN($C284/24,0)+1,1)*INDEX($D$3:$AA$30,INDEX(Jesper!$R$2:$R$366,ROW(INDEX(Jesper!AL$2:AL$366,ROUNDDOWN($C284/24,0)+1,1))-1)+IF('Standard Profiles'!$G$22=$B$10,7,0)+IF('Standard Profiles'!$G$22=$B$17,14,0)+IF('Standard Profiles'!$G$22=$B$24,21,0),MOD($C284,24)+1)/SUM(INDEX($D$3:$AA$30,INDEX(Jesper!$R$2:$R$366,ROW(INDEX(Jesper!AL$2:AL$366,ROUNDDOWN($C284/24,0)+1,1))-1)+IF('Standard Profiles'!$G$22=$B$10,7,0)+IF('Standard Profiles'!$G$22=$B$17,14,0)+IF('Standard Profiles'!$G$22=$B$24,21,0),0)),0)</f>
        <v>0</v>
      </c>
      <c r="I284">
        <f t="shared" si="41"/>
        <v>13.147439432130627</v>
      </c>
      <c r="J284">
        <f t="shared" si="42"/>
        <v>74.365809743068496</v>
      </c>
      <c r="K284">
        <f t="shared" si="43"/>
        <v>3.252649623494273</v>
      </c>
      <c r="L284">
        <f t="shared" si="44"/>
        <v>1.6263248117471365</v>
      </c>
      <c r="M284">
        <f t="shared" si="45"/>
        <v>0</v>
      </c>
      <c r="N284" s="45">
        <f t="shared" si="46"/>
        <v>44937.41666666606</v>
      </c>
    </row>
    <row r="285" spans="2:14" x14ac:dyDescent="0.25">
      <c r="B285">
        <f t="shared" si="40"/>
        <v>3</v>
      </c>
      <c r="C285" s="16">
        <v>251</v>
      </c>
      <c r="D285" cm="1">
        <f t="array" ref="D285">IFERROR(INDEX(Jesper!AH$2:AH$366,ROUNDDOWN($C285/24,0)+1,1)*INDEX($D$3:$AA$30,INDEX(Jesper!$R$2:$R$366,ROW(INDEX(Jesper!AH$2:AH$366,ROUNDDOWN($C285/24,0)+1,1))-1)+IF('Standard Profiles'!$G$18=$B$10,7,0)+IF('Standard Profiles'!$G$18=$B$17,14,0)+IF('Standard Profiles'!$G$18=$B$24,21,0),MOD($C285,24)+1)/SUM(INDEX($D$3:$AA$30,INDEX(Jesper!$R$2:$R$366,ROW(INDEX(Jesper!AH$2:AH$366,ROUNDDOWN($C285/24,0)+1,1))-1)+IF('Standard Profiles'!$G$18=$B$10,7,0)+IF('Standard Profiles'!$G$18=$B$17,14,0)+IF('Standard Profiles'!$G$18=$B$24,21,0),0)),0)</f>
        <v>36.488056673813951</v>
      </c>
      <c r="E285" cm="1">
        <f t="array" ref="E285">IFERROR(INDEX(Jesper!AI$2:AI$366,ROUNDDOWN($C285/24,0)+1,1)*INDEX($D$3:$AA$30,INDEX(Jesper!$R$2:$R$366,ROW(INDEX(Jesper!AI$2:AI$366,ROUNDDOWN($C285/24,0)+1,1))-1)+IF('Standard Profiles'!$G$19=$B$10,7,0)+IF('Standard Profiles'!$G$19=$B$17,14,0)+IF('Standard Profiles'!$G$19=$B$24,21,0),MOD($C285,24)+1)/SUM(INDEX($D$3:$AA$30,INDEX(Jesper!$R$2:$R$366,ROW(INDEX(Jesper!AI$2:AI$366,ROUNDDOWN($C285/24,0)+1,1))-1)+IF('Standard Profiles'!$G$19=$B$10,7,0)+IF('Standard Profiles'!$G$19=$B$17,14,0)+IF('Standard Profiles'!$G$19=$B$24,21,0),0)),0)</f>
        <v>41.291784959435951</v>
      </c>
      <c r="F285" cm="1">
        <f t="array" ref="F285">IFERROR(INDEX(Jesper!AJ$2:AJ$366,ROUNDDOWN($C285/24,0)+1,1)*INDEX($D$3:$AA$30,INDEX(Jesper!$R$2:$R$366,ROW(INDEX(Jesper!AJ$2:AJ$366,ROUNDDOWN($C285/24,0)+1,1))-1)+IF('Standard Profiles'!$G$20=$B$10,7,0)+IF('Standard Profiles'!$G$20=$B$17,14,0)+IF('Standard Profiles'!$G$20=$B$24,21,0),MOD($C285,24)+1)/SUM(INDEX($D$3:$AA$30,INDEX(Jesper!$R$2:$R$366,ROW(INDEX(Jesper!AJ$2:AJ$366,ROUNDDOWN($C285/24,0)+1,1))-1)+IF('Standard Profiles'!$G$20=$B$10,7,0)+IF('Standard Profiles'!$G$20=$B$17,14,0)+IF('Standard Profiles'!$G$20=$B$24,21,0),0)),0)</f>
        <v>0</v>
      </c>
      <c r="G285" cm="1">
        <f t="array" ref="G285">IFERROR(INDEX(Jesper!AK$2:AK$366,ROUNDDOWN($C285/24,0)+1,1)*INDEX($D$3:$AA$30,INDEX(Jesper!$R$2:$R$366,ROW(INDEX(Jesper!AK$2:AK$366,ROUNDDOWN($C285/24,0)+1,1))-1)+IF('Standard Profiles'!$G$21=$B$10,7,0)+IF('Standard Profiles'!$G$21=$B$17,14,0)+IF('Standard Profiles'!$G$21=$B$24,21,0),MOD($C285,24)+1)/SUM(INDEX($D$3:$AA$30,INDEX(Jesper!$R$2:$R$366,ROW(INDEX(Jesper!AK$2:AK$366,ROUNDDOWN($C285/24,0)+1,1))-1)+IF('Standard Profiles'!$G$21=$B$10,7,0)+IF('Standard Profiles'!$G$21=$B$17,14,0)+IF('Standard Profiles'!$G$21=$B$24,21,0),0)),0)</f>
        <v>32.774955849328499</v>
      </c>
      <c r="H285" cm="1">
        <f t="array" ref="H285">IFERROR(INDEX(Jesper!AL$2:AL$366,ROUNDDOWN($C285/24,0)+1,1)*INDEX($D$3:$AA$30,INDEX(Jesper!$R$2:$R$366,ROW(INDEX(Jesper!AL$2:AL$366,ROUNDDOWN($C285/24,0)+1,1))-1)+IF('Standard Profiles'!$G$22=$B$10,7,0)+IF('Standard Profiles'!$G$22=$B$17,14,0)+IF('Standard Profiles'!$G$22=$B$24,21,0),MOD($C285,24)+1)/SUM(INDEX($D$3:$AA$30,INDEX(Jesper!$R$2:$R$366,ROW(INDEX(Jesper!AL$2:AL$366,ROUNDDOWN($C285/24,0)+1,1))-1)+IF('Standard Profiles'!$G$22=$B$10,7,0)+IF('Standard Profiles'!$G$22=$B$17,14,0)+IF('Standard Profiles'!$G$22=$B$24,21,0),0)),0)</f>
        <v>0</v>
      </c>
      <c r="I285">
        <f t="shared" si="41"/>
        <v>15.731978807677672</v>
      </c>
      <c r="J285">
        <f t="shared" si="42"/>
        <v>88.9847296070905</v>
      </c>
      <c r="K285">
        <f t="shared" si="43"/>
        <v>3.8920593785401549</v>
      </c>
      <c r="L285">
        <f t="shared" si="44"/>
        <v>1.9460296892700775</v>
      </c>
      <c r="M285">
        <f t="shared" si="45"/>
        <v>0</v>
      </c>
      <c r="N285" s="45">
        <f t="shared" si="46"/>
        <v>44937.458333332725</v>
      </c>
    </row>
    <row r="286" spans="2:14" x14ac:dyDescent="0.25">
      <c r="B286">
        <f t="shared" si="40"/>
        <v>3</v>
      </c>
      <c r="C286" s="16">
        <v>252</v>
      </c>
      <c r="D286" cm="1">
        <f t="array" ref="D286">IFERROR(INDEX(Jesper!AH$2:AH$366,ROUNDDOWN($C286/24,0)+1,1)*INDEX($D$3:$AA$30,INDEX(Jesper!$R$2:$R$366,ROW(INDEX(Jesper!AH$2:AH$366,ROUNDDOWN($C286/24,0)+1,1))-1)+IF('Standard Profiles'!$G$18=$B$10,7,0)+IF('Standard Profiles'!$G$18=$B$17,14,0)+IF('Standard Profiles'!$G$18=$B$24,21,0),MOD($C286,24)+1)/SUM(INDEX($D$3:$AA$30,INDEX(Jesper!$R$2:$R$366,ROW(INDEX(Jesper!AH$2:AH$366,ROUNDDOWN($C286/24,0)+1,1))-1)+IF('Standard Profiles'!$G$18=$B$10,7,0)+IF('Standard Profiles'!$G$18=$B$17,14,0)+IF('Standard Profiles'!$G$18=$B$24,21,0),0)),0)</f>
        <v>36.488056673813951</v>
      </c>
      <c r="E286" cm="1">
        <f t="array" ref="E286">IFERROR(INDEX(Jesper!AI$2:AI$366,ROUNDDOWN($C286/24,0)+1,1)*INDEX($D$3:$AA$30,INDEX(Jesper!$R$2:$R$366,ROW(INDEX(Jesper!AI$2:AI$366,ROUNDDOWN($C286/24,0)+1,1))-1)+IF('Standard Profiles'!$G$19=$B$10,7,0)+IF('Standard Profiles'!$G$19=$B$17,14,0)+IF('Standard Profiles'!$G$19=$B$24,21,0),MOD($C286,24)+1)/SUM(INDEX($D$3:$AA$30,INDEX(Jesper!$R$2:$R$366,ROW(INDEX(Jesper!AI$2:AI$366,ROUNDDOWN($C286/24,0)+1,1))-1)+IF('Standard Profiles'!$G$19=$B$10,7,0)+IF('Standard Profiles'!$G$19=$B$17,14,0)+IF('Standard Profiles'!$G$19=$B$24,21,0),0)),0)</f>
        <v>41.291784959435951</v>
      </c>
      <c r="F286" cm="1">
        <f t="array" ref="F286">IFERROR(INDEX(Jesper!AJ$2:AJ$366,ROUNDDOWN($C286/24,0)+1,1)*INDEX($D$3:$AA$30,INDEX(Jesper!$R$2:$R$366,ROW(INDEX(Jesper!AJ$2:AJ$366,ROUNDDOWN($C286/24,0)+1,1))-1)+IF('Standard Profiles'!$G$20=$B$10,7,0)+IF('Standard Profiles'!$G$20=$B$17,14,0)+IF('Standard Profiles'!$G$20=$B$24,21,0),MOD($C286,24)+1)/SUM(INDEX($D$3:$AA$30,INDEX(Jesper!$R$2:$R$366,ROW(INDEX(Jesper!AJ$2:AJ$366,ROUNDDOWN($C286/24,0)+1,1))-1)+IF('Standard Profiles'!$G$20=$B$10,7,0)+IF('Standard Profiles'!$G$20=$B$17,14,0)+IF('Standard Profiles'!$G$20=$B$24,21,0),0)),0)</f>
        <v>0</v>
      </c>
      <c r="G286" cm="1">
        <f t="array" ref="G286">IFERROR(INDEX(Jesper!AK$2:AK$366,ROUNDDOWN($C286/24,0)+1,1)*INDEX($D$3:$AA$30,INDEX(Jesper!$R$2:$R$366,ROW(INDEX(Jesper!AK$2:AK$366,ROUNDDOWN($C286/24,0)+1,1))-1)+IF('Standard Profiles'!$G$21=$B$10,7,0)+IF('Standard Profiles'!$G$21=$B$17,14,0)+IF('Standard Profiles'!$G$21=$B$24,21,0),MOD($C286,24)+1)/SUM(INDEX($D$3:$AA$30,INDEX(Jesper!$R$2:$R$366,ROW(INDEX(Jesper!AK$2:AK$366,ROUNDDOWN($C286/24,0)+1,1))-1)+IF('Standard Profiles'!$G$21=$B$10,7,0)+IF('Standard Profiles'!$G$21=$B$17,14,0)+IF('Standard Profiles'!$G$21=$B$24,21,0),0)),0)</f>
        <v>32.774955849328499</v>
      </c>
      <c r="H286" cm="1">
        <f t="array" ref="H286">IFERROR(INDEX(Jesper!AL$2:AL$366,ROUNDDOWN($C286/24,0)+1,1)*INDEX($D$3:$AA$30,INDEX(Jesper!$R$2:$R$366,ROW(INDEX(Jesper!AL$2:AL$366,ROUNDDOWN($C286/24,0)+1,1))-1)+IF('Standard Profiles'!$G$22=$B$10,7,0)+IF('Standard Profiles'!$G$22=$B$17,14,0)+IF('Standard Profiles'!$G$22=$B$24,21,0),MOD($C286,24)+1)/SUM(INDEX($D$3:$AA$30,INDEX(Jesper!$R$2:$R$366,ROW(INDEX(Jesper!AL$2:AL$366,ROUNDDOWN($C286/24,0)+1,1))-1)+IF('Standard Profiles'!$G$22=$B$10,7,0)+IF('Standard Profiles'!$G$22=$B$17,14,0)+IF('Standard Profiles'!$G$22=$B$24,21,0),0)),0)</f>
        <v>0</v>
      </c>
      <c r="I286">
        <f t="shared" si="41"/>
        <v>15.731978807677672</v>
      </c>
      <c r="J286">
        <f t="shared" si="42"/>
        <v>88.9847296070905</v>
      </c>
      <c r="K286">
        <f t="shared" si="43"/>
        <v>3.8920593785401549</v>
      </c>
      <c r="L286">
        <f t="shared" si="44"/>
        <v>1.9460296892700775</v>
      </c>
      <c r="M286">
        <f t="shared" si="45"/>
        <v>0</v>
      </c>
      <c r="N286" s="45">
        <f t="shared" si="46"/>
        <v>44937.499999999389</v>
      </c>
    </row>
    <row r="287" spans="2:14" x14ac:dyDescent="0.25">
      <c r="B287">
        <f t="shared" si="40"/>
        <v>3</v>
      </c>
      <c r="C287" s="16">
        <v>253</v>
      </c>
      <c r="D287" cm="1">
        <f t="array" ref="D287">IFERROR(INDEX(Jesper!AH$2:AH$366,ROUNDDOWN($C287/24,0)+1,1)*INDEX($D$3:$AA$30,INDEX(Jesper!$R$2:$R$366,ROW(INDEX(Jesper!AH$2:AH$366,ROUNDDOWN($C287/24,0)+1,1))-1)+IF('Standard Profiles'!$G$18=$B$10,7,0)+IF('Standard Profiles'!$G$18=$B$17,14,0)+IF('Standard Profiles'!$G$18=$B$24,21,0),MOD($C287,24)+1)/SUM(INDEX($D$3:$AA$30,INDEX(Jesper!$R$2:$R$366,ROW(INDEX(Jesper!AH$2:AH$366,ROUNDDOWN($C287/24,0)+1,1))-1)+IF('Standard Profiles'!$G$18=$B$10,7,0)+IF('Standard Profiles'!$G$18=$B$17,14,0)+IF('Standard Profiles'!$G$18=$B$24,21,0),0)),0)</f>
        <v>24.238494790462124</v>
      </c>
      <c r="E287" cm="1">
        <f t="array" ref="E287">IFERROR(INDEX(Jesper!AI$2:AI$366,ROUNDDOWN($C287/24,0)+1,1)*INDEX($D$3:$AA$30,INDEX(Jesper!$R$2:$R$366,ROW(INDEX(Jesper!AI$2:AI$366,ROUNDDOWN($C287/24,0)+1,1))-1)+IF('Standard Profiles'!$G$19=$B$10,7,0)+IF('Standard Profiles'!$G$19=$B$17,14,0)+IF('Standard Profiles'!$G$19=$B$24,21,0),MOD($C287,24)+1)/SUM(INDEX($D$3:$AA$30,INDEX(Jesper!$R$2:$R$366,ROW(INDEX(Jesper!AI$2:AI$366,ROUNDDOWN($C287/24,0)+1,1))-1)+IF('Standard Profiles'!$G$19=$B$10,7,0)+IF('Standard Profiles'!$G$19=$B$17,14,0)+IF('Standard Profiles'!$G$19=$B$24,21,0),0)),0)</f>
        <v>27.429542865911024</v>
      </c>
      <c r="F287" cm="1">
        <f t="array" ref="F287">IFERROR(INDEX(Jesper!AJ$2:AJ$366,ROUNDDOWN($C287/24,0)+1,1)*INDEX($D$3:$AA$30,INDEX(Jesper!$R$2:$R$366,ROW(INDEX(Jesper!AJ$2:AJ$366,ROUNDDOWN($C287/24,0)+1,1))-1)+IF('Standard Profiles'!$G$20=$B$10,7,0)+IF('Standard Profiles'!$G$20=$B$17,14,0)+IF('Standard Profiles'!$G$20=$B$24,21,0),MOD($C287,24)+1)/SUM(INDEX($D$3:$AA$30,INDEX(Jesper!$R$2:$R$366,ROW(INDEX(Jesper!AJ$2:AJ$366,ROUNDDOWN($C287/24,0)+1,1))-1)+IF('Standard Profiles'!$G$20=$B$10,7,0)+IF('Standard Profiles'!$G$20=$B$17,14,0)+IF('Standard Profiles'!$G$20=$B$24,21,0),0)),0)</f>
        <v>0</v>
      </c>
      <c r="G287" cm="1">
        <f t="array" ref="G287">IFERROR(INDEX(Jesper!AK$2:AK$366,ROUNDDOWN($C287/24,0)+1,1)*INDEX($D$3:$AA$30,INDEX(Jesper!$R$2:$R$366,ROW(INDEX(Jesper!AK$2:AK$366,ROUNDDOWN($C287/24,0)+1,1))-1)+IF('Standard Profiles'!$G$21=$B$10,7,0)+IF('Standard Profiles'!$G$21=$B$17,14,0)+IF('Standard Profiles'!$G$21=$B$24,21,0),MOD($C287,24)+1)/SUM(INDEX($D$3:$AA$30,INDEX(Jesper!$R$2:$R$366,ROW(INDEX(Jesper!AK$2:AK$366,ROUNDDOWN($C287/24,0)+1,1))-1)+IF('Standard Profiles'!$G$21=$B$10,7,0)+IF('Standard Profiles'!$G$21=$B$17,14,0)+IF('Standard Profiles'!$G$21=$B$24,21,0),0)),0)</f>
        <v>21.771934957053936</v>
      </c>
      <c r="H287" cm="1">
        <f t="array" ref="H287">IFERROR(INDEX(Jesper!AL$2:AL$366,ROUNDDOWN($C287/24,0)+1,1)*INDEX($D$3:$AA$30,INDEX(Jesper!$R$2:$R$366,ROW(INDEX(Jesper!AL$2:AL$366,ROUNDDOWN($C287/24,0)+1,1))-1)+IF('Standard Profiles'!$G$22=$B$10,7,0)+IF('Standard Profiles'!$G$22=$B$17,14,0)+IF('Standard Profiles'!$G$22=$B$24,21,0),MOD($C287,24)+1)/SUM(INDEX($D$3:$AA$30,INDEX(Jesper!$R$2:$R$366,ROW(INDEX(Jesper!AL$2:AL$366,ROUNDDOWN($C287/24,0)+1,1))-1)+IF('Standard Profiles'!$G$22=$B$10,7,0)+IF('Standard Profiles'!$G$22=$B$17,14,0)+IF('Standard Profiles'!$G$22=$B$24,21,0),0)),0)</f>
        <v>0</v>
      </c>
      <c r="I287">
        <f t="shared" si="41"/>
        <v>10.450528779385884</v>
      </c>
      <c r="J287">
        <f t="shared" si="42"/>
        <v>59.111284667567261</v>
      </c>
      <c r="K287">
        <f t="shared" si="43"/>
        <v>2.5854394443159601</v>
      </c>
      <c r="L287">
        <f t="shared" si="44"/>
        <v>1.29271972215798</v>
      </c>
      <c r="M287">
        <f t="shared" si="45"/>
        <v>0</v>
      </c>
      <c r="N287" s="45">
        <f t="shared" si="46"/>
        <v>44937.541666666053</v>
      </c>
    </row>
    <row r="288" spans="2:14" x14ac:dyDescent="0.25">
      <c r="B288">
        <f t="shared" si="40"/>
        <v>3</v>
      </c>
      <c r="C288" s="16">
        <v>254</v>
      </c>
      <c r="D288" cm="1">
        <f t="array" ref="D288">IFERROR(INDEX(Jesper!AH$2:AH$366,ROUNDDOWN($C288/24,0)+1,1)*INDEX($D$3:$AA$30,INDEX(Jesper!$R$2:$R$366,ROW(INDEX(Jesper!AH$2:AH$366,ROUNDDOWN($C288/24,0)+1,1))-1)+IF('Standard Profiles'!$G$18=$B$10,7,0)+IF('Standard Profiles'!$G$18=$B$17,14,0)+IF('Standard Profiles'!$G$18=$B$24,21,0),MOD($C288,24)+1)/SUM(INDEX($D$3:$AA$30,INDEX(Jesper!$R$2:$R$366,ROW(INDEX(Jesper!AH$2:AH$366,ROUNDDOWN($C288/24,0)+1,1))-1)+IF('Standard Profiles'!$G$18=$B$10,7,0)+IF('Standard Profiles'!$G$18=$B$17,14,0)+IF('Standard Profiles'!$G$18=$B$24,21,0),0)),0)</f>
        <v>36.488056673813951</v>
      </c>
      <c r="E288" cm="1">
        <f t="array" ref="E288">IFERROR(INDEX(Jesper!AI$2:AI$366,ROUNDDOWN($C288/24,0)+1,1)*INDEX($D$3:$AA$30,INDEX(Jesper!$R$2:$R$366,ROW(INDEX(Jesper!AI$2:AI$366,ROUNDDOWN($C288/24,0)+1,1))-1)+IF('Standard Profiles'!$G$19=$B$10,7,0)+IF('Standard Profiles'!$G$19=$B$17,14,0)+IF('Standard Profiles'!$G$19=$B$24,21,0),MOD($C288,24)+1)/SUM(INDEX($D$3:$AA$30,INDEX(Jesper!$R$2:$R$366,ROW(INDEX(Jesper!AI$2:AI$366,ROUNDDOWN($C288/24,0)+1,1))-1)+IF('Standard Profiles'!$G$19=$B$10,7,0)+IF('Standard Profiles'!$G$19=$B$17,14,0)+IF('Standard Profiles'!$G$19=$B$24,21,0),0)),0)</f>
        <v>41.291784959435951</v>
      </c>
      <c r="F288" cm="1">
        <f t="array" ref="F288">IFERROR(INDEX(Jesper!AJ$2:AJ$366,ROUNDDOWN($C288/24,0)+1,1)*INDEX($D$3:$AA$30,INDEX(Jesper!$R$2:$R$366,ROW(INDEX(Jesper!AJ$2:AJ$366,ROUNDDOWN($C288/24,0)+1,1))-1)+IF('Standard Profiles'!$G$20=$B$10,7,0)+IF('Standard Profiles'!$G$20=$B$17,14,0)+IF('Standard Profiles'!$G$20=$B$24,21,0),MOD($C288,24)+1)/SUM(INDEX($D$3:$AA$30,INDEX(Jesper!$R$2:$R$366,ROW(INDEX(Jesper!AJ$2:AJ$366,ROUNDDOWN($C288/24,0)+1,1))-1)+IF('Standard Profiles'!$G$20=$B$10,7,0)+IF('Standard Profiles'!$G$20=$B$17,14,0)+IF('Standard Profiles'!$G$20=$B$24,21,0),0)),0)</f>
        <v>0</v>
      </c>
      <c r="G288" cm="1">
        <f t="array" ref="G288">IFERROR(INDEX(Jesper!AK$2:AK$366,ROUNDDOWN($C288/24,0)+1,1)*INDEX($D$3:$AA$30,INDEX(Jesper!$R$2:$R$366,ROW(INDEX(Jesper!AK$2:AK$366,ROUNDDOWN($C288/24,0)+1,1))-1)+IF('Standard Profiles'!$G$21=$B$10,7,0)+IF('Standard Profiles'!$G$21=$B$17,14,0)+IF('Standard Profiles'!$G$21=$B$24,21,0),MOD($C288,24)+1)/SUM(INDEX($D$3:$AA$30,INDEX(Jesper!$R$2:$R$366,ROW(INDEX(Jesper!AK$2:AK$366,ROUNDDOWN($C288/24,0)+1,1))-1)+IF('Standard Profiles'!$G$21=$B$10,7,0)+IF('Standard Profiles'!$G$21=$B$17,14,0)+IF('Standard Profiles'!$G$21=$B$24,21,0),0)),0)</f>
        <v>32.774955849328499</v>
      </c>
      <c r="H288" cm="1">
        <f t="array" ref="H288">IFERROR(INDEX(Jesper!AL$2:AL$366,ROUNDDOWN($C288/24,0)+1,1)*INDEX($D$3:$AA$30,INDEX(Jesper!$R$2:$R$366,ROW(INDEX(Jesper!AL$2:AL$366,ROUNDDOWN($C288/24,0)+1,1))-1)+IF('Standard Profiles'!$G$22=$B$10,7,0)+IF('Standard Profiles'!$G$22=$B$17,14,0)+IF('Standard Profiles'!$G$22=$B$24,21,0),MOD($C288,24)+1)/SUM(INDEX($D$3:$AA$30,INDEX(Jesper!$R$2:$R$366,ROW(INDEX(Jesper!AL$2:AL$366,ROUNDDOWN($C288/24,0)+1,1))-1)+IF('Standard Profiles'!$G$22=$B$10,7,0)+IF('Standard Profiles'!$G$22=$B$17,14,0)+IF('Standard Profiles'!$G$22=$B$24,21,0),0)),0)</f>
        <v>0</v>
      </c>
      <c r="I288">
        <f t="shared" si="41"/>
        <v>15.731978807677672</v>
      </c>
      <c r="J288">
        <f t="shared" si="42"/>
        <v>88.9847296070905</v>
      </c>
      <c r="K288">
        <f t="shared" si="43"/>
        <v>3.8920593785401549</v>
      </c>
      <c r="L288">
        <f t="shared" si="44"/>
        <v>1.9460296892700775</v>
      </c>
      <c r="M288">
        <f t="shared" si="45"/>
        <v>0</v>
      </c>
      <c r="N288" s="45">
        <f t="shared" si="46"/>
        <v>44937.583333332717</v>
      </c>
    </row>
    <row r="289" spans="2:14" x14ac:dyDescent="0.25">
      <c r="B289">
        <f t="shared" si="40"/>
        <v>3</v>
      </c>
      <c r="C289" s="16">
        <v>255</v>
      </c>
      <c r="D289" cm="1">
        <f t="array" ref="D289">IFERROR(INDEX(Jesper!AH$2:AH$366,ROUNDDOWN($C289/24,0)+1,1)*INDEX($D$3:$AA$30,INDEX(Jesper!$R$2:$R$366,ROW(INDEX(Jesper!AH$2:AH$366,ROUNDDOWN($C289/24,0)+1,1))-1)+IF('Standard Profiles'!$G$18=$B$10,7,0)+IF('Standard Profiles'!$G$18=$B$17,14,0)+IF('Standard Profiles'!$G$18=$B$24,21,0),MOD($C289,24)+1)/SUM(INDEX($D$3:$AA$30,INDEX(Jesper!$R$2:$R$366,ROW(INDEX(Jesper!AH$2:AH$366,ROUNDDOWN($C289/24,0)+1,1))-1)+IF('Standard Profiles'!$G$18=$B$10,7,0)+IF('Standard Profiles'!$G$18=$B$17,14,0)+IF('Standard Profiles'!$G$18=$B$24,21,0),0)),0)</f>
        <v>36.488056673813951</v>
      </c>
      <c r="E289" cm="1">
        <f t="array" ref="E289">IFERROR(INDEX(Jesper!AI$2:AI$366,ROUNDDOWN($C289/24,0)+1,1)*INDEX($D$3:$AA$30,INDEX(Jesper!$R$2:$R$366,ROW(INDEX(Jesper!AI$2:AI$366,ROUNDDOWN($C289/24,0)+1,1))-1)+IF('Standard Profiles'!$G$19=$B$10,7,0)+IF('Standard Profiles'!$G$19=$B$17,14,0)+IF('Standard Profiles'!$G$19=$B$24,21,0),MOD($C289,24)+1)/SUM(INDEX($D$3:$AA$30,INDEX(Jesper!$R$2:$R$366,ROW(INDEX(Jesper!AI$2:AI$366,ROUNDDOWN($C289/24,0)+1,1))-1)+IF('Standard Profiles'!$G$19=$B$10,7,0)+IF('Standard Profiles'!$G$19=$B$17,14,0)+IF('Standard Profiles'!$G$19=$B$24,21,0),0)),0)</f>
        <v>41.291784959435951</v>
      </c>
      <c r="F289" cm="1">
        <f t="array" ref="F289">IFERROR(INDEX(Jesper!AJ$2:AJ$366,ROUNDDOWN($C289/24,0)+1,1)*INDEX($D$3:$AA$30,INDEX(Jesper!$R$2:$R$366,ROW(INDEX(Jesper!AJ$2:AJ$366,ROUNDDOWN($C289/24,0)+1,1))-1)+IF('Standard Profiles'!$G$20=$B$10,7,0)+IF('Standard Profiles'!$G$20=$B$17,14,0)+IF('Standard Profiles'!$G$20=$B$24,21,0),MOD($C289,24)+1)/SUM(INDEX($D$3:$AA$30,INDEX(Jesper!$R$2:$R$366,ROW(INDEX(Jesper!AJ$2:AJ$366,ROUNDDOWN($C289/24,0)+1,1))-1)+IF('Standard Profiles'!$G$20=$B$10,7,0)+IF('Standard Profiles'!$G$20=$B$17,14,0)+IF('Standard Profiles'!$G$20=$B$24,21,0),0)),0)</f>
        <v>0</v>
      </c>
      <c r="G289" cm="1">
        <f t="array" ref="G289">IFERROR(INDEX(Jesper!AK$2:AK$366,ROUNDDOWN($C289/24,0)+1,1)*INDEX($D$3:$AA$30,INDEX(Jesper!$R$2:$R$366,ROW(INDEX(Jesper!AK$2:AK$366,ROUNDDOWN($C289/24,0)+1,1))-1)+IF('Standard Profiles'!$G$21=$B$10,7,0)+IF('Standard Profiles'!$G$21=$B$17,14,0)+IF('Standard Profiles'!$G$21=$B$24,21,0),MOD($C289,24)+1)/SUM(INDEX($D$3:$AA$30,INDEX(Jesper!$R$2:$R$366,ROW(INDEX(Jesper!AK$2:AK$366,ROUNDDOWN($C289/24,0)+1,1))-1)+IF('Standard Profiles'!$G$21=$B$10,7,0)+IF('Standard Profiles'!$G$21=$B$17,14,0)+IF('Standard Profiles'!$G$21=$B$24,21,0),0)),0)</f>
        <v>32.774955849328499</v>
      </c>
      <c r="H289" cm="1">
        <f t="array" ref="H289">IFERROR(INDEX(Jesper!AL$2:AL$366,ROUNDDOWN($C289/24,0)+1,1)*INDEX($D$3:$AA$30,INDEX(Jesper!$R$2:$R$366,ROW(INDEX(Jesper!AL$2:AL$366,ROUNDDOWN($C289/24,0)+1,1))-1)+IF('Standard Profiles'!$G$22=$B$10,7,0)+IF('Standard Profiles'!$G$22=$B$17,14,0)+IF('Standard Profiles'!$G$22=$B$24,21,0),MOD($C289,24)+1)/SUM(INDEX($D$3:$AA$30,INDEX(Jesper!$R$2:$R$366,ROW(INDEX(Jesper!AL$2:AL$366,ROUNDDOWN($C289/24,0)+1,1))-1)+IF('Standard Profiles'!$G$22=$B$10,7,0)+IF('Standard Profiles'!$G$22=$B$17,14,0)+IF('Standard Profiles'!$G$22=$B$24,21,0),0)),0)</f>
        <v>0</v>
      </c>
      <c r="I289">
        <f t="shared" si="41"/>
        <v>15.731978807677672</v>
      </c>
      <c r="J289">
        <f t="shared" si="42"/>
        <v>88.9847296070905</v>
      </c>
      <c r="K289">
        <f t="shared" si="43"/>
        <v>3.8920593785401549</v>
      </c>
      <c r="L289">
        <f t="shared" si="44"/>
        <v>1.9460296892700775</v>
      </c>
      <c r="M289">
        <f t="shared" si="45"/>
        <v>0</v>
      </c>
      <c r="N289" s="45">
        <f t="shared" si="46"/>
        <v>44937.624999999382</v>
      </c>
    </row>
    <row r="290" spans="2:14" x14ac:dyDescent="0.25">
      <c r="B290">
        <f t="shared" si="40"/>
        <v>3</v>
      </c>
      <c r="C290" s="16">
        <v>256</v>
      </c>
      <c r="D290" cm="1">
        <f t="array" ref="D290">IFERROR(INDEX(Jesper!AH$2:AH$366,ROUNDDOWN($C290/24,0)+1,1)*INDEX($D$3:$AA$30,INDEX(Jesper!$R$2:$R$366,ROW(INDEX(Jesper!AH$2:AH$366,ROUNDDOWN($C290/24,0)+1,1))-1)+IF('Standard Profiles'!$G$18=$B$10,7,0)+IF('Standard Profiles'!$G$18=$B$17,14,0)+IF('Standard Profiles'!$G$18=$B$24,21,0),MOD($C290,24)+1)/SUM(INDEX($D$3:$AA$30,INDEX(Jesper!$R$2:$R$366,ROW(INDEX(Jesper!AH$2:AH$366,ROUNDDOWN($C290/24,0)+1,1))-1)+IF('Standard Profiles'!$G$18=$B$10,7,0)+IF('Standard Profiles'!$G$18=$B$17,14,0)+IF('Standard Profiles'!$G$18=$B$24,21,0),0)),0)</f>
        <v>21.50189053992608</v>
      </c>
      <c r="E290" cm="1">
        <f t="array" ref="E290">IFERROR(INDEX(Jesper!AI$2:AI$366,ROUNDDOWN($C290/24,0)+1,1)*INDEX($D$3:$AA$30,INDEX(Jesper!$R$2:$R$366,ROW(INDEX(Jesper!AI$2:AI$366,ROUNDDOWN($C290/24,0)+1,1))-1)+IF('Standard Profiles'!$G$19=$B$10,7,0)+IF('Standard Profiles'!$G$19=$B$17,14,0)+IF('Standard Profiles'!$G$19=$B$24,21,0),MOD($C290,24)+1)/SUM(INDEX($D$3:$AA$30,INDEX(Jesper!$R$2:$R$366,ROW(INDEX(Jesper!AI$2:AI$366,ROUNDDOWN($C290/24,0)+1,1))-1)+IF('Standard Profiles'!$G$19=$B$10,7,0)+IF('Standard Profiles'!$G$19=$B$17,14,0)+IF('Standard Profiles'!$G$19=$B$24,21,0),0)),0)</f>
        <v>24.332658993953331</v>
      </c>
      <c r="F290" cm="1">
        <f t="array" ref="F290">IFERROR(INDEX(Jesper!AJ$2:AJ$366,ROUNDDOWN($C290/24,0)+1,1)*INDEX($D$3:$AA$30,INDEX(Jesper!$R$2:$R$366,ROW(INDEX(Jesper!AJ$2:AJ$366,ROUNDDOWN($C290/24,0)+1,1))-1)+IF('Standard Profiles'!$G$20=$B$10,7,0)+IF('Standard Profiles'!$G$20=$B$17,14,0)+IF('Standard Profiles'!$G$20=$B$24,21,0),MOD($C290,24)+1)/SUM(INDEX($D$3:$AA$30,INDEX(Jesper!$R$2:$R$366,ROW(INDEX(Jesper!AJ$2:AJ$366,ROUNDDOWN($C290/24,0)+1,1))-1)+IF('Standard Profiles'!$G$20=$B$10,7,0)+IF('Standard Profiles'!$G$20=$B$17,14,0)+IF('Standard Profiles'!$G$20=$B$24,21,0),0)),0)</f>
        <v>0</v>
      </c>
      <c r="G290" cm="1">
        <f t="array" ref="G290">IFERROR(INDEX(Jesper!AK$2:AK$366,ROUNDDOWN($C290/24,0)+1,1)*INDEX($D$3:$AA$30,INDEX(Jesper!$R$2:$R$366,ROW(INDEX(Jesper!AK$2:AK$366,ROUNDDOWN($C290/24,0)+1,1))-1)+IF('Standard Profiles'!$G$21=$B$10,7,0)+IF('Standard Profiles'!$G$21=$B$17,14,0)+IF('Standard Profiles'!$G$21=$B$24,21,0),MOD($C290,24)+1)/SUM(INDEX($D$3:$AA$30,INDEX(Jesper!$R$2:$R$366,ROW(INDEX(Jesper!AK$2:AK$366,ROUNDDOWN($C290/24,0)+1,1))-1)+IF('Standard Profiles'!$G$21=$B$10,7,0)+IF('Standard Profiles'!$G$21=$B$17,14,0)+IF('Standard Profiles'!$G$21=$B$24,21,0),0)),0)</f>
        <v>27.386462492326842</v>
      </c>
      <c r="H290" cm="1">
        <f t="array" ref="H290">IFERROR(INDEX(Jesper!AL$2:AL$366,ROUNDDOWN($C290/24,0)+1,1)*INDEX($D$3:$AA$30,INDEX(Jesper!$R$2:$R$366,ROW(INDEX(Jesper!AL$2:AL$366,ROUNDDOWN($C290/24,0)+1,1))-1)+IF('Standard Profiles'!$G$22=$B$10,7,0)+IF('Standard Profiles'!$G$22=$B$17,14,0)+IF('Standard Profiles'!$G$22=$B$24,21,0),MOD($C290,24)+1)/SUM(INDEX($D$3:$AA$30,INDEX(Jesper!$R$2:$R$366,ROW(INDEX(Jesper!AL$2:AL$366,ROUNDDOWN($C290/24,0)+1,1))-1)+IF('Standard Profiles'!$G$22=$B$10,7,0)+IF('Standard Profiles'!$G$22=$B$17,14,0)+IF('Standard Profiles'!$G$22=$B$24,21,0),0)),0)</f>
        <v>0</v>
      </c>
      <c r="I290">
        <f t="shared" si="41"/>
        <v>13.145501996316877</v>
      </c>
      <c r="J290">
        <f t="shared" si="42"/>
        <v>56.635207543501195</v>
      </c>
      <c r="K290">
        <f t="shared" si="43"/>
        <v>2.2935349909254485</v>
      </c>
      <c r="L290">
        <f t="shared" si="44"/>
        <v>1.1467674954627243</v>
      </c>
      <c r="M290">
        <f t="shared" si="45"/>
        <v>0</v>
      </c>
      <c r="N290" s="45">
        <f t="shared" si="46"/>
        <v>44937.666666666046</v>
      </c>
    </row>
    <row r="291" spans="2:14" x14ac:dyDescent="0.25">
      <c r="B291">
        <f t="shared" ref="B291:B354" si="47">WEEKDAY(N291,2)</f>
        <v>3</v>
      </c>
      <c r="C291" s="16">
        <v>257</v>
      </c>
      <c r="D291" cm="1">
        <f t="array" ref="D291">IFERROR(INDEX(Jesper!AH$2:AH$366,ROUNDDOWN($C291/24,0)+1,1)*INDEX($D$3:$AA$30,INDEX(Jesper!$R$2:$R$366,ROW(INDEX(Jesper!AH$2:AH$366,ROUNDDOWN($C291/24,0)+1,1))-1)+IF('Standard Profiles'!$G$18=$B$10,7,0)+IF('Standard Profiles'!$G$18=$B$17,14,0)+IF('Standard Profiles'!$G$18=$B$24,21,0),MOD($C291,24)+1)/SUM(INDEX($D$3:$AA$30,INDEX(Jesper!$R$2:$R$366,ROW(INDEX(Jesper!AH$2:AH$366,ROUNDDOWN($C291/24,0)+1,1))-1)+IF('Standard Profiles'!$G$18=$B$10,7,0)+IF('Standard Profiles'!$G$18=$B$17,14,0)+IF('Standard Profiles'!$G$18=$B$24,21,0),0)),0)</f>
        <v>9.1770766282228262</v>
      </c>
      <c r="E291" cm="1">
        <f t="array" ref="E291">IFERROR(INDEX(Jesper!AI$2:AI$366,ROUNDDOWN($C291/24,0)+1,1)*INDEX($D$3:$AA$30,INDEX(Jesper!$R$2:$R$366,ROW(INDEX(Jesper!AI$2:AI$366,ROUNDDOWN($C291/24,0)+1,1))-1)+IF('Standard Profiles'!$G$19=$B$10,7,0)+IF('Standard Profiles'!$G$19=$B$17,14,0)+IF('Standard Profiles'!$G$19=$B$24,21,0),MOD($C291,24)+1)/SUM(INDEX($D$3:$AA$30,INDEX(Jesper!$R$2:$R$366,ROW(INDEX(Jesper!AI$2:AI$366,ROUNDDOWN($C291/24,0)+1,1))-1)+IF('Standard Profiles'!$G$19=$B$10,7,0)+IF('Standard Profiles'!$G$19=$B$17,14,0)+IF('Standard Profiles'!$G$19=$B$24,21,0),0)),0)</f>
        <v>10.385257786578459</v>
      </c>
      <c r="F291" cm="1">
        <f t="array" ref="F291">IFERROR(INDEX(Jesper!AJ$2:AJ$366,ROUNDDOWN($C291/24,0)+1,1)*INDEX($D$3:$AA$30,INDEX(Jesper!$R$2:$R$366,ROW(INDEX(Jesper!AJ$2:AJ$366,ROUNDDOWN($C291/24,0)+1,1))-1)+IF('Standard Profiles'!$G$20=$B$10,7,0)+IF('Standard Profiles'!$G$20=$B$17,14,0)+IF('Standard Profiles'!$G$20=$B$24,21,0),MOD($C291,24)+1)/SUM(INDEX($D$3:$AA$30,INDEX(Jesper!$R$2:$R$366,ROW(INDEX(Jesper!AJ$2:AJ$366,ROUNDDOWN($C291/24,0)+1,1))-1)+IF('Standard Profiles'!$G$20=$B$10,7,0)+IF('Standard Profiles'!$G$20=$B$17,14,0)+IF('Standard Profiles'!$G$20=$B$24,21,0),0)),0)</f>
        <v>0</v>
      </c>
      <c r="G291" cm="1">
        <f t="array" ref="G291">IFERROR(INDEX(Jesper!AK$2:AK$366,ROUNDDOWN($C291/24,0)+1,1)*INDEX($D$3:$AA$30,INDEX(Jesper!$R$2:$R$366,ROW(INDEX(Jesper!AK$2:AK$366,ROUNDDOWN($C291/24,0)+1,1))-1)+IF('Standard Profiles'!$G$21=$B$10,7,0)+IF('Standard Profiles'!$G$21=$B$17,14,0)+IF('Standard Profiles'!$G$21=$B$24,21,0),MOD($C291,24)+1)/SUM(INDEX($D$3:$AA$30,INDEX(Jesper!$R$2:$R$366,ROW(INDEX(Jesper!AK$2:AK$366,ROUNDDOWN($C291/24,0)+1,1))-1)+IF('Standard Profiles'!$G$21=$B$10,7,0)+IF('Standard Profiles'!$G$21=$B$17,14,0)+IF('Standard Profiles'!$G$21=$B$24,21,0),0)),0)</f>
        <v>21.775971281665921</v>
      </c>
      <c r="H291" cm="1">
        <f t="array" ref="H291">IFERROR(INDEX(Jesper!AL$2:AL$366,ROUNDDOWN($C291/24,0)+1,1)*INDEX($D$3:$AA$30,INDEX(Jesper!$R$2:$R$366,ROW(INDEX(Jesper!AL$2:AL$366,ROUNDDOWN($C291/24,0)+1,1))-1)+IF('Standard Profiles'!$G$22=$B$10,7,0)+IF('Standard Profiles'!$G$22=$B$17,14,0)+IF('Standard Profiles'!$G$22=$B$24,21,0),MOD($C291,24)+1)/SUM(INDEX($D$3:$AA$30,INDEX(Jesper!$R$2:$R$366,ROW(INDEX(Jesper!AL$2:AL$366,ROUNDDOWN($C291/24,0)+1,1))-1)+IF('Standard Profiles'!$G$22=$B$10,7,0)+IF('Standard Profiles'!$G$22=$B$17,14,0)+IF('Standard Profiles'!$G$22=$B$24,21,0),0)),0)</f>
        <v>0</v>
      </c>
      <c r="I291">
        <f t="shared" ref="I291:I354" si="48">IF($B291&lt;6,AC$37*$D291+AC$38*$E291+AC$39*$F291+AC$40*$G291,AC$46*$D291+AC$47*$E291+AC$48*$F291+AC$49*$G291+AC$50*$H291)</f>
        <v>10.452466215199637</v>
      </c>
      <c r="J291">
        <f t="shared" ref="J291:J354" si="49">IF($B291&lt;6,AD$37*$D291+AD$38*$E291+AD$39*$F291+AD$40*$G291,AD$46*$D291+AD$47*$E291+AD$48*$F291+AD$49*$G291+AD$50*$H291)</f>
        <v>29.417507220751915</v>
      </c>
      <c r="K291">
        <f t="shared" ref="K291:K354" si="50">IF($B291&lt;6,AE$37*$D291+AE$38*$E291+AE$39*$F291+AE$40*$G291,AE$46*$D291+AE$47*$E291+AE$48*$F291+AE$49*$G291+AE$50*$H291)</f>
        <v>0.97888817367710157</v>
      </c>
      <c r="L291">
        <f t="shared" ref="L291:L354" si="51">IF($B291&lt;6,AF$37*$D291+AF$38*$E291+AF$39*$F291+AF$40*$G291,AF$46*$D291+AF$47*$E291+AF$48*$F291+AF$49*$G291+AF$50*$H291)</f>
        <v>0.48944408683855078</v>
      </c>
      <c r="M291">
        <f t="shared" ref="M291:M354" si="52">IF($B291&lt;6,AG$37*$D291+AG$38*$E291+AG$39*$F291+AG$40*$G291,AG$46*$D291+AG$47*$E291+AG$48*$F291+AG$49*$G291+AG$50*$H291)</f>
        <v>0</v>
      </c>
      <c r="N291" s="45">
        <f t="shared" si="46"/>
        <v>44937.70833333271</v>
      </c>
    </row>
    <row r="292" spans="2:14" x14ac:dyDescent="0.25">
      <c r="B292">
        <f t="shared" si="47"/>
        <v>3</v>
      </c>
      <c r="C292" s="16">
        <v>258</v>
      </c>
      <c r="D292" cm="1">
        <f t="array" ref="D292">IFERROR(INDEX(Jesper!AH$2:AH$366,ROUNDDOWN($C292/24,0)+1,1)*INDEX($D$3:$AA$30,INDEX(Jesper!$R$2:$R$366,ROW(INDEX(Jesper!AH$2:AH$366,ROUNDDOWN($C292/24,0)+1,1))-1)+IF('Standard Profiles'!$G$18=$B$10,7,0)+IF('Standard Profiles'!$G$18=$B$17,14,0)+IF('Standard Profiles'!$G$18=$B$24,21,0),MOD($C292,24)+1)/SUM(INDEX($D$3:$AA$30,INDEX(Jesper!$R$2:$R$366,ROW(INDEX(Jesper!AH$2:AH$366,ROUNDDOWN($C292/24,0)+1,1))-1)+IF('Standard Profiles'!$G$18=$B$10,7,0)+IF('Standard Profiles'!$G$18=$B$17,14,0)+IF('Standard Profiles'!$G$18=$B$24,21,0),0)),0)</f>
        <v>6.056870574627065</v>
      </c>
      <c r="E292" cm="1">
        <f t="array" ref="E292">IFERROR(INDEX(Jesper!AI$2:AI$366,ROUNDDOWN($C292/24,0)+1,1)*INDEX($D$3:$AA$30,INDEX(Jesper!$R$2:$R$366,ROW(INDEX(Jesper!AI$2:AI$366,ROUNDDOWN($C292/24,0)+1,1))-1)+IF('Standard Profiles'!$G$19=$B$10,7,0)+IF('Standard Profiles'!$G$19=$B$17,14,0)+IF('Standard Profiles'!$G$19=$B$24,21,0),MOD($C292,24)+1)/SUM(INDEX($D$3:$AA$30,INDEX(Jesper!$R$2:$R$366,ROW(INDEX(Jesper!AI$2:AI$366,ROUNDDOWN($C292/24,0)+1,1))-1)+IF('Standard Profiles'!$G$19=$B$10,7,0)+IF('Standard Profiles'!$G$19=$B$17,14,0)+IF('Standard Profiles'!$G$19=$B$24,21,0),0)),0)</f>
        <v>6.8542701391417831</v>
      </c>
      <c r="F292" cm="1">
        <f t="array" ref="F292">IFERROR(INDEX(Jesper!AJ$2:AJ$366,ROUNDDOWN($C292/24,0)+1,1)*INDEX($D$3:$AA$30,INDEX(Jesper!$R$2:$R$366,ROW(INDEX(Jesper!AJ$2:AJ$366,ROUNDDOWN($C292/24,0)+1,1))-1)+IF('Standard Profiles'!$G$20=$B$10,7,0)+IF('Standard Profiles'!$G$20=$B$17,14,0)+IF('Standard Profiles'!$G$20=$B$24,21,0),MOD($C292,24)+1)/SUM(INDEX($D$3:$AA$30,INDEX(Jesper!$R$2:$R$366,ROW(INDEX(Jesper!AJ$2:AJ$366,ROUNDDOWN($C292/24,0)+1,1))-1)+IF('Standard Profiles'!$G$20=$B$10,7,0)+IF('Standard Profiles'!$G$20=$B$17,14,0)+IF('Standard Profiles'!$G$20=$B$24,21,0),0)),0)</f>
        <v>0</v>
      </c>
      <c r="G292" cm="1">
        <f t="array" ref="G292">IFERROR(INDEX(Jesper!AK$2:AK$366,ROUNDDOWN($C292/24,0)+1,1)*INDEX($D$3:$AA$30,INDEX(Jesper!$R$2:$R$366,ROW(INDEX(Jesper!AK$2:AK$366,ROUNDDOWN($C292/24,0)+1,1))-1)+IF('Standard Profiles'!$G$21=$B$10,7,0)+IF('Standard Profiles'!$G$21=$B$17,14,0)+IF('Standard Profiles'!$G$21=$B$24,21,0),MOD($C292,24)+1)/SUM(INDEX($D$3:$AA$30,INDEX(Jesper!$R$2:$R$366,ROW(INDEX(Jesper!AK$2:AK$366,ROUNDDOWN($C292/24,0)+1,1))-1)+IF('Standard Profiles'!$G$21=$B$10,7,0)+IF('Standard Profiles'!$G$21=$B$17,14,0)+IF('Standard Profiles'!$G$21=$B$24,21,0),0)),0)</f>
        <v>8.0726492239725385</v>
      </c>
      <c r="H292" cm="1">
        <f t="array" ref="H292">IFERROR(INDEX(Jesper!AL$2:AL$366,ROUNDDOWN($C292/24,0)+1,1)*INDEX($D$3:$AA$30,INDEX(Jesper!$R$2:$R$366,ROW(INDEX(Jesper!AL$2:AL$366,ROUNDDOWN($C292/24,0)+1,1))-1)+IF('Standard Profiles'!$G$22=$B$10,7,0)+IF('Standard Profiles'!$G$22=$B$17,14,0)+IF('Standard Profiles'!$G$22=$B$24,21,0),MOD($C292,24)+1)/SUM(INDEX($D$3:$AA$30,INDEX(Jesper!$R$2:$R$366,ROW(INDEX(Jesper!AL$2:AL$366,ROUNDDOWN($C292/24,0)+1,1))-1)+IF('Standard Profiles'!$G$22=$B$10,7,0)+IF('Standard Profiles'!$G$22=$B$17,14,0)+IF('Standard Profiles'!$G$22=$B$24,21,0),0)),0)</f>
        <v>0</v>
      </c>
      <c r="I292">
        <f t="shared" si="48"/>
        <v>3.8748716275068165</v>
      </c>
      <c r="J292">
        <f t="shared" si="49"/>
        <v>16.13981901829424</v>
      </c>
      <c r="K292">
        <f t="shared" si="50"/>
        <v>0.64606619462688697</v>
      </c>
      <c r="L292">
        <f t="shared" si="51"/>
        <v>0.32303309731344348</v>
      </c>
      <c r="M292">
        <f t="shared" si="52"/>
        <v>0</v>
      </c>
      <c r="N292" s="45">
        <f t="shared" ref="N292:N355" si="53">N291+1/24</f>
        <v>44937.749999999374</v>
      </c>
    </row>
    <row r="293" spans="2:14" x14ac:dyDescent="0.25">
      <c r="B293">
        <f t="shared" si="47"/>
        <v>3</v>
      </c>
      <c r="C293" s="16">
        <v>259</v>
      </c>
      <c r="D293" cm="1">
        <f t="array" ref="D293">IFERROR(INDEX(Jesper!AH$2:AH$366,ROUNDDOWN($C293/24,0)+1,1)*INDEX($D$3:$AA$30,INDEX(Jesper!$R$2:$R$366,ROW(INDEX(Jesper!AH$2:AH$366,ROUNDDOWN($C293/24,0)+1,1))-1)+IF('Standard Profiles'!$G$18=$B$10,7,0)+IF('Standard Profiles'!$G$18=$B$17,14,0)+IF('Standard Profiles'!$G$18=$B$24,21,0),MOD($C293,24)+1)/SUM(INDEX($D$3:$AA$30,INDEX(Jesper!$R$2:$R$366,ROW(INDEX(Jesper!AH$2:AH$366,ROUNDDOWN($C293/24,0)+1,1))-1)+IF('Standard Profiles'!$G$18=$B$10,7,0)+IF('Standard Profiles'!$G$18=$B$17,14,0)+IF('Standard Profiles'!$G$18=$B$24,21,0),0)),0)</f>
        <v>6.056870574627065</v>
      </c>
      <c r="E293" cm="1">
        <f t="array" ref="E293">IFERROR(INDEX(Jesper!AI$2:AI$366,ROUNDDOWN($C293/24,0)+1,1)*INDEX($D$3:$AA$30,INDEX(Jesper!$R$2:$R$366,ROW(INDEX(Jesper!AI$2:AI$366,ROUNDDOWN($C293/24,0)+1,1))-1)+IF('Standard Profiles'!$G$19=$B$10,7,0)+IF('Standard Profiles'!$G$19=$B$17,14,0)+IF('Standard Profiles'!$G$19=$B$24,21,0),MOD($C293,24)+1)/SUM(INDEX($D$3:$AA$30,INDEX(Jesper!$R$2:$R$366,ROW(INDEX(Jesper!AI$2:AI$366,ROUNDDOWN($C293/24,0)+1,1))-1)+IF('Standard Profiles'!$G$19=$B$10,7,0)+IF('Standard Profiles'!$G$19=$B$17,14,0)+IF('Standard Profiles'!$G$19=$B$24,21,0),0)),0)</f>
        <v>6.8542701391417831</v>
      </c>
      <c r="F293" cm="1">
        <f t="array" ref="F293">IFERROR(INDEX(Jesper!AJ$2:AJ$366,ROUNDDOWN($C293/24,0)+1,1)*INDEX($D$3:$AA$30,INDEX(Jesper!$R$2:$R$366,ROW(INDEX(Jesper!AJ$2:AJ$366,ROUNDDOWN($C293/24,0)+1,1))-1)+IF('Standard Profiles'!$G$20=$B$10,7,0)+IF('Standard Profiles'!$G$20=$B$17,14,0)+IF('Standard Profiles'!$G$20=$B$24,21,0),MOD($C293,24)+1)/SUM(INDEX($D$3:$AA$30,INDEX(Jesper!$R$2:$R$366,ROW(INDEX(Jesper!AJ$2:AJ$366,ROUNDDOWN($C293/24,0)+1,1))-1)+IF('Standard Profiles'!$G$20=$B$10,7,0)+IF('Standard Profiles'!$G$20=$B$17,14,0)+IF('Standard Profiles'!$G$20=$B$24,21,0),0)),0)</f>
        <v>0</v>
      </c>
      <c r="G293" cm="1">
        <f t="array" ref="G293">IFERROR(INDEX(Jesper!AK$2:AK$366,ROUNDDOWN($C293/24,0)+1,1)*INDEX($D$3:$AA$30,INDEX(Jesper!$R$2:$R$366,ROW(INDEX(Jesper!AK$2:AK$366,ROUNDDOWN($C293/24,0)+1,1))-1)+IF('Standard Profiles'!$G$21=$B$10,7,0)+IF('Standard Profiles'!$G$21=$B$17,14,0)+IF('Standard Profiles'!$G$21=$B$24,21,0),MOD($C293,24)+1)/SUM(INDEX($D$3:$AA$30,INDEX(Jesper!$R$2:$R$366,ROW(INDEX(Jesper!AK$2:AK$366,ROUNDDOWN($C293/24,0)+1,1))-1)+IF('Standard Profiles'!$G$21=$B$10,7,0)+IF('Standard Profiles'!$G$21=$B$17,14,0)+IF('Standard Profiles'!$G$21=$B$24,21,0),0)),0)</f>
        <v>8.0726492239725385</v>
      </c>
      <c r="H293" cm="1">
        <f t="array" ref="H293">IFERROR(INDEX(Jesper!AL$2:AL$366,ROUNDDOWN($C293/24,0)+1,1)*INDEX($D$3:$AA$30,INDEX(Jesper!$R$2:$R$366,ROW(INDEX(Jesper!AL$2:AL$366,ROUNDDOWN($C293/24,0)+1,1))-1)+IF('Standard Profiles'!$G$22=$B$10,7,0)+IF('Standard Profiles'!$G$22=$B$17,14,0)+IF('Standard Profiles'!$G$22=$B$24,21,0),MOD($C293,24)+1)/SUM(INDEX($D$3:$AA$30,INDEX(Jesper!$R$2:$R$366,ROW(INDEX(Jesper!AL$2:AL$366,ROUNDDOWN($C293/24,0)+1,1))-1)+IF('Standard Profiles'!$G$22=$B$10,7,0)+IF('Standard Profiles'!$G$22=$B$17,14,0)+IF('Standard Profiles'!$G$22=$B$24,21,0),0)),0)</f>
        <v>0</v>
      </c>
      <c r="I293">
        <f t="shared" si="48"/>
        <v>3.8748716275068165</v>
      </c>
      <c r="J293">
        <f t="shared" si="49"/>
        <v>16.13981901829424</v>
      </c>
      <c r="K293">
        <f t="shared" si="50"/>
        <v>0.64606619462688697</v>
      </c>
      <c r="L293">
        <f t="shared" si="51"/>
        <v>0.32303309731344348</v>
      </c>
      <c r="M293">
        <f t="shared" si="52"/>
        <v>0</v>
      </c>
      <c r="N293" s="45">
        <f t="shared" si="53"/>
        <v>44937.791666666039</v>
      </c>
    </row>
    <row r="294" spans="2:14" x14ac:dyDescent="0.25">
      <c r="B294">
        <f t="shared" si="47"/>
        <v>3</v>
      </c>
      <c r="C294" s="16">
        <v>260</v>
      </c>
      <c r="D294" cm="1">
        <f t="array" ref="D294">IFERROR(INDEX(Jesper!AH$2:AH$366,ROUNDDOWN($C294/24,0)+1,1)*INDEX($D$3:$AA$30,INDEX(Jesper!$R$2:$R$366,ROW(INDEX(Jesper!AH$2:AH$366,ROUNDDOWN($C294/24,0)+1,1))-1)+IF('Standard Profiles'!$G$18=$B$10,7,0)+IF('Standard Profiles'!$G$18=$B$17,14,0)+IF('Standard Profiles'!$G$18=$B$24,21,0),MOD($C294,24)+1)/SUM(INDEX($D$3:$AA$30,INDEX(Jesper!$R$2:$R$366,ROW(INDEX(Jesper!AH$2:AH$366,ROUNDDOWN($C294/24,0)+1,1))-1)+IF('Standard Profiles'!$G$18=$B$10,7,0)+IF('Standard Profiles'!$G$18=$B$17,14,0)+IF('Standard Profiles'!$G$18=$B$24,21,0),0)),0)</f>
        <v>6.056870574627065</v>
      </c>
      <c r="E294" cm="1">
        <f t="array" ref="E294">IFERROR(INDEX(Jesper!AI$2:AI$366,ROUNDDOWN($C294/24,0)+1,1)*INDEX($D$3:$AA$30,INDEX(Jesper!$R$2:$R$366,ROW(INDEX(Jesper!AI$2:AI$366,ROUNDDOWN($C294/24,0)+1,1))-1)+IF('Standard Profiles'!$G$19=$B$10,7,0)+IF('Standard Profiles'!$G$19=$B$17,14,0)+IF('Standard Profiles'!$G$19=$B$24,21,0),MOD($C294,24)+1)/SUM(INDEX($D$3:$AA$30,INDEX(Jesper!$R$2:$R$366,ROW(INDEX(Jesper!AI$2:AI$366,ROUNDDOWN($C294/24,0)+1,1))-1)+IF('Standard Profiles'!$G$19=$B$10,7,0)+IF('Standard Profiles'!$G$19=$B$17,14,0)+IF('Standard Profiles'!$G$19=$B$24,21,0),0)),0)</f>
        <v>6.8542701391417831</v>
      </c>
      <c r="F294" cm="1">
        <f t="array" ref="F294">IFERROR(INDEX(Jesper!AJ$2:AJ$366,ROUNDDOWN($C294/24,0)+1,1)*INDEX($D$3:$AA$30,INDEX(Jesper!$R$2:$R$366,ROW(INDEX(Jesper!AJ$2:AJ$366,ROUNDDOWN($C294/24,0)+1,1))-1)+IF('Standard Profiles'!$G$20=$B$10,7,0)+IF('Standard Profiles'!$G$20=$B$17,14,0)+IF('Standard Profiles'!$G$20=$B$24,21,0),MOD($C294,24)+1)/SUM(INDEX($D$3:$AA$30,INDEX(Jesper!$R$2:$R$366,ROW(INDEX(Jesper!AJ$2:AJ$366,ROUNDDOWN($C294/24,0)+1,1))-1)+IF('Standard Profiles'!$G$20=$B$10,7,0)+IF('Standard Profiles'!$G$20=$B$17,14,0)+IF('Standard Profiles'!$G$20=$B$24,21,0),0)),0)</f>
        <v>0</v>
      </c>
      <c r="G294" cm="1">
        <f t="array" ref="G294">IFERROR(INDEX(Jesper!AK$2:AK$366,ROUNDDOWN($C294/24,0)+1,1)*INDEX($D$3:$AA$30,INDEX(Jesper!$R$2:$R$366,ROW(INDEX(Jesper!AK$2:AK$366,ROUNDDOWN($C294/24,0)+1,1))-1)+IF('Standard Profiles'!$G$21=$B$10,7,0)+IF('Standard Profiles'!$G$21=$B$17,14,0)+IF('Standard Profiles'!$G$21=$B$24,21,0),MOD($C294,24)+1)/SUM(INDEX($D$3:$AA$30,INDEX(Jesper!$R$2:$R$366,ROW(INDEX(Jesper!AK$2:AK$366,ROUNDDOWN($C294/24,0)+1,1))-1)+IF('Standard Profiles'!$G$21=$B$10,7,0)+IF('Standard Profiles'!$G$21=$B$17,14,0)+IF('Standard Profiles'!$G$21=$B$24,21,0),0)),0)</f>
        <v>8.0726492239725385</v>
      </c>
      <c r="H294" cm="1">
        <f t="array" ref="H294">IFERROR(INDEX(Jesper!AL$2:AL$366,ROUNDDOWN($C294/24,0)+1,1)*INDEX($D$3:$AA$30,INDEX(Jesper!$R$2:$R$366,ROW(INDEX(Jesper!AL$2:AL$366,ROUNDDOWN($C294/24,0)+1,1))-1)+IF('Standard Profiles'!$G$22=$B$10,7,0)+IF('Standard Profiles'!$G$22=$B$17,14,0)+IF('Standard Profiles'!$G$22=$B$24,21,0),MOD($C294,24)+1)/SUM(INDEX($D$3:$AA$30,INDEX(Jesper!$R$2:$R$366,ROW(INDEX(Jesper!AL$2:AL$366,ROUNDDOWN($C294/24,0)+1,1))-1)+IF('Standard Profiles'!$G$22=$B$10,7,0)+IF('Standard Profiles'!$G$22=$B$17,14,0)+IF('Standard Profiles'!$G$22=$B$24,21,0),0)),0)</f>
        <v>0</v>
      </c>
      <c r="I294">
        <f t="shared" si="48"/>
        <v>3.8748716275068165</v>
      </c>
      <c r="J294">
        <f t="shared" si="49"/>
        <v>16.13981901829424</v>
      </c>
      <c r="K294">
        <f t="shared" si="50"/>
        <v>0.64606619462688697</v>
      </c>
      <c r="L294">
        <f t="shared" si="51"/>
        <v>0.32303309731344348</v>
      </c>
      <c r="M294">
        <f t="shared" si="52"/>
        <v>0</v>
      </c>
      <c r="N294" s="45">
        <f t="shared" si="53"/>
        <v>44937.833333332703</v>
      </c>
    </row>
    <row r="295" spans="2:14" x14ac:dyDescent="0.25">
      <c r="B295">
        <f t="shared" si="47"/>
        <v>3</v>
      </c>
      <c r="C295" s="16">
        <v>261</v>
      </c>
      <c r="D295" cm="1">
        <f t="array" ref="D295">IFERROR(INDEX(Jesper!AH$2:AH$366,ROUNDDOWN($C295/24,0)+1,1)*INDEX($D$3:$AA$30,INDEX(Jesper!$R$2:$R$366,ROW(INDEX(Jesper!AH$2:AH$366,ROUNDDOWN($C295/24,0)+1,1))-1)+IF('Standard Profiles'!$G$18=$B$10,7,0)+IF('Standard Profiles'!$G$18=$B$17,14,0)+IF('Standard Profiles'!$G$18=$B$24,21,0),MOD($C295,24)+1)/SUM(INDEX($D$3:$AA$30,INDEX(Jesper!$R$2:$R$366,ROW(INDEX(Jesper!AH$2:AH$366,ROUNDDOWN($C295/24,0)+1,1))-1)+IF('Standard Profiles'!$G$18=$B$10,7,0)+IF('Standard Profiles'!$G$18=$B$17,14,0)+IF('Standard Profiles'!$G$18=$B$24,21,0),0)),0)</f>
        <v>6.056870574627065</v>
      </c>
      <c r="E295" cm="1">
        <f t="array" ref="E295">IFERROR(INDEX(Jesper!AI$2:AI$366,ROUNDDOWN($C295/24,0)+1,1)*INDEX($D$3:$AA$30,INDEX(Jesper!$R$2:$R$366,ROW(INDEX(Jesper!AI$2:AI$366,ROUNDDOWN($C295/24,0)+1,1))-1)+IF('Standard Profiles'!$G$19=$B$10,7,0)+IF('Standard Profiles'!$G$19=$B$17,14,0)+IF('Standard Profiles'!$G$19=$B$24,21,0),MOD($C295,24)+1)/SUM(INDEX($D$3:$AA$30,INDEX(Jesper!$R$2:$R$366,ROW(INDEX(Jesper!AI$2:AI$366,ROUNDDOWN($C295/24,0)+1,1))-1)+IF('Standard Profiles'!$G$19=$B$10,7,0)+IF('Standard Profiles'!$G$19=$B$17,14,0)+IF('Standard Profiles'!$G$19=$B$24,21,0),0)),0)</f>
        <v>6.8542701391417831</v>
      </c>
      <c r="F295" cm="1">
        <f t="array" ref="F295">IFERROR(INDEX(Jesper!AJ$2:AJ$366,ROUNDDOWN($C295/24,0)+1,1)*INDEX($D$3:$AA$30,INDEX(Jesper!$R$2:$R$366,ROW(INDEX(Jesper!AJ$2:AJ$366,ROUNDDOWN($C295/24,0)+1,1))-1)+IF('Standard Profiles'!$G$20=$B$10,7,0)+IF('Standard Profiles'!$G$20=$B$17,14,0)+IF('Standard Profiles'!$G$20=$B$24,21,0),MOD($C295,24)+1)/SUM(INDEX($D$3:$AA$30,INDEX(Jesper!$R$2:$R$366,ROW(INDEX(Jesper!AJ$2:AJ$366,ROUNDDOWN($C295/24,0)+1,1))-1)+IF('Standard Profiles'!$G$20=$B$10,7,0)+IF('Standard Profiles'!$G$20=$B$17,14,0)+IF('Standard Profiles'!$G$20=$B$24,21,0),0)),0)</f>
        <v>0</v>
      </c>
      <c r="G295" cm="1">
        <f t="array" ref="G295">IFERROR(INDEX(Jesper!AK$2:AK$366,ROUNDDOWN($C295/24,0)+1,1)*INDEX($D$3:$AA$30,INDEX(Jesper!$R$2:$R$366,ROW(INDEX(Jesper!AK$2:AK$366,ROUNDDOWN($C295/24,0)+1,1))-1)+IF('Standard Profiles'!$G$21=$B$10,7,0)+IF('Standard Profiles'!$G$21=$B$17,14,0)+IF('Standard Profiles'!$G$21=$B$24,21,0),MOD($C295,24)+1)/SUM(INDEX($D$3:$AA$30,INDEX(Jesper!$R$2:$R$366,ROW(INDEX(Jesper!AK$2:AK$366,ROUNDDOWN($C295/24,0)+1,1))-1)+IF('Standard Profiles'!$G$21=$B$10,7,0)+IF('Standard Profiles'!$G$21=$B$17,14,0)+IF('Standard Profiles'!$G$21=$B$24,21,0),0)),0)</f>
        <v>8.0726492239725385</v>
      </c>
      <c r="H295" cm="1">
        <f t="array" ref="H295">IFERROR(INDEX(Jesper!AL$2:AL$366,ROUNDDOWN($C295/24,0)+1,1)*INDEX($D$3:$AA$30,INDEX(Jesper!$R$2:$R$366,ROW(INDEX(Jesper!AL$2:AL$366,ROUNDDOWN($C295/24,0)+1,1))-1)+IF('Standard Profiles'!$G$22=$B$10,7,0)+IF('Standard Profiles'!$G$22=$B$17,14,0)+IF('Standard Profiles'!$G$22=$B$24,21,0),MOD($C295,24)+1)/SUM(INDEX($D$3:$AA$30,INDEX(Jesper!$R$2:$R$366,ROW(INDEX(Jesper!AL$2:AL$366,ROUNDDOWN($C295/24,0)+1,1))-1)+IF('Standard Profiles'!$G$22=$B$10,7,0)+IF('Standard Profiles'!$G$22=$B$17,14,0)+IF('Standard Profiles'!$G$22=$B$24,21,0),0)),0)</f>
        <v>0</v>
      </c>
      <c r="I295">
        <f t="shared" si="48"/>
        <v>3.8748716275068165</v>
      </c>
      <c r="J295">
        <f t="shared" si="49"/>
        <v>16.13981901829424</v>
      </c>
      <c r="K295">
        <f t="shared" si="50"/>
        <v>0.64606619462688697</v>
      </c>
      <c r="L295">
        <f t="shared" si="51"/>
        <v>0.32303309731344348</v>
      </c>
      <c r="M295">
        <f t="shared" si="52"/>
        <v>0</v>
      </c>
      <c r="N295" s="45">
        <f t="shared" si="53"/>
        <v>44937.874999999367</v>
      </c>
    </row>
    <row r="296" spans="2:14" x14ac:dyDescent="0.25">
      <c r="B296">
        <f t="shared" si="47"/>
        <v>3</v>
      </c>
      <c r="C296" s="16">
        <v>262</v>
      </c>
      <c r="D296" cm="1">
        <f t="array" ref="D296">IFERROR(INDEX(Jesper!AH$2:AH$366,ROUNDDOWN($C296/24,0)+1,1)*INDEX($D$3:$AA$30,INDEX(Jesper!$R$2:$R$366,ROW(INDEX(Jesper!AH$2:AH$366,ROUNDDOWN($C296/24,0)+1,1))-1)+IF('Standard Profiles'!$G$18=$B$10,7,0)+IF('Standard Profiles'!$G$18=$B$17,14,0)+IF('Standard Profiles'!$G$18=$B$24,21,0),MOD($C296,24)+1)/SUM(INDEX($D$3:$AA$30,INDEX(Jesper!$R$2:$R$366,ROW(INDEX(Jesper!AH$2:AH$366,ROUNDDOWN($C296/24,0)+1,1))-1)+IF('Standard Profiles'!$G$18=$B$10,7,0)+IF('Standard Profiles'!$G$18=$B$17,14,0)+IF('Standard Profiles'!$G$18=$B$24,21,0),0)),0)</f>
        <v>6.056870574627065</v>
      </c>
      <c r="E296" cm="1">
        <f t="array" ref="E296">IFERROR(INDEX(Jesper!AI$2:AI$366,ROUNDDOWN($C296/24,0)+1,1)*INDEX($D$3:$AA$30,INDEX(Jesper!$R$2:$R$366,ROW(INDEX(Jesper!AI$2:AI$366,ROUNDDOWN($C296/24,0)+1,1))-1)+IF('Standard Profiles'!$G$19=$B$10,7,0)+IF('Standard Profiles'!$G$19=$B$17,14,0)+IF('Standard Profiles'!$G$19=$B$24,21,0),MOD($C296,24)+1)/SUM(INDEX($D$3:$AA$30,INDEX(Jesper!$R$2:$R$366,ROW(INDEX(Jesper!AI$2:AI$366,ROUNDDOWN($C296/24,0)+1,1))-1)+IF('Standard Profiles'!$G$19=$B$10,7,0)+IF('Standard Profiles'!$G$19=$B$17,14,0)+IF('Standard Profiles'!$G$19=$B$24,21,0),0)),0)</f>
        <v>6.8542701391417831</v>
      </c>
      <c r="F296" cm="1">
        <f t="array" ref="F296">IFERROR(INDEX(Jesper!AJ$2:AJ$366,ROUNDDOWN($C296/24,0)+1,1)*INDEX($D$3:$AA$30,INDEX(Jesper!$R$2:$R$366,ROW(INDEX(Jesper!AJ$2:AJ$366,ROUNDDOWN($C296/24,0)+1,1))-1)+IF('Standard Profiles'!$G$20=$B$10,7,0)+IF('Standard Profiles'!$G$20=$B$17,14,0)+IF('Standard Profiles'!$G$20=$B$24,21,0),MOD($C296,24)+1)/SUM(INDEX($D$3:$AA$30,INDEX(Jesper!$R$2:$R$366,ROW(INDEX(Jesper!AJ$2:AJ$366,ROUNDDOWN($C296/24,0)+1,1))-1)+IF('Standard Profiles'!$G$20=$B$10,7,0)+IF('Standard Profiles'!$G$20=$B$17,14,0)+IF('Standard Profiles'!$G$20=$B$24,21,0),0)),0)</f>
        <v>0</v>
      </c>
      <c r="G296" cm="1">
        <f t="array" ref="G296">IFERROR(INDEX(Jesper!AK$2:AK$366,ROUNDDOWN($C296/24,0)+1,1)*INDEX($D$3:$AA$30,INDEX(Jesper!$R$2:$R$366,ROW(INDEX(Jesper!AK$2:AK$366,ROUNDDOWN($C296/24,0)+1,1))-1)+IF('Standard Profiles'!$G$21=$B$10,7,0)+IF('Standard Profiles'!$G$21=$B$17,14,0)+IF('Standard Profiles'!$G$21=$B$24,21,0),MOD($C296,24)+1)/SUM(INDEX($D$3:$AA$30,INDEX(Jesper!$R$2:$R$366,ROW(INDEX(Jesper!AK$2:AK$366,ROUNDDOWN($C296/24,0)+1,1))-1)+IF('Standard Profiles'!$G$21=$B$10,7,0)+IF('Standard Profiles'!$G$21=$B$17,14,0)+IF('Standard Profiles'!$G$21=$B$24,21,0),0)),0)</f>
        <v>8.0726492239725385</v>
      </c>
      <c r="H296" cm="1">
        <f t="array" ref="H296">IFERROR(INDEX(Jesper!AL$2:AL$366,ROUNDDOWN($C296/24,0)+1,1)*INDEX($D$3:$AA$30,INDEX(Jesper!$R$2:$R$366,ROW(INDEX(Jesper!AL$2:AL$366,ROUNDDOWN($C296/24,0)+1,1))-1)+IF('Standard Profiles'!$G$22=$B$10,7,0)+IF('Standard Profiles'!$G$22=$B$17,14,0)+IF('Standard Profiles'!$G$22=$B$24,21,0),MOD($C296,24)+1)/SUM(INDEX($D$3:$AA$30,INDEX(Jesper!$R$2:$R$366,ROW(INDEX(Jesper!AL$2:AL$366,ROUNDDOWN($C296/24,0)+1,1))-1)+IF('Standard Profiles'!$G$22=$B$10,7,0)+IF('Standard Profiles'!$G$22=$B$17,14,0)+IF('Standard Profiles'!$G$22=$B$24,21,0),0)),0)</f>
        <v>0</v>
      </c>
      <c r="I296">
        <f t="shared" si="48"/>
        <v>3.8748716275068165</v>
      </c>
      <c r="J296">
        <f t="shared" si="49"/>
        <v>16.13981901829424</v>
      </c>
      <c r="K296">
        <f t="shared" si="50"/>
        <v>0.64606619462688697</v>
      </c>
      <c r="L296">
        <f t="shared" si="51"/>
        <v>0.32303309731344348</v>
      </c>
      <c r="M296">
        <f t="shared" si="52"/>
        <v>0</v>
      </c>
      <c r="N296" s="45">
        <f t="shared" si="53"/>
        <v>44937.916666666031</v>
      </c>
    </row>
    <row r="297" spans="2:14" x14ac:dyDescent="0.25">
      <c r="B297">
        <f t="shared" si="47"/>
        <v>3</v>
      </c>
      <c r="C297" s="16">
        <v>263</v>
      </c>
      <c r="D297" cm="1">
        <f t="array" ref="D297">IFERROR(INDEX(Jesper!AH$2:AH$366,ROUNDDOWN($C297/24,0)+1,1)*INDEX($D$3:$AA$30,INDEX(Jesper!$R$2:$R$366,ROW(INDEX(Jesper!AH$2:AH$366,ROUNDDOWN($C297/24,0)+1,1))-1)+IF('Standard Profiles'!$G$18=$B$10,7,0)+IF('Standard Profiles'!$G$18=$B$17,14,0)+IF('Standard Profiles'!$G$18=$B$24,21,0),MOD($C297,24)+1)/SUM(INDEX($D$3:$AA$30,INDEX(Jesper!$R$2:$R$366,ROW(INDEX(Jesper!AH$2:AH$366,ROUNDDOWN($C297/24,0)+1,1))-1)+IF('Standard Profiles'!$G$18=$B$10,7,0)+IF('Standard Profiles'!$G$18=$B$17,14,0)+IF('Standard Profiles'!$G$18=$B$24,21,0),0)),0)</f>
        <v>6.056870574627065</v>
      </c>
      <c r="E297" cm="1">
        <f t="array" ref="E297">IFERROR(INDEX(Jesper!AI$2:AI$366,ROUNDDOWN($C297/24,0)+1,1)*INDEX($D$3:$AA$30,INDEX(Jesper!$R$2:$R$366,ROW(INDEX(Jesper!AI$2:AI$366,ROUNDDOWN($C297/24,0)+1,1))-1)+IF('Standard Profiles'!$G$19=$B$10,7,0)+IF('Standard Profiles'!$G$19=$B$17,14,0)+IF('Standard Profiles'!$G$19=$B$24,21,0),MOD($C297,24)+1)/SUM(INDEX($D$3:$AA$30,INDEX(Jesper!$R$2:$R$366,ROW(INDEX(Jesper!AI$2:AI$366,ROUNDDOWN($C297/24,0)+1,1))-1)+IF('Standard Profiles'!$G$19=$B$10,7,0)+IF('Standard Profiles'!$G$19=$B$17,14,0)+IF('Standard Profiles'!$G$19=$B$24,21,0),0)),0)</f>
        <v>6.8542701391417831</v>
      </c>
      <c r="F297" cm="1">
        <f t="array" ref="F297">IFERROR(INDEX(Jesper!AJ$2:AJ$366,ROUNDDOWN($C297/24,0)+1,1)*INDEX($D$3:$AA$30,INDEX(Jesper!$R$2:$R$366,ROW(INDEX(Jesper!AJ$2:AJ$366,ROUNDDOWN($C297/24,0)+1,1))-1)+IF('Standard Profiles'!$G$20=$B$10,7,0)+IF('Standard Profiles'!$G$20=$B$17,14,0)+IF('Standard Profiles'!$G$20=$B$24,21,0),MOD($C297,24)+1)/SUM(INDEX($D$3:$AA$30,INDEX(Jesper!$R$2:$R$366,ROW(INDEX(Jesper!AJ$2:AJ$366,ROUNDDOWN($C297/24,0)+1,1))-1)+IF('Standard Profiles'!$G$20=$B$10,7,0)+IF('Standard Profiles'!$G$20=$B$17,14,0)+IF('Standard Profiles'!$G$20=$B$24,21,0),0)),0)</f>
        <v>0</v>
      </c>
      <c r="G297" cm="1">
        <f t="array" ref="G297">IFERROR(INDEX(Jesper!AK$2:AK$366,ROUNDDOWN($C297/24,0)+1,1)*INDEX($D$3:$AA$30,INDEX(Jesper!$R$2:$R$366,ROW(INDEX(Jesper!AK$2:AK$366,ROUNDDOWN($C297/24,0)+1,1))-1)+IF('Standard Profiles'!$G$21=$B$10,7,0)+IF('Standard Profiles'!$G$21=$B$17,14,0)+IF('Standard Profiles'!$G$21=$B$24,21,0),MOD($C297,24)+1)/SUM(INDEX($D$3:$AA$30,INDEX(Jesper!$R$2:$R$366,ROW(INDEX(Jesper!AK$2:AK$366,ROUNDDOWN($C297/24,0)+1,1))-1)+IF('Standard Profiles'!$G$21=$B$10,7,0)+IF('Standard Profiles'!$G$21=$B$17,14,0)+IF('Standard Profiles'!$G$21=$B$24,21,0),0)),0)</f>
        <v>8.0726492239725385</v>
      </c>
      <c r="H297" cm="1">
        <f t="array" ref="H297">IFERROR(INDEX(Jesper!AL$2:AL$366,ROUNDDOWN($C297/24,0)+1,1)*INDEX($D$3:$AA$30,INDEX(Jesper!$R$2:$R$366,ROW(INDEX(Jesper!AL$2:AL$366,ROUNDDOWN($C297/24,0)+1,1))-1)+IF('Standard Profiles'!$G$22=$B$10,7,0)+IF('Standard Profiles'!$G$22=$B$17,14,0)+IF('Standard Profiles'!$G$22=$B$24,21,0),MOD($C297,24)+1)/SUM(INDEX($D$3:$AA$30,INDEX(Jesper!$R$2:$R$366,ROW(INDEX(Jesper!AL$2:AL$366,ROUNDDOWN($C297/24,0)+1,1))-1)+IF('Standard Profiles'!$G$22=$B$10,7,0)+IF('Standard Profiles'!$G$22=$B$17,14,0)+IF('Standard Profiles'!$G$22=$B$24,21,0),0)),0)</f>
        <v>0</v>
      </c>
      <c r="I297">
        <f t="shared" si="48"/>
        <v>3.8748716275068165</v>
      </c>
      <c r="J297">
        <f t="shared" si="49"/>
        <v>16.13981901829424</v>
      </c>
      <c r="K297">
        <f t="shared" si="50"/>
        <v>0.64606619462688697</v>
      </c>
      <c r="L297">
        <f t="shared" si="51"/>
        <v>0.32303309731344348</v>
      </c>
      <c r="M297">
        <f t="shared" si="52"/>
        <v>0</v>
      </c>
      <c r="N297" s="45">
        <f t="shared" si="53"/>
        <v>44937.958333332695</v>
      </c>
    </row>
    <row r="298" spans="2:14" x14ac:dyDescent="0.25">
      <c r="B298">
        <f t="shared" si="47"/>
        <v>4</v>
      </c>
      <c r="C298" s="16">
        <v>264</v>
      </c>
      <c r="D298" cm="1">
        <f t="array" ref="D298">IFERROR(INDEX(Jesper!AH$2:AH$366,ROUNDDOWN($C298/24,0)+1,1)*INDEX($D$3:$AA$30,INDEX(Jesper!$R$2:$R$366,ROW(INDEX(Jesper!AH$2:AH$366,ROUNDDOWN($C298/24,0)+1,1))-1)+IF('Standard Profiles'!$G$18=$B$10,7,0)+IF('Standard Profiles'!$G$18=$B$17,14,0)+IF('Standard Profiles'!$G$18=$B$24,21,0),MOD($C298,24)+1)/SUM(INDEX($D$3:$AA$30,INDEX(Jesper!$R$2:$R$366,ROW(INDEX(Jesper!AH$2:AH$366,ROUNDDOWN($C298/24,0)+1,1))-1)+IF('Standard Profiles'!$G$18=$B$10,7,0)+IF('Standard Profiles'!$G$18=$B$17,14,0)+IF('Standard Profiles'!$G$18=$B$24,21,0),0)),0)</f>
        <v>5.8595004159368438</v>
      </c>
      <c r="E298" cm="1">
        <f t="array" ref="E298">IFERROR(INDEX(Jesper!AI$2:AI$366,ROUNDDOWN($C298/24,0)+1,1)*INDEX($D$3:$AA$30,INDEX(Jesper!$R$2:$R$366,ROW(INDEX(Jesper!AI$2:AI$366,ROUNDDOWN($C298/24,0)+1,1))-1)+IF('Standard Profiles'!$G$19=$B$10,7,0)+IF('Standard Profiles'!$G$19=$B$17,14,0)+IF('Standard Profiles'!$G$19=$B$24,21,0),MOD($C298,24)+1)/SUM(INDEX($D$3:$AA$30,INDEX(Jesper!$R$2:$R$366,ROW(INDEX(Jesper!AI$2:AI$366,ROUNDDOWN($C298/24,0)+1,1))-1)+IF('Standard Profiles'!$G$19=$B$10,7,0)+IF('Standard Profiles'!$G$19=$B$17,14,0)+IF('Standard Profiles'!$G$19=$B$24,21,0),0)),0)</f>
        <v>5.2197698478791628</v>
      </c>
      <c r="F298" cm="1">
        <f t="array" ref="F298">IFERROR(INDEX(Jesper!AJ$2:AJ$366,ROUNDDOWN($C298/24,0)+1,1)*INDEX($D$3:$AA$30,INDEX(Jesper!$R$2:$R$366,ROW(INDEX(Jesper!AJ$2:AJ$366,ROUNDDOWN($C298/24,0)+1,1))-1)+IF('Standard Profiles'!$G$20=$B$10,7,0)+IF('Standard Profiles'!$G$20=$B$17,14,0)+IF('Standard Profiles'!$G$20=$B$24,21,0),MOD($C298,24)+1)/SUM(INDEX($D$3:$AA$30,INDEX(Jesper!$R$2:$R$366,ROW(INDEX(Jesper!AJ$2:AJ$366,ROUNDDOWN($C298/24,0)+1,1))-1)+IF('Standard Profiles'!$G$20=$B$10,7,0)+IF('Standard Profiles'!$G$20=$B$17,14,0)+IF('Standard Profiles'!$G$20=$B$24,21,0),0)),0)</f>
        <v>0</v>
      </c>
      <c r="G298" cm="1">
        <f t="array" ref="G298">IFERROR(INDEX(Jesper!AK$2:AK$366,ROUNDDOWN($C298/24,0)+1,1)*INDEX($D$3:$AA$30,INDEX(Jesper!$R$2:$R$366,ROW(INDEX(Jesper!AK$2:AK$366,ROUNDDOWN($C298/24,0)+1,1))-1)+IF('Standard Profiles'!$G$21=$B$10,7,0)+IF('Standard Profiles'!$G$21=$B$17,14,0)+IF('Standard Profiles'!$G$21=$B$24,21,0),MOD($C298,24)+1)/SUM(INDEX($D$3:$AA$30,INDEX(Jesper!$R$2:$R$366,ROW(INDEX(Jesper!AK$2:AK$366,ROUNDDOWN($C298/24,0)+1,1))-1)+IF('Standard Profiles'!$G$21=$B$10,7,0)+IF('Standard Profiles'!$G$21=$B$17,14,0)+IF('Standard Profiles'!$G$21=$B$24,21,0),0)),0)</f>
        <v>3.8431260394565419</v>
      </c>
      <c r="H298" cm="1">
        <f t="array" ref="H298">IFERROR(INDEX(Jesper!AL$2:AL$366,ROUNDDOWN($C298/24,0)+1,1)*INDEX($D$3:$AA$30,INDEX(Jesper!$R$2:$R$366,ROW(INDEX(Jesper!AL$2:AL$366,ROUNDDOWN($C298/24,0)+1,1))-1)+IF('Standard Profiles'!$G$22=$B$10,7,0)+IF('Standard Profiles'!$G$22=$B$17,14,0)+IF('Standard Profiles'!$G$22=$B$24,21,0),MOD($C298,24)+1)/SUM(INDEX($D$3:$AA$30,INDEX(Jesper!$R$2:$R$366,ROW(INDEX(Jesper!AL$2:AL$366,ROUNDDOWN($C298/24,0)+1,1))-1)+IF('Standard Profiles'!$G$22=$B$10,7,0)+IF('Standard Profiles'!$G$22=$B$17,14,0)+IF('Standard Profiles'!$G$22=$B$24,21,0),0)),0)</f>
        <v>0</v>
      </c>
      <c r="I298">
        <f t="shared" si="48"/>
        <v>1.8447004989391391</v>
      </c>
      <c r="J298">
        <f t="shared" si="49"/>
        <v>12.140175737783514</v>
      </c>
      <c r="K298">
        <f t="shared" si="50"/>
        <v>0.62501337769993004</v>
      </c>
      <c r="L298">
        <f t="shared" si="51"/>
        <v>0.31250668884996502</v>
      </c>
      <c r="M298">
        <f t="shared" si="52"/>
        <v>0</v>
      </c>
      <c r="N298" s="45">
        <f t="shared" si="53"/>
        <v>44937.99999999936</v>
      </c>
    </row>
    <row r="299" spans="2:14" x14ac:dyDescent="0.25">
      <c r="B299">
        <f t="shared" si="47"/>
        <v>4</v>
      </c>
      <c r="C299" s="16">
        <v>265</v>
      </c>
      <c r="D299" cm="1">
        <f t="array" ref="D299">IFERROR(INDEX(Jesper!AH$2:AH$366,ROUNDDOWN($C299/24,0)+1,1)*INDEX($D$3:$AA$30,INDEX(Jesper!$R$2:$R$366,ROW(INDEX(Jesper!AH$2:AH$366,ROUNDDOWN($C299/24,0)+1,1))-1)+IF('Standard Profiles'!$G$18=$B$10,7,0)+IF('Standard Profiles'!$G$18=$B$17,14,0)+IF('Standard Profiles'!$G$18=$B$24,21,0),MOD($C299,24)+1)/SUM(INDEX($D$3:$AA$30,INDEX(Jesper!$R$2:$R$366,ROW(INDEX(Jesper!AH$2:AH$366,ROUNDDOWN($C299/24,0)+1,1))-1)+IF('Standard Profiles'!$G$18=$B$10,7,0)+IF('Standard Profiles'!$G$18=$B$17,14,0)+IF('Standard Profiles'!$G$18=$B$24,21,0),0)),0)</f>
        <v>5.8595004159368438</v>
      </c>
      <c r="E299" cm="1">
        <f t="array" ref="E299">IFERROR(INDEX(Jesper!AI$2:AI$366,ROUNDDOWN($C299/24,0)+1,1)*INDEX($D$3:$AA$30,INDEX(Jesper!$R$2:$R$366,ROW(INDEX(Jesper!AI$2:AI$366,ROUNDDOWN($C299/24,0)+1,1))-1)+IF('Standard Profiles'!$G$19=$B$10,7,0)+IF('Standard Profiles'!$G$19=$B$17,14,0)+IF('Standard Profiles'!$G$19=$B$24,21,0),MOD($C299,24)+1)/SUM(INDEX($D$3:$AA$30,INDEX(Jesper!$R$2:$R$366,ROW(INDEX(Jesper!AI$2:AI$366,ROUNDDOWN($C299/24,0)+1,1))-1)+IF('Standard Profiles'!$G$19=$B$10,7,0)+IF('Standard Profiles'!$G$19=$B$17,14,0)+IF('Standard Profiles'!$G$19=$B$24,21,0),0)),0)</f>
        <v>5.2197698478791628</v>
      </c>
      <c r="F299" cm="1">
        <f t="array" ref="F299">IFERROR(INDEX(Jesper!AJ$2:AJ$366,ROUNDDOWN($C299/24,0)+1,1)*INDEX($D$3:$AA$30,INDEX(Jesper!$R$2:$R$366,ROW(INDEX(Jesper!AJ$2:AJ$366,ROUNDDOWN($C299/24,0)+1,1))-1)+IF('Standard Profiles'!$G$20=$B$10,7,0)+IF('Standard Profiles'!$G$20=$B$17,14,0)+IF('Standard Profiles'!$G$20=$B$24,21,0),MOD($C299,24)+1)/SUM(INDEX($D$3:$AA$30,INDEX(Jesper!$R$2:$R$366,ROW(INDEX(Jesper!AJ$2:AJ$366,ROUNDDOWN($C299/24,0)+1,1))-1)+IF('Standard Profiles'!$G$20=$B$10,7,0)+IF('Standard Profiles'!$G$20=$B$17,14,0)+IF('Standard Profiles'!$G$20=$B$24,21,0),0)),0)</f>
        <v>0</v>
      </c>
      <c r="G299" cm="1">
        <f t="array" ref="G299">IFERROR(INDEX(Jesper!AK$2:AK$366,ROUNDDOWN($C299/24,0)+1,1)*INDEX($D$3:$AA$30,INDEX(Jesper!$R$2:$R$366,ROW(INDEX(Jesper!AK$2:AK$366,ROUNDDOWN($C299/24,0)+1,1))-1)+IF('Standard Profiles'!$G$21=$B$10,7,0)+IF('Standard Profiles'!$G$21=$B$17,14,0)+IF('Standard Profiles'!$G$21=$B$24,21,0),MOD($C299,24)+1)/SUM(INDEX($D$3:$AA$30,INDEX(Jesper!$R$2:$R$366,ROW(INDEX(Jesper!AK$2:AK$366,ROUNDDOWN($C299/24,0)+1,1))-1)+IF('Standard Profiles'!$G$21=$B$10,7,0)+IF('Standard Profiles'!$G$21=$B$17,14,0)+IF('Standard Profiles'!$G$21=$B$24,21,0),0)),0)</f>
        <v>3.8431260394565419</v>
      </c>
      <c r="H299" cm="1">
        <f t="array" ref="H299">IFERROR(INDEX(Jesper!AL$2:AL$366,ROUNDDOWN($C299/24,0)+1,1)*INDEX($D$3:$AA$30,INDEX(Jesper!$R$2:$R$366,ROW(INDEX(Jesper!AL$2:AL$366,ROUNDDOWN($C299/24,0)+1,1))-1)+IF('Standard Profiles'!$G$22=$B$10,7,0)+IF('Standard Profiles'!$G$22=$B$17,14,0)+IF('Standard Profiles'!$G$22=$B$24,21,0),MOD($C299,24)+1)/SUM(INDEX($D$3:$AA$30,INDEX(Jesper!$R$2:$R$366,ROW(INDEX(Jesper!AL$2:AL$366,ROUNDDOWN($C299/24,0)+1,1))-1)+IF('Standard Profiles'!$G$22=$B$10,7,0)+IF('Standard Profiles'!$G$22=$B$17,14,0)+IF('Standard Profiles'!$G$22=$B$24,21,0),0)),0)</f>
        <v>0</v>
      </c>
      <c r="I299">
        <f t="shared" si="48"/>
        <v>1.8447004989391391</v>
      </c>
      <c r="J299">
        <f t="shared" si="49"/>
        <v>12.140175737783514</v>
      </c>
      <c r="K299">
        <f t="shared" si="50"/>
        <v>0.62501337769993004</v>
      </c>
      <c r="L299">
        <f t="shared" si="51"/>
        <v>0.31250668884996502</v>
      </c>
      <c r="M299">
        <f t="shared" si="52"/>
        <v>0</v>
      </c>
      <c r="N299" s="45">
        <f t="shared" si="53"/>
        <v>44938.041666666024</v>
      </c>
    </row>
    <row r="300" spans="2:14" x14ac:dyDescent="0.25">
      <c r="B300">
        <f t="shared" si="47"/>
        <v>4</v>
      </c>
      <c r="C300" s="16">
        <v>266</v>
      </c>
      <c r="D300" cm="1">
        <f t="array" ref="D300">IFERROR(INDEX(Jesper!AH$2:AH$366,ROUNDDOWN($C300/24,0)+1,1)*INDEX($D$3:$AA$30,INDEX(Jesper!$R$2:$R$366,ROW(INDEX(Jesper!AH$2:AH$366,ROUNDDOWN($C300/24,0)+1,1))-1)+IF('Standard Profiles'!$G$18=$B$10,7,0)+IF('Standard Profiles'!$G$18=$B$17,14,0)+IF('Standard Profiles'!$G$18=$B$24,21,0),MOD($C300,24)+1)/SUM(INDEX($D$3:$AA$30,INDEX(Jesper!$R$2:$R$366,ROW(INDEX(Jesper!AH$2:AH$366,ROUNDDOWN($C300/24,0)+1,1))-1)+IF('Standard Profiles'!$G$18=$B$10,7,0)+IF('Standard Profiles'!$G$18=$B$17,14,0)+IF('Standard Profiles'!$G$18=$B$24,21,0),0)),0)</f>
        <v>5.8595004159368438</v>
      </c>
      <c r="E300" cm="1">
        <f t="array" ref="E300">IFERROR(INDEX(Jesper!AI$2:AI$366,ROUNDDOWN($C300/24,0)+1,1)*INDEX($D$3:$AA$30,INDEX(Jesper!$R$2:$R$366,ROW(INDEX(Jesper!AI$2:AI$366,ROUNDDOWN($C300/24,0)+1,1))-1)+IF('Standard Profiles'!$G$19=$B$10,7,0)+IF('Standard Profiles'!$G$19=$B$17,14,0)+IF('Standard Profiles'!$G$19=$B$24,21,0),MOD($C300,24)+1)/SUM(INDEX($D$3:$AA$30,INDEX(Jesper!$R$2:$R$366,ROW(INDEX(Jesper!AI$2:AI$366,ROUNDDOWN($C300/24,0)+1,1))-1)+IF('Standard Profiles'!$G$19=$B$10,7,0)+IF('Standard Profiles'!$G$19=$B$17,14,0)+IF('Standard Profiles'!$G$19=$B$24,21,0),0)),0)</f>
        <v>5.2197698478791628</v>
      </c>
      <c r="F300" cm="1">
        <f t="array" ref="F300">IFERROR(INDEX(Jesper!AJ$2:AJ$366,ROUNDDOWN($C300/24,0)+1,1)*INDEX($D$3:$AA$30,INDEX(Jesper!$R$2:$R$366,ROW(INDEX(Jesper!AJ$2:AJ$366,ROUNDDOWN($C300/24,0)+1,1))-1)+IF('Standard Profiles'!$G$20=$B$10,7,0)+IF('Standard Profiles'!$G$20=$B$17,14,0)+IF('Standard Profiles'!$G$20=$B$24,21,0),MOD($C300,24)+1)/SUM(INDEX($D$3:$AA$30,INDEX(Jesper!$R$2:$R$366,ROW(INDEX(Jesper!AJ$2:AJ$366,ROUNDDOWN($C300/24,0)+1,1))-1)+IF('Standard Profiles'!$G$20=$B$10,7,0)+IF('Standard Profiles'!$G$20=$B$17,14,0)+IF('Standard Profiles'!$G$20=$B$24,21,0),0)),0)</f>
        <v>0</v>
      </c>
      <c r="G300" cm="1">
        <f t="array" ref="G300">IFERROR(INDEX(Jesper!AK$2:AK$366,ROUNDDOWN($C300/24,0)+1,1)*INDEX($D$3:$AA$30,INDEX(Jesper!$R$2:$R$366,ROW(INDEX(Jesper!AK$2:AK$366,ROUNDDOWN($C300/24,0)+1,1))-1)+IF('Standard Profiles'!$G$21=$B$10,7,0)+IF('Standard Profiles'!$G$21=$B$17,14,0)+IF('Standard Profiles'!$G$21=$B$24,21,0),MOD($C300,24)+1)/SUM(INDEX($D$3:$AA$30,INDEX(Jesper!$R$2:$R$366,ROW(INDEX(Jesper!AK$2:AK$366,ROUNDDOWN($C300/24,0)+1,1))-1)+IF('Standard Profiles'!$G$21=$B$10,7,0)+IF('Standard Profiles'!$G$21=$B$17,14,0)+IF('Standard Profiles'!$G$21=$B$24,21,0),0)),0)</f>
        <v>3.8431260394565419</v>
      </c>
      <c r="H300" cm="1">
        <f t="array" ref="H300">IFERROR(INDEX(Jesper!AL$2:AL$366,ROUNDDOWN($C300/24,0)+1,1)*INDEX($D$3:$AA$30,INDEX(Jesper!$R$2:$R$366,ROW(INDEX(Jesper!AL$2:AL$366,ROUNDDOWN($C300/24,0)+1,1))-1)+IF('Standard Profiles'!$G$22=$B$10,7,0)+IF('Standard Profiles'!$G$22=$B$17,14,0)+IF('Standard Profiles'!$G$22=$B$24,21,0),MOD($C300,24)+1)/SUM(INDEX($D$3:$AA$30,INDEX(Jesper!$R$2:$R$366,ROW(INDEX(Jesper!AL$2:AL$366,ROUNDDOWN($C300/24,0)+1,1))-1)+IF('Standard Profiles'!$G$22=$B$10,7,0)+IF('Standard Profiles'!$G$22=$B$17,14,0)+IF('Standard Profiles'!$G$22=$B$24,21,0),0)),0)</f>
        <v>0</v>
      </c>
      <c r="I300">
        <f t="shared" si="48"/>
        <v>1.8447004989391391</v>
      </c>
      <c r="J300">
        <f t="shared" si="49"/>
        <v>12.140175737783514</v>
      </c>
      <c r="K300">
        <f t="shared" si="50"/>
        <v>0.62501337769993004</v>
      </c>
      <c r="L300">
        <f t="shared" si="51"/>
        <v>0.31250668884996502</v>
      </c>
      <c r="M300">
        <f t="shared" si="52"/>
        <v>0</v>
      </c>
      <c r="N300" s="45">
        <f t="shared" si="53"/>
        <v>44938.083333332688</v>
      </c>
    </row>
    <row r="301" spans="2:14" x14ac:dyDescent="0.25">
      <c r="B301">
        <f t="shared" si="47"/>
        <v>4</v>
      </c>
      <c r="C301" s="16">
        <v>267</v>
      </c>
      <c r="D301" cm="1">
        <f t="array" ref="D301">IFERROR(INDEX(Jesper!AH$2:AH$366,ROUNDDOWN($C301/24,0)+1,1)*INDEX($D$3:$AA$30,INDEX(Jesper!$R$2:$R$366,ROW(INDEX(Jesper!AH$2:AH$366,ROUNDDOWN($C301/24,0)+1,1))-1)+IF('Standard Profiles'!$G$18=$B$10,7,0)+IF('Standard Profiles'!$G$18=$B$17,14,0)+IF('Standard Profiles'!$G$18=$B$24,21,0),MOD($C301,24)+1)/SUM(INDEX($D$3:$AA$30,INDEX(Jesper!$R$2:$R$366,ROW(INDEX(Jesper!AH$2:AH$366,ROUNDDOWN($C301/24,0)+1,1))-1)+IF('Standard Profiles'!$G$18=$B$10,7,0)+IF('Standard Profiles'!$G$18=$B$17,14,0)+IF('Standard Profiles'!$G$18=$B$24,21,0),0)),0)</f>
        <v>5.8595004159368438</v>
      </c>
      <c r="E301" cm="1">
        <f t="array" ref="E301">IFERROR(INDEX(Jesper!AI$2:AI$366,ROUNDDOWN($C301/24,0)+1,1)*INDEX($D$3:$AA$30,INDEX(Jesper!$R$2:$R$366,ROW(INDEX(Jesper!AI$2:AI$366,ROUNDDOWN($C301/24,0)+1,1))-1)+IF('Standard Profiles'!$G$19=$B$10,7,0)+IF('Standard Profiles'!$G$19=$B$17,14,0)+IF('Standard Profiles'!$G$19=$B$24,21,0),MOD($C301,24)+1)/SUM(INDEX($D$3:$AA$30,INDEX(Jesper!$R$2:$R$366,ROW(INDEX(Jesper!AI$2:AI$366,ROUNDDOWN($C301/24,0)+1,1))-1)+IF('Standard Profiles'!$G$19=$B$10,7,0)+IF('Standard Profiles'!$G$19=$B$17,14,0)+IF('Standard Profiles'!$G$19=$B$24,21,0),0)),0)</f>
        <v>5.2197698478791628</v>
      </c>
      <c r="F301" cm="1">
        <f t="array" ref="F301">IFERROR(INDEX(Jesper!AJ$2:AJ$366,ROUNDDOWN($C301/24,0)+1,1)*INDEX($D$3:$AA$30,INDEX(Jesper!$R$2:$R$366,ROW(INDEX(Jesper!AJ$2:AJ$366,ROUNDDOWN($C301/24,0)+1,1))-1)+IF('Standard Profiles'!$G$20=$B$10,7,0)+IF('Standard Profiles'!$G$20=$B$17,14,0)+IF('Standard Profiles'!$G$20=$B$24,21,0),MOD($C301,24)+1)/SUM(INDEX($D$3:$AA$30,INDEX(Jesper!$R$2:$R$366,ROW(INDEX(Jesper!AJ$2:AJ$366,ROUNDDOWN($C301/24,0)+1,1))-1)+IF('Standard Profiles'!$G$20=$B$10,7,0)+IF('Standard Profiles'!$G$20=$B$17,14,0)+IF('Standard Profiles'!$G$20=$B$24,21,0),0)),0)</f>
        <v>0</v>
      </c>
      <c r="G301" cm="1">
        <f t="array" ref="G301">IFERROR(INDEX(Jesper!AK$2:AK$366,ROUNDDOWN($C301/24,0)+1,1)*INDEX($D$3:$AA$30,INDEX(Jesper!$R$2:$R$366,ROW(INDEX(Jesper!AK$2:AK$366,ROUNDDOWN($C301/24,0)+1,1))-1)+IF('Standard Profiles'!$G$21=$B$10,7,0)+IF('Standard Profiles'!$G$21=$B$17,14,0)+IF('Standard Profiles'!$G$21=$B$24,21,0),MOD($C301,24)+1)/SUM(INDEX($D$3:$AA$30,INDEX(Jesper!$R$2:$R$366,ROW(INDEX(Jesper!AK$2:AK$366,ROUNDDOWN($C301/24,0)+1,1))-1)+IF('Standard Profiles'!$G$21=$B$10,7,0)+IF('Standard Profiles'!$G$21=$B$17,14,0)+IF('Standard Profiles'!$G$21=$B$24,21,0),0)),0)</f>
        <v>3.8431260394565419</v>
      </c>
      <c r="H301" cm="1">
        <f t="array" ref="H301">IFERROR(INDEX(Jesper!AL$2:AL$366,ROUNDDOWN($C301/24,0)+1,1)*INDEX($D$3:$AA$30,INDEX(Jesper!$R$2:$R$366,ROW(INDEX(Jesper!AL$2:AL$366,ROUNDDOWN($C301/24,0)+1,1))-1)+IF('Standard Profiles'!$G$22=$B$10,7,0)+IF('Standard Profiles'!$G$22=$B$17,14,0)+IF('Standard Profiles'!$G$22=$B$24,21,0),MOD($C301,24)+1)/SUM(INDEX($D$3:$AA$30,INDEX(Jesper!$R$2:$R$366,ROW(INDEX(Jesper!AL$2:AL$366,ROUNDDOWN($C301/24,0)+1,1))-1)+IF('Standard Profiles'!$G$22=$B$10,7,0)+IF('Standard Profiles'!$G$22=$B$17,14,0)+IF('Standard Profiles'!$G$22=$B$24,21,0),0)),0)</f>
        <v>0</v>
      </c>
      <c r="I301">
        <f t="shared" si="48"/>
        <v>1.8447004989391391</v>
      </c>
      <c r="J301">
        <f t="shared" si="49"/>
        <v>12.140175737783514</v>
      </c>
      <c r="K301">
        <f t="shared" si="50"/>
        <v>0.62501337769993004</v>
      </c>
      <c r="L301">
        <f t="shared" si="51"/>
        <v>0.31250668884996502</v>
      </c>
      <c r="M301">
        <f t="shared" si="52"/>
        <v>0</v>
      </c>
      <c r="N301" s="45">
        <f t="shared" si="53"/>
        <v>44938.124999999352</v>
      </c>
    </row>
    <row r="302" spans="2:14" x14ac:dyDescent="0.25">
      <c r="B302">
        <f t="shared" si="47"/>
        <v>4</v>
      </c>
      <c r="C302" s="16">
        <v>268</v>
      </c>
      <c r="D302" cm="1">
        <f t="array" ref="D302">IFERROR(INDEX(Jesper!AH$2:AH$366,ROUNDDOWN($C302/24,0)+1,1)*INDEX($D$3:$AA$30,INDEX(Jesper!$R$2:$R$366,ROW(INDEX(Jesper!AH$2:AH$366,ROUNDDOWN($C302/24,0)+1,1))-1)+IF('Standard Profiles'!$G$18=$B$10,7,0)+IF('Standard Profiles'!$G$18=$B$17,14,0)+IF('Standard Profiles'!$G$18=$B$24,21,0),MOD($C302,24)+1)/SUM(INDEX($D$3:$AA$30,INDEX(Jesper!$R$2:$R$366,ROW(INDEX(Jesper!AH$2:AH$366,ROUNDDOWN($C302/24,0)+1,1))-1)+IF('Standard Profiles'!$G$18=$B$10,7,0)+IF('Standard Profiles'!$G$18=$B$17,14,0)+IF('Standard Profiles'!$G$18=$B$24,21,0),0)),0)</f>
        <v>5.8595004159368438</v>
      </c>
      <c r="E302" cm="1">
        <f t="array" ref="E302">IFERROR(INDEX(Jesper!AI$2:AI$366,ROUNDDOWN($C302/24,0)+1,1)*INDEX($D$3:$AA$30,INDEX(Jesper!$R$2:$R$366,ROW(INDEX(Jesper!AI$2:AI$366,ROUNDDOWN($C302/24,0)+1,1))-1)+IF('Standard Profiles'!$G$19=$B$10,7,0)+IF('Standard Profiles'!$G$19=$B$17,14,0)+IF('Standard Profiles'!$G$19=$B$24,21,0),MOD($C302,24)+1)/SUM(INDEX($D$3:$AA$30,INDEX(Jesper!$R$2:$R$366,ROW(INDEX(Jesper!AI$2:AI$366,ROUNDDOWN($C302/24,0)+1,1))-1)+IF('Standard Profiles'!$G$19=$B$10,7,0)+IF('Standard Profiles'!$G$19=$B$17,14,0)+IF('Standard Profiles'!$G$19=$B$24,21,0),0)),0)</f>
        <v>5.2197698478791628</v>
      </c>
      <c r="F302" cm="1">
        <f t="array" ref="F302">IFERROR(INDEX(Jesper!AJ$2:AJ$366,ROUNDDOWN($C302/24,0)+1,1)*INDEX($D$3:$AA$30,INDEX(Jesper!$R$2:$R$366,ROW(INDEX(Jesper!AJ$2:AJ$366,ROUNDDOWN($C302/24,0)+1,1))-1)+IF('Standard Profiles'!$G$20=$B$10,7,0)+IF('Standard Profiles'!$G$20=$B$17,14,0)+IF('Standard Profiles'!$G$20=$B$24,21,0),MOD($C302,24)+1)/SUM(INDEX($D$3:$AA$30,INDEX(Jesper!$R$2:$R$366,ROW(INDEX(Jesper!AJ$2:AJ$366,ROUNDDOWN($C302/24,0)+1,1))-1)+IF('Standard Profiles'!$G$20=$B$10,7,0)+IF('Standard Profiles'!$G$20=$B$17,14,0)+IF('Standard Profiles'!$G$20=$B$24,21,0),0)),0)</f>
        <v>0</v>
      </c>
      <c r="G302" cm="1">
        <f t="array" ref="G302">IFERROR(INDEX(Jesper!AK$2:AK$366,ROUNDDOWN($C302/24,0)+1,1)*INDEX($D$3:$AA$30,INDEX(Jesper!$R$2:$R$366,ROW(INDEX(Jesper!AK$2:AK$366,ROUNDDOWN($C302/24,0)+1,1))-1)+IF('Standard Profiles'!$G$21=$B$10,7,0)+IF('Standard Profiles'!$G$21=$B$17,14,0)+IF('Standard Profiles'!$G$21=$B$24,21,0),MOD($C302,24)+1)/SUM(INDEX($D$3:$AA$30,INDEX(Jesper!$R$2:$R$366,ROW(INDEX(Jesper!AK$2:AK$366,ROUNDDOWN($C302/24,0)+1,1))-1)+IF('Standard Profiles'!$G$21=$B$10,7,0)+IF('Standard Profiles'!$G$21=$B$17,14,0)+IF('Standard Profiles'!$G$21=$B$24,21,0),0)),0)</f>
        <v>3.8431260394565419</v>
      </c>
      <c r="H302" cm="1">
        <f t="array" ref="H302">IFERROR(INDEX(Jesper!AL$2:AL$366,ROUNDDOWN($C302/24,0)+1,1)*INDEX($D$3:$AA$30,INDEX(Jesper!$R$2:$R$366,ROW(INDEX(Jesper!AL$2:AL$366,ROUNDDOWN($C302/24,0)+1,1))-1)+IF('Standard Profiles'!$G$22=$B$10,7,0)+IF('Standard Profiles'!$G$22=$B$17,14,0)+IF('Standard Profiles'!$G$22=$B$24,21,0),MOD($C302,24)+1)/SUM(INDEX($D$3:$AA$30,INDEX(Jesper!$R$2:$R$366,ROW(INDEX(Jesper!AL$2:AL$366,ROUNDDOWN($C302/24,0)+1,1))-1)+IF('Standard Profiles'!$G$22=$B$10,7,0)+IF('Standard Profiles'!$G$22=$B$17,14,0)+IF('Standard Profiles'!$G$22=$B$24,21,0),0)),0)</f>
        <v>0</v>
      </c>
      <c r="I302">
        <f t="shared" si="48"/>
        <v>1.8447004989391391</v>
      </c>
      <c r="J302">
        <f t="shared" si="49"/>
        <v>12.140175737783514</v>
      </c>
      <c r="K302">
        <f t="shared" si="50"/>
        <v>0.62501337769993004</v>
      </c>
      <c r="L302">
        <f t="shared" si="51"/>
        <v>0.31250668884996502</v>
      </c>
      <c r="M302">
        <f t="shared" si="52"/>
        <v>0</v>
      </c>
      <c r="N302" s="45">
        <f t="shared" si="53"/>
        <v>44938.166666666017</v>
      </c>
    </row>
    <row r="303" spans="2:14" x14ac:dyDescent="0.25">
      <c r="B303">
        <f t="shared" si="47"/>
        <v>4</v>
      </c>
      <c r="C303" s="16">
        <v>269</v>
      </c>
      <c r="D303" cm="1">
        <f t="array" ref="D303">IFERROR(INDEX(Jesper!AH$2:AH$366,ROUNDDOWN($C303/24,0)+1,1)*INDEX($D$3:$AA$30,INDEX(Jesper!$R$2:$R$366,ROW(INDEX(Jesper!AH$2:AH$366,ROUNDDOWN($C303/24,0)+1,1))-1)+IF('Standard Profiles'!$G$18=$B$10,7,0)+IF('Standard Profiles'!$G$18=$B$17,14,0)+IF('Standard Profiles'!$G$18=$B$24,21,0),MOD($C303,24)+1)/SUM(INDEX($D$3:$AA$30,INDEX(Jesper!$R$2:$R$366,ROW(INDEX(Jesper!AH$2:AH$366,ROUNDDOWN($C303/24,0)+1,1))-1)+IF('Standard Profiles'!$G$18=$B$10,7,0)+IF('Standard Profiles'!$G$18=$B$17,14,0)+IF('Standard Profiles'!$G$18=$B$24,21,0),0)),0)</f>
        <v>5.8595004159368438</v>
      </c>
      <c r="E303" cm="1">
        <f t="array" ref="E303">IFERROR(INDEX(Jesper!AI$2:AI$366,ROUNDDOWN($C303/24,0)+1,1)*INDEX($D$3:$AA$30,INDEX(Jesper!$R$2:$R$366,ROW(INDEX(Jesper!AI$2:AI$366,ROUNDDOWN($C303/24,0)+1,1))-1)+IF('Standard Profiles'!$G$19=$B$10,7,0)+IF('Standard Profiles'!$G$19=$B$17,14,0)+IF('Standard Profiles'!$G$19=$B$24,21,0),MOD($C303,24)+1)/SUM(INDEX($D$3:$AA$30,INDEX(Jesper!$R$2:$R$366,ROW(INDEX(Jesper!AI$2:AI$366,ROUNDDOWN($C303/24,0)+1,1))-1)+IF('Standard Profiles'!$G$19=$B$10,7,0)+IF('Standard Profiles'!$G$19=$B$17,14,0)+IF('Standard Profiles'!$G$19=$B$24,21,0),0)),0)</f>
        <v>5.2197698478791628</v>
      </c>
      <c r="F303" cm="1">
        <f t="array" ref="F303">IFERROR(INDEX(Jesper!AJ$2:AJ$366,ROUNDDOWN($C303/24,0)+1,1)*INDEX($D$3:$AA$30,INDEX(Jesper!$R$2:$R$366,ROW(INDEX(Jesper!AJ$2:AJ$366,ROUNDDOWN($C303/24,0)+1,1))-1)+IF('Standard Profiles'!$G$20=$B$10,7,0)+IF('Standard Profiles'!$G$20=$B$17,14,0)+IF('Standard Profiles'!$G$20=$B$24,21,0),MOD($C303,24)+1)/SUM(INDEX($D$3:$AA$30,INDEX(Jesper!$R$2:$R$366,ROW(INDEX(Jesper!AJ$2:AJ$366,ROUNDDOWN($C303/24,0)+1,1))-1)+IF('Standard Profiles'!$G$20=$B$10,7,0)+IF('Standard Profiles'!$G$20=$B$17,14,0)+IF('Standard Profiles'!$G$20=$B$24,21,0),0)),0)</f>
        <v>0</v>
      </c>
      <c r="G303" cm="1">
        <f t="array" ref="G303">IFERROR(INDEX(Jesper!AK$2:AK$366,ROUNDDOWN($C303/24,0)+1,1)*INDEX($D$3:$AA$30,INDEX(Jesper!$R$2:$R$366,ROW(INDEX(Jesper!AK$2:AK$366,ROUNDDOWN($C303/24,0)+1,1))-1)+IF('Standard Profiles'!$G$21=$B$10,7,0)+IF('Standard Profiles'!$G$21=$B$17,14,0)+IF('Standard Profiles'!$G$21=$B$24,21,0),MOD($C303,24)+1)/SUM(INDEX($D$3:$AA$30,INDEX(Jesper!$R$2:$R$366,ROW(INDEX(Jesper!AK$2:AK$366,ROUNDDOWN($C303/24,0)+1,1))-1)+IF('Standard Profiles'!$G$21=$B$10,7,0)+IF('Standard Profiles'!$G$21=$B$17,14,0)+IF('Standard Profiles'!$G$21=$B$24,21,0),0)),0)</f>
        <v>3.8431260394565419</v>
      </c>
      <c r="H303" cm="1">
        <f t="array" ref="H303">IFERROR(INDEX(Jesper!AL$2:AL$366,ROUNDDOWN($C303/24,0)+1,1)*INDEX($D$3:$AA$30,INDEX(Jesper!$R$2:$R$366,ROW(INDEX(Jesper!AL$2:AL$366,ROUNDDOWN($C303/24,0)+1,1))-1)+IF('Standard Profiles'!$G$22=$B$10,7,0)+IF('Standard Profiles'!$G$22=$B$17,14,0)+IF('Standard Profiles'!$G$22=$B$24,21,0),MOD($C303,24)+1)/SUM(INDEX($D$3:$AA$30,INDEX(Jesper!$R$2:$R$366,ROW(INDEX(Jesper!AL$2:AL$366,ROUNDDOWN($C303/24,0)+1,1))-1)+IF('Standard Profiles'!$G$22=$B$10,7,0)+IF('Standard Profiles'!$G$22=$B$17,14,0)+IF('Standard Profiles'!$G$22=$B$24,21,0),0)),0)</f>
        <v>0</v>
      </c>
      <c r="I303">
        <f t="shared" si="48"/>
        <v>1.8447004989391391</v>
      </c>
      <c r="J303">
        <f t="shared" si="49"/>
        <v>12.140175737783514</v>
      </c>
      <c r="K303">
        <f t="shared" si="50"/>
        <v>0.62501337769993004</v>
      </c>
      <c r="L303">
        <f t="shared" si="51"/>
        <v>0.31250668884996502</v>
      </c>
      <c r="M303">
        <f t="shared" si="52"/>
        <v>0</v>
      </c>
      <c r="N303" s="45">
        <f t="shared" si="53"/>
        <v>44938.208333332681</v>
      </c>
    </row>
    <row r="304" spans="2:14" x14ac:dyDescent="0.25">
      <c r="B304">
        <f t="shared" si="47"/>
        <v>4</v>
      </c>
      <c r="C304" s="16">
        <v>270</v>
      </c>
      <c r="D304" cm="1">
        <f t="array" ref="D304">IFERROR(INDEX(Jesper!AH$2:AH$366,ROUNDDOWN($C304/24,0)+1,1)*INDEX($D$3:$AA$30,INDEX(Jesper!$R$2:$R$366,ROW(INDEX(Jesper!AH$2:AH$366,ROUNDDOWN($C304/24,0)+1,1))-1)+IF('Standard Profiles'!$G$18=$B$10,7,0)+IF('Standard Profiles'!$G$18=$B$17,14,0)+IF('Standard Profiles'!$G$18=$B$24,21,0),MOD($C304,24)+1)/SUM(INDEX($D$3:$AA$30,INDEX(Jesper!$R$2:$R$366,ROW(INDEX(Jesper!AH$2:AH$366,ROUNDDOWN($C304/24,0)+1,1))-1)+IF('Standard Profiles'!$G$18=$B$10,7,0)+IF('Standard Profiles'!$G$18=$B$17,14,0)+IF('Standard Profiles'!$G$18=$B$24,21,0),0)),0)</f>
        <v>5.8595004159368438</v>
      </c>
      <c r="E304" cm="1">
        <f t="array" ref="E304">IFERROR(INDEX(Jesper!AI$2:AI$366,ROUNDDOWN($C304/24,0)+1,1)*INDEX($D$3:$AA$30,INDEX(Jesper!$R$2:$R$366,ROW(INDEX(Jesper!AI$2:AI$366,ROUNDDOWN($C304/24,0)+1,1))-1)+IF('Standard Profiles'!$G$19=$B$10,7,0)+IF('Standard Profiles'!$G$19=$B$17,14,0)+IF('Standard Profiles'!$G$19=$B$24,21,0),MOD($C304,24)+1)/SUM(INDEX($D$3:$AA$30,INDEX(Jesper!$R$2:$R$366,ROW(INDEX(Jesper!AI$2:AI$366,ROUNDDOWN($C304/24,0)+1,1))-1)+IF('Standard Profiles'!$G$19=$B$10,7,0)+IF('Standard Profiles'!$G$19=$B$17,14,0)+IF('Standard Profiles'!$G$19=$B$24,21,0),0)),0)</f>
        <v>5.2197698478791628</v>
      </c>
      <c r="F304" cm="1">
        <f t="array" ref="F304">IFERROR(INDEX(Jesper!AJ$2:AJ$366,ROUNDDOWN($C304/24,0)+1,1)*INDEX($D$3:$AA$30,INDEX(Jesper!$R$2:$R$366,ROW(INDEX(Jesper!AJ$2:AJ$366,ROUNDDOWN($C304/24,0)+1,1))-1)+IF('Standard Profiles'!$G$20=$B$10,7,0)+IF('Standard Profiles'!$G$20=$B$17,14,0)+IF('Standard Profiles'!$G$20=$B$24,21,0),MOD($C304,24)+1)/SUM(INDEX($D$3:$AA$30,INDEX(Jesper!$R$2:$R$366,ROW(INDEX(Jesper!AJ$2:AJ$366,ROUNDDOWN($C304/24,0)+1,1))-1)+IF('Standard Profiles'!$G$20=$B$10,7,0)+IF('Standard Profiles'!$G$20=$B$17,14,0)+IF('Standard Profiles'!$G$20=$B$24,21,0),0)),0)</f>
        <v>0</v>
      </c>
      <c r="G304" cm="1">
        <f t="array" ref="G304">IFERROR(INDEX(Jesper!AK$2:AK$366,ROUNDDOWN($C304/24,0)+1,1)*INDEX($D$3:$AA$30,INDEX(Jesper!$R$2:$R$366,ROW(INDEX(Jesper!AK$2:AK$366,ROUNDDOWN($C304/24,0)+1,1))-1)+IF('Standard Profiles'!$G$21=$B$10,7,0)+IF('Standard Profiles'!$G$21=$B$17,14,0)+IF('Standard Profiles'!$G$21=$B$24,21,0),MOD($C304,24)+1)/SUM(INDEX($D$3:$AA$30,INDEX(Jesper!$R$2:$R$366,ROW(INDEX(Jesper!AK$2:AK$366,ROUNDDOWN($C304/24,0)+1,1))-1)+IF('Standard Profiles'!$G$21=$B$10,7,0)+IF('Standard Profiles'!$G$21=$B$17,14,0)+IF('Standard Profiles'!$G$21=$B$24,21,0),0)),0)</f>
        <v>3.8431260394565419</v>
      </c>
      <c r="H304" cm="1">
        <f t="array" ref="H304">IFERROR(INDEX(Jesper!AL$2:AL$366,ROUNDDOWN($C304/24,0)+1,1)*INDEX($D$3:$AA$30,INDEX(Jesper!$R$2:$R$366,ROW(INDEX(Jesper!AL$2:AL$366,ROUNDDOWN($C304/24,0)+1,1))-1)+IF('Standard Profiles'!$G$22=$B$10,7,0)+IF('Standard Profiles'!$G$22=$B$17,14,0)+IF('Standard Profiles'!$G$22=$B$24,21,0),MOD($C304,24)+1)/SUM(INDEX($D$3:$AA$30,INDEX(Jesper!$R$2:$R$366,ROW(INDEX(Jesper!AL$2:AL$366,ROUNDDOWN($C304/24,0)+1,1))-1)+IF('Standard Profiles'!$G$22=$B$10,7,0)+IF('Standard Profiles'!$G$22=$B$17,14,0)+IF('Standard Profiles'!$G$22=$B$24,21,0),0)),0)</f>
        <v>0</v>
      </c>
      <c r="I304">
        <f t="shared" si="48"/>
        <v>1.8447004989391391</v>
      </c>
      <c r="J304">
        <f t="shared" si="49"/>
        <v>12.140175737783514</v>
      </c>
      <c r="K304">
        <f t="shared" si="50"/>
        <v>0.62501337769993004</v>
      </c>
      <c r="L304">
        <f t="shared" si="51"/>
        <v>0.31250668884996502</v>
      </c>
      <c r="M304">
        <f t="shared" si="52"/>
        <v>0</v>
      </c>
      <c r="N304" s="45">
        <f t="shared" si="53"/>
        <v>44938.249999999345</v>
      </c>
    </row>
    <row r="305" spans="2:14" x14ac:dyDescent="0.25">
      <c r="B305">
        <f t="shared" si="47"/>
        <v>4</v>
      </c>
      <c r="C305" s="16">
        <v>271</v>
      </c>
      <c r="D305" cm="1">
        <f t="array" ref="D305">IFERROR(INDEX(Jesper!AH$2:AH$366,ROUNDDOWN($C305/24,0)+1,1)*INDEX($D$3:$AA$30,INDEX(Jesper!$R$2:$R$366,ROW(INDEX(Jesper!AH$2:AH$366,ROUNDDOWN($C305/24,0)+1,1))-1)+IF('Standard Profiles'!$G$18=$B$10,7,0)+IF('Standard Profiles'!$G$18=$B$17,14,0)+IF('Standard Profiles'!$G$18=$B$24,21,0),MOD($C305,24)+1)/SUM(INDEX($D$3:$AA$30,INDEX(Jesper!$R$2:$R$366,ROW(INDEX(Jesper!AH$2:AH$366,ROUNDDOWN($C305/24,0)+1,1))-1)+IF('Standard Profiles'!$G$18=$B$10,7,0)+IF('Standard Profiles'!$G$18=$B$17,14,0)+IF('Standard Profiles'!$G$18=$B$24,21,0),0)),0)</f>
        <v>23.952927457875155</v>
      </c>
      <c r="E305" cm="1">
        <f t="array" ref="E305">IFERROR(INDEX(Jesper!AI$2:AI$366,ROUNDDOWN($C305/24,0)+1,1)*INDEX($D$3:$AA$30,INDEX(Jesper!$R$2:$R$366,ROW(INDEX(Jesper!AI$2:AI$366,ROUNDDOWN($C305/24,0)+1,1))-1)+IF('Standard Profiles'!$G$19=$B$10,7,0)+IF('Standard Profiles'!$G$19=$B$17,14,0)+IF('Standard Profiles'!$G$19=$B$24,21,0),MOD($C305,24)+1)/SUM(INDEX($D$3:$AA$30,INDEX(Jesper!$R$2:$R$366,ROW(INDEX(Jesper!AI$2:AI$366,ROUNDDOWN($C305/24,0)+1,1))-1)+IF('Standard Profiles'!$G$19=$B$10,7,0)+IF('Standard Profiles'!$G$19=$B$17,14,0)+IF('Standard Profiles'!$G$19=$B$24,21,0),0)),0)</f>
        <v>21.33778643875452</v>
      </c>
      <c r="F305" cm="1">
        <f t="array" ref="F305">IFERROR(INDEX(Jesper!AJ$2:AJ$366,ROUNDDOWN($C305/24,0)+1,1)*INDEX($D$3:$AA$30,INDEX(Jesper!$R$2:$R$366,ROW(INDEX(Jesper!AJ$2:AJ$366,ROUNDDOWN($C305/24,0)+1,1))-1)+IF('Standard Profiles'!$G$20=$B$10,7,0)+IF('Standard Profiles'!$G$20=$B$17,14,0)+IF('Standard Profiles'!$G$20=$B$24,21,0),MOD($C305,24)+1)/SUM(INDEX($D$3:$AA$30,INDEX(Jesper!$R$2:$R$366,ROW(INDEX(Jesper!AJ$2:AJ$366,ROUNDDOWN($C305/24,0)+1,1))-1)+IF('Standard Profiles'!$G$20=$B$10,7,0)+IF('Standard Profiles'!$G$20=$B$17,14,0)+IF('Standard Profiles'!$G$20=$B$24,21,0),0)),0)</f>
        <v>0</v>
      </c>
      <c r="G305" cm="1">
        <f t="array" ref="G305">IFERROR(INDEX(Jesper!AK$2:AK$366,ROUNDDOWN($C305/24,0)+1,1)*INDEX($D$3:$AA$30,INDEX(Jesper!$R$2:$R$366,ROW(INDEX(Jesper!AK$2:AK$366,ROUNDDOWN($C305/24,0)+1,1))-1)+IF('Standard Profiles'!$G$21=$B$10,7,0)+IF('Standard Profiles'!$G$21=$B$17,14,0)+IF('Standard Profiles'!$G$21=$B$24,21,0),MOD($C305,24)+1)/SUM(INDEX($D$3:$AA$30,INDEX(Jesper!$R$2:$R$366,ROW(INDEX(Jesper!AK$2:AK$366,ROUNDDOWN($C305/24,0)+1,1))-1)+IF('Standard Profiles'!$G$21=$B$10,7,0)+IF('Standard Profiles'!$G$21=$B$17,14,0)+IF('Standard Profiles'!$G$21=$B$24,21,0),0)),0)</f>
        <v>10.587812238702771</v>
      </c>
      <c r="H305" cm="1">
        <f t="array" ref="H305">IFERROR(INDEX(Jesper!AL$2:AL$366,ROUNDDOWN($C305/24,0)+1,1)*INDEX($D$3:$AA$30,INDEX(Jesper!$R$2:$R$366,ROW(INDEX(Jesper!AL$2:AL$366,ROUNDDOWN($C305/24,0)+1,1))-1)+IF('Standard Profiles'!$G$22=$B$10,7,0)+IF('Standard Profiles'!$G$22=$B$17,14,0)+IF('Standard Profiles'!$G$22=$B$24,21,0),MOD($C305,24)+1)/SUM(INDEX($D$3:$AA$30,INDEX(Jesper!$R$2:$R$366,ROW(INDEX(Jesper!AL$2:AL$366,ROUNDDOWN($C305/24,0)+1,1))-1)+IF('Standard Profiles'!$G$22=$B$10,7,0)+IF('Standard Profiles'!$G$22=$B$17,14,0)+IF('Standard Profiles'!$G$22=$B$24,21,0),0)),0)</f>
        <v>0</v>
      </c>
      <c r="I305">
        <f t="shared" si="48"/>
        <v>5.0821498745773273</v>
      </c>
      <c r="J305">
        <f t="shared" si="49"/>
        <v>46.963907867495095</v>
      </c>
      <c r="K305">
        <f t="shared" si="50"/>
        <v>2.5549789288400166</v>
      </c>
      <c r="L305">
        <f t="shared" si="51"/>
        <v>1.2774894644200083</v>
      </c>
      <c r="M305">
        <f t="shared" si="52"/>
        <v>0</v>
      </c>
      <c r="N305" s="45">
        <f t="shared" si="53"/>
        <v>44938.291666666009</v>
      </c>
    </row>
    <row r="306" spans="2:14" x14ac:dyDescent="0.25">
      <c r="B306">
        <f t="shared" si="47"/>
        <v>4</v>
      </c>
      <c r="C306" s="16">
        <v>272</v>
      </c>
      <c r="D306" cm="1">
        <f t="array" ref="D306">IFERROR(INDEX(Jesper!AH$2:AH$366,ROUNDDOWN($C306/24,0)+1,1)*INDEX($D$3:$AA$30,INDEX(Jesper!$R$2:$R$366,ROW(INDEX(Jesper!AH$2:AH$366,ROUNDDOWN($C306/24,0)+1,1))-1)+IF('Standard Profiles'!$G$18=$B$10,7,0)+IF('Standard Profiles'!$G$18=$B$17,14,0)+IF('Standard Profiles'!$G$18=$B$24,21,0),MOD($C306,24)+1)/SUM(INDEX($D$3:$AA$30,INDEX(Jesper!$R$2:$R$366,ROW(INDEX(Jesper!AH$2:AH$366,ROUNDDOWN($C306/24,0)+1,1))-1)+IF('Standard Profiles'!$G$18=$B$10,7,0)+IF('Standard Profiles'!$G$18=$B$17,14,0)+IF('Standard Profiles'!$G$18=$B$24,21,0),0)),0)</f>
        <v>26.726424321418595</v>
      </c>
      <c r="E306" cm="1">
        <f t="array" ref="E306">IFERROR(INDEX(Jesper!AI$2:AI$366,ROUNDDOWN($C306/24,0)+1,1)*INDEX($D$3:$AA$30,INDEX(Jesper!$R$2:$R$366,ROW(INDEX(Jesper!AI$2:AI$366,ROUNDDOWN($C306/24,0)+1,1))-1)+IF('Standard Profiles'!$G$19=$B$10,7,0)+IF('Standard Profiles'!$G$19=$B$17,14,0)+IF('Standard Profiles'!$G$19=$B$24,21,0),MOD($C306,24)+1)/SUM(INDEX($D$3:$AA$30,INDEX(Jesper!$R$2:$R$366,ROW(INDEX(Jesper!AI$2:AI$366,ROUNDDOWN($C306/24,0)+1,1))-1)+IF('Standard Profiles'!$G$19=$B$10,7,0)+IF('Standard Profiles'!$G$19=$B$17,14,0)+IF('Standard Profiles'!$G$19=$B$24,21,0),0)),0)</f>
        <v>23.808477500083992</v>
      </c>
      <c r="F306" cm="1">
        <f t="array" ref="F306">IFERROR(INDEX(Jesper!AJ$2:AJ$366,ROUNDDOWN($C306/24,0)+1,1)*INDEX($D$3:$AA$30,INDEX(Jesper!$R$2:$R$366,ROW(INDEX(Jesper!AJ$2:AJ$366,ROUNDDOWN($C306/24,0)+1,1))-1)+IF('Standard Profiles'!$G$20=$B$10,7,0)+IF('Standard Profiles'!$G$20=$B$17,14,0)+IF('Standard Profiles'!$G$20=$B$24,21,0),MOD($C306,24)+1)/SUM(INDEX($D$3:$AA$30,INDEX(Jesper!$R$2:$R$366,ROW(INDEX(Jesper!AJ$2:AJ$366,ROUNDDOWN($C306/24,0)+1,1))-1)+IF('Standard Profiles'!$G$20=$B$10,7,0)+IF('Standard Profiles'!$G$20=$B$17,14,0)+IF('Standard Profiles'!$G$20=$B$24,21,0),0)),0)</f>
        <v>0</v>
      </c>
      <c r="G306" cm="1">
        <f t="array" ref="G306">IFERROR(INDEX(Jesper!AK$2:AK$366,ROUNDDOWN($C306/24,0)+1,1)*INDEX($D$3:$AA$30,INDEX(Jesper!$R$2:$R$366,ROW(INDEX(Jesper!AK$2:AK$366,ROUNDDOWN($C306/24,0)+1,1))-1)+IF('Standard Profiles'!$G$21=$B$10,7,0)+IF('Standard Profiles'!$G$21=$B$17,14,0)+IF('Standard Profiles'!$G$21=$B$24,21,0),MOD($C306,24)+1)/SUM(INDEX($D$3:$AA$30,INDEX(Jesper!$R$2:$R$366,ROW(INDEX(Jesper!AK$2:AK$366,ROUNDDOWN($C306/24,0)+1,1))-1)+IF('Standard Profiles'!$G$21=$B$10,7,0)+IF('Standard Profiles'!$G$21=$B$17,14,0)+IF('Standard Profiles'!$G$21=$B$24,21,0),0)),0)</f>
        <v>11.81376944528941</v>
      </c>
      <c r="H306" cm="1">
        <f t="array" ref="H306">IFERROR(INDEX(Jesper!AL$2:AL$366,ROUNDDOWN($C306/24,0)+1,1)*INDEX($D$3:$AA$30,INDEX(Jesper!$R$2:$R$366,ROW(INDEX(Jesper!AL$2:AL$366,ROUNDDOWN($C306/24,0)+1,1))-1)+IF('Standard Profiles'!$G$22=$B$10,7,0)+IF('Standard Profiles'!$G$22=$B$17,14,0)+IF('Standard Profiles'!$G$22=$B$24,21,0),MOD($C306,24)+1)/SUM(INDEX($D$3:$AA$30,INDEX(Jesper!$R$2:$R$366,ROW(INDEX(Jesper!AL$2:AL$366,ROUNDDOWN($C306/24,0)+1,1))-1)+IF('Standard Profiles'!$G$22=$B$10,7,0)+IF('Standard Profiles'!$G$22=$B$17,14,0)+IF('Standard Profiles'!$G$22=$B$24,21,0),0)),0)</f>
        <v>0</v>
      </c>
      <c r="I306">
        <f t="shared" si="48"/>
        <v>5.6706093337389136</v>
      </c>
      <c r="J306">
        <f t="shared" si="49"/>
        <v>52.401834041626103</v>
      </c>
      <c r="K306">
        <f t="shared" si="50"/>
        <v>2.8508185942846502</v>
      </c>
      <c r="L306">
        <f t="shared" si="51"/>
        <v>1.4254092971423251</v>
      </c>
      <c r="M306">
        <f t="shared" si="52"/>
        <v>0</v>
      </c>
      <c r="N306" s="45">
        <f t="shared" si="53"/>
        <v>44938.333333332674</v>
      </c>
    </row>
    <row r="307" spans="2:14" x14ac:dyDescent="0.25">
      <c r="B307">
        <f t="shared" si="47"/>
        <v>4</v>
      </c>
      <c r="C307" s="16">
        <v>273</v>
      </c>
      <c r="D307" cm="1">
        <f t="array" ref="D307">IFERROR(INDEX(Jesper!AH$2:AH$366,ROUNDDOWN($C307/24,0)+1,1)*INDEX($D$3:$AA$30,INDEX(Jesper!$R$2:$R$366,ROW(INDEX(Jesper!AH$2:AH$366,ROUNDDOWN($C307/24,0)+1,1))-1)+IF('Standard Profiles'!$G$18=$B$10,7,0)+IF('Standard Profiles'!$G$18=$B$17,14,0)+IF('Standard Profiles'!$G$18=$B$24,21,0),MOD($C307,24)+1)/SUM(INDEX($D$3:$AA$30,INDEX(Jesper!$R$2:$R$366,ROW(INDEX(Jesper!AH$2:AH$366,ROUNDDOWN($C307/24,0)+1,1))-1)+IF('Standard Profiles'!$G$18=$B$10,7,0)+IF('Standard Profiles'!$G$18=$B$17,14,0)+IF('Standard Profiles'!$G$18=$B$24,21,0),0)),0)</f>
        <v>29.499921184962037</v>
      </c>
      <c r="E307" cm="1">
        <f t="array" ref="E307">IFERROR(INDEX(Jesper!AI$2:AI$366,ROUNDDOWN($C307/24,0)+1,1)*INDEX($D$3:$AA$30,INDEX(Jesper!$R$2:$R$366,ROW(INDEX(Jesper!AI$2:AI$366,ROUNDDOWN($C307/24,0)+1,1))-1)+IF('Standard Profiles'!$G$19=$B$10,7,0)+IF('Standard Profiles'!$G$19=$B$17,14,0)+IF('Standard Profiles'!$G$19=$B$24,21,0),MOD($C307,24)+1)/SUM(INDEX($D$3:$AA$30,INDEX(Jesper!$R$2:$R$366,ROW(INDEX(Jesper!AI$2:AI$366,ROUNDDOWN($C307/24,0)+1,1))-1)+IF('Standard Profiles'!$G$19=$B$10,7,0)+IF('Standard Profiles'!$G$19=$B$17,14,0)+IF('Standard Profiles'!$G$19=$B$24,21,0),0)),0)</f>
        <v>26.27916856141346</v>
      </c>
      <c r="F307" cm="1">
        <f t="array" ref="F307">IFERROR(INDEX(Jesper!AJ$2:AJ$366,ROUNDDOWN($C307/24,0)+1,1)*INDEX($D$3:$AA$30,INDEX(Jesper!$R$2:$R$366,ROW(INDEX(Jesper!AJ$2:AJ$366,ROUNDDOWN($C307/24,0)+1,1))-1)+IF('Standard Profiles'!$G$20=$B$10,7,0)+IF('Standard Profiles'!$G$20=$B$17,14,0)+IF('Standard Profiles'!$G$20=$B$24,21,0),MOD($C307,24)+1)/SUM(INDEX($D$3:$AA$30,INDEX(Jesper!$R$2:$R$366,ROW(INDEX(Jesper!AJ$2:AJ$366,ROUNDDOWN($C307/24,0)+1,1))-1)+IF('Standard Profiles'!$G$20=$B$10,7,0)+IF('Standard Profiles'!$G$20=$B$17,14,0)+IF('Standard Profiles'!$G$20=$B$24,21,0),0)),0)</f>
        <v>0</v>
      </c>
      <c r="G307" cm="1">
        <f t="array" ref="G307">IFERROR(INDEX(Jesper!AK$2:AK$366,ROUNDDOWN($C307/24,0)+1,1)*INDEX($D$3:$AA$30,INDEX(Jesper!$R$2:$R$366,ROW(INDEX(Jesper!AK$2:AK$366,ROUNDDOWN($C307/24,0)+1,1))-1)+IF('Standard Profiles'!$G$21=$B$10,7,0)+IF('Standard Profiles'!$G$21=$B$17,14,0)+IF('Standard Profiles'!$G$21=$B$24,21,0),MOD($C307,24)+1)/SUM(INDEX($D$3:$AA$30,INDEX(Jesper!$R$2:$R$366,ROW(INDEX(Jesper!AK$2:AK$366,ROUNDDOWN($C307/24,0)+1,1))-1)+IF('Standard Profiles'!$G$21=$B$10,7,0)+IF('Standard Profiles'!$G$21=$B$17,14,0)+IF('Standard Profiles'!$G$21=$B$24,21,0),0)),0)</f>
        <v>13.039726651876045</v>
      </c>
      <c r="H307" cm="1">
        <f t="array" ref="H307">IFERROR(INDEX(Jesper!AL$2:AL$366,ROUNDDOWN($C307/24,0)+1,1)*INDEX($D$3:$AA$30,INDEX(Jesper!$R$2:$R$366,ROW(INDEX(Jesper!AL$2:AL$366,ROUNDDOWN($C307/24,0)+1,1))-1)+IF('Standard Profiles'!$G$22=$B$10,7,0)+IF('Standard Profiles'!$G$22=$B$17,14,0)+IF('Standard Profiles'!$G$22=$B$24,21,0),MOD($C307,24)+1)/SUM(INDEX($D$3:$AA$30,INDEX(Jesper!$R$2:$R$366,ROW(INDEX(Jesper!AL$2:AL$366,ROUNDDOWN($C307/24,0)+1,1))-1)+IF('Standard Profiles'!$G$22=$B$10,7,0)+IF('Standard Profiles'!$G$22=$B$17,14,0)+IF('Standard Profiles'!$G$22=$B$24,21,0),0)),0)</f>
        <v>0</v>
      </c>
      <c r="I307">
        <f t="shared" si="48"/>
        <v>6.2590687929004982</v>
      </c>
      <c r="J307">
        <f t="shared" si="49"/>
        <v>57.83976021575711</v>
      </c>
      <c r="K307">
        <f t="shared" si="50"/>
        <v>3.1466582597292843</v>
      </c>
      <c r="L307">
        <f t="shared" si="51"/>
        <v>1.5733291298646421</v>
      </c>
      <c r="M307">
        <f t="shared" si="52"/>
        <v>0</v>
      </c>
      <c r="N307" s="45">
        <f t="shared" si="53"/>
        <v>44938.374999999338</v>
      </c>
    </row>
    <row r="308" spans="2:14" x14ac:dyDescent="0.25">
      <c r="B308">
        <f t="shared" si="47"/>
        <v>4</v>
      </c>
      <c r="C308" s="16">
        <v>274</v>
      </c>
      <c r="D308" cm="1">
        <f t="array" ref="D308">IFERROR(INDEX(Jesper!AH$2:AH$366,ROUNDDOWN($C308/24,0)+1,1)*INDEX($D$3:$AA$30,INDEX(Jesper!$R$2:$R$366,ROW(INDEX(Jesper!AH$2:AH$366,ROUNDDOWN($C308/24,0)+1,1))-1)+IF('Standard Profiles'!$G$18=$B$10,7,0)+IF('Standard Profiles'!$G$18=$B$17,14,0)+IF('Standard Profiles'!$G$18=$B$24,21,0),MOD($C308,24)+1)/SUM(INDEX($D$3:$AA$30,INDEX(Jesper!$R$2:$R$366,ROW(INDEX(Jesper!AH$2:AH$366,ROUNDDOWN($C308/24,0)+1,1))-1)+IF('Standard Profiles'!$G$18=$B$10,7,0)+IF('Standard Profiles'!$G$18=$B$17,14,0)+IF('Standard Profiles'!$G$18=$B$24,21,0),0)),0)</f>
        <v>29.499921184962037</v>
      </c>
      <c r="E308" cm="1">
        <f t="array" ref="E308">IFERROR(INDEX(Jesper!AI$2:AI$366,ROUNDDOWN($C308/24,0)+1,1)*INDEX($D$3:$AA$30,INDEX(Jesper!$R$2:$R$366,ROW(INDEX(Jesper!AI$2:AI$366,ROUNDDOWN($C308/24,0)+1,1))-1)+IF('Standard Profiles'!$G$19=$B$10,7,0)+IF('Standard Profiles'!$G$19=$B$17,14,0)+IF('Standard Profiles'!$G$19=$B$24,21,0),MOD($C308,24)+1)/SUM(INDEX($D$3:$AA$30,INDEX(Jesper!$R$2:$R$366,ROW(INDEX(Jesper!AI$2:AI$366,ROUNDDOWN($C308/24,0)+1,1))-1)+IF('Standard Profiles'!$G$19=$B$10,7,0)+IF('Standard Profiles'!$G$19=$B$17,14,0)+IF('Standard Profiles'!$G$19=$B$24,21,0),0)),0)</f>
        <v>26.27916856141346</v>
      </c>
      <c r="F308" cm="1">
        <f t="array" ref="F308">IFERROR(INDEX(Jesper!AJ$2:AJ$366,ROUNDDOWN($C308/24,0)+1,1)*INDEX($D$3:$AA$30,INDEX(Jesper!$R$2:$R$366,ROW(INDEX(Jesper!AJ$2:AJ$366,ROUNDDOWN($C308/24,0)+1,1))-1)+IF('Standard Profiles'!$G$20=$B$10,7,0)+IF('Standard Profiles'!$G$20=$B$17,14,0)+IF('Standard Profiles'!$G$20=$B$24,21,0),MOD($C308,24)+1)/SUM(INDEX($D$3:$AA$30,INDEX(Jesper!$R$2:$R$366,ROW(INDEX(Jesper!AJ$2:AJ$366,ROUNDDOWN($C308/24,0)+1,1))-1)+IF('Standard Profiles'!$G$20=$B$10,7,0)+IF('Standard Profiles'!$G$20=$B$17,14,0)+IF('Standard Profiles'!$G$20=$B$24,21,0),0)),0)</f>
        <v>0</v>
      </c>
      <c r="G308" cm="1">
        <f t="array" ref="G308">IFERROR(INDEX(Jesper!AK$2:AK$366,ROUNDDOWN($C308/24,0)+1,1)*INDEX($D$3:$AA$30,INDEX(Jesper!$R$2:$R$366,ROW(INDEX(Jesper!AK$2:AK$366,ROUNDDOWN($C308/24,0)+1,1))-1)+IF('Standard Profiles'!$G$21=$B$10,7,0)+IF('Standard Profiles'!$G$21=$B$17,14,0)+IF('Standard Profiles'!$G$21=$B$24,21,0),MOD($C308,24)+1)/SUM(INDEX($D$3:$AA$30,INDEX(Jesper!$R$2:$R$366,ROW(INDEX(Jesper!AK$2:AK$366,ROUNDDOWN($C308/24,0)+1,1))-1)+IF('Standard Profiles'!$G$21=$B$10,7,0)+IF('Standard Profiles'!$G$21=$B$17,14,0)+IF('Standard Profiles'!$G$21=$B$24,21,0),0)),0)</f>
        <v>13.039726651876045</v>
      </c>
      <c r="H308" cm="1">
        <f t="array" ref="H308">IFERROR(INDEX(Jesper!AL$2:AL$366,ROUNDDOWN($C308/24,0)+1,1)*INDEX($D$3:$AA$30,INDEX(Jesper!$R$2:$R$366,ROW(INDEX(Jesper!AL$2:AL$366,ROUNDDOWN($C308/24,0)+1,1))-1)+IF('Standard Profiles'!$G$22=$B$10,7,0)+IF('Standard Profiles'!$G$22=$B$17,14,0)+IF('Standard Profiles'!$G$22=$B$24,21,0),MOD($C308,24)+1)/SUM(INDEX($D$3:$AA$30,INDEX(Jesper!$R$2:$R$366,ROW(INDEX(Jesper!AL$2:AL$366,ROUNDDOWN($C308/24,0)+1,1))-1)+IF('Standard Profiles'!$G$22=$B$10,7,0)+IF('Standard Profiles'!$G$22=$B$17,14,0)+IF('Standard Profiles'!$G$22=$B$24,21,0),0)),0)</f>
        <v>0</v>
      </c>
      <c r="I308">
        <f t="shared" si="48"/>
        <v>6.2590687929004982</v>
      </c>
      <c r="J308">
        <f t="shared" si="49"/>
        <v>57.83976021575711</v>
      </c>
      <c r="K308">
        <f t="shared" si="50"/>
        <v>3.1466582597292843</v>
      </c>
      <c r="L308">
        <f t="shared" si="51"/>
        <v>1.5733291298646421</v>
      </c>
      <c r="M308">
        <f t="shared" si="52"/>
        <v>0</v>
      </c>
      <c r="N308" s="45">
        <f t="shared" si="53"/>
        <v>44938.416666666002</v>
      </c>
    </row>
    <row r="309" spans="2:14" x14ac:dyDescent="0.25">
      <c r="B309">
        <f t="shared" si="47"/>
        <v>4</v>
      </c>
      <c r="C309" s="16">
        <v>275</v>
      </c>
      <c r="D309" cm="1">
        <f t="array" ref="D309">IFERROR(INDEX(Jesper!AH$2:AH$366,ROUNDDOWN($C309/24,0)+1,1)*INDEX($D$3:$AA$30,INDEX(Jesper!$R$2:$R$366,ROW(INDEX(Jesper!AH$2:AH$366,ROUNDDOWN($C309/24,0)+1,1))-1)+IF('Standard Profiles'!$G$18=$B$10,7,0)+IF('Standard Profiles'!$G$18=$B$17,14,0)+IF('Standard Profiles'!$G$18=$B$24,21,0),MOD($C309,24)+1)/SUM(INDEX($D$3:$AA$30,INDEX(Jesper!$R$2:$R$366,ROW(INDEX(Jesper!AH$2:AH$366,ROUNDDOWN($C309/24,0)+1,1))-1)+IF('Standard Profiles'!$G$18=$B$10,7,0)+IF('Standard Profiles'!$G$18=$B$17,14,0)+IF('Standard Profiles'!$G$18=$B$24,21,0),0)),0)</f>
        <v>35.299050990552857</v>
      </c>
      <c r="E309" cm="1">
        <f t="array" ref="E309">IFERROR(INDEX(Jesper!AI$2:AI$366,ROUNDDOWN($C309/24,0)+1,1)*INDEX($D$3:$AA$30,INDEX(Jesper!$R$2:$R$366,ROW(INDEX(Jesper!AI$2:AI$366,ROUNDDOWN($C309/24,0)+1,1))-1)+IF('Standard Profiles'!$G$19=$B$10,7,0)+IF('Standard Profiles'!$G$19=$B$17,14,0)+IF('Standard Profiles'!$G$19=$B$24,21,0),MOD($C309,24)+1)/SUM(INDEX($D$3:$AA$30,INDEX(Jesper!$R$2:$R$366,ROW(INDEX(Jesper!AI$2:AI$366,ROUNDDOWN($C309/24,0)+1,1))-1)+IF('Standard Profiles'!$G$19=$B$10,7,0)+IF('Standard Profiles'!$G$19=$B$17,14,0)+IF('Standard Profiles'!$G$19=$B$24,21,0),0)),0)</f>
        <v>31.445158962375082</v>
      </c>
      <c r="F309" cm="1">
        <f t="array" ref="F309">IFERROR(INDEX(Jesper!AJ$2:AJ$366,ROUNDDOWN($C309/24,0)+1,1)*INDEX($D$3:$AA$30,INDEX(Jesper!$R$2:$R$366,ROW(INDEX(Jesper!AJ$2:AJ$366,ROUNDDOWN($C309/24,0)+1,1))-1)+IF('Standard Profiles'!$G$20=$B$10,7,0)+IF('Standard Profiles'!$G$20=$B$17,14,0)+IF('Standard Profiles'!$G$20=$B$24,21,0),MOD($C309,24)+1)/SUM(INDEX($D$3:$AA$30,INDEX(Jesper!$R$2:$R$366,ROW(INDEX(Jesper!AJ$2:AJ$366,ROUNDDOWN($C309/24,0)+1,1))-1)+IF('Standard Profiles'!$G$20=$B$10,7,0)+IF('Standard Profiles'!$G$20=$B$17,14,0)+IF('Standard Profiles'!$G$20=$B$24,21,0),0)),0)</f>
        <v>0</v>
      </c>
      <c r="G309" cm="1">
        <f t="array" ref="G309">IFERROR(INDEX(Jesper!AK$2:AK$366,ROUNDDOWN($C309/24,0)+1,1)*INDEX($D$3:$AA$30,INDEX(Jesper!$R$2:$R$366,ROW(INDEX(Jesper!AK$2:AK$366,ROUNDDOWN($C309/24,0)+1,1))-1)+IF('Standard Profiles'!$G$21=$B$10,7,0)+IF('Standard Profiles'!$G$21=$B$17,14,0)+IF('Standard Profiles'!$G$21=$B$24,21,0),MOD($C309,24)+1)/SUM(INDEX($D$3:$AA$30,INDEX(Jesper!$R$2:$R$366,ROW(INDEX(Jesper!AK$2:AK$366,ROUNDDOWN($C309/24,0)+1,1))-1)+IF('Standard Profiles'!$G$21=$B$10,7,0)+IF('Standard Profiles'!$G$21=$B$17,14,0)+IF('Standard Profiles'!$G$21=$B$24,21,0),0)),0)</f>
        <v>15.603091720193557</v>
      </c>
      <c r="H309" cm="1">
        <f t="array" ref="H309">IFERROR(INDEX(Jesper!AL$2:AL$366,ROUNDDOWN($C309/24,0)+1,1)*INDEX($D$3:$AA$30,INDEX(Jesper!$R$2:$R$366,ROW(INDEX(Jesper!AL$2:AL$366,ROUNDDOWN($C309/24,0)+1,1))-1)+IF('Standard Profiles'!$G$22=$B$10,7,0)+IF('Standard Profiles'!$G$22=$B$17,14,0)+IF('Standard Profiles'!$G$22=$B$24,21,0),MOD($C309,24)+1)/SUM(INDEX($D$3:$AA$30,INDEX(Jesper!$R$2:$R$366,ROW(INDEX(Jesper!AL$2:AL$366,ROUNDDOWN($C309/24,0)+1,1))-1)+IF('Standard Profiles'!$G$22=$B$10,7,0)+IF('Standard Profiles'!$G$22=$B$17,14,0)+IF('Standard Profiles'!$G$22=$B$24,21,0),0)),0)</f>
        <v>0</v>
      </c>
      <c r="I309">
        <f t="shared" si="48"/>
        <v>7.4894840256929038</v>
      </c>
      <c r="J309">
        <f t="shared" si="49"/>
        <v>69.209969488940132</v>
      </c>
      <c r="K309">
        <f t="shared" si="50"/>
        <v>3.7652321056589715</v>
      </c>
      <c r="L309">
        <f t="shared" si="51"/>
        <v>1.8826160528294857</v>
      </c>
      <c r="M309">
        <f t="shared" si="52"/>
        <v>0</v>
      </c>
      <c r="N309" s="45">
        <f t="shared" si="53"/>
        <v>44938.458333332666</v>
      </c>
    </row>
    <row r="310" spans="2:14" x14ac:dyDescent="0.25">
      <c r="B310">
        <f t="shared" si="47"/>
        <v>4</v>
      </c>
      <c r="C310" s="16">
        <v>276</v>
      </c>
      <c r="D310" cm="1">
        <f t="array" ref="D310">IFERROR(INDEX(Jesper!AH$2:AH$366,ROUNDDOWN($C310/24,0)+1,1)*INDEX($D$3:$AA$30,INDEX(Jesper!$R$2:$R$366,ROW(INDEX(Jesper!AH$2:AH$366,ROUNDDOWN($C310/24,0)+1,1))-1)+IF('Standard Profiles'!$G$18=$B$10,7,0)+IF('Standard Profiles'!$G$18=$B$17,14,0)+IF('Standard Profiles'!$G$18=$B$24,21,0),MOD($C310,24)+1)/SUM(INDEX($D$3:$AA$30,INDEX(Jesper!$R$2:$R$366,ROW(INDEX(Jesper!AH$2:AH$366,ROUNDDOWN($C310/24,0)+1,1))-1)+IF('Standard Profiles'!$G$18=$B$10,7,0)+IF('Standard Profiles'!$G$18=$B$17,14,0)+IF('Standard Profiles'!$G$18=$B$24,21,0),0)),0)</f>
        <v>35.299050990552857</v>
      </c>
      <c r="E310" cm="1">
        <f t="array" ref="E310">IFERROR(INDEX(Jesper!AI$2:AI$366,ROUNDDOWN($C310/24,0)+1,1)*INDEX($D$3:$AA$30,INDEX(Jesper!$R$2:$R$366,ROW(INDEX(Jesper!AI$2:AI$366,ROUNDDOWN($C310/24,0)+1,1))-1)+IF('Standard Profiles'!$G$19=$B$10,7,0)+IF('Standard Profiles'!$G$19=$B$17,14,0)+IF('Standard Profiles'!$G$19=$B$24,21,0),MOD($C310,24)+1)/SUM(INDEX($D$3:$AA$30,INDEX(Jesper!$R$2:$R$366,ROW(INDEX(Jesper!AI$2:AI$366,ROUNDDOWN($C310/24,0)+1,1))-1)+IF('Standard Profiles'!$G$19=$B$10,7,0)+IF('Standard Profiles'!$G$19=$B$17,14,0)+IF('Standard Profiles'!$G$19=$B$24,21,0),0)),0)</f>
        <v>31.445158962375082</v>
      </c>
      <c r="F310" cm="1">
        <f t="array" ref="F310">IFERROR(INDEX(Jesper!AJ$2:AJ$366,ROUNDDOWN($C310/24,0)+1,1)*INDEX($D$3:$AA$30,INDEX(Jesper!$R$2:$R$366,ROW(INDEX(Jesper!AJ$2:AJ$366,ROUNDDOWN($C310/24,0)+1,1))-1)+IF('Standard Profiles'!$G$20=$B$10,7,0)+IF('Standard Profiles'!$G$20=$B$17,14,0)+IF('Standard Profiles'!$G$20=$B$24,21,0),MOD($C310,24)+1)/SUM(INDEX($D$3:$AA$30,INDEX(Jesper!$R$2:$R$366,ROW(INDEX(Jesper!AJ$2:AJ$366,ROUNDDOWN($C310/24,0)+1,1))-1)+IF('Standard Profiles'!$G$20=$B$10,7,0)+IF('Standard Profiles'!$G$20=$B$17,14,0)+IF('Standard Profiles'!$G$20=$B$24,21,0),0)),0)</f>
        <v>0</v>
      </c>
      <c r="G310" cm="1">
        <f t="array" ref="G310">IFERROR(INDEX(Jesper!AK$2:AK$366,ROUNDDOWN($C310/24,0)+1,1)*INDEX($D$3:$AA$30,INDEX(Jesper!$R$2:$R$366,ROW(INDEX(Jesper!AK$2:AK$366,ROUNDDOWN($C310/24,0)+1,1))-1)+IF('Standard Profiles'!$G$21=$B$10,7,0)+IF('Standard Profiles'!$G$21=$B$17,14,0)+IF('Standard Profiles'!$G$21=$B$24,21,0),MOD($C310,24)+1)/SUM(INDEX($D$3:$AA$30,INDEX(Jesper!$R$2:$R$366,ROW(INDEX(Jesper!AK$2:AK$366,ROUNDDOWN($C310/24,0)+1,1))-1)+IF('Standard Profiles'!$G$21=$B$10,7,0)+IF('Standard Profiles'!$G$21=$B$17,14,0)+IF('Standard Profiles'!$G$21=$B$24,21,0),0)),0)</f>
        <v>15.603091720193557</v>
      </c>
      <c r="H310" cm="1">
        <f t="array" ref="H310">IFERROR(INDEX(Jesper!AL$2:AL$366,ROUNDDOWN($C310/24,0)+1,1)*INDEX($D$3:$AA$30,INDEX(Jesper!$R$2:$R$366,ROW(INDEX(Jesper!AL$2:AL$366,ROUNDDOWN($C310/24,0)+1,1))-1)+IF('Standard Profiles'!$G$22=$B$10,7,0)+IF('Standard Profiles'!$G$22=$B$17,14,0)+IF('Standard Profiles'!$G$22=$B$24,21,0),MOD($C310,24)+1)/SUM(INDEX($D$3:$AA$30,INDEX(Jesper!$R$2:$R$366,ROW(INDEX(Jesper!AL$2:AL$366,ROUNDDOWN($C310/24,0)+1,1))-1)+IF('Standard Profiles'!$G$22=$B$10,7,0)+IF('Standard Profiles'!$G$22=$B$17,14,0)+IF('Standard Profiles'!$G$22=$B$24,21,0),0)),0)</f>
        <v>0</v>
      </c>
      <c r="I310">
        <f t="shared" si="48"/>
        <v>7.4894840256929038</v>
      </c>
      <c r="J310">
        <f t="shared" si="49"/>
        <v>69.209969488940132</v>
      </c>
      <c r="K310">
        <f t="shared" si="50"/>
        <v>3.7652321056589715</v>
      </c>
      <c r="L310">
        <f t="shared" si="51"/>
        <v>1.8826160528294857</v>
      </c>
      <c r="M310">
        <f t="shared" si="52"/>
        <v>0</v>
      </c>
      <c r="N310" s="45">
        <f t="shared" si="53"/>
        <v>44938.499999999331</v>
      </c>
    </row>
    <row r="311" spans="2:14" x14ac:dyDescent="0.25">
      <c r="B311">
        <f t="shared" si="47"/>
        <v>4</v>
      </c>
      <c r="C311" s="16">
        <v>277</v>
      </c>
      <c r="D311" cm="1">
        <f t="array" ref="D311">IFERROR(INDEX(Jesper!AH$2:AH$366,ROUNDDOWN($C311/24,0)+1,1)*INDEX($D$3:$AA$30,INDEX(Jesper!$R$2:$R$366,ROW(INDEX(Jesper!AH$2:AH$366,ROUNDDOWN($C311/24,0)+1,1))-1)+IF('Standard Profiles'!$G$18=$B$10,7,0)+IF('Standard Profiles'!$G$18=$B$17,14,0)+IF('Standard Profiles'!$G$18=$B$24,21,0),MOD($C311,24)+1)/SUM(INDEX($D$3:$AA$30,INDEX(Jesper!$R$2:$R$366,ROW(INDEX(Jesper!AH$2:AH$366,ROUNDDOWN($C311/24,0)+1,1))-1)+IF('Standard Profiles'!$G$18=$B$10,7,0)+IF('Standard Profiles'!$G$18=$B$17,14,0)+IF('Standard Profiles'!$G$18=$B$24,21,0),0)),0)</f>
        <v>23.448655300867259</v>
      </c>
      <c r="E311" cm="1">
        <f t="array" ref="E311">IFERROR(INDEX(Jesper!AI$2:AI$366,ROUNDDOWN($C311/24,0)+1,1)*INDEX($D$3:$AA$30,INDEX(Jesper!$R$2:$R$366,ROW(INDEX(Jesper!AI$2:AI$366,ROUNDDOWN($C311/24,0)+1,1))-1)+IF('Standard Profiles'!$G$19=$B$10,7,0)+IF('Standard Profiles'!$G$19=$B$17,14,0)+IF('Standard Profiles'!$G$19=$B$24,21,0),MOD($C311,24)+1)/SUM(INDEX($D$3:$AA$30,INDEX(Jesper!$R$2:$R$366,ROW(INDEX(Jesper!AI$2:AI$366,ROUNDDOWN($C311/24,0)+1,1))-1)+IF('Standard Profiles'!$G$19=$B$10,7,0)+IF('Standard Profiles'!$G$19=$B$17,14,0)+IF('Standard Profiles'!$G$19=$B$24,21,0),0)),0)</f>
        <v>20.888569882149159</v>
      </c>
      <c r="F311" cm="1">
        <f t="array" ref="F311">IFERROR(INDEX(Jesper!AJ$2:AJ$366,ROUNDDOWN($C311/24,0)+1,1)*INDEX($D$3:$AA$30,INDEX(Jesper!$R$2:$R$366,ROW(INDEX(Jesper!AJ$2:AJ$366,ROUNDDOWN($C311/24,0)+1,1))-1)+IF('Standard Profiles'!$G$20=$B$10,7,0)+IF('Standard Profiles'!$G$20=$B$17,14,0)+IF('Standard Profiles'!$G$20=$B$24,21,0),MOD($C311,24)+1)/SUM(INDEX($D$3:$AA$30,INDEX(Jesper!$R$2:$R$366,ROW(INDEX(Jesper!AJ$2:AJ$366,ROUNDDOWN($C311/24,0)+1,1))-1)+IF('Standard Profiles'!$G$20=$B$10,7,0)+IF('Standard Profiles'!$G$20=$B$17,14,0)+IF('Standard Profiles'!$G$20=$B$24,21,0),0)),0)</f>
        <v>0</v>
      </c>
      <c r="G311" cm="1">
        <f t="array" ref="G311">IFERROR(INDEX(Jesper!AK$2:AK$366,ROUNDDOWN($C311/24,0)+1,1)*INDEX($D$3:$AA$30,INDEX(Jesper!$R$2:$R$366,ROW(INDEX(Jesper!AK$2:AK$366,ROUNDDOWN($C311/24,0)+1,1))-1)+IF('Standard Profiles'!$G$21=$B$10,7,0)+IF('Standard Profiles'!$G$21=$B$17,14,0)+IF('Standard Profiles'!$G$21=$B$24,21,0),MOD($C311,24)+1)/SUM(INDEX($D$3:$AA$30,INDEX(Jesper!$R$2:$R$366,ROW(INDEX(Jesper!AK$2:AK$366,ROUNDDOWN($C311/24,0)+1,1))-1)+IF('Standard Profiles'!$G$21=$B$10,7,0)+IF('Standard Profiles'!$G$21=$B$17,14,0)+IF('Standard Profiles'!$G$21=$B$24,21,0),0)),0)</f>
        <v>10.364910928414293</v>
      </c>
      <c r="H311" cm="1">
        <f t="array" ref="H311">IFERROR(INDEX(Jesper!AL$2:AL$366,ROUNDDOWN($C311/24,0)+1,1)*INDEX($D$3:$AA$30,INDEX(Jesper!$R$2:$R$366,ROW(INDEX(Jesper!AL$2:AL$366,ROUNDDOWN($C311/24,0)+1,1))-1)+IF('Standard Profiles'!$G$22=$B$10,7,0)+IF('Standard Profiles'!$G$22=$B$17,14,0)+IF('Standard Profiles'!$G$22=$B$24,21,0),MOD($C311,24)+1)/SUM(INDEX($D$3:$AA$30,INDEX(Jesper!$R$2:$R$366,ROW(INDEX(Jesper!AL$2:AL$366,ROUNDDOWN($C311/24,0)+1,1))-1)+IF('Standard Profiles'!$G$22=$B$10,7,0)+IF('Standard Profiles'!$G$22=$B$17,14,0)+IF('Standard Profiles'!$G$22=$B$24,21,0),0)),0)</f>
        <v>0</v>
      </c>
      <c r="I311">
        <f t="shared" si="48"/>
        <v>4.975157245638858</v>
      </c>
      <c r="J311">
        <f t="shared" si="49"/>
        <v>45.975194017653095</v>
      </c>
      <c r="K311">
        <f t="shared" si="50"/>
        <v>2.5011898987591743</v>
      </c>
      <c r="L311">
        <f t="shared" si="51"/>
        <v>1.2505949493795872</v>
      </c>
      <c r="M311">
        <f t="shared" si="52"/>
        <v>0</v>
      </c>
      <c r="N311" s="45">
        <f t="shared" si="53"/>
        <v>44938.541666665995</v>
      </c>
    </row>
    <row r="312" spans="2:14" x14ac:dyDescent="0.25">
      <c r="B312">
        <f t="shared" si="47"/>
        <v>4</v>
      </c>
      <c r="C312" s="16">
        <v>278</v>
      </c>
      <c r="D312" cm="1">
        <f t="array" ref="D312">IFERROR(INDEX(Jesper!AH$2:AH$366,ROUNDDOWN($C312/24,0)+1,1)*INDEX($D$3:$AA$30,INDEX(Jesper!$R$2:$R$366,ROW(INDEX(Jesper!AH$2:AH$366,ROUNDDOWN($C312/24,0)+1,1))-1)+IF('Standard Profiles'!$G$18=$B$10,7,0)+IF('Standard Profiles'!$G$18=$B$17,14,0)+IF('Standard Profiles'!$G$18=$B$24,21,0),MOD($C312,24)+1)/SUM(INDEX($D$3:$AA$30,INDEX(Jesper!$R$2:$R$366,ROW(INDEX(Jesper!AH$2:AH$366,ROUNDDOWN($C312/24,0)+1,1))-1)+IF('Standard Profiles'!$G$18=$B$10,7,0)+IF('Standard Profiles'!$G$18=$B$17,14,0)+IF('Standard Profiles'!$G$18=$B$24,21,0),0)),0)</f>
        <v>35.299050990552857</v>
      </c>
      <c r="E312" cm="1">
        <f t="array" ref="E312">IFERROR(INDEX(Jesper!AI$2:AI$366,ROUNDDOWN($C312/24,0)+1,1)*INDEX($D$3:$AA$30,INDEX(Jesper!$R$2:$R$366,ROW(INDEX(Jesper!AI$2:AI$366,ROUNDDOWN($C312/24,0)+1,1))-1)+IF('Standard Profiles'!$G$19=$B$10,7,0)+IF('Standard Profiles'!$G$19=$B$17,14,0)+IF('Standard Profiles'!$G$19=$B$24,21,0),MOD($C312,24)+1)/SUM(INDEX($D$3:$AA$30,INDEX(Jesper!$R$2:$R$366,ROW(INDEX(Jesper!AI$2:AI$366,ROUNDDOWN($C312/24,0)+1,1))-1)+IF('Standard Profiles'!$G$19=$B$10,7,0)+IF('Standard Profiles'!$G$19=$B$17,14,0)+IF('Standard Profiles'!$G$19=$B$24,21,0),0)),0)</f>
        <v>31.445158962375082</v>
      </c>
      <c r="F312" cm="1">
        <f t="array" ref="F312">IFERROR(INDEX(Jesper!AJ$2:AJ$366,ROUNDDOWN($C312/24,0)+1,1)*INDEX($D$3:$AA$30,INDEX(Jesper!$R$2:$R$366,ROW(INDEX(Jesper!AJ$2:AJ$366,ROUNDDOWN($C312/24,0)+1,1))-1)+IF('Standard Profiles'!$G$20=$B$10,7,0)+IF('Standard Profiles'!$G$20=$B$17,14,0)+IF('Standard Profiles'!$G$20=$B$24,21,0),MOD($C312,24)+1)/SUM(INDEX($D$3:$AA$30,INDEX(Jesper!$R$2:$R$366,ROW(INDEX(Jesper!AJ$2:AJ$366,ROUNDDOWN($C312/24,0)+1,1))-1)+IF('Standard Profiles'!$G$20=$B$10,7,0)+IF('Standard Profiles'!$G$20=$B$17,14,0)+IF('Standard Profiles'!$G$20=$B$24,21,0),0)),0)</f>
        <v>0</v>
      </c>
      <c r="G312" cm="1">
        <f t="array" ref="G312">IFERROR(INDEX(Jesper!AK$2:AK$366,ROUNDDOWN($C312/24,0)+1,1)*INDEX($D$3:$AA$30,INDEX(Jesper!$R$2:$R$366,ROW(INDEX(Jesper!AK$2:AK$366,ROUNDDOWN($C312/24,0)+1,1))-1)+IF('Standard Profiles'!$G$21=$B$10,7,0)+IF('Standard Profiles'!$G$21=$B$17,14,0)+IF('Standard Profiles'!$G$21=$B$24,21,0),MOD($C312,24)+1)/SUM(INDEX($D$3:$AA$30,INDEX(Jesper!$R$2:$R$366,ROW(INDEX(Jesper!AK$2:AK$366,ROUNDDOWN($C312/24,0)+1,1))-1)+IF('Standard Profiles'!$G$21=$B$10,7,0)+IF('Standard Profiles'!$G$21=$B$17,14,0)+IF('Standard Profiles'!$G$21=$B$24,21,0),0)),0)</f>
        <v>15.603091720193557</v>
      </c>
      <c r="H312" cm="1">
        <f t="array" ref="H312">IFERROR(INDEX(Jesper!AL$2:AL$366,ROUNDDOWN($C312/24,0)+1,1)*INDEX($D$3:$AA$30,INDEX(Jesper!$R$2:$R$366,ROW(INDEX(Jesper!AL$2:AL$366,ROUNDDOWN($C312/24,0)+1,1))-1)+IF('Standard Profiles'!$G$22=$B$10,7,0)+IF('Standard Profiles'!$G$22=$B$17,14,0)+IF('Standard Profiles'!$G$22=$B$24,21,0),MOD($C312,24)+1)/SUM(INDEX($D$3:$AA$30,INDEX(Jesper!$R$2:$R$366,ROW(INDEX(Jesper!AL$2:AL$366,ROUNDDOWN($C312/24,0)+1,1))-1)+IF('Standard Profiles'!$G$22=$B$10,7,0)+IF('Standard Profiles'!$G$22=$B$17,14,0)+IF('Standard Profiles'!$G$22=$B$24,21,0),0)),0)</f>
        <v>0</v>
      </c>
      <c r="I312">
        <f t="shared" si="48"/>
        <v>7.4894840256929038</v>
      </c>
      <c r="J312">
        <f t="shared" si="49"/>
        <v>69.209969488940132</v>
      </c>
      <c r="K312">
        <f t="shared" si="50"/>
        <v>3.7652321056589715</v>
      </c>
      <c r="L312">
        <f t="shared" si="51"/>
        <v>1.8826160528294857</v>
      </c>
      <c r="M312">
        <f t="shared" si="52"/>
        <v>0</v>
      </c>
      <c r="N312" s="45">
        <f t="shared" si="53"/>
        <v>44938.583333332659</v>
      </c>
    </row>
    <row r="313" spans="2:14" x14ac:dyDescent="0.25">
      <c r="B313">
        <f t="shared" si="47"/>
        <v>4</v>
      </c>
      <c r="C313" s="16">
        <v>279</v>
      </c>
      <c r="D313" cm="1">
        <f t="array" ref="D313">IFERROR(INDEX(Jesper!AH$2:AH$366,ROUNDDOWN($C313/24,0)+1,1)*INDEX($D$3:$AA$30,INDEX(Jesper!$R$2:$R$366,ROW(INDEX(Jesper!AH$2:AH$366,ROUNDDOWN($C313/24,0)+1,1))-1)+IF('Standard Profiles'!$G$18=$B$10,7,0)+IF('Standard Profiles'!$G$18=$B$17,14,0)+IF('Standard Profiles'!$G$18=$B$24,21,0),MOD($C313,24)+1)/SUM(INDEX($D$3:$AA$30,INDEX(Jesper!$R$2:$R$366,ROW(INDEX(Jesper!AH$2:AH$366,ROUNDDOWN($C313/24,0)+1,1))-1)+IF('Standard Profiles'!$G$18=$B$10,7,0)+IF('Standard Profiles'!$G$18=$B$17,14,0)+IF('Standard Profiles'!$G$18=$B$24,21,0),0)),0)</f>
        <v>35.299050990552857</v>
      </c>
      <c r="E313" cm="1">
        <f t="array" ref="E313">IFERROR(INDEX(Jesper!AI$2:AI$366,ROUNDDOWN($C313/24,0)+1,1)*INDEX($D$3:$AA$30,INDEX(Jesper!$R$2:$R$366,ROW(INDEX(Jesper!AI$2:AI$366,ROUNDDOWN($C313/24,0)+1,1))-1)+IF('Standard Profiles'!$G$19=$B$10,7,0)+IF('Standard Profiles'!$G$19=$B$17,14,0)+IF('Standard Profiles'!$G$19=$B$24,21,0),MOD($C313,24)+1)/SUM(INDEX($D$3:$AA$30,INDEX(Jesper!$R$2:$R$366,ROW(INDEX(Jesper!AI$2:AI$366,ROUNDDOWN($C313/24,0)+1,1))-1)+IF('Standard Profiles'!$G$19=$B$10,7,0)+IF('Standard Profiles'!$G$19=$B$17,14,0)+IF('Standard Profiles'!$G$19=$B$24,21,0),0)),0)</f>
        <v>31.445158962375082</v>
      </c>
      <c r="F313" cm="1">
        <f t="array" ref="F313">IFERROR(INDEX(Jesper!AJ$2:AJ$366,ROUNDDOWN($C313/24,0)+1,1)*INDEX($D$3:$AA$30,INDEX(Jesper!$R$2:$R$366,ROW(INDEX(Jesper!AJ$2:AJ$366,ROUNDDOWN($C313/24,0)+1,1))-1)+IF('Standard Profiles'!$G$20=$B$10,7,0)+IF('Standard Profiles'!$G$20=$B$17,14,0)+IF('Standard Profiles'!$G$20=$B$24,21,0),MOD($C313,24)+1)/SUM(INDEX($D$3:$AA$30,INDEX(Jesper!$R$2:$R$366,ROW(INDEX(Jesper!AJ$2:AJ$366,ROUNDDOWN($C313/24,0)+1,1))-1)+IF('Standard Profiles'!$G$20=$B$10,7,0)+IF('Standard Profiles'!$G$20=$B$17,14,0)+IF('Standard Profiles'!$G$20=$B$24,21,0),0)),0)</f>
        <v>0</v>
      </c>
      <c r="G313" cm="1">
        <f t="array" ref="G313">IFERROR(INDEX(Jesper!AK$2:AK$366,ROUNDDOWN($C313/24,0)+1,1)*INDEX($D$3:$AA$30,INDEX(Jesper!$R$2:$R$366,ROW(INDEX(Jesper!AK$2:AK$366,ROUNDDOWN($C313/24,0)+1,1))-1)+IF('Standard Profiles'!$G$21=$B$10,7,0)+IF('Standard Profiles'!$G$21=$B$17,14,0)+IF('Standard Profiles'!$G$21=$B$24,21,0),MOD($C313,24)+1)/SUM(INDEX($D$3:$AA$30,INDEX(Jesper!$R$2:$R$366,ROW(INDEX(Jesper!AK$2:AK$366,ROUNDDOWN($C313/24,0)+1,1))-1)+IF('Standard Profiles'!$G$21=$B$10,7,0)+IF('Standard Profiles'!$G$21=$B$17,14,0)+IF('Standard Profiles'!$G$21=$B$24,21,0),0)),0)</f>
        <v>15.603091720193557</v>
      </c>
      <c r="H313" cm="1">
        <f t="array" ref="H313">IFERROR(INDEX(Jesper!AL$2:AL$366,ROUNDDOWN($C313/24,0)+1,1)*INDEX($D$3:$AA$30,INDEX(Jesper!$R$2:$R$366,ROW(INDEX(Jesper!AL$2:AL$366,ROUNDDOWN($C313/24,0)+1,1))-1)+IF('Standard Profiles'!$G$22=$B$10,7,0)+IF('Standard Profiles'!$G$22=$B$17,14,0)+IF('Standard Profiles'!$G$22=$B$24,21,0),MOD($C313,24)+1)/SUM(INDEX($D$3:$AA$30,INDEX(Jesper!$R$2:$R$366,ROW(INDEX(Jesper!AL$2:AL$366,ROUNDDOWN($C313/24,0)+1,1))-1)+IF('Standard Profiles'!$G$22=$B$10,7,0)+IF('Standard Profiles'!$G$22=$B$17,14,0)+IF('Standard Profiles'!$G$22=$B$24,21,0),0)),0)</f>
        <v>0</v>
      </c>
      <c r="I313">
        <f t="shared" si="48"/>
        <v>7.4894840256929038</v>
      </c>
      <c r="J313">
        <f t="shared" si="49"/>
        <v>69.209969488940132</v>
      </c>
      <c r="K313">
        <f t="shared" si="50"/>
        <v>3.7652321056589715</v>
      </c>
      <c r="L313">
        <f t="shared" si="51"/>
        <v>1.8826160528294857</v>
      </c>
      <c r="M313">
        <f t="shared" si="52"/>
        <v>0</v>
      </c>
      <c r="N313" s="45">
        <f t="shared" si="53"/>
        <v>44938.624999999323</v>
      </c>
    </row>
    <row r="314" spans="2:14" x14ac:dyDescent="0.25">
      <c r="B314">
        <f t="shared" si="47"/>
        <v>4</v>
      </c>
      <c r="C314" s="16">
        <v>280</v>
      </c>
      <c r="D314" cm="1">
        <f t="array" ref="D314">IFERROR(INDEX(Jesper!AH$2:AH$366,ROUNDDOWN($C314/24,0)+1,1)*INDEX($D$3:$AA$30,INDEX(Jesper!$R$2:$R$366,ROW(INDEX(Jesper!AH$2:AH$366,ROUNDDOWN($C314/24,0)+1,1))-1)+IF('Standard Profiles'!$G$18=$B$10,7,0)+IF('Standard Profiles'!$G$18=$B$17,14,0)+IF('Standard Profiles'!$G$18=$B$24,21,0),MOD($C314,24)+1)/SUM(INDEX($D$3:$AA$30,INDEX(Jesper!$R$2:$R$366,ROW(INDEX(Jesper!AH$2:AH$366,ROUNDDOWN($C314/24,0)+1,1))-1)+IF('Standard Profiles'!$G$18=$B$10,7,0)+IF('Standard Profiles'!$G$18=$B$17,14,0)+IF('Standard Profiles'!$G$18=$B$24,21,0),0)),0)</f>
        <v>20.801226476575792</v>
      </c>
      <c r="E314" cm="1">
        <f t="array" ref="E314">IFERROR(INDEX(Jesper!AI$2:AI$366,ROUNDDOWN($C314/24,0)+1,1)*INDEX($D$3:$AA$30,INDEX(Jesper!$R$2:$R$366,ROW(INDEX(Jesper!AI$2:AI$366,ROUNDDOWN($C314/24,0)+1,1))-1)+IF('Standard Profiles'!$G$19=$B$10,7,0)+IF('Standard Profiles'!$G$19=$B$17,14,0)+IF('Standard Profiles'!$G$19=$B$24,21,0),MOD($C314,24)+1)/SUM(INDEX($D$3:$AA$30,INDEX(Jesper!$R$2:$R$366,ROW(INDEX(Jesper!AI$2:AI$366,ROUNDDOWN($C314/24,0)+1,1))-1)+IF('Standard Profiles'!$G$19=$B$10,7,0)+IF('Standard Profiles'!$G$19=$B$17,14,0)+IF('Standard Profiles'!$G$19=$B$24,21,0),0)),0)</f>
        <v>18.530182959971029</v>
      </c>
      <c r="F314" cm="1">
        <f t="array" ref="F314">IFERROR(INDEX(Jesper!AJ$2:AJ$366,ROUNDDOWN($C314/24,0)+1,1)*INDEX($D$3:$AA$30,INDEX(Jesper!$R$2:$R$366,ROW(INDEX(Jesper!AJ$2:AJ$366,ROUNDDOWN($C314/24,0)+1,1))-1)+IF('Standard Profiles'!$G$20=$B$10,7,0)+IF('Standard Profiles'!$G$20=$B$17,14,0)+IF('Standard Profiles'!$G$20=$B$24,21,0),MOD($C314,24)+1)/SUM(INDEX($D$3:$AA$30,INDEX(Jesper!$R$2:$R$366,ROW(INDEX(Jesper!AJ$2:AJ$366,ROUNDDOWN($C314/24,0)+1,1))-1)+IF('Standard Profiles'!$G$20=$B$10,7,0)+IF('Standard Profiles'!$G$20=$B$17,14,0)+IF('Standard Profiles'!$G$20=$B$24,21,0),0)),0)</f>
        <v>0</v>
      </c>
      <c r="G314" cm="1">
        <f t="array" ref="G314">IFERROR(INDEX(Jesper!AK$2:AK$366,ROUNDDOWN($C314/24,0)+1,1)*INDEX($D$3:$AA$30,INDEX(Jesper!$R$2:$R$366,ROW(INDEX(Jesper!AK$2:AK$366,ROUNDDOWN($C314/24,0)+1,1))-1)+IF('Standard Profiles'!$G$21=$B$10,7,0)+IF('Standard Profiles'!$G$21=$B$17,14,0)+IF('Standard Profiles'!$G$21=$B$24,21,0),MOD($C314,24)+1)/SUM(INDEX($D$3:$AA$30,INDEX(Jesper!$R$2:$R$366,ROW(INDEX(Jesper!AK$2:AK$366,ROUNDDOWN($C314/24,0)+1,1))-1)+IF('Standard Profiles'!$G$21=$B$10,7,0)+IF('Standard Profiles'!$G$21=$B$17,14,0)+IF('Standard Profiles'!$G$21=$B$24,21,0),0)),0)</f>
        <v>13.037805088856317</v>
      </c>
      <c r="H314" cm="1">
        <f t="array" ref="H314">IFERROR(INDEX(Jesper!AL$2:AL$366,ROUNDDOWN($C314/24,0)+1,1)*INDEX($D$3:$AA$30,INDEX(Jesper!$R$2:$R$366,ROW(INDEX(Jesper!AL$2:AL$366,ROUNDDOWN($C314/24,0)+1,1))-1)+IF('Standard Profiles'!$G$22=$B$10,7,0)+IF('Standard Profiles'!$G$22=$B$17,14,0)+IF('Standard Profiles'!$G$22=$B$24,21,0),MOD($C314,24)+1)/SUM(INDEX($D$3:$AA$30,INDEX(Jesper!$R$2:$R$366,ROW(INDEX(Jesper!AL$2:AL$366,ROUNDDOWN($C314/24,0)+1,1))-1)+IF('Standard Profiles'!$G$22=$B$10,7,0)+IF('Standard Profiles'!$G$22=$B$17,14,0)+IF('Standard Profiles'!$G$22=$B$24,21,0),0)),0)</f>
        <v>0</v>
      </c>
      <c r="I314">
        <f t="shared" si="48"/>
        <v>6.2581464426510287</v>
      </c>
      <c r="J314">
        <f t="shared" si="49"/>
        <v>42.782871846499987</v>
      </c>
      <c r="K314">
        <f t="shared" si="50"/>
        <v>2.2187974908347514</v>
      </c>
      <c r="L314">
        <f t="shared" si="51"/>
        <v>1.1093987454173757</v>
      </c>
      <c r="M314">
        <f t="shared" si="52"/>
        <v>0</v>
      </c>
      <c r="N314" s="45">
        <f t="shared" si="53"/>
        <v>44938.666666665988</v>
      </c>
    </row>
    <row r="315" spans="2:14" x14ac:dyDescent="0.25">
      <c r="B315">
        <f t="shared" si="47"/>
        <v>4</v>
      </c>
      <c r="C315" s="16">
        <v>281</v>
      </c>
      <c r="D315" cm="1">
        <f t="array" ref="D315">IFERROR(INDEX(Jesper!AH$2:AH$366,ROUNDDOWN($C315/24,0)+1,1)*INDEX($D$3:$AA$30,INDEX(Jesper!$R$2:$R$366,ROW(INDEX(Jesper!AH$2:AH$366,ROUNDDOWN($C315/24,0)+1,1))-1)+IF('Standard Profiles'!$G$18=$B$10,7,0)+IF('Standard Profiles'!$G$18=$B$17,14,0)+IF('Standard Profiles'!$G$18=$B$24,21,0),MOD($C315,24)+1)/SUM(INDEX($D$3:$AA$30,INDEX(Jesper!$R$2:$R$366,ROW(INDEX(Jesper!AH$2:AH$366,ROUNDDOWN($C315/24,0)+1,1))-1)+IF('Standard Profiles'!$G$18=$B$10,7,0)+IF('Standard Profiles'!$G$18=$B$17,14,0)+IF('Standard Profiles'!$G$18=$B$24,21,0),0)),0)</f>
        <v>8.8780309332376426</v>
      </c>
      <c r="E315" cm="1">
        <f t="array" ref="E315">IFERROR(INDEX(Jesper!AI$2:AI$366,ROUNDDOWN($C315/24,0)+1,1)*INDEX($D$3:$AA$30,INDEX(Jesper!$R$2:$R$366,ROW(INDEX(Jesper!AI$2:AI$366,ROUNDDOWN($C315/24,0)+1,1))-1)+IF('Standard Profiles'!$G$19=$B$10,7,0)+IF('Standard Profiles'!$G$19=$B$17,14,0)+IF('Standard Profiles'!$G$19=$B$24,21,0),MOD($C315,24)+1)/SUM(INDEX($D$3:$AA$30,INDEX(Jesper!$R$2:$R$366,ROW(INDEX(Jesper!AI$2:AI$366,ROUNDDOWN($C315/24,0)+1,1))-1)+IF('Standard Profiles'!$G$19=$B$10,7,0)+IF('Standard Profiles'!$G$19=$B$17,14,0)+IF('Standard Profiles'!$G$19=$B$24,21,0),0)),0)</f>
        <v>7.9087421937563089</v>
      </c>
      <c r="F315" cm="1">
        <f t="array" ref="F315">IFERROR(INDEX(Jesper!AJ$2:AJ$366,ROUNDDOWN($C315/24,0)+1,1)*INDEX($D$3:$AA$30,INDEX(Jesper!$R$2:$R$366,ROW(INDEX(Jesper!AJ$2:AJ$366,ROUNDDOWN($C315/24,0)+1,1))-1)+IF('Standard Profiles'!$G$20=$B$10,7,0)+IF('Standard Profiles'!$G$20=$B$17,14,0)+IF('Standard Profiles'!$G$20=$B$24,21,0),MOD($C315,24)+1)/SUM(INDEX($D$3:$AA$30,INDEX(Jesper!$R$2:$R$366,ROW(INDEX(Jesper!AJ$2:AJ$366,ROUNDDOWN($C315/24,0)+1,1))-1)+IF('Standard Profiles'!$G$20=$B$10,7,0)+IF('Standard Profiles'!$G$20=$B$17,14,0)+IF('Standard Profiles'!$G$20=$B$24,21,0),0)),0)</f>
        <v>0</v>
      </c>
      <c r="G315" cm="1">
        <f t="array" ref="G315">IFERROR(INDEX(Jesper!AK$2:AK$366,ROUNDDOWN($C315/24,0)+1,1)*INDEX($D$3:$AA$30,INDEX(Jesper!$R$2:$R$366,ROW(INDEX(Jesper!AK$2:AK$366,ROUNDDOWN($C315/24,0)+1,1))-1)+IF('Standard Profiles'!$G$21=$B$10,7,0)+IF('Standard Profiles'!$G$21=$B$17,14,0)+IF('Standard Profiles'!$G$21=$B$24,21,0),MOD($C315,24)+1)/SUM(INDEX($D$3:$AA$30,INDEX(Jesper!$R$2:$R$366,ROW(INDEX(Jesper!AK$2:AK$366,ROUNDDOWN($C315/24,0)+1,1))-1)+IF('Standard Profiles'!$G$21=$B$10,7,0)+IF('Standard Profiles'!$G$21=$B$17,14,0)+IF('Standard Profiles'!$G$21=$B$24,21,0),0)),0)</f>
        <v>10.366832491434019</v>
      </c>
      <c r="H315" cm="1">
        <f t="array" ref="H315">IFERROR(INDEX(Jesper!AL$2:AL$366,ROUNDDOWN($C315/24,0)+1,1)*INDEX($D$3:$AA$30,INDEX(Jesper!$R$2:$R$366,ROW(INDEX(Jesper!AL$2:AL$366,ROUNDDOWN($C315/24,0)+1,1))-1)+IF('Standard Profiles'!$G$22=$B$10,7,0)+IF('Standard Profiles'!$G$22=$B$17,14,0)+IF('Standard Profiles'!$G$22=$B$24,21,0),MOD($C315,24)+1)/SUM(INDEX($D$3:$AA$30,INDEX(Jesper!$R$2:$R$366,ROW(INDEX(Jesper!AL$2:AL$366,ROUNDDOWN($C315/24,0)+1,1))-1)+IF('Standard Profiles'!$G$22=$B$10,7,0)+IF('Standard Profiles'!$G$22=$B$17,14,0)+IF('Standard Profiles'!$G$22=$B$24,21,0),0)),0)</f>
        <v>0</v>
      </c>
      <c r="I315">
        <f t="shared" si="48"/>
        <v>4.9760795958883266</v>
      </c>
      <c r="J315">
        <f t="shared" si="49"/>
        <v>20.757041073221622</v>
      </c>
      <c r="K315">
        <f t="shared" si="50"/>
        <v>0.94698996621201526</v>
      </c>
      <c r="L315">
        <f t="shared" si="51"/>
        <v>0.47349498310600763</v>
      </c>
      <c r="M315">
        <f t="shared" si="52"/>
        <v>0</v>
      </c>
      <c r="N315" s="45">
        <f t="shared" si="53"/>
        <v>44938.708333332652</v>
      </c>
    </row>
    <row r="316" spans="2:14" x14ac:dyDescent="0.25">
      <c r="B316">
        <f t="shared" si="47"/>
        <v>4</v>
      </c>
      <c r="C316" s="16">
        <v>282</v>
      </c>
      <c r="D316" cm="1">
        <f t="array" ref="D316">IFERROR(INDEX(Jesper!AH$2:AH$366,ROUNDDOWN($C316/24,0)+1,1)*INDEX($D$3:$AA$30,INDEX(Jesper!$R$2:$R$366,ROW(INDEX(Jesper!AH$2:AH$366,ROUNDDOWN($C316/24,0)+1,1))-1)+IF('Standard Profiles'!$G$18=$B$10,7,0)+IF('Standard Profiles'!$G$18=$B$17,14,0)+IF('Standard Profiles'!$G$18=$B$24,21,0),MOD($C316,24)+1)/SUM(INDEX($D$3:$AA$30,INDEX(Jesper!$R$2:$R$366,ROW(INDEX(Jesper!AH$2:AH$366,ROUNDDOWN($C316/24,0)+1,1))-1)+IF('Standard Profiles'!$G$18=$B$10,7,0)+IF('Standard Profiles'!$G$18=$B$17,14,0)+IF('Standard Profiles'!$G$18=$B$24,21,0),0)),0)</f>
        <v>5.8595004159368438</v>
      </c>
      <c r="E316" cm="1">
        <f t="array" ref="E316">IFERROR(INDEX(Jesper!AI$2:AI$366,ROUNDDOWN($C316/24,0)+1,1)*INDEX($D$3:$AA$30,INDEX(Jesper!$R$2:$R$366,ROW(INDEX(Jesper!AI$2:AI$366,ROUNDDOWN($C316/24,0)+1,1))-1)+IF('Standard Profiles'!$G$19=$B$10,7,0)+IF('Standard Profiles'!$G$19=$B$17,14,0)+IF('Standard Profiles'!$G$19=$B$24,21,0),MOD($C316,24)+1)/SUM(INDEX($D$3:$AA$30,INDEX(Jesper!$R$2:$R$366,ROW(INDEX(Jesper!AI$2:AI$366,ROUNDDOWN($C316/24,0)+1,1))-1)+IF('Standard Profiles'!$G$19=$B$10,7,0)+IF('Standard Profiles'!$G$19=$B$17,14,0)+IF('Standard Profiles'!$G$19=$B$24,21,0),0)),0)</f>
        <v>5.2197698478791628</v>
      </c>
      <c r="F316" cm="1">
        <f t="array" ref="F316">IFERROR(INDEX(Jesper!AJ$2:AJ$366,ROUNDDOWN($C316/24,0)+1,1)*INDEX($D$3:$AA$30,INDEX(Jesper!$R$2:$R$366,ROW(INDEX(Jesper!AJ$2:AJ$366,ROUNDDOWN($C316/24,0)+1,1))-1)+IF('Standard Profiles'!$G$20=$B$10,7,0)+IF('Standard Profiles'!$G$20=$B$17,14,0)+IF('Standard Profiles'!$G$20=$B$24,21,0),MOD($C316,24)+1)/SUM(INDEX($D$3:$AA$30,INDEX(Jesper!$R$2:$R$366,ROW(INDEX(Jesper!AJ$2:AJ$366,ROUNDDOWN($C316/24,0)+1,1))-1)+IF('Standard Profiles'!$G$20=$B$10,7,0)+IF('Standard Profiles'!$G$20=$B$17,14,0)+IF('Standard Profiles'!$G$20=$B$24,21,0),0)),0)</f>
        <v>0</v>
      </c>
      <c r="G316" cm="1">
        <f t="array" ref="G316">IFERROR(INDEX(Jesper!AK$2:AK$366,ROUNDDOWN($C316/24,0)+1,1)*INDEX($D$3:$AA$30,INDEX(Jesper!$R$2:$R$366,ROW(INDEX(Jesper!AK$2:AK$366,ROUNDDOWN($C316/24,0)+1,1))-1)+IF('Standard Profiles'!$G$21=$B$10,7,0)+IF('Standard Profiles'!$G$21=$B$17,14,0)+IF('Standard Profiles'!$G$21=$B$24,21,0),MOD($C316,24)+1)/SUM(INDEX($D$3:$AA$30,INDEX(Jesper!$R$2:$R$366,ROW(INDEX(Jesper!AK$2:AK$366,ROUNDDOWN($C316/24,0)+1,1))-1)+IF('Standard Profiles'!$G$21=$B$10,7,0)+IF('Standard Profiles'!$G$21=$B$17,14,0)+IF('Standard Profiles'!$G$21=$B$24,21,0),0)),0)</f>
        <v>3.8431260394565419</v>
      </c>
      <c r="H316" cm="1">
        <f t="array" ref="H316">IFERROR(INDEX(Jesper!AL$2:AL$366,ROUNDDOWN($C316/24,0)+1,1)*INDEX($D$3:$AA$30,INDEX(Jesper!$R$2:$R$366,ROW(INDEX(Jesper!AL$2:AL$366,ROUNDDOWN($C316/24,0)+1,1))-1)+IF('Standard Profiles'!$G$22=$B$10,7,0)+IF('Standard Profiles'!$G$22=$B$17,14,0)+IF('Standard Profiles'!$G$22=$B$24,21,0),MOD($C316,24)+1)/SUM(INDEX($D$3:$AA$30,INDEX(Jesper!$R$2:$R$366,ROW(INDEX(Jesper!AL$2:AL$366,ROUNDDOWN($C316/24,0)+1,1))-1)+IF('Standard Profiles'!$G$22=$B$10,7,0)+IF('Standard Profiles'!$G$22=$B$17,14,0)+IF('Standard Profiles'!$G$22=$B$24,21,0),0)),0)</f>
        <v>0</v>
      </c>
      <c r="I316">
        <f t="shared" si="48"/>
        <v>1.8447004989391391</v>
      </c>
      <c r="J316">
        <f t="shared" si="49"/>
        <v>12.140175737783514</v>
      </c>
      <c r="K316">
        <f t="shared" si="50"/>
        <v>0.62501337769993004</v>
      </c>
      <c r="L316">
        <f t="shared" si="51"/>
        <v>0.31250668884996502</v>
      </c>
      <c r="M316">
        <f t="shared" si="52"/>
        <v>0</v>
      </c>
      <c r="N316" s="45">
        <f t="shared" si="53"/>
        <v>44938.749999999316</v>
      </c>
    </row>
    <row r="317" spans="2:14" x14ac:dyDescent="0.25">
      <c r="B317">
        <f t="shared" si="47"/>
        <v>4</v>
      </c>
      <c r="C317" s="16">
        <v>283</v>
      </c>
      <c r="D317" cm="1">
        <f t="array" ref="D317">IFERROR(INDEX(Jesper!AH$2:AH$366,ROUNDDOWN($C317/24,0)+1,1)*INDEX($D$3:$AA$30,INDEX(Jesper!$R$2:$R$366,ROW(INDEX(Jesper!AH$2:AH$366,ROUNDDOWN($C317/24,0)+1,1))-1)+IF('Standard Profiles'!$G$18=$B$10,7,0)+IF('Standard Profiles'!$G$18=$B$17,14,0)+IF('Standard Profiles'!$G$18=$B$24,21,0),MOD($C317,24)+1)/SUM(INDEX($D$3:$AA$30,INDEX(Jesper!$R$2:$R$366,ROW(INDEX(Jesper!AH$2:AH$366,ROUNDDOWN($C317/24,0)+1,1))-1)+IF('Standard Profiles'!$G$18=$B$10,7,0)+IF('Standard Profiles'!$G$18=$B$17,14,0)+IF('Standard Profiles'!$G$18=$B$24,21,0),0)),0)</f>
        <v>5.8595004159368438</v>
      </c>
      <c r="E317" cm="1">
        <f t="array" ref="E317">IFERROR(INDEX(Jesper!AI$2:AI$366,ROUNDDOWN($C317/24,0)+1,1)*INDEX($D$3:$AA$30,INDEX(Jesper!$R$2:$R$366,ROW(INDEX(Jesper!AI$2:AI$366,ROUNDDOWN($C317/24,0)+1,1))-1)+IF('Standard Profiles'!$G$19=$B$10,7,0)+IF('Standard Profiles'!$G$19=$B$17,14,0)+IF('Standard Profiles'!$G$19=$B$24,21,0),MOD($C317,24)+1)/SUM(INDEX($D$3:$AA$30,INDEX(Jesper!$R$2:$R$366,ROW(INDEX(Jesper!AI$2:AI$366,ROUNDDOWN($C317/24,0)+1,1))-1)+IF('Standard Profiles'!$G$19=$B$10,7,0)+IF('Standard Profiles'!$G$19=$B$17,14,0)+IF('Standard Profiles'!$G$19=$B$24,21,0),0)),0)</f>
        <v>5.2197698478791628</v>
      </c>
      <c r="F317" cm="1">
        <f t="array" ref="F317">IFERROR(INDEX(Jesper!AJ$2:AJ$366,ROUNDDOWN($C317/24,0)+1,1)*INDEX($D$3:$AA$30,INDEX(Jesper!$R$2:$R$366,ROW(INDEX(Jesper!AJ$2:AJ$366,ROUNDDOWN($C317/24,0)+1,1))-1)+IF('Standard Profiles'!$G$20=$B$10,7,0)+IF('Standard Profiles'!$G$20=$B$17,14,0)+IF('Standard Profiles'!$G$20=$B$24,21,0),MOD($C317,24)+1)/SUM(INDEX($D$3:$AA$30,INDEX(Jesper!$R$2:$R$366,ROW(INDEX(Jesper!AJ$2:AJ$366,ROUNDDOWN($C317/24,0)+1,1))-1)+IF('Standard Profiles'!$G$20=$B$10,7,0)+IF('Standard Profiles'!$G$20=$B$17,14,0)+IF('Standard Profiles'!$G$20=$B$24,21,0),0)),0)</f>
        <v>0</v>
      </c>
      <c r="G317" cm="1">
        <f t="array" ref="G317">IFERROR(INDEX(Jesper!AK$2:AK$366,ROUNDDOWN($C317/24,0)+1,1)*INDEX($D$3:$AA$30,INDEX(Jesper!$R$2:$R$366,ROW(INDEX(Jesper!AK$2:AK$366,ROUNDDOWN($C317/24,0)+1,1))-1)+IF('Standard Profiles'!$G$21=$B$10,7,0)+IF('Standard Profiles'!$G$21=$B$17,14,0)+IF('Standard Profiles'!$G$21=$B$24,21,0),MOD($C317,24)+1)/SUM(INDEX($D$3:$AA$30,INDEX(Jesper!$R$2:$R$366,ROW(INDEX(Jesper!AK$2:AK$366,ROUNDDOWN($C317/24,0)+1,1))-1)+IF('Standard Profiles'!$G$21=$B$10,7,0)+IF('Standard Profiles'!$G$21=$B$17,14,0)+IF('Standard Profiles'!$G$21=$B$24,21,0),0)),0)</f>
        <v>3.8431260394565419</v>
      </c>
      <c r="H317" cm="1">
        <f t="array" ref="H317">IFERROR(INDEX(Jesper!AL$2:AL$366,ROUNDDOWN($C317/24,0)+1,1)*INDEX($D$3:$AA$30,INDEX(Jesper!$R$2:$R$366,ROW(INDEX(Jesper!AL$2:AL$366,ROUNDDOWN($C317/24,0)+1,1))-1)+IF('Standard Profiles'!$G$22=$B$10,7,0)+IF('Standard Profiles'!$G$22=$B$17,14,0)+IF('Standard Profiles'!$G$22=$B$24,21,0),MOD($C317,24)+1)/SUM(INDEX($D$3:$AA$30,INDEX(Jesper!$R$2:$R$366,ROW(INDEX(Jesper!AL$2:AL$366,ROUNDDOWN($C317/24,0)+1,1))-1)+IF('Standard Profiles'!$G$22=$B$10,7,0)+IF('Standard Profiles'!$G$22=$B$17,14,0)+IF('Standard Profiles'!$G$22=$B$24,21,0),0)),0)</f>
        <v>0</v>
      </c>
      <c r="I317">
        <f t="shared" si="48"/>
        <v>1.8447004989391391</v>
      </c>
      <c r="J317">
        <f t="shared" si="49"/>
        <v>12.140175737783514</v>
      </c>
      <c r="K317">
        <f t="shared" si="50"/>
        <v>0.62501337769993004</v>
      </c>
      <c r="L317">
        <f t="shared" si="51"/>
        <v>0.31250668884996502</v>
      </c>
      <c r="M317">
        <f t="shared" si="52"/>
        <v>0</v>
      </c>
      <c r="N317" s="45">
        <f t="shared" si="53"/>
        <v>44938.79166666598</v>
      </c>
    </row>
    <row r="318" spans="2:14" x14ac:dyDescent="0.25">
      <c r="B318">
        <f t="shared" si="47"/>
        <v>4</v>
      </c>
      <c r="C318" s="16">
        <v>284</v>
      </c>
      <c r="D318" cm="1">
        <f t="array" ref="D318">IFERROR(INDEX(Jesper!AH$2:AH$366,ROUNDDOWN($C318/24,0)+1,1)*INDEX($D$3:$AA$30,INDEX(Jesper!$R$2:$R$366,ROW(INDEX(Jesper!AH$2:AH$366,ROUNDDOWN($C318/24,0)+1,1))-1)+IF('Standard Profiles'!$G$18=$B$10,7,0)+IF('Standard Profiles'!$G$18=$B$17,14,0)+IF('Standard Profiles'!$G$18=$B$24,21,0),MOD($C318,24)+1)/SUM(INDEX($D$3:$AA$30,INDEX(Jesper!$R$2:$R$366,ROW(INDEX(Jesper!AH$2:AH$366,ROUNDDOWN($C318/24,0)+1,1))-1)+IF('Standard Profiles'!$G$18=$B$10,7,0)+IF('Standard Profiles'!$G$18=$B$17,14,0)+IF('Standard Profiles'!$G$18=$B$24,21,0),0)),0)</f>
        <v>5.8595004159368438</v>
      </c>
      <c r="E318" cm="1">
        <f t="array" ref="E318">IFERROR(INDEX(Jesper!AI$2:AI$366,ROUNDDOWN($C318/24,0)+1,1)*INDEX($D$3:$AA$30,INDEX(Jesper!$R$2:$R$366,ROW(INDEX(Jesper!AI$2:AI$366,ROUNDDOWN($C318/24,0)+1,1))-1)+IF('Standard Profiles'!$G$19=$B$10,7,0)+IF('Standard Profiles'!$G$19=$B$17,14,0)+IF('Standard Profiles'!$G$19=$B$24,21,0),MOD($C318,24)+1)/SUM(INDEX($D$3:$AA$30,INDEX(Jesper!$R$2:$R$366,ROW(INDEX(Jesper!AI$2:AI$366,ROUNDDOWN($C318/24,0)+1,1))-1)+IF('Standard Profiles'!$G$19=$B$10,7,0)+IF('Standard Profiles'!$G$19=$B$17,14,0)+IF('Standard Profiles'!$G$19=$B$24,21,0),0)),0)</f>
        <v>5.2197698478791628</v>
      </c>
      <c r="F318" cm="1">
        <f t="array" ref="F318">IFERROR(INDEX(Jesper!AJ$2:AJ$366,ROUNDDOWN($C318/24,0)+1,1)*INDEX($D$3:$AA$30,INDEX(Jesper!$R$2:$R$366,ROW(INDEX(Jesper!AJ$2:AJ$366,ROUNDDOWN($C318/24,0)+1,1))-1)+IF('Standard Profiles'!$G$20=$B$10,7,0)+IF('Standard Profiles'!$G$20=$B$17,14,0)+IF('Standard Profiles'!$G$20=$B$24,21,0),MOD($C318,24)+1)/SUM(INDEX($D$3:$AA$30,INDEX(Jesper!$R$2:$R$366,ROW(INDEX(Jesper!AJ$2:AJ$366,ROUNDDOWN($C318/24,0)+1,1))-1)+IF('Standard Profiles'!$G$20=$B$10,7,0)+IF('Standard Profiles'!$G$20=$B$17,14,0)+IF('Standard Profiles'!$G$20=$B$24,21,0),0)),0)</f>
        <v>0</v>
      </c>
      <c r="G318" cm="1">
        <f t="array" ref="G318">IFERROR(INDEX(Jesper!AK$2:AK$366,ROUNDDOWN($C318/24,0)+1,1)*INDEX($D$3:$AA$30,INDEX(Jesper!$R$2:$R$366,ROW(INDEX(Jesper!AK$2:AK$366,ROUNDDOWN($C318/24,0)+1,1))-1)+IF('Standard Profiles'!$G$21=$B$10,7,0)+IF('Standard Profiles'!$G$21=$B$17,14,0)+IF('Standard Profiles'!$G$21=$B$24,21,0),MOD($C318,24)+1)/SUM(INDEX($D$3:$AA$30,INDEX(Jesper!$R$2:$R$366,ROW(INDEX(Jesper!AK$2:AK$366,ROUNDDOWN($C318/24,0)+1,1))-1)+IF('Standard Profiles'!$G$21=$B$10,7,0)+IF('Standard Profiles'!$G$21=$B$17,14,0)+IF('Standard Profiles'!$G$21=$B$24,21,0),0)),0)</f>
        <v>3.8431260394565419</v>
      </c>
      <c r="H318" cm="1">
        <f t="array" ref="H318">IFERROR(INDEX(Jesper!AL$2:AL$366,ROUNDDOWN($C318/24,0)+1,1)*INDEX($D$3:$AA$30,INDEX(Jesper!$R$2:$R$366,ROW(INDEX(Jesper!AL$2:AL$366,ROUNDDOWN($C318/24,0)+1,1))-1)+IF('Standard Profiles'!$G$22=$B$10,7,0)+IF('Standard Profiles'!$G$22=$B$17,14,0)+IF('Standard Profiles'!$G$22=$B$24,21,0),MOD($C318,24)+1)/SUM(INDEX($D$3:$AA$30,INDEX(Jesper!$R$2:$R$366,ROW(INDEX(Jesper!AL$2:AL$366,ROUNDDOWN($C318/24,0)+1,1))-1)+IF('Standard Profiles'!$G$22=$B$10,7,0)+IF('Standard Profiles'!$G$22=$B$17,14,0)+IF('Standard Profiles'!$G$22=$B$24,21,0),0)),0)</f>
        <v>0</v>
      </c>
      <c r="I318">
        <f t="shared" si="48"/>
        <v>1.8447004989391391</v>
      </c>
      <c r="J318">
        <f t="shared" si="49"/>
        <v>12.140175737783514</v>
      </c>
      <c r="K318">
        <f t="shared" si="50"/>
        <v>0.62501337769993004</v>
      </c>
      <c r="L318">
        <f t="shared" si="51"/>
        <v>0.31250668884996502</v>
      </c>
      <c r="M318">
        <f t="shared" si="52"/>
        <v>0</v>
      </c>
      <c r="N318" s="45">
        <f t="shared" si="53"/>
        <v>44938.833333332645</v>
      </c>
    </row>
    <row r="319" spans="2:14" x14ac:dyDescent="0.25">
      <c r="B319">
        <f t="shared" si="47"/>
        <v>4</v>
      </c>
      <c r="C319" s="16">
        <v>285</v>
      </c>
      <c r="D319" cm="1">
        <f t="array" ref="D319">IFERROR(INDEX(Jesper!AH$2:AH$366,ROUNDDOWN($C319/24,0)+1,1)*INDEX($D$3:$AA$30,INDEX(Jesper!$R$2:$R$366,ROW(INDEX(Jesper!AH$2:AH$366,ROUNDDOWN($C319/24,0)+1,1))-1)+IF('Standard Profiles'!$G$18=$B$10,7,0)+IF('Standard Profiles'!$G$18=$B$17,14,0)+IF('Standard Profiles'!$G$18=$B$24,21,0),MOD($C319,24)+1)/SUM(INDEX($D$3:$AA$30,INDEX(Jesper!$R$2:$R$366,ROW(INDEX(Jesper!AH$2:AH$366,ROUNDDOWN($C319/24,0)+1,1))-1)+IF('Standard Profiles'!$G$18=$B$10,7,0)+IF('Standard Profiles'!$G$18=$B$17,14,0)+IF('Standard Profiles'!$G$18=$B$24,21,0),0)),0)</f>
        <v>5.8595004159368438</v>
      </c>
      <c r="E319" cm="1">
        <f t="array" ref="E319">IFERROR(INDEX(Jesper!AI$2:AI$366,ROUNDDOWN($C319/24,0)+1,1)*INDEX($D$3:$AA$30,INDEX(Jesper!$R$2:$R$366,ROW(INDEX(Jesper!AI$2:AI$366,ROUNDDOWN($C319/24,0)+1,1))-1)+IF('Standard Profiles'!$G$19=$B$10,7,0)+IF('Standard Profiles'!$G$19=$B$17,14,0)+IF('Standard Profiles'!$G$19=$B$24,21,0),MOD($C319,24)+1)/SUM(INDEX($D$3:$AA$30,INDEX(Jesper!$R$2:$R$366,ROW(INDEX(Jesper!AI$2:AI$366,ROUNDDOWN($C319/24,0)+1,1))-1)+IF('Standard Profiles'!$G$19=$B$10,7,0)+IF('Standard Profiles'!$G$19=$B$17,14,0)+IF('Standard Profiles'!$G$19=$B$24,21,0),0)),0)</f>
        <v>5.2197698478791628</v>
      </c>
      <c r="F319" cm="1">
        <f t="array" ref="F319">IFERROR(INDEX(Jesper!AJ$2:AJ$366,ROUNDDOWN($C319/24,0)+1,1)*INDEX($D$3:$AA$30,INDEX(Jesper!$R$2:$R$366,ROW(INDEX(Jesper!AJ$2:AJ$366,ROUNDDOWN($C319/24,0)+1,1))-1)+IF('Standard Profiles'!$G$20=$B$10,7,0)+IF('Standard Profiles'!$G$20=$B$17,14,0)+IF('Standard Profiles'!$G$20=$B$24,21,0),MOD($C319,24)+1)/SUM(INDEX($D$3:$AA$30,INDEX(Jesper!$R$2:$R$366,ROW(INDEX(Jesper!AJ$2:AJ$366,ROUNDDOWN($C319/24,0)+1,1))-1)+IF('Standard Profiles'!$G$20=$B$10,7,0)+IF('Standard Profiles'!$G$20=$B$17,14,0)+IF('Standard Profiles'!$G$20=$B$24,21,0),0)),0)</f>
        <v>0</v>
      </c>
      <c r="G319" cm="1">
        <f t="array" ref="G319">IFERROR(INDEX(Jesper!AK$2:AK$366,ROUNDDOWN($C319/24,0)+1,1)*INDEX($D$3:$AA$30,INDEX(Jesper!$R$2:$R$366,ROW(INDEX(Jesper!AK$2:AK$366,ROUNDDOWN($C319/24,0)+1,1))-1)+IF('Standard Profiles'!$G$21=$B$10,7,0)+IF('Standard Profiles'!$G$21=$B$17,14,0)+IF('Standard Profiles'!$G$21=$B$24,21,0),MOD($C319,24)+1)/SUM(INDEX($D$3:$AA$30,INDEX(Jesper!$R$2:$R$366,ROW(INDEX(Jesper!AK$2:AK$366,ROUNDDOWN($C319/24,0)+1,1))-1)+IF('Standard Profiles'!$G$21=$B$10,7,0)+IF('Standard Profiles'!$G$21=$B$17,14,0)+IF('Standard Profiles'!$G$21=$B$24,21,0),0)),0)</f>
        <v>3.8431260394565419</v>
      </c>
      <c r="H319" cm="1">
        <f t="array" ref="H319">IFERROR(INDEX(Jesper!AL$2:AL$366,ROUNDDOWN($C319/24,0)+1,1)*INDEX($D$3:$AA$30,INDEX(Jesper!$R$2:$R$366,ROW(INDEX(Jesper!AL$2:AL$366,ROUNDDOWN($C319/24,0)+1,1))-1)+IF('Standard Profiles'!$G$22=$B$10,7,0)+IF('Standard Profiles'!$G$22=$B$17,14,0)+IF('Standard Profiles'!$G$22=$B$24,21,0),MOD($C319,24)+1)/SUM(INDEX($D$3:$AA$30,INDEX(Jesper!$R$2:$R$366,ROW(INDEX(Jesper!AL$2:AL$366,ROUNDDOWN($C319/24,0)+1,1))-1)+IF('Standard Profiles'!$G$22=$B$10,7,0)+IF('Standard Profiles'!$G$22=$B$17,14,0)+IF('Standard Profiles'!$G$22=$B$24,21,0),0)),0)</f>
        <v>0</v>
      </c>
      <c r="I319">
        <f t="shared" si="48"/>
        <v>1.8447004989391391</v>
      </c>
      <c r="J319">
        <f t="shared" si="49"/>
        <v>12.140175737783514</v>
      </c>
      <c r="K319">
        <f t="shared" si="50"/>
        <v>0.62501337769993004</v>
      </c>
      <c r="L319">
        <f t="shared" si="51"/>
        <v>0.31250668884996502</v>
      </c>
      <c r="M319">
        <f t="shared" si="52"/>
        <v>0</v>
      </c>
      <c r="N319" s="45">
        <f t="shared" si="53"/>
        <v>44938.874999999309</v>
      </c>
    </row>
    <row r="320" spans="2:14" x14ac:dyDescent="0.25">
      <c r="B320">
        <f t="shared" si="47"/>
        <v>4</v>
      </c>
      <c r="C320" s="16">
        <v>286</v>
      </c>
      <c r="D320" cm="1">
        <f t="array" ref="D320">IFERROR(INDEX(Jesper!AH$2:AH$366,ROUNDDOWN($C320/24,0)+1,1)*INDEX($D$3:$AA$30,INDEX(Jesper!$R$2:$R$366,ROW(INDEX(Jesper!AH$2:AH$366,ROUNDDOWN($C320/24,0)+1,1))-1)+IF('Standard Profiles'!$G$18=$B$10,7,0)+IF('Standard Profiles'!$G$18=$B$17,14,0)+IF('Standard Profiles'!$G$18=$B$24,21,0),MOD($C320,24)+1)/SUM(INDEX($D$3:$AA$30,INDEX(Jesper!$R$2:$R$366,ROW(INDEX(Jesper!AH$2:AH$366,ROUNDDOWN($C320/24,0)+1,1))-1)+IF('Standard Profiles'!$G$18=$B$10,7,0)+IF('Standard Profiles'!$G$18=$B$17,14,0)+IF('Standard Profiles'!$G$18=$B$24,21,0),0)),0)</f>
        <v>5.8595004159368438</v>
      </c>
      <c r="E320" cm="1">
        <f t="array" ref="E320">IFERROR(INDEX(Jesper!AI$2:AI$366,ROUNDDOWN($C320/24,0)+1,1)*INDEX($D$3:$AA$30,INDEX(Jesper!$R$2:$R$366,ROW(INDEX(Jesper!AI$2:AI$366,ROUNDDOWN($C320/24,0)+1,1))-1)+IF('Standard Profiles'!$G$19=$B$10,7,0)+IF('Standard Profiles'!$G$19=$B$17,14,0)+IF('Standard Profiles'!$G$19=$B$24,21,0),MOD($C320,24)+1)/SUM(INDEX($D$3:$AA$30,INDEX(Jesper!$R$2:$R$366,ROW(INDEX(Jesper!AI$2:AI$366,ROUNDDOWN($C320/24,0)+1,1))-1)+IF('Standard Profiles'!$G$19=$B$10,7,0)+IF('Standard Profiles'!$G$19=$B$17,14,0)+IF('Standard Profiles'!$G$19=$B$24,21,0),0)),0)</f>
        <v>5.2197698478791628</v>
      </c>
      <c r="F320" cm="1">
        <f t="array" ref="F320">IFERROR(INDEX(Jesper!AJ$2:AJ$366,ROUNDDOWN($C320/24,0)+1,1)*INDEX($D$3:$AA$30,INDEX(Jesper!$R$2:$R$366,ROW(INDEX(Jesper!AJ$2:AJ$366,ROUNDDOWN($C320/24,0)+1,1))-1)+IF('Standard Profiles'!$G$20=$B$10,7,0)+IF('Standard Profiles'!$G$20=$B$17,14,0)+IF('Standard Profiles'!$G$20=$B$24,21,0),MOD($C320,24)+1)/SUM(INDEX($D$3:$AA$30,INDEX(Jesper!$R$2:$R$366,ROW(INDEX(Jesper!AJ$2:AJ$366,ROUNDDOWN($C320/24,0)+1,1))-1)+IF('Standard Profiles'!$G$20=$B$10,7,0)+IF('Standard Profiles'!$G$20=$B$17,14,0)+IF('Standard Profiles'!$G$20=$B$24,21,0),0)),0)</f>
        <v>0</v>
      </c>
      <c r="G320" cm="1">
        <f t="array" ref="G320">IFERROR(INDEX(Jesper!AK$2:AK$366,ROUNDDOWN($C320/24,0)+1,1)*INDEX($D$3:$AA$30,INDEX(Jesper!$R$2:$R$366,ROW(INDEX(Jesper!AK$2:AK$366,ROUNDDOWN($C320/24,0)+1,1))-1)+IF('Standard Profiles'!$G$21=$B$10,7,0)+IF('Standard Profiles'!$G$21=$B$17,14,0)+IF('Standard Profiles'!$G$21=$B$24,21,0),MOD($C320,24)+1)/SUM(INDEX($D$3:$AA$30,INDEX(Jesper!$R$2:$R$366,ROW(INDEX(Jesper!AK$2:AK$366,ROUNDDOWN($C320/24,0)+1,1))-1)+IF('Standard Profiles'!$G$21=$B$10,7,0)+IF('Standard Profiles'!$G$21=$B$17,14,0)+IF('Standard Profiles'!$G$21=$B$24,21,0),0)),0)</f>
        <v>3.8431260394565419</v>
      </c>
      <c r="H320" cm="1">
        <f t="array" ref="H320">IFERROR(INDEX(Jesper!AL$2:AL$366,ROUNDDOWN($C320/24,0)+1,1)*INDEX($D$3:$AA$30,INDEX(Jesper!$R$2:$R$366,ROW(INDEX(Jesper!AL$2:AL$366,ROUNDDOWN($C320/24,0)+1,1))-1)+IF('Standard Profiles'!$G$22=$B$10,7,0)+IF('Standard Profiles'!$G$22=$B$17,14,0)+IF('Standard Profiles'!$G$22=$B$24,21,0),MOD($C320,24)+1)/SUM(INDEX($D$3:$AA$30,INDEX(Jesper!$R$2:$R$366,ROW(INDEX(Jesper!AL$2:AL$366,ROUNDDOWN($C320/24,0)+1,1))-1)+IF('Standard Profiles'!$G$22=$B$10,7,0)+IF('Standard Profiles'!$G$22=$B$17,14,0)+IF('Standard Profiles'!$G$22=$B$24,21,0),0)),0)</f>
        <v>0</v>
      </c>
      <c r="I320">
        <f t="shared" si="48"/>
        <v>1.8447004989391391</v>
      </c>
      <c r="J320">
        <f t="shared" si="49"/>
        <v>12.140175737783514</v>
      </c>
      <c r="K320">
        <f t="shared" si="50"/>
        <v>0.62501337769993004</v>
      </c>
      <c r="L320">
        <f t="shared" si="51"/>
        <v>0.31250668884996502</v>
      </c>
      <c r="M320">
        <f t="shared" si="52"/>
        <v>0</v>
      </c>
      <c r="N320" s="45">
        <f t="shared" si="53"/>
        <v>44938.916666665973</v>
      </c>
    </row>
    <row r="321" spans="2:14" x14ac:dyDescent="0.25">
      <c r="B321">
        <f t="shared" si="47"/>
        <v>4</v>
      </c>
      <c r="C321" s="16">
        <v>287</v>
      </c>
      <c r="D321" cm="1">
        <f t="array" ref="D321">IFERROR(INDEX(Jesper!AH$2:AH$366,ROUNDDOWN($C321/24,0)+1,1)*INDEX($D$3:$AA$30,INDEX(Jesper!$R$2:$R$366,ROW(INDEX(Jesper!AH$2:AH$366,ROUNDDOWN($C321/24,0)+1,1))-1)+IF('Standard Profiles'!$G$18=$B$10,7,0)+IF('Standard Profiles'!$G$18=$B$17,14,0)+IF('Standard Profiles'!$G$18=$B$24,21,0),MOD($C321,24)+1)/SUM(INDEX($D$3:$AA$30,INDEX(Jesper!$R$2:$R$366,ROW(INDEX(Jesper!AH$2:AH$366,ROUNDDOWN($C321/24,0)+1,1))-1)+IF('Standard Profiles'!$G$18=$B$10,7,0)+IF('Standard Profiles'!$G$18=$B$17,14,0)+IF('Standard Profiles'!$G$18=$B$24,21,0),0)),0)</f>
        <v>5.8595004159368438</v>
      </c>
      <c r="E321" cm="1">
        <f t="array" ref="E321">IFERROR(INDEX(Jesper!AI$2:AI$366,ROUNDDOWN($C321/24,0)+1,1)*INDEX($D$3:$AA$30,INDEX(Jesper!$R$2:$R$366,ROW(INDEX(Jesper!AI$2:AI$366,ROUNDDOWN($C321/24,0)+1,1))-1)+IF('Standard Profiles'!$G$19=$B$10,7,0)+IF('Standard Profiles'!$G$19=$B$17,14,0)+IF('Standard Profiles'!$G$19=$B$24,21,0),MOD($C321,24)+1)/SUM(INDEX($D$3:$AA$30,INDEX(Jesper!$R$2:$R$366,ROW(INDEX(Jesper!AI$2:AI$366,ROUNDDOWN($C321/24,0)+1,1))-1)+IF('Standard Profiles'!$G$19=$B$10,7,0)+IF('Standard Profiles'!$G$19=$B$17,14,0)+IF('Standard Profiles'!$G$19=$B$24,21,0),0)),0)</f>
        <v>5.2197698478791628</v>
      </c>
      <c r="F321" cm="1">
        <f t="array" ref="F321">IFERROR(INDEX(Jesper!AJ$2:AJ$366,ROUNDDOWN($C321/24,0)+1,1)*INDEX($D$3:$AA$30,INDEX(Jesper!$R$2:$R$366,ROW(INDEX(Jesper!AJ$2:AJ$366,ROUNDDOWN($C321/24,0)+1,1))-1)+IF('Standard Profiles'!$G$20=$B$10,7,0)+IF('Standard Profiles'!$G$20=$B$17,14,0)+IF('Standard Profiles'!$G$20=$B$24,21,0),MOD($C321,24)+1)/SUM(INDEX($D$3:$AA$30,INDEX(Jesper!$R$2:$R$366,ROW(INDEX(Jesper!AJ$2:AJ$366,ROUNDDOWN($C321/24,0)+1,1))-1)+IF('Standard Profiles'!$G$20=$B$10,7,0)+IF('Standard Profiles'!$G$20=$B$17,14,0)+IF('Standard Profiles'!$G$20=$B$24,21,0),0)),0)</f>
        <v>0</v>
      </c>
      <c r="G321" cm="1">
        <f t="array" ref="G321">IFERROR(INDEX(Jesper!AK$2:AK$366,ROUNDDOWN($C321/24,0)+1,1)*INDEX($D$3:$AA$30,INDEX(Jesper!$R$2:$R$366,ROW(INDEX(Jesper!AK$2:AK$366,ROUNDDOWN($C321/24,0)+1,1))-1)+IF('Standard Profiles'!$G$21=$B$10,7,0)+IF('Standard Profiles'!$G$21=$B$17,14,0)+IF('Standard Profiles'!$G$21=$B$24,21,0),MOD($C321,24)+1)/SUM(INDEX($D$3:$AA$30,INDEX(Jesper!$R$2:$R$366,ROW(INDEX(Jesper!AK$2:AK$366,ROUNDDOWN($C321/24,0)+1,1))-1)+IF('Standard Profiles'!$G$21=$B$10,7,0)+IF('Standard Profiles'!$G$21=$B$17,14,0)+IF('Standard Profiles'!$G$21=$B$24,21,0),0)),0)</f>
        <v>3.8431260394565419</v>
      </c>
      <c r="H321" cm="1">
        <f t="array" ref="H321">IFERROR(INDEX(Jesper!AL$2:AL$366,ROUNDDOWN($C321/24,0)+1,1)*INDEX($D$3:$AA$30,INDEX(Jesper!$R$2:$R$366,ROW(INDEX(Jesper!AL$2:AL$366,ROUNDDOWN($C321/24,0)+1,1))-1)+IF('Standard Profiles'!$G$22=$B$10,7,0)+IF('Standard Profiles'!$G$22=$B$17,14,0)+IF('Standard Profiles'!$G$22=$B$24,21,0),MOD($C321,24)+1)/SUM(INDEX($D$3:$AA$30,INDEX(Jesper!$R$2:$R$366,ROW(INDEX(Jesper!AL$2:AL$366,ROUNDDOWN($C321/24,0)+1,1))-1)+IF('Standard Profiles'!$G$22=$B$10,7,0)+IF('Standard Profiles'!$G$22=$B$17,14,0)+IF('Standard Profiles'!$G$22=$B$24,21,0),0)),0)</f>
        <v>0</v>
      </c>
      <c r="I321">
        <f t="shared" si="48"/>
        <v>1.8447004989391391</v>
      </c>
      <c r="J321">
        <f t="shared" si="49"/>
        <v>12.140175737783514</v>
      </c>
      <c r="K321">
        <f t="shared" si="50"/>
        <v>0.62501337769993004</v>
      </c>
      <c r="L321">
        <f t="shared" si="51"/>
        <v>0.31250668884996502</v>
      </c>
      <c r="M321">
        <f t="shared" si="52"/>
        <v>0</v>
      </c>
      <c r="N321" s="45">
        <f t="shared" si="53"/>
        <v>44938.958333332637</v>
      </c>
    </row>
    <row r="322" spans="2:14" x14ac:dyDescent="0.25">
      <c r="B322">
        <f t="shared" si="47"/>
        <v>5</v>
      </c>
      <c r="C322" s="16">
        <v>288</v>
      </c>
      <c r="D322" cm="1">
        <f t="array" ref="D322">IFERROR(INDEX(Jesper!AH$2:AH$366,ROUNDDOWN($C322/24,0)+1,1)*INDEX($D$3:$AA$30,INDEX(Jesper!$R$2:$R$366,ROW(INDEX(Jesper!AH$2:AH$366,ROUNDDOWN($C322/24,0)+1,1))-1)+IF('Standard Profiles'!$G$18=$B$10,7,0)+IF('Standard Profiles'!$G$18=$B$17,14,0)+IF('Standard Profiles'!$G$18=$B$24,21,0),MOD($C322,24)+1)/SUM(INDEX($D$3:$AA$30,INDEX(Jesper!$R$2:$R$366,ROW(INDEX(Jesper!AH$2:AH$366,ROUNDDOWN($C322/24,0)+1,1))-1)+IF('Standard Profiles'!$G$18=$B$10,7,0)+IF('Standard Profiles'!$G$18=$B$17,14,0)+IF('Standard Profiles'!$G$18=$B$24,21,0),0)),0)</f>
        <v>9.0467003437225486</v>
      </c>
      <c r="E322" cm="1">
        <f t="array" ref="E322">IFERROR(INDEX(Jesper!AI$2:AI$366,ROUNDDOWN($C322/24,0)+1,1)*INDEX($D$3:$AA$30,INDEX(Jesper!$R$2:$R$366,ROW(INDEX(Jesper!AI$2:AI$366,ROUNDDOWN($C322/24,0)+1,1))-1)+IF('Standard Profiles'!$G$19=$B$10,7,0)+IF('Standard Profiles'!$G$19=$B$17,14,0)+IF('Standard Profiles'!$G$19=$B$24,21,0),MOD($C322,24)+1)/SUM(INDEX($D$3:$AA$30,INDEX(Jesper!$R$2:$R$366,ROW(INDEX(Jesper!AI$2:AI$366,ROUNDDOWN($C322/24,0)+1,1))-1)+IF('Standard Profiles'!$G$19=$B$10,7,0)+IF('Standard Profiles'!$G$19=$B$17,14,0)+IF('Standard Profiles'!$G$19=$B$24,21,0),0)),0)</f>
        <v>8.7231733001797664</v>
      </c>
      <c r="F322" cm="1">
        <f t="array" ref="F322">IFERROR(INDEX(Jesper!AJ$2:AJ$366,ROUNDDOWN($C322/24,0)+1,1)*INDEX($D$3:$AA$30,INDEX(Jesper!$R$2:$R$366,ROW(INDEX(Jesper!AJ$2:AJ$366,ROUNDDOWN($C322/24,0)+1,1))-1)+IF('Standard Profiles'!$G$20=$B$10,7,0)+IF('Standard Profiles'!$G$20=$B$17,14,0)+IF('Standard Profiles'!$G$20=$B$24,21,0),MOD($C322,24)+1)/SUM(INDEX($D$3:$AA$30,INDEX(Jesper!$R$2:$R$366,ROW(INDEX(Jesper!AJ$2:AJ$366,ROUNDDOWN($C322/24,0)+1,1))-1)+IF('Standard Profiles'!$G$20=$B$10,7,0)+IF('Standard Profiles'!$G$20=$B$17,14,0)+IF('Standard Profiles'!$G$20=$B$24,21,0),0)),0)</f>
        <v>0</v>
      </c>
      <c r="G322" cm="1">
        <f t="array" ref="G322">IFERROR(INDEX(Jesper!AK$2:AK$366,ROUNDDOWN($C322/24,0)+1,1)*INDEX($D$3:$AA$30,INDEX(Jesper!$R$2:$R$366,ROW(INDEX(Jesper!AK$2:AK$366,ROUNDDOWN($C322/24,0)+1,1))-1)+IF('Standard Profiles'!$G$21=$B$10,7,0)+IF('Standard Profiles'!$G$21=$B$17,14,0)+IF('Standard Profiles'!$G$21=$B$24,21,0),MOD($C322,24)+1)/SUM(INDEX($D$3:$AA$30,INDEX(Jesper!$R$2:$R$366,ROW(INDEX(Jesper!AK$2:AK$366,ROUNDDOWN($C322/24,0)+1,1))-1)+IF('Standard Profiles'!$G$21=$B$10,7,0)+IF('Standard Profiles'!$G$21=$B$17,14,0)+IF('Standard Profiles'!$G$21=$B$24,21,0),0)),0)</f>
        <v>4.9254133428758147</v>
      </c>
      <c r="H322" cm="1">
        <f t="array" ref="H322">IFERROR(INDEX(Jesper!AL$2:AL$366,ROUNDDOWN($C322/24,0)+1,1)*INDEX($D$3:$AA$30,INDEX(Jesper!$R$2:$R$366,ROW(INDEX(Jesper!AL$2:AL$366,ROUNDDOWN($C322/24,0)+1,1))-1)+IF('Standard Profiles'!$G$22=$B$10,7,0)+IF('Standard Profiles'!$G$22=$B$17,14,0)+IF('Standard Profiles'!$G$22=$B$24,21,0),MOD($C322,24)+1)/SUM(INDEX($D$3:$AA$30,INDEX(Jesper!$R$2:$R$366,ROW(INDEX(Jesper!AL$2:AL$366,ROUNDDOWN($C322/24,0)+1,1))-1)+IF('Standard Profiles'!$G$22=$B$10,7,0)+IF('Standard Profiles'!$G$22=$B$17,14,0)+IF('Standard Profiles'!$G$22=$B$24,21,0),0)),0)</f>
        <v>0</v>
      </c>
      <c r="I322">
        <f t="shared" si="48"/>
        <v>2.3641984045803897</v>
      </c>
      <c r="J322">
        <f t="shared" si="49"/>
        <v>18.883616527202133</v>
      </c>
      <c r="K322">
        <f t="shared" si="50"/>
        <v>0.96498136999707196</v>
      </c>
      <c r="L322">
        <f t="shared" si="51"/>
        <v>0.48249068499853598</v>
      </c>
      <c r="M322">
        <f t="shared" si="52"/>
        <v>0</v>
      </c>
      <c r="N322" s="45">
        <f t="shared" si="53"/>
        <v>44938.999999999302</v>
      </c>
    </row>
    <row r="323" spans="2:14" x14ac:dyDescent="0.25">
      <c r="B323">
        <f t="shared" si="47"/>
        <v>5</v>
      </c>
      <c r="C323" s="16">
        <v>289</v>
      </c>
      <c r="D323" cm="1">
        <f t="array" ref="D323">IFERROR(INDEX(Jesper!AH$2:AH$366,ROUNDDOWN($C323/24,0)+1,1)*INDEX($D$3:$AA$30,INDEX(Jesper!$R$2:$R$366,ROW(INDEX(Jesper!AH$2:AH$366,ROUNDDOWN($C323/24,0)+1,1))-1)+IF('Standard Profiles'!$G$18=$B$10,7,0)+IF('Standard Profiles'!$G$18=$B$17,14,0)+IF('Standard Profiles'!$G$18=$B$24,21,0),MOD($C323,24)+1)/SUM(INDEX($D$3:$AA$30,INDEX(Jesper!$R$2:$R$366,ROW(INDEX(Jesper!AH$2:AH$366,ROUNDDOWN($C323/24,0)+1,1))-1)+IF('Standard Profiles'!$G$18=$B$10,7,0)+IF('Standard Profiles'!$G$18=$B$17,14,0)+IF('Standard Profiles'!$G$18=$B$24,21,0),0)),0)</f>
        <v>5.4828486931651819</v>
      </c>
      <c r="E323" cm="1">
        <f t="array" ref="E323">IFERROR(INDEX(Jesper!AI$2:AI$366,ROUNDDOWN($C323/24,0)+1,1)*INDEX($D$3:$AA$30,INDEX(Jesper!$R$2:$R$366,ROW(INDEX(Jesper!AI$2:AI$366,ROUNDDOWN($C323/24,0)+1,1))-1)+IF('Standard Profiles'!$G$19=$B$10,7,0)+IF('Standard Profiles'!$G$19=$B$17,14,0)+IF('Standard Profiles'!$G$19=$B$24,21,0),MOD($C323,24)+1)/SUM(INDEX($D$3:$AA$30,INDEX(Jesper!$R$2:$R$366,ROW(INDEX(Jesper!AI$2:AI$366,ROUNDDOWN($C323/24,0)+1,1))-1)+IF('Standard Profiles'!$G$19=$B$10,7,0)+IF('Standard Profiles'!$G$19=$B$17,14,0)+IF('Standard Profiles'!$G$19=$B$24,21,0),0)),0)</f>
        <v>5.2867716970786462</v>
      </c>
      <c r="F323" cm="1">
        <f t="array" ref="F323">IFERROR(INDEX(Jesper!AJ$2:AJ$366,ROUNDDOWN($C323/24,0)+1,1)*INDEX($D$3:$AA$30,INDEX(Jesper!$R$2:$R$366,ROW(INDEX(Jesper!AJ$2:AJ$366,ROUNDDOWN($C323/24,0)+1,1))-1)+IF('Standard Profiles'!$G$20=$B$10,7,0)+IF('Standard Profiles'!$G$20=$B$17,14,0)+IF('Standard Profiles'!$G$20=$B$24,21,0),MOD($C323,24)+1)/SUM(INDEX($D$3:$AA$30,INDEX(Jesper!$R$2:$R$366,ROW(INDEX(Jesper!AJ$2:AJ$366,ROUNDDOWN($C323/24,0)+1,1))-1)+IF('Standard Profiles'!$G$20=$B$10,7,0)+IF('Standard Profiles'!$G$20=$B$17,14,0)+IF('Standard Profiles'!$G$20=$B$24,21,0),0)),0)</f>
        <v>0</v>
      </c>
      <c r="G323" cm="1">
        <f t="array" ref="G323">IFERROR(INDEX(Jesper!AK$2:AK$366,ROUNDDOWN($C323/24,0)+1,1)*INDEX($D$3:$AA$30,INDEX(Jesper!$R$2:$R$366,ROW(INDEX(Jesper!AK$2:AK$366,ROUNDDOWN($C323/24,0)+1,1))-1)+IF('Standard Profiles'!$G$21=$B$10,7,0)+IF('Standard Profiles'!$G$21=$B$17,14,0)+IF('Standard Profiles'!$G$21=$B$24,21,0),MOD($C323,24)+1)/SUM(INDEX($D$3:$AA$30,INDEX(Jesper!$R$2:$R$366,ROW(INDEX(Jesper!AK$2:AK$366,ROUNDDOWN($C323/24,0)+1,1))-1)+IF('Standard Profiles'!$G$21=$B$10,7,0)+IF('Standard Profiles'!$G$21=$B$17,14,0)+IF('Standard Profiles'!$G$21=$B$24,21,0),0)),0)</f>
        <v>4.9254133428758147</v>
      </c>
      <c r="H323" cm="1">
        <f t="array" ref="H323">IFERROR(INDEX(Jesper!AL$2:AL$366,ROUNDDOWN($C323/24,0)+1,1)*INDEX($D$3:$AA$30,INDEX(Jesper!$R$2:$R$366,ROW(INDEX(Jesper!AL$2:AL$366,ROUNDDOWN($C323/24,0)+1,1))-1)+IF('Standard Profiles'!$G$22=$B$10,7,0)+IF('Standard Profiles'!$G$22=$B$17,14,0)+IF('Standard Profiles'!$G$22=$B$24,21,0),MOD($C323,24)+1)/SUM(INDEX($D$3:$AA$30,INDEX(Jesper!$R$2:$R$366,ROW(INDEX(Jesper!AL$2:AL$366,ROUNDDOWN($C323/24,0)+1,1))-1)+IF('Standard Profiles'!$G$22=$B$10,7,0)+IF('Standard Profiles'!$G$22=$B$17,14,0)+IF('Standard Profiles'!$G$22=$B$24,21,0),0)),0)</f>
        <v>0</v>
      </c>
      <c r="I323">
        <f t="shared" si="48"/>
        <v>2.3641984045803897</v>
      </c>
      <c r="J323">
        <f t="shared" si="49"/>
        <v>12.453579537632823</v>
      </c>
      <c r="K323">
        <f t="shared" si="50"/>
        <v>0.58483719393761946</v>
      </c>
      <c r="L323">
        <f t="shared" si="51"/>
        <v>0.29241859696880973</v>
      </c>
      <c r="M323">
        <f t="shared" si="52"/>
        <v>0</v>
      </c>
      <c r="N323" s="45">
        <f t="shared" si="53"/>
        <v>44939.041666665966</v>
      </c>
    </row>
    <row r="324" spans="2:14" x14ac:dyDescent="0.25">
      <c r="B324">
        <f t="shared" si="47"/>
        <v>5</v>
      </c>
      <c r="C324" s="16">
        <v>290</v>
      </c>
      <c r="D324" cm="1">
        <f t="array" ref="D324">IFERROR(INDEX(Jesper!AH$2:AH$366,ROUNDDOWN($C324/24,0)+1,1)*INDEX($D$3:$AA$30,INDEX(Jesper!$R$2:$R$366,ROW(INDEX(Jesper!AH$2:AH$366,ROUNDDOWN($C324/24,0)+1,1))-1)+IF('Standard Profiles'!$G$18=$B$10,7,0)+IF('Standard Profiles'!$G$18=$B$17,14,0)+IF('Standard Profiles'!$G$18=$B$24,21,0),MOD($C324,24)+1)/SUM(INDEX($D$3:$AA$30,INDEX(Jesper!$R$2:$R$366,ROW(INDEX(Jesper!AH$2:AH$366,ROUNDDOWN($C324/24,0)+1,1))-1)+IF('Standard Profiles'!$G$18=$B$10,7,0)+IF('Standard Profiles'!$G$18=$B$17,14,0)+IF('Standard Profiles'!$G$18=$B$24,21,0),0)),0)</f>
        <v>5.4828486931651819</v>
      </c>
      <c r="E324" cm="1">
        <f t="array" ref="E324">IFERROR(INDEX(Jesper!AI$2:AI$366,ROUNDDOWN($C324/24,0)+1,1)*INDEX($D$3:$AA$30,INDEX(Jesper!$R$2:$R$366,ROW(INDEX(Jesper!AI$2:AI$366,ROUNDDOWN($C324/24,0)+1,1))-1)+IF('Standard Profiles'!$G$19=$B$10,7,0)+IF('Standard Profiles'!$G$19=$B$17,14,0)+IF('Standard Profiles'!$G$19=$B$24,21,0),MOD($C324,24)+1)/SUM(INDEX($D$3:$AA$30,INDEX(Jesper!$R$2:$R$366,ROW(INDEX(Jesper!AI$2:AI$366,ROUNDDOWN($C324/24,0)+1,1))-1)+IF('Standard Profiles'!$G$19=$B$10,7,0)+IF('Standard Profiles'!$G$19=$B$17,14,0)+IF('Standard Profiles'!$G$19=$B$24,21,0),0)),0)</f>
        <v>5.2867716970786462</v>
      </c>
      <c r="F324" cm="1">
        <f t="array" ref="F324">IFERROR(INDEX(Jesper!AJ$2:AJ$366,ROUNDDOWN($C324/24,0)+1,1)*INDEX($D$3:$AA$30,INDEX(Jesper!$R$2:$R$366,ROW(INDEX(Jesper!AJ$2:AJ$366,ROUNDDOWN($C324/24,0)+1,1))-1)+IF('Standard Profiles'!$G$20=$B$10,7,0)+IF('Standard Profiles'!$G$20=$B$17,14,0)+IF('Standard Profiles'!$G$20=$B$24,21,0),MOD($C324,24)+1)/SUM(INDEX($D$3:$AA$30,INDEX(Jesper!$R$2:$R$366,ROW(INDEX(Jesper!AJ$2:AJ$366,ROUNDDOWN($C324/24,0)+1,1))-1)+IF('Standard Profiles'!$G$20=$B$10,7,0)+IF('Standard Profiles'!$G$20=$B$17,14,0)+IF('Standard Profiles'!$G$20=$B$24,21,0),0)),0)</f>
        <v>0</v>
      </c>
      <c r="G324" cm="1">
        <f t="array" ref="G324">IFERROR(INDEX(Jesper!AK$2:AK$366,ROUNDDOWN($C324/24,0)+1,1)*INDEX($D$3:$AA$30,INDEX(Jesper!$R$2:$R$366,ROW(INDEX(Jesper!AK$2:AK$366,ROUNDDOWN($C324/24,0)+1,1))-1)+IF('Standard Profiles'!$G$21=$B$10,7,0)+IF('Standard Profiles'!$G$21=$B$17,14,0)+IF('Standard Profiles'!$G$21=$B$24,21,0),MOD($C324,24)+1)/SUM(INDEX($D$3:$AA$30,INDEX(Jesper!$R$2:$R$366,ROW(INDEX(Jesper!AK$2:AK$366,ROUNDDOWN($C324/24,0)+1,1))-1)+IF('Standard Profiles'!$G$21=$B$10,7,0)+IF('Standard Profiles'!$G$21=$B$17,14,0)+IF('Standard Profiles'!$G$21=$B$24,21,0),0)),0)</f>
        <v>4.9254133428758147</v>
      </c>
      <c r="H324" cm="1">
        <f t="array" ref="H324">IFERROR(INDEX(Jesper!AL$2:AL$366,ROUNDDOWN($C324/24,0)+1,1)*INDEX($D$3:$AA$30,INDEX(Jesper!$R$2:$R$366,ROW(INDEX(Jesper!AL$2:AL$366,ROUNDDOWN($C324/24,0)+1,1))-1)+IF('Standard Profiles'!$G$22=$B$10,7,0)+IF('Standard Profiles'!$G$22=$B$17,14,0)+IF('Standard Profiles'!$G$22=$B$24,21,0),MOD($C324,24)+1)/SUM(INDEX($D$3:$AA$30,INDEX(Jesper!$R$2:$R$366,ROW(INDEX(Jesper!AL$2:AL$366,ROUNDDOWN($C324/24,0)+1,1))-1)+IF('Standard Profiles'!$G$22=$B$10,7,0)+IF('Standard Profiles'!$G$22=$B$17,14,0)+IF('Standard Profiles'!$G$22=$B$24,21,0),0)),0)</f>
        <v>0</v>
      </c>
      <c r="I324">
        <f t="shared" si="48"/>
        <v>2.3641984045803897</v>
      </c>
      <c r="J324">
        <f t="shared" si="49"/>
        <v>12.453579537632823</v>
      </c>
      <c r="K324">
        <f t="shared" si="50"/>
        <v>0.58483719393761946</v>
      </c>
      <c r="L324">
        <f t="shared" si="51"/>
        <v>0.29241859696880973</v>
      </c>
      <c r="M324">
        <f t="shared" si="52"/>
        <v>0</v>
      </c>
      <c r="N324" s="45">
        <f t="shared" si="53"/>
        <v>44939.08333333263</v>
      </c>
    </row>
    <row r="325" spans="2:14" x14ac:dyDescent="0.25">
      <c r="B325">
        <f t="shared" si="47"/>
        <v>5</v>
      </c>
      <c r="C325" s="16">
        <v>291</v>
      </c>
      <c r="D325" cm="1">
        <f t="array" ref="D325">IFERROR(INDEX(Jesper!AH$2:AH$366,ROUNDDOWN($C325/24,0)+1,1)*INDEX($D$3:$AA$30,INDEX(Jesper!$R$2:$R$366,ROW(INDEX(Jesper!AH$2:AH$366,ROUNDDOWN($C325/24,0)+1,1))-1)+IF('Standard Profiles'!$G$18=$B$10,7,0)+IF('Standard Profiles'!$G$18=$B$17,14,0)+IF('Standard Profiles'!$G$18=$B$24,21,0),MOD($C325,24)+1)/SUM(INDEX($D$3:$AA$30,INDEX(Jesper!$R$2:$R$366,ROW(INDEX(Jesper!AH$2:AH$366,ROUNDDOWN($C325/24,0)+1,1))-1)+IF('Standard Profiles'!$G$18=$B$10,7,0)+IF('Standard Profiles'!$G$18=$B$17,14,0)+IF('Standard Profiles'!$G$18=$B$24,21,0),0)),0)</f>
        <v>5.4828486931651819</v>
      </c>
      <c r="E325" cm="1">
        <f t="array" ref="E325">IFERROR(INDEX(Jesper!AI$2:AI$366,ROUNDDOWN($C325/24,0)+1,1)*INDEX($D$3:$AA$30,INDEX(Jesper!$R$2:$R$366,ROW(INDEX(Jesper!AI$2:AI$366,ROUNDDOWN($C325/24,0)+1,1))-1)+IF('Standard Profiles'!$G$19=$B$10,7,0)+IF('Standard Profiles'!$G$19=$B$17,14,0)+IF('Standard Profiles'!$G$19=$B$24,21,0),MOD($C325,24)+1)/SUM(INDEX($D$3:$AA$30,INDEX(Jesper!$R$2:$R$366,ROW(INDEX(Jesper!AI$2:AI$366,ROUNDDOWN($C325/24,0)+1,1))-1)+IF('Standard Profiles'!$G$19=$B$10,7,0)+IF('Standard Profiles'!$G$19=$B$17,14,0)+IF('Standard Profiles'!$G$19=$B$24,21,0),0)),0)</f>
        <v>5.2867716970786462</v>
      </c>
      <c r="F325" cm="1">
        <f t="array" ref="F325">IFERROR(INDEX(Jesper!AJ$2:AJ$366,ROUNDDOWN($C325/24,0)+1,1)*INDEX($D$3:$AA$30,INDEX(Jesper!$R$2:$R$366,ROW(INDEX(Jesper!AJ$2:AJ$366,ROUNDDOWN($C325/24,0)+1,1))-1)+IF('Standard Profiles'!$G$20=$B$10,7,0)+IF('Standard Profiles'!$G$20=$B$17,14,0)+IF('Standard Profiles'!$G$20=$B$24,21,0),MOD($C325,24)+1)/SUM(INDEX($D$3:$AA$30,INDEX(Jesper!$R$2:$R$366,ROW(INDEX(Jesper!AJ$2:AJ$366,ROUNDDOWN($C325/24,0)+1,1))-1)+IF('Standard Profiles'!$G$20=$B$10,7,0)+IF('Standard Profiles'!$G$20=$B$17,14,0)+IF('Standard Profiles'!$G$20=$B$24,21,0),0)),0)</f>
        <v>0</v>
      </c>
      <c r="G325" cm="1">
        <f t="array" ref="G325">IFERROR(INDEX(Jesper!AK$2:AK$366,ROUNDDOWN($C325/24,0)+1,1)*INDEX($D$3:$AA$30,INDEX(Jesper!$R$2:$R$366,ROW(INDEX(Jesper!AK$2:AK$366,ROUNDDOWN($C325/24,0)+1,1))-1)+IF('Standard Profiles'!$G$21=$B$10,7,0)+IF('Standard Profiles'!$G$21=$B$17,14,0)+IF('Standard Profiles'!$G$21=$B$24,21,0),MOD($C325,24)+1)/SUM(INDEX($D$3:$AA$30,INDEX(Jesper!$R$2:$R$366,ROW(INDEX(Jesper!AK$2:AK$366,ROUNDDOWN($C325/24,0)+1,1))-1)+IF('Standard Profiles'!$G$21=$B$10,7,0)+IF('Standard Profiles'!$G$21=$B$17,14,0)+IF('Standard Profiles'!$G$21=$B$24,21,0),0)),0)</f>
        <v>4.9254133428758147</v>
      </c>
      <c r="H325" cm="1">
        <f t="array" ref="H325">IFERROR(INDEX(Jesper!AL$2:AL$366,ROUNDDOWN($C325/24,0)+1,1)*INDEX($D$3:$AA$30,INDEX(Jesper!$R$2:$R$366,ROW(INDEX(Jesper!AL$2:AL$366,ROUNDDOWN($C325/24,0)+1,1))-1)+IF('Standard Profiles'!$G$22=$B$10,7,0)+IF('Standard Profiles'!$G$22=$B$17,14,0)+IF('Standard Profiles'!$G$22=$B$24,21,0),MOD($C325,24)+1)/SUM(INDEX($D$3:$AA$30,INDEX(Jesper!$R$2:$R$366,ROW(INDEX(Jesper!AL$2:AL$366,ROUNDDOWN($C325/24,0)+1,1))-1)+IF('Standard Profiles'!$G$22=$B$10,7,0)+IF('Standard Profiles'!$G$22=$B$17,14,0)+IF('Standard Profiles'!$G$22=$B$24,21,0),0)),0)</f>
        <v>0</v>
      </c>
      <c r="I325">
        <f t="shared" si="48"/>
        <v>2.3641984045803897</v>
      </c>
      <c r="J325">
        <f t="shared" si="49"/>
        <v>12.453579537632823</v>
      </c>
      <c r="K325">
        <f t="shared" si="50"/>
        <v>0.58483719393761946</v>
      </c>
      <c r="L325">
        <f t="shared" si="51"/>
        <v>0.29241859696880973</v>
      </c>
      <c r="M325">
        <f t="shared" si="52"/>
        <v>0</v>
      </c>
      <c r="N325" s="45">
        <f t="shared" si="53"/>
        <v>44939.124999999294</v>
      </c>
    </row>
    <row r="326" spans="2:14" x14ac:dyDescent="0.25">
      <c r="B326">
        <f t="shared" si="47"/>
        <v>5</v>
      </c>
      <c r="C326" s="16">
        <v>292</v>
      </c>
      <c r="D326" cm="1">
        <f t="array" ref="D326">IFERROR(INDEX(Jesper!AH$2:AH$366,ROUNDDOWN($C326/24,0)+1,1)*INDEX($D$3:$AA$30,INDEX(Jesper!$R$2:$R$366,ROW(INDEX(Jesper!AH$2:AH$366,ROUNDDOWN($C326/24,0)+1,1))-1)+IF('Standard Profiles'!$G$18=$B$10,7,0)+IF('Standard Profiles'!$G$18=$B$17,14,0)+IF('Standard Profiles'!$G$18=$B$24,21,0),MOD($C326,24)+1)/SUM(INDEX($D$3:$AA$30,INDEX(Jesper!$R$2:$R$366,ROW(INDEX(Jesper!AH$2:AH$366,ROUNDDOWN($C326/24,0)+1,1))-1)+IF('Standard Profiles'!$G$18=$B$10,7,0)+IF('Standard Profiles'!$G$18=$B$17,14,0)+IF('Standard Profiles'!$G$18=$B$24,21,0),0)),0)</f>
        <v>5.4828486931651819</v>
      </c>
      <c r="E326" cm="1">
        <f t="array" ref="E326">IFERROR(INDEX(Jesper!AI$2:AI$366,ROUNDDOWN($C326/24,0)+1,1)*INDEX($D$3:$AA$30,INDEX(Jesper!$R$2:$R$366,ROW(INDEX(Jesper!AI$2:AI$366,ROUNDDOWN($C326/24,0)+1,1))-1)+IF('Standard Profiles'!$G$19=$B$10,7,0)+IF('Standard Profiles'!$G$19=$B$17,14,0)+IF('Standard Profiles'!$G$19=$B$24,21,0),MOD($C326,24)+1)/SUM(INDEX($D$3:$AA$30,INDEX(Jesper!$R$2:$R$366,ROW(INDEX(Jesper!AI$2:AI$366,ROUNDDOWN($C326/24,0)+1,1))-1)+IF('Standard Profiles'!$G$19=$B$10,7,0)+IF('Standard Profiles'!$G$19=$B$17,14,0)+IF('Standard Profiles'!$G$19=$B$24,21,0),0)),0)</f>
        <v>5.2867716970786462</v>
      </c>
      <c r="F326" cm="1">
        <f t="array" ref="F326">IFERROR(INDEX(Jesper!AJ$2:AJ$366,ROUNDDOWN($C326/24,0)+1,1)*INDEX($D$3:$AA$30,INDEX(Jesper!$R$2:$R$366,ROW(INDEX(Jesper!AJ$2:AJ$366,ROUNDDOWN($C326/24,0)+1,1))-1)+IF('Standard Profiles'!$G$20=$B$10,7,0)+IF('Standard Profiles'!$G$20=$B$17,14,0)+IF('Standard Profiles'!$G$20=$B$24,21,0),MOD($C326,24)+1)/SUM(INDEX($D$3:$AA$30,INDEX(Jesper!$R$2:$R$366,ROW(INDEX(Jesper!AJ$2:AJ$366,ROUNDDOWN($C326/24,0)+1,1))-1)+IF('Standard Profiles'!$G$20=$B$10,7,0)+IF('Standard Profiles'!$G$20=$B$17,14,0)+IF('Standard Profiles'!$G$20=$B$24,21,0),0)),0)</f>
        <v>0</v>
      </c>
      <c r="G326" cm="1">
        <f t="array" ref="G326">IFERROR(INDEX(Jesper!AK$2:AK$366,ROUNDDOWN($C326/24,0)+1,1)*INDEX($D$3:$AA$30,INDEX(Jesper!$R$2:$R$366,ROW(INDEX(Jesper!AK$2:AK$366,ROUNDDOWN($C326/24,0)+1,1))-1)+IF('Standard Profiles'!$G$21=$B$10,7,0)+IF('Standard Profiles'!$G$21=$B$17,14,0)+IF('Standard Profiles'!$G$21=$B$24,21,0),MOD($C326,24)+1)/SUM(INDEX($D$3:$AA$30,INDEX(Jesper!$R$2:$R$366,ROW(INDEX(Jesper!AK$2:AK$366,ROUNDDOWN($C326/24,0)+1,1))-1)+IF('Standard Profiles'!$G$21=$B$10,7,0)+IF('Standard Profiles'!$G$21=$B$17,14,0)+IF('Standard Profiles'!$G$21=$B$24,21,0),0)),0)</f>
        <v>4.9254133428758147</v>
      </c>
      <c r="H326" cm="1">
        <f t="array" ref="H326">IFERROR(INDEX(Jesper!AL$2:AL$366,ROUNDDOWN($C326/24,0)+1,1)*INDEX($D$3:$AA$30,INDEX(Jesper!$R$2:$R$366,ROW(INDEX(Jesper!AL$2:AL$366,ROUNDDOWN($C326/24,0)+1,1))-1)+IF('Standard Profiles'!$G$22=$B$10,7,0)+IF('Standard Profiles'!$G$22=$B$17,14,0)+IF('Standard Profiles'!$G$22=$B$24,21,0),MOD($C326,24)+1)/SUM(INDEX($D$3:$AA$30,INDEX(Jesper!$R$2:$R$366,ROW(INDEX(Jesper!AL$2:AL$366,ROUNDDOWN($C326/24,0)+1,1))-1)+IF('Standard Profiles'!$G$22=$B$10,7,0)+IF('Standard Profiles'!$G$22=$B$17,14,0)+IF('Standard Profiles'!$G$22=$B$24,21,0),0)),0)</f>
        <v>0</v>
      </c>
      <c r="I326">
        <f t="shared" si="48"/>
        <v>2.3641984045803897</v>
      </c>
      <c r="J326">
        <f t="shared" si="49"/>
        <v>12.453579537632823</v>
      </c>
      <c r="K326">
        <f t="shared" si="50"/>
        <v>0.58483719393761946</v>
      </c>
      <c r="L326">
        <f t="shared" si="51"/>
        <v>0.29241859696880973</v>
      </c>
      <c r="M326">
        <f t="shared" si="52"/>
        <v>0</v>
      </c>
      <c r="N326" s="45">
        <f t="shared" si="53"/>
        <v>44939.166666665958</v>
      </c>
    </row>
    <row r="327" spans="2:14" x14ac:dyDescent="0.25">
      <c r="B327">
        <f t="shared" si="47"/>
        <v>5</v>
      </c>
      <c r="C327" s="16">
        <v>293</v>
      </c>
      <c r="D327" cm="1">
        <f t="array" ref="D327">IFERROR(INDEX(Jesper!AH$2:AH$366,ROUNDDOWN($C327/24,0)+1,1)*INDEX($D$3:$AA$30,INDEX(Jesper!$R$2:$R$366,ROW(INDEX(Jesper!AH$2:AH$366,ROUNDDOWN($C327/24,0)+1,1))-1)+IF('Standard Profiles'!$G$18=$B$10,7,0)+IF('Standard Profiles'!$G$18=$B$17,14,0)+IF('Standard Profiles'!$G$18=$B$24,21,0),MOD($C327,24)+1)/SUM(INDEX($D$3:$AA$30,INDEX(Jesper!$R$2:$R$366,ROW(INDEX(Jesper!AH$2:AH$366,ROUNDDOWN($C327/24,0)+1,1))-1)+IF('Standard Profiles'!$G$18=$B$10,7,0)+IF('Standard Profiles'!$G$18=$B$17,14,0)+IF('Standard Profiles'!$G$18=$B$24,21,0),0)),0)</f>
        <v>5.4828486931651819</v>
      </c>
      <c r="E327" cm="1">
        <f t="array" ref="E327">IFERROR(INDEX(Jesper!AI$2:AI$366,ROUNDDOWN($C327/24,0)+1,1)*INDEX($D$3:$AA$30,INDEX(Jesper!$R$2:$R$366,ROW(INDEX(Jesper!AI$2:AI$366,ROUNDDOWN($C327/24,0)+1,1))-1)+IF('Standard Profiles'!$G$19=$B$10,7,0)+IF('Standard Profiles'!$G$19=$B$17,14,0)+IF('Standard Profiles'!$G$19=$B$24,21,0),MOD($C327,24)+1)/SUM(INDEX($D$3:$AA$30,INDEX(Jesper!$R$2:$R$366,ROW(INDEX(Jesper!AI$2:AI$366,ROUNDDOWN($C327/24,0)+1,1))-1)+IF('Standard Profiles'!$G$19=$B$10,7,0)+IF('Standard Profiles'!$G$19=$B$17,14,0)+IF('Standard Profiles'!$G$19=$B$24,21,0),0)),0)</f>
        <v>5.2867716970786462</v>
      </c>
      <c r="F327" cm="1">
        <f t="array" ref="F327">IFERROR(INDEX(Jesper!AJ$2:AJ$366,ROUNDDOWN($C327/24,0)+1,1)*INDEX($D$3:$AA$30,INDEX(Jesper!$R$2:$R$366,ROW(INDEX(Jesper!AJ$2:AJ$366,ROUNDDOWN($C327/24,0)+1,1))-1)+IF('Standard Profiles'!$G$20=$B$10,7,0)+IF('Standard Profiles'!$G$20=$B$17,14,0)+IF('Standard Profiles'!$G$20=$B$24,21,0),MOD($C327,24)+1)/SUM(INDEX($D$3:$AA$30,INDEX(Jesper!$R$2:$R$366,ROW(INDEX(Jesper!AJ$2:AJ$366,ROUNDDOWN($C327/24,0)+1,1))-1)+IF('Standard Profiles'!$G$20=$B$10,7,0)+IF('Standard Profiles'!$G$20=$B$17,14,0)+IF('Standard Profiles'!$G$20=$B$24,21,0),0)),0)</f>
        <v>0</v>
      </c>
      <c r="G327" cm="1">
        <f t="array" ref="G327">IFERROR(INDEX(Jesper!AK$2:AK$366,ROUNDDOWN($C327/24,0)+1,1)*INDEX($D$3:$AA$30,INDEX(Jesper!$R$2:$R$366,ROW(INDEX(Jesper!AK$2:AK$366,ROUNDDOWN($C327/24,0)+1,1))-1)+IF('Standard Profiles'!$G$21=$B$10,7,0)+IF('Standard Profiles'!$G$21=$B$17,14,0)+IF('Standard Profiles'!$G$21=$B$24,21,0),MOD($C327,24)+1)/SUM(INDEX($D$3:$AA$30,INDEX(Jesper!$R$2:$R$366,ROW(INDEX(Jesper!AK$2:AK$366,ROUNDDOWN($C327/24,0)+1,1))-1)+IF('Standard Profiles'!$G$21=$B$10,7,0)+IF('Standard Profiles'!$G$21=$B$17,14,0)+IF('Standard Profiles'!$G$21=$B$24,21,0),0)),0)</f>
        <v>4.9254133428758147</v>
      </c>
      <c r="H327" cm="1">
        <f t="array" ref="H327">IFERROR(INDEX(Jesper!AL$2:AL$366,ROUNDDOWN($C327/24,0)+1,1)*INDEX($D$3:$AA$30,INDEX(Jesper!$R$2:$R$366,ROW(INDEX(Jesper!AL$2:AL$366,ROUNDDOWN($C327/24,0)+1,1))-1)+IF('Standard Profiles'!$G$22=$B$10,7,0)+IF('Standard Profiles'!$G$22=$B$17,14,0)+IF('Standard Profiles'!$G$22=$B$24,21,0),MOD($C327,24)+1)/SUM(INDEX($D$3:$AA$30,INDEX(Jesper!$R$2:$R$366,ROW(INDEX(Jesper!AL$2:AL$366,ROUNDDOWN($C327/24,0)+1,1))-1)+IF('Standard Profiles'!$G$22=$B$10,7,0)+IF('Standard Profiles'!$G$22=$B$17,14,0)+IF('Standard Profiles'!$G$22=$B$24,21,0),0)),0)</f>
        <v>0</v>
      </c>
      <c r="I327">
        <f t="shared" si="48"/>
        <v>2.3641984045803897</v>
      </c>
      <c r="J327">
        <f t="shared" si="49"/>
        <v>12.453579537632823</v>
      </c>
      <c r="K327">
        <f t="shared" si="50"/>
        <v>0.58483719393761946</v>
      </c>
      <c r="L327">
        <f t="shared" si="51"/>
        <v>0.29241859696880973</v>
      </c>
      <c r="M327">
        <f t="shared" si="52"/>
        <v>0</v>
      </c>
      <c r="N327" s="45">
        <f t="shared" si="53"/>
        <v>44939.208333332623</v>
      </c>
    </row>
    <row r="328" spans="2:14" x14ac:dyDescent="0.25">
      <c r="B328">
        <f t="shared" si="47"/>
        <v>5</v>
      </c>
      <c r="C328" s="16">
        <v>294</v>
      </c>
      <c r="D328" cm="1">
        <f t="array" ref="D328">IFERROR(INDEX(Jesper!AH$2:AH$366,ROUNDDOWN($C328/24,0)+1,1)*INDEX($D$3:$AA$30,INDEX(Jesper!$R$2:$R$366,ROW(INDEX(Jesper!AH$2:AH$366,ROUNDDOWN($C328/24,0)+1,1))-1)+IF('Standard Profiles'!$G$18=$B$10,7,0)+IF('Standard Profiles'!$G$18=$B$17,14,0)+IF('Standard Profiles'!$G$18=$B$24,21,0),MOD($C328,24)+1)/SUM(INDEX($D$3:$AA$30,INDEX(Jesper!$R$2:$R$366,ROW(INDEX(Jesper!AH$2:AH$366,ROUNDDOWN($C328/24,0)+1,1))-1)+IF('Standard Profiles'!$G$18=$B$10,7,0)+IF('Standard Profiles'!$G$18=$B$17,14,0)+IF('Standard Profiles'!$G$18=$B$24,21,0),0)),0)</f>
        <v>5.4828486931651819</v>
      </c>
      <c r="E328" cm="1">
        <f t="array" ref="E328">IFERROR(INDEX(Jesper!AI$2:AI$366,ROUNDDOWN($C328/24,0)+1,1)*INDEX($D$3:$AA$30,INDEX(Jesper!$R$2:$R$366,ROW(INDEX(Jesper!AI$2:AI$366,ROUNDDOWN($C328/24,0)+1,1))-1)+IF('Standard Profiles'!$G$19=$B$10,7,0)+IF('Standard Profiles'!$G$19=$B$17,14,0)+IF('Standard Profiles'!$G$19=$B$24,21,0),MOD($C328,24)+1)/SUM(INDEX($D$3:$AA$30,INDEX(Jesper!$R$2:$R$366,ROW(INDEX(Jesper!AI$2:AI$366,ROUNDDOWN($C328/24,0)+1,1))-1)+IF('Standard Profiles'!$G$19=$B$10,7,0)+IF('Standard Profiles'!$G$19=$B$17,14,0)+IF('Standard Profiles'!$G$19=$B$24,21,0),0)),0)</f>
        <v>5.2867716970786462</v>
      </c>
      <c r="F328" cm="1">
        <f t="array" ref="F328">IFERROR(INDEX(Jesper!AJ$2:AJ$366,ROUNDDOWN($C328/24,0)+1,1)*INDEX($D$3:$AA$30,INDEX(Jesper!$R$2:$R$366,ROW(INDEX(Jesper!AJ$2:AJ$366,ROUNDDOWN($C328/24,0)+1,1))-1)+IF('Standard Profiles'!$G$20=$B$10,7,0)+IF('Standard Profiles'!$G$20=$B$17,14,0)+IF('Standard Profiles'!$G$20=$B$24,21,0),MOD($C328,24)+1)/SUM(INDEX($D$3:$AA$30,INDEX(Jesper!$R$2:$R$366,ROW(INDEX(Jesper!AJ$2:AJ$366,ROUNDDOWN($C328/24,0)+1,1))-1)+IF('Standard Profiles'!$G$20=$B$10,7,0)+IF('Standard Profiles'!$G$20=$B$17,14,0)+IF('Standard Profiles'!$G$20=$B$24,21,0),0)),0)</f>
        <v>0</v>
      </c>
      <c r="G328" cm="1">
        <f t="array" ref="G328">IFERROR(INDEX(Jesper!AK$2:AK$366,ROUNDDOWN($C328/24,0)+1,1)*INDEX($D$3:$AA$30,INDEX(Jesper!$R$2:$R$366,ROW(INDEX(Jesper!AK$2:AK$366,ROUNDDOWN($C328/24,0)+1,1))-1)+IF('Standard Profiles'!$G$21=$B$10,7,0)+IF('Standard Profiles'!$G$21=$B$17,14,0)+IF('Standard Profiles'!$G$21=$B$24,21,0),MOD($C328,24)+1)/SUM(INDEX($D$3:$AA$30,INDEX(Jesper!$R$2:$R$366,ROW(INDEX(Jesper!AK$2:AK$366,ROUNDDOWN($C328/24,0)+1,1))-1)+IF('Standard Profiles'!$G$21=$B$10,7,0)+IF('Standard Profiles'!$G$21=$B$17,14,0)+IF('Standard Profiles'!$G$21=$B$24,21,0),0)),0)</f>
        <v>4.9254133428758147</v>
      </c>
      <c r="H328" cm="1">
        <f t="array" ref="H328">IFERROR(INDEX(Jesper!AL$2:AL$366,ROUNDDOWN($C328/24,0)+1,1)*INDEX($D$3:$AA$30,INDEX(Jesper!$R$2:$R$366,ROW(INDEX(Jesper!AL$2:AL$366,ROUNDDOWN($C328/24,0)+1,1))-1)+IF('Standard Profiles'!$G$22=$B$10,7,0)+IF('Standard Profiles'!$G$22=$B$17,14,0)+IF('Standard Profiles'!$G$22=$B$24,21,0),MOD($C328,24)+1)/SUM(INDEX($D$3:$AA$30,INDEX(Jesper!$R$2:$R$366,ROW(INDEX(Jesper!AL$2:AL$366,ROUNDDOWN($C328/24,0)+1,1))-1)+IF('Standard Profiles'!$G$22=$B$10,7,0)+IF('Standard Profiles'!$G$22=$B$17,14,0)+IF('Standard Profiles'!$G$22=$B$24,21,0),0)),0)</f>
        <v>0</v>
      </c>
      <c r="I328">
        <f t="shared" si="48"/>
        <v>2.3641984045803897</v>
      </c>
      <c r="J328">
        <f t="shared" si="49"/>
        <v>12.453579537632823</v>
      </c>
      <c r="K328">
        <f t="shared" si="50"/>
        <v>0.58483719393761946</v>
      </c>
      <c r="L328">
        <f t="shared" si="51"/>
        <v>0.29241859696880973</v>
      </c>
      <c r="M328">
        <f t="shared" si="52"/>
        <v>0</v>
      </c>
      <c r="N328" s="45">
        <f t="shared" si="53"/>
        <v>44939.249999999287</v>
      </c>
    </row>
    <row r="329" spans="2:14" x14ac:dyDescent="0.25">
      <c r="B329">
        <f t="shared" si="47"/>
        <v>5</v>
      </c>
      <c r="C329" s="16">
        <v>295</v>
      </c>
      <c r="D329" cm="1">
        <f t="array" ref="D329">IFERROR(INDEX(Jesper!AH$2:AH$366,ROUNDDOWN($C329/24,0)+1,1)*INDEX($D$3:$AA$30,INDEX(Jesper!$R$2:$R$366,ROW(INDEX(Jesper!AH$2:AH$366,ROUNDDOWN($C329/24,0)+1,1))-1)+IF('Standard Profiles'!$G$18=$B$10,7,0)+IF('Standard Profiles'!$G$18=$B$17,14,0)+IF('Standard Profiles'!$G$18=$B$24,21,0),MOD($C329,24)+1)/SUM(INDEX($D$3:$AA$30,INDEX(Jesper!$R$2:$R$366,ROW(INDEX(Jesper!AH$2:AH$366,ROUNDDOWN($C329/24,0)+1,1))-1)+IF('Standard Profiles'!$G$18=$B$10,7,0)+IF('Standard Profiles'!$G$18=$B$17,14,0)+IF('Standard Profiles'!$G$18=$B$24,21,0),0)),0)</f>
        <v>23.356935432883674</v>
      </c>
      <c r="E329" cm="1">
        <f t="array" ref="E329">IFERROR(INDEX(Jesper!AI$2:AI$366,ROUNDDOWN($C329/24,0)+1,1)*INDEX($D$3:$AA$30,INDEX(Jesper!$R$2:$R$366,ROW(INDEX(Jesper!AI$2:AI$366,ROUNDDOWN($C329/24,0)+1,1))-1)+IF('Standard Profiles'!$G$19=$B$10,7,0)+IF('Standard Profiles'!$G$19=$B$17,14,0)+IF('Standard Profiles'!$G$19=$B$24,21,0),MOD($C329,24)+1)/SUM(INDEX($D$3:$AA$30,INDEX(Jesper!$R$2:$R$366,ROW(INDEX(Jesper!AI$2:AI$366,ROUNDDOWN($C329/24,0)+1,1))-1)+IF('Standard Profiles'!$G$19=$B$10,7,0)+IF('Standard Profiles'!$G$19=$B$17,14,0)+IF('Standard Profiles'!$G$19=$B$24,21,0),0)),0)</f>
        <v>22.521647429555031</v>
      </c>
      <c r="F329" cm="1">
        <f t="array" ref="F329">IFERROR(INDEX(Jesper!AJ$2:AJ$366,ROUNDDOWN($C329/24,0)+1,1)*INDEX($D$3:$AA$30,INDEX(Jesper!$R$2:$R$366,ROW(INDEX(Jesper!AJ$2:AJ$366,ROUNDDOWN($C329/24,0)+1,1))-1)+IF('Standard Profiles'!$G$20=$B$10,7,0)+IF('Standard Profiles'!$G$20=$B$17,14,0)+IF('Standard Profiles'!$G$20=$B$24,21,0),MOD($C329,24)+1)/SUM(INDEX($D$3:$AA$30,INDEX(Jesper!$R$2:$R$366,ROW(INDEX(Jesper!AJ$2:AJ$366,ROUNDDOWN($C329/24,0)+1,1))-1)+IF('Standard Profiles'!$G$20=$B$10,7,0)+IF('Standard Profiles'!$G$20=$B$17,14,0)+IF('Standard Profiles'!$G$20=$B$24,21,0),0)),0)</f>
        <v>0</v>
      </c>
      <c r="G329" cm="1">
        <f t="array" ref="G329">IFERROR(INDEX(Jesper!AK$2:AK$366,ROUNDDOWN($C329/24,0)+1,1)*INDEX($D$3:$AA$30,INDEX(Jesper!$R$2:$R$366,ROW(INDEX(Jesper!AK$2:AK$366,ROUNDDOWN($C329/24,0)+1,1))-1)+IF('Standard Profiles'!$G$21=$B$10,7,0)+IF('Standard Profiles'!$G$21=$B$17,14,0)+IF('Standard Profiles'!$G$21=$B$24,21,0),MOD($C329,24)+1)/SUM(INDEX($D$3:$AA$30,INDEX(Jesper!$R$2:$R$366,ROW(INDEX(Jesper!AK$2:AK$366,ROUNDDOWN($C329/24,0)+1,1))-1)+IF('Standard Profiles'!$G$21=$B$10,7,0)+IF('Standard Profiles'!$G$21=$B$17,14,0)+IF('Standard Profiles'!$G$21=$B$24,21,0),0)),0)</f>
        <v>13.346281316179628</v>
      </c>
      <c r="H329" cm="1">
        <f t="array" ref="H329">IFERROR(INDEX(Jesper!AL$2:AL$366,ROUNDDOWN($C329/24,0)+1,1)*INDEX($D$3:$AA$30,INDEX(Jesper!$R$2:$R$366,ROW(INDEX(Jesper!AL$2:AL$366,ROUNDDOWN($C329/24,0)+1,1))-1)+IF('Standard Profiles'!$G$22=$B$10,7,0)+IF('Standard Profiles'!$G$22=$B$17,14,0)+IF('Standard Profiles'!$G$22=$B$24,21,0),MOD($C329,24)+1)/SUM(INDEX($D$3:$AA$30,INDEX(Jesper!$R$2:$R$366,ROW(INDEX(Jesper!AL$2:AL$366,ROUNDDOWN($C329/24,0)+1,1))-1)+IF('Standard Profiles'!$G$22=$B$10,7,0)+IF('Standard Profiles'!$G$22=$B$17,14,0)+IF('Standard Profiles'!$G$22=$B$24,21,0),0)),0)</f>
        <v>0</v>
      </c>
      <c r="I329">
        <f t="shared" si="48"/>
        <v>6.4062150317662176</v>
      </c>
      <c r="J329">
        <f t="shared" si="49"/>
        <v>49.081539477590731</v>
      </c>
      <c r="K329">
        <f t="shared" si="50"/>
        <v>2.4914064461742589</v>
      </c>
      <c r="L329">
        <f t="shared" si="51"/>
        <v>1.2457032230871294</v>
      </c>
      <c r="M329">
        <f t="shared" si="52"/>
        <v>0</v>
      </c>
      <c r="N329" s="45">
        <f t="shared" si="53"/>
        <v>44939.291666665951</v>
      </c>
    </row>
    <row r="330" spans="2:14" x14ac:dyDescent="0.25">
      <c r="B330">
        <f t="shared" si="47"/>
        <v>5</v>
      </c>
      <c r="C330" s="16">
        <v>296</v>
      </c>
      <c r="D330" cm="1">
        <f t="array" ref="D330">IFERROR(INDEX(Jesper!AH$2:AH$366,ROUNDDOWN($C330/24,0)+1,1)*INDEX($D$3:$AA$30,INDEX(Jesper!$R$2:$R$366,ROW(INDEX(Jesper!AH$2:AH$366,ROUNDDOWN($C330/24,0)+1,1))-1)+IF('Standard Profiles'!$G$18=$B$10,7,0)+IF('Standard Profiles'!$G$18=$B$17,14,0)+IF('Standard Profiles'!$G$18=$B$24,21,0),MOD($C330,24)+1)/SUM(INDEX($D$3:$AA$30,INDEX(Jesper!$R$2:$R$366,ROW(INDEX(Jesper!AH$2:AH$366,ROUNDDOWN($C330/24,0)+1,1))-1)+IF('Standard Profiles'!$G$18=$B$10,7,0)+IF('Standard Profiles'!$G$18=$B$17,14,0)+IF('Standard Profiles'!$G$18=$B$24,21,0),0)),0)</f>
        <v>29.196169291104592</v>
      </c>
      <c r="E330" cm="1">
        <f t="array" ref="E330">IFERROR(INDEX(Jesper!AI$2:AI$366,ROUNDDOWN($C330/24,0)+1,1)*INDEX($D$3:$AA$30,INDEX(Jesper!$R$2:$R$366,ROW(INDEX(Jesper!AI$2:AI$366,ROUNDDOWN($C330/24,0)+1,1))-1)+IF('Standard Profiles'!$G$19=$B$10,7,0)+IF('Standard Profiles'!$G$19=$B$17,14,0)+IF('Standard Profiles'!$G$19=$B$24,21,0),MOD($C330,24)+1)/SUM(INDEX($D$3:$AA$30,INDEX(Jesper!$R$2:$R$366,ROW(INDEX(Jesper!AI$2:AI$366,ROUNDDOWN($C330/24,0)+1,1))-1)+IF('Standard Profiles'!$G$19=$B$10,7,0)+IF('Standard Profiles'!$G$19=$B$17,14,0)+IF('Standard Profiles'!$G$19=$B$24,21,0),0)),0)</f>
        <v>28.152059286943789</v>
      </c>
      <c r="F330" cm="1">
        <f t="array" ref="F330">IFERROR(INDEX(Jesper!AJ$2:AJ$366,ROUNDDOWN($C330/24,0)+1,1)*INDEX($D$3:$AA$30,INDEX(Jesper!$R$2:$R$366,ROW(INDEX(Jesper!AJ$2:AJ$366,ROUNDDOWN($C330/24,0)+1,1))-1)+IF('Standard Profiles'!$G$20=$B$10,7,0)+IF('Standard Profiles'!$G$20=$B$17,14,0)+IF('Standard Profiles'!$G$20=$B$24,21,0),MOD($C330,24)+1)/SUM(INDEX($D$3:$AA$30,INDEX(Jesper!$R$2:$R$366,ROW(INDEX(Jesper!AJ$2:AJ$366,ROUNDDOWN($C330/24,0)+1,1))-1)+IF('Standard Profiles'!$G$20=$B$10,7,0)+IF('Standard Profiles'!$G$20=$B$17,14,0)+IF('Standard Profiles'!$G$20=$B$24,21,0),0)),0)</f>
        <v>0</v>
      </c>
      <c r="G330" cm="1">
        <f t="array" ref="G330">IFERROR(INDEX(Jesper!AK$2:AK$366,ROUNDDOWN($C330/24,0)+1,1)*INDEX($D$3:$AA$30,INDEX(Jesper!$R$2:$R$366,ROW(INDEX(Jesper!AK$2:AK$366,ROUNDDOWN($C330/24,0)+1,1))-1)+IF('Standard Profiles'!$G$21=$B$10,7,0)+IF('Standard Profiles'!$G$21=$B$17,14,0)+IF('Standard Profiles'!$G$21=$B$24,21,0),MOD($C330,24)+1)/SUM(INDEX($D$3:$AA$30,INDEX(Jesper!$R$2:$R$366,ROW(INDEX(Jesper!AK$2:AK$366,ROUNDDOWN($C330/24,0)+1,1))-1)+IF('Standard Profiles'!$G$21=$B$10,7,0)+IF('Standard Profiles'!$G$21=$B$17,14,0)+IF('Standard Profiles'!$G$21=$B$24,21,0),0)),0)</f>
        <v>16.682851645224535</v>
      </c>
      <c r="H330" cm="1">
        <f t="array" ref="H330">IFERROR(INDEX(Jesper!AL$2:AL$366,ROUNDDOWN($C330/24,0)+1,1)*INDEX($D$3:$AA$30,INDEX(Jesper!$R$2:$R$366,ROW(INDEX(Jesper!AL$2:AL$366,ROUNDDOWN($C330/24,0)+1,1))-1)+IF('Standard Profiles'!$G$22=$B$10,7,0)+IF('Standard Profiles'!$G$22=$B$17,14,0)+IF('Standard Profiles'!$G$22=$B$24,21,0),MOD($C330,24)+1)/SUM(INDEX($D$3:$AA$30,INDEX(Jesper!$R$2:$R$366,ROW(INDEX(Jesper!AL$2:AL$366,ROUNDDOWN($C330/24,0)+1,1))-1)+IF('Standard Profiles'!$G$22=$B$10,7,0)+IF('Standard Profiles'!$G$22=$B$17,14,0)+IF('Standard Profiles'!$G$22=$B$24,21,0),0)),0)</f>
        <v>0</v>
      </c>
      <c r="I330">
        <f t="shared" si="48"/>
        <v>8.0077687897077734</v>
      </c>
      <c r="J330">
        <f t="shared" si="49"/>
        <v>61.351924346988412</v>
      </c>
      <c r="K330">
        <f t="shared" si="50"/>
        <v>3.1142580577178234</v>
      </c>
      <c r="L330">
        <f t="shared" si="51"/>
        <v>1.5571290288589117</v>
      </c>
      <c r="M330">
        <f t="shared" si="52"/>
        <v>0</v>
      </c>
      <c r="N330" s="45">
        <f t="shared" si="53"/>
        <v>44939.333333332615</v>
      </c>
    </row>
    <row r="331" spans="2:14" x14ac:dyDescent="0.25">
      <c r="B331">
        <f t="shared" si="47"/>
        <v>5</v>
      </c>
      <c r="C331" s="16">
        <v>297</v>
      </c>
      <c r="D331" cm="1">
        <f t="array" ref="D331">IFERROR(INDEX(Jesper!AH$2:AH$366,ROUNDDOWN($C331/24,0)+1,1)*INDEX($D$3:$AA$30,INDEX(Jesper!$R$2:$R$366,ROW(INDEX(Jesper!AH$2:AH$366,ROUNDDOWN($C331/24,0)+1,1))-1)+IF('Standard Profiles'!$G$18=$B$10,7,0)+IF('Standard Profiles'!$G$18=$B$17,14,0)+IF('Standard Profiles'!$G$18=$B$24,21,0),MOD($C331,24)+1)/SUM(INDEX($D$3:$AA$30,INDEX(Jesper!$R$2:$R$366,ROW(INDEX(Jesper!AH$2:AH$366,ROUNDDOWN($C331/24,0)+1,1))-1)+IF('Standard Profiles'!$G$18=$B$10,7,0)+IF('Standard Profiles'!$G$18=$B$17,14,0)+IF('Standard Profiles'!$G$18=$B$24,21,0),0)),0)</f>
        <v>32.11578622021505</v>
      </c>
      <c r="E331" cm="1">
        <f t="array" ref="E331">IFERROR(INDEX(Jesper!AI$2:AI$366,ROUNDDOWN($C331/24,0)+1,1)*INDEX($D$3:$AA$30,INDEX(Jesper!$R$2:$R$366,ROW(INDEX(Jesper!AI$2:AI$366,ROUNDDOWN($C331/24,0)+1,1))-1)+IF('Standard Profiles'!$G$19=$B$10,7,0)+IF('Standard Profiles'!$G$19=$B$17,14,0)+IF('Standard Profiles'!$G$19=$B$24,21,0),MOD($C331,24)+1)/SUM(INDEX($D$3:$AA$30,INDEX(Jesper!$R$2:$R$366,ROW(INDEX(Jesper!AI$2:AI$366,ROUNDDOWN($C331/24,0)+1,1))-1)+IF('Standard Profiles'!$G$19=$B$10,7,0)+IF('Standard Profiles'!$G$19=$B$17,14,0)+IF('Standard Profiles'!$G$19=$B$24,21,0),0)),0)</f>
        <v>30.967265215638168</v>
      </c>
      <c r="F331" cm="1">
        <f t="array" ref="F331">IFERROR(INDEX(Jesper!AJ$2:AJ$366,ROUNDDOWN($C331/24,0)+1,1)*INDEX($D$3:$AA$30,INDEX(Jesper!$R$2:$R$366,ROW(INDEX(Jesper!AJ$2:AJ$366,ROUNDDOWN($C331/24,0)+1,1))-1)+IF('Standard Profiles'!$G$20=$B$10,7,0)+IF('Standard Profiles'!$G$20=$B$17,14,0)+IF('Standard Profiles'!$G$20=$B$24,21,0),MOD($C331,24)+1)/SUM(INDEX($D$3:$AA$30,INDEX(Jesper!$R$2:$R$366,ROW(INDEX(Jesper!AJ$2:AJ$366,ROUNDDOWN($C331/24,0)+1,1))-1)+IF('Standard Profiles'!$G$20=$B$10,7,0)+IF('Standard Profiles'!$G$20=$B$17,14,0)+IF('Standard Profiles'!$G$20=$B$24,21,0),0)),0)</f>
        <v>0</v>
      </c>
      <c r="G331" cm="1">
        <f t="array" ref="G331">IFERROR(INDEX(Jesper!AK$2:AK$366,ROUNDDOWN($C331/24,0)+1,1)*INDEX($D$3:$AA$30,INDEX(Jesper!$R$2:$R$366,ROW(INDEX(Jesper!AK$2:AK$366,ROUNDDOWN($C331/24,0)+1,1))-1)+IF('Standard Profiles'!$G$21=$B$10,7,0)+IF('Standard Profiles'!$G$21=$B$17,14,0)+IF('Standard Profiles'!$G$21=$B$24,21,0),MOD($C331,24)+1)/SUM(INDEX($D$3:$AA$30,INDEX(Jesper!$R$2:$R$366,ROW(INDEX(Jesper!AK$2:AK$366,ROUNDDOWN($C331/24,0)+1,1))-1)+IF('Standard Profiles'!$G$21=$B$10,7,0)+IF('Standard Profiles'!$G$21=$B$17,14,0)+IF('Standard Profiles'!$G$21=$B$24,21,0),0)),0)</f>
        <v>18.351136809746986</v>
      </c>
      <c r="H331" cm="1">
        <f t="array" ref="H331">IFERROR(INDEX(Jesper!AL$2:AL$366,ROUNDDOWN($C331/24,0)+1,1)*INDEX($D$3:$AA$30,INDEX(Jesper!$R$2:$R$366,ROW(INDEX(Jesper!AL$2:AL$366,ROUNDDOWN($C331/24,0)+1,1))-1)+IF('Standard Profiles'!$G$22=$B$10,7,0)+IF('Standard Profiles'!$G$22=$B$17,14,0)+IF('Standard Profiles'!$G$22=$B$24,21,0),MOD($C331,24)+1)/SUM(INDEX($D$3:$AA$30,INDEX(Jesper!$R$2:$R$366,ROW(INDEX(Jesper!AL$2:AL$366,ROUNDDOWN($C331/24,0)+1,1))-1)+IF('Standard Profiles'!$G$22=$B$10,7,0)+IF('Standard Profiles'!$G$22=$B$17,14,0)+IF('Standard Profiles'!$G$22=$B$24,21,0),0)),0)</f>
        <v>0</v>
      </c>
      <c r="I331">
        <f t="shared" si="48"/>
        <v>8.8085456686785495</v>
      </c>
      <c r="J331">
        <f t="shared" si="49"/>
        <v>67.487116781687249</v>
      </c>
      <c r="K331">
        <f t="shared" si="50"/>
        <v>3.4256838634896054</v>
      </c>
      <c r="L331">
        <f t="shared" si="51"/>
        <v>1.7128419317448027</v>
      </c>
      <c r="M331">
        <f t="shared" si="52"/>
        <v>0</v>
      </c>
      <c r="N331" s="45">
        <f t="shared" si="53"/>
        <v>44939.37499999928</v>
      </c>
    </row>
    <row r="332" spans="2:14" x14ac:dyDescent="0.25">
      <c r="B332">
        <f t="shared" si="47"/>
        <v>5</v>
      </c>
      <c r="C332" s="16">
        <v>298</v>
      </c>
      <c r="D332" cm="1">
        <f t="array" ref="D332">IFERROR(INDEX(Jesper!AH$2:AH$366,ROUNDDOWN($C332/24,0)+1,1)*INDEX($D$3:$AA$30,INDEX(Jesper!$R$2:$R$366,ROW(INDEX(Jesper!AH$2:AH$366,ROUNDDOWN($C332/24,0)+1,1))-1)+IF('Standard Profiles'!$G$18=$B$10,7,0)+IF('Standard Profiles'!$G$18=$B$17,14,0)+IF('Standard Profiles'!$G$18=$B$24,21,0),MOD($C332,24)+1)/SUM(INDEX($D$3:$AA$30,INDEX(Jesper!$R$2:$R$366,ROW(INDEX(Jesper!AH$2:AH$366,ROUNDDOWN($C332/24,0)+1,1))-1)+IF('Standard Profiles'!$G$18=$B$10,7,0)+IF('Standard Profiles'!$G$18=$B$17,14,0)+IF('Standard Profiles'!$G$18=$B$24,21,0),0)),0)</f>
        <v>32.11578622021505</v>
      </c>
      <c r="E332" cm="1">
        <f t="array" ref="E332">IFERROR(INDEX(Jesper!AI$2:AI$366,ROUNDDOWN($C332/24,0)+1,1)*INDEX($D$3:$AA$30,INDEX(Jesper!$R$2:$R$366,ROW(INDEX(Jesper!AI$2:AI$366,ROUNDDOWN($C332/24,0)+1,1))-1)+IF('Standard Profiles'!$G$19=$B$10,7,0)+IF('Standard Profiles'!$G$19=$B$17,14,0)+IF('Standard Profiles'!$G$19=$B$24,21,0),MOD($C332,24)+1)/SUM(INDEX($D$3:$AA$30,INDEX(Jesper!$R$2:$R$366,ROW(INDEX(Jesper!AI$2:AI$366,ROUNDDOWN($C332/24,0)+1,1))-1)+IF('Standard Profiles'!$G$19=$B$10,7,0)+IF('Standard Profiles'!$G$19=$B$17,14,0)+IF('Standard Profiles'!$G$19=$B$24,21,0),0)),0)</f>
        <v>30.967265215638168</v>
      </c>
      <c r="F332" cm="1">
        <f t="array" ref="F332">IFERROR(INDEX(Jesper!AJ$2:AJ$366,ROUNDDOWN($C332/24,0)+1,1)*INDEX($D$3:$AA$30,INDEX(Jesper!$R$2:$R$366,ROW(INDEX(Jesper!AJ$2:AJ$366,ROUNDDOWN($C332/24,0)+1,1))-1)+IF('Standard Profiles'!$G$20=$B$10,7,0)+IF('Standard Profiles'!$G$20=$B$17,14,0)+IF('Standard Profiles'!$G$20=$B$24,21,0),MOD($C332,24)+1)/SUM(INDEX($D$3:$AA$30,INDEX(Jesper!$R$2:$R$366,ROW(INDEX(Jesper!AJ$2:AJ$366,ROUNDDOWN($C332/24,0)+1,1))-1)+IF('Standard Profiles'!$G$20=$B$10,7,0)+IF('Standard Profiles'!$G$20=$B$17,14,0)+IF('Standard Profiles'!$G$20=$B$24,21,0),0)),0)</f>
        <v>0</v>
      </c>
      <c r="G332" cm="1">
        <f t="array" ref="G332">IFERROR(INDEX(Jesper!AK$2:AK$366,ROUNDDOWN($C332/24,0)+1,1)*INDEX($D$3:$AA$30,INDEX(Jesper!$R$2:$R$366,ROW(INDEX(Jesper!AK$2:AK$366,ROUNDDOWN($C332/24,0)+1,1))-1)+IF('Standard Profiles'!$G$21=$B$10,7,0)+IF('Standard Profiles'!$G$21=$B$17,14,0)+IF('Standard Profiles'!$G$21=$B$24,21,0),MOD($C332,24)+1)/SUM(INDEX($D$3:$AA$30,INDEX(Jesper!$R$2:$R$366,ROW(INDEX(Jesper!AK$2:AK$366,ROUNDDOWN($C332/24,0)+1,1))-1)+IF('Standard Profiles'!$G$21=$B$10,7,0)+IF('Standard Profiles'!$G$21=$B$17,14,0)+IF('Standard Profiles'!$G$21=$B$24,21,0),0)),0)</f>
        <v>18.351136809746986</v>
      </c>
      <c r="H332" cm="1">
        <f t="array" ref="H332">IFERROR(INDEX(Jesper!AL$2:AL$366,ROUNDDOWN($C332/24,0)+1,1)*INDEX($D$3:$AA$30,INDEX(Jesper!$R$2:$R$366,ROW(INDEX(Jesper!AL$2:AL$366,ROUNDDOWN($C332/24,0)+1,1))-1)+IF('Standard Profiles'!$G$22=$B$10,7,0)+IF('Standard Profiles'!$G$22=$B$17,14,0)+IF('Standard Profiles'!$G$22=$B$24,21,0),MOD($C332,24)+1)/SUM(INDEX($D$3:$AA$30,INDEX(Jesper!$R$2:$R$366,ROW(INDEX(Jesper!AL$2:AL$366,ROUNDDOWN($C332/24,0)+1,1))-1)+IF('Standard Profiles'!$G$22=$B$10,7,0)+IF('Standard Profiles'!$G$22=$B$17,14,0)+IF('Standard Profiles'!$G$22=$B$24,21,0),0)),0)</f>
        <v>0</v>
      </c>
      <c r="I332">
        <f t="shared" si="48"/>
        <v>8.8085456686785495</v>
      </c>
      <c r="J332">
        <f t="shared" si="49"/>
        <v>67.487116781687249</v>
      </c>
      <c r="K332">
        <f t="shared" si="50"/>
        <v>3.4256838634896054</v>
      </c>
      <c r="L332">
        <f t="shared" si="51"/>
        <v>1.7128419317448027</v>
      </c>
      <c r="M332">
        <f t="shared" si="52"/>
        <v>0</v>
      </c>
      <c r="N332" s="45">
        <f t="shared" si="53"/>
        <v>44939.416666665944</v>
      </c>
    </row>
    <row r="333" spans="2:14" x14ac:dyDescent="0.25">
      <c r="B333">
        <f t="shared" si="47"/>
        <v>5</v>
      </c>
      <c r="C333" s="16">
        <v>299</v>
      </c>
      <c r="D333" cm="1">
        <f t="array" ref="D333">IFERROR(INDEX(Jesper!AH$2:AH$366,ROUNDDOWN($C333/24,0)+1,1)*INDEX($D$3:$AA$30,INDEX(Jesper!$R$2:$R$366,ROW(INDEX(Jesper!AH$2:AH$366,ROUNDDOWN($C333/24,0)+1,1))-1)+IF('Standard Profiles'!$G$18=$B$10,7,0)+IF('Standard Profiles'!$G$18=$B$17,14,0)+IF('Standard Profiles'!$G$18=$B$24,21,0),MOD($C333,24)+1)/SUM(INDEX($D$3:$AA$30,INDEX(Jesper!$R$2:$R$366,ROW(INDEX(Jesper!AH$2:AH$366,ROUNDDOWN($C333/24,0)+1,1))-1)+IF('Standard Profiles'!$G$18=$B$10,7,0)+IF('Standard Profiles'!$G$18=$B$17,14,0)+IF('Standard Profiles'!$G$18=$B$24,21,0),0)),0)</f>
        <v>37.955020078435972</v>
      </c>
      <c r="E333" cm="1">
        <f t="array" ref="E333">IFERROR(INDEX(Jesper!AI$2:AI$366,ROUNDDOWN($C333/24,0)+1,1)*INDEX($D$3:$AA$30,INDEX(Jesper!$R$2:$R$366,ROW(INDEX(Jesper!AI$2:AI$366,ROUNDDOWN($C333/24,0)+1,1))-1)+IF('Standard Profiles'!$G$19=$B$10,7,0)+IF('Standard Profiles'!$G$19=$B$17,14,0)+IF('Standard Profiles'!$G$19=$B$24,21,0),MOD($C333,24)+1)/SUM(INDEX($D$3:$AA$30,INDEX(Jesper!$R$2:$R$366,ROW(INDEX(Jesper!AI$2:AI$366,ROUNDDOWN($C333/24,0)+1,1))-1)+IF('Standard Profiles'!$G$19=$B$10,7,0)+IF('Standard Profiles'!$G$19=$B$17,14,0)+IF('Standard Profiles'!$G$19=$B$24,21,0),0)),0)</f>
        <v>36.597677073026929</v>
      </c>
      <c r="F333" cm="1">
        <f t="array" ref="F333">IFERROR(INDEX(Jesper!AJ$2:AJ$366,ROUNDDOWN($C333/24,0)+1,1)*INDEX($D$3:$AA$30,INDEX(Jesper!$R$2:$R$366,ROW(INDEX(Jesper!AJ$2:AJ$366,ROUNDDOWN($C333/24,0)+1,1))-1)+IF('Standard Profiles'!$G$20=$B$10,7,0)+IF('Standard Profiles'!$G$20=$B$17,14,0)+IF('Standard Profiles'!$G$20=$B$24,21,0),MOD($C333,24)+1)/SUM(INDEX($D$3:$AA$30,INDEX(Jesper!$R$2:$R$366,ROW(INDEX(Jesper!AJ$2:AJ$366,ROUNDDOWN($C333/24,0)+1,1))-1)+IF('Standard Profiles'!$G$20=$B$10,7,0)+IF('Standard Profiles'!$G$20=$B$17,14,0)+IF('Standard Profiles'!$G$20=$B$24,21,0),0)),0)</f>
        <v>0</v>
      </c>
      <c r="G333" cm="1">
        <f t="array" ref="G333">IFERROR(INDEX(Jesper!AK$2:AK$366,ROUNDDOWN($C333/24,0)+1,1)*INDEX($D$3:$AA$30,INDEX(Jesper!$R$2:$R$366,ROW(INDEX(Jesper!AK$2:AK$366,ROUNDDOWN($C333/24,0)+1,1))-1)+IF('Standard Profiles'!$G$21=$B$10,7,0)+IF('Standard Profiles'!$G$21=$B$17,14,0)+IF('Standard Profiles'!$G$21=$B$24,21,0),MOD($C333,24)+1)/SUM(INDEX($D$3:$AA$30,INDEX(Jesper!$R$2:$R$366,ROW(INDEX(Jesper!AK$2:AK$366,ROUNDDOWN($C333/24,0)+1,1))-1)+IF('Standard Profiles'!$G$21=$B$10,7,0)+IF('Standard Profiles'!$G$21=$B$17,14,0)+IF('Standard Profiles'!$G$21=$B$24,21,0),0)),0)</f>
        <v>21.687707138791893</v>
      </c>
      <c r="H333" cm="1">
        <f t="array" ref="H333">IFERROR(INDEX(Jesper!AL$2:AL$366,ROUNDDOWN($C333/24,0)+1,1)*INDEX($D$3:$AA$30,INDEX(Jesper!$R$2:$R$366,ROW(INDEX(Jesper!AL$2:AL$366,ROUNDDOWN($C333/24,0)+1,1))-1)+IF('Standard Profiles'!$G$22=$B$10,7,0)+IF('Standard Profiles'!$G$22=$B$17,14,0)+IF('Standard Profiles'!$G$22=$B$24,21,0),MOD($C333,24)+1)/SUM(INDEX($D$3:$AA$30,INDEX(Jesper!$R$2:$R$366,ROW(INDEX(Jesper!AL$2:AL$366,ROUNDDOWN($C333/24,0)+1,1))-1)+IF('Standard Profiles'!$G$22=$B$10,7,0)+IF('Standard Profiles'!$G$22=$B$17,14,0)+IF('Standard Profiles'!$G$22=$B$24,21,0),0)),0)</f>
        <v>0</v>
      </c>
      <c r="I333">
        <f t="shared" si="48"/>
        <v>10.410099426620103</v>
      </c>
      <c r="J333">
        <f t="shared" si="49"/>
        <v>79.757501651084922</v>
      </c>
      <c r="K333">
        <f t="shared" si="50"/>
        <v>4.0485354750331703</v>
      </c>
      <c r="L333">
        <f t="shared" si="51"/>
        <v>2.0242677375165852</v>
      </c>
      <c r="M333">
        <f t="shared" si="52"/>
        <v>0</v>
      </c>
      <c r="N333" s="45">
        <f t="shared" si="53"/>
        <v>44939.458333332608</v>
      </c>
    </row>
    <row r="334" spans="2:14" x14ac:dyDescent="0.25">
      <c r="B334">
        <f t="shared" si="47"/>
        <v>5</v>
      </c>
      <c r="C334" s="16">
        <v>300</v>
      </c>
      <c r="D334" cm="1">
        <f t="array" ref="D334">IFERROR(INDEX(Jesper!AH$2:AH$366,ROUNDDOWN($C334/24,0)+1,1)*INDEX($D$3:$AA$30,INDEX(Jesper!$R$2:$R$366,ROW(INDEX(Jesper!AH$2:AH$366,ROUNDDOWN($C334/24,0)+1,1))-1)+IF('Standard Profiles'!$G$18=$B$10,7,0)+IF('Standard Profiles'!$G$18=$B$17,14,0)+IF('Standard Profiles'!$G$18=$B$24,21,0),MOD($C334,24)+1)/SUM(INDEX($D$3:$AA$30,INDEX(Jesper!$R$2:$R$366,ROW(INDEX(Jesper!AH$2:AH$366,ROUNDDOWN($C334/24,0)+1,1))-1)+IF('Standard Profiles'!$G$18=$B$10,7,0)+IF('Standard Profiles'!$G$18=$B$17,14,0)+IF('Standard Profiles'!$G$18=$B$24,21,0),0)),0)</f>
        <v>37.955020078435972</v>
      </c>
      <c r="E334" cm="1">
        <f t="array" ref="E334">IFERROR(INDEX(Jesper!AI$2:AI$366,ROUNDDOWN($C334/24,0)+1,1)*INDEX($D$3:$AA$30,INDEX(Jesper!$R$2:$R$366,ROW(INDEX(Jesper!AI$2:AI$366,ROUNDDOWN($C334/24,0)+1,1))-1)+IF('Standard Profiles'!$G$19=$B$10,7,0)+IF('Standard Profiles'!$G$19=$B$17,14,0)+IF('Standard Profiles'!$G$19=$B$24,21,0),MOD($C334,24)+1)/SUM(INDEX($D$3:$AA$30,INDEX(Jesper!$R$2:$R$366,ROW(INDEX(Jesper!AI$2:AI$366,ROUNDDOWN($C334/24,0)+1,1))-1)+IF('Standard Profiles'!$G$19=$B$10,7,0)+IF('Standard Profiles'!$G$19=$B$17,14,0)+IF('Standard Profiles'!$G$19=$B$24,21,0),0)),0)</f>
        <v>36.597677073026929</v>
      </c>
      <c r="F334" cm="1">
        <f t="array" ref="F334">IFERROR(INDEX(Jesper!AJ$2:AJ$366,ROUNDDOWN($C334/24,0)+1,1)*INDEX($D$3:$AA$30,INDEX(Jesper!$R$2:$R$366,ROW(INDEX(Jesper!AJ$2:AJ$366,ROUNDDOWN($C334/24,0)+1,1))-1)+IF('Standard Profiles'!$G$20=$B$10,7,0)+IF('Standard Profiles'!$G$20=$B$17,14,0)+IF('Standard Profiles'!$G$20=$B$24,21,0),MOD($C334,24)+1)/SUM(INDEX($D$3:$AA$30,INDEX(Jesper!$R$2:$R$366,ROW(INDEX(Jesper!AJ$2:AJ$366,ROUNDDOWN($C334/24,0)+1,1))-1)+IF('Standard Profiles'!$G$20=$B$10,7,0)+IF('Standard Profiles'!$G$20=$B$17,14,0)+IF('Standard Profiles'!$G$20=$B$24,21,0),0)),0)</f>
        <v>0</v>
      </c>
      <c r="G334" cm="1">
        <f t="array" ref="G334">IFERROR(INDEX(Jesper!AK$2:AK$366,ROUNDDOWN($C334/24,0)+1,1)*INDEX($D$3:$AA$30,INDEX(Jesper!$R$2:$R$366,ROW(INDEX(Jesper!AK$2:AK$366,ROUNDDOWN($C334/24,0)+1,1))-1)+IF('Standard Profiles'!$G$21=$B$10,7,0)+IF('Standard Profiles'!$G$21=$B$17,14,0)+IF('Standard Profiles'!$G$21=$B$24,21,0),MOD($C334,24)+1)/SUM(INDEX($D$3:$AA$30,INDEX(Jesper!$R$2:$R$366,ROW(INDEX(Jesper!AK$2:AK$366,ROUNDDOWN($C334/24,0)+1,1))-1)+IF('Standard Profiles'!$G$21=$B$10,7,0)+IF('Standard Profiles'!$G$21=$B$17,14,0)+IF('Standard Profiles'!$G$21=$B$24,21,0),0)),0)</f>
        <v>21.687707138791893</v>
      </c>
      <c r="H334" cm="1">
        <f t="array" ref="H334">IFERROR(INDEX(Jesper!AL$2:AL$366,ROUNDDOWN($C334/24,0)+1,1)*INDEX($D$3:$AA$30,INDEX(Jesper!$R$2:$R$366,ROW(INDEX(Jesper!AL$2:AL$366,ROUNDDOWN($C334/24,0)+1,1))-1)+IF('Standard Profiles'!$G$22=$B$10,7,0)+IF('Standard Profiles'!$G$22=$B$17,14,0)+IF('Standard Profiles'!$G$22=$B$24,21,0),MOD($C334,24)+1)/SUM(INDEX($D$3:$AA$30,INDEX(Jesper!$R$2:$R$366,ROW(INDEX(Jesper!AL$2:AL$366,ROUNDDOWN($C334/24,0)+1,1))-1)+IF('Standard Profiles'!$G$22=$B$10,7,0)+IF('Standard Profiles'!$G$22=$B$17,14,0)+IF('Standard Profiles'!$G$22=$B$24,21,0),0)),0)</f>
        <v>0</v>
      </c>
      <c r="I334">
        <f t="shared" si="48"/>
        <v>10.410099426620103</v>
      </c>
      <c r="J334">
        <f t="shared" si="49"/>
        <v>79.757501651084922</v>
      </c>
      <c r="K334">
        <f t="shared" si="50"/>
        <v>4.0485354750331703</v>
      </c>
      <c r="L334">
        <f t="shared" si="51"/>
        <v>2.0242677375165852</v>
      </c>
      <c r="M334">
        <f t="shared" si="52"/>
        <v>0</v>
      </c>
      <c r="N334" s="45">
        <f t="shared" si="53"/>
        <v>44939.499999999272</v>
      </c>
    </row>
    <row r="335" spans="2:14" x14ac:dyDescent="0.25">
      <c r="B335">
        <f t="shared" si="47"/>
        <v>5</v>
      </c>
      <c r="C335" s="16">
        <v>301</v>
      </c>
      <c r="D335" cm="1">
        <f t="array" ref="D335">IFERROR(INDEX(Jesper!AH$2:AH$366,ROUNDDOWN($C335/24,0)+1,1)*INDEX($D$3:$AA$30,INDEX(Jesper!$R$2:$R$366,ROW(INDEX(Jesper!AH$2:AH$366,ROUNDDOWN($C335/24,0)+1,1))-1)+IF('Standard Profiles'!$G$18=$B$10,7,0)+IF('Standard Profiles'!$G$18=$B$17,14,0)+IF('Standard Profiles'!$G$18=$B$24,21,0),MOD($C335,24)+1)/SUM(INDEX($D$3:$AA$30,INDEX(Jesper!$R$2:$R$366,ROW(INDEX(Jesper!AH$2:AH$366,ROUNDDOWN($C335/24,0)+1,1))-1)+IF('Standard Profiles'!$G$18=$B$10,7,0)+IF('Standard Profiles'!$G$18=$B$17,14,0)+IF('Standard Profiles'!$G$18=$B$24,21,0),0)),0)</f>
        <v>26.276552361994131</v>
      </c>
      <c r="E335" cm="1">
        <f t="array" ref="E335">IFERROR(INDEX(Jesper!AI$2:AI$366,ROUNDDOWN($C335/24,0)+1,1)*INDEX($D$3:$AA$30,INDEX(Jesper!$R$2:$R$366,ROW(INDEX(Jesper!AI$2:AI$366,ROUNDDOWN($C335/24,0)+1,1))-1)+IF('Standard Profiles'!$G$19=$B$10,7,0)+IF('Standard Profiles'!$G$19=$B$17,14,0)+IF('Standard Profiles'!$G$19=$B$24,21,0),MOD($C335,24)+1)/SUM(INDEX($D$3:$AA$30,INDEX(Jesper!$R$2:$R$366,ROW(INDEX(Jesper!AI$2:AI$366,ROUNDDOWN($C335/24,0)+1,1))-1)+IF('Standard Profiles'!$G$19=$B$10,7,0)+IF('Standard Profiles'!$G$19=$B$17,14,0)+IF('Standard Profiles'!$G$19=$B$24,21,0),0)),0)</f>
        <v>25.33685335824941</v>
      </c>
      <c r="F335" cm="1">
        <f t="array" ref="F335">IFERROR(INDEX(Jesper!AJ$2:AJ$366,ROUNDDOWN($C335/24,0)+1,1)*INDEX($D$3:$AA$30,INDEX(Jesper!$R$2:$R$366,ROW(INDEX(Jesper!AJ$2:AJ$366,ROUNDDOWN($C335/24,0)+1,1))-1)+IF('Standard Profiles'!$G$20=$B$10,7,0)+IF('Standard Profiles'!$G$20=$B$17,14,0)+IF('Standard Profiles'!$G$20=$B$24,21,0),MOD($C335,24)+1)/SUM(INDEX($D$3:$AA$30,INDEX(Jesper!$R$2:$R$366,ROW(INDEX(Jesper!AJ$2:AJ$366,ROUNDDOWN($C335/24,0)+1,1))-1)+IF('Standard Profiles'!$G$20=$B$10,7,0)+IF('Standard Profiles'!$G$20=$B$17,14,0)+IF('Standard Profiles'!$G$20=$B$24,21,0),0)),0)</f>
        <v>0</v>
      </c>
      <c r="G335" cm="1">
        <f t="array" ref="G335">IFERROR(INDEX(Jesper!AK$2:AK$366,ROUNDDOWN($C335/24,0)+1,1)*INDEX($D$3:$AA$30,INDEX(Jesper!$R$2:$R$366,ROW(INDEX(Jesper!AK$2:AK$366,ROUNDDOWN($C335/24,0)+1,1))-1)+IF('Standard Profiles'!$G$21=$B$10,7,0)+IF('Standard Profiles'!$G$21=$B$17,14,0)+IF('Standard Profiles'!$G$21=$B$24,21,0),MOD($C335,24)+1)/SUM(INDEX($D$3:$AA$30,INDEX(Jesper!$R$2:$R$366,ROW(INDEX(Jesper!AK$2:AK$366,ROUNDDOWN($C335/24,0)+1,1))-1)+IF('Standard Profiles'!$G$21=$B$10,7,0)+IF('Standard Profiles'!$G$21=$B$17,14,0)+IF('Standard Profiles'!$G$21=$B$24,21,0),0)),0)</f>
        <v>15.014566480702081</v>
      </c>
      <c r="H335" cm="1">
        <f t="array" ref="H335">IFERROR(INDEX(Jesper!AL$2:AL$366,ROUNDDOWN($C335/24,0)+1,1)*INDEX($D$3:$AA$30,INDEX(Jesper!$R$2:$R$366,ROW(INDEX(Jesper!AL$2:AL$366,ROUNDDOWN($C335/24,0)+1,1))-1)+IF('Standard Profiles'!$G$22=$B$10,7,0)+IF('Standard Profiles'!$G$22=$B$17,14,0)+IF('Standard Profiles'!$G$22=$B$24,21,0),MOD($C335,24)+1)/SUM(INDEX($D$3:$AA$30,INDEX(Jesper!$R$2:$R$366,ROW(INDEX(Jesper!AL$2:AL$366,ROUNDDOWN($C335/24,0)+1,1))-1)+IF('Standard Profiles'!$G$22=$B$10,7,0)+IF('Standard Profiles'!$G$22=$B$17,14,0)+IF('Standard Profiles'!$G$22=$B$24,21,0),0)),0)</f>
        <v>0</v>
      </c>
      <c r="I335">
        <f t="shared" si="48"/>
        <v>7.2069919107369955</v>
      </c>
      <c r="J335">
        <f t="shared" si="49"/>
        <v>55.216731912289561</v>
      </c>
      <c r="K335">
        <f t="shared" si="50"/>
        <v>2.8028322519460409</v>
      </c>
      <c r="L335">
        <f t="shared" si="51"/>
        <v>1.4014161259730205</v>
      </c>
      <c r="M335">
        <f t="shared" si="52"/>
        <v>0</v>
      </c>
      <c r="N335" s="45">
        <f t="shared" si="53"/>
        <v>44939.541666665937</v>
      </c>
    </row>
    <row r="336" spans="2:14" x14ac:dyDescent="0.25">
      <c r="B336">
        <f t="shared" si="47"/>
        <v>5</v>
      </c>
      <c r="C336" s="16">
        <v>302</v>
      </c>
      <c r="D336" cm="1">
        <f t="array" ref="D336">IFERROR(INDEX(Jesper!AH$2:AH$366,ROUNDDOWN($C336/24,0)+1,1)*INDEX($D$3:$AA$30,INDEX(Jesper!$R$2:$R$366,ROW(INDEX(Jesper!AH$2:AH$366,ROUNDDOWN($C336/24,0)+1,1))-1)+IF('Standard Profiles'!$G$18=$B$10,7,0)+IF('Standard Profiles'!$G$18=$B$17,14,0)+IF('Standard Profiles'!$G$18=$B$24,21,0),MOD($C336,24)+1)/SUM(INDEX($D$3:$AA$30,INDEX(Jesper!$R$2:$R$366,ROW(INDEX(Jesper!AH$2:AH$366,ROUNDDOWN($C336/24,0)+1,1))-1)+IF('Standard Profiles'!$G$18=$B$10,7,0)+IF('Standard Profiles'!$G$18=$B$17,14,0)+IF('Standard Profiles'!$G$18=$B$24,21,0),0)),0)</f>
        <v>37.955020078435972</v>
      </c>
      <c r="E336" cm="1">
        <f t="array" ref="E336">IFERROR(INDEX(Jesper!AI$2:AI$366,ROUNDDOWN($C336/24,0)+1,1)*INDEX($D$3:$AA$30,INDEX(Jesper!$R$2:$R$366,ROW(INDEX(Jesper!AI$2:AI$366,ROUNDDOWN($C336/24,0)+1,1))-1)+IF('Standard Profiles'!$G$19=$B$10,7,0)+IF('Standard Profiles'!$G$19=$B$17,14,0)+IF('Standard Profiles'!$G$19=$B$24,21,0),MOD($C336,24)+1)/SUM(INDEX($D$3:$AA$30,INDEX(Jesper!$R$2:$R$366,ROW(INDEX(Jesper!AI$2:AI$366,ROUNDDOWN($C336/24,0)+1,1))-1)+IF('Standard Profiles'!$G$19=$B$10,7,0)+IF('Standard Profiles'!$G$19=$B$17,14,0)+IF('Standard Profiles'!$G$19=$B$24,21,0),0)),0)</f>
        <v>36.597677073026929</v>
      </c>
      <c r="F336" cm="1">
        <f t="array" ref="F336">IFERROR(INDEX(Jesper!AJ$2:AJ$366,ROUNDDOWN($C336/24,0)+1,1)*INDEX($D$3:$AA$30,INDEX(Jesper!$R$2:$R$366,ROW(INDEX(Jesper!AJ$2:AJ$366,ROUNDDOWN($C336/24,0)+1,1))-1)+IF('Standard Profiles'!$G$20=$B$10,7,0)+IF('Standard Profiles'!$G$20=$B$17,14,0)+IF('Standard Profiles'!$G$20=$B$24,21,0),MOD($C336,24)+1)/SUM(INDEX($D$3:$AA$30,INDEX(Jesper!$R$2:$R$366,ROW(INDEX(Jesper!AJ$2:AJ$366,ROUNDDOWN($C336/24,0)+1,1))-1)+IF('Standard Profiles'!$G$20=$B$10,7,0)+IF('Standard Profiles'!$G$20=$B$17,14,0)+IF('Standard Profiles'!$G$20=$B$24,21,0),0)),0)</f>
        <v>0</v>
      </c>
      <c r="G336" cm="1">
        <f t="array" ref="G336">IFERROR(INDEX(Jesper!AK$2:AK$366,ROUNDDOWN($C336/24,0)+1,1)*INDEX($D$3:$AA$30,INDEX(Jesper!$R$2:$R$366,ROW(INDEX(Jesper!AK$2:AK$366,ROUNDDOWN($C336/24,0)+1,1))-1)+IF('Standard Profiles'!$G$21=$B$10,7,0)+IF('Standard Profiles'!$G$21=$B$17,14,0)+IF('Standard Profiles'!$G$21=$B$24,21,0),MOD($C336,24)+1)/SUM(INDEX($D$3:$AA$30,INDEX(Jesper!$R$2:$R$366,ROW(INDEX(Jesper!AK$2:AK$366,ROUNDDOWN($C336/24,0)+1,1))-1)+IF('Standard Profiles'!$G$21=$B$10,7,0)+IF('Standard Profiles'!$G$21=$B$17,14,0)+IF('Standard Profiles'!$G$21=$B$24,21,0),0)),0)</f>
        <v>21.687707138791893</v>
      </c>
      <c r="H336" cm="1">
        <f t="array" ref="H336">IFERROR(INDEX(Jesper!AL$2:AL$366,ROUNDDOWN($C336/24,0)+1,1)*INDEX($D$3:$AA$30,INDEX(Jesper!$R$2:$R$366,ROW(INDEX(Jesper!AL$2:AL$366,ROUNDDOWN($C336/24,0)+1,1))-1)+IF('Standard Profiles'!$G$22=$B$10,7,0)+IF('Standard Profiles'!$G$22=$B$17,14,0)+IF('Standard Profiles'!$G$22=$B$24,21,0),MOD($C336,24)+1)/SUM(INDEX($D$3:$AA$30,INDEX(Jesper!$R$2:$R$366,ROW(INDEX(Jesper!AL$2:AL$366,ROUNDDOWN($C336/24,0)+1,1))-1)+IF('Standard Profiles'!$G$22=$B$10,7,0)+IF('Standard Profiles'!$G$22=$B$17,14,0)+IF('Standard Profiles'!$G$22=$B$24,21,0),0)),0)</f>
        <v>0</v>
      </c>
      <c r="I336">
        <f t="shared" si="48"/>
        <v>10.410099426620103</v>
      </c>
      <c r="J336">
        <f t="shared" si="49"/>
        <v>79.757501651084922</v>
      </c>
      <c r="K336">
        <f t="shared" si="50"/>
        <v>4.0485354750331703</v>
      </c>
      <c r="L336">
        <f t="shared" si="51"/>
        <v>2.0242677375165852</v>
      </c>
      <c r="M336">
        <f t="shared" si="52"/>
        <v>0</v>
      </c>
      <c r="N336" s="45">
        <f t="shared" si="53"/>
        <v>44939.583333332601</v>
      </c>
    </row>
    <row r="337" spans="2:14" x14ac:dyDescent="0.25">
      <c r="B337">
        <f t="shared" si="47"/>
        <v>5</v>
      </c>
      <c r="C337" s="16">
        <v>303</v>
      </c>
      <c r="D337" cm="1">
        <f t="array" ref="D337">IFERROR(INDEX(Jesper!AH$2:AH$366,ROUNDDOWN($C337/24,0)+1,1)*INDEX($D$3:$AA$30,INDEX(Jesper!$R$2:$R$366,ROW(INDEX(Jesper!AH$2:AH$366,ROUNDDOWN($C337/24,0)+1,1))-1)+IF('Standard Profiles'!$G$18=$B$10,7,0)+IF('Standard Profiles'!$G$18=$B$17,14,0)+IF('Standard Profiles'!$G$18=$B$24,21,0),MOD($C337,24)+1)/SUM(INDEX($D$3:$AA$30,INDEX(Jesper!$R$2:$R$366,ROW(INDEX(Jesper!AH$2:AH$366,ROUNDDOWN($C337/24,0)+1,1))-1)+IF('Standard Profiles'!$G$18=$B$10,7,0)+IF('Standard Profiles'!$G$18=$B$17,14,0)+IF('Standard Profiles'!$G$18=$B$24,21,0),0)),0)</f>
        <v>29.196169291104592</v>
      </c>
      <c r="E337" cm="1">
        <f t="array" ref="E337">IFERROR(INDEX(Jesper!AI$2:AI$366,ROUNDDOWN($C337/24,0)+1,1)*INDEX($D$3:$AA$30,INDEX(Jesper!$R$2:$R$366,ROW(INDEX(Jesper!AI$2:AI$366,ROUNDDOWN($C337/24,0)+1,1))-1)+IF('Standard Profiles'!$G$19=$B$10,7,0)+IF('Standard Profiles'!$G$19=$B$17,14,0)+IF('Standard Profiles'!$G$19=$B$24,21,0),MOD($C337,24)+1)/SUM(INDEX($D$3:$AA$30,INDEX(Jesper!$R$2:$R$366,ROW(INDEX(Jesper!AI$2:AI$366,ROUNDDOWN($C337/24,0)+1,1))-1)+IF('Standard Profiles'!$G$19=$B$10,7,0)+IF('Standard Profiles'!$G$19=$B$17,14,0)+IF('Standard Profiles'!$G$19=$B$24,21,0),0)),0)</f>
        <v>28.152059286943789</v>
      </c>
      <c r="F337" cm="1">
        <f t="array" ref="F337">IFERROR(INDEX(Jesper!AJ$2:AJ$366,ROUNDDOWN($C337/24,0)+1,1)*INDEX($D$3:$AA$30,INDEX(Jesper!$R$2:$R$366,ROW(INDEX(Jesper!AJ$2:AJ$366,ROUNDDOWN($C337/24,0)+1,1))-1)+IF('Standard Profiles'!$G$20=$B$10,7,0)+IF('Standard Profiles'!$G$20=$B$17,14,0)+IF('Standard Profiles'!$G$20=$B$24,21,0),MOD($C337,24)+1)/SUM(INDEX($D$3:$AA$30,INDEX(Jesper!$R$2:$R$366,ROW(INDEX(Jesper!AJ$2:AJ$366,ROUNDDOWN($C337/24,0)+1,1))-1)+IF('Standard Profiles'!$G$20=$B$10,7,0)+IF('Standard Profiles'!$G$20=$B$17,14,0)+IF('Standard Profiles'!$G$20=$B$24,21,0),0)),0)</f>
        <v>0</v>
      </c>
      <c r="G337" cm="1">
        <f t="array" ref="G337">IFERROR(INDEX(Jesper!AK$2:AK$366,ROUNDDOWN($C337/24,0)+1,1)*INDEX($D$3:$AA$30,INDEX(Jesper!$R$2:$R$366,ROW(INDEX(Jesper!AK$2:AK$366,ROUNDDOWN($C337/24,0)+1,1))-1)+IF('Standard Profiles'!$G$21=$B$10,7,0)+IF('Standard Profiles'!$G$21=$B$17,14,0)+IF('Standard Profiles'!$G$21=$B$24,21,0),MOD($C337,24)+1)/SUM(INDEX($D$3:$AA$30,INDEX(Jesper!$R$2:$R$366,ROW(INDEX(Jesper!AK$2:AK$366,ROUNDDOWN($C337/24,0)+1,1))-1)+IF('Standard Profiles'!$G$21=$B$10,7,0)+IF('Standard Profiles'!$G$21=$B$17,14,0)+IF('Standard Profiles'!$G$21=$B$24,21,0),0)),0)</f>
        <v>18.351136809746986</v>
      </c>
      <c r="H337" cm="1">
        <f t="array" ref="H337">IFERROR(INDEX(Jesper!AL$2:AL$366,ROUNDDOWN($C337/24,0)+1,1)*INDEX($D$3:$AA$30,INDEX(Jesper!$R$2:$R$366,ROW(INDEX(Jesper!AL$2:AL$366,ROUNDDOWN($C337/24,0)+1,1))-1)+IF('Standard Profiles'!$G$22=$B$10,7,0)+IF('Standard Profiles'!$G$22=$B$17,14,0)+IF('Standard Profiles'!$G$22=$B$24,21,0),MOD($C337,24)+1)/SUM(INDEX($D$3:$AA$30,INDEX(Jesper!$R$2:$R$366,ROW(INDEX(Jesper!AL$2:AL$366,ROUNDDOWN($C337/24,0)+1,1))-1)+IF('Standard Profiles'!$G$22=$B$10,7,0)+IF('Standard Profiles'!$G$22=$B$17,14,0)+IF('Standard Profiles'!$G$22=$B$24,21,0),0)),0)</f>
        <v>0</v>
      </c>
      <c r="I337">
        <f t="shared" si="48"/>
        <v>8.8085456686785495</v>
      </c>
      <c r="J337">
        <f t="shared" si="49"/>
        <v>62.219432632540084</v>
      </c>
      <c r="K337">
        <f t="shared" si="50"/>
        <v>3.1142580577178234</v>
      </c>
      <c r="L337">
        <f t="shared" si="51"/>
        <v>1.5571290288589117</v>
      </c>
      <c r="M337">
        <f t="shared" si="52"/>
        <v>0</v>
      </c>
      <c r="N337" s="45">
        <f t="shared" si="53"/>
        <v>44939.624999999265</v>
      </c>
    </row>
    <row r="338" spans="2:14" x14ac:dyDescent="0.25">
      <c r="B338">
        <f t="shared" si="47"/>
        <v>5</v>
      </c>
      <c r="C338" s="16">
        <v>304</v>
      </c>
      <c r="D338" cm="1">
        <f t="array" ref="D338">IFERROR(INDEX(Jesper!AH$2:AH$366,ROUNDDOWN($C338/24,0)+1,1)*INDEX($D$3:$AA$30,INDEX(Jesper!$R$2:$R$366,ROW(INDEX(Jesper!AH$2:AH$366,ROUNDDOWN($C338/24,0)+1,1))-1)+IF('Standard Profiles'!$G$18=$B$10,7,0)+IF('Standard Profiles'!$G$18=$B$17,14,0)+IF('Standard Profiles'!$G$18=$B$24,21,0),MOD($C338,24)+1)/SUM(INDEX($D$3:$AA$30,INDEX(Jesper!$R$2:$R$366,ROW(INDEX(Jesper!AH$2:AH$366,ROUNDDOWN($C338/24,0)+1,1))-1)+IF('Standard Profiles'!$G$18=$B$10,7,0)+IF('Standard Profiles'!$G$18=$B$17,14,0)+IF('Standard Profiles'!$G$18=$B$24,21,0),0)),0)</f>
        <v>13.707121732912954</v>
      </c>
      <c r="E338" cm="1">
        <f t="array" ref="E338">IFERROR(INDEX(Jesper!AI$2:AI$366,ROUNDDOWN($C338/24,0)+1,1)*INDEX($D$3:$AA$30,INDEX(Jesper!$R$2:$R$366,ROW(INDEX(Jesper!AI$2:AI$366,ROUNDDOWN($C338/24,0)+1,1))-1)+IF('Standard Profiles'!$G$19=$B$10,7,0)+IF('Standard Profiles'!$G$19=$B$17,14,0)+IF('Standard Profiles'!$G$19=$B$24,21,0),MOD($C338,24)+1)/SUM(INDEX($D$3:$AA$30,INDEX(Jesper!$R$2:$R$366,ROW(INDEX(Jesper!AI$2:AI$366,ROUNDDOWN($C338/24,0)+1,1))-1)+IF('Standard Profiles'!$G$19=$B$10,7,0)+IF('Standard Profiles'!$G$19=$B$17,14,0)+IF('Standard Profiles'!$G$19=$B$24,21,0),0)),0)</f>
        <v>13.216929242696615</v>
      </c>
      <c r="F338" cm="1">
        <f t="array" ref="F338">IFERROR(INDEX(Jesper!AJ$2:AJ$366,ROUNDDOWN($C338/24,0)+1,1)*INDEX($D$3:$AA$30,INDEX(Jesper!$R$2:$R$366,ROW(INDEX(Jesper!AJ$2:AJ$366,ROUNDDOWN($C338/24,0)+1,1))-1)+IF('Standard Profiles'!$G$20=$B$10,7,0)+IF('Standard Profiles'!$G$20=$B$17,14,0)+IF('Standard Profiles'!$G$20=$B$24,21,0),MOD($C338,24)+1)/SUM(INDEX($D$3:$AA$30,INDEX(Jesper!$R$2:$R$366,ROW(INDEX(Jesper!AJ$2:AJ$366,ROUNDDOWN($C338/24,0)+1,1))-1)+IF('Standard Profiles'!$G$20=$B$10,7,0)+IF('Standard Profiles'!$G$20=$B$17,14,0)+IF('Standard Profiles'!$G$20=$B$24,21,0),0)),0)</f>
        <v>0</v>
      </c>
      <c r="G338" cm="1">
        <f t="array" ref="G338">IFERROR(INDEX(Jesper!AK$2:AK$366,ROUNDDOWN($C338/24,0)+1,1)*INDEX($D$3:$AA$30,INDEX(Jesper!$R$2:$R$366,ROW(INDEX(Jesper!AK$2:AK$366,ROUNDDOWN($C338/24,0)+1,1))-1)+IF('Standard Profiles'!$G$21=$B$10,7,0)+IF('Standard Profiles'!$G$21=$B$17,14,0)+IF('Standard Profiles'!$G$21=$B$24,21,0),MOD($C338,24)+1)/SUM(INDEX($D$3:$AA$30,INDEX(Jesper!$R$2:$R$366,ROW(INDEX(Jesper!AK$2:AK$366,ROUNDDOWN($C338/24,0)+1,1))-1)+IF('Standard Profiles'!$G$21=$B$10,7,0)+IF('Standard Profiles'!$G$21=$B$17,14,0)+IF('Standard Profiles'!$G$21=$B$24,21,0),0)),0)</f>
        <v>15.888430138309079</v>
      </c>
      <c r="H338" cm="1">
        <f t="array" ref="H338">IFERROR(INDEX(Jesper!AL$2:AL$366,ROUNDDOWN($C338/24,0)+1,1)*INDEX($D$3:$AA$30,INDEX(Jesper!$R$2:$R$366,ROW(INDEX(Jesper!AL$2:AL$366,ROUNDDOWN($C338/24,0)+1,1))-1)+IF('Standard Profiles'!$G$22=$B$10,7,0)+IF('Standard Profiles'!$G$22=$B$17,14,0)+IF('Standard Profiles'!$G$22=$B$24,21,0),MOD($C338,24)+1)/SUM(INDEX($D$3:$AA$30,INDEX(Jesper!$R$2:$R$366,ROW(INDEX(Jesper!AL$2:AL$366,ROUNDDOWN($C338/24,0)+1,1))-1)+IF('Standard Profiles'!$G$22=$B$10,7,0)+IF('Standard Profiles'!$G$22=$B$17,14,0)+IF('Standard Profiles'!$G$22=$B$24,21,0),0)),0)</f>
        <v>0</v>
      </c>
      <c r="I338">
        <f t="shared" si="48"/>
        <v>7.6264464663883542</v>
      </c>
      <c r="J338">
        <f t="shared" si="49"/>
        <v>32.992895170264219</v>
      </c>
      <c r="K338">
        <f t="shared" si="50"/>
        <v>1.4620929848440485</v>
      </c>
      <c r="L338">
        <f t="shared" si="51"/>
        <v>0.73104649242202424</v>
      </c>
      <c r="M338">
        <f t="shared" si="52"/>
        <v>0</v>
      </c>
      <c r="N338" s="45">
        <f t="shared" si="53"/>
        <v>44939.666666665929</v>
      </c>
    </row>
    <row r="339" spans="2:14" x14ac:dyDescent="0.25">
      <c r="B339">
        <f t="shared" si="47"/>
        <v>5</v>
      </c>
      <c r="C339" s="16">
        <v>305</v>
      </c>
      <c r="D339" cm="1">
        <f t="array" ref="D339">IFERROR(INDEX(Jesper!AH$2:AH$366,ROUNDDOWN($C339/24,0)+1,1)*INDEX($D$3:$AA$30,INDEX(Jesper!$R$2:$R$366,ROW(INDEX(Jesper!AH$2:AH$366,ROUNDDOWN($C339/24,0)+1,1))-1)+IF('Standard Profiles'!$G$18=$B$10,7,0)+IF('Standard Profiles'!$G$18=$B$17,14,0)+IF('Standard Profiles'!$G$18=$B$24,21,0),MOD($C339,24)+1)/SUM(INDEX($D$3:$AA$30,INDEX(Jesper!$R$2:$R$366,ROW(INDEX(Jesper!AH$2:AH$366,ROUNDDOWN($C339/24,0)+1,1))-1)+IF('Standard Profiles'!$G$18=$B$10,7,0)+IF('Standard Profiles'!$G$18=$B$17,14,0)+IF('Standard Profiles'!$G$18=$B$24,21,0),0)),0)</f>
        <v>9.0467003437225486</v>
      </c>
      <c r="E339" cm="1">
        <f t="array" ref="E339">IFERROR(INDEX(Jesper!AI$2:AI$366,ROUNDDOWN($C339/24,0)+1,1)*INDEX($D$3:$AA$30,INDEX(Jesper!$R$2:$R$366,ROW(INDEX(Jesper!AI$2:AI$366,ROUNDDOWN($C339/24,0)+1,1))-1)+IF('Standard Profiles'!$G$19=$B$10,7,0)+IF('Standard Profiles'!$G$19=$B$17,14,0)+IF('Standard Profiles'!$G$19=$B$24,21,0),MOD($C339,24)+1)/SUM(INDEX($D$3:$AA$30,INDEX(Jesper!$R$2:$R$366,ROW(INDEX(Jesper!AI$2:AI$366,ROUNDDOWN($C339/24,0)+1,1))-1)+IF('Standard Profiles'!$G$19=$B$10,7,0)+IF('Standard Profiles'!$G$19=$B$17,14,0)+IF('Standard Profiles'!$G$19=$B$24,21,0),0)),0)</f>
        <v>8.7231733001797664</v>
      </c>
      <c r="F339" cm="1">
        <f t="array" ref="F339">IFERROR(INDEX(Jesper!AJ$2:AJ$366,ROUNDDOWN($C339/24,0)+1,1)*INDEX($D$3:$AA$30,INDEX(Jesper!$R$2:$R$366,ROW(INDEX(Jesper!AJ$2:AJ$366,ROUNDDOWN($C339/24,0)+1,1))-1)+IF('Standard Profiles'!$G$20=$B$10,7,0)+IF('Standard Profiles'!$G$20=$B$17,14,0)+IF('Standard Profiles'!$G$20=$B$24,21,0),MOD($C339,24)+1)/SUM(INDEX($D$3:$AA$30,INDEX(Jesper!$R$2:$R$366,ROW(INDEX(Jesper!AJ$2:AJ$366,ROUNDDOWN($C339/24,0)+1,1))-1)+IF('Standard Profiles'!$G$20=$B$10,7,0)+IF('Standard Profiles'!$G$20=$B$17,14,0)+IF('Standard Profiles'!$G$20=$B$24,21,0),0)),0)</f>
        <v>0</v>
      </c>
      <c r="G339" cm="1">
        <f t="array" ref="G339">IFERROR(INDEX(Jesper!AK$2:AK$366,ROUNDDOWN($C339/24,0)+1,1)*INDEX($D$3:$AA$30,INDEX(Jesper!$R$2:$R$366,ROW(INDEX(Jesper!AK$2:AK$366,ROUNDDOWN($C339/24,0)+1,1))-1)+IF('Standard Profiles'!$G$21=$B$10,7,0)+IF('Standard Profiles'!$G$21=$B$17,14,0)+IF('Standard Profiles'!$G$21=$B$24,21,0),MOD($C339,24)+1)/SUM(INDEX($D$3:$AA$30,INDEX(Jesper!$R$2:$R$366,ROW(INDEX(Jesper!AK$2:AK$366,ROUNDDOWN($C339/24,0)+1,1))-1)+IF('Standard Profiles'!$G$21=$B$10,7,0)+IF('Standard Profiles'!$G$21=$B$17,14,0)+IF('Standard Profiles'!$G$21=$B$24,21,0),0)),0)</f>
        <v>13.346281316179628</v>
      </c>
      <c r="H339" cm="1">
        <f t="array" ref="H339">IFERROR(INDEX(Jesper!AL$2:AL$366,ROUNDDOWN($C339/24,0)+1,1)*INDEX($D$3:$AA$30,INDEX(Jesper!$R$2:$R$366,ROW(INDEX(Jesper!AL$2:AL$366,ROUNDDOWN($C339/24,0)+1,1))-1)+IF('Standard Profiles'!$G$22=$B$10,7,0)+IF('Standard Profiles'!$G$22=$B$17,14,0)+IF('Standard Profiles'!$G$22=$B$24,21,0),MOD($C339,24)+1)/SUM(INDEX($D$3:$AA$30,INDEX(Jesper!$R$2:$R$366,ROW(INDEX(Jesper!AL$2:AL$366,ROUNDDOWN($C339/24,0)+1,1))-1)+IF('Standard Profiles'!$G$22=$B$10,7,0)+IF('Standard Profiles'!$G$22=$B$17,14,0)+IF('Standard Profiles'!$G$22=$B$24,21,0),0)),0)</f>
        <v>0</v>
      </c>
      <c r="I339">
        <f t="shared" si="48"/>
        <v>6.4062150317662176</v>
      </c>
      <c r="J339">
        <f t="shared" si="49"/>
        <v>23.262467873320119</v>
      </c>
      <c r="K339">
        <f t="shared" si="50"/>
        <v>0.96498136999707196</v>
      </c>
      <c r="L339">
        <f t="shared" si="51"/>
        <v>0.48249068499853598</v>
      </c>
      <c r="M339">
        <f t="shared" si="52"/>
        <v>0</v>
      </c>
      <c r="N339" s="45">
        <f t="shared" si="53"/>
        <v>44939.708333332594</v>
      </c>
    </row>
    <row r="340" spans="2:14" x14ac:dyDescent="0.25">
      <c r="B340">
        <f t="shared" si="47"/>
        <v>5</v>
      </c>
      <c r="C340" s="16">
        <v>306</v>
      </c>
      <c r="D340" cm="1">
        <f t="array" ref="D340">IFERROR(INDEX(Jesper!AH$2:AH$366,ROUNDDOWN($C340/24,0)+1,1)*INDEX($D$3:$AA$30,INDEX(Jesper!$R$2:$R$366,ROW(INDEX(Jesper!AH$2:AH$366,ROUNDDOWN($C340/24,0)+1,1))-1)+IF('Standard Profiles'!$G$18=$B$10,7,0)+IF('Standard Profiles'!$G$18=$B$17,14,0)+IF('Standard Profiles'!$G$18=$B$24,21,0),MOD($C340,24)+1)/SUM(INDEX($D$3:$AA$30,INDEX(Jesper!$R$2:$R$366,ROW(INDEX(Jesper!AH$2:AH$366,ROUNDDOWN($C340/24,0)+1,1))-1)+IF('Standard Profiles'!$G$18=$B$10,7,0)+IF('Standard Profiles'!$G$18=$B$17,14,0)+IF('Standard Profiles'!$G$18=$B$24,21,0),0)),0)</f>
        <v>5.75699112782344</v>
      </c>
      <c r="E340" cm="1">
        <f t="array" ref="E340">IFERROR(INDEX(Jesper!AI$2:AI$366,ROUNDDOWN($C340/24,0)+1,1)*INDEX($D$3:$AA$30,INDEX(Jesper!$R$2:$R$366,ROW(INDEX(Jesper!AI$2:AI$366,ROUNDDOWN($C340/24,0)+1,1))-1)+IF('Standard Profiles'!$G$19=$B$10,7,0)+IF('Standard Profiles'!$G$19=$B$17,14,0)+IF('Standard Profiles'!$G$19=$B$24,21,0),MOD($C340,24)+1)/SUM(INDEX($D$3:$AA$30,INDEX(Jesper!$R$2:$R$366,ROW(INDEX(Jesper!AI$2:AI$366,ROUNDDOWN($C340/24,0)+1,1))-1)+IF('Standard Profiles'!$G$19=$B$10,7,0)+IF('Standard Profiles'!$G$19=$B$17,14,0)+IF('Standard Profiles'!$G$19=$B$24,21,0),0)),0)</f>
        <v>5.5511102819325782</v>
      </c>
      <c r="F340" cm="1">
        <f t="array" ref="F340">IFERROR(INDEX(Jesper!AJ$2:AJ$366,ROUNDDOWN($C340/24,0)+1,1)*INDEX($D$3:$AA$30,INDEX(Jesper!$R$2:$R$366,ROW(INDEX(Jesper!AJ$2:AJ$366,ROUNDDOWN($C340/24,0)+1,1))-1)+IF('Standard Profiles'!$G$20=$B$10,7,0)+IF('Standard Profiles'!$G$20=$B$17,14,0)+IF('Standard Profiles'!$G$20=$B$24,21,0),MOD($C340,24)+1)/SUM(INDEX($D$3:$AA$30,INDEX(Jesper!$R$2:$R$366,ROW(INDEX(Jesper!AJ$2:AJ$366,ROUNDDOWN($C340/24,0)+1,1))-1)+IF('Standard Profiles'!$G$20=$B$10,7,0)+IF('Standard Profiles'!$G$20=$B$17,14,0)+IF('Standard Profiles'!$G$20=$B$24,21,0),0)),0)</f>
        <v>0</v>
      </c>
      <c r="G340" cm="1">
        <f t="array" ref="G340">IFERROR(INDEX(Jesper!AK$2:AK$366,ROUNDDOWN($C340/24,0)+1,1)*INDEX($D$3:$AA$30,INDEX(Jesper!$R$2:$R$366,ROW(INDEX(Jesper!AK$2:AK$366,ROUNDDOWN($C340/24,0)+1,1))-1)+IF('Standard Profiles'!$G$21=$B$10,7,0)+IF('Standard Profiles'!$G$21=$B$17,14,0)+IF('Standard Profiles'!$G$21=$B$24,21,0),MOD($C340,24)+1)/SUM(INDEX($D$3:$AA$30,INDEX(Jesper!$R$2:$R$366,ROW(INDEX(Jesper!AK$2:AK$366,ROUNDDOWN($C340/24,0)+1,1))-1)+IF('Standard Profiles'!$G$21=$B$10,7,0)+IF('Standard Profiles'!$G$21=$B$17,14,0)+IF('Standard Profiles'!$G$21=$B$24,21,0),0)),0)</f>
        <v>4.9254133428758147</v>
      </c>
      <c r="H340" cm="1">
        <f t="array" ref="H340">IFERROR(INDEX(Jesper!AL$2:AL$366,ROUNDDOWN($C340/24,0)+1,1)*INDEX($D$3:$AA$30,INDEX(Jesper!$R$2:$R$366,ROW(INDEX(Jesper!AL$2:AL$366,ROUNDDOWN($C340/24,0)+1,1))-1)+IF('Standard Profiles'!$G$22=$B$10,7,0)+IF('Standard Profiles'!$G$22=$B$17,14,0)+IF('Standard Profiles'!$G$22=$B$24,21,0),MOD($C340,24)+1)/SUM(INDEX($D$3:$AA$30,INDEX(Jesper!$R$2:$R$366,ROW(INDEX(Jesper!AL$2:AL$366,ROUNDDOWN($C340/24,0)+1,1))-1)+IF('Standard Profiles'!$G$22=$B$10,7,0)+IF('Standard Profiles'!$G$22=$B$17,14,0)+IF('Standard Profiles'!$G$22=$B$24,21,0),0)),0)</f>
        <v>0</v>
      </c>
      <c r="I340">
        <f t="shared" si="48"/>
        <v>2.3641984045803897</v>
      </c>
      <c r="J340">
        <f t="shared" si="49"/>
        <v>12.948197767599693</v>
      </c>
      <c r="K340">
        <f t="shared" si="50"/>
        <v>0.61407905363450033</v>
      </c>
      <c r="L340">
        <f t="shared" si="51"/>
        <v>0.30703952681725016</v>
      </c>
      <c r="M340">
        <f t="shared" si="52"/>
        <v>0</v>
      </c>
      <c r="N340" s="45">
        <f t="shared" si="53"/>
        <v>44939.749999999258</v>
      </c>
    </row>
    <row r="341" spans="2:14" x14ac:dyDescent="0.25">
      <c r="B341">
        <f t="shared" si="47"/>
        <v>5</v>
      </c>
      <c r="C341" s="16">
        <v>307</v>
      </c>
      <c r="D341" cm="1">
        <f t="array" ref="D341">IFERROR(INDEX(Jesper!AH$2:AH$366,ROUNDDOWN($C341/24,0)+1,1)*INDEX($D$3:$AA$30,INDEX(Jesper!$R$2:$R$366,ROW(INDEX(Jesper!AH$2:AH$366,ROUNDDOWN($C341/24,0)+1,1))-1)+IF('Standard Profiles'!$G$18=$B$10,7,0)+IF('Standard Profiles'!$G$18=$B$17,14,0)+IF('Standard Profiles'!$G$18=$B$24,21,0),MOD($C341,24)+1)/SUM(INDEX($D$3:$AA$30,INDEX(Jesper!$R$2:$R$366,ROW(INDEX(Jesper!AH$2:AH$366,ROUNDDOWN($C341/24,0)+1,1))-1)+IF('Standard Profiles'!$G$18=$B$10,7,0)+IF('Standard Profiles'!$G$18=$B$17,14,0)+IF('Standard Profiles'!$G$18=$B$24,21,0),0)),0)</f>
        <v>5.4828486931651819</v>
      </c>
      <c r="E341" cm="1">
        <f t="array" ref="E341">IFERROR(INDEX(Jesper!AI$2:AI$366,ROUNDDOWN($C341/24,0)+1,1)*INDEX($D$3:$AA$30,INDEX(Jesper!$R$2:$R$366,ROW(INDEX(Jesper!AI$2:AI$366,ROUNDDOWN($C341/24,0)+1,1))-1)+IF('Standard Profiles'!$G$19=$B$10,7,0)+IF('Standard Profiles'!$G$19=$B$17,14,0)+IF('Standard Profiles'!$G$19=$B$24,21,0),MOD($C341,24)+1)/SUM(INDEX($D$3:$AA$30,INDEX(Jesper!$R$2:$R$366,ROW(INDEX(Jesper!AI$2:AI$366,ROUNDDOWN($C341/24,0)+1,1))-1)+IF('Standard Profiles'!$G$19=$B$10,7,0)+IF('Standard Profiles'!$G$19=$B$17,14,0)+IF('Standard Profiles'!$G$19=$B$24,21,0),0)),0)</f>
        <v>5.2867716970786462</v>
      </c>
      <c r="F341" cm="1">
        <f t="array" ref="F341">IFERROR(INDEX(Jesper!AJ$2:AJ$366,ROUNDDOWN($C341/24,0)+1,1)*INDEX($D$3:$AA$30,INDEX(Jesper!$R$2:$R$366,ROW(INDEX(Jesper!AJ$2:AJ$366,ROUNDDOWN($C341/24,0)+1,1))-1)+IF('Standard Profiles'!$G$20=$B$10,7,0)+IF('Standard Profiles'!$G$20=$B$17,14,0)+IF('Standard Profiles'!$G$20=$B$24,21,0),MOD($C341,24)+1)/SUM(INDEX($D$3:$AA$30,INDEX(Jesper!$R$2:$R$366,ROW(INDEX(Jesper!AJ$2:AJ$366,ROUNDDOWN($C341/24,0)+1,1))-1)+IF('Standard Profiles'!$G$20=$B$10,7,0)+IF('Standard Profiles'!$G$20=$B$17,14,0)+IF('Standard Profiles'!$G$20=$B$24,21,0),0)),0)</f>
        <v>0</v>
      </c>
      <c r="G341" cm="1">
        <f t="array" ref="G341">IFERROR(INDEX(Jesper!AK$2:AK$366,ROUNDDOWN($C341/24,0)+1,1)*INDEX($D$3:$AA$30,INDEX(Jesper!$R$2:$R$366,ROW(INDEX(Jesper!AK$2:AK$366,ROUNDDOWN($C341/24,0)+1,1))-1)+IF('Standard Profiles'!$G$21=$B$10,7,0)+IF('Standard Profiles'!$G$21=$B$17,14,0)+IF('Standard Profiles'!$G$21=$B$24,21,0),MOD($C341,24)+1)/SUM(INDEX($D$3:$AA$30,INDEX(Jesper!$R$2:$R$366,ROW(INDEX(Jesper!AK$2:AK$366,ROUNDDOWN($C341/24,0)+1,1))-1)+IF('Standard Profiles'!$G$21=$B$10,7,0)+IF('Standard Profiles'!$G$21=$B$17,14,0)+IF('Standard Profiles'!$G$21=$B$24,21,0),0)),0)</f>
        <v>4.9254133428758147</v>
      </c>
      <c r="H341" cm="1">
        <f t="array" ref="H341">IFERROR(INDEX(Jesper!AL$2:AL$366,ROUNDDOWN($C341/24,0)+1,1)*INDEX($D$3:$AA$30,INDEX(Jesper!$R$2:$R$366,ROW(INDEX(Jesper!AL$2:AL$366,ROUNDDOWN($C341/24,0)+1,1))-1)+IF('Standard Profiles'!$G$22=$B$10,7,0)+IF('Standard Profiles'!$G$22=$B$17,14,0)+IF('Standard Profiles'!$G$22=$B$24,21,0),MOD($C341,24)+1)/SUM(INDEX($D$3:$AA$30,INDEX(Jesper!$R$2:$R$366,ROW(INDEX(Jesper!AL$2:AL$366,ROUNDDOWN($C341/24,0)+1,1))-1)+IF('Standard Profiles'!$G$22=$B$10,7,0)+IF('Standard Profiles'!$G$22=$B$17,14,0)+IF('Standard Profiles'!$G$22=$B$24,21,0),0)),0)</f>
        <v>0</v>
      </c>
      <c r="I341">
        <f t="shared" si="48"/>
        <v>2.3641984045803897</v>
      </c>
      <c r="J341">
        <f t="shared" si="49"/>
        <v>12.453579537632823</v>
      </c>
      <c r="K341">
        <f t="shared" si="50"/>
        <v>0.58483719393761946</v>
      </c>
      <c r="L341">
        <f t="shared" si="51"/>
        <v>0.29241859696880973</v>
      </c>
      <c r="M341">
        <f t="shared" si="52"/>
        <v>0</v>
      </c>
      <c r="N341" s="45">
        <f t="shared" si="53"/>
        <v>44939.791666665922</v>
      </c>
    </row>
    <row r="342" spans="2:14" x14ac:dyDescent="0.25">
      <c r="B342">
        <f t="shared" si="47"/>
        <v>5</v>
      </c>
      <c r="C342" s="16">
        <v>308</v>
      </c>
      <c r="D342" cm="1">
        <f t="array" ref="D342">IFERROR(INDEX(Jesper!AH$2:AH$366,ROUNDDOWN($C342/24,0)+1,1)*INDEX($D$3:$AA$30,INDEX(Jesper!$R$2:$R$366,ROW(INDEX(Jesper!AH$2:AH$366,ROUNDDOWN($C342/24,0)+1,1))-1)+IF('Standard Profiles'!$G$18=$B$10,7,0)+IF('Standard Profiles'!$G$18=$B$17,14,0)+IF('Standard Profiles'!$G$18=$B$24,21,0),MOD($C342,24)+1)/SUM(INDEX($D$3:$AA$30,INDEX(Jesper!$R$2:$R$366,ROW(INDEX(Jesper!AH$2:AH$366,ROUNDDOWN($C342/24,0)+1,1))-1)+IF('Standard Profiles'!$G$18=$B$10,7,0)+IF('Standard Profiles'!$G$18=$B$17,14,0)+IF('Standard Profiles'!$G$18=$B$24,21,0),0)),0)</f>
        <v>5.4828486931651819</v>
      </c>
      <c r="E342" cm="1">
        <f t="array" ref="E342">IFERROR(INDEX(Jesper!AI$2:AI$366,ROUNDDOWN($C342/24,0)+1,1)*INDEX($D$3:$AA$30,INDEX(Jesper!$R$2:$R$366,ROW(INDEX(Jesper!AI$2:AI$366,ROUNDDOWN($C342/24,0)+1,1))-1)+IF('Standard Profiles'!$G$19=$B$10,7,0)+IF('Standard Profiles'!$G$19=$B$17,14,0)+IF('Standard Profiles'!$G$19=$B$24,21,0),MOD($C342,24)+1)/SUM(INDEX($D$3:$AA$30,INDEX(Jesper!$R$2:$R$366,ROW(INDEX(Jesper!AI$2:AI$366,ROUNDDOWN($C342/24,0)+1,1))-1)+IF('Standard Profiles'!$G$19=$B$10,7,0)+IF('Standard Profiles'!$G$19=$B$17,14,0)+IF('Standard Profiles'!$G$19=$B$24,21,0),0)),0)</f>
        <v>5.2867716970786462</v>
      </c>
      <c r="F342" cm="1">
        <f t="array" ref="F342">IFERROR(INDEX(Jesper!AJ$2:AJ$366,ROUNDDOWN($C342/24,0)+1,1)*INDEX($D$3:$AA$30,INDEX(Jesper!$R$2:$R$366,ROW(INDEX(Jesper!AJ$2:AJ$366,ROUNDDOWN($C342/24,0)+1,1))-1)+IF('Standard Profiles'!$G$20=$B$10,7,0)+IF('Standard Profiles'!$G$20=$B$17,14,0)+IF('Standard Profiles'!$G$20=$B$24,21,0),MOD($C342,24)+1)/SUM(INDEX($D$3:$AA$30,INDEX(Jesper!$R$2:$R$366,ROW(INDEX(Jesper!AJ$2:AJ$366,ROUNDDOWN($C342/24,0)+1,1))-1)+IF('Standard Profiles'!$G$20=$B$10,7,0)+IF('Standard Profiles'!$G$20=$B$17,14,0)+IF('Standard Profiles'!$G$20=$B$24,21,0),0)),0)</f>
        <v>0</v>
      </c>
      <c r="G342" cm="1">
        <f t="array" ref="G342">IFERROR(INDEX(Jesper!AK$2:AK$366,ROUNDDOWN($C342/24,0)+1,1)*INDEX($D$3:$AA$30,INDEX(Jesper!$R$2:$R$366,ROW(INDEX(Jesper!AK$2:AK$366,ROUNDDOWN($C342/24,0)+1,1))-1)+IF('Standard Profiles'!$G$21=$B$10,7,0)+IF('Standard Profiles'!$G$21=$B$17,14,0)+IF('Standard Profiles'!$G$21=$B$24,21,0),MOD($C342,24)+1)/SUM(INDEX($D$3:$AA$30,INDEX(Jesper!$R$2:$R$366,ROW(INDEX(Jesper!AK$2:AK$366,ROUNDDOWN($C342/24,0)+1,1))-1)+IF('Standard Profiles'!$G$21=$B$10,7,0)+IF('Standard Profiles'!$G$21=$B$17,14,0)+IF('Standard Profiles'!$G$21=$B$24,21,0),0)),0)</f>
        <v>4.9254133428758147</v>
      </c>
      <c r="H342" cm="1">
        <f t="array" ref="H342">IFERROR(INDEX(Jesper!AL$2:AL$366,ROUNDDOWN($C342/24,0)+1,1)*INDEX($D$3:$AA$30,INDEX(Jesper!$R$2:$R$366,ROW(INDEX(Jesper!AL$2:AL$366,ROUNDDOWN($C342/24,0)+1,1))-1)+IF('Standard Profiles'!$G$22=$B$10,7,0)+IF('Standard Profiles'!$G$22=$B$17,14,0)+IF('Standard Profiles'!$G$22=$B$24,21,0),MOD($C342,24)+1)/SUM(INDEX($D$3:$AA$30,INDEX(Jesper!$R$2:$R$366,ROW(INDEX(Jesper!AL$2:AL$366,ROUNDDOWN($C342/24,0)+1,1))-1)+IF('Standard Profiles'!$G$22=$B$10,7,0)+IF('Standard Profiles'!$G$22=$B$17,14,0)+IF('Standard Profiles'!$G$22=$B$24,21,0),0)),0)</f>
        <v>0</v>
      </c>
      <c r="I342">
        <f t="shared" si="48"/>
        <v>2.3641984045803897</v>
      </c>
      <c r="J342">
        <f t="shared" si="49"/>
        <v>12.453579537632823</v>
      </c>
      <c r="K342">
        <f t="shared" si="50"/>
        <v>0.58483719393761946</v>
      </c>
      <c r="L342">
        <f t="shared" si="51"/>
        <v>0.29241859696880973</v>
      </c>
      <c r="M342">
        <f t="shared" si="52"/>
        <v>0</v>
      </c>
      <c r="N342" s="45">
        <f t="shared" si="53"/>
        <v>44939.833333332586</v>
      </c>
    </row>
    <row r="343" spans="2:14" x14ac:dyDescent="0.25">
      <c r="B343">
        <f t="shared" si="47"/>
        <v>5</v>
      </c>
      <c r="C343" s="16">
        <v>309</v>
      </c>
      <c r="D343" cm="1">
        <f t="array" ref="D343">IFERROR(INDEX(Jesper!AH$2:AH$366,ROUNDDOWN($C343/24,0)+1,1)*INDEX($D$3:$AA$30,INDEX(Jesper!$R$2:$R$366,ROW(INDEX(Jesper!AH$2:AH$366,ROUNDDOWN($C343/24,0)+1,1))-1)+IF('Standard Profiles'!$G$18=$B$10,7,0)+IF('Standard Profiles'!$G$18=$B$17,14,0)+IF('Standard Profiles'!$G$18=$B$24,21,0),MOD($C343,24)+1)/SUM(INDEX($D$3:$AA$30,INDEX(Jesper!$R$2:$R$366,ROW(INDEX(Jesper!AH$2:AH$366,ROUNDDOWN($C343/24,0)+1,1))-1)+IF('Standard Profiles'!$G$18=$B$10,7,0)+IF('Standard Profiles'!$G$18=$B$17,14,0)+IF('Standard Profiles'!$G$18=$B$24,21,0),0)),0)</f>
        <v>5.4828486931651819</v>
      </c>
      <c r="E343" cm="1">
        <f t="array" ref="E343">IFERROR(INDEX(Jesper!AI$2:AI$366,ROUNDDOWN($C343/24,0)+1,1)*INDEX($D$3:$AA$30,INDEX(Jesper!$R$2:$R$366,ROW(INDEX(Jesper!AI$2:AI$366,ROUNDDOWN($C343/24,0)+1,1))-1)+IF('Standard Profiles'!$G$19=$B$10,7,0)+IF('Standard Profiles'!$G$19=$B$17,14,0)+IF('Standard Profiles'!$G$19=$B$24,21,0),MOD($C343,24)+1)/SUM(INDEX($D$3:$AA$30,INDEX(Jesper!$R$2:$R$366,ROW(INDEX(Jesper!AI$2:AI$366,ROUNDDOWN($C343/24,0)+1,1))-1)+IF('Standard Profiles'!$G$19=$B$10,7,0)+IF('Standard Profiles'!$G$19=$B$17,14,0)+IF('Standard Profiles'!$G$19=$B$24,21,0),0)),0)</f>
        <v>5.2867716970786462</v>
      </c>
      <c r="F343" cm="1">
        <f t="array" ref="F343">IFERROR(INDEX(Jesper!AJ$2:AJ$366,ROUNDDOWN($C343/24,0)+1,1)*INDEX($D$3:$AA$30,INDEX(Jesper!$R$2:$R$366,ROW(INDEX(Jesper!AJ$2:AJ$366,ROUNDDOWN($C343/24,0)+1,1))-1)+IF('Standard Profiles'!$G$20=$B$10,7,0)+IF('Standard Profiles'!$G$20=$B$17,14,0)+IF('Standard Profiles'!$G$20=$B$24,21,0),MOD($C343,24)+1)/SUM(INDEX($D$3:$AA$30,INDEX(Jesper!$R$2:$R$366,ROW(INDEX(Jesper!AJ$2:AJ$366,ROUNDDOWN($C343/24,0)+1,1))-1)+IF('Standard Profiles'!$G$20=$B$10,7,0)+IF('Standard Profiles'!$G$20=$B$17,14,0)+IF('Standard Profiles'!$G$20=$B$24,21,0),0)),0)</f>
        <v>0</v>
      </c>
      <c r="G343" cm="1">
        <f t="array" ref="G343">IFERROR(INDEX(Jesper!AK$2:AK$366,ROUNDDOWN($C343/24,0)+1,1)*INDEX($D$3:$AA$30,INDEX(Jesper!$R$2:$R$366,ROW(INDEX(Jesper!AK$2:AK$366,ROUNDDOWN($C343/24,0)+1,1))-1)+IF('Standard Profiles'!$G$21=$B$10,7,0)+IF('Standard Profiles'!$G$21=$B$17,14,0)+IF('Standard Profiles'!$G$21=$B$24,21,0),MOD($C343,24)+1)/SUM(INDEX($D$3:$AA$30,INDEX(Jesper!$R$2:$R$366,ROW(INDEX(Jesper!AK$2:AK$366,ROUNDDOWN($C343/24,0)+1,1))-1)+IF('Standard Profiles'!$G$21=$B$10,7,0)+IF('Standard Profiles'!$G$21=$B$17,14,0)+IF('Standard Profiles'!$G$21=$B$24,21,0),0)),0)</f>
        <v>4.9254133428758147</v>
      </c>
      <c r="H343" cm="1">
        <f t="array" ref="H343">IFERROR(INDEX(Jesper!AL$2:AL$366,ROUNDDOWN($C343/24,0)+1,1)*INDEX($D$3:$AA$30,INDEX(Jesper!$R$2:$R$366,ROW(INDEX(Jesper!AL$2:AL$366,ROUNDDOWN($C343/24,0)+1,1))-1)+IF('Standard Profiles'!$G$22=$B$10,7,0)+IF('Standard Profiles'!$G$22=$B$17,14,0)+IF('Standard Profiles'!$G$22=$B$24,21,0),MOD($C343,24)+1)/SUM(INDEX($D$3:$AA$30,INDEX(Jesper!$R$2:$R$366,ROW(INDEX(Jesper!AL$2:AL$366,ROUNDDOWN($C343/24,0)+1,1))-1)+IF('Standard Profiles'!$G$22=$B$10,7,0)+IF('Standard Profiles'!$G$22=$B$17,14,0)+IF('Standard Profiles'!$G$22=$B$24,21,0),0)),0)</f>
        <v>0</v>
      </c>
      <c r="I343">
        <f t="shared" si="48"/>
        <v>2.3641984045803897</v>
      </c>
      <c r="J343">
        <f t="shared" si="49"/>
        <v>12.453579537632823</v>
      </c>
      <c r="K343">
        <f t="shared" si="50"/>
        <v>0.58483719393761946</v>
      </c>
      <c r="L343">
        <f t="shared" si="51"/>
        <v>0.29241859696880973</v>
      </c>
      <c r="M343">
        <f t="shared" si="52"/>
        <v>0</v>
      </c>
      <c r="N343" s="45">
        <f t="shared" si="53"/>
        <v>44939.874999999251</v>
      </c>
    </row>
    <row r="344" spans="2:14" x14ac:dyDescent="0.25">
      <c r="B344">
        <f t="shared" si="47"/>
        <v>5</v>
      </c>
      <c r="C344" s="16">
        <v>310</v>
      </c>
      <c r="D344" cm="1">
        <f t="array" ref="D344">IFERROR(INDEX(Jesper!AH$2:AH$366,ROUNDDOWN($C344/24,0)+1,1)*INDEX($D$3:$AA$30,INDEX(Jesper!$R$2:$R$366,ROW(INDEX(Jesper!AH$2:AH$366,ROUNDDOWN($C344/24,0)+1,1))-1)+IF('Standard Profiles'!$G$18=$B$10,7,0)+IF('Standard Profiles'!$G$18=$B$17,14,0)+IF('Standard Profiles'!$G$18=$B$24,21,0),MOD($C344,24)+1)/SUM(INDEX($D$3:$AA$30,INDEX(Jesper!$R$2:$R$366,ROW(INDEX(Jesper!AH$2:AH$366,ROUNDDOWN($C344/24,0)+1,1))-1)+IF('Standard Profiles'!$G$18=$B$10,7,0)+IF('Standard Profiles'!$G$18=$B$17,14,0)+IF('Standard Profiles'!$G$18=$B$24,21,0),0)),0)</f>
        <v>5.4828486931651819</v>
      </c>
      <c r="E344" cm="1">
        <f t="array" ref="E344">IFERROR(INDEX(Jesper!AI$2:AI$366,ROUNDDOWN($C344/24,0)+1,1)*INDEX($D$3:$AA$30,INDEX(Jesper!$R$2:$R$366,ROW(INDEX(Jesper!AI$2:AI$366,ROUNDDOWN($C344/24,0)+1,1))-1)+IF('Standard Profiles'!$G$19=$B$10,7,0)+IF('Standard Profiles'!$G$19=$B$17,14,0)+IF('Standard Profiles'!$G$19=$B$24,21,0),MOD($C344,24)+1)/SUM(INDEX($D$3:$AA$30,INDEX(Jesper!$R$2:$R$366,ROW(INDEX(Jesper!AI$2:AI$366,ROUNDDOWN($C344/24,0)+1,1))-1)+IF('Standard Profiles'!$G$19=$B$10,7,0)+IF('Standard Profiles'!$G$19=$B$17,14,0)+IF('Standard Profiles'!$G$19=$B$24,21,0),0)),0)</f>
        <v>5.2867716970786462</v>
      </c>
      <c r="F344" cm="1">
        <f t="array" ref="F344">IFERROR(INDEX(Jesper!AJ$2:AJ$366,ROUNDDOWN($C344/24,0)+1,1)*INDEX($D$3:$AA$30,INDEX(Jesper!$R$2:$R$366,ROW(INDEX(Jesper!AJ$2:AJ$366,ROUNDDOWN($C344/24,0)+1,1))-1)+IF('Standard Profiles'!$G$20=$B$10,7,0)+IF('Standard Profiles'!$G$20=$B$17,14,0)+IF('Standard Profiles'!$G$20=$B$24,21,0),MOD($C344,24)+1)/SUM(INDEX($D$3:$AA$30,INDEX(Jesper!$R$2:$R$366,ROW(INDEX(Jesper!AJ$2:AJ$366,ROUNDDOWN($C344/24,0)+1,1))-1)+IF('Standard Profiles'!$G$20=$B$10,7,0)+IF('Standard Profiles'!$G$20=$B$17,14,0)+IF('Standard Profiles'!$G$20=$B$24,21,0),0)),0)</f>
        <v>0</v>
      </c>
      <c r="G344" cm="1">
        <f t="array" ref="G344">IFERROR(INDEX(Jesper!AK$2:AK$366,ROUNDDOWN($C344/24,0)+1,1)*INDEX($D$3:$AA$30,INDEX(Jesper!$R$2:$R$366,ROW(INDEX(Jesper!AK$2:AK$366,ROUNDDOWN($C344/24,0)+1,1))-1)+IF('Standard Profiles'!$G$21=$B$10,7,0)+IF('Standard Profiles'!$G$21=$B$17,14,0)+IF('Standard Profiles'!$G$21=$B$24,21,0),MOD($C344,24)+1)/SUM(INDEX($D$3:$AA$30,INDEX(Jesper!$R$2:$R$366,ROW(INDEX(Jesper!AK$2:AK$366,ROUNDDOWN($C344/24,0)+1,1))-1)+IF('Standard Profiles'!$G$21=$B$10,7,0)+IF('Standard Profiles'!$G$21=$B$17,14,0)+IF('Standard Profiles'!$G$21=$B$24,21,0),0)),0)</f>
        <v>4.9254133428758147</v>
      </c>
      <c r="H344" cm="1">
        <f t="array" ref="H344">IFERROR(INDEX(Jesper!AL$2:AL$366,ROUNDDOWN($C344/24,0)+1,1)*INDEX($D$3:$AA$30,INDEX(Jesper!$R$2:$R$366,ROW(INDEX(Jesper!AL$2:AL$366,ROUNDDOWN($C344/24,0)+1,1))-1)+IF('Standard Profiles'!$G$22=$B$10,7,0)+IF('Standard Profiles'!$G$22=$B$17,14,0)+IF('Standard Profiles'!$G$22=$B$24,21,0),MOD($C344,24)+1)/SUM(INDEX($D$3:$AA$30,INDEX(Jesper!$R$2:$R$366,ROW(INDEX(Jesper!AL$2:AL$366,ROUNDDOWN($C344/24,0)+1,1))-1)+IF('Standard Profiles'!$G$22=$B$10,7,0)+IF('Standard Profiles'!$G$22=$B$17,14,0)+IF('Standard Profiles'!$G$22=$B$24,21,0),0)),0)</f>
        <v>0</v>
      </c>
      <c r="I344">
        <f t="shared" si="48"/>
        <v>2.3641984045803897</v>
      </c>
      <c r="J344">
        <f t="shared" si="49"/>
        <v>12.453579537632823</v>
      </c>
      <c r="K344">
        <f t="shared" si="50"/>
        <v>0.58483719393761946</v>
      </c>
      <c r="L344">
        <f t="shared" si="51"/>
        <v>0.29241859696880973</v>
      </c>
      <c r="M344">
        <f t="shared" si="52"/>
        <v>0</v>
      </c>
      <c r="N344" s="45">
        <f t="shared" si="53"/>
        <v>44939.916666665915</v>
      </c>
    </row>
    <row r="345" spans="2:14" x14ac:dyDescent="0.25">
      <c r="B345">
        <f t="shared" si="47"/>
        <v>5</v>
      </c>
      <c r="C345" s="16">
        <v>311</v>
      </c>
      <c r="D345" cm="1">
        <f t="array" ref="D345">IFERROR(INDEX(Jesper!AH$2:AH$366,ROUNDDOWN($C345/24,0)+1,1)*INDEX($D$3:$AA$30,INDEX(Jesper!$R$2:$R$366,ROW(INDEX(Jesper!AH$2:AH$366,ROUNDDOWN($C345/24,0)+1,1))-1)+IF('Standard Profiles'!$G$18=$B$10,7,0)+IF('Standard Profiles'!$G$18=$B$17,14,0)+IF('Standard Profiles'!$G$18=$B$24,21,0),MOD($C345,24)+1)/SUM(INDEX($D$3:$AA$30,INDEX(Jesper!$R$2:$R$366,ROW(INDEX(Jesper!AH$2:AH$366,ROUNDDOWN($C345/24,0)+1,1))-1)+IF('Standard Profiles'!$G$18=$B$10,7,0)+IF('Standard Profiles'!$G$18=$B$17,14,0)+IF('Standard Profiles'!$G$18=$B$24,21,0),0)),0)</f>
        <v>5.4828486931651819</v>
      </c>
      <c r="E345" cm="1">
        <f t="array" ref="E345">IFERROR(INDEX(Jesper!AI$2:AI$366,ROUNDDOWN($C345/24,0)+1,1)*INDEX($D$3:$AA$30,INDEX(Jesper!$R$2:$R$366,ROW(INDEX(Jesper!AI$2:AI$366,ROUNDDOWN($C345/24,0)+1,1))-1)+IF('Standard Profiles'!$G$19=$B$10,7,0)+IF('Standard Profiles'!$G$19=$B$17,14,0)+IF('Standard Profiles'!$G$19=$B$24,21,0),MOD($C345,24)+1)/SUM(INDEX($D$3:$AA$30,INDEX(Jesper!$R$2:$R$366,ROW(INDEX(Jesper!AI$2:AI$366,ROUNDDOWN($C345/24,0)+1,1))-1)+IF('Standard Profiles'!$G$19=$B$10,7,0)+IF('Standard Profiles'!$G$19=$B$17,14,0)+IF('Standard Profiles'!$G$19=$B$24,21,0),0)),0)</f>
        <v>5.2867716970786462</v>
      </c>
      <c r="F345" cm="1">
        <f t="array" ref="F345">IFERROR(INDEX(Jesper!AJ$2:AJ$366,ROUNDDOWN($C345/24,0)+1,1)*INDEX($D$3:$AA$30,INDEX(Jesper!$R$2:$R$366,ROW(INDEX(Jesper!AJ$2:AJ$366,ROUNDDOWN($C345/24,0)+1,1))-1)+IF('Standard Profiles'!$G$20=$B$10,7,0)+IF('Standard Profiles'!$G$20=$B$17,14,0)+IF('Standard Profiles'!$G$20=$B$24,21,0),MOD($C345,24)+1)/SUM(INDEX($D$3:$AA$30,INDEX(Jesper!$R$2:$R$366,ROW(INDEX(Jesper!AJ$2:AJ$366,ROUNDDOWN($C345/24,0)+1,1))-1)+IF('Standard Profiles'!$G$20=$B$10,7,0)+IF('Standard Profiles'!$G$20=$B$17,14,0)+IF('Standard Profiles'!$G$20=$B$24,21,0),0)),0)</f>
        <v>0</v>
      </c>
      <c r="G345" cm="1">
        <f t="array" ref="G345">IFERROR(INDEX(Jesper!AK$2:AK$366,ROUNDDOWN($C345/24,0)+1,1)*INDEX($D$3:$AA$30,INDEX(Jesper!$R$2:$R$366,ROW(INDEX(Jesper!AK$2:AK$366,ROUNDDOWN($C345/24,0)+1,1))-1)+IF('Standard Profiles'!$G$21=$B$10,7,0)+IF('Standard Profiles'!$G$21=$B$17,14,0)+IF('Standard Profiles'!$G$21=$B$24,21,0),MOD($C345,24)+1)/SUM(INDEX($D$3:$AA$30,INDEX(Jesper!$R$2:$R$366,ROW(INDEX(Jesper!AK$2:AK$366,ROUNDDOWN($C345/24,0)+1,1))-1)+IF('Standard Profiles'!$G$21=$B$10,7,0)+IF('Standard Profiles'!$G$21=$B$17,14,0)+IF('Standard Profiles'!$G$21=$B$24,21,0),0)),0)</f>
        <v>4.9254133428758147</v>
      </c>
      <c r="H345" cm="1">
        <f t="array" ref="H345">IFERROR(INDEX(Jesper!AL$2:AL$366,ROUNDDOWN($C345/24,0)+1,1)*INDEX($D$3:$AA$30,INDEX(Jesper!$R$2:$R$366,ROW(INDEX(Jesper!AL$2:AL$366,ROUNDDOWN($C345/24,0)+1,1))-1)+IF('Standard Profiles'!$G$22=$B$10,7,0)+IF('Standard Profiles'!$G$22=$B$17,14,0)+IF('Standard Profiles'!$G$22=$B$24,21,0),MOD($C345,24)+1)/SUM(INDEX($D$3:$AA$30,INDEX(Jesper!$R$2:$R$366,ROW(INDEX(Jesper!AL$2:AL$366,ROUNDDOWN($C345/24,0)+1,1))-1)+IF('Standard Profiles'!$G$22=$B$10,7,0)+IF('Standard Profiles'!$G$22=$B$17,14,0)+IF('Standard Profiles'!$G$22=$B$24,21,0),0)),0)</f>
        <v>0</v>
      </c>
      <c r="I345">
        <f t="shared" si="48"/>
        <v>2.3641984045803897</v>
      </c>
      <c r="J345">
        <f t="shared" si="49"/>
        <v>12.453579537632823</v>
      </c>
      <c r="K345">
        <f t="shared" si="50"/>
        <v>0.58483719393761946</v>
      </c>
      <c r="L345">
        <f t="shared" si="51"/>
        <v>0.29241859696880973</v>
      </c>
      <c r="M345">
        <f t="shared" si="52"/>
        <v>0</v>
      </c>
      <c r="N345" s="45">
        <f t="shared" si="53"/>
        <v>44939.958333332579</v>
      </c>
    </row>
    <row r="346" spans="2:14" x14ac:dyDescent="0.25">
      <c r="B346">
        <f t="shared" si="47"/>
        <v>6</v>
      </c>
      <c r="C346" s="16">
        <v>312</v>
      </c>
      <c r="D346" cm="1">
        <f t="array" ref="D346">IFERROR(INDEX(Jesper!AH$2:AH$366,ROUNDDOWN($C346/24,0)+1,1)*INDEX($D$3:$AA$30,INDEX(Jesper!$R$2:$R$366,ROW(INDEX(Jesper!AH$2:AH$366,ROUNDDOWN($C346/24,0)+1,1))-1)+IF('Standard Profiles'!$G$18=$B$10,7,0)+IF('Standard Profiles'!$G$18=$B$17,14,0)+IF('Standard Profiles'!$G$18=$B$24,21,0),MOD($C346,24)+1)/SUM(INDEX($D$3:$AA$30,INDEX(Jesper!$R$2:$R$366,ROW(INDEX(Jesper!AH$2:AH$366,ROUNDDOWN($C346/24,0)+1,1))-1)+IF('Standard Profiles'!$G$18=$B$10,7,0)+IF('Standard Profiles'!$G$18=$B$17,14,0)+IF('Standard Profiles'!$G$18=$B$24,21,0),0)),0)</f>
        <v>0</v>
      </c>
      <c r="E346" cm="1">
        <f t="array" ref="E346">IFERROR(INDEX(Jesper!AI$2:AI$366,ROUNDDOWN($C346/24,0)+1,1)*INDEX($D$3:$AA$30,INDEX(Jesper!$R$2:$R$366,ROW(INDEX(Jesper!AI$2:AI$366,ROUNDDOWN($C346/24,0)+1,1))-1)+IF('Standard Profiles'!$G$19=$B$10,7,0)+IF('Standard Profiles'!$G$19=$B$17,14,0)+IF('Standard Profiles'!$G$19=$B$24,21,0),MOD($C346,24)+1)/SUM(INDEX($D$3:$AA$30,INDEX(Jesper!$R$2:$R$366,ROW(INDEX(Jesper!AI$2:AI$366,ROUNDDOWN($C346/24,0)+1,1))-1)+IF('Standard Profiles'!$G$19=$B$10,7,0)+IF('Standard Profiles'!$G$19=$B$17,14,0)+IF('Standard Profiles'!$G$19=$B$24,21,0),0)),0)</f>
        <v>4.6404836157002745</v>
      </c>
      <c r="F346" cm="1">
        <f t="array" ref="F346">IFERROR(INDEX(Jesper!AJ$2:AJ$366,ROUNDDOWN($C346/24,0)+1,1)*INDEX($D$3:$AA$30,INDEX(Jesper!$R$2:$R$366,ROW(INDEX(Jesper!AJ$2:AJ$366,ROUNDDOWN($C346/24,0)+1,1))-1)+IF('Standard Profiles'!$G$20=$B$10,7,0)+IF('Standard Profiles'!$G$20=$B$17,14,0)+IF('Standard Profiles'!$G$20=$B$24,21,0),MOD($C346,24)+1)/SUM(INDEX($D$3:$AA$30,INDEX(Jesper!$R$2:$R$366,ROW(INDEX(Jesper!AJ$2:AJ$366,ROUNDDOWN($C346/24,0)+1,1))-1)+IF('Standard Profiles'!$G$20=$B$10,7,0)+IF('Standard Profiles'!$G$20=$B$17,14,0)+IF('Standard Profiles'!$G$20=$B$24,21,0),0)),0)</f>
        <v>3.5412197830105971</v>
      </c>
      <c r="G346" cm="1">
        <f t="array" ref="G346">IFERROR(INDEX(Jesper!AK$2:AK$366,ROUNDDOWN($C346/24,0)+1,1)*INDEX($D$3:$AA$30,INDEX(Jesper!$R$2:$R$366,ROW(INDEX(Jesper!AK$2:AK$366,ROUNDDOWN($C346/24,0)+1,1))-1)+IF('Standard Profiles'!$G$21=$B$10,7,0)+IF('Standard Profiles'!$G$21=$B$17,14,0)+IF('Standard Profiles'!$G$21=$B$24,21,0),MOD($C346,24)+1)/SUM(INDEX($D$3:$AA$30,INDEX(Jesper!$R$2:$R$366,ROW(INDEX(Jesper!AK$2:AK$366,ROUNDDOWN($C346/24,0)+1,1))-1)+IF('Standard Profiles'!$G$21=$B$10,7,0)+IF('Standard Profiles'!$G$21=$B$17,14,0)+IF('Standard Profiles'!$G$21=$B$24,21,0),0)),0)</f>
        <v>4.5048861778007643</v>
      </c>
      <c r="H346" cm="1">
        <f t="array" ref="H346">IFERROR(INDEX(Jesper!AL$2:AL$366,ROUNDDOWN($C346/24,0)+1,1)*INDEX($D$3:$AA$30,INDEX(Jesper!$R$2:$R$366,ROW(INDEX(Jesper!AL$2:AL$366,ROUNDDOWN($C346/24,0)+1,1))-1)+IF('Standard Profiles'!$G$22=$B$10,7,0)+IF('Standard Profiles'!$G$22=$B$17,14,0)+IF('Standard Profiles'!$G$22=$B$24,21,0),MOD($C346,24)+1)/SUM(INDEX($D$3:$AA$30,INDEX(Jesper!$R$2:$R$366,ROW(INDEX(Jesper!AL$2:AL$366,ROUNDDOWN($C346/24,0)+1,1))-1)+IF('Standard Profiles'!$G$22=$B$10,7,0)+IF('Standard Profiles'!$G$22=$B$17,14,0)+IF('Standard Profiles'!$G$22=$B$24,21,0),0)),0)</f>
        <v>1.1946315940117023</v>
      </c>
      <c r="I346">
        <f t="shared" si="48"/>
        <v>1.1468463302512348</v>
      </c>
      <c r="J346">
        <f t="shared" si="49"/>
        <v>12.17751680638807</v>
      </c>
      <c r="K346">
        <f t="shared" si="50"/>
        <v>0.37123868925602194</v>
      </c>
      <c r="L346">
        <f t="shared" si="51"/>
        <v>0.18561934462801097</v>
      </c>
      <c r="M346">
        <f t="shared" si="52"/>
        <v>0</v>
      </c>
      <c r="N346" s="45">
        <f t="shared" si="53"/>
        <v>44939.999999999243</v>
      </c>
    </row>
    <row r="347" spans="2:14" x14ac:dyDescent="0.25">
      <c r="B347">
        <f t="shared" si="47"/>
        <v>6</v>
      </c>
      <c r="C347" s="16">
        <v>313</v>
      </c>
      <c r="D347" cm="1">
        <f t="array" ref="D347">IFERROR(INDEX(Jesper!AH$2:AH$366,ROUNDDOWN($C347/24,0)+1,1)*INDEX($D$3:$AA$30,INDEX(Jesper!$R$2:$R$366,ROW(INDEX(Jesper!AH$2:AH$366,ROUNDDOWN($C347/24,0)+1,1))-1)+IF('Standard Profiles'!$G$18=$B$10,7,0)+IF('Standard Profiles'!$G$18=$B$17,14,0)+IF('Standard Profiles'!$G$18=$B$24,21,0),MOD($C347,24)+1)/SUM(INDEX($D$3:$AA$30,INDEX(Jesper!$R$2:$R$366,ROW(INDEX(Jesper!AH$2:AH$366,ROUNDDOWN($C347/24,0)+1,1))-1)+IF('Standard Profiles'!$G$18=$B$10,7,0)+IF('Standard Profiles'!$G$18=$B$17,14,0)+IF('Standard Profiles'!$G$18=$B$24,21,0),0)),0)</f>
        <v>0</v>
      </c>
      <c r="E347" cm="1">
        <f t="array" ref="E347">IFERROR(INDEX(Jesper!AI$2:AI$366,ROUNDDOWN($C347/24,0)+1,1)*INDEX($D$3:$AA$30,INDEX(Jesper!$R$2:$R$366,ROW(INDEX(Jesper!AI$2:AI$366,ROUNDDOWN($C347/24,0)+1,1))-1)+IF('Standard Profiles'!$G$19=$B$10,7,0)+IF('Standard Profiles'!$G$19=$B$17,14,0)+IF('Standard Profiles'!$G$19=$B$24,21,0),MOD($C347,24)+1)/SUM(INDEX($D$3:$AA$30,INDEX(Jesper!$R$2:$R$366,ROW(INDEX(Jesper!AI$2:AI$366,ROUNDDOWN($C347/24,0)+1,1))-1)+IF('Standard Profiles'!$G$19=$B$10,7,0)+IF('Standard Profiles'!$G$19=$B$17,14,0)+IF('Standard Profiles'!$G$19=$B$24,21,0),0)),0)</f>
        <v>4.1764352541302472</v>
      </c>
      <c r="F347" cm="1">
        <f t="array" ref="F347">IFERROR(INDEX(Jesper!AJ$2:AJ$366,ROUNDDOWN($C347/24,0)+1,1)*INDEX($D$3:$AA$30,INDEX(Jesper!$R$2:$R$366,ROW(INDEX(Jesper!AJ$2:AJ$366,ROUNDDOWN($C347/24,0)+1,1))-1)+IF('Standard Profiles'!$G$20=$B$10,7,0)+IF('Standard Profiles'!$G$20=$B$17,14,0)+IF('Standard Profiles'!$G$20=$B$24,21,0),MOD($C347,24)+1)/SUM(INDEX($D$3:$AA$30,INDEX(Jesper!$R$2:$R$366,ROW(INDEX(Jesper!AJ$2:AJ$366,ROUNDDOWN($C347/24,0)+1,1))-1)+IF('Standard Profiles'!$G$20=$B$10,7,0)+IF('Standard Profiles'!$G$20=$B$17,14,0)+IF('Standard Profiles'!$G$20=$B$24,21,0),0)),0)</f>
        <v>3.1870978047095373</v>
      </c>
      <c r="G347" cm="1">
        <f t="array" ref="G347">IFERROR(INDEX(Jesper!AK$2:AK$366,ROUNDDOWN($C347/24,0)+1,1)*INDEX($D$3:$AA$30,INDEX(Jesper!$R$2:$R$366,ROW(INDEX(Jesper!AK$2:AK$366,ROUNDDOWN($C347/24,0)+1,1))-1)+IF('Standard Profiles'!$G$21=$B$10,7,0)+IF('Standard Profiles'!$G$21=$B$17,14,0)+IF('Standard Profiles'!$G$21=$B$24,21,0),MOD($C347,24)+1)/SUM(INDEX($D$3:$AA$30,INDEX(Jesper!$R$2:$R$366,ROW(INDEX(Jesper!AK$2:AK$366,ROUNDDOWN($C347/24,0)+1,1))-1)+IF('Standard Profiles'!$G$21=$B$10,7,0)+IF('Standard Profiles'!$G$21=$B$17,14,0)+IF('Standard Profiles'!$G$21=$B$24,21,0),0)),0)</f>
        <v>4.5048861778007643</v>
      </c>
      <c r="H347" cm="1">
        <f t="array" ref="H347">IFERROR(INDEX(Jesper!AL$2:AL$366,ROUNDDOWN($C347/24,0)+1,1)*INDEX($D$3:$AA$30,INDEX(Jesper!$R$2:$R$366,ROW(INDEX(Jesper!AL$2:AL$366,ROUNDDOWN($C347/24,0)+1,1))-1)+IF('Standard Profiles'!$G$22=$B$10,7,0)+IF('Standard Profiles'!$G$22=$B$17,14,0)+IF('Standard Profiles'!$G$22=$B$24,21,0),MOD($C347,24)+1)/SUM(INDEX($D$3:$AA$30,INDEX(Jesper!$R$2:$R$366,ROW(INDEX(Jesper!AL$2:AL$366,ROUNDDOWN($C347/24,0)+1,1))-1)+IF('Standard Profiles'!$G$22=$B$10,7,0)+IF('Standard Profiles'!$G$22=$B$17,14,0)+IF('Standard Profiles'!$G$22=$B$24,21,0),0)),0)</f>
        <v>2.3323759692609429</v>
      </c>
      <c r="I347">
        <f t="shared" si="48"/>
        <v>2.2390809304905064</v>
      </c>
      <c r="J347">
        <f t="shared" si="49"/>
        <v>11.460542044915355</v>
      </c>
      <c r="K347">
        <f t="shared" si="50"/>
        <v>0.33411482033041978</v>
      </c>
      <c r="L347">
        <f t="shared" si="51"/>
        <v>0.16705741016520989</v>
      </c>
      <c r="M347">
        <f t="shared" si="52"/>
        <v>0</v>
      </c>
      <c r="N347" s="45">
        <f t="shared" si="53"/>
        <v>44940.041666665908</v>
      </c>
    </row>
    <row r="348" spans="2:14" x14ac:dyDescent="0.25">
      <c r="B348">
        <f t="shared" si="47"/>
        <v>6</v>
      </c>
      <c r="C348" s="16">
        <v>314</v>
      </c>
      <c r="D348" cm="1">
        <f t="array" ref="D348">IFERROR(INDEX(Jesper!AH$2:AH$366,ROUNDDOWN($C348/24,0)+1,1)*INDEX($D$3:$AA$30,INDEX(Jesper!$R$2:$R$366,ROW(INDEX(Jesper!AH$2:AH$366,ROUNDDOWN($C348/24,0)+1,1))-1)+IF('Standard Profiles'!$G$18=$B$10,7,0)+IF('Standard Profiles'!$G$18=$B$17,14,0)+IF('Standard Profiles'!$G$18=$B$24,21,0),MOD($C348,24)+1)/SUM(INDEX($D$3:$AA$30,INDEX(Jesper!$R$2:$R$366,ROW(INDEX(Jesper!AH$2:AH$366,ROUNDDOWN($C348/24,0)+1,1))-1)+IF('Standard Profiles'!$G$18=$B$10,7,0)+IF('Standard Profiles'!$G$18=$B$17,14,0)+IF('Standard Profiles'!$G$18=$B$24,21,0),0)),0)</f>
        <v>0</v>
      </c>
      <c r="E348" cm="1">
        <f t="array" ref="E348">IFERROR(INDEX(Jesper!AI$2:AI$366,ROUNDDOWN($C348/24,0)+1,1)*INDEX($D$3:$AA$30,INDEX(Jesper!$R$2:$R$366,ROW(INDEX(Jesper!AI$2:AI$366,ROUNDDOWN($C348/24,0)+1,1))-1)+IF('Standard Profiles'!$G$19=$B$10,7,0)+IF('Standard Profiles'!$G$19=$B$17,14,0)+IF('Standard Profiles'!$G$19=$B$24,21,0),MOD($C348,24)+1)/SUM(INDEX($D$3:$AA$30,INDEX(Jesper!$R$2:$R$366,ROW(INDEX(Jesper!AI$2:AI$366,ROUNDDOWN($C348/24,0)+1,1))-1)+IF('Standard Profiles'!$G$19=$B$10,7,0)+IF('Standard Profiles'!$G$19=$B$17,14,0)+IF('Standard Profiles'!$G$19=$B$24,21,0),0)),0)</f>
        <v>4.1764352541302472</v>
      </c>
      <c r="F348" cm="1">
        <f t="array" ref="F348">IFERROR(INDEX(Jesper!AJ$2:AJ$366,ROUNDDOWN($C348/24,0)+1,1)*INDEX($D$3:$AA$30,INDEX(Jesper!$R$2:$R$366,ROW(INDEX(Jesper!AJ$2:AJ$366,ROUNDDOWN($C348/24,0)+1,1))-1)+IF('Standard Profiles'!$G$20=$B$10,7,0)+IF('Standard Profiles'!$G$20=$B$17,14,0)+IF('Standard Profiles'!$G$20=$B$24,21,0),MOD($C348,24)+1)/SUM(INDEX($D$3:$AA$30,INDEX(Jesper!$R$2:$R$366,ROW(INDEX(Jesper!AJ$2:AJ$366,ROUNDDOWN($C348/24,0)+1,1))-1)+IF('Standard Profiles'!$G$20=$B$10,7,0)+IF('Standard Profiles'!$G$20=$B$17,14,0)+IF('Standard Profiles'!$G$20=$B$24,21,0),0)),0)</f>
        <v>3.1870978047095373</v>
      </c>
      <c r="G348" cm="1">
        <f t="array" ref="G348">IFERROR(INDEX(Jesper!AK$2:AK$366,ROUNDDOWN($C348/24,0)+1,1)*INDEX($D$3:$AA$30,INDEX(Jesper!$R$2:$R$366,ROW(INDEX(Jesper!AK$2:AK$366,ROUNDDOWN($C348/24,0)+1,1))-1)+IF('Standard Profiles'!$G$21=$B$10,7,0)+IF('Standard Profiles'!$G$21=$B$17,14,0)+IF('Standard Profiles'!$G$21=$B$24,21,0),MOD($C348,24)+1)/SUM(INDEX($D$3:$AA$30,INDEX(Jesper!$R$2:$R$366,ROW(INDEX(Jesper!AK$2:AK$366,ROUNDDOWN($C348/24,0)+1,1))-1)+IF('Standard Profiles'!$G$21=$B$10,7,0)+IF('Standard Profiles'!$G$21=$B$17,14,0)+IF('Standard Profiles'!$G$21=$B$24,21,0),0)),0)</f>
        <v>4.5048861778007643</v>
      </c>
      <c r="H348" cm="1">
        <f t="array" ref="H348">IFERROR(INDEX(Jesper!AL$2:AL$366,ROUNDDOWN($C348/24,0)+1,1)*INDEX($D$3:$AA$30,INDEX(Jesper!$R$2:$R$366,ROW(INDEX(Jesper!AL$2:AL$366,ROUNDDOWN($C348/24,0)+1,1))-1)+IF('Standard Profiles'!$G$22=$B$10,7,0)+IF('Standard Profiles'!$G$22=$B$17,14,0)+IF('Standard Profiles'!$G$22=$B$24,21,0),MOD($C348,24)+1)/SUM(INDEX($D$3:$AA$30,INDEX(Jesper!$R$2:$R$366,ROW(INDEX(Jesper!AL$2:AL$366,ROUNDDOWN($C348/24,0)+1,1))-1)+IF('Standard Profiles'!$G$22=$B$10,7,0)+IF('Standard Profiles'!$G$22=$B$17,14,0)+IF('Standard Profiles'!$G$22=$B$24,21,0),0)),0)</f>
        <v>2.3323759692609429</v>
      </c>
      <c r="I348">
        <f t="shared" si="48"/>
        <v>2.2390809304905064</v>
      </c>
      <c r="J348">
        <f t="shared" si="49"/>
        <v>11.460542044915355</v>
      </c>
      <c r="K348">
        <f t="shared" si="50"/>
        <v>0.33411482033041978</v>
      </c>
      <c r="L348">
        <f t="shared" si="51"/>
        <v>0.16705741016520989</v>
      </c>
      <c r="M348">
        <f t="shared" si="52"/>
        <v>0</v>
      </c>
      <c r="N348" s="45">
        <f t="shared" si="53"/>
        <v>44940.083333332572</v>
      </c>
    </row>
    <row r="349" spans="2:14" x14ac:dyDescent="0.25">
      <c r="B349">
        <f t="shared" si="47"/>
        <v>6</v>
      </c>
      <c r="C349" s="16">
        <v>315</v>
      </c>
      <c r="D349" cm="1">
        <f t="array" ref="D349">IFERROR(INDEX(Jesper!AH$2:AH$366,ROUNDDOWN($C349/24,0)+1,1)*INDEX($D$3:$AA$30,INDEX(Jesper!$R$2:$R$366,ROW(INDEX(Jesper!AH$2:AH$366,ROUNDDOWN($C349/24,0)+1,1))-1)+IF('Standard Profiles'!$G$18=$B$10,7,0)+IF('Standard Profiles'!$G$18=$B$17,14,0)+IF('Standard Profiles'!$G$18=$B$24,21,0),MOD($C349,24)+1)/SUM(INDEX($D$3:$AA$30,INDEX(Jesper!$R$2:$R$366,ROW(INDEX(Jesper!AH$2:AH$366,ROUNDDOWN($C349/24,0)+1,1))-1)+IF('Standard Profiles'!$G$18=$B$10,7,0)+IF('Standard Profiles'!$G$18=$B$17,14,0)+IF('Standard Profiles'!$G$18=$B$24,21,0),0)),0)</f>
        <v>0</v>
      </c>
      <c r="E349" cm="1">
        <f t="array" ref="E349">IFERROR(INDEX(Jesper!AI$2:AI$366,ROUNDDOWN($C349/24,0)+1,1)*INDEX($D$3:$AA$30,INDEX(Jesper!$R$2:$R$366,ROW(INDEX(Jesper!AI$2:AI$366,ROUNDDOWN($C349/24,0)+1,1))-1)+IF('Standard Profiles'!$G$19=$B$10,7,0)+IF('Standard Profiles'!$G$19=$B$17,14,0)+IF('Standard Profiles'!$G$19=$B$24,21,0),MOD($C349,24)+1)/SUM(INDEX($D$3:$AA$30,INDEX(Jesper!$R$2:$R$366,ROW(INDEX(Jesper!AI$2:AI$366,ROUNDDOWN($C349/24,0)+1,1))-1)+IF('Standard Profiles'!$G$19=$B$10,7,0)+IF('Standard Profiles'!$G$19=$B$17,14,0)+IF('Standard Profiles'!$G$19=$B$24,21,0),0)),0)</f>
        <v>4.1764352541302472</v>
      </c>
      <c r="F349" cm="1">
        <f t="array" ref="F349">IFERROR(INDEX(Jesper!AJ$2:AJ$366,ROUNDDOWN($C349/24,0)+1,1)*INDEX($D$3:$AA$30,INDEX(Jesper!$R$2:$R$366,ROW(INDEX(Jesper!AJ$2:AJ$366,ROUNDDOWN($C349/24,0)+1,1))-1)+IF('Standard Profiles'!$G$20=$B$10,7,0)+IF('Standard Profiles'!$G$20=$B$17,14,0)+IF('Standard Profiles'!$G$20=$B$24,21,0),MOD($C349,24)+1)/SUM(INDEX($D$3:$AA$30,INDEX(Jesper!$R$2:$R$366,ROW(INDEX(Jesper!AJ$2:AJ$366,ROUNDDOWN($C349/24,0)+1,1))-1)+IF('Standard Profiles'!$G$20=$B$10,7,0)+IF('Standard Profiles'!$G$20=$B$17,14,0)+IF('Standard Profiles'!$G$20=$B$24,21,0),0)),0)</f>
        <v>3.1870978047095373</v>
      </c>
      <c r="G349" cm="1">
        <f t="array" ref="G349">IFERROR(INDEX(Jesper!AK$2:AK$366,ROUNDDOWN($C349/24,0)+1,1)*INDEX($D$3:$AA$30,INDEX(Jesper!$R$2:$R$366,ROW(INDEX(Jesper!AK$2:AK$366,ROUNDDOWN($C349/24,0)+1,1))-1)+IF('Standard Profiles'!$G$21=$B$10,7,0)+IF('Standard Profiles'!$G$21=$B$17,14,0)+IF('Standard Profiles'!$G$21=$B$24,21,0),MOD($C349,24)+1)/SUM(INDEX($D$3:$AA$30,INDEX(Jesper!$R$2:$R$366,ROW(INDEX(Jesper!AK$2:AK$366,ROUNDDOWN($C349/24,0)+1,1))-1)+IF('Standard Profiles'!$G$21=$B$10,7,0)+IF('Standard Profiles'!$G$21=$B$17,14,0)+IF('Standard Profiles'!$G$21=$B$24,21,0),0)),0)</f>
        <v>4.5048861778007643</v>
      </c>
      <c r="H349" cm="1">
        <f t="array" ref="H349">IFERROR(INDEX(Jesper!AL$2:AL$366,ROUNDDOWN($C349/24,0)+1,1)*INDEX($D$3:$AA$30,INDEX(Jesper!$R$2:$R$366,ROW(INDEX(Jesper!AL$2:AL$366,ROUNDDOWN($C349/24,0)+1,1))-1)+IF('Standard Profiles'!$G$22=$B$10,7,0)+IF('Standard Profiles'!$G$22=$B$17,14,0)+IF('Standard Profiles'!$G$22=$B$24,21,0),MOD($C349,24)+1)/SUM(INDEX($D$3:$AA$30,INDEX(Jesper!$R$2:$R$366,ROW(INDEX(Jesper!AL$2:AL$366,ROUNDDOWN($C349/24,0)+1,1))-1)+IF('Standard Profiles'!$G$22=$B$10,7,0)+IF('Standard Profiles'!$G$22=$B$17,14,0)+IF('Standard Profiles'!$G$22=$B$24,21,0),0)),0)</f>
        <v>2.3323759692609429</v>
      </c>
      <c r="I349">
        <f t="shared" si="48"/>
        <v>2.2390809304905064</v>
      </c>
      <c r="J349">
        <f t="shared" si="49"/>
        <v>11.460542044915355</v>
      </c>
      <c r="K349">
        <f t="shared" si="50"/>
        <v>0.33411482033041978</v>
      </c>
      <c r="L349">
        <f t="shared" si="51"/>
        <v>0.16705741016520989</v>
      </c>
      <c r="M349">
        <f t="shared" si="52"/>
        <v>0</v>
      </c>
      <c r="N349" s="45">
        <f t="shared" si="53"/>
        <v>44940.124999999236</v>
      </c>
    </row>
    <row r="350" spans="2:14" x14ac:dyDescent="0.25">
      <c r="B350">
        <f t="shared" si="47"/>
        <v>6</v>
      </c>
      <c r="C350" s="16">
        <v>316</v>
      </c>
      <c r="D350" cm="1">
        <f t="array" ref="D350">IFERROR(INDEX(Jesper!AH$2:AH$366,ROUNDDOWN($C350/24,0)+1,1)*INDEX($D$3:$AA$30,INDEX(Jesper!$R$2:$R$366,ROW(INDEX(Jesper!AH$2:AH$366,ROUNDDOWN($C350/24,0)+1,1))-1)+IF('Standard Profiles'!$G$18=$B$10,7,0)+IF('Standard Profiles'!$G$18=$B$17,14,0)+IF('Standard Profiles'!$G$18=$B$24,21,0),MOD($C350,24)+1)/SUM(INDEX($D$3:$AA$30,INDEX(Jesper!$R$2:$R$366,ROW(INDEX(Jesper!AH$2:AH$366,ROUNDDOWN($C350/24,0)+1,1))-1)+IF('Standard Profiles'!$G$18=$B$10,7,0)+IF('Standard Profiles'!$G$18=$B$17,14,0)+IF('Standard Profiles'!$G$18=$B$24,21,0),0)),0)</f>
        <v>0</v>
      </c>
      <c r="E350" cm="1">
        <f t="array" ref="E350">IFERROR(INDEX(Jesper!AI$2:AI$366,ROUNDDOWN($C350/24,0)+1,1)*INDEX($D$3:$AA$30,INDEX(Jesper!$R$2:$R$366,ROW(INDEX(Jesper!AI$2:AI$366,ROUNDDOWN($C350/24,0)+1,1))-1)+IF('Standard Profiles'!$G$19=$B$10,7,0)+IF('Standard Profiles'!$G$19=$B$17,14,0)+IF('Standard Profiles'!$G$19=$B$24,21,0),MOD($C350,24)+1)/SUM(INDEX($D$3:$AA$30,INDEX(Jesper!$R$2:$R$366,ROW(INDEX(Jesper!AI$2:AI$366,ROUNDDOWN($C350/24,0)+1,1))-1)+IF('Standard Profiles'!$G$19=$B$10,7,0)+IF('Standard Profiles'!$G$19=$B$17,14,0)+IF('Standard Profiles'!$G$19=$B$24,21,0),0)),0)</f>
        <v>4.1764352541302472</v>
      </c>
      <c r="F350" cm="1">
        <f t="array" ref="F350">IFERROR(INDEX(Jesper!AJ$2:AJ$366,ROUNDDOWN($C350/24,0)+1,1)*INDEX($D$3:$AA$30,INDEX(Jesper!$R$2:$R$366,ROW(INDEX(Jesper!AJ$2:AJ$366,ROUNDDOWN($C350/24,0)+1,1))-1)+IF('Standard Profiles'!$G$20=$B$10,7,0)+IF('Standard Profiles'!$G$20=$B$17,14,0)+IF('Standard Profiles'!$G$20=$B$24,21,0),MOD($C350,24)+1)/SUM(INDEX($D$3:$AA$30,INDEX(Jesper!$R$2:$R$366,ROW(INDEX(Jesper!AJ$2:AJ$366,ROUNDDOWN($C350/24,0)+1,1))-1)+IF('Standard Profiles'!$G$20=$B$10,7,0)+IF('Standard Profiles'!$G$20=$B$17,14,0)+IF('Standard Profiles'!$G$20=$B$24,21,0),0)),0)</f>
        <v>3.1870978047095373</v>
      </c>
      <c r="G350" cm="1">
        <f t="array" ref="G350">IFERROR(INDEX(Jesper!AK$2:AK$366,ROUNDDOWN($C350/24,0)+1,1)*INDEX($D$3:$AA$30,INDEX(Jesper!$R$2:$R$366,ROW(INDEX(Jesper!AK$2:AK$366,ROUNDDOWN($C350/24,0)+1,1))-1)+IF('Standard Profiles'!$G$21=$B$10,7,0)+IF('Standard Profiles'!$G$21=$B$17,14,0)+IF('Standard Profiles'!$G$21=$B$24,21,0),MOD($C350,24)+1)/SUM(INDEX($D$3:$AA$30,INDEX(Jesper!$R$2:$R$366,ROW(INDEX(Jesper!AK$2:AK$366,ROUNDDOWN($C350/24,0)+1,1))-1)+IF('Standard Profiles'!$G$21=$B$10,7,0)+IF('Standard Profiles'!$G$21=$B$17,14,0)+IF('Standard Profiles'!$G$21=$B$24,21,0),0)),0)</f>
        <v>4.5048861778007643</v>
      </c>
      <c r="H350" cm="1">
        <f t="array" ref="H350">IFERROR(INDEX(Jesper!AL$2:AL$366,ROUNDDOWN($C350/24,0)+1,1)*INDEX($D$3:$AA$30,INDEX(Jesper!$R$2:$R$366,ROW(INDEX(Jesper!AL$2:AL$366,ROUNDDOWN($C350/24,0)+1,1))-1)+IF('Standard Profiles'!$G$22=$B$10,7,0)+IF('Standard Profiles'!$G$22=$B$17,14,0)+IF('Standard Profiles'!$G$22=$B$24,21,0),MOD($C350,24)+1)/SUM(INDEX($D$3:$AA$30,INDEX(Jesper!$R$2:$R$366,ROW(INDEX(Jesper!AL$2:AL$366,ROUNDDOWN($C350/24,0)+1,1))-1)+IF('Standard Profiles'!$G$22=$B$10,7,0)+IF('Standard Profiles'!$G$22=$B$17,14,0)+IF('Standard Profiles'!$G$22=$B$24,21,0),0)),0)</f>
        <v>2.3323759692609429</v>
      </c>
      <c r="I350">
        <f t="shared" si="48"/>
        <v>2.2390809304905064</v>
      </c>
      <c r="J350">
        <f t="shared" si="49"/>
        <v>11.460542044915355</v>
      </c>
      <c r="K350">
        <f t="shared" si="50"/>
        <v>0.33411482033041978</v>
      </c>
      <c r="L350">
        <f t="shared" si="51"/>
        <v>0.16705741016520989</v>
      </c>
      <c r="M350">
        <f t="shared" si="52"/>
        <v>0</v>
      </c>
      <c r="N350" s="45">
        <f t="shared" si="53"/>
        <v>44940.1666666659</v>
      </c>
    </row>
    <row r="351" spans="2:14" x14ac:dyDescent="0.25">
      <c r="B351">
        <f t="shared" si="47"/>
        <v>6</v>
      </c>
      <c r="C351" s="16">
        <v>317</v>
      </c>
      <c r="D351" cm="1">
        <f t="array" ref="D351">IFERROR(INDEX(Jesper!AH$2:AH$366,ROUNDDOWN($C351/24,0)+1,1)*INDEX($D$3:$AA$30,INDEX(Jesper!$R$2:$R$366,ROW(INDEX(Jesper!AH$2:AH$366,ROUNDDOWN($C351/24,0)+1,1))-1)+IF('Standard Profiles'!$G$18=$B$10,7,0)+IF('Standard Profiles'!$G$18=$B$17,14,0)+IF('Standard Profiles'!$G$18=$B$24,21,0),MOD($C351,24)+1)/SUM(INDEX($D$3:$AA$30,INDEX(Jesper!$R$2:$R$366,ROW(INDEX(Jesper!AH$2:AH$366,ROUNDDOWN($C351/24,0)+1,1))-1)+IF('Standard Profiles'!$G$18=$B$10,7,0)+IF('Standard Profiles'!$G$18=$B$17,14,0)+IF('Standard Profiles'!$G$18=$B$24,21,0),0)),0)</f>
        <v>0</v>
      </c>
      <c r="E351" cm="1">
        <f t="array" ref="E351">IFERROR(INDEX(Jesper!AI$2:AI$366,ROUNDDOWN($C351/24,0)+1,1)*INDEX($D$3:$AA$30,INDEX(Jesper!$R$2:$R$366,ROW(INDEX(Jesper!AI$2:AI$366,ROUNDDOWN($C351/24,0)+1,1))-1)+IF('Standard Profiles'!$G$19=$B$10,7,0)+IF('Standard Profiles'!$G$19=$B$17,14,0)+IF('Standard Profiles'!$G$19=$B$24,21,0),MOD($C351,24)+1)/SUM(INDEX($D$3:$AA$30,INDEX(Jesper!$R$2:$R$366,ROW(INDEX(Jesper!AI$2:AI$366,ROUNDDOWN($C351/24,0)+1,1))-1)+IF('Standard Profiles'!$G$19=$B$10,7,0)+IF('Standard Profiles'!$G$19=$B$17,14,0)+IF('Standard Profiles'!$G$19=$B$24,21,0),0)),0)</f>
        <v>4.1764352541302472</v>
      </c>
      <c r="F351" cm="1">
        <f t="array" ref="F351">IFERROR(INDEX(Jesper!AJ$2:AJ$366,ROUNDDOWN($C351/24,0)+1,1)*INDEX($D$3:$AA$30,INDEX(Jesper!$R$2:$R$366,ROW(INDEX(Jesper!AJ$2:AJ$366,ROUNDDOWN($C351/24,0)+1,1))-1)+IF('Standard Profiles'!$G$20=$B$10,7,0)+IF('Standard Profiles'!$G$20=$B$17,14,0)+IF('Standard Profiles'!$G$20=$B$24,21,0),MOD($C351,24)+1)/SUM(INDEX($D$3:$AA$30,INDEX(Jesper!$R$2:$R$366,ROW(INDEX(Jesper!AJ$2:AJ$366,ROUNDDOWN($C351/24,0)+1,1))-1)+IF('Standard Profiles'!$G$20=$B$10,7,0)+IF('Standard Profiles'!$G$20=$B$17,14,0)+IF('Standard Profiles'!$G$20=$B$24,21,0),0)),0)</f>
        <v>3.1870978047095373</v>
      </c>
      <c r="G351" cm="1">
        <f t="array" ref="G351">IFERROR(INDEX(Jesper!AK$2:AK$366,ROUNDDOWN($C351/24,0)+1,1)*INDEX($D$3:$AA$30,INDEX(Jesper!$R$2:$R$366,ROW(INDEX(Jesper!AK$2:AK$366,ROUNDDOWN($C351/24,0)+1,1))-1)+IF('Standard Profiles'!$G$21=$B$10,7,0)+IF('Standard Profiles'!$G$21=$B$17,14,0)+IF('Standard Profiles'!$G$21=$B$24,21,0),MOD($C351,24)+1)/SUM(INDEX($D$3:$AA$30,INDEX(Jesper!$R$2:$R$366,ROW(INDEX(Jesper!AK$2:AK$366,ROUNDDOWN($C351/24,0)+1,1))-1)+IF('Standard Profiles'!$G$21=$B$10,7,0)+IF('Standard Profiles'!$G$21=$B$17,14,0)+IF('Standard Profiles'!$G$21=$B$24,21,0),0)),0)</f>
        <v>4.5048861778007643</v>
      </c>
      <c r="H351" cm="1">
        <f t="array" ref="H351">IFERROR(INDEX(Jesper!AL$2:AL$366,ROUNDDOWN($C351/24,0)+1,1)*INDEX($D$3:$AA$30,INDEX(Jesper!$R$2:$R$366,ROW(INDEX(Jesper!AL$2:AL$366,ROUNDDOWN($C351/24,0)+1,1))-1)+IF('Standard Profiles'!$G$22=$B$10,7,0)+IF('Standard Profiles'!$G$22=$B$17,14,0)+IF('Standard Profiles'!$G$22=$B$24,21,0),MOD($C351,24)+1)/SUM(INDEX($D$3:$AA$30,INDEX(Jesper!$R$2:$R$366,ROW(INDEX(Jesper!AL$2:AL$366,ROUNDDOWN($C351/24,0)+1,1))-1)+IF('Standard Profiles'!$G$22=$B$10,7,0)+IF('Standard Profiles'!$G$22=$B$17,14,0)+IF('Standard Profiles'!$G$22=$B$24,21,0),0)),0)</f>
        <v>2.901248156885563</v>
      </c>
      <c r="I351">
        <f t="shared" si="48"/>
        <v>2.7851982306101419</v>
      </c>
      <c r="J351">
        <f t="shared" si="49"/>
        <v>11.483296932420339</v>
      </c>
      <c r="K351">
        <f t="shared" si="50"/>
        <v>0.33411482033041978</v>
      </c>
      <c r="L351">
        <f t="shared" si="51"/>
        <v>0.16705741016520989</v>
      </c>
      <c r="M351">
        <f t="shared" si="52"/>
        <v>0</v>
      </c>
      <c r="N351" s="45">
        <f t="shared" si="53"/>
        <v>44940.208333332565</v>
      </c>
    </row>
    <row r="352" spans="2:14" x14ac:dyDescent="0.25">
      <c r="B352">
        <f t="shared" si="47"/>
        <v>6</v>
      </c>
      <c r="C352" s="16">
        <v>318</v>
      </c>
      <c r="D352" cm="1">
        <f t="array" ref="D352">IFERROR(INDEX(Jesper!AH$2:AH$366,ROUNDDOWN($C352/24,0)+1,1)*INDEX($D$3:$AA$30,INDEX(Jesper!$R$2:$R$366,ROW(INDEX(Jesper!AH$2:AH$366,ROUNDDOWN($C352/24,0)+1,1))-1)+IF('Standard Profiles'!$G$18=$B$10,7,0)+IF('Standard Profiles'!$G$18=$B$17,14,0)+IF('Standard Profiles'!$G$18=$B$24,21,0),MOD($C352,24)+1)/SUM(INDEX($D$3:$AA$30,INDEX(Jesper!$R$2:$R$366,ROW(INDEX(Jesper!AH$2:AH$366,ROUNDDOWN($C352/24,0)+1,1))-1)+IF('Standard Profiles'!$G$18=$B$10,7,0)+IF('Standard Profiles'!$G$18=$B$17,14,0)+IF('Standard Profiles'!$G$18=$B$24,21,0),0)),0)</f>
        <v>0</v>
      </c>
      <c r="E352" cm="1">
        <f t="array" ref="E352">IFERROR(INDEX(Jesper!AI$2:AI$366,ROUNDDOWN($C352/24,0)+1,1)*INDEX($D$3:$AA$30,INDEX(Jesper!$R$2:$R$366,ROW(INDEX(Jesper!AI$2:AI$366,ROUNDDOWN($C352/24,0)+1,1))-1)+IF('Standard Profiles'!$G$19=$B$10,7,0)+IF('Standard Profiles'!$G$19=$B$17,14,0)+IF('Standard Profiles'!$G$19=$B$24,21,0),MOD($C352,24)+1)/SUM(INDEX($D$3:$AA$30,INDEX(Jesper!$R$2:$R$366,ROW(INDEX(Jesper!AI$2:AI$366,ROUNDDOWN($C352/24,0)+1,1))-1)+IF('Standard Profiles'!$G$19=$B$10,7,0)+IF('Standard Profiles'!$G$19=$B$17,14,0)+IF('Standard Profiles'!$G$19=$B$24,21,0),0)),0)</f>
        <v>4.1764352541302472</v>
      </c>
      <c r="F352" cm="1">
        <f t="array" ref="F352">IFERROR(INDEX(Jesper!AJ$2:AJ$366,ROUNDDOWN($C352/24,0)+1,1)*INDEX($D$3:$AA$30,INDEX(Jesper!$R$2:$R$366,ROW(INDEX(Jesper!AJ$2:AJ$366,ROUNDDOWN($C352/24,0)+1,1))-1)+IF('Standard Profiles'!$G$20=$B$10,7,0)+IF('Standard Profiles'!$G$20=$B$17,14,0)+IF('Standard Profiles'!$G$20=$B$24,21,0),MOD($C352,24)+1)/SUM(INDEX($D$3:$AA$30,INDEX(Jesper!$R$2:$R$366,ROW(INDEX(Jesper!AJ$2:AJ$366,ROUNDDOWN($C352/24,0)+1,1))-1)+IF('Standard Profiles'!$G$20=$B$10,7,0)+IF('Standard Profiles'!$G$20=$B$17,14,0)+IF('Standard Profiles'!$G$20=$B$24,21,0),0)),0)</f>
        <v>3.1870978047095373</v>
      </c>
      <c r="G352" cm="1">
        <f t="array" ref="G352">IFERROR(INDEX(Jesper!AK$2:AK$366,ROUNDDOWN($C352/24,0)+1,1)*INDEX($D$3:$AA$30,INDEX(Jesper!$R$2:$R$366,ROW(INDEX(Jesper!AK$2:AK$366,ROUNDDOWN($C352/24,0)+1,1))-1)+IF('Standard Profiles'!$G$21=$B$10,7,0)+IF('Standard Profiles'!$G$21=$B$17,14,0)+IF('Standard Profiles'!$G$21=$B$24,21,0),MOD($C352,24)+1)/SUM(INDEX($D$3:$AA$30,INDEX(Jesper!$R$2:$R$366,ROW(INDEX(Jesper!AK$2:AK$366,ROUNDDOWN($C352/24,0)+1,1))-1)+IF('Standard Profiles'!$G$21=$B$10,7,0)+IF('Standard Profiles'!$G$21=$B$17,14,0)+IF('Standard Profiles'!$G$21=$B$24,21,0),0)),0)</f>
        <v>4.5048861778007643</v>
      </c>
      <c r="H352" cm="1">
        <f t="array" ref="H352">IFERROR(INDEX(Jesper!AL$2:AL$366,ROUNDDOWN($C352/24,0)+1,1)*INDEX($D$3:$AA$30,INDEX(Jesper!$R$2:$R$366,ROW(INDEX(Jesper!AL$2:AL$366,ROUNDDOWN($C352/24,0)+1,1))-1)+IF('Standard Profiles'!$G$22=$B$10,7,0)+IF('Standard Profiles'!$G$22=$B$17,14,0)+IF('Standard Profiles'!$G$22=$B$24,21,0),MOD($C352,24)+1)/SUM(INDEX($D$3:$AA$30,INDEX(Jesper!$R$2:$R$366,ROW(INDEX(Jesper!AL$2:AL$366,ROUNDDOWN($C352/24,0)+1,1))-1)+IF('Standard Profiles'!$G$22=$B$10,7,0)+IF('Standard Profiles'!$G$22=$B$17,14,0)+IF('Standard Profiles'!$G$22=$B$24,21,0),0)),0)</f>
        <v>3.6407820007975693</v>
      </c>
      <c r="I352">
        <f t="shared" si="48"/>
        <v>3.4951507207656682</v>
      </c>
      <c r="J352">
        <f t="shared" si="49"/>
        <v>11.51287828617682</v>
      </c>
      <c r="K352">
        <f t="shared" si="50"/>
        <v>0.33411482033041978</v>
      </c>
      <c r="L352">
        <f t="shared" si="51"/>
        <v>0.16705741016520989</v>
      </c>
      <c r="M352">
        <f t="shared" si="52"/>
        <v>0</v>
      </c>
      <c r="N352" s="45">
        <f t="shared" si="53"/>
        <v>44940.249999999229</v>
      </c>
    </row>
    <row r="353" spans="2:14" x14ac:dyDescent="0.25">
      <c r="B353">
        <f t="shared" si="47"/>
        <v>6</v>
      </c>
      <c r="C353" s="16">
        <v>319</v>
      </c>
      <c r="D353" cm="1">
        <f t="array" ref="D353">IFERROR(INDEX(Jesper!AH$2:AH$366,ROUNDDOWN($C353/24,0)+1,1)*INDEX($D$3:$AA$30,INDEX(Jesper!$R$2:$R$366,ROW(INDEX(Jesper!AH$2:AH$366,ROUNDDOWN($C353/24,0)+1,1))-1)+IF('Standard Profiles'!$G$18=$B$10,7,0)+IF('Standard Profiles'!$G$18=$B$17,14,0)+IF('Standard Profiles'!$G$18=$B$24,21,0),MOD($C353,24)+1)/SUM(INDEX($D$3:$AA$30,INDEX(Jesper!$R$2:$R$366,ROW(INDEX(Jesper!AH$2:AH$366,ROUNDDOWN($C353/24,0)+1,1))-1)+IF('Standard Profiles'!$G$18=$B$10,7,0)+IF('Standard Profiles'!$G$18=$B$17,14,0)+IF('Standard Profiles'!$G$18=$B$24,21,0),0)),0)</f>
        <v>0</v>
      </c>
      <c r="E353" cm="1">
        <f t="array" ref="E353">IFERROR(INDEX(Jesper!AI$2:AI$366,ROUNDDOWN($C353/24,0)+1,1)*INDEX($D$3:$AA$30,INDEX(Jesper!$R$2:$R$366,ROW(INDEX(Jesper!AI$2:AI$366,ROUNDDOWN($C353/24,0)+1,1))-1)+IF('Standard Profiles'!$G$19=$B$10,7,0)+IF('Standard Profiles'!$G$19=$B$17,14,0)+IF('Standard Profiles'!$G$19=$B$24,21,0),MOD($C353,24)+1)/SUM(INDEX($D$3:$AA$30,INDEX(Jesper!$R$2:$R$366,ROW(INDEX(Jesper!AI$2:AI$366,ROUNDDOWN($C353/24,0)+1,1))-1)+IF('Standard Profiles'!$G$19=$B$10,7,0)+IF('Standard Profiles'!$G$19=$B$17,14,0)+IF('Standard Profiles'!$G$19=$B$24,21,0),0)),0)</f>
        <v>4.1764352541302472</v>
      </c>
      <c r="F353" cm="1">
        <f t="array" ref="F353">IFERROR(INDEX(Jesper!AJ$2:AJ$366,ROUNDDOWN($C353/24,0)+1,1)*INDEX($D$3:$AA$30,INDEX(Jesper!$R$2:$R$366,ROW(INDEX(Jesper!AJ$2:AJ$366,ROUNDDOWN($C353/24,0)+1,1))-1)+IF('Standard Profiles'!$G$20=$B$10,7,0)+IF('Standard Profiles'!$G$20=$B$17,14,0)+IF('Standard Profiles'!$G$20=$B$24,21,0),MOD($C353,24)+1)/SUM(INDEX($D$3:$AA$30,INDEX(Jesper!$R$2:$R$366,ROW(INDEX(Jesper!AJ$2:AJ$366,ROUNDDOWN($C353/24,0)+1,1))-1)+IF('Standard Profiles'!$G$20=$B$10,7,0)+IF('Standard Profiles'!$G$20=$B$17,14,0)+IF('Standard Profiles'!$G$20=$B$24,21,0),0)),0)</f>
        <v>3.1870978047095373</v>
      </c>
      <c r="G353" cm="1">
        <f t="array" ref="G353">IFERROR(INDEX(Jesper!AK$2:AK$366,ROUNDDOWN($C353/24,0)+1,1)*INDEX($D$3:$AA$30,INDEX(Jesper!$R$2:$R$366,ROW(INDEX(Jesper!AK$2:AK$366,ROUNDDOWN($C353/24,0)+1,1))-1)+IF('Standard Profiles'!$G$21=$B$10,7,0)+IF('Standard Profiles'!$G$21=$B$17,14,0)+IF('Standard Profiles'!$G$21=$B$24,21,0),MOD($C353,24)+1)/SUM(INDEX($D$3:$AA$30,INDEX(Jesper!$R$2:$R$366,ROW(INDEX(Jesper!AK$2:AK$366,ROUNDDOWN($C353/24,0)+1,1))-1)+IF('Standard Profiles'!$G$21=$B$10,7,0)+IF('Standard Profiles'!$G$21=$B$17,14,0)+IF('Standard Profiles'!$G$21=$B$24,21,0),0)),0)</f>
        <v>4.5048861778007643</v>
      </c>
      <c r="H353" cm="1">
        <f t="array" ref="H353">IFERROR(INDEX(Jesper!AL$2:AL$366,ROUNDDOWN($C353/24,0)+1,1)*INDEX($D$3:$AA$30,INDEX(Jesper!$R$2:$R$366,ROW(INDEX(Jesper!AL$2:AL$366,ROUNDDOWN($C353/24,0)+1,1))-1)+IF('Standard Profiles'!$G$22=$B$10,7,0)+IF('Standard Profiles'!$G$22=$B$17,14,0)+IF('Standard Profiles'!$G$22=$B$24,21,0),MOD($C353,24)+1)/SUM(INDEX($D$3:$AA$30,INDEX(Jesper!$R$2:$R$366,ROW(INDEX(Jesper!AL$2:AL$366,ROUNDDOWN($C353/24,0)+1,1))-1)+IF('Standard Profiles'!$G$22=$B$10,7,0)+IF('Standard Profiles'!$G$22=$B$17,14,0)+IF('Standard Profiles'!$G$22=$B$24,21,0),0)),0)</f>
        <v>4.1527669696597274</v>
      </c>
      <c r="I353">
        <f t="shared" si="48"/>
        <v>3.9866562908733405</v>
      </c>
      <c r="J353">
        <f t="shared" si="49"/>
        <v>11.533357684931305</v>
      </c>
      <c r="K353">
        <f t="shared" si="50"/>
        <v>0.33411482033041978</v>
      </c>
      <c r="L353">
        <f t="shared" si="51"/>
        <v>0.16705741016520989</v>
      </c>
      <c r="M353">
        <f t="shared" si="52"/>
        <v>0</v>
      </c>
      <c r="N353" s="45">
        <f t="shared" si="53"/>
        <v>44940.291666665893</v>
      </c>
    </row>
    <row r="354" spans="2:14" x14ac:dyDescent="0.25">
      <c r="B354">
        <f t="shared" si="47"/>
        <v>6</v>
      </c>
      <c r="C354" s="16">
        <v>320</v>
      </c>
      <c r="D354" cm="1">
        <f t="array" ref="D354">IFERROR(INDEX(Jesper!AH$2:AH$366,ROUNDDOWN($C354/24,0)+1,1)*INDEX($D$3:$AA$30,INDEX(Jesper!$R$2:$R$366,ROW(INDEX(Jesper!AH$2:AH$366,ROUNDDOWN($C354/24,0)+1,1))-1)+IF('Standard Profiles'!$G$18=$B$10,7,0)+IF('Standard Profiles'!$G$18=$B$17,14,0)+IF('Standard Profiles'!$G$18=$B$24,21,0),MOD($C354,24)+1)/SUM(INDEX($D$3:$AA$30,INDEX(Jesper!$R$2:$R$366,ROW(INDEX(Jesper!AH$2:AH$366,ROUNDDOWN($C354/24,0)+1,1))-1)+IF('Standard Profiles'!$G$18=$B$10,7,0)+IF('Standard Profiles'!$G$18=$B$17,14,0)+IF('Standard Profiles'!$G$18=$B$24,21,0),0)),0)</f>
        <v>0</v>
      </c>
      <c r="E354" cm="1">
        <f t="array" ref="E354">IFERROR(INDEX(Jesper!AI$2:AI$366,ROUNDDOWN($C354/24,0)+1,1)*INDEX($D$3:$AA$30,INDEX(Jesper!$R$2:$R$366,ROW(INDEX(Jesper!AI$2:AI$366,ROUNDDOWN($C354/24,0)+1,1))-1)+IF('Standard Profiles'!$G$19=$B$10,7,0)+IF('Standard Profiles'!$G$19=$B$17,14,0)+IF('Standard Profiles'!$G$19=$B$24,21,0),MOD($C354,24)+1)/SUM(INDEX($D$3:$AA$30,INDEX(Jesper!$R$2:$R$366,ROW(INDEX(Jesper!AI$2:AI$366,ROUNDDOWN($C354/24,0)+1,1))-1)+IF('Standard Profiles'!$G$19=$B$10,7,0)+IF('Standard Profiles'!$G$19=$B$17,14,0)+IF('Standard Profiles'!$G$19=$B$24,21,0),0)),0)</f>
        <v>4.1764352541302472</v>
      </c>
      <c r="F354" cm="1">
        <f t="array" ref="F354">IFERROR(INDEX(Jesper!AJ$2:AJ$366,ROUNDDOWN($C354/24,0)+1,1)*INDEX($D$3:$AA$30,INDEX(Jesper!$R$2:$R$366,ROW(INDEX(Jesper!AJ$2:AJ$366,ROUNDDOWN($C354/24,0)+1,1))-1)+IF('Standard Profiles'!$G$20=$B$10,7,0)+IF('Standard Profiles'!$G$20=$B$17,14,0)+IF('Standard Profiles'!$G$20=$B$24,21,0),MOD($C354,24)+1)/SUM(INDEX($D$3:$AA$30,INDEX(Jesper!$R$2:$R$366,ROW(INDEX(Jesper!AJ$2:AJ$366,ROUNDDOWN($C354/24,0)+1,1))-1)+IF('Standard Profiles'!$G$20=$B$10,7,0)+IF('Standard Profiles'!$G$20=$B$17,14,0)+IF('Standard Profiles'!$G$20=$B$24,21,0),0)),0)</f>
        <v>3.1870978047095373</v>
      </c>
      <c r="G354" cm="1">
        <f t="array" ref="G354">IFERROR(INDEX(Jesper!AK$2:AK$366,ROUNDDOWN($C354/24,0)+1,1)*INDEX($D$3:$AA$30,INDEX(Jesper!$R$2:$R$366,ROW(INDEX(Jesper!AK$2:AK$366,ROUNDDOWN($C354/24,0)+1,1))-1)+IF('Standard Profiles'!$G$21=$B$10,7,0)+IF('Standard Profiles'!$G$21=$B$17,14,0)+IF('Standard Profiles'!$G$21=$B$24,21,0),MOD($C354,24)+1)/SUM(INDEX($D$3:$AA$30,INDEX(Jesper!$R$2:$R$366,ROW(INDEX(Jesper!AK$2:AK$366,ROUNDDOWN($C354/24,0)+1,1))-1)+IF('Standard Profiles'!$G$21=$B$10,7,0)+IF('Standard Profiles'!$G$21=$B$17,14,0)+IF('Standard Profiles'!$G$21=$B$24,21,0),0)),0)</f>
        <v>4.5048861778007643</v>
      </c>
      <c r="H354" cm="1">
        <f t="array" ref="H354">IFERROR(INDEX(Jesper!AL$2:AL$366,ROUNDDOWN($C354/24,0)+1,1)*INDEX($D$3:$AA$30,INDEX(Jesper!$R$2:$R$366,ROW(INDEX(Jesper!AL$2:AL$366,ROUNDDOWN($C354/24,0)+1,1))-1)+IF('Standard Profiles'!$G$22=$B$10,7,0)+IF('Standard Profiles'!$G$22=$B$17,14,0)+IF('Standard Profiles'!$G$22=$B$24,21,0),MOD($C354,24)+1)/SUM(INDEX($D$3:$AA$30,INDEX(Jesper!$R$2:$R$366,ROW(INDEX(Jesper!AL$2:AL$366,ROUNDDOWN($C354/24,0)+1,1))-1)+IF('Standard Profiles'!$G$22=$B$10,7,0)+IF('Standard Profiles'!$G$22=$B$17,14,0)+IF('Standard Profiles'!$G$22=$B$24,21,0),0)),0)</f>
        <v>4.1527669696597274</v>
      </c>
      <c r="I354">
        <f t="shared" si="48"/>
        <v>3.9866562908733405</v>
      </c>
      <c r="J354">
        <f t="shared" si="49"/>
        <v>11.533357684931305</v>
      </c>
      <c r="K354">
        <f t="shared" si="50"/>
        <v>0.33411482033041978</v>
      </c>
      <c r="L354">
        <f t="shared" si="51"/>
        <v>0.16705741016520989</v>
      </c>
      <c r="M354">
        <f t="shared" si="52"/>
        <v>0</v>
      </c>
      <c r="N354" s="45">
        <f t="shared" si="53"/>
        <v>44940.333333332557</v>
      </c>
    </row>
    <row r="355" spans="2:14" x14ac:dyDescent="0.25">
      <c r="B355">
        <f t="shared" ref="B355:B418" si="54">WEEKDAY(N355,2)</f>
        <v>6</v>
      </c>
      <c r="C355" s="16">
        <v>321</v>
      </c>
      <c r="D355" cm="1">
        <f t="array" ref="D355">IFERROR(INDEX(Jesper!AH$2:AH$366,ROUNDDOWN($C355/24,0)+1,1)*INDEX($D$3:$AA$30,INDEX(Jesper!$R$2:$R$366,ROW(INDEX(Jesper!AH$2:AH$366,ROUNDDOWN($C355/24,0)+1,1))-1)+IF('Standard Profiles'!$G$18=$B$10,7,0)+IF('Standard Profiles'!$G$18=$B$17,14,0)+IF('Standard Profiles'!$G$18=$B$24,21,0),MOD($C355,24)+1)/SUM(INDEX($D$3:$AA$30,INDEX(Jesper!$R$2:$R$366,ROW(INDEX(Jesper!AH$2:AH$366,ROUNDDOWN($C355/24,0)+1,1))-1)+IF('Standard Profiles'!$G$18=$B$10,7,0)+IF('Standard Profiles'!$G$18=$B$17,14,0)+IF('Standard Profiles'!$G$18=$B$24,21,0),0)),0)</f>
        <v>0</v>
      </c>
      <c r="E355" cm="1">
        <f t="array" ref="E355">IFERROR(INDEX(Jesper!AI$2:AI$366,ROUNDDOWN($C355/24,0)+1,1)*INDEX($D$3:$AA$30,INDEX(Jesper!$R$2:$R$366,ROW(INDEX(Jesper!AI$2:AI$366,ROUNDDOWN($C355/24,0)+1,1))-1)+IF('Standard Profiles'!$G$19=$B$10,7,0)+IF('Standard Profiles'!$G$19=$B$17,14,0)+IF('Standard Profiles'!$G$19=$B$24,21,0),MOD($C355,24)+1)/SUM(INDEX($D$3:$AA$30,INDEX(Jesper!$R$2:$R$366,ROW(INDEX(Jesper!AI$2:AI$366,ROUNDDOWN($C355/24,0)+1,1))-1)+IF('Standard Profiles'!$G$19=$B$10,7,0)+IF('Standard Profiles'!$G$19=$B$17,14,0)+IF('Standard Profiles'!$G$19=$B$24,21,0),0)),0)</f>
        <v>4.1764352541302472</v>
      </c>
      <c r="F355" cm="1">
        <f t="array" ref="F355">IFERROR(INDEX(Jesper!AJ$2:AJ$366,ROUNDDOWN($C355/24,0)+1,1)*INDEX($D$3:$AA$30,INDEX(Jesper!$R$2:$R$366,ROW(INDEX(Jesper!AJ$2:AJ$366,ROUNDDOWN($C355/24,0)+1,1))-1)+IF('Standard Profiles'!$G$20=$B$10,7,0)+IF('Standard Profiles'!$G$20=$B$17,14,0)+IF('Standard Profiles'!$G$20=$B$24,21,0),MOD($C355,24)+1)/SUM(INDEX($D$3:$AA$30,INDEX(Jesper!$R$2:$R$366,ROW(INDEX(Jesper!AJ$2:AJ$366,ROUNDDOWN($C355/24,0)+1,1))-1)+IF('Standard Profiles'!$G$20=$B$10,7,0)+IF('Standard Profiles'!$G$20=$B$17,14,0)+IF('Standard Profiles'!$G$20=$B$24,21,0),0)),0)</f>
        <v>3.1870978047095373</v>
      </c>
      <c r="G355" cm="1">
        <f t="array" ref="G355">IFERROR(INDEX(Jesper!AK$2:AK$366,ROUNDDOWN($C355/24,0)+1,1)*INDEX($D$3:$AA$30,INDEX(Jesper!$R$2:$R$366,ROW(INDEX(Jesper!AK$2:AK$366,ROUNDDOWN($C355/24,0)+1,1))-1)+IF('Standard Profiles'!$G$21=$B$10,7,0)+IF('Standard Profiles'!$G$21=$B$17,14,0)+IF('Standard Profiles'!$G$21=$B$24,21,0),MOD($C355,24)+1)/SUM(INDEX($D$3:$AA$30,INDEX(Jesper!$R$2:$R$366,ROW(INDEX(Jesper!AK$2:AK$366,ROUNDDOWN($C355/24,0)+1,1))-1)+IF('Standard Profiles'!$G$21=$B$10,7,0)+IF('Standard Profiles'!$G$21=$B$17,14,0)+IF('Standard Profiles'!$G$21=$B$24,21,0),0)),0)</f>
        <v>4.5048861778007643</v>
      </c>
      <c r="H355" cm="1">
        <f t="array" ref="H355">IFERROR(INDEX(Jesper!AL$2:AL$366,ROUNDDOWN($C355/24,0)+1,1)*INDEX($D$3:$AA$30,INDEX(Jesper!$R$2:$R$366,ROW(INDEX(Jesper!AL$2:AL$366,ROUNDDOWN($C355/24,0)+1,1))-1)+IF('Standard Profiles'!$G$22=$B$10,7,0)+IF('Standard Profiles'!$G$22=$B$17,14,0)+IF('Standard Profiles'!$G$22=$B$24,21,0),MOD($C355,24)+1)/SUM(INDEX($D$3:$AA$30,INDEX(Jesper!$R$2:$R$366,ROW(INDEX(Jesper!AL$2:AL$366,ROUNDDOWN($C355/24,0)+1,1))-1)+IF('Standard Profiles'!$G$22=$B$10,7,0)+IF('Standard Profiles'!$G$22=$B$17,14,0)+IF('Standard Profiles'!$G$22=$B$24,21,0),0)),0)</f>
        <v>4.1527669696597274</v>
      </c>
      <c r="I355">
        <f t="shared" ref="I355:I418" si="55">IF($B355&lt;6,AC$37*$D355+AC$38*$E355+AC$39*$F355+AC$40*$G355,AC$46*$D355+AC$47*$E355+AC$48*$F355+AC$49*$G355+AC$50*$H355)</f>
        <v>3.9866562908733405</v>
      </c>
      <c r="J355">
        <f t="shared" ref="J355:J418" si="56">IF($B355&lt;6,AD$37*$D355+AD$38*$E355+AD$39*$F355+AD$40*$G355,AD$46*$D355+AD$47*$E355+AD$48*$F355+AD$49*$G355+AD$50*$H355)</f>
        <v>11.533357684931305</v>
      </c>
      <c r="K355">
        <f t="shared" ref="K355:K418" si="57">IF($B355&lt;6,AE$37*$D355+AE$38*$E355+AE$39*$F355+AE$40*$G355,AE$46*$D355+AE$47*$E355+AE$48*$F355+AE$49*$G355+AE$50*$H355)</f>
        <v>0.33411482033041978</v>
      </c>
      <c r="L355">
        <f t="shared" ref="L355:L418" si="58">IF($B355&lt;6,AF$37*$D355+AF$38*$E355+AF$39*$F355+AF$40*$G355,AF$46*$D355+AF$47*$E355+AF$48*$F355+AF$49*$G355+AF$50*$H355)</f>
        <v>0.16705741016520989</v>
      </c>
      <c r="M355">
        <f t="shared" ref="M355:M418" si="59">IF($B355&lt;6,AG$37*$D355+AG$38*$E355+AG$39*$F355+AG$40*$G355,AG$46*$D355+AG$47*$E355+AG$48*$F355+AG$49*$G355+AG$50*$H355)</f>
        <v>0</v>
      </c>
      <c r="N355" s="45">
        <f t="shared" si="53"/>
        <v>44940.374999999221</v>
      </c>
    </row>
    <row r="356" spans="2:14" x14ac:dyDescent="0.25">
      <c r="B356">
        <f t="shared" si="54"/>
        <v>6</v>
      </c>
      <c r="C356" s="16">
        <v>322</v>
      </c>
      <c r="D356" cm="1">
        <f t="array" ref="D356">IFERROR(INDEX(Jesper!AH$2:AH$366,ROUNDDOWN($C356/24,0)+1,1)*INDEX($D$3:$AA$30,INDEX(Jesper!$R$2:$R$366,ROW(INDEX(Jesper!AH$2:AH$366,ROUNDDOWN($C356/24,0)+1,1))-1)+IF('Standard Profiles'!$G$18=$B$10,7,0)+IF('Standard Profiles'!$G$18=$B$17,14,0)+IF('Standard Profiles'!$G$18=$B$24,21,0),MOD($C356,24)+1)/SUM(INDEX($D$3:$AA$30,INDEX(Jesper!$R$2:$R$366,ROW(INDEX(Jesper!AH$2:AH$366,ROUNDDOWN($C356/24,0)+1,1))-1)+IF('Standard Profiles'!$G$18=$B$10,7,0)+IF('Standard Profiles'!$G$18=$B$17,14,0)+IF('Standard Profiles'!$G$18=$B$24,21,0),0)),0)</f>
        <v>0</v>
      </c>
      <c r="E356" cm="1">
        <f t="array" ref="E356">IFERROR(INDEX(Jesper!AI$2:AI$366,ROUNDDOWN($C356/24,0)+1,1)*INDEX($D$3:$AA$30,INDEX(Jesper!$R$2:$R$366,ROW(INDEX(Jesper!AI$2:AI$366,ROUNDDOWN($C356/24,0)+1,1))-1)+IF('Standard Profiles'!$G$19=$B$10,7,0)+IF('Standard Profiles'!$G$19=$B$17,14,0)+IF('Standard Profiles'!$G$19=$B$24,21,0),MOD($C356,24)+1)/SUM(INDEX($D$3:$AA$30,INDEX(Jesper!$R$2:$R$366,ROW(INDEX(Jesper!AI$2:AI$366,ROUNDDOWN($C356/24,0)+1,1))-1)+IF('Standard Profiles'!$G$19=$B$10,7,0)+IF('Standard Profiles'!$G$19=$B$17,14,0)+IF('Standard Profiles'!$G$19=$B$24,21,0),0)),0)</f>
        <v>4.1764352541302472</v>
      </c>
      <c r="F356" cm="1">
        <f t="array" ref="F356">IFERROR(INDEX(Jesper!AJ$2:AJ$366,ROUNDDOWN($C356/24,0)+1,1)*INDEX($D$3:$AA$30,INDEX(Jesper!$R$2:$R$366,ROW(INDEX(Jesper!AJ$2:AJ$366,ROUNDDOWN($C356/24,0)+1,1))-1)+IF('Standard Profiles'!$G$20=$B$10,7,0)+IF('Standard Profiles'!$G$20=$B$17,14,0)+IF('Standard Profiles'!$G$20=$B$24,21,0),MOD($C356,24)+1)/SUM(INDEX($D$3:$AA$30,INDEX(Jesper!$R$2:$R$366,ROW(INDEX(Jesper!AJ$2:AJ$366,ROUNDDOWN($C356/24,0)+1,1))-1)+IF('Standard Profiles'!$G$20=$B$10,7,0)+IF('Standard Profiles'!$G$20=$B$17,14,0)+IF('Standard Profiles'!$G$20=$B$24,21,0),0)),0)</f>
        <v>3.1870978047095373</v>
      </c>
      <c r="G356" cm="1">
        <f t="array" ref="G356">IFERROR(INDEX(Jesper!AK$2:AK$366,ROUNDDOWN($C356/24,0)+1,1)*INDEX($D$3:$AA$30,INDEX(Jesper!$R$2:$R$366,ROW(INDEX(Jesper!AK$2:AK$366,ROUNDDOWN($C356/24,0)+1,1))-1)+IF('Standard Profiles'!$G$21=$B$10,7,0)+IF('Standard Profiles'!$G$21=$B$17,14,0)+IF('Standard Profiles'!$G$21=$B$24,21,0),MOD($C356,24)+1)/SUM(INDEX($D$3:$AA$30,INDEX(Jesper!$R$2:$R$366,ROW(INDEX(Jesper!AK$2:AK$366,ROUNDDOWN($C356/24,0)+1,1))-1)+IF('Standard Profiles'!$G$21=$B$10,7,0)+IF('Standard Profiles'!$G$21=$B$17,14,0)+IF('Standard Profiles'!$G$21=$B$24,21,0),0)),0)</f>
        <v>4.5048861778007643</v>
      </c>
      <c r="H356" cm="1">
        <f t="array" ref="H356">IFERROR(INDEX(Jesper!AL$2:AL$366,ROUNDDOWN($C356/24,0)+1,1)*INDEX($D$3:$AA$30,INDEX(Jesper!$R$2:$R$366,ROW(INDEX(Jesper!AL$2:AL$366,ROUNDDOWN($C356/24,0)+1,1))-1)+IF('Standard Profiles'!$G$22=$B$10,7,0)+IF('Standard Profiles'!$G$22=$B$17,14,0)+IF('Standard Profiles'!$G$22=$B$24,21,0),MOD($C356,24)+1)/SUM(INDEX($D$3:$AA$30,INDEX(Jesper!$R$2:$R$366,ROW(INDEX(Jesper!AL$2:AL$366,ROUNDDOWN($C356/24,0)+1,1))-1)+IF('Standard Profiles'!$G$22=$B$10,7,0)+IF('Standard Profiles'!$G$22=$B$17,14,0)+IF('Standard Profiles'!$G$22=$B$24,21,0),0)),0)</f>
        <v>4.1527669696597274</v>
      </c>
      <c r="I356">
        <f t="shared" si="55"/>
        <v>3.9866562908733405</v>
      </c>
      <c r="J356">
        <f t="shared" si="56"/>
        <v>11.533357684931305</v>
      </c>
      <c r="K356">
        <f t="shared" si="57"/>
        <v>0.33411482033041978</v>
      </c>
      <c r="L356">
        <f t="shared" si="58"/>
        <v>0.16705741016520989</v>
      </c>
      <c r="M356">
        <f t="shared" si="59"/>
        <v>0</v>
      </c>
      <c r="N356" s="45">
        <f t="shared" ref="N356:N419" si="60">N355+1/24</f>
        <v>44940.416666665886</v>
      </c>
    </row>
    <row r="357" spans="2:14" x14ac:dyDescent="0.25">
      <c r="B357">
        <f t="shared" si="54"/>
        <v>6</v>
      </c>
      <c r="C357" s="16">
        <v>323</v>
      </c>
      <c r="D357" cm="1">
        <f t="array" ref="D357">IFERROR(INDEX(Jesper!AH$2:AH$366,ROUNDDOWN($C357/24,0)+1,1)*INDEX($D$3:$AA$30,INDEX(Jesper!$R$2:$R$366,ROW(INDEX(Jesper!AH$2:AH$366,ROUNDDOWN($C357/24,0)+1,1))-1)+IF('Standard Profiles'!$G$18=$B$10,7,0)+IF('Standard Profiles'!$G$18=$B$17,14,0)+IF('Standard Profiles'!$G$18=$B$24,21,0),MOD($C357,24)+1)/SUM(INDEX($D$3:$AA$30,INDEX(Jesper!$R$2:$R$366,ROW(INDEX(Jesper!AH$2:AH$366,ROUNDDOWN($C357/24,0)+1,1))-1)+IF('Standard Profiles'!$G$18=$B$10,7,0)+IF('Standard Profiles'!$G$18=$B$17,14,0)+IF('Standard Profiles'!$G$18=$B$24,21,0),0)),0)</f>
        <v>0</v>
      </c>
      <c r="E357" cm="1">
        <f t="array" ref="E357">IFERROR(INDEX(Jesper!AI$2:AI$366,ROUNDDOWN($C357/24,0)+1,1)*INDEX($D$3:$AA$30,INDEX(Jesper!$R$2:$R$366,ROW(INDEX(Jesper!AI$2:AI$366,ROUNDDOWN($C357/24,0)+1,1))-1)+IF('Standard Profiles'!$G$19=$B$10,7,0)+IF('Standard Profiles'!$G$19=$B$17,14,0)+IF('Standard Profiles'!$G$19=$B$24,21,0),MOD($C357,24)+1)/SUM(INDEX($D$3:$AA$30,INDEX(Jesper!$R$2:$R$366,ROW(INDEX(Jesper!AI$2:AI$366,ROUNDDOWN($C357/24,0)+1,1))-1)+IF('Standard Profiles'!$G$19=$B$10,7,0)+IF('Standard Profiles'!$G$19=$B$17,14,0)+IF('Standard Profiles'!$G$19=$B$24,21,0),0)),0)</f>
        <v>4.1764352541302472</v>
      </c>
      <c r="F357" cm="1">
        <f t="array" ref="F357">IFERROR(INDEX(Jesper!AJ$2:AJ$366,ROUNDDOWN($C357/24,0)+1,1)*INDEX($D$3:$AA$30,INDEX(Jesper!$R$2:$R$366,ROW(INDEX(Jesper!AJ$2:AJ$366,ROUNDDOWN($C357/24,0)+1,1))-1)+IF('Standard Profiles'!$G$20=$B$10,7,0)+IF('Standard Profiles'!$G$20=$B$17,14,0)+IF('Standard Profiles'!$G$20=$B$24,21,0),MOD($C357,24)+1)/SUM(INDEX($D$3:$AA$30,INDEX(Jesper!$R$2:$R$366,ROW(INDEX(Jesper!AJ$2:AJ$366,ROUNDDOWN($C357/24,0)+1,1))-1)+IF('Standard Profiles'!$G$20=$B$10,7,0)+IF('Standard Profiles'!$G$20=$B$17,14,0)+IF('Standard Profiles'!$G$20=$B$24,21,0),0)),0)</f>
        <v>3.1870978047095373</v>
      </c>
      <c r="G357" cm="1">
        <f t="array" ref="G357">IFERROR(INDEX(Jesper!AK$2:AK$366,ROUNDDOWN($C357/24,0)+1,1)*INDEX($D$3:$AA$30,INDEX(Jesper!$R$2:$R$366,ROW(INDEX(Jesper!AK$2:AK$366,ROUNDDOWN($C357/24,0)+1,1))-1)+IF('Standard Profiles'!$G$21=$B$10,7,0)+IF('Standard Profiles'!$G$21=$B$17,14,0)+IF('Standard Profiles'!$G$21=$B$24,21,0),MOD($C357,24)+1)/SUM(INDEX($D$3:$AA$30,INDEX(Jesper!$R$2:$R$366,ROW(INDEX(Jesper!AK$2:AK$366,ROUNDDOWN($C357/24,0)+1,1))-1)+IF('Standard Profiles'!$G$21=$B$10,7,0)+IF('Standard Profiles'!$G$21=$B$17,14,0)+IF('Standard Profiles'!$G$21=$B$24,21,0),0)),0)</f>
        <v>4.5048861778007643</v>
      </c>
      <c r="H357" cm="1">
        <f t="array" ref="H357">IFERROR(INDEX(Jesper!AL$2:AL$366,ROUNDDOWN($C357/24,0)+1,1)*INDEX($D$3:$AA$30,INDEX(Jesper!$R$2:$R$366,ROW(INDEX(Jesper!AL$2:AL$366,ROUNDDOWN($C357/24,0)+1,1))-1)+IF('Standard Profiles'!$G$22=$B$10,7,0)+IF('Standard Profiles'!$G$22=$B$17,14,0)+IF('Standard Profiles'!$G$22=$B$24,21,0),MOD($C357,24)+1)/SUM(INDEX($D$3:$AA$30,INDEX(Jesper!$R$2:$R$366,ROW(INDEX(Jesper!AL$2:AL$366,ROUNDDOWN($C357/24,0)+1,1))-1)+IF('Standard Profiles'!$G$22=$B$10,7,0)+IF('Standard Profiles'!$G$22=$B$17,14,0)+IF('Standard Profiles'!$G$22=$B$24,21,0),0)),0)</f>
        <v>4.1527669696597274</v>
      </c>
      <c r="I357">
        <f t="shared" si="55"/>
        <v>3.9866562908733405</v>
      </c>
      <c r="J357">
        <f t="shared" si="56"/>
        <v>11.533357684931305</v>
      </c>
      <c r="K357">
        <f t="shared" si="57"/>
        <v>0.33411482033041978</v>
      </c>
      <c r="L357">
        <f t="shared" si="58"/>
        <v>0.16705741016520989</v>
      </c>
      <c r="M357">
        <f t="shared" si="59"/>
        <v>0</v>
      </c>
      <c r="N357" s="45">
        <f t="shared" si="60"/>
        <v>44940.45833333255</v>
      </c>
    </row>
    <row r="358" spans="2:14" x14ac:dyDescent="0.25">
      <c r="B358">
        <f t="shared" si="54"/>
        <v>6</v>
      </c>
      <c r="C358" s="16">
        <v>324</v>
      </c>
      <c r="D358" cm="1">
        <f t="array" ref="D358">IFERROR(INDEX(Jesper!AH$2:AH$366,ROUNDDOWN($C358/24,0)+1,1)*INDEX($D$3:$AA$30,INDEX(Jesper!$R$2:$R$366,ROW(INDEX(Jesper!AH$2:AH$366,ROUNDDOWN($C358/24,0)+1,1))-1)+IF('Standard Profiles'!$G$18=$B$10,7,0)+IF('Standard Profiles'!$G$18=$B$17,14,0)+IF('Standard Profiles'!$G$18=$B$24,21,0),MOD($C358,24)+1)/SUM(INDEX($D$3:$AA$30,INDEX(Jesper!$R$2:$R$366,ROW(INDEX(Jesper!AH$2:AH$366,ROUNDDOWN($C358/24,0)+1,1))-1)+IF('Standard Profiles'!$G$18=$B$10,7,0)+IF('Standard Profiles'!$G$18=$B$17,14,0)+IF('Standard Profiles'!$G$18=$B$24,21,0),0)),0)</f>
        <v>0</v>
      </c>
      <c r="E358" cm="1">
        <f t="array" ref="E358">IFERROR(INDEX(Jesper!AI$2:AI$366,ROUNDDOWN($C358/24,0)+1,1)*INDEX($D$3:$AA$30,INDEX(Jesper!$R$2:$R$366,ROW(INDEX(Jesper!AI$2:AI$366,ROUNDDOWN($C358/24,0)+1,1))-1)+IF('Standard Profiles'!$G$19=$B$10,7,0)+IF('Standard Profiles'!$G$19=$B$17,14,0)+IF('Standard Profiles'!$G$19=$B$24,21,0),MOD($C358,24)+1)/SUM(INDEX($D$3:$AA$30,INDEX(Jesper!$R$2:$R$366,ROW(INDEX(Jesper!AI$2:AI$366,ROUNDDOWN($C358/24,0)+1,1))-1)+IF('Standard Profiles'!$G$19=$B$10,7,0)+IF('Standard Profiles'!$G$19=$B$17,14,0)+IF('Standard Profiles'!$G$19=$B$24,21,0),0)),0)</f>
        <v>4.1764352541302472</v>
      </c>
      <c r="F358" cm="1">
        <f t="array" ref="F358">IFERROR(INDEX(Jesper!AJ$2:AJ$366,ROUNDDOWN($C358/24,0)+1,1)*INDEX($D$3:$AA$30,INDEX(Jesper!$R$2:$R$366,ROW(INDEX(Jesper!AJ$2:AJ$366,ROUNDDOWN($C358/24,0)+1,1))-1)+IF('Standard Profiles'!$G$20=$B$10,7,0)+IF('Standard Profiles'!$G$20=$B$17,14,0)+IF('Standard Profiles'!$G$20=$B$24,21,0),MOD($C358,24)+1)/SUM(INDEX($D$3:$AA$30,INDEX(Jesper!$R$2:$R$366,ROW(INDEX(Jesper!AJ$2:AJ$366,ROUNDDOWN($C358/24,0)+1,1))-1)+IF('Standard Profiles'!$G$20=$B$10,7,0)+IF('Standard Profiles'!$G$20=$B$17,14,0)+IF('Standard Profiles'!$G$20=$B$24,21,0),0)),0)</f>
        <v>3.1870978047095373</v>
      </c>
      <c r="G358" cm="1">
        <f t="array" ref="G358">IFERROR(INDEX(Jesper!AK$2:AK$366,ROUNDDOWN($C358/24,0)+1,1)*INDEX($D$3:$AA$30,INDEX(Jesper!$R$2:$R$366,ROW(INDEX(Jesper!AK$2:AK$366,ROUNDDOWN($C358/24,0)+1,1))-1)+IF('Standard Profiles'!$G$21=$B$10,7,0)+IF('Standard Profiles'!$G$21=$B$17,14,0)+IF('Standard Profiles'!$G$21=$B$24,21,0),MOD($C358,24)+1)/SUM(INDEX($D$3:$AA$30,INDEX(Jesper!$R$2:$R$366,ROW(INDEX(Jesper!AK$2:AK$366,ROUNDDOWN($C358/24,0)+1,1))-1)+IF('Standard Profiles'!$G$21=$B$10,7,0)+IF('Standard Profiles'!$G$21=$B$17,14,0)+IF('Standard Profiles'!$G$21=$B$24,21,0),0)),0)</f>
        <v>4.5048861778007643</v>
      </c>
      <c r="H358" cm="1">
        <f t="array" ref="H358">IFERROR(INDEX(Jesper!AL$2:AL$366,ROUNDDOWN($C358/24,0)+1,1)*INDEX($D$3:$AA$30,INDEX(Jesper!$R$2:$R$366,ROW(INDEX(Jesper!AL$2:AL$366,ROUNDDOWN($C358/24,0)+1,1))-1)+IF('Standard Profiles'!$G$22=$B$10,7,0)+IF('Standard Profiles'!$G$22=$B$17,14,0)+IF('Standard Profiles'!$G$22=$B$24,21,0),MOD($C358,24)+1)/SUM(INDEX($D$3:$AA$30,INDEX(Jesper!$R$2:$R$366,ROW(INDEX(Jesper!AL$2:AL$366,ROUNDDOWN($C358/24,0)+1,1))-1)+IF('Standard Profiles'!$G$22=$B$10,7,0)+IF('Standard Profiles'!$G$22=$B$17,14,0)+IF('Standard Profiles'!$G$22=$B$24,21,0),0)),0)</f>
        <v>4.1527669696597274</v>
      </c>
      <c r="I358">
        <f t="shared" si="55"/>
        <v>3.9866562908733405</v>
      </c>
      <c r="J358">
        <f t="shared" si="56"/>
        <v>11.533357684931305</v>
      </c>
      <c r="K358">
        <f t="shared" si="57"/>
        <v>0.33411482033041978</v>
      </c>
      <c r="L358">
        <f t="shared" si="58"/>
        <v>0.16705741016520989</v>
      </c>
      <c r="M358">
        <f t="shared" si="59"/>
        <v>0</v>
      </c>
      <c r="N358" s="45">
        <f t="shared" si="60"/>
        <v>44940.499999999214</v>
      </c>
    </row>
    <row r="359" spans="2:14" x14ac:dyDescent="0.25">
      <c r="B359">
        <f t="shared" si="54"/>
        <v>6</v>
      </c>
      <c r="C359" s="16">
        <v>325</v>
      </c>
      <c r="D359" cm="1">
        <f t="array" ref="D359">IFERROR(INDEX(Jesper!AH$2:AH$366,ROUNDDOWN($C359/24,0)+1,1)*INDEX($D$3:$AA$30,INDEX(Jesper!$R$2:$R$366,ROW(INDEX(Jesper!AH$2:AH$366,ROUNDDOWN($C359/24,0)+1,1))-1)+IF('Standard Profiles'!$G$18=$B$10,7,0)+IF('Standard Profiles'!$G$18=$B$17,14,0)+IF('Standard Profiles'!$G$18=$B$24,21,0),MOD($C359,24)+1)/SUM(INDEX($D$3:$AA$30,INDEX(Jesper!$R$2:$R$366,ROW(INDEX(Jesper!AH$2:AH$366,ROUNDDOWN($C359/24,0)+1,1))-1)+IF('Standard Profiles'!$G$18=$B$10,7,0)+IF('Standard Profiles'!$G$18=$B$17,14,0)+IF('Standard Profiles'!$G$18=$B$24,21,0),0)),0)</f>
        <v>0</v>
      </c>
      <c r="E359" cm="1">
        <f t="array" ref="E359">IFERROR(INDEX(Jesper!AI$2:AI$366,ROUNDDOWN($C359/24,0)+1,1)*INDEX($D$3:$AA$30,INDEX(Jesper!$R$2:$R$366,ROW(INDEX(Jesper!AI$2:AI$366,ROUNDDOWN($C359/24,0)+1,1))-1)+IF('Standard Profiles'!$G$19=$B$10,7,0)+IF('Standard Profiles'!$G$19=$B$17,14,0)+IF('Standard Profiles'!$G$19=$B$24,21,0),MOD($C359,24)+1)/SUM(INDEX($D$3:$AA$30,INDEX(Jesper!$R$2:$R$366,ROW(INDEX(Jesper!AI$2:AI$366,ROUNDDOWN($C359/24,0)+1,1))-1)+IF('Standard Profiles'!$G$19=$B$10,7,0)+IF('Standard Profiles'!$G$19=$B$17,14,0)+IF('Standard Profiles'!$G$19=$B$24,21,0),0)),0)</f>
        <v>4.1764352541302472</v>
      </c>
      <c r="F359" cm="1">
        <f t="array" ref="F359">IFERROR(INDEX(Jesper!AJ$2:AJ$366,ROUNDDOWN($C359/24,0)+1,1)*INDEX($D$3:$AA$30,INDEX(Jesper!$R$2:$R$366,ROW(INDEX(Jesper!AJ$2:AJ$366,ROUNDDOWN($C359/24,0)+1,1))-1)+IF('Standard Profiles'!$G$20=$B$10,7,0)+IF('Standard Profiles'!$G$20=$B$17,14,0)+IF('Standard Profiles'!$G$20=$B$24,21,0),MOD($C359,24)+1)/SUM(INDEX($D$3:$AA$30,INDEX(Jesper!$R$2:$R$366,ROW(INDEX(Jesper!AJ$2:AJ$366,ROUNDDOWN($C359/24,0)+1,1))-1)+IF('Standard Profiles'!$G$20=$B$10,7,0)+IF('Standard Profiles'!$G$20=$B$17,14,0)+IF('Standard Profiles'!$G$20=$B$24,21,0),0)),0)</f>
        <v>3.1870978047095373</v>
      </c>
      <c r="G359" cm="1">
        <f t="array" ref="G359">IFERROR(INDEX(Jesper!AK$2:AK$366,ROUNDDOWN($C359/24,0)+1,1)*INDEX($D$3:$AA$30,INDEX(Jesper!$R$2:$R$366,ROW(INDEX(Jesper!AK$2:AK$366,ROUNDDOWN($C359/24,0)+1,1))-1)+IF('Standard Profiles'!$G$21=$B$10,7,0)+IF('Standard Profiles'!$G$21=$B$17,14,0)+IF('Standard Profiles'!$G$21=$B$24,21,0),MOD($C359,24)+1)/SUM(INDEX($D$3:$AA$30,INDEX(Jesper!$R$2:$R$366,ROW(INDEX(Jesper!AK$2:AK$366,ROUNDDOWN($C359/24,0)+1,1))-1)+IF('Standard Profiles'!$G$21=$B$10,7,0)+IF('Standard Profiles'!$G$21=$B$17,14,0)+IF('Standard Profiles'!$G$21=$B$24,21,0),0)),0)</f>
        <v>4.5048861778007643</v>
      </c>
      <c r="H359" cm="1">
        <f t="array" ref="H359">IFERROR(INDEX(Jesper!AL$2:AL$366,ROUNDDOWN($C359/24,0)+1,1)*INDEX($D$3:$AA$30,INDEX(Jesper!$R$2:$R$366,ROW(INDEX(Jesper!AL$2:AL$366,ROUNDDOWN($C359/24,0)+1,1))-1)+IF('Standard Profiles'!$G$22=$B$10,7,0)+IF('Standard Profiles'!$G$22=$B$17,14,0)+IF('Standard Profiles'!$G$22=$B$24,21,0),MOD($C359,24)+1)/SUM(INDEX($D$3:$AA$30,INDEX(Jesper!$R$2:$R$366,ROW(INDEX(Jesper!AL$2:AL$366,ROUNDDOWN($C359/24,0)+1,1))-1)+IF('Standard Profiles'!$G$22=$B$10,7,0)+IF('Standard Profiles'!$G$22=$B$17,14,0)+IF('Standard Profiles'!$G$22=$B$24,21,0),0)),0)</f>
        <v>4.1527669696597274</v>
      </c>
      <c r="I359">
        <f t="shared" si="55"/>
        <v>3.9866562908733405</v>
      </c>
      <c r="J359">
        <f t="shared" si="56"/>
        <v>11.533357684931305</v>
      </c>
      <c r="K359">
        <f t="shared" si="57"/>
        <v>0.33411482033041978</v>
      </c>
      <c r="L359">
        <f t="shared" si="58"/>
        <v>0.16705741016520989</v>
      </c>
      <c r="M359">
        <f t="shared" si="59"/>
        <v>0</v>
      </c>
      <c r="N359" s="45">
        <f t="shared" si="60"/>
        <v>44940.541666665878</v>
      </c>
    </row>
    <row r="360" spans="2:14" x14ac:dyDescent="0.25">
      <c r="B360">
        <f t="shared" si="54"/>
        <v>6</v>
      </c>
      <c r="C360" s="16">
        <v>326</v>
      </c>
      <c r="D360" cm="1">
        <f t="array" ref="D360">IFERROR(INDEX(Jesper!AH$2:AH$366,ROUNDDOWN($C360/24,0)+1,1)*INDEX($D$3:$AA$30,INDEX(Jesper!$R$2:$R$366,ROW(INDEX(Jesper!AH$2:AH$366,ROUNDDOWN($C360/24,0)+1,1))-1)+IF('Standard Profiles'!$G$18=$B$10,7,0)+IF('Standard Profiles'!$G$18=$B$17,14,0)+IF('Standard Profiles'!$G$18=$B$24,21,0),MOD($C360,24)+1)/SUM(INDEX($D$3:$AA$30,INDEX(Jesper!$R$2:$R$366,ROW(INDEX(Jesper!AH$2:AH$366,ROUNDDOWN($C360/24,0)+1,1))-1)+IF('Standard Profiles'!$G$18=$B$10,7,0)+IF('Standard Profiles'!$G$18=$B$17,14,0)+IF('Standard Profiles'!$G$18=$B$24,21,0),0)),0)</f>
        <v>0</v>
      </c>
      <c r="E360" cm="1">
        <f t="array" ref="E360">IFERROR(INDEX(Jesper!AI$2:AI$366,ROUNDDOWN($C360/24,0)+1,1)*INDEX($D$3:$AA$30,INDEX(Jesper!$R$2:$R$366,ROW(INDEX(Jesper!AI$2:AI$366,ROUNDDOWN($C360/24,0)+1,1))-1)+IF('Standard Profiles'!$G$19=$B$10,7,0)+IF('Standard Profiles'!$G$19=$B$17,14,0)+IF('Standard Profiles'!$G$19=$B$24,21,0),MOD($C360,24)+1)/SUM(INDEX($D$3:$AA$30,INDEX(Jesper!$R$2:$R$366,ROW(INDEX(Jesper!AI$2:AI$366,ROUNDDOWN($C360/24,0)+1,1))-1)+IF('Standard Profiles'!$G$19=$B$10,7,0)+IF('Standard Profiles'!$G$19=$B$17,14,0)+IF('Standard Profiles'!$G$19=$B$24,21,0),0)),0)</f>
        <v>4.1764352541302472</v>
      </c>
      <c r="F360" cm="1">
        <f t="array" ref="F360">IFERROR(INDEX(Jesper!AJ$2:AJ$366,ROUNDDOWN($C360/24,0)+1,1)*INDEX($D$3:$AA$30,INDEX(Jesper!$R$2:$R$366,ROW(INDEX(Jesper!AJ$2:AJ$366,ROUNDDOWN($C360/24,0)+1,1))-1)+IF('Standard Profiles'!$G$20=$B$10,7,0)+IF('Standard Profiles'!$G$20=$B$17,14,0)+IF('Standard Profiles'!$G$20=$B$24,21,0),MOD($C360,24)+1)/SUM(INDEX($D$3:$AA$30,INDEX(Jesper!$R$2:$R$366,ROW(INDEX(Jesper!AJ$2:AJ$366,ROUNDDOWN($C360/24,0)+1,1))-1)+IF('Standard Profiles'!$G$20=$B$10,7,0)+IF('Standard Profiles'!$G$20=$B$17,14,0)+IF('Standard Profiles'!$G$20=$B$24,21,0),0)),0)</f>
        <v>3.1870978047095373</v>
      </c>
      <c r="G360" cm="1">
        <f t="array" ref="G360">IFERROR(INDEX(Jesper!AK$2:AK$366,ROUNDDOWN($C360/24,0)+1,1)*INDEX($D$3:$AA$30,INDEX(Jesper!$R$2:$R$366,ROW(INDEX(Jesper!AK$2:AK$366,ROUNDDOWN($C360/24,0)+1,1))-1)+IF('Standard Profiles'!$G$21=$B$10,7,0)+IF('Standard Profiles'!$G$21=$B$17,14,0)+IF('Standard Profiles'!$G$21=$B$24,21,0),MOD($C360,24)+1)/SUM(INDEX($D$3:$AA$30,INDEX(Jesper!$R$2:$R$366,ROW(INDEX(Jesper!AK$2:AK$366,ROUNDDOWN($C360/24,0)+1,1))-1)+IF('Standard Profiles'!$G$21=$B$10,7,0)+IF('Standard Profiles'!$G$21=$B$17,14,0)+IF('Standard Profiles'!$G$21=$B$24,21,0),0)),0)</f>
        <v>4.5048861778007643</v>
      </c>
      <c r="H360" cm="1">
        <f t="array" ref="H360">IFERROR(INDEX(Jesper!AL$2:AL$366,ROUNDDOWN($C360/24,0)+1,1)*INDEX($D$3:$AA$30,INDEX(Jesper!$R$2:$R$366,ROW(INDEX(Jesper!AL$2:AL$366,ROUNDDOWN($C360/24,0)+1,1))-1)+IF('Standard Profiles'!$G$22=$B$10,7,0)+IF('Standard Profiles'!$G$22=$B$17,14,0)+IF('Standard Profiles'!$G$22=$B$24,21,0),MOD($C360,24)+1)/SUM(INDEX($D$3:$AA$30,INDEX(Jesper!$R$2:$R$366,ROW(INDEX(Jesper!AL$2:AL$366,ROUNDDOWN($C360/24,0)+1,1))-1)+IF('Standard Profiles'!$G$22=$B$10,7,0)+IF('Standard Profiles'!$G$22=$B$17,14,0)+IF('Standard Profiles'!$G$22=$B$24,21,0),0)),0)</f>
        <v>4.1527669696597274</v>
      </c>
      <c r="I360">
        <f t="shared" si="55"/>
        <v>3.9866562908733405</v>
      </c>
      <c r="J360">
        <f t="shared" si="56"/>
        <v>11.533357684931305</v>
      </c>
      <c r="K360">
        <f t="shared" si="57"/>
        <v>0.33411482033041978</v>
      </c>
      <c r="L360">
        <f t="shared" si="58"/>
        <v>0.16705741016520989</v>
      </c>
      <c r="M360">
        <f t="shared" si="59"/>
        <v>0</v>
      </c>
      <c r="N360" s="45">
        <f t="shared" si="60"/>
        <v>44940.583333332543</v>
      </c>
    </row>
    <row r="361" spans="2:14" x14ac:dyDescent="0.25">
      <c r="B361">
        <f t="shared" si="54"/>
        <v>6</v>
      </c>
      <c r="C361" s="16">
        <v>327</v>
      </c>
      <c r="D361" cm="1">
        <f t="array" ref="D361">IFERROR(INDEX(Jesper!AH$2:AH$366,ROUNDDOWN($C361/24,0)+1,1)*INDEX($D$3:$AA$30,INDEX(Jesper!$R$2:$R$366,ROW(INDEX(Jesper!AH$2:AH$366,ROUNDDOWN($C361/24,0)+1,1))-1)+IF('Standard Profiles'!$G$18=$B$10,7,0)+IF('Standard Profiles'!$G$18=$B$17,14,0)+IF('Standard Profiles'!$G$18=$B$24,21,0),MOD($C361,24)+1)/SUM(INDEX($D$3:$AA$30,INDEX(Jesper!$R$2:$R$366,ROW(INDEX(Jesper!AH$2:AH$366,ROUNDDOWN($C361/24,0)+1,1))-1)+IF('Standard Profiles'!$G$18=$B$10,7,0)+IF('Standard Profiles'!$G$18=$B$17,14,0)+IF('Standard Profiles'!$G$18=$B$24,21,0),0)),0)</f>
        <v>0</v>
      </c>
      <c r="E361" cm="1">
        <f t="array" ref="E361">IFERROR(INDEX(Jesper!AI$2:AI$366,ROUNDDOWN($C361/24,0)+1,1)*INDEX($D$3:$AA$30,INDEX(Jesper!$R$2:$R$366,ROW(INDEX(Jesper!AI$2:AI$366,ROUNDDOWN($C361/24,0)+1,1))-1)+IF('Standard Profiles'!$G$19=$B$10,7,0)+IF('Standard Profiles'!$G$19=$B$17,14,0)+IF('Standard Profiles'!$G$19=$B$24,21,0),MOD($C361,24)+1)/SUM(INDEX($D$3:$AA$30,INDEX(Jesper!$R$2:$R$366,ROW(INDEX(Jesper!AI$2:AI$366,ROUNDDOWN($C361/24,0)+1,1))-1)+IF('Standard Profiles'!$G$19=$B$10,7,0)+IF('Standard Profiles'!$G$19=$B$17,14,0)+IF('Standard Profiles'!$G$19=$B$24,21,0),0)),0)</f>
        <v>4.1764352541302472</v>
      </c>
      <c r="F361" cm="1">
        <f t="array" ref="F361">IFERROR(INDEX(Jesper!AJ$2:AJ$366,ROUNDDOWN($C361/24,0)+1,1)*INDEX($D$3:$AA$30,INDEX(Jesper!$R$2:$R$366,ROW(INDEX(Jesper!AJ$2:AJ$366,ROUNDDOWN($C361/24,0)+1,1))-1)+IF('Standard Profiles'!$G$20=$B$10,7,0)+IF('Standard Profiles'!$G$20=$B$17,14,0)+IF('Standard Profiles'!$G$20=$B$24,21,0),MOD($C361,24)+1)/SUM(INDEX($D$3:$AA$30,INDEX(Jesper!$R$2:$R$366,ROW(INDEX(Jesper!AJ$2:AJ$366,ROUNDDOWN($C361/24,0)+1,1))-1)+IF('Standard Profiles'!$G$20=$B$10,7,0)+IF('Standard Profiles'!$G$20=$B$17,14,0)+IF('Standard Profiles'!$G$20=$B$24,21,0),0)),0)</f>
        <v>3.1870978047095373</v>
      </c>
      <c r="G361" cm="1">
        <f t="array" ref="G361">IFERROR(INDEX(Jesper!AK$2:AK$366,ROUNDDOWN($C361/24,0)+1,1)*INDEX($D$3:$AA$30,INDEX(Jesper!$R$2:$R$366,ROW(INDEX(Jesper!AK$2:AK$366,ROUNDDOWN($C361/24,0)+1,1))-1)+IF('Standard Profiles'!$G$21=$B$10,7,0)+IF('Standard Profiles'!$G$21=$B$17,14,0)+IF('Standard Profiles'!$G$21=$B$24,21,0),MOD($C361,24)+1)/SUM(INDEX($D$3:$AA$30,INDEX(Jesper!$R$2:$R$366,ROW(INDEX(Jesper!AK$2:AK$366,ROUNDDOWN($C361/24,0)+1,1))-1)+IF('Standard Profiles'!$G$21=$B$10,7,0)+IF('Standard Profiles'!$G$21=$B$17,14,0)+IF('Standard Profiles'!$G$21=$B$24,21,0),0)),0)</f>
        <v>4.5048861778007643</v>
      </c>
      <c r="H361" cm="1">
        <f t="array" ref="H361">IFERROR(INDEX(Jesper!AL$2:AL$366,ROUNDDOWN($C361/24,0)+1,1)*INDEX($D$3:$AA$30,INDEX(Jesper!$R$2:$R$366,ROW(INDEX(Jesper!AL$2:AL$366,ROUNDDOWN($C361/24,0)+1,1))-1)+IF('Standard Profiles'!$G$22=$B$10,7,0)+IF('Standard Profiles'!$G$22=$B$17,14,0)+IF('Standard Profiles'!$G$22=$B$24,21,0),MOD($C361,24)+1)/SUM(INDEX($D$3:$AA$30,INDEX(Jesper!$R$2:$R$366,ROW(INDEX(Jesper!AL$2:AL$366,ROUNDDOWN($C361/24,0)+1,1))-1)+IF('Standard Profiles'!$G$22=$B$10,7,0)+IF('Standard Profiles'!$G$22=$B$17,14,0)+IF('Standard Profiles'!$G$22=$B$24,21,0),0)),0)</f>
        <v>3.7545564383224934</v>
      </c>
      <c r="I361">
        <f t="shared" si="55"/>
        <v>3.6043741807895957</v>
      </c>
      <c r="J361">
        <f t="shared" si="56"/>
        <v>11.517429263677815</v>
      </c>
      <c r="K361">
        <f t="shared" si="57"/>
        <v>0.33411482033041978</v>
      </c>
      <c r="L361">
        <f t="shared" si="58"/>
        <v>0.16705741016520989</v>
      </c>
      <c r="M361">
        <f t="shared" si="59"/>
        <v>0</v>
      </c>
      <c r="N361" s="45">
        <f t="shared" si="60"/>
        <v>44940.624999999207</v>
      </c>
    </row>
    <row r="362" spans="2:14" x14ac:dyDescent="0.25">
      <c r="B362">
        <f t="shared" si="54"/>
        <v>6</v>
      </c>
      <c r="C362" s="16">
        <v>328</v>
      </c>
      <c r="D362" cm="1">
        <f t="array" ref="D362">IFERROR(INDEX(Jesper!AH$2:AH$366,ROUNDDOWN($C362/24,0)+1,1)*INDEX($D$3:$AA$30,INDEX(Jesper!$R$2:$R$366,ROW(INDEX(Jesper!AH$2:AH$366,ROUNDDOWN($C362/24,0)+1,1))-1)+IF('Standard Profiles'!$G$18=$B$10,7,0)+IF('Standard Profiles'!$G$18=$B$17,14,0)+IF('Standard Profiles'!$G$18=$B$24,21,0),MOD($C362,24)+1)/SUM(INDEX($D$3:$AA$30,INDEX(Jesper!$R$2:$R$366,ROW(INDEX(Jesper!AH$2:AH$366,ROUNDDOWN($C362/24,0)+1,1))-1)+IF('Standard Profiles'!$G$18=$B$10,7,0)+IF('Standard Profiles'!$G$18=$B$17,14,0)+IF('Standard Profiles'!$G$18=$B$24,21,0),0)),0)</f>
        <v>0</v>
      </c>
      <c r="E362" cm="1">
        <f t="array" ref="E362">IFERROR(INDEX(Jesper!AI$2:AI$366,ROUNDDOWN($C362/24,0)+1,1)*INDEX($D$3:$AA$30,INDEX(Jesper!$R$2:$R$366,ROW(INDEX(Jesper!AI$2:AI$366,ROUNDDOWN($C362/24,0)+1,1))-1)+IF('Standard Profiles'!$G$19=$B$10,7,0)+IF('Standard Profiles'!$G$19=$B$17,14,0)+IF('Standard Profiles'!$G$19=$B$24,21,0),MOD($C362,24)+1)/SUM(INDEX($D$3:$AA$30,INDEX(Jesper!$R$2:$R$366,ROW(INDEX(Jesper!AI$2:AI$366,ROUNDDOWN($C362/24,0)+1,1))-1)+IF('Standard Profiles'!$G$19=$B$10,7,0)+IF('Standard Profiles'!$G$19=$B$17,14,0)+IF('Standard Profiles'!$G$19=$B$24,21,0),0)),0)</f>
        <v>4.1764352541302472</v>
      </c>
      <c r="F362" cm="1">
        <f t="array" ref="F362">IFERROR(INDEX(Jesper!AJ$2:AJ$366,ROUNDDOWN($C362/24,0)+1,1)*INDEX($D$3:$AA$30,INDEX(Jesper!$R$2:$R$366,ROW(INDEX(Jesper!AJ$2:AJ$366,ROUNDDOWN($C362/24,0)+1,1))-1)+IF('Standard Profiles'!$G$20=$B$10,7,0)+IF('Standard Profiles'!$G$20=$B$17,14,0)+IF('Standard Profiles'!$G$20=$B$24,21,0),MOD($C362,24)+1)/SUM(INDEX($D$3:$AA$30,INDEX(Jesper!$R$2:$R$366,ROW(INDEX(Jesper!AJ$2:AJ$366,ROUNDDOWN($C362/24,0)+1,1))-1)+IF('Standard Profiles'!$G$20=$B$10,7,0)+IF('Standard Profiles'!$G$20=$B$17,14,0)+IF('Standard Profiles'!$G$20=$B$24,21,0),0)),0)</f>
        <v>3.1870978047095373</v>
      </c>
      <c r="G362" cm="1">
        <f t="array" ref="G362">IFERROR(INDEX(Jesper!AK$2:AK$366,ROUNDDOWN($C362/24,0)+1,1)*INDEX($D$3:$AA$30,INDEX(Jesper!$R$2:$R$366,ROW(INDEX(Jesper!AK$2:AK$366,ROUNDDOWN($C362/24,0)+1,1))-1)+IF('Standard Profiles'!$G$21=$B$10,7,0)+IF('Standard Profiles'!$G$21=$B$17,14,0)+IF('Standard Profiles'!$G$21=$B$24,21,0),MOD($C362,24)+1)/SUM(INDEX($D$3:$AA$30,INDEX(Jesper!$R$2:$R$366,ROW(INDEX(Jesper!AK$2:AK$366,ROUNDDOWN($C362/24,0)+1,1))-1)+IF('Standard Profiles'!$G$21=$B$10,7,0)+IF('Standard Profiles'!$G$21=$B$17,14,0)+IF('Standard Profiles'!$G$21=$B$24,21,0),0)),0)</f>
        <v>4.5048861778007643</v>
      </c>
      <c r="H362" cm="1">
        <f t="array" ref="H362">IFERROR(INDEX(Jesper!AL$2:AL$366,ROUNDDOWN($C362/24,0)+1,1)*INDEX($D$3:$AA$30,INDEX(Jesper!$R$2:$R$366,ROW(INDEX(Jesper!AL$2:AL$366,ROUNDDOWN($C362/24,0)+1,1))-1)+IF('Standard Profiles'!$G$22=$B$10,7,0)+IF('Standard Profiles'!$G$22=$B$17,14,0)+IF('Standard Profiles'!$G$22=$B$24,21,0),MOD($C362,24)+1)/SUM(INDEX($D$3:$AA$30,INDEX(Jesper!$R$2:$R$366,ROW(INDEX(Jesper!AL$2:AL$366,ROUNDDOWN($C362/24,0)+1,1))-1)+IF('Standard Profiles'!$G$22=$B$10,7,0)+IF('Standard Profiles'!$G$22=$B$17,14,0)+IF('Standard Profiles'!$G$22=$B$24,21,0),0)),0)</f>
        <v>3.4132331257477211</v>
      </c>
      <c r="I362">
        <f t="shared" si="55"/>
        <v>3.2767038007178142</v>
      </c>
      <c r="J362">
        <f t="shared" si="56"/>
        <v>11.503776331174825</v>
      </c>
      <c r="K362">
        <f t="shared" si="57"/>
        <v>0.33411482033041978</v>
      </c>
      <c r="L362">
        <f t="shared" si="58"/>
        <v>0.16705741016520989</v>
      </c>
      <c r="M362">
        <f t="shared" si="59"/>
        <v>0</v>
      </c>
      <c r="N362" s="45">
        <f t="shared" si="60"/>
        <v>44940.666666665871</v>
      </c>
    </row>
    <row r="363" spans="2:14" x14ac:dyDescent="0.25">
      <c r="B363">
        <f t="shared" si="54"/>
        <v>6</v>
      </c>
      <c r="C363" s="16">
        <v>329</v>
      </c>
      <c r="D363" cm="1">
        <f t="array" ref="D363">IFERROR(INDEX(Jesper!AH$2:AH$366,ROUNDDOWN($C363/24,0)+1,1)*INDEX($D$3:$AA$30,INDEX(Jesper!$R$2:$R$366,ROW(INDEX(Jesper!AH$2:AH$366,ROUNDDOWN($C363/24,0)+1,1))-1)+IF('Standard Profiles'!$G$18=$B$10,7,0)+IF('Standard Profiles'!$G$18=$B$17,14,0)+IF('Standard Profiles'!$G$18=$B$24,21,0),MOD($C363,24)+1)/SUM(INDEX($D$3:$AA$30,INDEX(Jesper!$R$2:$R$366,ROW(INDEX(Jesper!AH$2:AH$366,ROUNDDOWN($C363/24,0)+1,1))-1)+IF('Standard Profiles'!$G$18=$B$10,7,0)+IF('Standard Profiles'!$G$18=$B$17,14,0)+IF('Standard Profiles'!$G$18=$B$24,21,0),0)),0)</f>
        <v>0</v>
      </c>
      <c r="E363" cm="1">
        <f t="array" ref="E363">IFERROR(INDEX(Jesper!AI$2:AI$366,ROUNDDOWN($C363/24,0)+1,1)*INDEX($D$3:$AA$30,INDEX(Jesper!$R$2:$R$366,ROW(INDEX(Jesper!AI$2:AI$366,ROUNDDOWN($C363/24,0)+1,1))-1)+IF('Standard Profiles'!$G$19=$B$10,7,0)+IF('Standard Profiles'!$G$19=$B$17,14,0)+IF('Standard Profiles'!$G$19=$B$24,21,0),MOD($C363,24)+1)/SUM(INDEX($D$3:$AA$30,INDEX(Jesper!$R$2:$R$366,ROW(INDEX(Jesper!AI$2:AI$366,ROUNDDOWN($C363/24,0)+1,1))-1)+IF('Standard Profiles'!$G$19=$B$10,7,0)+IF('Standard Profiles'!$G$19=$B$17,14,0)+IF('Standard Profiles'!$G$19=$B$24,21,0),0)),0)</f>
        <v>4.1764352541302472</v>
      </c>
      <c r="F363" cm="1">
        <f t="array" ref="F363">IFERROR(INDEX(Jesper!AJ$2:AJ$366,ROUNDDOWN($C363/24,0)+1,1)*INDEX($D$3:$AA$30,INDEX(Jesper!$R$2:$R$366,ROW(INDEX(Jesper!AJ$2:AJ$366,ROUNDDOWN($C363/24,0)+1,1))-1)+IF('Standard Profiles'!$G$20=$B$10,7,0)+IF('Standard Profiles'!$G$20=$B$17,14,0)+IF('Standard Profiles'!$G$20=$B$24,21,0),MOD($C363,24)+1)/SUM(INDEX($D$3:$AA$30,INDEX(Jesper!$R$2:$R$366,ROW(INDEX(Jesper!AJ$2:AJ$366,ROUNDDOWN($C363/24,0)+1,1))-1)+IF('Standard Profiles'!$G$20=$B$10,7,0)+IF('Standard Profiles'!$G$20=$B$17,14,0)+IF('Standard Profiles'!$G$20=$B$24,21,0),0)),0)</f>
        <v>3.1870978047095373</v>
      </c>
      <c r="G363" cm="1">
        <f t="array" ref="G363">IFERROR(INDEX(Jesper!AK$2:AK$366,ROUNDDOWN($C363/24,0)+1,1)*INDEX($D$3:$AA$30,INDEX(Jesper!$R$2:$R$366,ROW(INDEX(Jesper!AK$2:AK$366,ROUNDDOWN($C363/24,0)+1,1))-1)+IF('Standard Profiles'!$G$21=$B$10,7,0)+IF('Standard Profiles'!$G$21=$B$17,14,0)+IF('Standard Profiles'!$G$21=$B$24,21,0),MOD($C363,24)+1)/SUM(INDEX($D$3:$AA$30,INDEX(Jesper!$R$2:$R$366,ROW(INDEX(Jesper!AK$2:AK$366,ROUNDDOWN($C363/24,0)+1,1))-1)+IF('Standard Profiles'!$G$21=$B$10,7,0)+IF('Standard Profiles'!$G$21=$B$17,14,0)+IF('Standard Profiles'!$G$21=$B$24,21,0),0)),0)</f>
        <v>4.5048861778007643</v>
      </c>
      <c r="H363" cm="1">
        <f t="array" ref="H363">IFERROR(INDEX(Jesper!AL$2:AL$366,ROUNDDOWN($C363/24,0)+1,1)*INDEX($D$3:$AA$30,INDEX(Jesper!$R$2:$R$366,ROW(INDEX(Jesper!AL$2:AL$366,ROUNDDOWN($C363/24,0)+1,1))-1)+IF('Standard Profiles'!$G$22=$B$10,7,0)+IF('Standard Profiles'!$G$22=$B$17,14,0)+IF('Standard Profiles'!$G$22=$B$24,21,0),MOD($C363,24)+1)/SUM(INDEX($D$3:$AA$30,INDEX(Jesper!$R$2:$R$366,ROW(INDEX(Jesper!AL$2:AL$366,ROUNDDOWN($C363/24,0)+1,1))-1)+IF('Standard Profiles'!$G$22=$B$10,7,0)+IF('Standard Profiles'!$G$22=$B$17,14,0)+IF('Standard Profiles'!$G$22=$B$24,21,0),0)),0)</f>
        <v>3.0719098131729492</v>
      </c>
      <c r="I363">
        <f t="shared" si="55"/>
        <v>2.9490334206460327</v>
      </c>
      <c r="J363">
        <f t="shared" si="56"/>
        <v>11.490123398671834</v>
      </c>
      <c r="K363">
        <f t="shared" si="57"/>
        <v>0.33411482033041978</v>
      </c>
      <c r="L363">
        <f t="shared" si="58"/>
        <v>0.16705741016520989</v>
      </c>
      <c r="M363">
        <f t="shared" si="59"/>
        <v>0</v>
      </c>
      <c r="N363" s="45">
        <f t="shared" si="60"/>
        <v>44940.708333332535</v>
      </c>
    </row>
    <row r="364" spans="2:14" x14ac:dyDescent="0.25">
      <c r="B364">
        <f t="shared" si="54"/>
        <v>6</v>
      </c>
      <c r="C364" s="16">
        <v>330</v>
      </c>
      <c r="D364" cm="1">
        <f t="array" ref="D364">IFERROR(INDEX(Jesper!AH$2:AH$366,ROUNDDOWN($C364/24,0)+1,1)*INDEX($D$3:$AA$30,INDEX(Jesper!$R$2:$R$366,ROW(INDEX(Jesper!AH$2:AH$366,ROUNDDOWN($C364/24,0)+1,1))-1)+IF('Standard Profiles'!$G$18=$B$10,7,0)+IF('Standard Profiles'!$G$18=$B$17,14,0)+IF('Standard Profiles'!$G$18=$B$24,21,0),MOD($C364,24)+1)/SUM(INDEX($D$3:$AA$30,INDEX(Jesper!$R$2:$R$366,ROW(INDEX(Jesper!AH$2:AH$366,ROUNDDOWN($C364/24,0)+1,1))-1)+IF('Standard Profiles'!$G$18=$B$10,7,0)+IF('Standard Profiles'!$G$18=$B$17,14,0)+IF('Standard Profiles'!$G$18=$B$24,21,0),0)),0)</f>
        <v>0</v>
      </c>
      <c r="E364" cm="1">
        <f t="array" ref="E364">IFERROR(INDEX(Jesper!AI$2:AI$366,ROUNDDOWN($C364/24,0)+1,1)*INDEX($D$3:$AA$30,INDEX(Jesper!$R$2:$R$366,ROW(INDEX(Jesper!AI$2:AI$366,ROUNDDOWN($C364/24,0)+1,1))-1)+IF('Standard Profiles'!$G$19=$B$10,7,0)+IF('Standard Profiles'!$G$19=$B$17,14,0)+IF('Standard Profiles'!$G$19=$B$24,21,0),MOD($C364,24)+1)/SUM(INDEX($D$3:$AA$30,INDEX(Jesper!$R$2:$R$366,ROW(INDEX(Jesper!AI$2:AI$366,ROUNDDOWN($C364/24,0)+1,1))-1)+IF('Standard Profiles'!$G$19=$B$10,7,0)+IF('Standard Profiles'!$G$19=$B$17,14,0)+IF('Standard Profiles'!$G$19=$B$24,21,0),0)),0)</f>
        <v>4.1764352541302472</v>
      </c>
      <c r="F364" cm="1">
        <f t="array" ref="F364">IFERROR(INDEX(Jesper!AJ$2:AJ$366,ROUNDDOWN($C364/24,0)+1,1)*INDEX($D$3:$AA$30,INDEX(Jesper!$R$2:$R$366,ROW(INDEX(Jesper!AJ$2:AJ$366,ROUNDDOWN($C364/24,0)+1,1))-1)+IF('Standard Profiles'!$G$20=$B$10,7,0)+IF('Standard Profiles'!$G$20=$B$17,14,0)+IF('Standard Profiles'!$G$20=$B$24,21,0),MOD($C364,24)+1)/SUM(INDEX($D$3:$AA$30,INDEX(Jesper!$R$2:$R$366,ROW(INDEX(Jesper!AJ$2:AJ$366,ROUNDDOWN($C364/24,0)+1,1))-1)+IF('Standard Profiles'!$G$20=$B$10,7,0)+IF('Standard Profiles'!$G$20=$B$17,14,0)+IF('Standard Profiles'!$G$20=$B$24,21,0),0)),0)</f>
        <v>3.1870978047095373</v>
      </c>
      <c r="G364" cm="1">
        <f t="array" ref="G364">IFERROR(INDEX(Jesper!AK$2:AK$366,ROUNDDOWN($C364/24,0)+1,1)*INDEX($D$3:$AA$30,INDEX(Jesper!$R$2:$R$366,ROW(INDEX(Jesper!AK$2:AK$366,ROUNDDOWN($C364/24,0)+1,1))-1)+IF('Standard Profiles'!$G$21=$B$10,7,0)+IF('Standard Profiles'!$G$21=$B$17,14,0)+IF('Standard Profiles'!$G$21=$B$24,21,0),MOD($C364,24)+1)/SUM(INDEX($D$3:$AA$30,INDEX(Jesper!$R$2:$R$366,ROW(INDEX(Jesper!AK$2:AK$366,ROUNDDOWN($C364/24,0)+1,1))-1)+IF('Standard Profiles'!$G$21=$B$10,7,0)+IF('Standard Profiles'!$G$21=$B$17,14,0)+IF('Standard Profiles'!$G$21=$B$24,21,0),0)),0)</f>
        <v>4.5048861778007643</v>
      </c>
      <c r="H364" cm="1">
        <f t="array" ref="H364">IFERROR(INDEX(Jesper!AL$2:AL$366,ROUNDDOWN($C364/24,0)+1,1)*INDEX($D$3:$AA$30,INDEX(Jesper!$R$2:$R$366,ROW(INDEX(Jesper!AL$2:AL$366,ROUNDDOWN($C364/24,0)+1,1))-1)+IF('Standard Profiles'!$G$22=$B$10,7,0)+IF('Standard Profiles'!$G$22=$B$17,14,0)+IF('Standard Profiles'!$G$22=$B$24,21,0),MOD($C364,24)+1)/SUM(INDEX($D$3:$AA$30,INDEX(Jesper!$R$2:$R$366,ROW(INDEX(Jesper!AL$2:AL$366,ROUNDDOWN($C364/24,0)+1,1))-1)+IF('Standard Profiles'!$G$22=$B$10,7,0)+IF('Standard Profiles'!$G$22=$B$17,14,0)+IF('Standard Profiles'!$G$22=$B$24,21,0),0)),0)</f>
        <v>2.9581353756480246</v>
      </c>
      <c r="I364">
        <f t="shared" si="55"/>
        <v>2.8398099606221052</v>
      </c>
      <c r="J364">
        <f t="shared" si="56"/>
        <v>11.485572421170838</v>
      </c>
      <c r="K364">
        <f t="shared" si="57"/>
        <v>0.33411482033041978</v>
      </c>
      <c r="L364">
        <f t="shared" si="58"/>
        <v>0.16705741016520989</v>
      </c>
      <c r="M364">
        <f t="shared" si="59"/>
        <v>0</v>
      </c>
      <c r="N364" s="45">
        <f t="shared" si="60"/>
        <v>44940.7499999992</v>
      </c>
    </row>
    <row r="365" spans="2:14" x14ac:dyDescent="0.25">
      <c r="B365">
        <f t="shared" si="54"/>
        <v>6</v>
      </c>
      <c r="C365" s="16">
        <v>331</v>
      </c>
      <c r="D365" cm="1">
        <f t="array" ref="D365">IFERROR(INDEX(Jesper!AH$2:AH$366,ROUNDDOWN($C365/24,0)+1,1)*INDEX($D$3:$AA$30,INDEX(Jesper!$R$2:$R$366,ROW(INDEX(Jesper!AH$2:AH$366,ROUNDDOWN($C365/24,0)+1,1))-1)+IF('Standard Profiles'!$G$18=$B$10,7,0)+IF('Standard Profiles'!$G$18=$B$17,14,0)+IF('Standard Profiles'!$G$18=$B$24,21,0),MOD($C365,24)+1)/SUM(INDEX($D$3:$AA$30,INDEX(Jesper!$R$2:$R$366,ROW(INDEX(Jesper!AH$2:AH$366,ROUNDDOWN($C365/24,0)+1,1))-1)+IF('Standard Profiles'!$G$18=$B$10,7,0)+IF('Standard Profiles'!$G$18=$B$17,14,0)+IF('Standard Profiles'!$G$18=$B$24,21,0),0)),0)</f>
        <v>0</v>
      </c>
      <c r="E365" cm="1">
        <f t="array" ref="E365">IFERROR(INDEX(Jesper!AI$2:AI$366,ROUNDDOWN($C365/24,0)+1,1)*INDEX($D$3:$AA$30,INDEX(Jesper!$R$2:$R$366,ROW(INDEX(Jesper!AI$2:AI$366,ROUNDDOWN($C365/24,0)+1,1))-1)+IF('Standard Profiles'!$G$19=$B$10,7,0)+IF('Standard Profiles'!$G$19=$B$17,14,0)+IF('Standard Profiles'!$G$19=$B$24,21,0),MOD($C365,24)+1)/SUM(INDEX($D$3:$AA$30,INDEX(Jesper!$R$2:$R$366,ROW(INDEX(Jesper!AI$2:AI$366,ROUNDDOWN($C365/24,0)+1,1))-1)+IF('Standard Profiles'!$G$19=$B$10,7,0)+IF('Standard Profiles'!$G$19=$B$17,14,0)+IF('Standard Profiles'!$G$19=$B$24,21,0),0)),0)</f>
        <v>4.1764352541302472</v>
      </c>
      <c r="F365" cm="1">
        <f t="array" ref="F365">IFERROR(INDEX(Jesper!AJ$2:AJ$366,ROUNDDOWN($C365/24,0)+1,1)*INDEX($D$3:$AA$30,INDEX(Jesper!$R$2:$R$366,ROW(INDEX(Jesper!AJ$2:AJ$366,ROUNDDOWN($C365/24,0)+1,1))-1)+IF('Standard Profiles'!$G$20=$B$10,7,0)+IF('Standard Profiles'!$G$20=$B$17,14,0)+IF('Standard Profiles'!$G$20=$B$24,21,0),MOD($C365,24)+1)/SUM(INDEX($D$3:$AA$30,INDEX(Jesper!$R$2:$R$366,ROW(INDEX(Jesper!AJ$2:AJ$366,ROUNDDOWN($C365/24,0)+1,1))-1)+IF('Standard Profiles'!$G$20=$B$10,7,0)+IF('Standard Profiles'!$G$20=$B$17,14,0)+IF('Standard Profiles'!$G$20=$B$24,21,0),0)),0)</f>
        <v>3.1870978047095373</v>
      </c>
      <c r="G365" cm="1">
        <f t="array" ref="G365">IFERROR(INDEX(Jesper!AK$2:AK$366,ROUNDDOWN($C365/24,0)+1,1)*INDEX($D$3:$AA$30,INDEX(Jesper!$R$2:$R$366,ROW(INDEX(Jesper!AK$2:AK$366,ROUNDDOWN($C365/24,0)+1,1))-1)+IF('Standard Profiles'!$G$21=$B$10,7,0)+IF('Standard Profiles'!$G$21=$B$17,14,0)+IF('Standard Profiles'!$G$21=$B$24,21,0),MOD($C365,24)+1)/SUM(INDEX($D$3:$AA$30,INDEX(Jesper!$R$2:$R$366,ROW(INDEX(Jesper!AK$2:AK$366,ROUNDDOWN($C365/24,0)+1,1))-1)+IF('Standard Profiles'!$G$21=$B$10,7,0)+IF('Standard Profiles'!$G$21=$B$17,14,0)+IF('Standard Profiles'!$G$21=$B$24,21,0),0)),0)</f>
        <v>4.5048861778007643</v>
      </c>
      <c r="H365" cm="1">
        <f t="array" ref="H365">IFERROR(INDEX(Jesper!AL$2:AL$366,ROUNDDOWN($C365/24,0)+1,1)*INDEX($D$3:$AA$30,INDEX(Jesper!$R$2:$R$366,ROW(INDEX(Jesper!AL$2:AL$366,ROUNDDOWN($C365/24,0)+1,1))-1)+IF('Standard Profiles'!$G$22=$B$10,7,0)+IF('Standard Profiles'!$G$22=$B$17,14,0)+IF('Standard Profiles'!$G$22=$B$24,21,0),MOD($C365,24)+1)/SUM(INDEX($D$3:$AA$30,INDEX(Jesper!$R$2:$R$366,ROW(INDEX(Jesper!AL$2:AL$366,ROUNDDOWN($C365/24,0)+1,1))-1)+IF('Standard Profiles'!$G$22=$B$10,7,0)+IF('Standard Profiles'!$G$22=$B$17,14,0)+IF('Standard Profiles'!$G$22=$B$24,21,0),0)),0)</f>
        <v>2.3892631880234045</v>
      </c>
      <c r="I365">
        <f t="shared" si="55"/>
        <v>2.2936926605024697</v>
      </c>
      <c r="J365">
        <f t="shared" si="56"/>
        <v>11.462817533665852</v>
      </c>
      <c r="K365">
        <f t="shared" si="57"/>
        <v>0.33411482033041978</v>
      </c>
      <c r="L365">
        <f t="shared" si="58"/>
        <v>0.16705741016520989</v>
      </c>
      <c r="M365">
        <f t="shared" si="59"/>
        <v>0</v>
      </c>
      <c r="N365" s="45">
        <f t="shared" si="60"/>
        <v>44940.791666665864</v>
      </c>
    </row>
    <row r="366" spans="2:14" x14ac:dyDescent="0.25">
      <c r="B366">
        <f t="shared" si="54"/>
        <v>6</v>
      </c>
      <c r="C366" s="16">
        <v>332</v>
      </c>
      <c r="D366" cm="1">
        <f t="array" ref="D366">IFERROR(INDEX(Jesper!AH$2:AH$366,ROUNDDOWN($C366/24,0)+1,1)*INDEX($D$3:$AA$30,INDEX(Jesper!$R$2:$R$366,ROW(INDEX(Jesper!AH$2:AH$366,ROUNDDOWN($C366/24,0)+1,1))-1)+IF('Standard Profiles'!$G$18=$B$10,7,0)+IF('Standard Profiles'!$G$18=$B$17,14,0)+IF('Standard Profiles'!$G$18=$B$24,21,0),MOD($C366,24)+1)/SUM(INDEX($D$3:$AA$30,INDEX(Jesper!$R$2:$R$366,ROW(INDEX(Jesper!AH$2:AH$366,ROUNDDOWN($C366/24,0)+1,1))-1)+IF('Standard Profiles'!$G$18=$B$10,7,0)+IF('Standard Profiles'!$G$18=$B$17,14,0)+IF('Standard Profiles'!$G$18=$B$24,21,0),0)),0)</f>
        <v>0</v>
      </c>
      <c r="E366" cm="1">
        <f t="array" ref="E366">IFERROR(INDEX(Jesper!AI$2:AI$366,ROUNDDOWN($C366/24,0)+1,1)*INDEX($D$3:$AA$30,INDEX(Jesper!$R$2:$R$366,ROW(INDEX(Jesper!AI$2:AI$366,ROUNDDOWN($C366/24,0)+1,1))-1)+IF('Standard Profiles'!$G$19=$B$10,7,0)+IF('Standard Profiles'!$G$19=$B$17,14,0)+IF('Standard Profiles'!$G$19=$B$24,21,0),MOD($C366,24)+1)/SUM(INDEX($D$3:$AA$30,INDEX(Jesper!$R$2:$R$366,ROW(INDEX(Jesper!AI$2:AI$366,ROUNDDOWN($C366/24,0)+1,1))-1)+IF('Standard Profiles'!$G$19=$B$10,7,0)+IF('Standard Profiles'!$G$19=$B$17,14,0)+IF('Standard Profiles'!$G$19=$B$24,21,0),0)),0)</f>
        <v>4.1764352541302472</v>
      </c>
      <c r="F366" cm="1">
        <f t="array" ref="F366">IFERROR(INDEX(Jesper!AJ$2:AJ$366,ROUNDDOWN($C366/24,0)+1,1)*INDEX($D$3:$AA$30,INDEX(Jesper!$R$2:$R$366,ROW(INDEX(Jesper!AJ$2:AJ$366,ROUNDDOWN($C366/24,0)+1,1))-1)+IF('Standard Profiles'!$G$20=$B$10,7,0)+IF('Standard Profiles'!$G$20=$B$17,14,0)+IF('Standard Profiles'!$G$20=$B$24,21,0),MOD($C366,24)+1)/SUM(INDEX($D$3:$AA$30,INDEX(Jesper!$R$2:$R$366,ROW(INDEX(Jesper!AJ$2:AJ$366,ROUNDDOWN($C366/24,0)+1,1))-1)+IF('Standard Profiles'!$G$20=$B$10,7,0)+IF('Standard Profiles'!$G$20=$B$17,14,0)+IF('Standard Profiles'!$G$20=$B$24,21,0),0)),0)</f>
        <v>3.1870978047095373</v>
      </c>
      <c r="G366" cm="1">
        <f t="array" ref="G366">IFERROR(INDEX(Jesper!AK$2:AK$366,ROUNDDOWN($C366/24,0)+1,1)*INDEX($D$3:$AA$30,INDEX(Jesper!$R$2:$R$366,ROW(INDEX(Jesper!AK$2:AK$366,ROUNDDOWN($C366/24,0)+1,1))-1)+IF('Standard Profiles'!$G$21=$B$10,7,0)+IF('Standard Profiles'!$G$21=$B$17,14,0)+IF('Standard Profiles'!$G$21=$B$24,21,0),MOD($C366,24)+1)/SUM(INDEX($D$3:$AA$30,INDEX(Jesper!$R$2:$R$366,ROW(INDEX(Jesper!AK$2:AK$366,ROUNDDOWN($C366/24,0)+1,1))-1)+IF('Standard Profiles'!$G$21=$B$10,7,0)+IF('Standard Profiles'!$G$21=$B$17,14,0)+IF('Standard Profiles'!$G$21=$B$24,21,0),0)),0)</f>
        <v>4.5048861778007643</v>
      </c>
      <c r="H366" cm="1">
        <f t="array" ref="H366">IFERROR(INDEX(Jesper!AL$2:AL$366,ROUNDDOWN($C366/24,0)+1,1)*INDEX($D$3:$AA$30,INDEX(Jesper!$R$2:$R$366,ROW(INDEX(Jesper!AL$2:AL$366,ROUNDDOWN($C366/24,0)+1,1))-1)+IF('Standard Profiles'!$G$22=$B$10,7,0)+IF('Standard Profiles'!$G$22=$B$17,14,0)+IF('Standard Profiles'!$G$22=$B$24,21,0),MOD($C366,24)+1)/SUM(INDEX($D$3:$AA$30,INDEX(Jesper!$R$2:$R$366,ROW(INDEX(Jesper!AL$2:AL$366,ROUNDDOWN($C366/24,0)+1,1))-1)+IF('Standard Profiles'!$G$22=$B$10,7,0)+IF('Standard Profiles'!$G$22=$B$17,14,0)+IF('Standard Profiles'!$G$22=$B$24,21,0),0)),0)</f>
        <v>1.7635037816363224</v>
      </c>
      <c r="I366">
        <f t="shared" si="55"/>
        <v>1.6929636303708704</v>
      </c>
      <c r="J366">
        <f t="shared" si="56"/>
        <v>11.437787157410369</v>
      </c>
      <c r="K366">
        <f t="shared" si="57"/>
        <v>0.33411482033041978</v>
      </c>
      <c r="L366">
        <f t="shared" si="58"/>
        <v>0.16705741016520989</v>
      </c>
      <c r="M366">
        <f t="shared" si="59"/>
        <v>0</v>
      </c>
      <c r="N366" s="45">
        <f t="shared" si="60"/>
        <v>44940.833333332528</v>
      </c>
    </row>
    <row r="367" spans="2:14" x14ac:dyDescent="0.25">
      <c r="B367">
        <f t="shared" si="54"/>
        <v>6</v>
      </c>
      <c r="C367" s="16">
        <v>333</v>
      </c>
      <c r="D367" cm="1">
        <f t="array" ref="D367">IFERROR(INDEX(Jesper!AH$2:AH$366,ROUNDDOWN($C367/24,0)+1,1)*INDEX($D$3:$AA$30,INDEX(Jesper!$R$2:$R$366,ROW(INDEX(Jesper!AH$2:AH$366,ROUNDDOWN($C367/24,0)+1,1))-1)+IF('Standard Profiles'!$G$18=$B$10,7,0)+IF('Standard Profiles'!$G$18=$B$17,14,0)+IF('Standard Profiles'!$G$18=$B$24,21,0),MOD($C367,24)+1)/SUM(INDEX($D$3:$AA$30,INDEX(Jesper!$R$2:$R$366,ROW(INDEX(Jesper!AH$2:AH$366,ROUNDDOWN($C367/24,0)+1,1))-1)+IF('Standard Profiles'!$G$18=$B$10,7,0)+IF('Standard Profiles'!$G$18=$B$17,14,0)+IF('Standard Profiles'!$G$18=$B$24,21,0),0)),0)</f>
        <v>0</v>
      </c>
      <c r="E367" cm="1">
        <f t="array" ref="E367">IFERROR(INDEX(Jesper!AI$2:AI$366,ROUNDDOWN($C367/24,0)+1,1)*INDEX($D$3:$AA$30,INDEX(Jesper!$R$2:$R$366,ROW(INDEX(Jesper!AI$2:AI$366,ROUNDDOWN($C367/24,0)+1,1))-1)+IF('Standard Profiles'!$G$19=$B$10,7,0)+IF('Standard Profiles'!$G$19=$B$17,14,0)+IF('Standard Profiles'!$G$19=$B$24,21,0),MOD($C367,24)+1)/SUM(INDEX($D$3:$AA$30,INDEX(Jesper!$R$2:$R$366,ROW(INDEX(Jesper!AI$2:AI$366,ROUNDDOWN($C367/24,0)+1,1))-1)+IF('Standard Profiles'!$G$19=$B$10,7,0)+IF('Standard Profiles'!$G$19=$B$17,14,0)+IF('Standard Profiles'!$G$19=$B$24,21,0),0)),0)</f>
        <v>4.1764352541302472</v>
      </c>
      <c r="F367" cm="1">
        <f t="array" ref="F367">IFERROR(INDEX(Jesper!AJ$2:AJ$366,ROUNDDOWN($C367/24,0)+1,1)*INDEX($D$3:$AA$30,INDEX(Jesper!$R$2:$R$366,ROW(INDEX(Jesper!AJ$2:AJ$366,ROUNDDOWN($C367/24,0)+1,1))-1)+IF('Standard Profiles'!$G$20=$B$10,7,0)+IF('Standard Profiles'!$G$20=$B$17,14,0)+IF('Standard Profiles'!$G$20=$B$24,21,0),MOD($C367,24)+1)/SUM(INDEX($D$3:$AA$30,INDEX(Jesper!$R$2:$R$366,ROW(INDEX(Jesper!AJ$2:AJ$366,ROUNDDOWN($C367/24,0)+1,1))-1)+IF('Standard Profiles'!$G$20=$B$10,7,0)+IF('Standard Profiles'!$G$20=$B$17,14,0)+IF('Standard Profiles'!$G$20=$B$24,21,0),0)),0)</f>
        <v>3.1870978047095373</v>
      </c>
      <c r="G367" cm="1">
        <f t="array" ref="G367">IFERROR(INDEX(Jesper!AK$2:AK$366,ROUNDDOWN($C367/24,0)+1,1)*INDEX($D$3:$AA$30,INDEX(Jesper!$R$2:$R$366,ROW(INDEX(Jesper!AK$2:AK$366,ROUNDDOWN($C367/24,0)+1,1))-1)+IF('Standard Profiles'!$G$21=$B$10,7,0)+IF('Standard Profiles'!$G$21=$B$17,14,0)+IF('Standard Profiles'!$G$21=$B$24,21,0),MOD($C367,24)+1)/SUM(INDEX($D$3:$AA$30,INDEX(Jesper!$R$2:$R$366,ROW(INDEX(Jesper!AK$2:AK$366,ROUNDDOWN($C367/24,0)+1,1))-1)+IF('Standard Profiles'!$G$21=$B$10,7,0)+IF('Standard Profiles'!$G$21=$B$17,14,0)+IF('Standard Profiles'!$G$21=$B$24,21,0),0)),0)</f>
        <v>4.5048861778007643</v>
      </c>
      <c r="H367" cm="1">
        <f t="array" ref="H367">IFERROR(INDEX(Jesper!AL$2:AL$366,ROUNDDOWN($C367/24,0)+1,1)*INDEX($D$3:$AA$30,INDEX(Jesper!$R$2:$R$366,ROW(INDEX(Jesper!AL$2:AL$366,ROUNDDOWN($C367/24,0)+1,1))-1)+IF('Standard Profiles'!$G$22=$B$10,7,0)+IF('Standard Profiles'!$G$22=$B$17,14,0)+IF('Standard Profiles'!$G$22=$B$24,21,0),MOD($C367,24)+1)/SUM(INDEX($D$3:$AA$30,INDEX(Jesper!$R$2:$R$366,ROW(INDEX(Jesper!AL$2:AL$366,ROUNDDOWN($C367/24,0)+1,1))-1)+IF('Standard Profiles'!$G$22=$B$10,7,0)+IF('Standard Profiles'!$G$22=$B$17,14,0)+IF('Standard Profiles'!$G$22=$B$24,21,0),0)),0)</f>
        <v>1.7635037816363224</v>
      </c>
      <c r="I367">
        <f t="shared" si="55"/>
        <v>1.6929636303708704</v>
      </c>
      <c r="J367">
        <f t="shared" si="56"/>
        <v>11.437787157410369</v>
      </c>
      <c r="K367">
        <f t="shared" si="57"/>
        <v>0.33411482033041978</v>
      </c>
      <c r="L367">
        <f t="shared" si="58"/>
        <v>0.16705741016520989</v>
      </c>
      <c r="M367">
        <f t="shared" si="59"/>
        <v>0</v>
      </c>
      <c r="N367" s="45">
        <f t="shared" si="60"/>
        <v>44940.874999999192</v>
      </c>
    </row>
    <row r="368" spans="2:14" x14ac:dyDescent="0.25">
      <c r="B368">
        <f t="shared" si="54"/>
        <v>6</v>
      </c>
      <c r="C368" s="16">
        <v>334</v>
      </c>
      <c r="D368" cm="1">
        <f t="array" ref="D368">IFERROR(INDEX(Jesper!AH$2:AH$366,ROUNDDOWN($C368/24,0)+1,1)*INDEX($D$3:$AA$30,INDEX(Jesper!$R$2:$R$366,ROW(INDEX(Jesper!AH$2:AH$366,ROUNDDOWN($C368/24,0)+1,1))-1)+IF('Standard Profiles'!$G$18=$B$10,7,0)+IF('Standard Profiles'!$G$18=$B$17,14,0)+IF('Standard Profiles'!$G$18=$B$24,21,0),MOD($C368,24)+1)/SUM(INDEX($D$3:$AA$30,INDEX(Jesper!$R$2:$R$366,ROW(INDEX(Jesper!AH$2:AH$366,ROUNDDOWN($C368/24,0)+1,1))-1)+IF('Standard Profiles'!$G$18=$B$10,7,0)+IF('Standard Profiles'!$G$18=$B$17,14,0)+IF('Standard Profiles'!$G$18=$B$24,21,0),0)),0)</f>
        <v>0</v>
      </c>
      <c r="E368" cm="1">
        <f t="array" ref="E368">IFERROR(INDEX(Jesper!AI$2:AI$366,ROUNDDOWN($C368/24,0)+1,1)*INDEX($D$3:$AA$30,INDEX(Jesper!$R$2:$R$366,ROW(INDEX(Jesper!AI$2:AI$366,ROUNDDOWN($C368/24,0)+1,1))-1)+IF('Standard Profiles'!$G$19=$B$10,7,0)+IF('Standard Profiles'!$G$19=$B$17,14,0)+IF('Standard Profiles'!$G$19=$B$24,21,0),MOD($C368,24)+1)/SUM(INDEX($D$3:$AA$30,INDEX(Jesper!$R$2:$R$366,ROW(INDEX(Jesper!AI$2:AI$366,ROUNDDOWN($C368/24,0)+1,1))-1)+IF('Standard Profiles'!$G$19=$B$10,7,0)+IF('Standard Profiles'!$G$19=$B$17,14,0)+IF('Standard Profiles'!$G$19=$B$24,21,0),0)),0)</f>
        <v>4.1764352541302472</v>
      </c>
      <c r="F368" cm="1">
        <f t="array" ref="F368">IFERROR(INDEX(Jesper!AJ$2:AJ$366,ROUNDDOWN($C368/24,0)+1,1)*INDEX($D$3:$AA$30,INDEX(Jesper!$R$2:$R$366,ROW(INDEX(Jesper!AJ$2:AJ$366,ROUNDDOWN($C368/24,0)+1,1))-1)+IF('Standard Profiles'!$G$20=$B$10,7,0)+IF('Standard Profiles'!$G$20=$B$17,14,0)+IF('Standard Profiles'!$G$20=$B$24,21,0),MOD($C368,24)+1)/SUM(INDEX($D$3:$AA$30,INDEX(Jesper!$R$2:$R$366,ROW(INDEX(Jesper!AJ$2:AJ$366,ROUNDDOWN($C368/24,0)+1,1))-1)+IF('Standard Profiles'!$G$20=$B$10,7,0)+IF('Standard Profiles'!$G$20=$B$17,14,0)+IF('Standard Profiles'!$G$20=$B$24,21,0),0)),0)</f>
        <v>3.1870978047095373</v>
      </c>
      <c r="G368" cm="1">
        <f t="array" ref="G368">IFERROR(INDEX(Jesper!AK$2:AK$366,ROUNDDOWN($C368/24,0)+1,1)*INDEX($D$3:$AA$30,INDEX(Jesper!$R$2:$R$366,ROW(INDEX(Jesper!AK$2:AK$366,ROUNDDOWN($C368/24,0)+1,1))-1)+IF('Standard Profiles'!$G$21=$B$10,7,0)+IF('Standard Profiles'!$G$21=$B$17,14,0)+IF('Standard Profiles'!$G$21=$B$24,21,0),MOD($C368,24)+1)/SUM(INDEX($D$3:$AA$30,INDEX(Jesper!$R$2:$R$366,ROW(INDEX(Jesper!AK$2:AK$366,ROUNDDOWN($C368/24,0)+1,1))-1)+IF('Standard Profiles'!$G$21=$B$10,7,0)+IF('Standard Profiles'!$G$21=$B$17,14,0)+IF('Standard Profiles'!$G$21=$B$24,21,0),0)),0)</f>
        <v>4.5048861778007643</v>
      </c>
      <c r="H368" cm="1">
        <f t="array" ref="H368">IFERROR(INDEX(Jesper!AL$2:AL$366,ROUNDDOWN($C368/24,0)+1,1)*INDEX($D$3:$AA$30,INDEX(Jesper!$R$2:$R$366,ROW(INDEX(Jesper!AL$2:AL$366,ROUNDDOWN($C368/24,0)+1,1))-1)+IF('Standard Profiles'!$G$22=$B$10,7,0)+IF('Standard Profiles'!$G$22=$B$17,14,0)+IF('Standard Profiles'!$G$22=$B$24,21,0),MOD($C368,24)+1)/SUM(INDEX($D$3:$AA$30,INDEX(Jesper!$R$2:$R$366,ROW(INDEX(Jesper!AL$2:AL$366,ROUNDDOWN($C368/24,0)+1,1))-1)+IF('Standard Profiles'!$G$22=$B$10,7,0)+IF('Standard Profiles'!$G$22=$B$17,14,0)+IF('Standard Profiles'!$G$22=$B$24,21,0),0)),0)</f>
        <v>1.7635037816363224</v>
      </c>
      <c r="I368">
        <f t="shared" si="55"/>
        <v>1.6929636303708704</v>
      </c>
      <c r="J368">
        <f t="shared" si="56"/>
        <v>11.437787157410369</v>
      </c>
      <c r="K368">
        <f t="shared" si="57"/>
        <v>0.33411482033041978</v>
      </c>
      <c r="L368">
        <f t="shared" si="58"/>
        <v>0.16705741016520989</v>
      </c>
      <c r="M368">
        <f t="shared" si="59"/>
        <v>0</v>
      </c>
      <c r="N368" s="45">
        <f t="shared" si="60"/>
        <v>44940.916666665857</v>
      </c>
    </row>
    <row r="369" spans="2:14" x14ac:dyDescent="0.25">
      <c r="B369">
        <f t="shared" si="54"/>
        <v>6</v>
      </c>
      <c r="C369" s="16">
        <v>335</v>
      </c>
      <c r="D369" cm="1">
        <f t="array" ref="D369">IFERROR(INDEX(Jesper!AH$2:AH$366,ROUNDDOWN($C369/24,0)+1,1)*INDEX($D$3:$AA$30,INDEX(Jesper!$R$2:$R$366,ROW(INDEX(Jesper!AH$2:AH$366,ROUNDDOWN($C369/24,0)+1,1))-1)+IF('Standard Profiles'!$G$18=$B$10,7,0)+IF('Standard Profiles'!$G$18=$B$17,14,0)+IF('Standard Profiles'!$G$18=$B$24,21,0),MOD($C369,24)+1)/SUM(INDEX($D$3:$AA$30,INDEX(Jesper!$R$2:$R$366,ROW(INDEX(Jesper!AH$2:AH$366,ROUNDDOWN($C369/24,0)+1,1))-1)+IF('Standard Profiles'!$G$18=$B$10,7,0)+IF('Standard Profiles'!$G$18=$B$17,14,0)+IF('Standard Profiles'!$G$18=$B$24,21,0),0)),0)</f>
        <v>0</v>
      </c>
      <c r="E369" cm="1">
        <f t="array" ref="E369">IFERROR(INDEX(Jesper!AI$2:AI$366,ROUNDDOWN($C369/24,0)+1,1)*INDEX($D$3:$AA$30,INDEX(Jesper!$R$2:$R$366,ROW(INDEX(Jesper!AI$2:AI$366,ROUNDDOWN($C369/24,0)+1,1))-1)+IF('Standard Profiles'!$G$19=$B$10,7,0)+IF('Standard Profiles'!$G$19=$B$17,14,0)+IF('Standard Profiles'!$G$19=$B$24,21,0),MOD($C369,24)+1)/SUM(INDEX($D$3:$AA$30,INDEX(Jesper!$R$2:$R$366,ROW(INDEX(Jesper!AI$2:AI$366,ROUNDDOWN($C369/24,0)+1,1))-1)+IF('Standard Profiles'!$G$19=$B$10,7,0)+IF('Standard Profiles'!$G$19=$B$17,14,0)+IF('Standard Profiles'!$G$19=$B$24,21,0),0)),0)</f>
        <v>4.1764352541302472</v>
      </c>
      <c r="F369" cm="1">
        <f t="array" ref="F369">IFERROR(INDEX(Jesper!AJ$2:AJ$366,ROUNDDOWN($C369/24,0)+1,1)*INDEX($D$3:$AA$30,INDEX(Jesper!$R$2:$R$366,ROW(INDEX(Jesper!AJ$2:AJ$366,ROUNDDOWN($C369/24,0)+1,1))-1)+IF('Standard Profiles'!$G$20=$B$10,7,0)+IF('Standard Profiles'!$G$20=$B$17,14,0)+IF('Standard Profiles'!$G$20=$B$24,21,0),MOD($C369,24)+1)/SUM(INDEX($D$3:$AA$30,INDEX(Jesper!$R$2:$R$366,ROW(INDEX(Jesper!AJ$2:AJ$366,ROUNDDOWN($C369/24,0)+1,1))-1)+IF('Standard Profiles'!$G$20=$B$10,7,0)+IF('Standard Profiles'!$G$20=$B$17,14,0)+IF('Standard Profiles'!$G$20=$B$24,21,0),0)),0)</f>
        <v>3.1870978047095373</v>
      </c>
      <c r="G369" cm="1">
        <f t="array" ref="G369">IFERROR(INDEX(Jesper!AK$2:AK$366,ROUNDDOWN($C369/24,0)+1,1)*INDEX($D$3:$AA$30,INDEX(Jesper!$R$2:$R$366,ROW(INDEX(Jesper!AK$2:AK$366,ROUNDDOWN($C369/24,0)+1,1))-1)+IF('Standard Profiles'!$G$21=$B$10,7,0)+IF('Standard Profiles'!$G$21=$B$17,14,0)+IF('Standard Profiles'!$G$21=$B$24,21,0),MOD($C369,24)+1)/SUM(INDEX($D$3:$AA$30,INDEX(Jesper!$R$2:$R$366,ROW(INDEX(Jesper!AK$2:AK$366,ROUNDDOWN($C369/24,0)+1,1))-1)+IF('Standard Profiles'!$G$21=$B$10,7,0)+IF('Standard Profiles'!$G$21=$B$17,14,0)+IF('Standard Profiles'!$G$21=$B$24,21,0),0)),0)</f>
        <v>4.5048861778007643</v>
      </c>
      <c r="H369" cm="1">
        <f t="array" ref="H369">IFERROR(INDEX(Jesper!AL$2:AL$366,ROUNDDOWN($C369/24,0)+1,1)*INDEX($D$3:$AA$30,INDEX(Jesper!$R$2:$R$366,ROW(INDEX(Jesper!AL$2:AL$366,ROUNDDOWN($C369/24,0)+1,1))-1)+IF('Standard Profiles'!$G$22=$B$10,7,0)+IF('Standard Profiles'!$G$22=$B$17,14,0)+IF('Standard Profiles'!$G$22=$B$24,21,0),MOD($C369,24)+1)/SUM(INDEX($D$3:$AA$30,INDEX(Jesper!$R$2:$R$366,ROW(INDEX(Jesper!AL$2:AL$366,ROUNDDOWN($C369/24,0)+1,1))-1)+IF('Standard Profiles'!$G$22=$B$10,7,0)+IF('Standard Profiles'!$G$22=$B$17,14,0)+IF('Standard Profiles'!$G$22=$B$24,21,0),0)),0)</f>
        <v>1.7635037816363224</v>
      </c>
      <c r="I369">
        <f t="shared" si="55"/>
        <v>1.6929636303708704</v>
      </c>
      <c r="J369">
        <f t="shared" si="56"/>
        <v>11.437787157410369</v>
      </c>
      <c r="K369">
        <f t="shared" si="57"/>
        <v>0.33411482033041978</v>
      </c>
      <c r="L369">
        <f t="shared" si="58"/>
        <v>0.16705741016520989</v>
      </c>
      <c r="M369">
        <f t="shared" si="59"/>
        <v>0</v>
      </c>
      <c r="N369" s="45">
        <f t="shared" si="60"/>
        <v>44940.958333332521</v>
      </c>
    </row>
    <row r="370" spans="2:14" x14ac:dyDescent="0.25">
      <c r="B370">
        <f t="shared" si="54"/>
        <v>7</v>
      </c>
      <c r="C370" s="16">
        <v>336</v>
      </c>
      <c r="D370" cm="1">
        <f t="array" ref="D370">IFERROR(INDEX(Jesper!AH$2:AH$366,ROUNDDOWN($C370/24,0)+1,1)*INDEX($D$3:$AA$30,INDEX(Jesper!$R$2:$R$366,ROW(INDEX(Jesper!AH$2:AH$366,ROUNDDOWN($C370/24,0)+1,1))-1)+IF('Standard Profiles'!$G$18=$B$10,7,0)+IF('Standard Profiles'!$G$18=$B$17,14,0)+IF('Standard Profiles'!$G$18=$B$24,21,0),MOD($C370,24)+1)/SUM(INDEX($D$3:$AA$30,INDEX(Jesper!$R$2:$R$366,ROW(INDEX(Jesper!AH$2:AH$366,ROUNDDOWN($C370/24,0)+1,1))-1)+IF('Standard Profiles'!$G$18=$B$10,7,0)+IF('Standard Profiles'!$G$18=$B$17,14,0)+IF('Standard Profiles'!$G$18=$B$24,21,0),0)),0)</f>
        <v>0</v>
      </c>
      <c r="E370" cm="1">
        <f t="array" ref="E370">IFERROR(INDEX(Jesper!AI$2:AI$366,ROUNDDOWN($C370/24,0)+1,1)*INDEX($D$3:$AA$30,INDEX(Jesper!$R$2:$R$366,ROW(INDEX(Jesper!AI$2:AI$366,ROUNDDOWN($C370/24,0)+1,1))-1)+IF('Standard Profiles'!$G$19=$B$10,7,0)+IF('Standard Profiles'!$G$19=$B$17,14,0)+IF('Standard Profiles'!$G$19=$B$24,21,0),MOD($C370,24)+1)/SUM(INDEX($D$3:$AA$30,INDEX(Jesper!$R$2:$R$366,ROW(INDEX(Jesper!AI$2:AI$366,ROUNDDOWN($C370/24,0)+1,1))-1)+IF('Standard Profiles'!$G$19=$B$10,7,0)+IF('Standard Profiles'!$G$19=$B$17,14,0)+IF('Standard Profiles'!$G$19=$B$24,21,0),0)),0)</f>
        <v>4.7488133526520979</v>
      </c>
      <c r="F370" cm="1">
        <f t="array" ref="F370">IFERROR(INDEX(Jesper!AJ$2:AJ$366,ROUNDDOWN($C370/24,0)+1,1)*INDEX($D$3:$AA$30,INDEX(Jesper!$R$2:$R$366,ROW(INDEX(Jesper!AJ$2:AJ$366,ROUNDDOWN($C370/24,0)+1,1))-1)+IF('Standard Profiles'!$G$20=$B$10,7,0)+IF('Standard Profiles'!$G$20=$B$17,14,0)+IF('Standard Profiles'!$G$20=$B$24,21,0),MOD($C370,24)+1)/SUM(INDEX($D$3:$AA$30,INDEX(Jesper!$R$2:$R$366,ROW(INDEX(Jesper!AJ$2:AJ$366,ROUNDDOWN($C370/24,0)+1,1))-1)+IF('Standard Profiles'!$G$20=$B$10,7,0)+IF('Standard Profiles'!$G$20=$B$17,14,0)+IF('Standard Profiles'!$G$20=$B$24,21,0),0)),0)</f>
        <v>3.8930340800452572</v>
      </c>
      <c r="G370" cm="1">
        <f t="array" ref="G370">IFERROR(INDEX(Jesper!AK$2:AK$366,ROUNDDOWN($C370/24,0)+1,1)*INDEX($D$3:$AA$30,INDEX(Jesper!$R$2:$R$366,ROW(INDEX(Jesper!AK$2:AK$366,ROUNDDOWN($C370/24,0)+1,1))-1)+IF('Standard Profiles'!$G$21=$B$10,7,0)+IF('Standard Profiles'!$G$21=$B$17,14,0)+IF('Standard Profiles'!$G$21=$B$24,21,0),MOD($C370,24)+1)/SUM(INDEX($D$3:$AA$30,INDEX(Jesper!$R$2:$R$366,ROW(INDEX(Jesper!AK$2:AK$366,ROUNDDOWN($C370/24,0)+1,1))-1)+IF('Standard Profiles'!$G$21=$B$10,7,0)+IF('Standard Profiles'!$G$21=$B$17,14,0)+IF('Standard Profiles'!$G$21=$B$24,21,0),0)),0)</f>
        <v>6.079400605110548</v>
      </c>
      <c r="H370" cm="1">
        <f t="array" ref="H370">IFERROR(INDEX(Jesper!AL$2:AL$366,ROUNDDOWN($C370/24,0)+1,1)*INDEX($D$3:$AA$30,INDEX(Jesper!$R$2:$R$366,ROW(INDEX(Jesper!AL$2:AL$366,ROUNDDOWN($C370/24,0)+1,1))-1)+IF('Standard Profiles'!$G$22=$B$10,7,0)+IF('Standard Profiles'!$G$22=$B$17,14,0)+IF('Standard Profiles'!$G$22=$B$24,21,0),MOD($C370,24)+1)/SUM(INDEX($D$3:$AA$30,INDEX(Jesper!$R$2:$R$366,ROW(INDEX(Jesper!AL$2:AL$366,ROUNDDOWN($C370/24,0)+1,1))-1)+IF('Standard Profiles'!$G$22=$B$10,7,0)+IF('Standard Profiles'!$G$22=$B$17,14,0)+IF('Standard Profiles'!$G$22=$B$24,21,0),0)),0)</f>
        <v>2.8320561071256338</v>
      </c>
      <c r="I370">
        <f t="shared" si="55"/>
        <v>2.7187738628406097</v>
      </c>
      <c r="J370">
        <f t="shared" si="56"/>
        <v>14.264672679774675</v>
      </c>
      <c r="K370">
        <f t="shared" si="57"/>
        <v>0.37990506821216785</v>
      </c>
      <c r="L370">
        <f t="shared" si="58"/>
        <v>0.18995253410608393</v>
      </c>
      <c r="M370">
        <f t="shared" si="59"/>
        <v>0</v>
      </c>
      <c r="N370" s="45">
        <f t="shared" si="60"/>
        <v>44940.999999999185</v>
      </c>
    </row>
    <row r="371" spans="2:14" x14ac:dyDescent="0.25">
      <c r="B371">
        <f t="shared" si="54"/>
        <v>7</v>
      </c>
      <c r="C371" s="16">
        <v>337</v>
      </c>
      <c r="D371" cm="1">
        <f t="array" ref="D371">IFERROR(INDEX(Jesper!AH$2:AH$366,ROUNDDOWN($C371/24,0)+1,1)*INDEX($D$3:$AA$30,INDEX(Jesper!$R$2:$R$366,ROW(INDEX(Jesper!AH$2:AH$366,ROUNDDOWN($C371/24,0)+1,1))-1)+IF('Standard Profiles'!$G$18=$B$10,7,0)+IF('Standard Profiles'!$G$18=$B$17,14,0)+IF('Standard Profiles'!$G$18=$B$24,21,0),MOD($C371,24)+1)/SUM(INDEX($D$3:$AA$30,INDEX(Jesper!$R$2:$R$366,ROW(INDEX(Jesper!AH$2:AH$366,ROUNDDOWN($C371/24,0)+1,1))-1)+IF('Standard Profiles'!$G$18=$B$10,7,0)+IF('Standard Profiles'!$G$18=$B$17,14,0)+IF('Standard Profiles'!$G$18=$B$24,21,0),0)),0)</f>
        <v>0</v>
      </c>
      <c r="E371" cm="1">
        <f t="array" ref="E371">IFERROR(INDEX(Jesper!AI$2:AI$366,ROUNDDOWN($C371/24,0)+1,1)*INDEX($D$3:$AA$30,INDEX(Jesper!$R$2:$R$366,ROW(INDEX(Jesper!AI$2:AI$366,ROUNDDOWN($C371/24,0)+1,1))-1)+IF('Standard Profiles'!$G$19=$B$10,7,0)+IF('Standard Profiles'!$G$19=$B$17,14,0)+IF('Standard Profiles'!$G$19=$B$24,21,0),MOD($C371,24)+1)/SUM(INDEX($D$3:$AA$30,INDEX(Jesper!$R$2:$R$366,ROW(INDEX(Jesper!AI$2:AI$366,ROUNDDOWN($C371/24,0)+1,1))-1)+IF('Standard Profiles'!$G$19=$B$10,7,0)+IF('Standard Profiles'!$G$19=$B$17,14,0)+IF('Standard Profiles'!$G$19=$B$24,21,0),0)),0)</f>
        <v>4.7488133526520979</v>
      </c>
      <c r="F371" cm="1">
        <f t="array" ref="F371">IFERROR(INDEX(Jesper!AJ$2:AJ$366,ROUNDDOWN($C371/24,0)+1,1)*INDEX($D$3:$AA$30,INDEX(Jesper!$R$2:$R$366,ROW(INDEX(Jesper!AJ$2:AJ$366,ROUNDDOWN($C371/24,0)+1,1))-1)+IF('Standard Profiles'!$G$20=$B$10,7,0)+IF('Standard Profiles'!$G$20=$B$17,14,0)+IF('Standard Profiles'!$G$20=$B$24,21,0),MOD($C371,24)+1)/SUM(INDEX($D$3:$AA$30,INDEX(Jesper!$R$2:$R$366,ROW(INDEX(Jesper!AJ$2:AJ$366,ROUNDDOWN($C371/24,0)+1,1))-1)+IF('Standard Profiles'!$G$20=$B$10,7,0)+IF('Standard Profiles'!$G$20=$B$17,14,0)+IF('Standard Profiles'!$G$20=$B$24,21,0),0)),0)</f>
        <v>3.8930340800452572</v>
      </c>
      <c r="G371" cm="1">
        <f t="array" ref="G371">IFERROR(INDEX(Jesper!AK$2:AK$366,ROUNDDOWN($C371/24,0)+1,1)*INDEX($D$3:$AA$30,INDEX(Jesper!$R$2:$R$366,ROW(INDEX(Jesper!AK$2:AK$366,ROUNDDOWN($C371/24,0)+1,1))-1)+IF('Standard Profiles'!$G$21=$B$10,7,0)+IF('Standard Profiles'!$G$21=$B$17,14,0)+IF('Standard Profiles'!$G$21=$B$24,21,0),MOD($C371,24)+1)/SUM(INDEX($D$3:$AA$30,INDEX(Jesper!$R$2:$R$366,ROW(INDEX(Jesper!AK$2:AK$366,ROUNDDOWN($C371/24,0)+1,1))-1)+IF('Standard Profiles'!$G$21=$B$10,7,0)+IF('Standard Profiles'!$G$21=$B$17,14,0)+IF('Standard Profiles'!$G$21=$B$24,21,0),0)),0)</f>
        <v>6.079400605110548</v>
      </c>
      <c r="H371" cm="1">
        <f t="array" ref="H371">IFERROR(INDEX(Jesper!AL$2:AL$366,ROUNDDOWN($C371/24,0)+1,1)*INDEX($D$3:$AA$30,INDEX(Jesper!$R$2:$R$366,ROW(INDEX(Jesper!AL$2:AL$366,ROUNDDOWN($C371/24,0)+1,1))-1)+IF('Standard Profiles'!$G$22=$B$10,7,0)+IF('Standard Profiles'!$G$22=$B$17,14,0)+IF('Standard Profiles'!$G$22=$B$24,21,0),MOD($C371,24)+1)/SUM(INDEX($D$3:$AA$30,INDEX(Jesper!$R$2:$R$366,ROW(INDEX(Jesper!AL$2:AL$366,ROUNDDOWN($C371/24,0)+1,1))-1)+IF('Standard Profiles'!$G$22=$B$10,7,0)+IF('Standard Profiles'!$G$22=$B$17,14,0)+IF('Standard Profiles'!$G$22=$B$24,21,0),0)),0)</f>
        <v>3.2888393502104134</v>
      </c>
      <c r="I371">
        <f t="shared" si="55"/>
        <v>3.1572857762019986</v>
      </c>
      <c r="J371">
        <f t="shared" si="56"/>
        <v>14.282944009498065</v>
      </c>
      <c r="K371">
        <f t="shared" si="57"/>
        <v>0.37990506821216785</v>
      </c>
      <c r="L371">
        <f t="shared" si="58"/>
        <v>0.18995253410608393</v>
      </c>
      <c r="M371">
        <f t="shared" si="59"/>
        <v>0</v>
      </c>
      <c r="N371" s="45">
        <f t="shared" si="60"/>
        <v>44941.041666665849</v>
      </c>
    </row>
    <row r="372" spans="2:14" x14ac:dyDescent="0.25">
      <c r="B372">
        <f t="shared" si="54"/>
        <v>7</v>
      </c>
      <c r="C372" s="16">
        <v>338</v>
      </c>
      <c r="D372" cm="1">
        <f t="array" ref="D372">IFERROR(INDEX(Jesper!AH$2:AH$366,ROUNDDOWN($C372/24,0)+1,1)*INDEX($D$3:$AA$30,INDEX(Jesper!$R$2:$R$366,ROW(INDEX(Jesper!AH$2:AH$366,ROUNDDOWN($C372/24,0)+1,1))-1)+IF('Standard Profiles'!$G$18=$B$10,7,0)+IF('Standard Profiles'!$G$18=$B$17,14,0)+IF('Standard Profiles'!$G$18=$B$24,21,0),MOD($C372,24)+1)/SUM(INDEX($D$3:$AA$30,INDEX(Jesper!$R$2:$R$366,ROW(INDEX(Jesper!AH$2:AH$366,ROUNDDOWN($C372/24,0)+1,1))-1)+IF('Standard Profiles'!$G$18=$B$10,7,0)+IF('Standard Profiles'!$G$18=$B$17,14,0)+IF('Standard Profiles'!$G$18=$B$24,21,0),0)),0)</f>
        <v>0</v>
      </c>
      <c r="E372" cm="1">
        <f t="array" ref="E372">IFERROR(INDEX(Jesper!AI$2:AI$366,ROUNDDOWN($C372/24,0)+1,1)*INDEX($D$3:$AA$30,INDEX(Jesper!$R$2:$R$366,ROW(INDEX(Jesper!AI$2:AI$366,ROUNDDOWN($C372/24,0)+1,1))-1)+IF('Standard Profiles'!$G$19=$B$10,7,0)+IF('Standard Profiles'!$G$19=$B$17,14,0)+IF('Standard Profiles'!$G$19=$B$24,21,0),MOD($C372,24)+1)/SUM(INDEX($D$3:$AA$30,INDEX(Jesper!$R$2:$R$366,ROW(INDEX(Jesper!AI$2:AI$366,ROUNDDOWN($C372/24,0)+1,1))-1)+IF('Standard Profiles'!$G$19=$B$10,7,0)+IF('Standard Profiles'!$G$19=$B$17,14,0)+IF('Standard Profiles'!$G$19=$B$24,21,0),0)),0)</f>
        <v>4.7488133526520979</v>
      </c>
      <c r="F372" cm="1">
        <f t="array" ref="F372">IFERROR(INDEX(Jesper!AJ$2:AJ$366,ROUNDDOWN($C372/24,0)+1,1)*INDEX($D$3:$AA$30,INDEX(Jesper!$R$2:$R$366,ROW(INDEX(Jesper!AJ$2:AJ$366,ROUNDDOWN($C372/24,0)+1,1))-1)+IF('Standard Profiles'!$G$20=$B$10,7,0)+IF('Standard Profiles'!$G$20=$B$17,14,0)+IF('Standard Profiles'!$G$20=$B$24,21,0),MOD($C372,24)+1)/SUM(INDEX($D$3:$AA$30,INDEX(Jesper!$R$2:$R$366,ROW(INDEX(Jesper!AJ$2:AJ$366,ROUNDDOWN($C372/24,0)+1,1))-1)+IF('Standard Profiles'!$G$20=$B$10,7,0)+IF('Standard Profiles'!$G$20=$B$17,14,0)+IF('Standard Profiles'!$G$20=$B$24,21,0),0)),0)</f>
        <v>3.8930340800452572</v>
      </c>
      <c r="G372" cm="1">
        <f t="array" ref="G372">IFERROR(INDEX(Jesper!AK$2:AK$366,ROUNDDOWN($C372/24,0)+1,1)*INDEX($D$3:$AA$30,INDEX(Jesper!$R$2:$R$366,ROW(INDEX(Jesper!AK$2:AK$366,ROUNDDOWN($C372/24,0)+1,1))-1)+IF('Standard Profiles'!$G$21=$B$10,7,0)+IF('Standard Profiles'!$G$21=$B$17,14,0)+IF('Standard Profiles'!$G$21=$B$24,21,0),MOD($C372,24)+1)/SUM(INDEX($D$3:$AA$30,INDEX(Jesper!$R$2:$R$366,ROW(INDEX(Jesper!AK$2:AK$366,ROUNDDOWN($C372/24,0)+1,1))-1)+IF('Standard Profiles'!$G$21=$B$10,7,0)+IF('Standard Profiles'!$G$21=$B$17,14,0)+IF('Standard Profiles'!$G$21=$B$24,21,0),0)),0)</f>
        <v>6.079400605110548</v>
      </c>
      <c r="H372" cm="1">
        <f t="array" ref="H372">IFERROR(INDEX(Jesper!AL$2:AL$366,ROUNDDOWN($C372/24,0)+1,1)*INDEX($D$3:$AA$30,INDEX(Jesper!$R$2:$R$366,ROW(INDEX(Jesper!AL$2:AL$366,ROUNDDOWN($C372/24,0)+1,1))-1)+IF('Standard Profiles'!$G$22=$B$10,7,0)+IF('Standard Profiles'!$G$22=$B$17,14,0)+IF('Standard Profiles'!$G$22=$B$24,21,0),MOD($C372,24)+1)/SUM(INDEX($D$3:$AA$30,INDEX(Jesper!$R$2:$R$366,ROW(INDEX(Jesper!AL$2:AL$366,ROUNDDOWN($C372/24,0)+1,1))-1)+IF('Standard Profiles'!$G$22=$B$10,7,0)+IF('Standard Profiles'!$G$22=$B$17,14,0)+IF('Standard Profiles'!$G$22=$B$24,21,0),0)),0)</f>
        <v>3.2888393502104134</v>
      </c>
      <c r="I372">
        <f t="shared" si="55"/>
        <v>3.1572857762019986</v>
      </c>
      <c r="J372">
        <f t="shared" si="56"/>
        <v>14.282944009498065</v>
      </c>
      <c r="K372">
        <f t="shared" si="57"/>
        <v>0.37990506821216785</v>
      </c>
      <c r="L372">
        <f t="shared" si="58"/>
        <v>0.18995253410608393</v>
      </c>
      <c r="M372">
        <f t="shared" si="59"/>
        <v>0</v>
      </c>
      <c r="N372" s="45">
        <f t="shared" si="60"/>
        <v>44941.083333332514</v>
      </c>
    </row>
    <row r="373" spans="2:14" x14ac:dyDescent="0.25">
      <c r="B373">
        <f t="shared" si="54"/>
        <v>7</v>
      </c>
      <c r="C373" s="16">
        <v>339</v>
      </c>
      <c r="D373" cm="1">
        <f t="array" ref="D373">IFERROR(INDEX(Jesper!AH$2:AH$366,ROUNDDOWN($C373/24,0)+1,1)*INDEX($D$3:$AA$30,INDEX(Jesper!$R$2:$R$366,ROW(INDEX(Jesper!AH$2:AH$366,ROUNDDOWN($C373/24,0)+1,1))-1)+IF('Standard Profiles'!$G$18=$B$10,7,0)+IF('Standard Profiles'!$G$18=$B$17,14,0)+IF('Standard Profiles'!$G$18=$B$24,21,0),MOD($C373,24)+1)/SUM(INDEX($D$3:$AA$30,INDEX(Jesper!$R$2:$R$366,ROW(INDEX(Jesper!AH$2:AH$366,ROUNDDOWN($C373/24,0)+1,1))-1)+IF('Standard Profiles'!$G$18=$B$10,7,0)+IF('Standard Profiles'!$G$18=$B$17,14,0)+IF('Standard Profiles'!$G$18=$B$24,21,0),0)),0)</f>
        <v>0</v>
      </c>
      <c r="E373" cm="1">
        <f t="array" ref="E373">IFERROR(INDEX(Jesper!AI$2:AI$366,ROUNDDOWN($C373/24,0)+1,1)*INDEX($D$3:$AA$30,INDEX(Jesper!$R$2:$R$366,ROW(INDEX(Jesper!AI$2:AI$366,ROUNDDOWN($C373/24,0)+1,1))-1)+IF('Standard Profiles'!$G$19=$B$10,7,0)+IF('Standard Profiles'!$G$19=$B$17,14,0)+IF('Standard Profiles'!$G$19=$B$24,21,0),MOD($C373,24)+1)/SUM(INDEX($D$3:$AA$30,INDEX(Jesper!$R$2:$R$366,ROW(INDEX(Jesper!AI$2:AI$366,ROUNDDOWN($C373/24,0)+1,1))-1)+IF('Standard Profiles'!$G$19=$B$10,7,0)+IF('Standard Profiles'!$G$19=$B$17,14,0)+IF('Standard Profiles'!$G$19=$B$24,21,0),0)),0)</f>
        <v>4.7488133526520979</v>
      </c>
      <c r="F373" cm="1">
        <f t="array" ref="F373">IFERROR(INDEX(Jesper!AJ$2:AJ$366,ROUNDDOWN($C373/24,0)+1,1)*INDEX($D$3:$AA$30,INDEX(Jesper!$R$2:$R$366,ROW(INDEX(Jesper!AJ$2:AJ$366,ROUNDDOWN($C373/24,0)+1,1))-1)+IF('Standard Profiles'!$G$20=$B$10,7,0)+IF('Standard Profiles'!$G$20=$B$17,14,0)+IF('Standard Profiles'!$G$20=$B$24,21,0),MOD($C373,24)+1)/SUM(INDEX($D$3:$AA$30,INDEX(Jesper!$R$2:$R$366,ROW(INDEX(Jesper!AJ$2:AJ$366,ROUNDDOWN($C373/24,0)+1,1))-1)+IF('Standard Profiles'!$G$20=$B$10,7,0)+IF('Standard Profiles'!$G$20=$B$17,14,0)+IF('Standard Profiles'!$G$20=$B$24,21,0),0)),0)</f>
        <v>3.8930340800452572</v>
      </c>
      <c r="G373" cm="1">
        <f t="array" ref="G373">IFERROR(INDEX(Jesper!AK$2:AK$366,ROUNDDOWN($C373/24,0)+1,1)*INDEX($D$3:$AA$30,INDEX(Jesper!$R$2:$R$366,ROW(INDEX(Jesper!AK$2:AK$366,ROUNDDOWN($C373/24,0)+1,1))-1)+IF('Standard Profiles'!$G$21=$B$10,7,0)+IF('Standard Profiles'!$G$21=$B$17,14,0)+IF('Standard Profiles'!$G$21=$B$24,21,0),MOD($C373,24)+1)/SUM(INDEX($D$3:$AA$30,INDEX(Jesper!$R$2:$R$366,ROW(INDEX(Jesper!AK$2:AK$366,ROUNDDOWN($C373/24,0)+1,1))-1)+IF('Standard Profiles'!$G$21=$B$10,7,0)+IF('Standard Profiles'!$G$21=$B$17,14,0)+IF('Standard Profiles'!$G$21=$B$24,21,0),0)),0)</f>
        <v>6.079400605110548</v>
      </c>
      <c r="H373" cm="1">
        <f t="array" ref="H373">IFERROR(INDEX(Jesper!AL$2:AL$366,ROUNDDOWN($C373/24,0)+1,1)*INDEX($D$3:$AA$30,INDEX(Jesper!$R$2:$R$366,ROW(INDEX(Jesper!AL$2:AL$366,ROUNDDOWN($C373/24,0)+1,1))-1)+IF('Standard Profiles'!$G$22=$B$10,7,0)+IF('Standard Profiles'!$G$22=$B$17,14,0)+IF('Standard Profiles'!$G$22=$B$24,21,0),MOD($C373,24)+1)/SUM(INDEX($D$3:$AA$30,INDEX(Jesper!$R$2:$R$366,ROW(INDEX(Jesper!AL$2:AL$366,ROUNDDOWN($C373/24,0)+1,1))-1)+IF('Standard Profiles'!$G$22=$B$10,7,0)+IF('Standard Profiles'!$G$22=$B$17,14,0)+IF('Standard Profiles'!$G$22=$B$24,21,0),0)),0)</f>
        <v>3.2888393502104134</v>
      </c>
      <c r="I373">
        <f t="shared" si="55"/>
        <v>3.1572857762019986</v>
      </c>
      <c r="J373">
        <f t="shared" si="56"/>
        <v>14.282944009498065</v>
      </c>
      <c r="K373">
        <f t="shared" si="57"/>
        <v>0.37990506821216785</v>
      </c>
      <c r="L373">
        <f t="shared" si="58"/>
        <v>0.18995253410608393</v>
      </c>
      <c r="M373">
        <f t="shared" si="59"/>
        <v>0</v>
      </c>
      <c r="N373" s="45">
        <f t="shared" si="60"/>
        <v>44941.124999999178</v>
      </c>
    </row>
    <row r="374" spans="2:14" x14ac:dyDescent="0.25">
      <c r="B374">
        <f t="shared" si="54"/>
        <v>7</v>
      </c>
      <c r="C374" s="16">
        <v>340</v>
      </c>
      <c r="D374" cm="1">
        <f t="array" ref="D374">IFERROR(INDEX(Jesper!AH$2:AH$366,ROUNDDOWN($C374/24,0)+1,1)*INDEX($D$3:$AA$30,INDEX(Jesper!$R$2:$R$366,ROW(INDEX(Jesper!AH$2:AH$366,ROUNDDOWN($C374/24,0)+1,1))-1)+IF('Standard Profiles'!$G$18=$B$10,7,0)+IF('Standard Profiles'!$G$18=$B$17,14,0)+IF('Standard Profiles'!$G$18=$B$24,21,0),MOD($C374,24)+1)/SUM(INDEX($D$3:$AA$30,INDEX(Jesper!$R$2:$R$366,ROW(INDEX(Jesper!AH$2:AH$366,ROUNDDOWN($C374/24,0)+1,1))-1)+IF('Standard Profiles'!$G$18=$B$10,7,0)+IF('Standard Profiles'!$G$18=$B$17,14,0)+IF('Standard Profiles'!$G$18=$B$24,21,0),0)),0)</f>
        <v>0</v>
      </c>
      <c r="E374" cm="1">
        <f t="array" ref="E374">IFERROR(INDEX(Jesper!AI$2:AI$366,ROUNDDOWN($C374/24,0)+1,1)*INDEX($D$3:$AA$30,INDEX(Jesper!$R$2:$R$366,ROW(INDEX(Jesper!AI$2:AI$366,ROUNDDOWN($C374/24,0)+1,1))-1)+IF('Standard Profiles'!$G$19=$B$10,7,0)+IF('Standard Profiles'!$G$19=$B$17,14,0)+IF('Standard Profiles'!$G$19=$B$24,21,0),MOD($C374,24)+1)/SUM(INDEX($D$3:$AA$30,INDEX(Jesper!$R$2:$R$366,ROW(INDEX(Jesper!AI$2:AI$366,ROUNDDOWN($C374/24,0)+1,1))-1)+IF('Standard Profiles'!$G$19=$B$10,7,0)+IF('Standard Profiles'!$G$19=$B$17,14,0)+IF('Standard Profiles'!$G$19=$B$24,21,0),0)),0)</f>
        <v>4.7488133526520979</v>
      </c>
      <c r="F374" cm="1">
        <f t="array" ref="F374">IFERROR(INDEX(Jesper!AJ$2:AJ$366,ROUNDDOWN($C374/24,0)+1,1)*INDEX($D$3:$AA$30,INDEX(Jesper!$R$2:$R$366,ROW(INDEX(Jesper!AJ$2:AJ$366,ROUNDDOWN($C374/24,0)+1,1))-1)+IF('Standard Profiles'!$G$20=$B$10,7,0)+IF('Standard Profiles'!$G$20=$B$17,14,0)+IF('Standard Profiles'!$G$20=$B$24,21,0),MOD($C374,24)+1)/SUM(INDEX($D$3:$AA$30,INDEX(Jesper!$R$2:$R$366,ROW(INDEX(Jesper!AJ$2:AJ$366,ROUNDDOWN($C374/24,0)+1,1))-1)+IF('Standard Profiles'!$G$20=$B$10,7,0)+IF('Standard Profiles'!$G$20=$B$17,14,0)+IF('Standard Profiles'!$G$20=$B$24,21,0),0)),0)</f>
        <v>3.8930340800452572</v>
      </c>
      <c r="G374" cm="1">
        <f t="array" ref="G374">IFERROR(INDEX(Jesper!AK$2:AK$366,ROUNDDOWN($C374/24,0)+1,1)*INDEX($D$3:$AA$30,INDEX(Jesper!$R$2:$R$366,ROW(INDEX(Jesper!AK$2:AK$366,ROUNDDOWN($C374/24,0)+1,1))-1)+IF('Standard Profiles'!$G$21=$B$10,7,0)+IF('Standard Profiles'!$G$21=$B$17,14,0)+IF('Standard Profiles'!$G$21=$B$24,21,0),MOD($C374,24)+1)/SUM(INDEX($D$3:$AA$30,INDEX(Jesper!$R$2:$R$366,ROW(INDEX(Jesper!AK$2:AK$366,ROUNDDOWN($C374/24,0)+1,1))-1)+IF('Standard Profiles'!$G$21=$B$10,7,0)+IF('Standard Profiles'!$G$21=$B$17,14,0)+IF('Standard Profiles'!$G$21=$B$24,21,0),0)),0)</f>
        <v>6.079400605110548</v>
      </c>
      <c r="H374" cm="1">
        <f t="array" ref="H374">IFERROR(INDEX(Jesper!AL$2:AL$366,ROUNDDOWN($C374/24,0)+1,1)*INDEX($D$3:$AA$30,INDEX(Jesper!$R$2:$R$366,ROW(INDEX(Jesper!AL$2:AL$366,ROUNDDOWN($C374/24,0)+1,1))-1)+IF('Standard Profiles'!$G$22=$B$10,7,0)+IF('Standard Profiles'!$G$22=$B$17,14,0)+IF('Standard Profiles'!$G$22=$B$24,21,0),MOD($C374,24)+1)/SUM(INDEX($D$3:$AA$30,INDEX(Jesper!$R$2:$R$366,ROW(INDEX(Jesper!AL$2:AL$366,ROUNDDOWN($C374/24,0)+1,1))-1)+IF('Standard Profiles'!$G$22=$B$10,7,0)+IF('Standard Profiles'!$G$22=$B$17,14,0)+IF('Standard Profiles'!$G$22=$B$24,21,0),0)),0)</f>
        <v>3.2888393502104134</v>
      </c>
      <c r="I374">
        <f t="shared" si="55"/>
        <v>3.1572857762019986</v>
      </c>
      <c r="J374">
        <f t="shared" si="56"/>
        <v>14.282944009498065</v>
      </c>
      <c r="K374">
        <f t="shared" si="57"/>
        <v>0.37990506821216785</v>
      </c>
      <c r="L374">
        <f t="shared" si="58"/>
        <v>0.18995253410608393</v>
      </c>
      <c r="M374">
        <f t="shared" si="59"/>
        <v>0</v>
      </c>
      <c r="N374" s="45">
        <f t="shared" si="60"/>
        <v>44941.166666665842</v>
      </c>
    </row>
    <row r="375" spans="2:14" x14ac:dyDescent="0.25">
      <c r="B375">
        <f t="shared" si="54"/>
        <v>7</v>
      </c>
      <c r="C375" s="16">
        <v>341</v>
      </c>
      <c r="D375" cm="1">
        <f t="array" ref="D375">IFERROR(INDEX(Jesper!AH$2:AH$366,ROUNDDOWN($C375/24,0)+1,1)*INDEX($D$3:$AA$30,INDEX(Jesper!$R$2:$R$366,ROW(INDEX(Jesper!AH$2:AH$366,ROUNDDOWN($C375/24,0)+1,1))-1)+IF('Standard Profiles'!$G$18=$B$10,7,0)+IF('Standard Profiles'!$G$18=$B$17,14,0)+IF('Standard Profiles'!$G$18=$B$24,21,0),MOD($C375,24)+1)/SUM(INDEX($D$3:$AA$30,INDEX(Jesper!$R$2:$R$366,ROW(INDEX(Jesper!AH$2:AH$366,ROUNDDOWN($C375/24,0)+1,1))-1)+IF('Standard Profiles'!$G$18=$B$10,7,0)+IF('Standard Profiles'!$G$18=$B$17,14,0)+IF('Standard Profiles'!$G$18=$B$24,21,0),0)),0)</f>
        <v>0</v>
      </c>
      <c r="E375" cm="1">
        <f t="array" ref="E375">IFERROR(INDEX(Jesper!AI$2:AI$366,ROUNDDOWN($C375/24,0)+1,1)*INDEX($D$3:$AA$30,INDEX(Jesper!$R$2:$R$366,ROW(INDEX(Jesper!AI$2:AI$366,ROUNDDOWN($C375/24,0)+1,1))-1)+IF('Standard Profiles'!$G$19=$B$10,7,0)+IF('Standard Profiles'!$G$19=$B$17,14,0)+IF('Standard Profiles'!$G$19=$B$24,21,0),MOD($C375,24)+1)/SUM(INDEX($D$3:$AA$30,INDEX(Jesper!$R$2:$R$366,ROW(INDEX(Jesper!AI$2:AI$366,ROUNDDOWN($C375/24,0)+1,1))-1)+IF('Standard Profiles'!$G$19=$B$10,7,0)+IF('Standard Profiles'!$G$19=$B$17,14,0)+IF('Standard Profiles'!$G$19=$B$24,21,0),0)),0)</f>
        <v>4.7488133526520979</v>
      </c>
      <c r="F375" cm="1">
        <f t="array" ref="F375">IFERROR(INDEX(Jesper!AJ$2:AJ$366,ROUNDDOWN($C375/24,0)+1,1)*INDEX($D$3:$AA$30,INDEX(Jesper!$R$2:$R$366,ROW(INDEX(Jesper!AJ$2:AJ$366,ROUNDDOWN($C375/24,0)+1,1))-1)+IF('Standard Profiles'!$G$20=$B$10,7,0)+IF('Standard Profiles'!$G$20=$B$17,14,0)+IF('Standard Profiles'!$G$20=$B$24,21,0),MOD($C375,24)+1)/SUM(INDEX($D$3:$AA$30,INDEX(Jesper!$R$2:$R$366,ROW(INDEX(Jesper!AJ$2:AJ$366,ROUNDDOWN($C375/24,0)+1,1))-1)+IF('Standard Profiles'!$G$20=$B$10,7,0)+IF('Standard Profiles'!$G$20=$B$17,14,0)+IF('Standard Profiles'!$G$20=$B$24,21,0),0)),0)</f>
        <v>3.8930340800452572</v>
      </c>
      <c r="G375" cm="1">
        <f t="array" ref="G375">IFERROR(INDEX(Jesper!AK$2:AK$366,ROUNDDOWN($C375/24,0)+1,1)*INDEX($D$3:$AA$30,INDEX(Jesper!$R$2:$R$366,ROW(INDEX(Jesper!AK$2:AK$366,ROUNDDOWN($C375/24,0)+1,1))-1)+IF('Standard Profiles'!$G$21=$B$10,7,0)+IF('Standard Profiles'!$G$21=$B$17,14,0)+IF('Standard Profiles'!$G$21=$B$24,21,0),MOD($C375,24)+1)/SUM(INDEX($D$3:$AA$30,INDEX(Jesper!$R$2:$R$366,ROW(INDEX(Jesper!AK$2:AK$366,ROUNDDOWN($C375/24,0)+1,1))-1)+IF('Standard Profiles'!$G$21=$B$10,7,0)+IF('Standard Profiles'!$G$21=$B$17,14,0)+IF('Standard Profiles'!$G$21=$B$24,21,0),0)),0)</f>
        <v>6.079400605110548</v>
      </c>
      <c r="H375" cm="1">
        <f t="array" ref="H375">IFERROR(INDEX(Jesper!AL$2:AL$366,ROUNDDOWN($C375/24,0)+1,1)*INDEX($D$3:$AA$30,INDEX(Jesper!$R$2:$R$366,ROW(INDEX(Jesper!AL$2:AL$366,ROUNDDOWN($C375/24,0)+1,1))-1)+IF('Standard Profiles'!$G$22=$B$10,7,0)+IF('Standard Profiles'!$G$22=$B$17,14,0)+IF('Standard Profiles'!$G$22=$B$24,21,0),MOD($C375,24)+1)/SUM(INDEX($D$3:$AA$30,INDEX(Jesper!$R$2:$R$366,ROW(INDEX(Jesper!AL$2:AL$366,ROUNDDOWN($C375/24,0)+1,1))-1)+IF('Standard Profiles'!$G$22=$B$10,7,0)+IF('Standard Profiles'!$G$22=$B$17,14,0)+IF('Standard Profiles'!$G$22=$B$24,21,0),0)),0)</f>
        <v>4.1110491877630162</v>
      </c>
      <c r="I375">
        <f t="shared" si="55"/>
        <v>3.9466072202524978</v>
      </c>
      <c r="J375">
        <f t="shared" si="56"/>
        <v>14.315832403000169</v>
      </c>
      <c r="K375">
        <f t="shared" si="57"/>
        <v>0.37990506821216785</v>
      </c>
      <c r="L375">
        <f t="shared" si="58"/>
        <v>0.18995253410608393</v>
      </c>
      <c r="M375">
        <f t="shared" si="59"/>
        <v>0</v>
      </c>
      <c r="N375" s="45">
        <f t="shared" si="60"/>
        <v>44941.208333332506</v>
      </c>
    </row>
    <row r="376" spans="2:14" x14ac:dyDescent="0.25">
      <c r="B376">
        <f t="shared" si="54"/>
        <v>7</v>
      </c>
      <c r="C376" s="16">
        <v>342</v>
      </c>
      <c r="D376" cm="1">
        <f t="array" ref="D376">IFERROR(INDEX(Jesper!AH$2:AH$366,ROUNDDOWN($C376/24,0)+1,1)*INDEX($D$3:$AA$30,INDEX(Jesper!$R$2:$R$366,ROW(INDEX(Jesper!AH$2:AH$366,ROUNDDOWN($C376/24,0)+1,1))-1)+IF('Standard Profiles'!$G$18=$B$10,7,0)+IF('Standard Profiles'!$G$18=$B$17,14,0)+IF('Standard Profiles'!$G$18=$B$24,21,0),MOD($C376,24)+1)/SUM(INDEX($D$3:$AA$30,INDEX(Jesper!$R$2:$R$366,ROW(INDEX(Jesper!AH$2:AH$366,ROUNDDOWN($C376/24,0)+1,1))-1)+IF('Standard Profiles'!$G$18=$B$10,7,0)+IF('Standard Profiles'!$G$18=$B$17,14,0)+IF('Standard Profiles'!$G$18=$B$24,21,0),0)),0)</f>
        <v>0</v>
      </c>
      <c r="E376" cm="1">
        <f t="array" ref="E376">IFERROR(INDEX(Jesper!AI$2:AI$366,ROUNDDOWN($C376/24,0)+1,1)*INDEX($D$3:$AA$30,INDEX(Jesper!$R$2:$R$366,ROW(INDEX(Jesper!AI$2:AI$366,ROUNDDOWN($C376/24,0)+1,1))-1)+IF('Standard Profiles'!$G$19=$B$10,7,0)+IF('Standard Profiles'!$G$19=$B$17,14,0)+IF('Standard Profiles'!$G$19=$B$24,21,0),MOD($C376,24)+1)/SUM(INDEX($D$3:$AA$30,INDEX(Jesper!$R$2:$R$366,ROW(INDEX(Jesper!AI$2:AI$366,ROUNDDOWN($C376/24,0)+1,1))-1)+IF('Standard Profiles'!$G$19=$B$10,7,0)+IF('Standard Profiles'!$G$19=$B$17,14,0)+IF('Standard Profiles'!$G$19=$B$24,21,0),0)),0)</f>
        <v>4.7488133526520979</v>
      </c>
      <c r="F376" cm="1">
        <f t="array" ref="F376">IFERROR(INDEX(Jesper!AJ$2:AJ$366,ROUNDDOWN($C376/24,0)+1,1)*INDEX($D$3:$AA$30,INDEX(Jesper!$R$2:$R$366,ROW(INDEX(Jesper!AJ$2:AJ$366,ROUNDDOWN($C376/24,0)+1,1))-1)+IF('Standard Profiles'!$G$20=$B$10,7,0)+IF('Standard Profiles'!$G$20=$B$17,14,0)+IF('Standard Profiles'!$G$20=$B$24,21,0),MOD($C376,24)+1)/SUM(INDEX($D$3:$AA$30,INDEX(Jesper!$R$2:$R$366,ROW(INDEX(Jesper!AJ$2:AJ$366,ROUNDDOWN($C376/24,0)+1,1))-1)+IF('Standard Profiles'!$G$20=$B$10,7,0)+IF('Standard Profiles'!$G$20=$B$17,14,0)+IF('Standard Profiles'!$G$20=$B$24,21,0),0)),0)</f>
        <v>3.8930340800452572</v>
      </c>
      <c r="G376" cm="1">
        <f t="array" ref="G376">IFERROR(INDEX(Jesper!AK$2:AK$366,ROUNDDOWN($C376/24,0)+1,1)*INDEX($D$3:$AA$30,INDEX(Jesper!$R$2:$R$366,ROW(INDEX(Jesper!AK$2:AK$366,ROUNDDOWN($C376/24,0)+1,1))-1)+IF('Standard Profiles'!$G$21=$B$10,7,0)+IF('Standard Profiles'!$G$21=$B$17,14,0)+IF('Standard Profiles'!$G$21=$B$24,21,0),MOD($C376,24)+1)/SUM(INDEX($D$3:$AA$30,INDEX(Jesper!$R$2:$R$366,ROW(INDEX(Jesper!AK$2:AK$366,ROUNDDOWN($C376/24,0)+1,1))-1)+IF('Standard Profiles'!$G$21=$B$10,7,0)+IF('Standard Profiles'!$G$21=$B$17,14,0)+IF('Standard Profiles'!$G$21=$B$24,21,0),0)),0)</f>
        <v>6.079400605110548</v>
      </c>
      <c r="H376" cm="1">
        <f t="array" ref="H376">IFERROR(INDEX(Jesper!AL$2:AL$366,ROUNDDOWN($C376/24,0)+1,1)*INDEX($D$3:$AA$30,INDEX(Jesper!$R$2:$R$366,ROW(INDEX(Jesper!AL$2:AL$366,ROUNDDOWN($C376/24,0)+1,1))-1)+IF('Standard Profiles'!$G$22=$B$10,7,0)+IF('Standard Profiles'!$G$22=$B$17,14,0)+IF('Standard Profiles'!$G$22=$B$24,21,0),MOD($C376,24)+1)/SUM(INDEX($D$3:$AA$30,INDEX(Jesper!$R$2:$R$366,ROW(INDEX(Jesper!AL$2:AL$366,ROUNDDOWN($C376/24,0)+1,1))-1)+IF('Standard Profiles'!$G$22=$B$10,7,0)+IF('Standard Profiles'!$G$22=$B$17,14,0)+IF('Standard Profiles'!$G$22=$B$24,21,0),0)),0)</f>
        <v>4.8419023766986644</v>
      </c>
      <c r="I376">
        <f t="shared" si="55"/>
        <v>4.6482262816307207</v>
      </c>
      <c r="J376">
        <f t="shared" si="56"/>
        <v>14.345066530557595</v>
      </c>
      <c r="K376">
        <f t="shared" si="57"/>
        <v>0.37990506821216785</v>
      </c>
      <c r="L376">
        <f t="shared" si="58"/>
        <v>0.18995253410608393</v>
      </c>
      <c r="M376">
        <f t="shared" si="59"/>
        <v>0</v>
      </c>
      <c r="N376" s="45">
        <f t="shared" si="60"/>
        <v>44941.249999999171</v>
      </c>
    </row>
    <row r="377" spans="2:14" x14ac:dyDescent="0.25">
      <c r="B377">
        <f t="shared" si="54"/>
        <v>7</v>
      </c>
      <c r="C377" s="16">
        <v>343</v>
      </c>
      <c r="D377" cm="1">
        <f t="array" ref="D377">IFERROR(INDEX(Jesper!AH$2:AH$366,ROUNDDOWN($C377/24,0)+1,1)*INDEX($D$3:$AA$30,INDEX(Jesper!$R$2:$R$366,ROW(INDEX(Jesper!AH$2:AH$366,ROUNDDOWN($C377/24,0)+1,1))-1)+IF('Standard Profiles'!$G$18=$B$10,7,0)+IF('Standard Profiles'!$G$18=$B$17,14,0)+IF('Standard Profiles'!$G$18=$B$24,21,0),MOD($C377,24)+1)/SUM(INDEX($D$3:$AA$30,INDEX(Jesper!$R$2:$R$366,ROW(INDEX(Jesper!AH$2:AH$366,ROUNDDOWN($C377/24,0)+1,1))-1)+IF('Standard Profiles'!$G$18=$B$10,7,0)+IF('Standard Profiles'!$G$18=$B$17,14,0)+IF('Standard Profiles'!$G$18=$B$24,21,0),0)),0)</f>
        <v>0</v>
      </c>
      <c r="E377" cm="1">
        <f t="array" ref="E377">IFERROR(INDEX(Jesper!AI$2:AI$366,ROUNDDOWN($C377/24,0)+1,1)*INDEX($D$3:$AA$30,INDEX(Jesper!$R$2:$R$366,ROW(INDEX(Jesper!AI$2:AI$366,ROUNDDOWN($C377/24,0)+1,1))-1)+IF('Standard Profiles'!$G$19=$B$10,7,0)+IF('Standard Profiles'!$G$19=$B$17,14,0)+IF('Standard Profiles'!$G$19=$B$24,21,0),MOD($C377,24)+1)/SUM(INDEX($D$3:$AA$30,INDEX(Jesper!$R$2:$R$366,ROW(INDEX(Jesper!AI$2:AI$366,ROUNDDOWN($C377/24,0)+1,1))-1)+IF('Standard Profiles'!$G$19=$B$10,7,0)+IF('Standard Profiles'!$G$19=$B$17,14,0)+IF('Standard Profiles'!$G$19=$B$24,21,0),0)),0)</f>
        <v>4.7488133526520979</v>
      </c>
      <c r="F377" cm="1">
        <f t="array" ref="F377">IFERROR(INDEX(Jesper!AJ$2:AJ$366,ROUNDDOWN($C377/24,0)+1,1)*INDEX($D$3:$AA$30,INDEX(Jesper!$R$2:$R$366,ROW(INDEX(Jesper!AJ$2:AJ$366,ROUNDDOWN($C377/24,0)+1,1))-1)+IF('Standard Profiles'!$G$20=$B$10,7,0)+IF('Standard Profiles'!$G$20=$B$17,14,0)+IF('Standard Profiles'!$G$20=$B$24,21,0),MOD($C377,24)+1)/SUM(INDEX($D$3:$AA$30,INDEX(Jesper!$R$2:$R$366,ROW(INDEX(Jesper!AJ$2:AJ$366,ROUNDDOWN($C377/24,0)+1,1))-1)+IF('Standard Profiles'!$G$20=$B$10,7,0)+IF('Standard Profiles'!$G$20=$B$17,14,0)+IF('Standard Profiles'!$G$20=$B$24,21,0),0)),0)</f>
        <v>3.8930340800452572</v>
      </c>
      <c r="G377" cm="1">
        <f t="array" ref="G377">IFERROR(INDEX(Jesper!AK$2:AK$366,ROUNDDOWN($C377/24,0)+1,1)*INDEX($D$3:$AA$30,INDEX(Jesper!$R$2:$R$366,ROW(INDEX(Jesper!AK$2:AK$366,ROUNDDOWN($C377/24,0)+1,1))-1)+IF('Standard Profiles'!$G$21=$B$10,7,0)+IF('Standard Profiles'!$G$21=$B$17,14,0)+IF('Standard Profiles'!$G$21=$B$24,21,0),MOD($C377,24)+1)/SUM(INDEX($D$3:$AA$30,INDEX(Jesper!$R$2:$R$366,ROW(INDEX(Jesper!AK$2:AK$366,ROUNDDOWN($C377/24,0)+1,1))-1)+IF('Standard Profiles'!$G$21=$B$10,7,0)+IF('Standard Profiles'!$G$21=$B$17,14,0)+IF('Standard Profiles'!$G$21=$B$24,21,0),0)),0)</f>
        <v>6.079400605110548</v>
      </c>
      <c r="H377" cm="1">
        <f t="array" ref="H377">IFERROR(INDEX(Jesper!AL$2:AL$366,ROUNDDOWN($C377/24,0)+1,1)*INDEX($D$3:$AA$30,INDEX(Jesper!$R$2:$R$366,ROW(INDEX(Jesper!AL$2:AL$366,ROUNDDOWN($C377/24,0)+1,1))-1)+IF('Standard Profiles'!$G$22=$B$10,7,0)+IF('Standard Profiles'!$G$22=$B$17,14,0)+IF('Standard Profiles'!$G$22=$B$24,21,0),MOD($C377,24)+1)/SUM(INDEX($D$3:$AA$30,INDEX(Jesper!$R$2:$R$366,ROW(INDEX(Jesper!AL$2:AL$366,ROUNDDOWN($C377/24,0)+1,1))-1)+IF('Standard Profiles'!$G$22=$B$10,7,0)+IF('Standard Profiles'!$G$22=$B$17,14,0)+IF('Standard Profiles'!$G$22=$B$24,21,0),0)),0)</f>
        <v>5.7554688628682245</v>
      </c>
      <c r="I377">
        <f t="shared" si="55"/>
        <v>5.5252501083534984</v>
      </c>
      <c r="J377">
        <f t="shared" si="56"/>
        <v>14.381609190004376</v>
      </c>
      <c r="K377">
        <f t="shared" si="57"/>
        <v>0.37990506821216785</v>
      </c>
      <c r="L377">
        <f t="shared" si="58"/>
        <v>0.18995253410608393</v>
      </c>
      <c r="M377">
        <f t="shared" si="59"/>
        <v>0</v>
      </c>
      <c r="N377" s="45">
        <f t="shared" si="60"/>
        <v>44941.291666665835</v>
      </c>
    </row>
    <row r="378" spans="2:14" x14ac:dyDescent="0.25">
      <c r="B378">
        <f t="shared" si="54"/>
        <v>7</v>
      </c>
      <c r="C378" s="16">
        <v>344</v>
      </c>
      <c r="D378" cm="1">
        <f t="array" ref="D378">IFERROR(INDEX(Jesper!AH$2:AH$366,ROUNDDOWN($C378/24,0)+1,1)*INDEX($D$3:$AA$30,INDEX(Jesper!$R$2:$R$366,ROW(INDEX(Jesper!AH$2:AH$366,ROUNDDOWN($C378/24,0)+1,1))-1)+IF('Standard Profiles'!$G$18=$B$10,7,0)+IF('Standard Profiles'!$G$18=$B$17,14,0)+IF('Standard Profiles'!$G$18=$B$24,21,0),MOD($C378,24)+1)/SUM(INDEX($D$3:$AA$30,INDEX(Jesper!$R$2:$R$366,ROW(INDEX(Jesper!AH$2:AH$366,ROUNDDOWN($C378/24,0)+1,1))-1)+IF('Standard Profiles'!$G$18=$B$10,7,0)+IF('Standard Profiles'!$G$18=$B$17,14,0)+IF('Standard Profiles'!$G$18=$B$24,21,0),0)),0)</f>
        <v>0</v>
      </c>
      <c r="E378" cm="1">
        <f t="array" ref="E378">IFERROR(INDEX(Jesper!AI$2:AI$366,ROUNDDOWN($C378/24,0)+1,1)*INDEX($D$3:$AA$30,INDEX(Jesper!$R$2:$R$366,ROW(INDEX(Jesper!AI$2:AI$366,ROUNDDOWN($C378/24,0)+1,1))-1)+IF('Standard Profiles'!$G$19=$B$10,7,0)+IF('Standard Profiles'!$G$19=$B$17,14,0)+IF('Standard Profiles'!$G$19=$B$24,21,0),MOD($C378,24)+1)/SUM(INDEX($D$3:$AA$30,INDEX(Jesper!$R$2:$R$366,ROW(INDEX(Jesper!AI$2:AI$366,ROUNDDOWN($C378/24,0)+1,1))-1)+IF('Standard Profiles'!$G$19=$B$10,7,0)+IF('Standard Profiles'!$G$19=$B$17,14,0)+IF('Standard Profiles'!$G$19=$B$24,21,0),0)),0)</f>
        <v>4.7488133526520979</v>
      </c>
      <c r="F378" cm="1">
        <f t="array" ref="F378">IFERROR(INDEX(Jesper!AJ$2:AJ$366,ROUNDDOWN($C378/24,0)+1,1)*INDEX($D$3:$AA$30,INDEX(Jesper!$R$2:$R$366,ROW(INDEX(Jesper!AJ$2:AJ$366,ROUNDDOWN($C378/24,0)+1,1))-1)+IF('Standard Profiles'!$G$20=$B$10,7,0)+IF('Standard Profiles'!$G$20=$B$17,14,0)+IF('Standard Profiles'!$G$20=$B$24,21,0),MOD($C378,24)+1)/SUM(INDEX($D$3:$AA$30,INDEX(Jesper!$R$2:$R$366,ROW(INDEX(Jesper!AJ$2:AJ$366,ROUNDDOWN($C378/24,0)+1,1))-1)+IF('Standard Profiles'!$G$20=$B$10,7,0)+IF('Standard Profiles'!$G$20=$B$17,14,0)+IF('Standard Profiles'!$G$20=$B$24,21,0),0)),0)</f>
        <v>3.8930340800452572</v>
      </c>
      <c r="G378" cm="1">
        <f t="array" ref="G378">IFERROR(INDEX(Jesper!AK$2:AK$366,ROUNDDOWN($C378/24,0)+1,1)*INDEX($D$3:$AA$30,INDEX(Jesper!$R$2:$R$366,ROW(INDEX(Jesper!AK$2:AK$366,ROUNDDOWN($C378/24,0)+1,1))-1)+IF('Standard Profiles'!$G$21=$B$10,7,0)+IF('Standard Profiles'!$G$21=$B$17,14,0)+IF('Standard Profiles'!$G$21=$B$24,21,0),MOD($C378,24)+1)/SUM(INDEX($D$3:$AA$30,INDEX(Jesper!$R$2:$R$366,ROW(INDEX(Jesper!AK$2:AK$366,ROUNDDOWN($C378/24,0)+1,1))-1)+IF('Standard Profiles'!$G$21=$B$10,7,0)+IF('Standard Profiles'!$G$21=$B$17,14,0)+IF('Standard Profiles'!$G$21=$B$24,21,0),0)),0)</f>
        <v>6.079400605110548</v>
      </c>
      <c r="H378" cm="1">
        <f t="array" ref="H378">IFERROR(INDEX(Jesper!AL$2:AL$366,ROUNDDOWN($C378/24,0)+1,1)*INDEX($D$3:$AA$30,INDEX(Jesper!$R$2:$R$366,ROW(INDEX(Jesper!AL$2:AL$366,ROUNDDOWN($C378/24,0)+1,1))-1)+IF('Standard Profiles'!$G$22=$B$10,7,0)+IF('Standard Profiles'!$G$22=$B$17,14,0)+IF('Standard Profiles'!$G$22=$B$24,21,0),MOD($C378,24)+1)/SUM(INDEX($D$3:$AA$30,INDEX(Jesper!$R$2:$R$366,ROW(INDEX(Jesper!AL$2:AL$366,ROUNDDOWN($C378/24,0)+1,1))-1)+IF('Standard Profiles'!$G$22=$B$10,7,0)+IF('Standard Profiles'!$G$22=$B$17,14,0)+IF('Standard Profiles'!$G$22=$B$24,21,0),0)),0)</f>
        <v>5.7554688628682245</v>
      </c>
      <c r="I378">
        <f t="shared" si="55"/>
        <v>5.5252501083534984</v>
      </c>
      <c r="J378">
        <f t="shared" si="56"/>
        <v>14.381609190004376</v>
      </c>
      <c r="K378">
        <f t="shared" si="57"/>
        <v>0.37990506821216785</v>
      </c>
      <c r="L378">
        <f t="shared" si="58"/>
        <v>0.18995253410608393</v>
      </c>
      <c r="M378">
        <f t="shared" si="59"/>
        <v>0</v>
      </c>
      <c r="N378" s="45">
        <f t="shared" si="60"/>
        <v>44941.333333332499</v>
      </c>
    </row>
    <row r="379" spans="2:14" x14ac:dyDescent="0.25">
      <c r="B379">
        <f t="shared" si="54"/>
        <v>7</v>
      </c>
      <c r="C379" s="16">
        <v>345</v>
      </c>
      <c r="D379" cm="1">
        <f t="array" ref="D379">IFERROR(INDEX(Jesper!AH$2:AH$366,ROUNDDOWN($C379/24,0)+1,1)*INDEX($D$3:$AA$30,INDEX(Jesper!$R$2:$R$366,ROW(INDEX(Jesper!AH$2:AH$366,ROUNDDOWN($C379/24,0)+1,1))-1)+IF('Standard Profiles'!$G$18=$B$10,7,0)+IF('Standard Profiles'!$G$18=$B$17,14,0)+IF('Standard Profiles'!$G$18=$B$24,21,0),MOD($C379,24)+1)/SUM(INDEX($D$3:$AA$30,INDEX(Jesper!$R$2:$R$366,ROW(INDEX(Jesper!AH$2:AH$366,ROUNDDOWN($C379/24,0)+1,1))-1)+IF('Standard Profiles'!$G$18=$B$10,7,0)+IF('Standard Profiles'!$G$18=$B$17,14,0)+IF('Standard Profiles'!$G$18=$B$24,21,0),0)),0)</f>
        <v>0</v>
      </c>
      <c r="E379" cm="1">
        <f t="array" ref="E379">IFERROR(INDEX(Jesper!AI$2:AI$366,ROUNDDOWN($C379/24,0)+1,1)*INDEX($D$3:$AA$30,INDEX(Jesper!$R$2:$R$366,ROW(INDEX(Jesper!AI$2:AI$366,ROUNDDOWN($C379/24,0)+1,1))-1)+IF('Standard Profiles'!$G$19=$B$10,7,0)+IF('Standard Profiles'!$G$19=$B$17,14,0)+IF('Standard Profiles'!$G$19=$B$24,21,0),MOD($C379,24)+1)/SUM(INDEX($D$3:$AA$30,INDEX(Jesper!$R$2:$R$366,ROW(INDEX(Jesper!AI$2:AI$366,ROUNDDOWN($C379/24,0)+1,1))-1)+IF('Standard Profiles'!$G$19=$B$10,7,0)+IF('Standard Profiles'!$G$19=$B$17,14,0)+IF('Standard Profiles'!$G$19=$B$24,21,0),0)),0)</f>
        <v>4.7488133526520979</v>
      </c>
      <c r="F379" cm="1">
        <f t="array" ref="F379">IFERROR(INDEX(Jesper!AJ$2:AJ$366,ROUNDDOWN($C379/24,0)+1,1)*INDEX($D$3:$AA$30,INDEX(Jesper!$R$2:$R$366,ROW(INDEX(Jesper!AJ$2:AJ$366,ROUNDDOWN($C379/24,0)+1,1))-1)+IF('Standard Profiles'!$G$20=$B$10,7,0)+IF('Standard Profiles'!$G$20=$B$17,14,0)+IF('Standard Profiles'!$G$20=$B$24,21,0),MOD($C379,24)+1)/SUM(INDEX($D$3:$AA$30,INDEX(Jesper!$R$2:$R$366,ROW(INDEX(Jesper!AJ$2:AJ$366,ROUNDDOWN($C379/24,0)+1,1))-1)+IF('Standard Profiles'!$G$20=$B$10,7,0)+IF('Standard Profiles'!$G$20=$B$17,14,0)+IF('Standard Profiles'!$G$20=$B$24,21,0),0)),0)</f>
        <v>3.8930340800452572</v>
      </c>
      <c r="G379" cm="1">
        <f t="array" ref="G379">IFERROR(INDEX(Jesper!AK$2:AK$366,ROUNDDOWN($C379/24,0)+1,1)*INDEX($D$3:$AA$30,INDEX(Jesper!$R$2:$R$366,ROW(INDEX(Jesper!AK$2:AK$366,ROUNDDOWN($C379/24,0)+1,1))-1)+IF('Standard Profiles'!$G$21=$B$10,7,0)+IF('Standard Profiles'!$G$21=$B$17,14,0)+IF('Standard Profiles'!$G$21=$B$24,21,0),MOD($C379,24)+1)/SUM(INDEX($D$3:$AA$30,INDEX(Jesper!$R$2:$R$366,ROW(INDEX(Jesper!AK$2:AK$366,ROUNDDOWN($C379/24,0)+1,1))-1)+IF('Standard Profiles'!$G$21=$B$10,7,0)+IF('Standard Profiles'!$G$21=$B$17,14,0)+IF('Standard Profiles'!$G$21=$B$24,21,0),0)),0)</f>
        <v>6.079400605110548</v>
      </c>
      <c r="H379" cm="1">
        <f t="array" ref="H379">IFERROR(INDEX(Jesper!AL$2:AL$366,ROUNDDOWN($C379/24,0)+1,1)*INDEX($D$3:$AA$30,INDEX(Jesper!$R$2:$R$366,ROW(INDEX(Jesper!AL$2:AL$366,ROUNDDOWN($C379/24,0)+1,1))-1)+IF('Standard Profiles'!$G$22=$B$10,7,0)+IF('Standard Profiles'!$G$22=$B$17,14,0)+IF('Standard Profiles'!$G$22=$B$24,21,0),MOD($C379,24)+1)/SUM(INDEX($D$3:$AA$30,INDEX(Jesper!$R$2:$R$366,ROW(INDEX(Jesper!AL$2:AL$366,ROUNDDOWN($C379/24,0)+1,1))-1)+IF('Standard Profiles'!$G$22=$B$10,7,0)+IF('Standard Profiles'!$G$22=$B$17,14,0)+IF('Standard Profiles'!$G$22=$B$24,21,0),0)),0)</f>
        <v>5.7554688628682245</v>
      </c>
      <c r="I379">
        <f t="shared" si="55"/>
        <v>5.5252501083534984</v>
      </c>
      <c r="J379">
        <f t="shared" si="56"/>
        <v>14.381609190004376</v>
      </c>
      <c r="K379">
        <f t="shared" si="57"/>
        <v>0.37990506821216785</v>
      </c>
      <c r="L379">
        <f t="shared" si="58"/>
        <v>0.18995253410608393</v>
      </c>
      <c r="M379">
        <f t="shared" si="59"/>
        <v>0</v>
      </c>
      <c r="N379" s="45">
        <f t="shared" si="60"/>
        <v>44941.374999999163</v>
      </c>
    </row>
    <row r="380" spans="2:14" x14ac:dyDescent="0.25">
      <c r="B380">
        <f t="shared" si="54"/>
        <v>7</v>
      </c>
      <c r="C380" s="16">
        <v>346</v>
      </c>
      <c r="D380" cm="1">
        <f t="array" ref="D380">IFERROR(INDEX(Jesper!AH$2:AH$366,ROUNDDOWN($C380/24,0)+1,1)*INDEX($D$3:$AA$30,INDEX(Jesper!$R$2:$R$366,ROW(INDEX(Jesper!AH$2:AH$366,ROUNDDOWN($C380/24,0)+1,1))-1)+IF('Standard Profiles'!$G$18=$B$10,7,0)+IF('Standard Profiles'!$G$18=$B$17,14,0)+IF('Standard Profiles'!$G$18=$B$24,21,0),MOD($C380,24)+1)/SUM(INDEX($D$3:$AA$30,INDEX(Jesper!$R$2:$R$366,ROW(INDEX(Jesper!AH$2:AH$366,ROUNDDOWN($C380/24,0)+1,1))-1)+IF('Standard Profiles'!$G$18=$B$10,7,0)+IF('Standard Profiles'!$G$18=$B$17,14,0)+IF('Standard Profiles'!$G$18=$B$24,21,0),0)),0)</f>
        <v>0</v>
      </c>
      <c r="E380" cm="1">
        <f t="array" ref="E380">IFERROR(INDEX(Jesper!AI$2:AI$366,ROUNDDOWN($C380/24,0)+1,1)*INDEX($D$3:$AA$30,INDEX(Jesper!$R$2:$R$366,ROW(INDEX(Jesper!AI$2:AI$366,ROUNDDOWN($C380/24,0)+1,1))-1)+IF('Standard Profiles'!$G$19=$B$10,7,0)+IF('Standard Profiles'!$G$19=$B$17,14,0)+IF('Standard Profiles'!$G$19=$B$24,21,0),MOD($C380,24)+1)/SUM(INDEX($D$3:$AA$30,INDEX(Jesper!$R$2:$R$366,ROW(INDEX(Jesper!AI$2:AI$366,ROUNDDOWN($C380/24,0)+1,1))-1)+IF('Standard Profiles'!$G$19=$B$10,7,0)+IF('Standard Profiles'!$G$19=$B$17,14,0)+IF('Standard Profiles'!$G$19=$B$24,21,0),0)),0)</f>
        <v>4.7488133526520979</v>
      </c>
      <c r="F380" cm="1">
        <f t="array" ref="F380">IFERROR(INDEX(Jesper!AJ$2:AJ$366,ROUNDDOWN($C380/24,0)+1,1)*INDEX($D$3:$AA$30,INDEX(Jesper!$R$2:$R$366,ROW(INDEX(Jesper!AJ$2:AJ$366,ROUNDDOWN($C380/24,0)+1,1))-1)+IF('Standard Profiles'!$G$20=$B$10,7,0)+IF('Standard Profiles'!$G$20=$B$17,14,0)+IF('Standard Profiles'!$G$20=$B$24,21,0),MOD($C380,24)+1)/SUM(INDEX($D$3:$AA$30,INDEX(Jesper!$R$2:$R$366,ROW(INDEX(Jesper!AJ$2:AJ$366,ROUNDDOWN($C380/24,0)+1,1))-1)+IF('Standard Profiles'!$G$20=$B$10,7,0)+IF('Standard Profiles'!$G$20=$B$17,14,0)+IF('Standard Profiles'!$G$20=$B$24,21,0),0)),0)</f>
        <v>3.8930340800452572</v>
      </c>
      <c r="G380" cm="1">
        <f t="array" ref="G380">IFERROR(INDEX(Jesper!AK$2:AK$366,ROUNDDOWN($C380/24,0)+1,1)*INDEX($D$3:$AA$30,INDEX(Jesper!$R$2:$R$366,ROW(INDEX(Jesper!AK$2:AK$366,ROUNDDOWN($C380/24,0)+1,1))-1)+IF('Standard Profiles'!$G$21=$B$10,7,0)+IF('Standard Profiles'!$G$21=$B$17,14,0)+IF('Standard Profiles'!$G$21=$B$24,21,0),MOD($C380,24)+1)/SUM(INDEX($D$3:$AA$30,INDEX(Jesper!$R$2:$R$366,ROW(INDEX(Jesper!AK$2:AK$366,ROUNDDOWN($C380/24,0)+1,1))-1)+IF('Standard Profiles'!$G$21=$B$10,7,0)+IF('Standard Profiles'!$G$21=$B$17,14,0)+IF('Standard Profiles'!$G$21=$B$24,21,0),0)),0)</f>
        <v>6.079400605110548</v>
      </c>
      <c r="H380" cm="1">
        <f t="array" ref="H380">IFERROR(INDEX(Jesper!AL$2:AL$366,ROUNDDOWN($C380/24,0)+1,1)*INDEX($D$3:$AA$30,INDEX(Jesper!$R$2:$R$366,ROW(INDEX(Jesper!AL$2:AL$366,ROUNDDOWN($C380/24,0)+1,1))-1)+IF('Standard Profiles'!$G$22=$B$10,7,0)+IF('Standard Profiles'!$G$22=$B$17,14,0)+IF('Standard Profiles'!$G$22=$B$24,21,0),MOD($C380,24)+1)/SUM(INDEX($D$3:$AA$30,INDEX(Jesper!$R$2:$R$366,ROW(INDEX(Jesper!AL$2:AL$366,ROUNDDOWN($C380/24,0)+1,1))-1)+IF('Standard Profiles'!$G$22=$B$10,7,0)+IF('Standard Profiles'!$G$22=$B$17,14,0)+IF('Standard Profiles'!$G$22=$B$24,21,0),0)),0)</f>
        <v>5.7554688628682245</v>
      </c>
      <c r="I380">
        <f t="shared" si="55"/>
        <v>5.5252501083534984</v>
      </c>
      <c r="J380">
        <f t="shared" si="56"/>
        <v>14.381609190004376</v>
      </c>
      <c r="K380">
        <f t="shared" si="57"/>
        <v>0.37990506821216785</v>
      </c>
      <c r="L380">
        <f t="shared" si="58"/>
        <v>0.18995253410608393</v>
      </c>
      <c r="M380">
        <f t="shared" si="59"/>
        <v>0</v>
      </c>
      <c r="N380" s="45">
        <f t="shared" si="60"/>
        <v>44941.416666665828</v>
      </c>
    </row>
    <row r="381" spans="2:14" x14ac:dyDescent="0.25">
      <c r="B381">
        <f t="shared" si="54"/>
        <v>7</v>
      </c>
      <c r="C381" s="16">
        <v>347</v>
      </c>
      <c r="D381" cm="1">
        <f t="array" ref="D381">IFERROR(INDEX(Jesper!AH$2:AH$366,ROUNDDOWN($C381/24,0)+1,1)*INDEX($D$3:$AA$30,INDEX(Jesper!$R$2:$R$366,ROW(INDEX(Jesper!AH$2:AH$366,ROUNDDOWN($C381/24,0)+1,1))-1)+IF('Standard Profiles'!$G$18=$B$10,7,0)+IF('Standard Profiles'!$G$18=$B$17,14,0)+IF('Standard Profiles'!$G$18=$B$24,21,0),MOD($C381,24)+1)/SUM(INDEX($D$3:$AA$30,INDEX(Jesper!$R$2:$R$366,ROW(INDEX(Jesper!AH$2:AH$366,ROUNDDOWN($C381/24,0)+1,1))-1)+IF('Standard Profiles'!$G$18=$B$10,7,0)+IF('Standard Profiles'!$G$18=$B$17,14,0)+IF('Standard Profiles'!$G$18=$B$24,21,0),0)),0)</f>
        <v>0</v>
      </c>
      <c r="E381" cm="1">
        <f t="array" ref="E381">IFERROR(INDEX(Jesper!AI$2:AI$366,ROUNDDOWN($C381/24,0)+1,1)*INDEX($D$3:$AA$30,INDEX(Jesper!$R$2:$R$366,ROW(INDEX(Jesper!AI$2:AI$366,ROUNDDOWN($C381/24,0)+1,1))-1)+IF('Standard Profiles'!$G$19=$B$10,7,0)+IF('Standard Profiles'!$G$19=$B$17,14,0)+IF('Standard Profiles'!$G$19=$B$24,21,0),MOD($C381,24)+1)/SUM(INDEX($D$3:$AA$30,INDEX(Jesper!$R$2:$R$366,ROW(INDEX(Jesper!AI$2:AI$366,ROUNDDOWN($C381/24,0)+1,1))-1)+IF('Standard Profiles'!$G$19=$B$10,7,0)+IF('Standard Profiles'!$G$19=$B$17,14,0)+IF('Standard Profiles'!$G$19=$B$24,21,0),0)),0)</f>
        <v>4.7488133526520979</v>
      </c>
      <c r="F381" cm="1">
        <f t="array" ref="F381">IFERROR(INDEX(Jesper!AJ$2:AJ$366,ROUNDDOWN($C381/24,0)+1,1)*INDEX($D$3:$AA$30,INDEX(Jesper!$R$2:$R$366,ROW(INDEX(Jesper!AJ$2:AJ$366,ROUNDDOWN($C381/24,0)+1,1))-1)+IF('Standard Profiles'!$G$20=$B$10,7,0)+IF('Standard Profiles'!$G$20=$B$17,14,0)+IF('Standard Profiles'!$G$20=$B$24,21,0),MOD($C381,24)+1)/SUM(INDEX($D$3:$AA$30,INDEX(Jesper!$R$2:$R$366,ROW(INDEX(Jesper!AJ$2:AJ$366,ROUNDDOWN($C381/24,0)+1,1))-1)+IF('Standard Profiles'!$G$20=$B$10,7,0)+IF('Standard Profiles'!$G$20=$B$17,14,0)+IF('Standard Profiles'!$G$20=$B$24,21,0),0)),0)</f>
        <v>3.8930340800452572</v>
      </c>
      <c r="G381" cm="1">
        <f t="array" ref="G381">IFERROR(INDEX(Jesper!AK$2:AK$366,ROUNDDOWN($C381/24,0)+1,1)*INDEX($D$3:$AA$30,INDEX(Jesper!$R$2:$R$366,ROW(INDEX(Jesper!AK$2:AK$366,ROUNDDOWN($C381/24,0)+1,1))-1)+IF('Standard Profiles'!$G$21=$B$10,7,0)+IF('Standard Profiles'!$G$21=$B$17,14,0)+IF('Standard Profiles'!$G$21=$B$24,21,0),MOD($C381,24)+1)/SUM(INDEX($D$3:$AA$30,INDEX(Jesper!$R$2:$R$366,ROW(INDEX(Jesper!AK$2:AK$366,ROUNDDOWN($C381/24,0)+1,1))-1)+IF('Standard Profiles'!$G$21=$B$10,7,0)+IF('Standard Profiles'!$G$21=$B$17,14,0)+IF('Standard Profiles'!$G$21=$B$24,21,0),0)),0)</f>
        <v>6.079400605110548</v>
      </c>
      <c r="H381" cm="1">
        <f t="array" ref="H381">IFERROR(INDEX(Jesper!AL$2:AL$366,ROUNDDOWN($C381/24,0)+1,1)*INDEX($D$3:$AA$30,INDEX(Jesper!$R$2:$R$366,ROW(INDEX(Jesper!AL$2:AL$366,ROUNDDOWN($C381/24,0)+1,1))-1)+IF('Standard Profiles'!$G$22=$B$10,7,0)+IF('Standard Profiles'!$G$22=$B$17,14,0)+IF('Standard Profiles'!$G$22=$B$24,21,0),MOD($C381,24)+1)/SUM(INDEX($D$3:$AA$30,INDEX(Jesper!$R$2:$R$366,ROW(INDEX(Jesper!AL$2:AL$366,ROUNDDOWN($C381/24,0)+1,1))-1)+IF('Standard Profiles'!$G$22=$B$10,7,0)+IF('Standard Profiles'!$G$22=$B$17,14,0)+IF('Standard Profiles'!$G$22=$B$24,21,0),0)),0)</f>
        <v>5.7554688628682245</v>
      </c>
      <c r="I381">
        <f t="shared" si="55"/>
        <v>5.5252501083534984</v>
      </c>
      <c r="J381">
        <f t="shared" si="56"/>
        <v>14.381609190004376</v>
      </c>
      <c r="K381">
        <f t="shared" si="57"/>
        <v>0.37990506821216785</v>
      </c>
      <c r="L381">
        <f t="shared" si="58"/>
        <v>0.18995253410608393</v>
      </c>
      <c r="M381">
        <f t="shared" si="59"/>
        <v>0</v>
      </c>
      <c r="N381" s="45">
        <f t="shared" si="60"/>
        <v>44941.458333332492</v>
      </c>
    </row>
    <row r="382" spans="2:14" x14ac:dyDescent="0.25">
      <c r="B382">
        <f t="shared" si="54"/>
        <v>7</v>
      </c>
      <c r="C382" s="16">
        <v>348</v>
      </c>
      <c r="D382" cm="1">
        <f t="array" ref="D382">IFERROR(INDEX(Jesper!AH$2:AH$366,ROUNDDOWN($C382/24,0)+1,1)*INDEX($D$3:$AA$30,INDEX(Jesper!$R$2:$R$366,ROW(INDEX(Jesper!AH$2:AH$366,ROUNDDOWN($C382/24,0)+1,1))-1)+IF('Standard Profiles'!$G$18=$B$10,7,0)+IF('Standard Profiles'!$G$18=$B$17,14,0)+IF('Standard Profiles'!$G$18=$B$24,21,0),MOD($C382,24)+1)/SUM(INDEX($D$3:$AA$30,INDEX(Jesper!$R$2:$R$366,ROW(INDEX(Jesper!AH$2:AH$366,ROUNDDOWN($C382/24,0)+1,1))-1)+IF('Standard Profiles'!$G$18=$B$10,7,0)+IF('Standard Profiles'!$G$18=$B$17,14,0)+IF('Standard Profiles'!$G$18=$B$24,21,0),0)),0)</f>
        <v>0</v>
      </c>
      <c r="E382" cm="1">
        <f t="array" ref="E382">IFERROR(INDEX(Jesper!AI$2:AI$366,ROUNDDOWN($C382/24,0)+1,1)*INDEX($D$3:$AA$30,INDEX(Jesper!$R$2:$R$366,ROW(INDEX(Jesper!AI$2:AI$366,ROUNDDOWN($C382/24,0)+1,1))-1)+IF('Standard Profiles'!$G$19=$B$10,7,0)+IF('Standard Profiles'!$G$19=$B$17,14,0)+IF('Standard Profiles'!$G$19=$B$24,21,0),MOD($C382,24)+1)/SUM(INDEX($D$3:$AA$30,INDEX(Jesper!$R$2:$R$366,ROW(INDEX(Jesper!AI$2:AI$366,ROUNDDOWN($C382/24,0)+1,1))-1)+IF('Standard Profiles'!$G$19=$B$10,7,0)+IF('Standard Profiles'!$G$19=$B$17,14,0)+IF('Standard Profiles'!$G$19=$B$24,21,0),0)),0)</f>
        <v>4.7488133526520979</v>
      </c>
      <c r="F382" cm="1">
        <f t="array" ref="F382">IFERROR(INDEX(Jesper!AJ$2:AJ$366,ROUNDDOWN($C382/24,0)+1,1)*INDEX($D$3:$AA$30,INDEX(Jesper!$R$2:$R$366,ROW(INDEX(Jesper!AJ$2:AJ$366,ROUNDDOWN($C382/24,0)+1,1))-1)+IF('Standard Profiles'!$G$20=$B$10,7,0)+IF('Standard Profiles'!$G$20=$B$17,14,0)+IF('Standard Profiles'!$G$20=$B$24,21,0),MOD($C382,24)+1)/SUM(INDEX($D$3:$AA$30,INDEX(Jesper!$R$2:$R$366,ROW(INDEX(Jesper!AJ$2:AJ$366,ROUNDDOWN($C382/24,0)+1,1))-1)+IF('Standard Profiles'!$G$20=$B$10,7,0)+IF('Standard Profiles'!$G$20=$B$17,14,0)+IF('Standard Profiles'!$G$20=$B$24,21,0),0)),0)</f>
        <v>3.8930340800452572</v>
      </c>
      <c r="G382" cm="1">
        <f t="array" ref="G382">IFERROR(INDEX(Jesper!AK$2:AK$366,ROUNDDOWN($C382/24,0)+1,1)*INDEX($D$3:$AA$30,INDEX(Jesper!$R$2:$R$366,ROW(INDEX(Jesper!AK$2:AK$366,ROUNDDOWN($C382/24,0)+1,1))-1)+IF('Standard Profiles'!$G$21=$B$10,7,0)+IF('Standard Profiles'!$G$21=$B$17,14,0)+IF('Standard Profiles'!$G$21=$B$24,21,0),MOD($C382,24)+1)/SUM(INDEX($D$3:$AA$30,INDEX(Jesper!$R$2:$R$366,ROW(INDEX(Jesper!AK$2:AK$366,ROUNDDOWN($C382/24,0)+1,1))-1)+IF('Standard Profiles'!$G$21=$B$10,7,0)+IF('Standard Profiles'!$G$21=$B$17,14,0)+IF('Standard Profiles'!$G$21=$B$24,21,0),0)),0)</f>
        <v>6.079400605110548</v>
      </c>
      <c r="H382" cm="1">
        <f t="array" ref="H382">IFERROR(INDEX(Jesper!AL$2:AL$366,ROUNDDOWN($C382/24,0)+1,1)*INDEX($D$3:$AA$30,INDEX(Jesper!$R$2:$R$366,ROW(INDEX(Jesper!AL$2:AL$366,ROUNDDOWN($C382/24,0)+1,1))-1)+IF('Standard Profiles'!$G$22=$B$10,7,0)+IF('Standard Profiles'!$G$22=$B$17,14,0)+IF('Standard Profiles'!$G$22=$B$24,21,0),MOD($C382,24)+1)/SUM(INDEX($D$3:$AA$30,INDEX(Jesper!$R$2:$R$366,ROW(INDEX(Jesper!AL$2:AL$366,ROUNDDOWN($C382/24,0)+1,1))-1)+IF('Standard Profiles'!$G$22=$B$10,7,0)+IF('Standard Profiles'!$G$22=$B$17,14,0)+IF('Standard Profiles'!$G$22=$B$24,21,0),0)),0)</f>
        <v>5.7554688628682245</v>
      </c>
      <c r="I382">
        <f t="shared" si="55"/>
        <v>5.5252501083534984</v>
      </c>
      <c r="J382">
        <f t="shared" si="56"/>
        <v>14.381609190004376</v>
      </c>
      <c r="K382">
        <f t="shared" si="57"/>
        <v>0.37990506821216785</v>
      </c>
      <c r="L382">
        <f t="shared" si="58"/>
        <v>0.18995253410608393</v>
      </c>
      <c r="M382">
        <f t="shared" si="59"/>
        <v>0</v>
      </c>
      <c r="N382" s="45">
        <f t="shared" si="60"/>
        <v>44941.499999999156</v>
      </c>
    </row>
    <row r="383" spans="2:14" x14ac:dyDescent="0.25">
      <c r="B383">
        <f t="shared" si="54"/>
        <v>7</v>
      </c>
      <c r="C383" s="16">
        <v>349</v>
      </c>
      <c r="D383" cm="1">
        <f t="array" ref="D383">IFERROR(INDEX(Jesper!AH$2:AH$366,ROUNDDOWN($C383/24,0)+1,1)*INDEX($D$3:$AA$30,INDEX(Jesper!$R$2:$R$366,ROW(INDEX(Jesper!AH$2:AH$366,ROUNDDOWN($C383/24,0)+1,1))-1)+IF('Standard Profiles'!$G$18=$B$10,7,0)+IF('Standard Profiles'!$G$18=$B$17,14,0)+IF('Standard Profiles'!$G$18=$B$24,21,0),MOD($C383,24)+1)/SUM(INDEX($D$3:$AA$30,INDEX(Jesper!$R$2:$R$366,ROW(INDEX(Jesper!AH$2:AH$366,ROUNDDOWN($C383/24,0)+1,1))-1)+IF('Standard Profiles'!$G$18=$B$10,7,0)+IF('Standard Profiles'!$G$18=$B$17,14,0)+IF('Standard Profiles'!$G$18=$B$24,21,0),0)),0)</f>
        <v>0</v>
      </c>
      <c r="E383" cm="1">
        <f t="array" ref="E383">IFERROR(INDEX(Jesper!AI$2:AI$366,ROUNDDOWN($C383/24,0)+1,1)*INDEX($D$3:$AA$30,INDEX(Jesper!$R$2:$R$366,ROW(INDEX(Jesper!AI$2:AI$366,ROUNDDOWN($C383/24,0)+1,1))-1)+IF('Standard Profiles'!$G$19=$B$10,7,0)+IF('Standard Profiles'!$G$19=$B$17,14,0)+IF('Standard Profiles'!$G$19=$B$24,21,0),MOD($C383,24)+1)/SUM(INDEX($D$3:$AA$30,INDEX(Jesper!$R$2:$R$366,ROW(INDEX(Jesper!AI$2:AI$366,ROUNDDOWN($C383/24,0)+1,1))-1)+IF('Standard Profiles'!$G$19=$B$10,7,0)+IF('Standard Profiles'!$G$19=$B$17,14,0)+IF('Standard Profiles'!$G$19=$B$24,21,0),0)),0)</f>
        <v>4.7488133526520979</v>
      </c>
      <c r="F383" cm="1">
        <f t="array" ref="F383">IFERROR(INDEX(Jesper!AJ$2:AJ$366,ROUNDDOWN($C383/24,0)+1,1)*INDEX($D$3:$AA$30,INDEX(Jesper!$R$2:$R$366,ROW(INDEX(Jesper!AJ$2:AJ$366,ROUNDDOWN($C383/24,0)+1,1))-1)+IF('Standard Profiles'!$G$20=$B$10,7,0)+IF('Standard Profiles'!$G$20=$B$17,14,0)+IF('Standard Profiles'!$G$20=$B$24,21,0),MOD($C383,24)+1)/SUM(INDEX($D$3:$AA$30,INDEX(Jesper!$R$2:$R$366,ROW(INDEX(Jesper!AJ$2:AJ$366,ROUNDDOWN($C383/24,0)+1,1))-1)+IF('Standard Profiles'!$G$20=$B$10,7,0)+IF('Standard Profiles'!$G$20=$B$17,14,0)+IF('Standard Profiles'!$G$20=$B$24,21,0),0)),0)</f>
        <v>3.8930340800452572</v>
      </c>
      <c r="G383" cm="1">
        <f t="array" ref="G383">IFERROR(INDEX(Jesper!AK$2:AK$366,ROUNDDOWN($C383/24,0)+1,1)*INDEX($D$3:$AA$30,INDEX(Jesper!$R$2:$R$366,ROW(INDEX(Jesper!AK$2:AK$366,ROUNDDOWN($C383/24,0)+1,1))-1)+IF('Standard Profiles'!$G$21=$B$10,7,0)+IF('Standard Profiles'!$G$21=$B$17,14,0)+IF('Standard Profiles'!$G$21=$B$24,21,0),MOD($C383,24)+1)/SUM(INDEX($D$3:$AA$30,INDEX(Jesper!$R$2:$R$366,ROW(INDEX(Jesper!AK$2:AK$366,ROUNDDOWN($C383/24,0)+1,1))-1)+IF('Standard Profiles'!$G$21=$B$10,7,0)+IF('Standard Profiles'!$G$21=$B$17,14,0)+IF('Standard Profiles'!$G$21=$B$24,21,0),0)),0)</f>
        <v>6.079400605110548</v>
      </c>
      <c r="H383" cm="1">
        <f t="array" ref="H383">IFERROR(INDEX(Jesper!AL$2:AL$366,ROUNDDOWN($C383/24,0)+1,1)*INDEX($D$3:$AA$30,INDEX(Jesper!$R$2:$R$366,ROW(INDEX(Jesper!AL$2:AL$366,ROUNDDOWN($C383/24,0)+1,1))-1)+IF('Standard Profiles'!$G$22=$B$10,7,0)+IF('Standard Profiles'!$G$22=$B$17,14,0)+IF('Standard Profiles'!$G$22=$B$24,21,0),MOD($C383,24)+1)/SUM(INDEX($D$3:$AA$30,INDEX(Jesper!$R$2:$R$366,ROW(INDEX(Jesper!AL$2:AL$366,ROUNDDOWN($C383/24,0)+1,1))-1)+IF('Standard Profiles'!$G$22=$B$10,7,0)+IF('Standard Profiles'!$G$22=$B$17,14,0)+IF('Standard Profiles'!$G$22=$B$24,21,0),0)),0)</f>
        <v>5.7554688628682245</v>
      </c>
      <c r="I383">
        <f t="shared" si="55"/>
        <v>5.5252501083534984</v>
      </c>
      <c r="J383">
        <f t="shared" si="56"/>
        <v>14.381609190004376</v>
      </c>
      <c r="K383">
        <f t="shared" si="57"/>
        <v>0.37990506821216785</v>
      </c>
      <c r="L383">
        <f t="shared" si="58"/>
        <v>0.18995253410608393</v>
      </c>
      <c r="M383">
        <f t="shared" si="59"/>
        <v>0</v>
      </c>
      <c r="N383" s="45">
        <f t="shared" si="60"/>
        <v>44941.54166666582</v>
      </c>
    </row>
    <row r="384" spans="2:14" x14ac:dyDescent="0.25">
      <c r="B384">
        <f t="shared" si="54"/>
        <v>7</v>
      </c>
      <c r="C384" s="16">
        <v>350</v>
      </c>
      <c r="D384" cm="1">
        <f t="array" ref="D384">IFERROR(INDEX(Jesper!AH$2:AH$366,ROUNDDOWN($C384/24,0)+1,1)*INDEX($D$3:$AA$30,INDEX(Jesper!$R$2:$R$366,ROW(INDEX(Jesper!AH$2:AH$366,ROUNDDOWN($C384/24,0)+1,1))-1)+IF('Standard Profiles'!$G$18=$B$10,7,0)+IF('Standard Profiles'!$G$18=$B$17,14,0)+IF('Standard Profiles'!$G$18=$B$24,21,0),MOD($C384,24)+1)/SUM(INDEX($D$3:$AA$30,INDEX(Jesper!$R$2:$R$366,ROW(INDEX(Jesper!AH$2:AH$366,ROUNDDOWN($C384/24,0)+1,1))-1)+IF('Standard Profiles'!$G$18=$B$10,7,0)+IF('Standard Profiles'!$G$18=$B$17,14,0)+IF('Standard Profiles'!$G$18=$B$24,21,0),0)),0)</f>
        <v>0</v>
      </c>
      <c r="E384" cm="1">
        <f t="array" ref="E384">IFERROR(INDEX(Jesper!AI$2:AI$366,ROUNDDOWN($C384/24,0)+1,1)*INDEX($D$3:$AA$30,INDEX(Jesper!$R$2:$R$366,ROW(INDEX(Jesper!AI$2:AI$366,ROUNDDOWN($C384/24,0)+1,1))-1)+IF('Standard Profiles'!$G$19=$B$10,7,0)+IF('Standard Profiles'!$G$19=$B$17,14,0)+IF('Standard Profiles'!$G$19=$B$24,21,0),MOD($C384,24)+1)/SUM(INDEX($D$3:$AA$30,INDEX(Jesper!$R$2:$R$366,ROW(INDEX(Jesper!AI$2:AI$366,ROUNDDOWN($C384/24,0)+1,1))-1)+IF('Standard Profiles'!$G$19=$B$10,7,0)+IF('Standard Profiles'!$G$19=$B$17,14,0)+IF('Standard Profiles'!$G$19=$B$24,21,0),0)),0)</f>
        <v>4.7488133526520979</v>
      </c>
      <c r="F384" cm="1">
        <f t="array" ref="F384">IFERROR(INDEX(Jesper!AJ$2:AJ$366,ROUNDDOWN($C384/24,0)+1,1)*INDEX($D$3:$AA$30,INDEX(Jesper!$R$2:$R$366,ROW(INDEX(Jesper!AJ$2:AJ$366,ROUNDDOWN($C384/24,0)+1,1))-1)+IF('Standard Profiles'!$G$20=$B$10,7,0)+IF('Standard Profiles'!$G$20=$B$17,14,0)+IF('Standard Profiles'!$G$20=$B$24,21,0),MOD($C384,24)+1)/SUM(INDEX($D$3:$AA$30,INDEX(Jesper!$R$2:$R$366,ROW(INDEX(Jesper!AJ$2:AJ$366,ROUNDDOWN($C384/24,0)+1,1))-1)+IF('Standard Profiles'!$G$20=$B$10,7,0)+IF('Standard Profiles'!$G$20=$B$17,14,0)+IF('Standard Profiles'!$G$20=$B$24,21,0),0)),0)</f>
        <v>3.8930340800452572</v>
      </c>
      <c r="G384" cm="1">
        <f t="array" ref="G384">IFERROR(INDEX(Jesper!AK$2:AK$366,ROUNDDOWN($C384/24,0)+1,1)*INDEX($D$3:$AA$30,INDEX(Jesper!$R$2:$R$366,ROW(INDEX(Jesper!AK$2:AK$366,ROUNDDOWN($C384/24,0)+1,1))-1)+IF('Standard Profiles'!$G$21=$B$10,7,0)+IF('Standard Profiles'!$G$21=$B$17,14,0)+IF('Standard Profiles'!$G$21=$B$24,21,0),MOD($C384,24)+1)/SUM(INDEX($D$3:$AA$30,INDEX(Jesper!$R$2:$R$366,ROW(INDEX(Jesper!AK$2:AK$366,ROUNDDOWN($C384/24,0)+1,1))-1)+IF('Standard Profiles'!$G$21=$B$10,7,0)+IF('Standard Profiles'!$G$21=$B$17,14,0)+IF('Standard Profiles'!$G$21=$B$24,21,0),0)),0)</f>
        <v>6.079400605110548</v>
      </c>
      <c r="H384" cm="1">
        <f t="array" ref="H384">IFERROR(INDEX(Jesper!AL$2:AL$366,ROUNDDOWN($C384/24,0)+1,1)*INDEX($D$3:$AA$30,INDEX(Jesper!$R$2:$R$366,ROW(INDEX(Jesper!AL$2:AL$366,ROUNDDOWN($C384/24,0)+1,1))-1)+IF('Standard Profiles'!$G$22=$B$10,7,0)+IF('Standard Profiles'!$G$22=$B$17,14,0)+IF('Standard Profiles'!$G$22=$B$24,21,0),MOD($C384,24)+1)/SUM(INDEX($D$3:$AA$30,INDEX(Jesper!$R$2:$R$366,ROW(INDEX(Jesper!AL$2:AL$366,ROUNDDOWN($C384/24,0)+1,1))-1)+IF('Standard Profiles'!$G$22=$B$10,7,0)+IF('Standard Profiles'!$G$22=$B$17,14,0)+IF('Standard Profiles'!$G$22=$B$24,21,0),0)),0)</f>
        <v>5.7554688628682245</v>
      </c>
      <c r="I384">
        <f t="shared" si="55"/>
        <v>5.5252501083534984</v>
      </c>
      <c r="J384">
        <f t="shared" si="56"/>
        <v>14.381609190004376</v>
      </c>
      <c r="K384">
        <f t="shared" si="57"/>
        <v>0.37990506821216785</v>
      </c>
      <c r="L384">
        <f t="shared" si="58"/>
        <v>0.18995253410608393</v>
      </c>
      <c r="M384">
        <f t="shared" si="59"/>
        <v>0</v>
      </c>
      <c r="N384" s="45">
        <f t="shared" si="60"/>
        <v>44941.583333332484</v>
      </c>
    </row>
    <row r="385" spans="2:14" x14ac:dyDescent="0.25">
      <c r="B385">
        <f t="shared" si="54"/>
        <v>7</v>
      </c>
      <c r="C385" s="16">
        <v>351</v>
      </c>
      <c r="D385" cm="1">
        <f t="array" ref="D385">IFERROR(INDEX(Jesper!AH$2:AH$366,ROUNDDOWN($C385/24,0)+1,1)*INDEX($D$3:$AA$30,INDEX(Jesper!$R$2:$R$366,ROW(INDEX(Jesper!AH$2:AH$366,ROUNDDOWN($C385/24,0)+1,1))-1)+IF('Standard Profiles'!$G$18=$B$10,7,0)+IF('Standard Profiles'!$G$18=$B$17,14,0)+IF('Standard Profiles'!$G$18=$B$24,21,0),MOD($C385,24)+1)/SUM(INDEX($D$3:$AA$30,INDEX(Jesper!$R$2:$R$366,ROW(INDEX(Jesper!AH$2:AH$366,ROUNDDOWN($C385/24,0)+1,1))-1)+IF('Standard Profiles'!$G$18=$B$10,7,0)+IF('Standard Profiles'!$G$18=$B$17,14,0)+IF('Standard Profiles'!$G$18=$B$24,21,0),0)),0)</f>
        <v>0</v>
      </c>
      <c r="E385" cm="1">
        <f t="array" ref="E385">IFERROR(INDEX(Jesper!AI$2:AI$366,ROUNDDOWN($C385/24,0)+1,1)*INDEX($D$3:$AA$30,INDEX(Jesper!$R$2:$R$366,ROW(INDEX(Jesper!AI$2:AI$366,ROUNDDOWN($C385/24,0)+1,1))-1)+IF('Standard Profiles'!$G$19=$B$10,7,0)+IF('Standard Profiles'!$G$19=$B$17,14,0)+IF('Standard Profiles'!$G$19=$B$24,21,0),MOD($C385,24)+1)/SUM(INDEX($D$3:$AA$30,INDEX(Jesper!$R$2:$R$366,ROW(INDEX(Jesper!AI$2:AI$366,ROUNDDOWN($C385/24,0)+1,1))-1)+IF('Standard Profiles'!$G$19=$B$10,7,0)+IF('Standard Profiles'!$G$19=$B$17,14,0)+IF('Standard Profiles'!$G$19=$B$24,21,0),0)),0)</f>
        <v>4.7488133526520979</v>
      </c>
      <c r="F385" cm="1">
        <f t="array" ref="F385">IFERROR(INDEX(Jesper!AJ$2:AJ$366,ROUNDDOWN($C385/24,0)+1,1)*INDEX($D$3:$AA$30,INDEX(Jesper!$R$2:$R$366,ROW(INDEX(Jesper!AJ$2:AJ$366,ROUNDDOWN($C385/24,0)+1,1))-1)+IF('Standard Profiles'!$G$20=$B$10,7,0)+IF('Standard Profiles'!$G$20=$B$17,14,0)+IF('Standard Profiles'!$G$20=$B$24,21,0),MOD($C385,24)+1)/SUM(INDEX($D$3:$AA$30,INDEX(Jesper!$R$2:$R$366,ROW(INDEX(Jesper!AJ$2:AJ$366,ROUNDDOWN($C385/24,0)+1,1))-1)+IF('Standard Profiles'!$G$20=$B$10,7,0)+IF('Standard Profiles'!$G$20=$B$17,14,0)+IF('Standard Profiles'!$G$20=$B$24,21,0),0)),0)</f>
        <v>3.8930340800452572</v>
      </c>
      <c r="G385" cm="1">
        <f t="array" ref="G385">IFERROR(INDEX(Jesper!AK$2:AK$366,ROUNDDOWN($C385/24,0)+1,1)*INDEX($D$3:$AA$30,INDEX(Jesper!$R$2:$R$366,ROW(INDEX(Jesper!AK$2:AK$366,ROUNDDOWN($C385/24,0)+1,1))-1)+IF('Standard Profiles'!$G$21=$B$10,7,0)+IF('Standard Profiles'!$G$21=$B$17,14,0)+IF('Standard Profiles'!$G$21=$B$24,21,0),MOD($C385,24)+1)/SUM(INDEX($D$3:$AA$30,INDEX(Jesper!$R$2:$R$366,ROW(INDEX(Jesper!AK$2:AK$366,ROUNDDOWN($C385/24,0)+1,1))-1)+IF('Standard Profiles'!$G$21=$B$10,7,0)+IF('Standard Profiles'!$G$21=$B$17,14,0)+IF('Standard Profiles'!$G$21=$B$24,21,0),0)),0)</f>
        <v>6.079400605110548</v>
      </c>
      <c r="H385" cm="1">
        <f t="array" ref="H385">IFERROR(INDEX(Jesper!AL$2:AL$366,ROUNDDOWN($C385/24,0)+1,1)*INDEX($D$3:$AA$30,INDEX(Jesper!$R$2:$R$366,ROW(INDEX(Jesper!AL$2:AL$366,ROUNDDOWN($C385/24,0)+1,1))-1)+IF('Standard Profiles'!$G$22=$B$10,7,0)+IF('Standard Profiles'!$G$22=$B$17,14,0)+IF('Standard Profiles'!$G$22=$B$24,21,0),MOD($C385,24)+1)/SUM(INDEX($D$3:$AA$30,INDEX(Jesper!$R$2:$R$366,ROW(INDEX(Jesper!AL$2:AL$366,ROUNDDOWN($C385/24,0)+1,1))-1)+IF('Standard Profiles'!$G$22=$B$10,7,0)+IF('Standard Profiles'!$G$22=$B$17,14,0)+IF('Standard Profiles'!$G$22=$B$24,21,0),0)),0)</f>
        <v>5.1159723225495322</v>
      </c>
      <c r="I385">
        <f t="shared" si="55"/>
        <v>4.9113334296475539</v>
      </c>
      <c r="J385">
        <f t="shared" si="56"/>
        <v>14.35602932839163</v>
      </c>
      <c r="K385">
        <f t="shared" si="57"/>
        <v>0.37990506821216785</v>
      </c>
      <c r="L385">
        <f t="shared" si="58"/>
        <v>0.18995253410608393</v>
      </c>
      <c r="M385">
        <f t="shared" si="59"/>
        <v>0</v>
      </c>
      <c r="N385" s="45">
        <f t="shared" si="60"/>
        <v>44941.624999999149</v>
      </c>
    </row>
    <row r="386" spans="2:14" x14ac:dyDescent="0.25">
      <c r="B386">
        <f t="shared" si="54"/>
        <v>7</v>
      </c>
      <c r="C386" s="16">
        <v>352</v>
      </c>
      <c r="D386" cm="1">
        <f t="array" ref="D386">IFERROR(INDEX(Jesper!AH$2:AH$366,ROUNDDOWN($C386/24,0)+1,1)*INDEX($D$3:$AA$30,INDEX(Jesper!$R$2:$R$366,ROW(INDEX(Jesper!AH$2:AH$366,ROUNDDOWN($C386/24,0)+1,1))-1)+IF('Standard Profiles'!$G$18=$B$10,7,0)+IF('Standard Profiles'!$G$18=$B$17,14,0)+IF('Standard Profiles'!$G$18=$B$24,21,0),MOD($C386,24)+1)/SUM(INDEX($D$3:$AA$30,INDEX(Jesper!$R$2:$R$366,ROW(INDEX(Jesper!AH$2:AH$366,ROUNDDOWN($C386/24,0)+1,1))-1)+IF('Standard Profiles'!$G$18=$B$10,7,0)+IF('Standard Profiles'!$G$18=$B$17,14,0)+IF('Standard Profiles'!$G$18=$B$24,21,0),0)),0)</f>
        <v>0</v>
      </c>
      <c r="E386" cm="1">
        <f t="array" ref="E386">IFERROR(INDEX(Jesper!AI$2:AI$366,ROUNDDOWN($C386/24,0)+1,1)*INDEX($D$3:$AA$30,INDEX(Jesper!$R$2:$R$366,ROW(INDEX(Jesper!AI$2:AI$366,ROUNDDOWN($C386/24,0)+1,1))-1)+IF('Standard Profiles'!$G$19=$B$10,7,0)+IF('Standard Profiles'!$G$19=$B$17,14,0)+IF('Standard Profiles'!$G$19=$B$24,21,0),MOD($C386,24)+1)/SUM(INDEX($D$3:$AA$30,INDEX(Jesper!$R$2:$R$366,ROW(INDEX(Jesper!AI$2:AI$366,ROUNDDOWN($C386/24,0)+1,1))-1)+IF('Standard Profiles'!$G$19=$B$10,7,0)+IF('Standard Profiles'!$G$19=$B$17,14,0)+IF('Standard Profiles'!$G$19=$B$24,21,0),0)),0)</f>
        <v>4.7488133526520979</v>
      </c>
      <c r="F386" cm="1">
        <f t="array" ref="F386">IFERROR(INDEX(Jesper!AJ$2:AJ$366,ROUNDDOWN($C386/24,0)+1,1)*INDEX($D$3:$AA$30,INDEX(Jesper!$R$2:$R$366,ROW(INDEX(Jesper!AJ$2:AJ$366,ROUNDDOWN($C386/24,0)+1,1))-1)+IF('Standard Profiles'!$G$20=$B$10,7,0)+IF('Standard Profiles'!$G$20=$B$17,14,0)+IF('Standard Profiles'!$G$20=$B$24,21,0),MOD($C386,24)+1)/SUM(INDEX($D$3:$AA$30,INDEX(Jesper!$R$2:$R$366,ROW(INDEX(Jesper!AJ$2:AJ$366,ROUNDDOWN($C386/24,0)+1,1))-1)+IF('Standard Profiles'!$G$20=$B$10,7,0)+IF('Standard Profiles'!$G$20=$B$17,14,0)+IF('Standard Profiles'!$G$20=$B$24,21,0),0)),0)</f>
        <v>3.8930340800452572</v>
      </c>
      <c r="G386" cm="1">
        <f t="array" ref="G386">IFERROR(INDEX(Jesper!AK$2:AK$366,ROUNDDOWN($C386/24,0)+1,1)*INDEX($D$3:$AA$30,INDEX(Jesper!$R$2:$R$366,ROW(INDEX(Jesper!AK$2:AK$366,ROUNDDOWN($C386/24,0)+1,1))-1)+IF('Standard Profiles'!$G$21=$B$10,7,0)+IF('Standard Profiles'!$G$21=$B$17,14,0)+IF('Standard Profiles'!$G$21=$B$24,21,0),MOD($C386,24)+1)/SUM(INDEX($D$3:$AA$30,INDEX(Jesper!$R$2:$R$366,ROW(INDEX(Jesper!AK$2:AK$366,ROUNDDOWN($C386/24,0)+1,1))-1)+IF('Standard Profiles'!$G$21=$B$10,7,0)+IF('Standard Profiles'!$G$21=$B$17,14,0)+IF('Standard Profiles'!$G$21=$B$24,21,0),0)),0)</f>
        <v>6.079400605110548</v>
      </c>
      <c r="H386" cm="1">
        <f t="array" ref="H386">IFERROR(INDEX(Jesper!AL$2:AL$366,ROUNDDOWN($C386/24,0)+1,1)*INDEX($D$3:$AA$30,INDEX(Jesper!$R$2:$R$366,ROW(INDEX(Jesper!AL$2:AL$366,ROUNDDOWN($C386/24,0)+1,1))-1)+IF('Standard Profiles'!$G$22=$B$10,7,0)+IF('Standard Profiles'!$G$22=$B$17,14,0)+IF('Standard Profiles'!$G$22=$B$24,21,0),MOD($C386,24)+1)/SUM(INDEX($D$3:$AA$30,INDEX(Jesper!$R$2:$R$366,ROW(INDEX(Jesper!AL$2:AL$366,ROUNDDOWN($C386/24,0)+1,1))-1)+IF('Standard Profiles'!$G$22=$B$10,7,0)+IF('Standard Profiles'!$G$22=$B$17,14,0)+IF('Standard Profiles'!$G$22=$B$24,21,0),0)),0)</f>
        <v>5.0246156739325754</v>
      </c>
      <c r="I386">
        <f t="shared" si="55"/>
        <v>4.823631046975275</v>
      </c>
      <c r="J386">
        <f t="shared" si="56"/>
        <v>14.352375062446951</v>
      </c>
      <c r="K386">
        <f t="shared" si="57"/>
        <v>0.37990506821216785</v>
      </c>
      <c r="L386">
        <f t="shared" si="58"/>
        <v>0.18995253410608393</v>
      </c>
      <c r="M386">
        <f t="shared" si="59"/>
        <v>0</v>
      </c>
      <c r="N386" s="45">
        <f t="shared" si="60"/>
        <v>44941.666666665813</v>
      </c>
    </row>
    <row r="387" spans="2:14" x14ac:dyDescent="0.25">
      <c r="B387">
        <f t="shared" si="54"/>
        <v>7</v>
      </c>
      <c r="C387" s="16">
        <v>353</v>
      </c>
      <c r="D387" cm="1">
        <f t="array" ref="D387">IFERROR(INDEX(Jesper!AH$2:AH$366,ROUNDDOWN($C387/24,0)+1,1)*INDEX($D$3:$AA$30,INDEX(Jesper!$R$2:$R$366,ROW(INDEX(Jesper!AH$2:AH$366,ROUNDDOWN($C387/24,0)+1,1))-1)+IF('Standard Profiles'!$G$18=$B$10,7,0)+IF('Standard Profiles'!$G$18=$B$17,14,0)+IF('Standard Profiles'!$G$18=$B$24,21,0),MOD($C387,24)+1)/SUM(INDEX($D$3:$AA$30,INDEX(Jesper!$R$2:$R$366,ROW(INDEX(Jesper!AH$2:AH$366,ROUNDDOWN($C387/24,0)+1,1))-1)+IF('Standard Profiles'!$G$18=$B$10,7,0)+IF('Standard Profiles'!$G$18=$B$17,14,0)+IF('Standard Profiles'!$G$18=$B$24,21,0),0)),0)</f>
        <v>0</v>
      </c>
      <c r="E387" cm="1">
        <f t="array" ref="E387">IFERROR(INDEX(Jesper!AI$2:AI$366,ROUNDDOWN($C387/24,0)+1,1)*INDEX($D$3:$AA$30,INDEX(Jesper!$R$2:$R$366,ROW(INDEX(Jesper!AI$2:AI$366,ROUNDDOWN($C387/24,0)+1,1))-1)+IF('Standard Profiles'!$G$19=$B$10,7,0)+IF('Standard Profiles'!$G$19=$B$17,14,0)+IF('Standard Profiles'!$G$19=$B$24,21,0),MOD($C387,24)+1)/SUM(INDEX($D$3:$AA$30,INDEX(Jesper!$R$2:$R$366,ROW(INDEX(Jesper!AI$2:AI$366,ROUNDDOWN($C387/24,0)+1,1))-1)+IF('Standard Profiles'!$G$19=$B$10,7,0)+IF('Standard Profiles'!$G$19=$B$17,14,0)+IF('Standard Profiles'!$G$19=$B$24,21,0),0)),0)</f>
        <v>4.7488133526520979</v>
      </c>
      <c r="F387" cm="1">
        <f t="array" ref="F387">IFERROR(INDEX(Jesper!AJ$2:AJ$366,ROUNDDOWN($C387/24,0)+1,1)*INDEX($D$3:$AA$30,INDEX(Jesper!$R$2:$R$366,ROW(INDEX(Jesper!AJ$2:AJ$366,ROUNDDOWN($C387/24,0)+1,1))-1)+IF('Standard Profiles'!$G$20=$B$10,7,0)+IF('Standard Profiles'!$G$20=$B$17,14,0)+IF('Standard Profiles'!$G$20=$B$24,21,0),MOD($C387,24)+1)/SUM(INDEX($D$3:$AA$30,INDEX(Jesper!$R$2:$R$366,ROW(INDEX(Jesper!AJ$2:AJ$366,ROUNDDOWN($C387/24,0)+1,1))-1)+IF('Standard Profiles'!$G$20=$B$10,7,0)+IF('Standard Profiles'!$G$20=$B$17,14,0)+IF('Standard Profiles'!$G$20=$B$24,21,0),0)),0)</f>
        <v>3.8930340800452572</v>
      </c>
      <c r="G387" cm="1">
        <f t="array" ref="G387">IFERROR(INDEX(Jesper!AK$2:AK$366,ROUNDDOWN($C387/24,0)+1,1)*INDEX($D$3:$AA$30,INDEX(Jesper!$R$2:$R$366,ROW(INDEX(Jesper!AK$2:AK$366,ROUNDDOWN($C387/24,0)+1,1))-1)+IF('Standard Profiles'!$G$21=$B$10,7,0)+IF('Standard Profiles'!$G$21=$B$17,14,0)+IF('Standard Profiles'!$G$21=$B$24,21,0),MOD($C387,24)+1)/SUM(INDEX($D$3:$AA$30,INDEX(Jesper!$R$2:$R$366,ROW(INDEX(Jesper!AK$2:AK$366,ROUNDDOWN($C387/24,0)+1,1))-1)+IF('Standard Profiles'!$G$21=$B$10,7,0)+IF('Standard Profiles'!$G$21=$B$17,14,0)+IF('Standard Profiles'!$G$21=$B$24,21,0),0)),0)</f>
        <v>6.079400605110548</v>
      </c>
      <c r="H387" cm="1">
        <f t="array" ref="H387">IFERROR(INDEX(Jesper!AL$2:AL$366,ROUNDDOWN($C387/24,0)+1,1)*INDEX($D$3:$AA$30,INDEX(Jesper!$R$2:$R$366,ROW(INDEX(Jesper!AL$2:AL$366,ROUNDDOWN($C387/24,0)+1,1))-1)+IF('Standard Profiles'!$G$22=$B$10,7,0)+IF('Standard Profiles'!$G$22=$B$17,14,0)+IF('Standard Profiles'!$G$22=$B$24,21,0),MOD($C387,24)+1)/SUM(INDEX($D$3:$AA$30,INDEX(Jesper!$R$2:$R$366,ROW(INDEX(Jesper!AL$2:AL$366,ROUNDDOWN($C387/24,0)+1,1))-1)+IF('Standard Profiles'!$G$22=$B$10,7,0)+IF('Standard Profiles'!$G$22=$B$17,14,0)+IF('Standard Profiles'!$G$22=$B$24,21,0),0)),0)</f>
        <v>4.2937624849969289</v>
      </c>
      <c r="I387">
        <f t="shared" si="55"/>
        <v>4.1220119855970543</v>
      </c>
      <c r="J387">
        <f t="shared" si="56"/>
        <v>14.323140934889526</v>
      </c>
      <c r="K387">
        <f t="shared" si="57"/>
        <v>0.37990506821216785</v>
      </c>
      <c r="L387">
        <f t="shared" si="58"/>
        <v>0.18995253410608393</v>
      </c>
      <c r="M387">
        <f t="shared" si="59"/>
        <v>0</v>
      </c>
      <c r="N387" s="45">
        <f t="shared" si="60"/>
        <v>44941.708333332477</v>
      </c>
    </row>
    <row r="388" spans="2:14" x14ac:dyDescent="0.25">
      <c r="B388">
        <f t="shared" si="54"/>
        <v>7</v>
      </c>
      <c r="C388" s="16">
        <v>354</v>
      </c>
      <c r="D388" cm="1">
        <f t="array" ref="D388">IFERROR(INDEX(Jesper!AH$2:AH$366,ROUNDDOWN($C388/24,0)+1,1)*INDEX($D$3:$AA$30,INDEX(Jesper!$R$2:$R$366,ROW(INDEX(Jesper!AH$2:AH$366,ROUNDDOWN($C388/24,0)+1,1))-1)+IF('Standard Profiles'!$G$18=$B$10,7,0)+IF('Standard Profiles'!$G$18=$B$17,14,0)+IF('Standard Profiles'!$G$18=$B$24,21,0),MOD($C388,24)+1)/SUM(INDEX($D$3:$AA$30,INDEX(Jesper!$R$2:$R$366,ROW(INDEX(Jesper!AH$2:AH$366,ROUNDDOWN($C388/24,0)+1,1))-1)+IF('Standard Profiles'!$G$18=$B$10,7,0)+IF('Standard Profiles'!$G$18=$B$17,14,0)+IF('Standard Profiles'!$G$18=$B$24,21,0),0)),0)</f>
        <v>0</v>
      </c>
      <c r="E388" cm="1">
        <f t="array" ref="E388">IFERROR(INDEX(Jesper!AI$2:AI$366,ROUNDDOWN($C388/24,0)+1,1)*INDEX($D$3:$AA$30,INDEX(Jesper!$R$2:$R$366,ROW(INDEX(Jesper!AI$2:AI$366,ROUNDDOWN($C388/24,0)+1,1))-1)+IF('Standard Profiles'!$G$19=$B$10,7,0)+IF('Standard Profiles'!$G$19=$B$17,14,0)+IF('Standard Profiles'!$G$19=$B$24,21,0),MOD($C388,24)+1)/SUM(INDEX($D$3:$AA$30,INDEX(Jesper!$R$2:$R$366,ROW(INDEX(Jesper!AI$2:AI$366,ROUNDDOWN($C388/24,0)+1,1))-1)+IF('Standard Profiles'!$G$19=$B$10,7,0)+IF('Standard Profiles'!$G$19=$B$17,14,0)+IF('Standard Profiles'!$G$19=$B$24,21,0),0)),0)</f>
        <v>4.7488133526520979</v>
      </c>
      <c r="F388" cm="1">
        <f t="array" ref="F388">IFERROR(INDEX(Jesper!AJ$2:AJ$366,ROUNDDOWN($C388/24,0)+1,1)*INDEX($D$3:$AA$30,INDEX(Jesper!$R$2:$R$366,ROW(INDEX(Jesper!AJ$2:AJ$366,ROUNDDOWN($C388/24,0)+1,1))-1)+IF('Standard Profiles'!$G$20=$B$10,7,0)+IF('Standard Profiles'!$G$20=$B$17,14,0)+IF('Standard Profiles'!$G$20=$B$24,21,0),MOD($C388,24)+1)/SUM(INDEX($D$3:$AA$30,INDEX(Jesper!$R$2:$R$366,ROW(INDEX(Jesper!AJ$2:AJ$366,ROUNDDOWN($C388/24,0)+1,1))-1)+IF('Standard Profiles'!$G$20=$B$10,7,0)+IF('Standard Profiles'!$G$20=$B$17,14,0)+IF('Standard Profiles'!$G$20=$B$24,21,0),0)),0)</f>
        <v>3.8930340800452572</v>
      </c>
      <c r="G388" cm="1">
        <f t="array" ref="G388">IFERROR(INDEX(Jesper!AK$2:AK$366,ROUNDDOWN($C388/24,0)+1,1)*INDEX($D$3:$AA$30,INDEX(Jesper!$R$2:$R$366,ROW(INDEX(Jesper!AK$2:AK$366,ROUNDDOWN($C388/24,0)+1,1))-1)+IF('Standard Profiles'!$G$21=$B$10,7,0)+IF('Standard Profiles'!$G$21=$B$17,14,0)+IF('Standard Profiles'!$G$21=$B$24,21,0),MOD($C388,24)+1)/SUM(INDEX($D$3:$AA$30,INDEX(Jesper!$R$2:$R$366,ROW(INDEX(Jesper!AK$2:AK$366,ROUNDDOWN($C388/24,0)+1,1))-1)+IF('Standard Profiles'!$G$21=$B$10,7,0)+IF('Standard Profiles'!$G$21=$B$17,14,0)+IF('Standard Profiles'!$G$21=$B$24,21,0),0)),0)</f>
        <v>6.079400605110548</v>
      </c>
      <c r="H388" cm="1">
        <f t="array" ref="H388">IFERROR(INDEX(Jesper!AL$2:AL$366,ROUNDDOWN($C388/24,0)+1,1)*INDEX($D$3:$AA$30,INDEX(Jesper!$R$2:$R$366,ROW(INDEX(Jesper!AL$2:AL$366,ROUNDDOWN($C388/24,0)+1,1))-1)+IF('Standard Profiles'!$G$22=$B$10,7,0)+IF('Standard Profiles'!$G$22=$B$17,14,0)+IF('Standard Profiles'!$G$22=$B$24,21,0),MOD($C388,24)+1)/SUM(INDEX($D$3:$AA$30,INDEX(Jesper!$R$2:$R$366,ROW(INDEX(Jesper!AL$2:AL$366,ROUNDDOWN($C388/24,0)+1,1))-1)+IF('Standard Profiles'!$G$22=$B$10,7,0)+IF('Standard Profiles'!$G$22=$B$17,14,0)+IF('Standard Profiles'!$G$22=$B$24,21,0),0)),0)</f>
        <v>4.0196925391460612</v>
      </c>
      <c r="I388">
        <f t="shared" si="55"/>
        <v>3.8589048375802206</v>
      </c>
      <c r="J388">
        <f t="shared" si="56"/>
        <v>14.312178137055492</v>
      </c>
      <c r="K388">
        <f t="shared" si="57"/>
        <v>0.37990506821216785</v>
      </c>
      <c r="L388">
        <f t="shared" si="58"/>
        <v>0.18995253410608393</v>
      </c>
      <c r="M388">
        <f t="shared" si="59"/>
        <v>0</v>
      </c>
      <c r="N388" s="45">
        <f t="shared" si="60"/>
        <v>44941.749999999141</v>
      </c>
    </row>
    <row r="389" spans="2:14" x14ac:dyDescent="0.25">
      <c r="B389">
        <f t="shared" si="54"/>
        <v>7</v>
      </c>
      <c r="C389" s="16">
        <v>355</v>
      </c>
      <c r="D389" cm="1">
        <f t="array" ref="D389">IFERROR(INDEX(Jesper!AH$2:AH$366,ROUNDDOWN($C389/24,0)+1,1)*INDEX($D$3:$AA$30,INDEX(Jesper!$R$2:$R$366,ROW(INDEX(Jesper!AH$2:AH$366,ROUNDDOWN($C389/24,0)+1,1))-1)+IF('Standard Profiles'!$G$18=$B$10,7,0)+IF('Standard Profiles'!$G$18=$B$17,14,0)+IF('Standard Profiles'!$G$18=$B$24,21,0),MOD($C389,24)+1)/SUM(INDEX($D$3:$AA$30,INDEX(Jesper!$R$2:$R$366,ROW(INDEX(Jesper!AH$2:AH$366,ROUNDDOWN($C389/24,0)+1,1))-1)+IF('Standard Profiles'!$G$18=$B$10,7,0)+IF('Standard Profiles'!$G$18=$B$17,14,0)+IF('Standard Profiles'!$G$18=$B$24,21,0),0)),0)</f>
        <v>0</v>
      </c>
      <c r="E389" cm="1">
        <f t="array" ref="E389">IFERROR(INDEX(Jesper!AI$2:AI$366,ROUNDDOWN($C389/24,0)+1,1)*INDEX($D$3:$AA$30,INDEX(Jesper!$R$2:$R$366,ROW(INDEX(Jesper!AI$2:AI$366,ROUNDDOWN($C389/24,0)+1,1))-1)+IF('Standard Profiles'!$G$19=$B$10,7,0)+IF('Standard Profiles'!$G$19=$B$17,14,0)+IF('Standard Profiles'!$G$19=$B$24,21,0),MOD($C389,24)+1)/SUM(INDEX($D$3:$AA$30,INDEX(Jesper!$R$2:$R$366,ROW(INDEX(Jesper!AI$2:AI$366,ROUNDDOWN($C389/24,0)+1,1))-1)+IF('Standard Profiles'!$G$19=$B$10,7,0)+IF('Standard Profiles'!$G$19=$B$17,14,0)+IF('Standard Profiles'!$G$19=$B$24,21,0),0)),0)</f>
        <v>4.7488133526520979</v>
      </c>
      <c r="F389" cm="1">
        <f t="array" ref="F389">IFERROR(INDEX(Jesper!AJ$2:AJ$366,ROUNDDOWN($C389/24,0)+1,1)*INDEX($D$3:$AA$30,INDEX(Jesper!$R$2:$R$366,ROW(INDEX(Jesper!AJ$2:AJ$366,ROUNDDOWN($C389/24,0)+1,1))-1)+IF('Standard Profiles'!$G$20=$B$10,7,0)+IF('Standard Profiles'!$G$20=$B$17,14,0)+IF('Standard Profiles'!$G$20=$B$24,21,0),MOD($C389,24)+1)/SUM(INDEX($D$3:$AA$30,INDEX(Jesper!$R$2:$R$366,ROW(INDEX(Jesper!AJ$2:AJ$366,ROUNDDOWN($C389/24,0)+1,1))-1)+IF('Standard Profiles'!$G$20=$B$10,7,0)+IF('Standard Profiles'!$G$20=$B$17,14,0)+IF('Standard Profiles'!$G$20=$B$24,21,0),0)),0)</f>
        <v>3.8930340800452572</v>
      </c>
      <c r="G389" cm="1">
        <f t="array" ref="G389">IFERROR(INDEX(Jesper!AK$2:AK$366,ROUNDDOWN($C389/24,0)+1,1)*INDEX($D$3:$AA$30,INDEX(Jesper!$R$2:$R$366,ROW(INDEX(Jesper!AK$2:AK$366,ROUNDDOWN($C389/24,0)+1,1))-1)+IF('Standard Profiles'!$G$21=$B$10,7,0)+IF('Standard Profiles'!$G$21=$B$17,14,0)+IF('Standard Profiles'!$G$21=$B$24,21,0),MOD($C389,24)+1)/SUM(INDEX($D$3:$AA$30,INDEX(Jesper!$R$2:$R$366,ROW(INDEX(Jesper!AK$2:AK$366,ROUNDDOWN($C389/24,0)+1,1))-1)+IF('Standard Profiles'!$G$21=$B$10,7,0)+IF('Standard Profiles'!$G$21=$B$17,14,0)+IF('Standard Profiles'!$G$21=$B$24,21,0),0)),0)</f>
        <v>6.079400605110548</v>
      </c>
      <c r="H389" cm="1">
        <f t="array" ref="H389">IFERROR(INDEX(Jesper!AL$2:AL$366,ROUNDDOWN($C389/24,0)+1,1)*INDEX($D$3:$AA$30,INDEX(Jesper!$R$2:$R$366,ROW(INDEX(Jesper!AL$2:AL$366,ROUNDDOWN($C389/24,0)+1,1))-1)+IF('Standard Profiles'!$G$22=$B$10,7,0)+IF('Standard Profiles'!$G$22=$B$17,14,0)+IF('Standard Profiles'!$G$22=$B$24,21,0),MOD($C389,24)+1)/SUM(INDEX($D$3:$AA$30,INDEX(Jesper!$R$2:$R$366,ROW(INDEX(Jesper!AL$2:AL$366,ROUNDDOWN($C389/24,0)+1,1))-1)+IF('Standard Profiles'!$G$22=$B$10,7,0)+IF('Standard Profiles'!$G$22=$B$17,14,0)+IF('Standard Profiles'!$G$22=$B$24,21,0),0)),0)</f>
        <v>3.3801959988273698</v>
      </c>
      <c r="I389">
        <f t="shared" si="55"/>
        <v>3.2449881588742766</v>
      </c>
      <c r="J389">
        <f t="shared" si="56"/>
        <v>14.286598275442744</v>
      </c>
      <c r="K389">
        <f t="shared" si="57"/>
        <v>0.37990506821216785</v>
      </c>
      <c r="L389">
        <f t="shared" si="58"/>
        <v>0.18995253410608393</v>
      </c>
      <c r="M389">
        <f t="shared" si="59"/>
        <v>0</v>
      </c>
      <c r="N389" s="45">
        <f t="shared" si="60"/>
        <v>44941.791666665806</v>
      </c>
    </row>
    <row r="390" spans="2:14" x14ac:dyDescent="0.25">
      <c r="B390">
        <f t="shared" si="54"/>
        <v>7</v>
      </c>
      <c r="C390" s="16">
        <v>356</v>
      </c>
      <c r="D390" cm="1">
        <f t="array" ref="D390">IFERROR(INDEX(Jesper!AH$2:AH$366,ROUNDDOWN($C390/24,0)+1,1)*INDEX($D$3:$AA$30,INDEX(Jesper!$R$2:$R$366,ROW(INDEX(Jesper!AH$2:AH$366,ROUNDDOWN($C390/24,0)+1,1))-1)+IF('Standard Profiles'!$G$18=$B$10,7,0)+IF('Standard Profiles'!$G$18=$B$17,14,0)+IF('Standard Profiles'!$G$18=$B$24,21,0),MOD($C390,24)+1)/SUM(INDEX($D$3:$AA$30,INDEX(Jesper!$R$2:$R$366,ROW(INDEX(Jesper!AH$2:AH$366,ROUNDDOWN($C390/24,0)+1,1))-1)+IF('Standard Profiles'!$G$18=$B$10,7,0)+IF('Standard Profiles'!$G$18=$B$17,14,0)+IF('Standard Profiles'!$G$18=$B$24,21,0),0)),0)</f>
        <v>0</v>
      </c>
      <c r="E390" cm="1">
        <f t="array" ref="E390">IFERROR(INDEX(Jesper!AI$2:AI$366,ROUNDDOWN($C390/24,0)+1,1)*INDEX($D$3:$AA$30,INDEX(Jesper!$R$2:$R$366,ROW(INDEX(Jesper!AI$2:AI$366,ROUNDDOWN($C390/24,0)+1,1))-1)+IF('Standard Profiles'!$G$19=$B$10,7,0)+IF('Standard Profiles'!$G$19=$B$17,14,0)+IF('Standard Profiles'!$G$19=$B$24,21,0),MOD($C390,24)+1)/SUM(INDEX($D$3:$AA$30,INDEX(Jesper!$R$2:$R$366,ROW(INDEX(Jesper!AI$2:AI$366,ROUNDDOWN($C390/24,0)+1,1))-1)+IF('Standard Profiles'!$G$19=$B$10,7,0)+IF('Standard Profiles'!$G$19=$B$17,14,0)+IF('Standard Profiles'!$G$19=$B$24,21,0),0)),0)</f>
        <v>4.7488133526520979</v>
      </c>
      <c r="F390" cm="1">
        <f t="array" ref="F390">IFERROR(INDEX(Jesper!AJ$2:AJ$366,ROUNDDOWN($C390/24,0)+1,1)*INDEX($D$3:$AA$30,INDEX(Jesper!$R$2:$R$366,ROW(INDEX(Jesper!AJ$2:AJ$366,ROUNDDOWN($C390/24,0)+1,1))-1)+IF('Standard Profiles'!$G$20=$B$10,7,0)+IF('Standard Profiles'!$G$20=$B$17,14,0)+IF('Standard Profiles'!$G$20=$B$24,21,0),MOD($C390,24)+1)/SUM(INDEX($D$3:$AA$30,INDEX(Jesper!$R$2:$R$366,ROW(INDEX(Jesper!AJ$2:AJ$366,ROUNDDOWN($C390/24,0)+1,1))-1)+IF('Standard Profiles'!$G$20=$B$10,7,0)+IF('Standard Profiles'!$G$20=$B$17,14,0)+IF('Standard Profiles'!$G$20=$B$24,21,0),0)),0)</f>
        <v>3.8930340800452572</v>
      </c>
      <c r="G390" cm="1">
        <f t="array" ref="G390">IFERROR(INDEX(Jesper!AK$2:AK$366,ROUNDDOWN($C390/24,0)+1,1)*INDEX($D$3:$AA$30,INDEX(Jesper!$R$2:$R$366,ROW(INDEX(Jesper!AK$2:AK$366,ROUNDDOWN($C390/24,0)+1,1))-1)+IF('Standard Profiles'!$G$21=$B$10,7,0)+IF('Standard Profiles'!$G$21=$B$17,14,0)+IF('Standard Profiles'!$G$21=$B$24,21,0),MOD($C390,24)+1)/SUM(INDEX($D$3:$AA$30,INDEX(Jesper!$R$2:$R$366,ROW(INDEX(Jesper!AK$2:AK$366,ROUNDDOWN($C390/24,0)+1,1))-1)+IF('Standard Profiles'!$G$21=$B$10,7,0)+IF('Standard Profiles'!$G$21=$B$17,14,0)+IF('Standard Profiles'!$G$21=$B$24,21,0),0)),0)</f>
        <v>6.079400605110548</v>
      </c>
      <c r="H390" cm="1">
        <f t="array" ref="H390">IFERROR(INDEX(Jesper!AL$2:AL$366,ROUNDDOWN($C390/24,0)+1,1)*INDEX($D$3:$AA$30,INDEX(Jesper!$R$2:$R$366,ROW(INDEX(Jesper!AL$2:AL$366,ROUNDDOWN($C390/24,0)+1,1))-1)+IF('Standard Profiles'!$G$22=$B$10,7,0)+IF('Standard Profiles'!$G$22=$B$17,14,0)+IF('Standard Profiles'!$G$22=$B$24,21,0),MOD($C390,24)+1)/SUM(INDEX($D$3:$AA$30,INDEX(Jesper!$R$2:$R$366,ROW(INDEX(Jesper!AL$2:AL$366,ROUNDDOWN($C390/24,0)+1,1))-1)+IF('Standard Profiles'!$G$22=$B$10,7,0)+IF('Standard Profiles'!$G$22=$B$17,14,0)+IF('Standard Profiles'!$G$22=$B$24,21,0),0)),0)</f>
        <v>2.8320561071256338</v>
      </c>
      <c r="I390">
        <f t="shared" si="55"/>
        <v>2.7187738628406097</v>
      </c>
      <c r="J390">
        <f t="shared" si="56"/>
        <v>14.264672679774675</v>
      </c>
      <c r="K390">
        <f t="shared" si="57"/>
        <v>0.37990506821216785</v>
      </c>
      <c r="L390">
        <f t="shared" si="58"/>
        <v>0.18995253410608393</v>
      </c>
      <c r="M390">
        <f t="shared" si="59"/>
        <v>0</v>
      </c>
      <c r="N390" s="45">
        <f t="shared" si="60"/>
        <v>44941.83333333247</v>
      </c>
    </row>
    <row r="391" spans="2:14" x14ac:dyDescent="0.25">
      <c r="B391">
        <f t="shared" si="54"/>
        <v>7</v>
      </c>
      <c r="C391" s="16">
        <v>357</v>
      </c>
      <c r="D391" cm="1">
        <f t="array" ref="D391">IFERROR(INDEX(Jesper!AH$2:AH$366,ROUNDDOWN($C391/24,0)+1,1)*INDEX($D$3:$AA$30,INDEX(Jesper!$R$2:$R$366,ROW(INDEX(Jesper!AH$2:AH$366,ROUNDDOWN($C391/24,0)+1,1))-1)+IF('Standard Profiles'!$G$18=$B$10,7,0)+IF('Standard Profiles'!$G$18=$B$17,14,0)+IF('Standard Profiles'!$G$18=$B$24,21,0),MOD($C391,24)+1)/SUM(INDEX($D$3:$AA$30,INDEX(Jesper!$R$2:$R$366,ROW(INDEX(Jesper!AH$2:AH$366,ROUNDDOWN($C391/24,0)+1,1))-1)+IF('Standard Profiles'!$G$18=$B$10,7,0)+IF('Standard Profiles'!$G$18=$B$17,14,0)+IF('Standard Profiles'!$G$18=$B$24,21,0),0)),0)</f>
        <v>0</v>
      </c>
      <c r="E391" cm="1">
        <f t="array" ref="E391">IFERROR(INDEX(Jesper!AI$2:AI$366,ROUNDDOWN($C391/24,0)+1,1)*INDEX($D$3:$AA$30,INDEX(Jesper!$R$2:$R$366,ROW(INDEX(Jesper!AI$2:AI$366,ROUNDDOWN($C391/24,0)+1,1))-1)+IF('Standard Profiles'!$G$19=$B$10,7,0)+IF('Standard Profiles'!$G$19=$B$17,14,0)+IF('Standard Profiles'!$G$19=$B$24,21,0),MOD($C391,24)+1)/SUM(INDEX($D$3:$AA$30,INDEX(Jesper!$R$2:$R$366,ROW(INDEX(Jesper!AI$2:AI$366,ROUNDDOWN($C391/24,0)+1,1))-1)+IF('Standard Profiles'!$G$19=$B$10,7,0)+IF('Standard Profiles'!$G$19=$B$17,14,0)+IF('Standard Profiles'!$G$19=$B$24,21,0),0)),0)</f>
        <v>4.7488133526520979</v>
      </c>
      <c r="F391" cm="1">
        <f t="array" ref="F391">IFERROR(INDEX(Jesper!AJ$2:AJ$366,ROUNDDOWN($C391/24,0)+1,1)*INDEX($D$3:$AA$30,INDEX(Jesper!$R$2:$R$366,ROW(INDEX(Jesper!AJ$2:AJ$366,ROUNDDOWN($C391/24,0)+1,1))-1)+IF('Standard Profiles'!$G$20=$B$10,7,0)+IF('Standard Profiles'!$G$20=$B$17,14,0)+IF('Standard Profiles'!$G$20=$B$24,21,0),MOD($C391,24)+1)/SUM(INDEX($D$3:$AA$30,INDEX(Jesper!$R$2:$R$366,ROW(INDEX(Jesper!AJ$2:AJ$366,ROUNDDOWN($C391/24,0)+1,1))-1)+IF('Standard Profiles'!$G$20=$B$10,7,0)+IF('Standard Profiles'!$G$20=$B$17,14,0)+IF('Standard Profiles'!$G$20=$B$24,21,0),0)),0)</f>
        <v>3.8930340800452572</v>
      </c>
      <c r="G391" cm="1">
        <f t="array" ref="G391">IFERROR(INDEX(Jesper!AK$2:AK$366,ROUNDDOWN($C391/24,0)+1,1)*INDEX($D$3:$AA$30,INDEX(Jesper!$R$2:$R$366,ROW(INDEX(Jesper!AK$2:AK$366,ROUNDDOWN($C391/24,0)+1,1))-1)+IF('Standard Profiles'!$G$21=$B$10,7,0)+IF('Standard Profiles'!$G$21=$B$17,14,0)+IF('Standard Profiles'!$G$21=$B$24,21,0),MOD($C391,24)+1)/SUM(INDEX($D$3:$AA$30,INDEX(Jesper!$R$2:$R$366,ROW(INDEX(Jesper!AK$2:AK$366,ROUNDDOWN($C391/24,0)+1,1))-1)+IF('Standard Profiles'!$G$21=$B$10,7,0)+IF('Standard Profiles'!$G$21=$B$17,14,0)+IF('Standard Profiles'!$G$21=$B$24,21,0),0)),0)</f>
        <v>6.079400605110548</v>
      </c>
      <c r="H391" cm="1">
        <f t="array" ref="H391">IFERROR(INDEX(Jesper!AL$2:AL$366,ROUNDDOWN($C391/24,0)+1,1)*INDEX($D$3:$AA$30,INDEX(Jesper!$R$2:$R$366,ROW(INDEX(Jesper!AL$2:AL$366,ROUNDDOWN($C391/24,0)+1,1))-1)+IF('Standard Profiles'!$G$22=$B$10,7,0)+IF('Standard Profiles'!$G$22=$B$17,14,0)+IF('Standard Profiles'!$G$22=$B$24,21,0),MOD($C391,24)+1)/SUM(INDEX($D$3:$AA$30,INDEX(Jesper!$R$2:$R$366,ROW(INDEX(Jesper!AL$2:AL$366,ROUNDDOWN($C391/24,0)+1,1))-1)+IF('Standard Profiles'!$G$22=$B$10,7,0)+IF('Standard Profiles'!$G$22=$B$17,14,0)+IF('Standard Profiles'!$G$22=$B$24,21,0),0)),0)</f>
        <v>2.4666295126578102</v>
      </c>
      <c r="I391">
        <f t="shared" si="55"/>
        <v>2.3679643321514989</v>
      </c>
      <c r="J391">
        <f t="shared" si="56"/>
        <v>14.250055615995961</v>
      </c>
      <c r="K391">
        <f t="shared" si="57"/>
        <v>0.37990506821216785</v>
      </c>
      <c r="L391">
        <f t="shared" si="58"/>
        <v>0.18995253410608393</v>
      </c>
      <c r="M391">
        <f t="shared" si="59"/>
        <v>0</v>
      </c>
      <c r="N391" s="45">
        <f t="shared" si="60"/>
        <v>44941.874999999134</v>
      </c>
    </row>
    <row r="392" spans="2:14" x14ac:dyDescent="0.25">
      <c r="B392">
        <f t="shared" si="54"/>
        <v>7</v>
      </c>
      <c r="C392" s="16">
        <v>358</v>
      </c>
      <c r="D392" cm="1">
        <f t="array" ref="D392">IFERROR(INDEX(Jesper!AH$2:AH$366,ROUNDDOWN($C392/24,0)+1,1)*INDEX($D$3:$AA$30,INDEX(Jesper!$R$2:$R$366,ROW(INDEX(Jesper!AH$2:AH$366,ROUNDDOWN($C392/24,0)+1,1))-1)+IF('Standard Profiles'!$G$18=$B$10,7,0)+IF('Standard Profiles'!$G$18=$B$17,14,0)+IF('Standard Profiles'!$G$18=$B$24,21,0),MOD($C392,24)+1)/SUM(INDEX($D$3:$AA$30,INDEX(Jesper!$R$2:$R$366,ROW(INDEX(Jesper!AH$2:AH$366,ROUNDDOWN($C392/24,0)+1,1))-1)+IF('Standard Profiles'!$G$18=$B$10,7,0)+IF('Standard Profiles'!$G$18=$B$17,14,0)+IF('Standard Profiles'!$G$18=$B$24,21,0),0)),0)</f>
        <v>0</v>
      </c>
      <c r="E392" cm="1">
        <f t="array" ref="E392">IFERROR(INDEX(Jesper!AI$2:AI$366,ROUNDDOWN($C392/24,0)+1,1)*INDEX($D$3:$AA$30,INDEX(Jesper!$R$2:$R$366,ROW(INDEX(Jesper!AI$2:AI$366,ROUNDDOWN($C392/24,0)+1,1))-1)+IF('Standard Profiles'!$G$19=$B$10,7,0)+IF('Standard Profiles'!$G$19=$B$17,14,0)+IF('Standard Profiles'!$G$19=$B$24,21,0),MOD($C392,24)+1)/SUM(INDEX($D$3:$AA$30,INDEX(Jesper!$R$2:$R$366,ROW(INDEX(Jesper!AI$2:AI$366,ROUNDDOWN($C392/24,0)+1,1))-1)+IF('Standard Profiles'!$G$19=$B$10,7,0)+IF('Standard Profiles'!$G$19=$B$17,14,0)+IF('Standard Profiles'!$G$19=$B$24,21,0),0)),0)</f>
        <v>4.7488133526520979</v>
      </c>
      <c r="F392" cm="1">
        <f t="array" ref="F392">IFERROR(INDEX(Jesper!AJ$2:AJ$366,ROUNDDOWN($C392/24,0)+1,1)*INDEX($D$3:$AA$30,INDEX(Jesper!$R$2:$R$366,ROW(INDEX(Jesper!AJ$2:AJ$366,ROUNDDOWN($C392/24,0)+1,1))-1)+IF('Standard Profiles'!$G$20=$B$10,7,0)+IF('Standard Profiles'!$G$20=$B$17,14,0)+IF('Standard Profiles'!$G$20=$B$24,21,0),MOD($C392,24)+1)/SUM(INDEX($D$3:$AA$30,INDEX(Jesper!$R$2:$R$366,ROW(INDEX(Jesper!AJ$2:AJ$366,ROUNDDOWN($C392/24,0)+1,1))-1)+IF('Standard Profiles'!$G$20=$B$10,7,0)+IF('Standard Profiles'!$G$20=$B$17,14,0)+IF('Standard Profiles'!$G$20=$B$24,21,0),0)),0)</f>
        <v>3.8930340800452572</v>
      </c>
      <c r="G392" cm="1">
        <f t="array" ref="G392">IFERROR(INDEX(Jesper!AK$2:AK$366,ROUNDDOWN($C392/24,0)+1,1)*INDEX($D$3:$AA$30,INDEX(Jesper!$R$2:$R$366,ROW(INDEX(Jesper!AK$2:AK$366,ROUNDDOWN($C392/24,0)+1,1))-1)+IF('Standard Profiles'!$G$21=$B$10,7,0)+IF('Standard Profiles'!$G$21=$B$17,14,0)+IF('Standard Profiles'!$G$21=$B$24,21,0),MOD($C392,24)+1)/SUM(INDEX($D$3:$AA$30,INDEX(Jesper!$R$2:$R$366,ROW(INDEX(Jesper!AK$2:AK$366,ROUNDDOWN($C392/24,0)+1,1))-1)+IF('Standard Profiles'!$G$21=$B$10,7,0)+IF('Standard Profiles'!$G$21=$B$17,14,0)+IF('Standard Profiles'!$G$21=$B$24,21,0),0)),0)</f>
        <v>6.079400605110548</v>
      </c>
      <c r="H392" cm="1">
        <f t="array" ref="H392">IFERROR(INDEX(Jesper!AL$2:AL$366,ROUNDDOWN($C392/24,0)+1,1)*INDEX($D$3:$AA$30,INDEX(Jesper!$R$2:$R$366,ROW(INDEX(Jesper!AL$2:AL$366,ROUNDDOWN($C392/24,0)+1,1))-1)+IF('Standard Profiles'!$G$22=$B$10,7,0)+IF('Standard Profiles'!$G$22=$B$17,14,0)+IF('Standard Profiles'!$G$22=$B$24,21,0),MOD($C392,24)+1)/SUM(INDEX($D$3:$AA$30,INDEX(Jesper!$R$2:$R$366,ROW(INDEX(Jesper!AL$2:AL$366,ROUNDDOWN($C392/24,0)+1,1))-1)+IF('Standard Profiles'!$G$22=$B$10,7,0)+IF('Standard Profiles'!$G$22=$B$17,14,0)+IF('Standard Profiles'!$G$22=$B$24,21,0),0)),0)</f>
        <v>2.4666295126578102</v>
      </c>
      <c r="I392">
        <f t="shared" si="55"/>
        <v>2.3679643321514989</v>
      </c>
      <c r="J392">
        <f t="shared" si="56"/>
        <v>14.250055615995961</v>
      </c>
      <c r="K392">
        <f t="shared" si="57"/>
        <v>0.37990506821216785</v>
      </c>
      <c r="L392">
        <f t="shared" si="58"/>
        <v>0.18995253410608393</v>
      </c>
      <c r="M392">
        <f t="shared" si="59"/>
        <v>0</v>
      </c>
      <c r="N392" s="45">
        <f t="shared" si="60"/>
        <v>44941.916666665798</v>
      </c>
    </row>
    <row r="393" spans="2:14" x14ac:dyDescent="0.25">
      <c r="B393">
        <f t="shared" si="54"/>
        <v>7</v>
      </c>
      <c r="C393" s="16">
        <v>359</v>
      </c>
      <c r="D393" cm="1">
        <f t="array" ref="D393">IFERROR(INDEX(Jesper!AH$2:AH$366,ROUNDDOWN($C393/24,0)+1,1)*INDEX($D$3:$AA$30,INDEX(Jesper!$R$2:$R$366,ROW(INDEX(Jesper!AH$2:AH$366,ROUNDDOWN($C393/24,0)+1,1))-1)+IF('Standard Profiles'!$G$18=$B$10,7,0)+IF('Standard Profiles'!$G$18=$B$17,14,0)+IF('Standard Profiles'!$G$18=$B$24,21,0),MOD($C393,24)+1)/SUM(INDEX($D$3:$AA$30,INDEX(Jesper!$R$2:$R$366,ROW(INDEX(Jesper!AH$2:AH$366,ROUNDDOWN($C393/24,0)+1,1))-1)+IF('Standard Profiles'!$G$18=$B$10,7,0)+IF('Standard Profiles'!$G$18=$B$17,14,0)+IF('Standard Profiles'!$G$18=$B$24,21,0),0)),0)</f>
        <v>0</v>
      </c>
      <c r="E393" cm="1">
        <f t="array" ref="E393">IFERROR(INDEX(Jesper!AI$2:AI$366,ROUNDDOWN($C393/24,0)+1,1)*INDEX($D$3:$AA$30,INDEX(Jesper!$R$2:$R$366,ROW(INDEX(Jesper!AI$2:AI$366,ROUNDDOWN($C393/24,0)+1,1))-1)+IF('Standard Profiles'!$G$19=$B$10,7,0)+IF('Standard Profiles'!$G$19=$B$17,14,0)+IF('Standard Profiles'!$G$19=$B$24,21,0),MOD($C393,24)+1)/SUM(INDEX($D$3:$AA$30,INDEX(Jesper!$R$2:$R$366,ROW(INDEX(Jesper!AI$2:AI$366,ROUNDDOWN($C393/24,0)+1,1))-1)+IF('Standard Profiles'!$G$19=$B$10,7,0)+IF('Standard Profiles'!$G$19=$B$17,14,0)+IF('Standard Profiles'!$G$19=$B$24,21,0),0)),0)</f>
        <v>4.7488133526520979</v>
      </c>
      <c r="F393" cm="1">
        <f t="array" ref="F393">IFERROR(INDEX(Jesper!AJ$2:AJ$366,ROUNDDOWN($C393/24,0)+1,1)*INDEX($D$3:$AA$30,INDEX(Jesper!$R$2:$R$366,ROW(INDEX(Jesper!AJ$2:AJ$366,ROUNDDOWN($C393/24,0)+1,1))-1)+IF('Standard Profiles'!$G$20=$B$10,7,0)+IF('Standard Profiles'!$G$20=$B$17,14,0)+IF('Standard Profiles'!$G$20=$B$24,21,0),MOD($C393,24)+1)/SUM(INDEX($D$3:$AA$30,INDEX(Jesper!$R$2:$R$366,ROW(INDEX(Jesper!AJ$2:AJ$366,ROUNDDOWN($C393/24,0)+1,1))-1)+IF('Standard Profiles'!$G$20=$B$10,7,0)+IF('Standard Profiles'!$G$20=$B$17,14,0)+IF('Standard Profiles'!$G$20=$B$24,21,0),0)),0)</f>
        <v>3.8930340800452572</v>
      </c>
      <c r="G393" cm="1">
        <f t="array" ref="G393">IFERROR(INDEX(Jesper!AK$2:AK$366,ROUNDDOWN($C393/24,0)+1,1)*INDEX($D$3:$AA$30,INDEX(Jesper!$R$2:$R$366,ROW(INDEX(Jesper!AK$2:AK$366,ROUNDDOWN($C393/24,0)+1,1))-1)+IF('Standard Profiles'!$G$21=$B$10,7,0)+IF('Standard Profiles'!$G$21=$B$17,14,0)+IF('Standard Profiles'!$G$21=$B$24,21,0),MOD($C393,24)+1)/SUM(INDEX($D$3:$AA$30,INDEX(Jesper!$R$2:$R$366,ROW(INDEX(Jesper!AK$2:AK$366,ROUNDDOWN($C393/24,0)+1,1))-1)+IF('Standard Profiles'!$G$21=$B$10,7,0)+IF('Standard Profiles'!$G$21=$B$17,14,0)+IF('Standard Profiles'!$G$21=$B$24,21,0),0)),0)</f>
        <v>6.079400605110548</v>
      </c>
      <c r="H393" cm="1">
        <f t="array" ref="H393">IFERROR(INDEX(Jesper!AL$2:AL$366,ROUNDDOWN($C393/24,0)+1,1)*INDEX($D$3:$AA$30,INDEX(Jesper!$R$2:$R$366,ROW(INDEX(Jesper!AL$2:AL$366,ROUNDDOWN($C393/24,0)+1,1))-1)+IF('Standard Profiles'!$G$22=$B$10,7,0)+IF('Standard Profiles'!$G$22=$B$17,14,0)+IF('Standard Profiles'!$G$22=$B$24,21,0),MOD($C393,24)+1)/SUM(INDEX($D$3:$AA$30,INDEX(Jesper!$R$2:$R$366,ROW(INDEX(Jesper!AL$2:AL$366,ROUNDDOWN($C393/24,0)+1,1))-1)+IF('Standard Profiles'!$G$22=$B$10,7,0)+IF('Standard Profiles'!$G$22=$B$17,14,0)+IF('Standard Profiles'!$G$22=$B$24,21,0),0)),0)</f>
        <v>2.4666295126578102</v>
      </c>
      <c r="I393">
        <f t="shared" si="55"/>
        <v>2.3679643321514989</v>
      </c>
      <c r="J393">
        <f t="shared" si="56"/>
        <v>14.250055615995961</v>
      </c>
      <c r="K393">
        <f t="shared" si="57"/>
        <v>0.37990506821216785</v>
      </c>
      <c r="L393">
        <f t="shared" si="58"/>
        <v>0.18995253410608393</v>
      </c>
      <c r="M393">
        <f t="shared" si="59"/>
        <v>0</v>
      </c>
      <c r="N393" s="45">
        <f t="shared" si="60"/>
        <v>44941.958333332463</v>
      </c>
    </row>
    <row r="394" spans="2:14" x14ac:dyDescent="0.25">
      <c r="B394">
        <f t="shared" si="54"/>
        <v>1</v>
      </c>
      <c r="C394" s="16">
        <v>360</v>
      </c>
      <c r="D394" cm="1">
        <f t="array" ref="D394">IFERROR(INDEX(Jesper!AH$2:AH$366,ROUNDDOWN($C394/24,0)+1,1)*INDEX($D$3:$AA$30,INDEX(Jesper!$R$2:$R$366,ROW(INDEX(Jesper!AH$2:AH$366,ROUNDDOWN($C394/24,0)+1,1))-1)+IF('Standard Profiles'!$G$18=$B$10,7,0)+IF('Standard Profiles'!$G$18=$B$17,14,0)+IF('Standard Profiles'!$G$18=$B$24,21,0),MOD($C394,24)+1)/SUM(INDEX($D$3:$AA$30,INDEX(Jesper!$R$2:$R$366,ROW(INDEX(Jesper!AH$2:AH$366,ROUNDDOWN($C394/24,0)+1,1))-1)+IF('Standard Profiles'!$G$18=$B$10,7,0)+IF('Standard Profiles'!$G$18=$B$17,14,0)+IF('Standard Profiles'!$G$18=$B$24,21,0),0)),0)</f>
        <v>5.7959440350947418</v>
      </c>
      <c r="E394" cm="1">
        <f t="array" ref="E394">IFERROR(INDEX(Jesper!AI$2:AI$366,ROUNDDOWN($C394/24,0)+1,1)*INDEX($D$3:$AA$30,INDEX(Jesper!$R$2:$R$366,ROW(INDEX(Jesper!AI$2:AI$366,ROUNDDOWN($C394/24,0)+1,1))-1)+IF('Standard Profiles'!$G$19=$B$10,7,0)+IF('Standard Profiles'!$G$19=$B$17,14,0)+IF('Standard Profiles'!$G$19=$B$24,21,0),MOD($C394,24)+1)/SUM(INDEX($D$3:$AA$30,INDEX(Jesper!$R$2:$R$366,ROW(INDEX(Jesper!AI$2:AI$366,ROUNDDOWN($C394/24,0)+1,1))-1)+IF('Standard Profiles'!$G$19=$B$10,7,0)+IF('Standard Profiles'!$G$19=$B$17,14,0)+IF('Standard Profiles'!$G$19=$B$24,21,0),0)),0)</f>
        <v>6.443748682663565</v>
      </c>
      <c r="F394" cm="1">
        <f t="array" ref="F394">IFERROR(INDEX(Jesper!AJ$2:AJ$366,ROUNDDOWN($C394/24,0)+1,1)*INDEX($D$3:$AA$30,INDEX(Jesper!$R$2:$R$366,ROW(INDEX(Jesper!AJ$2:AJ$366,ROUNDDOWN($C394/24,0)+1,1))-1)+IF('Standard Profiles'!$G$20=$B$10,7,0)+IF('Standard Profiles'!$G$20=$B$17,14,0)+IF('Standard Profiles'!$G$20=$B$24,21,0),MOD($C394,24)+1)/SUM(INDEX($D$3:$AA$30,INDEX(Jesper!$R$2:$R$366,ROW(INDEX(Jesper!AJ$2:AJ$366,ROUNDDOWN($C394/24,0)+1,1))-1)+IF('Standard Profiles'!$G$20=$B$10,7,0)+IF('Standard Profiles'!$G$20=$B$17,14,0)+IF('Standard Profiles'!$G$20=$B$24,21,0),0)),0)</f>
        <v>0</v>
      </c>
      <c r="G394" cm="1">
        <f t="array" ref="G394">IFERROR(INDEX(Jesper!AK$2:AK$366,ROUNDDOWN($C394/24,0)+1,1)*INDEX($D$3:$AA$30,INDEX(Jesper!$R$2:$R$366,ROW(INDEX(Jesper!AK$2:AK$366,ROUNDDOWN($C394/24,0)+1,1))-1)+IF('Standard Profiles'!$G$21=$B$10,7,0)+IF('Standard Profiles'!$G$21=$B$17,14,0)+IF('Standard Profiles'!$G$21=$B$24,21,0),MOD($C394,24)+1)/SUM(INDEX($D$3:$AA$30,INDEX(Jesper!$R$2:$R$366,ROW(INDEX(Jesper!AK$2:AK$366,ROUNDDOWN($C394/24,0)+1,1))-1)+IF('Standard Profiles'!$G$21=$B$10,7,0)+IF('Standard Profiles'!$G$21=$B$17,14,0)+IF('Standard Profiles'!$G$21=$B$24,21,0),0)),0)</f>
        <v>5.0886545011626199</v>
      </c>
      <c r="H394" cm="1">
        <f t="array" ref="H394">IFERROR(INDEX(Jesper!AL$2:AL$366,ROUNDDOWN($C394/24,0)+1,1)*INDEX($D$3:$AA$30,INDEX(Jesper!$R$2:$R$366,ROW(INDEX(Jesper!AL$2:AL$366,ROUNDDOWN($C394/24,0)+1,1))-1)+IF('Standard Profiles'!$G$22=$B$10,7,0)+IF('Standard Profiles'!$G$22=$B$17,14,0)+IF('Standard Profiles'!$G$22=$B$24,21,0),MOD($C394,24)+1)/SUM(INDEX($D$3:$AA$30,INDEX(Jesper!$R$2:$R$366,ROW(INDEX(Jesper!AL$2:AL$366,ROUNDDOWN($C394/24,0)+1,1))-1)+IF('Standard Profiles'!$G$22=$B$10,7,0)+IF('Standard Profiles'!$G$22=$B$17,14,0)+IF('Standard Profiles'!$G$22=$B$24,21,0),0)),0)</f>
        <v>0</v>
      </c>
      <c r="I394">
        <f t="shared" si="55"/>
        <v>2.4425541605580565</v>
      </c>
      <c r="J394">
        <f t="shared" si="56"/>
        <v>13.958442012747712</v>
      </c>
      <c r="K394">
        <f t="shared" si="57"/>
        <v>0.61823403041010583</v>
      </c>
      <c r="L394">
        <f t="shared" si="58"/>
        <v>0.30911701520505291</v>
      </c>
      <c r="M394">
        <f t="shared" si="59"/>
        <v>0</v>
      </c>
      <c r="N394" s="45">
        <f t="shared" si="60"/>
        <v>44941.999999999127</v>
      </c>
    </row>
    <row r="395" spans="2:14" x14ac:dyDescent="0.25">
      <c r="B395">
        <f t="shared" si="54"/>
        <v>1</v>
      </c>
      <c r="C395" s="16">
        <v>361</v>
      </c>
      <c r="D395" cm="1">
        <f t="array" ref="D395">IFERROR(INDEX(Jesper!AH$2:AH$366,ROUNDDOWN($C395/24,0)+1,1)*INDEX($D$3:$AA$30,INDEX(Jesper!$R$2:$R$366,ROW(INDEX(Jesper!AH$2:AH$366,ROUNDDOWN($C395/24,0)+1,1))-1)+IF('Standard Profiles'!$G$18=$B$10,7,0)+IF('Standard Profiles'!$G$18=$B$17,14,0)+IF('Standard Profiles'!$G$18=$B$24,21,0),MOD($C395,24)+1)/SUM(INDEX($D$3:$AA$30,INDEX(Jesper!$R$2:$R$366,ROW(INDEX(Jesper!AH$2:AH$366,ROUNDDOWN($C395/24,0)+1,1))-1)+IF('Standard Profiles'!$G$18=$B$10,7,0)+IF('Standard Profiles'!$G$18=$B$17,14,0)+IF('Standard Profiles'!$G$18=$B$24,21,0),0)),0)</f>
        <v>5.7959440350947418</v>
      </c>
      <c r="E395" cm="1">
        <f t="array" ref="E395">IFERROR(INDEX(Jesper!AI$2:AI$366,ROUNDDOWN($C395/24,0)+1,1)*INDEX($D$3:$AA$30,INDEX(Jesper!$R$2:$R$366,ROW(INDEX(Jesper!AI$2:AI$366,ROUNDDOWN($C395/24,0)+1,1))-1)+IF('Standard Profiles'!$G$19=$B$10,7,0)+IF('Standard Profiles'!$G$19=$B$17,14,0)+IF('Standard Profiles'!$G$19=$B$24,21,0),MOD($C395,24)+1)/SUM(INDEX($D$3:$AA$30,INDEX(Jesper!$R$2:$R$366,ROW(INDEX(Jesper!AI$2:AI$366,ROUNDDOWN($C395/24,0)+1,1))-1)+IF('Standard Profiles'!$G$19=$B$10,7,0)+IF('Standard Profiles'!$G$19=$B$17,14,0)+IF('Standard Profiles'!$G$19=$B$24,21,0),0)),0)</f>
        <v>6.443748682663565</v>
      </c>
      <c r="F395" cm="1">
        <f t="array" ref="F395">IFERROR(INDEX(Jesper!AJ$2:AJ$366,ROUNDDOWN($C395/24,0)+1,1)*INDEX($D$3:$AA$30,INDEX(Jesper!$R$2:$R$366,ROW(INDEX(Jesper!AJ$2:AJ$366,ROUNDDOWN($C395/24,0)+1,1))-1)+IF('Standard Profiles'!$G$20=$B$10,7,0)+IF('Standard Profiles'!$G$20=$B$17,14,0)+IF('Standard Profiles'!$G$20=$B$24,21,0),MOD($C395,24)+1)/SUM(INDEX($D$3:$AA$30,INDEX(Jesper!$R$2:$R$366,ROW(INDEX(Jesper!AJ$2:AJ$366,ROUNDDOWN($C395/24,0)+1,1))-1)+IF('Standard Profiles'!$G$20=$B$10,7,0)+IF('Standard Profiles'!$G$20=$B$17,14,0)+IF('Standard Profiles'!$G$20=$B$24,21,0),0)),0)</f>
        <v>0</v>
      </c>
      <c r="G395" cm="1">
        <f t="array" ref="G395">IFERROR(INDEX(Jesper!AK$2:AK$366,ROUNDDOWN($C395/24,0)+1,1)*INDEX($D$3:$AA$30,INDEX(Jesper!$R$2:$R$366,ROW(INDEX(Jesper!AK$2:AK$366,ROUNDDOWN($C395/24,0)+1,1))-1)+IF('Standard Profiles'!$G$21=$B$10,7,0)+IF('Standard Profiles'!$G$21=$B$17,14,0)+IF('Standard Profiles'!$G$21=$B$24,21,0),MOD($C395,24)+1)/SUM(INDEX($D$3:$AA$30,INDEX(Jesper!$R$2:$R$366,ROW(INDEX(Jesper!AK$2:AK$366,ROUNDDOWN($C395/24,0)+1,1))-1)+IF('Standard Profiles'!$G$21=$B$10,7,0)+IF('Standard Profiles'!$G$21=$B$17,14,0)+IF('Standard Profiles'!$G$21=$B$24,21,0),0)),0)</f>
        <v>5.0886545011626199</v>
      </c>
      <c r="H395" cm="1">
        <f t="array" ref="H395">IFERROR(INDEX(Jesper!AL$2:AL$366,ROUNDDOWN($C395/24,0)+1,1)*INDEX($D$3:$AA$30,INDEX(Jesper!$R$2:$R$366,ROW(INDEX(Jesper!AL$2:AL$366,ROUNDDOWN($C395/24,0)+1,1))-1)+IF('Standard Profiles'!$G$22=$B$10,7,0)+IF('Standard Profiles'!$G$22=$B$17,14,0)+IF('Standard Profiles'!$G$22=$B$24,21,0),MOD($C395,24)+1)/SUM(INDEX($D$3:$AA$30,INDEX(Jesper!$R$2:$R$366,ROW(INDEX(Jesper!AL$2:AL$366,ROUNDDOWN($C395/24,0)+1,1))-1)+IF('Standard Profiles'!$G$22=$B$10,7,0)+IF('Standard Profiles'!$G$22=$B$17,14,0)+IF('Standard Profiles'!$G$22=$B$24,21,0),0)),0)</f>
        <v>0</v>
      </c>
      <c r="I395">
        <f t="shared" si="55"/>
        <v>2.4425541605580565</v>
      </c>
      <c r="J395">
        <f t="shared" si="56"/>
        <v>13.958442012747712</v>
      </c>
      <c r="K395">
        <f t="shared" si="57"/>
        <v>0.61823403041010583</v>
      </c>
      <c r="L395">
        <f t="shared" si="58"/>
        <v>0.30911701520505291</v>
      </c>
      <c r="M395">
        <f t="shared" si="59"/>
        <v>0</v>
      </c>
      <c r="N395" s="45">
        <f t="shared" si="60"/>
        <v>44942.041666665791</v>
      </c>
    </row>
    <row r="396" spans="2:14" x14ac:dyDescent="0.25">
      <c r="B396">
        <f t="shared" si="54"/>
        <v>1</v>
      </c>
      <c r="C396" s="16">
        <v>362</v>
      </c>
      <c r="D396" cm="1">
        <f t="array" ref="D396">IFERROR(INDEX(Jesper!AH$2:AH$366,ROUNDDOWN($C396/24,0)+1,1)*INDEX($D$3:$AA$30,INDEX(Jesper!$R$2:$R$366,ROW(INDEX(Jesper!AH$2:AH$366,ROUNDDOWN($C396/24,0)+1,1))-1)+IF('Standard Profiles'!$G$18=$B$10,7,0)+IF('Standard Profiles'!$G$18=$B$17,14,0)+IF('Standard Profiles'!$G$18=$B$24,21,0),MOD($C396,24)+1)/SUM(INDEX($D$3:$AA$30,INDEX(Jesper!$R$2:$R$366,ROW(INDEX(Jesper!AH$2:AH$366,ROUNDDOWN($C396/24,0)+1,1))-1)+IF('Standard Profiles'!$G$18=$B$10,7,0)+IF('Standard Profiles'!$G$18=$B$17,14,0)+IF('Standard Profiles'!$G$18=$B$24,21,0),0)),0)</f>
        <v>5.7959440350947418</v>
      </c>
      <c r="E396" cm="1">
        <f t="array" ref="E396">IFERROR(INDEX(Jesper!AI$2:AI$366,ROUNDDOWN($C396/24,0)+1,1)*INDEX($D$3:$AA$30,INDEX(Jesper!$R$2:$R$366,ROW(INDEX(Jesper!AI$2:AI$366,ROUNDDOWN($C396/24,0)+1,1))-1)+IF('Standard Profiles'!$G$19=$B$10,7,0)+IF('Standard Profiles'!$G$19=$B$17,14,0)+IF('Standard Profiles'!$G$19=$B$24,21,0),MOD($C396,24)+1)/SUM(INDEX($D$3:$AA$30,INDEX(Jesper!$R$2:$R$366,ROW(INDEX(Jesper!AI$2:AI$366,ROUNDDOWN($C396/24,0)+1,1))-1)+IF('Standard Profiles'!$G$19=$B$10,7,0)+IF('Standard Profiles'!$G$19=$B$17,14,0)+IF('Standard Profiles'!$G$19=$B$24,21,0),0)),0)</f>
        <v>6.443748682663565</v>
      </c>
      <c r="F396" cm="1">
        <f t="array" ref="F396">IFERROR(INDEX(Jesper!AJ$2:AJ$366,ROUNDDOWN($C396/24,0)+1,1)*INDEX($D$3:$AA$30,INDEX(Jesper!$R$2:$R$366,ROW(INDEX(Jesper!AJ$2:AJ$366,ROUNDDOWN($C396/24,0)+1,1))-1)+IF('Standard Profiles'!$G$20=$B$10,7,0)+IF('Standard Profiles'!$G$20=$B$17,14,0)+IF('Standard Profiles'!$G$20=$B$24,21,0),MOD($C396,24)+1)/SUM(INDEX($D$3:$AA$30,INDEX(Jesper!$R$2:$R$366,ROW(INDEX(Jesper!AJ$2:AJ$366,ROUNDDOWN($C396/24,0)+1,1))-1)+IF('Standard Profiles'!$G$20=$B$10,7,0)+IF('Standard Profiles'!$G$20=$B$17,14,0)+IF('Standard Profiles'!$G$20=$B$24,21,0),0)),0)</f>
        <v>0</v>
      </c>
      <c r="G396" cm="1">
        <f t="array" ref="G396">IFERROR(INDEX(Jesper!AK$2:AK$366,ROUNDDOWN($C396/24,0)+1,1)*INDEX($D$3:$AA$30,INDEX(Jesper!$R$2:$R$366,ROW(INDEX(Jesper!AK$2:AK$366,ROUNDDOWN($C396/24,0)+1,1))-1)+IF('Standard Profiles'!$G$21=$B$10,7,0)+IF('Standard Profiles'!$G$21=$B$17,14,0)+IF('Standard Profiles'!$G$21=$B$24,21,0),MOD($C396,24)+1)/SUM(INDEX($D$3:$AA$30,INDEX(Jesper!$R$2:$R$366,ROW(INDEX(Jesper!AK$2:AK$366,ROUNDDOWN($C396/24,0)+1,1))-1)+IF('Standard Profiles'!$G$21=$B$10,7,0)+IF('Standard Profiles'!$G$21=$B$17,14,0)+IF('Standard Profiles'!$G$21=$B$24,21,0),0)),0)</f>
        <v>5.0886545011626199</v>
      </c>
      <c r="H396" cm="1">
        <f t="array" ref="H396">IFERROR(INDEX(Jesper!AL$2:AL$366,ROUNDDOWN($C396/24,0)+1,1)*INDEX($D$3:$AA$30,INDEX(Jesper!$R$2:$R$366,ROW(INDEX(Jesper!AL$2:AL$366,ROUNDDOWN($C396/24,0)+1,1))-1)+IF('Standard Profiles'!$G$22=$B$10,7,0)+IF('Standard Profiles'!$G$22=$B$17,14,0)+IF('Standard Profiles'!$G$22=$B$24,21,0),MOD($C396,24)+1)/SUM(INDEX($D$3:$AA$30,INDEX(Jesper!$R$2:$R$366,ROW(INDEX(Jesper!AL$2:AL$366,ROUNDDOWN($C396/24,0)+1,1))-1)+IF('Standard Profiles'!$G$22=$B$10,7,0)+IF('Standard Profiles'!$G$22=$B$17,14,0)+IF('Standard Profiles'!$G$22=$B$24,21,0),0)),0)</f>
        <v>0</v>
      </c>
      <c r="I396">
        <f t="shared" si="55"/>
        <v>2.4425541605580565</v>
      </c>
      <c r="J396">
        <f t="shared" si="56"/>
        <v>13.958442012747712</v>
      </c>
      <c r="K396">
        <f t="shared" si="57"/>
        <v>0.61823403041010583</v>
      </c>
      <c r="L396">
        <f t="shared" si="58"/>
        <v>0.30911701520505291</v>
      </c>
      <c r="M396">
        <f t="shared" si="59"/>
        <v>0</v>
      </c>
      <c r="N396" s="45">
        <f t="shared" si="60"/>
        <v>44942.083333332455</v>
      </c>
    </row>
    <row r="397" spans="2:14" x14ac:dyDescent="0.25">
      <c r="B397">
        <f t="shared" si="54"/>
        <v>1</v>
      </c>
      <c r="C397" s="16">
        <v>363</v>
      </c>
      <c r="D397" cm="1">
        <f t="array" ref="D397">IFERROR(INDEX(Jesper!AH$2:AH$366,ROUNDDOWN($C397/24,0)+1,1)*INDEX($D$3:$AA$30,INDEX(Jesper!$R$2:$R$366,ROW(INDEX(Jesper!AH$2:AH$366,ROUNDDOWN($C397/24,0)+1,1))-1)+IF('Standard Profiles'!$G$18=$B$10,7,0)+IF('Standard Profiles'!$G$18=$B$17,14,0)+IF('Standard Profiles'!$G$18=$B$24,21,0),MOD($C397,24)+1)/SUM(INDEX($D$3:$AA$30,INDEX(Jesper!$R$2:$R$366,ROW(INDEX(Jesper!AH$2:AH$366,ROUNDDOWN($C397/24,0)+1,1))-1)+IF('Standard Profiles'!$G$18=$B$10,7,0)+IF('Standard Profiles'!$G$18=$B$17,14,0)+IF('Standard Profiles'!$G$18=$B$24,21,0),0)),0)</f>
        <v>5.7959440350947418</v>
      </c>
      <c r="E397" cm="1">
        <f t="array" ref="E397">IFERROR(INDEX(Jesper!AI$2:AI$366,ROUNDDOWN($C397/24,0)+1,1)*INDEX($D$3:$AA$30,INDEX(Jesper!$R$2:$R$366,ROW(INDEX(Jesper!AI$2:AI$366,ROUNDDOWN($C397/24,0)+1,1))-1)+IF('Standard Profiles'!$G$19=$B$10,7,0)+IF('Standard Profiles'!$G$19=$B$17,14,0)+IF('Standard Profiles'!$G$19=$B$24,21,0),MOD($C397,24)+1)/SUM(INDEX($D$3:$AA$30,INDEX(Jesper!$R$2:$R$366,ROW(INDEX(Jesper!AI$2:AI$366,ROUNDDOWN($C397/24,0)+1,1))-1)+IF('Standard Profiles'!$G$19=$B$10,7,0)+IF('Standard Profiles'!$G$19=$B$17,14,0)+IF('Standard Profiles'!$G$19=$B$24,21,0),0)),0)</f>
        <v>6.443748682663565</v>
      </c>
      <c r="F397" cm="1">
        <f t="array" ref="F397">IFERROR(INDEX(Jesper!AJ$2:AJ$366,ROUNDDOWN($C397/24,0)+1,1)*INDEX($D$3:$AA$30,INDEX(Jesper!$R$2:$R$366,ROW(INDEX(Jesper!AJ$2:AJ$366,ROUNDDOWN($C397/24,0)+1,1))-1)+IF('Standard Profiles'!$G$20=$B$10,7,0)+IF('Standard Profiles'!$G$20=$B$17,14,0)+IF('Standard Profiles'!$G$20=$B$24,21,0),MOD($C397,24)+1)/SUM(INDEX($D$3:$AA$30,INDEX(Jesper!$R$2:$R$366,ROW(INDEX(Jesper!AJ$2:AJ$366,ROUNDDOWN($C397/24,0)+1,1))-1)+IF('Standard Profiles'!$G$20=$B$10,7,0)+IF('Standard Profiles'!$G$20=$B$17,14,0)+IF('Standard Profiles'!$G$20=$B$24,21,0),0)),0)</f>
        <v>0</v>
      </c>
      <c r="G397" cm="1">
        <f t="array" ref="G397">IFERROR(INDEX(Jesper!AK$2:AK$366,ROUNDDOWN($C397/24,0)+1,1)*INDEX($D$3:$AA$30,INDEX(Jesper!$R$2:$R$366,ROW(INDEX(Jesper!AK$2:AK$366,ROUNDDOWN($C397/24,0)+1,1))-1)+IF('Standard Profiles'!$G$21=$B$10,7,0)+IF('Standard Profiles'!$G$21=$B$17,14,0)+IF('Standard Profiles'!$G$21=$B$24,21,0),MOD($C397,24)+1)/SUM(INDEX($D$3:$AA$30,INDEX(Jesper!$R$2:$R$366,ROW(INDEX(Jesper!AK$2:AK$366,ROUNDDOWN($C397/24,0)+1,1))-1)+IF('Standard Profiles'!$G$21=$B$10,7,0)+IF('Standard Profiles'!$G$21=$B$17,14,0)+IF('Standard Profiles'!$G$21=$B$24,21,0),0)),0)</f>
        <v>5.0886545011626199</v>
      </c>
      <c r="H397" cm="1">
        <f t="array" ref="H397">IFERROR(INDEX(Jesper!AL$2:AL$366,ROUNDDOWN($C397/24,0)+1,1)*INDEX($D$3:$AA$30,INDEX(Jesper!$R$2:$R$366,ROW(INDEX(Jesper!AL$2:AL$366,ROUNDDOWN($C397/24,0)+1,1))-1)+IF('Standard Profiles'!$G$22=$B$10,7,0)+IF('Standard Profiles'!$G$22=$B$17,14,0)+IF('Standard Profiles'!$G$22=$B$24,21,0),MOD($C397,24)+1)/SUM(INDEX($D$3:$AA$30,INDEX(Jesper!$R$2:$R$366,ROW(INDEX(Jesper!AL$2:AL$366,ROUNDDOWN($C397/24,0)+1,1))-1)+IF('Standard Profiles'!$G$22=$B$10,7,0)+IF('Standard Profiles'!$G$22=$B$17,14,0)+IF('Standard Profiles'!$G$22=$B$24,21,0),0)),0)</f>
        <v>0</v>
      </c>
      <c r="I397">
        <f t="shared" si="55"/>
        <v>2.4425541605580565</v>
      </c>
      <c r="J397">
        <f t="shared" si="56"/>
        <v>13.958442012747712</v>
      </c>
      <c r="K397">
        <f t="shared" si="57"/>
        <v>0.61823403041010583</v>
      </c>
      <c r="L397">
        <f t="shared" si="58"/>
        <v>0.30911701520505291</v>
      </c>
      <c r="M397">
        <f t="shared" si="59"/>
        <v>0</v>
      </c>
      <c r="N397" s="45">
        <f t="shared" si="60"/>
        <v>44942.12499999912</v>
      </c>
    </row>
    <row r="398" spans="2:14" x14ac:dyDescent="0.25">
      <c r="B398">
        <f t="shared" si="54"/>
        <v>1</v>
      </c>
      <c r="C398" s="16">
        <v>364</v>
      </c>
      <c r="D398" cm="1">
        <f t="array" ref="D398">IFERROR(INDEX(Jesper!AH$2:AH$366,ROUNDDOWN($C398/24,0)+1,1)*INDEX($D$3:$AA$30,INDEX(Jesper!$R$2:$R$366,ROW(INDEX(Jesper!AH$2:AH$366,ROUNDDOWN($C398/24,0)+1,1))-1)+IF('Standard Profiles'!$G$18=$B$10,7,0)+IF('Standard Profiles'!$G$18=$B$17,14,0)+IF('Standard Profiles'!$G$18=$B$24,21,0),MOD($C398,24)+1)/SUM(INDEX($D$3:$AA$30,INDEX(Jesper!$R$2:$R$366,ROW(INDEX(Jesper!AH$2:AH$366,ROUNDDOWN($C398/24,0)+1,1))-1)+IF('Standard Profiles'!$G$18=$B$10,7,0)+IF('Standard Profiles'!$G$18=$B$17,14,0)+IF('Standard Profiles'!$G$18=$B$24,21,0),0)),0)</f>
        <v>5.7959440350947418</v>
      </c>
      <c r="E398" cm="1">
        <f t="array" ref="E398">IFERROR(INDEX(Jesper!AI$2:AI$366,ROUNDDOWN($C398/24,0)+1,1)*INDEX($D$3:$AA$30,INDEX(Jesper!$R$2:$R$366,ROW(INDEX(Jesper!AI$2:AI$366,ROUNDDOWN($C398/24,0)+1,1))-1)+IF('Standard Profiles'!$G$19=$B$10,7,0)+IF('Standard Profiles'!$G$19=$B$17,14,0)+IF('Standard Profiles'!$G$19=$B$24,21,0),MOD($C398,24)+1)/SUM(INDEX($D$3:$AA$30,INDEX(Jesper!$R$2:$R$366,ROW(INDEX(Jesper!AI$2:AI$366,ROUNDDOWN($C398/24,0)+1,1))-1)+IF('Standard Profiles'!$G$19=$B$10,7,0)+IF('Standard Profiles'!$G$19=$B$17,14,0)+IF('Standard Profiles'!$G$19=$B$24,21,0),0)),0)</f>
        <v>6.443748682663565</v>
      </c>
      <c r="F398" cm="1">
        <f t="array" ref="F398">IFERROR(INDEX(Jesper!AJ$2:AJ$366,ROUNDDOWN($C398/24,0)+1,1)*INDEX($D$3:$AA$30,INDEX(Jesper!$R$2:$R$366,ROW(INDEX(Jesper!AJ$2:AJ$366,ROUNDDOWN($C398/24,0)+1,1))-1)+IF('Standard Profiles'!$G$20=$B$10,7,0)+IF('Standard Profiles'!$G$20=$B$17,14,0)+IF('Standard Profiles'!$G$20=$B$24,21,0),MOD($C398,24)+1)/SUM(INDEX($D$3:$AA$30,INDEX(Jesper!$R$2:$R$366,ROW(INDEX(Jesper!AJ$2:AJ$366,ROUNDDOWN($C398/24,0)+1,1))-1)+IF('Standard Profiles'!$G$20=$B$10,7,0)+IF('Standard Profiles'!$G$20=$B$17,14,0)+IF('Standard Profiles'!$G$20=$B$24,21,0),0)),0)</f>
        <v>0</v>
      </c>
      <c r="G398" cm="1">
        <f t="array" ref="G398">IFERROR(INDEX(Jesper!AK$2:AK$366,ROUNDDOWN($C398/24,0)+1,1)*INDEX($D$3:$AA$30,INDEX(Jesper!$R$2:$R$366,ROW(INDEX(Jesper!AK$2:AK$366,ROUNDDOWN($C398/24,0)+1,1))-1)+IF('Standard Profiles'!$G$21=$B$10,7,0)+IF('Standard Profiles'!$G$21=$B$17,14,0)+IF('Standard Profiles'!$G$21=$B$24,21,0),MOD($C398,24)+1)/SUM(INDEX($D$3:$AA$30,INDEX(Jesper!$R$2:$R$366,ROW(INDEX(Jesper!AK$2:AK$366,ROUNDDOWN($C398/24,0)+1,1))-1)+IF('Standard Profiles'!$G$21=$B$10,7,0)+IF('Standard Profiles'!$G$21=$B$17,14,0)+IF('Standard Profiles'!$G$21=$B$24,21,0),0)),0)</f>
        <v>5.0886545011626199</v>
      </c>
      <c r="H398" cm="1">
        <f t="array" ref="H398">IFERROR(INDEX(Jesper!AL$2:AL$366,ROUNDDOWN($C398/24,0)+1,1)*INDEX($D$3:$AA$30,INDEX(Jesper!$R$2:$R$366,ROW(INDEX(Jesper!AL$2:AL$366,ROUNDDOWN($C398/24,0)+1,1))-1)+IF('Standard Profiles'!$G$22=$B$10,7,0)+IF('Standard Profiles'!$G$22=$B$17,14,0)+IF('Standard Profiles'!$G$22=$B$24,21,0),MOD($C398,24)+1)/SUM(INDEX($D$3:$AA$30,INDEX(Jesper!$R$2:$R$366,ROW(INDEX(Jesper!AL$2:AL$366,ROUNDDOWN($C398/24,0)+1,1))-1)+IF('Standard Profiles'!$G$22=$B$10,7,0)+IF('Standard Profiles'!$G$22=$B$17,14,0)+IF('Standard Profiles'!$G$22=$B$24,21,0),0)),0)</f>
        <v>0</v>
      </c>
      <c r="I398">
        <f t="shared" si="55"/>
        <v>2.4425541605580565</v>
      </c>
      <c r="J398">
        <f t="shared" si="56"/>
        <v>13.958442012747712</v>
      </c>
      <c r="K398">
        <f t="shared" si="57"/>
        <v>0.61823403041010583</v>
      </c>
      <c r="L398">
        <f t="shared" si="58"/>
        <v>0.30911701520505291</v>
      </c>
      <c r="M398">
        <f t="shared" si="59"/>
        <v>0</v>
      </c>
      <c r="N398" s="45">
        <f t="shared" si="60"/>
        <v>44942.166666665784</v>
      </c>
    </row>
    <row r="399" spans="2:14" x14ac:dyDescent="0.25">
      <c r="B399">
        <f t="shared" si="54"/>
        <v>1</v>
      </c>
      <c r="C399" s="16">
        <v>365</v>
      </c>
      <c r="D399" cm="1">
        <f t="array" ref="D399">IFERROR(INDEX(Jesper!AH$2:AH$366,ROUNDDOWN($C399/24,0)+1,1)*INDEX($D$3:$AA$30,INDEX(Jesper!$R$2:$R$366,ROW(INDEX(Jesper!AH$2:AH$366,ROUNDDOWN($C399/24,0)+1,1))-1)+IF('Standard Profiles'!$G$18=$B$10,7,0)+IF('Standard Profiles'!$G$18=$B$17,14,0)+IF('Standard Profiles'!$G$18=$B$24,21,0),MOD($C399,24)+1)/SUM(INDEX($D$3:$AA$30,INDEX(Jesper!$R$2:$R$366,ROW(INDEX(Jesper!AH$2:AH$366,ROUNDDOWN($C399/24,0)+1,1))-1)+IF('Standard Profiles'!$G$18=$B$10,7,0)+IF('Standard Profiles'!$G$18=$B$17,14,0)+IF('Standard Profiles'!$G$18=$B$24,21,0),0)),0)</f>
        <v>5.7959440350947418</v>
      </c>
      <c r="E399" cm="1">
        <f t="array" ref="E399">IFERROR(INDEX(Jesper!AI$2:AI$366,ROUNDDOWN($C399/24,0)+1,1)*INDEX($D$3:$AA$30,INDEX(Jesper!$R$2:$R$366,ROW(INDEX(Jesper!AI$2:AI$366,ROUNDDOWN($C399/24,0)+1,1))-1)+IF('Standard Profiles'!$G$19=$B$10,7,0)+IF('Standard Profiles'!$G$19=$B$17,14,0)+IF('Standard Profiles'!$G$19=$B$24,21,0),MOD($C399,24)+1)/SUM(INDEX($D$3:$AA$30,INDEX(Jesper!$R$2:$R$366,ROW(INDEX(Jesper!AI$2:AI$366,ROUNDDOWN($C399/24,0)+1,1))-1)+IF('Standard Profiles'!$G$19=$B$10,7,0)+IF('Standard Profiles'!$G$19=$B$17,14,0)+IF('Standard Profiles'!$G$19=$B$24,21,0),0)),0)</f>
        <v>6.443748682663565</v>
      </c>
      <c r="F399" cm="1">
        <f t="array" ref="F399">IFERROR(INDEX(Jesper!AJ$2:AJ$366,ROUNDDOWN($C399/24,0)+1,1)*INDEX($D$3:$AA$30,INDEX(Jesper!$R$2:$R$366,ROW(INDEX(Jesper!AJ$2:AJ$366,ROUNDDOWN($C399/24,0)+1,1))-1)+IF('Standard Profiles'!$G$20=$B$10,7,0)+IF('Standard Profiles'!$G$20=$B$17,14,0)+IF('Standard Profiles'!$G$20=$B$24,21,0),MOD($C399,24)+1)/SUM(INDEX($D$3:$AA$30,INDEX(Jesper!$R$2:$R$366,ROW(INDEX(Jesper!AJ$2:AJ$366,ROUNDDOWN($C399/24,0)+1,1))-1)+IF('Standard Profiles'!$G$20=$B$10,7,0)+IF('Standard Profiles'!$G$20=$B$17,14,0)+IF('Standard Profiles'!$G$20=$B$24,21,0),0)),0)</f>
        <v>0</v>
      </c>
      <c r="G399" cm="1">
        <f t="array" ref="G399">IFERROR(INDEX(Jesper!AK$2:AK$366,ROUNDDOWN($C399/24,0)+1,1)*INDEX($D$3:$AA$30,INDEX(Jesper!$R$2:$R$366,ROW(INDEX(Jesper!AK$2:AK$366,ROUNDDOWN($C399/24,0)+1,1))-1)+IF('Standard Profiles'!$G$21=$B$10,7,0)+IF('Standard Profiles'!$G$21=$B$17,14,0)+IF('Standard Profiles'!$G$21=$B$24,21,0),MOD($C399,24)+1)/SUM(INDEX($D$3:$AA$30,INDEX(Jesper!$R$2:$R$366,ROW(INDEX(Jesper!AK$2:AK$366,ROUNDDOWN($C399/24,0)+1,1))-1)+IF('Standard Profiles'!$G$21=$B$10,7,0)+IF('Standard Profiles'!$G$21=$B$17,14,0)+IF('Standard Profiles'!$G$21=$B$24,21,0),0)),0)</f>
        <v>5.0886545011626199</v>
      </c>
      <c r="H399" cm="1">
        <f t="array" ref="H399">IFERROR(INDEX(Jesper!AL$2:AL$366,ROUNDDOWN($C399/24,0)+1,1)*INDEX($D$3:$AA$30,INDEX(Jesper!$R$2:$R$366,ROW(INDEX(Jesper!AL$2:AL$366,ROUNDDOWN($C399/24,0)+1,1))-1)+IF('Standard Profiles'!$G$22=$B$10,7,0)+IF('Standard Profiles'!$G$22=$B$17,14,0)+IF('Standard Profiles'!$G$22=$B$24,21,0),MOD($C399,24)+1)/SUM(INDEX($D$3:$AA$30,INDEX(Jesper!$R$2:$R$366,ROW(INDEX(Jesper!AL$2:AL$366,ROUNDDOWN($C399/24,0)+1,1))-1)+IF('Standard Profiles'!$G$22=$B$10,7,0)+IF('Standard Profiles'!$G$22=$B$17,14,0)+IF('Standard Profiles'!$G$22=$B$24,21,0),0)),0)</f>
        <v>0</v>
      </c>
      <c r="I399">
        <f t="shared" si="55"/>
        <v>2.4425541605580565</v>
      </c>
      <c r="J399">
        <f t="shared" si="56"/>
        <v>13.958442012747712</v>
      </c>
      <c r="K399">
        <f t="shared" si="57"/>
        <v>0.61823403041010583</v>
      </c>
      <c r="L399">
        <f t="shared" si="58"/>
        <v>0.30911701520505291</v>
      </c>
      <c r="M399">
        <f t="shared" si="59"/>
        <v>0</v>
      </c>
      <c r="N399" s="45">
        <f t="shared" si="60"/>
        <v>44942.208333332448</v>
      </c>
    </row>
    <row r="400" spans="2:14" x14ac:dyDescent="0.25">
      <c r="B400">
        <f t="shared" si="54"/>
        <v>1</v>
      </c>
      <c r="C400" s="16">
        <v>366</v>
      </c>
      <c r="D400" cm="1">
        <f t="array" ref="D400">IFERROR(INDEX(Jesper!AH$2:AH$366,ROUNDDOWN($C400/24,0)+1,1)*INDEX($D$3:$AA$30,INDEX(Jesper!$R$2:$R$366,ROW(INDEX(Jesper!AH$2:AH$366,ROUNDDOWN($C400/24,0)+1,1))-1)+IF('Standard Profiles'!$G$18=$B$10,7,0)+IF('Standard Profiles'!$G$18=$B$17,14,0)+IF('Standard Profiles'!$G$18=$B$24,21,0),MOD($C400,24)+1)/SUM(INDEX($D$3:$AA$30,INDEX(Jesper!$R$2:$R$366,ROW(INDEX(Jesper!AH$2:AH$366,ROUNDDOWN($C400/24,0)+1,1))-1)+IF('Standard Profiles'!$G$18=$B$10,7,0)+IF('Standard Profiles'!$G$18=$B$17,14,0)+IF('Standard Profiles'!$G$18=$B$24,21,0),0)),0)</f>
        <v>5.7959440350947418</v>
      </c>
      <c r="E400" cm="1">
        <f t="array" ref="E400">IFERROR(INDEX(Jesper!AI$2:AI$366,ROUNDDOWN($C400/24,0)+1,1)*INDEX($D$3:$AA$30,INDEX(Jesper!$R$2:$R$366,ROW(INDEX(Jesper!AI$2:AI$366,ROUNDDOWN($C400/24,0)+1,1))-1)+IF('Standard Profiles'!$G$19=$B$10,7,0)+IF('Standard Profiles'!$G$19=$B$17,14,0)+IF('Standard Profiles'!$G$19=$B$24,21,0),MOD($C400,24)+1)/SUM(INDEX($D$3:$AA$30,INDEX(Jesper!$R$2:$R$366,ROW(INDEX(Jesper!AI$2:AI$366,ROUNDDOWN($C400/24,0)+1,1))-1)+IF('Standard Profiles'!$G$19=$B$10,7,0)+IF('Standard Profiles'!$G$19=$B$17,14,0)+IF('Standard Profiles'!$G$19=$B$24,21,0),0)),0)</f>
        <v>6.443748682663565</v>
      </c>
      <c r="F400" cm="1">
        <f t="array" ref="F400">IFERROR(INDEX(Jesper!AJ$2:AJ$366,ROUNDDOWN($C400/24,0)+1,1)*INDEX($D$3:$AA$30,INDEX(Jesper!$R$2:$R$366,ROW(INDEX(Jesper!AJ$2:AJ$366,ROUNDDOWN($C400/24,0)+1,1))-1)+IF('Standard Profiles'!$G$20=$B$10,7,0)+IF('Standard Profiles'!$G$20=$B$17,14,0)+IF('Standard Profiles'!$G$20=$B$24,21,0),MOD($C400,24)+1)/SUM(INDEX($D$3:$AA$30,INDEX(Jesper!$R$2:$R$366,ROW(INDEX(Jesper!AJ$2:AJ$366,ROUNDDOWN($C400/24,0)+1,1))-1)+IF('Standard Profiles'!$G$20=$B$10,7,0)+IF('Standard Profiles'!$G$20=$B$17,14,0)+IF('Standard Profiles'!$G$20=$B$24,21,0),0)),0)</f>
        <v>0</v>
      </c>
      <c r="G400" cm="1">
        <f t="array" ref="G400">IFERROR(INDEX(Jesper!AK$2:AK$366,ROUNDDOWN($C400/24,0)+1,1)*INDEX($D$3:$AA$30,INDEX(Jesper!$R$2:$R$366,ROW(INDEX(Jesper!AK$2:AK$366,ROUNDDOWN($C400/24,0)+1,1))-1)+IF('Standard Profiles'!$G$21=$B$10,7,0)+IF('Standard Profiles'!$G$21=$B$17,14,0)+IF('Standard Profiles'!$G$21=$B$24,21,0),MOD($C400,24)+1)/SUM(INDEX($D$3:$AA$30,INDEX(Jesper!$R$2:$R$366,ROW(INDEX(Jesper!AK$2:AK$366,ROUNDDOWN($C400/24,0)+1,1))-1)+IF('Standard Profiles'!$G$21=$B$10,7,0)+IF('Standard Profiles'!$G$21=$B$17,14,0)+IF('Standard Profiles'!$G$21=$B$24,21,0),0)),0)</f>
        <v>5.0886545011626199</v>
      </c>
      <c r="H400" cm="1">
        <f t="array" ref="H400">IFERROR(INDEX(Jesper!AL$2:AL$366,ROUNDDOWN($C400/24,0)+1,1)*INDEX($D$3:$AA$30,INDEX(Jesper!$R$2:$R$366,ROW(INDEX(Jesper!AL$2:AL$366,ROUNDDOWN($C400/24,0)+1,1))-1)+IF('Standard Profiles'!$G$22=$B$10,7,0)+IF('Standard Profiles'!$G$22=$B$17,14,0)+IF('Standard Profiles'!$G$22=$B$24,21,0),MOD($C400,24)+1)/SUM(INDEX($D$3:$AA$30,INDEX(Jesper!$R$2:$R$366,ROW(INDEX(Jesper!AL$2:AL$366,ROUNDDOWN($C400/24,0)+1,1))-1)+IF('Standard Profiles'!$G$22=$B$10,7,0)+IF('Standard Profiles'!$G$22=$B$17,14,0)+IF('Standard Profiles'!$G$22=$B$24,21,0),0)),0)</f>
        <v>0</v>
      </c>
      <c r="I400">
        <f t="shared" si="55"/>
        <v>2.4425541605580565</v>
      </c>
      <c r="J400">
        <f t="shared" si="56"/>
        <v>13.958442012747712</v>
      </c>
      <c r="K400">
        <f t="shared" si="57"/>
        <v>0.61823403041010583</v>
      </c>
      <c r="L400">
        <f t="shared" si="58"/>
        <v>0.30911701520505291</v>
      </c>
      <c r="M400">
        <f t="shared" si="59"/>
        <v>0</v>
      </c>
      <c r="N400" s="45">
        <f t="shared" si="60"/>
        <v>44942.249999999112</v>
      </c>
    </row>
    <row r="401" spans="2:14" x14ac:dyDescent="0.25">
      <c r="B401">
        <f t="shared" si="54"/>
        <v>1</v>
      </c>
      <c r="C401" s="16">
        <v>367</v>
      </c>
      <c r="D401" cm="1">
        <f t="array" ref="D401">IFERROR(INDEX(Jesper!AH$2:AH$366,ROUNDDOWN($C401/24,0)+1,1)*INDEX($D$3:$AA$30,INDEX(Jesper!$R$2:$R$366,ROW(INDEX(Jesper!AH$2:AH$366,ROUNDDOWN($C401/24,0)+1,1))-1)+IF('Standard Profiles'!$G$18=$B$10,7,0)+IF('Standard Profiles'!$G$18=$B$17,14,0)+IF('Standard Profiles'!$G$18=$B$24,21,0),MOD($C401,24)+1)/SUM(INDEX($D$3:$AA$30,INDEX(Jesper!$R$2:$R$366,ROW(INDEX(Jesper!AH$2:AH$366,ROUNDDOWN($C401/24,0)+1,1))-1)+IF('Standard Profiles'!$G$18=$B$10,7,0)+IF('Standard Profiles'!$G$18=$B$17,14,0)+IF('Standard Profiles'!$G$18=$B$24,21,0),0)),0)</f>
        <v>24.690721589503596</v>
      </c>
      <c r="E401" cm="1">
        <f t="array" ref="E401">IFERROR(INDEX(Jesper!AI$2:AI$366,ROUNDDOWN($C401/24,0)+1,1)*INDEX($D$3:$AA$30,INDEX(Jesper!$R$2:$R$366,ROW(INDEX(Jesper!AI$2:AI$366,ROUNDDOWN($C401/24,0)+1,1))-1)+IF('Standard Profiles'!$G$19=$B$10,7,0)+IF('Standard Profiles'!$G$19=$B$17,14,0)+IF('Standard Profiles'!$G$19=$B$24,21,0),MOD($C401,24)+1)/SUM(INDEX($D$3:$AA$30,INDEX(Jesper!$R$2:$R$366,ROW(INDEX(Jesper!AI$2:AI$366,ROUNDDOWN($C401/24,0)+1,1))-1)+IF('Standard Profiles'!$G$19=$B$10,7,0)+IF('Standard Profiles'!$G$19=$B$17,14,0)+IF('Standard Profiles'!$G$19=$B$24,21,0),0)),0)</f>
        <v>27.450369388146786</v>
      </c>
      <c r="F401" cm="1">
        <f t="array" ref="F401">IFERROR(INDEX(Jesper!AJ$2:AJ$366,ROUNDDOWN($C401/24,0)+1,1)*INDEX($D$3:$AA$30,INDEX(Jesper!$R$2:$R$366,ROW(INDEX(Jesper!AJ$2:AJ$366,ROUNDDOWN($C401/24,0)+1,1))-1)+IF('Standard Profiles'!$G$20=$B$10,7,0)+IF('Standard Profiles'!$G$20=$B$17,14,0)+IF('Standard Profiles'!$G$20=$B$24,21,0),MOD($C401,24)+1)/SUM(INDEX($D$3:$AA$30,INDEX(Jesper!$R$2:$R$366,ROW(INDEX(Jesper!AJ$2:AJ$366,ROUNDDOWN($C401/24,0)+1,1))-1)+IF('Standard Profiles'!$G$20=$B$10,7,0)+IF('Standard Profiles'!$G$20=$B$17,14,0)+IF('Standard Profiles'!$G$20=$B$24,21,0),0)),0)</f>
        <v>0</v>
      </c>
      <c r="G401" cm="1">
        <f t="array" ref="G401">IFERROR(INDEX(Jesper!AK$2:AK$366,ROUNDDOWN($C401/24,0)+1,1)*INDEX($D$3:$AA$30,INDEX(Jesper!$R$2:$R$366,ROW(INDEX(Jesper!AK$2:AK$366,ROUNDDOWN($C401/24,0)+1,1))-1)+IF('Standard Profiles'!$G$21=$B$10,7,0)+IF('Standard Profiles'!$G$21=$B$17,14,0)+IF('Standard Profiles'!$G$21=$B$24,21,0),MOD($C401,24)+1)/SUM(INDEX($D$3:$AA$30,INDEX(Jesper!$R$2:$R$366,ROW(INDEX(Jesper!AK$2:AK$366,ROUNDDOWN($C401/24,0)+1,1))-1)+IF('Standard Profiles'!$G$21=$B$10,7,0)+IF('Standard Profiles'!$G$21=$B$17,14,0)+IF('Standard Profiles'!$G$21=$B$24,21,0),0)),0)</f>
        <v>22.135647080057396</v>
      </c>
      <c r="H401" cm="1">
        <f t="array" ref="H401">IFERROR(INDEX(Jesper!AL$2:AL$366,ROUNDDOWN($C401/24,0)+1,1)*INDEX($D$3:$AA$30,INDEX(Jesper!$R$2:$R$366,ROW(INDEX(Jesper!AL$2:AL$366,ROUNDDOWN($C401/24,0)+1,1))-1)+IF('Standard Profiles'!$G$22=$B$10,7,0)+IF('Standard Profiles'!$G$22=$B$17,14,0)+IF('Standard Profiles'!$G$22=$B$24,21,0),MOD($C401,24)+1)/SUM(INDEX($D$3:$AA$30,INDEX(Jesper!$R$2:$R$366,ROW(INDEX(Jesper!AL$2:AL$366,ROUNDDOWN($C401/24,0)+1,1))-1)+IF('Standard Profiles'!$G$22=$B$10,7,0)+IF('Standard Profiles'!$G$22=$B$17,14,0)+IF('Standard Profiles'!$G$22=$B$24,21,0),0)),0)</f>
        <v>0</v>
      </c>
      <c r="I401">
        <f t="shared" si="55"/>
        <v>10.625110598427545</v>
      </c>
      <c r="J401">
        <f t="shared" si="56"/>
        <v>59.701112004959654</v>
      </c>
      <c r="K401">
        <f t="shared" si="57"/>
        <v>2.6336769695470506</v>
      </c>
      <c r="L401">
        <f t="shared" si="58"/>
        <v>1.3168384847735253</v>
      </c>
      <c r="M401">
        <f t="shared" si="59"/>
        <v>0</v>
      </c>
      <c r="N401" s="45">
        <f t="shared" si="60"/>
        <v>44942.291666665777</v>
      </c>
    </row>
    <row r="402" spans="2:14" x14ac:dyDescent="0.25">
      <c r="B402">
        <f t="shared" si="54"/>
        <v>1</v>
      </c>
      <c r="C402" s="16">
        <v>368</v>
      </c>
      <c r="D402" cm="1">
        <f t="array" ref="D402">IFERROR(INDEX(Jesper!AH$2:AH$366,ROUNDDOWN($C402/24,0)+1,1)*INDEX($D$3:$AA$30,INDEX(Jesper!$R$2:$R$366,ROW(INDEX(Jesper!AH$2:AH$366,ROUNDDOWN($C402/24,0)+1,1))-1)+IF('Standard Profiles'!$G$18=$B$10,7,0)+IF('Standard Profiles'!$G$18=$B$17,14,0)+IF('Standard Profiles'!$G$18=$B$24,21,0),MOD($C402,24)+1)/SUM(INDEX($D$3:$AA$30,INDEX(Jesper!$R$2:$R$366,ROW(INDEX(Jesper!AH$2:AH$366,ROUNDDOWN($C402/24,0)+1,1))-1)+IF('Standard Profiles'!$G$18=$B$10,7,0)+IF('Standard Profiles'!$G$18=$B$17,14,0)+IF('Standard Profiles'!$G$18=$B$24,21,0),0)),0)</f>
        <v>27.777061788191546</v>
      </c>
      <c r="E402" cm="1">
        <f t="array" ref="E402">IFERROR(INDEX(Jesper!AI$2:AI$366,ROUNDDOWN($C402/24,0)+1,1)*INDEX($D$3:$AA$30,INDEX(Jesper!$R$2:$R$366,ROW(INDEX(Jesper!AI$2:AI$366,ROUNDDOWN($C402/24,0)+1,1))-1)+IF('Standard Profiles'!$G$19=$B$10,7,0)+IF('Standard Profiles'!$G$19=$B$17,14,0)+IF('Standard Profiles'!$G$19=$B$24,21,0),MOD($C402,24)+1)/SUM(INDEX($D$3:$AA$30,INDEX(Jesper!$R$2:$R$366,ROW(INDEX(Jesper!AI$2:AI$366,ROUNDDOWN($C402/24,0)+1,1))-1)+IF('Standard Profiles'!$G$19=$B$10,7,0)+IF('Standard Profiles'!$G$19=$B$17,14,0)+IF('Standard Profiles'!$G$19=$B$24,21,0),0)),0)</f>
        <v>30.881665561665134</v>
      </c>
      <c r="F402" cm="1">
        <f t="array" ref="F402">IFERROR(INDEX(Jesper!AJ$2:AJ$366,ROUNDDOWN($C402/24,0)+1,1)*INDEX($D$3:$AA$30,INDEX(Jesper!$R$2:$R$366,ROW(INDEX(Jesper!AJ$2:AJ$366,ROUNDDOWN($C402/24,0)+1,1))-1)+IF('Standard Profiles'!$G$20=$B$10,7,0)+IF('Standard Profiles'!$G$20=$B$17,14,0)+IF('Standard Profiles'!$G$20=$B$24,21,0),MOD($C402,24)+1)/SUM(INDEX($D$3:$AA$30,INDEX(Jesper!$R$2:$R$366,ROW(INDEX(Jesper!AJ$2:AJ$366,ROUNDDOWN($C402/24,0)+1,1))-1)+IF('Standard Profiles'!$G$20=$B$10,7,0)+IF('Standard Profiles'!$G$20=$B$17,14,0)+IF('Standard Profiles'!$G$20=$B$24,21,0),0)),0)</f>
        <v>0</v>
      </c>
      <c r="G402" cm="1">
        <f t="array" ref="G402">IFERROR(INDEX(Jesper!AK$2:AK$366,ROUNDDOWN($C402/24,0)+1,1)*INDEX($D$3:$AA$30,INDEX(Jesper!$R$2:$R$366,ROW(INDEX(Jesper!AK$2:AK$366,ROUNDDOWN($C402/24,0)+1,1))-1)+IF('Standard Profiles'!$G$21=$B$10,7,0)+IF('Standard Profiles'!$G$21=$B$17,14,0)+IF('Standard Profiles'!$G$21=$B$24,21,0),MOD($C402,24)+1)/SUM(INDEX($D$3:$AA$30,INDEX(Jesper!$R$2:$R$366,ROW(INDEX(Jesper!AK$2:AK$366,ROUNDDOWN($C402/24,0)+1,1))-1)+IF('Standard Profiles'!$G$21=$B$10,7,0)+IF('Standard Profiles'!$G$21=$B$17,14,0)+IF('Standard Profiles'!$G$21=$B$24,21,0),0)),0)</f>
        <v>24.90260296506457</v>
      </c>
      <c r="H402" cm="1">
        <f t="array" ref="H402">IFERROR(INDEX(Jesper!AL$2:AL$366,ROUNDDOWN($C402/24,0)+1,1)*INDEX($D$3:$AA$30,INDEX(Jesper!$R$2:$R$366,ROW(INDEX(Jesper!AL$2:AL$366,ROUNDDOWN($C402/24,0)+1,1))-1)+IF('Standard Profiles'!$G$22=$B$10,7,0)+IF('Standard Profiles'!$G$22=$B$17,14,0)+IF('Standard Profiles'!$G$22=$B$24,21,0),MOD($C402,24)+1)/SUM(INDEX($D$3:$AA$30,INDEX(Jesper!$R$2:$R$366,ROW(INDEX(Jesper!AL$2:AL$366,ROUNDDOWN($C402/24,0)+1,1))-1)+IF('Standard Profiles'!$G$22=$B$10,7,0)+IF('Standard Profiles'!$G$22=$B$17,14,0)+IF('Standard Profiles'!$G$22=$B$24,21,0),0)),0)</f>
        <v>0</v>
      </c>
      <c r="I402">
        <f t="shared" si="55"/>
        <v>11.953249423230988</v>
      </c>
      <c r="J402">
        <f t="shared" si="56"/>
        <v>67.163751005579613</v>
      </c>
      <c r="K402">
        <f t="shared" si="57"/>
        <v>2.9628865907404318</v>
      </c>
      <c r="L402">
        <f t="shared" si="58"/>
        <v>1.4814432953702159</v>
      </c>
      <c r="M402">
        <f t="shared" si="59"/>
        <v>0</v>
      </c>
      <c r="N402" s="45">
        <f t="shared" si="60"/>
        <v>44942.333333332441</v>
      </c>
    </row>
    <row r="403" spans="2:14" x14ac:dyDescent="0.25">
      <c r="B403">
        <f t="shared" si="54"/>
        <v>1</v>
      </c>
      <c r="C403" s="16">
        <v>369</v>
      </c>
      <c r="D403" cm="1">
        <f t="array" ref="D403">IFERROR(INDEX(Jesper!AH$2:AH$366,ROUNDDOWN($C403/24,0)+1,1)*INDEX($D$3:$AA$30,INDEX(Jesper!$R$2:$R$366,ROW(INDEX(Jesper!AH$2:AH$366,ROUNDDOWN($C403/24,0)+1,1))-1)+IF('Standard Profiles'!$G$18=$B$10,7,0)+IF('Standard Profiles'!$G$18=$B$17,14,0)+IF('Standard Profiles'!$G$18=$B$24,21,0),MOD($C403,24)+1)/SUM(INDEX($D$3:$AA$30,INDEX(Jesper!$R$2:$R$366,ROW(INDEX(Jesper!AH$2:AH$366,ROUNDDOWN($C403/24,0)+1,1))-1)+IF('Standard Profiles'!$G$18=$B$10,7,0)+IF('Standard Profiles'!$G$18=$B$17,14,0)+IF('Standard Profiles'!$G$18=$B$24,21,0),0)),0)</f>
        <v>30.863401986879499</v>
      </c>
      <c r="E403" cm="1">
        <f t="array" ref="E403">IFERROR(INDEX(Jesper!AI$2:AI$366,ROUNDDOWN($C403/24,0)+1,1)*INDEX($D$3:$AA$30,INDEX(Jesper!$R$2:$R$366,ROW(INDEX(Jesper!AI$2:AI$366,ROUNDDOWN($C403/24,0)+1,1))-1)+IF('Standard Profiles'!$G$19=$B$10,7,0)+IF('Standard Profiles'!$G$19=$B$17,14,0)+IF('Standard Profiles'!$G$19=$B$24,21,0),MOD($C403,24)+1)/SUM(INDEX($D$3:$AA$30,INDEX(Jesper!$R$2:$R$366,ROW(INDEX(Jesper!AI$2:AI$366,ROUNDDOWN($C403/24,0)+1,1))-1)+IF('Standard Profiles'!$G$19=$B$10,7,0)+IF('Standard Profiles'!$G$19=$B$17,14,0)+IF('Standard Profiles'!$G$19=$B$24,21,0),0)),0)</f>
        <v>34.312961735183485</v>
      </c>
      <c r="F403" cm="1">
        <f t="array" ref="F403">IFERROR(INDEX(Jesper!AJ$2:AJ$366,ROUNDDOWN($C403/24,0)+1,1)*INDEX($D$3:$AA$30,INDEX(Jesper!$R$2:$R$366,ROW(INDEX(Jesper!AJ$2:AJ$366,ROUNDDOWN($C403/24,0)+1,1))-1)+IF('Standard Profiles'!$G$20=$B$10,7,0)+IF('Standard Profiles'!$G$20=$B$17,14,0)+IF('Standard Profiles'!$G$20=$B$24,21,0),MOD($C403,24)+1)/SUM(INDEX($D$3:$AA$30,INDEX(Jesper!$R$2:$R$366,ROW(INDEX(Jesper!AJ$2:AJ$366,ROUNDDOWN($C403/24,0)+1,1))-1)+IF('Standard Profiles'!$G$20=$B$10,7,0)+IF('Standard Profiles'!$G$20=$B$17,14,0)+IF('Standard Profiles'!$G$20=$B$24,21,0),0)),0)</f>
        <v>0</v>
      </c>
      <c r="G403" cm="1">
        <f t="array" ref="G403">IFERROR(INDEX(Jesper!AK$2:AK$366,ROUNDDOWN($C403/24,0)+1,1)*INDEX($D$3:$AA$30,INDEX(Jesper!$R$2:$R$366,ROW(INDEX(Jesper!AK$2:AK$366,ROUNDDOWN($C403/24,0)+1,1))-1)+IF('Standard Profiles'!$G$21=$B$10,7,0)+IF('Standard Profiles'!$G$21=$B$17,14,0)+IF('Standard Profiles'!$G$21=$B$24,21,0),MOD($C403,24)+1)/SUM(INDEX($D$3:$AA$30,INDEX(Jesper!$R$2:$R$366,ROW(INDEX(Jesper!AK$2:AK$366,ROUNDDOWN($C403/24,0)+1,1))-1)+IF('Standard Profiles'!$G$21=$B$10,7,0)+IF('Standard Profiles'!$G$21=$B$17,14,0)+IF('Standard Profiles'!$G$21=$B$24,21,0),0)),0)</f>
        <v>27.669558850071745</v>
      </c>
      <c r="H403" cm="1">
        <f t="array" ref="H403">IFERROR(INDEX(Jesper!AL$2:AL$366,ROUNDDOWN($C403/24,0)+1,1)*INDEX($D$3:$AA$30,INDEX(Jesper!$R$2:$R$366,ROW(INDEX(Jesper!AL$2:AL$366,ROUNDDOWN($C403/24,0)+1,1))-1)+IF('Standard Profiles'!$G$22=$B$10,7,0)+IF('Standard Profiles'!$G$22=$B$17,14,0)+IF('Standard Profiles'!$G$22=$B$24,21,0),MOD($C403,24)+1)/SUM(INDEX($D$3:$AA$30,INDEX(Jesper!$R$2:$R$366,ROW(INDEX(Jesper!AL$2:AL$366,ROUNDDOWN($C403/24,0)+1,1))-1)+IF('Standard Profiles'!$G$22=$B$10,7,0)+IF('Standard Profiles'!$G$22=$B$17,14,0)+IF('Standard Profiles'!$G$22=$B$24,21,0),0)),0)</f>
        <v>0</v>
      </c>
      <c r="I403">
        <f t="shared" si="55"/>
        <v>13.28138824803443</v>
      </c>
      <c r="J403">
        <f t="shared" si="56"/>
        <v>74.626390006199586</v>
      </c>
      <c r="K403">
        <f t="shared" si="57"/>
        <v>3.2920962119338135</v>
      </c>
      <c r="L403">
        <f t="shared" si="58"/>
        <v>1.6460481059669068</v>
      </c>
      <c r="M403">
        <f t="shared" si="59"/>
        <v>0</v>
      </c>
      <c r="N403" s="45">
        <f t="shared" si="60"/>
        <v>44942.374999999105</v>
      </c>
    </row>
    <row r="404" spans="2:14" x14ac:dyDescent="0.25">
      <c r="B404">
        <f t="shared" si="54"/>
        <v>1</v>
      </c>
      <c r="C404" s="16">
        <v>370</v>
      </c>
      <c r="D404" cm="1">
        <f t="array" ref="D404">IFERROR(INDEX(Jesper!AH$2:AH$366,ROUNDDOWN($C404/24,0)+1,1)*INDEX($D$3:$AA$30,INDEX(Jesper!$R$2:$R$366,ROW(INDEX(Jesper!AH$2:AH$366,ROUNDDOWN($C404/24,0)+1,1))-1)+IF('Standard Profiles'!$G$18=$B$10,7,0)+IF('Standard Profiles'!$G$18=$B$17,14,0)+IF('Standard Profiles'!$G$18=$B$24,21,0),MOD($C404,24)+1)/SUM(INDEX($D$3:$AA$30,INDEX(Jesper!$R$2:$R$366,ROW(INDEX(Jesper!AH$2:AH$366,ROUNDDOWN($C404/24,0)+1,1))-1)+IF('Standard Profiles'!$G$18=$B$10,7,0)+IF('Standard Profiles'!$G$18=$B$17,14,0)+IF('Standard Profiles'!$G$18=$B$24,21,0),0)),0)</f>
        <v>30.863401986879499</v>
      </c>
      <c r="E404" cm="1">
        <f t="array" ref="E404">IFERROR(INDEX(Jesper!AI$2:AI$366,ROUNDDOWN($C404/24,0)+1,1)*INDEX($D$3:$AA$30,INDEX(Jesper!$R$2:$R$366,ROW(INDEX(Jesper!AI$2:AI$366,ROUNDDOWN($C404/24,0)+1,1))-1)+IF('Standard Profiles'!$G$19=$B$10,7,0)+IF('Standard Profiles'!$G$19=$B$17,14,0)+IF('Standard Profiles'!$G$19=$B$24,21,0),MOD($C404,24)+1)/SUM(INDEX($D$3:$AA$30,INDEX(Jesper!$R$2:$R$366,ROW(INDEX(Jesper!AI$2:AI$366,ROUNDDOWN($C404/24,0)+1,1))-1)+IF('Standard Profiles'!$G$19=$B$10,7,0)+IF('Standard Profiles'!$G$19=$B$17,14,0)+IF('Standard Profiles'!$G$19=$B$24,21,0),0)),0)</f>
        <v>34.312961735183485</v>
      </c>
      <c r="F404" cm="1">
        <f t="array" ref="F404">IFERROR(INDEX(Jesper!AJ$2:AJ$366,ROUNDDOWN($C404/24,0)+1,1)*INDEX($D$3:$AA$30,INDEX(Jesper!$R$2:$R$366,ROW(INDEX(Jesper!AJ$2:AJ$366,ROUNDDOWN($C404/24,0)+1,1))-1)+IF('Standard Profiles'!$G$20=$B$10,7,0)+IF('Standard Profiles'!$G$20=$B$17,14,0)+IF('Standard Profiles'!$G$20=$B$24,21,0),MOD($C404,24)+1)/SUM(INDEX($D$3:$AA$30,INDEX(Jesper!$R$2:$R$366,ROW(INDEX(Jesper!AJ$2:AJ$366,ROUNDDOWN($C404/24,0)+1,1))-1)+IF('Standard Profiles'!$G$20=$B$10,7,0)+IF('Standard Profiles'!$G$20=$B$17,14,0)+IF('Standard Profiles'!$G$20=$B$24,21,0),0)),0)</f>
        <v>0</v>
      </c>
      <c r="G404" cm="1">
        <f t="array" ref="G404">IFERROR(INDEX(Jesper!AK$2:AK$366,ROUNDDOWN($C404/24,0)+1,1)*INDEX($D$3:$AA$30,INDEX(Jesper!$R$2:$R$366,ROW(INDEX(Jesper!AK$2:AK$366,ROUNDDOWN($C404/24,0)+1,1))-1)+IF('Standard Profiles'!$G$21=$B$10,7,0)+IF('Standard Profiles'!$G$21=$B$17,14,0)+IF('Standard Profiles'!$G$21=$B$24,21,0),MOD($C404,24)+1)/SUM(INDEX($D$3:$AA$30,INDEX(Jesper!$R$2:$R$366,ROW(INDEX(Jesper!AK$2:AK$366,ROUNDDOWN($C404/24,0)+1,1))-1)+IF('Standard Profiles'!$G$21=$B$10,7,0)+IF('Standard Profiles'!$G$21=$B$17,14,0)+IF('Standard Profiles'!$G$21=$B$24,21,0),0)),0)</f>
        <v>27.669558850071745</v>
      </c>
      <c r="H404" cm="1">
        <f t="array" ref="H404">IFERROR(INDEX(Jesper!AL$2:AL$366,ROUNDDOWN($C404/24,0)+1,1)*INDEX($D$3:$AA$30,INDEX(Jesper!$R$2:$R$366,ROW(INDEX(Jesper!AL$2:AL$366,ROUNDDOWN($C404/24,0)+1,1))-1)+IF('Standard Profiles'!$G$22=$B$10,7,0)+IF('Standard Profiles'!$G$22=$B$17,14,0)+IF('Standard Profiles'!$G$22=$B$24,21,0),MOD($C404,24)+1)/SUM(INDEX($D$3:$AA$30,INDEX(Jesper!$R$2:$R$366,ROW(INDEX(Jesper!AL$2:AL$366,ROUNDDOWN($C404/24,0)+1,1))-1)+IF('Standard Profiles'!$G$22=$B$10,7,0)+IF('Standard Profiles'!$G$22=$B$17,14,0)+IF('Standard Profiles'!$G$22=$B$24,21,0),0)),0)</f>
        <v>0</v>
      </c>
      <c r="I404">
        <f t="shared" si="55"/>
        <v>13.28138824803443</v>
      </c>
      <c r="J404">
        <f t="shared" si="56"/>
        <v>74.626390006199586</v>
      </c>
      <c r="K404">
        <f t="shared" si="57"/>
        <v>3.2920962119338135</v>
      </c>
      <c r="L404">
        <f t="shared" si="58"/>
        <v>1.6460481059669068</v>
      </c>
      <c r="M404">
        <f t="shared" si="59"/>
        <v>0</v>
      </c>
      <c r="N404" s="45">
        <f t="shared" si="60"/>
        <v>44942.416666665769</v>
      </c>
    </row>
    <row r="405" spans="2:14" x14ac:dyDescent="0.25">
      <c r="B405">
        <f t="shared" si="54"/>
        <v>1</v>
      </c>
      <c r="C405" s="16">
        <v>371</v>
      </c>
      <c r="D405" cm="1">
        <f t="array" ref="D405">IFERROR(INDEX(Jesper!AH$2:AH$366,ROUNDDOWN($C405/24,0)+1,1)*INDEX($D$3:$AA$30,INDEX(Jesper!$R$2:$R$366,ROW(INDEX(Jesper!AH$2:AH$366,ROUNDDOWN($C405/24,0)+1,1))-1)+IF('Standard Profiles'!$G$18=$B$10,7,0)+IF('Standard Profiles'!$G$18=$B$17,14,0)+IF('Standard Profiles'!$G$18=$B$24,21,0),MOD($C405,24)+1)/SUM(INDEX($D$3:$AA$30,INDEX(Jesper!$R$2:$R$366,ROW(INDEX(Jesper!AH$2:AH$366,ROUNDDOWN($C405/24,0)+1,1))-1)+IF('Standard Profiles'!$G$18=$B$10,7,0)+IF('Standard Profiles'!$G$18=$B$17,14,0)+IF('Standard Profiles'!$G$18=$B$24,21,0),0)),0)</f>
        <v>37.036082384255387</v>
      </c>
      <c r="E405" cm="1">
        <f t="array" ref="E405">IFERROR(INDEX(Jesper!AI$2:AI$366,ROUNDDOWN($C405/24,0)+1,1)*INDEX($D$3:$AA$30,INDEX(Jesper!$R$2:$R$366,ROW(INDEX(Jesper!AI$2:AI$366,ROUNDDOWN($C405/24,0)+1,1))-1)+IF('Standard Profiles'!$G$19=$B$10,7,0)+IF('Standard Profiles'!$G$19=$B$17,14,0)+IF('Standard Profiles'!$G$19=$B$24,21,0),MOD($C405,24)+1)/SUM(INDEX($D$3:$AA$30,INDEX(Jesper!$R$2:$R$366,ROW(INDEX(Jesper!AI$2:AI$366,ROUNDDOWN($C405/24,0)+1,1))-1)+IF('Standard Profiles'!$G$19=$B$10,7,0)+IF('Standard Profiles'!$G$19=$B$17,14,0)+IF('Standard Profiles'!$G$19=$B$24,21,0),0)),0)</f>
        <v>41.175554082220181</v>
      </c>
      <c r="F405" cm="1">
        <f t="array" ref="F405">IFERROR(INDEX(Jesper!AJ$2:AJ$366,ROUNDDOWN($C405/24,0)+1,1)*INDEX($D$3:$AA$30,INDEX(Jesper!$R$2:$R$366,ROW(INDEX(Jesper!AJ$2:AJ$366,ROUNDDOWN($C405/24,0)+1,1))-1)+IF('Standard Profiles'!$G$20=$B$10,7,0)+IF('Standard Profiles'!$G$20=$B$17,14,0)+IF('Standard Profiles'!$G$20=$B$24,21,0),MOD($C405,24)+1)/SUM(INDEX($D$3:$AA$30,INDEX(Jesper!$R$2:$R$366,ROW(INDEX(Jesper!AJ$2:AJ$366,ROUNDDOWN($C405/24,0)+1,1))-1)+IF('Standard Profiles'!$G$20=$B$10,7,0)+IF('Standard Profiles'!$G$20=$B$17,14,0)+IF('Standard Profiles'!$G$20=$B$24,21,0),0)),0)</f>
        <v>0</v>
      </c>
      <c r="G405" cm="1">
        <f t="array" ref="G405">IFERROR(INDEX(Jesper!AK$2:AK$366,ROUNDDOWN($C405/24,0)+1,1)*INDEX($D$3:$AA$30,INDEX(Jesper!$R$2:$R$366,ROW(INDEX(Jesper!AK$2:AK$366,ROUNDDOWN($C405/24,0)+1,1))-1)+IF('Standard Profiles'!$G$21=$B$10,7,0)+IF('Standard Profiles'!$G$21=$B$17,14,0)+IF('Standard Profiles'!$G$21=$B$24,21,0),MOD($C405,24)+1)/SUM(INDEX($D$3:$AA$30,INDEX(Jesper!$R$2:$R$366,ROW(INDEX(Jesper!AK$2:AK$366,ROUNDDOWN($C405/24,0)+1,1))-1)+IF('Standard Profiles'!$G$21=$B$10,7,0)+IF('Standard Profiles'!$G$21=$B$17,14,0)+IF('Standard Profiles'!$G$21=$B$24,21,0),0)),0)</f>
        <v>33.203470620086087</v>
      </c>
      <c r="H405" cm="1">
        <f t="array" ref="H405">IFERROR(INDEX(Jesper!AL$2:AL$366,ROUNDDOWN($C405/24,0)+1,1)*INDEX($D$3:$AA$30,INDEX(Jesper!$R$2:$R$366,ROW(INDEX(Jesper!AL$2:AL$366,ROUNDDOWN($C405/24,0)+1,1))-1)+IF('Standard Profiles'!$G$22=$B$10,7,0)+IF('Standard Profiles'!$G$22=$B$17,14,0)+IF('Standard Profiles'!$G$22=$B$24,21,0),MOD($C405,24)+1)/SUM(INDEX($D$3:$AA$30,INDEX(Jesper!$R$2:$R$366,ROW(INDEX(Jesper!AL$2:AL$366,ROUNDDOWN($C405/24,0)+1,1))-1)+IF('Standard Profiles'!$G$22=$B$10,7,0)+IF('Standard Profiles'!$G$22=$B$17,14,0)+IF('Standard Profiles'!$G$22=$B$24,21,0),0)),0)</f>
        <v>0</v>
      </c>
      <c r="I405">
        <f t="shared" si="55"/>
        <v>15.937665897641313</v>
      </c>
      <c r="J405">
        <f t="shared" si="56"/>
        <v>89.551668007439474</v>
      </c>
      <c r="K405">
        <f t="shared" si="57"/>
        <v>3.9505154543205747</v>
      </c>
      <c r="L405">
        <f t="shared" si="58"/>
        <v>1.9752577271602874</v>
      </c>
      <c r="M405">
        <f t="shared" si="59"/>
        <v>0</v>
      </c>
      <c r="N405" s="45">
        <f t="shared" si="60"/>
        <v>44942.458333332434</v>
      </c>
    </row>
    <row r="406" spans="2:14" x14ac:dyDescent="0.25">
      <c r="B406">
        <f t="shared" si="54"/>
        <v>1</v>
      </c>
      <c r="C406" s="16">
        <v>372</v>
      </c>
      <c r="D406" cm="1">
        <f t="array" ref="D406">IFERROR(INDEX(Jesper!AH$2:AH$366,ROUNDDOWN($C406/24,0)+1,1)*INDEX($D$3:$AA$30,INDEX(Jesper!$R$2:$R$366,ROW(INDEX(Jesper!AH$2:AH$366,ROUNDDOWN($C406/24,0)+1,1))-1)+IF('Standard Profiles'!$G$18=$B$10,7,0)+IF('Standard Profiles'!$G$18=$B$17,14,0)+IF('Standard Profiles'!$G$18=$B$24,21,0),MOD($C406,24)+1)/SUM(INDEX($D$3:$AA$30,INDEX(Jesper!$R$2:$R$366,ROW(INDEX(Jesper!AH$2:AH$366,ROUNDDOWN($C406/24,0)+1,1))-1)+IF('Standard Profiles'!$G$18=$B$10,7,0)+IF('Standard Profiles'!$G$18=$B$17,14,0)+IF('Standard Profiles'!$G$18=$B$24,21,0),0)),0)</f>
        <v>37.036082384255387</v>
      </c>
      <c r="E406" cm="1">
        <f t="array" ref="E406">IFERROR(INDEX(Jesper!AI$2:AI$366,ROUNDDOWN($C406/24,0)+1,1)*INDEX($D$3:$AA$30,INDEX(Jesper!$R$2:$R$366,ROW(INDEX(Jesper!AI$2:AI$366,ROUNDDOWN($C406/24,0)+1,1))-1)+IF('Standard Profiles'!$G$19=$B$10,7,0)+IF('Standard Profiles'!$G$19=$B$17,14,0)+IF('Standard Profiles'!$G$19=$B$24,21,0),MOD($C406,24)+1)/SUM(INDEX($D$3:$AA$30,INDEX(Jesper!$R$2:$R$366,ROW(INDEX(Jesper!AI$2:AI$366,ROUNDDOWN($C406/24,0)+1,1))-1)+IF('Standard Profiles'!$G$19=$B$10,7,0)+IF('Standard Profiles'!$G$19=$B$17,14,0)+IF('Standard Profiles'!$G$19=$B$24,21,0),0)),0)</f>
        <v>41.175554082220181</v>
      </c>
      <c r="F406" cm="1">
        <f t="array" ref="F406">IFERROR(INDEX(Jesper!AJ$2:AJ$366,ROUNDDOWN($C406/24,0)+1,1)*INDEX($D$3:$AA$30,INDEX(Jesper!$R$2:$R$366,ROW(INDEX(Jesper!AJ$2:AJ$366,ROUNDDOWN($C406/24,0)+1,1))-1)+IF('Standard Profiles'!$G$20=$B$10,7,0)+IF('Standard Profiles'!$G$20=$B$17,14,0)+IF('Standard Profiles'!$G$20=$B$24,21,0),MOD($C406,24)+1)/SUM(INDEX($D$3:$AA$30,INDEX(Jesper!$R$2:$R$366,ROW(INDEX(Jesper!AJ$2:AJ$366,ROUNDDOWN($C406/24,0)+1,1))-1)+IF('Standard Profiles'!$G$20=$B$10,7,0)+IF('Standard Profiles'!$G$20=$B$17,14,0)+IF('Standard Profiles'!$G$20=$B$24,21,0),0)),0)</f>
        <v>0</v>
      </c>
      <c r="G406" cm="1">
        <f t="array" ref="G406">IFERROR(INDEX(Jesper!AK$2:AK$366,ROUNDDOWN($C406/24,0)+1,1)*INDEX($D$3:$AA$30,INDEX(Jesper!$R$2:$R$366,ROW(INDEX(Jesper!AK$2:AK$366,ROUNDDOWN($C406/24,0)+1,1))-1)+IF('Standard Profiles'!$G$21=$B$10,7,0)+IF('Standard Profiles'!$G$21=$B$17,14,0)+IF('Standard Profiles'!$G$21=$B$24,21,0),MOD($C406,24)+1)/SUM(INDEX($D$3:$AA$30,INDEX(Jesper!$R$2:$R$366,ROW(INDEX(Jesper!AK$2:AK$366,ROUNDDOWN($C406/24,0)+1,1))-1)+IF('Standard Profiles'!$G$21=$B$10,7,0)+IF('Standard Profiles'!$G$21=$B$17,14,0)+IF('Standard Profiles'!$G$21=$B$24,21,0),0)),0)</f>
        <v>33.203470620086087</v>
      </c>
      <c r="H406" cm="1">
        <f t="array" ref="H406">IFERROR(INDEX(Jesper!AL$2:AL$366,ROUNDDOWN($C406/24,0)+1,1)*INDEX($D$3:$AA$30,INDEX(Jesper!$R$2:$R$366,ROW(INDEX(Jesper!AL$2:AL$366,ROUNDDOWN($C406/24,0)+1,1))-1)+IF('Standard Profiles'!$G$22=$B$10,7,0)+IF('Standard Profiles'!$G$22=$B$17,14,0)+IF('Standard Profiles'!$G$22=$B$24,21,0),MOD($C406,24)+1)/SUM(INDEX($D$3:$AA$30,INDEX(Jesper!$R$2:$R$366,ROW(INDEX(Jesper!AL$2:AL$366,ROUNDDOWN($C406/24,0)+1,1))-1)+IF('Standard Profiles'!$G$22=$B$10,7,0)+IF('Standard Profiles'!$G$22=$B$17,14,0)+IF('Standard Profiles'!$G$22=$B$24,21,0),0)),0)</f>
        <v>0</v>
      </c>
      <c r="I406">
        <f t="shared" si="55"/>
        <v>15.937665897641313</v>
      </c>
      <c r="J406">
        <f t="shared" si="56"/>
        <v>89.551668007439474</v>
      </c>
      <c r="K406">
        <f t="shared" si="57"/>
        <v>3.9505154543205747</v>
      </c>
      <c r="L406">
        <f t="shared" si="58"/>
        <v>1.9752577271602874</v>
      </c>
      <c r="M406">
        <f t="shared" si="59"/>
        <v>0</v>
      </c>
      <c r="N406" s="45">
        <f t="shared" si="60"/>
        <v>44942.499999999098</v>
      </c>
    </row>
    <row r="407" spans="2:14" x14ac:dyDescent="0.25">
      <c r="B407">
        <f t="shared" si="54"/>
        <v>1</v>
      </c>
      <c r="C407" s="16">
        <v>373</v>
      </c>
      <c r="D407" cm="1">
        <f t="array" ref="D407">IFERROR(INDEX(Jesper!AH$2:AH$366,ROUNDDOWN($C407/24,0)+1,1)*INDEX($D$3:$AA$30,INDEX(Jesper!$R$2:$R$366,ROW(INDEX(Jesper!AH$2:AH$366,ROUNDDOWN($C407/24,0)+1,1))-1)+IF('Standard Profiles'!$G$18=$B$10,7,0)+IF('Standard Profiles'!$G$18=$B$17,14,0)+IF('Standard Profiles'!$G$18=$B$24,21,0),MOD($C407,24)+1)/SUM(INDEX($D$3:$AA$30,INDEX(Jesper!$R$2:$R$366,ROW(INDEX(Jesper!AH$2:AH$366,ROUNDDOWN($C407/24,0)+1,1))-1)+IF('Standard Profiles'!$G$18=$B$10,7,0)+IF('Standard Profiles'!$G$18=$B$17,14,0)+IF('Standard Profiles'!$G$18=$B$24,21,0),0)),0)</f>
        <v>24.690721589503596</v>
      </c>
      <c r="E407" cm="1">
        <f t="array" ref="E407">IFERROR(INDEX(Jesper!AI$2:AI$366,ROUNDDOWN($C407/24,0)+1,1)*INDEX($D$3:$AA$30,INDEX(Jesper!$R$2:$R$366,ROW(INDEX(Jesper!AI$2:AI$366,ROUNDDOWN($C407/24,0)+1,1))-1)+IF('Standard Profiles'!$G$19=$B$10,7,0)+IF('Standard Profiles'!$G$19=$B$17,14,0)+IF('Standard Profiles'!$G$19=$B$24,21,0),MOD($C407,24)+1)/SUM(INDEX($D$3:$AA$30,INDEX(Jesper!$R$2:$R$366,ROW(INDEX(Jesper!AI$2:AI$366,ROUNDDOWN($C407/24,0)+1,1))-1)+IF('Standard Profiles'!$G$19=$B$10,7,0)+IF('Standard Profiles'!$G$19=$B$17,14,0)+IF('Standard Profiles'!$G$19=$B$24,21,0),0)),0)</f>
        <v>27.450369388146786</v>
      </c>
      <c r="F407" cm="1">
        <f t="array" ref="F407">IFERROR(INDEX(Jesper!AJ$2:AJ$366,ROUNDDOWN($C407/24,0)+1,1)*INDEX($D$3:$AA$30,INDEX(Jesper!$R$2:$R$366,ROW(INDEX(Jesper!AJ$2:AJ$366,ROUNDDOWN($C407/24,0)+1,1))-1)+IF('Standard Profiles'!$G$20=$B$10,7,0)+IF('Standard Profiles'!$G$20=$B$17,14,0)+IF('Standard Profiles'!$G$20=$B$24,21,0),MOD($C407,24)+1)/SUM(INDEX($D$3:$AA$30,INDEX(Jesper!$R$2:$R$366,ROW(INDEX(Jesper!AJ$2:AJ$366,ROUNDDOWN($C407/24,0)+1,1))-1)+IF('Standard Profiles'!$G$20=$B$10,7,0)+IF('Standard Profiles'!$G$20=$B$17,14,0)+IF('Standard Profiles'!$G$20=$B$24,21,0),0)),0)</f>
        <v>0</v>
      </c>
      <c r="G407" cm="1">
        <f t="array" ref="G407">IFERROR(INDEX(Jesper!AK$2:AK$366,ROUNDDOWN($C407/24,0)+1,1)*INDEX($D$3:$AA$30,INDEX(Jesper!$R$2:$R$366,ROW(INDEX(Jesper!AK$2:AK$366,ROUNDDOWN($C407/24,0)+1,1))-1)+IF('Standard Profiles'!$G$21=$B$10,7,0)+IF('Standard Profiles'!$G$21=$B$17,14,0)+IF('Standard Profiles'!$G$21=$B$24,21,0),MOD($C407,24)+1)/SUM(INDEX($D$3:$AA$30,INDEX(Jesper!$R$2:$R$366,ROW(INDEX(Jesper!AK$2:AK$366,ROUNDDOWN($C407/24,0)+1,1))-1)+IF('Standard Profiles'!$G$21=$B$10,7,0)+IF('Standard Profiles'!$G$21=$B$17,14,0)+IF('Standard Profiles'!$G$21=$B$24,21,0),0)),0)</f>
        <v>22.135647080057396</v>
      </c>
      <c r="H407" cm="1">
        <f t="array" ref="H407">IFERROR(INDEX(Jesper!AL$2:AL$366,ROUNDDOWN($C407/24,0)+1,1)*INDEX($D$3:$AA$30,INDEX(Jesper!$R$2:$R$366,ROW(INDEX(Jesper!AL$2:AL$366,ROUNDDOWN($C407/24,0)+1,1))-1)+IF('Standard Profiles'!$G$22=$B$10,7,0)+IF('Standard Profiles'!$G$22=$B$17,14,0)+IF('Standard Profiles'!$G$22=$B$24,21,0),MOD($C407,24)+1)/SUM(INDEX($D$3:$AA$30,INDEX(Jesper!$R$2:$R$366,ROW(INDEX(Jesper!AL$2:AL$366,ROUNDDOWN($C407/24,0)+1,1))-1)+IF('Standard Profiles'!$G$22=$B$10,7,0)+IF('Standard Profiles'!$G$22=$B$17,14,0)+IF('Standard Profiles'!$G$22=$B$24,21,0),0)),0)</f>
        <v>0</v>
      </c>
      <c r="I407">
        <f t="shared" si="55"/>
        <v>10.625110598427545</v>
      </c>
      <c r="J407">
        <f t="shared" si="56"/>
        <v>59.701112004959654</v>
      </c>
      <c r="K407">
        <f t="shared" si="57"/>
        <v>2.6336769695470506</v>
      </c>
      <c r="L407">
        <f t="shared" si="58"/>
        <v>1.3168384847735253</v>
      </c>
      <c r="M407">
        <f t="shared" si="59"/>
        <v>0</v>
      </c>
      <c r="N407" s="45">
        <f t="shared" si="60"/>
        <v>44942.541666665762</v>
      </c>
    </row>
    <row r="408" spans="2:14" x14ac:dyDescent="0.25">
      <c r="B408">
        <f t="shared" si="54"/>
        <v>1</v>
      </c>
      <c r="C408" s="16">
        <v>374</v>
      </c>
      <c r="D408" cm="1">
        <f t="array" ref="D408">IFERROR(INDEX(Jesper!AH$2:AH$366,ROUNDDOWN($C408/24,0)+1,1)*INDEX($D$3:$AA$30,INDEX(Jesper!$R$2:$R$366,ROW(INDEX(Jesper!AH$2:AH$366,ROUNDDOWN($C408/24,0)+1,1))-1)+IF('Standard Profiles'!$G$18=$B$10,7,0)+IF('Standard Profiles'!$G$18=$B$17,14,0)+IF('Standard Profiles'!$G$18=$B$24,21,0),MOD($C408,24)+1)/SUM(INDEX($D$3:$AA$30,INDEX(Jesper!$R$2:$R$366,ROW(INDEX(Jesper!AH$2:AH$366,ROUNDDOWN($C408/24,0)+1,1))-1)+IF('Standard Profiles'!$G$18=$B$10,7,0)+IF('Standard Profiles'!$G$18=$B$17,14,0)+IF('Standard Profiles'!$G$18=$B$24,21,0),0)),0)</f>
        <v>37.036082384255387</v>
      </c>
      <c r="E408" cm="1">
        <f t="array" ref="E408">IFERROR(INDEX(Jesper!AI$2:AI$366,ROUNDDOWN($C408/24,0)+1,1)*INDEX($D$3:$AA$30,INDEX(Jesper!$R$2:$R$366,ROW(INDEX(Jesper!AI$2:AI$366,ROUNDDOWN($C408/24,0)+1,1))-1)+IF('Standard Profiles'!$G$19=$B$10,7,0)+IF('Standard Profiles'!$G$19=$B$17,14,0)+IF('Standard Profiles'!$G$19=$B$24,21,0),MOD($C408,24)+1)/SUM(INDEX($D$3:$AA$30,INDEX(Jesper!$R$2:$R$366,ROW(INDEX(Jesper!AI$2:AI$366,ROUNDDOWN($C408/24,0)+1,1))-1)+IF('Standard Profiles'!$G$19=$B$10,7,0)+IF('Standard Profiles'!$G$19=$B$17,14,0)+IF('Standard Profiles'!$G$19=$B$24,21,0),0)),0)</f>
        <v>41.175554082220181</v>
      </c>
      <c r="F408" cm="1">
        <f t="array" ref="F408">IFERROR(INDEX(Jesper!AJ$2:AJ$366,ROUNDDOWN($C408/24,0)+1,1)*INDEX($D$3:$AA$30,INDEX(Jesper!$R$2:$R$366,ROW(INDEX(Jesper!AJ$2:AJ$366,ROUNDDOWN($C408/24,0)+1,1))-1)+IF('Standard Profiles'!$G$20=$B$10,7,0)+IF('Standard Profiles'!$G$20=$B$17,14,0)+IF('Standard Profiles'!$G$20=$B$24,21,0),MOD($C408,24)+1)/SUM(INDEX($D$3:$AA$30,INDEX(Jesper!$R$2:$R$366,ROW(INDEX(Jesper!AJ$2:AJ$366,ROUNDDOWN($C408/24,0)+1,1))-1)+IF('Standard Profiles'!$G$20=$B$10,7,0)+IF('Standard Profiles'!$G$20=$B$17,14,0)+IF('Standard Profiles'!$G$20=$B$24,21,0),0)),0)</f>
        <v>0</v>
      </c>
      <c r="G408" cm="1">
        <f t="array" ref="G408">IFERROR(INDEX(Jesper!AK$2:AK$366,ROUNDDOWN($C408/24,0)+1,1)*INDEX($D$3:$AA$30,INDEX(Jesper!$R$2:$R$366,ROW(INDEX(Jesper!AK$2:AK$366,ROUNDDOWN($C408/24,0)+1,1))-1)+IF('Standard Profiles'!$G$21=$B$10,7,0)+IF('Standard Profiles'!$G$21=$B$17,14,0)+IF('Standard Profiles'!$G$21=$B$24,21,0),MOD($C408,24)+1)/SUM(INDEX($D$3:$AA$30,INDEX(Jesper!$R$2:$R$366,ROW(INDEX(Jesper!AK$2:AK$366,ROUNDDOWN($C408/24,0)+1,1))-1)+IF('Standard Profiles'!$G$21=$B$10,7,0)+IF('Standard Profiles'!$G$21=$B$17,14,0)+IF('Standard Profiles'!$G$21=$B$24,21,0),0)),0)</f>
        <v>33.203470620086087</v>
      </c>
      <c r="H408" cm="1">
        <f t="array" ref="H408">IFERROR(INDEX(Jesper!AL$2:AL$366,ROUNDDOWN($C408/24,0)+1,1)*INDEX($D$3:$AA$30,INDEX(Jesper!$R$2:$R$366,ROW(INDEX(Jesper!AL$2:AL$366,ROUNDDOWN($C408/24,0)+1,1))-1)+IF('Standard Profiles'!$G$22=$B$10,7,0)+IF('Standard Profiles'!$G$22=$B$17,14,0)+IF('Standard Profiles'!$G$22=$B$24,21,0),MOD($C408,24)+1)/SUM(INDEX($D$3:$AA$30,INDEX(Jesper!$R$2:$R$366,ROW(INDEX(Jesper!AL$2:AL$366,ROUNDDOWN($C408/24,0)+1,1))-1)+IF('Standard Profiles'!$G$22=$B$10,7,0)+IF('Standard Profiles'!$G$22=$B$17,14,0)+IF('Standard Profiles'!$G$22=$B$24,21,0),0)),0)</f>
        <v>0</v>
      </c>
      <c r="I408">
        <f t="shared" si="55"/>
        <v>15.937665897641313</v>
      </c>
      <c r="J408">
        <f t="shared" si="56"/>
        <v>89.551668007439474</v>
      </c>
      <c r="K408">
        <f t="shared" si="57"/>
        <v>3.9505154543205747</v>
      </c>
      <c r="L408">
        <f t="shared" si="58"/>
        <v>1.9752577271602874</v>
      </c>
      <c r="M408">
        <f t="shared" si="59"/>
        <v>0</v>
      </c>
      <c r="N408" s="45">
        <f t="shared" si="60"/>
        <v>44942.583333332426</v>
      </c>
    </row>
    <row r="409" spans="2:14" x14ac:dyDescent="0.25">
      <c r="B409">
        <f t="shared" si="54"/>
        <v>1</v>
      </c>
      <c r="C409" s="16">
        <v>375</v>
      </c>
      <c r="D409" cm="1">
        <f t="array" ref="D409">IFERROR(INDEX(Jesper!AH$2:AH$366,ROUNDDOWN($C409/24,0)+1,1)*INDEX($D$3:$AA$30,INDEX(Jesper!$R$2:$R$366,ROW(INDEX(Jesper!AH$2:AH$366,ROUNDDOWN($C409/24,0)+1,1))-1)+IF('Standard Profiles'!$G$18=$B$10,7,0)+IF('Standard Profiles'!$G$18=$B$17,14,0)+IF('Standard Profiles'!$G$18=$B$24,21,0),MOD($C409,24)+1)/SUM(INDEX($D$3:$AA$30,INDEX(Jesper!$R$2:$R$366,ROW(INDEX(Jesper!AH$2:AH$366,ROUNDDOWN($C409/24,0)+1,1))-1)+IF('Standard Profiles'!$G$18=$B$10,7,0)+IF('Standard Profiles'!$G$18=$B$17,14,0)+IF('Standard Profiles'!$G$18=$B$24,21,0),0)),0)</f>
        <v>37.036082384255387</v>
      </c>
      <c r="E409" cm="1">
        <f t="array" ref="E409">IFERROR(INDEX(Jesper!AI$2:AI$366,ROUNDDOWN($C409/24,0)+1,1)*INDEX($D$3:$AA$30,INDEX(Jesper!$R$2:$R$366,ROW(INDEX(Jesper!AI$2:AI$366,ROUNDDOWN($C409/24,0)+1,1))-1)+IF('Standard Profiles'!$G$19=$B$10,7,0)+IF('Standard Profiles'!$G$19=$B$17,14,0)+IF('Standard Profiles'!$G$19=$B$24,21,0),MOD($C409,24)+1)/SUM(INDEX($D$3:$AA$30,INDEX(Jesper!$R$2:$R$366,ROW(INDEX(Jesper!AI$2:AI$366,ROUNDDOWN($C409/24,0)+1,1))-1)+IF('Standard Profiles'!$G$19=$B$10,7,0)+IF('Standard Profiles'!$G$19=$B$17,14,0)+IF('Standard Profiles'!$G$19=$B$24,21,0),0)),0)</f>
        <v>41.175554082220181</v>
      </c>
      <c r="F409" cm="1">
        <f t="array" ref="F409">IFERROR(INDEX(Jesper!AJ$2:AJ$366,ROUNDDOWN($C409/24,0)+1,1)*INDEX($D$3:$AA$30,INDEX(Jesper!$R$2:$R$366,ROW(INDEX(Jesper!AJ$2:AJ$366,ROUNDDOWN($C409/24,0)+1,1))-1)+IF('Standard Profiles'!$G$20=$B$10,7,0)+IF('Standard Profiles'!$G$20=$B$17,14,0)+IF('Standard Profiles'!$G$20=$B$24,21,0),MOD($C409,24)+1)/SUM(INDEX($D$3:$AA$30,INDEX(Jesper!$R$2:$R$366,ROW(INDEX(Jesper!AJ$2:AJ$366,ROUNDDOWN($C409/24,0)+1,1))-1)+IF('Standard Profiles'!$G$20=$B$10,7,0)+IF('Standard Profiles'!$G$20=$B$17,14,0)+IF('Standard Profiles'!$G$20=$B$24,21,0),0)),0)</f>
        <v>0</v>
      </c>
      <c r="G409" cm="1">
        <f t="array" ref="G409">IFERROR(INDEX(Jesper!AK$2:AK$366,ROUNDDOWN($C409/24,0)+1,1)*INDEX($D$3:$AA$30,INDEX(Jesper!$R$2:$R$366,ROW(INDEX(Jesper!AK$2:AK$366,ROUNDDOWN($C409/24,0)+1,1))-1)+IF('Standard Profiles'!$G$21=$B$10,7,0)+IF('Standard Profiles'!$G$21=$B$17,14,0)+IF('Standard Profiles'!$G$21=$B$24,21,0),MOD($C409,24)+1)/SUM(INDEX($D$3:$AA$30,INDEX(Jesper!$R$2:$R$366,ROW(INDEX(Jesper!AK$2:AK$366,ROUNDDOWN($C409/24,0)+1,1))-1)+IF('Standard Profiles'!$G$21=$B$10,7,0)+IF('Standard Profiles'!$G$21=$B$17,14,0)+IF('Standard Profiles'!$G$21=$B$24,21,0),0)),0)</f>
        <v>33.203470620086087</v>
      </c>
      <c r="H409" cm="1">
        <f t="array" ref="H409">IFERROR(INDEX(Jesper!AL$2:AL$366,ROUNDDOWN($C409/24,0)+1,1)*INDEX($D$3:$AA$30,INDEX(Jesper!$R$2:$R$366,ROW(INDEX(Jesper!AL$2:AL$366,ROUNDDOWN($C409/24,0)+1,1))-1)+IF('Standard Profiles'!$G$22=$B$10,7,0)+IF('Standard Profiles'!$G$22=$B$17,14,0)+IF('Standard Profiles'!$G$22=$B$24,21,0),MOD($C409,24)+1)/SUM(INDEX($D$3:$AA$30,INDEX(Jesper!$R$2:$R$366,ROW(INDEX(Jesper!AL$2:AL$366,ROUNDDOWN($C409/24,0)+1,1))-1)+IF('Standard Profiles'!$G$22=$B$10,7,0)+IF('Standard Profiles'!$G$22=$B$17,14,0)+IF('Standard Profiles'!$G$22=$B$24,21,0),0)),0)</f>
        <v>0</v>
      </c>
      <c r="I409">
        <f t="shared" si="55"/>
        <v>15.937665897641313</v>
      </c>
      <c r="J409">
        <f t="shared" si="56"/>
        <v>89.551668007439474</v>
      </c>
      <c r="K409">
        <f t="shared" si="57"/>
        <v>3.9505154543205747</v>
      </c>
      <c r="L409">
        <f t="shared" si="58"/>
        <v>1.9752577271602874</v>
      </c>
      <c r="M409">
        <f t="shared" si="59"/>
        <v>0</v>
      </c>
      <c r="N409" s="45">
        <f t="shared" si="60"/>
        <v>44942.624999999091</v>
      </c>
    </row>
    <row r="410" spans="2:14" x14ac:dyDescent="0.25">
      <c r="B410">
        <f t="shared" si="54"/>
        <v>1</v>
      </c>
      <c r="C410" s="16">
        <v>376</v>
      </c>
      <c r="D410" cm="1">
        <f t="array" ref="D410">IFERROR(INDEX(Jesper!AH$2:AH$366,ROUNDDOWN($C410/24,0)+1,1)*INDEX($D$3:$AA$30,INDEX(Jesper!$R$2:$R$366,ROW(INDEX(Jesper!AH$2:AH$366,ROUNDDOWN($C410/24,0)+1,1))-1)+IF('Standard Profiles'!$G$18=$B$10,7,0)+IF('Standard Profiles'!$G$18=$B$17,14,0)+IF('Standard Profiles'!$G$18=$B$24,21,0),MOD($C410,24)+1)/SUM(INDEX($D$3:$AA$30,INDEX(Jesper!$R$2:$R$366,ROW(INDEX(Jesper!AH$2:AH$366,ROUNDDOWN($C410/24,0)+1,1))-1)+IF('Standard Profiles'!$G$18=$B$10,7,0)+IF('Standard Profiles'!$G$18=$B$17,14,0)+IF('Standard Profiles'!$G$18=$B$24,21,0),0)),0)</f>
        <v>21.604381390815643</v>
      </c>
      <c r="E410" cm="1">
        <f t="array" ref="E410">IFERROR(INDEX(Jesper!AI$2:AI$366,ROUNDDOWN($C410/24,0)+1,1)*INDEX($D$3:$AA$30,INDEX(Jesper!$R$2:$R$366,ROW(INDEX(Jesper!AI$2:AI$366,ROUNDDOWN($C410/24,0)+1,1))-1)+IF('Standard Profiles'!$G$19=$B$10,7,0)+IF('Standard Profiles'!$G$19=$B$17,14,0)+IF('Standard Profiles'!$G$19=$B$24,21,0),MOD($C410,24)+1)/SUM(INDEX($D$3:$AA$30,INDEX(Jesper!$R$2:$R$366,ROW(INDEX(Jesper!AI$2:AI$366,ROUNDDOWN($C410/24,0)+1,1))-1)+IF('Standard Profiles'!$G$19=$B$10,7,0)+IF('Standard Profiles'!$G$19=$B$17,14,0)+IF('Standard Profiles'!$G$19=$B$24,21,0),0)),0)</f>
        <v>24.019073214628435</v>
      </c>
      <c r="F410" cm="1">
        <f t="array" ref="F410">IFERROR(INDEX(Jesper!AJ$2:AJ$366,ROUNDDOWN($C410/24,0)+1,1)*INDEX($D$3:$AA$30,INDEX(Jesper!$R$2:$R$366,ROW(INDEX(Jesper!AJ$2:AJ$366,ROUNDDOWN($C410/24,0)+1,1))-1)+IF('Standard Profiles'!$G$20=$B$10,7,0)+IF('Standard Profiles'!$G$20=$B$17,14,0)+IF('Standard Profiles'!$G$20=$B$24,21,0),MOD($C410,24)+1)/SUM(INDEX($D$3:$AA$30,INDEX(Jesper!$R$2:$R$366,ROW(INDEX(Jesper!AJ$2:AJ$366,ROUNDDOWN($C410/24,0)+1,1))-1)+IF('Standard Profiles'!$G$20=$B$10,7,0)+IF('Standard Profiles'!$G$20=$B$17,14,0)+IF('Standard Profiles'!$G$20=$B$24,21,0),0)),0)</f>
        <v>0</v>
      </c>
      <c r="G410" cm="1">
        <f t="array" ref="G410">IFERROR(INDEX(Jesper!AK$2:AK$366,ROUNDDOWN($C410/24,0)+1,1)*INDEX($D$3:$AA$30,INDEX(Jesper!$R$2:$R$366,ROW(INDEX(Jesper!AK$2:AK$366,ROUNDDOWN($C410/24,0)+1,1))-1)+IF('Standard Profiles'!$G$21=$B$10,7,0)+IF('Standard Profiles'!$G$21=$B$17,14,0)+IF('Standard Profiles'!$G$21=$B$24,21,0),MOD($C410,24)+1)/SUM(INDEX($D$3:$AA$30,INDEX(Jesper!$R$2:$R$366,ROW(INDEX(Jesper!AK$2:AK$366,ROUNDDOWN($C410/24,0)+1,1))-1)+IF('Standard Profiles'!$G$21=$B$10,7,0)+IF('Standard Profiles'!$G$21=$B$17,14,0)+IF('Standard Profiles'!$G$21=$B$24,21,0),0)),0)</f>
        <v>27.669558850071745</v>
      </c>
      <c r="H410" cm="1">
        <f t="array" ref="H410">IFERROR(INDEX(Jesper!AL$2:AL$366,ROUNDDOWN($C410/24,0)+1,1)*INDEX($D$3:$AA$30,INDEX(Jesper!$R$2:$R$366,ROW(INDEX(Jesper!AL$2:AL$366,ROUNDDOWN($C410/24,0)+1,1))-1)+IF('Standard Profiles'!$G$22=$B$10,7,0)+IF('Standard Profiles'!$G$22=$B$17,14,0)+IF('Standard Profiles'!$G$22=$B$24,21,0),MOD($C410,24)+1)/SUM(INDEX($D$3:$AA$30,INDEX(Jesper!$R$2:$R$366,ROW(INDEX(Jesper!AL$2:AL$366,ROUNDDOWN($C410/24,0)+1,1))-1)+IF('Standard Profiles'!$G$22=$B$10,7,0)+IF('Standard Profiles'!$G$22=$B$17,14,0)+IF('Standard Profiles'!$G$22=$B$24,21,0),0)),0)</f>
        <v>0</v>
      </c>
      <c r="I410">
        <f t="shared" si="55"/>
        <v>13.28138824803443</v>
      </c>
      <c r="J410">
        <f t="shared" si="56"/>
        <v>56.554924184950885</v>
      </c>
      <c r="K410">
        <f t="shared" si="57"/>
        <v>2.3044673483536688</v>
      </c>
      <c r="L410">
        <f t="shared" si="58"/>
        <v>1.1522336741768344</v>
      </c>
      <c r="M410">
        <f t="shared" si="59"/>
        <v>0</v>
      </c>
      <c r="N410" s="45">
        <f t="shared" si="60"/>
        <v>44942.666666665755</v>
      </c>
    </row>
    <row r="411" spans="2:14" x14ac:dyDescent="0.25">
      <c r="B411">
        <f t="shared" si="54"/>
        <v>1</v>
      </c>
      <c r="C411" s="16">
        <v>377</v>
      </c>
      <c r="D411" cm="1">
        <f t="array" ref="D411">IFERROR(INDEX(Jesper!AH$2:AH$366,ROUNDDOWN($C411/24,0)+1,1)*INDEX($D$3:$AA$30,INDEX(Jesper!$R$2:$R$366,ROW(INDEX(Jesper!AH$2:AH$366,ROUNDDOWN($C411/24,0)+1,1))-1)+IF('Standard Profiles'!$G$18=$B$10,7,0)+IF('Standard Profiles'!$G$18=$B$17,14,0)+IF('Standard Profiles'!$G$18=$B$24,21,0),MOD($C411,24)+1)/SUM(INDEX($D$3:$AA$30,INDEX(Jesper!$R$2:$R$366,ROW(INDEX(Jesper!AH$2:AH$366,ROUNDDOWN($C411/24,0)+1,1))-1)+IF('Standard Profiles'!$G$18=$B$10,7,0)+IF('Standard Profiles'!$G$18=$B$17,14,0)+IF('Standard Profiles'!$G$18=$B$24,21,0),0)),0)</f>
        <v>6.172680397375899</v>
      </c>
      <c r="E411" cm="1">
        <f t="array" ref="E411">IFERROR(INDEX(Jesper!AI$2:AI$366,ROUNDDOWN($C411/24,0)+1,1)*INDEX($D$3:$AA$30,INDEX(Jesper!$R$2:$R$366,ROW(INDEX(Jesper!AI$2:AI$366,ROUNDDOWN($C411/24,0)+1,1))-1)+IF('Standard Profiles'!$G$19=$B$10,7,0)+IF('Standard Profiles'!$G$19=$B$17,14,0)+IF('Standard Profiles'!$G$19=$B$24,21,0),MOD($C411,24)+1)/SUM(INDEX($D$3:$AA$30,INDEX(Jesper!$R$2:$R$366,ROW(INDEX(Jesper!AI$2:AI$366,ROUNDDOWN($C411/24,0)+1,1))-1)+IF('Standard Profiles'!$G$19=$B$10,7,0)+IF('Standard Profiles'!$G$19=$B$17,14,0)+IF('Standard Profiles'!$G$19=$B$24,21,0),0)),0)</f>
        <v>6.8625923470366965</v>
      </c>
      <c r="F411" cm="1">
        <f t="array" ref="F411">IFERROR(INDEX(Jesper!AJ$2:AJ$366,ROUNDDOWN($C411/24,0)+1,1)*INDEX($D$3:$AA$30,INDEX(Jesper!$R$2:$R$366,ROW(INDEX(Jesper!AJ$2:AJ$366,ROUNDDOWN($C411/24,0)+1,1))-1)+IF('Standard Profiles'!$G$20=$B$10,7,0)+IF('Standard Profiles'!$G$20=$B$17,14,0)+IF('Standard Profiles'!$G$20=$B$24,21,0),MOD($C411,24)+1)/SUM(INDEX($D$3:$AA$30,INDEX(Jesper!$R$2:$R$366,ROW(INDEX(Jesper!AJ$2:AJ$366,ROUNDDOWN($C411/24,0)+1,1))-1)+IF('Standard Profiles'!$G$20=$B$10,7,0)+IF('Standard Profiles'!$G$20=$B$17,14,0)+IF('Standard Profiles'!$G$20=$B$24,21,0),0)),0)</f>
        <v>0</v>
      </c>
      <c r="G411" cm="1">
        <f t="array" ref="G411">IFERROR(INDEX(Jesper!AK$2:AK$366,ROUNDDOWN($C411/24,0)+1,1)*INDEX($D$3:$AA$30,INDEX(Jesper!$R$2:$R$366,ROW(INDEX(Jesper!AK$2:AK$366,ROUNDDOWN($C411/24,0)+1,1))-1)+IF('Standard Profiles'!$G$21=$B$10,7,0)+IF('Standard Profiles'!$G$21=$B$17,14,0)+IF('Standard Profiles'!$G$21=$B$24,21,0),MOD($C411,24)+1)/SUM(INDEX($D$3:$AA$30,INDEX(Jesper!$R$2:$R$366,ROW(INDEX(Jesper!AK$2:AK$366,ROUNDDOWN($C411/24,0)+1,1))-1)+IF('Standard Profiles'!$G$21=$B$10,7,0)+IF('Standard Profiles'!$G$21=$B$17,14,0)+IF('Standard Profiles'!$G$21=$B$24,21,0),0)),0)</f>
        <v>22.262863442586461</v>
      </c>
      <c r="H411" cm="1">
        <f t="array" ref="H411">IFERROR(INDEX(Jesper!AL$2:AL$366,ROUNDDOWN($C411/24,0)+1,1)*INDEX($D$3:$AA$30,INDEX(Jesper!$R$2:$R$366,ROW(INDEX(Jesper!AL$2:AL$366,ROUNDDOWN($C411/24,0)+1,1))-1)+IF('Standard Profiles'!$G$22=$B$10,7,0)+IF('Standard Profiles'!$G$22=$B$17,14,0)+IF('Standard Profiles'!$G$22=$B$24,21,0),MOD($C411,24)+1)/SUM(INDEX($D$3:$AA$30,INDEX(Jesper!$R$2:$R$366,ROW(INDEX(Jesper!AL$2:AL$366,ROUNDDOWN($C411/24,0)+1,1))-1)+IF('Standard Profiles'!$G$22=$B$10,7,0)+IF('Standard Profiles'!$G$22=$B$17,14,0)+IF('Standard Profiles'!$G$22=$B$24,21,0),0)),0)</f>
        <v>0</v>
      </c>
      <c r="I411">
        <f t="shared" si="55"/>
        <v>10.686174452441495</v>
      </c>
      <c r="J411">
        <f t="shared" si="56"/>
        <v>23.624332870977419</v>
      </c>
      <c r="K411">
        <f t="shared" si="57"/>
        <v>0.65841924238676264</v>
      </c>
      <c r="L411">
        <f t="shared" si="58"/>
        <v>0.32920962119338132</v>
      </c>
      <c r="M411">
        <f t="shared" si="59"/>
        <v>0</v>
      </c>
      <c r="N411" s="45">
        <f t="shared" si="60"/>
        <v>44942.708333332419</v>
      </c>
    </row>
    <row r="412" spans="2:14" x14ac:dyDescent="0.25">
      <c r="B412">
        <f t="shared" si="54"/>
        <v>1</v>
      </c>
      <c r="C412" s="16">
        <v>378</v>
      </c>
      <c r="D412" cm="1">
        <f t="array" ref="D412">IFERROR(INDEX(Jesper!AH$2:AH$366,ROUNDDOWN($C412/24,0)+1,1)*INDEX($D$3:$AA$30,INDEX(Jesper!$R$2:$R$366,ROW(INDEX(Jesper!AH$2:AH$366,ROUNDDOWN($C412/24,0)+1,1))-1)+IF('Standard Profiles'!$G$18=$B$10,7,0)+IF('Standard Profiles'!$G$18=$B$17,14,0)+IF('Standard Profiles'!$G$18=$B$24,21,0),MOD($C412,24)+1)/SUM(INDEX($D$3:$AA$30,INDEX(Jesper!$R$2:$R$366,ROW(INDEX(Jesper!AH$2:AH$366,ROUNDDOWN($C412/24,0)+1,1))-1)+IF('Standard Profiles'!$G$18=$B$10,7,0)+IF('Standard Profiles'!$G$18=$B$17,14,0)+IF('Standard Profiles'!$G$18=$B$24,21,0),0)),0)</f>
        <v>6.0857412368494774</v>
      </c>
      <c r="E412" cm="1">
        <f t="array" ref="E412">IFERROR(INDEX(Jesper!AI$2:AI$366,ROUNDDOWN($C412/24,0)+1,1)*INDEX($D$3:$AA$30,INDEX(Jesper!$R$2:$R$366,ROW(INDEX(Jesper!AI$2:AI$366,ROUNDDOWN($C412/24,0)+1,1))-1)+IF('Standard Profiles'!$G$19=$B$10,7,0)+IF('Standard Profiles'!$G$19=$B$17,14,0)+IF('Standard Profiles'!$G$19=$B$24,21,0),MOD($C412,24)+1)/SUM(INDEX($D$3:$AA$30,INDEX(Jesper!$R$2:$R$366,ROW(INDEX(Jesper!AI$2:AI$366,ROUNDDOWN($C412/24,0)+1,1))-1)+IF('Standard Profiles'!$G$19=$B$10,7,0)+IF('Standard Profiles'!$G$19=$B$17,14,0)+IF('Standard Profiles'!$G$19=$B$24,21,0),0)),0)</f>
        <v>6.7659361167967429</v>
      </c>
      <c r="F412" cm="1">
        <f t="array" ref="F412">IFERROR(INDEX(Jesper!AJ$2:AJ$366,ROUNDDOWN($C412/24,0)+1,1)*INDEX($D$3:$AA$30,INDEX(Jesper!$R$2:$R$366,ROW(INDEX(Jesper!AJ$2:AJ$366,ROUNDDOWN($C412/24,0)+1,1))-1)+IF('Standard Profiles'!$G$20=$B$10,7,0)+IF('Standard Profiles'!$G$20=$B$17,14,0)+IF('Standard Profiles'!$G$20=$B$24,21,0),MOD($C412,24)+1)/SUM(INDEX($D$3:$AA$30,INDEX(Jesper!$R$2:$R$366,ROW(INDEX(Jesper!AJ$2:AJ$366,ROUNDDOWN($C412/24,0)+1,1))-1)+IF('Standard Profiles'!$G$20=$B$10,7,0)+IF('Standard Profiles'!$G$20=$B$17,14,0)+IF('Standard Profiles'!$G$20=$B$24,21,0),0)),0)</f>
        <v>0</v>
      </c>
      <c r="G412" cm="1">
        <f t="array" ref="G412">IFERROR(INDEX(Jesper!AK$2:AK$366,ROUNDDOWN($C412/24,0)+1,1)*INDEX($D$3:$AA$30,INDEX(Jesper!$R$2:$R$366,ROW(INDEX(Jesper!AK$2:AK$366,ROUNDDOWN($C412/24,0)+1,1))-1)+IF('Standard Profiles'!$G$21=$B$10,7,0)+IF('Standard Profiles'!$G$21=$B$17,14,0)+IF('Standard Profiles'!$G$21=$B$24,21,0),MOD($C412,24)+1)/SUM(INDEX($D$3:$AA$30,INDEX(Jesper!$R$2:$R$366,ROW(INDEX(Jesper!AK$2:AK$366,ROUNDDOWN($C412/24,0)+1,1))-1)+IF('Standard Profiles'!$G$21=$B$10,7,0)+IF('Standard Profiles'!$G$21=$B$17,14,0)+IF('Standard Profiles'!$G$21=$B$24,21,0),0)),0)</f>
        <v>7.9510226580665933</v>
      </c>
      <c r="H412" cm="1">
        <f t="array" ref="H412">IFERROR(INDEX(Jesper!AL$2:AL$366,ROUNDDOWN($C412/24,0)+1,1)*INDEX($D$3:$AA$30,INDEX(Jesper!$R$2:$R$366,ROW(INDEX(Jesper!AL$2:AL$366,ROUNDDOWN($C412/24,0)+1,1))-1)+IF('Standard Profiles'!$G$22=$B$10,7,0)+IF('Standard Profiles'!$G$22=$B$17,14,0)+IF('Standard Profiles'!$G$22=$B$24,21,0),MOD($C412,24)+1)/SUM(INDEX($D$3:$AA$30,INDEX(Jesper!$R$2:$R$366,ROW(INDEX(Jesper!AL$2:AL$366,ROUNDDOWN($C412/24,0)+1,1))-1)+IF('Standard Profiles'!$G$22=$B$10,7,0)+IF('Standard Profiles'!$G$22=$B$17,14,0)+IF('Standard Profiles'!$G$22=$B$24,21,0),0)),0)</f>
        <v>0</v>
      </c>
      <c r="I412">
        <f t="shared" si="55"/>
        <v>3.8164908758719629</v>
      </c>
      <c r="J412">
        <f t="shared" si="56"/>
        <v>16.012490537944934</v>
      </c>
      <c r="K412">
        <f t="shared" si="57"/>
        <v>0.64914573193061098</v>
      </c>
      <c r="L412">
        <f t="shared" si="58"/>
        <v>0.32457286596530549</v>
      </c>
      <c r="M412">
        <f t="shared" si="59"/>
        <v>0</v>
      </c>
      <c r="N412" s="45">
        <f t="shared" si="60"/>
        <v>44942.749999999083</v>
      </c>
    </row>
    <row r="413" spans="2:14" x14ac:dyDescent="0.25">
      <c r="B413">
        <f t="shared" si="54"/>
        <v>1</v>
      </c>
      <c r="C413" s="16">
        <v>379</v>
      </c>
      <c r="D413" cm="1">
        <f t="array" ref="D413">IFERROR(INDEX(Jesper!AH$2:AH$366,ROUNDDOWN($C413/24,0)+1,1)*INDEX($D$3:$AA$30,INDEX(Jesper!$R$2:$R$366,ROW(INDEX(Jesper!AH$2:AH$366,ROUNDDOWN($C413/24,0)+1,1))-1)+IF('Standard Profiles'!$G$18=$B$10,7,0)+IF('Standard Profiles'!$G$18=$B$17,14,0)+IF('Standard Profiles'!$G$18=$B$24,21,0),MOD($C413,24)+1)/SUM(INDEX($D$3:$AA$30,INDEX(Jesper!$R$2:$R$366,ROW(INDEX(Jesper!AH$2:AH$366,ROUNDDOWN($C413/24,0)+1,1))-1)+IF('Standard Profiles'!$G$18=$B$10,7,0)+IF('Standard Profiles'!$G$18=$B$17,14,0)+IF('Standard Profiles'!$G$18=$B$24,21,0),0)),0)</f>
        <v>6.0857412368494774</v>
      </c>
      <c r="E413" cm="1">
        <f t="array" ref="E413">IFERROR(INDEX(Jesper!AI$2:AI$366,ROUNDDOWN($C413/24,0)+1,1)*INDEX($D$3:$AA$30,INDEX(Jesper!$R$2:$R$366,ROW(INDEX(Jesper!AI$2:AI$366,ROUNDDOWN($C413/24,0)+1,1))-1)+IF('Standard Profiles'!$G$19=$B$10,7,0)+IF('Standard Profiles'!$G$19=$B$17,14,0)+IF('Standard Profiles'!$G$19=$B$24,21,0),MOD($C413,24)+1)/SUM(INDEX($D$3:$AA$30,INDEX(Jesper!$R$2:$R$366,ROW(INDEX(Jesper!AI$2:AI$366,ROUNDDOWN($C413/24,0)+1,1))-1)+IF('Standard Profiles'!$G$19=$B$10,7,0)+IF('Standard Profiles'!$G$19=$B$17,14,0)+IF('Standard Profiles'!$G$19=$B$24,21,0),0)),0)</f>
        <v>6.7659361167967429</v>
      </c>
      <c r="F413" cm="1">
        <f t="array" ref="F413">IFERROR(INDEX(Jesper!AJ$2:AJ$366,ROUNDDOWN($C413/24,0)+1,1)*INDEX($D$3:$AA$30,INDEX(Jesper!$R$2:$R$366,ROW(INDEX(Jesper!AJ$2:AJ$366,ROUNDDOWN($C413/24,0)+1,1))-1)+IF('Standard Profiles'!$G$20=$B$10,7,0)+IF('Standard Profiles'!$G$20=$B$17,14,0)+IF('Standard Profiles'!$G$20=$B$24,21,0),MOD($C413,24)+1)/SUM(INDEX($D$3:$AA$30,INDEX(Jesper!$R$2:$R$366,ROW(INDEX(Jesper!AJ$2:AJ$366,ROUNDDOWN($C413/24,0)+1,1))-1)+IF('Standard Profiles'!$G$20=$B$10,7,0)+IF('Standard Profiles'!$G$20=$B$17,14,0)+IF('Standard Profiles'!$G$20=$B$24,21,0),0)),0)</f>
        <v>0</v>
      </c>
      <c r="G413" cm="1">
        <f t="array" ref="G413">IFERROR(INDEX(Jesper!AK$2:AK$366,ROUNDDOWN($C413/24,0)+1,1)*INDEX($D$3:$AA$30,INDEX(Jesper!$R$2:$R$366,ROW(INDEX(Jesper!AK$2:AK$366,ROUNDDOWN($C413/24,0)+1,1))-1)+IF('Standard Profiles'!$G$21=$B$10,7,0)+IF('Standard Profiles'!$G$21=$B$17,14,0)+IF('Standard Profiles'!$G$21=$B$24,21,0),MOD($C413,24)+1)/SUM(INDEX($D$3:$AA$30,INDEX(Jesper!$R$2:$R$366,ROW(INDEX(Jesper!AK$2:AK$366,ROUNDDOWN($C413/24,0)+1,1))-1)+IF('Standard Profiles'!$G$21=$B$10,7,0)+IF('Standard Profiles'!$G$21=$B$17,14,0)+IF('Standard Profiles'!$G$21=$B$24,21,0),0)),0)</f>
        <v>7.9510226580665933</v>
      </c>
      <c r="H413" cm="1">
        <f t="array" ref="H413">IFERROR(INDEX(Jesper!AL$2:AL$366,ROUNDDOWN($C413/24,0)+1,1)*INDEX($D$3:$AA$30,INDEX(Jesper!$R$2:$R$366,ROW(INDEX(Jesper!AL$2:AL$366,ROUNDDOWN($C413/24,0)+1,1))-1)+IF('Standard Profiles'!$G$22=$B$10,7,0)+IF('Standard Profiles'!$G$22=$B$17,14,0)+IF('Standard Profiles'!$G$22=$B$24,21,0),MOD($C413,24)+1)/SUM(INDEX($D$3:$AA$30,INDEX(Jesper!$R$2:$R$366,ROW(INDEX(Jesper!AL$2:AL$366,ROUNDDOWN($C413/24,0)+1,1))-1)+IF('Standard Profiles'!$G$22=$B$10,7,0)+IF('Standard Profiles'!$G$22=$B$17,14,0)+IF('Standard Profiles'!$G$22=$B$24,21,0),0)),0)</f>
        <v>0</v>
      </c>
      <c r="I413">
        <f t="shared" si="55"/>
        <v>3.8164908758719629</v>
      </c>
      <c r="J413">
        <f t="shared" si="56"/>
        <v>16.012490537944934</v>
      </c>
      <c r="K413">
        <f t="shared" si="57"/>
        <v>0.64914573193061098</v>
      </c>
      <c r="L413">
        <f t="shared" si="58"/>
        <v>0.32457286596530549</v>
      </c>
      <c r="M413">
        <f t="shared" si="59"/>
        <v>0</v>
      </c>
      <c r="N413" s="45">
        <f t="shared" si="60"/>
        <v>44942.791666665747</v>
      </c>
    </row>
    <row r="414" spans="2:14" x14ac:dyDescent="0.25">
      <c r="B414">
        <f t="shared" si="54"/>
        <v>1</v>
      </c>
      <c r="C414" s="16">
        <v>380</v>
      </c>
      <c r="D414" cm="1">
        <f t="array" ref="D414">IFERROR(INDEX(Jesper!AH$2:AH$366,ROUNDDOWN($C414/24,0)+1,1)*INDEX($D$3:$AA$30,INDEX(Jesper!$R$2:$R$366,ROW(INDEX(Jesper!AH$2:AH$366,ROUNDDOWN($C414/24,0)+1,1))-1)+IF('Standard Profiles'!$G$18=$B$10,7,0)+IF('Standard Profiles'!$G$18=$B$17,14,0)+IF('Standard Profiles'!$G$18=$B$24,21,0),MOD($C414,24)+1)/SUM(INDEX($D$3:$AA$30,INDEX(Jesper!$R$2:$R$366,ROW(INDEX(Jesper!AH$2:AH$366,ROUNDDOWN($C414/24,0)+1,1))-1)+IF('Standard Profiles'!$G$18=$B$10,7,0)+IF('Standard Profiles'!$G$18=$B$17,14,0)+IF('Standard Profiles'!$G$18=$B$24,21,0),0)),0)</f>
        <v>6.0857412368494774</v>
      </c>
      <c r="E414" cm="1">
        <f t="array" ref="E414">IFERROR(INDEX(Jesper!AI$2:AI$366,ROUNDDOWN($C414/24,0)+1,1)*INDEX($D$3:$AA$30,INDEX(Jesper!$R$2:$R$366,ROW(INDEX(Jesper!AI$2:AI$366,ROUNDDOWN($C414/24,0)+1,1))-1)+IF('Standard Profiles'!$G$19=$B$10,7,0)+IF('Standard Profiles'!$G$19=$B$17,14,0)+IF('Standard Profiles'!$G$19=$B$24,21,0),MOD($C414,24)+1)/SUM(INDEX($D$3:$AA$30,INDEX(Jesper!$R$2:$R$366,ROW(INDEX(Jesper!AI$2:AI$366,ROUNDDOWN($C414/24,0)+1,1))-1)+IF('Standard Profiles'!$G$19=$B$10,7,0)+IF('Standard Profiles'!$G$19=$B$17,14,0)+IF('Standard Profiles'!$G$19=$B$24,21,0),0)),0)</f>
        <v>6.7659361167967429</v>
      </c>
      <c r="F414" cm="1">
        <f t="array" ref="F414">IFERROR(INDEX(Jesper!AJ$2:AJ$366,ROUNDDOWN($C414/24,0)+1,1)*INDEX($D$3:$AA$30,INDEX(Jesper!$R$2:$R$366,ROW(INDEX(Jesper!AJ$2:AJ$366,ROUNDDOWN($C414/24,0)+1,1))-1)+IF('Standard Profiles'!$G$20=$B$10,7,0)+IF('Standard Profiles'!$G$20=$B$17,14,0)+IF('Standard Profiles'!$G$20=$B$24,21,0),MOD($C414,24)+1)/SUM(INDEX($D$3:$AA$30,INDEX(Jesper!$R$2:$R$366,ROW(INDEX(Jesper!AJ$2:AJ$366,ROUNDDOWN($C414/24,0)+1,1))-1)+IF('Standard Profiles'!$G$20=$B$10,7,0)+IF('Standard Profiles'!$G$20=$B$17,14,0)+IF('Standard Profiles'!$G$20=$B$24,21,0),0)),0)</f>
        <v>0</v>
      </c>
      <c r="G414" cm="1">
        <f t="array" ref="G414">IFERROR(INDEX(Jesper!AK$2:AK$366,ROUNDDOWN($C414/24,0)+1,1)*INDEX($D$3:$AA$30,INDEX(Jesper!$R$2:$R$366,ROW(INDEX(Jesper!AK$2:AK$366,ROUNDDOWN($C414/24,0)+1,1))-1)+IF('Standard Profiles'!$G$21=$B$10,7,0)+IF('Standard Profiles'!$G$21=$B$17,14,0)+IF('Standard Profiles'!$G$21=$B$24,21,0),MOD($C414,24)+1)/SUM(INDEX($D$3:$AA$30,INDEX(Jesper!$R$2:$R$366,ROW(INDEX(Jesper!AK$2:AK$366,ROUNDDOWN($C414/24,0)+1,1))-1)+IF('Standard Profiles'!$G$21=$B$10,7,0)+IF('Standard Profiles'!$G$21=$B$17,14,0)+IF('Standard Profiles'!$G$21=$B$24,21,0),0)),0)</f>
        <v>7.9510226580665933</v>
      </c>
      <c r="H414" cm="1">
        <f t="array" ref="H414">IFERROR(INDEX(Jesper!AL$2:AL$366,ROUNDDOWN($C414/24,0)+1,1)*INDEX($D$3:$AA$30,INDEX(Jesper!$R$2:$R$366,ROW(INDEX(Jesper!AL$2:AL$366,ROUNDDOWN($C414/24,0)+1,1))-1)+IF('Standard Profiles'!$G$22=$B$10,7,0)+IF('Standard Profiles'!$G$22=$B$17,14,0)+IF('Standard Profiles'!$G$22=$B$24,21,0),MOD($C414,24)+1)/SUM(INDEX($D$3:$AA$30,INDEX(Jesper!$R$2:$R$366,ROW(INDEX(Jesper!AL$2:AL$366,ROUNDDOWN($C414/24,0)+1,1))-1)+IF('Standard Profiles'!$G$22=$B$10,7,0)+IF('Standard Profiles'!$G$22=$B$17,14,0)+IF('Standard Profiles'!$G$22=$B$24,21,0),0)),0)</f>
        <v>0</v>
      </c>
      <c r="I414">
        <f t="shared" si="55"/>
        <v>3.8164908758719629</v>
      </c>
      <c r="J414">
        <f t="shared" si="56"/>
        <v>16.012490537944934</v>
      </c>
      <c r="K414">
        <f t="shared" si="57"/>
        <v>0.64914573193061098</v>
      </c>
      <c r="L414">
        <f t="shared" si="58"/>
        <v>0.32457286596530549</v>
      </c>
      <c r="M414">
        <f t="shared" si="59"/>
        <v>0</v>
      </c>
      <c r="N414" s="45">
        <f t="shared" si="60"/>
        <v>44942.833333332412</v>
      </c>
    </row>
    <row r="415" spans="2:14" x14ac:dyDescent="0.25">
      <c r="B415">
        <f t="shared" si="54"/>
        <v>1</v>
      </c>
      <c r="C415" s="16">
        <v>381</v>
      </c>
      <c r="D415" cm="1">
        <f t="array" ref="D415">IFERROR(INDEX(Jesper!AH$2:AH$366,ROUNDDOWN($C415/24,0)+1,1)*INDEX($D$3:$AA$30,INDEX(Jesper!$R$2:$R$366,ROW(INDEX(Jesper!AH$2:AH$366,ROUNDDOWN($C415/24,0)+1,1))-1)+IF('Standard Profiles'!$G$18=$B$10,7,0)+IF('Standard Profiles'!$G$18=$B$17,14,0)+IF('Standard Profiles'!$G$18=$B$24,21,0),MOD($C415,24)+1)/SUM(INDEX($D$3:$AA$30,INDEX(Jesper!$R$2:$R$366,ROW(INDEX(Jesper!AH$2:AH$366,ROUNDDOWN($C415/24,0)+1,1))-1)+IF('Standard Profiles'!$G$18=$B$10,7,0)+IF('Standard Profiles'!$G$18=$B$17,14,0)+IF('Standard Profiles'!$G$18=$B$24,21,0),0)),0)</f>
        <v>6.0857412368494774</v>
      </c>
      <c r="E415" cm="1">
        <f t="array" ref="E415">IFERROR(INDEX(Jesper!AI$2:AI$366,ROUNDDOWN($C415/24,0)+1,1)*INDEX($D$3:$AA$30,INDEX(Jesper!$R$2:$R$366,ROW(INDEX(Jesper!AI$2:AI$366,ROUNDDOWN($C415/24,0)+1,1))-1)+IF('Standard Profiles'!$G$19=$B$10,7,0)+IF('Standard Profiles'!$G$19=$B$17,14,0)+IF('Standard Profiles'!$G$19=$B$24,21,0),MOD($C415,24)+1)/SUM(INDEX($D$3:$AA$30,INDEX(Jesper!$R$2:$R$366,ROW(INDEX(Jesper!AI$2:AI$366,ROUNDDOWN($C415/24,0)+1,1))-1)+IF('Standard Profiles'!$G$19=$B$10,7,0)+IF('Standard Profiles'!$G$19=$B$17,14,0)+IF('Standard Profiles'!$G$19=$B$24,21,0),0)),0)</f>
        <v>6.7659361167967429</v>
      </c>
      <c r="F415" cm="1">
        <f t="array" ref="F415">IFERROR(INDEX(Jesper!AJ$2:AJ$366,ROUNDDOWN($C415/24,0)+1,1)*INDEX($D$3:$AA$30,INDEX(Jesper!$R$2:$R$366,ROW(INDEX(Jesper!AJ$2:AJ$366,ROUNDDOWN($C415/24,0)+1,1))-1)+IF('Standard Profiles'!$G$20=$B$10,7,0)+IF('Standard Profiles'!$G$20=$B$17,14,0)+IF('Standard Profiles'!$G$20=$B$24,21,0),MOD($C415,24)+1)/SUM(INDEX($D$3:$AA$30,INDEX(Jesper!$R$2:$R$366,ROW(INDEX(Jesper!AJ$2:AJ$366,ROUNDDOWN($C415/24,0)+1,1))-1)+IF('Standard Profiles'!$G$20=$B$10,7,0)+IF('Standard Profiles'!$G$20=$B$17,14,0)+IF('Standard Profiles'!$G$20=$B$24,21,0),0)),0)</f>
        <v>0</v>
      </c>
      <c r="G415" cm="1">
        <f t="array" ref="G415">IFERROR(INDEX(Jesper!AK$2:AK$366,ROUNDDOWN($C415/24,0)+1,1)*INDEX($D$3:$AA$30,INDEX(Jesper!$R$2:$R$366,ROW(INDEX(Jesper!AK$2:AK$366,ROUNDDOWN($C415/24,0)+1,1))-1)+IF('Standard Profiles'!$G$21=$B$10,7,0)+IF('Standard Profiles'!$G$21=$B$17,14,0)+IF('Standard Profiles'!$G$21=$B$24,21,0),MOD($C415,24)+1)/SUM(INDEX($D$3:$AA$30,INDEX(Jesper!$R$2:$R$366,ROW(INDEX(Jesper!AK$2:AK$366,ROUNDDOWN($C415/24,0)+1,1))-1)+IF('Standard Profiles'!$G$21=$B$10,7,0)+IF('Standard Profiles'!$G$21=$B$17,14,0)+IF('Standard Profiles'!$G$21=$B$24,21,0),0)),0)</f>
        <v>7.9510226580665933</v>
      </c>
      <c r="H415" cm="1">
        <f t="array" ref="H415">IFERROR(INDEX(Jesper!AL$2:AL$366,ROUNDDOWN($C415/24,0)+1,1)*INDEX($D$3:$AA$30,INDEX(Jesper!$R$2:$R$366,ROW(INDEX(Jesper!AL$2:AL$366,ROUNDDOWN($C415/24,0)+1,1))-1)+IF('Standard Profiles'!$G$22=$B$10,7,0)+IF('Standard Profiles'!$G$22=$B$17,14,0)+IF('Standard Profiles'!$G$22=$B$24,21,0),MOD($C415,24)+1)/SUM(INDEX($D$3:$AA$30,INDEX(Jesper!$R$2:$R$366,ROW(INDEX(Jesper!AL$2:AL$366,ROUNDDOWN($C415/24,0)+1,1))-1)+IF('Standard Profiles'!$G$22=$B$10,7,0)+IF('Standard Profiles'!$G$22=$B$17,14,0)+IF('Standard Profiles'!$G$22=$B$24,21,0),0)),0)</f>
        <v>0</v>
      </c>
      <c r="I415">
        <f t="shared" si="55"/>
        <v>3.8164908758719629</v>
      </c>
      <c r="J415">
        <f t="shared" si="56"/>
        <v>16.012490537944934</v>
      </c>
      <c r="K415">
        <f t="shared" si="57"/>
        <v>0.64914573193061098</v>
      </c>
      <c r="L415">
        <f t="shared" si="58"/>
        <v>0.32457286596530549</v>
      </c>
      <c r="M415">
        <f t="shared" si="59"/>
        <v>0</v>
      </c>
      <c r="N415" s="45">
        <f t="shared" si="60"/>
        <v>44942.874999999076</v>
      </c>
    </row>
    <row r="416" spans="2:14" x14ac:dyDescent="0.25">
      <c r="B416">
        <f t="shared" si="54"/>
        <v>1</v>
      </c>
      <c r="C416" s="16">
        <v>382</v>
      </c>
      <c r="D416" cm="1">
        <f t="array" ref="D416">IFERROR(INDEX(Jesper!AH$2:AH$366,ROUNDDOWN($C416/24,0)+1,1)*INDEX($D$3:$AA$30,INDEX(Jesper!$R$2:$R$366,ROW(INDEX(Jesper!AH$2:AH$366,ROUNDDOWN($C416/24,0)+1,1))-1)+IF('Standard Profiles'!$G$18=$B$10,7,0)+IF('Standard Profiles'!$G$18=$B$17,14,0)+IF('Standard Profiles'!$G$18=$B$24,21,0),MOD($C416,24)+1)/SUM(INDEX($D$3:$AA$30,INDEX(Jesper!$R$2:$R$366,ROW(INDEX(Jesper!AH$2:AH$366,ROUNDDOWN($C416/24,0)+1,1))-1)+IF('Standard Profiles'!$G$18=$B$10,7,0)+IF('Standard Profiles'!$G$18=$B$17,14,0)+IF('Standard Profiles'!$G$18=$B$24,21,0),0)),0)</f>
        <v>6.0857412368494774</v>
      </c>
      <c r="E416" cm="1">
        <f t="array" ref="E416">IFERROR(INDEX(Jesper!AI$2:AI$366,ROUNDDOWN($C416/24,0)+1,1)*INDEX($D$3:$AA$30,INDEX(Jesper!$R$2:$R$366,ROW(INDEX(Jesper!AI$2:AI$366,ROUNDDOWN($C416/24,0)+1,1))-1)+IF('Standard Profiles'!$G$19=$B$10,7,0)+IF('Standard Profiles'!$G$19=$B$17,14,0)+IF('Standard Profiles'!$G$19=$B$24,21,0),MOD($C416,24)+1)/SUM(INDEX($D$3:$AA$30,INDEX(Jesper!$R$2:$R$366,ROW(INDEX(Jesper!AI$2:AI$366,ROUNDDOWN($C416/24,0)+1,1))-1)+IF('Standard Profiles'!$G$19=$B$10,7,0)+IF('Standard Profiles'!$G$19=$B$17,14,0)+IF('Standard Profiles'!$G$19=$B$24,21,0),0)),0)</f>
        <v>6.7659361167967429</v>
      </c>
      <c r="F416" cm="1">
        <f t="array" ref="F416">IFERROR(INDEX(Jesper!AJ$2:AJ$366,ROUNDDOWN($C416/24,0)+1,1)*INDEX($D$3:$AA$30,INDEX(Jesper!$R$2:$R$366,ROW(INDEX(Jesper!AJ$2:AJ$366,ROUNDDOWN($C416/24,0)+1,1))-1)+IF('Standard Profiles'!$G$20=$B$10,7,0)+IF('Standard Profiles'!$G$20=$B$17,14,0)+IF('Standard Profiles'!$G$20=$B$24,21,0),MOD($C416,24)+1)/SUM(INDEX($D$3:$AA$30,INDEX(Jesper!$R$2:$R$366,ROW(INDEX(Jesper!AJ$2:AJ$366,ROUNDDOWN($C416/24,0)+1,1))-1)+IF('Standard Profiles'!$G$20=$B$10,7,0)+IF('Standard Profiles'!$G$20=$B$17,14,0)+IF('Standard Profiles'!$G$20=$B$24,21,0),0)),0)</f>
        <v>0</v>
      </c>
      <c r="G416" cm="1">
        <f t="array" ref="G416">IFERROR(INDEX(Jesper!AK$2:AK$366,ROUNDDOWN($C416/24,0)+1,1)*INDEX($D$3:$AA$30,INDEX(Jesper!$R$2:$R$366,ROW(INDEX(Jesper!AK$2:AK$366,ROUNDDOWN($C416/24,0)+1,1))-1)+IF('Standard Profiles'!$G$21=$B$10,7,0)+IF('Standard Profiles'!$G$21=$B$17,14,0)+IF('Standard Profiles'!$G$21=$B$24,21,0),MOD($C416,24)+1)/SUM(INDEX($D$3:$AA$30,INDEX(Jesper!$R$2:$R$366,ROW(INDEX(Jesper!AK$2:AK$366,ROUNDDOWN($C416/24,0)+1,1))-1)+IF('Standard Profiles'!$G$21=$B$10,7,0)+IF('Standard Profiles'!$G$21=$B$17,14,0)+IF('Standard Profiles'!$G$21=$B$24,21,0),0)),0)</f>
        <v>7.9510226580665933</v>
      </c>
      <c r="H416" cm="1">
        <f t="array" ref="H416">IFERROR(INDEX(Jesper!AL$2:AL$366,ROUNDDOWN($C416/24,0)+1,1)*INDEX($D$3:$AA$30,INDEX(Jesper!$R$2:$R$366,ROW(INDEX(Jesper!AL$2:AL$366,ROUNDDOWN($C416/24,0)+1,1))-1)+IF('Standard Profiles'!$G$22=$B$10,7,0)+IF('Standard Profiles'!$G$22=$B$17,14,0)+IF('Standard Profiles'!$G$22=$B$24,21,0),MOD($C416,24)+1)/SUM(INDEX($D$3:$AA$30,INDEX(Jesper!$R$2:$R$366,ROW(INDEX(Jesper!AL$2:AL$366,ROUNDDOWN($C416/24,0)+1,1))-1)+IF('Standard Profiles'!$G$22=$B$10,7,0)+IF('Standard Profiles'!$G$22=$B$17,14,0)+IF('Standard Profiles'!$G$22=$B$24,21,0),0)),0)</f>
        <v>0</v>
      </c>
      <c r="I416">
        <f t="shared" si="55"/>
        <v>3.8164908758719629</v>
      </c>
      <c r="J416">
        <f t="shared" si="56"/>
        <v>16.012490537944934</v>
      </c>
      <c r="K416">
        <f t="shared" si="57"/>
        <v>0.64914573193061098</v>
      </c>
      <c r="L416">
        <f t="shared" si="58"/>
        <v>0.32457286596530549</v>
      </c>
      <c r="M416">
        <f t="shared" si="59"/>
        <v>0</v>
      </c>
      <c r="N416" s="45">
        <f t="shared" si="60"/>
        <v>44942.91666666574</v>
      </c>
    </row>
    <row r="417" spans="2:14" x14ac:dyDescent="0.25">
      <c r="B417">
        <f t="shared" si="54"/>
        <v>1</v>
      </c>
      <c r="C417" s="16">
        <v>383</v>
      </c>
      <c r="D417" cm="1">
        <f t="array" ref="D417">IFERROR(INDEX(Jesper!AH$2:AH$366,ROUNDDOWN($C417/24,0)+1,1)*INDEX($D$3:$AA$30,INDEX(Jesper!$R$2:$R$366,ROW(INDEX(Jesper!AH$2:AH$366,ROUNDDOWN($C417/24,0)+1,1))-1)+IF('Standard Profiles'!$G$18=$B$10,7,0)+IF('Standard Profiles'!$G$18=$B$17,14,0)+IF('Standard Profiles'!$G$18=$B$24,21,0),MOD($C417,24)+1)/SUM(INDEX($D$3:$AA$30,INDEX(Jesper!$R$2:$R$366,ROW(INDEX(Jesper!AH$2:AH$366,ROUNDDOWN($C417/24,0)+1,1))-1)+IF('Standard Profiles'!$G$18=$B$10,7,0)+IF('Standard Profiles'!$G$18=$B$17,14,0)+IF('Standard Profiles'!$G$18=$B$24,21,0),0)),0)</f>
        <v>6.0857412368494774</v>
      </c>
      <c r="E417" cm="1">
        <f t="array" ref="E417">IFERROR(INDEX(Jesper!AI$2:AI$366,ROUNDDOWN($C417/24,0)+1,1)*INDEX($D$3:$AA$30,INDEX(Jesper!$R$2:$R$366,ROW(INDEX(Jesper!AI$2:AI$366,ROUNDDOWN($C417/24,0)+1,1))-1)+IF('Standard Profiles'!$G$19=$B$10,7,0)+IF('Standard Profiles'!$G$19=$B$17,14,0)+IF('Standard Profiles'!$G$19=$B$24,21,0),MOD($C417,24)+1)/SUM(INDEX($D$3:$AA$30,INDEX(Jesper!$R$2:$R$366,ROW(INDEX(Jesper!AI$2:AI$366,ROUNDDOWN($C417/24,0)+1,1))-1)+IF('Standard Profiles'!$G$19=$B$10,7,0)+IF('Standard Profiles'!$G$19=$B$17,14,0)+IF('Standard Profiles'!$G$19=$B$24,21,0),0)),0)</f>
        <v>6.7659361167967429</v>
      </c>
      <c r="F417" cm="1">
        <f t="array" ref="F417">IFERROR(INDEX(Jesper!AJ$2:AJ$366,ROUNDDOWN($C417/24,0)+1,1)*INDEX($D$3:$AA$30,INDEX(Jesper!$R$2:$R$366,ROW(INDEX(Jesper!AJ$2:AJ$366,ROUNDDOWN($C417/24,0)+1,1))-1)+IF('Standard Profiles'!$G$20=$B$10,7,0)+IF('Standard Profiles'!$G$20=$B$17,14,0)+IF('Standard Profiles'!$G$20=$B$24,21,0),MOD($C417,24)+1)/SUM(INDEX($D$3:$AA$30,INDEX(Jesper!$R$2:$R$366,ROW(INDEX(Jesper!AJ$2:AJ$366,ROUNDDOWN($C417/24,0)+1,1))-1)+IF('Standard Profiles'!$G$20=$B$10,7,0)+IF('Standard Profiles'!$G$20=$B$17,14,0)+IF('Standard Profiles'!$G$20=$B$24,21,0),0)),0)</f>
        <v>0</v>
      </c>
      <c r="G417" cm="1">
        <f t="array" ref="G417">IFERROR(INDEX(Jesper!AK$2:AK$366,ROUNDDOWN($C417/24,0)+1,1)*INDEX($D$3:$AA$30,INDEX(Jesper!$R$2:$R$366,ROW(INDEX(Jesper!AK$2:AK$366,ROUNDDOWN($C417/24,0)+1,1))-1)+IF('Standard Profiles'!$G$21=$B$10,7,0)+IF('Standard Profiles'!$G$21=$B$17,14,0)+IF('Standard Profiles'!$G$21=$B$24,21,0),MOD($C417,24)+1)/SUM(INDEX($D$3:$AA$30,INDEX(Jesper!$R$2:$R$366,ROW(INDEX(Jesper!AK$2:AK$366,ROUNDDOWN($C417/24,0)+1,1))-1)+IF('Standard Profiles'!$G$21=$B$10,7,0)+IF('Standard Profiles'!$G$21=$B$17,14,0)+IF('Standard Profiles'!$G$21=$B$24,21,0),0)),0)</f>
        <v>7.9510226580665933</v>
      </c>
      <c r="H417" cm="1">
        <f t="array" ref="H417">IFERROR(INDEX(Jesper!AL$2:AL$366,ROUNDDOWN($C417/24,0)+1,1)*INDEX($D$3:$AA$30,INDEX(Jesper!$R$2:$R$366,ROW(INDEX(Jesper!AL$2:AL$366,ROUNDDOWN($C417/24,0)+1,1))-1)+IF('Standard Profiles'!$G$22=$B$10,7,0)+IF('Standard Profiles'!$G$22=$B$17,14,0)+IF('Standard Profiles'!$G$22=$B$24,21,0),MOD($C417,24)+1)/SUM(INDEX($D$3:$AA$30,INDEX(Jesper!$R$2:$R$366,ROW(INDEX(Jesper!AL$2:AL$366,ROUNDDOWN($C417/24,0)+1,1))-1)+IF('Standard Profiles'!$G$22=$B$10,7,0)+IF('Standard Profiles'!$G$22=$B$17,14,0)+IF('Standard Profiles'!$G$22=$B$24,21,0),0)),0)</f>
        <v>0</v>
      </c>
      <c r="I417">
        <f t="shared" si="55"/>
        <v>3.8164908758719629</v>
      </c>
      <c r="J417">
        <f t="shared" si="56"/>
        <v>16.012490537944934</v>
      </c>
      <c r="K417">
        <f t="shared" si="57"/>
        <v>0.64914573193061098</v>
      </c>
      <c r="L417">
        <f t="shared" si="58"/>
        <v>0.32457286596530549</v>
      </c>
      <c r="M417">
        <f t="shared" si="59"/>
        <v>0</v>
      </c>
      <c r="N417" s="45">
        <f t="shared" si="60"/>
        <v>44942.958333332404</v>
      </c>
    </row>
    <row r="418" spans="2:14" x14ac:dyDescent="0.25">
      <c r="B418">
        <f t="shared" si="54"/>
        <v>2</v>
      </c>
      <c r="C418" s="16">
        <v>384</v>
      </c>
      <c r="D418" cm="1">
        <f t="array" ref="D418">IFERROR(INDEX(Jesper!AH$2:AH$366,ROUNDDOWN($C418/24,0)+1,1)*INDEX($D$3:$AA$30,INDEX(Jesper!$R$2:$R$366,ROW(INDEX(Jesper!AH$2:AH$366,ROUNDDOWN($C418/24,0)+1,1))-1)+IF('Standard Profiles'!$G$18=$B$10,7,0)+IF('Standard Profiles'!$G$18=$B$17,14,0)+IF('Standard Profiles'!$G$18=$B$24,21,0),MOD($C418,24)+1)/SUM(INDEX($D$3:$AA$30,INDEX(Jesper!$R$2:$R$366,ROW(INDEX(Jesper!AH$2:AH$366,ROUNDDOWN($C418/24,0)+1,1))-1)+IF('Standard Profiles'!$G$18=$B$10,7,0)+IF('Standard Profiles'!$G$18=$B$17,14,0)+IF('Standard Profiles'!$G$18=$B$24,21,0),0)),0)</f>
        <v>3.8978299657342106</v>
      </c>
      <c r="E418" cm="1">
        <f t="array" ref="E418">IFERROR(INDEX(Jesper!AI$2:AI$366,ROUNDDOWN($C418/24,0)+1,1)*INDEX($D$3:$AA$30,INDEX(Jesper!$R$2:$R$366,ROW(INDEX(Jesper!AI$2:AI$366,ROUNDDOWN($C418/24,0)+1,1))-1)+IF('Standard Profiles'!$G$19=$B$10,7,0)+IF('Standard Profiles'!$G$19=$B$17,14,0)+IF('Standard Profiles'!$G$19=$B$24,21,0),MOD($C418,24)+1)/SUM(INDEX($D$3:$AA$30,INDEX(Jesper!$R$2:$R$366,ROW(INDEX(Jesper!AI$2:AI$366,ROUNDDOWN($C418/24,0)+1,1))-1)+IF('Standard Profiles'!$G$19=$B$10,7,0)+IF('Standard Profiles'!$G$19=$B$17,14,0)+IF('Standard Profiles'!$G$19=$B$24,21,0),0)),0)</f>
        <v>4.4880610052090626</v>
      </c>
      <c r="F418" cm="1">
        <f t="array" ref="F418">IFERROR(INDEX(Jesper!AJ$2:AJ$366,ROUNDDOWN($C418/24,0)+1,1)*INDEX($D$3:$AA$30,INDEX(Jesper!$R$2:$R$366,ROW(INDEX(Jesper!AJ$2:AJ$366,ROUNDDOWN($C418/24,0)+1,1))-1)+IF('Standard Profiles'!$G$20=$B$10,7,0)+IF('Standard Profiles'!$G$20=$B$17,14,0)+IF('Standard Profiles'!$G$20=$B$24,21,0),MOD($C418,24)+1)/SUM(INDEX($D$3:$AA$30,INDEX(Jesper!$R$2:$R$366,ROW(INDEX(Jesper!AJ$2:AJ$366,ROUNDDOWN($C418/24,0)+1,1))-1)+IF('Standard Profiles'!$G$20=$B$10,7,0)+IF('Standard Profiles'!$G$20=$B$17,14,0)+IF('Standard Profiles'!$G$20=$B$24,21,0),0)),0)</f>
        <v>0</v>
      </c>
      <c r="G418" cm="1">
        <f t="array" ref="G418">IFERROR(INDEX(Jesper!AK$2:AK$366,ROUNDDOWN($C418/24,0)+1,1)*INDEX($D$3:$AA$30,INDEX(Jesper!$R$2:$R$366,ROW(INDEX(Jesper!AK$2:AK$366,ROUNDDOWN($C418/24,0)+1,1))-1)+IF('Standard Profiles'!$G$21=$B$10,7,0)+IF('Standard Profiles'!$G$21=$B$17,14,0)+IF('Standard Profiles'!$G$21=$B$24,21,0),MOD($C418,24)+1)/SUM(INDEX($D$3:$AA$30,INDEX(Jesper!$R$2:$R$366,ROW(INDEX(Jesper!AK$2:AK$366,ROUNDDOWN($C418/24,0)+1,1))-1)+IF('Standard Profiles'!$G$21=$B$10,7,0)+IF('Standard Profiles'!$G$21=$B$17,14,0)+IF('Standard Profiles'!$G$21=$B$24,21,0),0)),0)</f>
        <v>8.1561247321979362</v>
      </c>
      <c r="H418" cm="1">
        <f t="array" ref="H418">IFERROR(INDEX(Jesper!AL$2:AL$366,ROUNDDOWN($C418/24,0)+1,1)*INDEX($D$3:$AA$30,INDEX(Jesper!$R$2:$R$366,ROW(INDEX(Jesper!AL$2:AL$366,ROUNDDOWN($C418/24,0)+1,1))-1)+IF('Standard Profiles'!$G$22=$B$10,7,0)+IF('Standard Profiles'!$G$22=$B$17,14,0)+IF('Standard Profiles'!$G$22=$B$24,21,0),MOD($C418,24)+1)/SUM(INDEX($D$3:$AA$30,INDEX(Jesper!$R$2:$R$366,ROW(INDEX(Jesper!AL$2:AL$366,ROUNDDOWN($C418/24,0)+1,1))-1)+IF('Standard Profiles'!$G$22=$B$10,7,0)+IF('Standard Profiles'!$G$22=$B$17,14,0)+IF('Standard Profiles'!$G$22=$B$24,21,0),0)),0)</f>
        <v>0</v>
      </c>
      <c r="I418">
        <f t="shared" si="55"/>
        <v>3.9149398714550072</v>
      </c>
      <c r="J418">
        <f t="shared" si="56"/>
        <v>12.003423037168728</v>
      </c>
      <c r="K418">
        <f t="shared" si="57"/>
        <v>0.41576852967831585</v>
      </c>
      <c r="L418">
        <f t="shared" si="58"/>
        <v>0.20788426483915792</v>
      </c>
      <c r="M418">
        <f t="shared" si="59"/>
        <v>0</v>
      </c>
      <c r="N418" s="45">
        <f t="shared" si="60"/>
        <v>44942.999999999069</v>
      </c>
    </row>
    <row r="419" spans="2:14" x14ac:dyDescent="0.25">
      <c r="B419">
        <f t="shared" ref="B419:B482" si="61">WEEKDAY(N419,2)</f>
        <v>2</v>
      </c>
      <c r="C419" s="16">
        <v>385</v>
      </c>
      <c r="D419" cm="1">
        <f t="array" ref="D419">IFERROR(INDEX(Jesper!AH$2:AH$366,ROUNDDOWN($C419/24,0)+1,1)*INDEX($D$3:$AA$30,INDEX(Jesper!$R$2:$R$366,ROW(INDEX(Jesper!AH$2:AH$366,ROUNDDOWN($C419/24,0)+1,1))-1)+IF('Standard Profiles'!$G$18=$B$10,7,0)+IF('Standard Profiles'!$G$18=$B$17,14,0)+IF('Standard Profiles'!$G$18=$B$24,21,0),MOD($C419,24)+1)/SUM(INDEX($D$3:$AA$30,INDEX(Jesper!$R$2:$R$366,ROW(INDEX(Jesper!AH$2:AH$366,ROUNDDOWN($C419/24,0)+1,1))-1)+IF('Standard Profiles'!$G$18=$B$10,7,0)+IF('Standard Profiles'!$G$18=$B$17,14,0)+IF('Standard Profiles'!$G$18=$B$24,21,0),0)),0)</f>
        <v>5.9395504239759402</v>
      </c>
      <c r="E419" cm="1">
        <f t="array" ref="E419">IFERROR(INDEX(Jesper!AI$2:AI$366,ROUNDDOWN($C419/24,0)+1,1)*INDEX($D$3:$AA$30,INDEX(Jesper!$R$2:$R$366,ROW(INDEX(Jesper!AI$2:AI$366,ROUNDDOWN($C419/24,0)+1,1))-1)+IF('Standard Profiles'!$G$19=$B$10,7,0)+IF('Standard Profiles'!$G$19=$B$17,14,0)+IF('Standard Profiles'!$G$19=$B$24,21,0),MOD($C419,24)+1)/SUM(INDEX($D$3:$AA$30,INDEX(Jesper!$R$2:$R$366,ROW(INDEX(Jesper!AI$2:AI$366,ROUNDDOWN($C419/24,0)+1,1))-1)+IF('Standard Profiles'!$G$19=$B$10,7,0)+IF('Standard Profiles'!$G$19=$B$17,14,0)+IF('Standard Profiles'!$G$19=$B$24,21,0),0)),0)</f>
        <v>6.8389501031757147</v>
      </c>
      <c r="F419" cm="1">
        <f t="array" ref="F419">IFERROR(INDEX(Jesper!AJ$2:AJ$366,ROUNDDOWN($C419/24,0)+1,1)*INDEX($D$3:$AA$30,INDEX(Jesper!$R$2:$R$366,ROW(INDEX(Jesper!AJ$2:AJ$366,ROUNDDOWN($C419/24,0)+1,1))-1)+IF('Standard Profiles'!$G$20=$B$10,7,0)+IF('Standard Profiles'!$G$20=$B$17,14,0)+IF('Standard Profiles'!$G$20=$B$24,21,0),MOD($C419,24)+1)/SUM(INDEX($D$3:$AA$30,INDEX(Jesper!$R$2:$R$366,ROW(INDEX(Jesper!AJ$2:AJ$366,ROUNDDOWN($C419/24,0)+1,1))-1)+IF('Standard Profiles'!$G$20=$B$10,7,0)+IF('Standard Profiles'!$G$20=$B$17,14,0)+IF('Standard Profiles'!$G$20=$B$24,21,0),0)),0)</f>
        <v>0</v>
      </c>
      <c r="G419" cm="1">
        <f t="array" ref="G419">IFERROR(INDEX(Jesper!AK$2:AK$366,ROUNDDOWN($C419/24,0)+1,1)*INDEX($D$3:$AA$30,INDEX(Jesper!$R$2:$R$366,ROW(INDEX(Jesper!AK$2:AK$366,ROUNDDOWN($C419/24,0)+1,1))-1)+IF('Standard Profiles'!$G$21=$B$10,7,0)+IF('Standard Profiles'!$G$21=$B$17,14,0)+IF('Standard Profiles'!$G$21=$B$24,21,0),MOD($C419,24)+1)/SUM(INDEX($D$3:$AA$30,INDEX(Jesper!$R$2:$R$366,ROW(INDEX(Jesper!AK$2:AK$366,ROUNDDOWN($C419/24,0)+1,1))-1)+IF('Standard Profiles'!$G$21=$B$10,7,0)+IF('Standard Profiles'!$G$21=$B$17,14,0)+IF('Standard Profiles'!$G$21=$B$24,21,0),0)),0)</f>
        <v>8.1561247321979362</v>
      </c>
      <c r="H419" cm="1">
        <f t="array" ref="H419">IFERROR(INDEX(Jesper!AL$2:AL$366,ROUNDDOWN($C419/24,0)+1,1)*INDEX($D$3:$AA$30,INDEX(Jesper!$R$2:$R$366,ROW(INDEX(Jesper!AL$2:AL$366,ROUNDDOWN($C419/24,0)+1,1))-1)+IF('Standard Profiles'!$G$22=$B$10,7,0)+IF('Standard Profiles'!$G$22=$B$17,14,0)+IF('Standard Profiles'!$G$22=$B$24,21,0),MOD($C419,24)+1)/SUM(INDEX($D$3:$AA$30,INDEX(Jesper!$R$2:$R$366,ROW(INDEX(Jesper!AL$2:AL$366,ROUNDDOWN($C419/24,0)+1,1))-1)+IF('Standard Profiles'!$G$22=$B$10,7,0)+IF('Standard Profiles'!$G$22=$B$17,14,0)+IF('Standard Profiles'!$G$22=$B$24,21,0),0)),0)</f>
        <v>0</v>
      </c>
      <c r="I419">
        <f t="shared" ref="I419:I482" si="62">IF($B419&lt;6,AC$37*$D419+AC$38*$E419+AC$39*$F419+AC$40*$G419,AC$46*$D419+AC$47*$E419+AC$48*$F419+AC$49*$G419+AC$50*$H419)</f>
        <v>3.9149398714550072</v>
      </c>
      <c r="J419">
        <f t="shared" ref="J419:J482" si="63">IF($B419&lt;6,AD$37*$D419+AD$38*$E419+AD$39*$F419+AD$40*$G419,AD$46*$D419+AD$47*$E419+AD$48*$F419+AD$49*$G419+AD$50*$H419)</f>
        <v>16.069357320058433</v>
      </c>
      <c r="K419">
        <f t="shared" ref="K419:K482" si="64">IF($B419&lt;6,AE$37*$D419+AE$38*$E419+AE$39*$F419+AE$40*$G419,AE$46*$D419+AE$47*$E419+AE$48*$F419+AE$49*$G419+AE$50*$H419)</f>
        <v>0.63355204522410036</v>
      </c>
      <c r="L419">
        <f t="shared" ref="L419:L482" si="65">IF($B419&lt;6,AF$37*$D419+AF$38*$E419+AF$39*$F419+AF$40*$G419,AF$46*$D419+AF$47*$E419+AF$48*$F419+AF$49*$G419+AF$50*$H419)</f>
        <v>0.31677602261205018</v>
      </c>
      <c r="M419">
        <f t="shared" ref="M419:M482" si="66">IF($B419&lt;6,AG$37*$D419+AG$38*$E419+AG$39*$F419+AG$40*$G419,AG$46*$D419+AG$47*$E419+AG$48*$F419+AG$49*$G419+AG$50*$H419)</f>
        <v>0</v>
      </c>
      <c r="N419" s="45">
        <f t="shared" si="60"/>
        <v>44943.041666665733</v>
      </c>
    </row>
    <row r="420" spans="2:14" x14ac:dyDescent="0.25">
      <c r="B420">
        <f t="shared" si="61"/>
        <v>2</v>
      </c>
      <c r="C420" s="16">
        <v>386</v>
      </c>
      <c r="D420" cm="1">
        <f t="array" ref="D420">IFERROR(INDEX(Jesper!AH$2:AH$366,ROUNDDOWN($C420/24,0)+1,1)*INDEX($D$3:$AA$30,INDEX(Jesper!$R$2:$R$366,ROW(INDEX(Jesper!AH$2:AH$366,ROUNDDOWN($C420/24,0)+1,1))-1)+IF('Standard Profiles'!$G$18=$B$10,7,0)+IF('Standard Profiles'!$G$18=$B$17,14,0)+IF('Standard Profiles'!$G$18=$B$24,21,0),MOD($C420,24)+1)/SUM(INDEX($D$3:$AA$30,INDEX(Jesper!$R$2:$R$366,ROW(INDEX(Jesper!AH$2:AH$366,ROUNDDOWN($C420/24,0)+1,1))-1)+IF('Standard Profiles'!$G$18=$B$10,7,0)+IF('Standard Profiles'!$G$18=$B$17,14,0)+IF('Standard Profiles'!$G$18=$B$24,21,0),0)),0)</f>
        <v>5.9395504239759402</v>
      </c>
      <c r="E420" cm="1">
        <f t="array" ref="E420">IFERROR(INDEX(Jesper!AI$2:AI$366,ROUNDDOWN($C420/24,0)+1,1)*INDEX($D$3:$AA$30,INDEX(Jesper!$R$2:$R$366,ROW(INDEX(Jesper!AI$2:AI$366,ROUNDDOWN($C420/24,0)+1,1))-1)+IF('Standard Profiles'!$G$19=$B$10,7,0)+IF('Standard Profiles'!$G$19=$B$17,14,0)+IF('Standard Profiles'!$G$19=$B$24,21,0),MOD($C420,24)+1)/SUM(INDEX($D$3:$AA$30,INDEX(Jesper!$R$2:$R$366,ROW(INDEX(Jesper!AI$2:AI$366,ROUNDDOWN($C420/24,0)+1,1))-1)+IF('Standard Profiles'!$G$19=$B$10,7,0)+IF('Standard Profiles'!$G$19=$B$17,14,0)+IF('Standard Profiles'!$G$19=$B$24,21,0),0)),0)</f>
        <v>6.8389501031757147</v>
      </c>
      <c r="F420" cm="1">
        <f t="array" ref="F420">IFERROR(INDEX(Jesper!AJ$2:AJ$366,ROUNDDOWN($C420/24,0)+1,1)*INDEX($D$3:$AA$30,INDEX(Jesper!$R$2:$R$366,ROW(INDEX(Jesper!AJ$2:AJ$366,ROUNDDOWN($C420/24,0)+1,1))-1)+IF('Standard Profiles'!$G$20=$B$10,7,0)+IF('Standard Profiles'!$G$20=$B$17,14,0)+IF('Standard Profiles'!$G$20=$B$24,21,0),MOD($C420,24)+1)/SUM(INDEX($D$3:$AA$30,INDEX(Jesper!$R$2:$R$366,ROW(INDEX(Jesper!AJ$2:AJ$366,ROUNDDOWN($C420/24,0)+1,1))-1)+IF('Standard Profiles'!$G$20=$B$10,7,0)+IF('Standard Profiles'!$G$20=$B$17,14,0)+IF('Standard Profiles'!$G$20=$B$24,21,0),0)),0)</f>
        <v>0</v>
      </c>
      <c r="G420" cm="1">
        <f t="array" ref="G420">IFERROR(INDEX(Jesper!AK$2:AK$366,ROUNDDOWN($C420/24,0)+1,1)*INDEX($D$3:$AA$30,INDEX(Jesper!$R$2:$R$366,ROW(INDEX(Jesper!AK$2:AK$366,ROUNDDOWN($C420/24,0)+1,1))-1)+IF('Standard Profiles'!$G$21=$B$10,7,0)+IF('Standard Profiles'!$G$21=$B$17,14,0)+IF('Standard Profiles'!$G$21=$B$24,21,0),MOD($C420,24)+1)/SUM(INDEX($D$3:$AA$30,INDEX(Jesper!$R$2:$R$366,ROW(INDEX(Jesper!AK$2:AK$366,ROUNDDOWN($C420/24,0)+1,1))-1)+IF('Standard Profiles'!$G$21=$B$10,7,0)+IF('Standard Profiles'!$G$21=$B$17,14,0)+IF('Standard Profiles'!$G$21=$B$24,21,0),0)),0)</f>
        <v>8.1561247321979362</v>
      </c>
      <c r="H420" cm="1">
        <f t="array" ref="H420">IFERROR(INDEX(Jesper!AL$2:AL$366,ROUNDDOWN($C420/24,0)+1,1)*INDEX($D$3:$AA$30,INDEX(Jesper!$R$2:$R$366,ROW(INDEX(Jesper!AL$2:AL$366,ROUNDDOWN($C420/24,0)+1,1))-1)+IF('Standard Profiles'!$G$22=$B$10,7,0)+IF('Standard Profiles'!$G$22=$B$17,14,0)+IF('Standard Profiles'!$G$22=$B$24,21,0),MOD($C420,24)+1)/SUM(INDEX($D$3:$AA$30,INDEX(Jesper!$R$2:$R$366,ROW(INDEX(Jesper!AL$2:AL$366,ROUNDDOWN($C420/24,0)+1,1))-1)+IF('Standard Profiles'!$G$22=$B$10,7,0)+IF('Standard Profiles'!$G$22=$B$17,14,0)+IF('Standard Profiles'!$G$22=$B$24,21,0),0)),0)</f>
        <v>0</v>
      </c>
      <c r="I420">
        <f t="shared" si="62"/>
        <v>3.9149398714550072</v>
      </c>
      <c r="J420">
        <f t="shared" si="63"/>
        <v>16.069357320058433</v>
      </c>
      <c r="K420">
        <f t="shared" si="64"/>
        <v>0.63355204522410036</v>
      </c>
      <c r="L420">
        <f t="shared" si="65"/>
        <v>0.31677602261205018</v>
      </c>
      <c r="M420">
        <f t="shared" si="66"/>
        <v>0</v>
      </c>
      <c r="N420" s="45">
        <f t="shared" ref="N420:N483" si="67">N419+1/24</f>
        <v>44943.083333332397</v>
      </c>
    </row>
    <row r="421" spans="2:14" x14ac:dyDescent="0.25">
      <c r="B421">
        <f t="shared" si="61"/>
        <v>2</v>
      </c>
      <c r="C421" s="16">
        <v>387</v>
      </c>
      <c r="D421" cm="1">
        <f t="array" ref="D421">IFERROR(INDEX(Jesper!AH$2:AH$366,ROUNDDOWN($C421/24,0)+1,1)*INDEX($D$3:$AA$30,INDEX(Jesper!$R$2:$R$366,ROW(INDEX(Jesper!AH$2:AH$366,ROUNDDOWN($C421/24,0)+1,1))-1)+IF('Standard Profiles'!$G$18=$B$10,7,0)+IF('Standard Profiles'!$G$18=$B$17,14,0)+IF('Standard Profiles'!$G$18=$B$24,21,0),MOD($C421,24)+1)/SUM(INDEX($D$3:$AA$30,INDEX(Jesper!$R$2:$R$366,ROW(INDEX(Jesper!AH$2:AH$366,ROUNDDOWN($C421/24,0)+1,1))-1)+IF('Standard Profiles'!$G$18=$B$10,7,0)+IF('Standard Profiles'!$G$18=$B$17,14,0)+IF('Standard Profiles'!$G$18=$B$24,21,0),0)),0)</f>
        <v>5.9395504239759402</v>
      </c>
      <c r="E421" cm="1">
        <f t="array" ref="E421">IFERROR(INDEX(Jesper!AI$2:AI$366,ROUNDDOWN($C421/24,0)+1,1)*INDEX($D$3:$AA$30,INDEX(Jesper!$R$2:$R$366,ROW(INDEX(Jesper!AI$2:AI$366,ROUNDDOWN($C421/24,0)+1,1))-1)+IF('Standard Profiles'!$G$19=$B$10,7,0)+IF('Standard Profiles'!$G$19=$B$17,14,0)+IF('Standard Profiles'!$G$19=$B$24,21,0),MOD($C421,24)+1)/SUM(INDEX($D$3:$AA$30,INDEX(Jesper!$R$2:$R$366,ROW(INDEX(Jesper!AI$2:AI$366,ROUNDDOWN($C421/24,0)+1,1))-1)+IF('Standard Profiles'!$G$19=$B$10,7,0)+IF('Standard Profiles'!$G$19=$B$17,14,0)+IF('Standard Profiles'!$G$19=$B$24,21,0),0)),0)</f>
        <v>6.8389501031757147</v>
      </c>
      <c r="F421" cm="1">
        <f t="array" ref="F421">IFERROR(INDEX(Jesper!AJ$2:AJ$366,ROUNDDOWN($C421/24,0)+1,1)*INDEX($D$3:$AA$30,INDEX(Jesper!$R$2:$R$366,ROW(INDEX(Jesper!AJ$2:AJ$366,ROUNDDOWN($C421/24,0)+1,1))-1)+IF('Standard Profiles'!$G$20=$B$10,7,0)+IF('Standard Profiles'!$G$20=$B$17,14,0)+IF('Standard Profiles'!$G$20=$B$24,21,0),MOD($C421,24)+1)/SUM(INDEX($D$3:$AA$30,INDEX(Jesper!$R$2:$R$366,ROW(INDEX(Jesper!AJ$2:AJ$366,ROUNDDOWN($C421/24,0)+1,1))-1)+IF('Standard Profiles'!$G$20=$B$10,7,0)+IF('Standard Profiles'!$G$20=$B$17,14,0)+IF('Standard Profiles'!$G$20=$B$24,21,0),0)),0)</f>
        <v>0</v>
      </c>
      <c r="G421" cm="1">
        <f t="array" ref="G421">IFERROR(INDEX(Jesper!AK$2:AK$366,ROUNDDOWN($C421/24,0)+1,1)*INDEX($D$3:$AA$30,INDEX(Jesper!$R$2:$R$366,ROW(INDEX(Jesper!AK$2:AK$366,ROUNDDOWN($C421/24,0)+1,1))-1)+IF('Standard Profiles'!$G$21=$B$10,7,0)+IF('Standard Profiles'!$G$21=$B$17,14,0)+IF('Standard Profiles'!$G$21=$B$24,21,0),MOD($C421,24)+1)/SUM(INDEX($D$3:$AA$30,INDEX(Jesper!$R$2:$R$366,ROW(INDEX(Jesper!AK$2:AK$366,ROUNDDOWN($C421/24,0)+1,1))-1)+IF('Standard Profiles'!$G$21=$B$10,7,0)+IF('Standard Profiles'!$G$21=$B$17,14,0)+IF('Standard Profiles'!$G$21=$B$24,21,0),0)),0)</f>
        <v>8.1561247321979362</v>
      </c>
      <c r="H421" cm="1">
        <f t="array" ref="H421">IFERROR(INDEX(Jesper!AL$2:AL$366,ROUNDDOWN($C421/24,0)+1,1)*INDEX($D$3:$AA$30,INDEX(Jesper!$R$2:$R$366,ROW(INDEX(Jesper!AL$2:AL$366,ROUNDDOWN($C421/24,0)+1,1))-1)+IF('Standard Profiles'!$G$22=$B$10,7,0)+IF('Standard Profiles'!$G$22=$B$17,14,0)+IF('Standard Profiles'!$G$22=$B$24,21,0),MOD($C421,24)+1)/SUM(INDEX($D$3:$AA$30,INDEX(Jesper!$R$2:$R$366,ROW(INDEX(Jesper!AL$2:AL$366,ROUNDDOWN($C421/24,0)+1,1))-1)+IF('Standard Profiles'!$G$22=$B$10,7,0)+IF('Standard Profiles'!$G$22=$B$17,14,0)+IF('Standard Profiles'!$G$22=$B$24,21,0),0)),0)</f>
        <v>0</v>
      </c>
      <c r="I421">
        <f t="shared" si="62"/>
        <v>3.9149398714550072</v>
      </c>
      <c r="J421">
        <f t="shared" si="63"/>
        <v>16.069357320058433</v>
      </c>
      <c r="K421">
        <f t="shared" si="64"/>
        <v>0.63355204522410036</v>
      </c>
      <c r="L421">
        <f t="shared" si="65"/>
        <v>0.31677602261205018</v>
      </c>
      <c r="M421">
        <f t="shared" si="66"/>
        <v>0</v>
      </c>
      <c r="N421" s="45">
        <f t="shared" si="67"/>
        <v>44943.124999999061</v>
      </c>
    </row>
    <row r="422" spans="2:14" x14ac:dyDescent="0.25">
      <c r="B422">
        <f t="shared" si="61"/>
        <v>2</v>
      </c>
      <c r="C422" s="16">
        <v>388</v>
      </c>
      <c r="D422" cm="1">
        <f t="array" ref="D422">IFERROR(INDEX(Jesper!AH$2:AH$366,ROUNDDOWN($C422/24,0)+1,1)*INDEX($D$3:$AA$30,INDEX(Jesper!$R$2:$R$366,ROW(INDEX(Jesper!AH$2:AH$366,ROUNDDOWN($C422/24,0)+1,1))-1)+IF('Standard Profiles'!$G$18=$B$10,7,0)+IF('Standard Profiles'!$G$18=$B$17,14,0)+IF('Standard Profiles'!$G$18=$B$24,21,0),MOD($C422,24)+1)/SUM(INDEX($D$3:$AA$30,INDEX(Jesper!$R$2:$R$366,ROW(INDEX(Jesper!AH$2:AH$366,ROUNDDOWN($C422/24,0)+1,1))-1)+IF('Standard Profiles'!$G$18=$B$10,7,0)+IF('Standard Profiles'!$G$18=$B$17,14,0)+IF('Standard Profiles'!$G$18=$B$24,21,0),0)),0)</f>
        <v>5.9395504239759402</v>
      </c>
      <c r="E422" cm="1">
        <f t="array" ref="E422">IFERROR(INDEX(Jesper!AI$2:AI$366,ROUNDDOWN($C422/24,0)+1,1)*INDEX($D$3:$AA$30,INDEX(Jesper!$R$2:$R$366,ROW(INDEX(Jesper!AI$2:AI$366,ROUNDDOWN($C422/24,0)+1,1))-1)+IF('Standard Profiles'!$G$19=$B$10,7,0)+IF('Standard Profiles'!$G$19=$B$17,14,0)+IF('Standard Profiles'!$G$19=$B$24,21,0),MOD($C422,24)+1)/SUM(INDEX($D$3:$AA$30,INDEX(Jesper!$R$2:$R$366,ROW(INDEX(Jesper!AI$2:AI$366,ROUNDDOWN($C422/24,0)+1,1))-1)+IF('Standard Profiles'!$G$19=$B$10,7,0)+IF('Standard Profiles'!$G$19=$B$17,14,0)+IF('Standard Profiles'!$G$19=$B$24,21,0),0)),0)</f>
        <v>6.8389501031757147</v>
      </c>
      <c r="F422" cm="1">
        <f t="array" ref="F422">IFERROR(INDEX(Jesper!AJ$2:AJ$366,ROUNDDOWN($C422/24,0)+1,1)*INDEX($D$3:$AA$30,INDEX(Jesper!$R$2:$R$366,ROW(INDEX(Jesper!AJ$2:AJ$366,ROUNDDOWN($C422/24,0)+1,1))-1)+IF('Standard Profiles'!$G$20=$B$10,7,0)+IF('Standard Profiles'!$G$20=$B$17,14,0)+IF('Standard Profiles'!$G$20=$B$24,21,0),MOD($C422,24)+1)/SUM(INDEX($D$3:$AA$30,INDEX(Jesper!$R$2:$R$366,ROW(INDEX(Jesper!AJ$2:AJ$366,ROUNDDOWN($C422/24,0)+1,1))-1)+IF('Standard Profiles'!$G$20=$B$10,7,0)+IF('Standard Profiles'!$G$20=$B$17,14,0)+IF('Standard Profiles'!$G$20=$B$24,21,0),0)),0)</f>
        <v>0</v>
      </c>
      <c r="G422" cm="1">
        <f t="array" ref="G422">IFERROR(INDEX(Jesper!AK$2:AK$366,ROUNDDOWN($C422/24,0)+1,1)*INDEX($D$3:$AA$30,INDEX(Jesper!$R$2:$R$366,ROW(INDEX(Jesper!AK$2:AK$366,ROUNDDOWN($C422/24,0)+1,1))-1)+IF('Standard Profiles'!$G$21=$B$10,7,0)+IF('Standard Profiles'!$G$21=$B$17,14,0)+IF('Standard Profiles'!$G$21=$B$24,21,0),MOD($C422,24)+1)/SUM(INDEX($D$3:$AA$30,INDEX(Jesper!$R$2:$R$366,ROW(INDEX(Jesper!AK$2:AK$366,ROUNDDOWN($C422/24,0)+1,1))-1)+IF('Standard Profiles'!$G$21=$B$10,7,0)+IF('Standard Profiles'!$G$21=$B$17,14,0)+IF('Standard Profiles'!$G$21=$B$24,21,0),0)),0)</f>
        <v>8.1561247321979362</v>
      </c>
      <c r="H422" cm="1">
        <f t="array" ref="H422">IFERROR(INDEX(Jesper!AL$2:AL$366,ROUNDDOWN($C422/24,0)+1,1)*INDEX($D$3:$AA$30,INDEX(Jesper!$R$2:$R$366,ROW(INDEX(Jesper!AL$2:AL$366,ROUNDDOWN($C422/24,0)+1,1))-1)+IF('Standard Profiles'!$G$22=$B$10,7,0)+IF('Standard Profiles'!$G$22=$B$17,14,0)+IF('Standard Profiles'!$G$22=$B$24,21,0),MOD($C422,24)+1)/SUM(INDEX($D$3:$AA$30,INDEX(Jesper!$R$2:$R$366,ROW(INDEX(Jesper!AL$2:AL$366,ROUNDDOWN($C422/24,0)+1,1))-1)+IF('Standard Profiles'!$G$22=$B$10,7,0)+IF('Standard Profiles'!$G$22=$B$17,14,0)+IF('Standard Profiles'!$G$22=$B$24,21,0),0)),0)</f>
        <v>0</v>
      </c>
      <c r="I422">
        <f t="shared" si="62"/>
        <v>3.9149398714550072</v>
      </c>
      <c r="J422">
        <f t="shared" si="63"/>
        <v>16.069357320058433</v>
      </c>
      <c r="K422">
        <f t="shared" si="64"/>
        <v>0.63355204522410036</v>
      </c>
      <c r="L422">
        <f t="shared" si="65"/>
        <v>0.31677602261205018</v>
      </c>
      <c r="M422">
        <f t="shared" si="66"/>
        <v>0</v>
      </c>
      <c r="N422" s="45">
        <f t="shared" si="67"/>
        <v>44943.166666665726</v>
      </c>
    </row>
    <row r="423" spans="2:14" x14ac:dyDescent="0.25">
      <c r="B423">
        <f t="shared" si="61"/>
        <v>2</v>
      </c>
      <c r="C423" s="16">
        <v>389</v>
      </c>
      <c r="D423" cm="1">
        <f t="array" ref="D423">IFERROR(INDEX(Jesper!AH$2:AH$366,ROUNDDOWN($C423/24,0)+1,1)*INDEX($D$3:$AA$30,INDEX(Jesper!$R$2:$R$366,ROW(INDEX(Jesper!AH$2:AH$366,ROUNDDOWN($C423/24,0)+1,1))-1)+IF('Standard Profiles'!$G$18=$B$10,7,0)+IF('Standard Profiles'!$G$18=$B$17,14,0)+IF('Standard Profiles'!$G$18=$B$24,21,0),MOD($C423,24)+1)/SUM(INDEX($D$3:$AA$30,INDEX(Jesper!$R$2:$R$366,ROW(INDEX(Jesper!AH$2:AH$366,ROUNDDOWN($C423/24,0)+1,1))-1)+IF('Standard Profiles'!$G$18=$B$10,7,0)+IF('Standard Profiles'!$G$18=$B$17,14,0)+IF('Standard Profiles'!$G$18=$B$24,21,0),0)),0)</f>
        <v>5.9395504239759402</v>
      </c>
      <c r="E423" cm="1">
        <f t="array" ref="E423">IFERROR(INDEX(Jesper!AI$2:AI$366,ROUNDDOWN($C423/24,0)+1,1)*INDEX($D$3:$AA$30,INDEX(Jesper!$R$2:$R$366,ROW(INDEX(Jesper!AI$2:AI$366,ROUNDDOWN($C423/24,0)+1,1))-1)+IF('Standard Profiles'!$G$19=$B$10,7,0)+IF('Standard Profiles'!$G$19=$B$17,14,0)+IF('Standard Profiles'!$G$19=$B$24,21,0),MOD($C423,24)+1)/SUM(INDEX($D$3:$AA$30,INDEX(Jesper!$R$2:$R$366,ROW(INDEX(Jesper!AI$2:AI$366,ROUNDDOWN($C423/24,0)+1,1))-1)+IF('Standard Profiles'!$G$19=$B$10,7,0)+IF('Standard Profiles'!$G$19=$B$17,14,0)+IF('Standard Profiles'!$G$19=$B$24,21,0),0)),0)</f>
        <v>6.8389501031757147</v>
      </c>
      <c r="F423" cm="1">
        <f t="array" ref="F423">IFERROR(INDEX(Jesper!AJ$2:AJ$366,ROUNDDOWN($C423/24,0)+1,1)*INDEX($D$3:$AA$30,INDEX(Jesper!$R$2:$R$366,ROW(INDEX(Jesper!AJ$2:AJ$366,ROUNDDOWN($C423/24,0)+1,1))-1)+IF('Standard Profiles'!$G$20=$B$10,7,0)+IF('Standard Profiles'!$G$20=$B$17,14,0)+IF('Standard Profiles'!$G$20=$B$24,21,0),MOD($C423,24)+1)/SUM(INDEX($D$3:$AA$30,INDEX(Jesper!$R$2:$R$366,ROW(INDEX(Jesper!AJ$2:AJ$366,ROUNDDOWN($C423/24,0)+1,1))-1)+IF('Standard Profiles'!$G$20=$B$10,7,0)+IF('Standard Profiles'!$G$20=$B$17,14,0)+IF('Standard Profiles'!$G$20=$B$24,21,0),0)),0)</f>
        <v>0</v>
      </c>
      <c r="G423" cm="1">
        <f t="array" ref="G423">IFERROR(INDEX(Jesper!AK$2:AK$366,ROUNDDOWN($C423/24,0)+1,1)*INDEX($D$3:$AA$30,INDEX(Jesper!$R$2:$R$366,ROW(INDEX(Jesper!AK$2:AK$366,ROUNDDOWN($C423/24,0)+1,1))-1)+IF('Standard Profiles'!$G$21=$B$10,7,0)+IF('Standard Profiles'!$G$21=$B$17,14,0)+IF('Standard Profiles'!$G$21=$B$24,21,0),MOD($C423,24)+1)/SUM(INDEX($D$3:$AA$30,INDEX(Jesper!$R$2:$R$366,ROW(INDEX(Jesper!AK$2:AK$366,ROUNDDOWN($C423/24,0)+1,1))-1)+IF('Standard Profiles'!$G$21=$B$10,7,0)+IF('Standard Profiles'!$G$21=$B$17,14,0)+IF('Standard Profiles'!$G$21=$B$24,21,0),0)),0)</f>
        <v>8.1561247321979362</v>
      </c>
      <c r="H423" cm="1">
        <f t="array" ref="H423">IFERROR(INDEX(Jesper!AL$2:AL$366,ROUNDDOWN($C423/24,0)+1,1)*INDEX($D$3:$AA$30,INDEX(Jesper!$R$2:$R$366,ROW(INDEX(Jesper!AL$2:AL$366,ROUNDDOWN($C423/24,0)+1,1))-1)+IF('Standard Profiles'!$G$22=$B$10,7,0)+IF('Standard Profiles'!$G$22=$B$17,14,0)+IF('Standard Profiles'!$G$22=$B$24,21,0),MOD($C423,24)+1)/SUM(INDEX($D$3:$AA$30,INDEX(Jesper!$R$2:$R$366,ROW(INDEX(Jesper!AL$2:AL$366,ROUNDDOWN($C423/24,0)+1,1))-1)+IF('Standard Profiles'!$G$22=$B$10,7,0)+IF('Standard Profiles'!$G$22=$B$17,14,0)+IF('Standard Profiles'!$G$22=$B$24,21,0),0)),0)</f>
        <v>0</v>
      </c>
      <c r="I423">
        <f t="shared" si="62"/>
        <v>3.9149398714550072</v>
      </c>
      <c r="J423">
        <f t="shared" si="63"/>
        <v>16.069357320058433</v>
      </c>
      <c r="K423">
        <f t="shared" si="64"/>
        <v>0.63355204522410036</v>
      </c>
      <c r="L423">
        <f t="shared" si="65"/>
        <v>0.31677602261205018</v>
      </c>
      <c r="M423">
        <f t="shared" si="66"/>
        <v>0</v>
      </c>
      <c r="N423" s="45">
        <f t="shared" si="67"/>
        <v>44943.20833333239</v>
      </c>
    </row>
    <row r="424" spans="2:14" x14ac:dyDescent="0.25">
      <c r="B424">
        <f t="shared" si="61"/>
        <v>2</v>
      </c>
      <c r="C424" s="16">
        <v>390</v>
      </c>
      <c r="D424" cm="1">
        <f t="array" ref="D424">IFERROR(INDEX(Jesper!AH$2:AH$366,ROUNDDOWN($C424/24,0)+1,1)*INDEX($D$3:$AA$30,INDEX(Jesper!$R$2:$R$366,ROW(INDEX(Jesper!AH$2:AH$366,ROUNDDOWN($C424/24,0)+1,1))-1)+IF('Standard Profiles'!$G$18=$B$10,7,0)+IF('Standard Profiles'!$G$18=$B$17,14,0)+IF('Standard Profiles'!$G$18=$B$24,21,0),MOD($C424,24)+1)/SUM(INDEX($D$3:$AA$30,INDEX(Jesper!$R$2:$R$366,ROW(INDEX(Jesper!AH$2:AH$366,ROUNDDOWN($C424/24,0)+1,1))-1)+IF('Standard Profiles'!$G$18=$B$10,7,0)+IF('Standard Profiles'!$G$18=$B$17,14,0)+IF('Standard Profiles'!$G$18=$B$24,21,0),0)),0)</f>
        <v>5.9395504239759402</v>
      </c>
      <c r="E424" cm="1">
        <f t="array" ref="E424">IFERROR(INDEX(Jesper!AI$2:AI$366,ROUNDDOWN($C424/24,0)+1,1)*INDEX($D$3:$AA$30,INDEX(Jesper!$R$2:$R$366,ROW(INDEX(Jesper!AI$2:AI$366,ROUNDDOWN($C424/24,0)+1,1))-1)+IF('Standard Profiles'!$G$19=$B$10,7,0)+IF('Standard Profiles'!$G$19=$B$17,14,0)+IF('Standard Profiles'!$G$19=$B$24,21,0),MOD($C424,24)+1)/SUM(INDEX($D$3:$AA$30,INDEX(Jesper!$R$2:$R$366,ROW(INDEX(Jesper!AI$2:AI$366,ROUNDDOWN($C424/24,0)+1,1))-1)+IF('Standard Profiles'!$G$19=$B$10,7,0)+IF('Standard Profiles'!$G$19=$B$17,14,0)+IF('Standard Profiles'!$G$19=$B$24,21,0),0)),0)</f>
        <v>6.8389501031757147</v>
      </c>
      <c r="F424" cm="1">
        <f t="array" ref="F424">IFERROR(INDEX(Jesper!AJ$2:AJ$366,ROUNDDOWN($C424/24,0)+1,1)*INDEX($D$3:$AA$30,INDEX(Jesper!$R$2:$R$366,ROW(INDEX(Jesper!AJ$2:AJ$366,ROUNDDOWN($C424/24,0)+1,1))-1)+IF('Standard Profiles'!$G$20=$B$10,7,0)+IF('Standard Profiles'!$G$20=$B$17,14,0)+IF('Standard Profiles'!$G$20=$B$24,21,0),MOD($C424,24)+1)/SUM(INDEX($D$3:$AA$30,INDEX(Jesper!$R$2:$R$366,ROW(INDEX(Jesper!AJ$2:AJ$366,ROUNDDOWN($C424/24,0)+1,1))-1)+IF('Standard Profiles'!$G$20=$B$10,7,0)+IF('Standard Profiles'!$G$20=$B$17,14,0)+IF('Standard Profiles'!$G$20=$B$24,21,0),0)),0)</f>
        <v>0</v>
      </c>
      <c r="G424" cm="1">
        <f t="array" ref="G424">IFERROR(INDEX(Jesper!AK$2:AK$366,ROUNDDOWN($C424/24,0)+1,1)*INDEX($D$3:$AA$30,INDEX(Jesper!$R$2:$R$366,ROW(INDEX(Jesper!AK$2:AK$366,ROUNDDOWN($C424/24,0)+1,1))-1)+IF('Standard Profiles'!$G$21=$B$10,7,0)+IF('Standard Profiles'!$G$21=$B$17,14,0)+IF('Standard Profiles'!$G$21=$B$24,21,0),MOD($C424,24)+1)/SUM(INDEX($D$3:$AA$30,INDEX(Jesper!$R$2:$R$366,ROW(INDEX(Jesper!AK$2:AK$366,ROUNDDOWN($C424/24,0)+1,1))-1)+IF('Standard Profiles'!$G$21=$B$10,7,0)+IF('Standard Profiles'!$G$21=$B$17,14,0)+IF('Standard Profiles'!$G$21=$B$24,21,0),0)),0)</f>
        <v>8.1561247321979362</v>
      </c>
      <c r="H424" cm="1">
        <f t="array" ref="H424">IFERROR(INDEX(Jesper!AL$2:AL$366,ROUNDDOWN($C424/24,0)+1,1)*INDEX($D$3:$AA$30,INDEX(Jesper!$R$2:$R$366,ROW(INDEX(Jesper!AL$2:AL$366,ROUNDDOWN($C424/24,0)+1,1))-1)+IF('Standard Profiles'!$G$22=$B$10,7,0)+IF('Standard Profiles'!$G$22=$B$17,14,0)+IF('Standard Profiles'!$G$22=$B$24,21,0),MOD($C424,24)+1)/SUM(INDEX($D$3:$AA$30,INDEX(Jesper!$R$2:$R$366,ROW(INDEX(Jesper!AL$2:AL$366,ROUNDDOWN($C424/24,0)+1,1))-1)+IF('Standard Profiles'!$G$22=$B$10,7,0)+IF('Standard Profiles'!$G$22=$B$17,14,0)+IF('Standard Profiles'!$G$22=$B$24,21,0),0)),0)</f>
        <v>0</v>
      </c>
      <c r="I424">
        <f t="shared" si="62"/>
        <v>3.9149398714550072</v>
      </c>
      <c r="J424">
        <f t="shared" si="63"/>
        <v>16.069357320058433</v>
      </c>
      <c r="K424">
        <f t="shared" si="64"/>
        <v>0.63355204522410036</v>
      </c>
      <c r="L424">
        <f t="shared" si="65"/>
        <v>0.31677602261205018</v>
      </c>
      <c r="M424">
        <f t="shared" si="66"/>
        <v>0</v>
      </c>
      <c r="N424" s="45">
        <f t="shared" si="67"/>
        <v>44943.249999999054</v>
      </c>
    </row>
    <row r="425" spans="2:14" x14ac:dyDescent="0.25">
      <c r="B425">
        <f t="shared" si="61"/>
        <v>2</v>
      </c>
      <c r="C425" s="16">
        <v>391</v>
      </c>
      <c r="D425" cm="1">
        <f t="array" ref="D425">IFERROR(INDEX(Jesper!AH$2:AH$366,ROUNDDOWN($C425/24,0)+1,1)*INDEX($D$3:$AA$30,INDEX(Jesper!$R$2:$R$366,ROW(INDEX(Jesper!AH$2:AH$366,ROUNDDOWN($C425/24,0)+1,1))-1)+IF('Standard Profiles'!$G$18=$B$10,7,0)+IF('Standard Profiles'!$G$18=$B$17,14,0)+IF('Standard Profiles'!$G$18=$B$24,21,0),MOD($C425,24)+1)/SUM(INDEX($D$3:$AA$30,INDEX(Jesper!$R$2:$R$366,ROW(INDEX(Jesper!AH$2:AH$366,ROUNDDOWN($C425/24,0)+1,1))-1)+IF('Standard Profiles'!$G$18=$B$10,7,0)+IF('Standard Profiles'!$G$18=$B$17,14,0)+IF('Standard Profiles'!$G$18=$B$24,21,0),0)),0)</f>
        <v>25.038917256073571</v>
      </c>
      <c r="E425" cm="1">
        <f t="array" ref="E425">IFERROR(INDEX(Jesper!AI$2:AI$366,ROUNDDOWN($C425/24,0)+1,1)*INDEX($D$3:$AA$30,INDEX(Jesper!$R$2:$R$366,ROW(INDEX(Jesper!AI$2:AI$366,ROUNDDOWN($C425/24,0)+1,1))-1)+IF('Standard Profiles'!$G$19=$B$10,7,0)+IF('Standard Profiles'!$G$19=$B$17,14,0)+IF('Standard Profiles'!$G$19=$B$24,21,0),MOD($C425,24)+1)/SUM(INDEX($D$3:$AA$30,INDEX(Jesper!$R$2:$R$366,ROW(INDEX(Jesper!AI$2:AI$366,ROUNDDOWN($C425/24,0)+1,1))-1)+IF('Standard Profiles'!$G$19=$B$10,7,0)+IF('Standard Profiles'!$G$19=$B$17,14,0)+IF('Standard Profiles'!$G$19=$B$24,21,0),0)),0)</f>
        <v>28.830449028700119</v>
      </c>
      <c r="F425" cm="1">
        <f t="array" ref="F425">IFERROR(INDEX(Jesper!AJ$2:AJ$366,ROUNDDOWN($C425/24,0)+1,1)*INDEX($D$3:$AA$30,INDEX(Jesper!$R$2:$R$366,ROW(INDEX(Jesper!AJ$2:AJ$366,ROUNDDOWN($C425/24,0)+1,1))-1)+IF('Standard Profiles'!$G$20=$B$10,7,0)+IF('Standard Profiles'!$G$20=$B$17,14,0)+IF('Standard Profiles'!$G$20=$B$24,21,0),MOD($C425,24)+1)/SUM(INDEX($D$3:$AA$30,INDEX(Jesper!$R$2:$R$366,ROW(INDEX(Jesper!AJ$2:AJ$366,ROUNDDOWN($C425/24,0)+1,1))-1)+IF('Standard Profiles'!$G$20=$B$10,7,0)+IF('Standard Profiles'!$G$20=$B$17,14,0)+IF('Standard Profiles'!$G$20=$B$24,21,0),0)),0)</f>
        <v>0</v>
      </c>
      <c r="G425" cm="1">
        <f t="array" ref="G425">IFERROR(INDEX(Jesper!AK$2:AK$366,ROUNDDOWN($C425/24,0)+1,1)*INDEX($D$3:$AA$30,INDEX(Jesper!$R$2:$R$366,ROW(INDEX(Jesper!AK$2:AK$366,ROUNDDOWN($C425/24,0)+1,1))-1)+IF('Standard Profiles'!$G$21=$B$10,7,0)+IF('Standard Profiles'!$G$21=$B$17,14,0)+IF('Standard Profiles'!$G$21=$B$24,21,0),MOD($C425,24)+1)/SUM(INDEX($D$3:$AA$30,INDEX(Jesper!$R$2:$R$366,ROW(INDEX(Jesper!AK$2:AK$366,ROUNDDOWN($C425/24,0)+1,1))-1)+IF('Standard Profiles'!$G$21=$B$10,7,0)+IF('Standard Profiles'!$G$21=$B$17,14,0)+IF('Standard Profiles'!$G$21=$B$24,21,0),0)),0)</f>
        <v>23.494901244686307</v>
      </c>
      <c r="H425" cm="1">
        <f t="array" ref="H425">IFERROR(INDEX(Jesper!AL$2:AL$366,ROUNDDOWN($C425/24,0)+1,1)*INDEX($D$3:$AA$30,INDEX(Jesper!$R$2:$R$366,ROW(INDEX(Jesper!AL$2:AL$366,ROUNDDOWN($C425/24,0)+1,1))-1)+IF('Standard Profiles'!$G$22=$B$10,7,0)+IF('Standard Profiles'!$G$22=$B$17,14,0)+IF('Standard Profiles'!$G$22=$B$24,21,0),MOD($C425,24)+1)/SUM(INDEX($D$3:$AA$30,INDEX(Jesper!$R$2:$R$366,ROW(INDEX(Jesper!AL$2:AL$366,ROUNDDOWN($C425/24,0)+1,1))-1)+IF('Standard Profiles'!$G$22=$B$10,7,0)+IF('Standard Profiles'!$G$22=$B$17,14,0)+IF('Standard Profiles'!$G$22=$B$24,21,0),0)),0)</f>
        <v>0</v>
      </c>
      <c r="I425">
        <f t="shared" si="62"/>
        <v>11.277552597449422</v>
      </c>
      <c r="J425">
        <f t="shared" si="63"/>
        <v>62.080488171038809</v>
      </c>
      <c r="K425">
        <f t="shared" si="64"/>
        <v>2.6708178406478478</v>
      </c>
      <c r="L425">
        <f t="shared" si="65"/>
        <v>1.3354089203239239</v>
      </c>
      <c r="M425">
        <f t="shared" si="66"/>
        <v>0</v>
      </c>
      <c r="N425" s="45">
        <f t="shared" si="67"/>
        <v>44943.291666665718</v>
      </c>
    </row>
    <row r="426" spans="2:14" x14ac:dyDescent="0.25">
      <c r="B426">
        <f t="shared" si="61"/>
        <v>2</v>
      </c>
      <c r="C426" s="16">
        <v>392</v>
      </c>
      <c r="D426" cm="1">
        <f t="array" ref="D426">IFERROR(INDEX(Jesper!AH$2:AH$366,ROUNDDOWN($C426/24,0)+1,1)*INDEX($D$3:$AA$30,INDEX(Jesper!$R$2:$R$366,ROW(INDEX(Jesper!AH$2:AH$366,ROUNDDOWN($C426/24,0)+1,1))-1)+IF('Standard Profiles'!$G$18=$B$10,7,0)+IF('Standard Profiles'!$G$18=$B$17,14,0)+IF('Standard Profiles'!$G$18=$B$24,21,0),MOD($C426,24)+1)/SUM(INDEX($D$3:$AA$30,INDEX(Jesper!$R$2:$R$366,ROW(INDEX(Jesper!AH$2:AH$366,ROUNDDOWN($C426/24,0)+1,1))-1)+IF('Standard Profiles'!$G$18=$B$10,7,0)+IF('Standard Profiles'!$G$18=$B$17,14,0)+IF('Standard Profiles'!$G$18=$B$24,21,0),0)),0)</f>
        <v>27.93816030677683</v>
      </c>
      <c r="E426" cm="1">
        <f t="array" ref="E426">IFERROR(INDEX(Jesper!AI$2:AI$366,ROUNDDOWN($C426/24,0)+1,1)*INDEX($D$3:$AA$30,INDEX(Jesper!$R$2:$R$366,ROW(INDEX(Jesper!AI$2:AI$366,ROUNDDOWN($C426/24,0)+1,1))-1)+IF('Standard Profiles'!$G$19=$B$10,7,0)+IF('Standard Profiles'!$G$19=$B$17,14,0)+IF('Standard Profiles'!$G$19=$B$24,21,0),MOD($C426,24)+1)/SUM(INDEX($D$3:$AA$30,INDEX(Jesper!$R$2:$R$366,ROW(INDEX(Jesper!AI$2:AI$366,ROUNDDOWN($C426/24,0)+1,1))-1)+IF('Standard Profiles'!$G$19=$B$10,7,0)+IF('Standard Profiles'!$G$19=$B$17,14,0)+IF('Standard Profiles'!$G$19=$B$24,21,0),0)),0)</f>
        <v>32.168711547812769</v>
      </c>
      <c r="F426" cm="1">
        <f t="array" ref="F426">IFERROR(INDEX(Jesper!AJ$2:AJ$366,ROUNDDOWN($C426/24,0)+1,1)*INDEX($D$3:$AA$30,INDEX(Jesper!$R$2:$R$366,ROW(INDEX(Jesper!AJ$2:AJ$366,ROUNDDOWN($C426/24,0)+1,1))-1)+IF('Standard Profiles'!$G$20=$B$10,7,0)+IF('Standard Profiles'!$G$20=$B$17,14,0)+IF('Standard Profiles'!$G$20=$B$24,21,0),MOD($C426,24)+1)/SUM(INDEX($D$3:$AA$30,INDEX(Jesper!$R$2:$R$366,ROW(INDEX(Jesper!AJ$2:AJ$366,ROUNDDOWN($C426/24,0)+1,1))-1)+IF('Standard Profiles'!$G$20=$B$10,7,0)+IF('Standard Profiles'!$G$20=$B$17,14,0)+IF('Standard Profiles'!$G$20=$B$24,21,0),0)),0)</f>
        <v>0</v>
      </c>
      <c r="G426" cm="1">
        <f t="array" ref="G426">IFERROR(INDEX(Jesper!AK$2:AK$366,ROUNDDOWN($C426/24,0)+1,1)*INDEX($D$3:$AA$30,INDEX(Jesper!$R$2:$R$366,ROW(INDEX(Jesper!AK$2:AK$366,ROUNDDOWN($C426/24,0)+1,1))-1)+IF('Standard Profiles'!$G$21=$B$10,7,0)+IF('Standard Profiles'!$G$21=$B$17,14,0)+IF('Standard Profiles'!$G$21=$B$24,21,0),MOD($C426,24)+1)/SUM(INDEX($D$3:$AA$30,INDEX(Jesper!$R$2:$R$366,ROW(INDEX(Jesper!AK$2:AK$366,ROUNDDOWN($C426/24,0)+1,1))-1)+IF('Standard Profiles'!$G$21=$B$10,7,0)+IF('Standard Profiles'!$G$21=$B$17,14,0)+IF('Standard Profiles'!$G$21=$B$24,21,0),0)),0)</f>
        <v>26.215363494071042</v>
      </c>
      <c r="H426" cm="1">
        <f t="array" ref="H426">IFERROR(INDEX(Jesper!AL$2:AL$366,ROUNDDOWN($C426/24,0)+1,1)*INDEX($D$3:$AA$30,INDEX(Jesper!$R$2:$R$366,ROW(INDEX(Jesper!AL$2:AL$366,ROUNDDOWN($C426/24,0)+1,1))-1)+IF('Standard Profiles'!$G$22=$B$10,7,0)+IF('Standard Profiles'!$G$22=$B$17,14,0)+IF('Standard Profiles'!$G$22=$B$24,21,0),MOD($C426,24)+1)/SUM(INDEX($D$3:$AA$30,INDEX(Jesper!$R$2:$R$366,ROW(INDEX(Jesper!AL$2:AL$366,ROUNDDOWN($C426/24,0)+1,1))-1)+IF('Standard Profiles'!$G$22=$B$10,7,0)+IF('Standard Profiles'!$G$22=$B$17,14,0)+IF('Standard Profiles'!$G$22=$B$24,21,0),0)),0)</f>
        <v>0</v>
      </c>
      <c r="I426">
        <f t="shared" si="62"/>
        <v>12.583374477154093</v>
      </c>
      <c r="J426">
        <f t="shared" si="63"/>
        <v>69.268755222422257</v>
      </c>
      <c r="K426">
        <f t="shared" si="64"/>
        <v>2.980070432722862</v>
      </c>
      <c r="L426">
        <f t="shared" si="65"/>
        <v>1.490035216361431</v>
      </c>
      <c r="M426">
        <f t="shared" si="66"/>
        <v>0</v>
      </c>
      <c r="N426" s="45">
        <f t="shared" si="67"/>
        <v>44943.333333332383</v>
      </c>
    </row>
    <row r="427" spans="2:14" x14ac:dyDescent="0.25">
      <c r="B427">
        <f t="shared" si="61"/>
        <v>2</v>
      </c>
      <c r="C427" s="16">
        <v>393</v>
      </c>
      <c r="D427" cm="1">
        <f t="array" ref="D427">IFERROR(INDEX(Jesper!AH$2:AH$366,ROUNDDOWN($C427/24,0)+1,1)*INDEX($D$3:$AA$30,INDEX(Jesper!$R$2:$R$366,ROW(INDEX(Jesper!AH$2:AH$366,ROUNDDOWN($C427/24,0)+1,1))-1)+IF('Standard Profiles'!$G$18=$B$10,7,0)+IF('Standard Profiles'!$G$18=$B$17,14,0)+IF('Standard Profiles'!$G$18=$B$24,21,0),MOD($C427,24)+1)/SUM(INDEX($D$3:$AA$30,INDEX(Jesper!$R$2:$R$366,ROW(INDEX(Jesper!AH$2:AH$366,ROUNDDOWN($C427/24,0)+1,1))-1)+IF('Standard Profiles'!$G$18=$B$10,7,0)+IF('Standard Profiles'!$G$18=$B$17,14,0)+IF('Standard Profiles'!$G$18=$B$24,21,0),0)),0)</f>
        <v>30.837403357480085</v>
      </c>
      <c r="E427" cm="1">
        <f t="array" ref="E427">IFERROR(INDEX(Jesper!AI$2:AI$366,ROUNDDOWN($C427/24,0)+1,1)*INDEX($D$3:$AA$30,INDEX(Jesper!$R$2:$R$366,ROW(INDEX(Jesper!AI$2:AI$366,ROUNDDOWN($C427/24,0)+1,1))-1)+IF('Standard Profiles'!$G$19=$B$10,7,0)+IF('Standard Profiles'!$G$19=$B$17,14,0)+IF('Standard Profiles'!$G$19=$B$24,21,0),MOD($C427,24)+1)/SUM(INDEX($D$3:$AA$30,INDEX(Jesper!$R$2:$R$366,ROW(INDEX(Jesper!AI$2:AI$366,ROUNDDOWN($C427/24,0)+1,1))-1)+IF('Standard Profiles'!$G$19=$B$10,7,0)+IF('Standard Profiles'!$G$19=$B$17,14,0)+IF('Standard Profiles'!$G$19=$B$24,21,0),0)),0)</f>
        <v>35.506974066925416</v>
      </c>
      <c r="F427" cm="1">
        <f t="array" ref="F427">IFERROR(INDEX(Jesper!AJ$2:AJ$366,ROUNDDOWN($C427/24,0)+1,1)*INDEX($D$3:$AA$30,INDEX(Jesper!$R$2:$R$366,ROW(INDEX(Jesper!AJ$2:AJ$366,ROUNDDOWN($C427/24,0)+1,1))-1)+IF('Standard Profiles'!$G$20=$B$10,7,0)+IF('Standard Profiles'!$G$20=$B$17,14,0)+IF('Standard Profiles'!$G$20=$B$24,21,0),MOD($C427,24)+1)/SUM(INDEX($D$3:$AA$30,INDEX(Jesper!$R$2:$R$366,ROW(INDEX(Jesper!AJ$2:AJ$366,ROUNDDOWN($C427/24,0)+1,1))-1)+IF('Standard Profiles'!$G$20=$B$10,7,0)+IF('Standard Profiles'!$G$20=$B$17,14,0)+IF('Standard Profiles'!$G$20=$B$24,21,0),0)),0)</f>
        <v>0</v>
      </c>
      <c r="G427" cm="1">
        <f t="array" ref="G427">IFERROR(INDEX(Jesper!AK$2:AK$366,ROUNDDOWN($C427/24,0)+1,1)*INDEX($D$3:$AA$30,INDEX(Jesper!$R$2:$R$366,ROW(INDEX(Jesper!AK$2:AK$366,ROUNDDOWN($C427/24,0)+1,1))-1)+IF('Standard Profiles'!$G$21=$B$10,7,0)+IF('Standard Profiles'!$G$21=$B$17,14,0)+IF('Standard Profiles'!$G$21=$B$24,21,0),MOD($C427,24)+1)/SUM(INDEX($D$3:$AA$30,INDEX(Jesper!$R$2:$R$366,ROW(INDEX(Jesper!AK$2:AK$366,ROUNDDOWN($C427/24,0)+1,1))-1)+IF('Standard Profiles'!$G$21=$B$10,7,0)+IF('Standard Profiles'!$G$21=$B$17,14,0)+IF('Standard Profiles'!$G$21=$B$24,21,0),0)),0)</f>
        <v>28.935825743455773</v>
      </c>
      <c r="H427" cm="1">
        <f t="array" ref="H427">IFERROR(INDEX(Jesper!AL$2:AL$366,ROUNDDOWN($C427/24,0)+1,1)*INDEX($D$3:$AA$30,INDEX(Jesper!$R$2:$R$366,ROW(INDEX(Jesper!AL$2:AL$366,ROUNDDOWN($C427/24,0)+1,1))-1)+IF('Standard Profiles'!$G$22=$B$10,7,0)+IF('Standard Profiles'!$G$22=$B$17,14,0)+IF('Standard Profiles'!$G$22=$B$24,21,0),MOD($C427,24)+1)/SUM(INDEX($D$3:$AA$30,INDEX(Jesper!$R$2:$R$366,ROW(INDEX(Jesper!AL$2:AL$366,ROUNDDOWN($C427/24,0)+1,1))-1)+IF('Standard Profiles'!$G$22=$B$10,7,0)+IF('Standard Profiles'!$G$22=$B$17,14,0)+IF('Standard Profiles'!$G$22=$B$24,21,0),0)),0)</f>
        <v>0</v>
      </c>
      <c r="I427">
        <f t="shared" si="62"/>
        <v>13.889196356858765</v>
      </c>
      <c r="J427">
        <f t="shared" si="63"/>
        <v>76.457022273805691</v>
      </c>
      <c r="K427">
        <f t="shared" si="64"/>
        <v>3.2893230247978757</v>
      </c>
      <c r="L427">
        <f t="shared" si="65"/>
        <v>1.6446615123989379</v>
      </c>
      <c r="M427">
        <f t="shared" si="66"/>
        <v>0</v>
      </c>
      <c r="N427" s="45">
        <f t="shared" si="67"/>
        <v>44943.374999999047</v>
      </c>
    </row>
    <row r="428" spans="2:14" x14ac:dyDescent="0.25">
      <c r="B428">
        <f t="shared" si="61"/>
        <v>2</v>
      </c>
      <c r="C428" s="16">
        <v>394</v>
      </c>
      <c r="D428" cm="1">
        <f t="array" ref="D428">IFERROR(INDEX(Jesper!AH$2:AH$366,ROUNDDOWN($C428/24,0)+1,1)*INDEX($D$3:$AA$30,INDEX(Jesper!$R$2:$R$366,ROW(INDEX(Jesper!AH$2:AH$366,ROUNDDOWN($C428/24,0)+1,1))-1)+IF('Standard Profiles'!$G$18=$B$10,7,0)+IF('Standard Profiles'!$G$18=$B$17,14,0)+IF('Standard Profiles'!$G$18=$B$24,21,0),MOD($C428,24)+1)/SUM(INDEX($D$3:$AA$30,INDEX(Jesper!$R$2:$R$366,ROW(INDEX(Jesper!AH$2:AH$366,ROUNDDOWN($C428/24,0)+1,1))-1)+IF('Standard Profiles'!$G$18=$B$10,7,0)+IF('Standard Profiles'!$G$18=$B$17,14,0)+IF('Standard Profiles'!$G$18=$B$24,21,0),0)),0)</f>
        <v>30.837403357480085</v>
      </c>
      <c r="E428" cm="1">
        <f t="array" ref="E428">IFERROR(INDEX(Jesper!AI$2:AI$366,ROUNDDOWN($C428/24,0)+1,1)*INDEX($D$3:$AA$30,INDEX(Jesper!$R$2:$R$366,ROW(INDEX(Jesper!AI$2:AI$366,ROUNDDOWN($C428/24,0)+1,1))-1)+IF('Standard Profiles'!$G$19=$B$10,7,0)+IF('Standard Profiles'!$G$19=$B$17,14,0)+IF('Standard Profiles'!$G$19=$B$24,21,0),MOD($C428,24)+1)/SUM(INDEX($D$3:$AA$30,INDEX(Jesper!$R$2:$R$366,ROW(INDEX(Jesper!AI$2:AI$366,ROUNDDOWN($C428/24,0)+1,1))-1)+IF('Standard Profiles'!$G$19=$B$10,7,0)+IF('Standard Profiles'!$G$19=$B$17,14,0)+IF('Standard Profiles'!$G$19=$B$24,21,0),0)),0)</f>
        <v>35.506974066925416</v>
      </c>
      <c r="F428" cm="1">
        <f t="array" ref="F428">IFERROR(INDEX(Jesper!AJ$2:AJ$366,ROUNDDOWN($C428/24,0)+1,1)*INDEX($D$3:$AA$30,INDEX(Jesper!$R$2:$R$366,ROW(INDEX(Jesper!AJ$2:AJ$366,ROUNDDOWN($C428/24,0)+1,1))-1)+IF('Standard Profiles'!$G$20=$B$10,7,0)+IF('Standard Profiles'!$G$20=$B$17,14,0)+IF('Standard Profiles'!$G$20=$B$24,21,0),MOD($C428,24)+1)/SUM(INDEX($D$3:$AA$30,INDEX(Jesper!$R$2:$R$366,ROW(INDEX(Jesper!AJ$2:AJ$366,ROUNDDOWN($C428/24,0)+1,1))-1)+IF('Standard Profiles'!$G$20=$B$10,7,0)+IF('Standard Profiles'!$G$20=$B$17,14,0)+IF('Standard Profiles'!$G$20=$B$24,21,0),0)),0)</f>
        <v>0</v>
      </c>
      <c r="G428" cm="1">
        <f t="array" ref="G428">IFERROR(INDEX(Jesper!AK$2:AK$366,ROUNDDOWN($C428/24,0)+1,1)*INDEX($D$3:$AA$30,INDEX(Jesper!$R$2:$R$366,ROW(INDEX(Jesper!AK$2:AK$366,ROUNDDOWN($C428/24,0)+1,1))-1)+IF('Standard Profiles'!$G$21=$B$10,7,0)+IF('Standard Profiles'!$G$21=$B$17,14,0)+IF('Standard Profiles'!$G$21=$B$24,21,0),MOD($C428,24)+1)/SUM(INDEX($D$3:$AA$30,INDEX(Jesper!$R$2:$R$366,ROW(INDEX(Jesper!AK$2:AK$366,ROUNDDOWN($C428/24,0)+1,1))-1)+IF('Standard Profiles'!$G$21=$B$10,7,0)+IF('Standard Profiles'!$G$21=$B$17,14,0)+IF('Standard Profiles'!$G$21=$B$24,21,0),0)),0)</f>
        <v>28.935825743455773</v>
      </c>
      <c r="H428" cm="1">
        <f t="array" ref="H428">IFERROR(INDEX(Jesper!AL$2:AL$366,ROUNDDOWN($C428/24,0)+1,1)*INDEX($D$3:$AA$30,INDEX(Jesper!$R$2:$R$366,ROW(INDEX(Jesper!AL$2:AL$366,ROUNDDOWN($C428/24,0)+1,1))-1)+IF('Standard Profiles'!$G$22=$B$10,7,0)+IF('Standard Profiles'!$G$22=$B$17,14,0)+IF('Standard Profiles'!$G$22=$B$24,21,0),MOD($C428,24)+1)/SUM(INDEX($D$3:$AA$30,INDEX(Jesper!$R$2:$R$366,ROW(INDEX(Jesper!AL$2:AL$366,ROUNDDOWN($C428/24,0)+1,1))-1)+IF('Standard Profiles'!$G$22=$B$10,7,0)+IF('Standard Profiles'!$G$22=$B$17,14,0)+IF('Standard Profiles'!$G$22=$B$24,21,0),0)),0)</f>
        <v>0</v>
      </c>
      <c r="I428">
        <f t="shared" si="62"/>
        <v>13.889196356858765</v>
      </c>
      <c r="J428">
        <f t="shared" si="63"/>
        <v>76.457022273805691</v>
      </c>
      <c r="K428">
        <f t="shared" si="64"/>
        <v>3.2893230247978757</v>
      </c>
      <c r="L428">
        <f t="shared" si="65"/>
        <v>1.6446615123989379</v>
      </c>
      <c r="M428">
        <f t="shared" si="66"/>
        <v>0</v>
      </c>
      <c r="N428" s="45">
        <f t="shared" si="67"/>
        <v>44943.416666665711</v>
      </c>
    </row>
    <row r="429" spans="2:14" x14ac:dyDescent="0.25">
      <c r="B429">
        <f t="shared" si="61"/>
        <v>2</v>
      </c>
      <c r="C429" s="16">
        <v>395</v>
      </c>
      <c r="D429" cm="1">
        <f t="array" ref="D429">IFERROR(INDEX(Jesper!AH$2:AH$366,ROUNDDOWN($C429/24,0)+1,1)*INDEX($D$3:$AA$30,INDEX(Jesper!$R$2:$R$366,ROW(INDEX(Jesper!AH$2:AH$366,ROUNDDOWN($C429/24,0)+1,1))-1)+IF('Standard Profiles'!$G$18=$B$10,7,0)+IF('Standard Profiles'!$G$18=$B$17,14,0)+IF('Standard Profiles'!$G$18=$B$24,21,0),MOD($C429,24)+1)/SUM(INDEX($D$3:$AA$30,INDEX(Jesper!$R$2:$R$366,ROW(INDEX(Jesper!AH$2:AH$366,ROUNDDOWN($C429/24,0)+1,1))-1)+IF('Standard Profiles'!$G$18=$B$10,7,0)+IF('Standard Profiles'!$G$18=$B$17,14,0)+IF('Standard Profiles'!$G$18=$B$24,21,0),0)),0)</f>
        <v>36.899457008950527</v>
      </c>
      <c r="E429" cm="1">
        <f t="array" ref="E429">IFERROR(INDEX(Jesper!AI$2:AI$366,ROUNDDOWN($C429/24,0)+1,1)*INDEX($D$3:$AA$30,INDEX(Jesper!$R$2:$R$366,ROW(INDEX(Jesper!AI$2:AI$366,ROUNDDOWN($C429/24,0)+1,1))-1)+IF('Standard Profiles'!$G$19=$B$10,7,0)+IF('Standard Profiles'!$G$19=$B$17,14,0)+IF('Standard Profiles'!$G$19=$B$24,21,0),MOD($C429,24)+1)/SUM(INDEX($D$3:$AA$30,INDEX(Jesper!$R$2:$R$366,ROW(INDEX(Jesper!AI$2:AI$366,ROUNDDOWN($C429/24,0)+1,1))-1)+IF('Standard Profiles'!$G$19=$B$10,7,0)+IF('Standard Profiles'!$G$19=$B$17,14,0)+IF('Standard Profiles'!$G$19=$B$24,21,0),0)),0)</f>
        <v>42.486977515979127</v>
      </c>
      <c r="F429" cm="1">
        <f t="array" ref="F429">IFERROR(INDEX(Jesper!AJ$2:AJ$366,ROUNDDOWN($C429/24,0)+1,1)*INDEX($D$3:$AA$30,INDEX(Jesper!$R$2:$R$366,ROW(INDEX(Jesper!AJ$2:AJ$366,ROUNDDOWN($C429/24,0)+1,1))-1)+IF('Standard Profiles'!$G$20=$B$10,7,0)+IF('Standard Profiles'!$G$20=$B$17,14,0)+IF('Standard Profiles'!$G$20=$B$24,21,0),MOD($C429,24)+1)/SUM(INDEX($D$3:$AA$30,INDEX(Jesper!$R$2:$R$366,ROW(INDEX(Jesper!AJ$2:AJ$366,ROUNDDOWN($C429/24,0)+1,1))-1)+IF('Standard Profiles'!$G$20=$B$10,7,0)+IF('Standard Profiles'!$G$20=$B$17,14,0)+IF('Standard Profiles'!$G$20=$B$24,21,0),0)),0)</f>
        <v>0</v>
      </c>
      <c r="G429" cm="1">
        <f t="array" ref="G429">IFERROR(INDEX(Jesper!AK$2:AK$366,ROUNDDOWN($C429/24,0)+1,1)*INDEX($D$3:$AA$30,INDEX(Jesper!$R$2:$R$366,ROW(INDEX(Jesper!AK$2:AK$366,ROUNDDOWN($C429/24,0)+1,1))-1)+IF('Standard Profiles'!$G$21=$B$10,7,0)+IF('Standard Profiles'!$G$21=$B$17,14,0)+IF('Standard Profiles'!$G$21=$B$24,21,0),MOD($C429,24)+1)/SUM(INDEX($D$3:$AA$30,INDEX(Jesper!$R$2:$R$366,ROW(INDEX(Jesper!AK$2:AK$366,ROUNDDOWN($C429/24,0)+1,1))-1)+IF('Standard Profiles'!$G$21=$B$10,7,0)+IF('Standard Profiles'!$G$21=$B$17,14,0)+IF('Standard Profiles'!$G$21=$B$24,21,0),0)),0)</f>
        <v>34.624064992169302</v>
      </c>
      <c r="H429" cm="1">
        <f t="array" ref="H429">IFERROR(INDEX(Jesper!AL$2:AL$366,ROUNDDOWN($C429/24,0)+1,1)*INDEX($D$3:$AA$30,INDEX(Jesper!$R$2:$R$366,ROW(INDEX(Jesper!AL$2:AL$366,ROUNDDOWN($C429/24,0)+1,1))-1)+IF('Standard Profiles'!$G$22=$B$10,7,0)+IF('Standard Profiles'!$G$22=$B$17,14,0)+IF('Standard Profiles'!$G$22=$B$24,21,0),MOD($C429,24)+1)/SUM(INDEX($D$3:$AA$30,INDEX(Jesper!$R$2:$R$366,ROW(INDEX(Jesper!AL$2:AL$366,ROUNDDOWN($C429/24,0)+1,1))-1)+IF('Standard Profiles'!$G$22=$B$10,7,0)+IF('Standard Profiles'!$G$22=$B$17,14,0)+IF('Standard Profiles'!$G$22=$B$24,21,0),0)),0)</f>
        <v>0</v>
      </c>
      <c r="I429">
        <f t="shared" si="62"/>
        <v>16.619551196241257</v>
      </c>
      <c r="J429">
        <f t="shared" si="63"/>
        <v>91.48703519942562</v>
      </c>
      <c r="K429">
        <f t="shared" si="64"/>
        <v>3.9359420809547232</v>
      </c>
      <c r="L429">
        <f t="shared" si="65"/>
        <v>1.9679710404773616</v>
      </c>
      <c r="M429">
        <f t="shared" si="66"/>
        <v>0</v>
      </c>
      <c r="N429" s="45">
        <f t="shared" si="67"/>
        <v>44943.458333332375</v>
      </c>
    </row>
    <row r="430" spans="2:14" x14ac:dyDescent="0.25">
      <c r="B430">
        <f t="shared" si="61"/>
        <v>2</v>
      </c>
      <c r="C430" s="16">
        <v>396</v>
      </c>
      <c r="D430" cm="1">
        <f t="array" ref="D430">IFERROR(INDEX(Jesper!AH$2:AH$366,ROUNDDOWN($C430/24,0)+1,1)*INDEX($D$3:$AA$30,INDEX(Jesper!$R$2:$R$366,ROW(INDEX(Jesper!AH$2:AH$366,ROUNDDOWN($C430/24,0)+1,1))-1)+IF('Standard Profiles'!$G$18=$B$10,7,0)+IF('Standard Profiles'!$G$18=$B$17,14,0)+IF('Standard Profiles'!$G$18=$B$24,21,0),MOD($C430,24)+1)/SUM(INDEX($D$3:$AA$30,INDEX(Jesper!$R$2:$R$366,ROW(INDEX(Jesper!AH$2:AH$366,ROUNDDOWN($C430/24,0)+1,1))-1)+IF('Standard Profiles'!$G$18=$B$10,7,0)+IF('Standard Profiles'!$G$18=$B$17,14,0)+IF('Standard Profiles'!$G$18=$B$24,21,0),0)),0)</f>
        <v>36.899457008950527</v>
      </c>
      <c r="E430" cm="1">
        <f t="array" ref="E430">IFERROR(INDEX(Jesper!AI$2:AI$366,ROUNDDOWN($C430/24,0)+1,1)*INDEX($D$3:$AA$30,INDEX(Jesper!$R$2:$R$366,ROW(INDEX(Jesper!AI$2:AI$366,ROUNDDOWN($C430/24,0)+1,1))-1)+IF('Standard Profiles'!$G$19=$B$10,7,0)+IF('Standard Profiles'!$G$19=$B$17,14,0)+IF('Standard Profiles'!$G$19=$B$24,21,0),MOD($C430,24)+1)/SUM(INDEX($D$3:$AA$30,INDEX(Jesper!$R$2:$R$366,ROW(INDEX(Jesper!AI$2:AI$366,ROUNDDOWN($C430/24,0)+1,1))-1)+IF('Standard Profiles'!$G$19=$B$10,7,0)+IF('Standard Profiles'!$G$19=$B$17,14,0)+IF('Standard Profiles'!$G$19=$B$24,21,0),0)),0)</f>
        <v>42.486977515979127</v>
      </c>
      <c r="F430" cm="1">
        <f t="array" ref="F430">IFERROR(INDEX(Jesper!AJ$2:AJ$366,ROUNDDOWN($C430/24,0)+1,1)*INDEX($D$3:$AA$30,INDEX(Jesper!$R$2:$R$366,ROW(INDEX(Jesper!AJ$2:AJ$366,ROUNDDOWN($C430/24,0)+1,1))-1)+IF('Standard Profiles'!$G$20=$B$10,7,0)+IF('Standard Profiles'!$G$20=$B$17,14,0)+IF('Standard Profiles'!$G$20=$B$24,21,0),MOD($C430,24)+1)/SUM(INDEX($D$3:$AA$30,INDEX(Jesper!$R$2:$R$366,ROW(INDEX(Jesper!AJ$2:AJ$366,ROUNDDOWN($C430/24,0)+1,1))-1)+IF('Standard Profiles'!$G$20=$B$10,7,0)+IF('Standard Profiles'!$G$20=$B$17,14,0)+IF('Standard Profiles'!$G$20=$B$24,21,0),0)),0)</f>
        <v>0</v>
      </c>
      <c r="G430" cm="1">
        <f t="array" ref="G430">IFERROR(INDEX(Jesper!AK$2:AK$366,ROUNDDOWN($C430/24,0)+1,1)*INDEX($D$3:$AA$30,INDEX(Jesper!$R$2:$R$366,ROW(INDEX(Jesper!AK$2:AK$366,ROUNDDOWN($C430/24,0)+1,1))-1)+IF('Standard Profiles'!$G$21=$B$10,7,0)+IF('Standard Profiles'!$G$21=$B$17,14,0)+IF('Standard Profiles'!$G$21=$B$24,21,0),MOD($C430,24)+1)/SUM(INDEX($D$3:$AA$30,INDEX(Jesper!$R$2:$R$366,ROW(INDEX(Jesper!AK$2:AK$366,ROUNDDOWN($C430/24,0)+1,1))-1)+IF('Standard Profiles'!$G$21=$B$10,7,0)+IF('Standard Profiles'!$G$21=$B$17,14,0)+IF('Standard Profiles'!$G$21=$B$24,21,0),0)),0)</f>
        <v>34.624064992169302</v>
      </c>
      <c r="H430" cm="1">
        <f t="array" ref="H430">IFERROR(INDEX(Jesper!AL$2:AL$366,ROUNDDOWN($C430/24,0)+1,1)*INDEX($D$3:$AA$30,INDEX(Jesper!$R$2:$R$366,ROW(INDEX(Jesper!AL$2:AL$366,ROUNDDOWN($C430/24,0)+1,1))-1)+IF('Standard Profiles'!$G$22=$B$10,7,0)+IF('Standard Profiles'!$G$22=$B$17,14,0)+IF('Standard Profiles'!$G$22=$B$24,21,0),MOD($C430,24)+1)/SUM(INDEX($D$3:$AA$30,INDEX(Jesper!$R$2:$R$366,ROW(INDEX(Jesper!AL$2:AL$366,ROUNDDOWN($C430/24,0)+1,1))-1)+IF('Standard Profiles'!$G$22=$B$10,7,0)+IF('Standard Profiles'!$G$22=$B$17,14,0)+IF('Standard Profiles'!$G$22=$B$24,21,0),0)),0)</f>
        <v>0</v>
      </c>
      <c r="I430">
        <f t="shared" si="62"/>
        <v>16.619551196241257</v>
      </c>
      <c r="J430">
        <f t="shared" si="63"/>
        <v>91.48703519942562</v>
      </c>
      <c r="K430">
        <f t="shared" si="64"/>
        <v>3.9359420809547232</v>
      </c>
      <c r="L430">
        <f t="shared" si="65"/>
        <v>1.9679710404773616</v>
      </c>
      <c r="M430">
        <f t="shared" si="66"/>
        <v>0</v>
      </c>
      <c r="N430" s="45">
        <f t="shared" si="67"/>
        <v>44943.49999999904</v>
      </c>
    </row>
    <row r="431" spans="2:14" x14ac:dyDescent="0.25">
      <c r="B431">
        <f t="shared" si="61"/>
        <v>2</v>
      </c>
      <c r="C431" s="16">
        <v>397</v>
      </c>
      <c r="D431" cm="1">
        <f t="array" ref="D431">IFERROR(INDEX(Jesper!AH$2:AH$366,ROUNDDOWN($C431/24,0)+1,1)*INDEX($D$3:$AA$30,INDEX(Jesper!$R$2:$R$366,ROW(INDEX(Jesper!AH$2:AH$366,ROUNDDOWN($C431/24,0)+1,1))-1)+IF('Standard Profiles'!$G$18=$B$10,7,0)+IF('Standard Profiles'!$G$18=$B$17,14,0)+IF('Standard Profiles'!$G$18=$B$24,21,0),MOD($C431,24)+1)/SUM(INDEX($D$3:$AA$30,INDEX(Jesper!$R$2:$R$366,ROW(INDEX(Jesper!AH$2:AH$366,ROUNDDOWN($C431/24,0)+1,1))-1)+IF('Standard Profiles'!$G$18=$B$10,7,0)+IF('Standard Profiles'!$G$18=$B$17,14,0)+IF('Standard Profiles'!$G$18=$B$24,21,0),0)),0)</f>
        <v>24.511782155945706</v>
      </c>
      <c r="E431" cm="1">
        <f t="array" ref="E431">IFERROR(INDEX(Jesper!AI$2:AI$366,ROUNDDOWN($C431/24,0)+1,1)*INDEX($D$3:$AA$30,INDEX(Jesper!$R$2:$R$366,ROW(INDEX(Jesper!AI$2:AI$366,ROUNDDOWN($C431/24,0)+1,1))-1)+IF('Standard Profiles'!$G$19=$B$10,7,0)+IF('Standard Profiles'!$G$19=$B$17,14,0)+IF('Standard Profiles'!$G$19=$B$24,21,0),MOD($C431,24)+1)/SUM(INDEX($D$3:$AA$30,INDEX(Jesper!$R$2:$R$366,ROW(INDEX(Jesper!AI$2:AI$366,ROUNDDOWN($C431/24,0)+1,1))-1)+IF('Standard Profiles'!$G$19=$B$10,7,0)+IF('Standard Profiles'!$G$19=$B$17,14,0)+IF('Standard Profiles'!$G$19=$B$24,21,0),0)),0)</f>
        <v>28.223492207043275</v>
      </c>
      <c r="F431" cm="1">
        <f t="array" ref="F431">IFERROR(INDEX(Jesper!AJ$2:AJ$366,ROUNDDOWN($C431/24,0)+1,1)*INDEX($D$3:$AA$30,INDEX(Jesper!$R$2:$R$366,ROW(INDEX(Jesper!AJ$2:AJ$366,ROUNDDOWN($C431/24,0)+1,1))-1)+IF('Standard Profiles'!$G$20=$B$10,7,0)+IF('Standard Profiles'!$G$20=$B$17,14,0)+IF('Standard Profiles'!$G$20=$B$24,21,0),MOD($C431,24)+1)/SUM(INDEX($D$3:$AA$30,INDEX(Jesper!$R$2:$R$366,ROW(INDEX(Jesper!AJ$2:AJ$366,ROUNDDOWN($C431/24,0)+1,1))-1)+IF('Standard Profiles'!$G$20=$B$10,7,0)+IF('Standard Profiles'!$G$20=$B$17,14,0)+IF('Standard Profiles'!$G$20=$B$24,21,0),0)),0)</f>
        <v>0</v>
      </c>
      <c r="G431" cm="1">
        <f t="array" ref="G431">IFERROR(INDEX(Jesper!AK$2:AK$366,ROUNDDOWN($C431/24,0)+1,1)*INDEX($D$3:$AA$30,INDEX(Jesper!$R$2:$R$366,ROW(INDEX(Jesper!AK$2:AK$366,ROUNDDOWN($C431/24,0)+1,1))-1)+IF('Standard Profiles'!$G$21=$B$10,7,0)+IF('Standard Profiles'!$G$21=$B$17,14,0)+IF('Standard Profiles'!$G$21=$B$24,21,0),MOD($C431,24)+1)/SUM(INDEX($D$3:$AA$30,INDEX(Jesper!$R$2:$R$366,ROW(INDEX(Jesper!AK$2:AK$366,ROUNDDOWN($C431/24,0)+1,1))-1)+IF('Standard Profiles'!$G$21=$B$10,7,0)+IF('Standard Profiles'!$G$21=$B$17,14,0)+IF('Standard Profiles'!$G$21=$B$24,21,0),0)),0)</f>
        <v>23.000271744798173</v>
      </c>
      <c r="H431" cm="1">
        <f t="array" ref="H431">IFERROR(INDEX(Jesper!AL$2:AL$366,ROUNDDOWN($C431/24,0)+1,1)*INDEX($D$3:$AA$30,INDEX(Jesper!$R$2:$R$366,ROW(INDEX(Jesper!AL$2:AL$366,ROUNDDOWN($C431/24,0)+1,1))-1)+IF('Standard Profiles'!$G$22=$B$10,7,0)+IF('Standard Profiles'!$G$22=$B$17,14,0)+IF('Standard Profiles'!$G$22=$B$24,21,0),MOD($C431,24)+1)/SUM(INDEX($D$3:$AA$30,INDEX(Jesper!$R$2:$R$366,ROW(INDEX(Jesper!AL$2:AL$366,ROUNDDOWN($C431/24,0)+1,1))-1)+IF('Standard Profiles'!$G$22=$B$10,7,0)+IF('Standard Profiles'!$G$22=$B$17,14,0)+IF('Standard Profiles'!$G$22=$B$24,21,0),0)),0)</f>
        <v>0</v>
      </c>
      <c r="I431">
        <f t="shared" si="62"/>
        <v>11.040130437503118</v>
      </c>
      <c r="J431">
        <f t="shared" si="63"/>
        <v>60.773530525332724</v>
      </c>
      <c r="K431">
        <f t="shared" si="64"/>
        <v>2.6145900966342088</v>
      </c>
      <c r="L431">
        <f t="shared" si="65"/>
        <v>1.3072950483171044</v>
      </c>
      <c r="M431">
        <f t="shared" si="66"/>
        <v>0</v>
      </c>
      <c r="N431" s="45">
        <f t="shared" si="67"/>
        <v>44943.541666665704</v>
      </c>
    </row>
    <row r="432" spans="2:14" x14ac:dyDescent="0.25">
      <c r="B432">
        <f t="shared" si="61"/>
        <v>2</v>
      </c>
      <c r="C432" s="16">
        <v>398</v>
      </c>
      <c r="D432" cm="1">
        <f t="array" ref="D432">IFERROR(INDEX(Jesper!AH$2:AH$366,ROUNDDOWN($C432/24,0)+1,1)*INDEX($D$3:$AA$30,INDEX(Jesper!$R$2:$R$366,ROW(INDEX(Jesper!AH$2:AH$366,ROUNDDOWN($C432/24,0)+1,1))-1)+IF('Standard Profiles'!$G$18=$B$10,7,0)+IF('Standard Profiles'!$G$18=$B$17,14,0)+IF('Standard Profiles'!$G$18=$B$24,21,0),MOD($C432,24)+1)/SUM(INDEX($D$3:$AA$30,INDEX(Jesper!$R$2:$R$366,ROW(INDEX(Jesper!AH$2:AH$366,ROUNDDOWN($C432/24,0)+1,1))-1)+IF('Standard Profiles'!$G$18=$B$10,7,0)+IF('Standard Profiles'!$G$18=$B$17,14,0)+IF('Standard Profiles'!$G$18=$B$24,21,0),0)),0)</f>
        <v>36.899457008950527</v>
      </c>
      <c r="E432" cm="1">
        <f t="array" ref="E432">IFERROR(INDEX(Jesper!AI$2:AI$366,ROUNDDOWN($C432/24,0)+1,1)*INDEX($D$3:$AA$30,INDEX(Jesper!$R$2:$R$366,ROW(INDEX(Jesper!AI$2:AI$366,ROUNDDOWN($C432/24,0)+1,1))-1)+IF('Standard Profiles'!$G$19=$B$10,7,0)+IF('Standard Profiles'!$G$19=$B$17,14,0)+IF('Standard Profiles'!$G$19=$B$24,21,0),MOD($C432,24)+1)/SUM(INDEX($D$3:$AA$30,INDEX(Jesper!$R$2:$R$366,ROW(INDEX(Jesper!AI$2:AI$366,ROUNDDOWN($C432/24,0)+1,1))-1)+IF('Standard Profiles'!$G$19=$B$10,7,0)+IF('Standard Profiles'!$G$19=$B$17,14,0)+IF('Standard Profiles'!$G$19=$B$24,21,0),0)),0)</f>
        <v>42.486977515979127</v>
      </c>
      <c r="F432" cm="1">
        <f t="array" ref="F432">IFERROR(INDEX(Jesper!AJ$2:AJ$366,ROUNDDOWN($C432/24,0)+1,1)*INDEX($D$3:$AA$30,INDEX(Jesper!$R$2:$R$366,ROW(INDEX(Jesper!AJ$2:AJ$366,ROUNDDOWN($C432/24,0)+1,1))-1)+IF('Standard Profiles'!$G$20=$B$10,7,0)+IF('Standard Profiles'!$G$20=$B$17,14,0)+IF('Standard Profiles'!$G$20=$B$24,21,0),MOD($C432,24)+1)/SUM(INDEX($D$3:$AA$30,INDEX(Jesper!$R$2:$R$366,ROW(INDEX(Jesper!AJ$2:AJ$366,ROUNDDOWN($C432/24,0)+1,1))-1)+IF('Standard Profiles'!$G$20=$B$10,7,0)+IF('Standard Profiles'!$G$20=$B$17,14,0)+IF('Standard Profiles'!$G$20=$B$24,21,0),0)),0)</f>
        <v>0</v>
      </c>
      <c r="G432" cm="1">
        <f t="array" ref="G432">IFERROR(INDEX(Jesper!AK$2:AK$366,ROUNDDOWN($C432/24,0)+1,1)*INDEX($D$3:$AA$30,INDEX(Jesper!$R$2:$R$366,ROW(INDEX(Jesper!AK$2:AK$366,ROUNDDOWN($C432/24,0)+1,1))-1)+IF('Standard Profiles'!$G$21=$B$10,7,0)+IF('Standard Profiles'!$G$21=$B$17,14,0)+IF('Standard Profiles'!$G$21=$B$24,21,0),MOD($C432,24)+1)/SUM(INDEX($D$3:$AA$30,INDEX(Jesper!$R$2:$R$366,ROW(INDEX(Jesper!AK$2:AK$366,ROUNDDOWN($C432/24,0)+1,1))-1)+IF('Standard Profiles'!$G$21=$B$10,7,0)+IF('Standard Profiles'!$G$21=$B$17,14,0)+IF('Standard Profiles'!$G$21=$B$24,21,0),0)),0)</f>
        <v>34.624064992169302</v>
      </c>
      <c r="H432" cm="1">
        <f t="array" ref="H432">IFERROR(INDEX(Jesper!AL$2:AL$366,ROUNDDOWN($C432/24,0)+1,1)*INDEX($D$3:$AA$30,INDEX(Jesper!$R$2:$R$366,ROW(INDEX(Jesper!AL$2:AL$366,ROUNDDOWN($C432/24,0)+1,1))-1)+IF('Standard Profiles'!$G$22=$B$10,7,0)+IF('Standard Profiles'!$G$22=$B$17,14,0)+IF('Standard Profiles'!$G$22=$B$24,21,0),MOD($C432,24)+1)/SUM(INDEX($D$3:$AA$30,INDEX(Jesper!$R$2:$R$366,ROW(INDEX(Jesper!AL$2:AL$366,ROUNDDOWN($C432/24,0)+1,1))-1)+IF('Standard Profiles'!$G$22=$B$10,7,0)+IF('Standard Profiles'!$G$22=$B$17,14,0)+IF('Standard Profiles'!$G$22=$B$24,21,0),0)),0)</f>
        <v>0</v>
      </c>
      <c r="I432">
        <f t="shared" si="62"/>
        <v>16.619551196241257</v>
      </c>
      <c r="J432">
        <f t="shared" si="63"/>
        <v>91.48703519942562</v>
      </c>
      <c r="K432">
        <f t="shared" si="64"/>
        <v>3.9359420809547232</v>
      </c>
      <c r="L432">
        <f t="shared" si="65"/>
        <v>1.9679710404773616</v>
      </c>
      <c r="M432">
        <f t="shared" si="66"/>
        <v>0</v>
      </c>
      <c r="N432" s="45">
        <f t="shared" si="67"/>
        <v>44943.583333332368</v>
      </c>
    </row>
    <row r="433" spans="2:14" x14ac:dyDescent="0.25">
      <c r="B433">
        <f t="shared" si="61"/>
        <v>2</v>
      </c>
      <c r="C433" s="16">
        <v>399</v>
      </c>
      <c r="D433" cm="1">
        <f t="array" ref="D433">IFERROR(INDEX(Jesper!AH$2:AH$366,ROUNDDOWN($C433/24,0)+1,1)*INDEX($D$3:$AA$30,INDEX(Jesper!$R$2:$R$366,ROW(INDEX(Jesper!AH$2:AH$366,ROUNDDOWN($C433/24,0)+1,1))-1)+IF('Standard Profiles'!$G$18=$B$10,7,0)+IF('Standard Profiles'!$G$18=$B$17,14,0)+IF('Standard Profiles'!$G$18=$B$24,21,0),MOD($C433,24)+1)/SUM(INDEX($D$3:$AA$30,INDEX(Jesper!$R$2:$R$366,ROW(INDEX(Jesper!AH$2:AH$366,ROUNDDOWN($C433/24,0)+1,1))-1)+IF('Standard Profiles'!$G$18=$B$10,7,0)+IF('Standard Profiles'!$G$18=$B$17,14,0)+IF('Standard Profiles'!$G$18=$B$24,21,0),0)),0)</f>
        <v>36.899457008950527</v>
      </c>
      <c r="E433" cm="1">
        <f t="array" ref="E433">IFERROR(INDEX(Jesper!AI$2:AI$366,ROUNDDOWN($C433/24,0)+1,1)*INDEX($D$3:$AA$30,INDEX(Jesper!$R$2:$R$366,ROW(INDEX(Jesper!AI$2:AI$366,ROUNDDOWN($C433/24,0)+1,1))-1)+IF('Standard Profiles'!$G$19=$B$10,7,0)+IF('Standard Profiles'!$G$19=$B$17,14,0)+IF('Standard Profiles'!$G$19=$B$24,21,0),MOD($C433,24)+1)/SUM(INDEX($D$3:$AA$30,INDEX(Jesper!$R$2:$R$366,ROW(INDEX(Jesper!AI$2:AI$366,ROUNDDOWN($C433/24,0)+1,1))-1)+IF('Standard Profiles'!$G$19=$B$10,7,0)+IF('Standard Profiles'!$G$19=$B$17,14,0)+IF('Standard Profiles'!$G$19=$B$24,21,0),0)),0)</f>
        <v>42.486977515979127</v>
      </c>
      <c r="F433" cm="1">
        <f t="array" ref="F433">IFERROR(INDEX(Jesper!AJ$2:AJ$366,ROUNDDOWN($C433/24,0)+1,1)*INDEX($D$3:$AA$30,INDEX(Jesper!$R$2:$R$366,ROW(INDEX(Jesper!AJ$2:AJ$366,ROUNDDOWN($C433/24,0)+1,1))-1)+IF('Standard Profiles'!$G$20=$B$10,7,0)+IF('Standard Profiles'!$G$20=$B$17,14,0)+IF('Standard Profiles'!$G$20=$B$24,21,0),MOD($C433,24)+1)/SUM(INDEX($D$3:$AA$30,INDEX(Jesper!$R$2:$R$366,ROW(INDEX(Jesper!AJ$2:AJ$366,ROUNDDOWN($C433/24,0)+1,1))-1)+IF('Standard Profiles'!$G$20=$B$10,7,0)+IF('Standard Profiles'!$G$20=$B$17,14,0)+IF('Standard Profiles'!$G$20=$B$24,21,0),0)),0)</f>
        <v>0</v>
      </c>
      <c r="G433" cm="1">
        <f t="array" ref="G433">IFERROR(INDEX(Jesper!AK$2:AK$366,ROUNDDOWN($C433/24,0)+1,1)*INDEX($D$3:$AA$30,INDEX(Jesper!$R$2:$R$366,ROW(INDEX(Jesper!AK$2:AK$366,ROUNDDOWN($C433/24,0)+1,1))-1)+IF('Standard Profiles'!$G$21=$B$10,7,0)+IF('Standard Profiles'!$G$21=$B$17,14,0)+IF('Standard Profiles'!$G$21=$B$24,21,0),MOD($C433,24)+1)/SUM(INDEX($D$3:$AA$30,INDEX(Jesper!$R$2:$R$366,ROW(INDEX(Jesper!AK$2:AK$366,ROUNDDOWN($C433/24,0)+1,1))-1)+IF('Standard Profiles'!$G$21=$B$10,7,0)+IF('Standard Profiles'!$G$21=$B$17,14,0)+IF('Standard Profiles'!$G$21=$B$24,21,0),0)),0)</f>
        <v>34.624064992169302</v>
      </c>
      <c r="H433" cm="1">
        <f t="array" ref="H433">IFERROR(INDEX(Jesper!AL$2:AL$366,ROUNDDOWN($C433/24,0)+1,1)*INDEX($D$3:$AA$30,INDEX(Jesper!$R$2:$R$366,ROW(INDEX(Jesper!AL$2:AL$366,ROUNDDOWN($C433/24,0)+1,1))-1)+IF('Standard Profiles'!$G$22=$B$10,7,0)+IF('Standard Profiles'!$G$22=$B$17,14,0)+IF('Standard Profiles'!$G$22=$B$24,21,0),MOD($C433,24)+1)/SUM(INDEX($D$3:$AA$30,INDEX(Jesper!$R$2:$R$366,ROW(INDEX(Jesper!AL$2:AL$366,ROUNDDOWN($C433/24,0)+1,1))-1)+IF('Standard Profiles'!$G$22=$B$10,7,0)+IF('Standard Profiles'!$G$22=$B$17,14,0)+IF('Standard Profiles'!$G$22=$B$24,21,0),0)),0)</f>
        <v>0</v>
      </c>
      <c r="I433">
        <f t="shared" si="62"/>
        <v>16.619551196241257</v>
      </c>
      <c r="J433">
        <f t="shared" si="63"/>
        <v>91.48703519942562</v>
      </c>
      <c r="K433">
        <f t="shared" si="64"/>
        <v>3.9359420809547232</v>
      </c>
      <c r="L433">
        <f t="shared" si="65"/>
        <v>1.9679710404773616</v>
      </c>
      <c r="M433">
        <f t="shared" si="66"/>
        <v>0</v>
      </c>
      <c r="N433" s="45">
        <f t="shared" si="67"/>
        <v>44943.624999999032</v>
      </c>
    </row>
    <row r="434" spans="2:14" x14ac:dyDescent="0.25">
      <c r="B434">
        <f t="shared" si="61"/>
        <v>2</v>
      </c>
      <c r="C434" s="16">
        <v>400</v>
      </c>
      <c r="D434" cm="1">
        <f t="array" ref="D434">IFERROR(INDEX(Jesper!AH$2:AH$366,ROUNDDOWN($C434/24,0)+1,1)*INDEX($D$3:$AA$30,INDEX(Jesper!$R$2:$R$366,ROW(INDEX(Jesper!AH$2:AH$366,ROUNDDOWN($C434/24,0)+1,1))-1)+IF('Standard Profiles'!$G$18=$B$10,7,0)+IF('Standard Profiles'!$G$18=$B$17,14,0)+IF('Standard Profiles'!$G$18=$B$24,21,0),MOD($C434,24)+1)/SUM(INDEX($D$3:$AA$30,INDEX(Jesper!$R$2:$R$366,ROW(INDEX(Jesper!AH$2:AH$366,ROUNDDOWN($C434/24,0)+1,1))-1)+IF('Standard Profiles'!$G$18=$B$10,7,0)+IF('Standard Profiles'!$G$18=$B$17,14,0)+IF('Standard Profiles'!$G$18=$B$24,21,0),0)),0)</f>
        <v>21.744322880274421</v>
      </c>
      <c r="E434" cm="1">
        <f t="array" ref="E434">IFERROR(INDEX(Jesper!AI$2:AI$366,ROUNDDOWN($C434/24,0)+1,1)*INDEX($D$3:$AA$30,INDEX(Jesper!$R$2:$R$366,ROW(INDEX(Jesper!AI$2:AI$366,ROUNDDOWN($C434/24,0)+1,1))-1)+IF('Standard Profiles'!$G$19=$B$10,7,0)+IF('Standard Profiles'!$G$19=$B$17,14,0)+IF('Standard Profiles'!$G$19=$B$24,21,0),MOD($C434,24)+1)/SUM(INDEX($D$3:$AA$30,INDEX(Jesper!$R$2:$R$366,ROW(INDEX(Jesper!AI$2:AI$366,ROUNDDOWN($C434/24,0)+1,1))-1)+IF('Standard Profiles'!$G$19=$B$10,7,0)+IF('Standard Profiles'!$G$19=$B$17,14,0)+IF('Standard Profiles'!$G$19=$B$24,21,0),0)),0)</f>
        <v>25.036968893344842</v>
      </c>
      <c r="F434" cm="1">
        <f t="array" ref="F434">IFERROR(INDEX(Jesper!AJ$2:AJ$366,ROUNDDOWN($C434/24,0)+1,1)*INDEX($D$3:$AA$30,INDEX(Jesper!$R$2:$R$366,ROW(INDEX(Jesper!AJ$2:AJ$366,ROUNDDOWN($C434/24,0)+1,1))-1)+IF('Standard Profiles'!$G$20=$B$10,7,0)+IF('Standard Profiles'!$G$20=$B$17,14,0)+IF('Standard Profiles'!$G$20=$B$24,21,0),MOD($C434,24)+1)/SUM(INDEX($D$3:$AA$30,INDEX(Jesper!$R$2:$R$366,ROW(INDEX(Jesper!AJ$2:AJ$366,ROUNDDOWN($C434/24,0)+1,1))-1)+IF('Standard Profiles'!$G$20=$B$10,7,0)+IF('Standard Profiles'!$G$20=$B$17,14,0)+IF('Standard Profiles'!$G$20=$B$24,21,0),0)),0)</f>
        <v>0</v>
      </c>
      <c r="G434" cm="1">
        <f t="array" ref="G434">IFERROR(INDEX(Jesper!AK$2:AK$366,ROUNDDOWN($C434/24,0)+1,1)*INDEX($D$3:$AA$30,INDEX(Jesper!$R$2:$R$366,ROW(INDEX(Jesper!AK$2:AK$366,ROUNDDOWN($C434/24,0)+1,1))-1)+IF('Standard Profiles'!$G$21=$B$10,7,0)+IF('Standard Profiles'!$G$21=$B$17,14,0)+IF('Standard Profiles'!$G$21=$B$24,21,0),MOD($C434,24)+1)/SUM(INDEX($D$3:$AA$30,INDEX(Jesper!$R$2:$R$366,ROW(INDEX(Jesper!AK$2:AK$366,ROUNDDOWN($C434/24,0)+1,1))-1)+IF('Standard Profiles'!$G$21=$B$10,7,0)+IF('Standard Profiles'!$G$21=$B$17,14,0)+IF('Standard Profiles'!$G$21=$B$24,21,0),0)),0)</f>
        <v>28.941087759412028</v>
      </c>
      <c r="H434" cm="1">
        <f t="array" ref="H434">IFERROR(INDEX(Jesper!AL$2:AL$366,ROUNDDOWN($C434/24,0)+1,1)*INDEX($D$3:$AA$30,INDEX(Jesper!$R$2:$R$366,ROW(INDEX(Jesper!AL$2:AL$366,ROUNDDOWN($C434/24,0)+1,1))-1)+IF('Standard Profiles'!$G$22=$B$10,7,0)+IF('Standard Profiles'!$G$22=$B$17,14,0)+IF('Standard Profiles'!$G$22=$B$24,21,0),MOD($C434,24)+1)/SUM(INDEX($D$3:$AA$30,INDEX(Jesper!$R$2:$R$366,ROW(INDEX(Jesper!AL$2:AL$366,ROUNDDOWN($C434/24,0)+1,1))-1)+IF('Standard Profiles'!$G$22=$B$10,7,0)+IF('Standard Profiles'!$G$22=$B$17,14,0)+IF('Standard Profiles'!$G$22=$B$24,21,0),0)),0)</f>
        <v>0</v>
      </c>
      <c r="I434">
        <f t="shared" si="62"/>
        <v>13.891722124517766</v>
      </c>
      <c r="J434">
        <f t="shared" si="63"/>
        <v>58.351565747669611</v>
      </c>
      <c r="K434">
        <f t="shared" si="64"/>
        <v>2.319394440562605</v>
      </c>
      <c r="L434">
        <f t="shared" si="65"/>
        <v>1.1596972202813025</v>
      </c>
      <c r="M434">
        <f t="shared" si="66"/>
        <v>0</v>
      </c>
      <c r="N434" s="45">
        <f t="shared" si="67"/>
        <v>44943.666666665697</v>
      </c>
    </row>
    <row r="435" spans="2:14" x14ac:dyDescent="0.25">
      <c r="B435">
        <f t="shared" si="61"/>
        <v>2</v>
      </c>
      <c r="C435" s="16">
        <v>401</v>
      </c>
      <c r="D435" cm="1">
        <f t="array" ref="D435">IFERROR(INDEX(Jesper!AH$2:AH$366,ROUNDDOWN($C435/24,0)+1,1)*INDEX($D$3:$AA$30,INDEX(Jesper!$R$2:$R$366,ROW(INDEX(Jesper!AH$2:AH$366,ROUNDDOWN($C435/24,0)+1,1))-1)+IF('Standard Profiles'!$G$18=$B$10,7,0)+IF('Standard Profiles'!$G$18=$B$17,14,0)+IF('Standard Profiles'!$G$18=$B$24,21,0),MOD($C435,24)+1)/SUM(INDEX($D$3:$AA$30,INDEX(Jesper!$R$2:$R$366,ROW(INDEX(Jesper!AH$2:AH$366,ROUNDDOWN($C435/24,0)+1,1))-1)+IF('Standard Profiles'!$G$18=$B$10,7,0)+IF('Standard Profiles'!$G$18=$B$17,14,0)+IF('Standard Profiles'!$G$18=$B$24,21,0),0)),0)</f>
        <v>9.2805475374624073</v>
      </c>
      <c r="E435" cm="1">
        <f t="array" ref="E435">IFERROR(INDEX(Jesper!AI$2:AI$366,ROUNDDOWN($C435/24,0)+1,1)*INDEX($D$3:$AA$30,INDEX(Jesper!$R$2:$R$366,ROW(INDEX(Jesper!AI$2:AI$366,ROUNDDOWN($C435/24,0)+1,1))-1)+IF('Standard Profiles'!$G$19=$B$10,7,0)+IF('Standard Profiles'!$G$19=$B$17,14,0)+IF('Standard Profiles'!$G$19=$B$24,21,0),MOD($C435,24)+1)/SUM(INDEX($D$3:$AA$30,INDEX(Jesper!$R$2:$R$366,ROW(INDEX(Jesper!AI$2:AI$366,ROUNDDOWN($C435/24,0)+1,1))-1)+IF('Standard Profiles'!$G$19=$B$10,7,0)+IF('Standard Profiles'!$G$19=$B$17,14,0)+IF('Standard Profiles'!$G$19=$B$24,21,0),0)),0)</f>
        <v>10.685859536212055</v>
      </c>
      <c r="F435" cm="1">
        <f t="array" ref="F435">IFERROR(INDEX(Jesper!AJ$2:AJ$366,ROUNDDOWN($C435/24,0)+1,1)*INDEX($D$3:$AA$30,INDEX(Jesper!$R$2:$R$366,ROW(INDEX(Jesper!AJ$2:AJ$366,ROUNDDOWN($C435/24,0)+1,1))-1)+IF('Standard Profiles'!$G$20=$B$10,7,0)+IF('Standard Profiles'!$G$20=$B$17,14,0)+IF('Standard Profiles'!$G$20=$B$24,21,0),MOD($C435,24)+1)/SUM(INDEX($D$3:$AA$30,INDEX(Jesper!$R$2:$R$366,ROW(INDEX(Jesper!AJ$2:AJ$366,ROUNDDOWN($C435/24,0)+1,1))-1)+IF('Standard Profiles'!$G$20=$B$10,7,0)+IF('Standard Profiles'!$G$20=$B$17,14,0)+IF('Standard Profiles'!$G$20=$B$24,21,0),0)),0)</f>
        <v>0</v>
      </c>
      <c r="G435" cm="1">
        <f t="array" ref="G435">IFERROR(INDEX(Jesper!AK$2:AK$366,ROUNDDOWN($C435/24,0)+1,1)*INDEX($D$3:$AA$30,INDEX(Jesper!$R$2:$R$366,ROW(INDEX(Jesper!AK$2:AK$366,ROUNDDOWN($C435/24,0)+1,1))-1)+IF('Standard Profiles'!$G$21=$B$10,7,0)+IF('Standard Profiles'!$G$21=$B$17,14,0)+IF('Standard Profiles'!$G$21=$B$24,21,0),MOD($C435,24)+1)/SUM(INDEX($D$3:$AA$30,INDEX(Jesper!$R$2:$R$366,ROW(INDEX(Jesper!AK$2:AK$366,ROUNDDOWN($C435/24,0)+1,1))-1)+IF('Standard Profiles'!$G$21=$B$10,7,0)+IF('Standard Profiles'!$G$21=$B$17,14,0)+IF('Standard Profiles'!$G$21=$B$24,21,0),0)),0)</f>
        <v>22.995009728841922</v>
      </c>
      <c r="H435" cm="1">
        <f t="array" ref="H435">IFERROR(INDEX(Jesper!AL$2:AL$366,ROUNDDOWN($C435/24,0)+1,1)*INDEX($D$3:$AA$30,INDEX(Jesper!$R$2:$R$366,ROW(INDEX(Jesper!AL$2:AL$366,ROUNDDOWN($C435/24,0)+1,1))-1)+IF('Standard Profiles'!$G$22=$B$10,7,0)+IF('Standard Profiles'!$G$22=$B$17,14,0)+IF('Standard Profiles'!$G$22=$B$24,21,0),MOD($C435,24)+1)/SUM(INDEX($D$3:$AA$30,INDEX(Jesper!$R$2:$R$366,ROW(INDEX(Jesper!AL$2:AL$366,ROUNDDOWN($C435/24,0)+1,1))-1)+IF('Standard Profiles'!$G$22=$B$10,7,0)+IF('Standard Profiles'!$G$22=$B$17,14,0)+IF('Standard Profiles'!$G$22=$B$24,21,0),0)),0)</f>
        <v>0</v>
      </c>
      <c r="I435">
        <f t="shared" si="62"/>
        <v>11.037604669844116</v>
      </c>
      <c r="J435">
        <f t="shared" si="63"/>
        <v>30.438924526678285</v>
      </c>
      <c r="K435">
        <f t="shared" si="64"/>
        <v>0.98992507066265689</v>
      </c>
      <c r="L435">
        <f t="shared" si="65"/>
        <v>0.49496253533132845</v>
      </c>
      <c r="M435">
        <f t="shared" si="66"/>
        <v>0</v>
      </c>
      <c r="N435" s="45">
        <f t="shared" si="67"/>
        <v>44943.708333332361</v>
      </c>
    </row>
    <row r="436" spans="2:14" x14ac:dyDescent="0.25">
      <c r="B436">
        <f t="shared" si="61"/>
        <v>2</v>
      </c>
      <c r="C436" s="16">
        <v>402</v>
      </c>
      <c r="D436" cm="1">
        <f t="array" ref="D436">IFERROR(INDEX(Jesper!AH$2:AH$366,ROUNDDOWN($C436/24,0)+1,1)*INDEX($D$3:$AA$30,INDEX(Jesper!$R$2:$R$366,ROW(INDEX(Jesper!AH$2:AH$366,ROUNDDOWN($C436/24,0)+1,1))-1)+IF('Standard Profiles'!$G$18=$B$10,7,0)+IF('Standard Profiles'!$G$18=$B$17,14,0)+IF('Standard Profiles'!$G$18=$B$24,21,0),MOD($C436,24)+1)/SUM(INDEX($D$3:$AA$30,INDEX(Jesper!$R$2:$R$366,ROW(INDEX(Jesper!AH$2:AH$366,ROUNDDOWN($C436/24,0)+1,1))-1)+IF('Standard Profiles'!$G$18=$B$10,7,0)+IF('Standard Profiles'!$G$18=$B$17,14,0)+IF('Standard Profiles'!$G$18=$B$24,21,0),0)),0)</f>
        <v>6.125161374725189</v>
      </c>
      <c r="E436" cm="1">
        <f t="array" ref="E436">IFERROR(INDEX(Jesper!AI$2:AI$366,ROUNDDOWN($C436/24,0)+1,1)*INDEX($D$3:$AA$30,INDEX(Jesper!$R$2:$R$366,ROW(INDEX(Jesper!AI$2:AI$366,ROUNDDOWN($C436/24,0)+1,1))-1)+IF('Standard Profiles'!$G$19=$B$10,7,0)+IF('Standard Profiles'!$G$19=$B$17,14,0)+IF('Standard Profiles'!$G$19=$B$24,21,0),MOD($C436,24)+1)/SUM(INDEX($D$3:$AA$30,INDEX(Jesper!$R$2:$R$366,ROW(INDEX(Jesper!AI$2:AI$366,ROUNDDOWN($C436/24,0)+1,1))-1)+IF('Standard Profiles'!$G$19=$B$10,7,0)+IF('Standard Profiles'!$G$19=$B$17,14,0)+IF('Standard Profiles'!$G$19=$B$24,21,0),0)),0)</f>
        <v>7.0526672938999555</v>
      </c>
      <c r="F436" cm="1">
        <f t="array" ref="F436">IFERROR(INDEX(Jesper!AJ$2:AJ$366,ROUNDDOWN($C436/24,0)+1,1)*INDEX($D$3:$AA$30,INDEX(Jesper!$R$2:$R$366,ROW(INDEX(Jesper!AJ$2:AJ$366,ROUNDDOWN($C436/24,0)+1,1))-1)+IF('Standard Profiles'!$G$20=$B$10,7,0)+IF('Standard Profiles'!$G$20=$B$17,14,0)+IF('Standard Profiles'!$G$20=$B$24,21,0),MOD($C436,24)+1)/SUM(INDEX($D$3:$AA$30,INDEX(Jesper!$R$2:$R$366,ROW(INDEX(Jesper!AJ$2:AJ$366,ROUNDDOWN($C436/24,0)+1,1))-1)+IF('Standard Profiles'!$G$20=$B$10,7,0)+IF('Standard Profiles'!$G$20=$B$17,14,0)+IF('Standard Profiles'!$G$20=$B$24,21,0),0)),0)</f>
        <v>0</v>
      </c>
      <c r="G436" cm="1">
        <f t="array" ref="G436">IFERROR(INDEX(Jesper!AK$2:AK$366,ROUNDDOWN($C436/24,0)+1,1)*INDEX($D$3:$AA$30,INDEX(Jesper!$R$2:$R$366,ROW(INDEX(Jesper!AK$2:AK$366,ROUNDDOWN($C436/24,0)+1,1))-1)+IF('Standard Profiles'!$G$21=$B$10,7,0)+IF('Standard Profiles'!$G$21=$B$17,14,0)+IF('Standard Profiles'!$G$21=$B$24,21,0),MOD($C436,24)+1)/SUM(INDEX($D$3:$AA$30,INDEX(Jesper!$R$2:$R$366,ROW(INDEX(Jesper!AK$2:AK$366,ROUNDDOWN($C436/24,0)+1,1))-1)+IF('Standard Profiles'!$G$21=$B$10,7,0)+IF('Standard Profiles'!$G$21=$B$17,14,0)+IF('Standard Profiles'!$G$21=$B$24,21,0),0)),0)</f>
        <v>8.1561247321979362</v>
      </c>
      <c r="H436" cm="1">
        <f t="array" ref="H436">IFERROR(INDEX(Jesper!AL$2:AL$366,ROUNDDOWN($C436/24,0)+1,1)*INDEX($D$3:$AA$30,INDEX(Jesper!$R$2:$R$366,ROW(INDEX(Jesper!AL$2:AL$366,ROUNDDOWN($C436/24,0)+1,1))-1)+IF('Standard Profiles'!$G$22=$B$10,7,0)+IF('Standard Profiles'!$G$22=$B$17,14,0)+IF('Standard Profiles'!$G$22=$B$24,21,0),MOD($C436,24)+1)/SUM(INDEX($D$3:$AA$30,INDEX(Jesper!$R$2:$R$366,ROW(INDEX(Jesper!AL$2:AL$366,ROUNDDOWN($C436/24,0)+1,1))-1)+IF('Standard Profiles'!$G$22=$B$10,7,0)+IF('Standard Profiles'!$G$22=$B$17,14,0)+IF('Standard Profiles'!$G$22=$B$24,21,0),0)),0)</f>
        <v>0</v>
      </c>
      <c r="I436">
        <f t="shared" si="62"/>
        <v>3.9149398714550072</v>
      </c>
      <c r="J436">
        <f t="shared" si="63"/>
        <v>16.438987709412043</v>
      </c>
      <c r="K436">
        <f t="shared" si="64"/>
        <v>0.65335054663735348</v>
      </c>
      <c r="L436">
        <f t="shared" si="65"/>
        <v>0.32667527331867674</v>
      </c>
      <c r="M436">
        <f t="shared" si="66"/>
        <v>0</v>
      </c>
      <c r="N436" s="45">
        <f t="shared" si="67"/>
        <v>44943.749999999025</v>
      </c>
    </row>
    <row r="437" spans="2:14" x14ac:dyDescent="0.25">
      <c r="B437">
        <f t="shared" si="61"/>
        <v>2</v>
      </c>
      <c r="C437" s="16">
        <v>403</v>
      </c>
      <c r="D437" cm="1">
        <f t="array" ref="D437">IFERROR(INDEX(Jesper!AH$2:AH$366,ROUNDDOWN($C437/24,0)+1,1)*INDEX($D$3:$AA$30,INDEX(Jesper!$R$2:$R$366,ROW(INDEX(Jesper!AH$2:AH$366,ROUNDDOWN($C437/24,0)+1,1))-1)+IF('Standard Profiles'!$G$18=$B$10,7,0)+IF('Standard Profiles'!$G$18=$B$17,14,0)+IF('Standard Profiles'!$G$18=$B$24,21,0),MOD($C437,24)+1)/SUM(INDEX($D$3:$AA$30,INDEX(Jesper!$R$2:$R$366,ROW(INDEX(Jesper!AH$2:AH$366,ROUNDDOWN($C437/24,0)+1,1))-1)+IF('Standard Profiles'!$G$18=$B$10,7,0)+IF('Standard Profiles'!$G$18=$B$17,14,0)+IF('Standard Profiles'!$G$18=$B$24,21,0),0)),0)</f>
        <v>6.125161374725189</v>
      </c>
      <c r="E437" cm="1">
        <f t="array" ref="E437">IFERROR(INDEX(Jesper!AI$2:AI$366,ROUNDDOWN($C437/24,0)+1,1)*INDEX($D$3:$AA$30,INDEX(Jesper!$R$2:$R$366,ROW(INDEX(Jesper!AI$2:AI$366,ROUNDDOWN($C437/24,0)+1,1))-1)+IF('Standard Profiles'!$G$19=$B$10,7,0)+IF('Standard Profiles'!$G$19=$B$17,14,0)+IF('Standard Profiles'!$G$19=$B$24,21,0),MOD($C437,24)+1)/SUM(INDEX($D$3:$AA$30,INDEX(Jesper!$R$2:$R$366,ROW(INDEX(Jesper!AI$2:AI$366,ROUNDDOWN($C437/24,0)+1,1))-1)+IF('Standard Profiles'!$G$19=$B$10,7,0)+IF('Standard Profiles'!$G$19=$B$17,14,0)+IF('Standard Profiles'!$G$19=$B$24,21,0),0)),0)</f>
        <v>7.0526672938999555</v>
      </c>
      <c r="F437" cm="1">
        <f t="array" ref="F437">IFERROR(INDEX(Jesper!AJ$2:AJ$366,ROUNDDOWN($C437/24,0)+1,1)*INDEX($D$3:$AA$30,INDEX(Jesper!$R$2:$R$366,ROW(INDEX(Jesper!AJ$2:AJ$366,ROUNDDOWN($C437/24,0)+1,1))-1)+IF('Standard Profiles'!$G$20=$B$10,7,0)+IF('Standard Profiles'!$G$20=$B$17,14,0)+IF('Standard Profiles'!$G$20=$B$24,21,0),MOD($C437,24)+1)/SUM(INDEX($D$3:$AA$30,INDEX(Jesper!$R$2:$R$366,ROW(INDEX(Jesper!AJ$2:AJ$366,ROUNDDOWN($C437/24,0)+1,1))-1)+IF('Standard Profiles'!$G$20=$B$10,7,0)+IF('Standard Profiles'!$G$20=$B$17,14,0)+IF('Standard Profiles'!$G$20=$B$24,21,0),0)),0)</f>
        <v>0</v>
      </c>
      <c r="G437" cm="1">
        <f t="array" ref="G437">IFERROR(INDEX(Jesper!AK$2:AK$366,ROUNDDOWN($C437/24,0)+1,1)*INDEX($D$3:$AA$30,INDEX(Jesper!$R$2:$R$366,ROW(INDEX(Jesper!AK$2:AK$366,ROUNDDOWN($C437/24,0)+1,1))-1)+IF('Standard Profiles'!$G$21=$B$10,7,0)+IF('Standard Profiles'!$G$21=$B$17,14,0)+IF('Standard Profiles'!$G$21=$B$24,21,0),MOD($C437,24)+1)/SUM(INDEX($D$3:$AA$30,INDEX(Jesper!$R$2:$R$366,ROW(INDEX(Jesper!AK$2:AK$366,ROUNDDOWN($C437/24,0)+1,1))-1)+IF('Standard Profiles'!$G$21=$B$10,7,0)+IF('Standard Profiles'!$G$21=$B$17,14,0)+IF('Standard Profiles'!$G$21=$B$24,21,0),0)),0)</f>
        <v>8.1561247321979362</v>
      </c>
      <c r="H437" cm="1">
        <f t="array" ref="H437">IFERROR(INDEX(Jesper!AL$2:AL$366,ROUNDDOWN($C437/24,0)+1,1)*INDEX($D$3:$AA$30,INDEX(Jesper!$R$2:$R$366,ROW(INDEX(Jesper!AL$2:AL$366,ROUNDDOWN($C437/24,0)+1,1))-1)+IF('Standard Profiles'!$G$22=$B$10,7,0)+IF('Standard Profiles'!$G$22=$B$17,14,0)+IF('Standard Profiles'!$G$22=$B$24,21,0),MOD($C437,24)+1)/SUM(INDEX($D$3:$AA$30,INDEX(Jesper!$R$2:$R$366,ROW(INDEX(Jesper!AL$2:AL$366,ROUNDDOWN($C437/24,0)+1,1))-1)+IF('Standard Profiles'!$G$22=$B$10,7,0)+IF('Standard Profiles'!$G$22=$B$17,14,0)+IF('Standard Profiles'!$G$22=$B$24,21,0),0)),0)</f>
        <v>0</v>
      </c>
      <c r="I437">
        <f t="shared" si="62"/>
        <v>3.9149398714550072</v>
      </c>
      <c r="J437">
        <f t="shared" si="63"/>
        <v>16.438987709412043</v>
      </c>
      <c r="K437">
        <f t="shared" si="64"/>
        <v>0.65335054663735348</v>
      </c>
      <c r="L437">
        <f t="shared" si="65"/>
        <v>0.32667527331867674</v>
      </c>
      <c r="M437">
        <f t="shared" si="66"/>
        <v>0</v>
      </c>
      <c r="N437" s="45">
        <f t="shared" si="67"/>
        <v>44943.791666665689</v>
      </c>
    </row>
    <row r="438" spans="2:14" x14ac:dyDescent="0.25">
      <c r="B438">
        <f t="shared" si="61"/>
        <v>2</v>
      </c>
      <c r="C438" s="16">
        <v>404</v>
      </c>
      <c r="D438" cm="1">
        <f t="array" ref="D438">IFERROR(INDEX(Jesper!AH$2:AH$366,ROUNDDOWN($C438/24,0)+1,1)*INDEX($D$3:$AA$30,INDEX(Jesper!$R$2:$R$366,ROW(INDEX(Jesper!AH$2:AH$366,ROUNDDOWN($C438/24,0)+1,1))-1)+IF('Standard Profiles'!$G$18=$B$10,7,0)+IF('Standard Profiles'!$G$18=$B$17,14,0)+IF('Standard Profiles'!$G$18=$B$24,21,0),MOD($C438,24)+1)/SUM(INDEX($D$3:$AA$30,INDEX(Jesper!$R$2:$R$366,ROW(INDEX(Jesper!AH$2:AH$366,ROUNDDOWN($C438/24,0)+1,1))-1)+IF('Standard Profiles'!$G$18=$B$10,7,0)+IF('Standard Profiles'!$G$18=$B$17,14,0)+IF('Standard Profiles'!$G$18=$B$24,21,0),0)),0)</f>
        <v>6.125161374725189</v>
      </c>
      <c r="E438" cm="1">
        <f t="array" ref="E438">IFERROR(INDEX(Jesper!AI$2:AI$366,ROUNDDOWN($C438/24,0)+1,1)*INDEX($D$3:$AA$30,INDEX(Jesper!$R$2:$R$366,ROW(INDEX(Jesper!AI$2:AI$366,ROUNDDOWN($C438/24,0)+1,1))-1)+IF('Standard Profiles'!$G$19=$B$10,7,0)+IF('Standard Profiles'!$G$19=$B$17,14,0)+IF('Standard Profiles'!$G$19=$B$24,21,0),MOD($C438,24)+1)/SUM(INDEX($D$3:$AA$30,INDEX(Jesper!$R$2:$R$366,ROW(INDEX(Jesper!AI$2:AI$366,ROUNDDOWN($C438/24,0)+1,1))-1)+IF('Standard Profiles'!$G$19=$B$10,7,0)+IF('Standard Profiles'!$G$19=$B$17,14,0)+IF('Standard Profiles'!$G$19=$B$24,21,0),0)),0)</f>
        <v>7.0526672938999555</v>
      </c>
      <c r="F438" cm="1">
        <f t="array" ref="F438">IFERROR(INDEX(Jesper!AJ$2:AJ$366,ROUNDDOWN($C438/24,0)+1,1)*INDEX($D$3:$AA$30,INDEX(Jesper!$R$2:$R$366,ROW(INDEX(Jesper!AJ$2:AJ$366,ROUNDDOWN($C438/24,0)+1,1))-1)+IF('Standard Profiles'!$G$20=$B$10,7,0)+IF('Standard Profiles'!$G$20=$B$17,14,0)+IF('Standard Profiles'!$G$20=$B$24,21,0),MOD($C438,24)+1)/SUM(INDEX($D$3:$AA$30,INDEX(Jesper!$R$2:$R$366,ROW(INDEX(Jesper!AJ$2:AJ$366,ROUNDDOWN($C438/24,0)+1,1))-1)+IF('Standard Profiles'!$G$20=$B$10,7,0)+IF('Standard Profiles'!$G$20=$B$17,14,0)+IF('Standard Profiles'!$G$20=$B$24,21,0),0)),0)</f>
        <v>0</v>
      </c>
      <c r="G438" cm="1">
        <f t="array" ref="G438">IFERROR(INDEX(Jesper!AK$2:AK$366,ROUNDDOWN($C438/24,0)+1,1)*INDEX($D$3:$AA$30,INDEX(Jesper!$R$2:$R$366,ROW(INDEX(Jesper!AK$2:AK$366,ROUNDDOWN($C438/24,0)+1,1))-1)+IF('Standard Profiles'!$G$21=$B$10,7,0)+IF('Standard Profiles'!$G$21=$B$17,14,0)+IF('Standard Profiles'!$G$21=$B$24,21,0),MOD($C438,24)+1)/SUM(INDEX($D$3:$AA$30,INDEX(Jesper!$R$2:$R$366,ROW(INDEX(Jesper!AK$2:AK$366,ROUNDDOWN($C438/24,0)+1,1))-1)+IF('Standard Profiles'!$G$21=$B$10,7,0)+IF('Standard Profiles'!$G$21=$B$17,14,0)+IF('Standard Profiles'!$G$21=$B$24,21,0),0)),0)</f>
        <v>8.1561247321979362</v>
      </c>
      <c r="H438" cm="1">
        <f t="array" ref="H438">IFERROR(INDEX(Jesper!AL$2:AL$366,ROUNDDOWN($C438/24,0)+1,1)*INDEX($D$3:$AA$30,INDEX(Jesper!$R$2:$R$366,ROW(INDEX(Jesper!AL$2:AL$366,ROUNDDOWN($C438/24,0)+1,1))-1)+IF('Standard Profiles'!$G$22=$B$10,7,0)+IF('Standard Profiles'!$G$22=$B$17,14,0)+IF('Standard Profiles'!$G$22=$B$24,21,0),MOD($C438,24)+1)/SUM(INDEX($D$3:$AA$30,INDEX(Jesper!$R$2:$R$366,ROW(INDEX(Jesper!AL$2:AL$366,ROUNDDOWN($C438/24,0)+1,1))-1)+IF('Standard Profiles'!$G$22=$B$10,7,0)+IF('Standard Profiles'!$G$22=$B$17,14,0)+IF('Standard Profiles'!$G$22=$B$24,21,0),0)),0)</f>
        <v>0</v>
      </c>
      <c r="I438">
        <f t="shared" si="62"/>
        <v>3.9149398714550072</v>
      </c>
      <c r="J438">
        <f t="shared" si="63"/>
        <v>16.438987709412043</v>
      </c>
      <c r="K438">
        <f t="shared" si="64"/>
        <v>0.65335054663735348</v>
      </c>
      <c r="L438">
        <f t="shared" si="65"/>
        <v>0.32667527331867674</v>
      </c>
      <c r="M438">
        <f t="shared" si="66"/>
        <v>0</v>
      </c>
      <c r="N438" s="45">
        <f t="shared" si="67"/>
        <v>44943.833333332354</v>
      </c>
    </row>
    <row r="439" spans="2:14" x14ac:dyDescent="0.25">
      <c r="B439">
        <f t="shared" si="61"/>
        <v>2</v>
      </c>
      <c r="C439" s="16">
        <v>405</v>
      </c>
      <c r="D439" cm="1">
        <f t="array" ref="D439">IFERROR(INDEX(Jesper!AH$2:AH$366,ROUNDDOWN($C439/24,0)+1,1)*INDEX($D$3:$AA$30,INDEX(Jesper!$R$2:$R$366,ROW(INDEX(Jesper!AH$2:AH$366,ROUNDDOWN($C439/24,0)+1,1))-1)+IF('Standard Profiles'!$G$18=$B$10,7,0)+IF('Standard Profiles'!$G$18=$B$17,14,0)+IF('Standard Profiles'!$G$18=$B$24,21,0),MOD($C439,24)+1)/SUM(INDEX($D$3:$AA$30,INDEX(Jesper!$R$2:$R$366,ROW(INDEX(Jesper!AH$2:AH$366,ROUNDDOWN($C439/24,0)+1,1))-1)+IF('Standard Profiles'!$G$18=$B$10,7,0)+IF('Standard Profiles'!$G$18=$B$17,14,0)+IF('Standard Profiles'!$G$18=$B$24,21,0),0)),0)</f>
        <v>6.125161374725189</v>
      </c>
      <c r="E439" cm="1">
        <f t="array" ref="E439">IFERROR(INDEX(Jesper!AI$2:AI$366,ROUNDDOWN($C439/24,0)+1,1)*INDEX($D$3:$AA$30,INDEX(Jesper!$R$2:$R$366,ROW(INDEX(Jesper!AI$2:AI$366,ROUNDDOWN($C439/24,0)+1,1))-1)+IF('Standard Profiles'!$G$19=$B$10,7,0)+IF('Standard Profiles'!$G$19=$B$17,14,0)+IF('Standard Profiles'!$G$19=$B$24,21,0),MOD($C439,24)+1)/SUM(INDEX($D$3:$AA$30,INDEX(Jesper!$R$2:$R$366,ROW(INDEX(Jesper!AI$2:AI$366,ROUNDDOWN($C439/24,0)+1,1))-1)+IF('Standard Profiles'!$G$19=$B$10,7,0)+IF('Standard Profiles'!$G$19=$B$17,14,0)+IF('Standard Profiles'!$G$19=$B$24,21,0),0)),0)</f>
        <v>7.0526672938999555</v>
      </c>
      <c r="F439" cm="1">
        <f t="array" ref="F439">IFERROR(INDEX(Jesper!AJ$2:AJ$366,ROUNDDOWN($C439/24,0)+1,1)*INDEX($D$3:$AA$30,INDEX(Jesper!$R$2:$R$366,ROW(INDEX(Jesper!AJ$2:AJ$366,ROUNDDOWN($C439/24,0)+1,1))-1)+IF('Standard Profiles'!$G$20=$B$10,7,0)+IF('Standard Profiles'!$G$20=$B$17,14,0)+IF('Standard Profiles'!$G$20=$B$24,21,0),MOD($C439,24)+1)/SUM(INDEX($D$3:$AA$30,INDEX(Jesper!$R$2:$R$366,ROW(INDEX(Jesper!AJ$2:AJ$366,ROUNDDOWN($C439/24,0)+1,1))-1)+IF('Standard Profiles'!$G$20=$B$10,7,0)+IF('Standard Profiles'!$G$20=$B$17,14,0)+IF('Standard Profiles'!$G$20=$B$24,21,0),0)),0)</f>
        <v>0</v>
      </c>
      <c r="G439" cm="1">
        <f t="array" ref="G439">IFERROR(INDEX(Jesper!AK$2:AK$366,ROUNDDOWN($C439/24,0)+1,1)*INDEX($D$3:$AA$30,INDEX(Jesper!$R$2:$R$366,ROW(INDEX(Jesper!AK$2:AK$366,ROUNDDOWN($C439/24,0)+1,1))-1)+IF('Standard Profiles'!$G$21=$B$10,7,0)+IF('Standard Profiles'!$G$21=$B$17,14,0)+IF('Standard Profiles'!$G$21=$B$24,21,0),MOD($C439,24)+1)/SUM(INDEX($D$3:$AA$30,INDEX(Jesper!$R$2:$R$366,ROW(INDEX(Jesper!AK$2:AK$366,ROUNDDOWN($C439/24,0)+1,1))-1)+IF('Standard Profiles'!$G$21=$B$10,7,0)+IF('Standard Profiles'!$G$21=$B$17,14,0)+IF('Standard Profiles'!$G$21=$B$24,21,0),0)),0)</f>
        <v>8.1561247321979362</v>
      </c>
      <c r="H439" cm="1">
        <f t="array" ref="H439">IFERROR(INDEX(Jesper!AL$2:AL$366,ROUNDDOWN($C439/24,0)+1,1)*INDEX($D$3:$AA$30,INDEX(Jesper!$R$2:$R$366,ROW(INDEX(Jesper!AL$2:AL$366,ROUNDDOWN($C439/24,0)+1,1))-1)+IF('Standard Profiles'!$G$22=$B$10,7,0)+IF('Standard Profiles'!$G$22=$B$17,14,0)+IF('Standard Profiles'!$G$22=$B$24,21,0),MOD($C439,24)+1)/SUM(INDEX($D$3:$AA$30,INDEX(Jesper!$R$2:$R$366,ROW(INDEX(Jesper!AL$2:AL$366,ROUNDDOWN($C439/24,0)+1,1))-1)+IF('Standard Profiles'!$G$22=$B$10,7,0)+IF('Standard Profiles'!$G$22=$B$17,14,0)+IF('Standard Profiles'!$G$22=$B$24,21,0),0)),0)</f>
        <v>0</v>
      </c>
      <c r="I439">
        <f t="shared" si="62"/>
        <v>3.9149398714550072</v>
      </c>
      <c r="J439">
        <f t="shared" si="63"/>
        <v>16.438987709412043</v>
      </c>
      <c r="K439">
        <f t="shared" si="64"/>
        <v>0.65335054663735348</v>
      </c>
      <c r="L439">
        <f t="shared" si="65"/>
        <v>0.32667527331867674</v>
      </c>
      <c r="M439">
        <f t="shared" si="66"/>
        <v>0</v>
      </c>
      <c r="N439" s="45">
        <f t="shared" si="67"/>
        <v>44943.874999999018</v>
      </c>
    </row>
    <row r="440" spans="2:14" x14ac:dyDescent="0.25">
      <c r="B440">
        <f t="shared" si="61"/>
        <v>2</v>
      </c>
      <c r="C440" s="16">
        <v>406</v>
      </c>
      <c r="D440" cm="1">
        <f t="array" ref="D440">IFERROR(INDEX(Jesper!AH$2:AH$366,ROUNDDOWN($C440/24,0)+1,1)*INDEX($D$3:$AA$30,INDEX(Jesper!$R$2:$R$366,ROW(INDEX(Jesper!AH$2:AH$366,ROUNDDOWN($C440/24,0)+1,1))-1)+IF('Standard Profiles'!$G$18=$B$10,7,0)+IF('Standard Profiles'!$G$18=$B$17,14,0)+IF('Standard Profiles'!$G$18=$B$24,21,0),MOD($C440,24)+1)/SUM(INDEX($D$3:$AA$30,INDEX(Jesper!$R$2:$R$366,ROW(INDEX(Jesper!AH$2:AH$366,ROUNDDOWN($C440/24,0)+1,1))-1)+IF('Standard Profiles'!$G$18=$B$10,7,0)+IF('Standard Profiles'!$G$18=$B$17,14,0)+IF('Standard Profiles'!$G$18=$B$24,21,0),0)),0)</f>
        <v>6.125161374725189</v>
      </c>
      <c r="E440" cm="1">
        <f t="array" ref="E440">IFERROR(INDEX(Jesper!AI$2:AI$366,ROUNDDOWN($C440/24,0)+1,1)*INDEX($D$3:$AA$30,INDEX(Jesper!$R$2:$R$366,ROW(INDEX(Jesper!AI$2:AI$366,ROUNDDOWN($C440/24,0)+1,1))-1)+IF('Standard Profiles'!$G$19=$B$10,7,0)+IF('Standard Profiles'!$G$19=$B$17,14,0)+IF('Standard Profiles'!$G$19=$B$24,21,0),MOD($C440,24)+1)/SUM(INDEX($D$3:$AA$30,INDEX(Jesper!$R$2:$R$366,ROW(INDEX(Jesper!AI$2:AI$366,ROUNDDOWN($C440/24,0)+1,1))-1)+IF('Standard Profiles'!$G$19=$B$10,7,0)+IF('Standard Profiles'!$G$19=$B$17,14,0)+IF('Standard Profiles'!$G$19=$B$24,21,0),0)),0)</f>
        <v>7.0526672938999555</v>
      </c>
      <c r="F440" cm="1">
        <f t="array" ref="F440">IFERROR(INDEX(Jesper!AJ$2:AJ$366,ROUNDDOWN($C440/24,0)+1,1)*INDEX($D$3:$AA$30,INDEX(Jesper!$R$2:$R$366,ROW(INDEX(Jesper!AJ$2:AJ$366,ROUNDDOWN($C440/24,0)+1,1))-1)+IF('Standard Profiles'!$G$20=$B$10,7,0)+IF('Standard Profiles'!$G$20=$B$17,14,0)+IF('Standard Profiles'!$G$20=$B$24,21,0),MOD($C440,24)+1)/SUM(INDEX($D$3:$AA$30,INDEX(Jesper!$R$2:$R$366,ROW(INDEX(Jesper!AJ$2:AJ$366,ROUNDDOWN($C440/24,0)+1,1))-1)+IF('Standard Profiles'!$G$20=$B$10,7,0)+IF('Standard Profiles'!$G$20=$B$17,14,0)+IF('Standard Profiles'!$G$20=$B$24,21,0),0)),0)</f>
        <v>0</v>
      </c>
      <c r="G440" cm="1">
        <f t="array" ref="G440">IFERROR(INDEX(Jesper!AK$2:AK$366,ROUNDDOWN($C440/24,0)+1,1)*INDEX($D$3:$AA$30,INDEX(Jesper!$R$2:$R$366,ROW(INDEX(Jesper!AK$2:AK$366,ROUNDDOWN($C440/24,0)+1,1))-1)+IF('Standard Profiles'!$G$21=$B$10,7,0)+IF('Standard Profiles'!$G$21=$B$17,14,0)+IF('Standard Profiles'!$G$21=$B$24,21,0),MOD($C440,24)+1)/SUM(INDEX($D$3:$AA$30,INDEX(Jesper!$R$2:$R$366,ROW(INDEX(Jesper!AK$2:AK$366,ROUNDDOWN($C440/24,0)+1,1))-1)+IF('Standard Profiles'!$G$21=$B$10,7,0)+IF('Standard Profiles'!$G$21=$B$17,14,0)+IF('Standard Profiles'!$G$21=$B$24,21,0),0)),0)</f>
        <v>8.1561247321979362</v>
      </c>
      <c r="H440" cm="1">
        <f t="array" ref="H440">IFERROR(INDEX(Jesper!AL$2:AL$366,ROUNDDOWN($C440/24,0)+1,1)*INDEX($D$3:$AA$30,INDEX(Jesper!$R$2:$R$366,ROW(INDEX(Jesper!AL$2:AL$366,ROUNDDOWN($C440/24,0)+1,1))-1)+IF('Standard Profiles'!$G$22=$B$10,7,0)+IF('Standard Profiles'!$G$22=$B$17,14,0)+IF('Standard Profiles'!$G$22=$B$24,21,0),MOD($C440,24)+1)/SUM(INDEX($D$3:$AA$30,INDEX(Jesper!$R$2:$R$366,ROW(INDEX(Jesper!AL$2:AL$366,ROUNDDOWN($C440/24,0)+1,1))-1)+IF('Standard Profiles'!$G$22=$B$10,7,0)+IF('Standard Profiles'!$G$22=$B$17,14,0)+IF('Standard Profiles'!$G$22=$B$24,21,0),0)),0)</f>
        <v>0</v>
      </c>
      <c r="I440">
        <f t="shared" si="62"/>
        <v>3.9149398714550072</v>
      </c>
      <c r="J440">
        <f t="shared" si="63"/>
        <v>16.438987709412043</v>
      </c>
      <c r="K440">
        <f t="shared" si="64"/>
        <v>0.65335054663735348</v>
      </c>
      <c r="L440">
        <f t="shared" si="65"/>
        <v>0.32667527331867674</v>
      </c>
      <c r="M440">
        <f t="shared" si="66"/>
        <v>0</v>
      </c>
      <c r="N440" s="45">
        <f t="shared" si="67"/>
        <v>44943.916666665682</v>
      </c>
    </row>
    <row r="441" spans="2:14" x14ac:dyDescent="0.25">
      <c r="B441">
        <f t="shared" si="61"/>
        <v>2</v>
      </c>
      <c r="C441" s="16">
        <v>407</v>
      </c>
      <c r="D441" cm="1">
        <f t="array" ref="D441">IFERROR(INDEX(Jesper!AH$2:AH$366,ROUNDDOWN($C441/24,0)+1,1)*INDEX($D$3:$AA$30,INDEX(Jesper!$R$2:$R$366,ROW(INDEX(Jesper!AH$2:AH$366,ROUNDDOWN($C441/24,0)+1,1))-1)+IF('Standard Profiles'!$G$18=$B$10,7,0)+IF('Standard Profiles'!$G$18=$B$17,14,0)+IF('Standard Profiles'!$G$18=$B$24,21,0),MOD($C441,24)+1)/SUM(INDEX($D$3:$AA$30,INDEX(Jesper!$R$2:$R$366,ROW(INDEX(Jesper!AH$2:AH$366,ROUNDDOWN($C441/24,0)+1,1))-1)+IF('Standard Profiles'!$G$18=$B$10,7,0)+IF('Standard Profiles'!$G$18=$B$17,14,0)+IF('Standard Profiles'!$G$18=$B$24,21,0),0)),0)</f>
        <v>6.125161374725189</v>
      </c>
      <c r="E441" cm="1">
        <f t="array" ref="E441">IFERROR(INDEX(Jesper!AI$2:AI$366,ROUNDDOWN($C441/24,0)+1,1)*INDEX($D$3:$AA$30,INDEX(Jesper!$R$2:$R$366,ROW(INDEX(Jesper!AI$2:AI$366,ROUNDDOWN($C441/24,0)+1,1))-1)+IF('Standard Profiles'!$G$19=$B$10,7,0)+IF('Standard Profiles'!$G$19=$B$17,14,0)+IF('Standard Profiles'!$G$19=$B$24,21,0),MOD($C441,24)+1)/SUM(INDEX($D$3:$AA$30,INDEX(Jesper!$R$2:$R$366,ROW(INDEX(Jesper!AI$2:AI$366,ROUNDDOWN($C441/24,0)+1,1))-1)+IF('Standard Profiles'!$G$19=$B$10,7,0)+IF('Standard Profiles'!$G$19=$B$17,14,0)+IF('Standard Profiles'!$G$19=$B$24,21,0),0)),0)</f>
        <v>7.0526672938999555</v>
      </c>
      <c r="F441" cm="1">
        <f t="array" ref="F441">IFERROR(INDEX(Jesper!AJ$2:AJ$366,ROUNDDOWN($C441/24,0)+1,1)*INDEX($D$3:$AA$30,INDEX(Jesper!$R$2:$R$366,ROW(INDEX(Jesper!AJ$2:AJ$366,ROUNDDOWN($C441/24,0)+1,1))-1)+IF('Standard Profiles'!$G$20=$B$10,7,0)+IF('Standard Profiles'!$G$20=$B$17,14,0)+IF('Standard Profiles'!$G$20=$B$24,21,0),MOD($C441,24)+1)/SUM(INDEX($D$3:$AA$30,INDEX(Jesper!$R$2:$R$366,ROW(INDEX(Jesper!AJ$2:AJ$366,ROUNDDOWN($C441/24,0)+1,1))-1)+IF('Standard Profiles'!$G$20=$B$10,7,0)+IF('Standard Profiles'!$G$20=$B$17,14,0)+IF('Standard Profiles'!$G$20=$B$24,21,0),0)),0)</f>
        <v>0</v>
      </c>
      <c r="G441" cm="1">
        <f t="array" ref="G441">IFERROR(INDEX(Jesper!AK$2:AK$366,ROUNDDOWN($C441/24,0)+1,1)*INDEX($D$3:$AA$30,INDEX(Jesper!$R$2:$R$366,ROW(INDEX(Jesper!AK$2:AK$366,ROUNDDOWN($C441/24,0)+1,1))-1)+IF('Standard Profiles'!$G$21=$B$10,7,0)+IF('Standard Profiles'!$G$21=$B$17,14,0)+IF('Standard Profiles'!$G$21=$B$24,21,0),MOD($C441,24)+1)/SUM(INDEX($D$3:$AA$30,INDEX(Jesper!$R$2:$R$366,ROW(INDEX(Jesper!AK$2:AK$366,ROUNDDOWN($C441/24,0)+1,1))-1)+IF('Standard Profiles'!$G$21=$B$10,7,0)+IF('Standard Profiles'!$G$21=$B$17,14,0)+IF('Standard Profiles'!$G$21=$B$24,21,0),0)),0)</f>
        <v>8.1561247321979362</v>
      </c>
      <c r="H441" cm="1">
        <f t="array" ref="H441">IFERROR(INDEX(Jesper!AL$2:AL$366,ROUNDDOWN($C441/24,0)+1,1)*INDEX($D$3:$AA$30,INDEX(Jesper!$R$2:$R$366,ROW(INDEX(Jesper!AL$2:AL$366,ROUNDDOWN($C441/24,0)+1,1))-1)+IF('Standard Profiles'!$G$22=$B$10,7,0)+IF('Standard Profiles'!$G$22=$B$17,14,0)+IF('Standard Profiles'!$G$22=$B$24,21,0),MOD($C441,24)+1)/SUM(INDEX($D$3:$AA$30,INDEX(Jesper!$R$2:$R$366,ROW(INDEX(Jesper!AL$2:AL$366,ROUNDDOWN($C441/24,0)+1,1))-1)+IF('Standard Profiles'!$G$22=$B$10,7,0)+IF('Standard Profiles'!$G$22=$B$17,14,0)+IF('Standard Profiles'!$G$22=$B$24,21,0),0)),0)</f>
        <v>0</v>
      </c>
      <c r="I441">
        <f t="shared" si="62"/>
        <v>3.9149398714550072</v>
      </c>
      <c r="J441">
        <f t="shared" si="63"/>
        <v>16.438987709412043</v>
      </c>
      <c r="K441">
        <f t="shared" si="64"/>
        <v>0.65335054663735348</v>
      </c>
      <c r="L441">
        <f t="shared" si="65"/>
        <v>0.32667527331867674</v>
      </c>
      <c r="M441">
        <f t="shared" si="66"/>
        <v>0</v>
      </c>
      <c r="N441" s="45">
        <f t="shared" si="67"/>
        <v>44943.958333332346</v>
      </c>
    </row>
    <row r="442" spans="2:14" x14ac:dyDescent="0.25">
      <c r="B442">
        <f t="shared" si="61"/>
        <v>3</v>
      </c>
      <c r="C442" s="16">
        <v>408</v>
      </c>
      <c r="D442" cm="1">
        <f t="array" ref="D442">IFERROR(INDEX(Jesper!AH$2:AH$366,ROUNDDOWN($C442/24,0)+1,1)*INDEX($D$3:$AA$30,INDEX(Jesper!$R$2:$R$366,ROW(INDEX(Jesper!AH$2:AH$366,ROUNDDOWN($C442/24,0)+1,1))-1)+IF('Standard Profiles'!$G$18=$B$10,7,0)+IF('Standard Profiles'!$G$18=$B$17,14,0)+IF('Standard Profiles'!$G$18=$B$24,21,0),MOD($C442,24)+1)/SUM(INDEX($D$3:$AA$30,INDEX(Jesper!$R$2:$R$366,ROW(INDEX(Jesper!AH$2:AH$366,ROUNDDOWN($C442/24,0)+1,1))-1)+IF('Standard Profiles'!$G$18=$B$10,7,0)+IF('Standard Profiles'!$G$18=$B$17,14,0)+IF('Standard Profiles'!$G$18=$B$24,21,0),0)),0)</f>
        <v>6.0484718444700345</v>
      </c>
      <c r="E442" cm="1">
        <f t="array" ref="E442">IFERROR(INDEX(Jesper!AI$2:AI$366,ROUNDDOWN($C442/24,0)+1,1)*INDEX($D$3:$AA$30,INDEX(Jesper!$R$2:$R$366,ROW(INDEX(Jesper!AI$2:AI$366,ROUNDDOWN($C442/24,0)+1,1))-1)+IF('Standard Profiles'!$G$19=$B$10,7,0)+IF('Standard Profiles'!$G$19=$B$17,14,0)+IF('Standard Profiles'!$G$19=$B$24,21,0),MOD($C442,24)+1)/SUM(INDEX($D$3:$AA$30,INDEX(Jesper!$R$2:$R$366,ROW(INDEX(Jesper!AI$2:AI$366,ROUNDDOWN($C442/24,0)+1,1))-1)+IF('Standard Profiles'!$G$19=$B$10,7,0)+IF('Standard Profiles'!$G$19=$B$17,14,0)+IF('Standard Profiles'!$G$19=$B$24,21,0),0)),0)</f>
        <v>6.7847169352582677</v>
      </c>
      <c r="F442" cm="1">
        <f t="array" ref="F442">IFERROR(INDEX(Jesper!AJ$2:AJ$366,ROUNDDOWN($C442/24,0)+1,1)*INDEX($D$3:$AA$30,INDEX(Jesper!$R$2:$R$366,ROW(INDEX(Jesper!AJ$2:AJ$366,ROUNDDOWN($C442/24,0)+1,1))-1)+IF('Standard Profiles'!$G$20=$B$10,7,0)+IF('Standard Profiles'!$G$20=$B$17,14,0)+IF('Standard Profiles'!$G$20=$B$24,21,0),MOD($C442,24)+1)/SUM(INDEX($D$3:$AA$30,INDEX(Jesper!$R$2:$R$366,ROW(INDEX(Jesper!AJ$2:AJ$366,ROUNDDOWN($C442/24,0)+1,1))-1)+IF('Standard Profiles'!$G$20=$B$10,7,0)+IF('Standard Profiles'!$G$20=$B$17,14,0)+IF('Standard Profiles'!$G$20=$B$24,21,0),0)),0)</f>
        <v>0</v>
      </c>
      <c r="G442" cm="1">
        <f t="array" ref="G442">IFERROR(INDEX(Jesper!AK$2:AK$366,ROUNDDOWN($C442/24,0)+1,1)*INDEX($D$3:$AA$30,INDEX(Jesper!$R$2:$R$366,ROW(INDEX(Jesper!AK$2:AK$366,ROUNDDOWN($C442/24,0)+1,1))-1)+IF('Standard Profiles'!$G$21=$B$10,7,0)+IF('Standard Profiles'!$G$21=$B$17,14,0)+IF('Standard Profiles'!$G$21=$B$24,21,0),MOD($C442,24)+1)/SUM(INDEX($D$3:$AA$30,INDEX(Jesper!$R$2:$R$366,ROW(INDEX(Jesper!AK$2:AK$366,ROUNDDOWN($C442/24,0)+1,1))-1)+IF('Standard Profiles'!$G$21=$B$10,7,0)+IF('Standard Profiles'!$G$21=$B$17,14,0)+IF('Standard Profiles'!$G$21=$B$24,21,0),0)),0)</f>
        <v>7.8926695139931349</v>
      </c>
      <c r="H442" cm="1">
        <f t="array" ref="H442">IFERROR(INDEX(Jesper!AL$2:AL$366,ROUNDDOWN($C442/24,0)+1,1)*INDEX($D$3:$AA$30,INDEX(Jesper!$R$2:$R$366,ROW(INDEX(Jesper!AL$2:AL$366,ROUNDDOWN($C442/24,0)+1,1))-1)+IF('Standard Profiles'!$G$22=$B$10,7,0)+IF('Standard Profiles'!$G$22=$B$17,14,0)+IF('Standard Profiles'!$G$22=$B$24,21,0),MOD($C442,24)+1)/SUM(INDEX($D$3:$AA$30,INDEX(Jesper!$R$2:$R$366,ROW(INDEX(Jesper!AL$2:AL$366,ROUNDDOWN($C442/24,0)+1,1))-1)+IF('Standard Profiles'!$G$22=$B$10,7,0)+IF('Standard Profiles'!$G$22=$B$17,14,0)+IF('Standard Profiles'!$G$22=$B$24,21,0),0)),0)</f>
        <v>0</v>
      </c>
      <c r="I442">
        <f t="shared" si="62"/>
        <v>3.7884813667167028</v>
      </c>
      <c r="J442">
        <f t="shared" si="63"/>
        <v>15.969621431889529</v>
      </c>
      <c r="K442">
        <f t="shared" si="64"/>
        <v>0.64517033007680369</v>
      </c>
      <c r="L442">
        <f t="shared" si="65"/>
        <v>0.32258516503840184</v>
      </c>
      <c r="M442">
        <f t="shared" si="66"/>
        <v>0</v>
      </c>
      <c r="N442" s="45">
        <f t="shared" si="67"/>
        <v>44943.99999999901</v>
      </c>
    </row>
    <row r="443" spans="2:14" x14ac:dyDescent="0.25">
      <c r="B443">
        <f t="shared" si="61"/>
        <v>3</v>
      </c>
      <c r="C443" s="16">
        <v>409</v>
      </c>
      <c r="D443" cm="1">
        <f t="array" ref="D443">IFERROR(INDEX(Jesper!AH$2:AH$366,ROUNDDOWN($C443/24,0)+1,1)*INDEX($D$3:$AA$30,INDEX(Jesper!$R$2:$R$366,ROW(INDEX(Jesper!AH$2:AH$366,ROUNDDOWN($C443/24,0)+1,1))-1)+IF('Standard Profiles'!$G$18=$B$10,7,0)+IF('Standard Profiles'!$G$18=$B$17,14,0)+IF('Standard Profiles'!$G$18=$B$24,21,0),MOD($C443,24)+1)/SUM(INDEX($D$3:$AA$30,INDEX(Jesper!$R$2:$R$366,ROW(INDEX(Jesper!AH$2:AH$366,ROUNDDOWN($C443/24,0)+1,1))-1)+IF('Standard Profiles'!$G$18=$B$10,7,0)+IF('Standard Profiles'!$G$18=$B$17,14,0)+IF('Standard Profiles'!$G$18=$B$24,21,0),0)),0)</f>
        <v>6.0484718444700345</v>
      </c>
      <c r="E443" cm="1">
        <f t="array" ref="E443">IFERROR(INDEX(Jesper!AI$2:AI$366,ROUNDDOWN($C443/24,0)+1,1)*INDEX($D$3:$AA$30,INDEX(Jesper!$R$2:$R$366,ROW(INDEX(Jesper!AI$2:AI$366,ROUNDDOWN($C443/24,0)+1,1))-1)+IF('Standard Profiles'!$G$19=$B$10,7,0)+IF('Standard Profiles'!$G$19=$B$17,14,0)+IF('Standard Profiles'!$G$19=$B$24,21,0),MOD($C443,24)+1)/SUM(INDEX($D$3:$AA$30,INDEX(Jesper!$R$2:$R$366,ROW(INDEX(Jesper!AI$2:AI$366,ROUNDDOWN($C443/24,0)+1,1))-1)+IF('Standard Profiles'!$G$19=$B$10,7,0)+IF('Standard Profiles'!$G$19=$B$17,14,0)+IF('Standard Profiles'!$G$19=$B$24,21,0),0)),0)</f>
        <v>6.7847169352582677</v>
      </c>
      <c r="F443" cm="1">
        <f t="array" ref="F443">IFERROR(INDEX(Jesper!AJ$2:AJ$366,ROUNDDOWN($C443/24,0)+1,1)*INDEX($D$3:$AA$30,INDEX(Jesper!$R$2:$R$366,ROW(INDEX(Jesper!AJ$2:AJ$366,ROUNDDOWN($C443/24,0)+1,1))-1)+IF('Standard Profiles'!$G$20=$B$10,7,0)+IF('Standard Profiles'!$G$20=$B$17,14,0)+IF('Standard Profiles'!$G$20=$B$24,21,0),MOD($C443,24)+1)/SUM(INDEX($D$3:$AA$30,INDEX(Jesper!$R$2:$R$366,ROW(INDEX(Jesper!AJ$2:AJ$366,ROUNDDOWN($C443/24,0)+1,1))-1)+IF('Standard Profiles'!$G$20=$B$10,7,0)+IF('Standard Profiles'!$G$20=$B$17,14,0)+IF('Standard Profiles'!$G$20=$B$24,21,0),0)),0)</f>
        <v>0</v>
      </c>
      <c r="G443" cm="1">
        <f t="array" ref="G443">IFERROR(INDEX(Jesper!AK$2:AK$366,ROUNDDOWN($C443/24,0)+1,1)*INDEX($D$3:$AA$30,INDEX(Jesper!$R$2:$R$366,ROW(INDEX(Jesper!AK$2:AK$366,ROUNDDOWN($C443/24,0)+1,1))-1)+IF('Standard Profiles'!$G$21=$B$10,7,0)+IF('Standard Profiles'!$G$21=$B$17,14,0)+IF('Standard Profiles'!$G$21=$B$24,21,0),MOD($C443,24)+1)/SUM(INDEX($D$3:$AA$30,INDEX(Jesper!$R$2:$R$366,ROW(INDEX(Jesper!AK$2:AK$366,ROUNDDOWN($C443/24,0)+1,1))-1)+IF('Standard Profiles'!$G$21=$B$10,7,0)+IF('Standard Profiles'!$G$21=$B$17,14,0)+IF('Standard Profiles'!$G$21=$B$24,21,0),0)),0)</f>
        <v>7.8926695139931349</v>
      </c>
      <c r="H443" cm="1">
        <f t="array" ref="H443">IFERROR(INDEX(Jesper!AL$2:AL$366,ROUNDDOWN($C443/24,0)+1,1)*INDEX($D$3:$AA$30,INDEX(Jesper!$R$2:$R$366,ROW(INDEX(Jesper!AL$2:AL$366,ROUNDDOWN($C443/24,0)+1,1))-1)+IF('Standard Profiles'!$G$22=$B$10,7,0)+IF('Standard Profiles'!$G$22=$B$17,14,0)+IF('Standard Profiles'!$G$22=$B$24,21,0),MOD($C443,24)+1)/SUM(INDEX($D$3:$AA$30,INDEX(Jesper!$R$2:$R$366,ROW(INDEX(Jesper!AL$2:AL$366,ROUNDDOWN($C443/24,0)+1,1))-1)+IF('Standard Profiles'!$G$22=$B$10,7,0)+IF('Standard Profiles'!$G$22=$B$17,14,0)+IF('Standard Profiles'!$G$22=$B$24,21,0),0)),0)</f>
        <v>0</v>
      </c>
      <c r="I443">
        <f t="shared" si="62"/>
        <v>3.7884813667167028</v>
      </c>
      <c r="J443">
        <f t="shared" si="63"/>
        <v>15.969621431889529</v>
      </c>
      <c r="K443">
        <f t="shared" si="64"/>
        <v>0.64517033007680369</v>
      </c>
      <c r="L443">
        <f t="shared" si="65"/>
        <v>0.32258516503840184</v>
      </c>
      <c r="M443">
        <f t="shared" si="66"/>
        <v>0</v>
      </c>
      <c r="N443" s="45">
        <f t="shared" si="67"/>
        <v>44944.041666665675</v>
      </c>
    </row>
    <row r="444" spans="2:14" x14ac:dyDescent="0.25">
      <c r="B444">
        <f t="shared" si="61"/>
        <v>3</v>
      </c>
      <c r="C444" s="16">
        <v>410</v>
      </c>
      <c r="D444" cm="1">
        <f t="array" ref="D444">IFERROR(INDEX(Jesper!AH$2:AH$366,ROUNDDOWN($C444/24,0)+1,1)*INDEX($D$3:$AA$30,INDEX(Jesper!$R$2:$R$366,ROW(INDEX(Jesper!AH$2:AH$366,ROUNDDOWN($C444/24,0)+1,1))-1)+IF('Standard Profiles'!$G$18=$B$10,7,0)+IF('Standard Profiles'!$G$18=$B$17,14,0)+IF('Standard Profiles'!$G$18=$B$24,21,0),MOD($C444,24)+1)/SUM(INDEX($D$3:$AA$30,INDEX(Jesper!$R$2:$R$366,ROW(INDEX(Jesper!AH$2:AH$366,ROUNDDOWN($C444/24,0)+1,1))-1)+IF('Standard Profiles'!$G$18=$B$10,7,0)+IF('Standard Profiles'!$G$18=$B$17,14,0)+IF('Standard Profiles'!$G$18=$B$24,21,0),0)),0)</f>
        <v>6.0484718444700345</v>
      </c>
      <c r="E444" cm="1">
        <f t="array" ref="E444">IFERROR(INDEX(Jesper!AI$2:AI$366,ROUNDDOWN($C444/24,0)+1,1)*INDEX($D$3:$AA$30,INDEX(Jesper!$R$2:$R$366,ROW(INDEX(Jesper!AI$2:AI$366,ROUNDDOWN($C444/24,0)+1,1))-1)+IF('Standard Profiles'!$G$19=$B$10,7,0)+IF('Standard Profiles'!$G$19=$B$17,14,0)+IF('Standard Profiles'!$G$19=$B$24,21,0),MOD($C444,24)+1)/SUM(INDEX($D$3:$AA$30,INDEX(Jesper!$R$2:$R$366,ROW(INDEX(Jesper!AI$2:AI$366,ROUNDDOWN($C444/24,0)+1,1))-1)+IF('Standard Profiles'!$G$19=$B$10,7,0)+IF('Standard Profiles'!$G$19=$B$17,14,0)+IF('Standard Profiles'!$G$19=$B$24,21,0),0)),0)</f>
        <v>6.7847169352582677</v>
      </c>
      <c r="F444" cm="1">
        <f t="array" ref="F444">IFERROR(INDEX(Jesper!AJ$2:AJ$366,ROUNDDOWN($C444/24,0)+1,1)*INDEX($D$3:$AA$30,INDEX(Jesper!$R$2:$R$366,ROW(INDEX(Jesper!AJ$2:AJ$366,ROUNDDOWN($C444/24,0)+1,1))-1)+IF('Standard Profiles'!$G$20=$B$10,7,0)+IF('Standard Profiles'!$G$20=$B$17,14,0)+IF('Standard Profiles'!$G$20=$B$24,21,0),MOD($C444,24)+1)/SUM(INDEX($D$3:$AA$30,INDEX(Jesper!$R$2:$R$366,ROW(INDEX(Jesper!AJ$2:AJ$366,ROUNDDOWN($C444/24,0)+1,1))-1)+IF('Standard Profiles'!$G$20=$B$10,7,0)+IF('Standard Profiles'!$G$20=$B$17,14,0)+IF('Standard Profiles'!$G$20=$B$24,21,0),0)),0)</f>
        <v>0</v>
      </c>
      <c r="G444" cm="1">
        <f t="array" ref="G444">IFERROR(INDEX(Jesper!AK$2:AK$366,ROUNDDOWN($C444/24,0)+1,1)*INDEX($D$3:$AA$30,INDEX(Jesper!$R$2:$R$366,ROW(INDEX(Jesper!AK$2:AK$366,ROUNDDOWN($C444/24,0)+1,1))-1)+IF('Standard Profiles'!$G$21=$B$10,7,0)+IF('Standard Profiles'!$G$21=$B$17,14,0)+IF('Standard Profiles'!$G$21=$B$24,21,0),MOD($C444,24)+1)/SUM(INDEX($D$3:$AA$30,INDEX(Jesper!$R$2:$R$366,ROW(INDEX(Jesper!AK$2:AK$366,ROUNDDOWN($C444/24,0)+1,1))-1)+IF('Standard Profiles'!$G$21=$B$10,7,0)+IF('Standard Profiles'!$G$21=$B$17,14,0)+IF('Standard Profiles'!$G$21=$B$24,21,0),0)),0)</f>
        <v>7.8926695139931349</v>
      </c>
      <c r="H444" cm="1">
        <f t="array" ref="H444">IFERROR(INDEX(Jesper!AL$2:AL$366,ROUNDDOWN($C444/24,0)+1,1)*INDEX($D$3:$AA$30,INDEX(Jesper!$R$2:$R$366,ROW(INDEX(Jesper!AL$2:AL$366,ROUNDDOWN($C444/24,0)+1,1))-1)+IF('Standard Profiles'!$G$22=$B$10,7,0)+IF('Standard Profiles'!$G$22=$B$17,14,0)+IF('Standard Profiles'!$G$22=$B$24,21,0),MOD($C444,24)+1)/SUM(INDEX($D$3:$AA$30,INDEX(Jesper!$R$2:$R$366,ROW(INDEX(Jesper!AL$2:AL$366,ROUNDDOWN($C444/24,0)+1,1))-1)+IF('Standard Profiles'!$G$22=$B$10,7,0)+IF('Standard Profiles'!$G$22=$B$17,14,0)+IF('Standard Profiles'!$G$22=$B$24,21,0),0)),0)</f>
        <v>0</v>
      </c>
      <c r="I444">
        <f t="shared" si="62"/>
        <v>3.7884813667167028</v>
      </c>
      <c r="J444">
        <f t="shared" si="63"/>
        <v>15.969621431889529</v>
      </c>
      <c r="K444">
        <f t="shared" si="64"/>
        <v>0.64517033007680369</v>
      </c>
      <c r="L444">
        <f t="shared" si="65"/>
        <v>0.32258516503840184</v>
      </c>
      <c r="M444">
        <f t="shared" si="66"/>
        <v>0</v>
      </c>
      <c r="N444" s="45">
        <f t="shared" si="67"/>
        <v>44944.083333332339</v>
      </c>
    </row>
    <row r="445" spans="2:14" x14ac:dyDescent="0.25">
      <c r="B445">
        <f t="shared" si="61"/>
        <v>3</v>
      </c>
      <c r="C445" s="16">
        <v>411</v>
      </c>
      <c r="D445" cm="1">
        <f t="array" ref="D445">IFERROR(INDEX(Jesper!AH$2:AH$366,ROUNDDOWN($C445/24,0)+1,1)*INDEX($D$3:$AA$30,INDEX(Jesper!$R$2:$R$366,ROW(INDEX(Jesper!AH$2:AH$366,ROUNDDOWN($C445/24,0)+1,1))-1)+IF('Standard Profiles'!$G$18=$B$10,7,0)+IF('Standard Profiles'!$G$18=$B$17,14,0)+IF('Standard Profiles'!$G$18=$B$24,21,0),MOD($C445,24)+1)/SUM(INDEX($D$3:$AA$30,INDEX(Jesper!$R$2:$R$366,ROW(INDEX(Jesper!AH$2:AH$366,ROUNDDOWN($C445/24,0)+1,1))-1)+IF('Standard Profiles'!$G$18=$B$10,7,0)+IF('Standard Profiles'!$G$18=$B$17,14,0)+IF('Standard Profiles'!$G$18=$B$24,21,0),0)),0)</f>
        <v>6.0484718444700345</v>
      </c>
      <c r="E445" cm="1">
        <f t="array" ref="E445">IFERROR(INDEX(Jesper!AI$2:AI$366,ROUNDDOWN($C445/24,0)+1,1)*INDEX($D$3:$AA$30,INDEX(Jesper!$R$2:$R$366,ROW(INDEX(Jesper!AI$2:AI$366,ROUNDDOWN($C445/24,0)+1,1))-1)+IF('Standard Profiles'!$G$19=$B$10,7,0)+IF('Standard Profiles'!$G$19=$B$17,14,0)+IF('Standard Profiles'!$G$19=$B$24,21,0),MOD($C445,24)+1)/SUM(INDEX($D$3:$AA$30,INDEX(Jesper!$R$2:$R$366,ROW(INDEX(Jesper!AI$2:AI$366,ROUNDDOWN($C445/24,0)+1,1))-1)+IF('Standard Profiles'!$G$19=$B$10,7,0)+IF('Standard Profiles'!$G$19=$B$17,14,0)+IF('Standard Profiles'!$G$19=$B$24,21,0),0)),0)</f>
        <v>6.7847169352582677</v>
      </c>
      <c r="F445" cm="1">
        <f t="array" ref="F445">IFERROR(INDEX(Jesper!AJ$2:AJ$366,ROUNDDOWN($C445/24,0)+1,1)*INDEX($D$3:$AA$30,INDEX(Jesper!$R$2:$R$366,ROW(INDEX(Jesper!AJ$2:AJ$366,ROUNDDOWN($C445/24,0)+1,1))-1)+IF('Standard Profiles'!$G$20=$B$10,7,0)+IF('Standard Profiles'!$G$20=$B$17,14,0)+IF('Standard Profiles'!$G$20=$B$24,21,0),MOD($C445,24)+1)/SUM(INDEX($D$3:$AA$30,INDEX(Jesper!$R$2:$R$366,ROW(INDEX(Jesper!AJ$2:AJ$366,ROUNDDOWN($C445/24,0)+1,1))-1)+IF('Standard Profiles'!$G$20=$B$10,7,0)+IF('Standard Profiles'!$G$20=$B$17,14,0)+IF('Standard Profiles'!$G$20=$B$24,21,0),0)),0)</f>
        <v>0</v>
      </c>
      <c r="G445" cm="1">
        <f t="array" ref="G445">IFERROR(INDEX(Jesper!AK$2:AK$366,ROUNDDOWN($C445/24,0)+1,1)*INDEX($D$3:$AA$30,INDEX(Jesper!$R$2:$R$366,ROW(INDEX(Jesper!AK$2:AK$366,ROUNDDOWN($C445/24,0)+1,1))-1)+IF('Standard Profiles'!$G$21=$B$10,7,0)+IF('Standard Profiles'!$G$21=$B$17,14,0)+IF('Standard Profiles'!$G$21=$B$24,21,0),MOD($C445,24)+1)/SUM(INDEX($D$3:$AA$30,INDEX(Jesper!$R$2:$R$366,ROW(INDEX(Jesper!AK$2:AK$366,ROUNDDOWN($C445/24,0)+1,1))-1)+IF('Standard Profiles'!$G$21=$B$10,7,0)+IF('Standard Profiles'!$G$21=$B$17,14,0)+IF('Standard Profiles'!$G$21=$B$24,21,0),0)),0)</f>
        <v>7.8926695139931349</v>
      </c>
      <c r="H445" cm="1">
        <f t="array" ref="H445">IFERROR(INDEX(Jesper!AL$2:AL$366,ROUNDDOWN($C445/24,0)+1,1)*INDEX($D$3:$AA$30,INDEX(Jesper!$R$2:$R$366,ROW(INDEX(Jesper!AL$2:AL$366,ROUNDDOWN($C445/24,0)+1,1))-1)+IF('Standard Profiles'!$G$22=$B$10,7,0)+IF('Standard Profiles'!$G$22=$B$17,14,0)+IF('Standard Profiles'!$G$22=$B$24,21,0),MOD($C445,24)+1)/SUM(INDEX($D$3:$AA$30,INDEX(Jesper!$R$2:$R$366,ROW(INDEX(Jesper!AL$2:AL$366,ROUNDDOWN($C445/24,0)+1,1))-1)+IF('Standard Profiles'!$G$22=$B$10,7,0)+IF('Standard Profiles'!$G$22=$B$17,14,0)+IF('Standard Profiles'!$G$22=$B$24,21,0),0)),0)</f>
        <v>0</v>
      </c>
      <c r="I445">
        <f t="shared" si="62"/>
        <v>3.7884813667167028</v>
      </c>
      <c r="J445">
        <f t="shared" si="63"/>
        <v>15.969621431889529</v>
      </c>
      <c r="K445">
        <f t="shared" si="64"/>
        <v>0.64517033007680369</v>
      </c>
      <c r="L445">
        <f t="shared" si="65"/>
        <v>0.32258516503840184</v>
      </c>
      <c r="M445">
        <f t="shared" si="66"/>
        <v>0</v>
      </c>
      <c r="N445" s="45">
        <f t="shared" si="67"/>
        <v>44944.124999999003</v>
      </c>
    </row>
    <row r="446" spans="2:14" x14ac:dyDescent="0.25">
      <c r="B446">
        <f t="shared" si="61"/>
        <v>3</v>
      </c>
      <c r="C446" s="16">
        <v>412</v>
      </c>
      <c r="D446" cm="1">
        <f t="array" ref="D446">IFERROR(INDEX(Jesper!AH$2:AH$366,ROUNDDOWN($C446/24,0)+1,1)*INDEX($D$3:$AA$30,INDEX(Jesper!$R$2:$R$366,ROW(INDEX(Jesper!AH$2:AH$366,ROUNDDOWN($C446/24,0)+1,1))-1)+IF('Standard Profiles'!$G$18=$B$10,7,0)+IF('Standard Profiles'!$G$18=$B$17,14,0)+IF('Standard Profiles'!$G$18=$B$24,21,0),MOD($C446,24)+1)/SUM(INDEX($D$3:$AA$30,INDEX(Jesper!$R$2:$R$366,ROW(INDEX(Jesper!AH$2:AH$366,ROUNDDOWN($C446/24,0)+1,1))-1)+IF('Standard Profiles'!$G$18=$B$10,7,0)+IF('Standard Profiles'!$G$18=$B$17,14,0)+IF('Standard Profiles'!$G$18=$B$24,21,0),0)),0)</f>
        <v>6.0484718444700345</v>
      </c>
      <c r="E446" cm="1">
        <f t="array" ref="E446">IFERROR(INDEX(Jesper!AI$2:AI$366,ROUNDDOWN($C446/24,0)+1,1)*INDEX($D$3:$AA$30,INDEX(Jesper!$R$2:$R$366,ROW(INDEX(Jesper!AI$2:AI$366,ROUNDDOWN($C446/24,0)+1,1))-1)+IF('Standard Profiles'!$G$19=$B$10,7,0)+IF('Standard Profiles'!$G$19=$B$17,14,0)+IF('Standard Profiles'!$G$19=$B$24,21,0),MOD($C446,24)+1)/SUM(INDEX($D$3:$AA$30,INDEX(Jesper!$R$2:$R$366,ROW(INDEX(Jesper!AI$2:AI$366,ROUNDDOWN($C446/24,0)+1,1))-1)+IF('Standard Profiles'!$G$19=$B$10,7,0)+IF('Standard Profiles'!$G$19=$B$17,14,0)+IF('Standard Profiles'!$G$19=$B$24,21,0),0)),0)</f>
        <v>6.7847169352582677</v>
      </c>
      <c r="F446" cm="1">
        <f t="array" ref="F446">IFERROR(INDEX(Jesper!AJ$2:AJ$366,ROUNDDOWN($C446/24,0)+1,1)*INDEX($D$3:$AA$30,INDEX(Jesper!$R$2:$R$366,ROW(INDEX(Jesper!AJ$2:AJ$366,ROUNDDOWN($C446/24,0)+1,1))-1)+IF('Standard Profiles'!$G$20=$B$10,7,0)+IF('Standard Profiles'!$G$20=$B$17,14,0)+IF('Standard Profiles'!$G$20=$B$24,21,0),MOD($C446,24)+1)/SUM(INDEX($D$3:$AA$30,INDEX(Jesper!$R$2:$R$366,ROW(INDEX(Jesper!AJ$2:AJ$366,ROUNDDOWN($C446/24,0)+1,1))-1)+IF('Standard Profiles'!$G$20=$B$10,7,0)+IF('Standard Profiles'!$G$20=$B$17,14,0)+IF('Standard Profiles'!$G$20=$B$24,21,0),0)),0)</f>
        <v>0</v>
      </c>
      <c r="G446" cm="1">
        <f t="array" ref="G446">IFERROR(INDEX(Jesper!AK$2:AK$366,ROUNDDOWN($C446/24,0)+1,1)*INDEX($D$3:$AA$30,INDEX(Jesper!$R$2:$R$366,ROW(INDEX(Jesper!AK$2:AK$366,ROUNDDOWN($C446/24,0)+1,1))-1)+IF('Standard Profiles'!$G$21=$B$10,7,0)+IF('Standard Profiles'!$G$21=$B$17,14,0)+IF('Standard Profiles'!$G$21=$B$24,21,0),MOD($C446,24)+1)/SUM(INDEX($D$3:$AA$30,INDEX(Jesper!$R$2:$R$366,ROW(INDEX(Jesper!AK$2:AK$366,ROUNDDOWN($C446/24,0)+1,1))-1)+IF('Standard Profiles'!$G$21=$B$10,7,0)+IF('Standard Profiles'!$G$21=$B$17,14,0)+IF('Standard Profiles'!$G$21=$B$24,21,0),0)),0)</f>
        <v>7.8926695139931349</v>
      </c>
      <c r="H446" cm="1">
        <f t="array" ref="H446">IFERROR(INDEX(Jesper!AL$2:AL$366,ROUNDDOWN($C446/24,0)+1,1)*INDEX($D$3:$AA$30,INDEX(Jesper!$R$2:$R$366,ROW(INDEX(Jesper!AL$2:AL$366,ROUNDDOWN($C446/24,0)+1,1))-1)+IF('Standard Profiles'!$G$22=$B$10,7,0)+IF('Standard Profiles'!$G$22=$B$17,14,0)+IF('Standard Profiles'!$G$22=$B$24,21,0),MOD($C446,24)+1)/SUM(INDEX($D$3:$AA$30,INDEX(Jesper!$R$2:$R$366,ROW(INDEX(Jesper!AL$2:AL$366,ROUNDDOWN($C446/24,0)+1,1))-1)+IF('Standard Profiles'!$G$22=$B$10,7,0)+IF('Standard Profiles'!$G$22=$B$17,14,0)+IF('Standard Profiles'!$G$22=$B$24,21,0),0)),0)</f>
        <v>0</v>
      </c>
      <c r="I446">
        <f t="shared" si="62"/>
        <v>3.7884813667167028</v>
      </c>
      <c r="J446">
        <f t="shared" si="63"/>
        <v>15.969621431889529</v>
      </c>
      <c r="K446">
        <f t="shared" si="64"/>
        <v>0.64517033007680369</v>
      </c>
      <c r="L446">
        <f t="shared" si="65"/>
        <v>0.32258516503840184</v>
      </c>
      <c r="M446">
        <f t="shared" si="66"/>
        <v>0</v>
      </c>
      <c r="N446" s="45">
        <f t="shared" si="67"/>
        <v>44944.166666665667</v>
      </c>
    </row>
    <row r="447" spans="2:14" x14ac:dyDescent="0.25">
      <c r="B447">
        <f t="shared" si="61"/>
        <v>3</v>
      </c>
      <c r="C447" s="16">
        <v>413</v>
      </c>
      <c r="D447" cm="1">
        <f t="array" ref="D447">IFERROR(INDEX(Jesper!AH$2:AH$366,ROUNDDOWN($C447/24,0)+1,1)*INDEX($D$3:$AA$30,INDEX(Jesper!$R$2:$R$366,ROW(INDEX(Jesper!AH$2:AH$366,ROUNDDOWN($C447/24,0)+1,1))-1)+IF('Standard Profiles'!$G$18=$B$10,7,0)+IF('Standard Profiles'!$G$18=$B$17,14,0)+IF('Standard Profiles'!$G$18=$B$24,21,0),MOD($C447,24)+1)/SUM(INDEX($D$3:$AA$30,INDEX(Jesper!$R$2:$R$366,ROW(INDEX(Jesper!AH$2:AH$366,ROUNDDOWN($C447/24,0)+1,1))-1)+IF('Standard Profiles'!$G$18=$B$10,7,0)+IF('Standard Profiles'!$G$18=$B$17,14,0)+IF('Standard Profiles'!$G$18=$B$24,21,0),0)),0)</f>
        <v>6.0484718444700345</v>
      </c>
      <c r="E447" cm="1">
        <f t="array" ref="E447">IFERROR(INDEX(Jesper!AI$2:AI$366,ROUNDDOWN($C447/24,0)+1,1)*INDEX($D$3:$AA$30,INDEX(Jesper!$R$2:$R$366,ROW(INDEX(Jesper!AI$2:AI$366,ROUNDDOWN($C447/24,0)+1,1))-1)+IF('Standard Profiles'!$G$19=$B$10,7,0)+IF('Standard Profiles'!$G$19=$B$17,14,0)+IF('Standard Profiles'!$G$19=$B$24,21,0),MOD($C447,24)+1)/SUM(INDEX($D$3:$AA$30,INDEX(Jesper!$R$2:$R$366,ROW(INDEX(Jesper!AI$2:AI$366,ROUNDDOWN($C447/24,0)+1,1))-1)+IF('Standard Profiles'!$G$19=$B$10,7,0)+IF('Standard Profiles'!$G$19=$B$17,14,0)+IF('Standard Profiles'!$G$19=$B$24,21,0),0)),0)</f>
        <v>6.7847169352582677</v>
      </c>
      <c r="F447" cm="1">
        <f t="array" ref="F447">IFERROR(INDEX(Jesper!AJ$2:AJ$366,ROUNDDOWN($C447/24,0)+1,1)*INDEX($D$3:$AA$30,INDEX(Jesper!$R$2:$R$366,ROW(INDEX(Jesper!AJ$2:AJ$366,ROUNDDOWN($C447/24,0)+1,1))-1)+IF('Standard Profiles'!$G$20=$B$10,7,0)+IF('Standard Profiles'!$G$20=$B$17,14,0)+IF('Standard Profiles'!$G$20=$B$24,21,0),MOD($C447,24)+1)/SUM(INDEX($D$3:$AA$30,INDEX(Jesper!$R$2:$R$366,ROW(INDEX(Jesper!AJ$2:AJ$366,ROUNDDOWN($C447/24,0)+1,1))-1)+IF('Standard Profiles'!$G$20=$B$10,7,0)+IF('Standard Profiles'!$G$20=$B$17,14,0)+IF('Standard Profiles'!$G$20=$B$24,21,0),0)),0)</f>
        <v>0</v>
      </c>
      <c r="G447" cm="1">
        <f t="array" ref="G447">IFERROR(INDEX(Jesper!AK$2:AK$366,ROUNDDOWN($C447/24,0)+1,1)*INDEX($D$3:$AA$30,INDEX(Jesper!$R$2:$R$366,ROW(INDEX(Jesper!AK$2:AK$366,ROUNDDOWN($C447/24,0)+1,1))-1)+IF('Standard Profiles'!$G$21=$B$10,7,0)+IF('Standard Profiles'!$G$21=$B$17,14,0)+IF('Standard Profiles'!$G$21=$B$24,21,0),MOD($C447,24)+1)/SUM(INDEX($D$3:$AA$30,INDEX(Jesper!$R$2:$R$366,ROW(INDEX(Jesper!AK$2:AK$366,ROUNDDOWN($C447/24,0)+1,1))-1)+IF('Standard Profiles'!$G$21=$B$10,7,0)+IF('Standard Profiles'!$G$21=$B$17,14,0)+IF('Standard Profiles'!$G$21=$B$24,21,0),0)),0)</f>
        <v>7.8926695139931349</v>
      </c>
      <c r="H447" cm="1">
        <f t="array" ref="H447">IFERROR(INDEX(Jesper!AL$2:AL$366,ROUNDDOWN($C447/24,0)+1,1)*INDEX($D$3:$AA$30,INDEX(Jesper!$R$2:$R$366,ROW(INDEX(Jesper!AL$2:AL$366,ROUNDDOWN($C447/24,0)+1,1))-1)+IF('Standard Profiles'!$G$22=$B$10,7,0)+IF('Standard Profiles'!$G$22=$B$17,14,0)+IF('Standard Profiles'!$G$22=$B$24,21,0),MOD($C447,24)+1)/SUM(INDEX($D$3:$AA$30,INDEX(Jesper!$R$2:$R$366,ROW(INDEX(Jesper!AL$2:AL$366,ROUNDDOWN($C447/24,0)+1,1))-1)+IF('Standard Profiles'!$G$22=$B$10,7,0)+IF('Standard Profiles'!$G$22=$B$17,14,0)+IF('Standard Profiles'!$G$22=$B$24,21,0),0)),0)</f>
        <v>0</v>
      </c>
      <c r="I447">
        <f t="shared" si="62"/>
        <v>3.7884813667167028</v>
      </c>
      <c r="J447">
        <f t="shared" si="63"/>
        <v>15.969621431889529</v>
      </c>
      <c r="K447">
        <f t="shared" si="64"/>
        <v>0.64517033007680369</v>
      </c>
      <c r="L447">
        <f t="shared" si="65"/>
        <v>0.32258516503840184</v>
      </c>
      <c r="M447">
        <f t="shared" si="66"/>
        <v>0</v>
      </c>
      <c r="N447" s="45">
        <f t="shared" si="67"/>
        <v>44944.208333332332</v>
      </c>
    </row>
    <row r="448" spans="2:14" x14ac:dyDescent="0.25">
      <c r="B448">
        <f t="shared" si="61"/>
        <v>3</v>
      </c>
      <c r="C448" s="16">
        <v>414</v>
      </c>
      <c r="D448" cm="1">
        <f t="array" ref="D448">IFERROR(INDEX(Jesper!AH$2:AH$366,ROUNDDOWN($C448/24,0)+1,1)*INDEX($D$3:$AA$30,INDEX(Jesper!$R$2:$R$366,ROW(INDEX(Jesper!AH$2:AH$366,ROUNDDOWN($C448/24,0)+1,1))-1)+IF('Standard Profiles'!$G$18=$B$10,7,0)+IF('Standard Profiles'!$G$18=$B$17,14,0)+IF('Standard Profiles'!$G$18=$B$24,21,0),MOD($C448,24)+1)/SUM(INDEX($D$3:$AA$30,INDEX(Jesper!$R$2:$R$366,ROW(INDEX(Jesper!AH$2:AH$366,ROUNDDOWN($C448/24,0)+1,1))-1)+IF('Standard Profiles'!$G$18=$B$10,7,0)+IF('Standard Profiles'!$G$18=$B$17,14,0)+IF('Standard Profiles'!$G$18=$B$24,21,0),0)),0)</f>
        <v>6.0484718444700345</v>
      </c>
      <c r="E448" cm="1">
        <f t="array" ref="E448">IFERROR(INDEX(Jesper!AI$2:AI$366,ROUNDDOWN($C448/24,0)+1,1)*INDEX($D$3:$AA$30,INDEX(Jesper!$R$2:$R$366,ROW(INDEX(Jesper!AI$2:AI$366,ROUNDDOWN($C448/24,0)+1,1))-1)+IF('Standard Profiles'!$G$19=$B$10,7,0)+IF('Standard Profiles'!$G$19=$B$17,14,0)+IF('Standard Profiles'!$G$19=$B$24,21,0),MOD($C448,24)+1)/SUM(INDEX($D$3:$AA$30,INDEX(Jesper!$R$2:$R$366,ROW(INDEX(Jesper!AI$2:AI$366,ROUNDDOWN($C448/24,0)+1,1))-1)+IF('Standard Profiles'!$G$19=$B$10,7,0)+IF('Standard Profiles'!$G$19=$B$17,14,0)+IF('Standard Profiles'!$G$19=$B$24,21,0),0)),0)</f>
        <v>6.7847169352582677</v>
      </c>
      <c r="F448" cm="1">
        <f t="array" ref="F448">IFERROR(INDEX(Jesper!AJ$2:AJ$366,ROUNDDOWN($C448/24,0)+1,1)*INDEX($D$3:$AA$30,INDEX(Jesper!$R$2:$R$366,ROW(INDEX(Jesper!AJ$2:AJ$366,ROUNDDOWN($C448/24,0)+1,1))-1)+IF('Standard Profiles'!$G$20=$B$10,7,0)+IF('Standard Profiles'!$G$20=$B$17,14,0)+IF('Standard Profiles'!$G$20=$B$24,21,0),MOD($C448,24)+1)/SUM(INDEX($D$3:$AA$30,INDEX(Jesper!$R$2:$R$366,ROW(INDEX(Jesper!AJ$2:AJ$366,ROUNDDOWN($C448/24,0)+1,1))-1)+IF('Standard Profiles'!$G$20=$B$10,7,0)+IF('Standard Profiles'!$G$20=$B$17,14,0)+IF('Standard Profiles'!$G$20=$B$24,21,0),0)),0)</f>
        <v>0</v>
      </c>
      <c r="G448" cm="1">
        <f t="array" ref="G448">IFERROR(INDEX(Jesper!AK$2:AK$366,ROUNDDOWN($C448/24,0)+1,1)*INDEX($D$3:$AA$30,INDEX(Jesper!$R$2:$R$366,ROW(INDEX(Jesper!AK$2:AK$366,ROUNDDOWN($C448/24,0)+1,1))-1)+IF('Standard Profiles'!$G$21=$B$10,7,0)+IF('Standard Profiles'!$G$21=$B$17,14,0)+IF('Standard Profiles'!$G$21=$B$24,21,0),MOD($C448,24)+1)/SUM(INDEX($D$3:$AA$30,INDEX(Jesper!$R$2:$R$366,ROW(INDEX(Jesper!AK$2:AK$366,ROUNDDOWN($C448/24,0)+1,1))-1)+IF('Standard Profiles'!$G$21=$B$10,7,0)+IF('Standard Profiles'!$G$21=$B$17,14,0)+IF('Standard Profiles'!$G$21=$B$24,21,0),0)),0)</f>
        <v>7.8926695139931349</v>
      </c>
      <c r="H448" cm="1">
        <f t="array" ref="H448">IFERROR(INDEX(Jesper!AL$2:AL$366,ROUNDDOWN($C448/24,0)+1,1)*INDEX($D$3:$AA$30,INDEX(Jesper!$R$2:$R$366,ROW(INDEX(Jesper!AL$2:AL$366,ROUNDDOWN($C448/24,0)+1,1))-1)+IF('Standard Profiles'!$G$22=$B$10,7,0)+IF('Standard Profiles'!$G$22=$B$17,14,0)+IF('Standard Profiles'!$G$22=$B$24,21,0),MOD($C448,24)+1)/SUM(INDEX($D$3:$AA$30,INDEX(Jesper!$R$2:$R$366,ROW(INDEX(Jesper!AL$2:AL$366,ROUNDDOWN($C448/24,0)+1,1))-1)+IF('Standard Profiles'!$G$22=$B$10,7,0)+IF('Standard Profiles'!$G$22=$B$17,14,0)+IF('Standard Profiles'!$G$22=$B$24,21,0),0)),0)</f>
        <v>0</v>
      </c>
      <c r="I448">
        <f t="shared" si="62"/>
        <v>3.7884813667167028</v>
      </c>
      <c r="J448">
        <f t="shared" si="63"/>
        <v>15.969621431889529</v>
      </c>
      <c r="K448">
        <f t="shared" si="64"/>
        <v>0.64517033007680369</v>
      </c>
      <c r="L448">
        <f t="shared" si="65"/>
        <v>0.32258516503840184</v>
      </c>
      <c r="M448">
        <f t="shared" si="66"/>
        <v>0</v>
      </c>
      <c r="N448" s="45">
        <f t="shared" si="67"/>
        <v>44944.249999998996</v>
      </c>
    </row>
    <row r="449" spans="2:14" x14ac:dyDescent="0.25">
      <c r="B449">
        <f t="shared" si="61"/>
        <v>3</v>
      </c>
      <c r="C449" s="16">
        <v>415</v>
      </c>
      <c r="D449" cm="1">
        <f t="array" ref="D449">IFERROR(INDEX(Jesper!AH$2:AH$366,ROUNDDOWN($C449/24,0)+1,1)*INDEX($D$3:$AA$30,INDEX(Jesper!$R$2:$R$366,ROW(INDEX(Jesper!AH$2:AH$366,ROUNDDOWN($C449/24,0)+1,1))-1)+IF('Standard Profiles'!$G$18=$B$10,7,0)+IF('Standard Profiles'!$G$18=$B$17,14,0)+IF('Standard Profiles'!$G$18=$B$24,21,0),MOD($C449,24)+1)/SUM(INDEX($D$3:$AA$30,INDEX(Jesper!$R$2:$R$366,ROW(INDEX(Jesper!AH$2:AH$366,ROUNDDOWN($C449/24,0)+1,1))-1)+IF('Standard Profiles'!$G$18=$B$10,7,0)+IF('Standard Profiles'!$G$18=$B$17,14,0)+IF('Standard Profiles'!$G$18=$B$24,21,0),0)),0)</f>
        <v>24.725419752091142</v>
      </c>
      <c r="E449" cm="1">
        <f t="array" ref="E449">IFERROR(INDEX(Jesper!AI$2:AI$366,ROUNDDOWN($C449/24,0)+1,1)*INDEX($D$3:$AA$30,INDEX(Jesper!$R$2:$R$366,ROW(INDEX(Jesper!AI$2:AI$366,ROUNDDOWN($C449/24,0)+1,1))-1)+IF('Standard Profiles'!$G$19=$B$10,7,0)+IF('Standard Profiles'!$G$19=$B$17,14,0)+IF('Standard Profiles'!$G$19=$B$24,21,0),MOD($C449,24)+1)/SUM(INDEX($D$3:$AA$30,INDEX(Jesper!$R$2:$R$366,ROW(INDEX(Jesper!AI$2:AI$366,ROUNDDOWN($C449/24,0)+1,1))-1)+IF('Standard Profiles'!$G$19=$B$10,7,0)+IF('Standard Profiles'!$G$19=$B$17,14,0)+IF('Standard Profiles'!$G$19=$B$24,21,0),0)),0)</f>
        <v>27.735100441404249</v>
      </c>
      <c r="F449" cm="1">
        <f t="array" ref="F449">IFERROR(INDEX(Jesper!AJ$2:AJ$366,ROUNDDOWN($C449/24,0)+1,1)*INDEX($D$3:$AA$30,INDEX(Jesper!$R$2:$R$366,ROW(INDEX(Jesper!AJ$2:AJ$366,ROUNDDOWN($C449/24,0)+1,1))-1)+IF('Standard Profiles'!$G$20=$B$10,7,0)+IF('Standard Profiles'!$G$20=$B$17,14,0)+IF('Standard Profiles'!$G$20=$B$24,21,0),MOD($C449,24)+1)/SUM(INDEX($D$3:$AA$30,INDEX(Jesper!$R$2:$R$366,ROW(INDEX(Jesper!AJ$2:AJ$366,ROUNDDOWN($C449/24,0)+1,1))-1)+IF('Standard Profiles'!$G$20=$B$10,7,0)+IF('Standard Profiles'!$G$20=$B$17,14,0)+IF('Standard Profiles'!$G$20=$B$24,21,0),0)),0)</f>
        <v>0</v>
      </c>
      <c r="G449" cm="1">
        <f t="array" ref="G449">IFERROR(INDEX(Jesper!AK$2:AK$366,ROUNDDOWN($C449/24,0)+1,1)*INDEX($D$3:$AA$30,INDEX(Jesper!$R$2:$R$366,ROW(INDEX(Jesper!AK$2:AK$366,ROUNDDOWN($C449/24,0)+1,1))-1)+IF('Standard Profiles'!$G$21=$B$10,7,0)+IF('Standard Profiles'!$G$21=$B$17,14,0)+IF('Standard Profiles'!$G$21=$B$24,21,0),MOD($C449,24)+1)/SUM(INDEX($D$3:$AA$30,INDEX(Jesper!$R$2:$R$366,ROW(INDEX(Jesper!AK$2:AK$366,ROUNDDOWN($C449/24,0)+1,1))-1)+IF('Standard Profiles'!$G$21=$B$10,7,0)+IF('Standard Profiles'!$G$21=$B$17,14,0)+IF('Standard Profiles'!$G$21=$B$24,21,0),0)),0)</f>
        <v>21.744304511051084</v>
      </c>
      <c r="H449" cm="1">
        <f t="array" ref="H449">IFERROR(INDEX(Jesper!AL$2:AL$366,ROUNDDOWN($C449/24,0)+1,1)*INDEX($D$3:$AA$30,INDEX(Jesper!$R$2:$R$366,ROW(INDEX(Jesper!AL$2:AL$366,ROUNDDOWN($C449/24,0)+1,1))-1)+IF('Standard Profiles'!$G$22=$B$10,7,0)+IF('Standard Profiles'!$G$22=$B$17,14,0)+IF('Standard Profiles'!$G$22=$B$24,21,0),MOD($C449,24)+1)/SUM(INDEX($D$3:$AA$30,INDEX(Jesper!$R$2:$R$366,ROW(INDEX(Jesper!AL$2:AL$366,ROUNDDOWN($C449/24,0)+1,1))-1)+IF('Standard Profiles'!$G$22=$B$10,7,0)+IF('Standard Profiles'!$G$22=$B$17,14,0)+IF('Standard Profiles'!$G$22=$B$24,21,0),0)),0)</f>
        <v>0</v>
      </c>
      <c r="I449">
        <f t="shared" si="62"/>
        <v>10.437266165304514</v>
      </c>
      <c r="J449">
        <f t="shared" si="63"/>
        <v>59.811491378907377</v>
      </c>
      <c r="K449">
        <f t="shared" si="64"/>
        <v>2.637378106889722</v>
      </c>
      <c r="L449">
        <f t="shared" si="65"/>
        <v>1.318689053444861</v>
      </c>
      <c r="M449">
        <f t="shared" si="66"/>
        <v>0</v>
      </c>
      <c r="N449" s="45">
        <f t="shared" si="67"/>
        <v>44944.29166666566</v>
      </c>
    </row>
    <row r="450" spans="2:14" x14ac:dyDescent="0.25">
      <c r="B450">
        <f t="shared" si="61"/>
        <v>3</v>
      </c>
      <c r="C450" s="16">
        <v>416</v>
      </c>
      <c r="D450" cm="1">
        <f t="array" ref="D450">IFERROR(INDEX(Jesper!AH$2:AH$366,ROUNDDOWN($C450/24,0)+1,1)*INDEX($D$3:$AA$30,INDEX(Jesper!$R$2:$R$366,ROW(INDEX(Jesper!AH$2:AH$366,ROUNDDOWN($C450/24,0)+1,1))-1)+IF('Standard Profiles'!$G$18=$B$10,7,0)+IF('Standard Profiles'!$G$18=$B$17,14,0)+IF('Standard Profiles'!$G$18=$B$24,21,0),MOD($C450,24)+1)/SUM(INDEX($D$3:$AA$30,INDEX(Jesper!$R$2:$R$366,ROW(INDEX(Jesper!AH$2:AH$366,ROUNDDOWN($C450/24,0)+1,1))-1)+IF('Standard Profiles'!$G$18=$B$10,7,0)+IF('Standard Profiles'!$G$18=$B$17,14,0)+IF('Standard Profiles'!$G$18=$B$24,21,0),0)),0)</f>
        <v>27.588363091806958</v>
      </c>
      <c r="E450" cm="1">
        <f t="array" ref="E450">IFERROR(INDEX(Jesper!AI$2:AI$366,ROUNDDOWN($C450/24,0)+1,1)*INDEX($D$3:$AA$30,INDEX(Jesper!$R$2:$R$366,ROW(INDEX(Jesper!AI$2:AI$366,ROUNDDOWN($C450/24,0)+1,1))-1)+IF('Standard Profiles'!$G$19=$B$10,7,0)+IF('Standard Profiles'!$G$19=$B$17,14,0)+IF('Standard Profiles'!$G$19=$B$24,21,0),MOD($C450,24)+1)/SUM(INDEX($D$3:$AA$30,INDEX(Jesper!$R$2:$R$366,ROW(INDEX(Jesper!AI$2:AI$366,ROUNDDOWN($C450/24,0)+1,1))-1)+IF('Standard Profiles'!$G$19=$B$10,7,0)+IF('Standard Profiles'!$G$19=$B$17,14,0)+IF('Standard Profiles'!$G$19=$B$24,21,0),0)),0)</f>
        <v>30.946533124093165</v>
      </c>
      <c r="F450" cm="1">
        <f t="array" ref="F450">IFERROR(INDEX(Jesper!AJ$2:AJ$366,ROUNDDOWN($C450/24,0)+1,1)*INDEX($D$3:$AA$30,INDEX(Jesper!$R$2:$R$366,ROW(INDEX(Jesper!AJ$2:AJ$366,ROUNDDOWN($C450/24,0)+1,1))-1)+IF('Standard Profiles'!$G$20=$B$10,7,0)+IF('Standard Profiles'!$G$20=$B$17,14,0)+IF('Standard Profiles'!$G$20=$B$24,21,0),MOD($C450,24)+1)/SUM(INDEX($D$3:$AA$30,INDEX(Jesper!$R$2:$R$366,ROW(INDEX(Jesper!AJ$2:AJ$366,ROUNDDOWN($C450/24,0)+1,1))-1)+IF('Standard Profiles'!$G$20=$B$10,7,0)+IF('Standard Profiles'!$G$20=$B$17,14,0)+IF('Standard Profiles'!$G$20=$B$24,21,0),0)),0)</f>
        <v>0</v>
      </c>
      <c r="G450" cm="1">
        <f t="array" ref="G450">IFERROR(INDEX(Jesper!AK$2:AK$366,ROUNDDOWN($C450/24,0)+1,1)*INDEX($D$3:$AA$30,INDEX(Jesper!$R$2:$R$366,ROW(INDEX(Jesper!AK$2:AK$366,ROUNDDOWN($C450/24,0)+1,1))-1)+IF('Standard Profiles'!$G$21=$B$10,7,0)+IF('Standard Profiles'!$G$21=$B$17,14,0)+IF('Standard Profiles'!$G$21=$B$24,21,0),MOD($C450,24)+1)/SUM(INDEX($D$3:$AA$30,INDEX(Jesper!$R$2:$R$366,ROW(INDEX(Jesper!AK$2:AK$366,ROUNDDOWN($C450/24,0)+1,1))-1)+IF('Standard Profiles'!$G$21=$B$10,7,0)+IF('Standard Profiles'!$G$21=$B$17,14,0)+IF('Standard Profiles'!$G$21=$B$24,21,0),0)),0)</f>
        <v>24.262066086014894</v>
      </c>
      <c r="H450" cm="1">
        <f t="array" ref="H450">IFERROR(INDEX(Jesper!AL$2:AL$366,ROUNDDOWN($C450/24,0)+1,1)*INDEX($D$3:$AA$30,INDEX(Jesper!$R$2:$R$366,ROW(INDEX(Jesper!AL$2:AL$366,ROUNDDOWN($C450/24,0)+1,1))-1)+IF('Standard Profiles'!$G$22=$B$10,7,0)+IF('Standard Profiles'!$G$22=$B$17,14,0)+IF('Standard Profiles'!$G$22=$B$24,21,0),MOD($C450,24)+1)/SUM(INDEX($D$3:$AA$30,INDEX(Jesper!$R$2:$R$366,ROW(INDEX(Jesper!AL$2:AL$366,ROUNDDOWN($C450/24,0)+1,1))-1)+IF('Standard Profiles'!$G$22=$B$10,7,0)+IF('Standard Profiles'!$G$22=$B$17,14,0)+IF('Standard Profiles'!$G$22=$B$24,21,0),0)),0)</f>
        <v>0</v>
      </c>
      <c r="I450">
        <f t="shared" si="62"/>
        <v>11.645791721287143</v>
      </c>
      <c r="J450">
        <f t="shared" si="63"/>
        <v>66.737032485938755</v>
      </c>
      <c r="K450">
        <f t="shared" si="64"/>
        <v>2.9427587297927422</v>
      </c>
      <c r="L450">
        <f t="shared" si="65"/>
        <v>1.4713793648963711</v>
      </c>
      <c r="M450">
        <f t="shared" si="66"/>
        <v>0</v>
      </c>
      <c r="N450" s="45">
        <f t="shared" si="67"/>
        <v>44944.333333332324</v>
      </c>
    </row>
    <row r="451" spans="2:14" x14ac:dyDescent="0.25">
      <c r="B451">
        <f t="shared" si="61"/>
        <v>3</v>
      </c>
      <c r="C451" s="16">
        <v>417</v>
      </c>
      <c r="D451" cm="1">
        <f t="array" ref="D451">IFERROR(INDEX(Jesper!AH$2:AH$366,ROUNDDOWN($C451/24,0)+1,1)*INDEX($D$3:$AA$30,INDEX(Jesper!$R$2:$R$366,ROW(INDEX(Jesper!AH$2:AH$366,ROUNDDOWN($C451/24,0)+1,1))-1)+IF('Standard Profiles'!$G$18=$B$10,7,0)+IF('Standard Profiles'!$G$18=$B$17,14,0)+IF('Standard Profiles'!$G$18=$B$24,21,0),MOD($C451,24)+1)/SUM(INDEX($D$3:$AA$30,INDEX(Jesper!$R$2:$R$366,ROW(INDEX(Jesper!AH$2:AH$366,ROUNDDOWN($C451/24,0)+1,1))-1)+IF('Standard Profiles'!$G$18=$B$10,7,0)+IF('Standard Profiles'!$G$18=$B$17,14,0)+IF('Standard Profiles'!$G$18=$B$24,21,0),0)),0)</f>
        <v>30.451306431522777</v>
      </c>
      <c r="E451" cm="1">
        <f t="array" ref="E451">IFERROR(INDEX(Jesper!AI$2:AI$366,ROUNDDOWN($C451/24,0)+1,1)*INDEX($D$3:$AA$30,INDEX(Jesper!$R$2:$R$366,ROW(INDEX(Jesper!AI$2:AI$366,ROUNDDOWN($C451/24,0)+1,1))-1)+IF('Standard Profiles'!$G$19=$B$10,7,0)+IF('Standard Profiles'!$G$19=$B$17,14,0)+IF('Standard Profiles'!$G$19=$B$24,21,0),MOD($C451,24)+1)/SUM(INDEX($D$3:$AA$30,INDEX(Jesper!$R$2:$R$366,ROW(INDEX(Jesper!AI$2:AI$366,ROUNDDOWN($C451/24,0)+1,1))-1)+IF('Standard Profiles'!$G$19=$B$10,7,0)+IF('Standard Profiles'!$G$19=$B$17,14,0)+IF('Standard Profiles'!$G$19=$B$24,21,0),0)),0)</f>
        <v>34.15796580678208</v>
      </c>
      <c r="F451" cm="1">
        <f t="array" ref="F451">IFERROR(INDEX(Jesper!AJ$2:AJ$366,ROUNDDOWN($C451/24,0)+1,1)*INDEX($D$3:$AA$30,INDEX(Jesper!$R$2:$R$366,ROW(INDEX(Jesper!AJ$2:AJ$366,ROUNDDOWN($C451/24,0)+1,1))-1)+IF('Standard Profiles'!$G$20=$B$10,7,0)+IF('Standard Profiles'!$G$20=$B$17,14,0)+IF('Standard Profiles'!$G$20=$B$24,21,0),MOD($C451,24)+1)/SUM(INDEX($D$3:$AA$30,INDEX(Jesper!$R$2:$R$366,ROW(INDEX(Jesper!AJ$2:AJ$366,ROUNDDOWN($C451/24,0)+1,1))-1)+IF('Standard Profiles'!$G$20=$B$10,7,0)+IF('Standard Profiles'!$G$20=$B$17,14,0)+IF('Standard Profiles'!$G$20=$B$24,21,0),0)),0)</f>
        <v>0</v>
      </c>
      <c r="G451" cm="1">
        <f t="array" ref="G451">IFERROR(INDEX(Jesper!AK$2:AK$366,ROUNDDOWN($C451/24,0)+1,1)*INDEX($D$3:$AA$30,INDEX(Jesper!$R$2:$R$366,ROW(INDEX(Jesper!AK$2:AK$366,ROUNDDOWN($C451/24,0)+1,1))-1)+IF('Standard Profiles'!$G$21=$B$10,7,0)+IF('Standard Profiles'!$G$21=$B$17,14,0)+IF('Standard Profiles'!$G$21=$B$24,21,0),MOD($C451,24)+1)/SUM(INDEX($D$3:$AA$30,INDEX(Jesper!$R$2:$R$366,ROW(INDEX(Jesper!AK$2:AK$366,ROUNDDOWN($C451/24,0)+1,1))-1)+IF('Standard Profiles'!$G$21=$B$10,7,0)+IF('Standard Profiles'!$G$21=$B$17,14,0)+IF('Standard Profiles'!$G$21=$B$24,21,0),0)),0)</f>
        <v>26.7798276609787</v>
      </c>
      <c r="H451" cm="1">
        <f t="array" ref="H451">IFERROR(INDEX(Jesper!AL$2:AL$366,ROUNDDOWN($C451/24,0)+1,1)*INDEX($D$3:$AA$30,INDEX(Jesper!$R$2:$R$366,ROW(INDEX(Jesper!AL$2:AL$366,ROUNDDOWN($C451/24,0)+1,1))-1)+IF('Standard Profiles'!$G$22=$B$10,7,0)+IF('Standard Profiles'!$G$22=$B$17,14,0)+IF('Standard Profiles'!$G$22=$B$24,21,0),MOD($C451,24)+1)/SUM(INDEX($D$3:$AA$30,INDEX(Jesper!$R$2:$R$366,ROW(INDEX(Jesper!AL$2:AL$366,ROUNDDOWN($C451/24,0)+1,1))-1)+IF('Standard Profiles'!$G$22=$B$10,7,0)+IF('Standard Profiles'!$G$22=$B$17,14,0)+IF('Standard Profiles'!$G$22=$B$24,21,0),0)),0)</f>
        <v>0</v>
      </c>
      <c r="I451">
        <f t="shared" si="62"/>
        <v>12.85431727726977</v>
      </c>
      <c r="J451">
        <f t="shared" si="63"/>
        <v>73.662573592970134</v>
      </c>
      <c r="K451">
        <f t="shared" si="64"/>
        <v>3.2481393526957629</v>
      </c>
      <c r="L451">
        <f t="shared" si="65"/>
        <v>1.6240696763478815</v>
      </c>
      <c r="M451">
        <f t="shared" si="66"/>
        <v>0</v>
      </c>
      <c r="N451" s="45">
        <f t="shared" si="67"/>
        <v>44944.374999998989</v>
      </c>
    </row>
    <row r="452" spans="2:14" x14ac:dyDescent="0.25">
      <c r="B452">
        <f t="shared" si="61"/>
        <v>3</v>
      </c>
      <c r="C452" s="16">
        <v>418</v>
      </c>
      <c r="D452" cm="1">
        <f t="array" ref="D452">IFERROR(INDEX(Jesper!AH$2:AH$366,ROUNDDOWN($C452/24,0)+1,1)*INDEX($D$3:$AA$30,INDEX(Jesper!$R$2:$R$366,ROW(INDEX(Jesper!AH$2:AH$366,ROUNDDOWN($C452/24,0)+1,1))-1)+IF('Standard Profiles'!$G$18=$B$10,7,0)+IF('Standard Profiles'!$G$18=$B$17,14,0)+IF('Standard Profiles'!$G$18=$B$24,21,0),MOD($C452,24)+1)/SUM(INDEX($D$3:$AA$30,INDEX(Jesper!$R$2:$R$366,ROW(INDEX(Jesper!AH$2:AH$366,ROUNDDOWN($C452/24,0)+1,1))-1)+IF('Standard Profiles'!$G$18=$B$10,7,0)+IF('Standard Profiles'!$G$18=$B$17,14,0)+IF('Standard Profiles'!$G$18=$B$24,21,0),0)),0)</f>
        <v>30.451306431522777</v>
      </c>
      <c r="E452" cm="1">
        <f t="array" ref="E452">IFERROR(INDEX(Jesper!AI$2:AI$366,ROUNDDOWN($C452/24,0)+1,1)*INDEX($D$3:$AA$30,INDEX(Jesper!$R$2:$R$366,ROW(INDEX(Jesper!AI$2:AI$366,ROUNDDOWN($C452/24,0)+1,1))-1)+IF('Standard Profiles'!$G$19=$B$10,7,0)+IF('Standard Profiles'!$G$19=$B$17,14,0)+IF('Standard Profiles'!$G$19=$B$24,21,0),MOD($C452,24)+1)/SUM(INDEX($D$3:$AA$30,INDEX(Jesper!$R$2:$R$366,ROW(INDEX(Jesper!AI$2:AI$366,ROUNDDOWN($C452/24,0)+1,1))-1)+IF('Standard Profiles'!$G$19=$B$10,7,0)+IF('Standard Profiles'!$G$19=$B$17,14,0)+IF('Standard Profiles'!$G$19=$B$24,21,0),0)),0)</f>
        <v>34.15796580678208</v>
      </c>
      <c r="F452" cm="1">
        <f t="array" ref="F452">IFERROR(INDEX(Jesper!AJ$2:AJ$366,ROUNDDOWN($C452/24,0)+1,1)*INDEX($D$3:$AA$30,INDEX(Jesper!$R$2:$R$366,ROW(INDEX(Jesper!AJ$2:AJ$366,ROUNDDOWN($C452/24,0)+1,1))-1)+IF('Standard Profiles'!$G$20=$B$10,7,0)+IF('Standard Profiles'!$G$20=$B$17,14,0)+IF('Standard Profiles'!$G$20=$B$24,21,0),MOD($C452,24)+1)/SUM(INDEX($D$3:$AA$30,INDEX(Jesper!$R$2:$R$366,ROW(INDEX(Jesper!AJ$2:AJ$366,ROUNDDOWN($C452/24,0)+1,1))-1)+IF('Standard Profiles'!$G$20=$B$10,7,0)+IF('Standard Profiles'!$G$20=$B$17,14,0)+IF('Standard Profiles'!$G$20=$B$24,21,0),0)),0)</f>
        <v>0</v>
      </c>
      <c r="G452" cm="1">
        <f t="array" ref="G452">IFERROR(INDEX(Jesper!AK$2:AK$366,ROUNDDOWN($C452/24,0)+1,1)*INDEX($D$3:$AA$30,INDEX(Jesper!$R$2:$R$366,ROW(INDEX(Jesper!AK$2:AK$366,ROUNDDOWN($C452/24,0)+1,1))-1)+IF('Standard Profiles'!$G$21=$B$10,7,0)+IF('Standard Profiles'!$G$21=$B$17,14,0)+IF('Standard Profiles'!$G$21=$B$24,21,0),MOD($C452,24)+1)/SUM(INDEX($D$3:$AA$30,INDEX(Jesper!$R$2:$R$366,ROW(INDEX(Jesper!AK$2:AK$366,ROUNDDOWN($C452/24,0)+1,1))-1)+IF('Standard Profiles'!$G$21=$B$10,7,0)+IF('Standard Profiles'!$G$21=$B$17,14,0)+IF('Standard Profiles'!$G$21=$B$24,21,0),0)),0)</f>
        <v>26.7798276609787</v>
      </c>
      <c r="H452" cm="1">
        <f t="array" ref="H452">IFERROR(INDEX(Jesper!AL$2:AL$366,ROUNDDOWN($C452/24,0)+1,1)*INDEX($D$3:$AA$30,INDEX(Jesper!$R$2:$R$366,ROW(INDEX(Jesper!AL$2:AL$366,ROUNDDOWN($C452/24,0)+1,1))-1)+IF('Standard Profiles'!$G$22=$B$10,7,0)+IF('Standard Profiles'!$G$22=$B$17,14,0)+IF('Standard Profiles'!$G$22=$B$24,21,0),MOD($C452,24)+1)/SUM(INDEX($D$3:$AA$30,INDEX(Jesper!$R$2:$R$366,ROW(INDEX(Jesper!AL$2:AL$366,ROUNDDOWN($C452/24,0)+1,1))-1)+IF('Standard Profiles'!$G$22=$B$10,7,0)+IF('Standard Profiles'!$G$22=$B$17,14,0)+IF('Standard Profiles'!$G$22=$B$24,21,0),0)),0)</f>
        <v>0</v>
      </c>
      <c r="I452">
        <f t="shared" si="62"/>
        <v>12.85431727726977</v>
      </c>
      <c r="J452">
        <f t="shared" si="63"/>
        <v>73.662573592970134</v>
      </c>
      <c r="K452">
        <f t="shared" si="64"/>
        <v>3.2481393526957629</v>
      </c>
      <c r="L452">
        <f t="shared" si="65"/>
        <v>1.6240696763478815</v>
      </c>
      <c r="M452">
        <f t="shared" si="66"/>
        <v>0</v>
      </c>
      <c r="N452" s="45">
        <f t="shared" si="67"/>
        <v>44944.416666665653</v>
      </c>
    </row>
    <row r="453" spans="2:14" x14ac:dyDescent="0.25">
      <c r="B453">
        <f t="shared" si="61"/>
        <v>3</v>
      </c>
      <c r="C453" s="16">
        <v>419</v>
      </c>
      <c r="D453" cm="1">
        <f t="array" ref="D453">IFERROR(INDEX(Jesper!AH$2:AH$366,ROUNDDOWN($C453/24,0)+1,1)*INDEX($D$3:$AA$30,INDEX(Jesper!$R$2:$R$366,ROW(INDEX(Jesper!AH$2:AH$366,ROUNDDOWN($C453/24,0)+1,1))-1)+IF('Standard Profiles'!$G$18=$B$10,7,0)+IF('Standard Profiles'!$G$18=$B$17,14,0)+IF('Standard Profiles'!$G$18=$B$24,21,0),MOD($C453,24)+1)/SUM(INDEX($D$3:$AA$30,INDEX(Jesper!$R$2:$R$366,ROW(INDEX(Jesper!AH$2:AH$366,ROUNDDOWN($C453/24,0)+1,1))-1)+IF('Standard Profiles'!$G$18=$B$10,7,0)+IF('Standard Profiles'!$G$18=$B$17,14,0)+IF('Standard Profiles'!$G$18=$B$24,21,0),0)),0)</f>
        <v>36.437460687292209</v>
      </c>
      <c r="E453" cm="1">
        <f t="array" ref="E453">IFERROR(INDEX(Jesper!AI$2:AI$366,ROUNDDOWN($C453/24,0)+1,1)*INDEX($D$3:$AA$30,INDEX(Jesper!$R$2:$R$366,ROW(INDEX(Jesper!AI$2:AI$366,ROUNDDOWN($C453/24,0)+1,1))-1)+IF('Standard Profiles'!$G$19=$B$10,7,0)+IF('Standard Profiles'!$G$19=$B$17,14,0)+IF('Standard Profiles'!$G$19=$B$24,21,0),MOD($C453,24)+1)/SUM(INDEX($D$3:$AA$30,INDEX(Jesper!$R$2:$R$366,ROW(INDEX(Jesper!AI$2:AI$366,ROUNDDOWN($C453/24,0)+1,1))-1)+IF('Standard Profiles'!$G$19=$B$10,7,0)+IF('Standard Profiles'!$G$19=$B$17,14,0)+IF('Standard Profiles'!$G$19=$B$24,21,0),0)),0)</f>
        <v>40.872779597858887</v>
      </c>
      <c r="F453" cm="1">
        <f t="array" ref="F453">IFERROR(INDEX(Jesper!AJ$2:AJ$366,ROUNDDOWN($C453/24,0)+1,1)*INDEX($D$3:$AA$30,INDEX(Jesper!$R$2:$R$366,ROW(INDEX(Jesper!AJ$2:AJ$366,ROUNDDOWN($C453/24,0)+1,1))-1)+IF('Standard Profiles'!$G$20=$B$10,7,0)+IF('Standard Profiles'!$G$20=$B$17,14,0)+IF('Standard Profiles'!$G$20=$B$24,21,0),MOD($C453,24)+1)/SUM(INDEX($D$3:$AA$30,INDEX(Jesper!$R$2:$R$366,ROW(INDEX(Jesper!AJ$2:AJ$366,ROUNDDOWN($C453/24,0)+1,1))-1)+IF('Standard Profiles'!$G$20=$B$10,7,0)+IF('Standard Profiles'!$G$20=$B$17,14,0)+IF('Standard Profiles'!$G$20=$B$24,21,0),0)),0)</f>
        <v>0</v>
      </c>
      <c r="G453" cm="1">
        <f t="array" ref="G453">IFERROR(INDEX(Jesper!AK$2:AK$366,ROUNDDOWN($C453/24,0)+1,1)*INDEX($D$3:$AA$30,INDEX(Jesper!$R$2:$R$366,ROW(INDEX(Jesper!AK$2:AK$366,ROUNDDOWN($C453/24,0)+1,1))-1)+IF('Standard Profiles'!$G$21=$B$10,7,0)+IF('Standard Profiles'!$G$21=$B$17,14,0)+IF('Standard Profiles'!$G$21=$B$24,21,0),MOD($C453,24)+1)/SUM(INDEX($D$3:$AA$30,INDEX(Jesper!$R$2:$R$366,ROW(INDEX(Jesper!AK$2:AK$366,ROUNDDOWN($C453/24,0)+1,1))-1)+IF('Standard Profiles'!$G$21=$B$10,7,0)+IF('Standard Profiles'!$G$21=$B$17,14,0)+IF('Standard Profiles'!$G$21=$B$24,21,0),0)),0)</f>
        <v>32.044238226812119</v>
      </c>
      <c r="H453" cm="1">
        <f t="array" ref="H453">IFERROR(INDEX(Jesper!AL$2:AL$366,ROUNDDOWN($C453/24,0)+1,1)*INDEX($D$3:$AA$30,INDEX(Jesper!$R$2:$R$366,ROW(INDEX(Jesper!AL$2:AL$366,ROUNDDOWN($C453/24,0)+1,1))-1)+IF('Standard Profiles'!$G$22=$B$10,7,0)+IF('Standard Profiles'!$G$22=$B$17,14,0)+IF('Standard Profiles'!$G$22=$B$24,21,0),MOD($C453,24)+1)/SUM(INDEX($D$3:$AA$30,INDEX(Jesper!$R$2:$R$366,ROW(INDEX(Jesper!AL$2:AL$366,ROUNDDOWN($C453/24,0)+1,1))-1)+IF('Standard Profiles'!$G$22=$B$10,7,0)+IF('Standard Profiles'!$G$22=$B$17,14,0)+IF('Standard Profiles'!$G$22=$B$24,21,0),0)),0)</f>
        <v>0</v>
      </c>
      <c r="I453">
        <f t="shared" si="62"/>
        <v>15.38123434886981</v>
      </c>
      <c r="J453">
        <f t="shared" si="63"/>
        <v>88.143250453126655</v>
      </c>
      <c r="K453">
        <f t="shared" si="64"/>
        <v>3.8866624733111692</v>
      </c>
      <c r="L453">
        <f t="shared" si="65"/>
        <v>1.9433312366555846</v>
      </c>
      <c r="M453">
        <f t="shared" si="66"/>
        <v>0</v>
      </c>
      <c r="N453" s="45">
        <f t="shared" si="67"/>
        <v>44944.458333332317</v>
      </c>
    </row>
    <row r="454" spans="2:14" x14ac:dyDescent="0.25">
      <c r="B454">
        <f t="shared" si="61"/>
        <v>3</v>
      </c>
      <c r="C454" s="16">
        <v>420</v>
      </c>
      <c r="D454" cm="1">
        <f t="array" ref="D454">IFERROR(INDEX(Jesper!AH$2:AH$366,ROUNDDOWN($C454/24,0)+1,1)*INDEX($D$3:$AA$30,INDEX(Jesper!$R$2:$R$366,ROW(INDEX(Jesper!AH$2:AH$366,ROUNDDOWN($C454/24,0)+1,1))-1)+IF('Standard Profiles'!$G$18=$B$10,7,0)+IF('Standard Profiles'!$G$18=$B$17,14,0)+IF('Standard Profiles'!$G$18=$B$24,21,0),MOD($C454,24)+1)/SUM(INDEX($D$3:$AA$30,INDEX(Jesper!$R$2:$R$366,ROW(INDEX(Jesper!AH$2:AH$366,ROUNDDOWN($C454/24,0)+1,1))-1)+IF('Standard Profiles'!$G$18=$B$10,7,0)+IF('Standard Profiles'!$G$18=$B$17,14,0)+IF('Standard Profiles'!$G$18=$B$24,21,0),0)),0)</f>
        <v>36.437460687292209</v>
      </c>
      <c r="E454" cm="1">
        <f t="array" ref="E454">IFERROR(INDEX(Jesper!AI$2:AI$366,ROUNDDOWN($C454/24,0)+1,1)*INDEX($D$3:$AA$30,INDEX(Jesper!$R$2:$R$366,ROW(INDEX(Jesper!AI$2:AI$366,ROUNDDOWN($C454/24,0)+1,1))-1)+IF('Standard Profiles'!$G$19=$B$10,7,0)+IF('Standard Profiles'!$G$19=$B$17,14,0)+IF('Standard Profiles'!$G$19=$B$24,21,0),MOD($C454,24)+1)/SUM(INDEX($D$3:$AA$30,INDEX(Jesper!$R$2:$R$366,ROW(INDEX(Jesper!AI$2:AI$366,ROUNDDOWN($C454/24,0)+1,1))-1)+IF('Standard Profiles'!$G$19=$B$10,7,0)+IF('Standard Profiles'!$G$19=$B$17,14,0)+IF('Standard Profiles'!$G$19=$B$24,21,0),0)),0)</f>
        <v>40.872779597858887</v>
      </c>
      <c r="F454" cm="1">
        <f t="array" ref="F454">IFERROR(INDEX(Jesper!AJ$2:AJ$366,ROUNDDOWN($C454/24,0)+1,1)*INDEX($D$3:$AA$30,INDEX(Jesper!$R$2:$R$366,ROW(INDEX(Jesper!AJ$2:AJ$366,ROUNDDOWN($C454/24,0)+1,1))-1)+IF('Standard Profiles'!$G$20=$B$10,7,0)+IF('Standard Profiles'!$G$20=$B$17,14,0)+IF('Standard Profiles'!$G$20=$B$24,21,0),MOD($C454,24)+1)/SUM(INDEX($D$3:$AA$30,INDEX(Jesper!$R$2:$R$366,ROW(INDEX(Jesper!AJ$2:AJ$366,ROUNDDOWN($C454/24,0)+1,1))-1)+IF('Standard Profiles'!$G$20=$B$10,7,0)+IF('Standard Profiles'!$G$20=$B$17,14,0)+IF('Standard Profiles'!$G$20=$B$24,21,0),0)),0)</f>
        <v>0</v>
      </c>
      <c r="G454" cm="1">
        <f t="array" ref="G454">IFERROR(INDEX(Jesper!AK$2:AK$366,ROUNDDOWN($C454/24,0)+1,1)*INDEX($D$3:$AA$30,INDEX(Jesper!$R$2:$R$366,ROW(INDEX(Jesper!AK$2:AK$366,ROUNDDOWN($C454/24,0)+1,1))-1)+IF('Standard Profiles'!$G$21=$B$10,7,0)+IF('Standard Profiles'!$G$21=$B$17,14,0)+IF('Standard Profiles'!$G$21=$B$24,21,0),MOD($C454,24)+1)/SUM(INDEX($D$3:$AA$30,INDEX(Jesper!$R$2:$R$366,ROW(INDEX(Jesper!AK$2:AK$366,ROUNDDOWN($C454/24,0)+1,1))-1)+IF('Standard Profiles'!$G$21=$B$10,7,0)+IF('Standard Profiles'!$G$21=$B$17,14,0)+IF('Standard Profiles'!$G$21=$B$24,21,0),0)),0)</f>
        <v>32.044238226812119</v>
      </c>
      <c r="H454" cm="1">
        <f t="array" ref="H454">IFERROR(INDEX(Jesper!AL$2:AL$366,ROUNDDOWN($C454/24,0)+1,1)*INDEX($D$3:$AA$30,INDEX(Jesper!$R$2:$R$366,ROW(INDEX(Jesper!AL$2:AL$366,ROUNDDOWN($C454/24,0)+1,1))-1)+IF('Standard Profiles'!$G$22=$B$10,7,0)+IF('Standard Profiles'!$G$22=$B$17,14,0)+IF('Standard Profiles'!$G$22=$B$24,21,0),MOD($C454,24)+1)/SUM(INDEX($D$3:$AA$30,INDEX(Jesper!$R$2:$R$366,ROW(INDEX(Jesper!AL$2:AL$366,ROUNDDOWN($C454/24,0)+1,1))-1)+IF('Standard Profiles'!$G$22=$B$10,7,0)+IF('Standard Profiles'!$G$22=$B$17,14,0)+IF('Standard Profiles'!$G$22=$B$24,21,0),0)),0)</f>
        <v>0</v>
      </c>
      <c r="I454">
        <f t="shared" si="62"/>
        <v>15.38123434886981</v>
      </c>
      <c r="J454">
        <f t="shared" si="63"/>
        <v>88.143250453126655</v>
      </c>
      <c r="K454">
        <f t="shared" si="64"/>
        <v>3.8866624733111692</v>
      </c>
      <c r="L454">
        <f t="shared" si="65"/>
        <v>1.9433312366555846</v>
      </c>
      <c r="M454">
        <f t="shared" si="66"/>
        <v>0</v>
      </c>
      <c r="N454" s="45">
        <f t="shared" si="67"/>
        <v>44944.499999998981</v>
      </c>
    </row>
    <row r="455" spans="2:14" x14ac:dyDescent="0.25">
      <c r="B455">
        <f t="shared" si="61"/>
        <v>3</v>
      </c>
      <c r="C455" s="16">
        <v>421</v>
      </c>
      <c r="D455" cm="1">
        <f t="array" ref="D455">IFERROR(INDEX(Jesper!AH$2:AH$366,ROUNDDOWN($C455/24,0)+1,1)*INDEX($D$3:$AA$30,INDEX(Jesper!$R$2:$R$366,ROW(INDEX(Jesper!AH$2:AH$366,ROUNDDOWN($C455/24,0)+1,1))-1)+IF('Standard Profiles'!$G$18=$B$10,7,0)+IF('Standard Profiles'!$G$18=$B$17,14,0)+IF('Standard Profiles'!$G$18=$B$24,21,0),MOD($C455,24)+1)/SUM(INDEX($D$3:$AA$30,INDEX(Jesper!$R$2:$R$366,ROW(INDEX(Jesper!AH$2:AH$366,ROUNDDOWN($C455/24,0)+1,1))-1)+IF('Standard Profiles'!$G$18=$B$10,7,0)+IF('Standard Profiles'!$G$18=$B$17,14,0)+IF('Standard Profiles'!$G$18=$B$24,21,0),0)),0)</f>
        <v>24.204884599415539</v>
      </c>
      <c r="E455" cm="1">
        <f t="array" ref="E455">IFERROR(INDEX(Jesper!AI$2:AI$366,ROUNDDOWN($C455/24,0)+1,1)*INDEX($D$3:$AA$30,INDEX(Jesper!$R$2:$R$366,ROW(INDEX(Jesper!AI$2:AI$366,ROUNDDOWN($C455/24,0)+1,1))-1)+IF('Standard Profiles'!$G$19=$B$10,7,0)+IF('Standard Profiles'!$G$19=$B$17,14,0)+IF('Standard Profiles'!$G$19=$B$24,21,0),MOD($C455,24)+1)/SUM(INDEX($D$3:$AA$30,INDEX(Jesper!$R$2:$R$366,ROW(INDEX(Jesper!AI$2:AI$366,ROUNDDOWN($C455/24,0)+1,1))-1)+IF('Standard Profiles'!$G$19=$B$10,7,0)+IF('Standard Profiles'!$G$19=$B$17,14,0)+IF('Standard Profiles'!$G$19=$B$24,21,0),0)),0)</f>
        <v>27.151203590006265</v>
      </c>
      <c r="F455" cm="1">
        <f t="array" ref="F455">IFERROR(INDEX(Jesper!AJ$2:AJ$366,ROUNDDOWN($C455/24,0)+1,1)*INDEX($D$3:$AA$30,INDEX(Jesper!$R$2:$R$366,ROW(INDEX(Jesper!AJ$2:AJ$366,ROUNDDOWN($C455/24,0)+1,1))-1)+IF('Standard Profiles'!$G$20=$B$10,7,0)+IF('Standard Profiles'!$G$20=$B$17,14,0)+IF('Standard Profiles'!$G$20=$B$24,21,0),MOD($C455,24)+1)/SUM(INDEX($D$3:$AA$30,INDEX(Jesper!$R$2:$R$366,ROW(INDEX(Jesper!AJ$2:AJ$366,ROUNDDOWN($C455/24,0)+1,1))-1)+IF('Standard Profiles'!$G$20=$B$10,7,0)+IF('Standard Profiles'!$G$20=$B$17,14,0)+IF('Standard Profiles'!$G$20=$B$24,21,0),0)),0)</f>
        <v>0</v>
      </c>
      <c r="G455" cm="1">
        <f t="array" ref="G455">IFERROR(INDEX(Jesper!AK$2:AK$366,ROUNDDOWN($C455/24,0)+1,1)*INDEX($D$3:$AA$30,INDEX(Jesper!$R$2:$R$366,ROW(INDEX(Jesper!AK$2:AK$366,ROUNDDOWN($C455/24,0)+1,1))-1)+IF('Standard Profiles'!$G$21=$B$10,7,0)+IF('Standard Profiles'!$G$21=$B$17,14,0)+IF('Standard Profiles'!$G$21=$B$24,21,0),MOD($C455,24)+1)/SUM(INDEX($D$3:$AA$30,INDEX(Jesper!$R$2:$R$366,ROW(INDEX(Jesper!AK$2:AK$366,ROUNDDOWN($C455/24,0)+1,1))-1)+IF('Standard Profiles'!$G$21=$B$10,7,0)+IF('Standard Profiles'!$G$21=$B$17,14,0)+IF('Standard Profiles'!$G$21=$B$24,21,0),0)),0)</f>
        <v>21.286529679239482</v>
      </c>
      <c r="H455" cm="1">
        <f t="array" ref="H455">IFERROR(INDEX(Jesper!AL$2:AL$366,ROUNDDOWN($C455/24,0)+1,1)*INDEX($D$3:$AA$30,INDEX(Jesper!$R$2:$R$366,ROW(INDEX(Jesper!AL$2:AL$366,ROUNDDOWN($C455/24,0)+1,1))-1)+IF('Standard Profiles'!$G$22=$B$10,7,0)+IF('Standard Profiles'!$G$22=$B$17,14,0)+IF('Standard Profiles'!$G$22=$B$24,21,0),MOD($C455,24)+1)/SUM(INDEX($D$3:$AA$30,INDEX(Jesper!$R$2:$R$366,ROW(INDEX(Jesper!AL$2:AL$366,ROUNDDOWN($C455/24,0)+1,1))-1)+IF('Standard Profiles'!$G$22=$B$10,7,0)+IF('Standard Profiles'!$G$22=$B$17,14,0)+IF('Standard Profiles'!$G$22=$B$24,21,0),0)),0)</f>
        <v>0</v>
      </c>
      <c r="I455">
        <f t="shared" si="62"/>
        <v>10.217534246034946</v>
      </c>
      <c r="J455">
        <f t="shared" si="63"/>
        <v>58.552302086719848</v>
      </c>
      <c r="K455">
        <f t="shared" si="64"/>
        <v>2.5818543572709909</v>
      </c>
      <c r="L455">
        <f t="shared" si="65"/>
        <v>1.2909271786354954</v>
      </c>
      <c r="M455">
        <f t="shared" si="66"/>
        <v>0</v>
      </c>
      <c r="N455" s="45">
        <f t="shared" si="67"/>
        <v>44944.541666665646</v>
      </c>
    </row>
    <row r="456" spans="2:14" x14ac:dyDescent="0.25">
      <c r="B456">
        <f t="shared" si="61"/>
        <v>3</v>
      </c>
      <c r="C456" s="16">
        <v>422</v>
      </c>
      <c r="D456" cm="1">
        <f t="array" ref="D456">IFERROR(INDEX(Jesper!AH$2:AH$366,ROUNDDOWN($C456/24,0)+1,1)*INDEX($D$3:$AA$30,INDEX(Jesper!$R$2:$R$366,ROW(INDEX(Jesper!AH$2:AH$366,ROUNDDOWN($C456/24,0)+1,1))-1)+IF('Standard Profiles'!$G$18=$B$10,7,0)+IF('Standard Profiles'!$G$18=$B$17,14,0)+IF('Standard Profiles'!$G$18=$B$24,21,0),MOD($C456,24)+1)/SUM(INDEX($D$3:$AA$30,INDEX(Jesper!$R$2:$R$366,ROW(INDEX(Jesper!AH$2:AH$366,ROUNDDOWN($C456/24,0)+1,1))-1)+IF('Standard Profiles'!$G$18=$B$10,7,0)+IF('Standard Profiles'!$G$18=$B$17,14,0)+IF('Standard Profiles'!$G$18=$B$24,21,0),0)),0)</f>
        <v>36.437460687292209</v>
      </c>
      <c r="E456" cm="1">
        <f t="array" ref="E456">IFERROR(INDEX(Jesper!AI$2:AI$366,ROUNDDOWN($C456/24,0)+1,1)*INDEX($D$3:$AA$30,INDEX(Jesper!$R$2:$R$366,ROW(INDEX(Jesper!AI$2:AI$366,ROUNDDOWN($C456/24,0)+1,1))-1)+IF('Standard Profiles'!$G$19=$B$10,7,0)+IF('Standard Profiles'!$G$19=$B$17,14,0)+IF('Standard Profiles'!$G$19=$B$24,21,0),MOD($C456,24)+1)/SUM(INDEX($D$3:$AA$30,INDEX(Jesper!$R$2:$R$366,ROW(INDEX(Jesper!AI$2:AI$366,ROUNDDOWN($C456/24,0)+1,1))-1)+IF('Standard Profiles'!$G$19=$B$10,7,0)+IF('Standard Profiles'!$G$19=$B$17,14,0)+IF('Standard Profiles'!$G$19=$B$24,21,0),0)),0)</f>
        <v>40.872779597858887</v>
      </c>
      <c r="F456" cm="1">
        <f t="array" ref="F456">IFERROR(INDEX(Jesper!AJ$2:AJ$366,ROUNDDOWN($C456/24,0)+1,1)*INDEX($D$3:$AA$30,INDEX(Jesper!$R$2:$R$366,ROW(INDEX(Jesper!AJ$2:AJ$366,ROUNDDOWN($C456/24,0)+1,1))-1)+IF('Standard Profiles'!$G$20=$B$10,7,0)+IF('Standard Profiles'!$G$20=$B$17,14,0)+IF('Standard Profiles'!$G$20=$B$24,21,0),MOD($C456,24)+1)/SUM(INDEX($D$3:$AA$30,INDEX(Jesper!$R$2:$R$366,ROW(INDEX(Jesper!AJ$2:AJ$366,ROUNDDOWN($C456/24,0)+1,1))-1)+IF('Standard Profiles'!$G$20=$B$10,7,0)+IF('Standard Profiles'!$G$20=$B$17,14,0)+IF('Standard Profiles'!$G$20=$B$24,21,0),0)),0)</f>
        <v>0</v>
      </c>
      <c r="G456" cm="1">
        <f t="array" ref="G456">IFERROR(INDEX(Jesper!AK$2:AK$366,ROUNDDOWN($C456/24,0)+1,1)*INDEX($D$3:$AA$30,INDEX(Jesper!$R$2:$R$366,ROW(INDEX(Jesper!AK$2:AK$366,ROUNDDOWN($C456/24,0)+1,1))-1)+IF('Standard Profiles'!$G$21=$B$10,7,0)+IF('Standard Profiles'!$G$21=$B$17,14,0)+IF('Standard Profiles'!$G$21=$B$24,21,0),MOD($C456,24)+1)/SUM(INDEX($D$3:$AA$30,INDEX(Jesper!$R$2:$R$366,ROW(INDEX(Jesper!AK$2:AK$366,ROUNDDOWN($C456/24,0)+1,1))-1)+IF('Standard Profiles'!$G$21=$B$10,7,0)+IF('Standard Profiles'!$G$21=$B$17,14,0)+IF('Standard Profiles'!$G$21=$B$24,21,0),0)),0)</f>
        <v>32.044238226812119</v>
      </c>
      <c r="H456" cm="1">
        <f t="array" ref="H456">IFERROR(INDEX(Jesper!AL$2:AL$366,ROUNDDOWN($C456/24,0)+1,1)*INDEX($D$3:$AA$30,INDEX(Jesper!$R$2:$R$366,ROW(INDEX(Jesper!AL$2:AL$366,ROUNDDOWN($C456/24,0)+1,1))-1)+IF('Standard Profiles'!$G$22=$B$10,7,0)+IF('Standard Profiles'!$G$22=$B$17,14,0)+IF('Standard Profiles'!$G$22=$B$24,21,0),MOD($C456,24)+1)/SUM(INDEX($D$3:$AA$30,INDEX(Jesper!$R$2:$R$366,ROW(INDEX(Jesper!AL$2:AL$366,ROUNDDOWN($C456/24,0)+1,1))-1)+IF('Standard Profiles'!$G$22=$B$10,7,0)+IF('Standard Profiles'!$G$22=$B$17,14,0)+IF('Standard Profiles'!$G$22=$B$24,21,0),0)),0)</f>
        <v>0</v>
      </c>
      <c r="I456">
        <f t="shared" si="62"/>
        <v>15.38123434886981</v>
      </c>
      <c r="J456">
        <f t="shared" si="63"/>
        <v>88.143250453126655</v>
      </c>
      <c r="K456">
        <f t="shared" si="64"/>
        <v>3.8866624733111692</v>
      </c>
      <c r="L456">
        <f t="shared" si="65"/>
        <v>1.9433312366555846</v>
      </c>
      <c r="M456">
        <f t="shared" si="66"/>
        <v>0</v>
      </c>
      <c r="N456" s="45">
        <f t="shared" si="67"/>
        <v>44944.58333333231</v>
      </c>
    </row>
    <row r="457" spans="2:14" x14ac:dyDescent="0.25">
      <c r="B457">
        <f t="shared" si="61"/>
        <v>3</v>
      </c>
      <c r="C457" s="16">
        <v>423</v>
      </c>
      <c r="D457" cm="1">
        <f t="array" ref="D457">IFERROR(INDEX(Jesper!AH$2:AH$366,ROUNDDOWN($C457/24,0)+1,1)*INDEX($D$3:$AA$30,INDEX(Jesper!$R$2:$R$366,ROW(INDEX(Jesper!AH$2:AH$366,ROUNDDOWN($C457/24,0)+1,1))-1)+IF('Standard Profiles'!$G$18=$B$10,7,0)+IF('Standard Profiles'!$G$18=$B$17,14,0)+IF('Standard Profiles'!$G$18=$B$24,21,0),MOD($C457,24)+1)/SUM(INDEX($D$3:$AA$30,INDEX(Jesper!$R$2:$R$366,ROW(INDEX(Jesper!AH$2:AH$366,ROUNDDOWN($C457/24,0)+1,1))-1)+IF('Standard Profiles'!$G$18=$B$10,7,0)+IF('Standard Profiles'!$G$18=$B$17,14,0)+IF('Standard Profiles'!$G$18=$B$24,21,0),0)),0)</f>
        <v>36.437460687292209</v>
      </c>
      <c r="E457" cm="1">
        <f t="array" ref="E457">IFERROR(INDEX(Jesper!AI$2:AI$366,ROUNDDOWN($C457/24,0)+1,1)*INDEX($D$3:$AA$30,INDEX(Jesper!$R$2:$R$366,ROW(INDEX(Jesper!AI$2:AI$366,ROUNDDOWN($C457/24,0)+1,1))-1)+IF('Standard Profiles'!$G$19=$B$10,7,0)+IF('Standard Profiles'!$G$19=$B$17,14,0)+IF('Standard Profiles'!$G$19=$B$24,21,0),MOD($C457,24)+1)/SUM(INDEX($D$3:$AA$30,INDEX(Jesper!$R$2:$R$366,ROW(INDEX(Jesper!AI$2:AI$366,ROUNDDOWN($C457/24,0)+1,1))-1)+IF('Standard Profiles'!$G$19=$B$10,7,0)+IF('Standard Profiles'!$G$19=$B$17,14,0)+IF('Standard Profiles'!$G$19=$B$24,21,0),0)),0)</f>
        <v>40.872779597858887</v>
      </c>
      <c r="F457" cm="1">
        <f t="array" ref="F457">IFERROR(INDEX(Jesper!AJ$2:AJ$366,ROUNDDOWN($C457/24,0)+1,1)*INDEX($D$3:$AA$30,INDEX(Jesper!$R$2:$R$366,ROW(INDEX(Jesper!AJ$2:AJ$366,ROUNDDOWN($C457/24,0)+1,1))-1)+IF('Standard Profiles'!$G$20=$B$10,7,0)+IF('Standard Profiles'!$G$20=$B$17,14,0)+IF('Standard Profiles'!$G$20=$B$24,21,0),MOD($C457,24)+1)/SUM(INDEX($D$3:$AA$30,INDEX(Jesper!$R$2:$R$366,ROW(INDEX(Jesper!AJ$2:AJ$366,ROUNDDOWN($C457/24,0)+1,1))-1)+IF('Standard Profiles'!$G$20=$B$10,7,0)+IF('Standard Profiles'!$G$20=$B$17,14,0)+IF('Standard Profiles'!$G$20=$B$24,21,0),0)),0)</f>
        <v>0</v>
      </c>
      <c r="G457" cm="1">
        <f t="array" ref="G457">IFERROR(INDEX(Jesper!AK$2:AK$366,ROUNDDOWN($C457/24,0)+1,1)*INDEX($D$3:$AA$30,INDEX(Jesper!$R$2:$R$366,ROW(INDEX(Jesper!AK$2:AK$366,ROUNDDOWN($C457/24,0)+1,1))-1)+IF('Standard Profiles'!$G$21=$B$10,7,0)+IF('Standard Profiles'!$G$21=$B$17,14,0)+IF('Standard Profiles'!$G$21=$B$24,21,0),MOD($C457,24)+1)/SUM(INDEX($D$3:$AA$30,INDEX(Jesper!$R$2:$R$366,ROW(INDEX(Jesper!AK$2:AK$366,ROUNDDOWN($C457/24,0)+1,1))-1)+IF('Standard Profiles'!$G$21=$B$10,7,0)+IF('Standard Profiles'!$G$21=$B$17,14,0)+IF('Standard Profiles'!$G$21=$B$24,21,0),0)),0)</f>
        <v>32.044238226812119</v>
      </c>
      <c r="H457" cm="1">
        <f t="array" ref="H457">IFERROR(INDEX(Jesper!AL$2:AL$366,ROUNDDOWN($C457/24,0)+1,1)*INDEX($D$3:$AA$30,INDEX(Jesper!$R$2:$R$366,ROW(INDEX(Jesper!AL$2:AL$366,ROUNDDOWN($C457/24,0)+1,1))-1)+IF('Standard Profiles'!$G$22=$B$10,7,0)+IF('Standard Profiles'!$G$22=$B$17,14,0)+IF('Standard Profiles'!$G$22=$B$24,21,0),MOD($C457,24)+1)/SUM(INDEX($D$3:$AA$30,INDEX(Jesper!$R$2:$R$366,ROW(INDEX(Jesper!AL$2:AL$366,ROUNDDOWN($C457/24,0)+1,1))-1)+IF('Standard Profiles'!$G$22=$B$10,7,0)+IF('Standard Profiles'!$G$22=$B$17,14,0)+IF('Standard Profiles'!$G$22=$B$24,21,0),0)),0)</f>
        <v>0</v>
      </c>
      <c r="I457">
        <f t="shared" si="62"/>
        <v>15.38123434886981</v>
      </c>
      <c r="J457">
        <f t="shared" si="63"/>
        <v>88.143250453126655</v>
      </c>
      <c r="K457">
        <f t="shared" si="64"/>
        <v>3.8866624733111692</v>
      </c>
      <c r="L457">
        <f t="shared" si="65"/>
        <v>1.9433312366555846</v>
      </c>
      <c r="M457">
        <f t="shared" si="66"/>
        <v>0</v>
      </c>
      <c r="N457" s="45">
        <f t="shared" si="67"/>
        <v>44944.624999998974</v>
      </c>
    </row>
    <row r="458" spans="2:14" x14ac:dyDescent="0.25">
      <c r="B458">
        <f t="shared" si="61"/>
        <v>3</v>
      </c>
      <c r="C458" s="16">
        <v>424</v>
      </c>
      <c r="D458" cm="1">
        <f t="array" ref="D458">IFERROR(INDEX(Jesper!AH$2:AH$366,ROUNDDOWN($C458/24,0)+1,1)*INDEX($D$3:$AA$30,INDEX(Jesper!$R$2:$R$366,ROW(INDEX(Jesper!AH$2:AH$366,ROUNDDOWN($C458/24,0)+1,1))-1)+IF('Standard Profiles'!$G$18=$B$10,7,0)+IF('Standard Profiles'!$G$18=$B$17,14,0)+IF('Standard Profiles'!$G$18=$B$24,21,0),MOD($C458,24)+1)/SUM(INDEX($D$3:$AA$30,INDEX(Jesper!$R$2:$R$366,ROW(INDEX(Jesper!AH$2:AH$366,ROUNDDOWN($C458/24,0)+1,1))-1)+IF('Standard Profiles'!$G$18=$B$10,7,0)+IF('Standard Profiles'!$G$18=$B$17,14,0)+IF('Standard Profiles'!$G$18=$B$24,21,0),0)),0)</f>
        <v>21.472075047868625</v>
      </c>
      <c r="E458" cm="1">
        <f t="array" ref="E458">IFERROR(INDEX(Jesper!AI$2:AI$366,ROUNDDOWN($C458/24,0)+1,1)*INDEX($D$3:$AA$30,INDEX(Jesper!$R$2:$R$366,ROW(INDEX(Jesper!AI$2:AI$366,ROUNDDOWN($C458/24,0)+1,1))-1)+IF('Standard Profiles'!$G$19=$B$10,7,0)+IF('Standard Profiles'!$G$19=$B$17,14,0)+IF('Standard Profiles'!$G$19=$B$24,21,0),MOD($C458,24)+1)/SUM(INDEX($D$3:$AA$30,INDEX(Jesper!$R$2:$R$366,ROW(INDEX(Jesper!AI$2:AI$366,ROUNDDOWN($C458/24,0)+1,1))-1)+IF('Standard Profiles'!$G$19=$B$10,7,0)+IF('Standard Profiles'!$G$19=$B$17,14,0)+IF('Standard Profiles'!$G$19=$B$24,21,0),0)),0)</f>
        <v>24.085745120166848</v>
      </c>
      <c r="F458" cm="1">
        <f t="array" ref="F458">IFERROR(INDEX(Jesper!AJ$2:AJ$366,ROUNDDOWN($C458/24,0)+1,1)*INDEX($D$3:$AA$30,INDEX(Jesper!$R$2:$R$366,ROW(INDEX(Jesper!AJ$2:AJ$366,ROUNDDOWN($C458/24,0)+1,1))-1)+IF('Standard Profiles'!$G$20=$B$10,7,0)+IF('Standard Profiles'!$G$20=$B$17,14,0)+IF('Standard Profiles'!$G$20=$B$24,21,0),MOD($C458,24)+1)/SUM(INDEX($D$3:$AA$30,INDEX(Jesper!$R$2:$R$366,ROW(INDEX(Jesper!AJ$2:AJ$366,ROUNDDOWN($C458/24,0)+1,1))-1)+IF('Standard Profiles'!$G$20=$B$10,7,0)+IF('Standard Profiles'!$G$20=$B$17,14,0)+IF('Standard Profiles'!$G$20=$B$24,21,0),0)),0)</f>
        <v>0</v>
      </c>
      <c r="G458" cm="1">
        <f t="array" ref="G458">IFERROR(INDEX(Jesper!AK$2:AK$366,ROUNDDOWN($C458/24,0)+1,1)*INDEX($D$3:$AA$30,INDEX(Jesper!$R$2:$R$366,ROW(INDEX(Jesper!AK$2:AK$366,ROUNDDOWN($C458/24,0)+1,1))-1)+IF('Standard Profiles'!$G$21=$B$10,7,0)+IF('Standard Profiles'!$G$21=$B$17,14,0)+IF('Standard Profiles'!$G$21=$B$24,21,0),MOD($C458,24)+1)/SUM(INDEX($D$3:$AA$30,INDEX(Jesper!$R$2:$R$366,ROW(INDEX(Jesper!AK$2:AK$366,ROUNDDOWN($C458/24,0)+1,1))-1)+IF('Standard Profiles'!$G$21=$B$10,7,0)+IF('Standard Profiles'!$G$21=$B$17,14,0)+IF('Standard Profiles'!$G$21=$B$24,21,0),0)),0)</f>
        <v>26.775881326221711</v>
      </c>
      <c r="H458" cm="1">
        <f t="array" ref="H458">IFERROR(INDEX(Jesper!AL$2:AL$366,ROUNDDOWN($C458/24,0)+1,1)*INDEX($D$3:$AA$30,INDEX(Jesper!$R$2:$R$366,ROW(INDEX(Jesper!AL$2:AL$366,ROUNDDOWN($C458/24,0)+1,1))-1)+IF('Standard Profiles'!$G$22=$B$10,7,0)+IF('Standard Profiles'!$G$22=$B$17,14,0)+IF('Standard Profiles'!$G$22=$B$24,21,0),MOD($C458,24)+1)/SUM(INDEX($D$3:$AA$30,INDEX(Jesper!$R$2:$R$366,ROW(INDEX(Jesper!AL$2:AL$366,ROUNDDOWN($C458/24,0)+1,1))-1)+IF('Standard Profiles'!$G$22=$B$10,7,0)+IF('Standard Profiles'!$G$22=$B$17,14,0)+IF('Standard Profiles'!$G$22=$B$24,21,0),0)),0)</f>
        <v>0</v>
      </c>
      <c r="I458">
        <f t="shared" si="62"/>
        <v>12.852423036586416</v>
      </c>
      <c r="J458">
        <f t="shared" si="63"/>
        <v>56.045746450011791</v>
      </c>
      <c r="K458">
        <f t="shared" si="64"/>
        <v>2.2903546717726533</v>
      </c>
      <c r="L458">
        <f t="shared" si="65"/>
        <v>1.1451773358863266</v>
      </c>
      <c r="M458">
        <f t="shared" si="66"/>
        <v>0</v>
      </c>
      <c r="N458" s="45">
        <f t="shared" si="67"/>
        <v>44944.666666665638</v>
      </c>
    </row>
    <row r="459" spans="2:14" x14ac:dyDescent="0.25">
      <c r="B459">
        <f t="shared" si="61"/>
        <v>3</v>
      </c>
      <c r="C459" s="16">
        <v>425</v>
      </c>
      <c r="D459" cm="1">
        <f t="array" ref="D459">IFERROR(INDEX(Jesper!AH$2:AH$366,ROUNDDOWN($C459/24,0)+1,1)*INDEX($D$3:$AA$30,INDEX(Jesper!$R$2:$R$366,ROW(INDEX(Jesper!AH$2:AH$366,ROUNDDOWN($C459/24,0)+1,1))-1)+IF('Standard Profiles'!$G$18=$B$10,7,0)+IF('Standard Profiles'!$G$18=$B$17,14,0)+IF('Standard Profiles'!$G$18=$B$24,21,0),MOD($C459,24)+1)/SUM(INDEX($D$3:$AA$30,INDEX(Jesper!$R$2:$R$366,ROW(INDEX(Jesper!AH$2:AH$366,ROUNDDOWN($C459/24,0)+1,1))-1)+IF('Standard Profiles'!$G$18=$B$10,7,0)+IF('Standard Profiles'!$G$18=$B$17,14,0)+IF('Standard Profiles'!$G$18=$B$24,21,0),0)),0)</f>
        <v>9.1643512795000532</v>
      </c>
      <c r="E459" cm="1">
        <f t="array" ref="E459">IFERROR(INDEX(Jesper!AI$2:AI$366,ROUNDDOWN($C459/24,0)+1,1)*INDEX($D$3:$AA$30,INDEX(Jesper!$R$2:$R$366,ROW(INDEX(Jesper!AI$2:AI$366,ROUNDDOWN($C459/24,0)+1,1))-1)+IF('Standard Profiles'!$G$19=$B$10,7,0)+IF('Standard Profiles'!$G$19=$B$17,14,0)+IF('Standard Profiles'!$G$19=$B$24,21,0),MOD($C459,24)+1)/SUM(INDEX($D$3:$AA$30,INDEX(Jesper!$R$2:$R$366,ROW(INDEX(Jesper!AI$2:AI$366,ROUNDDOWN($C459/24,0)+1,1))-1)+IF('Standard Profiles'!$G$19=$B$10,7,0)+IF('Standard Profiles'!$G$19=$B$17,14,0)+IF('Standard Profiles'!$G$19=$B$24,21,0),0)),0)</f>
        <v>10.279874144330709</v>
      </c>
      <c r="F459" cm="1">
        <f t="array" ref="F459">IFERROR(INDEX(Jesper!AJ$2:AJ$366,ROUNDDOWN($C459/24,0)+1,1)*INDEX($D$3:$AA$30,INDEX(Jesper!$R$2:$R$366,ROW(INDEX(Jesper!AJ$2:AJ$366,ROUNDDOWN($C459/24,0)+1,1))-1)+IF('Standard Profiles'!$G$20=$B$10,7,0)+IF('Standard Profiles'!$G$20=$B$17,14,0)+IF('Standard Profiles'!$G$20=$B$24,21,0),MOD($C459,24)+1)/SUM(INDEX($D$3:$AA$30,INDEX(Jesper!$R$2:$R$366,ROW(INDEX(Jesper!AJ$2:AJ$366,ROUNDDOWN($C459/24,0)+1,1))-1)+IF('Standard Profiles'!$G$20=$B$10,7,0)+IF('Standard Profiles'!$G$20=$B$17,14,0)+IF('Standard Profiles'!$G$20=$B$24,21,0),0)),0)</f>
        <v>0</v>
      </c>
      <c r="G459" cm="1">
        <f t="array" ref="G459">IFERROR(INDEX(Jesper!AK$2:AK$366,ROUNDDOWN($C459/24,0)+1,1)*INDEX($D$3:$AA$30,INDEX(Jesper!$R$2:$R$366,ROW(INDEX(Jesper!AK$2:AK$366,ROUNDDOWN($C459/24,0)+1,1))-1)+IF('Standard Profiles'!$G$21=$B$10,7,0)+IF('Standard Profiles'!$G$21=$B$17,14,0)+IF('Standard Profiles'!$G$21=$B$24,21,0),MOD($C459,24)+1)/SUM(INDEX($D$3:$AA$30,INDEX(Jesper!$R$2:$R$366,ROW(INDEX(Jesper!AK$2:AK$366,ROUNDDOWN($C459/24,0)+1,1))-1)+IF('Standard Profiles'!$G$21=$B$10,7,0)+IF('Standard Profiles'!$G$21=$B$17,14,0)+IF('Standard Profiles'!$G$21=$B$24,21,0),0)),0)</f>
        <v>21.290476013996479</v>
      </c>
      <c r="H459" cm="1">
        <f t="array" ref="H459">IFERROR(INDEX(Jesper!AL$2:AL$366,ROUNDDOWN($C459/24,0)+1,1)*INDEX($D$3:$AA$30,INDEX(Jesper!$R$2:$R$366,ROW(INDEX(Jesper!AL$2:AL$366,ROUNDDOWN($C459/24,0)+1,1))-1)+IF('Standard Profiles'!$G$22=$B$10,7,0)+IF('Standard Profiles'!$G$22=$B$17,14,0)+IF('Standard Profiles'!$G$22=$B$24,21,0),MOD($C459,24)+1)/SUM(INDEX($D$3:$AA$30,INDEX(Jesper!$R$2:$R$366,ROW(INDEX(Jesper!AL$2:AL$366,ROUNDDOWN($C459/24,0)+1,1))-1)+IF('Standard Profiles'!$G$22=$B$10,7,0)+IF('Standard Profiles'!$G$22=$B$17,14,0)+IF('Standard Profiles'!$G$22=$B$24,21,0),0)),0)</f>
        <v>0</v>
      </c>
      <c r="I459">
        <f t="shared" si="62"/>
        <v>10.219428486718305</v>
      </c>
      <c r="J459">
        <f t="shared" si="63"/>
        <v>29.048976746388924</v>
      </c>
      <c r="K459">
        <f t="shared" si="64"/>
        <v>0.9775308031466724</v>
      </c>
      <c r="L459">
        <f t="shared" si="65"/>
        <v>0.4887654015733362</v>
      </c>
      <c r="M459">
        <f t="shared" si="66"/>
        <v>0</v>
      </c>
      <c r="N459" s="45">
        <f t="shared" si="67"/>
        <v>44944.708333332303</v>
      </c>
    </row>
    <row r="460" spans="2:14" x14ac:dyDescent="0.25">
      <c r="B460">
        <f t="shared" si="61"/>
        <v>3</v>
      </c>
      <c r="C460" s="16">
        <v>426</v>
      </c>
      <c r="D460" cm="1">
        <f t="array" ref="D460">IFERROR(INDEX(Jesper!AH$2:AH$366,ROUNDDOWN($C460/24,0)+1,1)*INDEX($D$3:$AA$30,INDEX(Jesper!$R$2:$R$366,ROW(INDEX(Jesper!AH$2:AH$366,ROUNDDOWN($C460/24,0)+1,1))-1)+IF('Standard Profiles'!$G$18=$B$10,7,0)+IF('Standard Profiles'!$G$18=$B$17,14,0)+IF('Standard Profiles'!$G$18=$B$24,21,0),MOD($C460,24)+1)/SUM(INDEX($D$3:$AA$30,INDEX(Jesper!$R$2:$R$366,ROW(INDEX(Jesper!AH$2:AH$366,ROUNDDOWN($C460/24,0)+1,1))-1)+IF('Standard Profiles'!$G$18=$B$10,7,0)+IF('Standard Profiles'!$G$18=$B$17,14,0)+IF('Standard Profiles'!$G$18=$B$24,21,0),0)),0)</f>
        <v>6.0484718444700345</v>
      </c>
      <c r="E460" cm="1">
        <f t="array" ref="E460">IFERROR(INDEX(Jesper!AI$2:AI$366,ROUNDDOWN($C460/24,0)+1,1)*INDEX($D$3:$AA$30,INDEX(Jesper!$R$2:$R$366,ROW(INDEX(Jesper!AI$2:AI$366,ROUNDDOWN($C460/24,0)+1,1))-1)+IF('Standard Profiles'!$G$19=$B$10,7,0)+IF('Standard Profiles'!$G$19=$B$17,14,0)+IF('Standard Profiles'!$G$19=$B$24,21,0),MOD($C460,24)+1)/SUM(INDEX($D$3:$AA$30,INDEX(Jesper!$R$2:$R$366,ROW(INDEX(Jesper!AI$2:AI$366,ROUNDDOWN($C460/24,0)+1,1))-1)+IF('Standard Profiles'!$G$19=$B$10,7,0)+IF('Standard Profiles'!$G$19=$B$17,14,0)+IF('Standard Profiles'!$G$19=$B$24,21,0),0)),0)</f>
        <v>6.7847169352582677</v>
      </c>
      <c r="F460" cm="1">
        <f t="array" ref="F460">IFERROR(INDEX(Jesper!AJ$2:AJ$366,ROUNDDOWN($C460/24,0)+1,1)*INDEX($D$3:$AA$30,INDEX(Jesper!$R$2:$R$366,ROW(INDEX(Jesper!AJ$2:AJ$366,ROUNDDOWN($C460/24,0)+1,1))-1)+IF('Standard Profiles'!$G$20=$B$10,7,0)+IF('Standard Profiles'!$G$20=$B$17,14,0)+IF('Standard Profiles'!$G$20=$B$24,21,0),MOD($C460,24)+1)/SUM(INDEX($D$3:$AA$30,INDEX(Jesper!$R$2:$R$366,ROW(INDEX(Jesper!AJ$2:AJ$366,ROUNDDOWN($C460/24,0)+1,1))-1)+IF('Standard Profiles'!$G$20=$B$10,7,0)+IF('Standard Profiles'!$G$20=$B$17,14,0)+IF('Standard Profiles'!$G$20=$B$24,21,0),0)),0)</f>
        <v>0</v>
      </c>
      <c r="G460" cm="1">
        <f t="array" ref="G460">IFERROR(INDEX(Jesper!AK$2:AK$366,ROUNDDOWN($C460/24,0)+1,1)*INDEX($D$3:$AA$30,INDEX(Jesper!$R$2:$R$366,ROW(INDEX(Jesper!AK$2:AK$366,ROUNDDOWN($C460/24,0)+1,1))-1)+IF('Standard Profiles'!$G$21=$B$10,7,0)+IF('Standard Profiles'!$G$21=$B$17,14,0)+IF('Standard Profiles'!$G$21=$B$24,21,0),MOD($C460,24)+1)/SUM(INDEX($D$3:$AA$30,INDEX(Jesper!$R$2:$R$366,ROW(INDEX(Jesper!AK$2:AK$366,ROUNDDOWN($C460/24,0)+1,1))-1)+IF('Standard Profiles'!$G$21=$B$10,7,0)+IF('Standard Profiles'!$G$21=$B$17,14,0)+IF('Standard Profiles'!$G$21=$B$24,21,0),0)),0)</f>
        <v>7.8926695139931349</v>
      </c>
      <c r="H460" cm="1">
        <f t="array" ref="H460">IFERROR(INDEX(Jesper!AL$2:AL$366,ROUNDDOWN($C460/24,0)+1,1)*INDEX($D$3:$AA$30,INDEX(Jesper!$R$2:$R$366,ROW(INDEX(Jesper!AL$2:AL$366,ROUNDDOWN($C460/24,0)+1,1))-1)+IF('Standard Profiles'!$G$22=$B$10,7,0)+IF('Standard Profiles'!$G$22=$B$17,14,0)+IF('Standard Profiles'!$G$22=$B$24,21,0),MOD($C460,24)+1)/SUM(INDEX($D$3:$AA$30,INDEX(Jesper!$R$2:$R$366,ROW(INDEX(Jesper!AL$2:AL$366,ROUNDDOWN($C460/24,0)+1,1))-1)+IF('Standard Profiles'!$G$22=$B$10,7,0)+IF('Standard Profiles'!$G$22=$B$17,14,0)+IF('Standard Profiles'!$G$22=$B$24,21,0),0)),0)</f>
        <v>0</v>
      </c>
      <c r="I460">
        <f t="shared" si="62"/>
        <v>3.7884813667167028</v>
      </c>
      <c r="J460">
        <f t="shared" si="63"/>
        <v>15.969621431889529</v>
      </c>
      <c r="K460">
        <f t="shared" si="64"/>
        <v>0.64517033007680369</v>
      </c>
      <c r="L460">
        <f t="shared" si="65"/>
        <v>0.32258516503840184</v>
      </c>
      <c r="M460">
        <f t="shared" si="66"/>
        <v>0</v>
      </c>
      <c r="N460" s="45">
        <f t="shared" si="67"/>
        <v>44944.749999998967</v>
      </c>
    </row>
    <row r="461" spans="2:14" x14ac:dyDescent="0.25">
      <c r="B461">
        <f t="shared" si="61"/>
        <v>3</v>
      </c>
      <c r="C461" s="16">
        <v>427</v>
      </c>
      <c r="D461" cm="1">
        <f t="array" ref="D461">IFERROR(INDEX(Jesper!AH$2:AH$366,ROUNDDOWN($C461/24,0)+1,1)*INDEX($D$3:$AA$30,INDEX(Jesper!$R$2:$R$366,ROW(INDEX(Jesper!AH$2:AH$366,ROUNDDOWN($C461/24,0)+1,1))-1)+IF('Standard Profiles'!$G$18=$B$10,7,0)+IF('Standard Profiles'!$G$18=$B$17,14,0)+IF('Standard Profiles'!$G$18=$B$24,21,0),MOD($C461,24)+1)/SUM(INDEX($D$3:$AA$30,INDEX(Jesper!$R$2:$R$366,ROW(INDEX(Jesper!AH$2:AH$366,ROUNDDOWN($C461/24,0)+1,1))-1)+IF('Standard Profiles'!$G$18=$B$10,7,0)+IF('Standard Profiles'!$G$18=$B$17,14,0)+IF('Standard Profiles'!$G$18=$B$24,21,0),0)),0)</f>
        <v>6.0484718444700345</v>
      </c>
      <c r="E461" cm="1">
        <f t="array" ref="E461">IFERROR(INDEX(Jesper!AI$2:AI$366,ROUNDDOWN($C461/24,0)+1,1)*INDEX($D$3:$AA$30,INDEX(Jesper!$R$2:$R$366,ROW(INDEX(Jesper!AI$2:AI$366,ROUNDDOWN($C461/24,0)+1,1))-1)+IF('Standard Profiles'!$G$19=$B$10,7,0)+IF('Standard Profiles'!$G$19=$B$17,14,0)+IF('Standard Profiles'!$G$19=$B$24,21,0),MOD($C461,24)+1)/SUM(INDEX($D$3:$AA$30,INDEX(Jesper!$R$2:$R$366,ROW(INDEX(Jesper!AI$2:AI$366,ROUNDDOWN($C461/24,0)+1,1))-1)+IF('Standard Profiles'!$G$19=$B$10,7,0)+IF('Standard Profiles'!$G$19=$B$17,14,0)+IF('Standard Profiles'!$G$19=$B$24,21,0),0)),0)</f>
        <v>6.7847169352582677</v>
      </c>
      <c r="F461" cm="1">
        <f t="array" ref="F461">IFERROR(INDEX(Jesper!AJ$2:AJ$366,ROUNDDOWN($C461/24,0)+1,1)*INDEX($D$3:$AA$30,INDEX(Jesper!$R$2:$R$366,ROW(INDEX(Jesper!AJ$2:AJ$366,ROUNDDOWN($C461/24,0)+1,1))-1)+IF('Standard Profiles'!$G$20=$B$10,7,0)+IF('Standard Profiles'!$G$20=$B$17,14,0)+IF('Standard Profiles'!$G$20=$B$24,21,0),MOD($C461,24)+1)/SUM(INDEX($D$3:$AA$30,INDEX(Jesper!$R$2:$R$366,ROW(INDEX(Jesper!AJ$2:AJ$366,ROUNDDOWN($C461/24,0)+1,1))-1)+IF('Standard Profiles'!$G$20=$B$10,7,0)+IF('Standard Profiles'!$G$20=$B$17,14,0)+IF('Standard Profiles'!$G$20=$B$24,21,0),0)),0)</f>
        <v>0</v>
      </c>
      <c r="G461" cm="1">
        <f t="array" ref="G461">IFERROR(INDEX(Jesper!AK$2:AK$366,ROUNDDOWN($C461/24,0)+1,1)*INDEX($D$3:$AA$30,INDEX(Jesper!$R$2:$R$366,ROW(INDEX(Jesper!AK$2:AK$366,ROUNDDOWN($C461/24,0)+1,1))-1)+IF('Standard Profiles'!$G$21=$B$10,7,0)+IF('Standard Profiles'!$G$21=$B$17,14,0)+IF('Standard Profiles'!$G$21=$B$24,21,0),MOD($C461,24)+1)/SUM(INDEX($D$3:$AA$30,INDEX(Jesper!$R$2:$R$366,ROW(INDEX(Jesper!AK$2:AK$366,ROUNDDOWN($C461/24,0)+1,1))-1)+IF('Standard Profiles'!$G$21=$B$10,7,0)+IF('Standard Profiles'!$G$21=$B$17,14,0)+IF('Standard Profiles'!$G$21=$B$24,21,0),0)),0)</f>
        <v>7.8926695139931349</v>
      </c>
      <c r="H461" cm="1">
        <f t="array" ref="H461">IFERROR(INDEX(Jesper!AL$2:AL$366,ROUNDDOWN($C461/24,0)+1,1)*INDEX($D$3:$AA$30,INDEX(Jesper!$R$2:$R$366,ROW(INDEX(Jesper!AL$2:AL$366,ROUNDDOWN($C461/24,0)+1,1))-1)+IF('Standard Profiles'!$G$22=$B$10,7,0)+IF('Standard Profiles'!$G$22=$B$17,14,0)+IF('Standard Profiles'!$G$22=$B$24,21,0),MOD($C461,24)+1)/SUM(INDEX($D$3:$AA$30,INDEX(Jesper!$R$2:$R$366,ROW(INDEX(Jesper!AL$2:AL$366,ROUNDDOWN($C461/24,0)+1,1))-1)+IF('Standard Profiles'!$G$22=$B$10,7,0)+IF('Standard Profiles'!$G$22=$B$17,14,0)+IF('Standard Profiles'!$G$22=$B$24,21,0),0)),0)</f>
        <v>0</v>
      </c>
      <c r="I461">
        <f t="shared" si="62"/>
        <v>3.7884813667167028</v>
      </c>
      <c r="J461">
        <f t="shared" si="63"/>
        <v>15.969621431889529</v>
      </c>
      <c r="K461">
        <f t="shared" si="64"/>
        <v>0.64517033007680369</v>
      </c>
      <c r="L461">
        <f t="shared" si="65"/>
        <v>0.32258516503840184</v>
      </c>
      <c r="M461">
        <f t="shared" si="66"/>
        <v>0</v>
      </c>
      <c r="N461" s="45">
        <f t="shared" si="67"/>
        <v>44944.791666665631</v>
      </c>
    </row>
    <row r="462" spans="2:14" x14ac:dyDescent="0.25">
      <c r="B462">
        <f t="shared" si="61"/>
        <v>3</v>
      </c>
      <c r="C462" s="16">
        <v>428</v>
      </c>
      <c r="D462" cm="1">
        <f t="array" ref="D462">IFERROR(INDEX(Jesper!AH$2:AH$366,ROUNDDOWN($C462/24,0)+1,1)*INDEX($D$3:$AA$30,INDEX(Jesper!$R$2:$R$366,ROW(INDEX(Jesper!AH$2:AH$366,ROUNDDOWN($C462/24,0)+1,1))-1)+IF('Standard Profiles'!$G$18=$B$10,7,0)+IF('Standard Profiles'!$G$18=$B$17,14,0)+IF('Standard Profiles'!$G$18=$B$24,21,0),MOD($C462,24)+1)/SUM(INDEX($D$3:$AA$30,INDEX(Jesper!$R$2:$R$366,ROW(INDEX(Jesper!AH$2:AH$366,ROUNDDOWN($C462/24,0)+1,1))-1)+IF('Standard Profiles'!$G$18=$B$10,7,0)+IF('Standard Profiles'!$G$18=$B$17,14,0)+IF('Standard Profiles'!$G$18=$B$24,21,0),0)),0)</f>
        <v>6.0484718444700345</v>
      </c>
      <c r="E462" cm="1">
        <f t="array" ref="E462">IFERROR(INDEX(Jesper!AI$2:AI$366,ROUNDDOWN($C462/24,0)+1,1)*INDEX($D$3:$AA$30,INDEX(Jesper!$R$2:$R$366,ROW(INDEX(Jesper!AI$2:AI$366,ROUNDDOWN($C462/24,0)+1,1))-1)+IF('Standard Profiles'!$G$19=$B$10,7,0)+IF('Standard Profiles'!$G$19=$B$17,14,0)+IF('Standard Profiles'!$G$19=$B$24,21,0),MOD($C462,24)+1)/SUM(INDEX($D$3:$AA$30,INDEX(Jesper!$R$2:$R$366,ROW(INDEX(Jesper!AI$2:AI$366,ROUNDDOWN($C462/24,0)+1,1))-1)+IF('Standard Profiles'!$G$19=$B$10,7,0)+IF('Standard Profiles'!$G$19=$B$17,14,0)+IF('Standard Profiles'!$G$19=$B$24,21,0),0)),0)</f>
        <v>6.7847169352582677</v>
      </c>
      <c r="F462" cm="1">
        <f t="array" ref="F462">IFERROR(INDEX(Jesper!AJ$2:AJ$366,ROUNDDOWN($C462/24,0)+1,1)*INDEX($D$3:$AA$30,INDEX(Jesper!$R$2:$R$366,ROW(INDEX(Jesper!AJ$2:AJ$366,ROUNDDOWN($C462/24,0)+1,1))-1)+IF('Standard Profiles'!$G$20=$B$10,7,0)+IF('Standard Profiles'!$G$20=$B$17,14,0)+IF('Standard Profiles'!$G$20=$B$24,21,0),MOD($C462,24)+1)/SUM(INDEX($D$3:$AA$30,INDEX(Jesper!$R$2:$R$366,ROW(INDEX(Jesper!AJ$2:AJ$366,ROUNDDOWN($C462/24,0)+1,1))-1)+IF('Standard Profiles'!$G$20=$B$10,7,0)+IF('Standard Profiles'!$G$20=$B$17,14,0)+IF('Standard Profiles'!$G$20=$B$24,21,0),0)),0)</f>
        <v>0</v>
      </c>
      <c r="G462" cm="1">
        <f t="array" ref="G462">IFERROR(INDEX(Jesper!AK$2:AK$366,ROUNDDOWN($C462/24,0)+1,1)*INDEX($D$3:$AA$30,INDEX(Jesper!$R$2:$R$366,ROW(INDEX(Jesper!AK$2:AK$366,ROUNDDOWN($C462/24,0)+1,1))-1)+IF('Standard Profiles'!$G$21=$B$10,7,0)+IF('Standard Profiles'!$G$21=$B$17,14,0)+IF('Standard Profiles'!$G$21=$B$24,21,0),MOD($C462,24)+1)/SUM(INDEX($D$3:$AA$30,INDEX(Jesper!$R$2:$R$366,ROW(INDEX(Jesper!AK$2:AK$366,ROUNDDOWN($C462/24,0)+1,1))-1)+IF('Standard Profiles'!$G$21=$B$10,7,0)+IF('Standard Profiles'!$G$21=$B$17,14,0)+IF('Standard Profiles'!$G$21=$B$24,21,0),0)),0)</f>
        <v>7.8926695139931349</v>
      </c>
      <c r="H462" cm="1">
        <f t="array" ref="H462">IFERROR(INDEX(Jesper!AL$2:AL$366,ROUNDDOWN($C462/24,0)+1,1)*INDEX($D$3:$AA$30,INDEX(Jesper!$R$2:$R$366,ROW(INDEX(Jesper!AL$2:AL$366,ROUNDDOWN($C462/24,0)+1,1))-1)+IF('Standard Profiles'!$G$22=$B$10,7,0)+IF('Standard Profiles'!$G$22=$B$17,14,0)+IF('Standard Profiles'!$G$22=$B$24,21,0),MOD($C462,24)+1)/SUM(INDEX($D$3:$AA$30,INDEX(Jesper!$R$2:$R$366,ROW(INDEX(Jesper!AL$2:AL$366,ROUNDDOWN($C462/24,0)+1,1))-1)+IF('Standard Profiles'!$G$22=$B$10,7,0)+IF('Standard Profiles'!$G$22=$B$17,14,0)+IF('Standard Profiles'!$G$22=$B$24,21,0),0)),0)</f>
        <v>0</v>
      </c>
      <c r="I462">
        <f t="shared" si="62"/>
        <v>3.7884813667167028</v>
      </c>
      <c r="J462">
        <f t="shared" si="63"/>
        <v>15.969621431889529</v>
      </c>
      <c r="K462">
        <f t="shared" si="64"/>
        <v>0.64517033007680369</v>
      </c>
      <c r="L462">
        <f t="shared" si="65"/>
        <v>0.32258516503840184</v>
      </c>
      <c r="M462">
        <f t="shared" si="66"/>
        <v>0</v>
      </c>
      <c r="N462" s="45">
        <f t="shared" si="67"/>
        <v>44944.833333332295</v>
      </c>
    </row>
    <row r="463" spans="2:14" x14ac:dyDescent="0.25">
      <c r="B463">
        <f t="shared" si="61"/>
        <v>3</v>
      </c>
      <c r="C463" s="16">
        <v>429</v>
      </c>
      <c r="D463" cm="1">
        <f t="array" ref="D463">IFERROR(INDEX(Jesper!AH$2:AH$366,ROUNDDOWN($C463/24,0)+1,1)*INDEX($D$3:$AA$30,INDEX(Jesper!$R$2:$R$366,ROW(INDEX(Jesper!AH$2:AH$366,ROUNDDOWN($C463/24,0)+1,1))-1)+IF('Standard Profiles'!$G$18=$B$10,7,0)+IF('Standard Profiles'!$G$18=$B$17,14,0)+IF('Standard Profiles'!$G$18=$B$24,21,0),MOD($C463,24)+1)/SUM(INDEX($D$3:$AA$30,INDEX(Jesper!$R$2:$R$366,ROW(INDEX(Jesper!AH$2:AH$366,ROUNDDOWN($C463/24,0)+1,1))-1)+IF('Standard Profiles'!$G$18=$B$10,7,0)+IF('Standard Profiles'!$G$18=$B$17,14,0)+IF('Standard Profiles'!$G$18=$B$24,21,0),0)),0)</f>
        <v>6.0484718444700345</v>
      </c>
      <c r="E463" cm="1">
        <f t="array" ref="E463">IFERROR(INDEX(Jesper!AI$2:AI$366,ROUNDDOWN($C463/24,0)+1,1)*INDEX($D$3:$AA$30,INDEX(Jesper!$R$2:$R$366,ROW(INDEX(Jesper!AI$2:AI$366,ROUNDDOWN($C463/24,0)+1,1))-1)+IF('Standard Profiles'!$G$19=$B$10,7,0)+IF('Standard Profiles'!$G$19=$B$17,14,0)+IF('Standard Profiles'!$G$19=$B$24,21,0),MOD($C463,24)+1)/SUM(INDEX($D$3:$AA$30,INDEX(Jesper!$R$2:$R$366,ROW(INDEX(Jesper!AI$2:AI$366,ROUNDDOWN($C463/24,0)+1,1))-1)+IF('Standard Profiles'!$G$19=$B$10,7,0)+IF('Standard Profiles'!$G$19=$B$17,14,0)+IF('Standard Profiles'!$G$19=$B$24,21,0),0)),0)</f>
        <v>6.7847169352582677</v>
      </c>
      <c r="F463" cm="1">
        <f t="array" ref="F463">IFERROR(INDEX(Jesper!AJ$2:AJ$366,ROUNDDOWN($C463/24,0)+1,1)*INDEX($D$3:$AA$30,INDEX(Jesper!$R$2:$R$366,ROW(INDEX(Jesper!AJ$2:AJ$366,ROUNDDOWN($C463/24,0)+1,1))-1)+IF('Standard Profiles'!$G$20=$B$10,7,0)+IF('Standard Profiles'!$G$20=$B$17,14,0)+IF('Standard Profiles'!$G$20=$B$24,21,0),MOD($C463,24)+1)/SUM(INDEX($D$3:$AA$30,INDEX(Jesper!$R$2:$R$366,ROW(INDEX(Jesper!AJ$2:AJ$366,ROUNDDOWN($C463/24,0)+1,1))-1)+IF('Standard Profiles'!$G$20=$B$10,7,0)+IF('Standard Profiles'!$G$20=$B$17,14,0)+IF('Standard Profiles'!$G$20=$B$24,21,0),0)),0)</f>
        <v>0</v>
      </c>
      <c r="G463" cm="1">
        <f t="array" ref="G463">IFERROR(INDEX(Jesper!AK$2:AK$366,ROUNDDOWN($C463/24,0)+1,1)*INDEX($D$3:$AA$30,INDEX(Jesper!$R$2:$R$366,ROW(INDEX(Jesper!AK$2:AK$366,ROUNDDOWN($C463/24,0)+1,1))-1)+IF('Standard Profiles'!$G$21=$B$10,7,0)+IF('Standard Profiles'!$G$21=$B$17,14,0)+IF('Standard Profiles'!$G$21=$B$24,21,0),MOD($C463,24)+1)/SUM(INDEX($D$3:$AA$30,INDEX(Jesper!$R$2:$R$366,ROW(INDEX(Jesper!AK$2:AK$366,ROUNDDOWN($C463/24,0)+1,1))-1)+IF('Standard Profiles'!$G$21=$B$10,7,0)+IF('Standard Profiles'!$G$21=$B$17,14,0)+IF('Standard Profiles'!$G$21=$B$24,21,0),0)),0)</f>
        <v>7.8926695139931349</v>
      </c>
      <c r="H463" cm="1">
        <f t="array" ref="H463">IFERROR(INDEX(Jesper!AL$2:AL$366,ROUNDDOWN($C463/24,0)+1,1)*INDEX($D$3:$AA$30,INDEX(Jesper!$R$2:$R$366,ROW(INDEX(Jesper!AL$2:AL$366,ROUNDDOWN($C463/24,0)+1,1))-1)+IF('Standard Profiles'!$G$22=$B$10,7,0)+IF('Standard Profiles'!$G$22=$B$17,14,0)+IF('Standard Profiles'!$G$22=$B$24,21,0),MOD($C463,24)+1)/SUM(INDEX($D$3:$AA$30,INDEX(Jesper!$R$2:$R$366,ROW(INDEX(Jesper!AL$2:AL$366,ROUNDDOWN($C463/24,0)+1,1))-1)+IF('Standard Profiles'!$G$22=$B$10,7,0)+IF('Standard Profiles'!$G$22=$B$17,14,0)+IF('Standard Profiles'!$G$22=$B$24,21,0),0)),0)</f>
        <v>0</v>
      </c>
      <c r="I463">
        <f t="shared" si="62"/>
        <v>3.7884813667167028</v>
      </c>
      <c r="J463">
        <f t="shared" si="63"/>
        <v>15.969621431889529</v>
      </c>
      <c r="K463">
        <f t="shared" si="64"/>
        <v>0.64517033007680369</v>
      </c>
      <c r="L463">
        <f t="shared" si="65"/>
        <v>0.32258516503840184</v>
      </c>
      <c r="M463">
        <f t="shared" si="66"/>
        <v>0</v>
      </c>
      <c r="N463" s="45">
        <f t="shared" si="67"/>
        <v>44944.87499999896</v>
      </c>
    </row>
    <row r="464" spans="2:14" x14ac:dyDescent="0.25">
      <c r="B464">
        <f t="shared" si="61"/>
        <v>3</v>
      </c>
      <c r="C464" s="16">
        <v>430</v>
      </c>
      <c r="D464" cm="1">
        <f t="array" ref="D464">IFERROR(INDEX(Jesper!AH$2:AH$366,ROUNDDOWN($C464/24,0)+1,1)*INDEX($D$3:$AA$30,INDEX(Jesper!$R$2:$R$366,ROW(INDEX(Jesper!AH$2:AH$366,ROUNDDOWN($C464/24,0)+1,1))-1)+IF('Standard Profiles'!$G$18=$B$10,7,0)+IF('Standard Profiles'!$G$18=$B$17,14,0)+IF('Standard Profiles'!$G$18=$B$24,21,0),MOD($C464,24)+1)/SUM(INDEX($D$3:$AA$30,INDEX(Jesper!$R$2:$R$366,ROW(INDEX(Jesper!AH$2:AH$366,ROUNDDOWN($C464/24,0)+1,1))-1)+IF('Standard Profiles'!$G$18=$B$10,7,0)+IF('Standard Profiles'!$G$18=$B$17,14,0)+IF('Standard Profiles'!$G$18=$B$24,21,0),0)),0)</f>
        <v>6.0484718444700345</v>
      </c>
      <c r="E464" cm="1">
        <f t="array" ref="E464">IFERROR(INDEX(Jesper!AI$2:AI$366,ROUNDDOWN($C464/24,0)+1,1)*INDEX($D$3:$AA$30,INDEX(Jesper!$R$2:$R$366,ROW(INDEX(Jesper!AI$2:AI$366,ROUNDDOWN($C464/24,0)+1,1))-1)+IF('Standard Profiles'!$G$19=$B$10,7,0)+IF('Standard Profiles'!$G$19=$B$17,14,0)+IF('Standard Profiles'!$G$19=$B$24,21,0),MOD($C464,24)+1)/SUM(INDEX($D$3:$AA$30,INDEX(Jesper!$R$2:$R$366,ROW(INDEX(Jesper!AI$2:AI$366,ROUNDDOWN($C464/24,0)+1,1))-1)+IF('Standard Profiles'!$G$19=$B$10,7,0)+IF('Standard Profiles'!$G$19=$B$17,14,0)+IF('Standard Profiles'!$G$19=$B$24,21,0),0)),0)</f>
        <v>6.7847169352582677</v>
      </c>
      <c r="F464" cm="1">
        <f t="array" ref="F464">IFERROR(INDEX(Jesper!AJ$2:AJ$366,ROUNDDOWN($C464/24,0)+1,1)*INDEX($D$3:$AA$30,INDEX(Jesper!$R$2:$R$366,ROW(INDEX(Jesper!AJ$2:AJ$366,ROUNDDOWN($C464/24,0)+1,1))-1)+IF('Standard Profiles'!$G$20=$B$10,7,0)+IF('Standard Profiles'!$G$20=$B$17,14,0)+IF('Standard Profiles'!$G$20=$B$24,21,0),MOD($C464,24)+1)/SUM(INDEX($D$3:$AA$30,INDEX(Jesper!$R$2:$R$366,ROW(INDEX(Jesper!AJ$2:AJ$366,ROUNDDOWN($C464/24,0)+1,1))-1)+IF('Standard Profiles'!$G$20=$B$10,7,0)+IF('Standard Profiles'!$G$20=$B$17,14,0)+IF('Standard Profiles'!$G$20=$B$24,21,0),0)),0)</f>
        <v>0</v>
      </c>
      <c r="G464" cm="1">
        <f t="array" ref="G464">IFERROR(INDEX(Jesper!AK$2:AK$366,ROUNDDOWN($C464/24,0)+1,1)*INDEX($D$3:$AA$30,INDEX(Jesper!$R$2:$R$366,ROW(INDEX(Jesper!AK$2:AK$366,ROUNDDOWN($C464/24,0)+1,1))-1)+IF('Standard Profiles'!$G$21=$B$10,7,0)+IF('Standard Profiles'!$G$21=$B$17,14,0)+IF('Standard Profiles'!$G$21=$B$24,21,0),MOD($C464,24)+1)/SUM(INDEX($D$3:$AA$30,INDEX(Jesper!$R$2:$R$366,ROW(INDEX(Jesper!AK$2:AK$366,ROUNDDOWN($C464/24,0)+1,1))-1)+IF('Standard Profiles'!$G$21=$B$10,7,0)+IF('Standard Profiles'!$G$21=$B$17,14,0)+IF('Standard Profiles'!$G$21=$B$24,21,0),0)),0)</f>
        <v>7.8926695139931349</v>
      </c>
      <c r="H464" cm="1">
        <f t="array" ref="H464">IFERROR(INDEX(Jesper!AL$2:AL$366,ROUNDDOWN($C464/24,0)+1,1)*INDEX($D$3:$AA$30,INDEX(Jesper!$R$2:$R$366,ROW(INDEX(Jesper!AL$2:AL$366,ROUNDDOWN($C464/24,0)+1,1))-1)+IF('Standard Profiles'!$G$22=$B$10,7,0)+IF('Standard Profiles'!$G$22=$B$17,14,0)+IF('Standard Profiles'!$G$22=$B$24,21,0),MOD($C464,24)+1)/SUM(INDEX($D$3:$AA$30,INDEX(Jesper!$R$2:$R$366,ROW(INDEX(Jesper!AL$2:AL$366,ROUNDDOWN($C464/24,0)+1,1))-1)+IF('Standard Profiles'!$G$22=$B$10,7,0)+IF('Standard Profiles'!$G$22=$B$17,14,0)+IF('Standard Profiles'!$G$22=$B$24,21,0),0)),0)</f>
        <v>0</v>
      </c>
      <c r="I464">
        <f t="shared" si="62"/>
        <v>3.7884813667167028</v>
      </c>
      <c r="J464">
        <f t="shared" si="63"/>
        <v>15.969621431889529</v>
      </c>
      <c r="K464">
        <f t="shared" si="64"/>
        <v>0.64517033007680369</v>
      </c>
      <c r="L464">
        <f t="shared" si="65"/>
        <v>0.32258516503840184</v>
      </c>
      <c r="M464">
        <f t="shared" si="66"/>
        <v>0</v>
      </c>
      <c r="N464" s="45">
        <f t="shared" si="67"/>
        <v>44944.916666665624</v>
      </c>
    </row>
    <row r="465" spans="2:14" x14ac:dyDescent="0.25">
      <c r="B465">
        <f t="shared" si="61"/>
        <v>3</v>
      </c>
      <c r="C465" s="16">
        <v>431</v>
      </c>
      <c r="D465" cm="1">
        <f t="array" ref="D465">IFERROR(INDEX(Jesper!AH$2:AH$366,ROUNDDOWN($C465/24,0)+1,1)*INDEX($D$3:$AA$30,INDEX(Jesper!$R$2:$R$366,ROW(INDEX(Jesper!AH$2:AH$366,ROUNDDOWN($C465/24,0)+1,1))-1)+IF('Standard Profiles'!$G$18=$B$10,7,0)+IF('Standard Profiles'!$G$18=$B$17,14,0)+IF('Standard Profiles'!$G$18=$B$24,21,0),MOD($C465,24)+1)/SUM(INDEX($D$3:$AA$30,INDEX(Jesper!$R$2:$R$366,ROW(INDEX(Jesper!AH$2:AH$366,ROUNDDOWN($C465/24,0)+1,1))-1)+IF('Standard Profiles'!$G$18=$B$10,7,0)+IF('Standard Profiles'!$G$18=$B$17,14,0)+IF('Standard Profiles'!$G$18=$B$24,21,0),0)),0)</f>
        <v>6.0484718444700345</v>
      </c>
      <c r="E465" cm="1">
        <f t="array" ref="E465">IFERROR(INDEX(Jesper!AI$2:AI$366,ROUNDDOWN($C465/24,0)+1,1)*INDEX($D$3:$AA$30,INDEX(Jesper!$R$2:$R$366,ROW(INDEX(Jesper!AI$2:AI$366,ROUNDDOWN($C465/24,0)+1,1))-1)+IF('Standard Profiles'!$G$19=$B$10,7,0)+IF('Standard Profiles'!$G$19=$B$17,14,0)+IF('Standard Profiles'!$G$19=$B$24,21,0),MOD($C465,24)+1)/SUM(INDEX($D$3:$AA$30,INDEX(Jesper!$R$2:$R$366,ROW(INDEX(Jesper!AI$2:AI$366,ROUNDDOWN($C465/24,0)+1,1))-1)+IF('Standard Profiles'!$G$19=$B$10,7,0)+IF('Standard Profiles'!$G$19=$B$17,14,0)+IF('Standard Profiles'!$G$19=$B$24,21,0),0)),0)</f>
        <v>6.7847169352582677</v>
      </c>
      <c r="F465" cm="1">
        <f t="array" ref="F465">IFERROR(INDEX(Jesper!AJ$2:AJ$366,ROUNDDOWN($C465/24,0)+1,1)*INDEX($D$3:$AA$30,INDEX(Jesper!$R$2:$R$366,ROW(INDEX(Jesper!AJ$2:AJ$366,ROUNDDOWN($C465/24,0)+1,1))-1)+IF('Standard Profiles'!$G$20=$B$10,7,0)+IF('Standard Profiles'!$G$20=$B$17,14,0)+IF('Standard Profiles'!$G$20=$B$24,21,0),MOD($C465,24)+1)/SUM(INDEX($D$3:$AA$30,INDEX(Jesper!$R$2:$R$366,ROW(INDEX(Jesper!AJ$2:AJ$366,ROUNDDOWN($C465/24,0)+1,1))-1)+IF('Standard Profiles'!$G$20=$B$10,7,0)+IF('Standard Profiles'!$G$20=$B$17,14,0)+IF('Standard Profiles'!$G$20=$B$24,21,0),0)),0)</f>
        <v>0</v>
      </c>
      <c r="G465" cm="1">
        <f t="array" ref="G465">IFERROR(INDEX(Jesper!AK$2:AK$366,ROUNDDOWN($C465/24,0)+1,1)*INDEX($D$3:$AA$30,INDEX(Jesper!$R$2:$R$366,ROW(INDEX(Jesper!AK$2:AK$366,ROUNDDOWN($C465/24,0)+1,1))-1)+IF('Standard Profiles'!$G$21=$B$10,7,0)+IF('Standard Profiles'!$G$21=$B$17,14,0)+IF('Standard Profiles'!$G$21=$B$24,21,0),MOD($C465,24)+1)/SUM(INDEX($D$3:$AA$30,INDEX(Jesper!$R$2:$R$366,ROW(INDEX(Jesper!AK$2:AK$366,ROUNDDOWN($C465/24,0)+1,1))-1)+IF('Standard Profiles'!$G$21=$B$10,7,0)+IF('Standard Profiles'!$G$21=$B$17,14,0)+IF('Standard Profiles'!$G$21=$B$24,21,0),0)),0)</f>
        <v>7.8926695139931349</v>
      </c>
      <c r="H465" cm="1">
        <f t="array" ref="H465">IFERROR(INDEX(Jesper!AL$2:AL$366,ROUNDDOWN($C465/24,0)+1,1)*INDEX($D$3:$AA$30,INDEX(Jesper!$R$2:$R$366,ROW(INDEX(Jesper!AL$2:AL$366,ROUNDDOWN($C465/24,0)+1,1))-1)+IF('Standard Profiles'!$G$22=$B$10,7,0)+IF('Standard Profiles'!$G$22=$B$17,14,0)+IF('Standard Profiles'!$G$22=$B$24,21,0),MOD($C465,24)+1)/SUM(INDEX($D$3:$AA$30,INDEX(Jesper!$R$2:$R$366,ROW(INDEX(Jesper!AL$2:AL$366,ROUNDDOWN($C465/24,0)+1,1))-1)+IF('Standard Profiles'!$G$22=$B$10,7,0)+IF('Standard Profiles'!$G$22=$B$17,14,0)+IF('Standard Profiles'!$G$22=$B$24,21,0),0)),0)</f>
        <v>0</v>
      </c>
      <c r="I465">
        <f t="shared" si="62"/>
        <v>3.7884813667167028</v>
      </c>
      <c r="J465">
        <f t="shared" si="63"/>
        <v>15.969621431889529</v>
      </c>
      <c r="K465">
        <f t="shared" si="64"/>
        <v>0.64517033007680369</v>
      </c>
      <c r="L465">
        <f t="shared" si="65"/>
        <v>0.32258516503840184</v>
      </c>
      <c r="M465">
        <f t="shared" si="66"/>
        <v>0</v>
      </c>
      <c r="N465" s="45">
        <f t="shared" si="67"/>
        <v>44944.958333332288</v>
      </c>
    </row>
    <row r="466" spans="2:14" x14ac:dyDescent="0.25">
      <c r="B466">
        <f t="shared" si="61"/>
        <v>4</v>
      </c>
      <c r="C466" s="16">
        <v>432</v>
      </c>
      <c r="D466" cm="1">
        <f t="array" ref="D466">IFERROR(INDEX(Jesper!AH$2:AH$366,ROUNDDOWN($C466/24,0)+1,1)*INDEX($D$3:$AA$30,INDEX(Jesper!$R$2:$R$366,ROW(INDEX(Jesper!AH$2:AH$366,ROUNDDOWN($C466/24,0)+1,1))-1)+IF('Standard Profiles'!$G$18=$B$10,7,0)+IF('Standard Profiles'!$G$18=$B$17,14,0)+IF('Standard Profiles'!$G$18=$B$24,21,0),MOD($C466,24)+1)/SUM(INDEX($D$3:$AA$30,INDEX(Jesper!$R$2:$R$366,ROW(INDEX(Jesper!AH$2:AH$366,ROUNDDOWN($C466/24,0)+1,1))-1)+IF('Standard Profiles'!$G$18=$B$10,7,0)+IF('Standard Profiles'!$G$18=$B$17,14,0)+IF('Standard Profiles'!$G$18=$B$24,21,0),0)),0)</f>
        <v>6.0862661301766732</v>
      </c>
      <c r="E466" cm="1">
        <f t="array" ref="E466">IFERROR(INDEX(Jesper!AI$2:AI$366,ROUNDDOWN($C466/24,0)+1,1)*INDEX($D$3:$AA$30,INDEX(Jesper!$R$2:$R$366,ROW(INDEX(Jesper!AI$2:AI$366,ROUNDDOWN($C466/24,0)+1,1))-1)+IF('Standard Profiles'!$G$19=$B$10,7,0)+IF('Standard Profiles'!$G$19=$B$17,14,0)+IF('Standard Profiles'!$G$19=$B$24,21,0),MOD($C466,24)+1)/SUM(INDEX($D$3:$AA$30,INDEX(Jesper!$R$2:$R$366,ROW(INDEX(Jesper!AI$2:AI$366,ROUNDDOWN($C466/24,0)+1,1))-1)+IF('Standard Profiles'!$G$19=$B$10,7,0)+IF('Standard Profiles'!$G$19=$B$17,14,0)+IF('Standard Profiles'!$G$19=$B$24,21,0),0)),0)</f>
        <v>7.0977063527340887</v>
      </c>
      <c r="F466" cm="1">
        <f t="array" ref="F466">IFERROR(INDEX(Jesper!AJ$2:AJ$366,ROUNDDOWN($C466/24,0)+1,1)*INDEX($D$3:$AA$30,INDEX(Jesper!$R$2:$R$366,ROW(INDEX(Jesper!AJ$2:AJ$366,ROUNDDOWN($C466/24,0)+1,1))-1)+IF('Standard Profiles'!$G$20=$B$10,7,0)+IF('Standard Profiles'!$G$20=$B$17,14,0)+IF('Standard Profiles'!$G$20=$B$24,21,0),MOD($C466,24)+1)/SUM(INDEX($D$3:$AA$30,INDEX(Jesper!$R$2:$R$366,ROW(INDEX(Jesper!AJ$2:AJ$366,ROUNDDOWN($C466/24,0)+1,1))-1)+IF('Standard Profiles'!$G$20=$B$10,7,0)+IF('Standard Profiles'!$G$20=$B$17,14,0)+IF('Standard Profiles'!$G$20=$B$24,21,0),0)),0)</f>
        <v>0</v>
      </c>
      <c r="G466" cm="1">
        <f t="array" ref="G466">IFERROR(INDEX(Jesper!AK$2:AK$366,ROUNDDOWN($C466/24,0)+1,1)*INDEX($D$3:$AA$30,INDEX(Jesper!$R$2:$R$366,ROW(INDEX(Jesper!AK$2:AK$366,ROUNDDOWN($C466/24,0)+1,1))-1)+IF('Standard Profiles'!$G$21=$B$10,7,0)+IF('Standard Profiles'!$G$21=$B$17,14,0)+IF('Standard Profiles'!$G$21=$B$24,21,0),MOD($C466,24)+1)/SUM(INDEX($D$3:$AA$30,INDEX(Jesper!$R$2:$R$366,ROW(INDEX(Jesper!AK$2:AK$366,ROUNDDOWN($C466/24,0)+1,1))-1)+IF('Standard Profiles'!$G$21=$B$10,7,0)+IF('Standard Profiles'!$G$21=$B$17,14,0)+IF('Standard Profiles'!$G$21=$B$24,21,0),0)),0)</f>
        <v>8.7025782089004533</v>
      </c>
      <c r="H466" cm="1">
        <f t="array" ref="H466">IFERROR(INDEX(Jesper!AL$2:AL$366,ROUNDDOWN($C466/24,0)+1,1)*INDEX($D$3:$AA$30,INDEX(Jesper!$R$2:$R$366,ROW(INDEX(Jesper!AL$2:AL$366,ROUNDDOWN($C466/24,0)+1,1))-1)+IF('Standard Profiles'!$G$22=$B$10,7,0)+IF('Standard Profiles'!$G$22=$B$17,14,0)+IF('Standard Profiles'!$G$22=$B$24,21,0),MOD($C466,24)+1)/SUM(INDEX($D$3:$AA$30,INDEX(Jesper!$R$2:$R$366,ROW(INDEX(Jesper!AL$2:AL$366,ROUNDDOWN($C466/24,0)+1,1))-1)+IF('Standard Profiles'!$G$22=$B$10,7,0)+IF('Standard Profiles'!$G$22=$B$17,14,0)+IF('Standard Profiles'!$G$22=$B$24,21,0),0)),0)</f>
        <v>0</v>
      </c>
      <c r="I466">
        <f t="shared" si="62"/>
        <v>4.1772375402722153</v>
      </c>
      <c r="J466">
        <f t="shared" si="63"/>
        <v>16.735510570710733</v>
      </c>
      <c r="K466">
        <f t="shared" si="64"/>
        <v>0.64920172055217851</v>
      </c>
      <c r="L466">
        <f t="shared" si="65"/>
        <v>0.32460086027608925</v>
      </c>
      <c r="M466">
        <f t="shared" si="66"/>
        <v>0</v>
      </c>
      <c r="N466" s="45">
        <f t="shared" si="67"/>
        <v>44944.999999998952</v>
      </c>
    </row>
    <row r="467" spans="2:14" x14ac:dyDescent="0.25">
      <c r="B467">
        <f t="shared" si="61"/>
        <v>4</v>
      </c>
      <c r="C467" s="16">
        <v>433</v>
      </c>
      <c r="D467" cm="1">
        <f t="array" ref="D467">IFERROR(INDEX(Jesper!AH$2:AH$366,ROUNDDOWN($C467/24,0)+1,1)*INDEX($D$3:$AA$30,INDEX(Jesper!$R$2:$R$366,ROW(INDEX(Jesper!AH$2:AH$366,ROUNDDOWN($C467/24,0)+1,1))-1)+IF('Standard Profiles'!$G$18=$B$10,7,0)+IF('Standard Profiles'!$G$18=$B$17,14,0)+IF('Standard Profiles'!$G$18=$B$24,21,0),MOD($C467,24)+1)/SUM(INDEX($D$3:$AA$30,INDEX(Jesper!$R$2:$R$366,ROW(INDEX(Jesper!AH$2:AH$366,ROUNDDOWN($C467/24,0)+1,1))-1)+IF('Standard Profiles'!$G$18=$B$10,7,0)+IF('Standard Profiles'!$G$18=$B$17,14,0)+IF('Standard Profiles'!$G$18=$B$24,21,0),0)),0)</f>
        <v>6.0862661301766732</v>
      </c>
      <c r="E467" cm="1">
        <f t="array" ref="E467">IFERROR(INDEX(Jesper!AI$2:AI$366,ROUNDDOWN($C467/24,0)+1,1)*INDEX($D$3:$AA$30,INDEX(Jesper!$R$2:$R$366,ROW(INDEX(Jesper!AI$2:AI$366,ROUNDDOWN($C467/24,0)+1,1))-1)+IF('Standard Profiles'!$G$19=$B$10,7,0)+IF('Standard Profiles'!$G$19=$B$17,14,0)+IF('Standard Profiles'!$G$19=$B$24,21,0),MOD($C467,24)+1)/SUM(INDEX($D$3:$AA$30,INDEX(Jesper!$R$2:$R$366,ROW(INDEX(Jesper!AI$2:AI$366,ROUNDDOWN($C467/24,0)+1,1))-1)+IF('Standard Profiles'!$G$19=$B$10,7,0)+IF('Standard Profiles'!$G$19=$B$17,14,0)+IF('Standard Profiles'!$G$19=$B$24,21,0),0)),0)</f>
        <v>7.0977063527340887</v>
      </c>
      <c r="F467" cm="1">
        <f t="array" ref="F467">IFERROR(INDEX(Jesper!AJ$2:AJ$366,ROUNDDOWN($C467/24,0)+1,1)*INDEX($D$3:$AA$30,INDEX(Jesper!$R$2:$R$366,ROW(INDEX(Jesper!AJ$2:AJ$366,ROUNDDOWN($C467/24,0)+1,1))-1)+IF('Standard Profiles'!$G$20=$B$10,7,0)+IF('Standard Profiles'!$G$20=$B$17,14,0)+IF('Standard Profiles'!$G$20=$B$24,21,0),MOD($C467,24)+1)/SUM(INDEX($D$3:$AA$30,INDEX(Jesper!$R$2:$R$366,ROW(INDEX(Jesper!AJ$2:AJ$366,ROUNDDOWN($C467/24,0)+1,1))-1)+IF('Standard Profiles'!$G$20=$B$10,7,0)+IF('Standard Profiles'!$G$20=$B$17,14,0)+IF('Standard Profiles'!$G$20=$B$24,21,0),0)),0)</f>
        <v>0</v>
      </c>
      <c r="G467" cm="1">
        <f t="array" ref="G467">IFERROR(INDEX(Jesper!AK$2:AK$366,ROUNDDOWN($C467/24,0)+1,1)*INDEX($D$3:$AA$30,INDEX(Jesper!$R$2:$R$366,ROW(INDEX(Jesper!AK$2:AK$366,ROUNDDOWN($C467/24,0)+1,1))-1)+IF('Standard Profiles'!$G$21=$B$10,7,0)+IF('Standard Profiles'!$G$21=$B$17,14,0)+IF('Standard Profiles'!$G$21=$B$24,21,0),MOD($C467,24)+1)/SUM(INDEX($D$3:$AA$30,INDEX(Jesper!$R$2:$R$366,ROW(INDEX(Jesper!AK$2:AK$366,ROUNDDOWN($C467/24,0)+1,1))-1)+IF('Standard Profiles'!$G$21=$B$10,7,0)+IF('Standard Profiles'!$G$21=$B$17,14,0)+IF('Standard Profiles'!$G$21=$B$24,21,0),0)),0)</f>
        <v>8.7025782089004533</v>
      </c>
      <c r="H467" cm="1">
        <f t="array" ref="H467">IFERROR(INDEX(Jesper!AL$2:AL$366,ROUNDDOWN($C467/24,0)+1,1)*INDEX($D$3:$AA$30,INDEX(Jesper!$R$2:$R$366,ROW(INDEX(Jesper!AL$2:AL$366,ROUNDDOWN($C467/24,0)+1,1))-1)+IF('Standard Profiles'!$G$22=$B$10,7,0)+IF('Standard Profiles'!$G$22=$B$17,14,0)+IF('Standard Profiles'!$G$22=$B$24,21,0),MOD($C467,24)+1)/SUM(INDEX($D$3:$AA$30,INDEX(Jesper!$R$2:$R$366,ROW(INDEX(Jesper!AL$2:AL$366,ROUNDDOWN($C467/24,0)+1,1))-1)+IF('Standard Profiles'!$G$22=$B$10,7,0)+IF('Standard Profiles'!$G$22=$B$17,14,0)+IF('Standard Profiles'!$G$22=$B$24,21,0),0)),0)</f>
        <v>0</v>
      </c>
      <c r="I467">
        <f t="shared" si="62"/>
        <v>4.1772375402722153</v>
      </c>
      <c r="J467">
        <f t="shared" si="63"/>
        <v>16.735510570710733</v>
      </c>
      <c r="K467">
        <f t="shared" si="64"/>
        <v>0.64920172055217851</v>
      </c>
      <c r="L467">
        <f t="shared" si="65"/>
        <v>0.32460086027608925</v>
      </c>
      <c r="M467">
        <f t="shared" si="66"/>
        <v>0</v>
      </c>
      <c r="N467" s="45">
        <f t="shared" si="67"/>
        <v>44945.041666665617</v>
      </c>
    </row>
    <row r="468" spans="2:14" x14ac:dyDescent="0.25">
      <c r="B468">
        <f t="shared" si="61"/>
        <v>4</v>
      </c>
      <c r="C468" s="16">
        <v>434</v>
      </c>
      <c r="D468" cm="1">
        <f t="array" ref="D468">IFERROR(INDEX(Jesper!AH$2:AH$366,ROUNDDOWN($C468/24,0)+1,1)*INDEX($D$3:$AA$30,INDEX(Jesper!$R$2:$R$366,ROW(INDEX(Jesper!AH$2:AH$366,ROUNDDOWN($C468/24,0)+1,1))-1)+IF('Standard Profiles'!$G$18=$B$10,7,0)+IF('Standard Profiles'!$G$18=$B$17,14,0)+IF('Standard Profiles'!$G$18=$B$24,21,0),MOD($C468,24)+1)/SUM(INDEX($D$3:$AA$30,INDEX(Jesper!$R$2:$R$366,ROW(INDEX(Jesper!AH$2:AH$366,ROUNDDOWN($C468/24,0)+1,1))-1)+IF('Standard Profiles'!$G$18=$B$10,7,0)+IF('Standard Profiles'!$G$18=$B$17,14,0)+IF('Standard Profiles'!$G$18=$B$24,21,0),0)),0)</f>
        <v>6.0862661301766732</v>
      </c>
      <c r="E468" cm="1">
        <f t="array" ref="E468">IFERROR(INDEX(Jesper!AI$2:AI$366,ROUNDDOWN($C468/24,0)+1,1)*INDEX($D$3:$AA$30,INDEX(Jesper!$R$2:$R$366,ROW(INDEX(Jesper!AI$2:AI$366,ROUNDDOWN($C468/24,0)+1,1))-1)+IF('Standard Profiles'!$G$19=$B$10,7,0)+IF('Standard Profiles'!$G$19=$B$17,14,0)+IF('Standard Profiles'!$G$19=$B$24,21,0),MOD($C468,24)+1)/SUM(INDEX($D$3:$AA$30,INDEX(Jesper!$R$2:$R$366,ROW(INDEX(Jesper!AI$2:AI$366,ROUNDDOWN($C468/24,0)+1,1))-1)+IF('Standard Profiles'!$G$19=$B$10,7,0)+IF('Standard Profiles'!$G$19=$B$17,14,0)+IF('Standard Profiles'!$G$19=$B$24,21,0),0)),0)</f>
        <v>7.0977063527340887</v>
      </c>
      <c r="F468" cm="1">
        <f t="array" ref="F468">IFERROR(INDEX(Jesper!AJ$2:AJ$366,ROUNDDOWN($C468/24,0)+1,1)*INDEX($D$3:$AA$30,INDEX(Jesper!$R$2:$R$366,ROW(INDEX(Jesper!AJ$2:AJ$366,ROUNDDOWN($C468/24,0)+1,1))-1)+IF('Standard Profiles'!$G$20=$B$10,7,0)+IF('Standard Profiles'!$G$20=$B$17,14,0)+IF('Standard Profiles'!$G$20=$B$24,21,0),MOD($C468,24)+1)/SUM(INDEX($D$3:$AA$30,INDEX(Jesper!$R$2:$R$366,ROW(INDEX(Jesper!AJ$2:AJ$366,ROUNDDOWN($C468/24,0)+1,1))-1)+IF('Standard Profiles'!$G$20=$B$10,7,0)+IF('Standard Profiles'!$G$20=$B$17,14,0)+IF('Standard Profiles'!$G$20=$B$24,21,0),0)),0)</f>
        <v>0</v>
      </c>
      <c r="G468" cm="1">
        <f t="array" ref="G468">IFERROR(INDEX(Jesper!AK$2:AK$366,ROUNDDOWN($C468/24,0)+1,1)*INDEX($D$3:$AA$30,INDEX(Jesper!$R$2:$R$366,ROW(INDEX(Jesper!AK$2:AK$366,ROUNDDOWN($C468/24,0)+1,1))-1)+IF('Standard Profiles'!$G$21=$B$10,7,0)+IF('Standard Profiles'!$G$21=$B$17,14,0)+IF('Standard Profiles'!$G$21=$B$24,21,0),MOD($C468,24)+1)/SUM(INDEX($D$3:$AA$30,INDEX(Jesper!$R$2:$R$366,ROW(INDEX(Jesper!AK$2:AK$366,ROUNDDOWN($C468/24,0)+1,1))-1)+IF('Standard Profiles'!$G$21=$B$10,7,0)+IF('Standard Profiles'!$G$21=$B$17,14,0)+IF('Standard Profiles'!$G$21=$B$24,21,0),0)),0)</f>
        <v>8.7025782089004533</v>
      </c>
      <c r="H468" cm="1">
        <f t="array" ref="H468">IFERROR(INDEX(Jesper!AL$2:AL$366,ROUNDDOWN($C468/24,0)+1,1)*INDEX($D$3:$AA$30,INDEX(Jesper!$R$2:$R$366,ROW(INDEX(Jesper!AL$2:AL$366,ROUNDDOWN($C468/24,0)+1,1))-1)+IF('Standard Profiles'!$G$22=$B$10,7,0)+IF('Standard Profiles'!$G$22=$B$17,14,0)+IF('Standard Profiles'!$G$22=$B$24,21,0),MOD($C468,24)+1)/SUM(INDEX($D$3:$AA$30,INDEX(Jesper!$R$2:$R$366,ROW(INDEX(Jesper!AL$2:AL$366,ROUNDDOWN($C468/24,0)+1,1))-1)+IF('Standard Profiles'!$G$22=$B$10,7,0)+IF('Standard Profiles'!$G$22=$B$17,14,0)+IF('Standard Profiles'!$G$22=$B$24,21,0),0)),0)</f>
        <v>0</v>
      </c>
      <c r="I468">
        <f t="shared" si="62"/>
        <v>4.1772375402722153</v>
      </c>
      <c r="J468">
        <f t="shared" si="63"/>
        <v>16.735510570710733</v>
      </c>
      <c r="K468">
        <f t="shared" si="64"/>
        <v>0.64920172055217851</v>
      </c>
      <c r="L468">
        <f t="shared" si="65"/>
        <v>0.32460086027608925</v>
      </c>
      <c r="M468">
        <f t="shared" si="66"/>
        <v>0</v>
      </c>
      <c r="N468" s="45">
        <f t="shared" si="67"/>
        <v>44945.083333332281</v>
      </c>
    </row>
    <row r="469" spans="2:14" x14ac:dyDescent="0.25">
      <c r="B469">
        <f t="shared" si="61"/>
        <v>4</v>
      </c>
      <c r="C469" s="16">
        <v>435</v>
      </c>
      <c r="D469" cm="1">
        <f t="array" ref="D469">IFERROR(INDEX(Jesper!AH$2:AH$366,ROUNDDOWN($C469/24,0)+1,1)*INDEX($D$3:$AA$30,INDEX(Jesper!$R$2:$R$366,ROW(INDEX(Jesper!AH$2:AH$366,ROUNDDOWN($C469/24,0)+1,1))-1)+IF('Standard Profiles'!$G$18=$B$10,7,0)+IF('Standard Profiles'!$G$18=$B$17,14,0)+IF('Standard Profiles'!$G$18=$B$24,21,0),MOD($C469,24)+1)/SUM(INDEX($D$3:$AA$30,INDEX(Jesper!$R$2:$R$366,ROW(INDEX(Jesper!AH$2:AH$366,ROUNDDOWN($C469/24,0)+1,1))-1)+IF('Standard Profiles'!$G$18=$B$10,7,0)+IF('Standard Profiles'!$G$18=$B$17,14,0)+IF('Standard Profiles'!$G$18=$B$24,21,0),0)),0)</f>
        <v>6.0862661301766732</v>
      </c>
      <c r="E469" cm="1">
        <f t="array" ref="E469">IFERROR(INDEX(Jesper!AI$2:AI$366,ROUNDDOWN($C469/24,0)+1,1)*INDEX($D$3:$AA$30,INDEX(Jesper!$R$2:$R$366,ROW(INDEX(Jesper!AI$2:AI$366,ROUNDDOWN($C469/24,0)+1,1))-1)+IF('Standard Profiles'!$G$19=$B$10,7,0)+IF('Standard Profiles'!$G$19=$B$17,14,0)+IF('Standard Profiles'!$G$19=$B$24,21,0),MOD($C469,24)+1)/SUM(INDEX($D$3:$AA$30,INDEX(Jesper!$R$2:$R$366,ROW(INDEX(Jesper!AI$2:AI$366,ROUNDDOWN($C469/24,0)+1,1))-1)+IF('Standard Profiles'!$G$19=$B$10,7,0)+IF('Standard Profiles'!$G$19=$B$17,14,0)+IF('Standard Profiles'!$G$19=$B$24,21,0),0)),0)</f>
        <v>7.0977063527340887</v>
      </c>
      <c r="F469" cm="1">
        <f t="array" ref="F469">IFERROR(INDEX(Jesper!AJ$2:AJ$366,ROUNDDOWN($C469/24,0)+1,1)*INDEX($D$3:$AA$30,INDEX(Jesper!$R$2:$R$366,ROW(INDEX(Jesper!AJ$2:AJ$366,ROUNDDOWN($C469/24,0)+1,1))-1)+IF('Standard Profiles'!$G$20=$B$10,7,0)+IF('Standard Profiles'!$G$20=$B$17,14,0)+IF('Standard Profiles'!$G$20=$B$24,21,0),MOD($C469,24)+1)/SUM(INDEX($D$3:$AA$30,INDEX(Jesper!$R$2:$R$366,ROW(INDEX(Jesper!AJ$2:AJ$366,ROUNDDOWN($C469/24,0)+1,1))-1)+IF('Standard Profiles'!$G$20=$B$10,7,0)+IF('Standard Profiles'!$G$20=$B$17,14,0)+IF('Standard Profiles'!$G$20=$B$24,21,0),0)),0)</f>
        <v>0</v>
      </c>
      <c r="G469" cm="1">
        <f t="array" ref="G469">IFERROR(INDEX(Jesper!AK$2:AK$366,ROUNDDOWN($C469/24,0)+1,1)*INDEX($D$3:$AA$30,INDEX(Jesper!$R$2:$R$366,ROW(INDEX(Jesper!AK$2:AK$366,ROUNDDOWN($C469/24,0)+1,1))-1)+IF('Standard Profiles'!$G$21=$B$10,7,0)+IF('Standard Profiles'!$G$21=$B$17,14,0)+IF('Standard Profiles'!$G$21=$B$24,21,0),MOD($C469,24)+1)/SUM(INDEX($D$3:$AA$30,INDEX(Jesper!$R$2:$R$366,ROW(INDEX(Jesper!AK$2:AK$366,ROUNDDOWN($C469/24,0)+1,1))-1)+IF('Standard Profiles'!$G$21=$B$10,7,0)+IF('Standard Profiles'!$G$21=$B$17,14,0)+IF('Standard Profiles'!$G$21=$B$24,21,0),0)),0)</f>
        <v>8.7025782089004533</v>
      </c>
      <c r="H469" cm="1">
        <f t="array" ref="H469">IFERROR(INDEX(Jesper!AL$2:AL$366,ROUNDDOWN($C469/24,0)+1,1)*INDEX($D$3:$AA$30,INDEX(Jesper!$R$2:$R$366,ROW(INDEX(Jesper!AL$2:AL$366,ROUNDDOWN($C469/24,0)+1,1))-1)+IF('Standard Profiles'!$G$22=$B$10,7,0)+IF('Standard Profiles'!$G$22=$B$17,14,0)+IF('Standard Profiles'!$G$22=$B$24,21,0),MOD($C469,24)+1)/SUM(INDEX($D$3:$AA$30,INDEX(Jesper!$R$2:$R$366,ROW(INDEX(Jesper!AL$2:AL$366,ROUNDDOWN($C469/24,0)+1,1))-1)+IF('Standard Profiles'!$G$22=$B$10,7,0)+IF('Standard Profiles'!$G$22=$B$17,14,0)+IF('Standard Profiles'!$G$22=$B$24,21,0),0)),0)</f>
        <v>0</v>
      </c>
      <c r="I469">
        <f t="shared" si="62"/>
        <v>4.1772375402722153</v>
      </c>
      <c r="J469">
        <f t="shared" si="63"/>
        <v>16.735510570710733</v>
      </c>
      <c r="K469">
        <f t="shared" si="64"/>
        <v>0.64920172055217851</v>
      </c>
      <c r="L469">
        <f t="shared" si="65"/>
        <v>0.32460086027608925</v>
      </c>
      <c r="M469">
        <f t="shared" si="66"/>
        <v>0</v>
      </c>
      <c r="N469" s="45">
        <f t="shared" si="67"/>
        <v>44945.124999998945</v>
      </c>
    </row>
    <row r="470" spans="2:14" x14ac:dyDescent="0.25">
      <c r="B470">
        <f t="shared" si="61"/>
        <v>4</v>
      </c>
      <c r="C470" s="16">
        <v>436</v>
      </c>
      <c r="D470" cm="1">
        <f t="array" ref="D470">IFERROR(INDEX(Jesper!AH$2:AH$366,ROUNDDOWN($C470/24,0)+1,1)*INDEX($D$3:$AA$30,INDEX(Jesper!$R$2:$R$366,ROW(INDEX(Jesper!AH$2:AH$366,ROUNDDOWN($C470/24,0)+1,1))-1)+IF('Standard Profiles'!$G$18=$B$10,7,0)+IF('Standard Profiles'!$G$18=$B$17,14,0)+IF('Standard Profiles'!$G$18=$B$24,21,0),MOD($C470,24)+1)/SUM(INDEX($D$3:$AA$30,INDEX(Jesper!$R$2:$R$366,ROW(INDEX(Jesper!AH$2:AH$366,ROUNDDOWN($C470/24,0)+1,1))-1)+IF('Standard Profiles'!$G$18=$B$10,7,0)+IF('Standard Profiles'!$G$18=$B$17,14,0)+IF('Standard Profiles'!$G$18=$B$24,21,0),0)),0)</f>
        <v>6.0862661301766732</v>
      </c>
      <c r="E470" cm="1">
        <f t="array" ref="E470">IFERROR(INDEX(Jesper!AI$2:AI$366,ROUNDDOWN($C470/24,0)+1,1)*INDEX($D$3:$AA$30,INDEX(Jesper!$R$2:$R$366,ROW(INDEX(Jesper!AI$2:AI$366,ROUNDDOWN($C470/24,0)+1,1))-1)+IF('Standard Profiles'!$G$19=$B$10,7,0)+IF('Standard Profiles'!$G$19=$B$17,14,0)+IF('Standard Profiles'!$G$19=$B$24,21,0),MOD($C470,24)+1)/SUM(INDEX($D$3:$AA$30,INDEX(Jesper!$R$2:$R$366,ROW(INDEX(Jesper!AI$2:AI$366,ROUNDDOWN($C470/24,0)+1,1))-1)+IF('Standard Profiles'!$G$19=$B$10,7,0)+IF('Standard Profiles'!$G$19=$B$17,14,0)+IF('Standard Profiles'!$G$19=$B$24,21,0),0)),0)</f>
        <v>7.0977063527340887</v>
      </c>
      <c r="F470" cm="1">
        <f t="array" ref="F470">IFERROR(INDEX(Jesper!AJ$2:AJ$366,ROUNDDOWN($C470/24,0)+1,1)*INDEX($D$3:$AA$30,INDEX(Jesper!$R$2:$R$366,ROW(INDEX(Jesper!AJ$2:AJ$366,ROUNDDOWN($C470/24,0)+1,1))-1)+IF('Standard Profiles'!$G$20=$B$10,7,0)+IF('Standard Profiles'!$G$20=$B$17,14,0)+IF('Standard Profiles'!$G$20=$B$24,21,0),MOD($C470,24)+1)/SUM(INDEX($D$3:$AA$30,INDEX(Jesper!$R$2:$R$366,ROW(INDEX(Jesper!AJ$2:AJ$366,ROUNDDOWN($C470/24,0)+1,1))-1)+IF('Standard Profiles'!$G$20=$B$10,7,0)+IF('Standard Profiles'!$G$20=$B$17,14,0)+IF('Standard Profiles'!$G$20=$B$24,21,0),0)),0)</f>
        <v>0</v>
      </c>
      <c r="G470" cm="1">
        <f t="array" ref="G470">IFERROR(INDEX(Jesper!AK$2:AK$366,ROUNDDOWN($C470/24,0)+1,1)*INDEX($D$3:$AA$30,INDEX(Jesper!$R$2:$R$366,ROW(INDEX(Jesper!AK$2:AK$366,ROUNDDOWN($C470/24,0)+1,1))-1)+IF('Standard Profiles'!$G$21=$B$10,7,0)+IF('Standard Profiles'!$G$21=$B$17,14,0)+IF('Standard Profiles'!$G$21=$B$24,21,0),MOD($C470,24)+1)/SUM(INDEX($D$3:$AA$30,INDEX(Jesper!$R$2:$R$366,ROW(INDEX(Jesper!AK$2:AK$366,ROUNDDOWN($C470/24,0)+1,1))-1)+IF('Standard Profiles'!$G$21=$B$10,7,0)+IF('Standard Profiles'!$G$21=$B$17,14,0)+IF('Standard Profiles'!$G$21=$B$24,21,0),0)),0)</f>
        <v>8.7025782089004533</v>
      </c>
      <c r="H470" cm="1">
        <f t="array" ref="H470">IFERROR(INDEX(Jesper!AL$2:AL$366,ROUNDDOWN($C470/24,0)+1,1)*INDEX($D$3:$AA$30,INDEX(Jesper!$R$2:$R$366,ROW(INDEX(Jesper!AL$2:AL$366,ROUNDDOWN($C470/24,0)+1,1))-1)+IF('Standard Profiles'!$G$22=$B$10,7,0)+IF('Standard Profiles'!$G$22=$B$17,14,0)+IF('Standard Profiles'!$G$22=$B$24,21,0),MOD($C470,24)+1)/SUM(INDEX($D$3:$AA$30,INDEX(Jesper!$R$2:$R$366,ROW(INDEX(Jesper!AL$2:AL$366,ROUNDDOWN($C470/24,0)+1,1))-1)+IF('Standard Profiles'!$G$22=$B$10,7,0)+IF('Standard Profiles'!$G$22=$B$17,14,0)+IF('Standard Profiles'!$G$22=$B$24,21,0),0)),0)</f>
        <v>0</v>
      </c>
      <c r="I470">
        <f t="shared" si="62"/>
        <v>4.1772375402722153</v>
      </c>
      <c r="J470">
        <f t="shared" si="63"/>
        <v>16.735510570710733</v>
      </c>
      <c r="K470">
        <f t="shared" si="64"/>
        <v>0.64920172055217851</v>
      </c>
      <c r="L470">
        <f t="shared" si="65"/>
        <v>0.32460086027608925</v>
      </c>
      <c r="M470">
        <f t="shared" si="66"/>
        <v>0</v>
      </c>
      <c r="N470" s="45">
        <f t="shared" si="67"/>
        <v>44945.166666665609</v>
      </c>
    </row>
    <row r="471" spans="2:14" x14ac:dyDescent="0.25">
      <c r="B471">
        <f t="shared" si="61"/>
        <v>4</v>
      </c>
      <c r="C471" s="16">
        <v>437</v>
      </c>
      <c r="D471" cm="1">
        <f t="array" ref="D471">IFERROR(INDEX(Jesper!AH$2:AH$366,ROUNDDOWN($C471/24,0)+1,1)*INDEX($D$3:$AA$30,INDEX(Jesper!$R$2:$R$366,ROW(INDEX(Jesper!AH$2:AH$366,ROUNDDOWN($C471/24,0)+1,1))-1)+IF('Standard Profiles'!$G$18=$B$10,7,0)+IF('Standard Profiles'!$G$18=$B$17,14,0)+IF('Standard Profiles'!$G$18=$B$24,21,0),MOD($C471,24)+1)/SUM(INDEX($D$3:$AA$30,INDEX(Jesper!$R$2:$R$366,ROW(INDEX(Jesper!AH$2:AH$366,ROUNDDOWN($C471/24,0)+1,1))-1)+IF('Standard Profiles'!$G$18=$B$10,7,0)+IF('Standard Profiles'!$G$18=$B$17,14,0)+IF('Standard Profiles'!$G$18=$B$24,21,0),0)),0)</f>
        <v>6.0862661301766732</v>
      </c>
      <c r="E471" cm="1">
        <f t="array" ref="E471">IFERROR(INDEX(Jesper!AI$2:AI$366,ROUNDDOWN($C471/24,0)+1,1)*INDEX($D$3:$AA$30,INDEX(Jesper!$R$2:$R$366,ROW(INDEX(Jesper!AI$2:AI$366,ROUNDDOWN($C471/24,0)+1,1))-1)+IF('Standard Profiles'!$G$19=$B$10,7,0)+IF('Standard Profiles'!$G$19=$B$17,14,0)+IF('Standard Profiles'!$G$19=$B$24,21,0),MOD($C471,24)+1)/SUM(INDEX($D$3:$AA$30,INDEX(Jesper!$R$2:$R$366,ROW(INDEX(Jesper!AI$2:AI$366,ROUNDDOWN($C471/24,0)+1,1))-1)+IF('Standard Profiles'!$G$19=$B$10,7,0)+IF('Standard Profiles'!$G$19=$B$17,14,0)+IF('Standard Profiles'!$G$19=$B$24,21,0),0)),0)</f>
        <v>7.0977063527340887</v>
      </c>
      <c r="F471" cm="1">
        <f t="array" ref="F471">IFERROR(INDEX(Jesper!AJ$2:AJ$366,ROUNDDOWN($C471/24,0)+1,1)*INDEX($D$3:$AA$30,INDEX(Jesper!$R$2:$R$366,ROW(INDEX(Jesper!AJ$2:AJ$366,ROUNDDOWN($C471/24,0)+1,1))-1)+IF('Standard Profiles'!$G$20=$B$10,7,0)+IF('Standard Profiles'!$G$20=$B$17,14,0)+IF('Standard Profiles'!$G$20=$B$24,21,0),MOD($C471,24)+1)/SUM(INDEX($D$3:$AA$30,INDEX(Jesper!$R$2:$R$366,ROW(INDEX(Jesper!AJ$2:AJ$366,ROUNDDOWN($C471/24,0)+1,1))-1)+IF('Standard Profiles'!$G$20=$B$10,7,0)+IF('Standard Profiles'!$G$20=$B$17,14,0)+IF('Standard Profiles'!$G$20=$B$24,21,0),0)),0)</f>
        <v>0</v>
      </c>
      <c r="G471" cm="1">
        <f t="array" ref="G471">IFERROR(INDEX(Jesper!AK$2:AK$366,ROUNDDOWN($C471/24,0)+1,1)*INDEX($D$3:$AA$30,INDEX(Jesper!$R$2:$R$366,ROW(INDEX(Jesper!AK$2:AK$366,ROUNDDOWN($C471/24,0)+1,1))-1)+IF('Standard Profiles'!$G$21=$B$10,7,0)+IF('Standard Profiles'!$G$21=$B$17,14,0)+IF('Standard Profiles'!$G$21=$B$24,21,0),MOD($C471,24)+1)/SUM(INDEX($D$3:$AA$30,INDEX(Jesper!$R$2:$R$366,ROW(INDEX(Jesper!AK$2:AK$366,ROUNDDOWN($C471/24,0)+1,1))-1)+IF('Standard Profiles'!$G$21=$B$10,7,0)+IF('Standard Profiles'!$G$21=$B$17,14,0)+IF('Standard Profiles'!$G$21=$B$24,21,0),0)),0)</f>
        <v>8.7025782089004533</v>
      </c>
      <c r="H471" cm="1">
        <f t="array" ref="H471">IFERROR(INDEX(Jesper!AL$2:AL$366,ROUNDDOWN($C471/24,0)+1,1)*INDEX($D$3:$AA$30,INDEX(Jesper!$R$2:$R$366,ROW(INDEX(Jesper!AL$2:AL$366,ROUNDDOWN($C471/24,0)+1,1))-1)+IF('Standard Profiles'!$G$22=$B$10,7,0)+IF('Standard Profiles'!$G$22=$B$17,14,0)+IF('Standard Profiles'!$G$22=$B$24,21,0),MOD($C471,24)+1)/SUM(INDEX($D$3:$AA$30,INDEX(Jesper!$R$2:$R$366,ROW(INDEX(Jesper!AL$2:AL$366,ROUNDDOWN($C471/24,0)+1,1))-1)+IF('Standard Profiles'!$G$22=$B$10,7,0)+IF('Standard Profiles'!$G$22=$B$17,14,0)+IF('Standard Profiles'!$G$22=$B$24,21,0),0)),0)</f>
        <v>0</v>
      </c>
      <c r="I471">
        <f t="shared" si="62"/>
        <v>4.1772375402722153</v>
      </c>
      <c r="J471">
        <f t="shared" si="63"/>
        <v>16.735510570710733</v>
      </c>
      <c r="K471">
        <f t="shared" si="64"/>
        <v>0.64920172055217851</v>
      </c>
      <c r="L471">
        <f t="shared" si="65"/>
        <v>0.32460086027608925</v>
      </c>
      <c r="M471">
        <f t="shared" si="66"/>
        <v>0</v>
      </c>
      <c r="N471" s="45">
        <f t="shared" si="67"/>
        <v>44945.208333332273</v>
      </c>
    </row>
    <row r="472" spans="2:14" x14ac:dyDescent="0.25">
      <c r="B472">
        <f t="shared" si="61"/>
        <v>4</v>
      </c>
      <c r="C472" s="16">
        <v>438</v>
      </c>
      <c r="D472" cm="1">
        <f t="array" ref="D472">IFERROR(INDEX(Jesper!AH$2:AH$366,ROUNDDOWN($C472/24,0)+1,1)*INDEX($D$3:$AA$30,INDEX(Jesper!$R$2:$R$366,ROW(INDEX(Jesper!AH$2:AH$366,ROUNDDOWN($C472/24,0)+1,1))-1)+IF('Standard Profiles'!$G$18=$B$10,7,0)+IF('Standard Profiles'!$G$18=$B$17,14,0)+IF('Standard Profiles'!$G$18=$B$24,21,0),MOD($C472,24)+1)/SUM(INDEX($D$3:$AA$30,INDEX(Jesper!$R$2:$R$366,ROW(INDEX(Jesper!AH$2:AH$366,ROUNDDOWN($C472/24,0)+1,1))-1)+IF('Standard Profiles'!$G$18=$B$10,7,0)+IF('Standard Profiles'!$G$18=$B$17,14,0)+IF('Standard Profiles'!$G$18=$B$24,21,0),0)),0)</f>
        <v>6.0862661301766732</v>
      </c>
      <c r="E472" cm="1">
        <f t="array" ref="E472">IFERROR(INDEX(Jesper!AI$2:AI$366,ROUNDDOWN($C472/24,0)+1,1)*INDEX($D$3:$AA$30,INDEX(Jesper!$R$2:$R$366,ROW(INDEX(Jesper!AI$2:AI$366,ROUNDDOWN($C472/24,0)+1,1))-1)+IF('Standard Profiles'!$G$19=$B$10,7,0)+IF('Standard Profiles'!$G$19=$B$17,14,0)+IF('Standard Profiles'!$G$19=$B$24,21,0),MOD($C472,24)+1)/SUM(INDEX($D$3:$AA$30,INDEX(Jesper!$R$2:$R$366,ROW(INDEX(Jesper!AI$2:AI$366,ROUNDDOWN($C472/24,0)+1,1))-1)+IF('Standard Profiles'!$G$19=$B$10,7,0)+IF('Standard Profiles'!$G$19=$B$17,14,0)+IF('Standard Profiles'!$G$19=$B$24,21,0),0)),0)</f>
        <v>7.0977063527340887</v>
      </c>
      <c r="F472" cm="1">
        <f t="array" ref="F472">IFERROR(INDEX(Jesper!AJ$2:AJ$366,ROUNDDOWN($C472/24,0)+1,1)*INDEX($D$3:$AA$30,INDEX(Jesper!$R$2:$R$366,ROW(INDEX(Jesper!AJ$2:AJ$366,ROUNDDOWN($C472/24,0)+1,1))-1)+IF('Standard Profiles'!$G$20=$B$10,7,0)+IF('Standard Profiles'!$G$20=$B$17,14,0)+IF('Standard Profiles'!$G$20=$B$24,21,0),MOD($C472,24)+1)/SUM(INDEX($D$3:$AA$30,INDEX(Jesper!$R$2:$R$366,ROW(INDEX(Jesper!AJ$2:AJ$366,ROUNDDOWN($C472/24,0)+1,1))-1)+IF('Standard Profiles'!$G$20=$B$10,7,0)+IF('Standard Profiles'!$G$20=$B$17,14,0)+IF('Standard Profiles'!$G$20=$B$24,21,0),0)),0)</f>
        <v>0</v>
      </c>
      <c r="G472" cm="1">
        <f t="array" ref="G472">IFERROR(INDEX(Jesper!AK$2:AK$366,ROUNDDOWN($C472/24,0)+1,1)*INDEX($D$3:$AA$30,INDEX(Jesper!$R$2:$R$366,ROW(INDEX(Jesper!AK$2:AK$366,ROUNDDOWN($C472/24,0)+1,1))-1)+IF('Standard Profiles'!$G$21=$B$10,7,0)+IF('Standard Profiles'!$G$21=$B$17,14,0)+IF('Standard Profiles'!$G$21=$B$24,21,0),MOD($C472,24)+1)/SUM(INDEX($D$3:$AA$30,INDEX(Jesper!$R$2:$R$366,ROW(INDEX(Jesper!AK$2:AK$366,ROUNDDOWN($C472/24,0)+1,1))-1)+IF('Standard Profiles'!$G$21=$B$10,7,0)+IF('Standard Profiles'!$G$21=$B$17,14,0)+IF('Standard Profiles'!$G$21=$B$24,21,0),0)),0)</f>
        <v>8.7025782089004533</v>
      </c>
      <c r="H472" cm="1">
        <f t="array" ref="H472">IFERROR(INDEX(Jesper!AL$2:AL$366,ROUNDDOWN($C472/24,0)+1,1)*INDEX($D$3:$AA$30,INDEX(Jesper!$R$2:$R$366,ROW(INDEX(Jesper!AL$2:AL$366,ROUNDDOWN($C472/24,0)+1,1))-1)+IF('Standard Profiles'!$G$22=$B$10,7,0)+IF('Standard Profiles'!$G$22=$B$17,14,0)+IF('Standard Profiles'!$G$22=$B$24,21,0),MOD($C472,24)+1)/SUM(INDEX($D$3:$AA$30,INDEX(Jesper!$R$2:$R$366,ROW(INDEX(Jesper!AL$2:AL$366,ROUNDDOWN($C472/24,0)+1,1))-1)+IF('Standard Profiles'!$G$22=$B$10,7,0)+IF('Standard Profiles'!$G$22=$B$17,14,0)+IF('Standard Profiles'!$G$22=$B$24,21,0),0)),0)</f>
        <v>0</v>
      </c>
      <c r="I472">
        <f t="shared" si="62"/>
        <v>4.1772375402722153</v>
      </c>
      <c r="J472">
        <f t="shared" si="63"/>
        <v>16.735510570710733</v>
      </c>
      <c r="K472">
        <f t="shared" si="64"/>
        <v>0.64920172055217851</v>
      </c>
      <c r="L472">
        <f t="shared" si="65"/>
        <v>0.32460086027608925</v>
      </c>
      <c r="M472">
        <f t="shared" si="66"/>
        <v>0</v>
      </c>
      <c r="N472" s="45">
        <f t="shared" si="67"/>
        <v>44945.249999998938</v>
      </c>
    </row>
    <row r="473" spans="2:14" x14ac:dyDescent="0.25">
      <c r="B473">
        <f t="shared" si="61"/>
        <v>4</v>
      </c>
      <c r="C473" s="16">
        <v>439</v>
      </c>
      <c r="D473" cm="1">
        <f t="array" ref="D473">IFERROR(INDEX(Jesper!AH$2:AH$366,ROUNDDOWN($C473/24,0)+1,1)*INDEX($D$3:$AA$30,INDEX(Jesper!$R$2:$R$366,ROW(INDEX(Jesper!AH$2:AH$366,ROUNDDOWN($C473/24,0)+1,1))-1)+IF('Standard Profiles'!$G$18=$B$10,7,0)+IF('Standard Profiles'!$G$18=$B$17,14,0)+IF('Standard Profiles'!$G$18=$B$24,21,0),MOD($C473,24)+1)/SUM(INDEX($D$3:$AA$30,INDEX(Jesper!$R$2:$R$366,ROW(INDEX(Jesper!AH$2:AH$366,ROUNDDOWN($C473/24,0)+1,1))-1)+IF('Standard Profiles'!$G$18=$B$10,7,0)+IF('Standard Profiles'!$G$18=$B$17,14,0)+IF('Standard Profiles'!$G$18=$B$24,21,0),0)),0)</f>
        <v>24.879918210934335</v>
      </c>
      <c r="E473" cm="1">
        <f t="array" ref="E473">IFERROR(INDEX(Jesper!AI$2:AI$366,ROUNDDOWN($C473/24,0)+1,1)*INDEX($D$3:$AA$30,INDEX(Jesper!$R$2:$R$366,ROW(INDEX(Jesper!AI$2:AI$366,ROUNDDOWN($C473/24,0)+1,1))-1)+IF('Standard Profiles'!$G$19=$B$10,7,0)+IF('Standard Profiles'!$G$19=$B$17,14,0)+IF('Standard Profiles'!$G$19=$B$24,21,0),MOD($C473,24)+1)/SUM(INDEX($D$3:$AA$30,INDEX(Jesper!$R$2:$R$366,ROW(INDEX(Jesper!AI$2:AI$366,ROUNDDOWN($C473/24,0)+1,1))-1)+IF('Standard Profiles'!$G$19=$B$10,7,0)+IF('Standard Profiles'!$G$19=$B$17,14,0)+IF('Standard Profiles'!$G$19=$B$24,21,0),0)),0)</f>
        <v>29.014563241934198</v>
      </c>
      <c r="F473" cm="1">
        <f t="array" ref="F473">IFERROR(INDEX(Jesper!AJ$2:AJ$366,ROUNDDOWN($C473/24,0)+1,1)*INDEX($D$3:$AA$30,INDEX(Jesper!$R$2:$R$366,ROW(INDEX(Jesper!AJ$2:AJ$366,ROUNDDOWN($C473/24,0)+1,1))-1)+IF('Standard Profiles'!$G$20=$B$10,7,0)+IF('Standard Profiles'!$G$20=$B$17,14,0)+IF('Standard Profiles'!$G$20=$B$24,21,0),MOD($C473,24)+1)/SUM(INDEX($D$3:$AA$30,INDEX(Jesper!$R$2:$R$366,ROW(INDEX(Jesper!AJ$2:AJ$366,ROUNDDOWN($C473/24,0)+1,1))-1)+IF('Standard Profiles'!$G$20=$B$10,7,0)+IF('Standard Profiles'!$G$20=$B$17,14,0)+IF('Standard Profiles'!$G$20=$B$24,21,0),0)),0)</f>
        <v>0</v>
      </c>
      <c r="G473" cm="1">
        <f t="array" ref="G473">IFERROR(INDEX(Jesper!AK$2:AK$366,ROUNDDOWN($C473/24,0)+1,1)*INDEX($D$3:$AA$30,INDEX(Jesper!$R$2:$R$366,ROW(INDEX(Jesper!AK$2:AK$366,ROUNDDOWN($C473/24,0)+1,1))-1)+IF('Standard Profiles'!$G$21=$B$10,7,0)+IF('Standard Profiles'!$G$21=$B$17,14,0)+IF('Standard Profiles'!$G$21=$B$24,21,0),MOD($C473,24)+1)/SUM(INDEX($D$3:$AA$30,INDEX(Jesper!$R$2:$R$366,ROW(INDEX(Jesper!AK$2:AK$366,ROUNDDOWN($C473/24,0)+1,1))-1)+IF('Standard Profiles'!$G$21=$B$10,7,0)+IF('Standard Profiles'!$G$21=$B$17,14,0)+IF('Standard Profiles'!$G$21=$B$24,21,0),0)),0)</f>
        <v>23.975602965520746</v>
      </c>
      <c r="H473" cm="1">
        <f t="array" ref="H473">IFERROR(INDEX(Jesper!AL$2:AL$366,ROUNDDOWN($C473/24,0)+1,1)*INDEX($D$3:$AA$30,INDEX(Jesper!$R$2:$R$366,ROW(INDEX(Jesper!AL$2:AL$366,ROUNDDOWN($C473/24,0)+1,1))-1)+IF('Standard Profiles'!$G$22=$B$10,7,0)+IF('Standard Profiles'!$G$22=$B$17,14,0)+IF('Standard Profiles'!$G$22=$B$24,21,0),MOD($C473,24)+1)/SUM(INDEX($D$3:$AA$30,INDEX(Jesper!$R$2:$R$366,ROW(INDEX(Jesper!AL$2:AL$366,ROUNDDOWN($C473/24,0)+1,1))-1)+IF('Standard Profiles'!$G$22=$B$10,7,0)+IF('Standard Profiles'!$G$22=$B$17,14,0)+IF('Standard Profiles'!$G$22=$B$24,21,0),0)),0)</f>
        <v>0</v>
      </c>
      <c r="I473">
        <f t="shared" si="62"/>
        <v>11.508289423449952</v>
      </c>
      <c r="J473">
        <f t="shared" si="63"/>
        <v>62.381008081189833</v>
      </c>
      <c r="K473">
        <f t="shared" si="64"/>
        <v>2.6538579424996627</v>
      </c>
      <c r="L473">
        <f t="shared" si="65"/>
        <v>1.3269289712498313</v>
      </c>
      <c r="M473">
        <f t="shared" si="66"/>
        <v>0</v>
      </c>
      <c r="N473" s="45">
        <f t="shared" si="67"/>
        <v>44945.291666665602</v>
      </c>
    </row>
    <row r="474" spans="2:14" x14ac:dyDescent="0.25">
      <c r="B474">
        <f t="shared" si="61"/>
        <v>4</v>
      </c>
      <c r="C474" s="16">
        <v>440</v>
      </c>
      <c r="D474" cm="1">
        <f t="array" ref="D474">IFERROR(INDEX(Jesper!AH$2:AH$366,ROUNDDOWN($C474/24,0)+1,1)*INDEX($D$3:$AA$30,INDEX(Jesper!$R$2:$R$366,ROW(INDEX(Jesper!AH$2:AH$366,ROUNDDOWN($C474/24,0)+1,1))-1)+IF('Standard Profiles'!$G$18=$B$10,7,0)+IF('Standard Profiles'!$G$18=$B$17,14,0)+IF('Standard Profiles'!$G$18=$B$24,21,0),MOD($C474,24)+1)/SUM(INDEX($D$3:$AA$30,INDEX(Jesper!$R$2:$R$366,ROW(INDEX(Jesper!AH$2:AH$366,ROUNDDOWN($C474/24,0)+1,1))-1)+IF('Standard Profiles'!$G$18=$B$10,7,0)+IF('Standard Profiles'!$G$18=$B$17,14,0)+IF('Standard Profiles'!$G$18=$B$24,21,0),0)),0)</f>
        <v>27.76075084588463</v>
      </c>
      <c r="E474" cm="1">
        <f t="array" ref="E474">IFERROR(INDEX(Jesper!AI$2:AI$366,ROUNDDOWN($C474/24,0)+1,1)*INDEX($D$3:$AA$30,INDEX(Jesper!$R$2:$R$366,ROW(INDEX(Jesper!AI$2:AI$366,ROUNDDOWN($C474/24,0)+1,1))-1)+IF('Standard Profiles'!$G$19=$B$10,7,0)+IF('Standard Profiles'!$G$19=$B$17,14,0)+IF('Standard Profiles'!$G$19=$B$24,21,0),MOD($C474,24)+1)/SUM(INDEX($D$3:$AA$30,INDEX(Jesper!$R$2:$R$366,ROW(INDEX(Jesper!AI$2:AI$366,ROUNDDOWN($C474/24,0)+1,1))-1)+IF('Standard Profiles'!$G$19=$B$10,7,0)+IF('Standard Profiles'!$G$19=$B$17,14,0)+IF('Standard Profiles'!$G$19=$B$24,21,0),0)),0)</f>
        <v>32.374144248895</v>
      </c>
      <c r="F474" cm="1">
        <f t="array" ref="F474">IFERROR(INDEX(Jesper!AJ$2:AJ$366,ROUNDDOWN($C474/24,0)+1,1)*INDEX($D$3:$AA$30,INDEX(Jesper!$R$2:$R$366,ROW(INDEX(Jesper!AJ$2:AJ$366,ROUNDDOWN($C474/24,0)+1,1))-1)+IF('Standard Profiles'!$G$20=$B$10,7,0)+IF('Standard Profiles'!$G$20=$B$17,14,0)+IF('Standard Profiles'!$G$20=$B$24,21,0),MOD($C474,24)+1)/SUM(INDEX($D$3:$AA$30,INDEX(Jesper!$R$2:$R$366,ROW(INDEX(Jesper!AJ$2:AJ$366,ROUNDDOWN($C474/24,0)+1,1))-1)+IF('Standard Profiles'!$G$20=$B$10,7,0)+IF('Standard Profiles'!$G$20=$B$17,14,0)+IF('Standard Profiles'!$G$20=$B$24,21,0),0)),0)</f>
        <v>0</v>
      </c>
      <c r="G474" cm="1">
        <f t="array" ref="G474">IFERROR(INDEX(Jesper!AK$2:AK$366,ROUNDDOWN($C474/24,0)+1,1)*INDEX($D$3:$AA$30,INDEX(Jesper!$R$2:$R$366,ROW(INDEX(Jesper!AK$2:AK$366,ROUNDDOWN($C474/24,0)+1,1))-1)+IF('Standard Profiles'!$G$21=$B$10,7,0)+IF('Standard Profiles'!$G$21=$B$17,14,0)+IF('Standard Profiles'!$G$21=$B$24,21,0),MOD($C474,24)+1)/SUM(INDEX($D$3:$AA$30,INDEX(Jesper!$R$2:$R$366,ROW(INDEX(Jesper!AK$2:AK$366,ROUNDDOWN($C474/24,0)+1,1))-1)+IF('Standard Profiles'!$G$21=$B$10,7,0)+IF('Standard Profiles'!$G$21=$B$17,14,0)+IF('Standard Profiles'!$G$21=$B$24,21,0),0)),0)</f>
        <v>26.751725414159992</v>
      </c>
      <c r="H474" cm="1">
        <f t="array" ref="H474">IFERROR(INDEX(Jesper!AL$2:AL$366,ROUNDDOWN($C474/24,0)+1,1)*INDEX($D$3:$AA$30,INDEX(Jesper!$R$2:$R$366,ROW(INDEX(Jesper!AL$2:AL$366,ROUNDDOWN($C474/24,0)+1,1))-1)+IF('Standard Profiles'!$G$22=$B$10,7,0)+IF('Standard Profiles'!$G$22=$B$17,14,0)+IF('Standard Profiles'!$G$22=$B$24,21,0),MOD($C474,24)+1)/SUM(INDEX($D$3:$AA$30,INDEX(Jesper!$R$2:$R$366,ROW(INDEX(Jesper!AL$2:AL$366,ROUNDDOWN($C474/24,0)+1,1))-1)+IF('Standard Profiles'!$G$22=$B$10,7,0)+IF('Standard Profiles'!$G$22=$B$17,14,0)+IF('Standard Profiles'!$G$22=$B$24,21,0),0)),0)</f>
        <v>0</v>
      </c>
      <c r="I474">
        <f t="shared" si="62"/>
        <v>12.840828198796789</v>
      </c>
      <c r="J474">
        <f t="shared" si="63"/>
        <v>69.604072174801288</v>
      </c>
      <c r="K474">
        <f t="shared" si="64"/>
        <v>2.9611467568943608</v>
      </c>
      <c r="L474">
        <f t="shared" si="65"/>
        <v>1.4805733784471804</v>
      </c>
      <c r="M474">
        <f t="shared" si="66"/>
        <v>0</v>
      </c>
      <c r="N474" s="45">
        <f t="shared" si="67"/>
        <v>44945.333333332266</v>
      </c>
    </row>
    <row r="475" spans="2:14" x14ac:dyDescent="0.25">
      <c r="B475">
        <f t="shared" si="61"/>
        <v>4</v>
      </c>
      <c r="C475" s="16">
        <v>441</v>
      </c>
      <c r="D475" cm="1">
        <f t="array" ref="D475">IFERROR(INDEX(Jesper!AH$2:AH$366,ROUNDDOWN($C475/24,0)+1,1)*INDEX($D$3:$AA$30,INDEX(Jesper!$R$2:$R$366,ROW(INDEX(Jesper!AH$2:AH$366,ROUNDDOWN($C475/24,0)+1,1))-1)+IF('Standard Profiles'!$G$18=$B$10,7,0)+IF('Standard Profiles'!$G$18=$B$17,14,0)+IF('Standard Profiles'!$G$18=$B$24,21,0),MOD($C475,24)+1)/SUM(INDEX($D$3:$AA$30,INDEX(Jesper!$R$2:$R$366,ROW(INDEX(Jesper!AH$2:AH$366,ROUNDDOWN($C475/24,0)+1,1))-1)+IF('Standard Profiles'!$G$18=$B$10,7,0)+IF('Standard Profiles'!$G$18=$B$17,14,0)+IF('Standard Profiles'!$G$18=$B$24,21,0),0)),0)</f>
        <v>30.641583480834921</v>
      </c>
      <c r="E475" cm="1">
        <f t="array" ref="E475">IFERROR(INDEX(Jesper!AI$2:AI$366,ROUNDDOWN($C475/24,0)+1,1)*INDEX($D$3:$AA$30,INDEX(Jesper!$R$2:$R$366,ROW(INDEX(Jesper!AI$2:AI$366,ROUNDDOWN($C475/24,0)+1,1))-1)+IF('Standard Profiles'!$G$19=$B$10,7,0)+IF('Standard Profiles'!$G$19=$B$17,14,0)+IF('Standard Profiles'!$G$19=$B$24,21,0),MOD($C475,24)+1)/SUM(INDEX($D$3:$AA$30,INDEX(Jesper!$R$2:$R$366,ROW(INDEX(Jesper!AI$2:AI$366,ROUNDDOWN($C475/24,0)+1,1))-1)+IF('Standard Profiles'!$G$19=$B$10,7,0)+IF('Standard Profiles'!$G$19=$B$17,14,0)+IF('Standard Profiles'!$G$19=$B$24,21,0),0)),0)</f>
        <v>35.733725255855802</v>
      </c>
      <c r="F475" cm="1">
        <f t="array" ref="F475">IFERROR(INDEX(Jesper!AJ$2:AJ$366,ROUNDDOWN($C475/24,0)+1,1)*INDEX($D$3:$AA$30,INDEX(Jesper!$R$2:$R$366,ROW(INDEX(Jesper!AJ$2:AJ$366,ROUNDDOWN($C475/24,0)+1,1))-1)+IF('Standard Profiles'!$G$20=$B$10,7,0)+IF('Standard Profiles'!$G$20=$B$17,14,0)+IF('Standard Profiles'!$G$20=$B$24,21,0),MOD($C475,24)+1)/SUM(INDEX($D$3:$AA$30,INDEX(Jesper!$R$2:$R$366,ROW(INDEX(Jesper!AJ$2:AJ$366,ROUNDDOWN($C475/24,0)+1,1))-1)+IF('Standard Profiles'!$G$20=$B$10,7,0)+IF('Standard Profiles'!$G$20=$B$17,14,0)+IF('Standard Profiles'!$G$20=$B$24,21,0),0)),0)</f>
        <v>0</v>
      </c>
      <c r="G475" cm="1">
        <f t="array" ref="G475">IFERROR(INDEX(Jesper!AK$2:AK$366,ROUNDDOWN($C475/24,0)+1,1)*INDEX($D$3:$AA$30,INDEX(Jesper!$R$2:$R$366,ROW(INDEX(Jesper!AK$2:AK$366,ROUNDDOWN($C475/24,0)+1,1))-1)+IF('Standard Profiles'!$G$21=$B$10,7,0)+IF('Standard Profiles'!$G$21=$B$17,14,0)+IF('Standard Profiles'!$G$21=$B$24,21,0),MOD($C475,24)+1)/SUM(INDEX($D$3:$AA$30,INDEX(Jesper!$R$2:$R$366,ROW(INDEX(Jesper!AK$2:AK$366,ROUNDDOWN($C475/24,0)+1,1))-1)+IF('Standard Profiles'!$G$21=$B$10,7,0)+IF('Standard Profiles'!$G$21=$B$17,14,0)+IF('Standard Profiles'!$G$21=$B$24,21,0),0)),0)</f>
        <v>29.527847862799238</v>
      </c>
      <c r="H475" cm="1">
        <f t="array" ref="H475">IFERROR(INDEX(Jesper!AL$2:AL$366,ROUNDDOWN($C475/24,0)+1,1)*INDEX($D$3:$AA$30,INDEX(Jesper!$R$2:$R$366,ROW(INDEX(Jesper!AL$2:AL$366,ROUNDDOWN($C475/24,0)+1,1))-1)+IF('Standard Profiles'!$G$22=$B$10,7,0)+IF('Standard Profiles'!$G$22=$B$17,14,0)+IF('Standard Profiles'!$G$22=$B$24,21,0),MOD($C475,24)+1)/SUM(INDEX($D$3:$AA$30,INDEX(Jesper!$R$2:$R$366,ROW(INDEX(Jesper!AL$2:AL$366,ROUNDDOWN($C475/24,0)+1,1))-1)+IF('Standard Profiles'!$G$22=$B$10,7,0)+IF('Standard Profiles'!$G$22=$B$17,14,0)+IF('Standard Profiles'!$G$22=$B$24,21,0),0)),0)</f>
        <v>0</v>
      </c>
      <c r="I475">
        <f t="shared" si="62"/>
        <v>14.173366974143628</v>
      </c>
      <c r="J475">
        <f t="shared" si="63"/>
        <v>76.827136268412744</v>
      </c>
      <c r="K475">
        <f t="shared" si="64"/>
        <v>3.2684355712890585</v>
      </c>
      <c r="L475">
        <f t="shared" si="65"/>
        <v>1.6342177856445292</v>
      </c>
      <c r="M475">
        <f t="shared" si="66"/>
        <v>0</v>
      </c>
      <c r="N475" s="45">
        <f t="shared" si="67"/>
        <v>44945.37499999893</v>
      </c>
    </row>
    <row r="476" spans="2:14" x14ac:dyDescent="0.25">
      <c r="B476">
        <f t="shared" si="61"/>
        <v>4</v>
      </c>
      <c r="C476" s="16">
        <v>442</v>
      </c>
      <c r="D476" cm="1">
        <f t="array" ref="D476">IFERROR(INDEX(Jesper!AH$2:AH$366,ROUNDDOWN($C476/24,0)+1,1)*INDEX($D$3:$AA$30,INDEX(Jesper!$R$2:$R$366,ROW(INDEX(Jesper!AH$2:AH$366,ROUNDDOWN($C476/24,0)+1,1))-1)+IF('Standard Profiles'!$G$18=$B$10,7,0)+IF('Standard Profiles'!$G$18=$B$17,14,0)+IF('Standard Profiles'!$G$18=$B$24,21,0),MOD($C476,24)+1)/SUM(INDEX($D$3:$AA$30,INDEX(Jesper!$R$2:$R$366,ROW(INDEX(Jesper!AH$2:AH$366,ROUNDDOWN($C476/24,0)+1,1))-1)+IF('Standard Profiles'!$G$18=$B$10,7,0)+IF('Standard Profiles'!$G$18=$B$17,14,0)+IF('Standard Profiles'!$G$18=$B$24,21,0),0)),0)</f>
        <v>30.641583480834921</v>
      </c>
      <c r="E476" cm="1">
        <f t="array" ref="E476">IFERROR(INDEX(Jesper!AI$2:AI$366,ROUNDDOWN($C476/24,0)+1,1)*INDEX($D$3:$AA$30,INDEX(Jesper!$R$2:$R$366,ROW(INDEX(Jesper!AI$2:AI$366,ROUNDDOWN($C476/24,0)+1,1))-1)+IF('Standard Profiles'!$G$19=$B$10,7,0)+IF('Standard Profiles'!$G$19=$B$17,14,0)+IF('Standard Profiles'!$G$19=$B$24,21,0),MOD($C476,24)+1)/SUM(INDEX($D$3:$AA$30,INDEX(Jesper!$R$2:$R$366,ROW(INDEX(Jesper!AI$2:AI$366,ROUNDDOWN($C476/24,0)+1,1))-1)+IF('Standard Profiles'!$G$19=$B$10,7,0)+IF('Standard Profiles'!$G$19=$B$17,14,0)+IF('Standard Profiles'!$G$19=$B$24,21,0),0)),0)</f>
        <v>35.733725255855802</v>
      </c>
      <c r="F476" cm="1">
        <f t="array" ref="F476">IFERROR(INDEX(Jesper!AJ$2:AJ$366,ROUNDDOWN($C476/24,0)+1,1)*INDEX($D$3:$AA$30,INDEX(Jesper!$R$2:$R$366,ROW(INDEX(Jesper!AJ$2:AJ$366,ROUNDDOWN($C476/24,0)+1,1))-1)+IF('Standard Profiles'!$G$20=$B$10,7,0)+IF('Standard Profiles'!$G$20=$B$17,14,0)+IF('Standard Profiles'!$G$20=$B$24,21,0),MOD($C476,24)+1)/SUM(INDEX($D$3:$AA$30,INDEX(Jesper!$R$2:$R$366,ROW(INDEX(Jesper!AJ$2:AJ$366,ROUNDDOWN($C476/24,0)+1,1))-1)+IF('Standard Profiles'!$G$20=$B$10,7,0)+IF('Standard Profiles'!$G$20=$B$17,14,0)+IF('Standard Profiles'!$G$20=$B$24,21,0),0)),0)</f>
        <v>0</v>
      </c>
      <c r="G476" cm="1">
        <f t="array" ref="G476">IFERROR(INDEX(Jesper!AK$2:AK$366,ROUNDDOWN($C476/24,0)+1,1)*INDEX($D$3:$AA$30,INDEX(Jesper!$R$2:$R$366,ROW(INDEX(Jesper!AK$2:AK$366,ROUNDDOWN($C476/24,0)+1,1))-1)+IF('Standard Profiles'!$G$21=$B$10,7,0)+IF('Standard Profiles'!$G$21=$B$17,14,0)+IF('Standard Profiles'!$G$21=$B$24,21,0),MOD($C476,24)+1)/SUM(INDEX($D$3:$AA$30,INDEX(Jesper!$R$2:$R$366,ROW(INDEX(Jesper!AK$2:AK$366,ROUNDDOWN($C476/24,0)+1,1))-1)+IF('Standard Profiles'!$G$21=$B$10,7,0)+IF('Standard Profiles'!$G$21=$B$17,14,0)+IF('Standard Profiles'!$G$21=$B$24,21,0),0)),0)</f>
        <v>29.527847862799238</v>
      </c>
      <c r="H476" cm="1">
        <f t="array" ref="H476">IFERROR(INDEX(Jesper!AL$2:AL$366,ROUNDDOWN($C476/24,0)+1,1)*INDEX($D$3:$AA$30,INDEX(Jesper!$R$2:$R$366,ROW(INDEX(Jesper!AL$2:AL$366,ROUNDDOWN($C476/24,0)+1,1))-1)+IF('Standard Profiles'!$G$22=$B$10,7,0)+IF('Standard Profiles'!$G$22=$B$17,14,0)+IF('Standard Profiles'!$G$22=$B$24,21,0),MOD($C476,24)+1)/SUM(INDEX($D$3:$AA$30,INDEX(Jesper!$R$2:$R$366,ROW(INDEX(Jesper!AL$2:AL$366,ROUNDDOWN($C476/24,0)+1,1))-1)+IF('Standard Profiles'!$G$22=$B$10,7,0)+IF('Standard Profiles'!$G$22=$B$17,14,0)+IF('Standard Profiles'!$G$22=$B$24,21,0),0)),0)</f>
        <v>0</v>
      </c>
      <c r="I476">
        <f t="shared" si="62"/>
        <v>14.173366974143628</v>
      </c>
      <c r="J476">
        <f t="shared" si="63"/>
        <v>76.827136268412744</v>
      </c>
      <c r="K476">
        <f t="shared" si="64"/>
        <v>3.2684355712890585</v>
      </c>
      <c r="L476">
        <f t="shared" si="65"/>
        <v>1.6342177856445292</v>
      </c>
      <c r="M476">
        <f t="shared" si="66"/>
        <v>0</v>
      </c>
      <c r="N476" s="45">
        <f t="shared" si="67"/>
        <v>44945.416666665595</v>
      </c>
    </row>
    <row r="477" spans="2:14" x14ac:dyDescent="0.25">
      <c r="B477">
        <f t="shared" si="61"/>
        <v>4</v>
      </c>
      <c r="C477" s="16">
        <v>443</v>
      </c>
      <c r="D477" cm="1">
        <f t="array" ref="D477">IFERROR(INDEX(Jesper!AH$2:AH$366,ROUNDDOWN($C477/24,0)+1,1)*INDEX($D$3:$AA$30,INDEX(Jesper!$R$2:$R$366,ROW(INDEX(Jesper!AH$2:AH$366,ROUNDDOWN($C477/24,0)+1,1))-1)+IF('Standard Profiles'!$G$18=$B$10,7,0)+IF('Standard Profiles'!$G$18=$B$17,14,0)+IF('Standard Profiles'!$G$18=$B$24,21,0),MOD($C477,24)+1)/SUM(INDEX($D$3:$AA$30,INDEX(Jesper!$R$2:$R$366,ROW(INDEX(Jesper!AH$2:AH$366,ROUNDDOWN($C477/24,0)+1,1))-1)+IF('Standard Profiles'!$G$18=$B$10,7,0)+IF('Standard Profiles'!$G$18=$B$17,14,0)+IF('Standard Profiles'!$G$18=$B$24,21,0),0)),0)</f>
        <v>36.665142626640069</v>
      </c>
      <c r="E477" cm="1">
        <f t="array" ref="E477">IFERROR(INDEX(Jesper!AI$2:AI$366,ROUNDDOWN($C477/24,0)+1,1)*INDEX($D$3:$AA$30,INDEX(Jesper!$R$2:$R$366,ROW(INDEX(Jesper!AI$2:AI$366,ROUNDDOWN($C477/24,0)+1,1))-1)+IF('Standard Profiles'!$G$19=$B$10,7,0)+IF('Standard Profiles'!$G$19=$B$17,14,0)+IF('Standard Profiles'!$G$19=$B$24,21,0),MOD($C477,24)+1)/SUM(INDEX($D$3:$AA$30,INDEX(Jesper!$R$2:$R$366,ROW(INDEX(Jesper!AI$2:AI$366,ROUNDDOWN($C477/24,0)+1,1))-1)+IF('Standard Profiles'!$G$19=$B$10,7,0)+IF('Standard Profiles'!$G$19=$B$17,14,0)+IF('Standard Profiles'!$G$19=$B$24,21,0),0)),0)</f>
        <v>42.75830372495566</v>
      </c>
      <c r="F477" cm="1">
        <f t="array" ref="F477">IFERROR(INDEX(Jesper!AJ$2:AJ$366,ROUNDDOWN($C477/24,0)+1,1)*INDEX($D$3:$AA$30,INDEX(Jesper!$R$2:$R$366,ROW(INDEX(Jesper!AJ$2:AJ$366,ROUNDDOWN($C477/24,0)+1,1))-1)+IF('Standard Profiles'!$G$20=$B$10,7,0)+IF('Standard Profiles'!$G$20=$B$17,14,0)+IF('Standard Profiles'!$G$20=$B$24,21,0),MOD($C477,24)+1)/SUM(INDEX($D$3:$AA$30,INDEX(Jesper!$R$2:$R$366,ROW(INDEX(Jesper!AJ$2:AJ$366,ROUNDDOWN($C477/24,0)+1,1))-1)+IF('Standard Profiles'!$G$20=$B$10,7,0)+IF('Standard Profiles'!$G$20=$B$17,14,0)+IF('Standard Profiles'!$G$20=$B$24,21,0),0)),0)</f>
        <v>0</v>
      </c>
      <c r="G477" cm="1">
        <f t="array" ref="G477">IFERROR(INDEX(Jesper!AK$2:AK$366,ROUNDDOWN($C477/24,0)+1,1)*INDEX($D$3:$AA$30,INDEX(Jesper!$R$2:$R$366,ROW(INDEX(Jesper!AK$2:AK$366,ROUNDDOWN($C477/24,0)+1,1))-1)+IF('Standard Profiles'!$G$21=$B$10,7,0)+IF('Standard Profiles'!$G$21=$B$17,14,0)+IF('Standard Profiles'!$G$21=$B$24,21,0),MOD($C477,24)+1)/SUM(INDEX($D$3:$AA$30,INDEX(Jesper!$R$2:$R$366,ROW(INDEX(Jesper!AK$2:AK$366,ROUNDDOWN($C477/24,0)+1,1))-1)+IF('Standard Profiles'!$G$21=$B$10,7,0)+IF('Standard Profiles'!$G$21=$B$17,14,0)+IF('Standard Profiles'!$G$21=$B$24,21,0),0)),0)</f>
        <v>35.332467528135837</v>
      </c>
      <c r="H477" cm="1">
        <f t="array" ref="H477">IFERROR(INDEX(Jesper!AL$2:AL$366,ROUNDDOWN($C477/24,0)+1,1)*INDEX($D$3:$AA$30,INDEX(Jesper!$R$2:$R$366,ROW(INDEX(Jesper!AL$2:AL$366,ROUNDDOWN($C477/24,0)+1,1))-1)+IF('Standard Profiles'!$G$22=$B$10,7,0)+IF('Standard Profiles'!$G$22=$B$17,14,0)+IF('Standard Profiles'!$G$22=$B$24,21,0),MOD($C477,24)+1)/SUM(INDEX($D$3:$AA$30,INDEX(Jesper!$R$2:$R$366,ROW(INDEX(Jesper!AL$2:AL$366,ROUNDDOWN($C477/24,0)+1,1))-1)+IF('Standard Profiles'!$G$22=$B$10,7,0)+IF('Standard Profiles'!$G$22=$B$17,14,0)+IF('Standard Profiles'!$G$22=$B$24,21,0),0)),0)</f>
        <v>0</v>
      </c>
      <c r="I477">
        <f t="shared" si="62"/>
        <v>16.959584413505194</v>
      </c>
      <c r="J477">
        <f t="shared" si="63"/>
        <v>91.929906645963953</v>
      </c>
      <c r="K477">
        <f t="shared" si="64"/>
        <v>3.9109485468416074</v>
      </c>
      <c r="L477">
        <f t="shared" si="65"/>
        <v>1.9554742734208037</v>
      </c>
      <c r="M477">
        <f t="shared" si="66"/>
        <v>0</v>
      </c>
      <c r="N477" s="45">
        <f t="shared" si="67"/>
        <v>44945.458333332259</v>
      </c>
    </row>
    <row r="478" spans="2:14" x14ac:dyDescent="0.25">
      <c r="B478">
        <f t="shared" si="61"/>
        <v>4</v>
      </c>
      <c r="C478" s="16">
        <v>444</v>
      </c>
      <c r="D478" cm="1">
        <f t="array" ref="D478">IFERROR(INDEX(Jesper!AH$2:AH$366,ROUNDDOWN($C478/24,0)+1,1)*INDEX($D$3:$AA$30,INDEX(Jesper!$R$2:$R$366,ROW(INDEX(Jesper!AH$2:AH$366,ROUNDDOWN($C478/24,0)+1,1))-1)+IF('Standard Profiles'!$G$18=$B$10,7,0)+IF('Standard Profiles'!$G$18=$B$17,14,0)+IF('Standard Profiles'!$G$18=$B$24,21,0),MOD($C478,24)+1)/SUM(INDEX($D$3:$AA$30,INDEX(Jesper!$R$2:$R$366,ROW(INDEX(Jesper!AH$2:AH$366,ROUNDDOWN($C478/24,0)+1,1))-1)+IF('Standard Profiles'!$G$18=$B$10,7,0)+IF('Standard Profiles'!$G$18=$B$17,14,0)+IF('Standard Profiles'!$G$18=$B$24,21,0),0)),0)</f>
        <v>36.665142626640069</v>
      </c>
      <c r="E478" cm="1">
        <f t="array" ref="E478">IFERROR(INDEX(Jesper!AI$2:AI$366,ROUNDDOWN($C478/24,0)+1,1)*INDEX($D$3:$AA$30,INDEX(Jesper!$R$2:$R$366,ROW(INDEX(Jesper!AI$2:AI$366,ROUNDDOWN($C478/24,0)+1,1))-1)+IF('Standard Profiles'!$G$19=$B$10,7,0)+IF('Standard Profiles'!$G$19=$B$17,14,0)+IF('Standard Profiles'!$G$19=$B$24,21,0),MOD($C478,24)+1)/SUM(INDEX($D$3:$AA$30,INDEX(Jesper!$R$2:$R$366,ROW(INDEX(Jesper!AI$2:AI$366,ROUNDDOWN($C478/24,0)+1,1))-1)+IF('Standard Profiles'!$G$19=$B$10,7,0)+IF('Standard Profiles'!$G$19=$B$17,14,0)+IF('Standard Profiles'!$G$19=$B$24,21,0),0)),0)</f>
        <v>42.75830372495566</v>
      </c>
      <c r="F478" cm="1">
        <f t="array" ref="F478">IFERROR(INDEX(Jesper!AJ$2:AJ$366,ROUNDDOWN($C478/24,0)+1,1)*INDEX($D$3:$AA$30,INDEX(Jesper!$R$2:$R$366,ROW(INDEX(Jesper!AJ$2:AJ$366,ROUNDDOWN($C478/24,0)+1,1))-1)+IF('Standard Profiles'!$G$20=$B$10,7,0)+IF('Standard Profiles'!$G$20=$B$17,14,0)+IF('Standard Profiles'!$G$20=$B$24,21,0),MOD($C478,24)+1)/SUM(INDEX($D$3:$AA$30,INDEX(Jesper!$R$2:$R$366,ROW(INDEX(Jesper!AJ$2:AJ$366,ROUNDDOWN($C478/24,0)+1,1))-1)+IF('Standard Profiles'!$G$20=$B$10,7,0)+IF('Standard Profiles'!$G$20=$B$17,14,0)+IF('Standard Profiles'!$G$20=$B$24,21,0),0)),0)</f>
        <v>0</v>
      </c>
      <c r="G478" cm="1">
        <f t="array" ref="G478">IFERROR(INDEX(Jesper!AK$2:AK$366,ROUNDDOWN($C478/24,0)+1,1)*INDEX($D$3:$AA$30,INDEX(Jesper!$R$2:$R$366,ROW(INDEX(Jesper!AK$2:AK$366,ROUNDDOWN($C478/24,0)+1,1))-1)+IF('Standard Profiles'!$G$21=$B$10,7,0)+IF('Standard Profiles'!$G$21=$B$17,14,0)+IF('Standard Profiles'!$G$21=$B$24,21,0),MOD($C478,24)+1)/SUM(INDEX($D$3:$AA$30,INDEX(Jesper!$R$2:$R$366,ROW(INDEX(Jesper!AK$2:AK$366,ROUNDDOWN($C478/24,0)+1,1))-1)+IF('Standard Profiles'!$G$21=$B$10,7,0)+IF('Standard Profiles'!$G$21=$B$17,14,0)+IF('Standard Profiles'!$G$21=$B$24,21,0),0)),0)</f>
        <v>35.332467528135837</v>
      </c>
      <c r="H478" cm="1">
        <f t="array" ref="H478">IFERROR(INDEX(Jesper!AL$2:AL$366,ROUNDDOWN($C478/24,0)+1,1)*INDEX($D$3:$AA$30,INDEX(Jesper!$R$2:$R$366,ROW(INDEX(Jesper!AL$2:AL$366,ROUNDDOWN($C478/24,0)+1,1))-1)+IF('Standard Profiles'!$G$22=$B$10,7,0)+IF('Standard Profiles'!$G$22=$B$17,14,0)+IF('Standard Profiles'!$G$22=$B$24,21,0),MOD($C478,24)+1)/SUM(INDEX($D$3:$AA$30,INDEX(Jesper!$R$2:$R$366,ROW(INDEX(Jesper!AL$2:AL$366,ROUNDDOWN($C478/24,0)+1,1))-1)+IF('Standard Profiles'!$G$22=$B$10,7,0)+IF('Standard Profiles'!$G$22=$B$17,14,0)+IF('Standard Profiles'!$G$22=$B$24,21,0),0)),0)</f>
        <v>0</v>
      </c>
      <c r="I478">
        <f t="shared" si="62"/>
        <v>16.959584413505194</v>
      </c>
      <c r="J478">
        <f t="shared" si="63"/>
        <v>91.929906645963953</v>
      </c>
      <c r="K478">
        <f t="shared" si="64"/>
        <v>3.9109485468416074</v>
      </c>
      <c r="L478">
        <f t="shared" si="65"/>
        <v>1.9554742734208037</v>
      </c>
      <c r="M478">
        <f t="shared" si="66"/>
        <v>0</v>
      </c>
      <c r="N478" s="45">
        <f t="shared" si="67"/>
        <v>44945.499999998923</v>
      </c>
    </row>
    <row r="479" spans="2:14" x14ac:dyDescent="0.25">
      <c r="B479">
        <f t="shared" si="61"/>
        <v>4</v>
      </c>
      <c r="C479" s="16">
        <v>445</v>
      </c>
      <c r="D479" cm="1">
        <f t="array" ref="D479">IFERROR(INDEX(Jesper!AH$2:AH$366,ROUNDDOWN($C479/24,0)+1,1)*INDEX($D$3:$AA$30,INDEX(Jesper!$R$2:$R$366,ROW(INDEX(Jesper!AH$2:AH$366,ROUNDDOWN($C479/24,0)+1,1))-1)+IF('Standard Profiles'!$G$18=$B$10,7,0)+IF('Standard Profiles'!$G$18=$B$17,14,0)+IF('Standard Profiles'!$G$18=$B$24,21,0),MOD($C479,24)+1)/SUM(INDEX($D$3:$AA$30,INDEX(Jesper!$R$2:$R$366,ROW(INDEX(Jesper!AH$2:AH$366,ROUNDDOWN($C479/24,0)+1,1))-1)+IF('Standard Profiles'!$G$18=$B$10,7,0)+IF('Standard Profiles'!$G$18=$B$17,14,0)+IF('Standard Profiles'!$G$18=$B$24,21,0),0)),0)</f>
        <v>24.35613045912519</v>
      </c>
      <c r="E479" cm="1">
        <f t="array" ref="E479">IFERROR(INDEX(Jesper!AI$2:AI$366,ROUNDDOWN($C479/24,0)+1,1)*INDEX($D$3:$AA$30,INDEX(Jesper!$R$2:$R$366,ROW(INDEX(Jesper!AI$2:AI$366,ROUNDDOWN($C479/24,0)+1,1))-1)+IF('Standard Profiles'!$G$19=$B$10,7,0)+IF('Standard Profiles'!$G$19=$B$17,14,0)+IF('Standard Profiles'!$G$19=$B$24,21,0),MOD($C479,24)+1)/SUM(INDEX($D$3:$AA$30,INDEX(Jesper!$R$2:$R$366,ROW(INDEX(Jesper!AI$2:AI$366,ROUNDDOWN($C479/24,0)+1,1))-1)+IF('Standard Profiles'!$G$19=$B$10,7,0)+IF('Standard Profiles'!$G$19=$B$17,14,0)+IF('Standard Profiles'!$G$19=$B$24,21,0),0)),0)</f>
        <v>28.403730331577687</v>
      </c>
      <c r="F479" cm="1">
        <f t="array" ref="F479">IFERROR(INDEX(Jesper!AJ$2:AJ$366,ROUNDDOWN($C479/24,0)+1,1)*INDEX($D$3:$AA$30,INDEX(Jesper!$R$2:$R$366,ROW(INDEX(Jesper!AJ$2:AJ$366,ROUNDDOWN($C479/24,0)+1,1))-1)+IF('Standard Profiles'!$G$20=$B$10,7,0)+IF('Standard Profiles'!$G$20=$B$17,14,0)+IF('Standard Profiles'!$G$20=$B$24,21,0),MOD($C479,24)+1)/SUM(INDEX($D$3:$AA$30,INDEX(Jesper!$R$2:$R$366,ROW(INDEX(Jesper!AJ$2:AJ$366,ROUNDDOWN($C479/24,0)+1,1))-1)+IF('Standard Profiles'!$G$20=$B$10,7,0)+IF('Standard Profiles'!$G$20=$B$17,14,0)+IF('Standard Profiles'!$G$20=$B$24,21,0),0)),0)</f>
        <v>0</v>
      </c>
      <c r="G479" cm="1">
        <f t="array" ref="G479">IFERROR(INDEX(Jesper!AK$2:AK$366,ROUNDDOWN($C479/24,0)+1,1)*INDEX($D$3:$AA$30,INDEX(Jesper!$R$2:$R$366,ROW(INDEX(Jesper!AK$2:AK$366,ROUNDDOWN($C479/24,0)+1,1))-1)+IF('Standard Profiles'!$G$21=$B$10,7,0)+IF('Standard Profiles'!$G$21=$B$17,14,0)+IF('Standard Profiles'!$G$21=$B$24,21,0),MOD($C479,24)+1)/SUM(INDEX($D$3:$AA$30,INDEX(Jesper!$R$2:$R$366,ROW(INDEX(Jesper!AK$2:AK$366,ROUNDDOWN($C479/24,0)+1,1))-1)+IF('Standard Profiles'!$G$21=$B$10,7,0)+IF('Standard Profiles'!$G$21=$B$17,14,0)+IF('Standard Profiles'!$G$21=$B$24,21,0),0)),0)</f>
        <v>23.470853429404521</v>
      </c>
      <c r="H479" cm="1">
        <f t="array" ref="H479">IFERROR(INDEX(Jesper!AL$2:AL$366,ROUNDDOWN($C479/24,0)+1,1)*INDEX($D$3:$AA$30,INDEX(Jesper!$R$2:$R$366,ROW(INDEX(Jesper!AL$2:AL$366,ROUNDDOWN($C479/24,0)+1,1))-1)+IF('Standard Profiles'!$G$22=$B$10,7,0)+IF('Standard Profiles'!$G$22=$B$17,14,0)+IF('Standard Profiles'!$G$22=$B$24,21,0),MOD($C479,24)+1)/SUM(INDEX($D$3:$AA$30,INDEX(Jesper!$R$2:$R$366,ROW(INDEX(Jesper!AL$2:AL$366,ROUNDDOWN($C479/24,0)+1,1))-1)+IF('Standard Profiles'!$G$22=$B$10,7,0)+IF('Standard Profiles'!$G$22=$B$17,14,0)+IF('Standard Profiles'!$G$22=$B$24,21,0),0)),0)</f>
        <v>0</v>
      </c>
      <c r="I479">
        <f t="shared" si="62"/>
        <v>11.266009646114165</v>
      </c>
      <c r="J479">
        <f t="shared" si="63"/>
        <v>61.067723700533207</v>
      </c>
      <c r="K479">
        <f t="shared" si="64"/>
        <v>2.5979872489733538</v>
      </c>
      <c r="L479">
        <f t="shared" si="65"/>
        <v>1.2989936244866769</v>
      </c>
      <c r="M479">
        <f t="shared" si="66"/>
        <v>0</v>
      </c>
      <c r="N479" s="45">
        <f t="shared" si="67"/>
        <v>44945.541666665587</v>
      </c>
    </row>
    <row r="480" spans="2:14" x14ac:dyDescent="0.25">
      <c r="B480">
        <f t="shared" si="61"/>
        <v>4</v>
      </c>
      <c r="C480" s="16">
        <v>446</v>
      </c>
      <c r="D480" cm="1">
        <f t="array" ref="D480">IFERROR(INDEX(Jesper!AH$2:AH$366,ROUNDDOWN($C480/24,0)+1,1)*INDEX($D$3:$AA$30,INDEX(Jesper!$R$2:$R$366,ROW(INDEX(Jesper!AH$2:AH$366,ROUNDDOWN($C480/24,0)+1,1))-1)+IF('Standard Profiles'!$G$18=$B$10,7,0)+IF('Standard Profiles'!$G$18=$B$17,14,0)+IF('Standard Profiles'!$G$18=$B$24,21,0),MOD($C480,24)+1)/SUM(INDEX($D$3:$AA$30,INDEX(Jesper!$R$2:$R$366,ROW(INDEX(Jesper!AH$2:AH$366,ROUNDDOWN($C480/24,0)+1,1))-1)+IF('Standard Profiles'!$G$18=$B$10,7,0)+IF('Standard Profiles'!$G$18=$B$17,14,0)+IF('Standard Profiles'!$G$18=$B$24,21,0),0)),0)</f>
        <v>36.665142626640069</v>
      </c>
      <c r="E480" cm="1">
        <f t="array" ref="E480">IFERROR(INDEX(Jesper!AI$2:AI$366,ROUNDDOWN($C480/24,0)+1,1)*INDEX($D$3:$AA$30,INDEX(Jesper!$R$2:$R$366,ROW(INDEX(Jesper!AI$2:AI$366,ROUNDDOWN($C480/24,0)+1,1))-1)+IF('Standard Profiles'!$G$19=$B$10,7,0)+IF('Standard Profiles'!$G$19=$B$17,14,0)+IF('Standard Profiles'!$G$19=$B$24,21,0),MOD($C480,24)+1)/SUM(INDEX($D$3:$AA$30,INDEX(Jesper!$R$2:$R$366,ROW(INDEX(Jesper!AI$2:AI$366,ROUNDDOWN($C480/24,0)+1,1))-1)+IF('Standard Profiles'!$G$19=$B$10,7,0)+IF('Standard Profiles'!$G$19=$B$17,14,0)+IF('Standard Profiles'!$G$19=$B$24,21,0),0)),0)</f>
        <v>42.75830372495566</v>
      </c>
      <c r="F480" cm="1">
        <f t="array" ref="F480">IFERROR(INDEX(Jesper!AJ$2:AJ$366,ROUNDDOWN($C480/24,0)+1,1)*INDEX($D$3:$AA$30,INDEX(Jesper!$R$2:$R$366,ROW(INDEX(Jesper!AJ$2:AJ$366,ROUNDDOWN($C480/24,0)+1,1))-1)+IF('Standard Profiles'!$G$20=$B$10,7,0)+IF('Standard Profiles'!$G$20=$B$17,14,0)+IF('Standard Profiles'!$G$20=$B$24,21,0),MOD($C480,24)+1)/SUM(INDEX($D$3:$AA$30,INDEX(Jesper!$R$2:$R$366,ROW(INDEX(Jesper!AJ$2:AJ$366,ROUNDDOWN($C480/24,0)+1,1))-1)+IF('Standard Profiles'!$G$20=$B$10,7,0)+IF('Standard Profiles'!$G$20=$B$17,14,0)+IF('Standard Profiles'!$G$20=$B$24,21,0),0)),0)</f>
        <v>0</v>
      </c>
      <c r="G480" cm="1">
        <f t="array" ref="G480">IFERROR(INDEX(Jesper!AK$2:AK$366,ROUNDDOWN($C480/24,0)+1,1)*INDEX($D$3:$AA$30,INDEX(Jesper!$R$2:$R$366,ROW(INDEX(Jesper!AK$2:AK$366,ROUNDDOWN($C480/24,0)+1,1))-1)+IF('Standard Profiles'!$G$21=$B$10,7,0)+IF('Standard Profiles'!$G$21=$B$17,14,0)+IF('Standard Profiles'!$G$21=$B$24,21,0),MOD($C480,24)+1)/SUM(INDEX($D$3:$AA$30,INDEX(Jesper!$R$2:$R$366,ROW(INDEX(Jesper!AK$2:AK$366,ROUNDDOWN($C480/24,0)+1,1))-1)+IF('Standard Profiles'!$G$21=$B$10,7,0)+IF('Standard Profiles'!$G$21=$B$17,14,0)+IF('Standard Profiles'!$G$21=$B$24,21,0),0)),0)</f>
        <v>35.332467528135837</v>
      </c>
      <c r="H480" cm="1">
        <f t="array" ref="H480">IFERROR(INDEX(Jesper!AL$2:AL$366,ROUNDDOWN($C480/24,0)+1,1)*INDEX($D$3:$AA$30,INDEX(Jesper!$R$2:$R$366,ROW(INDEX(Jesper!AL$2:AL$366,ROUNDDOWN($C480/24,0)+1,1))-1)+IF('Standard Profiles'!$G$22=$B$10,7,0)+IF('Standard Profiles'!$G$22=$B$17,14,0)+IF('Standard Profiles'!$G$22=$B$24,21,0),MOD($C480,24)+1)/SUM(INDEX($D$3:$AA$30,INDEX(Jesper!$R$2:$R$366,ROW(INDEX(Jesper!AL$2:AL$366,ROUNDDOWN($C480/24,0)+1,1))-1)+IF('Standard Profiles'!$G$22=$B$10,7,0)+IF('Standard Profiles'!$G$22=$B$17,14,0)+IF('Standard Profiles'!$G$22=$B$24,21,0),0)),0)</f>
        <v>0</v>
      </c>
      <c r="I480">
        <f t="shared" si="62"/>
        <v>16.959584413505194</v>
      </c>
      <c r="J480">
        <f t="shared" si="63"/>
        <v>91.929906645963953</v>
      </c>
      <c r="K480">
        <f t="shared" si="64"/>
        <v>3.9109485468416074</v>
      </c>
      <c r="L480">
        <f t="shared" si="65"/>
        <v>1.9554742734208037</v>
      </c>
      <c r="M480">
        <f t="shared" si="66"/>
        <v>0</v>
      </c>
      <c r="N480" s="45">
        <f t="shared" si="67"/>
        <v>44945.583333332252</v>
      </c>
    </row>
    <row r="481" spans="2:14" x14ac:dyDescent="0.25">
      <c r="B481">
        <f t="shared" si="61"/>
        <v>4</v>
      </c>
      <c r="C481" s="16">
        <v>447</v>
      </c>
      <c r="D481" cm="1">
        <f t="array" ref="D481">IFERROR(INDEX(Jesper!AH$2:AH$366,ROUNDDOWN($C481/24,0)+1,1)*INDEX($D$3:$AA$30,INDEX(Jesper!$R$2:$R$366,ROW(INDEX(Jesper!AH$2:AH$366,ROUNDDOWN($C481/24,0)+1,1))-1)+IF('Standard Profiles'!$G$18=$B$10,7,0)+IF('Standard Profiles'!$G$18=$B$17,14,0)+IF('Standard Profiles'!$G$18=$B$24,21,0),MOD($C481,24)+1)/SUM(INDEX($D$3:$AA$30,INDEX(Jesper!$R$2:$R$366,ROW(INDEX(Jesper!AH$2:AH$366,ROUNDDOWN($C481/24,0)+1,1))-1)+IF('Standard Profiles'!$G$18=$B$10,7,0)+IF('Standard Profiles'!$G$18=$B$17,14,0)+IF('Standard Profiles'!$G$18=$B$24,21,0),0)),0)</f>
        <v>36.665142626640069</v>
      </c>
      <c r="E481" cm="1">
        <f t="array" ref="E481">IFERROR(INDEX(Jesper!AI$2:AI$366,ROUNDDOWN($C481/24,0)+1,1)*INDEX($D$3:$AA$30,INDEX(Jesper!$R$2:$R$366,ROW(INDEX(Jesper!AI$2:AI$366,ROUNDDOWN($C481/24,0)+1,1))-1)+IF('Standard Profiles'!$G$19=$B$10,7,0)+IF('Standard Profiles'!$G$19=$B$17,14,0)+IF('Standard Profiles'!$G$19=$B$24,21,0),MOD($C481,24)+1)/SUM(INDEX($D$3:$AA$30,INDEX(Jesper!$R$2:$R$366,ROW(INDEX(Jesper!AI$2:AI$366,ROUNDDOWN($C481/24,0)+1,1))-1)+IF('Standard Profiles'!$G$19=$B$10,7,0)+IF('Standard Profiles'!$G$19=$B$17,14,0)+IF('Standard Profiles'!$G$19=$B$24,21,0),0)),0)</f>
        <v>42.75830372495566</v>
      </c>
      <c r="F481" cm="1">
        <f t="array" ref="F481">IFERROR(INDEX(Jesper!AJ$2:AJ$366,ROUNDDOWN($C481/24,0)+1,1)*INDEX($D$3:$AA$30,INDEX(Jesper!$R$2:$R$366,ROW(INDEX(Jesper!AJ$2:AJ$366,ROUNDDOWN($C481/24,0)+1,1))-1)+IF('Standard Profiles'!$G$20=$B$10,7,0)+IF('Standard Profiles'!$G$20=$B$17,14,0)+IF('Standard Profiles'!$G$20=$B$24,21,0),MOD($C481,24)+1)/SUM(INDEX($D$3:$AA$30,INDEX(Jesper!$R$2:$R$366,ROW(INDEX(Jesper!AJ$2:AJ$366,ROUNDDOWN($C481/24,0)+1,1))-1)+IF('Standard Profiles'!$G$20=$B$10,7,0)+IF('Standard Profiles'!$G$20=$B$17,14,0)+IF('Standard Profiles'!$G$20=$B$24,21,0),0)),0)</f>
        <v>0</v>
      </c>
      <c r="G481" cm="1">
        <f t="array" ref="G481">IFERROR(INDEX(Jesper!AK$2:AK$366,ROUNDDOWN($C481/24,0)+1,1)*INDEX($D$3:$AA$30,INDEX(Jesper!$R$2:$R$366,ROW(INDEX(Jesper!AK$2:AK$366,ROUNDDOWN($C481/24,0)+1,1))-1)+IF('Standard Profiles'!$G$21=$B$10,7,0)+IF('Standard Profiles'!$G$21=$B$17,14,0)+IF('Standard Profiles'!$G$21=$B$24,21,0),MOD($C481,24)+1)/SUM(INDEX($D$3:$AA$30,INDEX(Jesper!$R$2:$R$366,ROW(INDEX(Jesper!AK$2:AK$366,ROUNDDOWN($C481/24,0)+1,1))-1)+IF('Standard Profiles'!$G$21=$B$10,7,0)+IF('Standard Profiles'!$G$21=$B$17,14,0)+IF('Standard Profiles'!$G$21=$B$24,21,0),0)),0)</f>
        <v>35.332467528135837</v>
      </c>
      <c r="H481" cm="1">
        <f t="array" ref="H481">IFERROR(INDEX(Jesper!AL$2:AL$366,ROUNDDOWN($C481/24,0)+1,1)*INDEX($D$3:$AA$30,INDEX(Jesper!$R$2:$R$366,ROW(INDEX(Jesper!AL$2:AL$366,ROUNDDOWN($C481/24,0)+1,1))-1)+IF('Standard Profiles'!$G$22=$B$10,7,0)+IF('Standard Profiles'!$G$22=$B$17,14,0)+IF('Standard Profiles'!$G$22=$B$24,21,0),MOD($C481,24)+1)/SUM(INDEX($D$3:$AA$30,INDEX(Jesper!$R$2:$R$366,ROW(INDEX(Jesper!AL$2:AL$366,ROUNDDOWN($C481/24,0)+1,1))-1)+IF('Standard Profiles'!$G$22=$B$10,7,0)+IF('Standard Profiles'!$G$22=$B$17,14,0)+IF('Standard Profiles'!$G$22=$B$24,21,0),0)),0)</f>
        <v>0</v>
      </c>
      <c r="I481">
        <f t="shared" si="62"/>
        <v>16.959584413505194</v>
      </c>
      <c r="J481">
        <f t="shared" si="63"/>
        <v>91.929906645963953</v>
      </c>
      <c r="K481">
        <f t="shared" si="64"/>
        <v>3.9109485468416074</v>
      </c>
      <c r="L481">
        <f t="shared" si="65"/>
        <v>1.9554742734208037</v>
      </c>
      <c r="M481">
        <f t="shared" si="66"/>
        <v>0</v>
      </c>
      <c r="N481" s="45">
        <f t="shared" si="67"/>
        <v>44945.624999998916</v>
      </c>
    </row>
    <row r="482" spans="2:14" x14ac:dyDescent="0.25">
      <c r="B482">
        <f t="shared" si="61"/>
        <v>4</v>
      </c>
      <c r="C482" s="16">
        <v>448</v>
      </c>
      <c r="D482" cm="1">
        <f t="array" ref="D482">IFERROR(INDEX(Jesper!AH$2:AH$366,ROUNDDOWN($C482/24,0)+1,1)*INDEX($D$3:$AA$30,INDEX(Jesper!$R$2:$R$366,ROW(INDEX(Jesper!AH$2:AH$366,ROUNDDOWN($C482/24,0)+1,1))-1)+IF('Standard Profiles'!$G$18=$B$10,7,0)+IF('Standard Profiles'!$G$18=$B$17,14,0)+IF('Standard Profiles'!$G$18=$B$24,21,0),MOD($C482,24)+1)/SUM(INDEX($D$3:$AA$30,INDEX(Jesper!$R$2:$R$366,ROW(INDEX(Jesper!AH$2:AH$366,ROUNDDOWN($C482/24,0)+1,1))-1)+IF('Standard Profiles'!$G$18=$B$10,7,0)+IF('Standard Profiles'!$G$18=$B$17,14,0)+IF('Standard Profiles'!$G$18=$B$24,21,0),0)),0)</f>
        <v>21.606244762127186</v>
      </c>
      <c r="E482" cm="1">
        <f t="array" ref="E482">IFERROR(INDEX(Jesper!AI$2:AI$366,ROUNDDOWN($C482/24,0)+1,1)*INDEX($D$3:$AA$30,INDEX(Jesper!$R$2:$R$366,ROW(INDEX(Jesper!AI$2:AI$366,ROUNDDOWN($C482/24,0)+1,1))-1)+IF('Standard Profiles'!$G$19=$B$10,7,0)+IF('Standard Profiles'!$G$19=$B$17,14,0)+IF('Standard Profiles'!$G$19=$B$24,21,0),MOD($C482,24)+1)/SUM(INDEX($D$3:$AA$30,INDEX(Jesper!$R$2:$R$366,ROW(INDEX(Jesper!AI$2:AI$366,ROUNDDOWN($C482/24,0)+1,1))-1)+IF('Standard Profiles'!$G$19=$B$10,7,0)+IF('Standard Profiles'!$G$19=$B$17,14,0)+IF('Standard Profiles'!$G$19=$B$24,21,0),0)),0)</f>
        <v>25.196857552206012</v>
      </c>
      <c r="F482" cm="1">
        <f t="array" ref="F482">IFERROR(INDEX(Jesper!AJ$2:AJ$366,ROUNDDOWN($C482/24,0)+1,1)*INDEX($D$3:$AA$30,INDEX(Jesper!$R$2:$R$366,ROW(INDEX(Jesper!AJ$2:AJ$366,ROUNDDOWN($C482/24,0)+1,1))-1)+IF('Standard Profiles'!$G$20=$B$10,7,0)+IF('Standard Profiles'!$G$20=$B$17,14,0)+IF('Standard Profiles'!$G$20=$B$24,21,0),MOD($C482,24)+1)/SUM(INDEX($D$3:$AA$30,INDEX(Jesper!$R$2:$R$366,ROW(INDEX(Jesper!AJ$2:AJ$366,ROUNDDOWN($C482/24,0)+1,1))-1)+IF('Standard Profiles'!$G$20=$B$10,7,0)+IF('Standard Profiles'!$G$20=$B$17,14,0)+IF('Standard Profiles'!$G$20=$B$24,21,0),0)),0)</f>
        <v>0</v>
      </c>
      <c r="G482" cm="1">
        <f t="array" ref="G482">IFERROR(INDEX(Jesper!AK$2:AK$366,ROUNDDOWN($C482/24,0)+1,1)*INDEX($D$3:$AA$30,INDEX(Jesper!$R$2:$R$366,ROW(INDEX(Jesper!AK$2:AK$366,ROUNDDOWN($C482/24,0)+1,1))-1)+IF('Standard Profiles'!$G$21=$B$10,7,0)+IF('Standard Profiles'!$G$21=$B$17,14,0)+IF('Standard Profiles'!$G$21=$B$24,21,0),MOD($C482,24)+1)/SUM(INDEX($D$3:$AA$30,INDEX(Jesper!$R$2:$R$366,ROW(INDEX(Jesper!AK$2:AK$366,ROUNDDOWN($C482/24,0)+1,1))-1)+IF('Standard Profiles'!$G$21=$B$10,7,0)+IF('Standard Profiles'!$G$21=$B$17,14,0)+IF('Standard Profiles'!$G$21=$B$24,21,0),0)),0)</f>
        <v>29.523496573694786</v>
      </c>
      <c r="H482" cm="1">
        <f t="array" ref="H482">IFERROR(INDEX(Jesper!AL$2:AL$366,ROUNDDOWN($C482/24,0)+1,1)*INDEX($D$3:$AA$30,INDEX(Jesper!$R$2:$R$366,ROW(INDEX(Jesper!AL$2:AL$366,ROUNDDOWN($C482/24,0)+1,1))-1)+IF('Standard Profiles'!$G$22=$B$10,7,0)+IF('Standard Profiles'!$G$22=$B$17,14,0)+IF('Standard Profiles'!$G$22=$B$24,21,0),MOD($C482,24)+1)/SUM(INDEX($D$3:$AA$30,INDEX(Jesper!$R$2:$R$366,ROW(INDEX(Jesper!AL$2:AL$366,ROUNDDOWN($C482/24,0)+1,1))-1)+IF('Standard Profiles'!$G$22=$B$10,7,0)+IF('Standard Profiles'!$G$22=$B$17,14,0)+IF('Standard Profiles'!$G$22=$B$24,21,0),0)),0)</f>
        <v>0</v>
      </c>
      <c r="I482">
        <f t="shared" si="62"/>
        <v>14.17127835537349</v>
      </c>
      <c r="J482">
        <f t="shared" si="63"/>
        <v>58.698321370714147</v>
      </c>
      <c r="K482">
        <f t="shared" si="64"/>
        <v>2.3046661079602333</v>
      </c>
      <c r="L482">
        <f t="shared" si="65"/>
        <v>1.1523330539801167</v>
      </c>
      <c r="M482">
        <f t="shared" si="66"/>
        <v>0</v>
      </c>
      <c r="N482" s="45">
        <f t="shared" si="67"/>
        <v>44945.66666666558</v>
      </c>
    </row>
    <row r="483" spans="2:14" x14ac:dyDescent="0.25">
      <c r="B483">
        <f t="shared" ref="B483:B546" si="68">WEEKDAY(N483,2)</f>
        <v>4</v>
      </c>
      <c r="C483" s="16">
        <v>449</v>
      </c>
      <c r="D483" cm="1">
        <f t="array" ref="D483">IFERROR(INDEX(Jesper!AH$2:AH$366,ROUNDDOWN($C483/24,0)+1,1)*INDEX($D$3:$AA$30,INDEX(Jesper!$R$2:$R$366,ROW(INDEX(Jesper!AH$2:AH$366,ROUNDDOWN($C483/24,0)+1,1))-1)+IF('Standard Profiles'!$G$18=$B$10,7,0)+IF('Standard Profiles'!$G$18=$B$17,14,0)+IF('Standard Profiles'!$G$18=$B$24,21,0),MOD($C483,24)+1)/SUM(INDEX($D$3:$AA$30,INDEX(Jesper!$R$2:$R$366,ROW(INDEX(Jesper!AH$2:AH$366,ROUNDDOWN($C483/24,0)+1,1))-1)+IF('Standard Profiles'!$G$18=$B$10,7,0)+IF('Standard Profiles'!$G$18=$B$17,14,0)+IF('Standard Profiles'!$G$18=$B$24,21,0),0)),0)</f>
        <v>9.2216153487525343</v>
      </c>
      <c r="E483" cm="1">
        <f t="array" ref="E483">IFERROR(INDEX(Jesper!AI$2:AI$366,ROUNDDOWN($C483/24,0)+1,1)*INDEX($D$3:$AA$30,INDEX(Jesper!$R$2:$R$366,ROW(INDEX(Jesper!AI$2:AI$366,ROUNDDOWN($C483/24,0)+1,1))-1)+IF('Standard Profiles'!$G$19=$B$10,7,0)+IF('Standard Profiles'!$G$19=$B$17,14,0)+IF('Standard Profiles'!$G$19=$B$24,21,0),MOD($C483,24)+1)/SUM(INDEX($D$3:$AA$30,INDEX(Jesper!$R$2:$R$366,ROW(INDEX(Jesper!AI$2:AI$366,ROUNDDOWN($C483/24,0)+1,1))-1)+IF('Standard Profiles'!$G$19=$B$10,7,0)+IF('Standard Profiles'!$G$19=$B$17,14,0)+IF('Standard Profiles'!$G$19=$B$24,21,0),0)),0)</f>
        <v>10.754100534445591</v>
      </c>
      <c r="F483" cm="1">
        <f t="array" ref="F483">IFERROR(INDEX(Jesper!AJ$2:AJ$366,ROUNDDOWN($C483/24,0)+1,1)*INDEX($D$3:$AA$30,INDEX(Jesper!$R$2:$R$366,ROW(INDEX(Jesper!AJ$2:AJ$366,ROUNDDOWN($C483/24,0)+1,1))-1)+IF('Standard Profiles'!$G$20=$B$10,7,0)+IF('Standard Profiles'!$G$20=$B$17,14,0)+IF('Standard Profiles'!$G$20=$B$24,21,0),MOD($C483,24)+1)/SUM(INDEX($D$3:$AA$30,INDEX(Jesper!$R$2:$R$366,ROW(INDEX(Jesper!AJ$2:AJ$366,ROUNDDOWN($C483/24,0)+1,1))-1)+IF('Standard Profiles'!$G$20=$B$10,7,0)+IF('Standard Profiles'!$G$20=$B$17,14,0)+IF('Standard Profiles'!$G$20=$B$24,21,0),0)),0)</f>
        <v>0</v>
      </c>
      <c r="G483" cm="1">
        <f t="array" ref="G483">IFERROR(INDEX(Jesper!AK$2:AK$366,ROUNDDOWN($C483/24,0)+1,1)*INDEX($D$3:$AA$30,INDEX(Jesper!$R$2:$R$366,ROW(INDEX(Jesper!AK$2:AK$366,ROUNDDOWN($C483/24,0)+1,1))-1)+IF('Standard Profiles'!$G$21=$B$10,7,0)+IF('Standard Profiles'!$G$21=$B$17,14,0)+IF('Standard Profiles'!$G$21=$B$24,21,0),MOD($C483,24)+1)/SUM(INDEX($D$3:$AA$30,INDEX(Jesper!$R$2:$R$366,ROW(INDEX(Jesper!AK$2:AK$366,ROUNDDOWN($C483/24,0)+1,1))-1)+IF('Standard Profiles'!$G$21=$B$10,7,0)+IF('Standard Profiles'!$G$21=$B$17,14,0)+IF('Standard Profiles'!$G$21=$B$24,21,0),0)),0)</f>
        <v>23.475204718508973</v>
      </c>
      <c r="H483" cm="1">
        <f t="array" ref="H483">IFERROR(INDEX(Jesper!AL$2:AL$366,ROUNDDOWN($C483/24,0)+1,1)*INDEX($D$3:$AA$30,INDEX(Jesper!$R$2:$R$366,ROW(INDEX(Jesper!AL$2:AL$366,ROUNDDOWN($C483/24,0)+1,1))-1)+IF('Standard Profiles'!$G$22=$B$10,7,0)+IF('Standard Profiles'!$G$22=$B$17,14,0)+IF('Standard Profiles'!$G$22=$B$24,21,0),MOD($C483,24)+1)/SUM(INDEX($D$3:$AA$30,INDEX(Jesper!$R$2:$R$366,ROW(INDEX(Jesper!AL$2:AL$366,ROUNDDOWN($C483/24,0)+1,1))-1)+IF('Standard Profiles'!$G$22=$B$10,7,0)+IF('Standard Profiles'!$G$22=$B$17,14,0)+IF('Standard Profiles'!$G$22=$B$24,21,0),0)),0)</f>
        <v>0</v>
      </c>
      <c r="I483">
        <f t="shared" ref="I483:I546" si="69">IF($B483&lt;6,AC$37*$D483+AC$38*$E483+AC$39*$F483+AC$40*$G483,AC$46*$D483+AC$47*$E483+AC$48*$F483+AC$49*$G483+AC$50*$H483)</f>
        <v>11.268098264884301</v>
      </c>
      <c r="J483">
        <f t="shared" ref="J483:J546" si="70">IF($B483&lt;6,AD$37*$D483+AD$38*$E483+AD$39*$F483+AD$40*$G483,AD$46*$D483+AD$47*$E483+AD$48*$F483+AD$49*$G483+AD$50*$H483)</f>
        <v>30.707363881022392</v>
      </c>
      <c r="K483">
        <f t="shared" ref="K483:K546" si="71">IF($B483&lt;6,AE$37*$D483+AE$38*$E483+AE$39*$F483+AE$40*$G483,AE$46*$D483+AE$47*$E483+AE$48*$F483+AE$49*$G483+AE$50*$H483)</f>
        <v>0.98363897053360372</v>
      </c>
      <c r="L483">
        <f t="shared" ref="L483:L546" si="72">IF($B483&lt;6,AF$37*$D483+AF$38*$E483+AF$39*$F483+AF$40*$G483,AF$46*$D483+AF$47*$E483+AF$48*$F483+AF$49*$G483+AF$50*$H483)</f>
        <v>0.49181948526680186</v>
      </c>
      <c r="M483">
        <f t="shared" ref="M483:M546" si="73">IF($B483&lt;6,AG$37*$D483+AG$38*$E483+AG$39*$F483+AG$40*$G483,AG$46*$D483+AG$47*$E483+AG$48*$F483+AG$49*$G483+AG$50*$H483)</f>
        <v>0</v>
      </c>
      <c r="N483" s="45">
        <f t="shared" si="67"/>
        <v>44945.708333332244</v>
      </c>
    </row>
    <row r="484" spans="2:14" x14ac:dyDescent="0.25">
      <c r="B484">
        <f t="shared" si="68"/>
        <v>4</v>
      </c>
      <c r="C484" s="16">
        <v>450</v>
      </c>
      <c r="D484" cm="1">
        <f t="array" ref="D484">IFERROR(INDEX(Jesper!AH$2:AH$366,ROUNDDOWN($C484/24,0)+1,1)*INDEX($D$3:$AA$30,INDEX(Jesper!$R$2:$R$366,ROW(INDEX(Jesper!AH$2:AH$366,ROUNDDOWN($C484/24,0)+1,1))-1)+IF('Standard Profiles'!$G$18=$B$10,7,0)+IF('Standard Profiles'!$G$18=$B$17,14,0)+IF('Standard Profiles'!$G$18=$B$24,21,0),MOD($C484,24)+1)/SUM(INDEX($D$3:$AA$30,INDEX(Jesper!$R$2:$R$366,ROW(INDEX(Jesper!AH$2:AH$366,ROUNDDOWN($C484/24,0)+1,1))-1)+IF('Standard Profiles'!$G$18=$B$10,7,0)+IF('Standard Profiles'!$G$18=$B$17,14,0)+IF('Standard Profiles'!$G$18=$B$24,21,0),0)),0)</f>
        <v>6.0862661301766732</v>
      </c>
      <c r="E484" cm="1">
        <f t="array" ref="E484">IFERROR(INDEX(Jesper!AI$2:AI$366,ROUNDDOWN($C484/24,0)+1,1)*INDEX($D$3:$AA$30,INDEX(Jesper!$R$2:$R$366,ROW(INDEX(Jesper!AI$2:AI$366,ROUNDDOWN($C484/24,0)+1,1))-1)+IF('Standard Profiles'!$G$19=$B$10,7,0)+IF('Standard Profiles'!$G$19=$B$17,14,0)+IF('Standard Profiles'!$G$19=$B$24,21,0),MOD($C484,24)+1)/SUM(INDEX($D$3:$AA$30,INDEX(Jesper!$R$2:$R$366,ROW(INDEX(Jesper!AI$2:AI$366,ROUNDDOWN($C484/24,0)+1,1))-1)+IF('Standard Profiles'!$G$19=$B$10,7,0)+IF('Standard Profiles'!$G$19=$B$17,14,0)+IF('Standard Profiles'!$G$19=$B$24,21,0),0)),0)</f>
        <v>7.0977063527340887</v>
      </c>
      <c r="F484" cm="1">
        <f t="array" ref="F484">IFERROR(INDEX(Jesper!AJ$2:AJ$366,ROUNDDOWN($C484/24,0)+1,1)*INDEX($D$3:$AA$30,INDEX(Jesper!$R$2:$R$366,ROW(INDEX(Jesper!AJ$2:AJ$366,ROUNDDOWN($C484/24,0)+1,1))-1)+IF('Standard Profiles'!$G$20=$B$10,7,0)+IF('Standard Profiles'!$G$20=$B$17,14,0)+IF('Standard Profiles'!$G$20=$B$24,21,0),MOD($C484,24)+1)/SUM(INDEX($D$3:$AA$30,INDEX(Jesper!$R$2:$R$366,ROW(INDEX(Jesper!AJ$2:AJ$366,ROUNDDOWN($C484/24,0)+1,1))-1)+IF('Standard Profiles'!$G$20=$B$10,7,0)+IF('Standard Profiles'!$G$20=$B$17,14,0)+IF('Standard Profiles'!$G$20=$B$24,21,0),0)),0)</f>
        <v>0</v>
      </c>
      <c r="G484" cm="1">
        <f t="array" ref="G484">IFERROR(INDEX(Jesper!AK$2:AK$366,ROUNDDOWN($C484/24,0)+1,1)*INDEX($D$3:$AA$30,INDEX(Jesper!$R$2:$R$366,ROW(INDEX(Jesper!AK$2:AK$366,ROUNDDOWN($C484/24,0)+1,1))-1)+IF('Standard Profiles'!$G$21=$B$10,7,0)+IF('Standard Profiles'!$G$21=$B$17,14,0)+IF('Standard Profiles'!$G$21=$B$24,21,0),MOD($C484,24)+1)/SUM(INDEX($D$3:$AA$30,INDEX(Jesper!$R$2:$R$366,ROW(INDEX(Jesper!AK$2:AK$366,ROUNDDOWN($C484/24,0)+1,1))-1)+IF('Standard Profiles'!$G$21=$B$10,7,0)+IF('Standard Profiles'!$G$21=$B$17,14,0)+IF('Standard Profiles'!$G$21=$B$24,21,0),0)),0)</f>
        <v>8.7025782089004533</v>
      </c>
      <c r="H484" cm="1">
        <f t="array" ref="H484">IFERROR(INDEX(Jesper!AL$2:AL$366,ROUNDDOWN($C484/24,0)+1,1)*INDEX($D$3:$AA$30,INDEX(Jesper!$R$2:$R$366,ROW(INDEX(Jesper!AL$2:AL$366,ROUNDDOWN($C484/24,0)+1,1))-1)+IF('Standard Profiles'!$G$22=$B$10,7,0)+IF('Standard Profiles'!$G$22=$B$17,14,0)+IF('Standard Profiles'!$G$22=$B$24,21,0),MOD($C484,24)+1)/SUM(INDEX($D$3:$AA$30,INDEX(Jesper!$R$2:$R$366,ROW(INDEX(Jesper!AL$2:AL$366,ROUNDDOWN($C484/24,0)+1,1))-1)+IF('Standard Profiles'!$G$22=$B$10,7,0)+IF('Standard Profiles'!$G$22=$B$17,14,0)+IF('Standard Profiles'!$G$22=$B$24,21,0),0)),0)</f>
        <v>0</v>
      </c>
      <c r="I484">
        <f t="shared" si="69"/>
        <v>4.1772375402722153</v>
      </c>
      <c r="J484">
        <f t="shared" si="70"/>
        <v>16.735510570710733</v>
      </c>
      <c r="K484">
        <f t="shared" si="71"/>
        <v>0.64920172055217851</v>
      </c>
      <c r="L484">
        <f t="shared" si="72"/>
        <v>0.32460086027608925</v>
      </c>
      <c r="M484">
        <f t="shared" si="73"/>
        <v>0</v>
      </c>
      <c r="N484" s="45">
        <f t="shared" ref="N484:N547" si="74">N483+1/24</f>
        <v>44945.749999998909</v>
      </c>
    </row>
    <row r="485" spans="2:14" x14ac:dyDescent="0.25">
      <c r="B485">
        <f t="shared" si="68"/>
        <v>4</v>
      </c>
      <c r="C485" s="16">
        <v>451</v>
      </c>
      <c r="D485" cm="1">
        <f t="array" ref="D485">IFERROR(INDEX(Jesper!AH$2:AH$366,ROUNDDOWN($C485/24,0)+1,1)*INDEX($D$3:$AA$30,INDEX(Jesper!$R$2:$R$366,ROW(INDEX(Jesper!AH$2:AH$366,ROUNDDOWN($C485/24,0)+1,1))-1)+IF('Standard Profiles'!$G$18=$B$10,7,0)+IF('Standard Profiles'!$G$18=$B$17,14,0)+IF('Standard Profiles'!$G$18=$B$24,21,0),MOD($C485,24)+1)/SUM(INDEX($D$3:$AA$30,INDEX(Jesper!$R$2:$R$366,ROW(INDEX(Jesper!AH$2:AH$366,ROUNDDOWN($C485/24,0)+1,1))-1)+IF('Standard Profiles'!$G$18=$B$10,7,0)+IF('Standard Profiles'!$G$18=$B$17,14,0)+IF('Standard Profiles'!$G$18=$B$24,21,0),0)),0)</f>
        <v>6.0862661301766732</v>
      </c>
      <c r="E485" cm="1">
        <f t="array" ref="E485">IFERROR(INDEX(Jesper!AI$2:AI$366,ROUNDDOWN($C485/24,0)+1,1)*INDEX($D$3:$AA$30,INDEX(Jesper!$R$2:$R$366,ROW(INDEX(Jesper!AI$2:AI$366,ROUNDDOWN($C485/24,0)+1,1))-1)+IF('Standard Profiles'!$G$19=$B$10,7,0)+IF('Standard Profiles'!$G$19=$B$17,14,0)+IF('Standard Profiles'!$G$19=$B$24,21,0),MOD($C485,24)+1)/SUM(INDEX($D$3:$AA$30,INDEX(Jesper!$R$2:$R$366,ROW(INDEX(Jesper!AI$2:AI$366,ROUNDDOWN($C485/24,0)+1,1))-1)+IF('Standard Profiles'!$G$19=$B$10,7,0)+IF('Standard Profiles'!$G$19=$B$17,14,0)+IF('Standard Profiles'!$G$19=$B$24,21,0),0)),0)</f>
        <v>7.0977063527340887</v>
      </c>
      <c r="F485" cm="1">
        <f t="array" ref="F485">IFERROR(INDEX(Jesper!AJ$2:AJ$366,ROUNDDOWN($C485/24,0)+1,1)*INDEX($D$3:$AA$30,INDEX(Jesper!$R$2:$R$366,ROW(INDEX(Jesper!AJ$2:AJ$366,ROUNDDOWN($C485/24,0)+1,1))-1)+IF('Standard Profiles'!$G$20=$B$10,7,0)+IF('Standard Profiles'!$G$20=$B$17,14,0)+IF('Standard Profiles'!$G$20=$B$24,21,0),MOD($C485,24)+1)/SUM(INDEX($D$3:$AA$30,INDEX(Jesper!$R$2:$R$366,ROW(INDEX(Jesper!AJ$2:AJ$366,ROUNDDOWN($C485/24,0)+1,1))-1)+IF('Standard Profiles'!$G$20=$B$10,7,0)+IF('Standard Profiles'!$G$20=$B$17,14,0)+IF('Standard Profiles'!$G$20=$B$24,21,0),0)),0)</f>
        <v>0</v>
      </c>
      <c r="G485" cm="1">
        <f t="array" ref="G485">IFERROR(INDEX(Jesper!AK$2:AK$366,ROUNDDOWN($C485/24,0)+1,1)*INDEX($D$3:$AA$30,INDEX(Jesper!$R$2:$R$366,ROW(INDEX(Jesper!AK$2:AK$366,ROUNDDOWN($C485/24,0)+1,1))-1)+IF('Standard Profiles'!$G$21=$B$10,7,0)+IF('Standard Profiles'!$G$21=$B$17,14,0)+IF('Standard Profiles'!$G$21=$B$24,21,0),MOD($C485,24)+1)/SUM(INDEX($D$3:$AA$30,INDEX(Jesper!$R$2:$R$366,ROW(INDEX(Jesper!AK$2:AK$366,ROUNDDOWN($C485/24,0)+1,1))-1)+IF('Standard Profiles'!$G$21=$B$10,7,0)+IF('Standard Profiles'!$G$21=$B$17,14,0)+IF('Standard Profiles'!$G$21=$B$24,21,0),0)),0)</f>
        <v>8.7025782089004533</v>
      </c>
      <c r="H485" cm="1">
        <f t="array" ref="H485">IFERROR(INDEX(Jesper!AL$2:AL$366,ROUNDDOWN($C485/24,0)+1,1)*INDEX($D$3:$AA$30,INDEX(Jesper!$R$2:$R$366,ROW(INDEX(Jesper!AL$2:AL$366,ROUNDDOWN($C485/24,0)+1,1))-1)+IF('Standard Profiles'!$G$22=$B$10,7,0)+IF('Standard Profiles'!$G$22=$B$17,14,0)+IF('Standard Profiles'!$G$22=$B$24,21,0),MOD($C485,24)+1)/SUM(INDEX($D$3:$AA$30,INDEX(Jesper!$R$2:$R$366,ROW(INDEX(Jesper!AL$2:AL$366,ROUNDDOWN($C485/24,0)+1,1))-1)+IF('Standard Profiles'!$G$22=$B$10,7,0)+IF('Standard Profiles'!$G$22=$B$17,14,0)+IF('Standard Profiles'!$G$22=$B$24,21,0),0)),0)</f>
        <v>0</v>
      </c>
      <c r="I485">
        <f t="shared" si="69"/>
        <v>4.1772375402722153</v>
      </c>
      <c r="J485">
        <f t="shared" si="70"/>
        <v>16.735510570710733</v>
      </c>
      <c r="K485">
        <f t="shared" si="71"/>
        <v>0.64920172055217851</v>
      </c>
      <c r="L485">
        <f t="shared" si="72"/>
        <v>0.32460086027608925</v>
      </c>
      <c r="M485">
        <f t="shared" si="73"/>
        <v>0</v>
      </c>
      <c r="N485" s="45">
        <f t="shared" si="74"/>
        <v>44945.791666665573</v>
      </c>
    </row>
    <row r="486" spans="2:14" x14ac:dyDescent="0.25">
      <c r="B486">
        <f t="shared" si="68"/>
        <v>4</v>
      </c>
      <c r="C486" s="16">
        <v>452</v>
      </c>
      <c r="D486" cm="1">
        <f t="array" ref="D486">IFERROR(INDEX(Jesper!AH$2:AH$366,ROUNDDOWN($C486/24,0)+1,1)*INDEX($D$3:$AA$30,INDEX(Jesper!$R$2:$R$366,ROW(INDEX(Jesper!AH$2:AH$366,ROUNDDOWN($C486/24,0)+1,1))-1)+IF('Standard Profiles'!$G$18=$B$10,7,0)+IF('Standard Profiles'!$G$18=$B$17,14,0)+IF('Standard Profiles'!$G$18=$B$24,21,0),MOD($C486,24)+1)/SUM(INDEX($D$3:$AA$30,INDEX(Jesper!$R$2:$R$366,ROW(INDEX(Jesper!AH$2:AH$366,ROUNDDOWN($C486/24,0)+1,1))-1)+IF('Standard Profiles'!$G$18=$B$10,7,0)+IF('Standard Profiles'!$G$18=$B$17,14,0)+IF('Standard Profiles'!$G$18=$B$24,21,0),0)),0)</f>
        <v>6.0862661301766732</v>
      </c>
      <c r="E486" cm="1">
        <f t="array" ref="E486">IFERROR(INDEX(Jesper!AI$2:AI$366,ROUNDDOWN($C486/24,0)+1,1)*INDEX($D$3:$AA$30,INDEX(Jesper!$R$2:$R$366,ROW(INDEX(Jesper!AI$2:AI$366,ROUNDDOWN($C486/24,0)+1,1))-1)+IF('Standard Profiles'!$G$19=$B$10,7,0)+IF('Standard Profiles'!$G$19=$B$17,14,0)+IF('Standard Profiles'!$G$19=$B$24,21,0),MOD($C486,24)+1)/SUM(INDEX($D$3:$AA$30,INDEX(Jesper!$R$2:$R$366,ROW(INDEX(Jesper!AI$2:AI$366,ROUNDDOWN($C486/24,0)+1,1))-1)+IF('Standard Profiles'!$G$19=$B$10,7,0)+IF('Standard Profiles'!$G$19=$B$17,14,0)+IF('Standard Profiles'!$G$19=$B$24,21,0),0)),0)</f>
        <v>7.0977063527340887</v>
      </c>
      <c r="F486" cm="1">
        <f t="array" ref="F486">IFERROR(INDEX(Jesper!AJ$2:AJ$366,ROUNDDOWN($C486/24,0)+1,1)*INDEX($D$3:$AA$30,INDEX(Jesper!$R$2:$R$366,ROW(INDEX(Jesper!AJ$2:AJ$366,ROUNDDOWN($C486/24,0)+1,1))-1)+IF('Standard Profiles'!$G$20=$B$10,7,0)+IF('Standard Profiles'!$G$20=$B$17,14,0)+IF('Standard Profiles'!$G$20=$B$24,21,0),MOD($C486,24)+1)/SUM(INDEX($D$3:$AA$30,INDEX(Jesper!$R$2:$R$366,ROW(INDEX(Jesper!AJ$2:AJ$366,ROUNDDOWN($C486/24,0)+1,1))-1)+IF('Standard Profiles'!$G$20=$B$10,7,0)+IF('Standard Profiles'!$G$20=$B$17,14,0)+IF('Standard Profiles'!$G$20=$B$24,21,0),0)),0)</f>
        <v>0</v>
      </c>
      <c r="G486" cm="1">
        <f t="array" ref="G486">IFERROR(INDEX(Jesper!AK$2:AK$366,ROUNDDOWN($C486/24,0)+1,1)*INDEX($D$3:$AA$30,INDEX(Jesper!$R$2:$R$366,ROW(INDEX(Jesper!AK$2:AK$366,ROUNDDOWN($C486/24,0)+1,1))-1)+IF('Standard Profiles'!$G$21=$B$10,7,0)+IF('Standard Profiles'!$G$21=$B$17,14,0)+IF('Standard Profiles'!$G$21=$B$24,21,0),MOD($C486,24)+1)/SUM(INDEX($D$3:$AA$30,INDEX(Jesper!$R$2:$R$366,ROW(INDEX(Jesper!AK$2:AK$366,ROUNDDOWN($C486/24,0)+1,1))-1)+IF('Standard Profiles'!$G$21=$B$10,7,0)+IF('Standard Profiles'!$G$21=$B$17,14,0)+IF('Standard Profiles'!$G$21=$B$24,21,0),0)),0)</f>
        <v>8.7025782089004533</v>
      </c>
      <c r="H486" cm="1">
        <f t="array" ref="H486">IFERROR(INDEX(Jesper!AL$2:AL$366,ROUNDDOWN($C486/24,0)+1,1)*INDEX($D$3:$AA$30,INDEX(Jesper!$R$2:$R$366,ROW(INDEX(Jesper!AL$2:AL$366,ROUNDDOWN($C486/24,0)+1,1))-1)+IF('Standard Profiles'!$G$22=$B$10,7,0)+IF('Standard Profiles'!$G$22=$B$17,14,0)+IF('Standard Profiles'!$G$22=$B$24,21,0),MOD($C486,24)+1)/SUM(INDEX($D$3:$AA$30,INDEX(Jesper!$R$2:$R$366,ROW(INDEX(Jesper!AL$2:AL$366,ROUNDDOWN($C486/24,0)+1,1))-1)+IF('Standard Profiles'!$G$22=$B$10,7,0)+IF('Standard Profiles'!$G$22=$B$17,14,0)+IF('Standard Profiles'!$G$22=$B$24,21,0),0)),0)</f>
        <v>0</v>
      </c>
      <c r="I486">
        <f t="shared" si="69"/>
        <v>4.1772375402722153</v>
      </c>
      <c r="J486">
        <f t="shared" si="70"/>
        <v>16.735510570710733</v>
      </c>
      <c r="K486">
        <f t="shared" si="71"/>
        <v>0.64920172055217851</v>
      </c>
      <c r="L486">
        <f t="shared" si="72"/>
        <v>0.32460086027608925</v>
      </c>
      <c r="M486">
        <f t="shared" si="73"/>
        <v>0</v>
      </c>
      <c r="N486" s="45">
        <f t="shared" si="74"/>
        <v>44945.833333332237</v>
      </c>
    </row>
    <row r="487" spans="2:14" x14ac:dyDescent="0.25">
      <c r="B487">
        <f t="shared" si="68"/>
        <v>4</v>
      </c>
      <c r="C487" s="16">
        <v>453</v>
      </c>
      <c r="D487" cm="1">
        <f t="array" ref="D487">IFERROR(INDEX(Jesper!AH$2:AH$366,ROUNDDOWN($C487/24,0)+1,1)*INDEX($D$3:$AA$30,INDEX(Jesper!$R$2:$R$366,ROW(INDEX(Jesper!AH$2:AH$366,ROUNDDOWN($C487/24,0)+1,1))-1)+IF('Standard Profiles'!$G$18=$B$10,7,0)+IF('Standard Profiles'!$G$18=$B$17,14,0)+IF('Standard Profiles'!$G$18=$B$24,21,0),MOD($C487,24)+1)/SUM(INDEX($D$3:$AA$30,INDEX(Jesper!$R$2:$R$366,ROW(INDEX(Jesper!AH$2:AH$366,ROUNDDOWN($C487/24,0)+1,1))-1)+IF('Standard Profiles'!$G$18=$B$10,7,0)+IF('Standard Profiles'!$G$18=$B$17,14,0)+IF('Standard Profiles'!$G$18=$B$24,21,0),0)),0)</f>
        <v>6.0862661301766732</v>
      </c>
      <c r="E487" cm="1">
        <f t="array" ref="E487">IFERROR(INDEX(Jesper!AI$2:AI$366,ROUNDDOWN($C487/24,0)+1,1)*INDEX($D$3:$AA$30,INDEX(Jesper!$R$2:$R$366,ROW(INDEX(Jesper!AI$2:AI$366,ROUNDDOWN($C487/24,0)+1,1))-1)+IF('Standard Profiles'!$G$19=$B$10,7,0)+IF('Standard Profiles'!$G$19=$B$17,14,0)+IF('Standard Profiles'!$G$19=$B$24,21,0),MOD($C487,24)+1)/SUM(INDEX($D$3:$AA$30,INDEX(Jesper!$R$2:$R$366,ROW(INDEX(Jesper!AI$2:AI$366,ROUNDDOWN($C487/24,0)+1,1))-1)+IF('Standard Profiles'!$G$19=$B$10,7,0)+IF('Standard Profiles'!$G$19=$B$17,14,0)+IF('Standard Profiles'!$G$19=$B$24,21,0),0)),0)</f>
        <v>7.0977063527340887</v>
      </c>
      <c r="F487" cm="1">
        <f t="array" ref="F487">IFERROR(INDEX(Jesper!AJ$2:AJ$366,ROUNDDOWN($C487/24,0)+1,1)*INDEX($D$3:$AA$30,INDEX(Jesper!$R$2:$R$366,ROW(INDEX(Jesper!AJ$2:AJ$366,ROUNDDOWN($C487/24,0)+1,1))-1)+IF('Standard Profiles'!$G$20=$B$10,7,0)+IF('Standard Profiles'!$G$20=$B$17,14,0)+IF('Standard Profiles'!$G$20=$B$24,21,0),MOD($C487,24)+1)/SUM(INDEX($D$3:$AA$30,INDEX(Jesper!$R$2:$R$366,ROW(INDEX(Jesper!AJ$2:AJ$366,ROUNDDOWN($C487/24,0)+1,1))-1)+IF('Standard Profiles'!$G$20=$B$10,7,0)+IF('Standard Profiles'!$G$20=$B$17,14,0)+IF('Standard Profiles'!$G$20=$B$24,21,0),0)),0)</f>
        <v>0</v>
      </c>
      <c r="G487" cm="1">
        <f t="array" ref="G487">IFERROR(INDEX(Jesper!AK$2:AK$366,ROUNDDOWN($C487/24,0)+1,1)*INDEX($D$3:$AA$30,INDEX(Jesper!$R$2:$R$366,ROW(INDEX(Jesper!AK$2:AK$366,ROUNDDOWN($C487/24,0)+1,1))-1)+IF('Standard Profiles'!$G$21=$B$10,7,0)+IF('Standard Profiles'!$G$21=$B$17,14,0)+IF('Standard Profiles'!$G$21=$B$24,21,0),MOD($C487,24)+1)/SUM(INDEX($D$3:$AA$30,INDEX(Jesper!$R$2:$R$366,ROW(INDEX(Jesper!AK$2:AK$366,ROUNDDOWN($C487/24,0)+1,1))-1)+IF('Standard Profiles'!$G$21=$B$10,7,0)+IF('Standard Profiles'!$G$21=$B$17,14,0)+IF('Standard Profiles'!$G$21=$B$24,21,0),0)),0)</f>
        <v>8.7025782089004533</v>
      </c>
      <c r="H487" cm="1">
        <f t="array" ref="H487">IFERROR(INDEX(Jesper!AL$2:AL$366,ROUNDDOWN($C487/24,0)+1,1)*INDEX($D$3:$AA$30,INDEX(Jesper!$R$2:$R$366,ROW(INDEX(Jesper!AL$2:AL$366,ROUNDDOWN($C487/24,0)+1,1))-1)+IF('Standard Profiles'!$G$22=$B$10,7,0)+IF('Standard Profiles'!$G$22=$B$17,14,0)+IF('Standard Profiles'!$G$22=$B$24,21,0),MOD($C487,24)+1)/SUM(INDEX($D$3:$AA$30,INDEX(Jesper!$R$2:$R$366,ROW(INDEX(Jesper!AL$2:AL$366,ROUNDDOWN($C487/24,0)+1,1))-1)+IF('Standard Profiles'!$G$22=$B$10,7,0)+IF('Standard Profiles'!$G$22=$B$17,14,0)+IF('Standard Profiles'!$G$22=$B$24,21,0),0)),0)</f>
        <v>0</v>
      </c>
      <c r="I487">
        <f t="shared" si="69"/>
        <v>4.1772375402722153</v>
      </c>
      <c r="J487">
        <f t="shared" si="70"/>
        <v>16.735510570710733</v>
      </c>
      <c r="K487">
        <f t="shared" si="71"/>
        <v>0.64920172055217851</v>
      </c>
      <c r="L487">
        <f t="shared" si="72"/>
        <v>0.32460086027608925</v>
      </c>
      <c r="M487">
        <f t="shared" si="73"/>
        <v>0</v>
      </c>
      <c r="N487" s="45">
        <f t="shared" si="74"/>
        <v>44945.874999998901</v>
      </c>
    </row>
    <row r="488" spans="2:14" x14ac:dyDescent="0.25">
      <c r="B488">
        <f t="shared" si="68"/>
        <v>4</v>
      </c>
      <c r="C488" s="16">
        <v>454</v>
      </c>
      <c r="D488" cm="1">
        <f t="array" ref="D488">IFERROR(INDEX(Jesper!AH$2:AH$366,ROUNDDOWN($C488/24,0)+1,1)*INDEX($D$3:$AA$30,INDEX(Jesper!$R$2:$R$366,ROW(INDEX(Jesper!AH$2:AH$366,ROUNDDOWN($C488/24,0)+1,1))-1)+IF('Standard Profiles'!$G$18=$B$10,7,0)+IF('Standard Profiles'!$G$18=$B$17,14,0)+IF('Standard Profiles'!$G$18=$B$24,21,0),MOD($C488,24)+1)/SUM(INDEX($D$3:$AA$30,INDEX(Jesper!$R$2:$R$366,ROW(INDEX(Jesper!AH$2:AH$366,ROUNDDOWN($C488/24,0)+1,1))-1)+IF('Standard Profiles'!$G$18=$B$10,7,0)+IF('Standard Profiles'!$G$18=$B$17,14,0)+IF('Standard Profiles'!$G$18=$B$24,21,0),0)),0)</f>
        <v>6.0862661301766732</v>
      </c>
      <c r="E488" cm="1">
        <f t="array" ref="E488">IFERROR(INDEX(Jesper!AI$2:AI$366,ROUNDDOWN($C488/24,0)+1,1)*INDEX($D$3:$AA$30,INDEX(Jesper!$R$2:$R$366,ROW(INDEX(Jesper!AI$2:AI$366,ROUNDDOWN($C488/24,0)+1,1))-1)+IF('Standard Profiles'!$G$19=$B$10,7,0)+IF('Standard Profiles'!$G$19=$B$17,14,0)+IF('Standard Profiles'!$G$19=$B$24,21,0),MOD($C488,24)+1)/SUM(INDEX($D$3:$AA$30,INDEX(Jesper!$R$2:$R$366,ROW(INDEX(Jesper!AI$2:AI$366,ROUNDDOWN($C488/24,0)+1,1))-1)+IF('Standard Profiles'!$G$19=$B$10,7,0)+IF('Standard Profiles'!$G$19=$B$17,14,0)+IF('Standard Profiles'!$G$19=$B$24,21,0),0)),0)</f>
        <v>7.0977063527340887</v>
      </c>
      <c r="F488" cm="1">
        <f t="array" ref="F488">IFERROR(INDEX(Jesper!AJ$2:AJ$366,ROUNDDOWN($C488/24,0)+1,1)*INDEX($D$3:$AA$30,INDEX(Jesper!$R$2:$R$366,ROW(INDEX(Jesper!AJ$2:AJ$366,ROUNDDOWN($C488/24,0)+1,1))-1)+IF('Standard Profiles'!$G$20=$B$10,7,0)+IF('Standard Profiles'!$G$20=$B$17,14,0)+IF('Standard Profiles'!$G$20=$B$24,21,0),MOD($C488,24)+1)/SUM(INDEX($D$3:$AA$30,INDEX(Jesper!$R$2:$R$366,ROW(INDEX(Jesper!AJ$2:AJ$366,ROUNDDOWN($C488/24,0)+1,1))-1)+IF('Standard Profiles'!$G$20=$B$10,7,0)+IF('Standard Profiles'!$G$20=$B$17,14,0)+IF('Standard Profiles'!$G$20=$B$24,21,0),0)),0)</f>
        <v>0</v>
      </c>
      <c r="G488" cm="1">
        <f t="array" ref="G488">IFERROR(INDEX(Jesper!AK$2:AK$366,ROUNDDOWN($C488/24,0)+1,1)*INDEX($D$3:$AA$30,INDEX(Jesper!$R$2:$R$366,ROW(INDEX(Jesper!AK$2:AK$366,ROUNDDOWN($C488/24,0)+1,1))-1)+IF('Standard Profiles'!$G$21=$B$10,7,0)+IF('Standard Profiles'!$G$21=$B$17,14,0)+IF('Standard Profiles'!$G$21=$B$24,21,0),MOD($C488,24)+1)/SUM(INDEX($D$3:$AA$30,INDEX(Jesper!$R$2:$R$366,ROW(INDEX(Jesper!AK$2:AK$366,ROUNDDOWN($C488/24,0)+1,1))-1)+IF('Standard Profiles'!$G$21=$B$10,7,0)+IF('Standard Profiles'!$G$21=$B$17,14,0)+IF('Standard Profiles'!$G$21=$B$24,21,0),0)),0)</f>
        <v>8.7025782089004533</v>
      </c>
      <c r="H488" cm="1">
        <f t="array" ref="H488">IFERROR(INDEX(Jesper!AL$2:AL$366,ROUNDDOWN($C488/24,0)+1,1)*INDEX($D$3:$AA$30,INDEX(Jesper!$R$2:$R$366,ROW(INDEX(Jesper!AL$2:AL$366,ROUNDDOWN($C488/24,0)+1,1))-1)+IF('Standard Profiles'!$G$22=$B$10,7,0)+IF('Standard Profiles'!$G$22=$B$17,14,0)+IF('Standard Profiles'!$G$22=$B$24,21,0),MOD($C488,24)+1)/SUM(INDEX($D$3:$AA$30,INDEX(Jesper!$R$2:$R$366,ROW(INDEX(Jesper!AL$2:AL$366,ROUNDDOWN($C488/24,0)+1,1))-1)+IF('Standard Profiles'!$G$22=$B$10,7,0)+IF('Standard Profiles'!$G$22=$B$17,14,0)+IF('Standard Profiles'!$G$22=$B$24,21,0),0)),0)</f>
        <v>0</v>
      </c>
      <c r="I488">
        <f t="shared" si="69"/>
        <v>4.1772375402722153</v>
      </c>
      <c r="J488">
        <f t="shared" si="70"/>
        <v>16.735510570710733</v>
      </c>
      <c r="K488">
        <f t="shared" si="71"/>
        <v>0.64920172055217851</v>
      </c>
      <c r="L488">
        <f t="shared" si="72"/>
        <v>0.32460086027608925</v>
      </c>
      <c r="M488">
        <f t="shared" si="73"/>
        <v>0</v>
      </c>
      <c r="N488" s="45">
        <f t="shared" si="74"/>
        <v>44945.916666665566</v>
      </c>
    </row>
    <row r="489" spans="2:14" x14ac:dyDescent="0.25">
      <c r="B489">
        <f t="shared" si="68"/>
        <v>4</v>
      </c>
      <c r="C489" s="16">
        <v>455</v>
      </c>
      <c r="D489" cm="1">
        <f t="array" ref="D489">IFERROR(INDEX(Jesper!AH$2:AH$366,ROUNDDOWN($C489/24,0)+1,1)*INDEX($D$3:$AA$30,INDEX(Jesper!$R$2:$R$366,ROW(INDEX(Jesper!AH$2:AH$366,ROUNDDOWN($C489/24,0)+1,1))-1)+IF('Standard Profiles'!$G$18=$B$10,7,0)+IF('Standard Profiles'!$G$18=$B$17,14,0)+IF('Standard Profiles'!$G$18=$B$24,21,0),MOD($C489,24)+1)/SUM(INDEX($D$3:$AA$30,INDEX(Jesper!$R$2:$R$366,ROW(INDEX(Jesper!AH$2:AH$366,ROUNDDOWN($C489/24,0)+1,1))-1)+IF('Standard Profiles'!$G$18=$B$10,7,0)+IF('Standard Profiles'!$G$18=$B$17,14,0)+IF('Standard Profiles'!$G$18=$B$24,21,0),0)),0)</f>
        <v>6.0862661301766732</v>
      </c>
      <c r="E489" cm="1">
        <f t="array" ref="E489">IFERROR(INDEX(Jesper!AI$2:AI$366,ROUNDDOWN($C489/24,0)+1,1)*INDEX($D$3:$AA$30,INDEX(Jesper!$R$2:$R$366,ROW(INDEX(Jesper!AI$2:AI$366,ROUNDDOWN($C489/24,0)+1,1))-1)+IF('Standard Profiles'!$G$19=$B$10,7,0)+IF('Standard Profiles'!$G$19=$B$17,14,0)+IF('Standard Profiles'!$G$19=$B$24,21,0),MOD($C489,24)+1)/SUM(INDEX($D$3:$AA$30,INDEX(Jesper!$R$2:$R$366,ROW(INDEX(Jesper!AI$2:AI$366,ROUNDDOWN($C489/24,0)+1,1))-1)+IF('Standard Profiles'!$G$19=$B$10,7,0)+IF('Standard Profiles'!$G$19=$B$17,14,0)+IF('Standard Profiles'!$G$19=$B$24,21,0),0)),0)</f>
        <v>7.0977063527340887</v>
      </c>
      <c r="F489" cm="1">
        <f t="array" ref="F489">IFERROR(INDEX(Jesper!AJ$2:AJ$366,ROUNDDOWN($C489/24,0)+1,1)*INDEX($D$3:$AA$30,INDEX(Jesper!$R$2:$R$366,ROW(INDEX(Jesper!AJ$2:AJ$366,ROUNDDOWN($C489/24,0)+1,1))-1)+IF('Standard Profiles'!$G$20=$B$10,7,0)+IF('Standard Profiles'!$G$20=$B$17,14,0)+IF('Standard Profiles'!$G$20=$B$24,21,0),MOD($C489,24)+1)/SUM(INDEX($D$3:$AA$30,INDEX(Jesper!$R$2:$R$366,ROW(INDEX(Jesper!AJ$2:AJ$366,ROUNDDOWN($C489/24,0)+1,1))-1)+IF('Standard Profiles'!$G$20=$B$10,7,0)+IF('Standard Profiles'!$G$20=$B$17,14,0)+IF('Standard Profiles'!$G$20=$B$24,21,0),0)),0)</f>
        <v>0</v>
      </c>
      <c r="G489" cm="1">
        <f t="array" ref="G489">IFERROR(INDEX(Jesper!AK$2:AK$366,ROUNDDOWN($C489/24,0)+1,1)*INDEX($D$3:$AA$30,INDEX(Jesper!$R$2:$R$366,ROW(INDEX(Jesper!AK$2:AK$366,ROUNDDOWN($C489/24,0)+1,1))-1)+IF('Standard Profiles'!$G$21=$B$10,7,0)+IF('Standard Profiles'!$G$21=$B$17,14,0)+IF('Standard Profiles'!$G$21=$B$24,21,0),MOD($C489,24)+1)/SUM(INDEX($D$3:$AA$30,INDEX(Jesper!$R$2:$R$366,ROW(INDEX(Jesper!AK$2:AK$366,ROUNDDOWN($C489/24,0)+1,1))-1)+IF('Standard Profiles'!$G$21=$B$10,7,0)+IF('Standard Profiles'!$G$21=$B$17,14,0)+IF('Standard Profiles'!$G$21=$B$24,21,0),0)),0)</f>
        <v>8.7025782089004533</v>
      </c>
      <c r="H489" cm="1">
        <f t="array" ref="H489">IFERROR(INDEX(Jesper!AL$2:AL$366,ROUNDDOWN($C489/24,0)+1,1)*INDEX($D$3:$AA$30,INDEX(Jesper!$R$2:$R$366,ROW(INDEX(Jesper!AL$2:AL$366,ROUNDDOWN($C489/24,0)+1,1))-1)+IF('Standard Profiles'!$G$22=$B$10,7,0)+IF('Standard Profiles'!$G$22=$B$17,14,0)+IF('Standard Profiles'!$G$22=$B$24,21,0),MOD($C489,24)+1)/SUM(INDEX($D$3:$AA$30,INDEX(Jesper!$R$2:$R$366,ROW(INDEX(Jesper!AL$2:AL$366,ROUNDDOWN($C489/24,0)+1,1))-1)+IF('Standard Profiles'!$G$22=$B$10,7,0)+IF('Standard Profiles'!$G$22=$B$17,14,0)+IF('Standard Profiles'!$G$22=$B$24,21,0),0)),0)</f>
        <v>0</v>
      </c>
      <c r="I489">
        <f t="shared" si="69"/>
        <v>4.1772375402722153</v>
      </c>
      <c r="J489">
        <f t="shared" si="70"/>
        <v>16.735510570710733</v>
      </c>
      <c r="K489">
        <f t="shared" si="71"/>
        <v>0.64920172055217851</v>
      </c>
      <c r="L489">
        <f t="shared" si="72"/>
        <v>0.32460086027608925</v>
      </c>
      <c r="M489">
        <f t="shared" si="73"/>
        <v>0</v>
      </c>
      <c r="N489" s="45">
        <f t="shared" si="74"/>
        <v>44945.95833333223</v>
      </c>
    </row>
    <row r="490" spans="2:14" x14ac:dyDescent="0.25">
      <c r="B490">
        <f t="shared" si="68"/>
        <v>5</v>
      </c>
      <c r="C490" s="16">
        <v>456</v>
      </c>
      <c r="D490" cm="1">
        <f t="array" ref="D490">IFERROR(INDEX(Jesper!AH$2:AH$366,ROUNDDOWN($C490/24,0)+1,1)*INDEX($D$3:$AA$30,INDEX(Jesper!$R$2:$R$366,ROW(INDEX(Jesper!AH$2:AH$366,ROUNDDOWN($C490/24,0)+1,1))-1)+IF('Standard Profiles'!$G$18=$B$10,7,0)+IF('Standard Profiles'!$G$18=$B$17,14,0)+IF('Standard Profiles'!$G$18=$B$24,21,0),MOD($C490,24)+1)/SUM(INDEX($D$3:$AA$30,INDEX(Jesper!$R$2:$R$366,ROW(INDEX(Jesper!AH$2:AH$366,ROUNDDOWN($C490/24,0)+1,1))-1)+IF('Standard Profiles'!$G$18=$B$10,7,0)+IF('Standard Profiles'!$G$18=$B$17,14,0)+IF('Standard Profiles'!$G$18=$B$24,21,0),0)),0)</f>
        <v>9.6361207444887498</v>
      </c>
      <c r="E490" cm="1">
        <f t="array" ref="E490">IFERROR(INDEX(Jesper!AI$2:AI$366,ROUNDDOWN($C490/24,0)+1,1)*INDEX($D$3:$AA$30,INDEX(Jesper!$R$2:$R$366,ROW(INDEX(Jesper!AI$2:AI$366,ROUNDDOWN($C490/24,0)+1,1))-1)+IF('Standard Profiles'!$G$19=$B$10,7,0)+IF('Standard Profiles'!$G$19=$B$17,14,0)+IF('Standard Profiles'!$G$19=$B$24,21,0),MOD($C490,24)+1)/SUM(INDEX($D$3:$AA$30,INDEX(Jesper!$R$2:$R$366,ROW(INDEX(Jesper!AI$2:AI$366,ROUNDDOWN($C490/24,0)+1,1))-1)+IF('Standard Profiles'!$G$19=$B$10,7,0)+IF('Standard Profiles'!$G$19=$B$17,14,0)+IF('Standard Profiles'!$G$19=$B$24,21,0),0)),0)</f>
        <v>12.603817766087351</v>
      </c>
      <c r="F490" cm="1">
        <f t="array" ref="F490">IFERROR(INDEX(Jesper!AJ$2:AJ$366,ROUNDDOWN($C490/24,0)+1,1)*INDEX($D$3:$AA$30,INDEX(Jesper!$R$2:$R$366,ROW(INDEX(Jesper!AJ$2:AJ$366,ROUNDDOWN($C490/24,0)+1,1))-1)+IF('Standard Profiles'!$G$20=$B$10,7,0)+IF('Standard Profiles'!$G$20=$B$17,14,0)+IF('Standard Profiles'!$G$20=$B$24,21,0),MOD($C490,24)+1)/SUM(INDEX($D$3:$AA$30,INDEX(Jesper!$R$2:$R$366,ROW(INDEX(Jesper!AJ$2:AJ$366,ROUNDDOWN($C490/24,0)+1,1))-1)+IF('Standard Profiles'!$G$20=$B$10,7,0)+IF('Standard Profiles'!$G$20=$B$17,14,0)+IF('Standard Profiles'!$G$20=$B$24,21,0),0)),0)</f>
        <v>0</v>
      </c>
      <c r="G490" cm="1">
        <f t="array" ref="G490">IFERROR(INDEX(Jesper!AK$2:AK$366,ROUNDDOWN($C490/24,0)+1,1)*INDEX($D$3:$AA$30,INDEX(Jesper!$R$2:$R$366,ROW(INDEX(Jesper!AK$2:AK$366,ROUNDDOWN($C490/24,0)+1,1))-1)+IF('Standard Profiles'!$G$21=$B$10,7,0)+IF('Standard Profiles'!$G$21=$B$17,14,0)+IF('Standard Profiles'!$G$21=$B$24,21,0),MOD($C490,24)+1)/SUM(INDEX($D$3:$AA$30,INDEX(Jesper!$R$2:$R$366,ROW(INDEX(Jesper!AK$2:AK$366,ROUNDDOWN($C490/24,0)+1,1))-1)+IF('Standard Profiles'!$G$21=$B$10,7,0)+IF('Standard Profiles'!$G$21=$B$17,14,0)+IF('Standard Profiles'!$G$21=$B$24,21,0),0)),0)</f>
        <v>11.266079492858701</v>
      </c>
      <c r="H490" cm="1">
        <f t="array" ref="H490">IFERROR(INDEX(Jesper!AL$2:AL$366,ROUNDDOWN($C490/24,0)+1,1)*INDEX($D$3:$AA$30,INDEX(Jesper!$R$2:$R$366,ROW(INDEX(Jesper!AL$2:AL$366,ROUNDDOWN($C490/24,0)+1,1))-1)+IF('Standard Profiles'!$G$22=$B$10,7,0)+IF('Standard Profiles'!$G$22=$B$17,14,0)+IF('Standard Profiles'!$G$22=$B$24,21,0),MOD($C490,24)+1)/SUM(INDEX($D$3:$AA$30,INDEX(Jesper!$R$2:$R$366,ROW(INDEX(Jesper!AL$2:AL$366,ROUNDDOWN($C490/24,0)+1,1))-1)+IF('Standard Profiles'!$G$22=$B$10,7,0)+IF('Standard Profiles'!$G$22=$B$17,14,0)+IF('Standard Profiles'!$G$22=$B$24,21,0),0)),0)</f>
        <v>0</v>
      </c>
      <c r="I490">
        <f t="shared" si="69"/>
        <v>5.4077181565721739</v>
      </c>
      <c r="J490">
        <f t="shared" si="70"/>
        <v>26.556520527744429</v>
      </c>
      <c r="K490">
        <f t="shared" si="71"/>
        <v>1.0278528794121333</v>
      </c>
      <c r="L490">
        <f t="shared" si="72"/>
        <v>0.51392643970606666</v>
      </c>
      <c r="M490">
        <f t="shared" si="73"/>
        <v>0</v>
      </c>
      <c r="N490" s="45">
        <f t="shared" si="74"/>
        <v>44945.999999998894</v>
      </c>
    </row>
    <row r="491" spans="2:14" x14ac:dyDescent="0.25">
      <c r="B491">
        <f t="shared" si="68"/>
        <v>5</v>
      </c>
      <c r="C491" s="16">
        <v>457</v>
      </c>
      <c r="D491" cm="1">
        <f t="array" ref="D491">IFERROR(INDEX(Jesper!AH$2:AH$366,ROUNDDOWN($C491/24,0)+1,1)*INDEX($D$3:$AA$30,INDEX(Jesper!$R$2:$R$366,ROW(INDEX(Jesper!AH$2:AH$366,ROUNDDOWN($C491/24,0)+1,1))-1)+IF('Standard Profiles'!$G$18=$B$10,7,0)+IF('Standard Profiles'!$G$18=$B$17,14,0)+IF('Standard Profiles'!$G$18=$B$24,21,0),MOD($C491,24)+1)/SUM(INDEX($D$3:$AA$30,INDEX(Jesper!$R$2:$R$366,ROW(INDEX(Jesper!AH$2:AH$366,ROUNDDOWN($C491/24,0)+1,1))-1)+IF('Standard Profiles'!$G$18=$B$10,7,0)+IF('Standard Profiles'!$G$18=$B$17,14,0)+IF('Standard Profiles'!$G$18=$B$24,21,0),0)),0)</f>
        <v>5.84007317847803</v>
      </c>
      <c r="E491" cm="1">
        <f t="array" ref="E491">IFERROR(INDEX(Jesper!AI$2:AI$366,ROUNDDOWN($C491/24,0)+1,1)*INDEX($D$3:$AA$30,INDEX(Jesper!$R$2:$R$366,ROW(INDEX(Jesper!AI$2:AI$366,ROUNDDOWN($C491/24,0)+1,1))-1)+IF('Standard Profiles'!$G$19=$B$10,7,0)+IF('Standard Profiles'!$G$19=$B$17,14,0)+IF('Standard Profiles'!$G$19=$B$24,21,0),MOD($C491,24)+1)/SUM(INDEX($D$3:$AA$30,INDEX(Jesper!$R$2:$R$366,ROW(INDEX(Jesper!AI$2:AI$366,ROUNDDOWN($C491/24,0)+1,1))-1)+IF('Standard Profiles'!$G$19=$B$10,7,0)+IF('Standard Profiles'!$G$19=$B$17,14,0)+IF('Standard Profiles'!$G$19=$B$24,21,0),0)),0)</f>
        <v>7.638677433992334</v>
      </c>
      <c r="F491" cm="1">
        <f t="array" ref="F491">IFERROR(INDEX(Jesper!AJ$2:AJ$366,ROUNDDOWN($C491/24,0)+1,1)*INDEX($D$3:$AA$30,INDEX(Jesper!$R$2:$R$366,ROW(INDEX(Jesper!AJ$2:AJ$366,ROUNDDOWN($C491/24,0)+1,1))-1)+IF('Standard Profiles'!$G$20=$B$10,7,0)+IF('Standard Profiles'!$G$20=$B$17,14,0)+IF('Standard Profiles'!$G$20=$B$24,21,0),MOD($C491,24)+1)/SUM(INDEX($D$3:$AA$30,INDEX(Jesper!$R$2:$R$366,ROW(INDEX(Jesper!AJ$2:AJ$366,ROUNDDOWN($C491/24,0)+1,1))-1)+IF('Standard Profiles'!$G$20=$B$10,7,0)+IF('Standard Profiles'!$G$20=$B$17,14,0)+IF('Standard Profiles'!$G$20=$B$24,21,0),0)),0)</f>
        <v>0</v>
      </c>
      <c r="G491" cm="1">
        <f t="array" ref="G491">IFERROR(INDEX(Jesper!AK$2:AK$366,ROUNDDOWN($C491/24,0)+1,1)*INDEX($D$3:$AA$30,INDEX(Jesper!$R$2:$R$366,ROW(INDEX(Jesper!AK$2:AK$366,ROUNDDOWN($C491/24,0)+1,1))-1)+IF('Standard Profiles'!$G$21=$B$10,7,0)+IF('Standard Profiles'!$G$21=$B$17,14,0)+IF('Standard Profiles'!$G$21=$B$24,21,0),MOD($C491,24)+1)/SUM(INDEX($D$3:$AA$30,INDEX(Jesper!$R$2:$R$366,ROW(INDEX(Jesper!AK$2:AK$366,ROUNDDOWN($C491/24,0)+1,1))-1)+IF('Standard Profiles'!$G$21=$B$10,7,0)+IF('Standard Profiles'!$G$21=$B$17,14,0)+IF('Standard Profiles'!$G$21=$B$24,21,0),0)),0)</f>
        <v>11.266079492858701</v>
      </c>
      <c r="H491" cm="1">
        <f t="array" ref="H491">IFERROR(INDEX(Jesper!AL$2:AL$366,ROUNDDOWN($C491/24,0)+1,1)*INDEX($D$3:$AA$30,INDEX(Jesper!$R$2:$R$366,ROW(INDEX(Jesper!AL$2:AL$366,ROUNDDOWN($C491/24,0)+1,1))-1)+IF('Standard Profiles'!$G$22=$B$10,7,0)+IF('Standard Profiles'!$G$22=$B$17,14,0)+IF('Standard Profiles'!$G$22=$B$24,21,0),MOD($C491,24)+1)/SUM(INDEX($D$3:$AA$30,INDEX(Jesper!$R$2:$R$366,ROW(INDEX(Jesper!AL$2:AL$366,ROUNDDOWN($C491/24,0)+1,1))-1)+IF('Standard Profiles'!$G$22=$B$10,7,0)+IF('Standard Profiles'!$G$22=$B$17,14,0)+IF('Standard Profiles'!$G$22=$B$24,21,0),0)),0)</f>
        <v>0</v>
      </c>
      <c r="I491">
        <f t="shared" si="69"/>
        <v>5.4077181565721739</v>
      </c>
      <c r="J491">
        <f t="shared" si="70"/>
        <v>18.402700240200407</v>
      </c>
      <c r="K491">
        <f t="shared" si="71"/>
        <v>0.62294113903765658</v>
      </c>
      <c r="L491">
        <f t="shared" si="72"/>
        <v>0.31147056951882829</v>
      </c>
      <c r="M491">
        <f t="shared" si="73"/>
        <v>0</v>
      </c>
      <c r="N491" s="45">
        <f t="shared" si="74"/>
        <v>44946.041666665558</v>
      </c>
    </row>
    <row r="492" spans="2:14" x14ac:dyDescent="0.25">
      <c r="B492">
        <f t="shared" si="68"/>
        <v>5</v>
      </c>
      <c r="C492" s="16">
        <v>458</v>
      </c>
      <c r="D492" cm="1">
        <f t="array" ref="D492">IFERROR(INDEX(Jesper!AH$2:AH$366,ROUNDDOWN($C492/24,0)+1,1)*INDEX($D$3:$AA$30,INDEX(Jesper!$R$2:$R$366,ROW(INDEX(Jesper!AH$2:AH$366,ROUNDDOWN($C492/24,0)+1,1))-1)+IF('Standard Profiles'!$G$18=$B$10,7,0)+IF('Standard Profiles'!$G$18=$B$17,14,0)+IF('Standard Profiles'!$G$18=$B$24,21,0),MOD($C492,24)+1)/SUM(INDEX($D$3:$AA$30,INDEX(Jesper!$R$2:$R$366,ROW(INDEX(Jesper!AH$2:AH$366,ROUNDDOWN($C492/24,0)+1,1))-1)+IF('Standard Profiles'!$G$18=$B$10,7,0)+IF('Standard Profiles'!$G$18=$B$17,14,0)+IF('Standard Profiles'!$G$18=$B$24,21,0),0)),0)</f>
        <v>5.84007317847803</v>
      </c>
      <c r="E492" cm="1">
        <f t="array" ref="E492">IFERROR(INDEX(Jesper!AI$2:AI$366,ROUNDDOWN($C492/24,0)+1,1)*INDEX($D$3:$AA$30,INDEX(Jesper!$R$2:$R$366,ROW(INDEX(Jesper!AI$2:AI$366,ROUNDDOWN($C492/24,0)+1,1))-1)+IF('Standard Profiles'!$G$19=$B$10,7,0)+IF('Standard Profiles'!$G$19=$B$17,14,0)+IF('Standard Profiles'!$G$19=$B$24,21,0),MOD($C492,24)+1)/SUM(INDEX($D$3:$AA$30,INDEX(Jesper!$R$2:$R$366,ROW(INDEX(Jesper!AI$2:AI$366,ROUNDDOWN($C492/24,0)+1,1))-1)+IF('Standard Profiles'!$G$19=$B$10,7,0)+IF('Standard Profiles'!$G$19=$B$17,14,0)+IF('Standard Profiles'!$G$19=$B$24,21,0),0)),0)</f>
        <v>7.638677433992334</v>
      </c>
      <c r="F492" cm="1">
        <f t="array" ref="F492">IFERROR(INDEX(Jesper!AJ$2:AJ$366,ROUNDDOWN($C492/24,0)+1,1)*INDEX($D$3:$AA$30,INDEX(Jesper!$R$2:$R$366,ROW(INDEX(Jesper!AJ$2:AJ$366,ROUNDDOWN($C492/24,0)+1,1))-1)+IF('Standard Profiles'!$G$20=$B$10,7,0)+IF('Standard Profiles'!$G$20=$B$17,14,0)+IF('Standard Profiles'!$G$20=$B$24,21,0),MOD($C492,24)+1)/SUM(INDEX($D$3:$AA$30,INDEX(Jesper!$R$2:$R$366,ROW(INDEX(Jesper!AJ$2:AJ$366,ROUNDDOWN($C492/24,0)+1,1))-1)+IF('Standard Profiles'!$G$20=$B$10,7,0)+IF('Standard Profiles'!$G$20=$B$17,14,0)+IF('Standard Profiles'!$G$20=$B$24,21,0),0)),0)</f>
        <v>0</v>
      </c>
      <c r="G492" cm="1">
        <f t="array" ref="G492">IFERROR(INDEX(Jesper!AK$2:AK$366,ROUNDDOWN($C492/24,0)+1,1)*INDEX($D$3:$AA$30,INDEX(Jesper!$R$2:$R$366,ROW(INDEX(Jesper!AK$2:AK$366,ROUNDDOWN($C492/24,0)+1,1))-1)+IF('Standard Profiles'!$G$21=$B$10,7,0)+IF('Standard Profiles'!$G$21=$B$17,14,0)+IF('Standard Profiles'!$G$21=$B$24,21,0),MOD($C492,24)+1)/SUM(INDEX($D$3:$AA$30,INDEX(Jesper!$R$2:$R$366,ROW(INDEX(Jesper!AK$2:AK$366,ROUNDDOWN($C492/24,0)+1,1))-1)+IF('Standard Profiles'!$G$21=$B$10,7,0)+IF('Standard Profiles'!$G$21=$B$17,14,0)+IF('Standard Profiles'!$G$21=$B$24,21,0),0)),0)</f>
        <v>11.266079492858701</v>
      </c>
      <c r="H492" cm="1">
        <f t="array" ref="H492">IFERROR(INDEX(Jesper!AL$2:AL$366,ROUNDDOWN($C492/24,0)+1,1)*INDEX($D$3:$AA$30,INDEX(Jesper!$R$2:$R$366,ROW(INDEX(Jesper!AL$2:AL$366,ROUNDDOWN($C492/24,0)+1,1))-1)+IF('Standard Profiles'!$G$22=$B$10,7,0)+IF('Standard Profiles'!$G$22=$B$17,14,0)+IF('Standard Profiles'!$G$22=$B$24,21,0),MOD($C492,24)+1)/SUM(INDEX($D$3:$AA$30,INDEX(Jesper!$R$2:$R$366,ROW(INDEX(Jesper!AL$2:AL$366,ROUNDDOWN($C492/24,0)+1,1))-1)+IF('Standard Profiles'!$G$22=$B$10,7,0)+IF('Standard Profiles'!$G$22=$B$17,14,0)+IF('Standard Profiles'!$G$22=$B$24,21,0),0)),0)</f>
        <v>0</v>
      </c>
      <c r="I492">
        <f t="shared" si="69"/>
        <v>5.4077181565721739</v>
      </c>
      <c r="J492">
        <f t="shared" si="70"/>
        <v>18.402700240200407</v>
      </c>
      <c r="K492">
        <f t="shared" si="71"/>
        <v>0.62294113903765658</v>
      </c>
      <c r="L492">
        <f t="shared" si="72"/>
        <v>0.31147056951882829</v>
      </c>
      <c r="M492">
        <f t="shared" si="73"/>
        <v>0</v>
      </c>
      <c r="N492" s="45">
        <f t="shared" si="74"/>
        <v>44946.083333332223</v>
      </c>
    </row>
    <row r="493" spans="2:14" x14ac:dyDescent="0.25">
      <c r="B493">
        <f t="shared" si="68"/>
        <v>5</v>
      </c>
      <c r="C493" s="16">
        <v>459</v>
      </c>
      <c r="D493" cm="1">
        <f t="array" ref="D493">IFERROR(INDEX(Jesper!AH$2:AH$366,ROUNDDOWN($C493/24,0)+1,1)*INDEX($D$3:$AA$30,INDEX(Jesper!$R$2:$R$366,ROW(INDEX(Jesper!AH$2:AH$366,ROUNDDOWN($C493/24,0)+1,1))-1)+IF('Standard Profiles'!$G$18=$B$10,7,0)+IF('Standard Profiles'!$G$18=$B$17,14,0)+IF('Standard Profiles'!$G$18=$B$24,21,0),MOD($C493,24)+1)/SUM(INDEX($D$3:$AA$30,INDEX(Jesper!$R$2:$R$366,ROW(INDEX(Jesper!AH$2:AH$366,ROUNDDOWN($C493/24,0)+1,1))-1)+IF('Standard Profiles'!$G$18=$B$10,7,0)+IF('Standard Profiles'!$G$18=$B$17,14,0)+IF('Standard Profiles'!$G$18=$B$24,21,0),0)),0)</f>
        <v>5.84007317847803</v>
      </c>
      <c r="E493" cm="1">
        <f t="array" ref="E493">IFERROR(INDEX(Jesper!AI$2:AI$366,ROUNDDOWN($C493/24,0)+1,1)*INDEX($D$3:$AA$30,INDEX(Jesper!$R$2:$R$366,ROW(INDEX(Jesper!AI$2:AI$366,ROUNDDOWN($C493/24,0)+1,1))-1)+IF('Standard Profiles'!$G$19=$B$10,7,0)+IF('Standard Profiles'!$G$19=$B$17,14,0)+IF('Standard Profiles'!$G$19=$B$24,21,0),MOD($C493,24)+1)/SUM(INDEX($D$3:$AA$30,INDEX(Jesper!$R$2:$R$366,ROW(INDEX(Jesper!AI$2:AI$366,ROUNDDOWN($C493/24,0)+1,1))-1)+IF('Standard Profiles'!$G$19=$B$10,7,0)+IF('Standard Profiles'!$G$19=$B$17,14,0)+IF('Standard Profiles'!$G$19=$B$24,21,0),0)),0)</f>
        <v>7.638677433992334</v>
      </c>
      <c r="F493" cm="1">
        <f t="array" ref="F493">IFERROR(INDEX(Jesper!AJ$2:AJ$366,ROUNDDOWN($C493/24,0)+1,1)*INDEX($D$3:$AA$30,INDEX(Jesper!$R$2:$R$366,ROW(INDEX(Jesper!AJ$2:AJ$366,ROUNDDOWN($C493/24,0)+1,1))-1)+IF('Standard Profiles'!$G$20=$B$10,7,0)+IF('Standard Profiles'!$G$20=$B$17,14,0)+IF('Standard Profiles'!$G$20=$B$24,21,0),MOD($C493,24)+1)/SUM(INDEX($D$3:$AA$30,INDEX(Jesper!$R$2:$R$366,ROW(INDEX(Jesper!AJ$2:AJ$366,ROUNDDOWN($C493/24,0)+1,1))-1)+IF('Standard Profiles'!$G$20=$B$10,7,0)+IF('Standard Profiles'!$G$20=$B$17,14,0)+IF('Standard Profiles'!$G$20=$B$24,21,0),0)),0)</f>
        <v>0</v>
      </c>
      <c r="G493" cm="1">
        <f t="array" ref="G493">IFERROR(INDEX(Jesper!AK$2:AK$366,ROUNDDOWN($C493/24,0)+1,1)*INDEX($D$3:$AA$30,INDEX(Jesper!$R$2:$R$366,ROW(INDEX(Jesper!AK$2:AK$366,ROUNDDOWN($C493/24,0)+1,1))-1)+IF('Standard Profiles'!$G$21=$B$10,7,0)+IF('Standard Profiles'!$G$21=$B$17,14,0)+IF('Standard Profiles'!$G$21=$B$24,21,0),MOD($C493,24)+1)/SUM(INDEX($D$3:$AA$30,INDEX(Jesper!$R$2:$R$366,ROW(INDEX(Jesper!AK$2:AK$366,ROUNDDOWN($C493/24,0)+1,1))-1)+IF('Standard Profiles'!$G$21=$B$10,7,0)+IF('Standard Profiles'!$G$21=$B$17,14,0)+IF('Standard Profiles'!$G$21=$B$24,21,0),0)),0)</f>
        <v>11.266079492858701</v>
      </c>
      <c r="H493" cm="1">
        <f t="array" ref="H493">IFERROR(INDEX(Jesper!AL$2:AL$366,ROUNDDOWN($C493/24,0)+1,1)*INDEX($D$3:$AA$30,INDEX(Jesper!$R$2:$R$366,ROW(INDEX(Jesper!AL$2:AL$366,ROUNDDOWN($C493/24,0)+1,1))-1)+IF('Standard Profiles'!$G$22=$B$10,7,0)+IF('Standard Profiles'!$G$22=$B$17,14,0)+IF('Standard Profiles'!$G$22=$B$24,21,0),MOD($C493,24)+1)/SUM(INDEX($D$3:$AA$30,INDEX(Jesper!$R$2:$R$366,ROW(INDEX(Jesper!AL$2:AL$366,ROUNDDOWN($C493/24,0)+1,1))-1)+IF('Standard Profiles'!$G$22=$B$10,7,0)+IF('Standard Profiles'!$G$22=$B$17,14,0)+IF('Standard Profiles'!$G$22=$B$24,21,0),0)),0)</f>
        <v>0</v>
      </c>
      <c r="I493">
        <f t="shared" si="69"/>
        <v>5.4077181565721739</v>
      </c>
      <c r="J493">
        <f t="shared" si="70"/>
        <v>18.402700240200407</v>
      </c>
      <c r="K493">
        <f t="shared" si="71"/>
        <v>0.62294113903765658</v>
      </c>
      <c r="L493">
        <f t="shared" si="72"/>
        <v>0.31147056951882829</v>
      </c>
      <c r="M493">
        <f t="shared" si="73"/>
        <v>0</v>
      </c>
      <c r="N493" s="45">
        <f t="shared" si="74"/>
        <v>44946.124999998887</v>
      </c>
    </row>
    <row r="494" spans="2:14" x14ac:dyDescent="0.25">
      <c r="B494">
        <f t="shared" si="68"/>
        <v>5</v>
      </c>
      <c r="C494" s="16">
        <v>460</v>
      </c>
      <c r="D494" cm="1">
        <f t="array" ref="D494">IFERROR(INDEX(Jesper!AH$2:AH$366,ROUNDDOWN($C494/24,0)+1,1)*INDEX($D$3:$AA$30,INDEX(Jesper!$R$2:$R$366,ROW(INDEX(Jesper!AH$2:AH$366,ROUNDDOWN($C494/24,0)+1,1))-1)+IF('Standard Profiles'!$G$18=$B$10,7,0)+IF('Standard Profiles'!$G$18=$B$17,14,0)+IF('Standard Profiles'!$G$18=$B$24,21,0),MOD($C494,24)+1)/SUM(INDEX($D$3:$AA$30,INDEX(Jesper!$R$2:$R$366,ROW(INDEX(Jesper!AH$2:AH$366,ROUNDDOWN($C494/24,0)+1,1))-1)+IF('Standard Profiles'!$G$18=$B$10,7,0)+IF('Standard Profiles'!$G$18=$B$17,14,0)+IF('Standard Profiles'!$G$18=$B$24,21,0),0)),0)</f>
        <v>5.84007317847803</v>
      </c>
      <c r="E494" cm="1">
        <f t="array" ref="E494">IFERROR(INDEX(Jesper!AI$2:AI$366,ROUNDDOWN($C494/24,0)+1,1)*INDEX($D$3:$AA$30,INDEX(Jesper!$R$2:$R$366,ROW(INDEX(Jesper!AI$2:AI$366,ROUNDDOWN($C494/24,0)+1,1))-1)+IF('Standard Profiles'!$G$19=$B$10,7,0)+IF('Standard Profiles'!$G$19=$B$17,14,0)+IF('Standard Profiles'!$G$19=$B$24,21,0),MOD($C494,24)+1)/SUM(INDEX($D$3:$AA$30,INDEX(Jesper!$R$2:$R$366,ROW(INDEX(Jesper!AI$2:AI$366,ROUNDDOWN($C494/24,0)+1,1))-1)+IF('Standard Profiles'!$G$19=$B$10,7,0)+IF('Standard Profiles'!$G$19=$B$17,14,0)+IF('Standard Profiles'!$G$19=$B$24,21,0),0)),0)</f>
        <v>7.638677433992334</v>
      </c>
      <c r="F494" cm="1">
        <f t="array" ref="F494">IFERROR(INDEX(Jesper!AJ$2:AJ$366,ROUNDDOWN($C494/24,0)+1,1)*INDEX($D$3:$AA$30,INDEX(Jesper!$R$2:$R$366,ROW(INDEX(Jesper!AJ$2:AJ$366,ROUNDDOWN($C494/24,0)+1,1))-1)+IF('Standard Profiles'!$G$20=$B$10,7,0)+IF('Standard Profiles'!$G$20=$B$17,14,0)+IF('Standard Profiles'!$G$20=$B$24,21,0),MOD($C494,24)+1)/SUM(INDEX($D$3:$AA$30,INDEX(Jesper!$R$2:$R$366,ROW(INDEX(Jesper!AJ$2:AJ$366,ROUNDDOWN($C494/24,0)+1,1))-1)+IF('Standard Profiles'!$G$20=$B$10,7,0)+IF('Standard Profiles'!$G$20=$B$17,14,0)+IF('Standard Profiles'!$G$20=$B$24,21,0),0)),0)</f>
        <v>0</v>
      </c>
      <c r="G494" cm="1">
        <f t="array" ref="G494">IFERROR(INDEX(Jesper!AK$2:AK$366,ROUNDDOWN($C494/24,0)+1,1)*INDEX($D$3:$AA$30,INDEX(Jesper!$R$2:$R$366,ROW(INDEX(Jesper!AK$2:AK$366,ROUNDDOWN($C494/24,0)+1,1))-1)+IF('Standard Profiles'!$G$21=$B$10,7,0)+IF('Standard Profiles'!$G$21=$B$17,14,0)+IF('Standard Profiles'!$G$21=$B$24,21,0),MOD($C494,24)+1)/SUM(INDEX($D$3:$AA$30,INDEX(Jesper!$R$2:$R$366,ROW(INDEX(Jesper!AK$2:AK$366,ROUNDDOWN($C494/24,0)+1,1))-1)+IF('Standard Profiles'!$G$21=$B$10,7,0)+IF('Standard Profiles'!$G$21=$B$17,14,0)+IF('Standard Profiles'!$G$21=$B$24,21,0),0)),0)</f>
        <v>11.266079492858701</v>
      </c>
      <c r="H494" cm="1">
        <f t="array" ref="H494">IFERROR(INDEX(Jesper!AL$2:AL$366,ROUNDDOWN($C494/24,0)+1,1)*INDEX($D$3:$AA$30,INDEX(Jesper!$R$2:$R$366,ROW(INDEX(Jesper!AL$2:AL$366,ROUNDDOWN($C494/24,0)+1,1))-1)+IF('Standard Profiles'!$G$22=$B$10,7,0)+IF('Standard Profiles'!$G$22=$B$17,14,0)+IF('Standard Profiles'!$G$22=$B$24,21,0),MOD($C494,24)+1)/SUM(INDEX($D$3:$AA$30,INDEX(Jesper!$R$2:$R$366,ROW(INDEX(Jesper!AL$2:AL$366,ROUNDDOWN($C494/24,0)+1,1))-1)+IF('Standard Profiles'!$G$22=$B$10,7,0)+IF('Standard Profiles'!$G$22=$B$17,14,0)+IF('Standard Profiles'!$G$22=$B$24,21,0),0)),0)</f>
        <v>0</v>
      </c>
      <c r="I494">
        <f t="shared" si="69"/>
        <v>5.4077181565721739</v>
      </c>
      <c r="J494">
        <f t="shared" si="70"/>
        <v>18.402700240200407</v>
      </c>
      <c r="K494">
        <f t="shared" si="71"/>
        <v>0.62294113903765658</v>
      </c>
      <c r="L494">
        <f t="shared" si="72"/>
        <v>0.31147056951882829</v>
      </c>
      <c r="M494">
        <f t="shared" si="73"/>
        <v>0</v>
      </c>
      <c r="N494" s="45">
        <f t="shared" si="74"/>
        <v>44946.166666665551</v>
      </c>
    </row>
    <row r="495" spans="2:14" x14ac:dyDescent="0.25">
      <c r="B495">
        <f t="shared" si="68"/>
        <v>5</v>
      </c>
      <c r="C495" s="16">
        <v>461</v>
      </c>
      <c r="D495" cm="1">
        <f t="array" ref="D495">IFERROR(INDEX(Jesper!AH$2:AH$366,ROUNDDOWN($C495/24,0)+1,1)*INDEX($D$3:$AA$30,INDEX(Jesper!$R$2:$R$366,ROW(INDEX(Jesper!AH$2:AH$366,ROUNDDOWN($C495/24,0)+1,1))-1)+IF('Standard Profiles'!$G$18=$B$10,7,0)+IF('Standard Profiles'!$G$18=$B$17,14,0)+IF('Standard Profiles'!$G$18=$B$24,21,0),MOD($C495,24)+1)/SUM(INDEX($D$3:$AA$30,INDEX(Jesper!$R$2:$R$366,ROW(INDEX(Jesper!AH$2:AH$366,ROUNDDOWN($C495/24,0)+1,1))-1)+IF('Standard Profiles'!$G$18=$B$10,7,0)+IF('Standard Profiles'!$G$18=$B$17,14,0)+IF('Standard Profiles'!$G$18=$B$24,21,0),0)),0)</f>
        <v>5.84007317847803</v>
      </c>
      <c r="E495" cm="1">
        <f t="array" ref="E495">IFERROR(INDEX(Jesper!AI$2:AI$366,ROUNDDOWN($C495/24,0)+1,1)*INDEX($D$3:$AA$30,INDEX(Jesper!$R$2:$R$366,ROW(INDEX(Jesper!AI$2:AI$366,ROUNDDOWN($C495/24,0)+1,1))-1)+IF('Standard Profiles'!$G$19=$B$10,7,0)+IF('Standard Profiles'!$G$19=$B$17,14,0)+IF('Standard Profiles'!$G$19=$B$24,21,0),MOD($C495,24)+1)/SUM(INDEX($D$3:$AA$30,INDEX(Jesper!$R$2:$R$366,ROW(INDEX(Jesper!AI$2:AI$366,ROUNDDOWN($C495/24,0)+1,1))-1)+IF('Standard Profiles'!$G$19=$B$10,7,0)+IF('Standard Profiles'!$G$19=$B$17,14,0)+IF('Standard Profiles'!$G$19=$B$24,21,0),0)),0)</f>
        <v>7.638677433992334</v>
      </c>
      <c r="F495" cm="1">
        <f t="array" ref="F495">IFERROR(INDEX(Jesper!AJ$2:AJ$366,ROUNDDOWN($C495/24,0)+1,1)*INDEX($D$3:$AA$30,INDEX(Jesper!$R$2:$R$366,ROW(INDEX(Jesper!AJ$2:AJ$366,ROUNDDOWN($C495/24,0)+1,1))-1)+IF('Standard Profiles'!$G$20=$B$10,7,0)+IF('Standard Profiles'!$G$20=$B$17,14,0)+IF('Standard Profiles'!$G$20=$B$24,21,0),MOD($C495,24)+1)/SUM(INDEX($D$3:$AA$30,INDEX(Jesper!$R$2:$R$366,ROW(INDEX(Jesper!AJ$2:AJ$366,ROUNDDOWN($C495/24,0)+1,1))-1)+IF('Standard Profiles'!$G$20=$B$10,7,0)+IF('Standard Profiles'!$G$20=$B$17,14,0)+IF('Standard Profiles'!$G$20=$B$24,21,0),0)),0)</f>
        <v>0</v>
      </c>
      <c r="G495" cm="1">
        <f t="array" ref="G495">IFERROR(INDEX(Jesper!AK$2:AK$366,ROUNDDOWN($C495/24,0)+1,1)*INDEX($D$3:$AA$30,INDEX(Jesper!$R$2:$R$366,ROW(INDEX(Jesper!AK$2:AK$366,ROUNDDOWN($C495/24,0)+1,1))-1)+IF('Standard Profiles'!$G$21=$B$10,7,0)+IF('Standard Profiles'!$G$21=$B$17,14,0)+IF('Standard Profiles'!$G$21=$B$24,21,0),MOD($C495,24)+1)/SUM(INDEX($D$3:$AA$30,INDEX(Jesper!$R$2:$R$366,ROW(INDEX(Jesper!AK$2:AK$366,ROUNDDOWN($C495/24,0)+1,1))-1)+IF('Standard Profiles'!$G$21=$B$10,7,0)+IF('Standard Profiles'!$G$21=$B$17,14,0)+IF('Standard Profiles'!$G$21=$B$24,21,0),0)),0)</f>
        <v>11.266079492858701</v>
      </c>
      <c r="H495" cm="1">
        <f t="array" ref="H495">IFERROR(INDEX(Jesper!AL$2:AL$366,ROUNDDOWN($C495/24,0)+1,1)*INDEX($D$3:$AA$30,INDEX(Jesper!$R$2:$R$366,ROW(INDEX(Jesper!AL$2:AL$366,ROUNDDOWN($C495/24,0)+1,1))-1)+IF('Standard Profiles'!$G$22=$B$10,7,0)+IF('Standard Profiles'!$G$22=$B$17,14,0)+IF('Standard Profiles'!$G$22=$B$24,21,0),MOD($C495,24)+1)/SUM(INDEX($D$3:$AA$30,INDEX(Jesper!$R$2:$R$366,ROW(INDEX(Jesper!AL$2:AL$366,ROUNDDOWN($C495/24,0)+1,1))-1)+IF('Standard Profiles'!$G$22=$B$10,7,0)+IF('Standard Profiles'!$G$22=$B$17,14,0)+IF('Standard Profiles'!$G$22=$B$24,21,0),0)),0)</f>
        <v>0</v>
      </c>
      <c r="I495">
        <f t="shared" si="69"/>
        <v>5.4077181565721739</v>
      </c>
      <c r="J495">
        <f t="shared" si="70"/>
        <v>18.402700240200407</v>
      </c>
      <c r="K495">
        <f t="shared" si="71"/>
        <v>0.62294113903765658</v>
      </c>
      <c r="L495">
        <f t="shared" si="72"/>
        <v>0.31147056951882829</v>
      </c>
      <c r="M495">
        <f t="shared" si="73"/>
        <v>0</v>
      </c>
      <c r="N495" s="45">
        <f t="shared" si="74"/>
        <v>44946.208333332215</v>
      </c>
    </row>
    <row r="496" spans="2:14" x14ac:dyDescent="0.25">
      <c r="B496">
        <f t="shared" si="68"/>
        <v>5</v>
      </c>
      <c r="C496" s="16">
        <v>462</v>
      </c>
      <c r="D496" cm="1">
        <f t="array" ref="D496">IFERROR(INDEX(Jesper!AH$2:AH$366,ROUNDDOWN($C496/24,0)+1,1)*INDEX($D$3:$AA$30,INDEX(Jesper!$R$2:$R$366,ROW(INDEX(Jesper!AH$2:AH$366,ROUNDDOWN($C496/24,0)+1,1))-1)+IF('Standard Profiles'!$G$18=$B$10,7,0)+IF('Standard Profiles'!$G$18=$B$17,14,0)+IF('Standard Profiles'!$G$18=$B$24,21,0),MOD($C496,24)+1)/SUM(INDEX($D$3:$AA$30,INDEX(Jesper!$R$2:$R$366,ROW(INDEX(Jesper!AH$2:AH$366,ROUNDDOWN($C496/24,0)+1,1))-1)+IF('Standard Profiles'!$G$18=$B$10,7,0)+IF('Standard Profiles'!$G$18=$B$17,14,0)+IF('Standard Profiles'!$G$18=$B$24,21,0),0)),0)</f>
        <v>5.84007317847803</v>
      </c>
      <c r="E496" cm="1">
        <f t="array" ref="E496">IFERROR(INDEX(Jesper!AI$2:AI$366,ROUNDDOWN($C496/24,0)+1,1)*INDEX($D$3:$AA$30,INDEX(Jesper!$R$2:$R$366,ROW(INDEX(Jesper!AI$2:AI$366,ROUNDDOWN($C496/24,0)+1,1))-1)+IF('Standard Profiles'!$G$19=$B$10,7,0)+IF('Standard Profiles'!$G$19=$B$17,14,0)+IF('Standard Profiles'!$G$19=$B$24,21,0),MOD($C496,24)+1)/SUM(INDEX($D$3:$AA$30,INDEX(Jesper!$R$2:$R$366,ROW(INDEX(Jesper!AI$2:AI$366,ROUNDDOWN($C496/24,0)+1,1))-1)+IF('Standard Profiles'!$G$19=$B$10,7,0)+IF('Standard Profiles'!$G$19=$B$17,14,0)+IF('Standard Profiles'!$G$19=$B$24,21,0),0)),0)</f>
        <v>7.638677433992334</v>
      </c>
      <c r="F496" cm="1">
        <f t="array" ref="F496">IFERROR(INDEX(Jesper!AJ$2:AJ$366,ROUNDDOWN($C496/24,0)+1,1)*INDEX($D$3:$AA$30,INDEX(Jesper!$R$2:$R$366,ROW(INDEX(Jesper!AJ$2:AJ$366,ROUNDDOWN($C496/24,0)+1,1))-1)+IF('Standard Profiles'!$G$20=$B$10,7,0)+IF('Standard Profiles'!$G$20=$B$17,14,0)+IF('Standard Profiles'!$G$20=$B$24,21,0),MOD($C496,24)+1)/SUM(INDEX($D$3:$AA$30,INDEX(Jesper!$R$2:$R$366,ROW(INDEX(Jesper!AJ$2:AJ$366,ROUNDDOWN($C496/24,0)+1,1))-1)+IF('Standard Profiles'!$G$20=$B$10,7,0)+IF('Standard Profiles'!$G$20=$B$17,14,0)+IF('Standard Profiles'!$G$20=$B$24,21,0),0)),0)</f>
        <v>0</v>
      </c>
      <c r="G496" cm="1">
        <f t="array" ref="G496">IFERROR(INDEX(Jesper!AK$2:AK$366,ROUNDDOWN($C496/24,0)+1,1)*INDEX($D$3:$AA$30,INDEX(Jesper!$R$2:$R$366,ROW(INDEX(Jesper!AK$2:AK$366,ROUNDDOWN($C496/24,0)+1,1))-1)+IF('Standard Profiles'!$G$21=$B$10,7,0)+IF('Standard Profiles'!$G$21=$B$17,14,0)+IF('Standard Profiles'!$G$21=$B$24,21,0),MOD($C496,24)+1)/SUM(INDEX($D$3:$AA$30,INDEX(Jesper!$R$2:$R$366,ROW(INDEX(Jesper!AK$2:AK$366,ROUNDDOWN($C496/24,0)+1,1))-1)+IF('Standard Profiles'!$G$21=$B$10,7,0)+IF('Standard Profiles'!$G$21=$B$17,14,0)+IF('Standard Profiles'!$G$21=$B$24,21,0),0)),0)</f>
        <v>11.266079492858701</v>
      </c>
      <c r="H496" cm="1">
        <f t="array" ref="H496">IFERROR(INDEX(Jesper!AL$2:AL$366,ROUNDDOWN($C496/24,0)+1,1)*INDEX($D$3:$AA$30,INDEX(Jesper!$R$2:$R$366,ROW(INDEX(Jesper!AL$2:AL$366,ROUNDDOWN($C496/24,0)+1,1))-1)+IF('Standard Profiles'!$G$22=$B$10,7,0)+IF('Standard Profiles'!$G$22=$B$17,14,0)+IF('Standard Profiles'!$G$22=$B$24,21,0),MOD($C496,24)+1)/SUM(INDEX($D$3:$AA$30,INDEX(Jesper!$R$2:$R$366,ROW(INDEX(Jesper!AL$2:AL$366,ROUNDDOWN($C496/24,0)+1,1))-1)+IF('Standard Profiles'!$G$22=$B$10,7,0)+IF('Standard Profiles'!$G$22=$B$17,14,0)+IF('Standard Profiles'!$G$22=$B$24,21,0),0)),0)</f>
        <v>0</v>
      </c>
      <c r="I496">
        <f t="shared" si="69"/>
        <v>5.4077181565721739</v>
      </c>
      <c r="J496">
        <f t="shared" si="70"/>
        <v>18.402700240200407</v>
      </c>
      <c r="K496">
        <f t="shared" si="71"/>
        <v>0.62294113903765658</v>
      </c>
      <c r="L496">
        <f t="shared" si="72"/>
        <v>0.31147056951882829</v>
      </c>
      <c r="M496">
        <f t="shared" si="73"/>
        <v>0</v>
      </c>
      <c r="N496" s="45">
        <f t="shared" si="74"/>
        <v>44946.24999999888</v>
      </c>
    </row>
    <row r="497" spans="2:14" x14ac:dyDescent="0.25">
      <c r="B497">
        <f t="shared" si="68"/>
        <v>5</v>
      </c>
      <c r="C497" s="16">
        <v>463</v>
      </c>
      <c r="D497" cm="1">
        <f t="array" ref="D497">IFERROR(INDEX(Jesper!AH$2:AH$366,ROUNDDOWN($C497/24,0)+1,1)*INDEX($D$3:$AA$30,INDEX(Jesper!$R$2:$R$366,ROW(INDEX(Jesper!AH$2:AH$366,ROUNDDOWN($C497/24,0)+1,1))-1)+IF('Standard Profiles'!$G$18=$B$10,7,0)+IF('Standard Profiles'!$G$18=$B$17,14,0)+IF('Standard Profiles'!$G$18=$B$24,21,0),MOD($C497,24)+1)/SUM(INDEX($D$3:$AA$30,INDEX(Jesper!$R$2:$R$366,ROW(INDEX(Jesper!AH$2:AH$366,ROUNDDOWN($C497/24,0)+1,1))-1)+IF('Standard Profiles'!$G$18=$B$10,7,0)+IF('Standard Profiles'!$G$18=$B$17,14,0)+IF('Standard Profiles'!$G$18=$B$24,21,0),0)),0)</f>
        <v>24.878711740316408</v>
      </c>
      <c r="E497" cm="1">
        <f t="array" ref="E497">IFERROR(INDEX(Jesper!AI$2:AI$366,ROUNDDOWN($C497/24,0)+1,1)*INDEX($D$3:$AA$30,INDEX(Jesper!$R$2:$R$366,ROW(INDEX(Jesper!AI$2:AI$366,ROUNDDOWN($C497/24,0)+1,1))-1)+IF('Standard Profiles'!$G$19=$B$10,7,0)+IF('Standard Profiles'!$G$19=$B$17,14,0)+IF('Standard Profiles'!$G$19=$B$24,21,0),MOD($C497,24)+1)/SUM(INDEX($D$3:$AA$30,INDEX(Jesper!$R$2:$R$366,ROW(INDEX(Jesper!AI$2:AI$366,ROUNDDOWN($C497/24,0)+1,1))-1)+IF('Standard Profiles'!$G$19=$B$10,7,0)+IF('Standard Profiles'!$G$19=$B$17,14,0)+IF('Standard Profiles'!$G$19=$B$24,21,0),0)),0)</f>
        <v>32.540765868807341</v>
      </c>
      <c r="F497" cm="1">
        <f t="array" ref="F497">IFERROR(INDEX(Jesper!AJ$2:AJ$366,ROUNDDOWN($C497/24,0)+1,1)*INDEX($D$3:$AA$30,INDEX(Jesper!$R$2:$R$366,ROW(INDEX(Jesper!AJ$2:AJ$366,ROUNDDOWN($C497/24,0)+1,1))-1)+IF('Standard Profiles'!$G$20=$B$10,7,0)+IF('Standard Profiles'!$G$20=$B$17,14,0)+IF('Standard Profiles'!$G$20=$B$24,21,0),MOD($C497,24)+1)/SUM(INDEX($D$3:$AA$30,INDEX(Jesper!$R$2:$R$366,ROW(INDEX(Jesper!AJ$2:AJ$366,ROUNDDOWN($C497/24,0)+1,1))-1)+IF('Standard Profiles'!$G$20=$B$10,7,0)+IF('Standard Profiles'!$G$20=$B$17,14,0)+IF('Standard Profiles'!$G$20=$B$24,21,0),0)),0)</f>
        <v>0</v>
      </c>
      <c r="G497" cm="1">
        <f t="array" ref="G497">IFERROR(INDEX(Jesper!AK$2:AK$366,ROUNDDOWN($C497/24,0)+1,1)*INDEX($D$3:$AA$30,INDEX(Jesper!$R$2:$R$366,ROW(INDEX(Jesper!AK$2:AK$366,ROUNDDOWN($C497/24,0)+1,1))-1)+IF('Standard Profiles'!$G$21=$B$10,7,0)+IF('Standard Profiles'!$G$21=$B$17,14,0)+IF('Standard Profiles'!$G$21=$B$24,21,0),MOD($C497,24)+1)/SUM(INDEX($D$3:$AA$30,INDEX(Jesper!$R$2:$R$366,ROW(INDEX(Jesper!AK$2:AK$366,ROUNDDOWN($C497/24,0)+1,1))-1)+IF('Standard Profiles'!$G$21=$B$10,7,0)+IF('Standard Profiles'!$G$21=$B$17,14,0)+IF('Standard Profiles'!$G$21=$B$24,21,0),0)),0)</f>
        <v>30.527441206455833</v>
      </c>
      <c r="H497" cm="1">
        <f t="array" ref="H497">IFERROR(INDEX(Jesper!AL$2:AL$366,ROUNDDOWN($C497/24,0)+1,1)*INDEX($D$3:$AA$30,INDEX(Jesper!$R$2:$R$366,ROW(INDEX(Jesper!AL$2:AL$366,ROUNDDOWN($C497/24,0)+1,1))-1)+IF('Standard Profiles'!$G$22=$B$10,7,0)+IF('Standard Profiles'!$G$22=$B$17,14,0)+IF('Standard Profiles'!$G$22=$B$24,21,0),MOD($C497,24)+1)/SUM(INDEX($D$3:$AA$30,INDEX(Jesper!$R$2:$R$366,ROW(INDEX(Jesper!AL$2:AL$366,ROUNDDOWN($C497/24,0)+1,1))-1)+IF('Standard Profiles'!$G$22=$B$10,7,0)+IF('Standard Profiles'!$G$22=$B$17,14,0)+IF('Standard Profiles'!$G$22=$B$24,21,0),0)),0)</f>
        <v>0</v>
      </c>
      <c r="I497">
        <f t="shared" si="69"/>
        <v>14.653171779098793</v>
      </c>
      <c r="J497">
        <f t="shared" si="70"/>
        <v>69.313153158030161</v>
      </c>
      <c r="K497">
        <f t="shared" si="71"/>
        <v>2.6537292523004172</v>
      </c>
      <c r="L497">
        <f t="shared" si="72"/>
        <v>1.3268646261502086</v>
      </c>
      <c r="M497">
        <f t="shared" si="73"/>
        <v>0</v>
      </c>
      <c r="N497" s="45">
        <f t="shared" si="74"/>
        <v>44946.291666665544</v>
      </c>
    </row>
    <row r="498" spans="2:14" x14ac:dyDescent="0.25">
      <c r="B498">
        <f t="shared" si="68"/>
        <v>5</v>
      </c>
      <c r="C498" s="16">
        <v>464</v>
      </c>
      <c r="D498" cm="1">
        <f t="array" ref="D498">IFERROR(INDEX(Jesper!AH$2:AH$366,ROUNDDOWN($C498/24,0)+1,1)*INDEX($D$3:$AA$30,INDEX(Jesper!$R$2:$R$366,ROW(INDEX(Jesper!AH$2:AH$366,ROUNDDOWN($C498/24,0)+1,1))-1)+IF('Standard Profiles'!$G$18=$B$10,7,0)+IF('Standard Profiles'!$G$18=$B$17,14,0)+IF('Standard Profiles'!$G$18=$B$24,21,0),MOD($C498,24)+1)/SUM(INDEX($D$3:$AA$30,INDEX(Jesper!$R$2:$R$366,ROW(INDEX(Jesper!AH$2:AH$366,ROUNDDOWN($C498/24,0)+1,1))-1)+IF('Standard Profiles'!$G$18=$B$10,7,0)+IF('Standard Profiles'!$G$18=$B$17,14,0)+IF('Standard Profiles'!$G$18=$B$24,21,0),0)),0)</f>
        <v>31.098389675395509</v>
      </c>
      <c r="E498" cm="1">
        <f t="array" ref="E498">IFERROR(INDEX(Jesper!AI$2:AI$366,ROUNDDOWN($C498/24,0)+1,1)*INDEX($D$3:$AA$30,INDEX(Jesper!$R$2:$R$366,ROW(INDEX(Jesper!AI$2:AI$366,ROUNDDOWN($C498/24,0)+1,1))-1)+IF('Standard Profiles'!$G$19=$B$10,7,0)+IF('Standard Profiles'!$G$19=$B$17,14,0)+IF('Standard Profiles'!$G$19=$B$24,21,0),MOD($C498,24)+1)/SUM(INDEX($D$3:$AA$30,INDEX(Jesper!$R$2:$R$366,ROW(INDEX(Jesper!AI$2:AI$366,ROUNDDOWN($C498/24,0)+1,1))-1)+IF('Standard Profiles'!$G$19=$B$10,7,0)+IF('Standard Profiles'!$G$19=$B$17,14,0)+IF('Standard Profiles'!$G$19=$B$24,21,0),0)),0)</f>
        <v>40.675957336009176</v>
      </c>
      <c r="F498" cm="1">
        <f t="array" ref="F498">IFERROR(INDEX(Jesper!AJ$2:AJ$366,ROUNDDOWN($C498/24,0)+1,1)*INDEX($D$3:$AA$30,INDEX(Jesper!$R$2:$R$366,ROW(INDEX(Jesper!AJ$2:AJ$366,ROUNDDOWN($C498/24,0)+1,1))-1)+IF('Standard Profiles'!$G$20=$B$10,7,0)+IF('Standard Profiles'!$G$20=$B$17,14,0)+IF('Standard Profiles'!$G$20=$B$24,21,0),MOD($C498,24)+1)/SUM(INDEX($D$3:$AA$30,INDEX(Jesper!$R$2:$R$366,ROW(INDEX(Jesper!AJ$2:AJ$366,ROUNDDOWN($C498/24,0)+1,1))-1)+IF('Standard Profiles'!$G$20=$B$10,7,0)+IF('Standard Profiles'!$G$20=$B$17,14,0)+IF('Standard Profiles'!$G$20=$B$24,21,0),0)),0)</f>
        <v>0</v>
      </c>
      <c r="G498" cm="1">
        <f t="array" ref="G498">IFERROR(INDEX(Jesper!AK$2:AK$366,ROUNDDOWN($C498/24,0)+1,1)*INDEX($D$3:$AA$30,INDEX(Jesper!$R$2:$R$366,ROW(INDEX(Jesper!AK$2:AK$366,ROUNDDOWN($C498/24,0)+1,1))-1)+IF('Standard Profiles'!$G$21=$B$10,7,0)+IF('Standard Profiles'!$G$21=$B$17,14,0)+IF('Standard Profiles'!$G$21=$B$24,21,0),MOD($C498,24)+1)/SUM(INDEX($D$3:$AA$30,INDEX(Jesper!$R$2:$R$366,ROW(INDEX(Jesper!AK$2:AK$366,ROUNDDOWN($C498/24,0)+1,1))-1)+IF('Standard Profiles'!$G$21=$B$10,7,0)+IF('Standard Profiles'!$G$21=$B$17,14,0)+IF('Standard Profiles'!$G$21=$B$24,21,0),0)),0)</f>
        <v>38.159301508069795</v>
      </c>
      <c r="H498" cm="1">
        <f t="array" ref="H498">IFERROR(INDEX(Jesper!AL$2:AL$366,ROUNDDOWN($C498/24,0)+1,1)*INDEX($D$3:$AA$30,INDEX(Jesper!$R$2:$R$366,ROW(INDEX(Jesper!AL$2:AL$366,ROUNDDOWN($C498/24,0)+1,1))-1)+IF('Standard Profiles'!$G$22=$B$10,7,0)+IF('Standard Profiles'!$G$22=$B$17,14,0)+IF('Standard Profiles'!$G$22=$B$24,21,0),MOD($C498,24)+1)/SUM(INDEX($D$3:$AA$30,INDEX(Jesper!$R$2:$R$366,ROW(INDEX(Jesper!AL$2:AL$366,ROUNDDOWN($C498/24,0)+1,1))-1)+IF('Standard Profiles'!$G$22=$B$10,7,0)+IF('Standard Profiles'!$G$22=$B$17,14,0)+IF('Standard Profiles'!$G$22=$B$24,21,0),0)),0)</f>
        <v>0</v>
      </c>
      <c r="I498">
        <f t="shared" si="69"/>
        <v>18.316464723873494</v>
      </c>
      <c r="J498">
        <f t="shared" si="70"/>
        <v>86.641441447537716</v>
      </c>
      <c r="K498">
        <f t="shared" si="71"/>
        <v>3.3171615653755211</v>
      </c>
      <c r="L498">
        <f t="shared" si="72"/>
        <v>1.6585807826877605</v>
      </c>
      <c r="M498">
        <f t="shared" si="73"/>
        <v>0</v>
      </c>
      <c r="N498" s="45">
        <f t="shared" si="74"/>
        <v>44946.333333332208</v>
      </c>
    </row>
    <row r="499" spans="2:14" x14ac:dyDescent="0.25">
      <c r="B499">
        <f t="shared" si="68"/>
        <v>5</v>
      </c>
      <c r="C499" s="16">
        <v>465</v>
      </c>
      <c r="D499" cm="1">
        <f t="array" ref="D499">IFERROR(INDEX(Jesper!AH$2:AH$366,ROUNDDOWN($C499/24,0)+1,1)*INDEX($D$3:$AA$30,INDEX(Jesper!$R$2:$R$366,ROW(INDEX(Jesper!AH$2:AH$366,ROUNDDOWN($C499/24,0)+1,1))-1)+IF('Standard Profiles'!$G$18=$B$10,7,0)+IF('Standard Profiles'!$G$18=$B$17,14,0)+IF('Standard Profiles'!$G$18=$B$24,21,0),MOD($C499,24)+1)/SUM(INDEX($D$3:$AA$30,INDEX(Jesper!$R$2:$R$366,ROW(INDEX(Jesper!AH$2:AH$366,ROUNDDOWN($C499/24,0)+1,1))-1)+IF('Standard Profiles'!$G$18=$B$10,7,0)+IF('Standard Profiles'!$G$18=$B$17,14,0)+IF('Standard Profiles'!$G$18=$B$24,21,0),0)),0)</f>
        <v>34.208228642935055</v>
      </c>
      <c r="E499" cm="1">
        <f t="array" ref="E499">IFERROR(INDEX(Jesper!AI$2:AI$366,ROUNDDOWN($C499/24,0)+1,1)*INDEX($D$3:$AA$30,INDEX(Jesper!$R$2:$R$366,ROW(INDEX(Jesper!AI$2:AI$366,ROUNDDOWN($C499/24,0)+1,1))-1)+IF('Standard Profiles'!$G$19=$B$10,7,0)+IF('Standard Profiles'!$G$19=$B$17,14,0)+IF('Standard Profiles'!$G$19=$B$24,21,0),MOD($C499,24)+1)/SUM(INDEX($D$3:$AA$30,INDEX(Jesper!$R$2:$R$366,ROW(INDEX(Jesper!AI$2:AI$366,ROUNDDOWN($C499/24,0)+1,1))-1)+IF('Standard Profiles'!$G$19=$B$10,7,0)+IF('Standard Profiles'!$G$19=$B$17,14,0)+IF('Standard Profiles'!$G$19=$B$24,21,0),0)),0)</f>
        <v>44.743553069610094</v>
      </c>
      <c r="F499" cm="1">
        <f t="array" ref="F499">IFERROR(INDEX(Jesper!AJ$2:AJ$366,ROUNDDOWN($C499/24,0)+1,1)*INDEX($D$3:$AA$30,INDEX(Jesper!$R$2:$R$366,ROW(INDEX(Jesper!AJ$2:AJ$366,ROUNDDOWN($C499/24,0)+1,1))-1)+IF('Standard Profiles'!$G$20=$B$10,7,0)+IF('Standard Profiles'!$G$20=$B$17,14,0)+IF('Standard Profiles'!$G$20=$B$24,21,0),MOD($C499,24)+1)/SUM(INDEX($D$3:$AA$30,INDEX(Jesper!$R$2:$R$366,ROW(INDEX(Jesper!AJ$2:AJ$366,ROUNDDOWN($C499/24,0)+1,1))-1)+IF('Standard Profiles'!$G$20=$B$10,7,0)+IF('Standard Profiles'!$G$20=$B$17,14,0)+IF('Standard Profiles'!$G$20=$B$24,21,0),0)),0)</f>
        <v>0</v>
      </c>
      <c r="G499" cm="1">
        <f t="array" ref="G499">IFERROR(INDEX(Jesper!AK$2:AK$366,ROUNDDOWN($C499/24,0)+1,1)*INDEX($D$3:$AA$30,INDEX(Jesper!$R$2:$R$366,ROW(INDEX(Jesper!AK$2:AK$366,ROUNDDOWN($C499/24,0)+1,1))-1)+IF('Standard Profiles'!$G$21=$B$10,7,0)+IF('Standard Profiles'!$G$21=$B$17,14,0)+IF('Standard Profiles'!$G$21=$B$24,21,0),MOD($C499,24)+1)/SUM(INDEX($D$3:$AA$30,INDEX(Jesper!$R$2:$R$366,ROW(INDEX(Jesper!AK$2:AK$366,ROUNDDOWN($C499/24,0)+1,1))-1)+IF('Standard Profiles'!$G$21=$B$10,7,0)+IF('Standard Profiles'!$G$21=$B$17,14,0)+IF('Standard Profiles'!$G$21=$B$24,21,0),0)),0)</f>
        <v>41.975231658876773</v>
      </c>
      <c r="H499" cm="1">
        <f t="array" ref="H499">IFERROR(INDEX(Jesper!AL$2:AL$366,ROUNDDOWN($C499/24,0)+1,1)*INDEX($D$3:$AA$30,INDEX(Jesper!$R$2:$R$366,ROW(INDEX(Jesper!AL$2:AL$366,ROUNDDOWN($C499/24,0)+1,1))-1)+IF('Standard Profiles'!$G$22=$B$10,7,0)+IF('Standard Profiles'!$G$22=$B$17,14,0)+IF('Standard Profiles'!$G$22=$B$24,21,0),MOD($C499,24)+1)/SUM(INDEX($D$3:$AA$30,INDEX(Jesper!$R$2:$R$366,ROW(INDEX(Jesper!AL$2:AL$366,ROUNDDOWN($C499/24,0)+1,1))-1)+IF('Standard Profiles'!$G$22=$B$10,7,0)+IF('Standard Profiles'!$G$22=$B$17,14,0)+IF('Standard Profiles'!$G$22=$B$24,21,0),0)),0)</f>
        <v>0</v>
      </c>
      <c r="I499">
        <f t="shared" si="69"/>
        <v>20.148111196260842</v>
      </c>
      <c r="J499">
        <f t="shared" si="70"/>
        <v>95.305585592291465</v>
      </c>
      <c r="K499">
        <f t="shared" si="71"/>
        <v>3.6488777219130726</v>
      </c>
      <c r="L499">
        <f t="shared" si="72"/>
        <v>1.8244388609565363</v>
      </c>
      <c r="M499">
        <f t="shared" si="73"/>
        <v>0</v>
      </c>
      <c r="N499" s="45">
        <f t="shared" si="74"/>
        <v>44946.374999998872</v>
      </c>
    </row>
    <row r="500" spans="2:14" x14ac:dyDescent="0.25">
      <c r="B500">
        <f t="shared" si="68"/>
        <v>5</v>
      </c>
      <c r="C500" s="16">
        <v>466</v>
      </c>
      <c r="D500" cm="1">
        <f t="array" ref="D500">IFERROR(INDEX(Jesper!AH$2:AH$366,ROUNDDOWN($C500/24,0)+1,1)*INDEX($D$3:$AA$30,INDEX(Jesper!$R$2:$R$366,ROW(INDEX(Jesper!AH$2:AH$366,ROUNDDOWN($C500/24,0)+1,1))-1)+IF('Standard Profiles'!$G$18=$B$10,7,0)+IF('Standard Profiles'!$G$18=$B$17,14,0)+IF('Standard Profiles'!$G$18=$B$24,21,0),MOD($C500,24)+1)/SUM(INDEX($D$3:$AA$30,INDEX(Jesper!$R$2:$R$366,ROW(INDEX(Jesper!AH$2:AH$366,ROUNDDOWN($C500/24,0)+1,1))-1)+IF('Standard Profiles'!$G$18=$B$10,7,0)+IF('Standard Profiles'!$G$18=$B$17,14,0)+IF('Standard Profiles'!$G$18=$B$24,21,0),0)),0)</f>
        <v>34.208228642935055</v>
      </c>
      <c r="E500" cm="1">
        <f t="array" ref="E500">IFERROR(INDEX(Jesper!AI$2:AI$366,ROUNDDOWN($C500/24,0)+1,1)*INDEX($D$3:$AA$30,INDEX(Jesper!$R$2:$R$366,ROW(INDEX(Jesper!AI$2:AI$366,ROUNDDOWN($C500/24,0)+1,1))-1)+IF('Standard Profiles'!$G$19=$B$10,7,0)+IF('Standard Profiles'!$G$19=$B$17,14,0)+IF('Standard Profiles'!$G$19=$B$24,21,0),MOD($C500,24)+1)/SUM(INDEX($D$3:$AA$30,INDEX(Jesper!$R$2:$R$366,ROW(INDEX(Jesper!AI$2:AI$366,ROUNDDOWN($C500/24,0)+1,1))-1)+IF('Standard Profiles'!$G$19=$B$10,7,0)+IF('Standard Profiles'!$G$19=$B$17,14,0)+IF('Standard Profiles'!$G$19=$B$24,21,0),0)),0)</f>
        <v>44.743553069610094</v>
      </c>
      <c r="F500" cm="1">
        <f t="array" ref="F500">IFERROR(INDEX(Jesper!AJ$2:AJ$366,ROUNDDOWN($C500/24,0)+1,1)*INDEX($D$3:$AA$30,INDEX(Jesper!$R$2:$R$366,ROW(INDEX(Jesper!AJ$2:AJ$366,ROUNDDOWN($C500/24,0)+1,1))-1)+IF('Standard Profiles'!$G$20=$B$10,7,0)+IF('Standard Profiles'!$G$20=$B$17,14,0)+IF('Standard Profiles'!$G$20=$B$24,21,0),MOD($C500,24)+1)/SUM(INDEX($D$3:$AA$30,INDEX(Jesper!$R$2:$R$366,ROW(INDEX(Jesper!AJ$2:AJ$366,ROUNDDOWN($C500/24,0)+1,1))-1)+IF('Standard Profiles'!$G$20=$B$10,7,0)+IF('Standard Profiles'!$G$20=$B$17,14,0)+IF('Standard Profiles'!$G$20=$B$24,21,0),0)),0)</f>
        <v>0</v>
      </c>
      <c r="G500" cm="1">
        <f t="array" ref="G500">IFERROR(INDEX(Jesper!AK$2:AK$366,ROUNDDOWN($C500/24,0)+1,1)*INDEX($D$3:$AA$30,INDEX(Jesper!$R$2:$R$366,ROW(INDEX(Jesper!AK$2:AK$366,ROUNDDOWN($C500/24,0)+1,1))-1)+IF('Standard Profiles'!$G$21=$B$10,7,0)+IF('Standard Profiles'!$G$21=$B$17,14,0)+IF('Standard Profiles'!$G$21=$B$24,21,0),MOD($C500,24)+1)/SUM(INDEX($D$3:$AA$30,INDEX(Jesper!$R$2:$R$366,ROW(INDEX(Jesper!AK$2:AK$366,ROUNDDOWN($C500/24,0)+1,1))-1)+IF('Standard Profiles'!$G$21=$B$10,7,0)+IF('Standard Profiles'!$G$21=$B$17,14,0)+IF('Standard Profiles'!$G$21=$B$24,21,0),0)),0)</f>
        <v>41.975231658876773</v>
      </c>
      <c r="H500" cm="1">
        <f t="array" ref="H500">IFERROR(INDEX(Jesper!AL$2:AL$366,ROUNDDOWN($C500/24,0)+1,1)*INDEX($D$3:$AA$30,INDEX(Jesper!$R$2:$R$366,ROW(INDEX(Jesper!AL$2:AL$366,ROUNDDOWN($C500/24,0)+1,1))-1)+IF('Standard Profiles'!$G$22=$B$10,7,0)+IF('Standard Profiles'!$G$22=$B$17,14,0)+IF('Standard Profiles'!$G$22=$B$24,21,0),MOD($C500,24)+1)/SUM(INDEX($D$3:$AA$30,INDEX(Jesper!$R$2:$R$366,ROW(INDEX(Jesper!AL$2:AL$366,ROUNDDOWN($C500/24,0)+1,1))-1)+IF('Standard Profiles'!$G$22=$B$10,7,0)+IF('Standard Profiles'!$G$22=$B$17,14,0)+IF('Standard Profiles'!$G$22=$B$24,21,0),0)),0)</f>
        <v>0</v>
      </c>
      <c r="I500">
        <f t="shared" si="69"/>
        <v>20.148111196260842</v>
      </c>
      <c r="J500">
        <f t="shared" si="70"/>
        <v>95.305585592291465</v>
      </c>
      <c r="K500">
        <f t="shared" si="71"/>
        <v>3.6488777219130726</v>
      </c>
      <c r="L500">
        <f t="shared" si="72"/>
        <v>1.8244388609565363</v>
      </c>
      <c r="M500">
        <f t="shared" si="73"/>
        <v>0</v>
      </c>
      <c r="N500" s="45">
        <f t="shared" si="74"/>
        <v>44946.416666665536</v>
      </c>
    </row>
    <row r="501" spans="2:14" x14ac:dyDescent="0.25">
      <c r="B501">
        <f t="shared" si="68"/>
        <v>5</v>
      </c>
      <c r="C501" s="16">
        <v>467</v>
      </c>
      <c r="D501" cm="1">
        <f t="array" ref="D501">IFERROR(INDEX(Jesper!AH$2:AH$366,ROUNDDOWN($C501/24,0)+1,1)*INDEX($D$3:$AA$30,INDEX(Jesper!$R$2:$R$366,ROW(INDEX(Jesper!AH$2:AH$366,ROUNDDOWN($C501/24,0)+1,1))-1)+IF('Standard Profiles'!$G$18=$B$10,7,0)+IF('Standard Profiles'!$G$18=$B$17,14,0)+IF('Standard Profiles'!$G$18=$B$24,21,0),MOD($C501,24)+1)/SUM(INDEX($D$3:$AA$30,INDEX(Jesper!$R$2:$R$366,ROW(INDEX(Jesper!AH$2:AH$366,ROUNDDOWN($C501/24,0)+1,1))-1)+IF('Standard Profiles'!$G$18=$B$10,7,0)+IF('Standard Profiles'!$G$18=$B$17,14,0)+IF('Standard Profiles'!$G$18=$B$24,21,0),0)),0)</f>
        <v>40.427906578014159</v>
      </c>
      <c r="E501" cm="1">
        <f t="array" ref="E501">IFERROR(INDEX(Jesper!AI$2:AI$366,ROUNDDOWN($C501/24,0)+1,1)*INDEX($D$3:$AA$30,INDEX(Jesper!$R$2:$R$366,ROW(INDEX(Jesper!AI$2:AI$366,ROUNDDOWN($C501/24,0)+1,1))-1)+IF('Standard Profiles'!$G$19=$B$10,7,0)+IF('Standard Profiles'!$G$19=$B$17,14,0)+IF('Standard Profiles'!$G$19=$B$24,21,0),MOD($C501,24)+1)/SUM(INDEX($D$3:$AA$30,INDEX(Jesper!$R$2:$R$366,ROW(INDEX(Jesper!AI$2:AI$366,ROUNDDOWN($C501/24,0)+1,1))-1)+IF('Standard Profiles'!$G$19=$B$10,7,0)+IF('Standard Profiles'!$G$19=$B$17,14,0)+IF('Standard Profiles'!$G$19=$B$24,21,0),0)),0)</f>
        <v>52.878744536811929</v>
      </c>
      <c r="F501" cm="1">
        <f t="array" ref="F501">IFERROR(INDEX(Jesper!AJ$2:AJ$366,ROUNDDOWN($C501/24,0)+1,1)*INDEX($D$3:$AA$30,INDEX(Jesper!$R$2:$R$366,ROW(INDEX(Jesper!AJ$2:AJ$366,ROUNDDOWN($C501/24,0)+1,1))-1)+IF('Standard Profiles'!$G$20=$B$10,7,0)+IF('Standard Profiles'!$G$20=$B$17,14,0)+IF('Standard Profiles'!$G$20=$B$24,21,0),MOD($C501,24)+1)/SUM(INDEX($D$3:$AA$30,INDEX(Jesper!$R$2:$R$366,ROW(INDEX(Jesper!AJ$2:AJ$366,ROUNDDOWN($C501/24,0)+1,1))-1)+IF('Standard Profiles'!$G$20=$B$10,7,0)+IF('Standard Profiles'!$G$20=$B$17,14,0)+IF('Standard Profiles'!$G$20=$B$24,21,0),0)),0)</f>
        <v>0</v>
      </c>
      <c r="G501" cm="1">
        <f t="array" ref="G501">IFERROR(INDEX(Jesper!AK$2:AK$366,ROUNDDOWN($C501/24,0)+1,1)*INDEX($D$3:$AA$30,INDEX(Jesper!$R$2:$R$366,ROW(INDEX(Jesper!AK$2:AK$366,ROUNDDOWN($C501/24,0)+1,1))-1)+IF('Standard Profiles'!$G$21=$B$10,7,0)+IF('Standard Profiles'!$G$21=$B$17,14,0)+IF('Standard Profiles'!$G$21=$B$24,21,0),MOD($C501,24)+1)/SUM(INDEX($D$3:$AA$30,INDEX(Jesper!$R$2:$R$366,ROW(INDEX(Jesper!AK$2:AK$366,ROUNDDOWN($C501/24,0)+1,1))-1)+IF('Standard Profiles'!$G$21=$B$10,7,0)+IF('Standard Profiles'!$G$21=$B$17,14,0)+IF('Standard Profiles'!$G$21=$B$24,21,0),0)),0)</f>
        <v>49.607091960490727</v>
      </c>
      <c r="H501" cm="1">
        <f t="array" ref="H501">IFERROR(INDEX(Jesper!AL$2:AL$366,ROUNDDOWN($C501/24,0)+1,1)*INDEX($D$3:$AA$30,INDEX(Jesper!$R$2:$R$366,ROW(INDEX(Jesper!AL$2:AL$366,ROUNDDOWN($C501/24,0)+1,1))-1)+IF('Standard Profiles'!$G$22=$B$10,7,0)+IF('Standard Profiles'!$G$22=$B$17,14,0)+IF('Standard Profiles'!$G$22=$B$24,21,0),MOD($C501,24)+1)/SUM(INDEX($D$3:$AA$30,INDEX(Jesper!$R$2:$R$366,ROW(INDEX(Jesper!AL$2:AL$366,ROUNDDOWN($C501/24,0)+1,1))-1)+IF('Standard Profiles'!$G$22=$B$10,7,0)+IF('Standard Profiles'!$G$22=$B$17,14,0)+IF('Standard Profiles'!$G$22=$B$24,21,0),0)),0)</f>
        <v>0</v>
      </c>
      <c r="I501">
        <f t="shared" si="69"/>
        <v>23.811404141035538</v>
      </c>
      <c r="J501">
        <f t="shared" si="70"/>
        <v>112.63387388179902</v>
      </c>
      <c r="K501">
        <f t="shared" si="71"/>
        <v>4.3123100349881769</v>
      </c>
      <c r="L501">
        <f t="shared" si="72"/>
        <v>2.1561550174940884</v>
      </c>
      <c r="M501">
        <f t="shared" si="73"/>
        <v>0</v>
      </c>
      <c r="N501" s="45">
        <f t="shared" si="74"/>
        <v>44946.458333332201</v>
      </c>
    </row>
    <row r="502" spans="2:14" x14ac:dyDescent="0.25">
      <c r="B502">
        <f t="shared" si="68"/>
        <v>5</v>
      </c>
      <c r="C502" s="16">
        <v>468</v>
      </c>
      <c r="D502" cm="1">
        <f t="array" ref="D502">IFERROR(INDEX(Jesper!AH$2:AH$366,ROUNDDOWN($C502/24,0)+1,1)*INDEX($D$3:$AA$30,INDEX(Jesper!$R$2:$R$366,ROW(INDEX(Jesper!AH$2:AH$366,ROUNDDOWN($C502/24,0)+1,1))-1)+IF('Standard Profiles'!$G$18=$B$10,7,0)+IF('Standard Profiles'!$G$18=$B$17,14,0)+IF('Standard Profiles'!$G$18=$B$24,21,0),MOD($C502,24)+1)/SUM(INDEX($D$3:$AA$30,INDEX(Jesper!$R$2:$R$366,ROW(INDEX(Jesper!AH$2:AH$366,ROUNDDOWN($C502/24,0)+1,1))-1)+IF('Standard Profiles'!$G$18=$B$10,7,0)+IF('Standard Profiles'!$G$18=$B$17,14,0)+IF('Standard Profiles'!$G$18=$B$24,21,0),0)),0)</f>
        <v>40.427906578014159</v>
      </c>
      <c r="E502" cm="1">
        <f t="array" ref="E502">IFERROR(INDEX(Jesper!AI$2:AI$366,ROUNDDOWN($C502/24,0)+1,1)*INDEX($D$3:$AA$30,INDEX(Jesper!$R$2:$R$366,ROW(INDEX(Jesper!AI$2:AI$366,ROUNDDOWN($C502/24,0)+1,1))-1)+IF('Standard Profiles'!$G$19=$B$10,7,0)+IF('Standard Profiles'!$G$19=$B$17,14,0)+IF('Standard Profiles'!$G$19=$B$24,21,0),MOD($C502,24)+1)/SUM(INDEX($D$3:$AA$30,INDEX(Jesper!$R$2:$R$366,ROW(INDEX(Jesper!AI$2:AI$366,ROUNDDOWN($C502/24,0)+1,1))-1)+IF('Standard Profiles'!$G$19=$B$10,7,0)+IF('Standard Profiles'!$G$19=$B$17,14,0)+IF('Standard Profiles'!$G$19=$B$24,21,0),0)),0)</f>
        <v>52.878744536811929</v>
      </c>
      <c r="F502" cm="1">
        <f t="array" ref="F502">IFERROR(INDEX(Jesper!AJ$2:AJ$366,ROUNDDOWN($C502/24,0)+1,1)*INDEX($D$3:$AA$30,INDEX(Jesper!$R$2:$R$366,ROW(INDEX(Jesper!AJ$2:AJ$366,ROUNDDOWN($C502/24,0)+1,1))-1)+IF('Standard Profiles'!$G$20=$B$10,7,0)+IF('Standard Profiles'!$G$20=$B$17,14,0)+IF('Standard Profiles'!$G$20=$B$24,21,0),MOD($C502,24)+1)/SUM(INDEX($D$3:$AA$30,INDEX(Jesper!$R$2:$R$366,ROW(INDEX(Jesper!AJ$2:AJ$366,ROUNDDOWN($C502/24,0)+1,1))-1)+IF('Standard Profiles'!$G$20=$B$10,7,0)+IF('Standard Profiles'!$G$20=$B$17,14,0)+IF('Standard Profiles'!$G$20=$B$24,21,0),0)),0)</f>
        <v>0</v>
      </c>
      <c r="G502" cm="1">
        <f t="array" ref="G502">IFERROR(INDEX(Jesper!AK$2:AK$366,ROUNDDOWN($C502/24,0)+1,1)*INDEX($D$3:$AA$30,INDEX(Jesper!$R$2:$R$366,ROW(INDEX(Jesper!AK$2:AK$366,ROUNDDOWN($C502/24,0)+1,1))-1)+IF('Standard Profiles'!$G$21=$B$10,7,0)+IF('Standard Profiles'!$G$21=$B$17,14,0)+IF('Standard Profiles'!$G$21=$B$24,21,0),MOD($C502,24)+1)/SUM(INDEX($D$3:$AA$30,INDEX(Jesper!$R$2:$R$366,ROW(INDEX(Jesper!AK$2:AK$366,ROUNDDOWN($C502/24,0)+1,1))-1)+IF('Standard Profiles'!$G$21=$B$10,7,0)+IF('Standard Profiles'!$G$21=$B$17,14,0)+IF('Standard Profiles'!$G$21=$B$24,21,0),0)),0)</f>
        <v>49.607091960490727</v>
      </c>
      <c r="H502" cm="1">
        <f t="array" ref="H502">IFERROR(INDEX(Jesper!AL$2:AL$366,ROUNDDOWN($C502/24,0)+1,1)*INDEX($D$3:$AA$30,INDEX(Jesper!$R$2:$R$366,ROW(INDEX(Jesper!AL$2:AL$366,ROUNDDOWN($C502/24,0)+1,1))-1)+IF('Standard Profiles'!$G$22=$B$10,7,0)+IF('Standard Profiles'!$G$22=$B$17,14,0)+IF('Standard Profiles'!$G$22=$B$24,21,0),MOD($C502,24)+1)/SUM(INDEX($D$3:$AA$30,INDEX(Jesper!$R$2:$R$366,ROW(INDEX(Jesper!AL$2:AL$366,ROUNDDOWN($C502/24,0)+1,1))-1)+IF('Standard Profiles'!$G$22=$B$10,7,0)+IF('Standard Profiles'!$G$22=$B$17,14,0)+IF('Standard Profiles'!$G$22=$B$24,21,0),0)),0)</f>
        <v>0</v>
      </c>
      <c r="I502">
        <f t="shared" si="69"/>
        <v>23.811404141035538</v>
      </c>
      <c r="J502">
        <f t="shared" si="70"/>
        <v>112.63387388179902</v>
      </c>
      <c r="K502">
        <f t="shared" si="71"/>
        <v>4.3123100349881769</v>
      </c>
      <c r="L502">
        <f t="shared" si="72"/>
        <v>2.1561550174940884</v>
      </c>
      <c r="M502">
        <f t="shared" si="73"/>
        <v>0</v>
      </c>
      <c r="N502" s="45">
        <f t="shared" si="74"/>
        <v>44946.499999998865</v>
      </c>
    </row>
    <row r="503" spans="2:14" x14ac:dyDescent="0.25">
      <c r="B503">
        <f t="shared" si="68"/>
        <v>5</v>
      </c>
      <c r="C503" s="16">
        <v>469</v>
      </c>
      <c r="D503" cm="1">
        <f t="array" ref="D503">IFERROR(INDEX(Jesper!AH$2:AH$366,ROUNDDOWN($C503/24,0)+1,1)*INDEX($D$3:$AA$30,INDEX(Jesper!$R$2:$R$366,ROW(INDEX(Jesper!AH$2:AH$366,ROUNDDOWN($C503/24,0)+1,1))-1)+IF('Standard Profiles'!$G$18=$B$10,7,0)+IF('Standard Profiles'!$G$18=$B$17,14,0)+IF('Standard Profiles'!$G$18=$B$24,21,0),MOD($C503,24)+1)/SUM(INDEX($D$3:$AA$30,INDEX(Jesper!$R$2:$R$366,ROW(INDEX(Jesper!AH$2:AH$366,ROUNDDOWN($C503/24,0)+1,1))-1)+IF('Standard Profiles'!$G$18=$B$10,7,0)+IF('Standard Profiles'!$G$18=$B$17,14,0)+IF('Standard Profiles'!$G$18=$B$24,21,0),0)),0)</f>
        <v>27.988550707855961</v>
      </c>
      <c r="E503" cm="1">
        <f t="array" ref="E503">IFERROR(INDEX(Jesper!AI$2:AI$366,ROUNDDOWN($C503/24,0)+1,1)*INDEX($D$3:$AA$30,INDEX(Jesper!$R$2:$R$366,ROW(INDEX(Jesper!AI$2:AI$366,ROUNDDOWN($C503/24,0)+1,1))-1)+IF('Standard Profiles'!$G$19=$B$10,7,0)+IF('Standard Profiles'!$G$19=$B$17,14,0)+IF('Standard Profiles'!$G$19=$B$24,21,0),MOD($C503,24)+1)/SUM(INDEX($D$3:$AA$30,INDEX(Jesper!$R$2:$R$366,ROW(INDEX(Jesper!AI$2:AI$366,ROUNDDOWN($C503/24,0)+1,1))-1)+IF('Standard Profiles'!$G$19=$B$10,7,0)+IF('Standard Profiles'!$G$19=$B$17,14,0)+IF('Standard Profiles'!$G$19=$B$24,21,0),0)),0)</f>
        <v>36.608361602408259</v>
      </c>
      <c r="F503" cm="1">
        <f t="array" ref="F503">IFERROR(INDEX(Jesper!AJ$2:AJ$366,ROUNDDOWN($C503/24,0)+1,1)*INDEX($D$3:$AA$30,INDEX(Jesper!$R$2:$R$366,ROW(INDEX(Jesper!AJ$2:AJ$366,ROUNDDOWN($C503/24,0)+1,1))-1)+IF('Standard Profiles'!$G$20=$B$10,7,0)+IF('Standard Profiles'!$G$20=$B$17,14,0)+IF('Standard Profiles'!$G$20=$B$24,21,0),MOD($C503,24)+1)/SUM(INDEX($D$3:$AA$30,INDEX(Jesper!$R$2:$R$366,ROW(INDEX(Jesper!AJ$2:AJ$366,ROUNDDOWN($C503/24,0)+1,1))-1)+IF('Standard Profiles'!$G$20=$B$10,7,0)+IF('Standard Profiles'!$G$20=$B$17,14,0)+IF('Standard Profiles'!$G$20=$B$24,21,0),0)),0)</f>
        <v>0</v>
      </c>
      <c r="G503" cm="1">
        <f t="array" ref="G503">IFERROR(INDEX(Jesper!AK$2:AK$366,ROUNDDOWN($C503/24,0)+1,1)*INDEX($D$3:$AA$30,INDEX(Jesper!$R$2:$R$366,ROW(INDEX(Jesper!AK$2:AK$366,ROUNDDOWN($C503/24,0)+1,1))-1)+IF('Standard Profiles'!$G$21=$B$10,7,0)+IF('Standard Profiles'!$G$21=$B$17,14,0)+IF('Standard Profiles'!$G$21=$B$24,21,0),MOD($C503,24)+1)/SUM(INDEX($D$3:$AA$30,INDEX(Jesper!$R$2:$R$366,ROW(INDEX(Jesper!AK$2:AK$366,ROUNDDOWN($C503/24,0)+1,1))-1)+IF('Standard Profiles'!$G$21=$B$10,7,0)+IF('Standard Profiles'!$G$21=$B$17,14,0)+IF('Standard Profiles'!$G$21=$B$24,21,0),0)),0)</f>
        <v>34.343371357262818</v>
      </c>
      <c r="H503" cm="1">
        <f t="array" ref="H503">IFERROR(INDEX(Jesper!AL$2:AL$366,ROUNDDOWN($C503/24,0)+1,1)*INDEX($D$3:$AA$30,INDEX(Jesper!$R$2:$R$366,ROW(INDEX(Jesper!AL$2:AL$366,ROUNDDOWN($C503/24,0)+1,1))-1)+IF('Standard Profiles'!$G$22=$B$10,7,0)+IF('Standard Profiles'!$G$22=$B$17,14,0)+IF('Standard Profiles'!$G$22=$B$24,21,0),MOD($C503,24)+1)/SUM(INDEX($D$3:$AA$30,INDEX(Jesper!$R$2:$R$366,ROW(INDEX(Jesper!AL$2:AL$366,ROUNDDOWN($C503/24,0)+1,1))-1)+IF('Standard Profiles'!$G$22=$B$10,7,0)+IF('Standard Profiles'!$G$22=$B$17,14,0)+IF('Standard Profiles'!$G$22=$B$24,21,0),0)),0)</f>
        <v>0</v>
      </c>
      <c r="I503">
        <f t="shared" si="69"/>
        <v>16.484818251486143</v>
      </c>
      <c r="J503">
        <f t="shared" si="70"/>
        <v>77.977297302783938</v>
      </c>
      <c r="K503">
        <f t="shared" si="71"/>
        <v>2.9854454088379692</v>
      </c>
      <c r="L503">
        <f t="shared" si="72"/>
        <v>1.4927227044189846</v>
      </c>
      <c r="M503">
        <f t="shared" si="73"/>
        <v>0</v>
      </c>
      <c r="N503" s="45">
        <f t="shared" si="74"/>
        <v>44946.541666665529</v>
      </c>
    </row>
    <row r="504" spans="2:14" x14ac:dyDescent="0.25">
      <c r="B504">
        <f t="shared" si="68"/>
        <v>5</v>
      </c>
      <c r="C504" s="16">
        <v>470</v>
      </c>
      <c r="D504" cm="1">
        <f t="array" ref="D504">IFERROR(INDEX(Jesper!AH$2:AH$366,ROUNDDOWN($C504/24,0)+1,1)*INDEX($D$3:$AA$30,INDEX(Jesper!$R$2:$R$366,ROW(INDEX(Jesper!AH$2:AH$366,ROUNDDOWN($C504/24,0)+1,1))-1)+IF('Standard Profiles'!$G$18=$B$10,7,0)+IF('Standard Profiles'!$G$18=$B$17,14,0)+IF('Standard Profiles'!$G$18=$B$24,21,0),MOD($C504,24)+1)/SUM(INDEX($D$3:$AA$30,INDEX(Jesper!$R$2:$R$366,ROW(INDEX(Jesper!AH$2:AH$366,ROUNDDOWN($C504/24,0)+1,1))-1)+IF('Standard Profiles'!$G$18=$B$10,7,0)+IF('Standard Profiles'!$G$18=$B$17,14,0)+IF('Standard Profiles'!$G$18=$B$24,21,0),0)),0)</f>
        <v>40.427906578014159</v>
      </c>
      <c r="E504" cm="1">
        <f t="array" ref="E504">IFERROR(INDEX(Jesper!AI$2:AI$366,ROUNDDOWN($C504/24,0)+1,1)*INDEX($D$3:$AA$30,INDEX(Jesper!$R$2:$R$366,ROW(INDEX(Jesper!AI$2:AI$366,ROUNDDOWN($C504/24,0)+1,1))-1)+IF('Standard Profiles'!$G$19=$B$10,7,0)+IF('Standard Profiles'!$G$19=$B$17,14,0)+IF('Standard Profiles'!$G$19=$B$24,21,0),MOD($C504,24)+1)/SUM(INDEX($D$3:$AA$30,INDEX(Jesper!$R$2:$R$366,ROW(INDEX(Jesper!AI$2:AI$366,ROUNDDOWN($C504/24,0)+1,1))-1)+IF('Standard Profiles'!$G$19=$B$10,7,0)+IF('Standard Profiles'!$G$19=$B$17,14,0)+IF('Standard Profiles'!$G$19=$B$24,21,0),0)),0)</f>
        <v>52.878744536811929</v>
      </c>
      <c r="F504" cm="1">
        <f t="array" ref="F504">IFERROR(INDEX(Jesper!AJ$2:AJ$366,ROUNDDOWN($C504/24,0)+1,1)*INDEX($D$3:$AA$30,INDEX(Jesper!$R$2:$R$366,ROW(INDEX(Jesper!AJ$2:AJ$366,ROUNDDOWN($C504/24,0)+1,1))-1)+IF('Standard Profiles'!$G$20=$B$10,7,0)+IF('Standard Profiles'!$G$20=$B$17,14,0)+IF('Standard Profiles'!$G$20=$B$24,21,0),MOD($C504,24)+1)/SUM(INDEX($D$3:$AA$30,INDEX(Jesper!$R$2:$R$366,ROW(INDEX(Jesper!AJ$2:AJ$366,ROUNDDOWN($C504/24,0)+1,1))-1)+IF('Standard Profiles'!$G$20=$B$10,7,0)+IF('Standard Profiles'!$G$20=$B$17,14,0)+IF('Standard Profiles'!$G$20=$B$24,21,0),0)),0)</f>
        <v>0</v>
      </c>
      <c r="G504" cm="1">
        <f t="array" ref="G504">IFERROR(INDEX(Jesper!AK$2:AK$366,ROUNDDOWN($C504/24,0)+1,1)*INDEX($D$3:$AA$30,INDEX(Jesper!$R$2:$R$366,ROW(INDEX(Jesper!AK$2:AK$366,ROUNDDOWN($C504/24,0)+1,1))-1)+IF('Standard Profiles'!$G$21=$B$10,7,0)+IF('Standard Profiles'!$G$21=$B$17,14,0)+IF('Standard Profiles'!$G$21=$B$24,21,0),MOD($C504,24)+1)/SUM(INDEX($D$3:$AA$30,INDEX(Jesper!$R$2:$R$366,ROW(INDEX(Jesper!AK$2:AK$366,ROUNDDOWN($C504/24,0)+1,1))-1)+IF('Standard Profiles'!$G$21=$B$10,7,0)+IF('Standard Profiles'!$G$21=$B$17,14,0)+IF('Standard Profiles'!$G$21=$B$24,21,0),0)),0)</f>
        <v>49.607091960490727</v>
      </c>
      <c r="H504" cm="1">
        <f t="array" ref="H504">IFERROR(INDEX(Jesper!AL$2:AL$366,ROUNDDOWN($C504/24,0)+1,1)*INDEX($D$3:$AA$30,INDEX(Jesper!$R$2:$R$366,ROW(INDEX(Jesper!AL$2:AL$366,ROUNDDOWN($C504/24,0)+1,1))-1)+IF('Standard Profiles'!$G$22=$B$10,7,0)+IF('Standard Profiles'!$G$22=$B$17,14,0)+IF('Standard Profiles'!$G$22=$B$24,21,0),MOD($C504,24)+1)/SUM(INDEX($D$3:$AA$30,INDEX(Jesper!$R$2:$R$366,ROW(INDEX(Jesper!AL$2:AL$366,ROUNDDOWN($C504/24,0)+1,1))-1)+IF('Standard Profiles'!$G$22=$B$10,7,0)+IF('Standard Profiles'!$G$22=$B$17,14,0)+IF('Standard Profiles'!$G$22=$B$24,21,0),0)),0)</f>
        <v>0</v>
      </c>
      <c r="I504">
        <f t="shared" si="69"/>
        <v>23.811404141035538</v>
      </c>
      <c r="J504">
        <f t="shared" si="70"/>
        <v>112.63387388179902</v>
      </c>
      <c r="K504">
        <f t="shared" si="71"/>
        <v>4.3123100349881769</v>
      </c>
      <c r="L504">
        <f t="shared" si="72"/>
        <v>2.1561550174940884</v>
      </c>
      <c r="M504">
        <f t="shared" si="73"/>
        <v>0</v>
      </c>
      <c r="N504" s="45">
        <f t="shared" si="74"/>
        <v>44946.583333332193</v>
      </c>
    </row>
    <row r="505" spans="2:14" x14ac:dyDescent="0.25">
      <c r="B505">
        <f t="shared" si="68"/>
        <v>5</v>
      </c>
      <c r="C505" s="16">
        <v>471</v>
      </c>
      <c r="D505" cm="1">
        <f t="array" ref="D505">IFERROR(INDEX(Jesper!AH$2:AH$366,ROUNDDOWN($C505/24,0)+1,1)*INDEX($D$3:$AA$30,INDEX(Jesper!$R$2:$R$366,ROW(INDEX(Jesper!AH$2:AH$366,ROUNDDOWN($C505/24,0)+1,1))-1)+IF('Standard Profiles'!$G$18=$B$10,7,0)+IF('Standard Profiles'!$G$18=$B$17,14,0)+IF('Standard Profiles'!$G$18=$B$24,21,0),MOD($C505,24)+1)/SUM(INDEX($D$3:$AA$30,INDEX(Jesper!$R$2:$R$366,ROW(INDEX(Jesper!AH$2:AH$366,ROUNDDOWN($C505/24,0)+1,1))-1)+IF('Standard Profiles'!$G$18=$B$10,7,0)+IF('Standard Profiles'!$G$18=$B$17,14,0)+IF('Standard Profiles'!$G$18=$B$24,21,0),0)),0)</f>
        <v>31.098389675395509</v>
      </c>
      <c r="E505" cm="1">
        <f t="array" ref="E505">IFERROR(INDEX(Jesper!AI$2:AI$366,ROUNDDOWN($C505/24,0)+1,1)*INDEX($D$3:$AA$30,INDEX(Jesper!$R$2:$R$366,ROW(INDEX(Jesper!AI$2:AI$366,ROUNDDOWN($C505/24,0)+1,1))-1)+IF('Standard Profiles'!$G$19=$B$10,7,0)+IF('Standard Profiles'!$G$19=$B$17,14,0)+IF('Standard Profiles'!$G$19=$B$24,21,0),MOD($C505,24)+1)/SUM(INDEX($D$3:$AA$30,INDEX(Jesper!$R$2:$R$366,ROW(INDEX(Jesper!AI$2:AI$366,ROUNDDOWN($C505/24,0)+1,1))-1)+IF('Standard Profiles'!$G$19=$B$10,7,0)+IF('Standard Profiles'!$G$19=$B$17,14,0)+IF('Standard Profiles'!$G$19=$B$24,21,0),0)),0)</f>
        <v>40.675957336009176</v>
      </c>
      <c r="F505" cm="1">
        <f t="array" ref="F505">IFERROR(INDEX(Jesper!AJ$2:AJ$366,ROUNDDOWN($C505/24,0)+1,1)*INDEX($D$3:$AA$30,INDEX(Jesper!$R$2:$R$366,ROW(INDEX(Jesper!AJ$2:AJ$366,ROUNDDOWN($C505/24,0)+1,1))-1)+IF('Standard Profiles'!$G$20=$B$10,7,0)+IF('Standard Profiles'!$G$20=$B$17,14,0)+IF('Standard Profiles'!$G$20=$B$24,21,0),MOD($C505,24)+1)/SUM(INDEX($D$3:$AA$30,INDEX(Jesper!$R$2:$R$366,ROW(INDEX(Jesper!AJ$2:AJ$366,ROUNDDOWN($C505/24,0)+1,1))-1)+IF('Standard Profiles'!$G$20=$B$10,7,0)+IF('Standard Profiles'!$G$20=$B$17,14,0)+IF('Standard Profiles'!$G$20=$B$24,21,0),0)),0)</f>
        <v>0</v>
      </c>
      <c r="G505" cm="1">
        <f t="array" ref="G505">IFERROR(INDEX(Jesper!AK$2:AK$366,ROUNDDOWN($C505/24,0)+1,1)*INDEX($D$3:$AA$30,INDEX(Jesper!$R$2:$R$366,ROW(INDEX(Jesper!AK$2:AK$366,ROUNDDOWN($C505/24,0)+1,1))-1)+IF('Standard Profiles'!$G$21=$B$10,7,0)+IF('Standard Profiles'!$G$21=$B$17,14,0)+IF('Standard Profiles'!$G$21=$B$24,21,0),MOD($C505,24)+1)/SUM(INDEX($D$3:$AA$30,INDEX(Jesper!$R$2:$R$366,ROW(INDEX(Jesper!AK$2:AK$366,ROUNDDOWN($C505/24,0)+1,1))-1)+IF('Standard Profiles'!$G$21=$B$10,7,0)+IF('Standard Profiles'!$G$21=$B$17,14,0)+IF('Standard Profiles'!$G$21=$B$24,21,0),0)),0)</f>
        <v>41.975231658876773</v>
      </c>
      <c r="H505" cm="1">
        <f t="array" ref="H505">IFERROR(INDEX(Jesper!AL$2:AL$366,ROUNDDOWN($C505/24,0)+1,1)*INDEX($D$3:$AA$30,INDEX(Jesper!$R$2:$R$366,ROW(INDEX(Jesper!AL$2:AL$366,ROUNDDOWN($C505/24,0)+1,1))-1)+IF('Standard Profiles'!$G$22=$B$10,7,0)+IF('Standard Profiles'!$G$22=$B$17,14,0)+IF('Standard Profiles'!$G$22=$B$24,21,0),MOD($C505,24)+1)/SUM(INDEX($D$3:$AA$30,INDEX(Jesper!$R$2:$R$366,ROW(INDEX(Jesper!AL$2:AL$366,ROUNDDOWN($C505/24,0)+1,1))-1)+IF('Standard Profiles'!$G$22=$B$10,7,0)+IF('Standard Profiles'!$G$22=$B$17,14,0)+IF('Standard Profiles'!$G$22=$B$24,21,0),0)),0)</f>
        <v>0</v>
      </c>
      <c r="I505">
        <f t="shared" si="69"/>
        <v>20.148111196260842</v>
      </c>
      <c r="J505">
        <f t="shared" si="70"/>
        <v>88.625725125957331</v>
      </c>
      <c r="K505">
        <f t="shared" si="71"/>
        <v>3.3171615653755211</v>
      </c>
      <c r="L505">
        <f t="shared" si="72"/>
        <v>1.6585807826877605</v>
      </c>
      <c r="M505">
        <f t="shared" si="73"/>
        <v>0</v>
      </c>
      <c r="N505" s="45">
        <f t="shared" si="74"/>
        <v>44946.624999998858</v>
      </c>
    </row>
    <row r="506" spans="2:14" x14ac:dyDescent="0.25">
      <c r="B506">
        <f t="shared" si="68"/>
        <v>5</v>
      </c>
      <c r="C506" s="16">
        <v>472</v>
      </c>
      <c r="D506" cm="1">
        <f t="array" ref="D506">IFERROR(INDEX(Jesper!AH$2:AH$366,ROUNDDOWN($C506/24,0)+1,1)*INDEX($D$3:$AA$30,INDEX(Jesper!$R$2:$R$366,ROW(INDEX(Jesper!AH$2:AH$366,ROUNDDOWN($C506/24,0)+1,1))-1)+IF('Standard Profiles'!$G$18=$B$10,7,0)+IF('Standard Profiles'!$G$18=$B$17,14,0)+IF('Standard Profiles'!$G$18=$B$24,21,0),MOD($C506,24)+1)/SUM(INDEX($D$3:$AA$30,INDEX(Jesper!$R$2:$R$366,ROW(INDEX(Jesper!AH$2:AH$366,ROUNDDOWN($C506/24,0)+1,1))-1)+IF('Standard Profiles'!$G$18=$B$10,7,0)+IF('Standard Profiles'!$G$18=$B$17,14,0)+IF('Standard Profiles'!$G$18=$B$24,21,0),0)),0)</f>
        <v>14.600182946195076</v>
      </c>
      <c r="E506" cm="1">
        <f t="array" ref="E506">IFERROR(INDEX(Jesper!AI$2:AI$366,ROUNDDOWN($C506/24,0)+1,1)*INDEX($D$3:$AA$30,INDEX(Jesper!$R$2:$R$366,ROW(INDEX(Jesper!AI$2:AI$366,ROUNDDOWN($C506/24,0)+1,1))-1)+IF('Standard Profiles'!$G$19=$B$10,7,0)+IF('Standard Profiles'!$G$19=$B$17,14,0)+IF('Standard Profiles'!$G$19=$B$24,21,0),MOD($C506,24)+1)/SUM(INDEX($D$3:$AA$30,INDEX(Jesper!$R$2:$R$366,ROW(INDEX(Jesper!AI$2:AI$366,ROUNDDOWN($C506/24,0)+1,1))-1)+IF('Standard Profiles'!$G$19=$B$10,7,0)+IF('Standard Profiles'!$G$19=$B$17,14,0)+IF('Standard Profiles'!$G$19=$B$24,21,0),0)),0)</f>
        <v>19.096693584980837</v>
      </c>
      <c r="F506" cm="1">
        <f t="array" ref="F506">IFERROR(INDEX(Jesper!AJ$2:AJ$366,ROUNDDOWN($C506/24,0)+1,1)*INDEX($D$3:$AA$30,INDEX(Jesper!$R$2:$R$366,ROW(INDEX(Jesper!AJ$2:AJ$366,ROUNDDOWN($C506/24,0)+1,1))-1)+IF('Standard Profiles'!$G$20=$B$10,7,0)+IF('Standard Profiles'!$G$20=$B$17,14,0)+IF('Standard Profiles'!$G$20=$B$24,21,0),MOD($C506,24)+1)/SUM(INDEX($D$3:$AA$30,INDEX(Jesper!$R$2:$R$366,ROW(INDEX(Jesper!AJ$2:AJ$366,ROUNDDOWN($C506/24,0)+1,1))-1)+IF('Standard Profiles'!$G$20=$B$10,7,0)+IF('Standard Profiles'!$G$20=$B$17,14,0)+IF('Standard Profiles'!$G$20=$B$24,21,0),0)),0)</f>
        <v>0</v>
      </c>
      <c r="G506" cm="1">
        <f t="array" ref="G506">IFERROR(INDEX(Jesper!AK$2:AK$366,ROUNDDOWN($C506/24,0)+1,1)*INDEX($D$3:$AA$30,INDEX(Jesper!$R$2:$R$366,ROW(INDEX(Jesper!AK$2:AK$366,ROUNDDOWN($C506/24,0)+1,1))-1)+IF('Standard Profiles'!$G$21=$B$10,7,0)+IF('Standard Profiles'!$G$21=$B$17,14,0)+IF('Standard Profiles'!$G$21=$B$24,21,0),MOD($C506,24)+1)/SUM(INDEX($D$3:$AA$30,INDEX(Jesper!$R$2:$R$366,ROW(INDEX(Jesper!AK$2:AK$366,ROUNDDOWN($C506/24,0)+1,1))-1)+IF('Standard Profiles'!$G$21=$B$10,7,0)+IF('Standard Profiles'!$G$21=$B$17,14,0)+IF('Standard Profiles'!$G$21=$B$24,21,0),0)),0)</f>
        <v>36.342191912447426</v>
      </c>
      <c r="H506" cm="1">
        <f t="array" ref="H506">IFERROR(INDEX(Jesper!AL$2:AL$366,ROUNDDOWN($C506/24,0)+1,1)*INDEX($D$3:$AA$30,INDEX(Jesper!$R$2:$R$366,ROW(INDEX(Jesper!AL$2:AL$366,ROUNDDOWN($C506/24,0)+1,1))-1)+IF('Standard Profiles'!$G$22=$B$10,7,0)+IF('Standard Profiles'!$G$22=$B$17,14,0)+IF('Standard Profiles'!$G$22=$B$24,21,0),MOD($C506,24)+1)/SUM(INDEX($D$3:$AA$30,INDEX(Jesper!$R$2:$R$366,ROW(INDEX(Jesper!AL$2:AL$366,ROUNDDOWN($C506/24,0)+1,1))-1)+IF('Standard Profiles'!$G$22=$B$10,7,0)+IF('Standard Profiles'!$G$22=$B$17,14,0)+IF('Standard Profiles'!$G$22=$B$24,21,0),0)),0)</f>
        <v>0</v>
      </c>
      <c r="I506">
        <f t="shared" si="69"/>
        <v>17.444252117974756</v>
      </c>
      <c r="J506">
        <f t="shared" si="70"/>
        <v>50.258787054257368</v>
      </c>
      <c r="K506">
        <f t="shared" si="71"/>
        <v>1.5573528475941416</v>
      </c>
      <c r="L506">
        <f t="shared" si="72"/>
        <v>0.7786764237970708</v>
      </c>
      <c r="M506">
        <f t="shared" si="73"/>
        <v>0</v>
      </c>
      <c r="N506" s="45">
        <f t="shared" si="74"/>
        <v>44946.666666665522</v>
      </c>
    </row>
    <row r="507" spans="2:14" x14ac:dyDescent="0.25">
      <c r="B507">
        <f t="shared" si="68"/>
        <v>5</v>
      </c>
      <c r="C507" s="16">
        <v>473</v>
      </c>
      <c r="D507" cm="1">
        <f t="array" ref="D507">IFERROR(INDEX(Jesper!AH$2:AH$366,ROUNDDOWN($C507/24,0)+1,1)*INDEX($D$3:$AA$30,INDEX(Jesper!$R$2:$R$366,ROW(INDEX(Jesper!AH$2:AH$366,ROUNDDOWN($C507/24,0)+1,1))-1)+IF('Standard Profiles'!$G$18=$B$10,7,0)+IF('Standard Profiles'!$G$18=$B$17,14,0)+IF('Standard Profiles'!$G$18=$B$24,21,0),MOD($C507,24)+1)/SUM(INDEX($D$3:$AA$30,INDEX(Jesper!$R$2:$R$366,ROW(INDEX(Jesper!AH$2:AH$366,ROUNDDOWN($C507/24,0)+1,1))-1)+IF('Standard Profiles'!$G$18=$B$10,7,0)+IF('Standard Profiles'!$G$18=$B$17,14,0)+IF('Standard Profiles'!$G$18=$B$24,21,0),0)),0)</f>
        <v>9.6361207444887498</v>
      </c>
      <c r="E507" cm="1">
        <f t="array" ref="E507">IFERROR(INDEX(Jesper!AI$2:AI$366,ROUNDDOWN($C507/24,0)+1,1)*INDEX($D$3:$AA$30,INDEX(Jesper!$R$2:$R$366,ROW(INDEX(Jesper!AI$2:AI$366,ROUNDDOWN($C507/24,0)+1,1))-1)+IF('Standard Profiles'!$G$19=$B$10,7,0)+IF('Standard Profiles'!$G$19=$B$17,14,0)+IF('Standard Profiles'!$G$19=$B$24,21,0),MOD($C507,24)+1)/SUM(INDEX($D$3:$AA$30,INDEX(Jesper!$R$2:$R$366,ROW(INDEX(Jesper!AI$2:AI$366,ROUNDDOWN($C507/24,0)+1,1))-1)+IF('Standard Profiles'!$G$19=$B$10,7,0)+IF('Standard Profiles'!$G$19=$B$17,14,0)+IF('Standard Profiles'!$G$19=$B$24,21,0),0)),0)</f>
        <v>12.603817766087351</v>
      </c>
      <c r="F507" cm="1">
        <f t="array" ref="F507">IFERROR(INDEX(Jesper!AJ$2:AJ$366,ROUNDDOWN($C507/24,0)+1,1)*INDEX($D$3:$AA$30,INDEX(Jesper!$R$2:$R$366,ROW(INDEX(Jesper!AJ$2:AJ$366,ROUNDDOWN($C507/24,0)+1,1))-1)+IF('Standard Profiles'!$G$20=$B$10,7,0)+IF('Standard Profiles'!$G$20=$B$17,14,0)+IF('Standard Profiles'!$G$20=$B$24,21,0),MOD($C507,24)+1)/SUM(INDEX($D$3:$AA$30,INDEX(Jesper!$R$2:$R$366,ROW(INDEX(Jesper!AJ$2:AJ$366,ROUNDDOWN($C507/24,0)+1,1))-1)+IF('Standard Profiles'!$G$20=$B$10,7,0)+IF('Standard Profiles'!$G$20=$B$17,14,0)+IF('Standard Profiles'!$G$20=$B$24,21,0),0)),0)</f>
        <v>0</v>
      </c>
      <c r="G507" cm="1">
        <f t="array" ref="G507">IFERROR(INDEX(Jesper!AK$2:AK$366,ROUNDDOWN($C507/24,0)+1,1)*INDEX($D$3:$AA$30,INDEX(Jesper!$R$2:$R$366,ROW(INDEX(Jesper!AK$2:AK$366,ROUNDDOWN($C507/24,0)+1,1))-1)+IF('Standard Profiles'!$G$21=$B$10,7,0)+IF('Standard Profiles'!$G$21=$B$17,14,0)+IF('Standard Profiles'!$G$21=$B$24,21,0),MOD($C507,24)+1)/SUM(INDEX($D$3:$AA$30,INDEX(Jesper!$R$2:$R$366,ROW(INDEX(Jesper!AK$2:AK$366,ROUNDDOWN($C507/24,0)+1,1))-1)+IF('Standard Profiles'!$G$21=$B$10,7,0)+IF('Standard Profiles'!$G$21=$B$17,14,0)+IF('Standard Profiles'!$G$21=$B$24,21,0),0)),0)</f>
        <v>30.527441206455833</v>
      </c>
      <c r="H507" cm="1">
        <f t="array" ref="H507">IFERROR(INDEX(Jesper!AL$2:AL$366,ROUNDDOWN($C507/24,0)+1,1)*INDEX($D$3:$AA$30,INDEX(Jesper!$R$2:$R$366,ROW(INDEX(Jesper!AL$2:AL$366,ROUNDDOWN($C507/24,0)+1,1))-1)+IF('Standard Profiles'!$G$22=$B$10,7,0)+IF('Standard Profiles'!$G$22=$B$17,14,0)+IF('Standard Profiles'!$G$22=$B$24,21,0),MOD($C507,24)+1)/SUM(INDEX($D$3:$AA$30,INDEX(Jesper!$R$2:$R$366,ROW(INDEX(Jesper!AL$2:AL$366,ROUNDDOWN($C507/24,0)+1,1))-1)+IF('Standard Profiles'!$G$22=$B$10,7,0)+IF('Standard Profiles'!$G$22=$B$17,14,0)+IF('Standard Profiles'!$G$22=$B$24,21,0),0)),0)</f>
        <v>0</v>
      </c>
      <c r="I507">
        <f t="shared" si="69"/>
        <v>14.653171779098793</v>
      </c>
      <c r="J507">
        <f t="shared" si="70"/>
        <v>36.572428618814939</v>
      </c>
      <c r="K507">
        <f t="shared" si="71"/>
        <v>1.0278528794121333</v>
      </c>
      <c r="L507">
        <f t="shared" si="72"/>
        <v>0.51392643970606666</v>
      </c>
      <c r="M507">
        <f t="shared" si="73"/>
        <v>0</v>
      </c>
      <c r="N507" s="45">
        <f t="shared" si="74"/>
        <v>44946.708333332186</v>
      </c>
    </row>
    <row r="508" spans="2:14" x14ac:dyDescent="0.25">
      <c r="B508">
        <f t="shared" si="68"/>
        <v>5</v>
      </c>
      <c r="C508" s="16">
        <v>474</v>
      </c>
      <c r="D508" cm="1">
        <f t="array" ref="D508">IFERROR(INDEX(Jesper!AH$2:AH$366,ROUNDDOWN($C508/24,0)+1,1)*INDEX($D$3:$AA$30,INDEX(Jesper!$R$2:$R$366,ROW(INDEX(Jesper!AH$2:AH$366,ROUNDDOWN($C508/24,0)+1,1))-1)+IF('Standard Profiles'!$G$18=$B$10,7,0)+IF('Standard Profiles'!$G$18=$B$17,14,0)+IF('Standard Profiles'!$G$18=$B$24,21,0),MOD($C508,24)+1)/SUM(INDEX($D$3:$AA$30,INDEX(Jesper!$R$2:$R$366,ROW(INDEX(Jesper!AH$2:AH$366,ROUNDDOWN($C508/24,0)+1,1))-1)+IF('Standard Profiles'!$G$18=$B$10,7,0)+IF('Standard Profiles'!$G$18=$B$17,14,0)+IF('Standard Profiles'!$G$18=$B$24,21,0),0)),0)</f>
        <v>6.1320768374019314</v>
      </c>
      <c r="E508" cm="1">
        <f t="array" ref="E508">IFERROR(INDEX(Jesper!AI$2:AI$366,ROUNDDOWN($C508/24,0)+1,1)*INDEX($D$3:$AA$30,INDEX(Jesper!$R$2:$R$366,ROW(INDEX(Jesper!AI$2:AI$366,ROUNDDOWN($C508/24,0)+1,1))-1)+IF('Standard Profiles'!$G$19=$B$10,7,0)+IF('Standard Profiles'!$G$19=$B$17,14,0)+IF('Standard Profiles'!$G$19=$B$24,21,0),MOD($C508,24)+1)/SUM(INDEX($D$3:$AA$30,INDEX(Jesper!$R$2:$R$366,ROW(INDEX(Jesper!AI$2:AI$366,ROUNDDOWN($C508/24,0)+1,1))-1)+IF('Standard Profiles'!$G$19=$B$10,7,0)+IF('Standard Profiles'!$G$19=$B$17,14,0)+IF('Standard Profiles'!$G$19=$B$24,21,0),0)),0)</f>
        <v>8.0206113056919506</v>
      </c>
      <c r="F508" cm="1">
        <f t="array" ref="F508">IFERROR(INDEX(Jesper!AJ$2:AJ$366,ROUNDDOWN($C508/24,0)+1,1)*INDEX($D$3:$AA$30,INDEX(Jesper!$R$2:$R$366,ROW(INDEX(Jesper!AJ$2:AJ$366,ROUNDDOWN($C508/24,0)+1,1))-1)+IF('Standard Profiles'!$G$20=$B$10,7,0)+IF('Standard Profiles'!$G$20=$B$17,14,0)+IF('Standard Profiles'!$G$20=$B$24,21,0),MOD($C508,24)+1)/SUM(INDEX($D$3:$AA$30,INDEX(Jesper!$R$2:$R$366,ROW(INDEX(Jesper!AJ$2:AJ$366,ROUNDDOWN($C508/24,0)+1,1))-1)+IF('Standard Profiles'!$G$20=$B$10,7,0)+IF('Standard Profiles'!$G$20=$B$17,14,0)+IF('Standard Profiles'!$G$20=$B$24,21,0),0)),0)</f>
        <v>0</v>
      </c>
      <c r="G508" cm="1">
        <f t="array" ref="G508">IFERROR(INDEX(Jesper!AK$2:AK$366,ROUNDDOWN($C508/24,0)+1,1)*INDEX($D$3:$AA$30,INDEX(Jesper!$R$2:$R$366,ROW(INDEX(Jesper!AK$2:AK$366,ROUNDDOWN($C508/24,0)+1,1))-1)+IF('Standard Profiles'!$G$21=$B$10,7,0)+IF('Standard Profiles'!$G$21=$B$17,14,0)+IF('Standard Profiles'!$G$21=$B$24,21,0),MOD($C508,24)+1)/SUM(INDEX($D$3:$AA$30,INDEX(Jesper!$R$2:$R$366,ROW(INDEX(Jesper!AK$2:AK$366,ROUNDDOWN($C508/24,0)+1,1))-1)+IF('Standard Profiles'!$G$21=$B$10,7,0)+IF('Standard Profiles'!$G$21=$B$17,14,0)+IF('Standard Profiles'!$G$21=$B$24,21,0),0)),0)</f>
        <v>11.266079492858701</v>
      </c>
      <c r="H508" cm="1">
        <f t="array" ref="H508">IFERROR(INDEX(Jesper!AL$2:AL$366,ROUNDDOWN($C508/24,0)+1,1)*INDEX($D$3:$AA$30,INDEX(Jesper!$R$2:$R$366,ROW(INDEX(Jesper!AL$2:AL$366,ROUNDDOWN($C508/24,0)+1,1))-1)+IF('Standard Profiles'!$G$22=$B$10,7,0)+IF('Standard Profiles'!$G$22=$B$17,14,0)+IF('Standard Profiles'!$G$22=$B$24,21,0),MOD($C508,24)+1)/SUM(INDEX($D$3:$AA$30,INDEX(Jesper!$R$2:$R$366,ROW(INDEX(Jesper!AL$2:AL$366,ROUNDDOWN($C508/24,0)+1,1))-1)+IF('Standard Profiles'!$G$22=$B$10,7,0)+IF('Standard Profiles'!$G$22=$B$17,14,0)+IF('Standard Profiles'!$G$22=$B$24,21,0),0)),0)</f>
        <v>0</v>
      </c>
      <c r="I508">
        <f t="shared" si="69"/>
        <v>5.4077181565721739</v>
      </c>
      <c r="J508">
        <f t="shared" si="70"/>
        <v>19.029917185396101</v>
      </c>
      <c r="K508">
        <f t="shared" si="71"/>
        <v>0.65408819598953938</v>
      </c>
      <c r="L508">
        <f t="shared" si="72"/>
        <v>0.32704409799476969</v>
      </c>
      <c r="M508">
        <f t="shared" si="73"/>
        <v>0</v>
      </c>
      <c r="N508" s="45">
        <f t="shared" si="74"/>
        <v>44946.74999999885</v>
      </c>
    </row>
    <row r="509" spans="2:14" x14ac:dyDescent="0.25">
      <c r="B509">
        <f t="shared" si="68"/>
        <v>5</v>
      </c>
      <c r="C509" s="16">
        <v>475</v>
      </c>
      <c r="D509" cm="1">
        <f t="array" ref="D509">IFERROR(INDEX(Jesper!AH$2:AH$366,ROUNDDOWN($C509/24,0)+1,1)*INDEX($D$3:$AA$30,INDEX(Jesper!$R$2:$R$366,ROW(INDEX(Jesper!AH$2:AH$366,ROUNDDOWN($C509/24,0)+1,1))-1)+IF('Standard Profiles'!$G$18=$B$10,7,0)+IF('Standard Profiles'!$G$18=$B$17,14,0)+IF('Standard Profiles'!$G$18=$B$24,21,0),MOD($C509,24)+1)/SUM(INDEX($D$3:$AA$30,INDEX(Jesper!$R$2:$R$366,ROW(INDEX(Jesper!AH$2:AH$366,ROUNDDOWN($C509/24,0)+1,1))-1)+IF('Standard Profiles'!$G$18=$B$10,7,0)+IF('Standard Profiles'!$G$18=$B$17,14,0)+IF('Standard Profiles'!$G$18=$B$24,21,0),0)),0)</f>
        <v>5.84007317847803</v>
      </c>
      <c r="E509" cm="1">
        <f t="array" ref="E509">IFERROR(INDEX(Jesper!AI$2:AI$366,ROUNDDOWN($C509/24,0)+1,1)*INDEX($D$3:$AA$30,INDEX(Jesper!$R$2:$R$366,ROW(INDEX(Jesper!AI$2:AI$366,ROUNDDOWN($C509/24,0)+1,1))-1)+IF('Standard Profiles'!$G$19=$B$10,7,0)+IF('Standard Profiles'!$G$19=$B$17,14,0)+IF('Standard Profiles'!$G$19=$B$24,21,0),MOD($C509,24)+1)/SUM(INDEX($D$3:$AA$30,INDEX(Jesper!$R$2:$R$366,ROW(INDEX(Jesper!AI$2:AI$366,ROUNDDOWN($C509/24,0)+1,1))-1)+IF('Standard Profiles'!$G$19=$B$10,7,0)+IF('Standard Profiles'!$G$19=$B$17,14,0)+IF('Standard Profiles'!$G$19=$B$24,21,0),0)),0)</f>
        <v>7.638677433992334</v>
      </c>
      <c r="F509" cm="1">
        <f t="array" ref="F509">IFERROR(INDEX(Jesper!AJ$2:AJ$366,ROUNDDOWN($C509/24,0)+1,1)*INDEX($D$3:$AA$30,INDEX(Jesper!$R$2:$R$366,ROW(INDEX(Jesper!AJ$2:AJ$366,ROUNDDOWN($C509/24,0)+1,1))-1)+IF('Standard Profiles'!$G$20=$B$10,7,0)+IF('Standard Profiles'!$G$20=$B$17,14,0)+IF('Standard Profiles'!$G$20=$B$24,21,0),MOD($C509,24)+1)/SUM(INDEX($D$3:$AA$30,INDEX(Jesper!$R$2:$R$366,ROW(INDEX(Jesper!AJ$2:AJ$366,ROUNDDOWN($C509/24,0)+1,1))-1)+IF('Standard Profiles'!$G$20=$B$10,7,0)+IF('Standard Profiles'!$G$20=$B$17,14,0)+IF('Standard Profiles'!$G$20=$B$24,21,0),0)),0)</f>
        <v>0</v>
      </c>
      <c r="G509" cm="1">
        <f t="array" ref="G509">IFERROR(INDEX(Jesper!AK$2:AK$366,ROUNDDOWN($C509/24,0)+1,1)*INDEX($D$3:$AA$30,INDEX(Jesper!$R$2:$R$366,ROW(INDEX(Jesper!AK$2:AK$366,ROUNDDOWN($C509/24,0)+1,1))-1)+IF('Standard Profiles'!$G$21=$B$10,7,0)+IF('Standard Profiles'!$G$21=$B$17,14,0)+IF('Standard Profiles'!$G$21=$B$24,21,0),MOD($C509,24)+1)/SUM(INDEX($D$3:$AA$30,INDEX(Jesper!$R$2:$R$366,ROW(INDEX(Jesper!AK$2:AK$366,ROUNDDOWN($C509/24,0)+1,1))-1)+IF('Standard Profiles'!$G$21=$B$10,7,0)+IF('Standard Profiles'!$G$21=$B$17,14,0)+IF('Standard Profiles'!$G$21=$B$24,21,0),0)),0)</f>
        <v>11.266079492858701</v>
      </c>
      <c r="H509" cm="1">
        <f t="array" ref="H509">IFERROR(INDEX(Jesper!AL$2:AL$366,ROUNDDOWN($C509/24,0)+1,1)*INDEX($D$3:$AA$30,INDEX(Jesper!$R$2:$R$366,ROW(INDEX(Jesper!AL$2:AL$366,ROUNDDOWN($C509/24,0)+1,1))-1)+IF('Standard Profiles'!$G$22=$B$10,7,0)+IF('Standard Profiles'!$G$22=$B$17,14,0)+IF('Standard Profiles'!$G$22=$B$24,21,0),MOD($C509,24)+1)/SUM(INDEX($D$3:$AA$30,INDEX(Jesper!$R$2:$R$366,ROW(INDEX(Jesper!AL$2:AL$366,ROUNDDOWN($C509/24,0)+1,1))-1)+IF('Standard Profiles'!$G$22=$B$10,7,0)+IF('Standard Profiles'!$G$22=$B$17,14,0)+IF('Standard Profiles'!$G$22=$B$24,21,0),0)),0)</f>
        <v>0</v>
      </c>
      <c r="I509">
        <f t="shared" si="69"/>
        <v>5.4077181565721739</v>
      </c>
      <c r="J509">
        <f t="shared" si="70"/>
        <v>18.402700240200407</v>
      </c>
      <c r="K509">
        <f t="shared" si="71"/>
        <v>0.62294113903765658</v>
      </c>
      <c r="L509">
        <f t="shared" si="72"/>
        <v>0.31147056951882829</v>
      </c>
      <c r="M509">
        <f t="shared" si="73"/>
        <v>0</v>
      </c>
      <c r="N509" s="45">
        <f t="shared" si="74"/>
        <v>44946.791666665515</v>
      </c>
    </row>
    <row r="510" spans="2:14" x14ac:dyDescent="0.25">
      <c r="B510">
        <f t="shared" si="68"/>
        <v>5</v>
      </c>
      <c r="C510" s="16">
        <v>476</v>
      </c>
      <c r="D510" cm="1">
        <f t="array" ref="D510">IFERROR(INDEX(Jesper!AH$2:AH$366,ROUNDDOWN($C510/24,0)+1,1)*INDEX($D$3:$AA$30,INDEX(Jesper!$R$2:$R$366,ROW(INDEX(Jesper!AH$2:AH$366,ROUNDDOWN($C510/24,0)+1,1))-1)+IF('Standard Profiles'!$G$18=$B$10,7,0)+IF('Standard Profiles'!$G$18=$B$17,14,0)+IF('Standard Profiles'!$G$18=$B$24,21,0),MOD($C510,24)+1)/SUM(INDEX($D$3:$AA$30,INDEX(Jesper!$R$2:$R$366,ROW(INDEX(Jesper!AH$2:AH$366,ROUNDDOWN($C510/24,0)+1,1))-1)+IF('Standard Profiles'!$G$18=$B$10,7,0)+IF('Standard Profiles'!$G$18=$B$17,14,0)+IF('Standard Profiles'!$G$18=$B$24,21,0),0)),0)</f>
        <v>5.84007317847803</v>
      </c>
      <c r="E510" cm="1">
        <f t="array" ref="E510">IFERROR(INDEX(Jesper!AI$2:AI$366,ROUNDDOWN($C510/24,0)+1,1)*INDEX($D$3:$AA$30,INDEX(Jesper!$R$2:$R$366,ROW(INDEX(Jesper!AI$2:AI$366,ROUNDDOWN($C510/24,0)+1,1))-1)+IF('Standard Profiles'!$G$19=$B$10,7,0)+IF('Standard Profiles'!$G$19=$B$17,14,0)+IF('Standard Profiles'!$G$19=$B$24,21,0),MOD($C510,24)+1)/SUM(INDEX($D$3:$AA$30,INDEX(Jesper!$R$2:$R$366,ROW(INDEX(Jesper!AI$2:AI$366,ROUNDDOWN($C510/24,0)+1,1))-1)+IF('Standard Profiles'!$G$19=$B$10,7,0)+IF('Standard Profiles'!$G$19=$B$17,14,0)+IF('Standard Profiles'!$G$19=$B$24,21,0),0)),0)</f>
        <v>7.638677433992334</v>
      </c>
      <c r="F510" cm="1">
        <f t="array" ref="F510">IFERROR(INDEX(Jesper!AJ$2:AJ$366,ROUNDDOWN($C510/24,0)+1,1)*INDEX($D$3:$AA$30,INDEX(Jesper!$R$2:$R$366,ROW(INDEX(Jesper!AJ$2:AJ$366,ROUNDDOWN($C510/24,0)+1,1))-1)+IF('Standard Profiles'!$G$20=$B$10,7,0)+IF('Standard Profiles'!$G$20=$B$17,14,0)+IF('Standard Profiles'!$G$20=$B$24,21,0),MOD($C510,24)+1)/SUM(INDEX($D$3:$AA$30,INDEX(Jesper!$R$2:$R$366,ROW(INDEX(Jesper!AJ$2:AJ$366,ROUNDDOWN($C510/24,0)+1,1))-1)+IF('Standard Profiles'!$G$20=$B$10,7,0)+IF('Standard Profiles'!$G$20=$B$17,14,0)+IF('Standard Profiles'!$G$20=$B$24,21,0),0)),0)</f>
        <v>0</v>
      </c>
      <c r="G510" cm="1">
        <f t="array" ref="G510">IFERROR(INDEX(Jesper!AK$2:AK$366,ROUNDDOWN($C510/24,0)+1,1)*INDEX($D$3:$AA$30,INDEX(Jesper!$R$2:$R$366,ROW(INDEX(Jesper!AK$2:AK$366,ROUNDDOWN($C510/24,0)+1,1))-1)+IF('Standard Profiles'!$G$21=$B$10,7,0)+IF('Standard Profiles'!$G$21=$B$17,14,0)+IF('Standard Profiles'!$G$21=$B$24,21,0),MOD($C510,24)+1)/SUM(INDEX($D$3:$AA$30,INDEX(Jesper!$R$2:$R$366,ROW(INDEX(Jesper!AK$2:AK$366,ROUNDDOWN($C510/24,0)+1,1))-1)+IF('Standard Profiles'!$G$21=$B$10,7,0)+IF('Standard Profiles'!$G$21=$B$17,14,0)+IF('Standard Profiles'!$G$21=$B$24,21,0),0)),0)</f>
        <v>11.266079492858701</v>
      </c>
      <c r="H510" cm="1">
        <f t="array" ref="H510">IFERROR(INDEX(Jesper!AL$2:AL$366,ROUNDDOWN($C510/24,0)+1,1)*INDEX($D$3:$AA$30,INDEX(Jesper!$R$2:$R$366,ROW(INDEX(Jesper!AL$2:AL$366,ROUNDDOWN($C510/24,0)+1,1))-1)+IF('Standard Profiles'!$G$22=$B$10,7,0)+IF('Standard Profiles'!$G$22=$B$17,14,0)+IF('Standard Profiles'!$G$22=$B$24,21,0),MOD($C510,24)+1)/SUM(INDEX($D$3:$AA$30,INDEX(Jesper!$R$2:$R$366,ROW(INDEX(Jesper!AL$2:AL$366,ROUNDDOWN($C510/24,0)+1,1))-1)+IF('Standard Profiles'!$G$22=$B$10,7,0)+IF('Standard Profiles'!$G$22=$B$17,14,0)+IF('Standard Profiles'!$G$22=$B$24,21,0),0)),0)</f>
        <v>0</v>
      </c>
      <c r="I510">
        <f t="shared" si="69"/>
        <v>5.4077181565721739</v>
      </c>
      <c r="J510">
        <f t="shared" si="70"/>
        <v>18.402700240200407</v>
      </c>
      <c r="K510">
        <f t="shared" si="71"/>
        <v>0.62294113903765658</v>
      </c>
      <c r="L510">
        <f t="shared" si="72"/>
        <v>0.31147056951882829</v>
      </c>
      <c r="M510">
        <f t="shared" si="73"/>
        <v>0</v>
      </c>
      <c r="N510" s="45">
        <f t="shared" si="74"/>
        <v>44946.833333332179</v>
      </c>
    </row>
    <row r="511" spans="2:14" x14ac:dyDescent="0.25">
      <c r="B511">
        <f t="shared" si="68"/>
        <v>5</v>
      </c>
      <c r="C511" s="16">
        <v>477</v>
      </c>
      <c r="D511" cm="1">
        <f t="array" ref="D511">IFERROR(INDEX(Jesper!AH$2:AH$366,ROUNDDOWN($C511/24,0)+1,1)*INDEX($D$3:$AA$30,INDEX(Jesper!$R$2:$R$366,ROW(INDEX(Jesper!AH$2:AH$366,ROUNDDOWN($C511/24,0)+1,1))-1)+IF('Standard Profiles'!$G$18=$B$10,7,0)+IF('Standard Profiles'!$G$18=$B$17,14,0)+IF('Standard Profiles'!$G$18=$B$24,21,0),MOD($C511,24)+1)/SUM(INDEX($D$3:$AA$30,INDEX(Jesper!$R$2:$R$366,ROW(INDEX(Jesper!AH$2:AH$366,ROUNDDOWN($C511/24,0)+1,1))-1)+IF('Standard Profiles'!$G$18=$B$10,7,0)+IF('Standard Profiles'!$G$18=$B$17,14,0)+IF('Standard Profiles'!$G$18=$B$24,21,0),0)),0)</f>
        <v>5.84007317847803</v>
      </c>
      <c r="E511" cm="1">
        <f t="array" ref="E511">IFERROR(INDEX(Jesper!AI$2:AI$366,ROUNDDOWN($C511/24,0)+1,1)*INDEX($D$3:$AA$30,INDEX(Jesper!$R$2:$R$366,ROW(INDEX(Jesper!AI$2:AI$366,ROUNDDOWN($C511/24,0)+1,1))-1)+IF('Standard Profiles'!$G$19=$B$10,7,0)+IF('Standard Profiles'!$G$19=$B$17,14,0)+IF('Standard Profiles'!$G$19=$B$24,21,0),MOD($C511,24)+1)/SUM(INDEX($D$3:$AA$30,INDEX(Jesper!$R$2:$R$366,ROW(INDEX(Jesper!AI$2:AI$366,ROUNDDOWN($C511/24,0)+1,1))-1)+IF('Standard Profiles'!$G$19=$B$10,7,0)+IF('Standard Profiles'!$G$19=$B$17,14,0)+IF('Standard Profiles'!$G$19=$B$24,21,0),0)),0)</f>
        <v>7.638677433992334</v>
      </c>
      <c r="F511" cm="1">
        <f t="array" ref="F511">IFERROR(INDEX(Jesper!AJ$2:AJ$366,ROUNDDOWN($C511/24,0)+1,1)*INDEX($D$3:$AA$30,INDEX(Jesper!$R$2:$R$366,ROW(INDEX(Jesper!AJ$2:AJ$366,ROUNDDOWN($C511/24,0)+1,1))-1)+IF('Standard Profiles'!$G$20=$B$10,7,0)+IF('Standard Profiles'!$G$20=$B$17,14,0)+IF('Standard Profiles'!$G$20=$B$24,21,0),MOD($C511,24)+1)/SUM(INDEX($D$3:$AA$30,INDEX(Jesper!$R$2:$R$366,ROW(INDEX(Jesper!AJ$2:AJ$366,ROUNDDOWN($C511/24,0)+1,1))-1)+IF('Standard Profiles'!$G$20=$B$10,7,0)+IF('Standard Profiles'!$G$20=$B$17,14,0)+IF('Standard Profiles'!$G$20=$B$24,21,0),0)),0)</f>
        <v>0</v>
      </c>
      <c r="G511" cm="1">
        <f t="array" ref="G511">IFERROR(INDEX(Jesper!AK$2:AK$366,ROUNDDOWN($C511/24,0)+1,1)*INDEX($D$3:$AA$30,INDEX(Jesper!$R$2:$R$366,ROW(INDEX(Jesper!AK$2:AK$366,ROUNDDOWN($C511/24,0)+1,1))-1)+IF('Standard Profiles'!$G$21=$B$10,7,0)+IF('Standard Profiles'!$G$21=$B$17,14,0)+IF('Standard Profiles'!$G$21=$B$24,21,0),MOD($C511,24)+1)/SUM(INDEX($D$3:$AA$30,INDEX(Jesper!$R$2:$R$366,ROW(INDEX(Jesper!AK$2:AK$366,ROUNDDOWN($C511/24,0)+1,1))-1)+IF('Standard Profiles'!$G$21=$B$10,7,0)+IF('Standard Profiles'!$G$21=$B$17,14,0)+IF('Standard Profiles'!$G$21=$B$24,21,0),0)),0)</f>
        <v>11.266079492858701</v>
      </c>
      <c r="H511" cm="1">
        <f t="array" ref="H511">IFERROR(INDEX(Jesper!AL$2:AL$366,ROUNDDOWN($C511/24,0)+1,1)*INDEX($D$3:$AA$30,INDEX(Jesper!$R$2:$R$366,ROW(INDEX(Jesper!AL$2:AL$366,ROUNDDOWN($C511/24,0)+1,1))-1)+IF('Standard Profiles'!$G$22=$B$10,7,0)+IF('Standard Profiles'!$G$22=$B$17,14,0)+IF('Standard Profiles'!$G$22=$B$24,21,0),MOD($C511,24)+1)/SUM(INDEX($D$3:$AA$30,INDEX(Jesper!$R$2:$R$366,ROW(INDEX(Jesper!AL$2:AL$366,ROUNDDOWN($C511/24,0)+1,1))-1)+IF('Standard Profiles'!$G$22=$B$10,7,0)+IF('Standard Profiles'!$G$22=$B$17,14,0)+IF('Standard Profiles'!$G$22=$B$24,21,0),0)),0)</f>
        <v>0</v>
      </c>
      <c r="I511">
        <f t="shared" si="69"/>
        <v>5.4077181565721739</v>
      </c>
      <c r="J511">
        <f t="shared" si="70"/>
        <v>18.402700240200407</v>
      </c>
      <c r="K511">
        <f t="shared" si="71"/>
        <v>0.62294113903765658</v>
      </c>
      <c r="L511">
        <f t="shared" si="72"/>
        <v>0.31147056951882829</v>
      </c>
      <c r="M511">
        <f t="shared" si="73"/>
        <v>0</v>
      </c>
      <c r="N511" s="45">
        <f t="shared" si="74"/>
        <v>44946.874999998843</v>
      </c>
    </row>
    <row r="512" spans="2:14" x14ac:dyDescent="0.25">
      <c r="B512">
        <f t="shared" si="68"/>
        <v>5</v>
      </c>
      <c r="C512" s="16">
        <v>478</v>
      </c>
      <c r="D512" cm="1">
        <f t="array" ref="D512">IFERROR(INDEX(Jesper!AH$2:AH$366,ROUNDDOWN($C512/24,0)+1,1)*INDEX($D$3:$AA$30,INDEX(Jesper!$R$2:$R$366,ROW(INDEX(Jesper!AH$2:AH$366,ROUNDDOWN($C512/24,0)+1,1))-1)+IF('Standard Profiles'!$G$18=$B$10,7,0)+IF('Standard Profiles'!$G$18=$B$17,14,0)+IF('Standard Profiles'!$G$18=$B$24,21,0),MOD($C512,24)+1)/SUM(INDEX($D$3:$AA$30,INDEX(Jesper!$R$2:$R$366,ROW(INDEX(Jesper!AH$2:AH$366,ROUNDDOWN($C512/24,0)+1,1))-1)+IF('Standard Profiles'!$G$18=$B$10,7,0)+IF('Standard Profiles'!$G$18=$B$17,14,0)+IF('Standard Profiles'!$G$18=$B$24,21,0),0)),0)</f>
        <v>5.84007317847803</v>
      </c>
      <c r="E512" cm="1">
        <f t="array" ref="E512">IFERROR(INDEX(Jesper!AI$2:AI$366,ROUNDDOWN($C512/24,0)+1,1)*INDEX($D$3:$AA$30,INDEX(Jesper!$R$2:$R$366,ROW(INDEX(Jesper!AI$2:AI$366,ROUNDDOWN($C512/24,0)+1,1))-1)+IF('Standard Profiles'!$G$19=$B$10,7,0)+IF('Standard Profiles'!$G$19=$B$17,14,0)+IF('Standard Profiles'!$G$19=$B$24,21,0),MOD($C512,24)+1)/SUM(INDEX($D$3:$AA$30,INDEX(Jesper!$R$2:$R$366,ROW(INDEX(Jesper!AI$2:AI$366,ROUNDDOWN($C512/24,0)+1,1))-1)+IF('Standard Profiles'!$G$19=$B$10,7,0)+IF('Standard Profiles'!$G$19=$B$17,14,0)+IF('Standard Profiles'!$G$19=$B$24,21,0),0)),0)</f>
        <v>7.638677433992334</v>
      </c>
      <c r="F512" cm="1">
        <f t="array" ref="F512">IFERROR(INDEX(Jesper!AJ$2:AJ$366,ROUNDDOWN($C512/24,0)+1,1)*INDEX($D$3:$AA$30,INDEX(Jesper!$R$2:$R$366,ROW(INDEX(Jesper!AJ$2:AJ$366,ROUNDDOWN($C512/24,0)+1,1))-1)+IF('Standard Profiles'!$G$20=$B$10,7,0)+IF('Standard Profiles'!$G$20=$B$17,14,0)+IF('Standard Profiles'!$G$20=$B$24,21,0),MOD($C512,24)+1)/SUM(INDEX($D$3:$AA$30,INDEX(Jesper!$R$2:$R$366,ROW(INDEX(Jesper!AJ$2:AJ$366,ROUNDDOWN($C512/24,0)+1,1))-1)+IF('Standard Profiles'!$G$20=$B$10,7,0)+IF('Standard Profiles'!$G$20=$B$17,14,0)+IF('Standard Profiles'!$G$20=$B$24,21,0),0)),0)</f>
        <v>0</v>
      </c>
      <c r="G512" cm="1">
        <f t="array" ref="G512">IFERROR(INDEX(Jesper!AK$2:AK$366,ROUNDDOWN($C512/24,0)+1,1)*INDEX($D$3:$AA$30,INDEX(Jesper!$R$2:$R$366,ROW(INDEX(Jesper!AK$2:AK$366,ROUNDDOWN($C512/24,0)+1,1))-1)+IF('Standard Profiles'!$G$21=$B$10,7,0)+IF('Standard Profiles'!$G$21=$B$17,14,0)+IF('Standard Profiles'!$G$21=$B$24,21,0),MOD($C512,24)+1)/SUM(INDEX($D$3:$AA$30,INDEX(Jesper!$R$2:$R$366,ROW(INDEX(Jesper!AK$2:AK$366,ROUNDDOWN($C512/24,0)+1,1))-1)+IF('Standard Profiles'!$G$21=$B$10,7,0)+IF('Standard Profiles'!$G$21=$B$17,14,0)+IF('Standard Profiles'!$G$21=$B$24,21,0),0)),0)</f>
        <v>11.266079492858701</v>
      </c>
      <c r="H512" cm="1">
        <f t="array" ref="H512">IFERROR(INDEX(Jesper!AL$2:AL$366,ROUNDDOWN($C512/24,0)+1,1)*INDEX($D$3:$AA$30,INDEX(Jesper!$R$2:$R$366,ROW(INDEX(Jesper!AL$2:AL$366,ROUNDDOWN($C512/24,0)+1,1))-1)+IF('Standard Profiles'!$G$22=$B$10,7,0)+IF('Standard Profiles'!$G$22=$B$17,14,0)+IF('Standard Profiles'!$G$22=$B$24,21,0),MOD($C512,24)+1)/SUM(INDEX($D$3:$AA$30,INDEX(Jesper!$R$2:$R$366,ROW(INDEX(Jesper!AL$2:AL$366,ROUNDDOWN($C512/24,0)+1,1))-1)+IF('Standard Profiles'!$G$22=$B$10,7,0)+IF('Standard Profiles'!$G$22=$B$17,14,0)+IF('Standard Profiles'!$G$22=$B$24,21,0),0)),0)</f>
        <v>0</v>
      </c>
      <c r="I512">
        <f t="shared" si="69"/>
        <v>5.4077181565721739</v>
      </c>
      <c r="J512">
        <f t="shared" si="70"/>
        <v>18.402700240200407</v>
      </c>
      <c r="K512">
        <f t="shared" si="71"/>
        <v>0.62294113903765658</v>
      </c>
      <c r="L512">
        <f t="shared" si="72"/>
        <v>0.31147056951882829</v>
      </c>
      <c r="M512">
        <f t="shared" si="73"/>
        <v>0</v>
      </c>
      <c r="N512" s="45">
        <f t="shared" si="74"/>
        <v>44946.916666665507</v>
      </c>
    </row>
    <row r="513" spans="2:14" x14ac:dyDescent="0.25">
      <c r="B513">
        <f t="shared" si="68"/>
        <v>5</v>
      </c>
      <c r="C513" s="16">
        <v>479</v>
      </c>
      <c r="D513" cm="1">
        <f t="array" ref="D513">IFERROR(INDEX(Jesper!AH$2:AH$366,ROUNDDOWN($C513/24,0)+1,1)*INDEX($D$3:$AA$30,INDEX(Jesper!$R$2:$R$366,ROW(INDEX(Jesper!AH$2:AH$366,ROUNDDOWN($C513/24,0)+1,1))-1)+IF('Standard Profiles'!$G$18=$B$10,7,0)+IF('Standard Profiles'!$G$18=$B$17,14,0)+IF('Standard Profiles'!$G$18=$B$24,21,0),MOD($C513,24)+1)/SUM(INDEX($D$3:$AA$30,INDEX(Jesper!$R$2:$R$366,ROW(INDEX(Jesper!AH$2:AH$366,ROUNDDOWN($C513/24,0)+1,1))-1)+IF('Standard Profiles'!$G$18=$B$10,7,0)+IF('Standard Profiles'!$G$18=$B$17,14,0)+IF('Standard Profiles'!$G$18=$B$24,21,0),0)),0)</f>
        <v>5.84007317847803</v>
      </c>
      <c r="E513" cm="1">
        <f t="array" ref="E513">IFERROR(INDEX(Jesper!AI$2:AI$366,ROUNDDOWN($C513/24,0)+1,1)*INDEX($D$3:$AA$30,INDEX(Jesper!$R$2:$R$366,ROW(INDEX(Jesper!AI$2:AI$366,ROUNDDOWN($C513/24,0)+1,1))-1)+IF('Standard Profiles'!$G$19=$B$10,7,0)+IF('Standard Profiles'!$G$19=$B$17,14,0)+IF('Standard Profiles'!$G$19=$B$24,21,0),MOD($C513,24)+1)/SUM(INDEX($D$3:$AA$30,INDEX(Jesper!$R$2:$R$366,ROW(INDEX(Jesper!AI$2:AI$366,ROUNDDOWN($C513/24,0)+1,1))-1)+IF('Standard Profiles'!$G$19=$B$10,7,0)+IF('Standard Profiles'!$G$19=$B$17,14,0)+IF('Standard Profiles'!$G$19=$B$24,21,0),0)),0)</f>
        <v>7.638677433992334</v>
      </c>
      <c r="F513" cm="1">
        <f t="array" ref="F513">IFERROR(INDEX(Jesper!AJ$2:AJ$366,ROUNDDOWN($C513/24,0)+1,1)*INDEX($D$3:$AA$30,INDEX(Jesper!$R$2:$R$366,ROW(INDEX(Jesper!AJ$2:AJ$366,ROUNDDOWN($C513/24,0)+1,1))-1)+IF('Standard Profiles'!$G$20=$B$10,7,0)+IF('Standard Profiles'!$G$20=$B$17,14,0)+IF('Standard Profiles'!$G$20=$B$24,21,0),MOD($C513,24)+1)/SUM(INDEX($D$3:$AA$30,INDEX(Jesper!$R$2:$R$366,ROW(INDEX(Jesper!AJ$2:AJ$366,ROUNDDOWN($C513/24,0)+1,1))-1)+IF('Standard Profiles'!$G$20=$B$10,7,0)+IF('Standard Profiles'!$G$20=$B$17,14,0)+IF('Standard Profiles'!$G$20=$B$24,21,0),0)),0)</f>
        <v>0</v>
      </c>
      <c r="G513" cm="1">
        <f t="array" ref="G513">IFERROR(INDEX(Jesper!AK$2:AK$366,ROUNDDOWN($C513/24,0)+1,1)*INDEX($D$3:$AA$30,INDEX(Jesper!$R$2:$R$366,ROW(INDEX(Jesper!AK$2:AK$366,ROUNDDOWN($C513/24,0)+1,1))-1)+IF('Standard Profiles'!$G$21=$B$10,7,0)+IF('Standard Profiles'!$G$21=$B$17,14,0)+IF('Standard Profiles'!$G$21=$B$24,21,0),MOD($C513,24)+1)/SUM(INDEX($D$3:$AA$30,INDEX(Jesper!$R$2:$R$366,ROW(INDEX(Jesper!AK$2:AK$366,ROUNDDOWN($C513/24,0)+1,1))-1)+IF('Standard Profiles'!$G$21=$B$10,7,0)+IF('Standard Profiles'!$G$21=$B$17,14,0)+IF('Standard Profiles'!$G$21=$B$24,21,0),0)),0)</f>
        <v>11.266079492858701</v>
      </c>
      <c r="H513" cm="1">
        <f t="array" ref="H513">IFERROR(INDEX(Jesper!AL$2:AL$366,ROUNDDOWN($C513/24,0)+1,1)*INDEX($D$3:$AA$30,INDEX(Jesper!$R$2:$R$366,ROW(INDEX(Jesper!AL$2:AL$366,ROUNDDOWN($C513/24,0)+1,1))-1)+IF('Standard Profiles'!$G$22=$B$10,7,0)+IF('Standard Profiles'!$G$22=$B$17,14,0)+IF('Standard Profiles'!$G$22=$B$24,21,0),MOD($C513,24)+1)/SUM(INDEX($D$3:$AA$30,INDEX(Jesper!$R$2:$R$366,ROW(INDEX(Jesper!AL$2:AL$366,ROUNDDOWN($C513/24,0)+1,1))-1)+IF('Standard Profiles'!$G$22=$B$10,7,0)+IF('Standard Profiles'!$G$22=$B$17,14,0)+IF('Standard Profiles'!$G$22=$B$24,21,0),0)),0)</f>
        <v>0</v>
      </c>
      <c r="I513">
        <f t="shared" si="69"/>
        <v>5.4077181565721739</v>
      </c>
      <c r="J513">
        <f t="shared" si="70"/>
        <v>18.402700240200407</v>
      </c>
      <c r="K513">
        <f t="shared" si="71"/>
        <v>0.62294113903765658</v>
      </c>
      <c r="L513">
        <f t="shared" si="72"/>
        <v>0.31147056951882829</v>
      </c>
      <c r="M513">
        <f t="shared" si="73"/>
        <v>0</v>
      </c>
      <c r="N513" s="45">
        <f t="shared" si="74"/>
        <v>44946.958333332172</v>
      </c>
    </row>
    <row r="514" spans="2:14" x14ac:dyDescent="0.25">
      <c r="B514">
        <f t="shared" si="68"/>
        <v>6</v>
      </c>
      <c r="C514" s="16">
        <v>480</v>
      </c>
      <c r="D514" cm="1">
        <f t="array" ref="D514">IFERROR(INDEX(Jesper!AH$2:AH$366,ROUNDDOWN($C514/24,0)+1,1)*INDEX($D$3:$AA$30,INDEX(Jesper!$R$2:$R$366,ROW(INDEX(Jesper!AH$2:AH$366,ROUNDDOWN($C514/24,0)+1,1))-1)+IF('Standard Profiles'!$G$18=$B$10,7,0)+IF('Standard Profiles'!$G$18=$B$17,14,0)+IF('Standard Profiles'!$G$18=$B$24,21,0),MOD($C514,24)+1)/SUM(INDEX($D$3:$AA$30,INDEX(Jesper!$R$2:$R$366,ROW(INDEX(Jesper!AH$2:AH$366,ROUNDDOWN($C514/24,0)+1,1))-1)+IF('Standard Profiles'!$G$18=$B$10,7,0)+IF('Standard Profiles'!$G$18=$B$17,14,0)+IF('Standard Profiles'!$G$18=$B$24,21,0),0)),0)</f>
        <v>0</v>
      </c>
      <c r="E514" cm="1">
        <f t="array" ref="E514">IFERROR(INDEX(Jesper!AI$2:AI$366,ROUNDDOWN($C514/24,0)+1,1)*INDEX($D$3:$AA$30,INDEX(Jesper!$R$2:$R$366,ROW(INDEX(Jesper!AI$2:AI$366,ROUNDDOWN($C514/24,0)+1,1))-1)+IF('Standard Profiles'!$G$19=$B$10,7,0)+IF('Standard Profiles'!$G$19=$B$17,14,0)+IF('Standard Profiles'!$G$19=$B$24,21,0),MOD($C514,24)+1)/SUM(INDEX($D$3:$AA$30,INDEX(Jesper!$R$2:$R$366,ROW(INDEX(Jesper!AI$2:AI$366,ROUNDDOWN($C514/24,0)+1,1))-1)+IF('Standard Profiles'!$G$19=$B$10,7,0)+IF('Standard Profiles'!$G$19=$B$17,14,0)+IF('Standard Profiles'!$G$19=$B$24,21,0),0)),0)</f>
        <v>6.4317741559278234</v>
      </c>
      <c r="F514" cm="1">
        <f t="array" ref="F514">IFERROR(INDEX(Jesper!AJ$2:AJ$366,ROUNDDOWN($C514/24,0)+1,1)*INDEX($D$3:$AA$30,INDEX(Jesper!$R$2:$R$366,ROW(INDEX(Jesper!AJ$2:AJ$366,ROUNDDOWN($C514/24,0)+1,1))-1)+IF('Standard Profiles'!$G$20=$B$10,7,0)+IF('Standard Profiles'!$G$20=$B$17,14,0)+IF('Standard Profiles'!$G$20=$B$24,21,0),MOD($C514,24)+1)/SUM(INDEX($D$3:$AA$30,INDEX(Jesper!$R$2:$R$366,ROW(INDEX(Jesper!AJ$2:AJ$366,ROUNDDOWN($C514/24,0)+1,1))-1)+IF('Standard Profiles'!$G$20=$B$10,7,0)+IF('Standard Profiles'!$G$20=$B$17,14,0)+IF('Standard Profiles'!$G$20=$B$24,21,0),0)),0)</f>
        <v>5.7799370108578803</v>
      </c>
      <c r="G514" cm="1">
        <f t="array" ref="G514">IFERROR(INDEX(Jesper!AK$2:AK$366,ROUNDDOWN($C514/24,0)+1,1)*INDEX($D$3:$AA$30,INDEX(Jesper!$R$2:$R$366,ROW(INDEX(Jesper!AK$2:AK$366,ROUNDDOWN($C514/24,0)+1,1))-1)+IF('Standard Profiles'!$G$21=$B$10,7,0)+IF('Standard Profiles'!$G$21=$B$17,14,0)+IF('Standard Profiles'!$G$21=$B$24,21,0),MOD($C514,24)+1)/SUM(INDEX($D$3:$AA$30,INDEX(Jesper!$R$2:$R$366,ROW(INDEX(Jesper!AK$2:AK$366,ROUNDDOWN($C514/24,0)+1,1))-1)+IF('Standard Profiles'!$G$21=$B$10,7,0)+IF('Standard Profiles'!$G$21=$B$17,14,0)+IF('Standard Profiles'!$G$21=$B$24,21,0),0)),0)</f>
        <v>9.1159641434937004</v>
      </c>
      <c r="H514" cm="1">
        <f t="array" ref="H514">IFERROR(INDEX(Jesper!AL$2:AL$366,ROUNDDOWN($C514/24,0)+1,1)*INDEX($D$3:$AA$30,INDEX(Jesper!$R$2:$R$366,ROW(INDEX(Jesper!AL$2:AL$366,ROUNDDOWN($C514/24,0)+1,1))-1)+IF('Standard Profiles'!$G$22=$B$10,7,0)+IF('Standard Profiles'!$G$22=$B$17,14,0)+IF('Standard Profiles'!$G$22=$B$24,21,0),MOD($C514,24)+1)/SUM(INDEX($D$3:$AA$30,INDEX(Jesper!$R$2:$R$366,ROW(INDEX(Jesper!AL$2:AL$366,ROUNDDOWN($C514/24,0)+1,1))-1)+IF('Standard Profiles'!$G$22=$B$10,7,0)+IF('Standard Profiles'!$G$22=$B$17,14,0)+IF('Standard Profiles'!$G$22=$B$24,21,0),0)),0)</f>
        <v>2.6395882546721321</v>
      </c>
      <c r="I514">
        <f t="shared" si="69"/>
        <v>2.5340047244852482</v>
      </c>
      <c r="J514">
        <f t="shared" si="70"/>
        <v>20.661445941754948</v>
      </c>
      <c r="K514">
        <f t="shared" si="71"/>
        <v>0.51454193247422586</v>
      </c>
      <c r="L514">
        <f t="shared" si="72"/>
        <v>0.25727096623711293</v>
      </c>
      <c r="M514">
        <f t="shared" si="73"/>
        <v>0</v>
      </c>
      <c r="N514" s="45">
        <f t="shared" si="74"/>
        <v>44946.999999998836</v>
      </c>
    </row>
    <row r="515" spans="2:14" x14ac:dyDescent="0.25">
      <c r="B515">
        <f t="shared" si="68"/>
        <v>6</v>
      </c>
      <c r="C515" s="16">
        <v>481</v>
      </c>
      <c r="D515" cm="1">
        <f t="array" ref="D515">IFERROR(INDEX(Jesper!AH$2:AH$366,ROUNDDOWN($C515/24,0)+1,1)*INDEX($D$3:$AA$30,INDEX(Jesper!$R$2:$R$366,ROW(INDEX(Jesper!AH$2:AH$366,ROUNDDOWN($C515/24,0)+1,1))-1)+IF('Standard Profiles'!$G$18=$B$10,7,0)+IF('Standard Profiles'!$G$18=$B$17,14,0)+IF('Standard Profiles'!$G$18=$B$24,21,0),MOD($C515,24)+1)/SUM(INDEX($D$3:$AA$30,INDEX(Jesper!$R$2:$R$366,ROW(INDEX(Jesper!AH$2:AH$366,ROUNDDOWN($C515/24,0)+1,1))-1)+IF('Standard Profiles'!$G$18=$B$10,7,0)+IF('Standard Profiles'!$G$18=$B$17,14,0)+IF('Standard Profiles'!$G$18=$B$24,21,0),0)),0)</f>
        <v>0</v>
      </c>
      <c r="E515" cm="1">
        <f t="array" ref="E515">IFERROR(INDEX(Jesper!AI$2:AI$366,ROUNDDOWN($C515/24,0)+1,1)*INDEX($D$3:$AA$30,INDEX(Jesper!$R$2:$R$366,ROW(INDEX(Jesper!AI$2:AI$366,ROUNDDOWN($C515/24,0)+1,1))-1)+IF('Standard Profiles'!$G$19=$B$10,7,0)+IF('Standard Profiles'!$G$19=$B$17,14,0)+IF('Standard Profiles'!$G$19=$B$24,21,0),MOD($C515,24)+1)/SUM(INDEX($D$3:$AA$30,INDEX(Jesper!$R$2:$R$366,ROW(INDEX(Jesper!AI$2:AI$366,ROUNDDOWN($C515/24,0)+1,1))-1)+IF('Standard Profiles'!$G$19=$B$10,7,0)+IF('Standard Profiles'!$G$19=$B$17,14,0)+IF('Standard Profiles'!$G$19=$B$24,21,0),0)),0)</f>
        <v>5.7885967403350413</v>
      </c>
      <c r="F515" cm="1">
        <f t="array" ref="F515">IFERROR(INDEX(Jesper!AJ$2:AJ$366,ROUNDDOWN($C515/24,0)+1,1)*INDEX($D$3:$AA$30,INDEX(Jesper!$R$2:$R$366,ROW(INDEX(Jesper!AJ$2:AJ$366,ROUNDDOWN($C515/24,0)+1,1))-1)+IF('Standard Profiles'!$G$20=$B$10,7,0)+IF('Standard Profiles'!$G$20=$B$17,14,0)+IF('Standard Profiles'!$G$20=$B$24,21,0),MOD($C515,24)+1)/SUM(INDEX($D$3:$AA$30,INDEX(Jesper!$R$2:$R$366,ROW(INDEX(Jesper!AJ$2:AJ$366,ROUNDDOWN($C515/24,0)+1,1))-1)+IF('Standard Profiles'!$G$20=$B$10,7,0)+IF('Standard Profiles'!$G$20=$B$17,14,0)+IF('Standard Profiles'!$G$20=$B$24,21,0),0)),0)</f>
        <v>5.2019433097720924</v>
      </c>
      <c r="G515" cm="1">
        <f t="array" ref="G515">IFERROR(INDEX(Jesper!AK$2:AK$366,ROUNDDOWN($C515/24,0)+1,1)*INDEX($D$3:$AA$30,INDEX(Jesper!$R$2:$R$366,ROW(INDEX(Jesper!AK$2:AK$366,ROUNDDOWN($C515/24,0)+1,1))-1)+IF('Standard Profiles'!$G$21=$B$10,7,0)+IF('Standard Profiles'!$G$21=$B$17,14,0)+IF('Standard Profiles'!$G$21=$B$24,21,0),MOD($C515,24)+1)/SUM(INDEX($D$3:$AA$30,INDEX(Jesper!$R$2:$R$366,ROW(INDEX(Jesper!AK$2:AK$366,ROUNDDOWN($C515/24,0)+1,1))-1)+IF('Standard Profiles'!$G$21=$B$10,7,0)+IF('Standard Profiles'!$G$21=$B$17,14,0)+IF('Standard Profiles'!$G$21=$B$24,21,0),0)),0)</f>
        <v>9.1159641434937004</v>
      </c>
      <c r="H515" cm="1">
        <f t="array" ref="H515">IFERROR(INDEX(Jesper!AL$2:AL$366,ROUNDDOWN($C515/24,0)+1,1)*INDEX($D$3:$AA$30,INDEX(Jesper!$R$2:$R$366,ROW(INDEX(Jesper!AL$2:AL$366,ROUNDDOWN($C515/24,0)+1,1))-1)+IF('Standard Profiles'!$G$22=$B$10,7,0)+IF('Standard Profiles'!$G$22=$B$17,14,0)+IF('Standard Profiles'!$G$22=$B$24,21,0),MOD($C515,24)+1)/SUM(INDEX($D$3:$AA$30,INDEX(Jesper!$R$2:$R$366,ROW(INDEX(Jesper!AL$2:AL$366,ROUNDDOWN($C515/24,0)+1,1))-1)+IF('Standard Profiles'!$G$22=$B$10,7,0)+IF('Standard Profiles'!$G$22=$B$17,14,0)+IF('Standard Profiles'!$G$22=$B$24,21,0),0)),0)</f>
        <v>5.153481830550354</v>
      </c>
      <c r="I515">
        <f t="shared" si="69"/>
        <v>4.9473425573283425</v>
      </c>
      <c r="J515">
        <f t="shared" si="70"/>
        <v>19.618011857982641</v>
      </c>
      <c r="K515">
        <f t="shared" si="71"/>
        <v>0.4630877392268033</v>
      </c>
      <c r="L515">
        <f t="shared" si="72"/>
        <v>0.23154386961340165</v>
      </c>
      <c r="M515">
        <f t="shared" si="73"/>
        <v>0</v>
      </c>
      <c r="N515" s="45">
        <f t="shared" si="74"/>
        <v>44947.0416666655</v>
      </c>
    </row>
    <row r="516" spans="2:14" x14ac:dyDescent="0.25">
      <c r="B516">
        <f t="shared" si="68"/>
        <v>6</v>
      </c>
      <c r="C516" s="16">
        <v>482</v>
      </c>
      <c r="D516" cm="1">
        <f t="array" ref="D516">IFERROR(INDEX(Jesper!AH$2:AH$366,ROUNDDOWN($C516/24,0)+1,1)*INDEX($D$3:$AA$30,INDEX(Jesper!$R$2:$R$366,ROW(INDEX(Jesper!AH$2:AH$366,ROUNDDOWN($C516/24,0)+1,1))-1)+IF('Standard Profiles'!$G$18=$B$10,7,0)+IF('Standard Profiles'!$G$18=$B$17,14,0)+IF('Standard Profiles'!$G$18=$B$24,21,0),MOD($C516,24)+1)/SUM(INDEX($D$3:$AA$30,INDEX(Jesper!$R$2:$R$366,ROW(INDEX(Jesper!AH$2:AH$366,ROUNDDOWN($C516/24,0)+1,1))-1)+IF('Standard Profiles'!$G$18=$B$10,7,0)+IF('Standard Profiles'!$G$18=$B$17,14,0)+IF('Standard Profiles'!$G$18=$B$24,21,0),0)),0)</f>
        <v>0</v>
      </c>
      <c r="E516" cm="1">
        <f t="array" ref="E516">IFERROR(INDEX(Jesper!AI$2:AI$366,ROUNDDOWN($C516/24,0)+1,1)*INDEX($D$3:$AA$30,INDEX(Jesper!$R$2:$R$366,ROW(INDEX(Jesper!AI$2:AI$366,ROUNDDOWN($C516/24,0)+1,1))-1)+IF('Standard Profiles'!$G$19=$B$10,7,0)+IF('Standard Profiles'!$G$19=$B$17,14,0)+IF('Standard Profiles'!$G$19=$B$24,21,0),MOD($C516,24)+1)/SUM(INDEX($D$3:$AA$30,INDEX(Jesper!$R$2:$R$366,ROW(INDEX(Jesper!AI$2:AI$366,ROUNDDOWN($C516/24,0)+1,1))-1)+IF('Standard Profiles'!$G$19=$B$10,7,0)+IF('Standard Profiles'!$G$19=$B$17,14,0)+IF('Standard Profiles'!$G$19=$B$24,21,0),0)),0)</f>
        <v>5.7885967403350413</v>
      </c>
      <c r="F516" cm="1">
        <f t="array" ref="F516">IFERROR(INDEX(Jesper!AJ$2:AJ$366,ROUNDDOWN($C516/24,0)+1,1)*INDEX($D$3:$AA$30,INDEX(Jesper!$R$2:$R$366,ROW(INDEX(Jesper!AJ$2:AJ$366,ROUNDDOWN($C516/24,0)+1,1))-1)+IF('Standard Profiles'!$G$20=$B$10,7,0)+IF('Standard Profiles'!$G$20=$B$17,14,0)+IF('Standard Profiles'!$G$20=$B$24,21,0),MOD($C516,24)+1)/SUM(INDEX($D$3:$AA$30,INDEX(Jesper!$R$2:$R$366,ROW(INDEX(Jesper!AJ$2:AJ$366,ROUNDDOWN($C516/24,0)+1,1))-1)+IF('Standard Profiles'!$G$20=$B$10,7,0)+IF('Standard Profiles'!$G$20=$B$17,14,0)+IF('Standard Profiles'!$G$20=$B$24,21,0),0)),0)</f>
        <v>5.2019433097720924</v>
      </c>
      <c r="G516" cm="1">
        <f t="array" ref="G516">IFERROR(INDEX(Jesper!AK$2:AK$366,ROUNDDOWN($C516/24,0)+1,1)*INDEX($D$3:$AA$30,INDEX(Jesper!$R$2:$R$366,ROW(INDEX(Jesper!AK$2:AK$366,ROUNDDOWN($C516/24,0)+1,1))-1)+IF('Standard Profiles'!$G$21=$B$10,7,0)+IF('Standard Profiles'!$G$21=$B$17,14,0)+IF('Standard Profiles'!$G$21=$B$24,21,0),MOD($C516,24)+1)/SUM(INDEX($D$3:$AA$30,INDEX(Jesper!$R$2:$R$366,ROW(INDEX(Jesper!AK$2:AK$366,ROUNDDOWN($C516/24,0)+1,1))-1)+IF('Standard Profiles'!$G$21=$B$10,7,0)+IF('Standard Profiles'!$G$21=$B$17,14,0)+IF('Standard Profiles'!$G$21=$B$24,21,0),0)),0)</f>
        <v>9.1159641434937004</v>
      </c>
      <c r="H516" cm="1">
        <f t="array" ref="H516">IFERROR(INDEX(Jesper!AL$2:AL$366,ROUNDDOWN($C516/24,0)+1,1)*INDEX($D$3:$AA$30,INDEX(Jesper!$R$2:$R$366,ROW(INDEX(Jesper!AL$2:AL$366,ROUNDDOWN($C516/24,0)+1,1))-1)+IF('Standard Profiles'!$G$22=$B$10,7,0)+IF('Standard Profiles'!$G$22=$B$17,14,0)+IF('Standard Profiles'!$G$22=$B$24,21,0),MOD($C516,24)+1)/SUM(INDEX($D$3:$AA$30,INDEX(Jesper!$R$2:$R$366,ROW(INDEX(Jesper!AL$2:AL$366,ROUNDDOWN($C516/24,0)+1,1))-1)+IF('Standard Profiles'!$G$22=$B$10,7,0)+IF('Standard Profiles'!$G$22=$B$17,14,0)+IF('Standard Profiles'!$G$22=$B$24,21,0),0)),0)</f>
        <v>5.153481830550354</v>
      </c>
      <c r="I516">
        <f t="shared" si="69"/>
        <v>4.9473425573283425</v>
      </c>
      <c r="J516">
        <f t="shared" si="70"/>
        <v>19.618011857982641</v>
      </c>
      <c r="K516">
        <f t="shared" si="71"/>
        <v>0.4630877392268033</v>
      </c>
      <c r="L516">
        <f t="shared" si="72"/>
        <v>0.23154386961340165</v>
      </c>
      <c r="M516">
        <f t="shared" si="73"/>
        <v>0</v>
      </c>
      <c r="N516" s="45">
        <f t="shared" si="74"/>
        <v>44947.083333332164</v>
      </c>
    </row>
    <row r="517" spans="2:14" x14ac:dyDescent="0.25">
      <c r="B517">
        <f t="shared" si="68"/>
        <v>6</v>
      </c>
      <c r="C517" s="16">
        <v>483</v>
      </c>
      <c r="D517" cm="1">
        <f t="array" ref="D517">IFERROR(INDEX(Jesper!AH$2:AH$366,ROUNDDOWN($C517/24,0)+1,1)*INDEX($D$3:$AA$30,INDEX(Jesper!$R$2:$R$366,ROW(INDEX(Jesper!AH$2:AH$366,ROUNDDOWN($C517/24,0)+1,1))-1)+IF('Standard Profiles'!$G$18=$B$10,7,0)+IF('Standard Profiles'!$G$18=$B$17,14,0)+IF('Standard Profiles'!$G$18=$B$24,21,0),MOD($C517,24)+1)/SUM(INDEX($D$3:$AA$30,INDEX(Jesper!$R$2:$R$366,ROW(INDEX(Jesper!AH$2:AH$366,ROUNDDOWN($C517/24,0)+1,1))-1)+IF('Standard Profiles'!$G$18=$B$10,7,0)+IF('Standard Profiles'!$G$18=$B$17,14,0)+IF('Standard Profiles'!$G$18=$B$24,21,0),0)),0)</f>
        <v>0</v>
      </c>
      <c r="E517" cm="1">
        <f t="array" ref="E517">IFERROR(INDEX(Jesper!AI$2:AI$366,ROUNDDOWN($C517/24,0)+1,1)*INDEX($D$3:$AA$30,INDEX(Jesper!$R$2:$R$366,ROW(INDEX(Jesper!AI$2:AI$366,ROUNDDOWN($C517/24,0)+1,1))-1)+IF('Standard Profiles'!$G$19=$B$10,7,0)+IF('Standard Profiles'!$G$19=$B$17,14,0)+IF('Standard Profiles'!$G$19=$B$24,21,0),MOD($C517,24)+1)/SUM(INDEX($D$3:$AA$30,INDEX(Jesper!$R$2:$R$366,ROW(INDEX(Jesper!AI$2:AI$366,ROUNDDOWN($C517/24,0)+1,1))-1)+IF('Standard Profiles'!$G$19=$B$10,7,0)+IF('Standard Profiles'!$G$19=$B$17,14,0)+IF('Standard Profiles'!$G$19=$B$24,21,0),0)),0)</f>
        <v>5.7885967403350413</v>
      </c>
      <c r="F517" cm="1">
        <f t="array" ref="F517">IFERROR(INDEX(Jesper!AJ$2:AJ$366,ROUNDDOWN($C517/24,0)+1,1)*INDEX($D$3:$AA$30,INDEX(Jesper!$R$2:$R$366,ROW(INDEX(Jesper!AJ$2:AJ$366,ROUNDDOWN($C517/24,0)+1,1))-1)+IF('Standard Profiles'!$G$20=$B$10,7,0)+IF('Standard Profiles'!$G$20=$B$17,14,0)+IF('Standard Profiles'!$G$20=$B$24,21,0),MOD($C517,24)+1)/SUM(INDEX($D$3:$AA$30,INDEX(Jesper!$R$2:$R$366,ROW(INDEX(Jesper!AJ$2:AJ$366,ROUNDDOWN($C517/24,0)+1,1))-1)+IF('Standard Profiles'!$G$20=$B$10,7,0)+IF('Standard Profiles'!$G$20=$B$17,14,0)+IF('Standard Profiles'!$G$20=$B$24,21,0),0)),0)</f>
        <v>5.2019433097720924</v>
      </c>
      <c r="G517" cm="1">
        <f t="array" ref="G517">IFERROR(INDEX(Jesper!AK$2:AK$366,ROUNDDOWN($C517/24,0)+1,1)*INDEX($D$3:$AA$30,INDEX(Jesper!$R$2:$R$366,ROW(INDEX(Jesper!AK$2:AK$366,ROUNDDOWN($C517/24,0)+1,1))-1)+IF('Standard Profiles'!$G$21=$B$10,7,0)+IF('Standard Profiles'!$G$21=$B$17,14,0)+IF('Standard Profiles'!$G$21=$B$24,21,0),MOD($C517,24)+1)/SUM(INDEX($D$3:$AA$30,INDEX(Jesper!$R$2:$R$366,ROW(INDEX(Jesper!AK$2:AK$366,ROUNDDOWN($C517/24,0)+1,1))-1)+IF('Standard Profiles'!$G$21=$B$10,7,0)+IF('Standard Profiles'!$G$21=$B$17,14,0)+IF('Standard Profiles'!$G$21=$B$24,21,0),0)),0)</f>
        <v>9.1159641434937004</v>
      </c>
      <c r="H517" cm="1">
        <f t="array" ref="H517">IFERROR(INDEX(Jesper!AL$2:AL$366,ROUNDDOWN($C517/24,0)+1,1)*INDEX($D$3:$AA$30,INDEX(Jesper!$R$2:$R$366,ROW(INDEX(Jesper!AL$2:AL$366,ROUNDDOWN($C517/24,0)+1,1))-1)+IF('Standard Profiles'!$G$22=$B$10,7,0)+IF('Standard Profiles'!$G$22=$B$17,14,0)+IF('Standard Profiles'!$G$22=$B$24,21,0),MOD($C517,24)+1)/SUM(INDEX($D$3:$AA$30,INDEX(Jesper!$R$2:$R$366,ROW(INDEX(Jesper!AL$2:AL$366,ROUNDDOWN($C517/24,0)+1,1))-1)+IF('Standard Profiles'!$G$22=$B$10,7,0)+IF('Standard Profiles'!$G$22=$B$17,14,0)+IF('Standard Profiles'!$G$22=$B$24,21,0),0)),0)</f>
        <v>5.153481830550354</v>
      </c>
      <c r="I517">
        <f t="shared" si="69"/>
        <v>4.9473425573283425</v>
      </c>
      <c r="J517">
        <f t="shared" si="70"/>
        <v>19.618011857982641</v>
      </c>
      <c r="K517">
        <f t="shared" si="71"/>
        <v>0.4630877392268033</v>
      </c>
      <c r="L517">
        <f t="shared" si="72"/>
        <v>0.23154386961340165</v>
      </c>
      <c r="M517">
        <f t="shared" si="73"/>
        <v>0</v>
      </c>
      <c r="N517" s="45">
        <f t="shared" si="74"/>
        <v>44947.124999998829</v>
      </c>
    </row>
    <row r="518" spans="2:14" x14ac:dyDescent="0.25">
      <c r="B518">
        <f t="shared" si="68"/>
        <v>6</v>
      </c>
      <c r="C518" s="16">
        <v>484</v>
      </c>
      <c r="D518" cm="1">
        <f t="array" ref="D518">IFERROR(INDEX(Jesper!AH$2:AH$366,ROUNDDOWN($C518/24,0)+1,1)*INDEX($D$3:$AA$30,INDEX(Jesper!$R$2:$R$366,ROW(INDEX(Jesper!AH$2:AH$366,ROUNDDOWN($C518/24,0)+1,1))-1)+IF('Standard Profiles'!$G$18=$B$10,7,0)+IF('Standard Profiles'!$G$18=$B$17,14,0)+IF('Standard Profiles'!$G$18=$B$24,21,0),MOD($C518,24)+1)/SUM(INDEX($D$3:$AA$30,INDEX(Jesper!$R$2:$R$366,ROW(INDEX(Jesper!AH$2:AH$366,ROUNDDOWN($C518/24,0)+1,1))-1)+IF('Standard Profiles'!$G$18=$B$10,7,0)+IF('Standard Profiles'!$G$18=$B$17,14,0)+IF('Standard Profiles'!$G$18=$B$24,21,0),0)),0)</f>
        <v>0</v>
      </c>
      <c r="E518" cm="1">
        <f t="array" ref="E518">IFERROR(INDEX(Jesper!AI$2:AI$366,ROUNDDOWN($C518/24,0)+1,1)*INDEX($D$3:$AA$30,INDEX(Jesper!$R$2:$R$366,ROW(INDEX(Jesper!AI$2:AI$366,ROUNDDOWN($C518/24,0)+1,1))-1)+IF('Standard Profiles'!$G$19=$B$10,7,0)+IF('Standard Profiles'!$G$19=$B$17,14,0)+IF('Standard Profiles'!$G$19=$B$24,21,0),MOD($C518,24)+1)/SUM(INDEX($D$3:$AA$30,INDEX(Jesper!$R$2:$R$366,ROW(INDEX(Jesper!AI$2:AI$366,ROUNDDOWN($C518/24,0)+1,1))-1)+IF('Standard Profiles'!$G$19=$B$10,7,0)+IF('Standard Profiles'!$G$19=$B$17,14,0)+IF('Standard Profiles'!$G$19=$B$24,21,0),0)),0)</f>
        <v>5.7885967403350413</v>
      </c>
      <c r="F518" cm="1">
        <f t="array" ref="F518">IFERROR(INDEX(Jesper!AJ$2:AJ$366,ROUNDDOWN($C518/24,0)+1,1)*INDEX($D$3:$AA$30,INDEX(Jesper!$R$2:$R$366,ROW(INDEX(Jesper!AJ$2:AJ$366,ROUNDDOWN($C518/24,0)+1,1))-1)+IF('Standard Profiles'!$G$20=$B$10,7,0)+IF('Standard Profiles'!$G$20=$B$17,14,0)+IF('Standard Profiles'!$G$20=$B$24,21,0),MOD($C518,24)+1)/SUM(INDEX($D$3:$AA$30,INDEX(Jesper!$R$2:$R$366,ROW(INDEX(Jesper!AJ$2:AJ$366,ROUNDDOWN($C518/24,0)+1,1))-1)+IF('Standard Profiles'!$G$20=$B$10,7,0)+IF('Standard Profiles'!$G$20=$B$17,14,0)+IF('Standard Profiles'!$G$20=$B$24,21,0),0)),0)</f>
        <v>5.2019433097720924</v>
      </c>
      <c r="G518" cm="1">
        <f t="array" ref="G518">IFERROR(INDEX(Jesper!AK$2:AK$366,ROUNDDOWN($C518/24,0)+1,1)*INDEX($D$3:$AA$30,INDEX(Jesper!$R$2:$R$366,ROW(INDEX(Jesper!AK$2:AK$366,ROUNDDOWN($C518/24,0)+1,1))-1)+IF('Standard Profiles'!$G$21=$B$10,7,0)+IF('Standard Profiles'!$G$21=$B$17,14,0)+IF('Standard Profiles'!$G$21=$B$24,21,0),MOD($C518,24)+1)/SUM(INDEX($D$3:$AA$30,INDEX(Jesper!$R$2:$R$366,ROW(INDEX(Jesper!AK$2:AK$366,ROUNDDOWN($C518/24,0)+1,1))-1)+IF('Standard Profiles'!$G$21=$B$10,7,0)+IF('Standard Profiles'!$G$21=$B$17,14,0)+IF('Standard Profiles'!$G$21=$B$24,21,0),0)),0)</f>
        <v>9.1159641434937004</v>
      </c>
      <c r="H518" cm="1">
        <f t="array" ref="H518">IFERROR(INDEX(Jesper!AL$2:AL$366,ROUNDDOWN($C518/24,0)+1,1)*INDEX($D$3:$AA$30,INDEX(Jesper!$R$2:$R$366,ROW(INDEX(Jesper!AL$2:AL$366,ROUNDDOWN($C518/24,0)+1,1))-1)+IF('Standard Profiles'!$G$22=$B$10,7,0)+IF('Standard Profiles'!$G$22=$B$17,14,0)+IF('Standard Profiles'!$G$22=$B$24,21,0),MOD($C518,24)+1)/SUM(INDEX($D$3:$AA$30,INDEX(Jesper!$R$2:$R$366,ROW(INDEX(Jesper!AL$2:AL$366,ROUNDDOWN($C518/24,0)+1,1))-1)+IF('Standard Profiles'!$G$22=$B$10,7,0)+IF('Standard Profiles'!$G$22=$B$17,14,0)+IF('Standard Profiles'!$G$22=$B$24,21,0),0)),0)</f>
        <v>5.153481830550354</v>
      </c>
      <c r="I518">
        <f t="shared" si="69"/>
        <v>4.9473425573283425</v>
      </c>
      <c r="J518">
        <f t="shared" si="70"/>
        <v>19.618011857982641</v>
      </c>
      <c r="K518">
        <f t="shared" si="71"/>
        <v>0.4630877392268033</v>
      </c>
      <c r="L518">
        <f t="shared" si="72"/>
        <v>0.23154386961340165</v>
      </c>
      <c r="M518">
        <f t="shared" si="73"/>
        <v>0</v>
      </c>
      <c r="N518" s="45">
        <f t="shared" si="74"/>
        <v>44947.166666665493</v>
      </c>
    </row>
    <row r="519" spans="2:14" x14ac:dyDescent="0.25">
      <c r="B519">
        <f t="shared" si="68"/>
        <v>6</v>
      </c>
      <c r="C519" s="16">
        <v>485</v>
      </c>
      <c r="D519" cm="1">
        <f t="array" ref="D519">IFERROR(INDEX(Jesper!AH$2:AH$366,ROUNDDOWN($C519/24,0)+1,1)*INDEX($D$3:$AA$30,INDEX(Jesper!$R$2:$R$366,ROW(INDEX(Jesper!AH$2:AH$366,ROUNDDOWN($C519/24,0)+1,1))-1)+IF('Standard Profiles'!$G$18=$B$10,7,0)+IF('Standard Profiles'!$G$18=$B$17,14,0)+IF('Standard Profiles'!$G$18=$B$24,21,0),MOD($C519,24)+1)/SUM(INDEX($D$3:$AA$30,INDEX(Jesper!$R$2:$R$366,ROW(INDEX(Jesper!AH$2:AH$366,ROUNDDOWN($C519/24,0)+1,1))-1)+IF('Standard Profiles'!$G$18=$B$10,7,0)+IF('Standard Profiles'!$G$18=$B$17,14,0)+IF('Standard Profiles'!$G$18=$B$24,21,0),0)),0)</f>
        <v>0</v>
      </c>
      <c r="E519" cm="1">
        <f t="array" ref="E519">IFERROR(INDEX(Jesper!AI$2:AI$366,ROUNDDOWN($C519/24,0)+1,1)*INDEX($D$3:$AA$30,INDEX(Jesper!$R$2:$R$366,ROW(INDEX(Jesper!AI$2:AI$366,ROUNDDOWN($C519/24,0)+1,1))-1)+IF('Standard Profiles'!$G$19=$B$10,7,0)+IF('Standard Profiles'!$G$19=$B$17,14,0)+IF('Standard Profiles'!$G$19=$B$24,21,0),MOD($C519,24)+1)/SUM(INDEX($D$3:$AA$30,INDEX(Jesper!$R$2:$R$366,ROW(INDEX(Jesper!AI$2:AI$366,ROUNDDOWN($C519/24,0)+1,1))-1)+IF('Standard Profiles'!$G$19=$B$10,7,0)+IF('Standard Profiles'!$G$19=$B$17,14,0)+IF('Standard Profiles'!$G$19=$B$24,21,0),0)),0)</f>
        <v>5.7885967403350413</v>
      </c>
      <c r="F519" cm="1">
        <f t="array" ref="F519">IFERROR(INDEX(Jesper!AJ$2:AJ$366,ROUNDDOWN($C519/24,0)+1,1)*INDEX($D$3:$AA$30,INDEX(Jesper!$R$2:$R$366,ROW(INDEX(Jesper!AJ$2:AJ$366,ROUNDDOWN($C519/24,0)+1,1))-1)+IF('Standard Profiles'!$G$20=$B$10,7,0)+IF('Standard Profiles'!$G$20=$B$17,14,0)+IF('Standard Profiles'!$G$20=$B$24,21,0),MOD($C519,24)+1)/SUM(INDEX($D$3:$AA$30,INDEX(Jesper!$R$2:$R$366,ROW(INDEX(Jesper!AJ$2:AJ$366,ROUNDDOWN($C519/24,0)+1,1))-1)+IF('Standard Profiles'!$G$20=$B$10,7,0)+IF('Standard Profiles'!$G$20=$B$17,14,0)+IF('Standard Profiles'!$G$20=$B$24,21,0),0)),0)</f>
        <v>5.2019433097720924</v>
      </c>
      <c r="G519" cm="1">
        <f t="array" ref="G519">IFERROR(INDEX(Jesper!AK$2:AK$366,ROUNDDOWN($C519/24,0)+1,1)*INDEX($D$3:$AA$30,INDEX(Jesper!$R$2:$R$366,ROW(INDEX(Jesper!AK$2:AK$366,ROUNDDOWN($C519/24,0)+1,1))-1)+IF('Standard Profiles'!$G$21=$B$10,7,0)+IF('Standard Profiles'!$G$21=$B$17,14,0)+IF('Standard Profiles'!$G$21=$B$24,21,0),MOD($C519,24)+1)/SUM(INDEX($D$3:$AA$30,INDEX(Jesper!$R$2:$R$366,ROW(INDEX(Jesper!AK$2:AK$366,ROUNDDOWN($C519/24,0)+1,1))-1)+IF('Standard Profiles'!$G$21=$B$10,7,0)+IF('Standard Profiles'!$G$21=$B$17,14,0)+IF('Standard Profiles'!$G$21=$B$24,21,0),0)),0)</f>
        <v>9.1159641434937004</v>
      </c>
      <c r="H519" cm="1">
        <f t="array" ref="H519">IFERROR(INDEX(Jesper!AL$2:AL$366,ROUNDDOWN($C519/24,0)+1,1)*INDEX($D$3:$AA$30,INDEX(Jesper!$R$2:$R$366,ROW(INDEX(Jesper!AL$2:AL$366,ROUNDDOWN($C519/24,0)+1,1))-1)+IF('Standard Profiles'!$G$22=$B$10,7,0)+IF('Standard Profiles'!$G$22=$B$17,14,0)+IF('Standard Profiles'!$G$22=$B$24,21,0),MOD($C519,24)+1)/SUM(INDEX($D$3:$AA$30,INDEX(Jesper!$R$2:$R$366,ROW(INDEX(Jesper!AL$2:AL$366,ROUNDDOWN($C519/24,0)+1,1))-1)+IF('Standard Profiles'!$G$22=$B$10,7,0)+IF('Standard Profiles'!$G$22=$B$17,14,0)+IF('Standard Profiles'!$G$22=$B$24,21,0),0)),0)</f>
        <v>6.4104286184894645</v>
      </c>
      <c r="I519">
        <f t="shared" si="69"/>
        <v>6.1540114737498897</v>
      </c>
      <c r="J519">
        <f t="shared" si="70"/>
        <v>19.668289729500206</v>
      </c>
      <c r="K519">
        <f t="shared" si="71"/>
        <v>0.4630877392268033</v>
      </c>
      <c r="L519">
        <f t="shared" si="72"/>
        <v>0.23154386961340165</v>
      </c>
      <c r="M519">
        <f t="shared" si="73"/>
        <v>0</v>
      </c>
      <c r="N519" s="45">
        <f t="shared" si="74"/>
        <v>44947.208333332157</v>
      </c>
    </row>
    <row r="520" spans="2:14" x14ac:dyDescent="0.25">
      <c r="B520">
        <f t="shared" si="68"/>
        <v>6</v>
      </c>
      <c r="C520" s="16">
        <v>486</v>
      </c>
      <c r="D520" cm="1">
        <f t="array" ref="D520">IFERROR(INDEX(Jesper!AH$2:AH$366,ROUNDDOWN($C520/24,0)+1,1)*INDEX($D$3:$AA$30,INDEX(Jesper!$R$2:$R$366,ROW(INDEX(Jesper!AH$2:AH$366,ROUNDDOWN($C520/24,0)+1,1))-1)+IF('Standard Profiles'!$G$18=$B$10,7,0)+IF('Standard Profiles'!$G$18=$B$17,14,0)+IF('Standard Profiles'!$G$18=$B$24,21,0),MOD($C520,24)+1)/SUM(INDEX($D$3:$AA$30,INDEX(Jesper!$R$2:$R$366,ROW(INDEX(Jesper!AH$2:AH$366,ROUNDDOWN($C520/24,0)+1,1))-1)+IF('Standard Profiles'!$G$18=$B$10,7,0)+IF('Standard Profiles'!$G$18=$B$17,14,0)+IF('Standard Profiles'!$G$18=$B$24,21,0),0)),0)</f>
        <v>0</v>
      </c>
      <c r="E520" cm="1">
        <f t="array" ref="E520">IFERROR(INDEX(Jesper!AI$2:AI$366,ROUNDDOWN($C520/24,0)+1,1)*INDEX($D$3:$AA$30,INDEX(Jesper!$R$2:$R$366,ROW(INDEX(Jesper!AI$2:AI$366,ROUNDDOWN($C520/24,0)+1,1))-1)+IF('Standard Profiles'!$G$19=$B$10,7,0)+IF('Standard Profiles'!$G$19=$B$17,14,0)+IF('Standard Profiles'!$G$19=$B$24,21,0),MOD($C520,24)+1)/SUM(INDEX($D$3:$AA$30,INDEX(Jesper!$R$2:$R$366,ROW(INDEX(Jesper!AI$2:AI$366,ROUNDDOWN($C520/24,0)+1,1))-1)+IF('Standard Profiles'!$G$19=$B$10,7,0)+IF('Standard Profiles'!$G$19=$B$17,14,0)+IF('Standard Profiles'!$G$19=$B$24,21,0),0)),0)</f>
        <v>5.7885967403350413</v>
      </c>
      <c r="F520" cm="1">
        <f t="array" ref="F520">IFERROR(INDEX(Jesper!AJ$2:AJ$366,ROUNDDOWN($C520/24,0)+1,1)*INDEX($D$3:$AA$30,INDEX(Jesper!$R$2:$R$366,ROW(INDEX(Jesper!AJ$2:AJ$366,ROUNDDOWN($C520/24,0)+1,1))-1)+IF('Standard Profiles'!$G$20=$B$10,7,0)+IF('Standard Profiles'!$G$20=$B$17,14,0)+IF('Standard Profiles'!$G$20=$B$24,21,0),MOD($C520,24)+1)/SUM(INDEX($D$3:$AA$30,INDEX(Jesper!$R$2:$R$366,ROW(INDEX(Jesper!AJ$2:AJ$366,ROUNDDOWN($C520/24,0)+1,1))-1)+IF('Standard Profiles'!$G$20=$B$10,7,0)+IF('Standard Profiles'!$G$20=$B$17,14,0)+IF('Standard Profiles'!$G$20=$B$24,21,0),0)),0)</f>
        <v>5.2019433097720924</v>
      </c>
      <c r="G520" cm="1">
        <f t="array" ref="G520">IFERROR(INDEX(Jesper!AK$2:AK$366,ROUNDDOWN($C520/24,0)+1,1)*INDEX($D$3:$AA$30,INDEX(Jesper!$R$2:$R$366,ROW(INDEX(Jesper!AK$2:AK$366,ROUNDDOWN($C520/24,0)+1,1))-1)+IF('Standard Profiles'!$G$21=$B$10,7,0)+IF('Standard Profiles'!$G$21=$B$17,14,0)+IF('Standard Profiles'!$G$21=$B$24,21,0),MOD($C520,24)+1)/SUM(INDEX($D$3:$AA$30,INDEX(Jesper!$R$2:$R$366,ROW(INDEX(Jesper!AK$2:AK$366,ROUNDDOWN($C520/24,0)+1,1))-1)+IF('Standard Profiles'!$G$21=$B$10,7,0)+IF('Standard Profiles'!$G$21=$B$17,14,0)+IF('Standard Profiles'!$G$21=$B$24,21,0),0)),0)</f>
        <v>9.1159641434937004</v>
      </c>
      <c r="H520" cm="1">
        <f t="array" ref="H520">IFERROR(INDEX(Jesper!AL$2:AL$366,ROUNDDOWN($C520/24,0)+1,1)*INDEX($D$3:$AA$30,INDEX(Jesper!$R$2:$R$366,ROW(INDEX(Jesper!AL$2:AL$366,ROUNDDOWN($C520/24,0)+1,1))-1)+IF('Standard Profiles'!$G$22=$B$10,7,0)+IF('Standard Profiles'!$G$22=$B$17,14,0)+IF('Standard Profiles'!$G$22=$B$24,21,0),MOD($C520,24)+1)/SUM(INDEX($D$3:$AA$30,INDEX(Jesper!$R$2:$R$366,ROW(INDEX(Jesper!AL$2:AL$366,ROUNDDOWN($C520/24,0)+1,1))-1)+IF('Standard Profiles'!$G$22=$B$10,7,0)+IF('Standard Profiles'!$G$22=$B$17,14,0)+IF('Standard Profiles'!$G$22=$B$24,21,0),0)),0)</f>
        <v>8.0444594428103073</v>
      </c>
      <c r="I520">
        <f t="shared" si="69"/>
        <v>7.7226810650978992</v>
      </c>
      <c r="J520">
        <f t="shared" si="70"/>
        <v>19.733650962473039</v>
      </c>
      <c r="K520">
        <f t="shared" si="71"/>
        <v>0.4630877392268033</v>
      </c>
      <c r="L520">
        <f t="shared" si="72"/>
        <v>0.23154386961340165</v>
      </c>
      <c r="M520">
        <f t="shared" si="73"/>
        <v>0</v>
      </c>
      <c r="N520" s="45">
        <f t="shared" si="74"/>
        <v>44947.249999998821</v>
      </c>
    </row>
    <row r="521" spans="2:14" x14ac:dyDescent="0.25">
      <c r="B521">
        <f t="shared" si="68"/>
        <v>6</v>
      </c>
      <c r="C521" s="16">
        <v>487</v>
      </c>
      <c r="D521" cm="1">
        <f t="array" ref="D521">IFERROR(INDEX(Jesper!AH$2:AH$366,ROUNDDOWN($C521/24,0)+1,1)*INDEX($D$3:$AA$30,INDEX(Jesper!$R$2:$R$366,ROW(INDEX(Jesper!AH$2:AH$366,ROUNDDOWN($C521/24,0)+1,1))-1)+IF('Standard Profiles'!$G$18=$B$10,7,0)+IF('Standard Profiles'!$G$18=$B$17,14,0)+IF('Standard Profiles'!$G$18=$B$24,21,0),MOD($C521,24)+1)/SUM(INDEX($D$3:$AA$30,INDEX(Jesper!$R$2:$R$366,ROW(INDEX(Jesper!AH$2:AH$366,ROUNDDOWN($C521/24,0)+1,1))-1)+IF('Standard Profiles'!$G$18=$B$10,7,0)+IF('Standard Profiles'!$G$18=$B$17,14,0)+IF('Standard Profiles'!$G$18=$B$24,21,0),0)),0)</f>
        <v>0</v>
      </c>
      <c r="E521" cm="1">
        <f t="array" ref="E521">IFERROR(INDEX(Jesper!AI$2:AI$366,ROUNDDOWN($C521/24,0)+1,1)*INDEX($D$3:$AA$30,INDEX(Jesper!$R$2:$R$366,ROW(INDEX(Jesper!AI$2:AI$366,ROUNDDOWN($C521/24,0)+1,1))-1)+IF('Standard Profiles'!$G$19=$B$10,7,0)+IF('Standard Profiles'!$G$19=$B$17,14,0)+IF('Standard Profiles'!$G$19=$B$24,21,0),MOD($C521,24)+1)/SUM(INDEX($D$3:$AA$30,INDEX(Jesper!$R$2:$R$366,ROW(INDEX(Jesper!AI$2:AI$366,ROUNDDOWN($C521/24,0)+1,1))-1)+IF('Standard Profiles'!$G$19=$B$10,7,0)+IF('Standard Profiles'!$G$19=$B$17,14,0)+IF('Standard Profiles'!$G$19=$B$24,21,0),0)),0)</f>
        <v>5.7885967403350413</v>
      </c>
      <c r="F521" cm="1">
        <f t="array" ref="F521">IFERROR(INDEX(Jesper!AJ$2:AJ$366,ROUNDDOWN($C521/24,0)+1,1)*INDEX($D$3:$AA$30,INDEX(Jesper!$R$2:$R$366,ROW(INDEX(Jesper!AJ$2:AJ$366,ROUNDDOWN($C521/24,0)+1,1))-1)+IF('Standard Profiles'!$G$20=$B$10,7,0)+IF('Standard Profiles'!$G$20=$B$17,14,0)+IF('Standard Profiles'!$G$20=$B$24,21,0),MOD($C521,24)+1)/SUM(INDEX($D$3:$AA$30,INDEX(Jesper!$R$2:$R$366,ROW(INDEX(Jesper!AJ$2:AJ$366,ROUNDDOWN($C521/24,0)+1,1))-1)+IF('Standard Profiles'!$G$20=$B$10,7,0)+IF('Standard Profiles'!$G$20=$B$17,14,0)+IF('Standard Profiles'!$G$20=$B$24,21,0),0)),0)</f>
        <v>5.2019433097720924</v>
      </c>
      <c r="G521" cm="1">
        <f t="array" ref="G521">IFERROR(INDEX(Jesper!AK$2:AK$366,ROUNDDOWN($C521/24,0)+1,1)*INDEX($D$3:$AA$30,INDEX(Jesper!$R$2:$R$366,ROW(INDEX(Jesper!AK$2:AK$366,ROUNDDOWN($C521/24,0)+1,1))-1)+IF('Standard Profiles'!$G$21=$B$10,7,0)+IF('Standard Profiles'!$G$21=$B$17,14,0)+IF('Standard Profiles'!$G$21=$B$24,21,0),MOD($C521,24)+1)/SUM(INDEX($D$3:$AA$30,INDEX(Jesper!$R$2:$R$366,ROW(INDEX(Jesper!AK$2:AK$366,ROUNDDOWN($C521/24,0)+1,1))-1)+IF('Standard Profiles'!$G$21=$B$10,7,0)+IF('Standard Profiles'!$G$21=$B$17,14,0)+IF('Standard Profiles'!$G$21=$B$24,21,0),0)),0)</f>
        <v>9.1159641434937004</v>
      </c>
      <c r="H521" cm="1">
        <f t="array" ref="H521">IFERROR(INDEX(Jesper!AL$2:AL$366,ROUNDDOWN($C521/24,0)+1,1)*INDEX($D$3:$AA$30,INDEX(Jesper!$R$2:$R$366,ROW(INDEX(Jesper!AL$2:AL$366,ROUNDDOWN($C521/24,0)+1,1))-1)+IF('Standard Profiles'!$G$22=$B$10,7,0)+IF('Standard Profiles'!$G$22=$B$17,14,0)+IF('Standard Profiles'!$G$22=$B$24,21,0),MOD($C521,24)+1)/SUM(INDEX($D$3:$AA$30,INDEX(Jesper!$R$2:$R$366,ROW(INDEX(Jesper!AL$2:AL$366,ROUNDDOWN($C521/24,0)+1,1))-1)+IF('Standard Profiles'!$G$22=$B$10,7,0)+IF('Standard Profiles'!$G$22=$B$17,14,0)+IF('Standard Profiles'!$G$22=$B$24,21,0),0)),0)</f>
        <v>9.1757115519555086</v>
      </c>
      <c r="I521">
        <f t="shared" si="69"/>
        <v>8.8086830898772934</v>
      </c>
      <c r="J521">
        <f t="shared" si="70"/>
        <v>19.778901046838847</v>
      </c>
      <c r="K521">
        <f t="shared" si="71"/>
        <v>0.4630877392268033</v>
      </c>
      <c r="L521">
        <f t="shared" si="72"/>
        <v>0.23154386961340165</v>
      </c>
      <c r="M521">
        <f t="shared" si="73"/>
        <v>0</v>
      </c>
      <c r="N521" s="45">
        <f t="shared" si="74"/>
        <v>44947.291666665486</v>
      </c>
    </row>
    <row r="522" spans="2:14" x14ac:dyDescent="0.25">
      <c r="B522">
        <f t="shared" si="68"/>
        <v>6</v>
      </c>
      <c r="C522" s="16">
        <v>488</v>
      </c>
      <c r="D522" cm="1">
        <f t="array" ref="D522">IFERROR(INDEX(Jesper!AH$2:AH$366,ROUNDDOWN($C522/24,0)+1,1)*INDEX($D$3:$AA$30,INDEX(Jesper!$R$2:$R$366,ROW(INDEX(Jesper!AH$2:AH$366,ROUNDDOWN($C522/24,0)+1,1))-1)+IF('Standard Profiles'!$G$18=$B$10,7,0)+IF('Standard Profiles'!$G$18=$B$17,14,0)+IF('Standard Profiles'!$G$18=$B$24,21,0),MOD($C522,24)+1)/SUM(INDEX($D$3:$AA$30,INDEX(Jesper!$R$2:$R$366,ROW(INDEX(Jesper!AH$2:AH$366,ROUNDDOWN($C522/24,0)+1,1))-1)+IF('Standard Profiles'!$G$18=$B$10,7,0)+IF('Standard Profiles'!$G$18=$B$17,14,0)+IF('Standard Profiles'!$G$18=$B$24,21,0),0)),0)</f>
        <v>0</v>
      </c>
      <c r="E522" cm="1">
        <f t="array" ref="E522">IFERROR(INDEX(Jesper!AI$2:AI$366,ROUNDDOWN($C522/24,0)+1,1)*INDEX($D$3:$AA$30,INDEX(Jesper!$R$2:$R$366,ROW(INDEX(Jesper!AI$2:AI$366,ROUNDDOWN($C522/24,0)+1,1))-1)+IF('Standard Profiles'!$G$19=$B$10,7,0)+IF('Standard Profiles'!$G$19=$B$17,14,0)+IF('Standard Profiles'!$G$19=$B$24,21,0),MOD($C522,24)+1)/SUM(INDEX($D$3:$AA$30,INDEX(Jesper!$R$2:$R$366,ROW(INDEX(Jesper!AI$2:AI$366,ROUNDDOWN($C522/24,0)+1,1))-1)+IF('Standard Profiles'!$G$19=$B$10,7,0)+IF('Standard Profiles'!$G$19=$B$17,14,0)+IF('Standard Profiles'!$G$19=$B$24,21,0),0)),0)</f>
        <v>5.7885967403350413</v>
      </c>
      <c r="F522" cm="1">
        <f t="array" ref="F522">IFERROR(INDEX(Jesper!AJ$2:AJ$366,ROUNDDOWN($C522/24,0)+1,1)*INDEX($D$3:$AA$30,INDEX(Jesper!$R$2:$R$366,ROW(INDEX(Jesper!AJ$2:AJ$366,ROUNDDOWN($C522/24,0)+1,1))-1)+IF('Standard Profiles'!$G$20=$B$10,7,0)+IF('Standard Profiles'!$G$20=$B$17,14,0)+IF('Standard Profiles'!$G$20=$B$24,21,0),MOD($C522,24)+1)/SUM(INDEX($D$3:$AA$30,INDEX(Jesper!$R$2:$R$366,ROW(INDEX(Jesper!AJ$2:AJ$366,ROUNDDOWN($C522/24,0)+1,1))-1)+IF('Standard Profiles'!$G$20=$B$10,7,0)+IF('Standard Profiles'!$G$20=$B$17,14,0)+IF('Standard Profiles'!$G$20=$B$24,21,0),0)),0)</f>
        <v>5.2019433097720924</v>
      </c>
      <c r="G522" cm="1">
        <f t="array" ref="G522">IFERROR(INDEX(Jesper!AK$2:AK$366,ROUNDDOWN($C522/24,0)+1,1)*INDEX($D$3:$AA$30,INDEX(Jesper!$R$2:$R$366,ROW(INDEX(Jesper!AK$2:AK$366,ROUNDDOWN($C522/24,0)+1,1))-1)+IF('Standard Profiles'!$G$21=$B$10,7,0)+IF('Standard Profiles'!$G$21=$B$17,14,0)+IF('Standard Profiles'!$G$21=$B$24,21,0),MOD($C522,24)+1)/SUM(INDEX($D$3:$AA$30,INDEX(Jesper!$R$2:$R$366,ROW(INDEX(Jesper!AK$2:AK$366,ROUNDDOWN($C522/24,0)+1,1))-1)+IF('Standard Profiles'!$G$21=$B$10,7,0)+IF('Standard Profiles'!$G$21=$B$17,14,0)+IF('Standard Profiles'!$G$21=$B$24,21,0),0)),0)</f>
        <v>9.1159641434937004</v>
      </c>
      <c r="H522" cm="1">
        <f t="array" ref="H522">IFERROR(INDEX(Jesper!AL$2:AL$366,ROUNDDOWN($C522/24,0)+1,1)*INDEX($D$3:$AA$30,INDEX(Jesper!$R$2:$R$366,ROW(INDEX(Jesper!AL$2:AL$366,ROUNDDOWN($C522/24,0)+1,1))-1)+IF('Standard Profiles'!$G$22=$B$10,7,0)+IF('Standard Profiles'!$G$22=$B$17,14,0)+IF('Standard Profiles'!$G$22=$B$24,21,0),MOD($C522,24)+1)/SUM(INDEX($D$3:$AA$30,INDEX(Jesper!$R$2:$R$366,ROW(INDEX(Jesper!AL$2:AL$366,ROUNDDOWN($C522/24,0)+1,1))-1)+IF('Standard Profiles'!$G$22=$B$10,7,0)+IF('Standard Profiles'!$G$22=$B$17,14,0)+IF('Standard Profiles'!$G$22=$B$24,21,0),0)),0)</f>
        <v>9.1757115519555086</v>
      </c>
      <c r="I522">
        <f t="shared" si="69"/>
        <v>8.8086830898772934</v>
      </c>
      <c r="J522">
        <f t="shared" si="70"/>
        <v>19.778901046838847</v>
      </c>
      <c r="K522">
        <f t="shared" si="71"/>
        <v>0.4630877392268033</v>
      </c>
      <c r="L522">
        <f t="shared" si="72"/>
        <v>0.23154386961340165</v>
      </c>
      <c r="M522">
        <f t="shared" si="73"/>
        <v>0</v>
      </c>
      <c r="N522" s="45">
        <f t="shared" si="74"/>
        <v>44947.33333333215</v>
      </c>
    </row>
    <row r="523" spans="2:14" x14ac:dyDescent="0.25">
      <c r="B523">
        <f t="shared" si="68"/>
        <v>6</v>
      </c>
      <c r="C523" s="16">
        <v>489</v>
      </c>
      <c r="D523" cm="1">
        <f t="array" ref="D523">IFERROR(INDEX(Jesper!AH$2:AH$366,ROUNDDOWN($C523/24,0)+1,1)*INDEX($D$3:$AA$30,INDEX(Jesper!$R$2:$R$366,ROW(INDEX(Jesper!AH$2:AH$366,ROUNDDOWN($C523/24,0)+1,1))-1)+IF('Standard Profiles'!$G$18=$B$10,7,0)+IF('Standard Profiles'!$G$18=$B$17,14,0)+IF('Standard Profiles'!$G$18=$B$24,21,0),MOD($C523,24)+1)/SUM(INDEX($D$3:$AA$30,INDEX(Jesper!$R$2:$R$366,ROW(INDEX(Jesper!AH$2:AH$366,ROUNDDOWN($C523/24,0)+1,1))-1)+IF('Standard Profiles'!$G$18=$B$10,7,0)+IF('Standard Profiles'!$G$18=$B$17,14,0)+IF('Standard Profiles'!$G$18=$B$24,21,0),0)),0)</f>
        <v>0</v>
      </c>
      <c r="E523" cm="1">
        <f t="array" ref="E523">IFERROR(INDEX(Jesper!AI$2:AI$366,ROUNDDOWN($C523/24,0)+1,1)*INDEX($D$3:$AA$30,INDEX(Jesper!$R$2:$R$366,ROW(INDEX(Jesper!AI$2:AI$366,ROUNDDOWN($C523/24,0)+1,1))-1)+IF('Standard Profiles'!$G$19=$B$10,7,0)+IF('Standard Profiles'!$G$19=$B$17,14,0)+IF('Standard Profiles'!$G$19=$B$24,21,0),MOD($C523,24)+1)/SUM(INDEX($D$3:$AA$30,INDEX(Jesper!$R$2:$R$366,ROW(INDEX(Jesper!AI$2:AI$366,ROUNDDOWN($C523/24,0)+1,1))-1)+IF('Standard Profiles'!$G$19=$B$10,7,0)+IF('Standard Profiles'!$G$19=$B$17,14,0)+IF('Standard Profiles'!$G$19=$B$24,21,0),0)),0)</f>
        <v>5.7885967403350413</v>
      </c>
      <c r="F523" cm="1">
        <f t="array" ref="F523">IFERROR(INDEX(Jesper!AJ$2:AJ$366,ROUNDDOWN($C523/24,0)+1,1)*INDEX($D$3:$AA$30,INDEX(Jesper!$R$2:$R$366,ROW(INDEX(Jesper!AJ$2:AJ$366,ROUNDDOWN($C523/24,0)+1,1))-1)+IF('Standard Profiles'!$G$20=$B$10,7,0)+IF('Standard Profiles'!$G$20=$B$17,14,0)+IF('Standard Profiles'!$G$20=$B$24,21,0),MOD($C523,24)+1)/SUM(INDEX($D$3:$AA$30,INDEX(Jesper!$R$2:$R$366,ROW(INDEX(Jesper!AJ$2:AJ$366,ROUNDDOWN($C523/24,0)+1,1))-1)+IF('Standard Profiles'!$G$20=$B$10,7,0)+IF('Standard Profiles'!$G$20=$B$17,14,0)+IF('Standard Profiles'!$G$20=$B$24,21,0),0)),0)</f>
        <v>5.2019433097720924</v>
      </c>
      <c r="G523" cm="1">
        <f t="array" ref="G523">IFERROR(INDEX(Jesper!AK$2:AK$366,ROUNDDOWN($C523/24,0)+1,1)*INDEX($D$3:$AA$30,INDEX(Jesper!$R$2:$R$366,ROW(INDEX(Jesper!AK$2:AK$366,ROUNDDOWN($C523/24,0)+1,1))-1)+IF('Standard Profiles'!$G$21=$B$10,7,0)+IF('Standard Profiles'!$G$21=$B$17,14,0)+IF('Standard Profiles'!$G$21=$B$24,21,0),MOD($C523,24)+1)/SUM(INDEX($D$3:$AA$30,INDEX(Jesper!$R$2:$R$366,ROW(INDEX(Jesper!AK$2:AK$366,ROUNDDOWN($C523/24,0)+1,1))-1)+IF('Standard Profiles'!$G$21=$B$10,7,0)+IF('Standard Profiles'!$G$21=$B$17,14,0)+IF('Standard Profiles'!$G$21=$B$24,21,0),0)),0)</f>
        <v>9.1159641434937004</v>
      </c>
      <c r="H523" cm="1">
        <f t="array" ref="H523">IFERROR(INDEX(Jesper!AL$2:AL$366,ROUNDDOWN($C523/24,0)+1,1)*INDEX($D$3:$AA$30,INDEX(Jesper!$R$2:$R$366,ROW(INDEX(Jesper!AL$2:AL$366,ROUNDDOWN($C523/24,0)+1,1))-1)+IF('Standard Profiles'!$G$22=$B$10,7,0)+IF('Standard Profiles'!$G$22=$B$17,14,0)+IF('Standard Profiles'!$G$22=$B$24,21,0),MOD($C523,24)+1)/SUM(INDEX($D$3:$AA$30,INDEX(Jesper!$R$2:$R$366,ROW(INDEX(Jesper!AL$2:AL$366,ROUNDDOWN($C523/24,0)+1,1))-1)+IF('Standard Profiles'!$G$22=$B$10,7,0)+IF('Standard Profiles'!$G$22=$B$17,14,0)+IF('Standard Profiles'!$G$22=$B$24,21,0),0)),0)</f>
        <v>9.1757115519555086</v>
      </c>
      <c r="I523">
        <f t="shared" si="69"/>
        <v>8.8086830898772934</v>
      </c>
      <c r="J523">
        <f t="shared" si="70"/>
        <v>19.778901046838847</v>
      </c>
      <c r="K523">
        <f t="shared" si="71"/>
        <v>0.4630877392268033</v>
      </c>
      <c r="L523">
        <f t="shared" si="72"/>
        <v>0.23154386961340165</v>
      </c>
      <c r="M523">
        <f t="shared" si="73"/>
        <v>0</v>
      </c>
      <c r="N523" s="45">
        <f t="shared" si="74"/>
        <v>44947.374999998814</v>
      </c>
    </row>
    <row r="524" spans="2:14" x14ac:dyDescent="0.25">
      <c r="B524">
        <f t="shared" si="68"/>
        <v>6</v>
      </c>
      <c r="C524" s="16">
        <v>490</v>
      </c>
      <c r="D524" cm="1">
        <f t="array" ref="D524">IFERROR(INDEX(Jesper!AH$2:AH$366,ROUNDDOWN($C524/24,0)+1,1)*INDEX($D$3:$AA$30,INDEX(Jesper!$R$2:$R$366,ROW(INDEX(Jesper!AH$2:AH$366,ROUNDDOWN($C524/24,0)+1,1))-1)+IF('Standard Profiles'!$G$18=$B$10,7,0)+IF('Standard Profiles'!$G$18=$B$17,14,0)+IF('Standard Profiles'!$G$18=$B$24,21,0),MOD($C524,24)+1)/SUM(INDEX($D$3:$AA$30,INDEX(Jesper!$R$2:$R$366,ROW(INDEX(Jesper!AH$2:AH$366,ROUNDDOWN($C524/24,0)+1,1))-1)+IF('Standard Profiles'!$G$18=$B$10,7,0)+IF('Standard Profiles'!$G$18=$B$17,14,0)+IF('Standard Profiles'!$G$18=$B$24,21,0),0)),0)</f>
        <v>0</v>
      </c>
      <c r="E524" cm="1">
        <f t="array" ref="E524">IFERROR(INDEX(Jesper!AI$2:AI$366,ROUNDDOWN($C524/24,0)+1,1)*INDEX($D$3:$AA$30,INDEX(Jesper!$R$2:$R$366,ROW(INDEX(Jesper!AI$2:AI$366,ROUNDDOWN($C524/24,0)+1,1))-1)+IF('Standard Profiles'!$G$19=$B$10,7,0)+IF('Standard Profiles'!$G$19=$B$17,14,0)+IF('Standard Profiles'!$G$19=$B$24,21,0),MOD($C524,24)+1)/SUM(INDEX($D$3:$AA$30,INDEX(Jesper!$R$2:$R$366,ROW(INDEX(Jesper!AI$2:AI$366,ROUNDDOWN($C524/24,0)+1,1))-1)+IF('Standard Profiles'!$G$19=$B$10,7,0)+IF('Standard Profiles'!$G$19=$B$17,14,0)+IF('Standard Profiles'!$G$19=$B$24,21,0),0)),0)</f>
        <v>5.7885967403350413</v>
      </c>
      <c r="F524" cm="1">
        <f t="array" ref="F524">IFERROR(INDEX(Jesper!AJ$2:AJ$366,ROUNDDOWN($C524/24,0)+1,1)*INDEX($D$3:$AA$30,INDEX(Jesper!$R$2:$R$366,ROW(INDEX(Jesper!AJ$2:AJ$366,ROUNDDOWN($C524/24,0)+1,1))-1)+IF('Standard Profiles'!$G$20=$B$10,7,0)+IF('Standard Profiles'!$G$20=$B$17,14,0)+IF('Standard Profiles'!$G$20=$B$24,21,0),MOD($C524,24)+1)/SUM(INDEX($D$3:$AA$30,INDEX(Jesper!$R$2:$R$366,ROW(INDEX(Jesper!AJ$2:AJ$366,ROUNDDOWN($C524/24,0)+1,1))-1)+IF('Standard Profiles'!$G$20=$B$10,7,0)+IF('Standard Profiles'!$G$20=$B$17,14,0)+IF('Standard Profiles'!$G$20=$B$24,21,0),0)),0)</f>
        <v>5.2019433097720924</v>
      </c>
      <c r="G524" cm="1">
        <f t="array" ref="G524">IFERROR(INDEX(Jesper!AK$2:AK$366,ROUNDDOWN($C524/24,0)+1,1)*INDEX($D$3:$AA$30,INDEX(Jesper!$R$2:$R$366,ROW(INDEX(Jesper!AK$2:AK$366,ROUNDDOWN($C524/24,0)+1,1))-1)+IF('Standard Profiles'!$G$21=$B$10,7,0)+IF('Standard Profiles'!$G$21=$B$17,14,0)+IF('Standard Profiles'!$G$21=$B$24,21,0),MOD($C524,24)+1)/SUM(INDEX($D$3:$AA$30,INDEX(Jesper!$R$2:$R$366,ROW(INDEX(Jesper!AK$2:AK$366,ROUNDDOWN($C524/24,0)+1,1))-1)+IF('Standard Profiles'!$G$21=$B$10,7,0)+IF('Standard Profiles'!$G$21=$B$17,14,0)+IF('Standard Profiles'!$G$21=$B$24,21,0),0)),0)</f>
        <v>9.1159641434937004</v>
      </c>
      <c r="H524" cm="1">
        <f t="array" ref="H524">IFERROR(INDEX(Jesper!AL$2:AL$366,ROUNDDOWN($C524/24,0)+1,1)*INDEX($D$3:$AA$30,INDEX(Jesper!$R$2:$R$366,ROW(INDEX(Jesper!AL$2:AL$366,ROUNDDOWN($C524/24,0)+1,1))-1)+IF('Standard Profiles'!$G$22=$B$10,7,0)+IF('Standard Profiles'!$G$22=$B$17,14,0)+IF('Standard Profiles'!$G$22=$B$24,21,0),MOD($C524,24)+1)/SUM(INDEX($D$3:$AA$30,INDEX(Jesper!$R$2:$R$366,ROW(INDEX(Jesper!AL$2:AL$366,ROUNDDOWN($C524/24,0)+1,1))-1)+IF('Standard Profiles'!$G$22=$B$10,7,0)+IF('Standard Profiles'!$G$22=$B$17,14,0)+IF('Standard Profiles'!$G$22=$B$24,21,0),0)),0)</f>
        <v>9.1757115519555086</v>
      </c>
      <c r="I524">
        <f t="shared" si="69"/>
        <v>8.8086830898772934</v>
      </c>
      <c r="J524">
        <f t="shared" si="70"/>
        <v>19.778901046838847</v>
      </c>
      <c r="K524">
        <f t="shared" si="71"/>
        <v>0.4630877392268033</v>
      </c>
      <c r="L524">
        <f t="shared" si="72"/>
        <v>0.23154386961340165</v>
      </c>
      <c r="M524">
        <f t="shared" si="73"/>
        <v>0</v>
      </c>
      <c r="N524" s="45">
        <f t="shared" si="74"/>
        <v>44947.416666665478</v>
      </c>
    </row>
    <row r="525" spans="2:14" x14ac:dyDescent="0.25">
      <c r="B525">
        <f t="shared" si="68"/>
        <v>6</v>
      </c>
      <c r="C525" s="16">
        <v>491</v>
      </c>
      <c r="D525" cm="1">
        <f t="array" ref="D525">IFERROR(INDEX(Jesper!AH$2:AH$366,ROUNDDOWN($C525/24,0)+1,1)*INDEX($D$3:$AA$30,INDEX(Jesper!$R$2:$R$366,ROW(INDEX(Jesper!AH$2:AH$366,ROUNDDOWN($C525/24,0)+1,1))-1)+IF('Standard Profiles'!$G$18=$B$10,7,0)+IF('Standard Profiles'!$G$18=$B$17,14,0)+IF('Standard Profiles'!$G$18=$B$24,21,0),MOD($C525,24)+1)/SUM(INDEX($D$3:$AA$30,INDEX(Jesper!$R$2:$R$366,ROW(INDEX(Jesper!AH$2:AH$366,ROUNDDOWN($C525/24,0)+1,1))-1)+IF('Standard Profiles'!$G$18=$B$10,7,0)+IF('Standard Profiles'!$G$18=$B$17,14,0)+IF('Standard Profiles'!$G$18=$B$24,21,0),0)),0)</f>
        <v>0</v>
      </c>
      <c r="E525" cm="1">
        <f t="array" ref="E525">IFERROR(INDEX(Jesper!AI$2:AI$366,ROUNDDOWN($C525/24,0)+1,1)*INDEX($D$3:$AA$30,INDEX(Jesper!$R$2:$R$366,ROW(INDEX(Jesper!AI$2:AI$366,ROUNDDOWN($C525/24,0)+1,1))-1)+IF('Standard Profiles'!$G$19=$B$10,7,0)+IF('Standard Profiles'!$G$19=$B$17,14,0)+IF('Standard Profiles'!$G$19=$B$24,21,0),MOD($C525,24)+1)/SUM(INDEX($D$3:$AA$30,INDEX(Jesper!$R$2:$R$366,ROW(INDEX(Jesper!AI$2:AI$366,ROUNDDOWN($C525/24,0)+1,1))-1)+IF('Standard Profiles'!$G$19=$B$10,7,0)+IF('Standard Profiles'!$G$19=$B$17,14,0)+IF('Standard Profiles'!$G$19=$B$24,21,0),0)),0)</f>
        <v>5.7885967403350413</v>
      </c>
      <c r="F525" cm="1">
        <f t="array" ref="F525">IFERROR(INDEX(Jesper!AJ$2:AJ$366,ROUNDDOWN($C525/24,0)+1,1)*INDEX($D$3:$AA$30,INDEX(Jesper!$R$2:$R$366,ROW(INDEX(Jesper!AJ$2:AJ$366,ROUNDDOWN($C525/24,0)+1,1))-1)+IF('Standard Profiles'!$G$20=$B$10,7,0)+IF('Standard Profiles'!$G$20=$B$17,14,0)+IF('Standard Profiles'!$G$20=$B$24,21,0),MOD($C525,24)+1)/SUM(INDEX($D$3:$AA$30,INDEX(Jesper!$R$2:$R$366,ROW(INDEX(Jesper!AJ$2:AJ$366,ROUNDDOWN($C525/24,0)+1,1))-1)+IF('Standard Profiles'!$G$20=$B$10,7,0)+IF('Standard Profiles'!$G$20=$B$17,14,0)+IF('Standard Profiles'!$G$20=$B$24,21,0),0)),0)</f>
        <v>5.2019433097720924</v>
      </c>
      <c r="G525" cm="1">
        <f t="array" ref="G525">IFERROR(INDEX(Jesper!AK$2:AK$366,ROUNDDOWN($C525/24,0)+1,1)*INDEX($D$3:$AA$30,INDEX(Jesper!$R$2:$R$366,ROW(INDEX(Jesper!AK$2:AK$366,ROUNDDOWN($C525/24,0)+1,1))-1)+IF('Standard Profiles'!$G$21=$B$10,7,0)+IF('Standard Profiles'!$G$21=$B$17,14,0)+IF('Standard Profiles'!$G$21=$B$24,21,0),MOD($C525,24)+1)/SUM(INDEX($D$3:$AA$30,INDEX(Jesper!$R$2:$R$366,ROW(INDEX(Jesper!AK$2:AK$366,ROUNDDOWN($C525/24,0)+1,1))-1)+IF('Standard Profiles'!$G$21=$B$10,7,0)+IF('Standard Profiles'!$G$21=$B$17,14,0)+IF('Standard Profiles'!$G$21=$B$24,21,0),0)),0)</f>
        <v>9.1159641434937004</v>
      </c>
      <c r="H525" cm="1">
        <f t="array" ref="H525">IFERROR(INDEX(Jesper!AL$2:AL$366,ROUNDDOWN($C525/24,0)+1,1)*INDEX($D$3:$AA$30,INDEX(Jesper!$R$2:$R$366,ROW(INDEX(Jesper!AL$2:AL$366,ROUNDDOWN($C525/24,0)+1,1))-1)+IF('Standard Profiles'!$G$22=$B$10,7,0)+IF('Standard Profiles'!$G$22=$B$17,14,0)+IF('Standard Profiles'!$G$22=$B$24,21,0),MOD($C525,24)+1)/SUM(INDEX($D$3:$AA$30,INDEX(Jesper!$R$2:$R$366,ROW(INDEX(Jesper!AL$2:AL$366,ROUNDDOWN($C525/24,0)+1,1))-1)+IF('Standard Profiles'!$G$22=$B$10,7,0)+IF('Standard Profiles'!$G$22=$B$17,14,0)+IF('Standard Profiles'!$G$22=$B$24,21,0),0)),0)</f>
        <v>9.1757115519555086</v>
      </c>
      <c r="I525">
        <f t="shared" si="69"/>
        <v>8.8086830898772934</v>
      </c>
      <c r="J525">
        <f t="shared" si="70"/>
        <v>19.778901046838847</v>
      </c>
      <c r="K525">
        <f t="shared" si="71"/>
        <v>0.4630877392268033</v>
      </c>
      <c r="L525">
        <f t="shared" si="72"/>
        <v>0.23154386961340165</v>
      </c>
      <c r="M525">
        <f t="shared" si="73"/>
        <v>0</v>
      </c>
      <c r="N525" s="45">
        <f t="shared" si="74"/>
        <v>44947.458333332143</v>
      </c>
    </row>
    <row r="526" spans="2:14" x14ac:dyDescent="0.25">
      <c r="B526">
        <f t="shared" si="68"/>
        <v>6</v>
      </c>
      <c r="C526" s="16">
        <v>492</v>
      </c>
      <c r="D526" cm="1">
        <f t="array" ref="D526">IFERROR(INDEX(Jesper!AH$2:AH$366,ROUNDDOWN($C526/24,0)+1,1)*INDEX($D$3:$AA$30,INDEX(Jesper!$R$2:$R$366,ROW(INDEX(Jesper!AH$2:AH$366,ROUNDDOWN($C526/24,0)+1,1))-1)+IF('Standard Profiles'!$G$18=$B$10,7,0)+IF('Standard Profiles'!$G$18=$B$17,14,0)+IF('Standard Profiles'!$G$18=$B$24,21,0),MOD($C526,24)+1)/SUM(INDEX($D$3:$AA$30,INDEX(Jesper!$R$2:$R$366,ROW(INDEX(Jesper!AH$2:AH$366,ROUNDDOWN($C526/24,0)+1,1))-1)+IF('Standard Profiles'!$G$18=$B$10,7,0)+IF('Standard Profiles'!$G$18=$B$17,14,0)+IF('Standard Profiles'!$G$18=$B$24,21,0),0)),0)</f>
        <v>0</v>
      </c>
      <c r="E526" cm="1">
        <f t="array" ref="E526">IFERROR(INDEX(Jesper!AI$2:AI$366,ROUNDDOWN($C526/24,0)+1,1)*INDEX($D$3:$AA$30,INDEX(Jesper!$R$2:$R$366,ROW(INDEX(Jesper!AI$2:AI$366,ROUNDDOWN($C526/24,0)+1,1))-1)+IF('Standard Profiles'!$G$19=$B$10,7,0)+IF('Standard Profiles'!$G$19=$B$17,14,0)+IF('Standard Profiles'!$G$19=$B$24,21,0),MOD($C526,24)+1)/SUM(INDEX($D$3:$AA$30,INDEX(Jesper!$R$2:$R$366,ROW(INDEX(Jesper!AI$2:AI$366,ROUNDDOWN($C526/24,0)+1,1))-1)+IF('Standard Profiles'!$G$19=$B$10,7,0)+IF('Standard Profiles'!$G$19=$B$17,14,0)+IF('Standard Profiles'!$G$19=$B$24,21,0),0)),0)</f>
        <v>5.7885967403350413</v>
      </c>
      <c r="F526" cm="1">
        <f t="array" ref="F526">IFERROR(INDEX(Jesper!AJ$2:AJ$366,ROUNDDOWN($C526/24,0)+1,1)*INDEX($D$3:$AA$30,INDEX(Jesper!$R$2:$R$366,ROW(INDEX(Jesper!AJ$2:AJ$366,ROUNDDOWN($C526/24,0)+1,1))-1)+IF('Standard Profiles'!$G$20=$B$10,7,0)+IF('Standard Profiles'!$G$20=$B$17,14,0)+IF('Standard Profiles'!$G$20=$B$24,21,0),MOD($C526,24)+1)/SUM(INDEX($D$3:$AA$30,INDEX(Jesper!$R$2:$R$366,ROW(INDEX(Jesper!AJ$2:AJ$366,ROUNDDOWN($C526/24,0)+1,1))-1)+IF('Standard Profiles'!$G$20=$B$10,7,0)+IF('Standard Profiles'!$G$20=$B$17,14,0)+IF('Standard Profiles'!$G$20=$B$24,21,0),0)),0)</f>
        <v>5.2019433097720924</v>
      </c>
      <c r="G526" cm="1">
        <f t="array" ref="G526">IFERROR(INDEX(Jesper!AK$2:AK$366,ROUNDDOWN($C526/24,0)+1,1)*INDEX($D$3:$AA$30,INDEX(Jesper!$R$2:$R$366,ROW(INDEX(Jesper!AK$2:AK$366,ROUNDDOWN($C526/24,0)+1,1))-1)+IF('Standard Profiles'!$G$21=$B$10,7,0)+IF('Standard Profiles'!$G$21=$B$17,14,0)+IF('Standard Profiles'!$G$21=$B$24,21,0),MOD($C526,24)+1)/SUM(INDEX($D$3:$AA$30,INDEX(Jesper!$R$2:$R$366,ROW(INDEX(Jesper!AK$2:AK$366,ROUNDDOWN($C526/24,0)+1,1))-1)+IF('Standard Profiles'!$G$21=$B$10,7,0)+IF('Standard Profiles'!$G$21=$B$17,14,0)+IF('Standard Profiles'!$G$21=$B$24,21,0),0)),0)</f>
        <v>9.1159641434937004</v>
      </c>
      <c r="H526" cm="1">
        <f t="array" ref="H526">IFERROR(INDEX(Jesper!AL$2:AL$366,ROUNDDOWN($C526/24,0)+1,1)*INDEX($D$3:$AA$30,INDEX(Jesper!$R$2:$R$366,ROW(INDEX(Jesper!AL$2:AL$366,ROUNDDOWN($C526/24,0)+1,1))-1)+IF('Standard Profiles'!$G$22=$B$10,7,0)+IF('Standard Profiles'!$G$22=$B$17,14,0)+IF('Standard Profiles'!$G$22=$B$24,21,0),MOD($C526,24)+1)/SUM(INDEX($D$3:$AA$30,INDEX(Jesper!$R$2:$R$366,ROW(INDEX(Jesper!AL$2:AL$366,ROUNDDOWN($C526/24,0)+1,1))-1)+IF('Standard Profiles'!$G$22=$B$10,7,0)+IF('Standard Profiles'!$G$22=$B$17,14,0)+IF('Standard Profiles'!$G$22=$B$24,21,0),0)),0)</f>
        <v>9.1757115519555086</v>
      </c>
      <c r="I526">
        <f t="shared" si="69"/>
        <v>8.8086830898772934</v>
      </c>
      <c r="J526">
        <f t="shared" si="70"/>
        <v>19.778901046838847</v>
      </c>
      <c r="K526">
        <f t="shared" si="71"/>
        <v>0.4630877392268033</v>
      </c>
      <c r="L526">
        <f t="shared" si="72"/>
        <v>0.23154386961340165</v>
      </c>
      <c r="M526">
        <f t="shared" si="73"/>
        <v>0</v>
      </c>
      <c r="N526" s="45">
        <f t="shared" si="74"/>
        <v>44947.499999998807</v>
      </c>
    </row>
    <row r="527" spans="2:14" x14ac:dyDescent="0.25">
      <c r="B527">
        <f t="shared" si="68"/>
        <v>6</v>
      </c>
      <c r="C527" s="16">
        <v>493</v>
      </c>
      <c r="D527" cm="1">
        <f t="array" ref="D527">IFERROR(INDEX(Jesper!AH$2:AH$366,ROUNDDOWN($C527/24,0)+1,1)*INDEX($D$3:$AA$30,INDEX(Jesper!$R$2:$R$366,ROW(INDEX(Jesper!AH$2:AH$366,ROUNDDOWN($C527/24,0)+1,1))-1)+IF('Standard Profiles'!$G$18=$B$10,7,0)+IF('Standard Profiles'!$G$18=$B$17,14,0)+IF('Standard Profiles'!$G$18=$B$24,21,0),MOD($C527,24)+1)/SUM(INDEX($D$3:$AA$30,INDEX(Jesper!$R$2:$R$366,ROW(INDEX(Jesper!AH$2:AH$366,ROUNDDOWN($C527/24,0)+1,1))-1)+IF('Standard Profiles'!$G$18=$B$10,7,0)+IF('Standard Profiles'!$G$18=$B$17,14,0)+IF('Standard Profiles'!$G$18=$B$24,21,0),0)),0)</f>
        <v>0</v>
      </c>
      <c r="E527" cm="1">
        <f t="array" ref="E527">IFERROR(INDEX(Jesper!AI$2:AI$366,ROUNDDOWN($C527/24,0)+1,1)*INDEX($D$3:$AA$30,INDEX(Jesper!$R$2:$R$366,ROW(INDEX(Jesper!AI$2:AI$366,ROUNDDOWN($C527/24,0)+1,1))-1)+IF('Standard Profiles'!$G$19=$B$10,7,0)+IF('Standard Profiles'!$G$19=$B$17,14,0)+IF('Standard Profiles'!$G$19=$B$24,21,0),MOD($C527,24)+1)/SUM(INDEX($D$3:$AA$30,INDEX(Jesper!$R$2:$R$366,ROW(INDEX(Jesper!AI$2:AI$366,ROUNDDOWN($C527/24,0)+1,1))-1)+IF('Standard Profiles'!$G$19=$B$10,7,0)+IF('Standard Profiles'!$G$19=$B$17,14,0)+IF('Standard Profiles'!$G$19=$B$24,21,0),0)),0)</f>
        <v>5.7885967403350413</v>
      </c>
      <c r="F527" cm="1">
        <f t="array" ref="F527">IFERROR(INDEX(Jesper!AJ$2:AJ$366,ROUNDDOWN($C527/24,0)+1,1)*INDEX($D$3:$AA$30,INDEX(Jesper!$R$2:$R$366,ROW(INDEX(Jesper!AJ$2:AJ$366,ROUNDDOWN($C527/24,0)+1,1))-1)+IF('Standard Profiles'!$G$20=$B$10,7,0)+IF('Standard Profiles'!$G$20=$B$17,14,0)+IF('Standard Profiles'!$G$20=$B$24,21,0),MOD($C527,24)+1)/SUM(INDEX($D$3:$AA$30,INDEX(Jesper!$R$2:$R$366,ROW(INDEX(Jesper!AJ$2:AJ$366,ROUNDDOWN($C527/24,0)+1,1))-1)+IF('Standard Profiles'!$G$20=$B$10,7,0)+IF('Standard Profiles'!$G$20=$B$17,14,0)+IF('Standard Profiles'!$G$20=$B$24,21,0),0)),0)</f>
        <v>5.2019433097720924</v>
      </c>
      <c r="G527" cm="1">
        <f t="array" ref="G527">IFERROR(INDEX(Jesper!AK$2:AK$366,ROUNDDOWN($C527/24,0)+1,1)*INDEX($D$3:$AA$30,INDEX(Jesper!$R$2:$R$366,ROW(INDEX(Jesper!AK$2:AK$366,ROUNDDOWN($C527/24,0)+1,1))-1)+IF('Standard Profiles'!$G$21=$B$10,7,0)+IF('Standard Profiles'!$G$21=$B$17,14,0)+IF('Standard Profiles'!$G$21=$B$24,21,0),MOD($C527,24)+1)/SUM(INDEX($D$3:$AA$30,INDEX(Jesper!$R$2:$R$366,ROW(INDEX(Jesper!AK$2:AK$366,ROUNDDOWN($C527/24,0)+1,1))-1)+IF('Standard Profiles'!$G$21=$B$10,7,0)+IF('Standard Profiles'!$G$21=$B$17,14,0)+IF('Standard Profiles'!$G$21=$B$24,21,0),0)),0)</f>
        <v>9.1159641434937004</v>
      </c>
      <c r="H527" cm="1">
        <f t="array" ref="H527">IFERROR(INDEX(Jesper!AL$2:AL$366,ROUNDDOWN($C527/24,0)+1,1)*INDEX($D$3:$AA$30,INDEX(Jesper!$R$2:$R$366,ROW(INDEX(Jesper!AL$2:AL$366,ROUNDDOWN($C527/24,0)+1,1))-1)+IF('Standard Profiles'!$G$22=$B$10,7,0)+IF('Standard Profiles'!$G$22=$B$17,14,0)+IF('Standard Profiles'!$G$22=$B$24,21,0),MOD($C527,24)+1)/SUM(INDEX($D$3:$AA$30,INDEX(Jesper!$R$2:$R$366,ROW(INDEX(Jesper!AL$2:AL$366,ROUNDDOWN($C527/24,0)+1,1))-1)+IF('Standard Profiles'!$G$22=$B$10,7,0)+IF('Standard Profiles'!$G$22=$B$17,14,0)+IF('Standard Profiles'!$G$22=$B$24,21,0),0)),0)</f>
        <v>9.1757115519555086</v>
      </c>
      <c r="I527">
        <f t="shared" si="69"/>
        <v>8.8086830898772934</v>
      </c>
      <c r="J527">
        <f t="shared" si="70"/>
        <v>19.778901046838847</v>
      </c>
      <c r="K527">
        <f t="shared" si="71"/>
        <v>0.4630877392268033</v>
      </c>
      <c r="L527">
        <f t="shared" si="72"/>
        <v>0.23154386961340165</v>
      </c>
      <c r="M527">
        <f t="shared" si="73"/>
        <v>0</v>
      </c>
      <c r="N527" s="45">
        <f t="shared" si="74"/>
        <v>44947.541666665471</v>
      </c>
    </row>
    <row r="528" spans="2:14" x14ac:dyDescent="0.25">
      <c r="B528">
        <f t="shared" si="68"/>
        <v>6</v>
      </c>
      <c r="C528" s="16">
        <v>494</v>
      </c>
      <c r="D528" cm="1">
        <f t="array" ref="D528">IFERROR(INDEX(Jesper!AH$2:AH$366,ROUNDDOWN($C528/24,0)+1,1)*INDEX($D$3:$AA$30,INDEX(Jesper!$R$2:$R$366,ROW(INDEX(Jesper!AH$2:AH$366,ROUNDDOWN($C528/24,0)+1,1))-1)+IF('Standard Profiles'!$G$18=$B$10,7,0)+IF('Standard Profiles'!$G$18=$B$17,14,0)+IF('Standard Profiles'!$G$18=$B$24,21,0),MOD($C528,24)+1)/SUM(INDEX($D$3:$AA$30,INDEX(Jesper!$R$2:$R$366,ROW(INDEX(Jesper!AH$2:AH$366,ROUNDDOWN($C528/24,0)+1,1))-1)+IF('Standard Profiles'!$G$18=$B$10,7,0)+IF('Standard Profiles'!$G$18=$B$17,14,0)+IF('Standard Profiles'!$G$18=$B$24,21,0),0)),0)</f>
        <v>0</v>
      </c>
      <c r="E528" cm="1">
        <f t="array" ref="E528">IFERROR(INDEX(Jesper!AI$2:AI$366,ROUNDDOWN($C528/24,0)+1,1)*INDEX($D$3:$AA$30,INDEX(Jesper!$R$2:$R$366,ROW(INDEX(Jesper!AI$2:AI$366,ROUNDDOWN($C528/24,0)+1,1))-1)+IF('Standard Profiles'!$G$19=$B$10,7,0)+IF('Standard Profiles'!$G$19=$B$17,14,0)+IF('Standard Profiles'!$G$19=$B$24,21,0),MOD($C528,24)+1)/SUM(INDEX($D$3:$AA$30,INDEX(Jesper!$R$2:$R$366,ROW(INDEX(Jesper!AI$2:AI$366,ROUNDDOWN($C528/24,0)+1,1))-1)+IF('Standard Profiles'!$G$19=$B$10,7,0)+IF('Standard Profiles'!$G$19=$B$17,14,0)+IF('Standard Profiles'!$G$19=$B$24,21,0),0)),0)</f>
        <v>5.7885967403350413</v>
      </c>
      <c r="F528" cm="1">
        <f t="array" ref="F528">IFERROR(INDEX(Jesper!AJ$2:AJ$366,ROUNDDOWN($C528/24,0)+1,1)*INDEX($D$3:$AA$30,INDEX(Jesper!$R$2:$R$366,ROW(INDEX(Jesper!AJ$2:AJ$366,ROUNDDOWN($C528/24,0)+1,1))-1)+IF('Standard Profiles'!$G$20=$B$10,7,0)+IF('Standard Profiles'!$G$20=$B$17,14,0)+IF('Standard Profiles'!$G$20=$B$24,21,0),MOD($C528,24)+1)/SUM(INDEX($D$3:$AA$30,INDEX(Jesper!$R$2:$R$366,ROW(INDEX(Jesper!AJ$2:AJ$366,ROUNDDOWN($C528/24,0)+1,1))-1)+IF('Standard Profiles'!$G$20=$B$10,7,0)+IF('Standard Profiles'!$G$20=$B$17,14,0)+IF('Standard Profiles'!$G$20=$B$24,21,0),0)),0)</f>
        <v>5.2019433097720924</v>
      </c>
      <c r="G528" cm="1">
        <f t="array" ref="G528">IFERROR(INDEX(Jesper!AK$2:AK$366,ROUNDDOWN($C528/24,0)+1,1)*INDEX($D$3:$AA$30,INDEX(Jesper!$R$2:$R$366,ROW(INDEX(Jesper!AK$2:AK$366,ROUNDDOWN($C528/24,0)+1,1))-1)+IF('Standard Profiles'!$G$21=$B$10,7,0)+IF('Standard Profiles'!$G$21=$B$17,14,0)+IF('Standard Profiles'!$G$21=$B$24,21,0),MOD($C528,24)+1)/SUM(INDEX($D$3:$AA$30,INDEX(Jesper!$R$2:$R$366,ROW(INDEX(Jesper!AK$2:AK$366,ROUNDDOWN($C528/24,0)+1,1))-1)+IF('Standard Profiles'!$G$21=$B$10,7,0)+IF('Standard Profiles'!$G$21=$B$17,14,0)+IF('Standard Profiles'!$G$21=$B$24,21,0),0)),0)</f>
        <v>9.1159641434937004</v>
      </c>
      <c r="H528" cm="1">
        <f t="array" ref="H528">IFERROR(INDEX(Jesper!AL$2:AL$366,ROUNDDOWN($C528/24,0)+1,1)*INDEX($D$3:$AA$30,INDEX(Jesper!$R$2:$R$366,ROW(INDEX(Jesper!AL$2:AL$366,ROUNDDOWN($C528/24,0)+1,1))-1)+IF('Standard Profiles'!$G$22=$B$10,7,0)+IF('Standard Profiles'!$G$22=$B$17,14,0)+IF('Standard Profiles'!$G$22=$B$24,21,0),MOD($C528,24)+1)/SUM(INDEX($D$3:$AA$30,INDEX(Jesper!$R$2:$R$366,ROW(INDEX(Jesper!AL$2:AL$366,ROUNDDOWN($C528/24,0)+1,1))-1)+IF('Standard Profiles'!$G$22=$B$10,7,0)+IF('Standard Profiles'!$G$22=$B$17,14,0)+IF('Standard Profiles'!$G$22=$B$24,21,0),0)),0)</f>
        <v>9.1757115519555086</v>
      </c>
      <c r="I528">
        <f t="shared" si="69"/>
        <v>8.8086830898772934</v>
      </c>
      <c r="J528">
        <f t="shared" si="70"/>
        <v>19.778901046838847</v>
      </c>
      <c r="K528">
        <f t="shared" si="71"/>
        <v>0.4630877392268033</v>
      </c>
      <c r="L528">
        <f t="shared" si="72"/>
        <v>0.23154386961340165</v>
      </c>
      <c r="M528">
        <f t="shared" si="73"/>
        <v>0</v>
      </c>
      <c r="N528" s="45">
        <f t="shared" si="74"/>
        <v>44947.583333332135</v>
      </c>
    </row>
    <row r="529" spans="2:14" x14ac:dyDescent="0.25">
      <c r="B529">
        <f t="shared" si="68"/>
        <v>6</v>
      </c>
      <c r="C529" s="16">
        <v>495</v>
      </c>
      <c r="D529" cm="1">
        <f t="array" ref="D529">IFERROR(INDEX(Jesper!AH$2:AH$366,ROUNDDOWN($C529/24,0)+1,1)*INDEX($D$3:$AA$30,INDEX(Jesper!$R$2:$R$366,ROW(INDEX(Jesper!AH$2:AH$366,ROUNDDOWN($C529/24,0)+1,1))-1)+IF('Standard Profiles'!$G$18=$B$10,7,0)+IF('Standard Profiles'!$G$18=$B$17,14,0)+IF('Standard Profiles'!$G$18=$B$24,21,0),MOD($C529,24)+1)/SUM(INDEX($D$3:$AA$30,INDEX(Jesper!$R$2:$R$366,ROW(INDEX(Jesper!AH$2:AH$366,ROUNDDOWN($C529/24,0)+1,1))-1)+IF('Standard Profiles'!$G$18=$B$10,7,0)+IF('Standard Profiles'!$G$18=$B$17,14,0)+IF('Standard Profiles'!$G$18=$B$24,21,0),0)),0)</f>
        <v>0</v>
      </c>
      <c r="E529" cm="1">
        <f t="array" ref="E529">IFERROR(INDEX(Jesper!AI$2:AI$366,ROUNDDOWN($C529/24,0)+1,1)*INDEX($D$3:$AA$30,INDEX(Jesper!$R$2:$R$366,ROW(INDEX(Jesper!AI$2:AI$366,ROUNDDOWN($C529/24,0)+1,1))-1)+IF('Standard Profiles'!$G$19=$B$10,7,0)+IF('Standard Profiles'!$G$19=$B$17,14,0)+IF('Standard Profiles'!$G$19=$B$24,21,0),MOD($C529,24)+1)/SUM(INDEX($D$3:$AA$30,INDEX(Jesper!$R$2:$R$366,ROW(INDEX(Jesper!AI$2:AI$366,ROUNDDOWN($C529/24,0)+1,1))-1)+IF('Standard Profiles'!$G$19=$B$10,7,0)+IF('Standard Profiles'!$G$19=$B$17,14,0)+IF('Standard Profiles'!$G$19=$B$24,21,0),0)),0)</f>
        <v>5.7885967403350413</v>
      </c>
      <c r="F529" cm="1">
        <f t="array" ref="F529">IFERROR(INDEX(Jesper!AJ$2:AJ$366,ROUNDDOWN($C529/24,0)+1,1)*INDEX($D$3:$AA$30,INDEX(Jesper!$R$2:$R$366,ROW(INDEX(Jesper!AJ$2:AJ$366,ROUNDDOWN($C529/24,0)+1,1))-1)+IF('Standard Profiles'!$G$20=$B$10,7,0)+IF('Standard Profiles'!$G$20=$B$17,14,0)+IF('Standard Profiles'!$G$20=$B$24,21,0),MOD($C529,24)+1)/SUM(INDEX($D$3:$AA$30,INDEX(Jesper!$R$2:$R$366,ROW(INDEX(Jesper!AJ$2:AJ$366,ROUNDDOWN($C529/24,0)+1,1))-1)+IF('Standard Profiles'!$G$20=$B$10,7,0)+IF('Standard Profiles'!$G$20=$B$17,14,0)+IF('Standard Profiles'!$G$20=$B$24,21,0),0)),0)</f>
        <v>5.2019433097720924</v>
      </c>
      <c r="G529" cm="1">
        <f t="array" ref="G529">IFERROR(INDEX(Jesper!AK$2:AK$366,ROUNDDOWN($C529/24,0)+1,1)*INDEX($D$3:$AA$30,INDEX(Jesper!$R$2:$R$366,ROW(INDEX(Jesper!AK$2:AK$366,ROUNDDOWN($C529/24,0)+1,1))-1)+IF('Standard Profiles'!$G$21=$B$10,7,0)+IF('Standard Profiles'!$G$21=$B$17,14,0)+IF('Standard Profiles'!$G$21=$B$24,21,0),MOD($C529,24)+1)/SUM(INDEX($D$3:$AA$30,INDEX(Jesper!$R$2:$R$366,ROW(INDEX(Jesper!AK$2:AK$366,ROUNDDOWN($C529/24,0)+1,1))-1)+IF('Standard Profiles'!$G$21=$B$10,7,0)+IF('Standard Profiles'!$G$21=$B$17,14,0)+IF('Standard Profiles'!$G$21=$B$24,21,0),0)),0)</f>
        <v>9.1159641434937004</v>
      </c>
      <c r="H529" cm="1">
        <f t="array" ref="H529">IFERROR(INDEX(Jesper!AL$2:AL$366,ROUNDDOWN($C529/24,0)+1,1)*INDEX($D$3:$AA$30,INDEX(Jesper!$R$2:$R$366,ROW(INDEX(Jesper!AL$2:AL$366,ROUNDDOWN($C529/24,0)+1,1))-1)+IF('Standard Profiles'!$G$22=$B$10,7,0)+IF('Standard Profiles'!$G$22=$B$17,14,0)+IF('Standard Profiles'!$G$22=$B$24,21,0),MOD($C529,24)+1)/SUM(INDEX($D$3:$AA$30,INDEX(Jesper!$R$2:$R$366,ROW(INDEX(Jesper!AL$2:AL$366,ROUNDDOWN($C529/24,0)+1,1))-1)+IF('Standard Profiles'!$G$22=$B$10,7,0)+IF('Standard Profiles'!$G$22=$B$17,14,0)+IF('Standard Profiles'!$G$22=$B$24,21,0),0)),0)</f>
        <v>8.2958488003981294</v>
      </c>
      <c r="I529">
        <f t="shared" si="69"/>
        <v>7.9640148483822086</v>
      </c>
      <c r="J529">
        <f t="shared" si="70"/>
        <v>19.74370653677655</v>
      </c>
      <c r="K529">
        <f t="shared" si="71"/>
        <v>0.4630877392268033</v>
      </c>
      <c r="L529">
        <f t="shared" si="72"/>
        <v>0.23154386961340165</v>
      </c>
      <c r="M529">
        <f t="shared" si="73"/>
        <v>0</v>
      </c>
      <c r="N529" s="45">
        <f t="shared" si="74"/>
        <v>44947.624999998799</v>
      </c>
    </row>
    <row r="530" spans="2:14" x14ac:dyDescent="0.25">
      <c r="B530">
        <f t="shared" si="68"/>
        <v>6</v>
      </c>
      <c r="C530" s="16">
        <v>496</v>
      </c>
      <c r="D530" cm="1">
        <f t="array" ref="D530">IFERROR(INDEX(Jesper!AH$2:AH$366,ROUNDDOWN($C530/24,0)+1,1)*INDEX($D$3:$AA$30,INDEX(Jesper!$R$2:$R$366,ROW(INDEX(Jesper!AH$2:AH$366,ROUNDDOWN($C530/24,0)+1,1))-1)+IF('Standard Profiles'!$G$18=$B$10,7,0)+IF('Standard Profiles'!$G$18=$B$17,14,0)+IF('Standard Profiles'!$G$18=$B$24,21,0),MOD($C530,24)+1)/SUM(INDEX($D$3:$AA$30,INDEX(Jesper!$R$2:$R$366,ROW(INDEX(Jesper!AH$2:AH$366,ROUNDDOWN($C530/24,0)+1,1))-1)+IF('Standard Profiles'!$G$18=$B$10,7,0)+IF('Standard Profiles'!$G$18=$B$17,14,0)+IF('Standard Profiles'!$G$18=$B$24,21,0),0)),0)</f>
        <v>0</v>
      </c>
      <c r="E530" cm="1">
        <f t="array" ref="E530">IFERROR(INDEX(Jesper!AI$2:AI$366,ROUNDDOWN($C530/24,0)+1,1)*INDEX($D$3:$AA$30,INDEX(Jesper!$R$2:$R$366,ROW(INDEX(Jesper!AI$2:AI$366,ROUNDDOWN($C530/24,0)+1,1))-1)+IF('Standard Profiles'!$G$19=$B$10,7,0)+IF('Standard Profiles'!$G$19=$B$17,14,0)+IF('Standard Profiles'!$G$19=$B$24,21,0),MOD($C530,24)+1)/SUM(INDEX($D$3:$AA$30,INDEX(Jesper!$R$2:$R$366,ROW(INDEX(Jesper!AI$2:AI$366,ROUNDDOWN($C530/24,0)+1,1))-1)+IF('Standard Profiles'!$G$19=$B$10,7,0)+IF('Standard Profiles'!$G$19=$B$17,14,0)+IF('Standard Profiles'!$G$19=$B$24,21,0),0)),0)</f>
        <v>5.7885967403350413</v>
      </c>
      <c r="F530" cm="1">
        <f t="array" ref="F530">IFERROR(INDEX(Jesper!AJ$2:AJ$366,ROUNDDOWN($C530/24,0)+1,1)*INDEX($D$3:$AA$30,INDEX(Jesper!$R$2:$R$366,ROW(INDEX(Jesper!AJ$2:AJ$366,ROUNDDOWN($C530/24,0)+1,1))-1)+IF('Standard Profiles'!$G$20=$B$10,7,0)+IF('Standard Profiles'!$G$20=$B$17,14,0)+IF('Standard Profiles'!$G$20=$B$24,21,0),MOD($C530,24)+1)/SUM(INDEX($D$3:$AA$30,INDEX(Jesper!$R$2:$R$366,ROW(INDEX(Jesper!AJ$2:AJ$366,ROUNDDOWN($C530/24,0)+1,1))-1)+IF('Standard Profiles'!$G$20=$B$10,7,0)+IF('Standard Profiles'!$G$20=$B$17,14,0)+IF('Standard Profiles'!$G$20=$B$24,21,0),0)),0)</f>
        <v>5.2019433097720924</v>
      </c>
      <c r="G530" cm="1">
        <f t="array" ref="G530">IFERROR(INDEX(Jesper!AK$2:AK$366,ROUNDDOWN($C530/24,0)+1,1)*INDEX($D$3:$AA$30,INDEX(Jesper!$R$2:$R$366,ROW(INDEX(Jesper!AK$2:AK$366,ROUNDDOWN($C530/24,0)+1,1))-1)+IF('Standard Profiles'!$G$21=$B$10,7,0)+IF('Standard Profiles'!$G$21=$B$17,14,0)+IF('Standard Profiles'!$G$21=$B$24,21,0),MOD($C530,24)+1)/SUM(INDEX($D$3:$AA$30,INDEX(Jesper!$R$2:$R$366,ROW(INDEX(Jesper!AK$2:AK$366,ROUNDDOWN($C530/24,0)+1,1))-1)+IF('Standard Profiles'!$G$21=$B$10,7,0)+IF('Standard Profiles'!$G$21=$B$17,14,0)+IF('Standard Profiles'!$G$21=$B$24,21,0),0)),0)</f>
        <v>9.1159641434937004</v>
      </c>
      <c r="H530" cm="1">
        <f t="array" ref="H530">IFERROR(INDEX(Jesper!AL$2:AL$366,ROUNDDOWN($C530/24,0)+1,1)*INDEX($D$3:$AA$30,INDEX(Jesper!$R$2:$R$366,ROW(INDEX(Jesper!AL$2:AL$366,ROUNDDOWN($C530/24,0)+1,1))-1)+IF('Standard Profiles'!$G$22=$B$10,7,0)+IF('Standard Profiles'!$G$22=$B$17,14,0)+IF('Standard Profiles'!$G$22=$B$24,21,0),MOD($C530,24)+1)/SUM(INDEX($D$3:$AA$30,INDEX(Jesper!$R$2:$R$366,ROW(INDEX(Jesper!AL$2:AL$366,ROUNDDOWN($C530/24,0)+1,1))-1)+IF('Standard Profiles'!$G$22=$B$10,7,0)+IF('Standard Profiles'!$G$22=$B$17,14,0)+IF('Standard Profiles'!$G$22=$B$24,21,0),0)),0)</f>
        <v>7.541680727634664</v>
      </c>
      <c r="I530">
        <f t="shared" si="69"/>
        <v>7.2400134985292812</v>
      </c>
      <c r="J530">
        <f t="shared" si="70"/>
        <v>19.713539813866014</v>
      </c>
      <c r="K530">
        <f t="shared" si="71"/>
        <v>0.4630877392268033</v>
      </c>
      <c r="L530">
        <f t="shared" si="72"/>
        <v>0.23154386961340165</v>
      </c>
      <c r="M530">
        <f t="shared" si="73"/>
        <v>0</v>
      </c>
      <c r="N530" s="45">
        <f t="shared" si="74"/>
        <v>44947.666666665464</v>
      </c>
    </row>
    <row r="531" spans="2:14" x14ac:dyDescent="0.25">
      <c r="B531">
        <f t="shared" si="68"/>
        <v>6</v>
      </c>
      <c r="C531" s="16">
        <v>497</v>
      </c>
      <c r="D531" cm="1">
        <f t="array" ref="D531">IFERROR(INDEX(Jesper!AH$2:AH$366,ROUNDDOWN($C531/24,0)+1,1)*INDEX($D$3:$AA$30,INDEX(Jesper!$R$2:$R$366,ROW(INDEX(Jesper!AH$2:AH$366,ROUNDDOWN($C531/24,0)+1,1))-1)+IF('Standard Profiles'!$G$18=$B$10,7,0)+IF('Standard Profiles'!$G$18=$B$17,14,0)+IF('Standard Profiles'!$G$18=$B$24,21,0),MOD($C531,24)+1)/SUM(INDEX($D$3:$AA$30,INDEX(Jesper!$R$2:$R$366,ROW(INDEX(Jesper!AH$2:AH$366,ROUNDDOWN($C531/24,0)+1,1))-1)+IF('Standard Profiles'!$G$18=$B$10,7,0)+IF('Standard Profiles'!$G$18=$B$17,14,0)+IF('Standard Profiles'!$G$18=$B$24,21,0),0)),0)</f>
        <v>0</v>
      </c>
      <c r="E531" cm="1">
        <f t="array" ref="E531">IFERROR(INDEX(Jesper!AI$2:AI$366,ROUNDDOWN($C531/24,0)+1,1)*INDEX($D$3:$AA$30,INDEX(Jesper!$R$2:$R$366,ROW(INDEX(Jesper!AI$2:AI$366,ROUNDDOWN($C531/24,0)+1,1))-1)+IF('Standard Profiles'!$G$19=$B$10,7,0)+IF('Standard Profiles'!$G$19=$B$17,14,0)+IF('Standard Profiles'!$G$19=$B$24,21,0),MOD($C531,24)+1)/SUM(INDEX($D$3:$AA$30,INDEX(Jesper!$R$2:$R$366,ROW(INDEX(Jesper!AI$2:AI$366,ROUNDDOWN($C531/24,0)+1,1))-1)+IF('Standard Profiles'!$G$19=$B$10,7,0)+IF('Standard Profiles'!$G$19=$B$17,14,0)+IF('Standard Profiles'!$G$19=$B$24,21,0),0)),0)</f>
        <v>5.7885967403350413</v>
      </c>
      <c r="F531" cm="1">
        <f t="array" ref="F531">IFERROR(INDEX(Jesper!AJ$2:AJ$366,ROUNDDOWN($C531/24,0)+1,1)*INDEX($D$3:$AA$30,INDEX(Jesper!$R$2:$R$366,ROW(INDEX(Jesper!AJ$2:AJ$366,ROUNDDOWN($C531/24,0)+1,1))-1)+IF('Standard Profiles'!$G$20=$B$10,7,0)+IF('Standard Profiles'!$G$20=$B$17,14,0)+IF('Standard Profiles'!$G$20=$B$24,21,0),MOD($C531,24)+1)/SUM(INDEX($D$3:$AA$30,INDEX(Jesper!$R$2:$R$366,ROW(INDEX(Jesper!AJ$2:AJ$366,ROUNDDOWN($C531/24,0)+1,1))-1)+IF('Standard Profiles'!$G$20=$B$10,7,0)+IF('Standard Profiles'!$G$20=$B$17,14,0)+IF('Standard Profiles'!$G$20=$B$24,21,0),0)),0)</f>
        <v>5.2019433097720924</v>
      </c>
      <c r="G531" cm="1">
        <f t="array" ref="G531">IFERROR(INDEX(Jesper!AK$2:AK$366,ROUNDDOWN($C531/24,0)+1,1)*INDEX($D$3:$AA$30,INDEX(Jesper!$R$2:$R$366,ROW(INDEX(Jesper!AK$2:AK$366,ROUNDDOWN($C531/24,0)+1,1))-1)+IF('Standard Profiles'!$G$21=$B$10,7,0)+IF('Standard Profiles'!$G$21=$B$17,14,0)+IF('Standard Profiles'!$G$21=$B$24,21,0),MOD($C531,24)+1)/SUM(INDEX($D$3:$AA$30,INDEX(Jesper!$R$2:$R$366,ROW(INDEX(Jesper!AK$2:AK$366,ROUNDDOWN($C531/24,0)+1,1))-1)+IF('Standard Profiles'!$G$21=$B$10,7,0)+IF('Standard Profiles'!$G$21=$B$17,14,0)+IF('Standard Profiles'!$G$21=$B$24,21,0),0)),0)</f>
        <v>9.1159641434937004</v>
      </c>
      <c r="H531" cm="1">
        <f t="array" ref="H531">IFERROR(INDEX(Jesper!AL$2:AL$366,ROUNDDOWN($C531/24,0)+1,1)*INDEX($D$3:$AA$30,INDEX(Jesper!$R$2:$R$366,ROW(INDEX(Jesper!AL$2:AL$366,ROUNDDOWN($C531/24,0)+1,1))-1)+IF('Standard Profiles'!$G$22=$B$10,7,0)+IF('Standard Profiles'!$G$22=$B$17,14,0)+IF('Standard Profiles'!$G$22=$B$24,21,0),MOD($C531,24)+1)/SUM(INDEX($D$3:$AA$30,INDEX(Jesper!$R$2:$R$366,ROW(INDEX(Jesper!AL$2:AL$366,ROUNDDOWN($C531/24,0)+1,1))-1)+IF('Standard Profiles'!$G$22=$B$10,7,0)+IF('Standard Profiles'!$G$22=$B$17,14,0)+IF('Standard Profiles'!$G$22=$B$24,21,0),0)),0)</f>
        <v>6.7875126548711977</v>
      </c>
      <c r="I531">
        <f t="shared" si="69"/>
        <v>6.5160121486763529</v>
      </c>
      <c r="J531">
        <f t="shared" si="70"/>
        <v>19.683373090955474</v>
      </c>
      <c r="K531">
        <f t="shared" si="71"/>
        <v>0.4630877392268033</v>
      </c>
      <c r="L531">
        <f t="shared" si="72"/>
        <v>0.23154386961340165</v>
      </c>
      <c r="M531">
        <f t="shared" si="73"/>
        <v>0</v>
      </c>
      <c r="N531" s="45">
        <f t="shared" si="74"/>
        <v>44947.708333332128</v>
      </c>
    </row>
    <row r="532" spans="2:14" x14ac:dyDescent="0.25">
      <c r="B532">
        <f t="shared" si="68"/>
        <v>6</v>
      </c>
      <c r="C532" s="16">
        <v>498</v>
      </c>
      <c r="D532" cm="1">
        <f t="array" ref="D532">IFERROR(INDEX(Jesper!AH$2:AH$366,ROUNDDOWN($C532/24,0)+1,1)*INDEX($D$3:$AA$30,INDEX(Jesper!$R$2:$R$366,ROW(INDEX(Jesper!AH$2:AH$366,ROUNDDOWN($C532/24,0)+1,1))-1)+IF('Standard Profiles'!$G$18=$B$10,7,0)+IF('Standard Profiles'!$G$18=$B$17,14,0)+IF('Standard Profiles'!$G$18=$B$24,21,0),MOD($C532,24)+1)/SUM(INDEX($D$3:$AA$30,INDEX(Jesper!$R$2:$R$366,ROW(INDEX(Jesper!AH$2:AH$366,ROUNDDOWN($C532/24,0)+1,1))-1)+IF('Standard Profiles'!$G$18=$B$10,7,0)+IF('Standard Profiles'!$G$18=$B$17,14,0)+IF('Standard Profiles'!$G$18=$B$24,21,0),0)),0)</f>
        <v>0</v>
      </c>
      <c r="E532" cm="1">
        <f t="array" ref="E532">IFERROR(INDEX(Jesper!AI$2:AI$366,ROUNDDOWN($C532/24,0)+1,1)*INDEX($D$3:$AA$30,INDEX(Jesper!$R$2:$R$366,ROW(INDEX(Jesper!AI$2:AI$366,ROUNDDOWN($C532/24,0)+1,1))-1)+IF('Standard Profiles'!$G$19=$B$10,7,0)+IF('Standard Profiles'!$G$19=$B$17,14,0)+IF('Standard Profiles'!$G$19=$B$24,21,0),MOD($C532,24)+1)/SUM(INDEX($D$3:$AA$30,INDEX(Jesper!$R$2:$R$366,ROW(INDEX(Jesper!AI$2:AI$366,ROUNDDOWN($C532/24,0)+1,1))-1)+IF('Standard Profiles'!$G$19=$B$10,7,0)+IF('Standard Profiles'!$G$19=$B$17,14,0)+IF('Standard Profiles'!$G$19=$B$24,21,0),0)),0)</f>
        <v>5.7885967403350413</v>
      </c>
      <c r="F532" cm="1">
        <f t="array" ref="F532">IFERROR(INDEX(Jesper!AJ$2:AJ$366,ROUNDDOWN($C532/24,0)+1,1)*INDEX($D$3:$AA$30,INDEX(Jesper!$R$2:$R$366,ROW(INDEX(Jesper!AJ$2:AJ$366,ROUNDDOWN($C532/24,0)+1,1))-1)+IF('Standard Profiles'!$G$20=$B$10,7,0)+IF('Standard Profiles'!$G$20=$B$17,14,0)+IF('Standard Profiles'!$G$20=$B$24,21,0),MOD($C532,24)+1)/SUM(INDEX($D$3:$AA$30,INDEX(Jesper!$R$2:$R$366,ROW(INDEX(Jesper!AJ$2:AJ$366,ROUNDDOWN($C532/24,0)+1,1))-1)+IF('Standard Profiles'!$G$20=$B$10,7,0)+IF('Standard Profiles'!$G$20=$B$17,14,0)+IF('Standard Profiles'!$G$20=$B$24,21,0),0)),0)</f>
        <v>5.2019433097720924</v>
      </c>
      <c r="G532" cm="1">
        <f t="array" ref="G532">IFERROR(INDEX(Jesper!AK$2:AK$366,ROUNDDOWN($C532/24,0)+1,1)*INDEX($D$3:$AA$30,INDEX(Jesper!$R$2:$R$366,ROW(INDEX(Jesper!AK$2:AK$366,ROUNDDOWN($C532/24,0)+1,1))-1)+IF('Standard Profiles'!$G$21=$B$10,7,0)+IF('Standard Profiles'!$G$21=$B$17,14,0)+IF('Standard Profiles'!$G$21=$B$24,21,0),MOD($C532,24)+1)/SUM(INDEX($D$3:$AA$30,INDEX(Jesper!$R$2:$R$366,ROW(INDEX(Jesper!AK$2:AK$366,ROUNDDOWN($C532/24,0)+1,1))-1)+IF('Standard Profiles'!$G$21=$B$10,7,0)+IF('Standard Profiles'!$G$21=$B$17,14,0)+IF('Standard Profiles'!$G$21=$B$24,21,0),0)),0)</f>
        <v>9.1159641434937004</v>
      </c>
      <c r="H532" cm="1">
        <f t="array" ref="H532">IFERROR(INDEX(Jesper!AL$2:AL$366,ROUNDDOWN($C532/24,0)+1,1)*INDEX($D$3:$AA$30,INDEX(Jesper!$R$2:$R$366,ROW(INDEX(Jesper!AL$2:AL$366,ROUNDDOWN($C532/24,0)+1,1))-1)+IF('Standard Profiles'!$G$22=$B$10,7,0)+IF('Standard Profiles'!$G$22=$B$17,14,0)+IF('Standard Profiles'!$G$22=$B$24,21,0),MOD($C532,24)+1)/SUM(INDEX($D$3:$AA$30,INDEX(Jesper!$R$2:$R$366,ROW(INDEX(Jesper!AL$2:AL$366,ROUNDDOWN($C532/24,0)+1,1))-1)+IF('Standard Profiles'!$G$22=$B$10,7,0)+IF('Standard Profiles'!$G$22=$B$17,14,0)+IF('Standard Profiles'!$G$22=$B$24,21,0),0)),0)</f>
        <v>6.5361232972833747</v>
      </c>
      <c r="I532">
        <f t="shared" si="69"/>
        <v>6.2746783653920435</v>
      </c>
      <c r="J532">
        <f t="shared" si="70"/>
        <v>19.673317516651963</v>
      </c>
      <c r="K532">
        <f t="shared" si="71"/>
        <v>0.4630877392268033</v>
      </c>
      <c r="L532">
        <f t="shared" si="72"/>
        <v>0.23154386961340165</v>
      </c>
      <c r="M532">
        <f t="shared" si="73"/>
        <v>0</v>
      </c>
      <c r="N532" s="45">
        <f t="shared" si="74"/>
        <v>44947.749999998792</v>
      </c>
    </row>
    <row r="533" spans="2:14" x14ac:dyDescent="0.25">
      <c r="B533">
        <f t="shared" si="68"/>
        <v>6</v>
      </c>
      <c r="C533" s="16">
        <v>499</v>
      </c>
      <c r="D533" cm="1">
        <f t="array" ref="D533">IFERROR(INDEX(Jesper!AH$2:AH$366,ROUNDDOWN($C533/24,0)+1,1)*INDEX($D$3:$AA$30,INDEX(Jesper!$R$2:$R$366,ROW(INDEX(Jesper!AH$2:AH$366,ROUNDDOWN($C533/24,0)+1,1))-1)+IF('Standard Profiles'!$G$18=$B$10,7,0)+IF('Standard Profiles'!$G$18=$B$17,14,0)+IF('Standard Profiles'!$G$18=$B$24,21,0),MOD($C533,24)+1)/SUM(INDEX($D$3:$AA$30,INDEX(Jesper!$R$2:$R$366,ROW(INDEX(Jesper!AH$2:AH$366,ROUNDDOWN($C533/24,0)+1,1))-1)+IF('Standard Profiles'!$G$18=$B$10,7,0)+IF('Standard Profiles'!$G$18=$B$17,14,0)+IF('Standard Profiles'!$G$18=$B$24,21,0),0)),0)</f>
        <v>0</v>
      </c>
      <c r="E533" cm="1">
        <f t="array" ref="E533">IFERROR(INDEX(Jesper!AI$2:AI$366,ROUNDDOWN($C533/24,0)+1,1)*INDEX($D$3:$AA$30,INDEX(Jesper!$R$2:$R$366,ROW(INDEX(Jesper!AI$2:AI$366,ROUNDDOWN($C533/24,0)+1,1))-1)+IF('Standard Profiles'!$G$19=$B$10,7,0)+IF('Standard Profiles'!$G$19=$B$17,14,0)+IF('Standard Profiles'!$G$19=$B$24,21,0),MOD($C533,24)+1)/SUM(INDEX($D$3:$AA$30,INDEX(Jesper!$R$2:$R$366,ROW(INDEX(Jesper!AI$2:AI$366,ROUNDDOWN($C533/24,0)+1,1))-1)+IF('Standard Profiles'!$G$19=$B$10,7,0)+IF('Standard Profiles'!$G$19=$B$17,14,0)+IF('Standard Profiles'!$G$19=$B$24,21,0),0)),0)</f>
        <v>5.7885967403350413</v>
      </c>
      <c r="F533" cm="1">
        <f t="array" ref="F533">IFERROR(INDEX(Jesper!AJ$2:AJ$366,ROUNDDOWN($C533/24,0)+1,1)*INDEX($D$3:$AA$30,INDEX(Jesper!$R$2:$R$366,ROW(INDEX(Jesper!AJ$2:AJ$366,ROUNDDOWN($C533/24,0)+1,1))-1)+IF('Standard Profiles'!$G$20=$B$10,7,0)+IF('Standard Profiles'!$G$20=$B$17,14,0)+IF('Standard Profiles'!$G$20=$B$24,21,0),MOD($C533,24)+1)/SUM(INDEX($D$3:$AA$30,INDEX(Jesper!$R$2:$R$366,ROW(INDEX(Jesper!AJ$2:AJ$366,ROUNDDOWN($C533/24,0)+1,1))-1)+IF('Standard Profiles'!$G$20=$B$10,7,0)+IF('Standard Profiles'!$G$20=$B$17,14,0)+IF('Standard Profiles'!$G$20=$B$24,21,0),0)),0)</f>
        <v>5.2019433097720924</v>
      </c>
      <c r="G533" cm="1">
        <f t="array" ref="G533">IFERROR(INDEX(Jesper!AK$2:AK$366,ROUNDDOWN($C533/24,0)+1,1)*INDEX($D$3:$AA$30,INDEX(Jesper!$R$2:$R$366,ROW(INDEX(Jesper!AK$2:AK$366,ROUNDDOWN($C533/24,0)+1,1))-1)+IF('Standard Profiles'!$G$21=$B$10,7,0)+IF('Standard Profiles'!$G$21=$B$17,14,0)+IF('Standard Profiles'!$G$21=$B$24,21,0),MOD($C533,24)+1)/SUM(INDEX($D$3:$AA$30,INDEX(Jesper!$R$2:$R$366,ROW(INDEX(Jesper!AK$2:AK$366,ROUNDDOWN($C533/24,0)+1,1))-1)+IF('Standard Profiles'!$G$21=$B$10,7,0)+IF('Standard Profiles'!$G$21=$B$17,14,0)+IF('Standard Profiles'!$G$21=$B$24,21,0),0)),0)</f>
        <v>9.1159641434937004</v>
      </c>
      <c r="H533" cm="1">
        <f t="array" ref="H533">IFERROR(INDEX(Jesper!AL$2:AL$366,ROUNDDOWN($C533/24,0)+1,1)*INDEX($D$3:$AA$30,INDEX(Jesper!$R$2:$R$366,ROW(INDEX(Jesper!AL$2:AL$366,ROUNDDOWN($C533/24,0)+1,1))-1)+IF('Standard Profiles'!$G$22=$B$10,7,0)+IF('Standard Profiles'!$G$22=$B$17,14,0)+IF('Standard Profiles'!$G$22=$B$24,21,0),MOD($C533,24)+1)/SUM(INDEX($D$3:$AA$30,INDEX(Jesper!$R$2:$R$366,ROW(INDEX(Jesper!AL$2:AL$366,ROUNDDOWN($C533/24,0)+1,1))-1)+IF('Standard Profiles'!$G$22=$B$10,7,0)+IF('Standard Profiles'!$G$22=$B$17,14,0)+IF('Standard Profiles'!$G$22=$B$24,21,0),0)),0)</f>
        <v>5.2791765093442642</v>
      </c>
      <c r="I533">
        <f t="shared" si="69"/>
        <v>5.0680094489704963</v>
      </c>
      <c r="J533">
        <f t="shared" si="70"/>
        <v>19.623039645134398</v>
      </c>
      <c r="K533">
        <f t="shared" si="71"/>
        <v>0.4630877392268033</v>
      </c>
      <c r="L533">
        <f t="shared" si="72"/>
        <v>0.23154386961340165</v>
      </c>
      <c r="M533">
        <f t="shared" si="73"/>
        <v>0</v>
      </c>
      <c r="N533" s="45">
        <f t="shared" si="74"/>
        <v>44947.791666665456</v>
      </c>
    </row>
    <row r="534" spans="2:14" x14ac:dyDescent="0.25">
      <c r="B534">
        <f t="shared" si="68"/>
        <v>6</v>
      </c>
      <c r="C534" s="16">
        <v>500</v>
      </c>
      <c r="D534" cm="1">
        <f t="array" ref="D534">IFERROR(INDEX(Jesper!AH$2:AH$366,ROUNDDOWN($C534/24,0)+1,1)*INDEX($D$3:$AA$30,INDEX(Jesper!$R$2:$R$366,ROW(INDEX(Jesper!AH$2:AH$366,ROUNDDOWN($C534/24,0)+1,1))-1)+IF('Standard Profiles'!$G$18=$B$10,7,0)+IF('Standard Profiles'!$G$18=$B$17,14,0)+IF('Standard Profiles'!$G$18=$B$24,21,0),MOD($C534,24)+1)/SUM(INDEX($D$3:$AA$30,INDEX(Jesper!$R$2:$R$366,ROW(INDEX(Jesper!AH$2:AH$366,ROUNDDOWN($C534/24,0)+1,1))-1)+IF('Standard Profiles'!$G$18=$B$10,7,0)+IF('Standard Profiles'!$G$18=$B$17,14,0)+IF('Standard Profiles'!$G$18=$B$24,21,0),0)),0)</f>
        <v>0</v>
      </c>
      <c r="E534" cm="1">
        <f t="array" ref="E534">IFERROR(INDEX(Jesper!AI$2:AI$366,ROUNDDOWN($C534/24,0)+1,1)*INDEX($D$3:$AA$30,INDEX(Jesper!$R$2:$R$366,ROW(INDEX(Jesper!AI$2:AI$366,ROUNDDOWN($C534/24,0)+1,1))-1)+IF('Standard Profiles'!$G$19=$B$10,7,0)+IF('Standard Profiles'!$G$19=$B$17,14,0)+IF('Standard Profiles'!$G$19=$B$24,21,0),MOD($C534,24)+1)/SUM(INDEX($D$3:$AA$30,INDEX(Jesper!$R$2:$R$366,ROW(INDEX(Jesper!AI$2:AI$366,ROUNDDOWN($C534/24,0)+1,1))-1)+IF('Standard Profiles'!$G$19=$B$10,7,0)+IF('Standard Profiles'!$G$19=$B$17,14,0)+IF('Standard Profiles'!$G$19=$B$24,21,0),0)),0)</f>
        <v>5.7885967403350413</v>
      </c>
      <c r="F534" cm="1">
        <f t="array" ref="F534">IFERROR(INDEX(Jesper!AJ$2:AJ$366,ROUNDDOWN($C534/24,0)+1,1)*INDEX($D$3:$AA$30,INDEX(Jesper!$R$2:$R$366,ROW(INDEX(Jesper!AJ$2:AJ$366,ROUNDDOWN($C534/24,0)+1,1))-1)+IF('Standard Profiles'!$G$20=$B$10,7,0)+IF('Standard Profiles'!$G$20=$B$17,14,0)+IF('Standard Profiles'!$G$20=$B$24,21,0),MOD($C534,24)+1)/SUM(INDEX($D$3:$AA$30,INDEX(Jesper!$R$2:$R$366,ROW(INDEX(Jesper!AJ$2:AJ$366,ROUNDDOWN($C534/24,0)+1,1))-1)+IF('Standard Profiles'!$G$20=$B$10,7,0)+IF('Standard Profiles'!$G$20=$B$17,14,0)+IF('Standard Profiles'!$G$20=$B$24,21,0),0)),0)</f>
        <v>5.2019433097720924</v>
      </c>
      <c r="G534" cm="1">
        <f t="array" ref="G534">IFERROR(INDEX(Jesper!AK$2:AK$366,ROUNDDOWN($C534/24,0)+1,1)*INDEX($D$3:$AA$30,INDEX(Jesper!$R$2:$R$366,ROW(INDEX(Jesper!AK$2:AK$366,ROUNDDOWN($C534/24,0)+1,1))-1)+IF('Standard Profiles'!$G$21=$B$10,7,0)+IF('Standard Profiles'!$G$21=$B$17,14,0)+IF('Standard Profiles'!$G$21=$B$24,21,0),MOD($C534,24)+1)/SUM(INDEX($D$3:$AA$30,INDEX(Jesper!$R$2:$R$366,ROW(INDEX(Jesper!AK$2:AK$366,ROUNDDOWN($C534/24,0)+1,1))-1)+IF('Standard Profiles'!$G$21=$B$10,7,0)+IF('Standard Profiles'!$G$21=$B$17,14,0)+IF('Standard Profiles'!$G$21=$B$24,21,0),0)),0)</f>
        <v>9.1159641434937004</v>
      </c>
      <c r="H534" cm="1">
        <f t="array" ref="H534">IFERROR(INDEX(Jesper!AL$2:AL$366,ROUNDDOWN($C534/24,0)+1,1)*INDEX($D$3:$AA$30,INDEX(Jesper!$R$2:$R$366,ROW(INDEX(Jesper!AL$2:AL$366,ROUNDDOWN($C534/24,0)+1,1))-1)+IF('Standard Profiles'!$G$22=$B$10,7,0)+IF('Standard Profiles'!$G$22=$B$17,14,0)+IF('Standard Profiles'!$G$22=$B$24,21,0),MOD($C534,24)+1)/SUM(INDEX($D$3:$AA$30,INDEX(Jesper!$R$2:$R$366,ROW(INDEX(Jesper!AL$2:AL$366,ROUNDDOWN($C534/24,0)+1,1))-1)+IF('Standard Profiles'!$G$22=$B$10,7,0)+IF('Standard Profiles'!$G$22=$B$17,14,0)+IF('Standard Profiles'!$G$22=$B$24,21,0),0)),0)</f>
        <v>3.8965350426112426</v>
      </c>
      <c r="I534">
        <f t="shared" si="69"/>
        <v>3.7406736409067949</v>
      </c>
      <c r="J534">
        <f t="shared" si="70"/>
        <v>19.567733986465079</v>
      </c>
      <c r="K534">
        <f t="shared" si="71"/>
        <v>0.4630877392268033</v>
      </c>
      <c r="L534">
        <f t="shared" si="72"/>
        <v>0.23154386961340165</v>
      </c>
      <c r="M534">
        <f t="shared" si="73"/>
        <v>0</v>
      </c>
      <c r="N534" s="45">
        <f t="shared" si="74"/>
        <v>44947.833333332121</v>
      </c>
    </row>
    <row r="535" spans="2:14" x14ac:dyDescent="0.25">
      <c r="B535">
        <f t="shared" si="68"/>
        <v>6</v>
      </c>
      <c r="C535" s="16">
        <v>501</v>
      </c>
      <c r="D535" cm="1">
        <f t="array" ref="D535">IFERROR(INDEX(Jesper!AH$2:AH$366,ROUNDDOWN($C535/24,0)+1,1)*INDEX($D$3:$AA$30,INDEX(Jesper!$R$2:$R$366,ROW(INDEX(Jesper!AH$2:AH$366,ROUNDDOWN($C535/24,0)+1,1))-1)+IF('Standard Profiles'!$G$18=$B$10,7,0)+IF('Standard Profiles'!$G$18=$B$17,14,0)+IF('Standard Profiles'!$G$18=$B$24,21,0),MOD($C535,24)+1)/SUM(INDEX($D$3:$AA$30,INDEX(Jesper!$R$2:$R$366,ROW(INDEX(Jesper!AH$2:AH$366,ROUNDDOWN($C535/24,0)+1,1))-1)+IF('Standard Profiles'!$G$18=$B$10,7,0)+IF('Standard Profiles'!$G$18=$B$17,14,0)+IF('Standard Profiles'!$G$18=$B$24,21,0),0)),0)</f>
        <v>0</v>
      </c>
      <c r="E535" cm="1">
        <f t="array" ref="E535">IFERROR(INDEX(Jesper!AI$2:AI$366,ROUNDDOWN($C535/24,0)+1,1)*INDEX($D$3:$AA$30,INDEX(Jesper!$R$2:$R$366,ROW(INDEX(Jesper!AI$2:AI$366,ROUNDDOWN($C535/24,0)+1,1))-1)+IF('Standard Profiles'!$G$19=$B$10,7,0)+IF('Standard Profiles'!$G$19=$B$17,14,0)+IF('Standard Profiles'!$G$19=$B$24,21,0),MOD($C535,24)+1)/SUM(INDEX($D$3:$AA$30,INDEX(Jesper!$R$2:$R$366,ROW(INDEX(Jesper!AI$2:AI$366,ROUNDDOWN($C535/24,0)+1,1))-1)+IF('Standard Profiles'!$G$19=$B$10,7,0)+IF('Standard Profiles'!$G$19=$B$17,14,0)+IF('Standard Profiles'!$G$19=$B$24,21,0),0)),0)</f>
        <v>5.7885967403350413</v>
      </c>
      <c r="F535" cm="1">
        <f t="array" ref="F535">IFERROR(INDEX(Jesper!AJ$2:AJ$366,ROUNDDOWN($C535/24,0)+1,1)*INDEX($D$3:$AA$30,INDEX(Jesper!$R$2:$R$366,ROW(INDEX(Jesper!AJ$2:AJ$366,ROUNDDOWN($C535/24,0)+1,1))-1)+IF('Standard Profiles'!$G$20=$B$10,7,0)+IF('Standard Profiles'!$G$20=$B$17,14,0)+IF('Standard Profiles'!$G$20=$B$24,21,0),MOD($C535,24)+1)/SUM(INDEX($D$3:$AA$30,INDEX(Jesper!$R$2:$R$366,ROW(INDEX(Jesper!AJ$2:AJ$366,ROUNDDOWN($C535/24,0)+1,1))-1)+IF('Standard Profiles'!$G$20=$B$10,7,0)+IF('Standard Profiles'!$G$20=$B$17,14,0)+IF('Standard Profiles'!$G$20=$B$24,21,0),0)),0)</f>
        <v>5.2019433097720924</v>
      </c>
      <c r="G535" cm="1">
        <f t="array" ref="G535">IFERROR(INDEX(Jesper!AK$2:AK$366,ROUNDDOWN($C535/24,0)+1,1)*INDEX($D$3:$AA$30,INDEX(Jesper!$R$2:$R$366,ROW(INDEX(Jesper!AK$2:AK$366,ROUNDDOWN($C535/24,0)+1,1))-1)+IF('Standard Profiles'!$G$21=$B$10,7,0)+IF('Standard Profiles'!$G$21=$B$17,14,0)+IF('Standard Profiles'!$G$21=$B$24,21,0),MOD($C535,24)+1)/SUM(INDEX($D$3:$AA$30,INDEX(Jesper!$R$2:$R$366,ROW(INDEX(Jesper!AK$2:AK$366,ROUNDDOWN($C535/24,0)+1,1))-1)+IF('Standard Profiles'!$G$21=$B$10,7,0)+IF('Standard Profiles'!$G$21=$B$17,14,0)+IF('Standard Profiles'!$G$21=$B$24,21,0),0)),0)</f>
        <v>9.1159641434937004</v>
      </c>
      <c r="H535" cm="1">
        <f t="array" ref="H535">IFERROR(INDEX(Jesper!AL$2:AL$366,ROUNDDOWN($C535/24,0)+1,1)*INDEX($D$3:$AA$30,INDEX(Jesper!$R$2:$R$366,ROW(INDEX(Jesper!AL$2:AL$366,ROUNDDOWN($C535/24,0)+1,1))-1)+IF('Standard Profiles'!$G$22=$B$10,7,0)+IF('Standard Profiles'!$G$22=$B$17,14,0)+IF('Standard Profiles'!$G$22=$B$24,21,0),MOD($C535,24)+1)/SUM(INDEX($D$3:$AA$30,INDEX(Jesper!$R$2:$R$366,ROW(INDEX(Jesper!AL$2:AL$366,ROUNDDOWN($C535/24,0)+1,1))-1)+IF('Standard Profiles'!$G$22=$B$10,7,0)+IF('Standard Profiles'!$G$22=$B$17,14,0)+IF('Standard Profiles'!$G$22=$B$24,21,0),0)),0)</f>
        <v>3.8965350426112426</v>
      </c>
      <c r="I535">
        <f t="shared" si="69"/>
        <v>3.7406736409067949</v>
      </c>
      <c r="J535">
        <f t="shared" si="70"/>
        <v>19.567733986465079</v>
      </c>
      <c r="K535">
        <f t="shared" si="71"/>
        <v>0.4630877392268033</v>
      </c>
      <c r="L535">
        <f t="shared" si="72"/>
        <v>0.23154386961340165</v>
      </c>
      <c r="M535">
        <f t="shared" si="73"/>
        <v>0</v>
      </c>
      <c r="N535" s="45">
        <f t="shared" si="74"/>
        <v>44947.874999998785</v>
      </c>
    </row>
    <row r="536" spans="2:14" x14ac:dyDescent="0.25">
      <c r="B536">
        <f t="shared" si="68"/>
        <v>6</v>
      </c>
      <c r="C536" s="16">
        <v>502</v>
      </c>
      <c r="D536" cm="1">
        <f t="array" ref="D536">IFERROR(INDEX(Jesper!AH$2:AH$366,ROUNDDOWN($C536/24,0)+1,1)*INDEX($D$3:$AA$30,INDEX(Jesper!$R$2:$R$366,ROW(INDEX(Jesper!AH$2:AH$366,ROUNDDOWN($C536/24,0)+1,1))-1)+IF('Standard Profiles'!$G$18=$B$10,7,0)+IF('Standard Profiles'!$G$18=$B$17,14,0)+IF('Standard Profiles'!$G$18=$B$24,21,0),MOD($C536,24)+1)/SUM(INDEX($D$3:$AA$30,INDEX(Jesper!$R$2:$R$366,ROW(INDEX(Jesper!AH$2:AH$366,ROUNDDOWN($C536/24,0)+1,1))-1)+IF('Standard Profiles'!$G$18=$B$10,7,0)+IF('Standard Profiles'!$G$18=$B$17,14,0)+IF('Standard Profiles'!$G$18=$B$24,21,0),0)),0)</f>
        <v>0</v>
      </c>
      <c r="E536" cm="1">
        <f t="array" ref="E536">IFERROR(INDEX(Jesper!AI$2:AI$366,ROUNDDOWN($C536/24,0)+1,1)*INDEX($D$3:$AA$30,INDEX(Jesper!$R$2:$R$366,ROW(INDEX(Jesper!AI$2:AI$366,ROUNDDOWN($C536/24,0)+1,1))-1)+IF('Standard Profiles'!$G$19=$B$10,7,0)+IF('Standard Profiles'!$G$19=$B$17,14,0)+IF('Standard Profiles'!$G$19=$B$24,21,0),MOD($C536,24)+1)/SUM(INDEX($D$3:$AA$30,INDEX(Jesper!$R$2:$R$366,ROW(INDEX(Jesper!AI$2:AI$366,ROUNDDOWN($C536/24,0)+1,1))-1)+IF('Standard Profiles'!$G$19=$B$10,7,0)+IF('Standard Profiles'!$G$19=$B$17,14,0)+IF('Standard Profiles'!$G$19=$B$24,21,0),0)),0)</f>
        <v>5.7885967403350413</v>
      </c>
      <c r="F536" cm="1">
        <f t="array" ref="F536">IFERROR(INDEX(Jesper!AJ$2:AJ$366,ROUNDDOWN($C536/24,0)+1,1)*INDEX($D$3:$AA$30,INDEX(Jesper!$R$2:$R$366,ROW(INDEX(Jesper!AJ$2:AJ$366,ROUNDDOWN($C536/24,0)+1,1))-1)+IF('Standard Profiles'!$G$20=$B$10,7,0)+IF('Standard Profiles'!$G$20=$B$17,14,0)+IF('Standard Profiles'!$G$20=$B$24,21,0),MOD($C536,24)+1)/SUM(INDEX($D$3:$AA$30,INDEX(Jesper!$R$2:$R$366,ROW(INDEX(Jesper!AJ$2:AJ$366,ROUNDDOWN($C536/24,0)+1,1))-1)+IF('Standard Profiles'!$G$20=$B$10,7,0)+IF('Standard Profiles'!$G$20=$B$17,14,0)+IF('Standard Profiles'!$G$20=$B$24,21,0),0)),0)</f>
        <v>5.2019433097720924</v>
      </c>
      <c r="G536" cm="1">
        <f t="array" ref="G536">IFERROR(INDEX(Jesper!AK$2:AK$366,ROUNDDOWN($C536/24,0)+1,1)*INDEX($D$3:$AA$30,INDEX(Jesper!$R$2:$R$366,ROW(INDEX(Jesper!AK$2:AK$366,ROUNDDOWN($C536/24,0)+1,1))-1)+IF('Standard Profiles'!$G$21=$B$10,7,0)+IF('Standard Profiles'!$G$21=$B$17,14,0)+IF('Standard Profiles'!$G$21=$B$24,21,0),MOD($C536,24)+1)/SUM(INDEX($D$3:$AA$30,INDEX(Jesper!$R$2:$R$366,ROW(INDEX(Jesper!AK$2:AK$366,ROUNDDOWN($C536/24,0)+1,1))-1)+IF('Standard Profiles'!$G$21=$B$10,7,0)+IF('Standard Profiles'!$G$21=$B$17,14,0)+IF('Standard Profiles'!$G$21=$B$24,21,0),0)),0)</f>
        <v>9.1159641434937004</v>
      </c>
      <c r="H536" cm="1">
        <f t="array" ref="H536">IFERROR(INDEX(Jesper!AL$2:AL$366,ROUNDDOWN($C536/24,0)+1,1)*INDEX($D$3:$AA$30,INDEX(Jesper!$R$2:$R$366,ROW(INDEX(Jesper!AL$2:AL$366,ROUNDDOWN($C536/24,0)+1,1))-1)+IF('Standard Profiles'!$G$22=$B$10,7,0)+IF('Standard Profiles'!$G$22=$B$17,14,0)+IF('Standard Profiles'!$G$22=$B$24,21,0),MOD($C536,24)+1)/SUM(INDEX($D$3:$AA$30,INDEX(Jesper!$R$2:$R$366,ROW(INDEX(Jesper!AL$2:AL$366,ROUNDDOWN($C536/24,0)+1,1))-1)+IF('Standard Profiles'!$G$22=$B$10,7,0)+IF('Standard Profiles'!$G$22=$B$17,14,0)+IF('Standard Profiles'!$G$22=$B$24,21,0),0)),0)</f>
        <v>3.8965350426112426</v>
      </c>
      <c r="I536">
        <f t="shared" si="69"/>
        <v>3.7406736409067949</v>
      </c>
      <c r="J536">
        <f t="shared" si="70"/>
        <v>19.567733986465079</v>
      </c>
      <c r="K536">
        <f t="shared" si="71"/>
        <v>0.4630877392268033</v>
      </c>
      <c r="L536">
        <f t="shared" si="72"/>
        <v>0.23154386961340165</v>
      </c>
      <c r="M536">
        <f t="shared" si="73"/>
        <v>0</v>
      </c>
      <c r="N536" s="45">
        <f t="shared" si="74"/>
        <v>44947.916666665449</v>
      </c>
    </row>
    <row r="537" spans="2:14" x14ac:dyDescent="0.25">
      <c r="B537">
        <f t="shared" si="68"/>
        <v>6</v>
      </c>
      <c r="C537" s="16">
        <v>503</v>
      </c>
      <c r="D537" cm="1">
        <f t="array" ref="D537">IFERROR(INDEX(Jesper!AH$2:AH$366,ROUNDDOWN($C537/24,0)+1,1)*INDEX($D$3:$AA$30,INDEX(Jesper!$R$2:$R$366,ROW(INDEX(Jesper!AH$2:AH$366,ROUNDDOWN($C537/24,0)+1,1))-1)+IF('Standard Profiles'!$G$18=$B$10,7,0)+IF('Standard Profiles'!$G$18=$B$17,14,0)+IF('Standard Profiles'!$G$18=$B$24,21,0),MOD($C537,24)+1)/SUM(INDEX($D$3:$AA$30,INDEX(Jesper!$R$2:$R$366,ROW(INDEX(Jesper!AH$2:AH$366,ROUNDDOWN($C537/24,0)+1,1))-1)+IF('Standard Profiles'!$G$18=$B$10,7,0)+IF('Standard Profiles'!$G$18=$B$17,14,0)+IF('Standard Profiles'!$G$18=$B$24,21,0),0)),0)</f>
        <v>0</v>
      </c>
      <c r="E537" cm="1">
        <f t="array" ref="E537">IFERROR(INDEX(Jesper!AI$2:AI$366,ROUNDDOWN($C537/24,0)+1,1)*INDEX($D$3:$AA$30,INDEX(Jesper!$R$2:$R$366,ROW(INDEX(Jesper!AI$2:AI$366,ROUNDDOWN($C537/24,0)+1,1))-1)+IF('Standard Profiles'!$G$19=$B$10,7,0)+IF('Standard Profiles'!$G$19=$B$17,14,0)+IF('Standard Profiles'!$G$19=$B$24,21,0),MOD($C537,24)+1)/SUM(INDEX($D$3:$AA$30,INDEX(Jesper!$R$2:$R$366,ROW(INDEX(Jesper!AI$2:AI$366,ROUNDDOWN($C537/24,0)+1,1))-1)+IF('Standard Profiles'!$G$19=$B$10,7,0)+IF('Standard Profiles'!$G$19=$B$17,14,0)+IF('Standard Profiles'!$G$19=$B$24,21,0),0)),0)</f>
        <v>5.7885967403350413</v>
      </c>
      <c r="F537" cm="1">
        <f t="array" ref="F537">IFERROR(INDEX(Jesper!AJ$2:AJ$366,ROUNDDOWN($C537/24,0)+1,1)*INDEX($D$3:$AA$30,INDEX(Jesper!$R$2:$R$366,ROW(INDEX(Jesper!AJ$2:AJ$366,ROUNDDOWN($C537/24,0)+1,1))-1)+IF('Standard Profiles'!$G$20=$B$10,7,0)+IF('Standard Profiles'!$G$20=$B$17,14,0)+IF('Standard Profiles'!$G$20=$B$24,21,0),MOD($C537,24)+1)/SUM(INDEX($D$3:$AA$30,INDEX(Jesper!$R$2:$R$366,ROW(INDEX(Jesper!AJ$2:AJ$366,ROUNDDOWN($C537/24,0)+1,1))-1)+IF('Standard Profiles'!$G$20=$B$10,7,0)+IF('Standard Profiles'!$G$20=$B$17,14,0)+IF('Standard Profiles'!$G$20=$B$24,21,0),0)),0)</f>
        <v>5.2019433097720924</v>
      </c>
      <c r="G537" cm="1">
        <f t="array" ref="G537">IFERROR(INDEX(Jesper!AK$2:AK$366,ROUNDDOWN($C537/24,0)+1,1)*INDEX($D$3:$AA$30,INDEX(Jesper!$R$2:$R$366,ROW(INDEX(Jesper!AK$2:AK$366,ROUNDDOWN($C537/24,0)+1,1))-1)+IF('Standard Profiles'!$G$21=$B$10,7,0)+IF('Standard Profiles'!$G$21=$B$17,14,0)+IF('Standard Profiles'!$G$21=$B$24,21,0),MOD($C537,24)+1)/SUM(INDEX($D$3:$AA$30,INDEX(Jesper!$R$2:$R$366,ROW(INDEX(Jesper!AK$2:AK$366,ROUNDDOWN($C537/24,0)+1,1))-1)+IF('Standard Profiles'!$G$21=$B$10,7,0)+IF('Standard Profiles'!$G$21=$B$17,14,0)+IF('Standard Profiles'!$G$21=$B$24,21,0),0)),0)</f>
        <v>9.1159641434937004</v>
      </c>
      <c r="H537" cm="1">
        <f t="array" ref="H537">IFERROR(INDEX(Jesper!AL$2:AL$366,ROUNDDOWN($C537/24,0)+1,1)*INDEX($D$3:$AA$30,INDEX(Jesper!$R$2:$R$366,ROW(INDEX(Jesper!AL$2:AL$366,ROUNDDOWN($C537/24,0)+1,1))-1)+IF('Standard Profiles'!$G$22=$B$10,7,0)+IF('Standard Profiles'!$G$22=$B$17,14,0)+IF('Standard Profiles'!$G$22=$B$24,21,0),MOD($C537,24)+1)/SUM(INDEX($D$3:$AA$30,INDEX(Jesper!$R$2:$R$366,ROW(INDEX(Jesper!AL$2:AL$366,ROUNDDOWN($C537/24,0)+1,1))-1)+IF('Standard Profiles'!$G$22=$B$10,7,0)+IF('Standard Profiles'!$G$22=$B$17,14,0)+IF('Standard Profiles'!$G$22=$B$24,21,0),0)),0)</f>
        <v>3.8965350426112426</v>
      </c>
      <c r="I537">
        <f t="shared" si="69"/>
        <v>3.7406736409067949</v>
      </c>
      <c r="J537">
        <f t="shared" si="70"/>
        <v>19.567733986465079</v>
      </c>
      <c r="K537">
        <f t="shared" si="71"/>
        <v>0.4630877392268033</v>
      </c>
      <c r="L537">
        <f t="shared" si="72"/>
        <v>0.23154386961340165</v>
      </c>
      <c r="M537">
        <f t="shared" si="73"/>
        <v>0</v>
      </c>
      <c r="N537" s="45">
        <f t="shared" si="74"/>
        <v>44947.958333332113</v>
      </c>
    </row>
    <row r="538" spans="2:14" x14ac:dyDescent="0.25">
      <c r="B538">
        <f t="shared" si="68"/>
        <v>7</v>
      </c>
      <c r="C538" s="16">
        <v>504</v>
      </c>
      <c r="D538" cm="1">
        <f t="array" ref="D538">IFERROR(INDEX(Jesper!AH$2:AH$366,ROUNDDOWN($C538/24,0)+1,1)*INDEX($D$3:$AA$30,INDEX(Jesper!$R$2:$R$366,ROW(INDEX(Jesper!AH$2:AH$366,ROUNDDOWN($C538/24,0)+1,1))-1)+IF('Standard Profiles'!$G$18=$B$10,7,0)+IF('Standard Profiles'!$G$18=$B$17,14,0)+IF('Standard Profiles'!$G$18=$B$24,21,0),MOD($C538,24)+1)/SUM(INDEX($D$3:$AA$30,INDEX(Jesper!$R$2:$R$366,ROW(INDEX(Jesper!AH$2:AH$366,ROUNDDOWN($C538/24,0)+1,1))-1)+IF('Standard Profiles'!$G$18=$B$10,7,0)+IF('Standard Profiles'!$G$18=$B$17,14,0)+IF('Standard Profiles'!$G$18=$B$24,21,0),0)),0)</f>
        <v>0</v>
      </c>
      <c r="E538" cm="1">
        <f t="array" ref="E538">IFERROR(INDEX(Jesper!AI$2:AI$366,ROUNDDOWN($C538/24,0)+1,1)*INDEX($D$3:$AA$30,INDEX(Jesper!$R$2:$R$366,ROW(INDEX(Jesper!AI$2:AI$366,ROUNDDOWN($C538/24,0)+1,1))-1)+IF('Standard Profiles'!$G$19=$B$10,7,0)+IF('Standard Profiles'!$G$19=$B$17,14,0)+IF('Standard Profiles'!$G$19=$B$24,21,0),MOD($C538,24)+1)/SUM(INDEX($D$3:$AA$30,INDEX(Jesper!$R$2:$R$366,ROW(INDEX(Jesper!AI$2:AI$366,ROUNDDOWN($C538/24,0)+1,1))-1)+IF('Standard Profiles'!$G$19=$B$10,7,0)+IF('Standard Profiles'!$G$19=$B$17,14,0)+IF('Standard Profiles'!$G$19=$B$24,21,0),0)),0)</f>
        <v>5.8153957993180736</v>
      </c>
      <c r="F538" cm="1">
        <f t="array" ref="F538">IFERROR(INDEX(Jesper!AJ$2:AJ$366,ROUNDDOWN($C538/24,0)+1,1)*INDEX($D$3:$AA$30,INDEX(Jesper!$R$2:$R$366,ROW(INDEX(Jesper!AJ$2:AJ$366,ROUNDDOWN($C538/24,0)+1,1))-1)+IF('Standard Profiles'!$G$20=$B$10,7,0)+IF('Standard Profiles'!$G$20=$B$17,14,0)+IF('Standard Profiles'!$G$20=$B$24,21,0),MOD($C538,24)+1)/SUM(INDEX($D$3:$AA$30,INDEX(Jesper!$R$2:$R$366,ROW(INDEX(Jesper!AJ$2:AJ$366,ROUNDDOWN($C538/24,0)+1,1))-1)+IF('Standard Profiles'!$G$20=$B$10,7,0)+IF('Standard Profiles'!$G$20=$B$17,14,0)+IF('Standard Profiles'!$G$20=$B$24,21,0),0)),0)</f>
        <v>5.2260263806506666</v>
      </c>
      <c r="G538" cm="1">
        <f t="array" ref="G538">IFERROR(INDEX(Jesper!AK$2:AK$366,ROUNDDOWN($C538/24,0)+1,1)*INDEX($D$3:$AA$30,INDEX(Jesper!$R$2:$R$366,ROW(INDEX(Jesper!AK$2:AK$366,ROUNDDOWN($C538/24,0)+1,1))-1)+IF('Standard Profiles'!$G$21=$B$10,7,0)+IF('Standard Profiles'!$G$21=$B$17,14,0)+IF('Standard Profiles'!$G$21=$B$24,21,0),MOD($C538,24)+1)/SUM(INDEX($D$3:$AA$30,INDEX(Jesper!$R$2:$R$366,ROW(INDEX(Jesper!AK$2:AK$366,ROUNDDOWN($C538/24,0)+1,1))-1)+IF('Standard Profiles'!$G$21=$B$10,7,0)+IF('Standard Profiles'!$G$21=$B$17,14,0)+IF('Standard Profiles'!$G$21=$B$24,21,0),0)),0)</f>
        <v>9.1159641434937004</v>
      </c>
      <c r="H538" cm="1">
        <f t="array" ref="H538">IFERROR(INDEX(Jesper!AL$2:AL$366,ROUNDDOWN($C538/24,0)+1,1)*INDEX($D$3:$AA$30,INDEX(Jesper!$R$2:$R$366,ROW(INDEX(Jesper!AL$2:AL$366,ROUNDDOWN($C538/24,0)+1,1))-1)+IF('Standard Profiles'!$G$22=$B$10,7,0)+IF('Standard Profiles'!$G$22=$B$17,14,0)+IF('Standard Profiles'!$G$22=$B$24,21,0),MOD($C538,24)+1)/SUM(INDEX($D$3:$AA$30,INDEX(Jesper!$R$2:$R$366,ROW(INDEX(Jesper!AL$2:AL$366,ROUNDDOWN($C538/24,0)+1,1))-1)+IF('Standard Profiles'!$G$22=$B$10,7,0)+IF('Standard Profiles'!$G$22=$B$17,14,0)+IF('Standard Profiles'!$G$22=$B$24,21,0),0)),0)</f>
        <v>4.4285087984287363</v>
      </c>
      <c r="I538">
        <f t="shared" si="69"/>
        <v>4.2513684464915888</v>
      </c>
      <c r="J538">
        <f t="shared" si="70"/>
        <v>19.636679179481419</v>
      </c>
      <c r="K538">
        <f t="shared" si="71"/>
        <v>0.46523166394544591</v>
      </c>
      <c r="L538">
        <f t="shared" si="72"/>
        <v>0.23261583197272295</v>
      </c>
      <c r="M538">
        <f t="shared" si="73"/>
        <v>0</v>
      </c>
      <c r="N538" s="45">
        <f t="shared" si="74"/>
        <v>44947.999999998778</v>
      </c>
    </row>
    <row r="539" spans="2:14" x14ac:dyDescent="0.25">
      <c r="B539">
        <f t="shared" si="68"/>
        <v>7</v>
      </c>
      <c r="C539" s="16">
        <v>505</v>
      </c>
      <c r="D539" cm="1">
        <f t="array" ref="D539">IFERROR(INDEX(Jesper!AH$2:AH$366,ROUNDDOWN($C539/24,0)+1,1)*INDEX($D$3:$AA$30,INDEX(Jesper!$R$2:$R$366,ROW(INDEX(Jesper!AH$2:AH$366,ROUNDDOWN($C539/24,0)+1,1))-1)+IF('Standard Profiles'!$G$18=$B$10,7,0)+IF('Standard Profiles'!$G$18=$B$17,14,0)+IF('Standard Profiles'!$G$18=$B$24,21,0),MOD($C539,24)+1)/SUM(INDEX($D$3:$AA$30,INDEX(Jesper!$R$2:$R$366,ROW(INDEX(Jesper!AH$2:AH$366,ROUNDDOWN($C539/24,0)+1,1))-1)+IF('Standard Profiles'!$G$18=$B$10,7,0)+IF('Standard Profiles'!$G$18=$B$17,14,0)+IF('Standard Profiles'!$G$18=$B$24,21,0),0)),0)</f>
        <v>0</v>
      </c>
      <c r="E539" cm="1">
        <f t="array" ref="E539">IFERROR(INDEX(Jesper!AI$2:AI$366,ROUNDDOWN($C539/24,0)+1,1)*INDEX($D$3:$AA$30,INDEX(Jesper!$R$2:$R$366,ROW(INDEX(Jesper!AI$2:AI$366,ROUNDDOWN($C539/24,0)+1,1))-1)+IF('Standard Profiles'!$G$19=$B$10,7,0)+IF('Standard Profiles'!$G$19=$B$17,14,0)+IF('Standard Profiles'!$G$19=$B$24,21,0),MOD($C539,24)+1)/SUM(INDEX($D$3:$AA$30,INDEX(Jesper!$R$2:$R$366,ROW(INDEX(Jesper!AI$2:AI$366,ROUNDDOWN($C539/24,0)+1,1))-1)+IF('Standard Profiles'!$G$19=$B$10,7,0)+IF('Standard Profiles'!$G$19=$B$17,14,0)+IF('Standard Profiles'!$G$19=$B$24,21,0),0)),0)</f>
        <v>5.8153957993180736</v>
      </c>
      <c r="F539" cm="1">
        <f t="array" ref="F539">IFERROR(INDEX(Jesper!AJ$2:AJ$366,ROUNDDOWN($C539/24,0)+1,1)*INDEX($D$3:$AA$30,INDEX(Jesper!$R$2:$R$366,ROW(INDEX(Jesper!AJ$2:AJ$366,ROUNDDOWN($C539/24,0)+1,1))-1)+IF('Standard Profiles'!$G$20=$B$10,7,0)+IF('Standard Profiles'!$G$20=$B$17,14,0)+IF('Standard Profiles'!$G$20=$B$24,21,0),MOD($C539,24)+1)/SUM(INDEX($D$3:$AA$30,INDEX(Jesper!$R$2:$R$366,ROW(INDEX(Jesper!AJ$2:AJ$366,ROUNDDOWN($C539/24,0)+1,1))-1)+IF('Standard Profiles'!$G$20=$B$10,7,0)+IF('Standard Profiles'!$G$20=$B$17,14,0)+IF('Standard Profiles'!$G$20=$B$24,21,0),0)),0)</f>
        <v>5.2260263806506666</v>
      </c>
      <c r="G539" cm="1">
        <f t="array" ref="G539">IFERROR(INDEX(Jesper!AK$2:AK$366,ROUNDDOWN($C539/24,0)+1,1)*INDEX($D$3:$AA$30,INDEX(Jesper!$R$2:$R$366,ROW(INDEX(Jesper!AK$2:AK$366,ROUNDDOWN($C539/24,0)+1,1))-1)+IF('Standard Profiles'!$G$21=$B$10,7,0)+IF('Standard Profiles'!$G$21=$B$17,14,0)+IF('Standard Profiles'!$G$21=$B$24,21,0),MOD($C539,24)+1)/SUM(INDEX($D$3:$AA$30,INDEX(Jesper!$R$2:$R$366,ROW(INDEX(Jesper!AK$2:AK$366,ROUNDDOWN($C539/24,0)+1,1))-1)+IF('Standard Profiles'!$G$21=$B$10,7,0)+IF('Standard Profiles'!$G$21=$B$17,14,0)+IF('Standard Profiles'!$G$21=$B$24,21,0),0)),0)</f>
        <v>9.1159641434937004</v>
      </c>
      <c r="H539" cm="1">
        <f t="array" ref="H539">IFERROR(INDEX(Jesper!AL$2:AL$366,ROUNDDOWN($C539/24,0)+1,1)*INDEX($D$3:$AA$30,INDEX(Jesper!$R$2:$R$366,ROW(INDEX(Jesper!AL$2:AL$366,ROUNDDOWN($C539/24,0)+1,1))-1)+IF('Standard Profiles'!$G$22=$B$10,7,0)+IF('Standard Profiles'!$G$22=$B$17,14,0)+IF('Standard Profiles'!$G$22=$B$24,21,0),MOD($C539,24)+1)/SUM(INDEX($D$3:$AA$30,INDEX(Jesper!$R$2:$R$366,ROW(INDEX(Jesper!AL$2:AL$366,ROUNDDOWN($C539/24,0)+1,1))-1)+IF('Standard Profiles'!$G$22=$B$10,7,0)+IF('Standard Profiles'!$G$22=$B$17,14,0)+IF('Standard Profiles'!$G$22=$B$24,21,0),0)),0)</f>
        <v>5.1427844110785328</v>
      </c>
      <c r="I539">
        <f t="shared" si="69"/>
        <v>4.9370730346353939</v>
      </c>
      <c r="J539">
        <f t="shared" si="70"/>
        <v>19.665250203987409</v>
      </c>
      <c r="K539">
        <f t="shared" si="71"/>
        <v>0.46523166394544591</v>
      </c>
      <c r="L539">
        <f t="shared" si="72"/>
        <v>0.23261583197272295</v>
      </c>
      <c r="M539">
        <f t="shared" si="73"/>
        <v>0</v>
      </c>
      <c r="N539" s="45">
        <f t="shared" si="74"/>
        <v>44948.041666665442</v>
      </c>
    </row>
    <row r="540" spans="2:14" x14ac:dyDescent="0.25">
      <c r="B540">
        <f t="shared" si="68"/>
        <v>7</v>
      </c>
      <c r="C540" s="16">
        <v>506</v>
      </c>
      <c r="D540" cm="1">
        <f t="array" ref="D540">IFERROR(INDEX(Jesper!AH$2:AH$366,ROUNDDOWN($C540/24,0)+1,1)*INDEX($D$3:$AA$30,INDEX(Jesper!$R$2:$R$366,ROW(INDEX(Jesper!AH$2:AH$366,ROUNDDOWN($C540/24,0)+1,1))-1)+IF('Standard Profiles'!$G$18=$B$10,7,0)+IF('Standard Profiles'!$G$18=$B$17,14,0)+IF('Standard Profiles'!$G$18=$B$24,21,0),MOD($C540,24)+1)/SUM(INDEX($D$3:$AA$30,INDEX(Jesper!$R$2:$R$366,ROW(INDEX(Jesper!AH$2:AH$366,ROUNDDOWN($C540/24,0)+1,1))-1)+IF('Standard Profiles'!$G$18=$B$10,7,0)+IF('Standard Profiles'!$G$18=$B$17,14,0)+IF('Standard Profiles'!$G$18=$B$24,21,0),0)),0)</f>
        <v>0</v>
      </c>
      <c r="E540" cm="1">
        <f t="array" ref="E540">IFERROR(INDEX(Jesper!AI$2:AI$366,ROUNDDOWN($C540/24,0)+1,1)*INDEX($D$3:$AA$30,INDEX(Jesper!$R$2:$R$366,ROW(INDEX(Jesper!AI$2:AI$366,ROUNDDOWN($C540/24,0)+1,1))-1)+IF('Standard Profiles'!$G$19=$B$10,7,0)+IF('Standard Profiles'!$G$19=$B$17,14,0)+IF('Standard Profiles'!$G$19=$B$24,21,0),MOD($C540,24)+1)/SUM(INDEX($D$3:$AA$30,INDEX(Jesper!$R$2:$R$366,ROW(INDEX(Jesper!AI$2:AI$366,ROUNDDOWN($C540/24,0)+1,1))-1)+IF('Standard Profiles'!$G$19=$B$10,7,0)+IF('Standard Profiles'!$G$19=$B$17,14,0)+IF('Standard Profiles'!$G$19=$B$24,21,0),0)),0)</f>
        <v>5.8153957993180736</v>
      </c>
      <c r="F540" cm="1">
        <f t="array" ref="F540">IFERROR(INDEX(Jesper!AJ$2:AJ$366,ROUNDDOWN($C540/24,0)+1,1)*INDEX($D$3:$AA$30,INDEX(Jesper!$R$2:$R$366,ROW(INDEX(Jesper!AJ$2:AJ$366,ROUNDDOWN($C540/24,0)+1,1))-1)+IF('Standard Profiles'!$G$20=$B$10,7,0)+IF('Standard Profiles'!$G$20=$B$17,14,0)+IF('Standard Profiles'!$G$20=$B$24,21,0),MOD($C540,24)+1)/SUM(INDEX($D$3:$AA$30,INDEX(Jesper!$R$2:$R$366,ROW(INDEX(Jesper!AJ$2:AJ$366,ROUNDDOWN($C540/24,0)+1,1))-1)+IF('Standard Profiles'!$G$20=$B$10,7,0)+IF('Standard Profiles'!$G$20=$B$17,14,0)+IF('Standard Profiles'!$G$20=$B$24,21,0),0)),0)</f>
        <v>5.2260263806506666</v>
      </c>
      <c r="G540" cm="1">
        <f t="array" ref="G540">IFERROR(INDEX(Jesper!AK$2:AK$366,ROUNDDOWN($C540/24,0)+1,1)*INDEX($D$3:$AA$30,INDEX(Jesper!$R$2:$R$366,ROW(INDEX(Jesper!AK$2:AK$366,ROUNDDOWN($C540/24,0)+1,1))-1)+IF('Standard Profiles'!$G$21=$B$10,7,0)+IF('Standard Profiles'!$G$21=$B$17,14,0)+IF('Standard Profiles'!$G$21=$B$24,21,0),MOD($C540,24)+1)/SUM(INDEX($D$3:$AA$30,INDEX(Jesper!$R$2:$R$366,ROW(INDEX(Jesper!AK$2:AK$366,ROUNDDOWN($C540/24,0)+1,1))-1)+IF('Standard Profiles'!$G$21=$B$10,7,0)+IF('Standard Profiles'!$G$21=$B$17,14,0)+IF('Standard Profiles'!$G$21=$B$24,21,0),0)),0)</f>
        <v>9.1159641434937004</v>
      </c>
      <c r="H540" cm="1">
        <f t="array" ref="H540">IFERROR(INDEX(Jesper!AL$2:AL$366,ROUNDDOWN($C540/24,0)+1,1)*INDEX($D$3:$AA$30,INDEX(Jesper!$R$2:$R$366,ROW(INDEX(Jesper!AL$2:AL$366,ROUNDDOWN($C540/24,0)+1,1))-1)+IF('Standard Profiles'!$G$22=$B$10,7,0)+IF('Standard Profiles'!$G$22=$B$17,14,0)+IF('Standard Profiles'!$G$22=$B$24,21,0),MOD($C540,24)+1)/SUM(INDEX($D$3:$AA$30,INDEX(Jesper!$R$2:$R$366,ROW(INDEX(Jesper!AL$2:AL$366,ROUNDDOWN($C540/24,0)+1,1))-1)+IF('Standard Profiles'!$G$22=$B$10,7,0)+IF('Standard Profiles'!$G$22=$B$17,14,0)+IF('Standard Profiles'!$G$22=$B$24,21,0),0)),0)</f>
        <v>5.1427844110785328</v>
      </c>
      <c r="I540">
        <f t="shared" si="69"/>
        <v>4.9370730346353939</v>
      </c>
      <c r="J540">
        <f t="shared" si="70"/>
        <v>19.665250203987409</v>
      </c>
      <c r="K540">
        <f t="shared" si="71"/>
        <v>0.46523166394544591</v>
      </c>
      <c r="L540">
        <f t="shared" si="72"/>
        <v>0.23261583197272295</v>
      </c>
      <c r="M540">
        <f t="shared" si="73"/>
        <v>0</v>
      </c>
      <c r="N540" s="45">
        <f t="shared" si="74"/>
        <v>44948.083333332106</v>
      </c>
    </row>
    <row r="541" spans="2:14" x14ac:dyDescent="0.25">
      <c r="B541">
        <f t="shared" si="68"/>
        <v>7</v>
      </c>
      <c r="C541" s="16">
        <v>507</v>
      </c>
      <c r="D541" cm="1">
        <f t="array" ref="D541">IFERROR(INDEX(Jesper!AH$2:AH$366,ROUNDDOWN($C541/24,0)+1,1)*INDEX($D$3:$AA$30,INDEX(Jesper!$R$2:$R$366,ROW(INDEX(Jesper!AH$2:AH$366,ROUNDDOWN($C541/24,0)+1,1))-1)+IF('Standard Profiles'!$G$18=$B$10,7,0)+IF('Standard Profiles'!$G$18=$B$17,14,0)+IF('Standard Profiles'!$G$18=$B$24,21,0),MOD($C541,24)+1)/SUM(INDEX($D$3:$AA$30,INDEX(Jesper!$R$2:$R$366,ROW(INDEX(Jesper!AH$2:AH$366,ROUNDDOWN($C541/24,0)+1,1))-1)+IF('Standard Profiles'!$G$18=$B$10,7,0)+IF('Standard Profiles'!$G$18=$B$17,14,0)+IF('Standard Profiles'!$G$18=$B$24,21,0),0)),0)</f>
        <v>0</v>
      </c>
      <c r="E541" cm="1">
        <f t="array" ref="E541">IFERROR(INDEX(Jesper!AI$2:AI$366,ROUNDDOWN($C541/24,0)+1,1)*INDEX($D$3:$AA$30,INDEX(Jesper!$R$2:$R$366,ROW(INDEX(Jesper!AI$2:AI$366,ROUNDDOWN($C541/24,0)+1,1))-1)+IF('Standard Profiles'!$G$19=$B$10,7,0)+IF('Standard Profiles'!$G$19=$B$17,14,0)+IF('Standard Profiles'!$G$19=$B$24,21,0),MOD($C541,24)+1)/SUM(INDEX($D$3:$AA$30,INDEX(Jesper!$R$2:$R$366,ROW(INDEX(Jesper!AI$2:AI$366,ROUNDDOWN($C541/24,0)+1,1))-1)+IF('Standard Profiles'!$G$19=$B$10,7,0)+IF('Standard Profiles'!$G$19=$B$17,14,0)+IF('Standard Profiles'!$G$19=$B$24,21,0),0)),0)</f>
        <v>5.8153957993180736</v>
      </c>
      <c r="F541" cm="1">
        <f t="array" ref="F541">IFERROR(INDEX(Jesper!AJ$2:AJ$366,ROUNDDOWN($C541/24,0)+1,1)*INDEX($D$3:$AA$30,INDEX(Jesper!$R$2:$R$366,ROW(INDEX(Jesper!AJ$2:AJ$366,ROUNDDOWN($C541/24,0)+1,1))-1)+IF('Standard Profiles'!$G$20=$B$10,7,0)+IF('Standard Profiles'!$G$20=$B$17,14,0)+IF('Standard Profiles'!$G$20=$B$24,21,0),MOD($C541,24)+1)/SUM(INDEX($D$3:$AA$30,INDEX(Jesper!$R$2:$R$366,ROW(INDEX(Jesper!AJ$2:AJ$366,ROUNDDOWN($C541/24,0)+1,1))-1)+IF('Standard Profiles'!$G$20=$B$10,7,0)+IF('Standard Profiles'!$G$20=$B$17,14,0)+IF('Standard Profiles'!$G$20=$B$24,21,0),0)),0)</f>
        <v>5.2260263806506666</v>
      </c>
      <c r="G541" cm="1">
        <f t="array" ref="G541">IFERROR(INDEX(Jesper!AK$2:AK$366,ROUNDDOWN($C541/24,0)+1,1)*INDEX($D$3:$AA$30,INDEX(Jesper!$R$2:$R$366,ROW(INDEX(Jesper!AK$2:AK$366,ROUNDDOWN($C541/24,0)+1,1))-1)+IF('Standard Profiles'!$G$21=$B$10,7,0)+IF('Standard Profiles'!$G$21=$B$17,14,0)+IF('Standard Profiles'!$G$21=$B$24,21,0),MOD($C541,24)+1)/SUM(INDEX($D$3:$AA$30,INDEX(Jesper!$R$2:$R$366,ROW(INDEX(Jesper!AK$2:AK$366,ROUNDDOWN($C541/24,0)+1,1))-1)+IF('Standard Profiles'!$G$21=$B$10,7,0)+IF('Standard Profiles'!$G$21=$B$17,14,0)+IF('Standard Profiles'!$G$21=$B$24,21,0),0)),0)</f>
        <v>9.1159641434937004</v>
      </c>
      <c r="H541" cm="1">
        <f t="array" ref="H541">IFERROR(INDEX(Jesper!AL$2:AL$366,ROUNDDOWN($C541/24,0)+1,1)*INDEX($D$3:$AA$30,INDEX(Jesper!$R$2:$R$366,ROW(INDEX(Jesper!AL$2:AL$366,ROUNDDOWN($C541/24,0)+1,1))-1)+IF('Standard Profiles'!$G$22=$B$10,7,0)+IF('Standard Profiles'!$G$22=$B$17,14,0)+IF('Standard Profiles'!$G$22=$B$24,21,0),MOD($C541,24)+1)/SUM(INDEX($D$3:$AA$30,INDEX(Jesper!$R$2:$R$366,ROW(INDEX(Jesper!AL$2:AL$366,ROUNDDOWN($C541/24,0)+1,1))-1)+IF('Standard Profiles'!$G$22=$B$10,7,0)+IF('Standard Profiles'!$G$22=$B$17,14,0)+IF('Standard Profiles'!$G$22=$B$24,21,0),0)),0)</f>
        <v>5.1427844110785328</v>
      </c>
      <c r="I541">
        <f t="shared" si="69"/>
        <v>4.9370730346353939</v>
      </c>
      <c r="J541">
        <f t="shared" si="70"/>
        <v>19.665250203987409</v>
      </c>
      <c r="K541">
        <f t="shared" si="71"/>
        <v>0.46523166394544591</v>
      </c>
      <c r="L541">
        <f t="shared" si="72"/>
        <v>0.23261583197272295</v>
      </c>
      <c r="M541">
        <f t="shared" si="73"/>
        <v>0</v>
      </c>
      <c r="N541" s="45">
        <f t="shared" si="74"/>
        <v>44948.12499999877</v>
      </c>
    </row>
    <row r="542" spans="2:14" x14ac:dyDescent="0.25">
      <c r="B542">
        <f t="shared" si="68"/>
        <v>7</v>
      </c>
      <c r="C542" s="16">
        <v>508</v>
      </c>
      <c r="D542" cm="1">
        <f t="array" ref="D542">IFERROR(INDEX(Jesper!AH$2:AH$366,ROUNDDOWN($C542/24,0)+1,1)*INDEX($D$3:$AA$30,INDEX(Jesper!$R$2:$R$366,ROW(INDEX(Jesper!AH$2:AH$366,ROUNDDOWN($C542/24,0)+1,1))-1)+IF('Standard Profiles'!$G$18=$B$10,7,0)+IF('Standard Profiles'!$G$18=$B$17,14,0)+IF('Standard Profiles'!$G$18=$B$24,21,0),MOD($C542,24)+1)/SUM(INDEX($D$3:$AA$30,INDEX(Jesper!$R$2:$R$366,ROW(INDEX(Jesper!AH$2:AH$366,ROUNDDOWN($C542/24,0)+1,1))-1)+IF('Standard Profiles'!$G$18=$B$10,7,0)+IF('Standard Profiles'!$G$18=$B$17,14,0)+IF('Standard Profiles'!$G$18=$B$24,21,0),0)),0)</f>
        <v>0</v>
      </c>
      <c r="E542" cm="1">
        <f t="array" ref="E542">IFERROR(INDEX(Jesper!AI$2:AI$366,ROUNDDOWN($C542/24,0)+1,1)*INDEX($D$3:$AA$30,INDEX(Jesper!$R$2:$R$366,ROW(INDEX(Jesper!AI$2:AI$366,ROUNDDOWN($C542/24,0)+1,1))-1)+IF('Standard Profiles'!$G$19=$B$10,7,0)+IF('Standard Profiles'!$G$19=$B$17,14,0)+IF('Standard Profiles'!$G$19=$B$24,21,0),MOD($C542,24)+1)/SUM(INDEX($D$3:$AA$30,INDEX(Jesper!$R$2:$R$366,ROW(INDEX(Jesper!AI$2:AI$366,ROUNDDOWN($C542/24,0)+1,1))-1)+IF('Standard Profiles'!$G$19=$B$10,7,0)+IF('Standard Profiles'!$G$19=$B$17,14,0)+IF('Standard Profiles'!$G$19=$B$24,21,0),0)),0)</f>
        <v>5.8153957993180736</v>
      </c>
      <c r="F542" cm="1">
        <f t="array" ref="F542">IFERROR(INDEX(Jesper!AJ$2:AJ$366,ROUNDDOWN($C542/24,0)+1,1)*INDEX($D$3:$AA$30,INDEX(Jesper!$R$2:$R$366,ROW(INDEX(Jesper!AJ$2:AJ$366,ROUNDDOWN($C542/24,0)+1,1))-1)+IF('Standard Profiles'!$G$20=$B$10,7,0)+IF('Standard Profiles'!$G$20=$B$17,14,0)+IF('Standard Profiles'!$G$20=$B$24,21,0),MOD($C542,24)+1)/SUM(INDEX($D$3:$AA$30,INDEX(Jesper!$R$2:$R$366,ROW(INDEX(Jesper!AJ$2:AJ$366,ROUNDDOWN($C542/24,0)+1,1))-1)+IF('Standard Profiles'!$G$20=$B$10,7,0)+IF('Standard Profiles'!$G$20=$B$17,14,0)+IF('Standard Profiles'!$G$20=$B$24,21,0),0)),0)</f>
        <v>5.2260263806506666</v>
      </c>
      <c r="G542" cm="1">
        <f t="array" ref="G542">IFERROR(INDEX(Jesper!AK$2:AK$366,ROUNDDOWN($C542/24,0)+1,1)*INDEX($D$3:$AA$30,INDEX(Jesper!$R$2:$R$366,ROW(INDEX(Jesper!AK$2:AK$366,ROUNDDOWN($C542/24,0)+1,1))-1)+IF('Standard Profiles'!$G$21=$B$10,7,0)+IF('Standard Profiles'!$G$21=$B$17,14,0)+IF('Standard Profiles'!$G$21=$B$24,21,0),MOD($C542,24)+1)/SUM(INDEX($D$3:$AA$30,INDEX(Jesper!$R$2:$R$366,ROW(INDEX(Jesper!AK$2:AK$366,ROUNDDOWN($C542/24,0)+1,1))-1)+IF('Standard Profiles'!$G$21=$B$10,7,0)+IF('Standard Profiles'!$G$21=$B$17,14,0)+IF('Standard Profiles'!$G$21=$B$24,21,0),0)),0)</f>
        <v>9.1159641434937004</v>
      </c>
      <c r="H542" cm="1">
        <f t="array" ref="H542">IFERROR(INDEX(Jesper!AL$2:AL$366,ROUNDDOWN($C542/24,0)+1,1)*INDEX($D$3:$AA$30,INDEX(Jesper!$R$2:$R$366,ROW(INDEX(Jesper!AL$2:AL$366,ROUNDDOWN($C542/24,0)+1,1))-1)+IF('Standard Profiles'!$G$22=$B$10,7,0)+IF('Standard Profiles'!$G$22=$B$17,14,0)+IF('Standard Profiles'!$G$22=$B$24,21,0),MOD($C542,24)+1)/SUM(INDEX($D$3:$AA$30,INDEX(Jesper!$R$2:$R$366,ROW(INDEX(Jesper!AL$2:AL$366,ROUNDDOWN($C542/24,0)+1,1))-1)+IF('Standard Profiles'!$G$22=$B$10,7,0)+IF('Standard Profiles'!$G$22=$B$17,14,0)+IF('Standard Profiles'!$G$22=$B$24,21,0),0)),0)</f>
        <v>5.1427844110785328</v>
      </c>
      <c r="I542">
        <f t="shared" si="69"/>
        <v>4.9370730346353939</v>
      </c>
      <c r="J542">
        <f t="shared" si="70"/>
        <v>19.665250203987409</v>
      </c>
      <c r="K542">
        <f t="shared" si="71"/>
        <v>0.46523166394544591</v>
      </c>
      <c r="L542">
        <f t="shared" si="72"/>
        <v>0.23261583197272295</v>
      </c>
      <c r="M542">
        <f t="shared" si="73"/>
        <v>0</v>
      </c>
      <c r="N542" s="45">
        <f t="shared" si="74"/>
        <v>44948.166666665435</v>
      </c>
    </row>
    <row r="543" spans="2:14" x14ac:dyDescent="0.25">
      <c r="B543">
        <f t="shared" si="68"/>
        <v>7</v>
      </c>
      <c r="C543" s="16">
        <v>509</v>
      </c>
      <c r="D543" cm="1">
        <f t="array" ref="D543">IFERROR(INDEX(Jesper!AH$2:AH$366,ROUNDDOWN($C543/24,0)+1,1)*INDEX($D$3:$AA$30,INDEX(Jesper!$R$2:$R$366,ROW(INDEX(Jesper!AH$2:AH$366,ROUNDDOWN($C543/24,0)+1,1))-1)+IF('Standard Profiles'!$G$18=$B$10,7,0)+IF('Standard Profiles'!$G$18=$B$17,14,0)+IF('Standard Profiles'!$G$18=$B$24,21,0),MOD($C543,24)+1)/SUM(INDEX($D$3:$AA$30,INDEX(Jesper!$R$2:$R$366,ROW(INDEX(Jesper!AH$2:AH$366,ROUNDDOWN($C543/24,0)+1,1))-1)+IF('Standard Profiles'!$G$18=$B$10,7,0)+IF('Standard Profiles'!$G$18=$B$17,14,0)+IF('Standard Profiles'!$G$18=$B$24,21,0),0)),0)</f>
        <v>0</v>
      </c>
      <c r="E543" cm="1">
        <f t="array" ref="E543">IFERROR(INDEX(Jesper!AI$2:AI$366,ROUNDDOWN($C543/24,0)+1,1)*INDEX($D$3:$AA$30,INDEX(Jesper!$R$2:$R$366,ROW(INDEX(Jesper!AI$2:AI$366,ROUNDDOWN($C543/24,0)+1,1))-1)+IF('Standard Profiles'!$G$19=$B$10,7,0)+IF('Standard Profiles'!$G$19=$B$17,14,0)+IF('Standard Profiles'!$G$19=$B$24,21,0),MOD($C543,24)+1)/SUM(INDEX($D$3:$AA$30,INDEX(Jesper!$R$2:$R$366,ROW(INDEX(Jesper!AI$2:AI$366,ROUNDDOWN($C543/24,0)+1,1))-1)+IF('Standard Profiles'!$G$19=$B$10,7,0)+IF('Standard Profiles'!$G$19=$B$17,14,0)+IF('Standard Profiles'!$G$19=$B$24,21,0),0)),0)</f>
        <v>5.8153957993180736</v>
      </c>
      <c r="F543" cm="1">
        <f t="array" ref="F543">IFERROR(INDEX(Jesper!AJ$2:AJ$366,ROUNDDOWN($C543/24,0)+1,1)*INDEX($D$3:$AA$30,INDEX(Jesper!$R$2:$R$366,ROW(INDEX(Jesper!AJ$2:AJ$366,ROUNDDOWN($C543/24,0)+1,1))-1)+IF('Standard Profiles'!$G$20=$B$10,7,0)+IF('Standard Profiles'!$G$20=$B$17,14,0)+IF('Standard Profiles'!$G$20=$B$24,21,0),MOD($C543,24)+1)/SUM(INDEX($D$3:$AA$30,INDEX(Jesper!$R$2:$R$366,ROW(INDEX(Jesper!AJ$2:AJ$366,ROUNDDOWN($C543/24,0)+1,1))-1)+IF('Standard Profiles'!$G$20=$B$10,7,0)+IF('Standard Profiles'!$G$20=$B$17,14,0)+IF('Standard Profiles'!$G$20=$B$24,21,0),0)),0)</f>
        <v>5.2260263806506666</v>
      </c>
      <c r="G543" cm="1">
        <f t="array" ref="G543">IFERROR(INDEX(Jesper!AK$2:AK$366,ROUNDDOWN($C543/24,0)+1,1)*INDEX($D$3:$AA$30,INDEX(Jesper!$R$2:$R$366,ROW(INDEX(Jesper!AK$2:AK$366,ROUNDDOWN($C543/24,0)+1,1))-1)+IF('Standard Profiles'!$G$21=$B$10,7,0)+IF('Standard Profiles'!$G$21=$B$17,14,0)+IF('Standard Profiles'!$G$21=$B$24,21,0),MOD($C543,24)+1)/SUM(INDEX($D$3:$AA$30,INDEX(Jesper!$R$2:$R$366,ROW(INDEX(Jesper!AK$2:AK$366,ROUNDDOWN($C543/24,0)+1,1))-1)+IF('Standard Profiles'!$G$21=$B$10,7,0)+IF('Standard Profiles'!$G$21=$B$17,14,0)+IF('Standard Profiles'!$G$21=$B$24,21,0),0)),0)</f>
        <v>9.1159641434937004</v>
      </c>
      <c r="H543" cm="1">
        <f t="array" ref="H543">IFERROR(INDEX(Jesper!AL$2:AL$366,ROUNDDOWN($C543/24,0)+1,1)*INDEX($D$3:$AA$30,INDEX(Jesper!$R$2:$R$366,ROW(INDEX(Jesper!AL$2:AL$366,ROUNDDOWN($C543/24,0)+1,1))-1)+IF('Standard Profiles'!$G$22=$B$10,7,0)+IF('Standard Profiles'!$G$22=$B$17,14,0)+IF('Standard Profiles'!$G$22=$B$24,21,0),MOD($C543,24)+1)/SUM(INDEX($D$3:$AA$30,INDEX(Jesper!$R$2:$R$366,ROW(INDEX(Jesper!AL$2:AL$366,ROUNDDOWN($C543/24,0)+1,1))-1)+IF('Standard Profiles'!$G$22=$B$10,7,0)+IF('Standard Profiles'!$G$22=$B$17,14,0)+IF('Standard Profiles'!$G$22=$B$24,21,0),0)),0)</f>
        <v>6.4284805138481653</v>
      </c>
      <c r="I543">
        <f t="shared" si="69"/>
        <v>6.1713412932942422</v>
      </c>
      <c r="J543">
        <f t="shared" si="70"/>
        <v>19.716678048098196</v>
      </c>
      <c r="K543">
        <f t="shared" si="71"/>
        <v>0.46523166394544591</v>
      </c>
      <c r="L543">
        <f t="shared" si="72"/>
        <v>0.23261583197272295</v>
      </c>
      <c r="M543">
        <f t="shared" si="73"/>
        <v>0</v>
      </c>
      <c r="N543" s="45">
        <f t="shared" si="74"/>
        <v>44948.208333332099</v>
      </c>
    </row>
    <row r="544" spans="2:14" x14ac:dyDescent="0.25">
      <c r="B544">
        <f t="shared" si="68"/>
        <v>7</v>
      </c>
      <c r="C544" s="16">
        <v>510</v>
      </c>
      <c r="D544" cm="1">
        <f t="array" ref="D544">IFERROR(INDEX(Jesper!AH$2:AH$366,ROUNDDOWN($C544/24,0)+1,1)*INDEX($D$3:$AA$30,INDEX(Jesper!$R$2:$R$366,ROW(INDEX(Jesper!AH$2:AH$366,ROUNDDOWN($C544/24,0)+1,1))-1)+IF('Standard Profiles'!$G$18=$B$10,7,0)+IF('Standard Profiles'!$G$18=$B$17,14,0)+IF('Standard Profiles'!$G$18=$B$24,21,0),MOD($C544,24)+1)/SUM(INDEX($D$3:$AA$30,INDEX(Jesper!$R$2:$R$366,ROW(INDEX(Jesper!AH$2:AH$366,ROUNDDOWN($C544/24,0)+1,1))-1)+IF('Standard Profiles'!$G$18=$B$10,7,0)+IF('Standard Profiles'!$G$18=$B$17,14,0)+IF('Standard Profiles'!$G$18=$B$24,21,0),0)),0)</f>
        <v>0</v>
      </c>
      <c r="E544" cm="1">
        <f t="array" ref="E544">IFERROR(INDEX(Jesper!AI$2:AI$366,ROUNDDOWN($C544/24,0)+1,1)*INDEX($D$3:$AA$30,INDEX(Jesper!$R$2:$R$366,ROW(INDEX(Jesper!AI$2:AI$366,ROUNDDOWN($C544/24,0)+1,1))-1)+IF('Standard Profiles'!$G$19=$B$10,7,0)+IF('Standard Profiles'!$G$19=$B$17,14,0)+IF('Standard Profiles'!$G$19=$B$24,21,0),MOD($C544,24)+1)/SUM(INDEX($D$3:$AA$30,INDEX(Jesper!$R$2:$R$366,ROW(INDEX(Jesper!AI$2:AI$366,ROUNDDOWN($C544/24,0)+1,1))-1)+IF('Standard Profiles'!$G$19=$B$10,7,0)+IF('Standard Profiles'!$G$19=$B$17,14,0)+IF('Standard Profiles'!$G$19=$B$24,21,0),0)),0)</f>
        <v>5.8153957993180736</v>
      </c>
      <c r="F544" cm="1">
        <f t="array" ref="F544">IFERROR(INDEX(Jesper!AJ$2:AJ$366,ROUNDDOWN($C544/24,0)+1,1)*INDEX($D$3:$AA$30,INDEX(Jesper!$R$2:$R$366,ROW(INDEX(Jesper!AJ$2:AJ$366,ROUNDDOWN($C544/24,0)+1,1))-1)+IF('Standard Profiles'!$G$20=$B$10,7,0)+IF('Standard Profiles'!$G$20=$B$17,14,0)+IF('Standard Profiles'!$G$20=$B$24,21,0),MOD($C544,24)+1)/SUM(INDEX($D$3:$AA$30,INDEX(Jesper!$R$2:$R$366,ROW(INDEX(Jesper!AJ$2:AJ$366,ROUNDDOWN($C544/24,0)+1,1))-1)+IF('Standard Profiles'!$G$20=$B$10,7,0)+IF('Standard Profiles'!$G$20=$B$17,14,0)+IF('Standard Profiles'!$G$20=$B$24,21,0),0)),0)</f>
        <v>5.2260263806506666</v>
      </c>
      <c r="G544" cm="1">
        <f t="array" ref="G544">IFERROR(INDEX(Jesper!AK$2:AK$366,ROUNDDOWN($C544/24,0)+1,1)*INDEX($D$3:$AA$30,INDEX(Jesper!$R$2:$R$366,ROW(INDEX(Jesper!AK$2:AK$366,ROUNDDOWN($C544/24,0)+1,1))-1)+IF('Standard Profiles'!$G$21=$B$10,7,0)+IF('Standard Profiles'!$G$21=$B$17,14,0)+IF('Standard Profiles'!$G$21=$B$24,21,0),MOD($C544,24)+1)/SUM(INDEX($D$3:$AA$30,INDEX(Jesper!$R$2:$R$366,ROW(INDEX(Jesper!AK$2:AK$366,ROUNDDOWN($C544/24,0)+1,1))-1)+IF('Standard Profiles'!$G$21=$B$10,7,0)+IF('Standard Profiles'!$G$21=$B$17,14,0)+IF('Standard Profiles'!$G$21=$B$24,21,0),0)),0)</f>
        <v>9.1159641434937004</v>
      </c>
      <c r="H544" cm="1">
        <f t="array" ref="H544">IFERROR(INDEX(Jesper!AL$2:AL$366,ROUNDDOWN($C544/24,0)+1,1)*INDEX($D$3:$AA$30,INDEX(Jesper!$R$2:$R$366,ROW(INDEX(Jesper!AL$2:AL$366,ROUNDDOWN($C544/24,0)+1,1))-1)+IF('Standard Profiles'!$G$22=$B$10,7,0)+IF('Standard Profiles'!$G$22=$B$17,14,0)+IF('Standard Profiles'!$G$22=$B$24,21,0),MOD($C544,24)+1)/SUM(INDEX($D$3:$AA$30,INDEX(Jesper!$R$2:$R$366,ROW(INDEX(Jesper!AL$2:AL$366,ROUNDDOWN($C544/24,0)+1,1))-1)+IF('Standard Profiles'!$G$22=$B$10,7,0)+IF('Standard Profiles'!$G$22=$B$17,14,0)+IF('Standard Profiles'!$G$22=$B$24,21,0),0)),0)</f>
        <v>7.5713214940878402</v>
      </c>
      <c r="I544">
        <f t="shared" si="69"/>
        <v>7.2684686343243303</v>
      </c>
      <c r="J544">
        <f t="shared" si="70"/>
        <v>19.76239168730778</v>
      </c>
      <c r="K544">
        <f t="shared" si="71"/>
        <v>0.46523166394544591</v>
      </c>
      <c r="L544">
        <f t="shared" si="72"/>
        <v>0.23261583197272295</v>
      </c>
      <c r="M544">
        <f t="shared" si="73"/>
        <v>0</v>
      </c>
      <c r="N544" s="45">
        <f t="shared" si="74"/>
        <v>44948.249999998763</v>
      </c>
    </row>
    <row r="545" spans="2:14" x14ac:dyDescent="0.25">
      <c r="B545">
        <f t="shared" si="68"/>
        <v>7</v>
      </c>
      <c r="C545" s="16">
        <v>511</v>
      </c>
      <c r="D545" cm="1">
        <f t="array" ref="D545">IFERROR(INDEX(Jesper!AH$2:AH$366,ROUNDDOWN($C545/24,0)+1,1)*INDEX($D$3:$AA$30,INDEX(Jesper!$R$2:$R$366,ROW(INDEX(Jesper!AH$2:AH$366,ROUNDDOWN($C545/24,0)+1,1))-1)+IF('Standard Profiles'!$G$18=$B$10,7,0)+IF('Standard Profiles'!$G$18=$B$17,14,0)+IF('Standard Profiles'!$G$18=$B$24,21,0),MOD($C545,24)+1)/SUM(INDEX($D$3:$AA$30,INDEX(Jesper!$R$2:$R$366,ROW(INDEX(Jesper!AH$2:AH$366,ROUNDDOWN($C545/24,0)+1,1))-1)+IF('Standard Profiles'!$G$18=$B$10,7,0)+IF('Standard Profiles'!$G$18=$B$17,14,0)+IF('Standard Profiles'!$G$18=$B$24,21,0),0)),0)</f>
        <v>0</v>
      </c>
      <c r="E545" cm="1">
        <f t="array" ref="E545">IFERROR(INDEX(Jesper!AI$2:AI$366,ROUNDDOWN($C545/24,0)+1,1)*INDEX($D$3:$AA$30,INDEX(Jesper!$R$2:$R$366,ROW(INDEX(Jesper!AI$2:AI$366,ROUNDDOWN($C545/24,0)+1,1))-1)+IF('Standard Profiles'!$G$19=$B$10,7,0)+IF('Standard Profiles'!$G$19=$B$17,14,0)+IF('Standard Profiles'!$G$19=$B$24,21,0),MOD($C545,24)+1)/SUM(INDEX($D$3:$AA$30,INDEX(Jesper!$R$2:$R$366,ROW(INDEX(Jesper!AI$2:AI$366,ROUNDDOWN($C545/24,0)+1,1))-1)+IF('Standard Profiles'!$G$19=$B$10,7,0)+IF('Standard Profiles'!$G$19=$B$17,14,0)+IF('Standard Profiles'!$G$19=$B$24,21,0),0)),0)</f>
        <v>5.8153957993180736</v>
      </c>
      <c r="F545" cm="1">
        <f t="array" ref="F545">IFERROR(INDEX(Jesper!AJ$2:AJ$366,ROUNDDOWN($C545/24,0)+1,1)*INDEX($D$3:$AA$30,INDEX(Jesper!$R$2:$R$366,ROW(INDEX(Jesper!AJ$2:AJ$366,ROUNDDOWN($C545/24,0)+1,1))-1)+IF('Standard Profiles'!$G$20=$B$10,7,0)+IF('Standard Profiles'!$G$20=$B$17,14,0)+IF('Standard Profiles'!$G$20=$B$24,21,0),MOD($C545,24)+1)/SUM(INDEX($D$3:$AA$30,INDEX(Jesper!$R$2:$R$366,ROW(INDEX(Jesper!AJ$2:AJ$366,ROUNDDOWN($C545/24,0)+1,1))-1)+IF('Standard Profiles'!$G$20=$B$10,7,0)+IF('Standard Profiles'!$G$20=$B$17,14,0)+IF('Standard Profiles'!$G$20=$B$24,21,0),0)),0)</f>
        <v>5.2260263806506666</v>
      </c>
      <c r="G545" cm="1">
        <f t="array" ref="G545">IFERROR(INDEX(Jesper!AK$2:AK$366,ROUNDDOWN($C545/24,0)+1,1)*INDEX($D$3:$AA$30,INDEX(Jesper!$R$2:$R$366,ROW(INDEX(Jesper!AK$2:AK$366,ROUNDDOWN($C545/24,0)+1,1))-1)+IF('Standard Profiles'!$G$21=$B$10,7,0)+IF('Standard Profiles'!$G$21=$B$17,14,0)+IF('Standard Profiles'!$G$21=$B$24,21,0),MOD($C545,24)+1)/SUM(INDEX($D$3:$AA$30,INDEX(Jesper!$R$2:$R$366,ROW(INDEX(Jesper!AK$2:AK$366,ROUNDDOWN($C545/24,0)+1,1))-1)+IF('Standard Profiles'!$G$21=$B$10,7,0)+IF('Standard Profiles'!$G$21=$B$17,14,0)+IF('Standard Profiles'!$G$21=$B$24,21,0),0)),0)</f>
        <v>9.1159641434937004</v>
      </c>
      <c r="H545" cm="1">
        <f t="array" ref="H545">IFERROR(INDEX(Jesper!AL$2:AL$366,ROUNDDOWN($C545/24,0)+1,1)*INDEX($D$3:$AA$30,INDEX(Jesper!$R$2:$R$366,ROW(INDEX(Jesper!AL$2:AL$366,ROUNDDOWN($C545/24,0)+1,1))-1)+IF('Standard Profiles'!$G$22=$B$10,7,0)+IF('Standard Profiles'!$G$22=$B$17,14,0)+IF('Standard Profiles'!$G$22=$B$24,21,0),MOD($C545,24)+1)/SUM(INDEX($D$3:$AA$30,INDEX(Jesper!$R$2:$R$366,ROW(INDEX(Jesper!AL$2:AL$366,ROUNDDOWN($C545/24,0)+1,1))-1)+IF('Standard Profiles'!$G$22=$B$10,7,0)+IF('Standard Profiles'!$G$22=$B$17,14,0)+IF('Standard Profiles'!$G$22=$B$24,21,0),0)),0)</f>
        <v>8.9998727193874331</v>
      </c>
      <c r="I545">
        <f t="shared" si="69"/>
        <v>8.6398778106119405</v>
      </c>
      <c r="J545">
        <f t="shared" si="70"/>
        <v>19.819533736319762</v>
      </c>
      <c r="K545">
        <f t="shared" si="71"/>
        <v>0.46523166394544591</v>
      </c>
      <c r="L545">
        <f t="shared" si="72"/>
        <v>0.23261583197272295</v>
      </c>
      <c r="M545">
        <f t="shared" si="73"/>
        <v>0</v>
      </c>
      <c r="N545" s="45">
        <f t="shared" si="74"/>
        <v>44948.291666665427</v>
      </c>
    </row>
    <row r="546" spans="2:14" x14ac:dyDescent="0.25">
      <c r="B546">
        <f t="shared" si="68"/>
        <v>7</v>
      </c>
      <c r="C546" s="16">
        <v>512</v>
      </c>
      <c r="D546" cm="1">
        <f t="array" ref="D546">IFERROR(INDEX(Jesper!AH$2:AH$366,ROUNDDOWN($C546/24,0)+1,1)*INDEX($D$3:$AA$30,INDEX(Jesper!$R$2:$R$366,ROW(INDEX(Jesper!AH$2:AH$366,ROUNDDOWN($C546/24,0)+1,1))-1)+IF('Standard Profiles'!$G$18=$B$10,7,0)+IF('Standard Profiles'!$G$18=$B$17,14,0)+IF('Standard Profiles'!$G$18=$B$24,21,0),MOD($C546,24)+1)/SUM(INDEX($D$3:$AA$30,INDEX(Jesper!$R$2:$R$366,ROW(INDEX(Jesper!AH$2:AH$366,ROUNDDOWN($C546/24,0)+1,1))-1)+IF('Standard Profiles'!$G$18=$B$10,7,0)+IF('Standard Profiles'!$G$18=$B$17,14,0)+IF('Standard Profiles'!$G$18=$B$24,21,0),0)),0)</f>
        <v>0</v>
      </c>
      <c r="E546" cm="1">
        <f t="array" ref="E546">IFERROR(INDEX(Jesper!AI$2:AI$366,ROUNDDOWN($C546/24,0)+1,1)*INDEX($D$3:$AA$30,INDEX(Jesper!$R$2:$R$366,ROW(INDEX(Jesper!AI$2:AI$366,ROUNDDOWN($C546/24,0)+1,1))-1)+IF('Standard Profiles'!$G$19=$B$10,7,0)+IF('Standard Profiles'!$G$19=$B$17,14,0)+IF('Standard Profiles'!$G$19=$B$24,21,0),MOD($C546,24)+1)/SUM(INDEX($D$3:$AA$30,INDEX(Jesper!$R$2:$R$366,ROW(INDEX(Jesper!AI$2:AI$366,ROUNDDOWN($C546/24,0)+1,1))-1)+IF('Standard Profiles'!$G$19=$B$10,7,0)+IF('Standard Profiles'!$G$19=$B$17,14,0)+IF('Standard Profiles'!$G$19=$B$24,21,0),0)),0)</f>
        <v>5.8153957993180736</v>
      </c>
      <c r="F546" cm="1">
        <f t="array" ref="F546">IFERROR(INDEX(Jesper!AJ$2:AJ$366,ROUNDDOWN($C546/24,0)+1,1)*INDEX($D$3:$AA$30,INDEX(Jesper!$R$2:$R$366,ROW(INDEX(Jesper!AJ$2:AJ$366,ROUNDDOWN($C546/24,0)+1,1))-1)+IF('Standard Profiles'!$G$20=$B$10,7,0)+IF('Standard Profiles'!$G$20=$B$17,14,0)+IF('Standard Profiles'!$G$20=$B$24,21,0),MOD($C546,24)+1)/SUM(INDEX($D$3:$AA$30,INDEX(Jesper!$R$2:$R$366,ROW(INDEX(Jesper!AJ$2:AJ$366,ROUNDDOWN($C546/24,0)+1,1))-1)+IF('Standard Profiles'!$G$20=$B$10,7,0)+IF('Standard Profiles'!$G$20=$B$17,14,0)+IF('Standard Profiles'!$G$20=$B$24,21,0),0)),0)</f>
        <v>5.2260263806506666</v>
      </c>
      <c r="G546" cm="1">
        <f t="array" ref="G546">IFERROR(INDEX(Jesper!AK$2:AK$366,ROUNDDOWN($C546/24,0)+1,1)*INDEX($D$3:$AA$30,INDEX(Jesper!$R$2:$R$366,ROW(INDEX(Jesper!AK$2:AK$366,ROUNDDOWN($C546/24,0)+1,1))-1)+IF('Standard Profiles'!$G$21=$B$10,7,0)+IF('Standard Profiles'!$G$21=$B$17,14,0)+IF('Standard Profiles'!$G$21=$B$24,21,0),MOD($C546,24)+1)/SUM(INDEX($D$3:$AA$30,INDEX(Jesper!$R$2:$R$366,ROW(INDEX(Jesper!AK$2:AK$366,ROUNDDOWN($C546/24,0)+1,1))-1)+IF('Standard Profiles'!$G$21=$B$10,7,0)+IF('Standard Profiles'!$G$21=$B$17,14,0)+IF('Standard Profiles'!$G$21=$B$24,21,0),0)),0)</f>
        <v>9.1159641434937004</v>
      </c>
      <c r="H546" cm="1">
        <f t="array" ref="H546">IFERROR(INDEX(Jesper!AL$2:AL$366,ROUNDDOWN($C546/24,0)+1,1)*INDEX($D$3:$AA$30,INDEX(Jesper!$R$2:$R$366,ROW(INDEX(Jesper!AL$2:AL$366,ROUNDDOWN($C546/24,0)+1,1))-1)+IF('Standard Profiles'!$G$22=$B$10,7,0)+IF('Standard Profiles'!$G$22=$B$17,14,0)+IF('Standard Profiles'!$G$22=$B$24,21,0),MOD($C546,24)+1)/SUM(INDEX($D$3:$AA$30,INDEX(Jesper!$R$2:$R$366,ROW(INDEX(Jesper!AL$2:AL$366,ROUNDDOWN($C546/24,0)+1,1))-1)+IF('Standard Profiles'!$G$22=$B$10,7,0)+IF('Standard Profiles'!$G$22=$B$17,14,0)+IF('Standard Profiles'!$G$22=$B$24,21,0),0)),0)</f>
        <v>8.9998727193874331</v>
      </c>
      <c r="I546">
        <f t="shared" si="69"/>
        <v>8.6398778106119405</v>
      </c>
      <c r="J546">
        <f t="shared" si="70"/>
        <v>19.819533736319762</v>
      </c>
      <c r="K546">
        <f t="shared" si="71"/>
        <v>0.46523166394544591</v>
      </c>
      <c r="L546">
        <f t="shared" si="72"/>
        <v>0.23261583197272295</v>
      </c>
      <c r="M546">
        <f t="shared" si="73"/>
        <v>0</v>
      </c>
      <c r="N546" s="45">
        <f t="shared" si="74"/>
        <v>44948.333333332092</v>
      </c>
    </row>
    <row r="547" spans="2:14" x14ac:dyDescent="0.25">
      <c r="B547">
        <f t="shared" ref="B547:B610" si="75">WEEKDAY(N547,2)</f>
        <v>7</v>
      </c>
      <c r="C547" s="16">
        <v>513</v>
      </c>
      <c r="D547" cm="1">
        <f t="array" ref="D547">IFERROR(INDEX(Jesper!AH$2:AH$366,ROUNDDOWN($C547/24,0)+1,1)*INDEX($D$3:$AA$30,INDEX(Jesper!$R$2:$R$366,ROW(INDEX(Jesper!AH$2:AH$366,ROUNDDOWN($C547/24,0)+1,1))-1)+IF('Standard Profiles'!$G$18=$B$10,7,0)+IF('Standard Profiles'!$G$18=$B$17,14,0)+IF('Standard Profiles'!$G$18=$B$24,21,0),MOD($C547,24)+1)/SUM(INDEX($D$3:$AA$30,INDEX(Jesper!$R$2:$R$366,ROW(INDEX(Jesper!AH$2:AH$366,ROUNDDOWN($C547/24,0)+1,1))-1)+IF('Standard Profiles'!$G$18=$B$10,7,0)+IF('Standard Profiles'!$G$18=$B$17,14,0)+IF('Standard Profiles'!$G$18=$B$24,21,0),0)),0)</f>
        <v>0</v>
      </c>
      <c r="E547" cm="1">
        <f t="array" ref="E547">IFERROR(INDEX(Jesper!AI$2:AI$366,ROUNDDOWN($C547/24,0)+1,1)*INDEX($D$3:$AA$30,INDEX(Jesper!$R$2:$R$366,ROW(INDEX(Jesper!AI$2:AI$366,ROUNDDOWN($C547/24,0)+1,1))-1)+IF('Standard Profiles'!$G$19=$B$10,7,0)+IF('Standard Profiles'!$G$19=$B$17,14,0)+IF('Standard Profiles'!$G$19=$B$24,21,0),MOD($C547,24)+1)/SUM(INDEX($D$3:$AA$30,INDEX(Jesper!$R$2:$R$366,ROW(INDEX(Jesper!AI$2:AI$366,ROUNDDOWN($C547/24,0)+1,1))-1)+IF('Standard Profiles'!$G$19=$B$10,7,0)+IF('Standard Profiles'!$G$19=$B$17,14,0)+IF('Standard Profiles'!$G$19=$B$24,21,0),0)),0)</f>
        <v>5.8153957993180736</v>
      </c>
      <c r="F547" cm="1">
        <f t="array" ref="F547">IFERROR(INDEX(Jesper!AJ$2:AJ$366,ROUNDDOWN($C547/24,0)+1,1)*INDEX($D$3:$AA$30,INDEX(Jesper!$R$2:$R$366,ROW(INDEX(Jesper!AJ$2:AJ$366,ROUNDDOWN($C547/24,0)+1,1))-1)+IF('Standard Profiles'!$G$20=$B$10,7,0)+IF('Standard Profiles'!$G$20=$B$17,14,0)+IF('Standard Profiles'!$G$20=$B$24,21,0),MOD($C547,24)+1)/SUM(INDEX($D$3:$AA$30,INDEX(Jesper!$R$2:$R$366,ROW(INDEX(Jesper!AJ$2:AJ$366,ROUNDDOWN($C547/24,0)+1,1))-1)+IF('Standard Profiles'!$G$20=$B$10,7,0)+IF('Standard Profiles'!$G$20=$B$17,14,0)+IF('Standard Profiles'!$G$20=$B$24,21,0),0)),0)</f>
        <v>5.2260263806506666</v>
      </c>
      <c r="G547" cm="1">
        <f t="array" ref="G547">IFERROR(INDEX(Jesper!AK$2:AK$366,ROUNDDOWN($C547/24,0)+1,1)*INDEX($D$3:$AA$30,INDEX(Jesper!$R$2:$R$366,ROW(INDEX(Jesper!AK$2:AK$366,ROUNDDOWN($C547/24,0)+1,1))-1)+IF('Standard Profiles'!$G$21=$B$10,7,0)+IF('Standard Profiles'!$G$21=$B$17,14,0)+IF('Standard Profiles'!$G$21=$B$24,21,0),MOD($C547,24)+1)/SUM(INDEX($D$3:$AA$30,INDEX(Jesper!$R$2:$R$366,ROW(INDEX(Jesper!AK$2:AK$366,ROUNDDOWN($C547/24,0)+1,1))-1)+IF('Standard Profiles'!$G$21=$B$10,7,0)+IF('Standard Profiles'!$G$21=$B$17,14,0)+IF('Standard Profiles'!$G$21=$B$24,21,0),0)),0)</f>
        <v>9.1159641434937004</v>
      </c>
      <c r="H547" cm="1">
        <f t="array" ref="H547">IFERROR(INDEX(Jesper!AL$2:AL$366,ROUNDDOWN($C547/24,0)+1,1)*INDEX($D$3:$AA$30,INDEX(Jesper!$R$2:$R$366,ROW(INDEX(Jesper!AL$2:AL$366,ROUNDDOWN($C547/24,0)+1,1))-1)+IF('Standard Profiles'!$G$22=$B$10,7,0)+IF('Standard Profiles'!$G$22=$B$17,14,0)+IF('Standard Profiles'!$G$22=$B$24,21,0),MOD($C547,24)+1)/SUM(INDEX($D$3:$AA$30,INDEX(Jesper!$R$2:$R$366,ROW(INDEX(Jesper!AL$2:AL$366,ROUNDDOWN($C547/24,0)+1,1))-1)+IF('Standard Profiles'!$G$22=$B$10,7,0)+IF('Standard Profiles'!$G$22=$B$17,14,0)+IF('Standard Profiles'!$G$22=$B$24,21,0),0)),0)</f>
        <v>8.9998727193874331</v>
      </c>
      <c r="I547">
        <f t="shared" ref="I547:I610" si="76">IF($B547&lt;6,AC$37*$D547+AC$38*$E547+AC$39*$F547+AC$40*$G547,AC$46*$D547+AC$47*$E547+AC$48*$F547+AC$49*$G547+AC$50*$H547)</f>
        <v>8.6398778106119405</v>
      </c>
      <c r="J547">
        <f t="shared" ref="J547:J610" si="77">IF($B547&lt;6,AD$37*$D547+AD$38*$E547+AD$39*$F547+AD$40*$G547,AD$46*$D547+AD$47*$E547+AD$48*$F547+AD$49*$G547+AD$50*$H547)</f>
        <v>19.819533736319762</v>
      </c>
      <c r="K547">
        <f t="shared" ref="K547:K610" si="78">IF($B547&lt;6,AE$37*$D547+AE$38*$E547+AE$39*$F547+AE$40*$G547,AE$46*$D547+AE$47*$E547+AE$48*$F547+AE$49*$G547+AE$50*$H547)</f>
        <v>0.46523166394544591</v>
      </c>
      <c r="L547">
        <f t="shared" ref="L547:L610" si="79">IF($B547&lt;6,AF$37*$D547+AF$38*$E547+AF$39*$F547+AF$40*$G547,AF$46*$D547+AF$47*$E547+AF$48*$F547+AF$49*$G547+AF$50*$H547)</f>
        <v>0.23261583197272295</v>
      </c>
      <c r="M547">
        <f t="shared" ref="M547:M610" si="80">IF($B547&lt;6,AG$37*$D547+AG$38*$E547+AG$39*$F547+AG$40*$G547,AG$46*$D547+AG$47*$E547+AG$48*$F547+AG$49*$G547+AG$50*$H547)</f>
        <v>0</v>
      </c>
      <c r="N547" s="45">
        <f t="shared" si="74"/>
        <v>44948.374999998756</v>
      </c>
    </row>
    <row r="548" spans="2:14" x14ac:dyDescent="0.25">
      <c r="B548">
        <f t="shared" si="75"/>
        <v>7</v>
      </c>
      <c r="C548" s="16">
        <v>514</v>
      </c>
      <c r="D548" cm="1">
        <f t="array" ref="D548">IFERROR(INDEX(Jesper!AH$2:AH$366,ROUNDDOWN($C548/24,0)+1,1)*INDEX($D$3:$AA$30,INDEX(Jesper!$R$2:$R$366,ROW(INDEX(Jesper!AH$2:AH$366,ROUNDDOWN($C548/24,0)+1,1))-1)+IF('Standard Profiles'!$G$18=$B$10,7,0)+IF('Standard Profiles'!$G$18=$B$17,14,0)+IF('Standard Profiles'!$G$18=$B$24,21,0),MOD($C548,24)+1)/SUM(INDEX($D$3:$AA$30,INDEX(Jesper!$R$2:$R$366,ROW(INDEX(Jesper!AH$2:AH$366,ROUNDDOWN($C548/24,0)+1,1))-1)+IF('Standard Profiles'!$G$18=$B$10,7,0)+IF('Standard Profiles'!$G$18=$B$17,14,0)+IF('Standard Profiles'!$G$18=$B$24,21,0),0)),0)</f>
        <v>0</v>
      </c>
      <c r="E548" cm="1">
        <f t="array" ref="E548">IFERROR(INDEX(Jesper!AI$2:AI$366,ROUNDDOWN($C548/24,0)+1,1)*INDEX($D$3:$AA$30,INDEX(Jesper!$R$2:$R$366,ROW(INDEX(Jesper!AI$2:AI$366,ROUNDDOWN($C548/24,0)+1,1))-1)+IF('Standard Profiles'!$G$19=$B$10,7,0)+IF('Standard Profiles'!$G$19=$B$17,14,0)+IF('Standard Profiles'!$G$19=$B$24,21,0),MOD($C548,24)+1)/SUM(INDEX($D$3:$AA$30,INDEX(Jesper!$R$2:$R$366,ROW(INDEX(Jesper!AI$2:AI$366,ROUNDDOWN($C548/24,0)+1,1))-1)+IF('Standard Profiles'!$G$19=$B$10,7,0)+IF('Standard Profiles'!$G$19=$B$17,14,0)+IF('Standard Profiles'!$G$19=$B$24,21,0),0)),0)</f>
        <v>5.8153957993180736</v>
      </c>
      <c r="F548" cm="1">
        <f t="array" ref="F548">IFERROR(INDEX(Jesper!AJ$2:AJ$366,ROUNDDOWN($C548/24,0)+1,1)*INDEX($D$3:$AA$30,INDEX(Jesper!$R$2:$R$366,ROW(INDEX(Jesper!AJ$2:AJ$366,ROUNDDOWN($C548/24,0)+1,1))-1)+IF('Standard Profiles'!$G$20=$B$10,7,0)+IF('Standard Profiles'!$G$20=$B$17,14,0)+IF('Standard Profiles'!$G$20=$B$24,21,0),MOD($C548,24)+1)/SUM(INDEX($D$3:$AA$30,INDEX(Jesper!$R$2:$R$366,ROW(INDEX(Jesper!AJ$2:AJ$366,ROUNDDOWN($C548/24,0)+1,1))-1)+IF('Standard Profiles'!$G$20=$B$10,7,0)+IF('Standard Profiles'!$G$20=$B$17,14,0)+IF('Standard Profiles'!$G$20=$B$24,21,0),0)),0)</f>
        <v>5.2260263806506666</v>
      </c>
      <c r="G548" cm="1">
        <f t="array" ref="G548">IFERROR(INDEX(Jesper!AK$2:AK$366,ROUNDDOWN($C548/24,0)+1,1)*INDEX($D$3:$AA$30,INDEX(Jesper!$R$2:$R$366,ROW(INDEX(Jesper!AK$2:AK$366,ROUNDDOWN($C548/24,0)+1,1))-1)+IF('Standard Profiles'!$G$21=$B$10,7,0)+IF('Standard Profiles'!$G$21=$B$17,14,0)+IF('Standard Profiles'!$G$21=$B$24,21,0),MOD($C548,24)+1)/SUM(INDEX($D$3:$AA$30,INDEX(Jesper!$R$2:$R$366,ROW(INDEX(Jesper!AK$2:AK$366,ROUNDDOWN($C548/24,0)+1,1))-1)+IF('Standard Profiles'!$G$21=$B$10,7,0)+IF('Standard Profiles'!$G$21=$B$17,14,0)+IF('Standard Profiles'!$G$21=$B$24,21,0),0)),0)</f>
        <v>9.1159641434937004</v>
      </c>
      <c r="H548" cm="1">
        <f t="array" ref="H548">IFERROR(INDEX(Jesper!AL$2:AL$366,ROUNDDOWN($C548/24,0)+1,1)*INDEX($D$3:$AA$30,INDEX(Jesper!$R$2:$R$366,ROW(INDEX(Jesper!AL$2:AL$366,ROUNDDOWN($C548/24,0)+1,1))-1)+IF('Standard Profiles'!$G$22=$B$10,7,0)+IF('Standard Profiles'!$G$22=$B$17,14,0)+IF('Standard Profiles'!$G$22=$B$24,21,0),MOD($C548,24)+1)/SUM(INDEX($D$3:$AA$30,INDEX(Jesper!$R$2:$R$366,ROW(INDEX(Jesper!AL$2:AL$366,ROUNDDOWN($C548/24,0)+1,1))-1)+IF('Standard Profiles'!$G$22=$B$10,7,0)+IF('Standard Profiles'!$G$22=$B$17,14,0)+IF('Standard Profiles'!$G$22=$B$24,21,0),0)),0)</f>
        <v>8.9998727193874331</v>
      </c>
      <c r="I548">
        <f t="shared" si="76"/>
        <v>8.6398778106119405</v>
      </c>
      <c r="J548">
        <f t="shared" si="77"/>
        <v>19.819533736319762</v>
      </c>
      <c r="K548">
        <f t="shared" si="78"/>
        <v>0.46523166394544591</v>
      </c>
      <c r="L548">
        <f t="shared" si="79"/>
        <v>0.23261583197272295</v>
      </c>
      <c r="M548">
        <f t="shared" si="80"/>
        <v>0</v>
      </c>
      <c r="N548" s="45">
        <f t="shared" ref="N548:N611" si="81">N547+1/24</f>
        <v>44948.41666666542</v>
      </c>
    </row>
    <row r="549" spans="2:14" x14ac:dyDescent="0.25">
      <c r="B549">
        <f t="shared" si="75"/>
        <v>7</v>
      </c>
      <c r="C549" s="16">
        <v>515</v>
      </c>
      <c r="D549" cm="1">
        <f t="array" ref="D549">IFERROR(INDEX(Jesper!AH$2:AH$366,ROUNDDOWN($C549/24,0)+1,1)*INDEX($D$3:$AA$30,INDEX(Jesper!$R$2:$R$366,ROW(INDEX(Jesper!AH$2:AH$366,ROUNDDOWN($C549/24,0)+1,1))-1)+IF('Standard Profiles'!$G$18=$B$10,7,0)+IF('Standard Profiles'!$G$18=$B$17,14,0)+IF('Standard Profiles'!$G$18=$B$24,21,0),MOD($C549,24)+1)/SUM(INDEX($D$3:$AA$30,INDEX(Jesper!$R$2:$R$366,ROW(INDEX(Jesper!AH$2:AH$366,ROUNDDOWN($C549/24,0)+1,1))-1)+IF('Standard Profiles'!$G$18=$B$10,7,0)+IF('Standard Profiles'!$G$18=$B$17,14,0)+IF('Standard Profiles'!$G$18=$B$24,21,0),0)),0)</f>
        <v>0</v>
      </c>
      <c r="E549" cm="1">
        <f t="array" ref="E549">IFERROR(INDEX(Jesper!AI$2:AI$366,ROUNDDOWN($C549/24,0)+1,1)*INDEX($D$3:$AA$30,INDEX(Jesper!$R$2:$R$366,ROW(INDEX(Jesper!AI$2:AI$366,ROUNDDOWN($C549/24,0)+1,1))-1)+IF('Standard Profiles'!$G$19=$B$10,7,0)+IF('Standard Profiles'!$G$19=$B$17,14,0)+IF('Standard Profiles'!$G$19=$B$24,21,0),MOD($C549,24)+1)/SUM(INDEX($D$3:$AA$30,INDEX(Jesper!$R$2:$R$366,ROW(INDEX(Jesper!AI$2:AI$366,ROUNDDOWN($C549/24,0)+1,1))-1)+IF('Standard Profiles'!$G$19=$B$10,7,0)+IF('Standard Profiles'!$G$19=$B$17,14,0)+IF('Standard Profiles'!$G$19=$B$24,21,0),0)),0)</f>
        <v>5.8153957993180736</v>
      </c>
      <c r="F549" cm="1">
        <f t="array" ref="F549">IFERROR(INDEX(Jesper!AJ$2:AJ$366,ROUNDDOWN($C549/24,0)+1,1)*INDEX($D$3:$AA$30,INDEX(Jesper!$R$2:$R$366,ROW(INDEX(Jesper!AJ$2:AJ$366,ROUNDDOWN($C549/24,0)+1,1))-1)+IF('Standard Profiles'!$G$20=$B$10,7,0)+IF('Standard Profiles'!$G$20=$B$17,14,0)+IF('Standard Profiles'!$G$20=$B$24,21,0),MOD($C549,24)+1)/SUM(INDEX($D$3:$AA$30,INDEX(Jesper!$R$2:$R$366,ROW(INDEX(Jesper!AJ$2:AJ$366,ROUNDDOWN($C549/24,0)+1,1))-1)+IF('Standard Profiles'!$G$20=$B$10,7,0)+IF('Standard Profiles'!$G$20=$B$17,14,0)+IF('Standard Profiles'!$G$20=$B$24,21,0),0)),0)</f>
        <v>5.2260263806506666</v>
      </c>
      <c r="G549" cm="1">
        <f t="array" ref="G549">IFERROR(INDEX(Jesper!AK$2:AK$366,ROUNDDOWN($C549/24,0)+1,1)*INDEX($D$3:$AA$30,INDEX(Jesper!$R$2:$R$366,ROW(INDEX(Jesper!AK$2:AK$366,ROUNDDOWN($C549/24,0)+1,1))-1)+IF('Standard Profiles'!$G$21=$B$10,7,0)+IF('Standard Profiles'!$G$21=$B$17,14,0)+IF('Standard Profiles'!$G$21=$B$24,21,0),MOD($C549,24)+1)/SUM(INDEX($D$3:$AA$30,INDEX(Jesper!$R$2:$R$366,ROW(INDEX(Jesper!AK$2:AK$366,ROUNDDOWN($C549/24,0)+1,1))-1)+IF('Standard Profiles'!$G$21=$B$10,7,0)+IF('Standard Profiles'!$G$21=$B$17,14,0)+IF('Standard Profiles'!$G$21=$B$24,21,0),0)),0)</f>
        <v>9.1159641434937004</v>
      </c>
      <c r="H549" cm="1">
        <f t="array" ref="H549">IFERROR(INDEX(Jesper!AL$2:AL$366,ROUNDDOWN($C549/24,0)+1,1)*INDEX($D$3:$AA$30,INDEX(Jesper!$R$2:$R$366,ROW(INDEX(Jesper!AL$2:AL$366,ROUNDDOWN($C549/24,0)+1,1))-1)+IF('Standard Profiles'!$G$22=$B$10,7,0)+IF('Standard Profiles'!$G$22=$B$17,14,0)+IF('Standard Profiles'!$G$22=$B$24,21,0),MOD($C549,24)+1)/SUM(INDEX($D$3:$AA$30,INDEX(Jesper!$R$2:$R$366,ROW(INDEX(Jesper!AL$2:AL$366,ROUNDDOWN($C549/24,0)+1,1))-1)+IF('Standard Profiles'!$G$22=$B$10,7,0)+IF('Standard Profiles'!$G$22=$B$17,14,0)+IF('Standard Profiles'!$G$22=$B$24,21,0),0)),0)</f>
        <v>8.9998727193874331</v>
      </c>
      <c r="I549">
        <f t="shared" si="76"/>
        <v>8.6398778106119405</v>
      </c>
      <c r="J549">
        <f t="shared" si="77"/>
        <v>19.819533736319762</v>
      </c>
      <c r="K549">
        <f t="shared" si="78"/>
        <v>0.46523166394544591</v>
      </c>
      <c r="L549">
        <f t="shared" si="79"/>
        <v>0.23261583197272295</v>
      </c>
      <c r="M549">
        <f t="shared" si="80"/>
        <v>0</v>
      </c>
      <c r="N549" s="45">
        <f t="shared" si="81"/>
        <v>44948.458333332084</v>
      </c>
    </row>
    <row r="550" spans="2:14" x14ac:dyDescent="0.25">
      <c r="B550">
        <f t="shared" si="75"/>
        <v>7</v>
      </c>
      <c r="C550" s="16">
        <v>516</v>
      </c>
      <c r="D550" cm="1">
        <f t="array" ref="D550">IFERROR(INDEX(Jesper!AH$2:AH$366,ROUNDDOWN($C550/24,0)+1,1)*INDEX($D$3:$AA$30,INDEX(Jesper!$R$2:$R$366,ROW(INDEX(Jesper!AH$2:AH$366,ROUNDDOWN($C550/24,0)+1,1))-1)+IF('Standard Profiles'!$G$18=$B$10,7,0)+IF('Standard Profiles'!$G$18=$B$17,14,0)+IF('Standard Profiles'!$G$18=$B$24,21,0),MOD($C550,24)+1)/SUM(INDEX($D$3:$AA$30,INDEX(Jesper!$R$2:$R$366,ROW(INDEX(Jesper!AH$2:AH$366,ROUNDDOWN($C550/24,0)+1,1))-1)+IF('Standard Profiles'!$G$18=$B$10,7,0)+IF('Standard Profiles'!$G$18=$B$17,14,0)+IF('Standard Profiles'!$G$18=$B$24,21,0),0)),0)</f>
        <v>0</v>
      </c>
      <c r="E550" cm="1">
        <f t="array" ref="E550">IFERROR(INDEX(Jesper!AI$2:AI$366,ROUNDDOWN($C550/24,0)+1,1)*INDEX($D$3:$AA$30,INDEX(Jesper!$R$2:$R$366,ROW(INDEX(Jesper!AI$2:AI$366,ROUNDDOWN($C550/24,0)+1,1))-1)+IF('Standard Profiles'!$G$19=$B$10,7,0)+IF('Standard Profiles'!$G$19=$B$17,14,0)+IF('Standard Profiles'!$G$19=$B$24,21,0),MOD($C550,24)+1)/SUM(INDEX($D$3:$AA$30,INDEX(Jesper!$R$2:$R$366,ROW(INDEX(Jesper!AI$2:AI$366,ROUNDDOWN($C550/24,0)+1,1))-1)+IF('Standard Profiles'!$G$19=$B$10,7,0)+IF('Standard Profiles'!$G$19=$B$17,14,0)+IF('Standard Profiles'!$G$19=$B$24,21,0),0)),0)</f>
        <v>5.8153957993180736</v>
      </c>
      <c r="F550" cm="1">
        <f t="array" ref="F550">IFERROR(INDEX(Jesper!AJ$2:AJ$366,ROUNDDOWN($C550/24,0)+1,1)*INDEX($D$3:$AA$30,INDEX(Jesper!$R$2:$R$366,ROW(INDEX(Jesper!AJ$2:AJ$366,ROUNDDOWN($C550/24,0)+1,1))-1)+IF('Standard Profiles'!$G$20=$B$10,7,0)+IF('Standard Profiles'!$G$20=$B$17,14,0)+IF('Standard Profiles'!$G$20=$B$24,21,0),MOD($C550,24)+1)/SUM(INDEX($D$3:$AA$30,INDEX(Jesper!$R$2:$R$366,ROW(INDEX(Jesper!AJ$2:AJ$366,ROUNDDOWN($C550/24,0)+1,1))-1)+IF('Standard Profiles'!$G$20=$B$10,7,0)+IF('Standard Profiles'!$G$20=$B$17,14,0)+IF('Standard Profiles'!$G$20=$B$24,21,0),0)),0)</f>
        <v>5.2260263806506666</v>
      </c>
      <c r="G550" cm="1">
        <f t="array" ref="G550">IFERROR(INDEX(Jesper!AK$2:AK$366,ROUNDDOWN($C550/24,0)+1,1)*INDEX($D$3:$AA$30,INDEX(Jesper!$R$2:$R$366,ROW(INDEX(Jesper!AK$2:AK$366,ROUNDDOWN($C550/24,0)+1,1))-1)+IF('Standard Profiles'!$G$21=$B$10,7,0)+IF('Standard Profiles'!$G$21=$B$17,14,0)+IF('Standard Profiles'!$G$21=$B$24,21,0),MOD($C550,24)+1)/SUM(INDEX($D$3:$AA$30,INDEX(Jesper!$R$2:$R$366,ROW(INDEX(Jesper!AK$2:AK$366,ROUNDDOWN($C550/24,0)+1,1))-1)+IF('Standard Profiles'!$G$21=$B$10,7,0)+IF('Standard Profiles'!$G$21=$B$17,14,0)+IF('Standard Profiles'!$G$21=$B$24,21,0),0)),0)</f>
        <v>9.1159641434937004</v>
      </c>
      <c r="H550" cm="1">
        <f t="array" ref="H550">IFERROR(INDEX(Jesper!AL$2:AL$366,ROUNDDOWN($C550/24,0)+1,1)*INDEX($D$3:$AA$30,INDEX(Jesper!$R$2:$R$366,ROW(INDEX(Jesper!AL$2:AL$366,ROUNDDOWN($C550/24,0)+1,1))-1)+IF('Standard Profiles'!$G$22=$B$10,7,0)+IF('Standard Profiles'!$G$22=$B$17,14,0)+IF('Standard Profiles'!$G$22=$B$24,21,0),MOD($C550,24)+1)/SUM(INDEX($D$3:$AA$30,INDEX(Jesper!$R$2:$R$366,ROW(INDEX(Jesper!AL$2:AL$366,ROUNDDOWN($C550/24,0)+1,1))-1)+IF('Standard Profiles'!$G$22=$B$10,7,0)+IF('Standard Profiles'!$G$22=$B$17,14,0)+IF('Standard Profiles'!$G$22=$B$24,21,0),0)),0)</f>
        <v>8.9998727193874331</v>
      </c>
      <c r="I550">
        <f t="shared" si="76"/>
        <v>8.6398778106119405</v>
      </c>
      <c r="J550">
        <f t="shared" si="77"/>
        <v>19.819533736319762</v>
      </c>
      <c r="K550">
        <f t="shared" si="78"/>
        <v>0.46523166394544591</v>
      </c>
      <c r="L550">
        <f t="shared" si="79"/>
        <v>0.23261583197272295</v>
      </c>
      <c r="M550">
        <f t="shared" si="80"/>
        <v>0</v>
      </c>
      <c r="N550" s="45">
        <f t="shared" si="81"/>
        <v>44948.499999998749</v>
      </c>
    </row>
    <row r="551" spans="2:14" x14ac:dyDescent="0.25">
      <c r="B551">
        <f t="shared" si="75"/>
        <v>7</v>
      </c>
      <c r="C551" s="16">
        <v>517</v>
      </c>
      <c r="D551" cm="1">
        <f t="array" ref="D551">IFERROR(INDEX(Jesper!AH$2:AH$366,ROUNDDOWN($C551/24,0)+1,1)*INDEX($D$3:$AA$30,INDEX(Jesper!$R$2:$R$366,ROW(INDEX(Jesper!AH$2:AH$366,ROUNDDOWN($C551/24,0)+1,1))-1)+IF('Standard Profiles'!$G$18=$B$10,7,0)+IF('Standard Profiles'!$G$18=$B$17,14,0)+IF('Standard Profiles'!$G$18=$B$24,21,0),MOD($C551,24)+1)/SUM(INDEX($D$3:$AA$30,INDEX(Jesper!$R$2:$R$366,ROW(INDEX(Jesper!AH$2:AH$366,ROUNDDOWN($C551/24,0)+1,1))-1)+IF('Standard Profiles'!$G$18=$B$10,7,0)+IF('Standard Profiles'!$G$18=$B$17,14,0)+IF('Standard Profiles'!$G$18=$B$24,21,0),0)),0)</f>
        <v>0</v>
      </c>
      <c r="E551" cm="1">
        <f t="array" ref="E551">IFERROR(INDEX(Jesper!AI$2:AI$366,ROUNDDOWN($C551/24,0)+1,1)*INDEX($D$3:$AA$30,INDEX(Jesper!$R$2:$R$366,ROW(INDEX(Jesper!AI$2:AI$366,ROUNDDOWN($C551/24,0)+1,1))-1)+IF('Standard Profiles'!$G$19=$B$10,7,0)+IF('Standard Profiles'!$G$19=$B$17,14,0)+IF('Standard Profiles'!$G$19=$B$24,21,0),MOD($C551,24)+1)/SUM(INDEX($D$3:$AA$30,INDEX(Jesper!$R$2:$R$366,ROW(INDEX(Jesper!AI$2:AI$366,ROUNDDOWN($C551/24,0)+1,1))-1)+IF('Standard Profiles'!$G$19=$B$10,7,0)+IF('Standard Profiles'!$G$19=$B$17,14,0)+IF('Standard Profiles'!$G$19=$B$24,21,0),0)),0)</f>
        <v>5.8153957993180736</v>
      </c>
      <c r="F551" cm="1">
        <f t="array" ref="F551">IFERROR(INDEX(Jesper!AJ$2:AJ$366,ROUNDDOWN($C551/24,0)+1,1)*INDEX($D$3:$AA$30,INDEX(Jesper!$R$2:$R$366,ROW(INDEX(Jesper!AJ$2:AJ$366,ROUNDDOWN($C551/24,0)+1,1))-1)+IF('Standard Profiles'!$G$20=$B$10,7,0)+IF('Standard Profiles'!$G$20=$B$17,14,0)+IF('Standard Profiles'!$G$20=$B$24,21,0),MOD($C551,24)+1)/SUM(INDEX($D$3:$AA$30,INDEX(Jesper!$R$2:$R$366,ROW(INDEX(Jesper!AJ$2:AJ$366,ROUNDDOWN($C551/24,0)+1,1))-1)+IF('Standard Profiles'!$G$20=$B$10,7,0)+IF('Standard Profiles'!$G$20=$B$17,14,0)+IF('Standard Profiles'!$G$20=$B$24,21,0),0)),0)</f>
        <v>5.2260263806506666</v>
      </c>
      <c r="G551" cm="1">
        <f t="array" ref="G551">IFERROR(INDEX(Jesper!AK$2:AK$366,ROUNDDOWN($C551/24,0)+1,1)*INDEX($D$3:$AA$30,INDEX(Jesper!$R$2:$R$366,ROW(INDEX(Jesper!AK$2:AK$366,ROUNDDOWN($C551/24,0)+1,1))-1)+IF('Standard Profiles'!$G$21=$B$10,7,0)+IF('Standard Profiles'!$G$21=$B$17,14,0)+IF('Standard Profiles'!$G$21=$B$24,21,0),MOD($C551,24)+1)/SUM(INDEX($D$3:$AA$30,INDEX(Jesper!$R$2:$R$366,ROW(INDEX(Jesper!AK$2:AK$366,ROUNDDOWN($C551/24,0)+1,1))-1)+IF('Standard Profiles'!$G$21=$B$10,7,0)+IF('Standard Profiles'!$G$21=$B$17,14,0)+IF('Standard Profiles'!$G$21=$B$24,21,0),0)),0)</f>
        <v>9.1159641434937004</v>
      </c>
      <c r="H551" cm="1">
        <f t="array" ref="H551">IFERROR(INDEX(Jesper!AL$2:AL$366,ROUNDDOWN($C551/24,0)+1,1)*INDEX($D$3:$AA$30,INDEX(Jesper!$R$2:$R$366,ROW(INDEX(Jesper!AL$2:AL$366,ROUNDDOWN($C551/24,0)+1,1))-1)+IF('Standard Profiles'!$G$22=$B$10,7,0)+IF('Standard Profiles'!$G$22=$B$17,14,0)+IF('Standard Profiles'!$G$22=$B$24,21,0),MOD($C551,24)+1)/SUM(INDEX($D$3:$AA$30,INDEX(Jesper!$R$2:$R$366,ROW(INDEX(Jesper!AL$2:AL$366,ROUNDDOWN($C551/24,0)+1,1))-1)+IF('Standard Profiles'!$G$22=$B$10,7,0)+IF('Standard Profiles'!$G$22=$B$17,14,0)+IF('Standard Profiles'!$G$22=$B$24,21,0),0)),0)</f>
        <v>8.9998727193874331</v>
      </c>
      <c r="I551">
        <f t="shared" si="76"/>
        <v>8.6398778106119405</v>
      </c>
      <c r="J551">
        <f t="shared" si="77"/>
        <v>19.819533736319762</v>
      </c>
      <c r="K551">
        <f t="shared" si="78"/>
        <v>0.46523166394544591</v>
      </c>
      <c r="L551">
        <f t="shared" si="79"/>
        <v>0.23261583197272295</v>
      </c>
      <c r="M551">
        <f t="shared" si="80"/>
        <v>0</v>
      </c>
      <c r="N551" s="45">
        <f t="shared" si="81"/>
        <v>44948.541666665413</v>
      </c>
    </row>
    <row r="552" spans="2:14" x14ac:dyDescent="0.25">
      <c r="B552">
        <f t="shared" si="75"/>
        <v>7</v>
      </c>
      <c r="C552" s="16">
        <v>518</v>
      </c>
      <c r="D552" cm="1">
        <f t="array" ref="D552">IFERROR(INDEX(Jesper!AH$2:AH$366,ROUNDDOWN($C552/24,0)+1,1)*INDEX($D$3:$AA$30,INDEX(Jesper!$R$2:$R$366,ROW(INDEX(Jesper!AH$2:AH$366,ROUNDDOWN($C552/24,0)+1,1))-1)+IF('Standard Profiles'!$G$18=$B$10,7,0)+IF('Standard Profiles'!$G$18=$B$17,14,0)+IF('Standard Profiles'!$G$18=$B$24,21,0),MOD($C552,24)+1)/SUM(INDEX($D$3:$AA$30,INDEX(Jesper!$R$2:$R$366,ROW(INDEX(Jesper!AH$2:AH$366,ROUNDDOWN($C552/24,0)+1,1))-1)+IF('Standard Profiles'!$G$18=$B$10,7,0)+IF('Standard Profiles'!$G$18=$B$17,14,0)+IF('Standard Profiles'!$G$18=$B$24,21,0),0)),0)</f>
        <v>0</v>
      </c>
      <c r="E552" cm="1">
        <f t="array" ref="E552">IFERROR(INDEX(Jesper!AI$2:AI$366,ROUNDDOWN($C552/24,0)+1,1)*INDEX($D$3:$AA$30,INDEX(Jesper!$R$2:$R$366,ROW(INDEX(Jesper!AI$2:AI$366,ROUNDDOWN($C552/24,0)+1,1))-1)+IF('Standard Profiles'!$G$19=$B$10,7,0)+IF('Standard Profiles'!$G$19=$B$17,14,0)+IF('Standard Profiles'!$G$19=$B$24,21,0),MOD($C552,24)+1)/SUM(INDEX($D$3:$AA$30,INDEX(Jesper!$R$2:$R$366,ROW(INDEX(Jesper!AI$2:AI$366,ROUNDDOWN($C552/24,0)+1,1))-1)+IF('Standard Profiles'!$G$19=$B$10,7,0)+IF('Standard Profiles'!$G$19=$B$17,14,0)+IF('Standard Profiles'!$G$19=$B$24,21,0),0)),0)</f>
        <v>5.8153957993180736</v>
      </c>
      <c r="F552" cm="1">
        <f t="array" ref="F552">IFERROR(INDEX(Jesper!AJ$2:AJ$366,ROUNDDOWN($C552/24,0)+1,1)*INDEX($D$3:$AA$30,INDEX(Jesper!$R$2:$R$366,ROW(INDEX(Jesper!AJ$2:AJ$366,ROUNDDOWN($C552/24,0)+1,1))-1)+IF('Standard Profiles'!$G$20=$B$10,7,0)+IF('Standard Profiles'!$G$20=$B$17,14,0)+IF('Standard Profiles'!$G$20=$B$24,21,0),MOD($C552,24)+1)/SUM(INDEX($D$3:$AA$30,INDEX(Jesper!$R$2:$R$366,ROW(INDEX(Jesper!AJ$2:AJ$366,ROUNDDOWN($C552/24,0)+1,1))-1)+IF('Standard Profiles'!$G$20=$B$10,7,0)+IF('Standard Profiles'!$G$20=$B$17,14,0)+IF('Standard Profiles'!$G$20=$B$24,21,0),0)),0)</f>
        <v>5.2260263806506666</v>
      </c>
      <c r="G552" cm="1">
        <f t="array" ref="G552">IFERROR(INDEX(Jesper!AK$2:AK$366,ROUNDDOWN($C552/24,0)+1,1)*INDEX($D$3:$AA$30,INDEX(Jesper!$R$2:$R$366,ROW(INDEX(Jesper!AK$2:AK$366,ROUNDDOWN($C552/24,0)+1,1))-1)+IF('Standard Profiles'!$G$21=$B$10,7,0)+IF('Standard Profiles'!$G$21=$B$17,14,0)+IF('Standard Profiles'!$G$21=$B$24,21,0),MOD($C552,24)+1)/SUM(INDEX($D$3:$AA$30,INDEX(Jesper!$R$2:$R$366,ROW(INDEX(Jesper!AK$2:AK$366,ROUNDDOWN($C552/24,0)+1,1))-1)+IF('Standard Profiles'!$G$21=$B$10,7,0)+IF('Standard Profiles'!$G$21=$B$17,14,0)+IF('Standard Profiles'!$G$21=$B$24,21,0),0)),0)</f>
        <v>9.1159641434937004</v>
      </c>
      <c r="H552" cm="1">
        <f t="array" ref="H552">IFERROR(INDEX(Jesper!AL$2:AL$366,ROUNDDOWN($C552/24,0)+1,1)*INDEX($D$3:$AA$30,INDEX(Jesper!$R$2:$R$366,ROW(INDEX(Jesper!AL$2:AL$366,ROUNDDOWN($C552/24,0)+1,1))-1)+IF('Standard Profiles'!$G$22=$B$10,7,0)+IF('Standard Profiles'!$G$22=$B$17,14,0)+IF('Standard Profiles'!$G$22=$B$24,21,0),MOD($C552,24)+1)/SUM(INDEX($D$3:$AA$30,INDEX(Jesper!$R$2:$R$366,ROW(INDEX(Jesper!AL$2:AL$366,ROUNDDOWN($C552/24,0)+1,1))-1)+IF('Standard Profiles'!$G$22=$B$10,7,0)+IF('Standard Profiles'!$G$22=$B$17,14,0)+IF('Standard Profiles'!$G$22=$B$24,21,0),0)),0)</f>
        <v>8.9998727193874331</v>
      </c>
      <c r="I552">
        <f t="shared" si="76"/>
        <v>8.6398778106119405</v>
      </c>
      <c r="J552">
        <f t="shared" si="77"/>
        <v>19.819533736319762</v>
      </c>
      <c r="K552">
        <f t="shared" si="78"/>
        <v>0.46523166394544591</v>
      </c>
      <c r="L552">
        <f t="shared" si="79"/>
        <v>0.23261583197272295</v>
      </c>
      <c r="M552">
        <f t="shared" si="80"/>
        <v>0</v>
      </c>
      <c r="N552" s="45">
        <f t="shared" si="81"/>
        <v>44948.583333332077</v>
      </c>
    </row>
    <row r="553" spans="2:14" x14ac:dyDescent="0.25">
      <c r="B553">
        <f t="shared" si="75"/>
        <v>7</v>
      </c>
      <c r="C553" s="16">
        <v>519</v>
      </c>
      <c r="D553" cm="1">
        <f t="array" ref="D553">IFERROR(INDEX(Jesper!AH$2:AH$366,ROUNDDOWN($C553/24,0)+1,1)*INDEX($D$3:$AA$30,INDEX(Jesper!$R$2:$R$366,ROW(INDEX(Jesper!AH$2:AH$366,ROUNDDOWN($C553/24,0)+1,1))-1)+IF('Standard Profiles'!$G$18=$B$10,7,0)+IF('Standard Profiles'!$G$18=$B$17,14,0)+IF('Standard Profiles'!$G$18=$B$24,21,0),MOD($C553,24)+1)/SUM(INDEX($D$3:$AA$30,INDEX(Jesper!$R$2:$R$366,ROW(INDEX(Jesper!AH$2:AH$366,ROUNDDOWN($C553/24,0)+1,1))-1)+IF('Standard Profiles'!$G$18=$B$10,7,0)+IF('Standard Profiles'!$G$18=$B$17,14,0)+IF('Standard Profiles'!$G$18=$B$24,21,0),0)),0)</f>
        <v>0</v>
      </c>
      <c r="E553" cm="1">
        <f t="array" ref="E553">IFERROR(INDEX(Jesper!AI$2:AI$366,ROUNDDOWN($C553/24,0)+1,1)*INDEX($D$3:$AA$30,INDEX(Jesper!$R$2:$R$366,ROW(INDEX(Jesper!AI$2:AI$366,ROUNDDOWN($C553/24,0)+1,1))-1)+IF('Standard Profiles'!$G$19=$B$10,7,0)+IF('Standard Profiles'!$G$19=$B$17,14,0)+IF('Standard Profiles'!$G$19=$B$24,21,0),MOD($C553,24)+1)/SUM(INDEX($D$3:$AA$30,INDEX(Jesper!$R$2:$R$366,ROW(INDEX(Jesper!AI$2:AI$366,ROUNDDOWN($C553/24,0)+1,1))-1)+IF('Standard Profiles'!$G$19=$B$10,7,0)+IF('Standard Profiles'!$G$19=$B$17,14,0)+IF('Standard Profiles'!$G$19=$B$24,21,0),0)),0)</f>
        <v>5.8153957993180736</v>
      </c>
      <c r="F553" cm="1">
        <f t="array" ref="F553">IFERROR(INDEX(Jesper!AJ$2:AJ$366,ROUNDDOWN($C553/24,0)+1,1)*INDEX($D$3:$AA$30,INDEX(Jesper!$R$2:$R$366,ROW(INDEX(Jesper!AJ$2:AJ$366,ROUNDDOWN($C553/24,0)+1,1))-1)+IF('Standard Profiles'!$G$20=$B$10,7,0)+IF('Standard Profiles'!$G$20=$B$17,14,0)+IF('Standard Profiles'!$G$20=$B$24,21,0),MOD($C553,24)+1)/SUM(INDEX($D$3:$AA$30,INDEX(Jesper!$R$2:$R$366,ROW(INDEX(Jesper!AJ$2:AJ$366,ROUNDDOWN($C553/24,0)+1,1))-1)+IF('Standard Profiles'!$G$20=$B$10,7,0)+IF('Standard Profiles'!$G$20=$B$17,14,0)+IF('Standard Profiles'!$G$20=$B$24,21,0),0)),0)</f>
        <v>5.2260263806506666</v>
      </c>
      <c r="G553" cm="1">
        <f t="array" ref="G553">IFERROR(INDEX(Jesper!AK$2:AK$366,ROUNDDOWN($C553/24,0)+1,1)*INDEX($D$3:$AA$30,INDEX(Jesper!$R$2:$R$366,ROW(INDEX(Jesper!AK$2:AK$366,ROUNDDOWN($C553/24,0)+1,1))-1)+IF('Standard Profiles'!$G$21=$B$10,7,0)+IF('Standard Profiles'!$G$21=$B$17,14,0)+IF('Standard Profiles'!$G$21=$B$24,21,0),MOD($C553,24)+1)/SUM(INDEX($D$3:$AA$30,INDEX(Jesper!$R$2:$R$366,ROW(INDEX(Jesper!AK$2:AK$366,ROUNDDOWN($C553/24,0)+1,1))-1)+IF('Standard Profiles'!$G$21=$B$10,7,0)+IF('Standard Profiles'!$G$21=$B$17,14,0)+IF('Standard Profiles'!$G$21=$B$24,21,0),0)),0)</f>
        <v>9.1159641434937004</v>
      </c>
      <c r="H553" cm="1">
        <f t="array" ref="H553">IFERROR(INDEX(Jesper!AL$2:AL$366,ROUNDDOWN($C553/24,0)+1,1)*INDEX($D$3:$AA$30,INDEX(Jesper!$R$2:$R$366,ROW(INDEX(Jesper!AL$2:AL$366,ROUNDDOWN($C553/24,0)+1,1))-1)+IF('Standard Profiles'!$G$22=$B$10,7,0)+IF('Standard Profiles'!$G$22=$B$17,14,0)+IF('Standard Profiles'!$G$22=$B$24,21,0),MOD($C553,24)+1)/SUM(INDEX($D$3:$AA$30,INDEX(Jesper!$R$2:$R$366,ROW(INDEX(Jesper!AL$2:AL$366,ROUNDDOWN($C553/24,0)+1,1))-1)+IF('Standard Profiles'!$G$22=$B$10,7,0)+IF('Standard Profiles'!$G$22=$B$17,14,0)+IF('Standard Profiles'!$G$22=$B$24,21,0),0)),0)</f>
        <v>7.9998868616777177</v>
      </c>
      <c r="I553">
        <f t="shared" si="76"/>
        <v>7.6798913872106134</v>
      </c>
      <c r="J553">
        <f t="shared" si="77"/>
        <v>19.779534302011374</v>
      </c>
      <c r="K553">
        <f t="shared" si="78"/>
        <v>0.46523166394544591</v>
      </c>
      <c r="L553">
        <f t="shared" si="79"/>
        <v>0.23261583197272295</v>
      </c>
      <c r="M553">
        <f t="shared" si="80"/>
        <v>0</v>
      </c>
      <c r="N553" s="45">
        <f t="shared" si="81"/>
        <v>44948.624999998741</v>
      </c>
    </row>
    <row r="554" spans="2:14" x14ac:dyDescent="0.25">
      <c r="B554">
        <f t="shared" si="75"/>
        <v>7</v>
      </c>
      <c r="C554" s="16">
        <v>520</v>
      </c>
      <c r="D554" cm="1">
        <f t="array" ref="D554">IFERROR(INDEX(Jesper!AH$2:AH$366,ROUNDDOWN($C554/24,0)+1,1)*INDEX($D$3:$AA$30,INDEX(Jesper!$R$2:$R$366,ROW(INDEX(Jesper!AH$2:AH$366,ROUNDDOWN($C554/24,0)+1,1))-1)+IF('Standard Profiles'!$G$18=$B$10,7,0)+IF('Standard Profiles'!$G$18=$B$17,14,0)+IF('Standard Profiles'!$G$18=$B$24,21,0),MOD($C554,24)+1)/SUM(INDEX($D$3:$AA$30,INDEX(Jesper!$R$2:$R$366,ROW(INDEX(Jesper!AH$2:AH$366,ROUNDDOWN($C554/24,0)+1,1))-1)+IF('Standard Profiles'!$G$18=$B$10,7,0)+IF('Standard Profiles'!$G$18=$B$17,14,0)+IF('Standard Profiles'!$G$18=$B$24,21,0),0)),0)</f>
        <v>0</v>
      </c>
      <c r="E554" cm="1">
        <f t="array" ref="E554">IFERROR(INDEX(Jesper!AI$2:AI$366,ROUNDDOWN($C554/24,0)+1,1)*INDEX($D$3:$AA$30,INDEX(Jesper!$R$2:$R$366,ROW(INDEX(Jesper!AI$2:AI$366,ROUNDDOWN($C554/24,0)+1,1))-1)+IF('Standard Profiles'!$G$19=$B$10,7,0)+IF('Standard Profiles'!$G$19=$B$17,14,0)+IF('Standard Profiles'!$G$19=$B$24,21,0),MOD($C554,24)+1)/SUM(INDEX($D$3:$AA$30,INDEX(Jesper!$R$2:$R$366,ROW(INDEX(Jesper!AI$2:AI$366,ROUNDDOWN($C554/24,0)+1,1))-1)+IF('Standard Profiles'!$G$19=$B$10,7,0)+IF('Standard Profiles'!$G$19=$B$17,14,0)+IF('Standard Profiles'!$G$19=$B$24,21,0),0)),0)</f>
        <v>5.8153957993180736</v>
      </c>
      <c r="F554" cm="1">
        <f t="array" ref="F554">IFERROR(INDEX(Jesper!AJ$2:AJ$366,ROUNDDOWN($C554/24,0)+1,1)*INDEX($D$3:$AA$30,INDEX(Jesper!$R$2:$R$366,ROW(INDEX(Jesper!AJ$2:AJ$366,ROUNDDOWN($C554/24,0)+1,1))-1)+IF('Standard Profiles'!$G$20=$B$10,7,0)+IF('Standard Profiles'!$G$20=$B$17,14,0)+IF('Standard Profiles'!$G$20=$B$24,21,0),MOD($C554,24)+1)/SUM(INDEX($D$3:$AA$30,INDEX(Jesper!$R$2:$R$366,ROW(INDEX(Jesper!AJ$2:AJ$366,ROUNDDOWN($C554/24,0)+1,1))-1)+IF('Standard Profiles'!$G$20=$B$10,7,0)+IF('Standard Profiles'!$G$20=$B$17,14,0)+IF('Standard Profiles'!$G$20=$B$24,21,0),0)),0)</f>
        <v>5.2260263806506666</v>
      </c>
      <c r="G554" cm="1">
        <f t="array" ref="G554">IFERROR(INDEX(Jesper!AK$2:AK$366,ROUNDDOWN($C554/24,0)+1,1)*INDEX($D$3:$AA$30,INDEX(Jesper!$R$2:$R$366,ROW(INDEX(Jesper!AK$2:AK$366,ROUNDDOWN($C554/24,0)+1,1))-1)+IF('Standard Profiles'!$G$21=$B$10,7,0)+IF('Standard Profiles'!$G$21=$B$17,14,0)+IF('Standard Profiles'!$G$21=$B$24,21,0),MOD($C554,24)+1)/SUM(INDEX($D$3:$AA$30,INDEX(Jesper!$R$2:$R$366,ROW(INDEX(Jesper!AK$2:AK$366,ROUNDDOWN($C554/24,0)+1,1))-1)+IF('Standard Profiles'!$G$21=$B$10,7,0)+IF('Standard Profiles'!$G$21=$B$17,14,0)+IF('Standard Profiles'!$G$21=$B$24,21,0),0)),0)</f>
        <v>9.1159641434937004</v>
      </c>
      <c r="H554" cm="1">
        <f t="array" ref="H554">IFERROR(INDEX(Jesper!AL$2:AL$366,ROUNDDOWN($C554/24,0)+1,1)*INDEX($D$3:$AA$30,INDEX(Jesper!$R$2:$R$366,ROW(INDEX(Jesper!AL$2:AL$366,ROUNDDOWN($C554/24,0)+1,1))-1)+IF('Standard Profiles'!$G$22=$B$10,7,0)+IF('Standard Profiles'!$G$22=$B$17,14,0)+IF('Standard Profiles'!$G$22=$B$24,21,0),MOD($C554,24)+1)/SUM(INDEX($D$3:$AA$30,INDEX(Jesper!$R$2:$R$366,ROW(INDEX(Jesper!AL$2:AL$366,ROUNDDOWN($C554/24,0)+1,1))-1)+IF('Standard Profiles'!$G$22=$B$10,7,0)+IF('Standard Profiles'!$G$22=$B$17,14,0)+IF('Standard Profiles'!$G$22=$B$24,21,0),0)),0)</f>
        <v>7.8570317391477582</v>
      </c>
      <c r="I554">
        <f t="shared" si="76"/>
        <v>7.5427504695818524</v>
      </c>
      <c r="J554">
        <f t="shared" si="77"/>
        <v>19.773820097110178</v>
      </c>
      <c r="K554">
        <f t="shared" si="78"/>
        <v>0.46523166394544591</v>
      </c>
      <c r="L554">
        <f t="shared" si="79"/>
        <v>0.23261583197272295</v>
      </c>
      <c r="M554">
        <f t="shared" si="80"/>
        <v>0</v>
      </c>
      <c r="N554" s="45">
        <f t="shared" si="81"/>
        <v>44948.666666665406</v>
      </c>
    </row>
    <row r="555" spans="2:14" x14ac:dyDescent="0.25">
      <c r="B555">
        <f t="shared" si="75"/>
        <v>7</v>
      </c>
      <c r="C555" s="16">
        <v>521</v>
      </c>
      <c r="D555" cm="1">
        <f t="array" ref="D555">IFERROR(INDEX(Jesper!AH$2:AH$366,ROUNDDOWN($C555/24,0)+1,1)*INDEX($D$3:$AA$30,INDEX(Jesper!$R$2:$R$366,ROW(INDEX(Jesper!AH$2:AH$366,ROUNDDOWN($C555/24,0)+1,1))-1)+IF('Standard Profiles'!$G$18=$B$10,7,0)+IF('Standard Profiles'!$G$18=$B$17,14,0)+IF('Standard Profiles'!$G$18=$B$24,21,0),MOD($C555,24)+1)/SUM(INDEX($D$3:$AA$30,INDEX(Jesper!$R$2:$R$366,ROW(INDEX(Jesper!AH$2:AH$366,ROUNDDOWN($C555/24,0)+1,1))-1)+IF('Standard Profiles'!$G$18=$B$10,7,0)+IF('Standard Profiles'!$G$18=$B$17,14,0)+IF('Standard Profiles'!$G$18=$B$24,21,0),0)),0)</f>
        <v>0</v>
      </c>
      <c r="E555" cm="1">
        <f t="array" ref="E555">IFERROR(INDEX(Jesper!AI$2:AI$366,ROUNDDOWN($C555/24,0)+1,1)*INDEX($D$3:$AA$30,INDEX(Jesper!$R$2:$R$366,ROW(INDEX(Jesper!AI$2:AI$366,ROUNDDOWN($C555/24,0)+1,1))-1)+IF('Standard Profiles'!$G$19=$B$10,7,0)+IF('Standard Profiles'!$G$19=$B$17,14,0)+IF('Standard Profiles'!$G$19=$B$24,21,0),MOD($C555,24)+1)/SUM(INDEX($D$3:$AA$30,INDEX(Jesper!$R$2:$R$366,ROW(INDEX(Jesper!AI$2:AI$366,ROUNDDOWN($C555/24,0)+1,1))-1)+IF('Standard Profiles'!$G$19=$B$10,7,0)+IF('Standard Profiles'!$G$19=$B$17,14,0)+IF('Standard Profiles'!$G$19=$B$24,21,0),0)),0)</f>
        <v>5.8153957993180736</v>
      </c>
      <c r="F555" cm="1">
        <f t="array" ref="F555">IFERROR(INDEX(Jesper!AJ$2:AJ$366,ROUNDDOWN($C555/24,0)+1,1)*INDEX($D$3:$AA$30,INDEX(Jesper!$R$2:$R$366,ROW(INDEX(Jesper!AJ$2:AJ$366,ROUNDDOWN($C555/24,0)+1,1))-1)+IF('Standard Profiles'!$G$20=$B$10,7,0)+IF('Standard Profiles'!$G$20=$B$17,14,0)+IF('Standard Profiles'!$G$20=$B$24,21,0),MOD($C555,24)+1)/SUM(INDEX($D$3:$AA$30,INDEX(Jesper!$R$2:$R$366,ROW(INDEX(Jesper!AJ$2:AJ$366,ROUNDDOWN($C555/24,0)+1,1))-1)+IF('Standard Profiles'!$G$20=$B$10,7,0)+IF('Standard Profiles'!$G$20=$B$17,14,0)+IF('Standard Profiles'!$G$20=$B$24,21,0),0)),0)</f>
        <v>5.2260263806506666</v>
      </c>
      <c r="G555" cm="1">
        <f t="array" ref="G555">IFERROR(INDEX(Jesper!AK$2:AK$366,ROUNDDOWN($C555/24,0)+1,1)*INDEX($D$3:$AA$30,INDEX(Jesper!$R$2:$R$366,ROW(INDEX(Jesper!AK$2:AK$366,ROUNDDOWN($C555/24,0)+1,1))-1)+IF('Standard Profiles'!$G$21=$B$10,7,0)+IF('Standard Profiles'!$G$21=$B$17,14,0)+IF('Standard Profiles'!$G$21=$B$24,21,0),MOD($C555,24)+1)/SUM(INDEX($D$3:$AA$30,INDEX(Jesper!$R$2:$R$366,ROW(INDEX(Jesper!AK$2:AK$366,ROUNDDOWN($C555/24,0)+1,1))-1)+IF('Standard Profiles'!$G$21=$B$10,7,0)+IF('Standard Profiles'!$G$21=$B$17,14,0)+IF('Standard Profiles'!$G$21=$B$24,21,0),0)),0)</f>
        <v>9.1159641434937004</v>
      </c>
      <c r="H555" cm="1">
        <f t="array" ref="H555">IFERROR(INDEX(Jesper!AL$2:AL$366,ROUNDDOWN($C555/24,0)+1,1)*INDEX($D$3:$AA$30,INDEX(Jesper!$R$2:$R$366,ROW(INDEX(Jesper!AL$2:AL$366,ROUNDDOWN($C555/24,0)+1,1))-1)+IF('Standard Profiles'!$G$22=$B$10,7,0)+IF('Standard Profiles'!$G$22=$B$17,14,0)+IF('Standard Profiles'!$G$22=$B$24,21,0),MOD($C555,24)+1)/SUM(INDEX($D$3:$AA$30,INDEX(Jesper!$R$2:$R$366,ROW(INDEX(Jesper!AL$2:AL$366,ROUNDDOWN($C555/24,0)+1,1))-1)+IF('Standard Profiles'!$G$22=$B$10,7,0)+IF('Standard Profiles'!$G$22=$B$17,14,0)+IF('Standard Profiles'!$G$22=$B$24,21,0),0)),0)</f>
        <v>6.7141907589080851</v>
      </c>
      <c r="I555">
        <f t="shared" si="76"/>
        <v>6.4456231285517651</v>
      </c>
      <c r="J555">
        <f t="shared" si="77"/>
        <v>19.728106457900591</v>
      </c>
      <c r="K555">
        <f t="shared" si="78"/>
        <v>0.46523166394544591</v>
      </c>
      <c r="L555">
        <f t="shared" si="79"/>
        <v>0.23261583197272295</v>
      </c>
      <c r="M555">
        <f t="shared" si="80"/>
        <v>0</v>
      </c>
      <c r="N555" s="45">
        <f t="shared" si="81"/>
        <v>44948.70833333207</v>
      </c>
    </row>
    <row r="556" spans="2:14" x14ac:dyDescent="0.25">
      <c r="B556">
        <f t="shared" si="75"/>
        <v>7</v>
      </c>
      <c r="C556" s="16">
        <v>522</v>
      </c>
      <c r="D556" cm="1">
        <f t="array" ref="D556">IFERROR(INDEX(Jesper!AH$2:AH$366,ROUNDDOWN($C556/24,0)+1,1)*INDEX($D$3:$AA$30,INDEX(Jesper!$R$2:$R$366,ROW(INDEX(Jesper!AH$2:AH$366,ROUNDDOWN($C556/24,0)+1,1))-1)+IF('Standard Profiles'!$G$18=$B$10,7,0)+IF('Standard Profiles'!$G$18=$B$17,14,0)+IF('Standard Profiles'!$G$18=$B$24,21,0),MOD($C556,24)+1)/SUM(INDEX($D$3:$AA$30,INDEX(Jesper!$R$2:$R$366,ROW(INDEX(Jesper!AH$2:AH$366,ROUNDDOWN($C556/24,0)+1,1))-1)+IF('Standard Profiles'!$G$18=$B$10,7,0)+IF('Standard Profiles'!$G$18=$B$17,14,0)+IF('Standard Profiles'!$G$18=$B$24,21,0),0)),0)</f>
        <v>0</v>
      </c>
      <c r="E556" cm="1">
        <f t="array" ref="E556">IFERROR(INDEX(Jesper!AI$2:AI$366,ROUNDDOWN($C556/24,0)+1,1)*INDEX($D$3:$AA$30,INDEX(Jesper!$R$2:$R$366,ROW(INDEX(Jesper!AI$2:AI$366,ROUNDDOWN($C556/24,0)+1,1))-1)+IF('Standard Profiles'!$G$19=$B$10,7,0)+IF('Standard Profiles'!$G$19=$B$17,14,0)+IF('Standard Profiles'!$G$19=$B$24,21,0),MOD($C556,24)+1)/SUM(INDEX($D$3:$AA$30,INDEX(Jesper!$R$2:$R$366,ROW(INDEX(Jesper!AI$2:AI$366,ROUNDDOWN($C556/24,0)+1,1))-1)+IF('Standard Profiles'!$G$19=$B$10,7,0)+IF('Standard Profiles'!$G$19=$B$17,14,0)+IF('Standard Profiles'!$G$19=$B$24,21,0),0)),0)</f>
        <v>5.8153957993180736</v>
      </c>
      <c r="F556" cm="1">
        <f t="array" ref="F556">IFERROR(INDEX(Jesper!AJ$2:AJ$366,ROUNDDOWN($C556/24,0)+1,1)*INDEX($D$3:$AA$30,INDEX(Jesper!$R$2:$R$366,ROW(INDEX(Jesper!AJ$2:AJ$366,ROUNDDOWN($C556/24,0)+1,1))-1)+IF('Standard Profiles'!$G$20=$B$10,7,0)+IF('Standard Profiles'!$G$20=$B$17,14,0)+IF('Standard Profiles'!$G$20=$B$24,21,0),MOD($C556,24)+1)/SUM(INDEX($D$3:$AA$30,INDEX(Jesper!$R$2:$R$366,ROW(INDEX(Jesper!AJ$2:AJ$366,ROUNDDOWN($C556/24,0)+1,1))-1)+IF('Standard Profiles'!$G$20=$B$10,7,0)+IF('Standard Profiles'!$G$20=$B$17,14,0)+IF('Standard Profiles'!$G$20=$B$24,21,0),0)),0)</f>
        <v>5.2260263806506666</v>
      </c>
      <c r="G556" cm="1">
        <f t="array" ref="G556">IFERROR(INDEX(Jesper!AK$2:AK$366,ROUNDDOWN($C556/24,0)+1,1)*INDEX($D$3:$AA$30,INDEX(Jesper!$R$2:$R$366,ROW(INDEX(Jesper!AK$2:AK$366,ROUNDDOWN($C556/24,0)+1,1))-1)+IF('Standard Profiles'!$G$21=$B$10,7,0)+IF('Standard Profiles'!$G$21=$B$17,14,0)+IF('Standard Profiles'!$G$21=$B$24,21,0),MOD($C556,24)+1)/SUM(INDEX($D$3:$AA$30,INDEX(Jesper!$R$2:$R$366,ROW(INDEX(Jesper!AK$2:AK$366,ROUNDDOWN($C556/24,0)+1,1))-1)+IF('Standard Profiles'!$G$21=$B$10,7,0)+IF('Standard Profiles'!$G$21=$B$17,14,0)+IF('Standard Profiles'!$G$21=$B$24,21,0),0)),0)</f>
        <v>9.1159641434937004</v>
      </c>
      <c r="H556" cm="1">
        <f t="array" ref="H556">IFERROR(INDEX(Jesper!AL$2:AL$366,ROUNDDOWN($C556/24,0)+1,1)*INDEX($D$3:$AA$30,INDEX(Jesper!$R$2:$R$366,ROW(INDEX(Jesper!AL$2:AL$366,ROUNDDOWN($C556/24,0)+1,1))-1)+IF('Standard Profiles'!$G$22=$B$10,7,0)+IF('Standard Profiles'!$G$22=$B$17,14,0)+IF('Standard Profiles'!$G$22=$B$24,21,0),MOD($C556,24)+1)/SUM(INDEX($D$3:$AA$30,INDEX(Jesper!$R$2:$R$366,ROW(INDEX(Jesper!AL$2:AL$366,ROUNDDOWN($C556/24,0)+1,1))-1)+IF('Standard Profiles'!$G$22=$B$10,7,0)+IF('Standard Profiles'!$G$22=$B$17,14,0)+IF('Standard Profiles'!$G$22=$B$24,21,0),0)),0)</f>
        <v>6.2856253913182067</v>
      </c>
      <c r="I556">
        <f t="shared" si="76"/>
        <v>6.0342003756654821</v>
      </c>
      <c r="J556">
        <f t="shared" si="77"/>
        <v>19.710963843196996</v>
      </c>
      <c r="K556">
        <f t="shared" si="78"/>
        <v>0.46523166394544591</v>
      </c>
      <c r="L556">
        <f t="shared" si="79"/>
        <v>0.23261583197272295</v>
      </c>
      <c r="M556">
        <f t="shared" si="80"/>
        <v>0</v>
      </c>
      <c r="N556" s="45">
        <f t="shared" si="81"/>
        <v>44948.749999998734</v>
      </c>
    </row>
    <row r="557" spans="2:14" x14ac:dyDescent="0.25">
      <c r="B557">
        <f t="shared" si="75"/>
        <v>7</v>
      </c>
      <c r="C557" s="16">
        <v>523</v>
      </c>
      <c r="D557" cm="1">
        <f t="array" ref="D557">IFERROR(INDEX(Jesper!AH$2:AH$366,ROUNDDOWN($C557/24,0)+1,1)*INDEX($D$3:$AA$30,INDEX(Jesper!$R$2:$R$366,ROW(INDEX(Jesper!AH$2:AH$366,ROUNDDOWN($C557/24,0)+1,1))-1)+IF('Standard Profiles'!$G$18=$B$10,7,0)+IF('Standard Profiles'!$G$18=$B$17,14,0)+IF('Standard Profiles'!$G$18=$B$24,21,0),MOD($C557,24)+1)/SUM(INDEX($D$3:$AA$30,INDEX(Jesper!$R$2:$R$366,ROW(INDEX(Jesper!AH$2:AH$366,ROUNDDOWN($C557/24,0)+1,1))-1)+IF('Standard Profiles'!$G$18=$B$10,7,0)+IF('Standard Profiles'!$G$18=$B$17,14,0)+IF('Standard Profiles'!$G$18=$B$24,21,0),0)),0)</f>
        <v>0</v>
      </c>
      <c r="E557" cm="1">
        <f t="array" ref="E557">IFERROR(INDEX(Jesper!AI$2:AI$366,ROUNDDOWN($C557/24,0)+1,1)*INDEX($D$3:$AA$30,INDEX(Jesper!$R$2:$R$366,ROW(INDEX(Jesper!AI$2:AI$366,ROUNDDOWN($C557/24,0)+1,1))-1)+IF('Standard Profiles'!$G$19=$B$10,7,0)+IF('Standard Profiles'!$G$19=$B$17,14,0)+IF('Standard Profiles'!$G$19=$B$24,21,0),MOD($C557,24)+1)/SUM(INDEX($D$3:$AA$30,INDEX(Jesper!$R$2:$R$366,ROW(INDEX(Jesper!AI$2:AI$366,ROUNDDOWN($C557/24,0)+1,1))-1)+IF('Standard Profiles'!$G$19=$B$10,7,0)+IF('Standard Profiles'!$G$19=$B$17,14,0)+IF('Standard Profiles'!$G$19=$B$24,21,0),0)),0)</f>
        <v>5.8153957993180736</v>
      </c>
      <c r="F557" cm="1">
        <f t="array" ref="F557">IFERROR(INDEX(Jesper!AJ$2:AJ$366,ROUNDDOWN($C557/24,0)+1,1)*INDEX($D$3:$AA$30,INDEX(Jesper!$R$2:$R$366,ROW(INDEX(Jesper!AJ$2:AJ$366,ROUNDDOWN($C557/24,0)+1,1))-1)+IF('Standard Profiles'!$G$20=$B$10,7,0)+IF('Standard Profiles'!$G$20=$B$17,14,0)+IF('Standard Profiles'!$G$20=$B$24,21,0),MOD($C557,24)+1)/SUM(INDEX($D$3:$AA$30,INDEX(Jesper!$R$2:$R$366,ROW(INDEX(Jesper!AJ$2:AJ$366,ROUNDDOWN($C557/24,0)+1,1))-1)+IF('Standard Profiles'!$G$20=$B$10,7,0)+IF('Standard Profiles'!$G$20=$B$17,14,0)+IF('Standard Profiles'!$G$20=$B$24,21,0),0)),0)</f>
        <v>5.2260263806506666</v>
      </c>
      <c r="G557" cm="1">
        <f t="array" ref="G557">IFERROR(INDEX(Jesper!AK$2:AK$366,ROUNDDOWN($C557/24,0)+1,1)*INDEX($D$3:$AA$30,INDEX(Jesper!$R$2:$R$366,ROW(INDEX(Jesper!AK$2:AK$366,ROUNDDOWN($C557/24,0)+1,1))-1)+IF('Standard Profiles'!$G$21=$B$10,7,0)+IF('Standard Profiles'!$G$21=$B$17,14,0)+IF('Standard Profiles'!$G$21=$B$24,21,0),MOD($C557,24)+1)/SUM(INDEX($D$3:$AA$30,INDEX(Jesper!$R$2:$R$366,ROW(INDEX(Jesper!AK$2:AK$366,ROUNDDOWN($C557/24,0)+1,1))-1)+IF('Standard Profiles'!$G$21=$B$10,7,0)+IF('Standard Profiles'!$G$21=$B$17,14,0)+IF('Standard Profiles'!$G$21=$B$24,21,0),0)),0)</f>
        <v>9.1159641434937004</v>
      </c>
      <c r="H557" cm="1">
        <f t="array" ref="H557">IFERROR(INDEX(Jesper!AL$2:AL$366,ROUNDDOWN($C557/24,0)+1,1)*INDEX($D$3:$AA$30,INDEX(Jesper!$R$2:$R$366,ROW(INDEX(Jesper!AL$2:AL$366,ROUNDDOWN($C557/24,0)+1,1))-1)+IF('Standard Profiles'!$G$22=$B$10,7,0)+IF('Standard Profiles'!$G$22=$B$17,14,0)+IF('Standard Profiles'!$G$22=$B$24,21,0),MOD($C557,24)+1)/SUM(INDEX($D$3:$AA$30,INDEX(Jesper!$R$2:$R$366,ROW(INDEX(Jesper!AL$2:AL$366,ROUNDDOWN($C557/24,0)+1,1))-1)+IF('Standard Profiles'!$G$22=$B$10,7,0)+IF('Standard Profiles'!$G$22=$B$17,14,0)+IF('Standard Profiles'!$G$22=$B$24,21,0),0)),0)</f>
        <v>5.2856395336084923</v>
      </c>
      <c r="I557">
        <f t="shared" si="76"/>
        <v>5.0742139522641549</v>
      </c>
      <c r="J557">
        <f t="shared" si="77"/>
        <v>19.670964408888608</v>
      </c>
      <c r="K557">
        <f t="shared" si="78"/>
        <v>0.46523166394544591</v>
      </c>
      <c r="L557">
        <f t="shared" si="79"/>
        <v>0.23261583197272295</v>
      </c>
      <c r="M557">
        <f t="shared" si="80"/>
        <v>0</v>
      </c>
      <c r="N557" s="45">
        <f t="shared" si="81"/>
        <v>44948.791666665398</v>
      </c>
    </row>
    <row r="558" spans="2:14" x14ac:dyDescent="0.25">
      <c r="B558">
        <f t="shared" si="75"/>
        <v>7</v>
      </c>
      <c r="C558" s="16">
        <v>524</v>
      </c>
      <c r="D558" cm="1">
        <f t="array" ref="D558">IFERROR(INDEX(Jesper!AH$2:AH$366,ROUNDDOWN($C558/24,0)+1,1)*INDEX($D$3:$AA$30,INDEX(Jesper!$R$2:$R$366,ROW(INDEX(Jesper!AH$2:AH$366,ROUNDDOWN($C558/24,0)+1,1))-1)+IF('Standard Profiles'!$G$18=$B$10,7,0)+IF('Standard Profiles'!$G$18=$B$17,14,0)+IF('Standard Profiles'!$G$18=$B$24,21,0),MOD($C558,24)+1)/SUM(INDEX($D$3:$AA$30,INDEX(Jesper!$R$2:$R$366,ROW(INDEX(Jesper!AH$2:AH$366,ROUNDDOWN($C558/24,0)+1,1))-1)+IF('Standard Profiles'!$G$18=$B$10,7,0)+IF('Standard Profiles'!$G$18=$B$17,14,0)+IF('Standard Profiles'!$G$18=$B$24,21,0),0)),0)</f>
        <v>0</v>
      </c>
      <c r="E558" cm="1">
        <f t="array" ref="E558">IFERROR(INDEX(Jesper!AI$2:AI$366,ROUNDDOWN($C558/24,0)+1,1)*INDEX($D$3:$AA$30,INDEX(Jesper!$R$2:$R$366,ROW(INDEX(Jesper!AI$2:AI$366,ROUNDDOWN($C558/24,0)+1,1))-1)+IF('Standard Profiles'!$G$19=$B$10,7,0)+IF('Standard Profiles'!$G$19=$B$17,14,0)+IF('Standard Profiles'!$G$19=$B$24,21,0),MOD($C558,24)+1)/SUM(INDEX($D$3:$AA$30,INDEX(Jesper!$R$2:$R$366,ROW(INDEX(Jesper!AI$2:AI$366,ROUNDDOWN($C558/24,0)+1,1))-1)+IF('Standard Profiles'!$G$19=$B$10,7,0)+IF('Standard Profiles'!$G$19=$B$17,14,0)+IF('Standard Profiles'!$G$19=$B$24,21,0),0)),0)</f>
        <v>5.8153957993180736</v>
      </c>
      <c r="F558" cm="1">
        <f t="array" ref="F558">IFERROR(INDEX(Jesper!AJ$2:AJ$366,ROUNDDOWN($C558/24,0)+1,1)*INDEX($D$3:$AA$30,INDEX(Jesper!$R$2:$R$366,ROW(INDEX(Jesper!AJ$2:AJ$366,ROUNDDOWN($C558/24,0)+1,1))-1)+IF('Standard Profiles'!$G$20=$B$10,7,0)+IF('Standard Profiles'!$G$20=$B$17,14,0)+IF('Standard Profiles'!$G$20=$B$24,21,0),MOD($C558,24)+1)/SUM(INDEX($D$3:$AA$30,INDEX(Jesper!$R$2:$R$366,ROW(INDEX(Jesper!AJ$2:AJ$366,ROUNDDOWN($C558/24,0)+1,1))-1)+IF('Standard Profiles'!$G$20=$B$10,7,0)+IF('Standard Profiles'!$G$20=$B$17,14,0)+IF('Standard Profiles'!$G$20=$B$24,21,0),0)),0)</f>
        <v>5.2260263806506666</v>
      </c>
      <c r="G558" cm="1">
        <f t="array" ref="G558">IFERROR(INDEX(Jesper!AK$2:AK$366,ROUNDDOWN($C558/24,0)+1,1)*INDEX($D$3:$AA$30,INDEX(Jesper!$R$2:$R$366,ROW(INDEX(Jesper!AK$2:AK$366,ROUNDDOWN($C558/24,0)+1,1))-1)+IF('Standard Profiles'!$G$21=$B$10,7,0)+IF('Standard Profiles'!$G$21=$B$17,14,0)+IF('Standard Profiles'!$G$21=$B$24,21,0),MOD($C558,24)+1)/SUM(INDEX($D$3:$AA$30,INDEX(Jesper!$R$2:$R$366,ROW(INDEX(Jesper!AK$2:AK$366,ROUNDDOWN($C558/24,0)+1,1))-1)+IF('Standard Profiles'!$G$21=$B$10,7,0)+IF('Standard Profiles'!$G$21=$B$17,14,0)+IF('Standard Profiles'!$G$21=$B$24,21,0),0)),0)</f>
        <v>9.1159641434937004</v>
      </c>
      <c r="H558" cm="1">
        <f t="array" ref="H558">IFERROR(INDEX(Jesper!AL$2:AL$366,ROUNDDOWN($C558/24,0)+1,1)*INDEX($D$3:$AA$30,INDEX(Jesper!$R$2:$R$366,ROW(INDEX(Jesper!AL$2:AL$366,ROUNDDOWN($C558/24,0)+1,1))-1)+IF('Standard Profiles'!$G$22=$B$10,7,0)+IF('Standard Profiles'!$G$22=$B$17,14,0)+IF('Standard Profiles'!$G$22=$B$24,21,0),MOD($C558,24)+1)/SUM(INDEX($D$3:$AA$30,INDEX(Jesper!$R$2:$R$366,ROW(INDEX(Jesper!AL$2:AL$366,ROUNDDOWN($C558/24,0)+1,1))-1)+IF('Standard Profiles'!$G$22=$B$10,7,0)+IF('Standard Profiles'!$G$22=$B$17,14,0)+IF('Standard Profiles'!$G$22=$B$24,21,0),0)),0)</f>
        <v>4.4285087984287363</v>
      </c>
      <c r="I558">
        <f t="shared" si="76"/>
        <v>4.2513684464915888</v>
      </c>
      <c r="J558">
        <f t="shared" si="77"/>
        <v>19.636679179481419</v>
      </c>
      <c r="K558">
        <f t="shared" si="78"/>
        <v>0.46523166394544591</v>
      </c>
      <c r="L558">
        <f t="shared" si="79"/>
        <v>0.23261583197272295</v>
      </c>
      <c r="M558">
        <f t="shared" si="80"/>
        <v>0</v>
      </c>
      <c r="N558" s="45">
        <f t="shared" si="81"/>
        <v>44948.833333332062</v>
      </c>
    </row>
    <row r="559" spans="2:14" x14ac:dyDescent="0.25">
      <c r="B559">
        <f t="shared" si="75"/>
        <v>7</v>
      </c>
      <c r="C559" s="16">
        <v>525</v>
      </c>
      <c r="D559" cm="1">
        <f t="array" ref="D559">IFERROR(INDEX(Jesper!AH$2:AH$366,ROUNDDOWN($C559/24,0)+1,1)*INDEX($D$3:$AA$30,INDEX(Jesper!$R$2:$R$366,ROW(INDEX(Jesper!AH$2:AH$366,ROUNDDOWN($C559/24,0)+1,1))-1)+IF('Standard Profiles'!$G$18=$B$10,7,0)+IF('Standard Profiles'!$G$18=$B$17,14,0)+IF('Standard Profiles'!$G$18=$B$24,21,0),MOD($C559,24)+1)/SUM(INDEX($D$3:$AA$30,INDEX(Jesper!$R$2:$R$366,ROW(INDEX(Jesper!AH$2:AH$366,ROUNDDOWN($C559/24,0)+1,1))-1)+IF('Standard Profiles'!$G$18=$B$10,7,0)+IF('Standard Profiles'!$G$18=$B$17,14,0)+IF('Standard Profiles'!$G$18=$B$24,21,0),0)),0)</f>
        <v>0</v>
      </c>
      <c r="E559" cm="1">
        <f t="array" ref="E559">IFERROR(INDEX(Jesper!AI$2:AI$366,ROUNDDOWN($C559/24,0)+1,1)*INDEX($D$3:$AA$30,INDEX(Jesper!$R$2:$R$366,ROW(INDEX(Jesper!AI$2:AI$366,ROUNDDOWN($C559/24,0)+1,1))-1)+IF('Standard Profiles'!$G$19=$B$10,7,0)+IF('Standard Profiles'!$G$19=$B$17,14,0)+IF('Standard Profiles'!$G$19=$B$24,21,0),MOD($C559,24)+1)/SUM(INDEX($D$3:$AA$30,INDEX(Jesper!$R$2:$R$366,ROW(INDEX(Jesper!AI$2:AI$366,ROUNDDOWN($C559/24,0)+1,1))-1)+IF('Standard Profiles'!$G$19=$B$10,7,0)+IF('Standard Profiles'!$G$19=$B$17,14,0)+IF('Standard Profiles'!$G$19=$B$24,21,0),0)),0)</f>
        <v>5.8153957993180736</v>
      </c>
      <c r="F559" cm="1">
        <f t="array" ref="F559">IFERROR(INDEX(Jesper!AJ$2:AJ$366,ROUNDDOWN($C559/24,0)+1,1)*INDEX($D$3:$AA$30,INDEX(Jesper!$R$2:$R$366,ROW(INDEX(Jesper!AJ$2:AJ$366,ROUNDDOWN($C559/24,0)+1,1))-1)+IF('Standard Profiles'!$G$20=$B$10,7,0)+IF('Standard Profiles'!$G$20=$B$17,14,0)+IF('Standard Profiles'!$G$20=$B$24,21,0),MOD($C559,24)+1)/SUM(INDEX($D$3:$AA$30,INDEX(Jesper!$R$2:$R$366,ROW(INDEX(Jesper!AJ$2:AJ$366,ROUNDDOWN($C559/24,0)+1,1))-1)+IF('Standard Profiles'!$G$20=$B$10,7,0)+IF('Standard Profiles'!$G$20=$B$17,14,0)+IF('Standard Profiles'!$G$20=$B$24,21,0),0)),0)</f>
        <v>5.2260263806506666</v>
      </c>
      <c r="G559" cm="1">
        <f t="array" ref="G559">IFERROR(INDEX(Jesper!AK$2:AK$366,ROUNDDOWN($C559/24,0)+1,1)*INDEX($D$3:$AA$30,INDEX(Jesper!$R$2:$R$366,ROW(INDEX(Jesper!AK$2:AK$366,ROUNDDOWN($C559/24,0)+1,1))-1)+IF('Standard Profiles'!$G$21=$B$10,7,0)+IF('Standard Profiles'!$G$21=$B$17,14,0)+IF('Standard Profiles'!$G$21=$B$24,21,0),MOD($C559,24)+1)/SUM(INDEX($D$3:$AA$30,INDEX(Jesper!$R$2:$R$366,ROW(INDEX(Jesper!AK$2:AK$366,ROUNDDOWN($C559/24,0)+1,1))-1)+IF('Standard Profiles'!$G$21=$B$10,7,0)+IF('Standard Profiles'!$G$21=$B$17,14,0)+IF('Standard Profiles'!$G$21=$B$24,21,0),0)),0)</f>
        <v>9.1159641434937004</v>
      </c>
      <c r="H559" cm="1">
        <f t="array" ref="H559">IFERROR(INDEX(Jesper!AL$2:AL$366,ROUNDDOWN($C559/24,0)+1,1)*INDEX($D$3:$AA$30,INDEX(Jesper!$R$2:$R$366,ROW(INDEX(Jesper!AL$2:AL$366,ROUNDDOWN($C559/24,0)+1,1))-1)+IF('Standard Profiles'!$G$22=$B$10,7,0)+IF('Standard Profiles'!$G$22=$B$17,14,0)+IF('Standard Profiles'!$G$22=$B$24,21,0),MOD($C559,24)+1)/SUM(INDEX($D$3:$AA$30,INDEX(Jesper!$R$2:$R$366,ROW(INDEX(Jesper!AL$2:AL$366,ROUNDDOWN($C559/24,0)+1,1))-1)+IF('Standard Profiles'!$G$22=$B$10,7,0)+IF('Standard Profiles'!$G$22=$B$17,14,0)+IF('Standard Profiles'!$G$22=$B$24,21,0),0)),0)</f>
        <v>3.8570883083088998</v>
      </c>
      <c r="I559">
        <f t="shared" si="76"/>
        <v>3.7028047759765457</v>
      </c>
      <c r="J559">
        <f t="shared" si="77"/>
        <v>19.613822359876625</v>
      </c>
      <c r="K559">
        <f t="shared" si="78"/>
        <v>0.46523166394544591</v>
      </c>
      <c r="L559">
        <f t="shared" si="79"/>
        <v>0.23261583197272295</v>
      </c>
      <c r="M559">
        <f t="shared" si="80"/>
        <v>0</v>
      </c>
      <c r="N559" s="45">
        <f t="shared" si="81"/>
        <v>44948.874999998727</v>
      </c>
    </row>
    <row r="560" spans="2:14" x14ac:dyDescent="0.25">
      <c r="B560">
        <f t="shared" si="75"/>
        <v>7</v>
      </c>
      <c r="C560" s="16">
        <v>526</v>
      </c>
      <c r="D560" cm="1">
        <f t="array" ref="D560">IFERROR(INDEX(Jesper!AH$2:AH$366,ROUNDDOWN($C560/24,0)+1,1)*INDEX($D$3:$AA$30,INDEX(Jesper!$R$2:$R$366,ROW(INDEX(Jesper!AH$2:AH$366,ROUNDDOWN($C560/24,0)+1,1))-1)+IF('Standard Profiles'!$G$18=$B$10,7,0)+IF('Standard Profiles'!$G$18=$B$17,14,0)+IF('Standard Profiles'!$G$18=$B$24,21,0),MOD($C560,24)+1)/SUM(INDEX($D$3:$AA$30,INDEX(Jesper!$R$2:$R$366,ROW(INDEX(Jesper!AH$2:AH$366,ROUNDDOWN($C560/24,0)+1,1))-1)+IF('Standard Profiles'!$G$18=$B$10,7,0)+IF('Standard Profiles'!$G$18=$B$17,14,0)+IF('Standard Profiles'!$G$18=$B$24,21,0),0)),0)</f>
        <v>0</v>
      </c>
      <c r="E560" cm="1">
        <f t="array" ref="E560">IFERROR(INDEX(Jesper!AI$2:AI$366,ROUNDDOWN($C560/24,0)+1,1)*INDEX($D$3:$AA$30,INDEX(Jesper!$R$2:$R$366,ROW(INDEX(Jesper!AI$2:AI$366,ROUNDDOWN($C560/24,0)+1,1))-1)+IF('Standard Profiles'!$G$19=$B$10,7,0)+IF('Standard Profiles'!$G$19=$B$17,14,0)+IF('Standard Profiles'!$G$19=$B$24,21,0),MOD($C560,24)+1)/SUM(INDEX($D$3:$AA$30,INDEX(Jesper!$R$2:$R$366,ROW(INDEX(Jesper!AI$2:AI$366,ROUNDDOWN($C560/24,0)+1,1))-1)+IF('Standard Profiles'!$G$19=$B$10,7,0)+IF('Standard Profiles'!$G$19=$B$17,14,0)+IF('Standard Profiles'!$G$19=$B$24,21,0),0)),0)</f>
        <v>5.8153957993180736</v>
      </c>
      <c r="F560" cm="1">
        <f t="array" ref="F560">IFERROR(INDEX(Jesper!AJ$2:AJ$366,ROUNDDOWN($C560/24,0)+1,1)*INDEX($D$3:$AA$30,INDEX(Jesper!$R$2:$R$366,ROW(INDEX(Jesper!AJ$2:AJ$366,ROUNDDOWN($C560/24,0)+1,1))-1)+IF('Standard Profiles'!$G$20=$B$10,7,0)+IF('Standard Profiles'!$G$20=$B$17,14,0)+IF('Standard Profiles'!$G$20=$B$24,21,0),MOD($C560,24)+1)/SUM(INDEX($D$3:$AA$30,INDEX(Jesper!$R$2:$R$366,ROW(INDEX(Jesper!AJ$2:AJ$366,ROUNDDOWN($C560/24,0)+1,1))-1)+IF('Standard Profiles'!$G$20=$B$10,7,0)+IF('Standard Profiles'!$G$20=$B$17,14,0)+IF('Standard Profiles'!$G$20=$B$24,21,0),0)),0)</f>
        <v>5.2260263806506666</v>
      </c>
      <c r="G560" cm="1">
        <f t="array" ref="G560">IFERROR(INDEX(Jesper!AK$2:AK$366,ROUNDDOWN($C560/24,0)+1,1)*INDEX($D$3:$AA$30,INDEX(Jesper!$R$2:$R$366,ROW(INDEX(Jesper!AK$2:AK$366,ROUNDDOWN($C560/24,0)+1,1))-1)+IF('Standard Profiles'!$G$21=$B$10,7,0)+IF('Standard Profiles'!$G$21=$B$17,14,0)+IF('Standard Profiles'!$G$21=$B$24,21,0),MOD($C560,24)+1)/SUM(INDEX($D$3:$AA$30,INDEX(Jesper!$R$2:$R$366,ROW(INDEX(Jesper!AK$2:AK$366,ROUNDDOWN($C560/24,0)+1,1))-1)+IF('Standard Profiles'!$G$21=$B$10,7,0)+IF('Standard Profiles'!$G$21=$B$17,14,0)+IF('Standard Profiles'!$G$21=$B$24,21,0),0)),0)</f>
        <v>9.1159641434937004</v>
      </c>
      <c r="H560" cm="1">
        <f t="array" ref="H560">IFERROR(INDEX(Jesper!AL$2:AL$366,ROUNDDOWN($C560/24,0)+1,1)*INDEX($D$3:$AA$30,INDEX(Jesper!$R$2:$R$366,ROW(INDEX(Jesper!AL$2:AL$366,ROUNDDOWN($C560/24,0)+1,1))-1)+IF('Standard Profiles'!$G$22=$B$10,7,0)+IF('Standard Profiles'!$G$22=$B$17,14,0)+IF('Standard Profiles'!$G$22=$B$24,21,0),MOD($C560,24)+1)/SUM(INDEX($D$3:$AA$30,INDEX(Jesper!$R$2:$R$366,ROW(INDEX(Jesper!AL$2:AL$366,ROUNDDOWN($C560/24,0)+1,1))-1)+IF('Standard Profiles'!$G$22=$B$10,7,0)+IF('Standard Profiles'!$G$22=$B$17,14,0)+IF('Standard Profiles'!$G$22=$B$24,21,0),0)),0)</f>
        <v>3.8570883083088998</v>
      </c>
      <c r="I560">
        <f t="shared" si="76"/>
        <v>3.7028047759765457</v>
      </c>
      <c r="J560">
        <f t="shared" si="77"/>
        <v>19.613822359876625</v>
      </c>
      <c r="K560">
        <f t="shared" si="78"/>
        <v>0.46523166394544591</v>
      </c>
      <c r="L560">
        <f t="shared" si="79"/>
        <v>0.23261583197272295</v>
      </c>
      <c r="M560">
        <f t="shared" si="80"/>
        <v>0</v>
      </c>
      <c r="N560" s="45">
        <f t="shared" si="81"/>
        <v>44948.916666665391</v>
      </c>
    </row>
    <row r="561" spans="2:14" x14ac:dyDescent="0.25">
      <c r="B561">
        <f t="shared" si="75"/>
        <v>7</v>
      </c>
      <c r="C561" s="16">
        <v>527</v>
      </c>
      <c r="D561" cm="1">
        <f t="array" ref="D561">IFERROR(INDEX(Jesper!AH$2:AH$366,ROUNDDOWN($C561/24,0)+1,1)*INDEX($D$3:$AA$30,INDEX(Jesper!$R$2:$R$366,ROW(INDEX(Jesper!AH$2:AH$366,ROUNDDOWN($C561/24,0)+1,1))-1)+IF('Standard Profiles'!$G$18=$B$10,7,0)+IF('Standard Profiles'!$G$18=$B$17,14,0)+IF('Standard Profiles'!$G$18=$B$24,21,0),MOD($C561,24)+1)/SUM(INDEX($D$3:$AA$30,INDEX(Jesper!$R$2:$R$366,ROW(INDEX(Jesper!AH$2:AH$366,ROUNDDOWN($C561/24,0)+1,1))-1)+IF('Standard Profiles'!$G$18=$B$10,7,0)+IF('Standard Profiles'!$G$18=$B$17,14,0)+IF('Standard Profiles'!$G$18=$B$24,21,0),0)),0)</f>
        <v>0</v>
      </c>
      <c r="E561" cm="1">
        <f t="array" ref="E561">IFERROR(INDEX(Jesper!AI$2:AI$366,ROUNDDOWN($C561/24,0)+1,1)*INDEX($D$3:$AA$30,INDEX(Jesper!$R$2:$R$366,ROW(INDEX(Jesper!AI$2:AI$366,ROUNDDOWN($C561/24,0)+1,1))-1)+IF('Standard Profiles'!$G$19=$B$10,7,0)+IF('Standard Profiles'!$G$19=$B$17,14,0)+IF('Standard Profiles'!$G$19=$B$24,21,0),MOD($C561,24)+1)/SUM(INDEX($D$3:$AA$30,INDEX(Jesper!$R$2:$R$366,ROW(INDEX(Jesper!AI$2:AI$366,ROUNDDOWN($C561/24,0)+1,1))-1)+IF('Standard Profiles'!$G$19=$B$10,7,0)+IF('Standard Profiles'!$G$19=$B$17,14,0)+IF('Standard Profiles'!$G$19=$B$24,21,0),0)),0)</f>
        <v>5.8153957993180736</v>
      </c>
      <c r="F561" cm="1">
        <f t="array" ref="F561">IFERROR(INDEX(Jesper!AJ$2:AJ$366,ROUNDDOWN($C561/24,0)+1,1)*INDEX($D$3:$AA$30,INDEX(Jesper!$R$2:$R$366,ROW(INDEX(Jesper!AJ$2:AJ$366,ROUNDDOWN($C561/24,0)+1,1))-1)+IF('Standard Profiles'!$G$20=$B$10,7,0)+IF('Standard Profiles'!$G$20=$B$17,14,0)+IF('Standard Profiles'!$G$20=$B$24,21,0),MOD($C561,24)+1)/SUM(INDEX($D$3:$AA$30,INDEX(Jesper!$R$2:$R$366,ROW(INDEX(Jesper!AJ$2:AJ$366,ROUNDDOWN($C561/24,0)+1,1))-1)+IF('Standard Profiles'!$G$20=$B$10,7,0)+IF('Standard Profiles'!$G$20=$B$17,14,0)+IF('Standard Profiles'!$G$20=$B$24,21,0),0)),0)</f>
        <v>5.2260263806506666</v>
      </c>
      <c r="G561" cm="1">
        <f t="array" ref="G561">IFERROR(INDEX(Jesper!AK$2:AK$366,ROUNDDOWN($C561/24,0)+1,1)*INDEX($D$3:$AA$30,INDEX(Jesper!$R$2:$R$366,ROW(INDEX(Jesper!AK$2:AK$366,ROUNDDOWN($C561/24,0)+1,1))-1)+IF('Standard Profiles'!$G$21=$B$10,7,0)+IF('Standard Profiles'!$G$21=$B$17,14,0)+IF('Standard Profiles'!$G$21=$B$24,21,0),MOD($C561,24)+1)/SUM(INDEX($D$3:$AA$30,INDEX(Jesper!$R$2:$R$366,ROW(INDEX(Jesper!AK$2:AK$366,ROUNDDOWN($C561/24,0)+1,1))-1)+IF('Standard Profiles'!$G$21=$B$10,7,0)+IF('Standard Profiles'!$G$21=$B$17,14,0)+IF('Standard Profiles'!$G$21=$B$24,21,0),0)),0)</f>
        <v>9.1159641434937004</v>
      </c>
      <c r="H561" cm="1">
        <f t="array" ref="H561">IFERROR(INDEX(Jesper!AL$2:AL$366,ROUNDDOWN($C561/24,0)+1,1)*INDEX($D$3:$AA$30,INDEX(Jesper!$R$2:$R$366,ROW(INDEX(Jesper!AL$2:AL$366,ROUNDDOWN($C561/24,0)+1,1))-1)+IF('Standard Profiles'!$G$22=$B$10,7,0)+IF('Standard Profiles'!$G$22=$B$17,14,0)+IF('Standard Profiles'!$G$22=$B$24,21,0),MOD($C561,24)+1)/SUM(INDEX($D$3:$AA$30,INDEX(Jesper!$R$2:$R$366,ROW(INDEX(Jesper!AL$2:AL$366,ROUNDDOWN($C561/24,0)+1,1))-1)+IF('Standard Profiles'!$G$22=$B$10,7,0)+IF('Standard Profiles'!$G$22=$B$17,14,0)+IF('Standard Profiles'!$G$22=$B$24,21,0),0)),0)</f>
        <v>3.8570883083088998</v>
      </c>
      <c r="I561">
        <f t="shared" si="76"/>
        <v>3.7028047759765457</v>
      </c>
      <c r="J561">
        <f t="shared" si="77"/>
        <v>19.613822359876625</v>
      </c>
      <c r="K561">
        <f t="shared" si="78"/>
        <v>0.46523166394544591</v>
      </c>
      <c r="L561">
        <f t="shared" si="79"/>
        <v>0.23261583197272295</v>
      </c>
      <c r="M561">
        <f t="shared" si="80"/>
        <v>0</v>
      </c>
      <c r="N561" s="45">
        <f t="shared" si="81"/>
        <v>44948.958333332055</v>
      </c>
    </row>
    <row r="562" spans="2:14" x14ac:dyDescent="0.25">
      <c r="B562">
        <f t="shared" si="75"/>
        <v>1</v>
      </c>
      <c r="C562" s="16">
        <v>528</v>
      </c>
      <c r="D562" cm="1">
        <f t="array" ref="D562">IFERROR(INDEX(Jesper!AH$2:AH$366,ROUNDDOWN($C562/24,0)+1,1)*INDEX($D$3:$AA$30,INDEX(Jesper!$R$2:$R$366,ROW(INDEX(Jesper!AH$2:AH$366,ROUNDDOWN($C562/24,0)+1,1))-1)+IF('Standard Profiles'!$G$18=$B$10,7,0)+IF('Standard Profiles'!$G$18=$B$17,14,0)+IF('Standard Profiles'!$G$18=$B$24,21,0),MOD($C562,24)+1)/SUM(INDEX($D$3:$AA$30,INDEX(Jesper!$R$2:$R$366,ROW(INDEX(Jesper!AH$2:AH$366,ROUNDDOWN($C562/24,0)+1,1))-1)+IF('Standard Profiles'!$G$18=$B$10,7,0)+IF('Standard Profiles'!$G$18=$B$17,14,0)+IF('Standard Profiles'!$G$18=$B$24,21,0),0)),0)</f>
        <v>5.9350839257211092</v>
      </c>
      <c r="E562" cm="1">
        <f t="array" ref="E562">IFERROR(INDEX(Jesper!AI$2:AI$366,ROUNDDOWN($C562/24,0)+1,1)*INDEX($D$3:$AA$30,INDEX(Jesper!$R$2:$R$366,ROW(INDEX(Jesper!AI$2:AI$366,ROUNDDOWN($C562/24,0)+1,1))-1)+IF('Standard Profiles'!$G$19=$B$10,7,0)+IF('Standard Profiles'!$G$19=$B$17,14,0)+IF('Standard Profiles'!$G$19=$B$24,21,0),MOD($C562,24)+1)/SUM(INDEX($D$3:$AA$30,INDEX(Jesper!$R$2:$R$366,ROW(INDEX(Jesper!AI$2:AI$366,ROUNDDOWN($C562/24,0)+1,1))-1)+IF('Standard Profiles'!$G$19=$B$10,7,0)+IF('Standard Profiles'!$G$19=$B$17,14,0)+IF('Standard Profiles'!$G$19=$B$24,21,0),0)),0)</f>
        <v>7.478249470631555</v>
      </c>
      <c r="F562" cm="1">
        <f t="array" ref="F562">IFERROR(INDEX(Jesper!AJ$2:AJ$366,ROUNDDOWN($C562/24,0)+1,1)*INDEX($D$3:$AA$30,INDEX(Jesper!$R$2:$R$366,ROW(INDEX(Jesper!AJ$2:AJ$366,ROUNDDOWN($C562/24,0)+1,1))-1)+IF('Standard Profiles'!$G$20=$B$10,7,0)+IF('Standard Profiles'!$G$20=$B$17,14,0)+IF('Standard Profiles'!$G$20=$B$24,21,0),MOD($C562,24)+1)/SUM(INDEX($D$3:$AA$30,INDEX(Jesper!$R$2:$R$366,ROW(INDEX(Jesper!AJ$2:AJ$366,ROUNDDOWN($C562/24,0)+1,1))-1)+IF('Standard Profiles'!$G$20=$B$10,7,0)+IF('Standard Profiles'!$G$20=$B$17,14,0)+IF('Standard Profiles'!$G$20=$B$24,21,0),0)),0)</f>
        <v>0</v>
      </c>
      <c r="G562" cm="1">
        <f t="array" ref="G562">IFERROR(INDEX(Jesper!AK$2:AK$366,ROUNDDOWN($C562/24,0)+1,1)*INDEX($D$3:$AA$30,INDEX(Jesper!$R$2:$R$366,ROW(INDEX(Jesper!AK$2:AK$366,ROUNDDOWN($C562/24,0)+1,1))-1)+IF('Standard Profiles'!$G$21=$B$10,7,0)+IF('Standard Profiles'!$G$21=$B$17,14,0)+IF('Standard Profiles'!$G$21=$B$24,21,0),MOD($C562,24)+1)/SUM(INDEX($D$3:$AA$30,INDEX(Jesper!$R$2:$R$366,ROW(INDEX(Jesper!AK$2:AK$366,ROUNDDOWN($C562/24,0)+1,1))-1)+IF('Standard Profiles'!$G$21=$B$10,7,0)+IF('Standard Profiles'!$G$21=$B$17,14,0)+IF('Standard Profiles'!$G$21=$B$24,21,0),0)),0)</f>
        <v>6.9292245306786953</v>
      </c>
      <c r="H562" cm="1">
        <f t="array" ref="H562">IFERROR(INDEX(Jesper!AL$2:AL$366,ROUNDDOWN($C562/24,0)+1,1)*INDEX($D$3:$AA$30,INDEX(Jesper!$R$2:$R$366,ROW(INDEX(Jesper!AL$2:AL$366,ROUNDDOWN($C562/24,0)+1,1))-1)+IF('Standard Profiles'!$G$22=$B$10,7,0)+IF('Standard Profiles'!$G$22=$B$17,14,0)+IF('Standard Profiles'!$G$22=$B$24,21,0),MOD($C562,24)+1)/SUM(INDEX($D$3:$AA$30,INDEX(Jesper!$R$2:$R$366,ROW(INDEX(Jesper!AL$2:AL$366,ROUNDDOWN($C562/24,0)+1,1))-1)+IF('Standard Profiles'!$G$22=$B$10,7,0)+IF('Standard Profiles'!$G$22=$B$17,14,0)+IF('Standard Profiles'!$G$22=$B$24,21,0),0)),0)</f>
        <v>0</v>
      </c>
      <c r="I562">
        <f t="shared" si="76"/>
        <v>3.3260277747257723</v>
      </c>
      <c r="J562">
        <f t="shared" si="77"/>
        <v>16.066916724190207</v>
      </c>
      <c r="K562">
        <f t="shared" si="78"/>
        <v>0.63307561874358498</v>
      </c>
      <c r="L562">
        <f t="shared" si="79"/>
        <v>0.31653780937179249</v>
      </c>
      <c r="M562">
        <f t="shared" si="80"/>
        <v>0</v>
      </c>
      <c r="N562" s="45">
        <f t="shared" si="81"/>
        <v>44948.999999998719</v>
      </c>
    </row>
    <row r="563" spans="2:14" x14ac:dyDescent="0.25">
      <c r="B563">
        <f t="shared" si="75"/>
        <v>1</v>
      </c>
      <c r="C563" s="16">
        <v>529</v>
      </c>
      <c r="D563" cm="1">
        <f t="array" ref="D563">IFERROR(INDEX(Jesper!AH$2:AH$366,ROUNDDOWN($C563/24,0)+1,1)*INDEX($D$3:$AA$30,INDEX(Jesper!$R$2:$R$366,ROW(INDEX(Jesper!AH$2:AH$366,ROUNDDOWN($C563/24,0)+1,1))-1)+IF('Standard Profiles'!$G$18=$B$10,7,0)+IF('Standard Profiles'!$G$18=$B$17,14,0)+IF('Standard Profiles'!$G$18=$B$24,21,0),MOD($C563,24)+1)/SUM(INDEX($D$3:$AA$30,INDEX(Jesper!$R$2:$R$366,ROW(INDEX(Jesper!AH$2:AH$366,ROUNDDOWN($C563/24,0)+1,1))-1)+IF('Standard Profiles'!$G$18=$B$10,7,0)+IF('Standard Profiles'!$G$18=$B$17,14,0)+IF('Standard Profiles'!$G$18=$B$24,21,0),0)),0)</f>
        <v>5.9350839257211092</v>
      </c>
      <c r="E563" cm="1">
        <f t="array" ref="E563">IFERROR(INDEX(Jesper!AI$2:AI$366,ROUNDDOWN($C563/24,0)+1,1)*INDEX($D$3:$AA$30,INDEX(Jesper!$R$2:$R$366,ROW(INDEX(Jesper!AI$2:AI$366,ROUNDDOWN($C563/24,0)+1,1))-1)+IF('Standard Profiles'!$G$19=$B$10,7,0)+IF('Standard Profiles'!$G$19=$B$17,14,0)+IF('Standard Profiles'!$G$19=$B$24,21,0),MOD($C563,24)+1)/SUM(INDEX($D$3:$AA$30,INDEX(Jesper!$R$2:$R$366,ROW(INDEX(Jesper!AI$2:AI$366,ROUNDDOWN($C563/24,0)+1,1))-1)+IF('Standard Profiles'!$G$19=$B$10,7,0)+IF('Standard Profiles'!$G$19=$B$17,14,0)+IF('Standard Profiles'!$G$19=$B$24,21,0),0)),0)</f>
        <v>7.478249470631555</v>
      </c>
      <c r="F563" cm="1">
        <f t="array" ref="F563">IFERROR(INDEX(Jesper!AJ$2:AJ$366,ROUNDDOWN($C563/24,0)+1,1)*INDEX($D$3:$AA$30,INDEX(Jesper!$R$2:$R$366,ROW(INDEX(Jesper!AJ$2:AJ$366,ROUNDDOWN($C563/24,0)+1,1))-1)+IF('Standard Profiles'!$G$20=$B$10,7,0)+IF('Standard Profiles'!$G$20=$B$17,14,0)+IF('Standard Profiles'!$G$20=$B$24,21,0),MOD($C563,24)+1)/SUM(INDEX($D$3:$AA$30,INDEX(Jesper!$R$2:$R$366,ROW(INDEX(Jesper!AJ$2:AJ$366,ROUNDDOWN($C563/24,0)+1,1))-1)+IF('Standard Profiles'!$G$20=$B$10,7,0)+IF('Standard Profiles'!$G$20=$B$17,14,0)+IF('Standard Profiles'!$G$20=$B$24,21,0),0)),0)</f>
        <v>0</v>
      </c>
      <c r="G563" cm="1">
        <f t="array" ref="G563">IFERROR(INDEX(Jesper!AK$2:AK$366,ROUNDDOWN($C563/24,0)+1,1)*INDEX($D$3:$AA$30,INDEX(Jesper!$R$2:$R$366,ROW(INDEX(Jesper!AK$2:AK$366,ROUNDDOWN($C563/24,0)+1,1))-1)+IF('Standard Profiles'!$G$21=$B$10,7,0)+IF('Standard Profiles'!$G$21=$B$17,14,0)+IF('Standard Profiles'!$G$21=$B$24,21,0),MOD($C563,24)+1)/SUM(INDEX($D$3:$AA$30,INDEX(Jesper!$R$2:$R$366,ROW(INDEX(Jesper!AK$2:AK$366,ROUNDDOWN($C563/24,0)+1,1))-1)+IF('Standard Profiles'!$G$21=$B$10,7,0)+IF('Standard Profiles'!$G$21=$B$17,14,0)+IF('Standard Profiles'!$G$21=$B$24,21,0),0)),0)</f>
        <v>6.9292245306786953</v>
      </c>
      <c r="H563" cm="1">
        <f t="array" ref="H563">IFERROR(INDEX(Jesper!AL$2:AL$366,ROUNDDOWN($C563/24,0)+1,1)*INDEX($D$3:$AA$30,INDEX(Jesper!$R$2:$R$366,ROW(INDEX(Jesper!AL$2:AL$366,ROUNDDOWN($C563/24,0)+1,1))-1)+IF('Standard Profiles'!$G$22=$B$10,7,0)+IF('Standard Profiles'!$G$22=$B$17,14,0)+IF('Standard Profiles'!$G$22=$B$24,21,0),MOD($C563,24)+1)/SUM(INDEX($D$3:$AA$30,INDEX(Jesper!$R$2:$R$366,ROW(INDEX(Jesper!AL$2:AL$366,ROUNDDOWN($C563/24,0)+1,1))-1)+IF('Standard Profiles'!$G$22=$B$10,7,0)+IF('Standard Profiles'!$G$22=$B$17,14,0)+IF('Standard Profiles'!$G$22=$B$24,21,0),0)),0)</f>
        <v>0</v>
      </c>
      <c r="I563">
        <f t="shared" si="76"/>
        <v>3.3260277747257723</v>
      </c>
      <c r="J563">
        <f t="shared" si="77"/>
        <v>16.066916724190207</v>
      </c>
      <c r="K563">
        <f t="shared" si="78"/>
        <v>0.63307561874358498</v>
      </c>
      <c r="L563">
        <f t="shared" si="79"/>
        <v>0.31653780937179249</v>
      </c>
      <c r="M563">
        <f t="shared" si="80"/>
        <v>0</v>
      </c>
      <c r="N563" s="45">
        <f t="shared" si="81"/>
        <v>44949.041666665384</v>
      </c>
    </row>
    <row r="564" spans="2:14" x14ac:dyDescent="0.25">
      <c r="B564">
        <f t="shared" si="75"/>
        <v>1</v>
      </c>
      <c r="C564" s="16">
        <v>530</v>
      </c>
      <c r="D564" cm="1">
        <f t="array" ref="D564">IFERROR(INDEX(Jesper!AH$2:AH$366,ROUNDDOWN($C564/24,0)+1,1)*INDEX($D$3:$AA$30,INDEX(Jesper!$R$2:$R$366,ROW(INDEX(Jesper!AH$2:AH$366,ROUNDDOWN($C564/24,0)+1,1))-1)+IF('Standard Profiles'!$G$18=$B$10,7,0)+IF('Standard Profiles'!$G$18=$B$17,14,0)+IF('Standard Profiles'!$G$18=$B$24,21,0),MOD($C564,24)+1)/SUM(INDEX($D$3:$AA$30,INDEX(Jesper!$R$2:$R$366,ROW(INDEX(Jesper!AH$2:AH$366,ROUNDDOWN($C564/24,0)+1,1))-1)+IF('Standard Profiles'!$G$18=$B$10,7,0)+IF('Standard Profiles'!$G$18=$B$17,14,0)+IF('Standard Profiles'!$G$18=$B$24,21,0),0)),0)</f>
        <v>5.9350839257211092</v>
      </c>
      <c r="E564" cm="1">
        <f t="array" ref="E564">IFERROR(INDEX(Jesper!AI$2:AI$366,ROUNDDOWN($C564/24,0)+1,1)*INDEX($D$3:$AA$30,INDEX(Jesper!$R$2:$R$366,ROW(INDEX(Jesper!AI$2:AI$366,ROUNDDOWN($C564/24,0)+1,1))-1)+IF('Standard Profiles'!$G$19=$B$10,7,0)+IF('Standard Profiles'!$G$19=$B$17,14,0)+IF('Standard Profiles'!$G$19=$B$24,21,0),MOD($C564,24)+1)/SUM(INDEX($D$3:$AA$30,INDEX(Jesper!$R$2:$R$366,ROW(INDEX(Jesper!AI$2:AI$366,ROUNDDOWN($C564/24,0)+1,1))-1)+IF('Standard Profiles'!$G$19=$B$10,7,0)+IF('Standard Profiles'!$G$19=$B$17,14,0)+IF('Standard Profiles'!$G$19=$B$24,21,0),0)),0)</f>
        <v>7.478249470631555</v>
      </c>
      <c r="F564" cm="1">
        <f t="array" ref="F564">IFERROR(INDEX(Jesper!AJ$2:AJ$366,ROUNDDOWN($C564/24,0)+1,1)*INDEX($D$3:$AA$30,INDEX(Jesper!$R$2:$R$366,ROW(INDEX(Jesper!AJ$2:AJ$366,ROUNDDOWN($C564/24,0)+1,1))-1)+IF('Standard Profiles'!$G$20=$B$10,7,0)+IF('Standard Profiles'!$G$20=$B$17,14,0)+IF('Standard Profiles'!$G$20=$B$24,21,0),MOD($C564,24)+1)/SUM(INDEX($D$3:$AA$30,INDEX(Jesper!$R$2:$R$366,ROW(INDEX(Jesper!AJ$2:AJ$366,ROUNDDOWN($C564/24,0)+1,1))-1)+IF('Standard Profiles'!$G$20=$B$10,7,0)+IF('Standard Profiles'!$G$20=$B$17,14,0)+IF('Standard Profiles'!$G$20=$B$24,21,0),0)),0)</f>
        <v>0</v>
      </c>
      <c r="G564" cm="1">
        <f t="array" ref="G564">IFERROR(INDEX(Jesper!AK$2:AK$366,ROUNDDOWN($C564/24,0)+1,1)*INDEX($D$3:$AA$30,INDEX(Jesper!$R$2:$R$366,ROW(INDEX(Jesper!AK$2:AK$366,ROUNDDOWN($C564/24,0)+1,1))-1)+IF('Standard Profiles'!$G$21=$B$10,7,0)+IF('Standard Profiles'!$G$21=$B$17,14,0)+IF('Standard Profiles'!$G$21=$B$24,21,0),MOD($C564,24)+1)/SUM(INDEX($D$3:$AA$30,INDEX(Jesper!$R$2:$R$366,ROW(INDEX(Jesper!AK$2:AK$366,ROUNDDOWN($C564/24,0)+1,1))-1)+IF('Standard Profiles'!$G$21=$B$10,7,0)+IF('Standard Profiles'!$G$21=$B$17,14,0)+IF('Standard Profiles'!$G$21=$B$24,21,0),0)),0)</f>
        <v>6.9292245306786953</v>
      </c>
      <c r="H564" cm="1">
        <f t="array" ref="H564">IFERROR(INDEX(Jesper!AL$2:AL$366,ROUNDDOWN($C564/24,0)+1,1)*INDEX($D$3:$AA$30,INDEX(Jesper!$R$2:$R$366,ROW(INDEX(Jesper!AL$2:AL$366,ROUNDDOWN($C564/24,0)+1,1))-1)+IF('Standard Profiles'!$G$22=$B$10,7,0)+IF('Standard Profiles'!$G$22=$B$17,14,0)+IF('Standard Profiles'!$G$22=$B$24,21,0),MOD($C564,24)+1)/SUM(INDEX($D$3:$AA$30,INDEX(Jesper!$R$2:$R$366,ROW(INDEX(Jesper!AL$2:AL$366,ROUNDDOWN($C564/24,0)+1,1))-1)+IF('Standard Profiles'!$G$22=$B$10,7,0)+IF('Standard Profiles'!$G$22=$B$17,14,0)+IF('Standard Profiles'!$G$22=$B$24,21,0),0)),0)</f>
        <v>0</v>
      </c>
      <c r="I564">
        <f t="shared" si="76"/>
        <v>3.3260277747257723</v>
      </c>
      <c r="J564">
        <f t="shared" si="77"/>
        <v>16.066916724190207</v>
      </c>
      <c r="K564">
        <f t="shared" si="78"/>
        <v>0.63307561874358498</v>
      </c>
      <c r="L564">
        <f t="shared" si="79"/>
        <v>0.31653780937179249</v>
      </c>
      <c r="M564">
        <f t="shared" si="80"/>
        <v>0</v>
      </c>
      <c r="N564" s="45">
        <f t="shared" si="81"/>
        <v>44949.083333332048</v>
      </c>
    </row>
    <row r="565" spans="2:14" x14ac:dyDescent="0.25">
      <c r="B565">
        <f t="shared" si="75"/>
        <v>1</v>
      </c>
      <c r="C565" s="16">
        <v>531</v>
      </c>
      <c r="D565" cm="1">
        <f t="array" ref="D565">IFERROR(INDEX(Jesper!AH$2:AH$366,ROUNDDOWN($C565/24,0)+1,1)*INDEX($D$3:$AA$30,INDEX(Jesper!$R$2:$R$366,ROW(INDEX(Jesper!AH$2:AH$366,ROUNDDOWN($C565/24,0)+1,1))-1)+IF('Standard Profiles'!$G$18=$B$10,7,0)+IF('Standard Profiles'!$G$18=$B$17,14,0)+IF('Standard Profiles'!$G$18=$B$24,21,0),MOD($C565,24)+1)/SUM(INDEX($D$3:$AA$30,INDEX(Jesper!$R$2:$R$366,ROW(INDEX(Jesper!AH$2:AH$366,ROUNDDOWN($C565/24,0)+1,1))-1)+IF('Standard Profiles'!$G$18=$B$10,7,0)+IF('Standard Profiles'!$G$18=$B$17,14,0)+IF('Standard Profiles'!$G$18=$B$24,21,0),0)),0)</f>
        <v>5.9350839257211092</v>
      </c>
      <c r="E565" cm="1">
        <f t="array" ref="E565">IFERROR(INDEX(Jesper!AI$2:AI$366,ROUNDDOWN($C565/24,0)+1,1)*INDEX($D$3:$AA$30,INDEX(Jesper!$R$2:$R$366,ROW(INDEX(Jesper!AI$2:AI$366,ROUNDDOWN($C565/24,0)+1,1))-1)+IF('Standard Profiles'!$G$19=$B$10,7,0)+IF('Standard Profiles'!$G$19=$B$17,14,0)+IF('Standard Profiles'!$G$19=$B$24,21,0),MOD($C565,24)+1)/SUM(INDEX($D$3:$AA$30,INDEX(Jesper!$R$2:$R$366,ROW(INDEX(Jesper!AI$2:AI$366,ROUNDDOWN($C565/24,0)+1,1))-1)+IF('Standard Profiles'!$G$19=$B$10,7,0)+IF('Standard Profiles'!$G$19=$B$17,14,0)+IF('Standard Profiles'!$G$19=$B$24,21,0),0)),0)</f>
        <v>7.478249470631555</v>
      </c>
      <c r="F565" cm="1">
        <f t="array" ref="F565">IFERROR(INDEX(Jesper!AJ$2:AJ$366,ROUNDDOWN($C565/24,0)+1,1)*INDEX($D$3:$AA$30,INDEX(Jesper!$R$2:$R$366,ROW(INDEX(Jesper!AJ$2:AJ$366,ROUNDDOWN($C565/24,0)+1,1))-1)+IF('Standard Profiles'!$G$20=$B$10,7,0)+IF('Standard Profiles'!$G$20=$B$17,14,0)+IF('Standard Profiles'!$G$20=$B$24,21,0),MOD($C565,24)+1)/SUM(INDEX($D$3:$AA$30,INDEX(Jesper!$R$2:$R$366,ROW(INDEX(Jesper!AJ$2:AJ$366,ROUNDDOWN($C565/24,0)+1,1))-1)+IF('Standard Profiles'!$G$20=$B$10,7,0)+IF('Standard Profiles'!$G$20=$B$17,14,0)+IF('Standard Profiles'!$G$20=$B$24,21,0),0)),0)</f>
        <v>0</v>
      </c>
      <c r="G565" cm="1">
        <f t="array" ref="G565">IFERROR(INDEX(Jesper!AK$2:AK$366,ROUNDDOWN($C565/24,0)+1,1)*INDEX($D$3:$AA$30,INDEX(Jesper!$R$2:$R$366,ROW(INDEX(Jesper!AK$2:AK$366,ROUNDDOWN($C565/24,0)+1,1))-1)+IF('Standard Profiles'!$G$21=$B$10,7,0)+IF('Standard Profiles'!$G$21=$B$17,14,0)+IF('Standard Profiles'!$G$21=$B$24,21,0),MOD($C565,24)+1)/SUM(INDEX($D$3:$AA$30,INDEX(Jesper!$R$2:$R$366,ROW(INDEX(Jesper!AK$2:AK$366,ROUNDDOWN($C565/24,0)+1,1))-1)+IF('Standard Profiles'!$G$21=$B$10,7,0)+IF('Standard Profiles'!$G$21=$B$17,14,0)+IF('Standard Profiles'!$G$21=$B$24,21,0),0)),0)</f>
        <v>6.9292245306786953</v>
      </c>
      <c r="H565" cm="1">
        <f t="array" ref="H565">IFERROR(INDEX(Jesper!AL$2:AL$366,ROUNDDOWN($C565/24,0)+1,1)*INDEX($D$3:$AA$30,INDEX(Jesper!$R$2:$R$366,ROW(INDEX(Jesper!AL$2:AL$366,ROUNDDOWN($C565/24,0)+1,1))-1)+IF('Standard Profiles'!$G$22=$B$10,7,0)+IF('Standard Profiles'!$G$22=$B$17,14,0)+IF('Standard Profiles'!$G$22=$B$24,21,0),MOD($C565,24)+1)/SUM(INDEX($D$3:$AA$30,INDEX(Jesper!$R$2:$R$366,ROW(INDEX(Jesper!AL$2:AL$366,ROUNDDOWN($C565/24,0)+1,1))-1)+IF('Standard Profiles'!$G$22=$B$10,7,0)+IF('Standard Profiles'!$G$22=$B$17,14,0)+IF('Standard Profiles'!$G$22=$B$24,21,0),0)),0)</f>
        <v>0</v>
      </c>
      <c r="I565">
        <f t="shared" si="76"/>
        <v>3.3260277747257723</v>
      </c>
      <c r="J565">
        <f t="shared" si="77"/>
        <v>16.066916724190207</v>
      </c>
      <c r="K565">
        <f t="shared" si="78"/>
        <v>0.63307561874358498</v>
      </c>
      <c r="L565">
        <f t="shared" si="79"/>
        <v>0.31653780937179249</v>
      </c>
      <c r="M565">
        <f t="shared" si="80"/>
        <v>0</v>
      </c>
      <c r="N565" s="45">
        <f t="shared" si="81"/>
        <v>44949.124999998712</v>
      </c>
    </row>
    <row r="566" spans="2:14" x14ac:dyDescent="0.25">
      <c r="B566">
        <f t="shared" si="75"/>
        <v>1</v>
      </c>
      <c r="C566" s="16">
        <v>532</v>
      </c>
      <c r="D566" cm="1">
        <f t="array" ref="D566">IFERROR(INDEX(Jesper!AH$2:AH$366,ROUNDDOWN($C566/24,0)+1,1)*INDEX($D$3:$AA$30,INDEX(Jesper!$R$2:$R$366,ROW(INDEX(Jesper!AH$2:AH$366,ROUNDDOWN($C566/24,0)+1,1))-1)+IF('Standard Profiles'!$G$18=$B$10,7,0)+IF('Standard Profiles'!$G$18=$B$17,14,0)+IF('Standard Profiles'!$G$18=$B$24,21,0),MOD($C566,24)+1)/SUM(INDEX($D$3:$AA$30,INDEX(Jesper!$R$2:$R$366,ROW(INDEX(Jesper!AH$2:AH$366,ROUNDDOWN($C566/24,0)+1,1))-1)+IF('Standard Profiles'!$G$18=$B$10,7,0)+IF('Standard Profiles'!$G$18=$B$17,14,0)+IF('Standard Profiles'!$G$18=$B$24,21,0),0)),0)</f>
        <v>5.9350839257211092</v>
      </c>
      <c r="E566" cm="1">
        <f t="array" ref="E566">IFERROR(INDEX(Jesper!AI$2:AI$366,ROUNDDOWN($C566/24,0)+1,1)*INDEX($D$3:$AA$30,INDEX(Jesper!$R$2:$R$366,ROW(INDEX(Jesper!AI$2:AI$366,ROUNDDOWN($C566/24,0)+1,1))-1)+IF('Standard Profiles'!$G$19=$B$10,7,0)+IF('Standard Profiles'!$G$19=$B$17,14,0)+IF('Standard Profiles'!$G$19=$B$24,21,0),MOD($C566,24)+1)/SUM(INDEX($D$3:$AA$30,INDEX(Jesper!$R$2:$R$366,ROW(INDEX(Jesper!AI$2:AI$366,ROUNDDOWN($C566/24,0)+1,1))-1)+IF('Standard Profiles'!$G$19=$B$10,7,0)+IF('Standard Profiles'!$G$19=$B$17,14,0)+IF('Standard Profiles'!$G$19=$B$24,21,0),0)),0)</f>
        <v>7.478249470631555</v>
      </c>
      <c r="F566" cm="1">
        <f t="array" ref="F566">IFERROR(INDEX(Jesper!AJ$2:AJ$366,ROUNDDOWN($C566/24,0)+1,1)*INDEX($D$3:$AA$30,INDEX(Jesper!$R$2:$R$366,ROW(INDEX(Jesper!AJ$2:AJ$366,ROUNDDOWN($C566/24,0)+1,1))-1)+IF('Standard Profiles'!$G$20=$B$10,7,0)+IF('Standard Profiles'!$G$20=$B$17,14,0)+IF('Standard Profiles'!$G$20=$B$24,21,0),MOD($C566,24)+1)/SUM(INDEX($D$3:$AA$30,INDEX(Jesper!$R$2:$R$366,ROW(INDEX(Jesper!AJ$2:AJ$366,ROUNDDOWN($C566/24,0)+1,1))-1)+IF('Standard Profiles'!$G$20=$B$10,7,0)+IF('Standard Profiles'!$G$20=$B$17,14,0)+IF('Standard Profiles'!$G$20=$B$24,21,0),0)),0)</f>
        <v>0</v>
      </c>
      <c r="G566" cm="1">
        <f t="array" ref="G566">IFERROR(INDEX(Jesper!AK$2:AK$366,ROUNDDOWN($C566/24,0)+1,1)*INDEX($D$3:$AA$30,INDEX(Jesper!$R$2:$R$366,ROW(INDEX(Jesper!AK$2:AK$366,ROUNDDOWN($C566/24,0)+1,1))-1)+IF('Standard Profiles'!$G$21=$B$10,7,0)+IF('Standard Profiles'!$G$21=$B$17,14,0)+IF('Standard Profiles'!$G$21=$B$24,21,0),MOD($C566,24)+1)/SUM(INDEX($D$3:$AA$30,INDEX(Jesper!$R$2:$R$366,ROW(INDEX(Jesper!AK$2:AK$366,ROUNDDOWN($C566/24,0)+1,1))-1)+IF('Standard Profiles'!$G$21=$B$10,7,0)+IF('Standard Profiles'!$G$21=$B$17,14,0)+IF('Standard Profiles'!$G$21=$B$24,21,0),0)),0)</f>
        <v>6.9292245306786953</v>
      </c>
      <c r="H566" cm="1">
        <f t="array" ref="H566">IFERROR(INDEX(Jesper!AL$2:AL$366,ROUNDDOWN($C566/24,0)+1,1)*INDEX($D$3:$AA$30,INDEX(Jesper!$R$2:$R$366,ROW(INDEX(Jesper!AL$2:AL$366,ROUNDDOWN($C566/24,0)+1,1))-1)+IF('Standard Profiles'!$G$22=$B$10,7,0)+IF('Standard Profiles'!$G$22=$B$17,14,0)+IF('Standard Profiles'!$G$22=$B$24,21,0),MOD($C566,24)+1)/SUM(INDEX($D$3:$AA$30,INDEX(Jesper!$R$2:$R$366,ROW(INDEX(Jesper!AL$2:AL$366,ROUNDDOWN($C566/24,0)+1,1))-1)+IF('Standard Profiles'!$G$22=$B$10,7,0)+IF('Standard Profiles'!$G$22=$B$17,14,0)+IF('Standard Profiles'!$G$22=$B$24,21,0),0)),0)</f>
        <v>0</v>
      </c>
      <c r="I566">
        <f t="shared" si="76"/>
        <v>3.3260277747257723</v>
      </c>
      <c r="J566">
        <f t="shared" si="77"/>
        <v>16.066916724190207</v>
      </c>
      <c r="K566">
        <f t="shared" si="78"/>
        <v>0.63307561874358498</v>
      </c>
      <c r="L566">
        <f t="shared" si="79"/>
        <v>0.31653780937179249</v>
      </c>
      <c r="M566">
        <f t="shared" si="80"/>
        <v>0</v>
      </c>
      <c r="N566" s="45">
        <f t="shared" si="81"/>
        <v>44949.166666665376</v>
      </c>
    </row>
    <row r="567" spans="2:14" x14ac:dyDescent="0.25">
      <c r="B567">
        <f t="shared" si="75"/>
        <v>1</v>
      </c>
      <c r="C567" s="16">
        <v>533</v>
      </c>
      <c r="D567" cm="1">
        <f t="array" ref="D567">IFERROR(INDEX(Jesper!AH$2:AH$366,ROUNDDOWN($C567/24,0)+1,1)*INDEX($D$3:$AA$30,INDEX(Jesper!$R$2:$R$366,ROW(INDEX(Jesper!AH$2:AH$366,ROUNDDOWN($C567/24,0)+1,1))-1)+IF('Standard Profiles'!$G$18=$B$10,7,0)+IF('Standard Profiles'!$G$18=$B$17,14,0)+IF('Standard Profiles'!$G$18=$B$24,21,0),MOD($C567,24)+1)/SUM(INDEX($D$3:$AA$30,INDEX(Jesper!$R$2:$R$366,ROW(INDEX(Jesper!AH$2:AH$366,ROUNDDOWN($C567/24,0)+1,1))-1)+IF('Standard Profiles'!$G$18=$B$10,7,0)+IF('Standard Profiles'!$G$18=$B$17,14,0)+IF('Standard Profiles'!$G$18=$B$24,21,0),0)),0)</f>
        <v>5.9350839257211092</v>
      </c>
      <c r="E567" cm="1">
        <f t="array" ref="E567">IFERROR(INDEX(Jesper!AI$2:AI$366,ROUNDDOWN($C567/24,0)+1,1)*INDEX($D$3:$AA$30,INDEX(Jesper!$R$2:$R$366,ROW(INDEX(Jesper!AI$2:AI$366,ROUNDDOWN($C567/24,0)+1,1))-1)+IF('Standard Profiles'!$G$19=$B$10,7,0)+IF('Standard Profiles'!$G$19=$B$17,14,0)+IF('Standard Profiles'!$G$19=$B$24,21,0),MOD($C567,24)+1)/SUM(INDEX($D$3:$AA$30,INDEX(Jesper!$R$2:$R$366,ROW(INDEX(Jesper!AI$2:AI$366,ROUNDDOWN($C567/24,0)+1,1))-1)+IF('Standard Profiles'!$G$19=$B$10,7,0)+IF('Standard Profiles'!$G$19=$B$17,14,0)+IF('Standard Profiles'!$G$19=$B$24,21,0),0)),0)</f>
        <v>7.478249470631555</v>
      </c>
      <c r="F567" cm="1">
        <f t="array" ref="F567">IFERROR(INDEX(Jesper!AJ$2:AJ$366,ROUNDDOWN($C567/24,0)+1,1)*INDEX($D$3:$AA$30,INDEX(Jesper!$R$2:$R$366,ROW(INDEX(Jesper!AJ$2:AJ$366,ROUNDDOWN($C567/24,0)+1,1))-1)+IF('Standard Profiles'!$G$20=$B$10,7,0)+IF('Standard Profiles'!$G$20=$B$17,14,0)+IF('Standard Profiles'!$G$20=$B$24,21,0),MOD($C567,24)+1)/SUM(INDEX($D$3:$AA$30,INDEX(Jesper!$R$2:$R$366,ROW(INDEX(Jesper!AJ$2:AJ$366,ROUNDDOWN($C567/24,0)+1,1))-1)+IF('Standard Profiles'!$G$20=$B$10,7,0)+IF('Standard Profiles'!$G$20=$B$17,14,0)+IF('Standard Profiles'!$G$20=$B$24,21,0),0)),0)</f>
        <v>0</v>
      </c>
      <c r="G567" cm="1">
        <f t="array" ref="G567">IFERROR(INDEX(Jesper!AK$2:AK$366,ROUNDDOWN($C567/24,0)+1,1)*INDEX($D$3:$AA$30,INDEX(Jesper!$R$2:$R$366,ROW(INDEX(Jesper!AK$2:AK$366,ROUNDDOWN($C567/24,0)+1,1))-1)+IF('Standard Profiles'!$G$21=$B$10,7,0)+IF('Standard Profiles'!$G$21=$B$17,14,0)+IF('Standard Profiles'!$G$21=$B$24,21,0),MOD($C567,24)+1)/SUM(INDEX($D$3:$AA$30,INDEX(Jesper!$R$2:$R$366,ROW(INDEX(Jesper!AK$2:AK$366,ROUNDDOWN($C567/24,0)+1,1))-1)+IF('Standard Profiles'!$G$21=$B$10,7,0)+IF('Standard Profiles'!$G$21=$B$17,14,0)+IF('Standard Profiles'!$G$21=$B$24,21,0),0)),0)</f>
        <v>6.9292245306786953</v>
      </c>
      <c r="H567" cm="1">
        <f t="array" ref="H567">IFERROR(INDEX(Jesper!AL$2:AL$366,ROUNDDOWN($C567/24,0)+1,1)*INDEX($D$3:$AA$30,INDEX(Jesper!$R$2:$R$366,ROW(INDEX(Jesper!AL$2:AL$366,ROUNDDOWN($C567/24,0)+1,1))-1)+IF('Standard Profiles'!$G$22=$B$10,7,0)+IF('Standard Profiles'!$G$22=$B$17,14,0)+IF('Standard Profiles'!$G$22=$B$24,21,0),MOD($C567,24)+1)/SUM(INDEX($D$3:$AA$30,INDEX(Jesper!$R$2:$R$366,ROW(INDEX(Jesper!AL$2:AL$366,ROUNDDOWN($C567/24,0)+1,1))-1)+IF('Standard Profiles'!$G$22=$B$10,7,0)+IF('Standard Profiles'!$G$22=$B$17,14,0)+IF('Standard Profiles'!$G$22=$B$24,21,0),0)),0)</f>
        <v>0</v>
      </c>
      <c r="I567">
        <f t="shared" si="76"/>
        <v>3.3260277747257723</v>
      </c>
      <c r="J567">
        <f t="shared" si="77"/>
        <v>16.066916724190207</v>
      </c>
      <c r="K567">
        <f t="shared" si="78"/>
        <v>0.63307561874358498</v>
      </c>
      <c r="L567">
        <f t="shared" si="79"/>
        <v>0.31653780937179249</v>
      </c>
      <c r="M567">
        <f t="shared" si="80"/>
        <v>0</v>
      </c>
      <c r="N567" s="45">
        <f t="shared" si="81"/>
        <v>44949.208333332041</v>
      </c>
    </row>
    <row r="568" spans="2:14" x14ac:dyDescent="0.25">
      <c r="B568">
        <f t="shared" si="75"/>
        <v>1</v>
      </c>
      <c r="C568" s="16">
        <v>534</v>
      </c>
      <c r="D568" cm="1">
        <f t="array" ref="D568">IFERROR(INDEX(Jesper!AH$2:AH$366,ROUNDDOWN($C568/24,0)+1,1)*INDEX($D$3:$AA$30,INDEX(Jesper!$R$2:$R$366,ROW(INDEX(Jesper!AH$2:AH$366,ROUNDDOWN($C568/24,0)+1,1))-1)+IF('Standard Profiles'!$G$18=$B$10,7,0)+IF('Standard Profiles'!$G$18=$B$17,14,0)+IF('Standard Profiles'!$G$18=$B$24,21,0),MOD($C568,24)+1)/SUM(INDEX($D$3:$AA$30,INDEX(Jesper!$R$2:$R$366,ROW(INDEX(Jesper!AH$2:AH$366,ROUNDDOWN($C568/24,0)+1,1))-1)+IF('Standard Profiles'!$G$18=$B$10,7,0)+IF('Standard Profiles'!$G$18=$B$17,14,0)+IF('Standard Profiles'!$G$18=$B$24,21,0),0)),0)</f>
        <v>5.9350839257211092</v>
      </c>
      <c r="E568" cm="1">
        <f t="array" ref="E568">IFERROR(INDEX(Jesper!AI$2:AI$366,ROUNDDOWN($C568/24,0)+1,1)*INDEX($D$3:$AA$30,INDEX(Jesper!$R$2:$R$366,ROW(INDEX(Jesper!AI$2:AI$366,ROUNDDOWN($C568/24,0)+1,1))-1)+IF('Standard Profiles'!$G$19=$B$10,7,0)+IF('Standard Profiles'!$G$19=$B$17,14,0)+IF('Standard Profiles'!$G$19=$B$24,21,0),MOD($C568,24)+1)/SUM(INDEX($D$3:$AA$30,INDEX(Jesper!$R$2:$R$366,ROW(INDEX(Jesper!AI$2:AI$366,ROUNDDOWN($C568/24,0)+1,1))-1)+IF('Standard Profiles'!$G$19=$B$10,7,0)+IF('Standard Profiles'!$G$19=$B$17,14,0)+IF('Standard Profiles'!$G$19=$B$24,21,0),0)),0)</f>
        <v>7.478249470631555</v>
      </c>
      <c r="F568" cm="1">
        <f t="array" ref="F568">IFERROR(INDEX(Jesper!AJ$2:AJ$366,ROUNDDOWN($C568/24,0)+1,1)*INDEX($D$3:$AA$30,INDEX(Jesper!$R$2:$R$366,ROW(INDEX(Jesper!AJ$2:AJ$366,ROUNDDOWN($C568/24,0)+1,1))-1)+IF('Standard Profiles'!$G$20=$B$10,7,0)+IF('Standard Profiles'!$G$20=$B$17,14,0)+IF('Standard Profiles'!$G$20=$B$24,21,0),MOD($C568,24)+1)/SUM(INDEX($D$3:$AA$30,INDEX(Jesper!$R$2:$R$366,ROW(INDEX(Jesper!AJ$2:AJ$366,ROUNDDOWN($C568/24,0)+1,1))-1)+IF('Standard Profiles'!$G$20=$B$10,7,0)+IF('Standard Profiles'!$G$20=$B$17,14,0)+IF('Standard Profiles'!$G$20=$B$24,21,0),0)),0)</f>
        <v>0</v>
      </c>
      <c r="G568" cm="1">
        <f t="array" ref="G568">IFERROR(INDEX(Jesper!AK$2:AK$366,ROUNDDOWN($C568/24,0)+1,1)*INDEX($D$3:$AA$30,INDEX(Jesper!$R$2:$R$366,ROW(INDEX(Jesper!AK$2:AK$366,ROUNDDOWN($C568/24,0)+1,1))-1)+IF('Standard Profiles'!$G$21=$B$10,7,0)+IF('Standard Profiles'!$G$21=$B$17,14,0)+IF('Standard Profiles'!$G$21=$B$24,21,0),MOD($C568,24)+1)/SUM(INDEX($D$3:$AA$30,INDEX(Jesper!$R$2:$R$366,ROW(INDEX(Jesper!AK$2:AK$366,ROUNDDOWN($C568/24,0)+1,1))-1)+IF('Standard Profiles'!$G$21=$B$10,7,0)+IF('Standard Profiles'!$G$21=$B$17,14,0)+IF('Standard Profiles'!$G$21=$B$24,21,0),0)),0)</f>
        <v>6.9292245306786953</v>
      </c>
      <c r="H568" cm="1">
        <f t="array" ref="H568">IFERROR(INDEX(Jesper!AL$2:AL$366,ROUNDDOWN($C568/24,0)+1,1)*INDEX($D$3:$AA$30,INDEX(Jesper!$R$2:$R$366,ROW(INDEX(Jesper!AL$2:AL$366,ROUNDDOWN($C568/24,0)+1,1))-1)+IF('Standard Profiles'!$G$22=$B$10,7,0)+IF('Standard Profiles'!$G$22=$B$17,14,0)+IF('Standard Profiles'!$G$22=$B$24,21,0),MOD($C568,24)+1)/SUM(INDEX($D$3:$AA$30,INDEX(Jesper!$R$2:$R$366,ROW(INDEX(Jesper!AL$2:AL$366,ROUNDDOWN($C568/24,0)+1,1))-1)+IF('Standard Profiles'!$G$22=$B$10,7,0)+IF('Standard Profiles'!$G$22=$B$17,14,0)+IF('Standard Profiles'!$G$22=$B$24,21,0),0)),0)</f>
        <v>0</v>
      </c>
      <c r="I568">
        <f t="shared" si="76"/>
        <v>3.3260277747257723</v>
      </c>
      <c r="J568">
        <f t="shared" si="77"/>
        <v>16.066916724190207</v>
      </c>
      <c r="K568">
        <f t="shared" si="78"/>
        <v>0.63307561874358498</v>
      </c>
      <c r="L568">
        <f t="shared" si="79"/>
        <v>0.31653780937179249</v>
      </c>
      <c r="M568">
        <f t="shared" si="80"/>
        <v>0</v>
      </c>
      <c r="N568" s="45">
        <f t="shared" si="81"/>
        <v>44949.249999998705</v>
      </c>
    </row>
    <row r="569" spans="2:14" x14ac:dyDescent="0.25">
      <c r="B569">
        <f t="shared" si="75"/>
        <v>1</v>
      </c>
      <c r="C569" s="16">
        <v>535</v>
      </c>
      <c r="D569" cm="1">
        <f t="array" ref="D569">IFERROR(INDEX(Jesper!AH$2:AH$366,ROUNDDOWN($C569/24,0)+1,1)*INDEX($D$3:$AA$30,INDEX(Jesper!$R$2:$R$366,ROW(INDEX(Jesper!AH$2:AH$366,ROUNDDOWN($C569/24,0)+1,1))-1)+IF('Standard Profiles'!$G$18=$B$10,7,0)+IF('Standard Profiles'!$G$18=$B$17,14,0)+IF('Standard Profiles'!$G$18=$B$24,21,0),MOD($C569,24)+1)/SUM(INDEX($D$3:$AA$30,INDEX(Jesper!$R$2:$R$366,ROW(INDEX(Jesper!AH$2:AH$366,ROUNDDOWN($C569/24,0)+1,1))-1)+IF('Standard Profiles'!$G$18=$B$10,7,0)+IF('Standard Profiles'!$G$18=$B$17,14,0)+IF('Standard Profiles'!$G$18=$B$24,21,0),0)),0)</f>
        <v>25.283457523571926</v>
      </c>
      <c r="E569" cm="1">
        <f t="array" ref="E569">IFERROR(INDEX(Jesper!AI$2:AI$366,ROUNDDOWN($C569/24,0)+1,1)*INDEX($D$3:$AA$30,INDEX(Jesper!$R$2:$R$366,ROW(INDEX(Jesper!AI$2:AI$366,ROUNDDOWN($C569/24,0)+1,1))-1)+IF('Standard Profiles'!$G$19=$B$10,7,0)+IF('Standard Profiles'!$G$19=$B$17,14,0)+IF('Standard Profiles'!$G$19=$B$24,21,0),MOD($C569,24)+1)/SUM(INDEX($D$3:$AA$30,INDEX(Jesper!$R$2:$R$366,ROW(INDEX(Jesper!AI$2:AI$366,ROUNDDOWN($C569/24,0)+1,1))-1)+IF('Standard Profiles'!$G$19=$B$10,7,0)+IF('Standard Profiles'!$G$19=$B$17,14,0)+IF('Standard Profiles'!$G$19=$B$24,21,0),0)),0)</f>
        <v>31.857342744890424</v>
      </c>
      <c r="F569" cm="1">
        <f t="array" ref="F569">IFERROR(INDEX(Jesper!AJ$2:AJ$366,ROUNDDOWN($C569/24,0)+1,1)*INDEX($D$3:$AA$30,INDEX(Jesper!$R$2:$R$366,ROW(INDEX(Jesper!AJ$2:AJ$366,ROUNDDOWN($C569/24,0)+1,1))-1)+IF('Standard Profiles'!$G$20=$B$10,7,0)+IF('Standard Profiles'!$G$20=$B$17,14,0)+IF('Standard Profiles'!$G$20=$B$24,21,0),MOD($C569,24)+1)/SUM(INDEX($D$3:$AA$30,INDEX(Jesper!$R$2:$R$366,ROW(INDEX(Jesper!AJ$2:AJ$366,ROUNDDOWN($C569/24,0)+1,1))-1)+IF('Standard Profiles'!$G$20=$B$10,7,0)+IF('Standard Profiles'!$G$20=$B$17,14,0)+IF('Standard Profiles'!$G$20=$B$24,21,0),0)),0)</f>
        <v>0</v>
      </c>
      <c r="G569" cm="1">
        <f t="array" ref="G569">IFERROR(INDEX(Jesper!AK$2:AK$366,ROUNDDOWN($C569/24,0)+1,1)*INDEX($D$3:$AA$30,INDEX(Jesper!$R$2:$R$366,ROW(INDEX(Jesper!AK$2:AK$366,ROUNDDOWN($C569/24,0)+1,1))-1)+IF('Standard Profiles'!$G$21=$B$10,7,0)+IF('Standard Profiles'!$G$21=$B$17,14,0)+IF('Standard Profiles'!$G$21=$B$24,21,0),MOD($C569,24)+1)/SUM(INDEX($D$3:$AA$30,INDEX(Jesper!$R$2:$R$366,ROW(INDEX(Jesper!AK$2:AK$366,ROUNDDOWN($C569/24,0)+1,1))-1)+IF('Standard Profiles'!$G$21=$B$10,7,0)+IF('Standard Profiles'!$G$21=$B$17,14,0)+IF('Standard Profiles'!$G$21=$B$24,21,0),0)),0)</f>
        <v>30.14212670845232</v>
      </c>
      <c r="H569" cm="1">
        <f t="array" ref="H569">IFERROR(INDEX(Jesper!AL$2:AL$366,ROUNDDOWN($C569/24,0)+1,1)*INDEX($D$3:$AA$30,INDEX(Jesper!$R$2:$R$366,ROW(INDEX(Jesper!AL$2:AL$366,ROUNDDOWN($C569/24,0)+1,1))-1)+IF('Standard Profiles'!$G$22=$B$10,7,0)+IF('Standard Profiles'!$G$22=$B$17,14,0)+IF('Standard Profiles'!$G$22=$B$24,21,0),MOD($C569,24)+1)/SUM(INDEX($D$3:$AA$30,INDEX(Jesper!$R$2:$R$366,ROW(INDEX(Jesper!AL$2:AL$366,ROUNDDOWN($C569/24,0)+1,1))-1)+IF('Standard Profiles'!$G$22=$B$10,7,0)+IF('Standard Profiles'!$G$22=$B$17,14,0)+IF('Standard Profiles'!$G$22=$B$24,21,0),0)),0)</f>
        <v>0</v>
      </c>
      <c r="I569">
        <f t="shared" si="76"/>
        <v>14.468220820057107</v>
      </c>
      <c r="J569">
        <f t="shared" si="77"/>
        <v>68.769352953086056</v>
      </c>
      <c r="K569">
        <f t="shared" si="78"/>
        <v>2.6969021358476724</v>
      </c>
      <c r="L569">
        <f t="shared" si="79"/>
        <v>1.3484510679238362</v>
      </c>
      <c r="M569">
        <f t="shared" si="80"/>
        <v>0</v>
      </c>
      <c r="N569" s="45">
        <f t="shared" si="81"/>
        <v>44949.291666665369</v>
      </c>
    </row>
    <row r="570" spans="2:14" x14ac:dyDescent="0.25">
      <c r="B570">
        <f t="shared" si="75"/>
        <v>1</v>
      </c>
      <c r="C570" s="16">
        <v>536</v>
      </c>
      <c r="D570" cm="1">
        <f t="array" ref="D570">IFERROR(INDEX(Jesper!AH$2:AH$366,ROUNDDOWN($C570/24,0)+1,1)*INDEX($D$3:$AA$30,INDEX(Jesper!$R$2:$R$366,ROW(INDEX(Jesper!AH$2:AH$366,ROUNDDOWN($C570/24,0)+1,1))-1)+IF('Standard Profiles'!$G$18=$B$10,7,0)+IF('Standard Profiles'!$G$18=$B$17,14,0)+IF('Standard Profiles'!$G$18=$B$24,21,0),MOD($C570,24)+1)/SUM(INDEX($D$3:$AA$30,INDEX(Jesper!$R$2:$R$366,ROW(INDEX(Jesper!AH$2:AH$366,ROUNDDOWN($C570/24,0)+1,1))-1)+IF('Standard Profiles'!$G$18=$B$10,7,0)+IF('Standard Profiles'!$G$18=$B$17,14,0)+IF('Standard Profiles'!$G$18=$B$24,21,0),0)),0)</f>
        <v>28.443889714018418</v>
      </c>
      <c r="E570" cm="1">
        <f t="array" ref="E570">IFERROR(INDEX(Jesper!AI$2:AI$366,ROUNDDOWN($C570/24,0)+1,1)*INDEX($D$3:$AA$30,INDEX(Jesper!$R$2:$R$366,ROW(INDEX(Jesper!AI$2:AI$366,ROUNDDOWN($C570/24,0)+1,1))-1)+IF('Standard Profiles'!$G$19=$B$10,7,0)+IF('Standard Profiles'!$G$19=$B$17,14,0)+IF('Standard Profiles'!$G$19=$B$24,21,0),MOD($C570,24)+1)/SUM(INDEX($D$3:$AA$30,INDEX(Jesper!$R$2:$R$366,ROW(INDEX(Jesper!AI$2:AI$366,ROUNDDOWN($C570/24,0)+1,1))-1)+IF('Standard Profiles'!$G$19=$B$10,7,0)+IF('Standard Profiles'!$G$19=$B$17,14,0)+IF('Standard Profiles'!$G$19=$B$24,21,0),0)),0)</f>
        <v>35.83951058800173</v>
      </c>
      <c r="F570" cm="1">
        <f t="array" ref="F570">IFERROR(INDEX(Jesper!AJ$2:AJ$366,ROUNDDOWN($C570/24,0)+1,1)*INDEX($D$3:$AA$30,INDEX(Jesper!$R$2:$R$366,ROW(INDEX(Jesper!AJ$2:AJ$366,ROUNDDOWN($C570/24,0)+1,1))-1)+IF('Standard Profiles'!$G$20=$B$10,7,0)+IF('Standard Profiles'!$G$20=$B$17,14,0)+IF('Standard Profiles'!$G$20=$B$24,21,0),MOD($C570,24)+1)/SUM(INDEX($D$3:$AA$30,INDEX(Jesper!$R$2:$R$366,ROW(INDEX(Jesper!AJ$2:AJ$366,ROUNDDOWN($C570/24,0)+1,1))-1)+IF('Standard Profiles'!$G$20=$B$10,7,0)+IF('Standard Profiles'!$G$20=$B$17,14,0)+IF('Standard Profiles'!$G$20=$B$24,21,0),0)),0)</f>
        <v>0</v>
      </c>
      <c r="G570" cm="1">
        <f t="array" ref="G570">IFERROR(INDEX(Jesper!AK$2:AK$366,ROUNDDOWN($C570/24,0)+1,1)*INDEX($D$3:$AA$30,INDEX(Jesper!$R$2:$R$366,ROW(INDEX(Jesper!AK$2:AK$366,ROUNDDOWN($C570/24,0)+1,1))-1)+IF('Standard Profiles'!$G$21=$B$10,7,0)+IF('Standard Profiles'!$G$21=$B$17,14,0)+IF('Standard Profiles'!$G$21=$B$24,21,0),MOD($C570,24)+1)/SUM(INDEX($D$3:$AA$30,INDEX(Jesper!$R$2:$R$366,ROW(INDEX(Jesper!AK$2:AK$366,ROUNDDOWN($C570/24,0)+1,1))-1)+IF('Standard Profiles'!$G$21=$B$10,7,0)+IF('Standard Profiles'!$G$21=$B$17,14,0)+IF('Standard Profiles'!$G$21=$B$24,21,0),0)),0)</f>
        <v>33.909892547008866</v>
      </c>
      <c r="H570" cm="1">
        <f t="array" ref="H570">IFERROR(INDEX(Jesper!AL$2:AL$366,ROUNDDOWN($C570/24,0)+1,1)*INDEX($D$3:$AA$30,INDEX(Jesper!$R$2:$R$366,ROW(INDEX(Jesper!AL$2:AL$366,ROUNDDOWN($C570/24,0)+1,1))-1)+IF('Standard Profiles'!$G$22=$B$10,7,0)+IF('Standard Profiles'!$G$22=$B$17,14,0)+IF('Standard Profiles'!$G$22=$B$24,21,0),MOD($C570,24)+1)/SUM(INDEX($D$3:$AA$30,INDEX(Jesper!$R$2:$R$366,ROW(INDEX(Jesper!AL$2:AL$366,ROUNDDOWN($C570/24,0)+1,1))-1)+IF('Standard Profiles'!$G$22=$B$10,7,0)+IF('Standard Profiles'!$G$22=$B$17,14,0)+IF('Standard Profiles'!$G$22=$B$24,21,0),0)),0)</f>
        <v>0</v>
      </c>
      <c r="I570">
        <f t="shared" si="76"/>
        <v>16.276748422564246</v>
      </c>
      <c r="J570">
        <f t="shared" si="77"/>
        <v>77.365522072221808</v>
      </c>
      <c r="K570">
        <f t="shared" si="78"/>
        <v>3.0340149028286314</v>
      </c>
      <c r="L570">
        <f t="shared" si="79"/>
        <v>1.5170074514143157</v>
      </c>
      <c r="M570">
        <f t="shared" si="80"/>
        <v>0</v>
      </c>
      <c r="N570" s="45">
        <f t="shared" si="81"/>
        <v>44949.333333332033</v>
      </c>
    </row>
    <row r="571" spans="2:14" x14ac:dyDescent="0.25">
      <c r="B571">
        <f t="shared" si="75"/>
        <v>1</v>
      </c>
      <c r="C571" s="16">
        <v>537</v>
      </c>
      <c r="D571" cm="1">
        <f t="array" ref="D571">IFERROR(INDEX(Jesper!AH$2:AH$366,ROUNDDOWN($C571/24,0)+1,1)*INDEX($D$3:$AA$30,INDEX(Jesper!$R$2:$R$366,ROW(INDEX(Jesper!AH$2:AH$366,ROUNDDOWN($C571/24,0)+1,1))-1)+IF('Standard Profiles'!$G$18=$B$10,7,0)+IF('Standard Profiles'!$G$18=$B$17,14,0)+IF('Standard Profiles'!$G$18=$B$24,21,0),MOD($C571,24)+1)/SUM(INDEX($D$3:$AA$30,INDEX(Jesper!$R$2:$R$366,ROW(INDEX(Jesper!AH$2:AH$366,ROUNDDOWN($C571/24,0)+1,1))-1)+IF('Standard Profiles'!$G$18=$B$10,7,0)+IF('Standard Profiles'!$G$18=$B$17,14,0)+IF('Standard Profiles'!$G$18=$B$24,21,0),0)),0)</f>
        <v>31.604321904464911</v>
      </c>
      <c r="E571" cm="1">
        <f t="array" ref="E571">IFERROR(INDEX(Jesper!AI$2:AI$366,ROUNDDOWN($C571/24,0)+1,1)*INDEX($D$3:$AA$30,INDEX(Jesper!$R$2:$R$366,ROW(INDEX(Jesper!AI$2:AI$366,ROUNDDOWN($C571/24,0)+1,1))-1)+IF('Standard Profiles'!$G$19=$B$10,7,0)+IF('Standard Profiles'!$G$19=$B$17,14,0)+IF('Standard Profiles'!$G$19=$B$24,21,0),MOD($C571,24)+1)/SUM(INDEX($D$3:$AA$30,INDEX(Jesper!$R$2:$R$366,ROW(INDEX(Jesper!AI$2:AI$366,ROUNDDOWN($C571/24,0)+1,1))-1)+IF('Standard Profiles'!$G$19=$B$10,7,0)+IF('Standard Profiles'!$G$19=$B$17,14,0)+IF('Standard Profiles'!$G$19=$B$24,21,0),0)),0)</f>
        <v>39.821678431113028</v>
      </c>
      <c r="F571" cm="1">
        <f t="array" ref="F571">IFERROR(INDEX(Jesper!AJ$2:AJ$366,ROUNDDOWN($C571/24,0)+1,1)*INDEX($D$3:$AA$30,INDEX(Jesper!$R$2:$R$366,ROW(INDEX(Jesper!AJ$2:AJ$366,ROUNDDOWN($C571/24,0)+1,1))-1)+IF('Standard Profiles'!$G$20=$B$10,7,0)+IF('Standard Profiles'!$G$20=$B$17,14,0)+IF('Standard Profiles'!$G$20=$B$24,21,0),MOD($C571,24)+1)/SUM(INDEX($D$3:$AA$30,INDEX(Jesper!$R$2:$R$366,ROW(INDEX(Jesper!AJ$2:AJ$366,ROUNDDOWN($C571/24,0)+1,1))-1)+IF('Standard Profiles'!$G$20=$B$10,7,0)+IF('Standard Profiles'!$G$20=$B$17,14,0)+IF('Standard Profiles'!$G$20=$B$24,21,0),0)),0)</f>
        <v>0</v>
      </c>
      <c r="G571" cm="1">
        <f t="array" ref="G571">IFERROR(INDEX(Jesper!AK$2:AK$366,ROUNDDOWN($C571/24,0)+1,1)*INDEX($D$3:$AA$30,INDEX(Jesper!$R$2:$R$366,ROW(INDEX(Jesper!AK$2:AK$366,ROUNDDOWN($C571/24,0)+1,1))-1)+IF('Standard Profiles'!$G$21=$B$10,7,0)+IF('Standard Profiles'!$G$21=$B$17,14,0)+IF('Standard Profiles'!$G$21=$B$24,21,0),MOD($C571,24)+1)/SUM(INDEX($D$3:$AA$30,INDEX(Jesper!$R$2:$R$366,ROW(INDEX(Jesper!AK$2:AK$366,ROUNDDOWN($C571/24,0)+1,1))-1)+IF('Standard Profiles'!$G$21=$B$10,7,0)+IF('Standard Profiles'!$G$21=$B$17,14,0)+IF('Standard Profiles'!$G$21=$B$24,21,0),0)),0)</f>
        <v>37.677658385565401</v>
      </c>
      <c r="H571" cm="1">
        <f t="array" ref="H571">IFERROR(INDEX(Jesper!AL$2:AL$366,ROUNDDOWN($C571/24,0)+1,1)*INDEX($D$3:$AA$30,INDEX(Jesper!$R$2:$R$366,ROW(INDEX(Jesper!AL$2:AL$366,ROUNDDOWN($C571/24,0)+1,1))-1)+IF('Standard Profiles'!$G$22=$B$10,7,0)+IF('Standard Profiles'!$G$22=$B$17,14,0)+IF('Standard Profiles'!$G$22=$B$24,21,0),MOD($C571,24)+1)/SUM(INDEX($D$3:$AA$30,INDEX(Jesper!$R$2:$R$366,ROW(INDEX(Jesper!AL$2:AL$366,ROUNDDOWN($C571/24,0)+1,1))-1)+IF('Standard Profiles'!$G$22=$B$10,7,0)+IF('Standard Profiles'!$G$22=$B$17,14,0)+IF('Standard Profiles'!$G$22=$B$24,21,0),0)),0)</f>
        <v>0</v>
      </c>
      <c r="I571">
        <f t="shared" si="76"/>
        <v>18.085276025071384</v>
      </c>
      <c r="J571">
        <f t="shared" si="77"/>
        <v>85.961691191357573</v>
      </c>
      <c r="K571">
        <f t="shared" si="78"/>
        <v>3.3711276698095909</v>
      </c>
      <c r="L571">
        <f t="shared" si="79"/>
        <v>1.6855638349047954</v>
      </c>
      <c r="M571">
        <f t="shared" si="80"/>
        <v>0</v>
      </c>
      <c r="N571" s="45">
        <f t="shared" si="81"/>
        <v>44949.374999998698</v>
      </c>
    </row>
    <row r="572" spans="2:14" x14ac:dyDescent="0.25">
      <c r="B572">
        <f t="shared" si="75"/>
        <v>1</v>
      </c>
      <c r="C572" s="16">
        <v>538</v>
      </c>
      <c r="D572" cm="1">
        <f t="array" ref="D572">IFERROR(INDEX(Jesper!AH$2:AH$366,ROUNDDOWN($C572/24,0)+1,1)*INDEX($D$3:$AA$30,INDEX(Jesper!$R$2:$R$366,ROW(INDEX(Jesper!AH$2:AH$366,ROUNDDOWN($C572/24,0)+1,1))-1)+IF('Standard Profiles'!$G$18=$B$10,7,0)+IF('Standard Profiles'!$G$18=$B$17,14,0)+IF('Standard Profiles'!$G$18=$B$24,21,0),MOD($C572,24)+1)/SUM(INDEX($D$3:$AA$30,INDEX(Jesper!$R$2:$R$366,ROW(INDEX(Jesper!AH$2:AH$366,ROUNDDOWN($C572/24,0)+1,1))-1)+IF('Standard Profiles'!$G$18=$B$10,7,0)+IF('Standard Profiles'!$G$18=$B$17,14,0)+IF('Standard Profiles'!$G$18=$B$24,21,0),0)),0)</f>
        <v>31.604321904464911</v>
      </c>
      <c r="E572" cm="1">
        <f t="array" ref="E572">IFERROR(INDEX(Jesper!AI$2:AI$366,ROUNDDOWN($C572/24,0)+1,1)*INDEX($D$3:$AA$30,INDEX(Jesper!$R$2:$R$366,ROW(INDEX(Jesper!AI$2:AI$366,ROUNDDOWN($C572/24,0)+1,1))-1)+IF('Standard Profiles'!$G$19=$B$10,7,0)+IF('Standard Profiles'!$G$19=$B$17,14,0)+IF('Standard Profiles'!$G$19=$B$24,21,0),MOD($C572,24)+1)/SUM(INDEX($D$3:$AA$30,INDEX(Jesper!$R$2:$R$366,ROW(INDEX(Jesper!AI$2:AI$366,ROUNDDOWN($C572/24,0)+1,1))-1)+IF('Standard Profiles'!$G$19=$B$10,7,0)+IF('Standard Profiles'!$G$19=$B$17,14,0)+IF('Standard Profiles'!$G$19=$B$24,21,0),0)),0)</f>
        <v>39.821678431113028</v>
      </c>
      <c r="F572" cm="1">
        <f t="array" ref="F572">IFERROR(INDEX(Jesper!AJ$2:AJ$366,ROUNDDOWN($C572/24,0)+1,1)*INDEX($D$3:$AA$30,INDEX(Jesper!$R$2:$R$366,ROW(INDEX(Jesper!AJ$2:AJ$366,ROUNDDOWN($C572/24,0)+1,1))-1)+IF('Standard Profiles'!$G$20=$B$10,7,0)+IF('Standard Profiles'!$G$20=$B$17,14,0)+IF('Standard Profiles'!$G$20=$B$24,21,0),MOD($C572,24)+1)/SUM(INDEX($D$3:$AA$30,INDEX(Jesper!$R$2:$R$366,ROW(INDEX(Jesper!AJ$2:AJ$366,ROUNDDOWN($C572/24,0)+1,1))-1)+IF('Standard Profiles'!$G$20=$B$10,7,0)+IF('Standard Profiles'!$G$20=$B$17,14,0)+IF('Standard Profiles'!$G$20=$B$24,21,0),0)),0)</f>
        <v>0</v>
      </c>
      <c r="G572" cm="1">
        <f t="array" ref="G572">IFERROR(INDEX(Jesper!AK$2:AK$366,ROUNDDOWN($C572/24,0)+1,1)*INDEX($D$3:$AA$30,INDEX(Jesper!$R$2:$R$366,ROW(INDEX(Jesper!AK$2:AK$366,ROUNDDOWN($C572/24,0)+1,1))-1)+IF('Standard Profiles'!$G$21=$B$10,7,0)+IF('Standard Profiles'!$G$21=$B$17,14,0)+IF('Standard Profiles'!$G$21=$B$24,21,0),MOD($C572,24)+1)/SUM(INDEX($D$3:$AA$30,INDEX(Jesper!$R$2:$R$366,ROW(INDEX(Jesper!AK$2:AK$366,ROUNDDOWN($C572/24,0)+1,1))-1)+IF('Standard Profiles'!$G$21=$B$10,7,0)+IF('Standard Profiles'!$G$21=$B$17,14,0)+IF('Standard Profiles'!$G$21=$B$24,21,0),0)),0)</f>
        <v>37.677658385565401</v>
      </c>
      <c r="H572" cm="1">
        <f t="array" ref="H572">IFERROR(INDEX(Jesper!AL$2:AL$366,ROUNDDOWN($C572/24,0)+1,1)*INDEX($D$3:$AA$30,INDEX(Jesper!$R$2:$R$366,ROW(INDEX(Jesper!AL$2:AL$366,ROUNDDOWN($C572/24,0)+1,1))-1)+IF('Standard Profiles'!$G$22=$B$10,7,0)+IF('Standard Profiles'!$G$22=$B$17,14,0)+IF('Standard Profiles'!$G$22=$B$24,21,0),MOD($C572,24)+1)/SUM(INDEX($D$3:$AA$30,INDEX(Jesper!$R$2:$R$366,ROW(INDEX(Jesper!AL$2:AL$366,ROUNDDOWN($C572/24,0)+1,1))-1)+IF('Standard Profiles'!$G$22=$B$10,7,0)+IF('Standard Profiles'!$G$22=$B$17,14,0)+IF('Standard Profiles'!$G$22=$B$24,21,0),0)),0)</f>
        <v>0</v>
      </c>
      <c r="I572">
        <f t="shared" si="76"/>
        <v>18.085276025071384</v>
      </c>
      <c r="J572">
        <f t="shared" si="77"/>
        <v>85.961691191357573</v>
      </c>
      <c r="K572">
        <f t="shared" si="78"/>
        <v>3.3711276698095909</v>
      </c>
      <c r="L572">
        <f t="shared" si="79"/>
        <v>1.6855638349047954</v>
      </c>
      <c r="M572">
        <f t="shared" si="80"/>
        <v>0</v>
      </c>
      <c r="N572" s="45">
        <f t="shared" si="81"/>
        <v>44949.416666665362</v>
      </c>
    </row>
    <row r="573" spans="2:14" x14ac:dyDescent="0.25">
      <c r="B573">
        <f t="shared" si="75"/>
        <v>1</v>
      </c>
      <c r="C573" s="16">
        <v>539</v>
      </c>
      <c r="D573" cm="1">
        <f t="array" ref="D573">IFERROR(INDEX(Jesper!AH$2:AH$366,ROUNDDOWN($C573/24,0)+1,1)*INDEX($D$3:$AA$30,INDEX(Jesper!$R$2:$R$366,ROW(INDEX(Jesper!AH$2:AH$366,ROUNDDOWN($C573/24,0)+1,1))-1)+IF('Standard Profiles'!$G$18=$B$10,7,0)+IF('Standard Profiles'!$G$18=$B$17,14,0)+IF('Standard Profiles'!$G$18=$B$24,21,0),MOD($C573,24)+1)/SUM(INDEX($D$3:$AA$30,INDEX(Jesper!$R$2:$R$366,ROW(INDEX(Jesper!AH$2:AH$366,ROUNDDOWN($C573/24,0)+1,1))-1)+IF('Standard Profiles'!$G$18=$B$10,7,0)+IF('Standard Profiles'!$G$18=$B$17,14,0)+IF('Standard Profiles'!$G$18=$B$24,21,0),0)),0)</f>
        <v>37.925186285357888</v>
      </c>
      <c r="E573" cm="1">
        <f t="array" ref="E573">IFERROR(INDEX(Jesper!AI$2:AI$366,ROUNDDOWN($C573/24,0)+1,1)*INDEX($D$3:$AA$30,INDEX(Jesper!$R$2:$R$366,ROW(INDEX(Jesper!AI$2:AI$366,ROUNDDOWN($C573/24,0)+1,1))-1)+IF('Standard Profiles'!$G$19=$B$10,7,0)+IF('Standard Profiles'!$G$19=$B$17,14,0)+IF('Standard Profiles'!$G$19=$B$24,21,0),MOD($C573,24)+1)/SUM(INDEX($D$3:$AA$30,INDEX(Jesper!$R$2:$R$366,ROW(INDEX(Jesper!AI$2:AI$366,ROUNDDOWN($C573/24,0)+1,1))-1)+IF('Standard Profiles'!$G$19=$B$10,7,0)+IF('Standard Profiles'!$G$19=$B$17,14,0)+IF('Standard Profiles'!$G$19=$B$24,21,0),0)),0)</f>
        <v>47.786014117335633</v>
      </c>
      <c r="F573" cm="1">
        <f t="array" ref="F573">IFERROR(INDEX(Jesper!AJ$2:AJ$366,ROUNDDOWN($C573/24,0)+1,1)*INDEX($D$3:$AA$30,INDEX(Jesper!$R$2:$R$366,ROW(INDEX(Jesper!AJ$2:AJ$366,ROUNDDOWN($C573/24,0)+1,1))-1)+IF('Standard Profiles'!$G$20=$B$10,7,0)+IF('Standard Profiles'!$G$20=$B$17,14,0)+IF('Standard Profiles'!$G$20=$B$24,21,0),MOD($C573,24)+1)/SUM(INDEX($D$3:$AA$30,INDEX(Jesper!$R$2:$R$366,ROW(INDEX(Jesper!AJ$2:AJ$366,ROUNDDOWN($C573/24,0)+1,1))-1)+IF('Standard Profiles'!$G$20=$B$10,7,0)+IF('Standard Profiles'!$G$20=$B$17,14,0)+IF('Standard Profiles'!$G$20=$B$24,21,0),0)),0)</f>
        <v>0</v>
      </c>
      <c r="G573" cm="1">
        <f t="array" ref="G573">IFERROR(INDEX(Jesper!AK$2:AK$366,ROUNDDOWN($C573/24,0)+1,1)*INDEX($D$3:$AA$30,INDEX(Jesper!$R$2:$R$366,ROW(INDEX(Jesper!AK$2:AK$366,ROUNDDOWN($C573/24,0)+1,1))-1)+IF('Standard Profiles'!$G$21=$B$10,7,0)+IF('Standard Profiles'!$G$21=$B$17,14,0)+IF('Standard Profiles'!$G$21=$B$24,21,0),MOD($C573,24)+1)/SUM(INDEX($D$3:$AA$30,INDEX(Jesper!$R$2:$R$366,ROW(INDEX(Jesper!AK$2:AK$366,ROUNDDOWN($C573/24,0)+1,1))-1)+IF('Standard Profiles'!$G$21=$B$10,7,0)+IF('Standard Profiles'!$G$21=$B$17,14,0)+IF('Standard Profiles'!$G$21=$B$24,21,0),0)),0)</f>
        <v>45.213190062678471</v>
      </c>
      <c r="H573" cm="1">
        <f t="array" ref="H573">IFERROR(INDEX(Jesper!AL$2:AL$366,ROUNDDOWN($C573/24,0)+1,1)*INDEX($D$3:$AA$30,INDEX(Jesper!$R$2:$R$366,ROW(INDEX(Jesper!AL$2:AL$366,ROUNDDOWN($C573/24,0)+1,1))-1)+IF('Standard Profiles'!$G$22=$B$10,7,0)+IF('Standard Profiles'!$G$22=$B$17,14,0)+IF('Standard Profiles'!$G$22=$B$24,21,0),MOD($C573,24)+1)/SUM(INDEX($D$3:$AA$30,INDEX(Jesper!$R$2:$R$366,ROW(INDEX(Jesper!AL$2:AL$366,ROUNDDOWN($C573/24,0)+1,1))-1)+IF('Standard Profiles'!$G$22=$B$10,7,0)+IF('Standard Profiles'!$G$22=$B$17,14,0)+IF('Standard Profiles'!$G$22=$B$24,21,0),0)),0)</f>
        <v>0</v>
      </c>
      <c r="I573">
        <f t="shared" si="76"/>
        <v>21.702331230085655</v>
      </c>
      <c r="J573">
        <f t="shared" si="77"/>
        <v>103.15402942962908</v>
      </c>
      <c r="K573">
        <f t="shared" si="78"/>
        <v>4.0453532037715085</v>
      </c>
      <c r="L573">
        <f t="shared" si="79"/>
        <v>2.0226766018857543</v>
      </c>
      <c r="M573">
        <f t="shared" si="80"/>
        <v>0</v>
      </c>
      <c r="N573" s="45">
        <f t="shared" si="81"/>
        <v>44949.458333332026</v>
      </c>
    </row>
    <row r="574" spans="2:14" x14ac:dyDescent="0.25">
      <c r="B574">
        <f t="shared" si="75"/>
        <v>1</v>
      </c>
      <c r="C574" s="16">
        <v>540</v>
      </c>
      <c r="D574" cm="1">
        <f t="array" ref="D574">IFERROR(INDEX(Jesper!AH$2:AH$366,ROUNDDOWN($C574/24,0)+1,1)*INDEX($D$3:$AA$30,INDEX(Jesper!$R$2:$R$366,ROW(INDEX(Jesper!AH$2:AH$366,ROUNDDOWN($C574/24,0)+1,1))-1)+IF('Standard Profiles'!$G$18=$B$10,7,0)+IF('Standard Profiles'!$G$18=$B$17,14,0)+IF('Standard Profiles'!$G$18=$B$24,21,0),MOD($C574,24)+1)/SUM(INDEX($D$3:$AA$30,INDEX(Jesper!$R$2:$R$366,ROW(INDEX(Jesper!AH$2:AH$366,ROUNDDOWN($C574/24,0)+1,1))-1)+IF('Standard Profiles'!$G$18=$B$10,7,0)+IF('Standard Profiles'!$G$18=$B$17,14,0)+IF('Standard Profiles'!$G$18=$B$24,21,0),0)),0)</f>
        <v>37.925186285357888</v>
      </c>
      <c r="E574" cm="1">
        <f t="array" ref="E574">IFERROR(INDEX(Jesper!AI$2:AI$366,ROUNDDOWN($C574/24,0)+1,1)*INDEX($D$3:$AA$30,INDEX(Jesper!$R$2:$R$366,ROW(INDEX(Jesper!AI$2:AI$366,ROUNDDOWN($C574/24,0)+1,1))-1)+IF('Standard Profiles'!$G$19=$B$10,7,0)+IF('Standard Profiles'!$G$19=$B$17,14,0)+IF('Standard Profiles'!$G$19=$B$24,21,0),MOD($C574,24)+1)/SUM(INDEX($D$3:$AA$30,INDEX(Jesper!$R$2:$R$366,ROW(INDEX(Jesper!AI$2:AI$366,ROUNDDOWN($C574/24,0)+1,1))-1)+IF('Standard Profiles'!$G$19=$B$10,7,0)+IF('Standard Profiles'!$G$19=$B$17,14,0)+IF('Standard Profiles'!$G$19=$B$24,21,0),0)),0)</f>
        <v>47.786014117335633</v>
      </c>
      <c r="F574" cm="1">
        <f t="array" ref="F574">IFERROR(INDEX(Jesper!AJ$2:AJ$366,ROUNDDOWN($C574/24,0)+1,1)*INDEX($D$3:$AA$30,INDEX(Jesper!$R$2:$R$366,ROW(INDEX(Jesper!AJ$2:AJ$366,ROUNDDOWN($C574/24,0)+1,1))-1)+IF('Standard Profiles'!$G$20=$B$10,7,0)+IF('Standard Profiles'!$G$20=$B$17,14,0)+IF('Standard Profiles'!$G$20=$B$24,21,0),MOD($C574,24)+1)/SUM(INDEX($D$3:$AA$30,INDEX(Jesper!$R$2:$R$366,ROW(INDEX(Jesper!AJ$2:AJ$366,ROUNDDOWN($C574/24,0)+1,1))-1)+IF('Standard Profiles'!$G$20=$B$10,7,0)+IF('Standard Profiles'!$G$20=$B$17,14,0)+IF('Standard Profiles'!$G$20=$B$24,21,0),0)),0)</f>
        <v>0</v>
      </c>
      <c r="G574" cm="1">
        <f t="array" ref="G574">IFERROR(INDEX(Jesper!AK$2:AK$366,ROUNDDOWN($C574/24,0)+1,1)*INDEX($D$3:$AA$30,INDEX(Jesper!$R$2:$R$366,ROW(INDEX(Jesper!AK$2:AK$366,ROUNDDOWN($C574/24,0)+1,1))-1)+IF('Standard Profiles'!$G$21=$B$10,7,0)+IF('Standard Profiles'!$G$21=$B$17,14,0)+IF('Standard Profiles'!$G$21=$B$24,21,0),MOD($C574,24)+1)/SUM(INDEX($D$3:$AA$30,INDEX(Jesper!$R$2:$R$366,ROW(INDEX(Jesper!AK$2:AK$366,ROUNDDOWN($C574/24,0)+1,1))-1)+IF('Standard Profiles'!$G$21=$B$10,7,0)+IF('Standard Profiles'!$G$21=$B$17,14,0)+IF('Standard Profiles'!$G$21=$B$24,21,0),0)),0)</f>
        <v>45.213190062678471</v>
      </c>
      <c r="H574" cm="1">
        <f t="array" ref="H574">IFERROR(INDEX(Jesper!AL$2:AL$366,ROUNDDOWN($C574/24,0)+1,1)*INDEX($D$3:$AA$30,INDEX(Jesper!$R$2:$R$366,ROW(INDEX(Jesper!AL$2:AL$366,ROUNDDOWN($C574/24,0)+1,1))-1)+IF('Standard Profiles'!$G$22=$B$10,7,0)+IF('Standard Profiles'!$G$22=$B$17,14,0)+IF('Standard Profiles'!$G$22=$B$24,21,0),MOD($C574,24)+1)/SUM(INDEX($D$3:$AA$30,INDEX(Jesper!$R$2:$R$366,ROW(INDEX(Jesper!AL$2:AL$366,ROUNDDOWN($C574/24,0)+1,1))-1)+IF('Standard Profiles'!$G$22=$B$10,7,0)+IF('Standard Profiles'!$G$22=$B$17,14,0)+IF('Standard Profiles'!$G$22=$B$24,21,0),0)),0)</f>
        <v>0</v>
      </c>
      <c r="I574">
        <f t="shared" si="76"/>
        <v>21.702331230085655</v>
      </c>
      <c r="J574">
        <f t="shared" si="77"/>
        <v>103.15402942962908</v>
      </c>
      <c r="K574">
        <f t="shared" si="78"/>
        <v>4.0453532037715085</v>
      </c>
      <c r="L574">
        <f t="shared" si="79"/>
        <v>2.0226766018857543</v>
      </c>
      <c r="M574">
        <f t="shared" si="80"/>
        <v>0</v>
      </c>
      <c r="N574" s="45">
        <f t="shared" si="81"/>
        <v>44949.49999999869</v>
      </c>
    </row>
    <row r="575" spans="2:14" x14ac:dyDescent="0.25">
      <c r="B575">
        <f t="shared" si="75"/>
        <v>1</v>
      </c>
      <c r="C575" s="16">
        <v>541</v>
      </c>
      <c r="D575" cm="1">
        <f t="array" ref="D575">IFERROR(INDEX(Jesper!AH$2:AH$366,ROUNDDOWN($C575/24,0)+1,1)*INDEX($D$3:$AA$30,INDEX(Jesper!$R$2:$R$366,ROW(INDEX(Jesper!AH$2:AH$366,ROUNDDOWN($C575/24,0)+1,1))-1)+IF('Standard Profiles'!$G$18=$B$10,7,0)+IF('Standard Profiles'!$G$18=$B$17,14,0)+IF('Standard Profiles'!$G$18=$B$24,21,0),MOD($C575,24)+1)/SUM(INDEX($D$3:$AA$30,INDEX(Jesper!$R$2:$R$366,ROW(INDEX(Jesper!AH$2:AH$366,ROUNDDOWN($C575/24,0)+1,1))-1)+IF('Standard Profiles'!$G$18=$B$10,7,0)+IF('Standard Profiles'!$G$18=$B$17,14,0)+IF('Standard Profiles'!$G$18=$B$24,21,0),0)),0)</f>
        <v>25.283457523571926</v>
      </c>
      <c r="E575" cm="1">
        <f t="array" ref="E575">IFERROR(INDEX(Jesper!AI$2:AI$366,ROUNDDOWN($C575/24,0)+1,1)*INDEX($D$3:$AA$30,INDEX(Jesper!$R$2:$R$366,ROW(INDEX(Jesper!AI$2:AI$366,ROUNDDOWN($C575/24,0)+1,1))-1)+IF('Standard Profiles'!$G$19=$B$10,7,0)+IF('Standard Profiles'!$G$19=$B$17,14,0)+IF('Standard Profiles'!$G$19=$B$24,21,0),MOD($C575,24)+1)/SUM(INDEX($D$3:$AA$30,INDEX(Jesper!$R$2:$R$366,ROW(INDEX(Jesper!AI$2:AI$366,ROUNDDOWN($C575/24,0)+1,1))-1)+IF('Standard Profiles'!$G$19=$B$10,7,0)+IF('Standard Profiles'!$G$19=$B$17,14,0)+IF('Standard Profiles'!$G$19=$B$24,21,0),0)),0)</f>
        <v>31.857342744890424</v>
      </c>
      <c r="F575" cm="1">
        <f t="array" ref="F575">IFERROR(INDEX(Jesper!AJ$2:AJ$366,ROUNDDOWN($C575/24,0)+1,1)*INDEX($D$3:$AA$30,INDEX(Jesper!$R$2:$R$366,ROW(INDEX(Jesper!AJ$2:AJ$366,ROUNDDOWN($C575/24,0)+1,1))-1)+IF('Standard Profiles'!$G$20=$B$10,7,0)+IF('Standard Profiles'!$G$20=$B$17,14,0)+IF('Standard Profiles'!$G$20=$B$24,21,0),MOD($C575,24)+1)/SUM(INDEX($D$3:$AA$30,INDEX(Jesper!$R$2:$R$366,ROW(INDEX(Jesper!AJ$2:AJ$366,ROUNDDOWN($C575/24,0)+1,1))-1)+IF('Standard Profiles'!$G$20=$B$10,7,0)+IF('Standard Profiles'!$G$20=$B$17,14,0)+IF('Standard Profiles'!$G$20=$B$24,21,0),0)),0)</f>
        <v>0</v>
      </c>
      <c r="G575" cm="1">
        <f t="array" ref="G575">IFERROR(INDEX(Jesper!AK$2:AK$366,ROUNDDOWN($C575/24,0)+1,1)*INDEX($D$3:$AA$30,INDEX(Jesper!$R$2:$R$366,ROW(INDEX(Jesper!AK$2:AK$366,ROUNDDOWN($C575/24,0)+1,1))-1)+IF('Standard Profiles'!$G$21=$B$10,7,0)+IF('Standard Profiles'!$G$21=$B$17,14,0)+IF('Standard Profiles'!$G$21=$B$24,21,0),MOD($C575,24)+1)/SUM(INDEX($D$3:$AA$30,INDEX(Jesper!$R$2:$R$366,ROW(INDEX(Jesper!AK$2:AK$366,ROUNDDOWN($C575/24,0)+1,1))-1)+IF('Standard Profiles'!$G$21=$B$10,7,0)+IF('Standard Profiles'!$G$21=$B$17,14,0)+IF('Standard Profiles'!$G$21=$B$24,21,0),0)),0)</f>
        <v>30.14212670845232</v>
      </c>
      <c r="H575" cm="1">
        <f t="array" ref="H575">IFERROR(INDEX(Jesper!AL$2:AL$366,ROUNDDOWN($C575/24,0)+1,1)*INDEX($D$3:$AA$30,INDEX(Jesper!$R$2:$R$366,ROW(INDEX(Jesper!AL$2:AL$366,ROUNDDOWN($C575/24,0)+1,1))-1)+IF('Standard Profiles'!$G$22=$B$10,7,0)+IF('Standard Profiles'!$G$22=$B$17,14,0)+IF('Standard Profiles'!$G$22=$B$24,21,0),MOD($C575,24)+1)/SUM(INDEX($D$3:$AA$30,INDEX(Jesper!$R$2:$R$366,ROW(INDEX(Jesper!AL$2:AL$366,ROUNDDOWN($C575/24,0)+1,1))-1)+IF('Standard Profiles'!$G$22=$B$10,7,0)+IF('Standard Profiles'!$G$22=$B$17,14,0)+IF('Standard Profiles'!$G$22=$B$24,21,0),0)),0)</f>
        <v>0</v>
      </c>
      <c r="I575">
        <f t="shared" si="76"/>
        <v>14.468220820057107</v>
      </c>
      <c r="J575">
        <f t="shared" si="77"/>
        <v>68.769352953086056</v>
      </c>
      <c r="K575">
        <f t="shared" si="78"/>
        <v>2.6969021358476724</v>
      </c>
      <c r="L575">
        <f t="shared" si="79"/>
        <v>1.3484510679238362</v>
      </c>
      <c r="M575">
        <f t="shared" si="80"/>
        <v>0</v>
      </c>
      <c r="N575" s="45">
        <f t="shared" si="81"/>
        <v>44949.541666665355</v>
      </c>
    </row>
    <row r="576" spans="2:14" x14ac:dyDescent="0.25">
      <c r="B576">
        <f t="shared" si="75"/>
        <v>1</v>
      </c>
      <c r="C576" s="16">
        <v>542</v>
      </c>
      <c r="D576" cm="1">
        <f t="array" ref="D576">IFERROR(INDEX(Jesper!AH$2:AH$366,ROUNDDOWN($C576/24,0)+1,1)*INDEX($D$3:$AA$30,INDEX(Jesper!$R$2:$R$366,ROW(INDEX(Jesper!AH$2:AH$366,ROUNDDOWN($C576/24,0)+1,1))-1)+IF('Standard Profiles'!$G$18=$B$10,7,0)+IF('Standard Profiles'!$G$18=$B$17,14,0)+IF('Standard Profiles'!$G$18=$B$24,21,0),MOD($C576,24)+1)/SUM(INDEX($D$3:$AA$30,INDEX(Jesper!$R$2:$R$366,ROW(INDEX(Jesper!AH$2:AH$366,ROUNDDOWN($C576/24,0)+1,1))-1)+IF('Standard Profiles'!$G$18=$B$10,7,0)+IF('Standard Profiles'!$G$18=$B$17,14,0)+IF('Standard Profiles'!$G$18=$B$24,21,0),0)),0)</f>
        <v>37.925186285357888</v>
      </c>
      <c r="E576" cm="1">
        <f t="array" ref="E576">IFERROR(INDEX(Jesper!AI$2:AI$366,ROUNDDOWN($C576/24,0)+1,1)*INDEX($D$3:$AA$30,INDEX(Jesper!$R$2:$R$366,ROW(INDEX(Jesper!AI$2:AI$366,ROUNDDOWN($C576/24,0)+1,1))-1)+IF('Standard Profiles'!$G$19=$B$10,7,0)+IF('Standard Profiles'!$G$19=$B$17,14,0)+IF('Standard Profiles'!$G$19=$B$24,21,0),MOD($C576,24)+1)/SUM(INDEX($D$3:$AA$30,INDEX(Jesper!$R$2:$R$366,ROW(INDEX(Jesper!AI$2:AI$366,ROUNDDOWN($C576/24,0)+1,1))-1)+IF('Standard Profiles'!$G$19=$B$10,7,0)+IF('Standard Profiles'!$G$19=$B$17,14,0)+IF('Standard Profiles'!$G$19=$B$24,21,0),0)),0)</f>
        <v>47.786014117335633</v>
      </c>
      <c r="F576" cm="1">
        <f t="array" ref="F576">IFERROR(INDEX(Jesper!AJ$2:AJ$366,ROUNDDOWN($C576/24,0)+1,1)*INDEX($D$3:$AA$30,INDEX(Jesper!$R$2:$R$366,ROW(INDEX(Jesper!AJ$2:AJ$366,ROUNDDOWN($C576/24,0)+1,1))-1)+IF('Standard Profiles'!$G$20=$B$10,7,0)+IF('Standard Profiles'!$G$20=$B$17,14,0)+IF('Standard Profiles'!$G$20=$B$24,21,0),MOD($C576,24)+1)/SUM(INDEX($D$3:$AA$30,INDEX(Jesper!$R$2:$R$366,ROW(INDEX(Jesper!AJ$2:AJ$366,ROUNDDOWN($C576/24,0)+1,1))-1)+IF('Standard Profiles'!$G$20=$B$10,7,0)+IF('Standard Profiles'!$G$20=$B$17,14,0)+IF('Standard Profiles'!$G$20=$B$24,21,0),0)),0)</f>
        <v>0</v>
      </c>
      <c r="G576" cm="1">
        <f t="array" ref="G576">IFERROR(INDEX(Jesper!AK$2:AK$366,ROUNDDOWN($C576/24,0)+1,1)*INDEX($D$3:$AA$30,INDEX(Jesper!$R$2:$R$366,ROW(INDEX(Jesper!AK$2:AK$366,ROUNDDOWN($C576/24,0)+1,1))-1)+IF('Standard Profiles'!$G$21=$B$10,7,0)+IF('Standard Profiles'!$G$21=$B$17,14,0)+IF('Standard Profiles'!$G$21=$B$24,21,0),MOD($C576,24)+1)/SUM(INDEX($D$3:$AA$30,INDEX(Jesper!$R$2:$R$366,ROW(INDEX(Jesper!AK$2:AK$366,ROUNDDOWN($C576/24,0)+1,1))-1)+IF('Standard Profiles'!$G$21=$B$10,7,0)+IF('Standard Profiles'!$G$21=$B$17,14,0)+IF('Standard Profiles'!$G$21=$B$24,21,0),0)),0)</f>
        <v>45.213190062678471</v>
      </c>
      <c r="H576" cm="1">
        <f t="array" ref="H576">IFERROR(INDEX(Jesper!AL$2:AL$366,ROUNDDOWN($C576/24,0)+1,1)*INDEX($D$3:$AA$30,INDEX(Jesper!$R$2:$R$366,ROW(INDEX(Jesper!AL$2:AL$366,ROUNDDOWN($C576/24,0)+1,1))-1)+IF('Standard Profiles'!$G$22=$B$10,7,0)+IF('Standard Profiles'!$G$22=$B$17,14,0)+IF('Standard Profiles'!$G$22=$B$24,21,0),MOD($C576,24)+1)/SUM(INDEX($D$3:$AA$30,INDEX(Jesper!$R$2:$R$366,ROW(INDEX(Jesper!AL$2:AL$366,ROUNDDOWN($C576/24,0)+1,1))-1)+IF('Standard Profiles'!$G$22=$B$10,7,0)+IF('Standard Profiles'!$G$22=$B$17,14,0)+IF('Standard Profiles'!$G$22=$B$24,21,0),0)),0)</f>
        <v>0</v>
      </c>
      <c r="I576">
        <f t="shared" si="76"/>
        <v>21.702331230085655</v>
      </c>
      <c r="J576">
        <f t="shared" si="77"/>
        <v>103.15402942962908</v>
      </c>
      <c r="K576">
        <f t="shared" si="78"/>
        <v>4.0453532037715085</v>
      </c>
      <c r="L576">
        <f t="shared" si="79"/>
        <v>2.0226766018857543</v>
      </c>
      <c r="M576">
        <f t="shared" si="80"/>
        <v>0</v>
      </c>
      <c r="N576" s="45">
        <f t="shared" si="81"/>
        <v>44949.583333332019</v>
      </c>
    </row>
    <row r="577" spans="2:14" x14ac:dyDescent="0.25">
      <c r="B577">
        <f t="shared" si="75"/>
        <v>1</v>
      </c>
      <c r="C577" s="16">
        <v>543</v>
      </c>
      <c r="D577" cm="1">
        <f t="array" ref="D577">IFERROR(INDEX(Jesper!AH$2:AH$366,ROUNDDOWN($C577/24,0)+1,1)*INDEX($D$3:$AA$30,INDEX(Jesper!$R$2:$R$366,ROW(INDEX(Jesper!AH$2:AH$366,ROUNDDOWN($C577/24,0)+1,1))-1)+IF('Standard Profiles'!$G$18=$B$10,7,0)+IF('Standard Profiles'!$G$18=$B$17,14,0)+IF('Standard Profiles'!$G$18=$B$24,21,0),MOD($C577,24)+1)/SUM(INDEX($D$3:$AA$30,INDEX(Jesper!$R$2:$R$366,ROW(INDEX(Jesper!AH$2:AH$366,ROUNDDOWN($C577/24,0)+1,1))-1)+IF('Standard Profiles'!$G$18=$B$10,7,0)+IF('Standard Profiles'!$G$18=$B$17,14,0)+IF('Standard Profiles'!$G$18=$B$24,21,0),0)),0)</f>
        <v>37.925186285357888</v>
      </c>
      <c r="E577" cm="1">
        <f t="array" ref="E577">IFERROR(INDEX(Jesper!AI$2:AI$366,ROUNDDOWN($C577/24,0)+1,1)*INDEX($D$3:$AA$30,INDEX(Jesper!$R$2:$R$366,ROW(INDEX(Jesper!AI$2:AI$366,ROUNDDOWN($C577/24,0)+1,1))-1)+IF('Standard Profiles'!$G$19=$B$10,7,0)+IF('Standard Profiles'!$G$19=$B$17,14,0)+IF('Standard Profiles'!$G$19=$B$24,21,0),MOD($C577,24)+1)/SUM(INDEX($D$3:$AA$30,INDEX(Jesper!$R$2:$R$366,ROW(INDEX(Jesper!AI$2:AI$366,ROUNDDOWN($C577/24,0)+1,1))-1)+IF('Standard Profiles'!$G$19=$B$10,7,0)+IF('Standard Profiles'!$G$19=$B$17,14,0)+IF('Standard Profiles'!$G$19=$B$24,21,0),0)),0)</f>
        <v>47.786014117335633</v>
      </c>
      <c r="F577" cm="1">
        <f t="array" ref="F577">IFERROR(INDEX(Jesper!AJ$2:AJ$366,ROUNDDOWN($C577/24,0)+1,1)*INDEX($D$3:$AA$30,INDEX(Jesper!$R$2:$R$366,ROW(INDEX(Jesper!AJ$2:AJ$366,ROUNDDOWN($C577/24,0)+1,1))-1)+IF('Standard Profiles'!$G$20=$B$10,7,0)+IF('Standard Profiles'!$G$20=$B$17,14,0)+IF('Standard Profiles'!$G$20=$B$24,21,0),MOD($C577,24)+1)/SUM(INDEX($D$3:$AA$30,INDEX(Jesper!$R$2:$R$366,ROW(INDEX(Jesper!AJ$2:AJ$366,ROUNDDOWN($C577/24,0)+1,1))-1)+IF('Standard Profiles'!$G$20=$B$10,7,0)+IF('Standard Profiles'!$G$20=$B$17,14,0)+IF('Standard Profiles'!$G$20=$B$24,21,0),0)),0)</f>
        <v>0</v>
      </c>
      <c r="G577" cm="1">
        <f t="array" ref="G577">IFERROR(INDEX(Jesper!AK$2:AK$366,ROUNDDOWN($C577/24,0)+1,1)*INDEX($D$3:$AA$30,INDEX(Jesper!$R$2:$R$366,ROW(INDEX(Jesper!AK$2:AK$366,ROUNDDOWN($C577/24,0)+1,1))-1)+IF('Standard Profiles'!$G$21=$B$10,7,0)+IF('Standard Profiles'!$G$21=$B$17,14,0)+IF('Standard Profiles'!$G$21=$B$24,21,0),MOD($C577,24)+1)/SUM(INDEX($D$3:$AA$30,INDEX(Jesper!$R$2:$R$366,ROW(INDEX(Jesper!AK$2:AK$366,ROUNDDOWN($C577/24,0)+1,1))-1)+IF('Standard Profiles'!$G$21=$B$10,7,0)+IF('Standard Profiles'!$G$21=$B$17,14,0)+IF('Standard Profiles'!$G$21=$B$24,21,0),0)),0)</f>
        <v>45.213190062678471</v>
      </c>
      <c r="H577" cm="1">
        <f t="array" ref="H577">IFERROR(INDEX(Jesper!AL$2:AL$366,ROUNDDOWN($C577/24,0)+1,1)*INDEX($D$3:$AA$30,INDEX(Jesper!$R$2:$R$366,ROW(INDEX(Jesper!AL$2:AL$366,ROUNDDOWN($C577/24,0)+1,1))-1)+IF('Standard Profiles'!$G$22=$B$10,7,0)+IF('Standard Profiles'!$G$22=$B$17,14,0)+IF('Standard Profiles'!$G$22=$B$24,21,0),MOD($C577,24)+1)/SUM(INDEX($D$3:$AA$30,INDEX(Jesper!$R$2:$R$366,ROW(INDEX(Jesper!AL$2:AL$366,ROUNDDOWN($C577/24,0)+1,1))-1)+IF('Standard Profiles'!$G$22=$B$10,7,0)+IF('Standard Profiles'!$G$22=$B$17,14,0)+IF('Standard Profiles'!$G$22=$B$24,21,0),0)),0)</f>
        <v>0</v>
      </c>
      <c r="I577">
        <f t="shared" si="76"/>
        <v>21.702331230085655</v>
      </c>
      <c r="J577">
        <f t="shared" si="77"/>
        <v>103.15402942962908</v>
      </c>
      <c r="K577">
        <f t="shared" si="78"/>
        <v>4.0453532037715085</v>
      </c>
      <c r="L577">
        <f t="shared" si="79"/>
        <v>2.0226766018857543</v>
      </c>
      <c r="M577">
        <f t="shared" si="80"/>
        <v>0</v>
      </c>
      <c r="N577" s="45">
        <f t="shared" si="81"/>
        <v>44949.624999998683</v>
      </c>
    </row>
    <row r="578" spans="2:14" x14ac:dyDescent="0.25">
      <c r="B578">
        <f t="shared" si="75"/>
        <v>1</v>
      </c>
      <c r="C578" s="16">
        <v>544</v>
      </c>
      <c r="D578" cm="1">
        <f t="array" ref="D578">IFERROR(INDEX(Jesper!AH$2:AH$366,ROUNDDOWN($C578/24,0)+1,1)*INDEX($D$3:$AA$30,INDEX(Jesper!$R$2:$R$366,ROW(INDEX(Jesper!AH$2:AH$366,ROUNDDOWN($C578/24,0)+1,1))-1)+IF('Standard Profiles'!$G$18=$B$10,7,0)+IF('Standard Profiles'!$G$18=$B$17,14,0)+IF('Standard Profiles'!$G$18=$B$24,21,0),MOD($C578,24)+1)/SUM(INDEX($D$3:$AA$30,INDEX(Jesper!$R$2:$R$366,ROW(INDEX(Jesper!AH$2:AH$366,ROUNDDOWN($C578/24,0)+1,1))-1)+IF('Standard Profiles'!$G$18=$B$10,7,0)+IF('Standard Profiles'!$G$18=$B$17,14,0)+IF('Standard Profiles'!$G$18=$B$24,21,0),0)),0)</f>
        <v>22.12302533312543</v>
      </c>
      <c r="E578" cm="1">
        <f t="array" ref="E578">IFERROR(INDEX(Jesper!AI$2:AI$366,ROUNDDOWN($C578/24,0)+1,1)*INDEX($D$3:$AA$30,INDEX(Jesper!$R$2:$R$366,ROW(INDEX(Jesper!AI$2:AI$366,ROUNDDOWN($C578/24,0)+1,1))-1)+IF('Standard Profiles'!$G$19=$B$10,7,0)+IF('Standard Profiles'!$G$19=$B$17,14,0)+IF('Standard Profiles'!$G$19=$B$24,21,0),MOD($C578,24)+1)/SUM(INDEX($D$3:$AA$30,INDEX(Jesper!$R$2:$R$366,ROW(INDEX(Jesper!AI$2:AI$366,ROUNDDOWN($C578/24,0)+1,1))-1)+IF('Standard Profiles'!$G$19=$B$10,7,0)+IF('Standard Profiles'!$G$19=$B$17,14,0)+IF('Standard Profiles'!$G$19=$B$24,21,0),0)),0)</f>
        <v>27.875174901779118</v>
      </c>
      <c r="F578" cm="1">
        <f t="array" ref="F578">IFERROR(INDEX(Jesper!AJ$2:AJ$366,ROUNDDOWN($C578/24,0)+1,1)*INDEX($D$3:$AA$30,INDEX(Jesper!$R$2:$R$366,ROW(INDEX(Jesper!AJ$2:AJ$366,ROUNDDOWN($C578/24,0)+1,1))-1)+IF('Standard Profiles'!$G$20=$B$10,7,0)+IF('Standard Profiles'!$G$20=$B$17,14,0)+IF('Standard Profiles'!$G$20=$B$24,21,0),MOD($C578,24)+1)/SUM(INDEX($D$3:$AA$30,INDEX(Jesper!$R$2:$R$366,ROW(INDEX(Jesper!AJ$2:AJ$366,ROUNDDOWN($C578/24,0)+1,1))-1)+IF('Standard Profiles'!$G$20=$B$10,7,0)+IF('Standard Profiles'!$G$20=$B$17,14,0)+IF('Standard Profiles'!$G$20=$B$24,21,0),0)),0)</f>
        <v>0</v>
      </c>
      <c r="G578" cm="1">
        <f t="array" ref="G578">IFERROR(INDEX(Jesper!AK$2:AK$366,ROUNDDOWN($C578/24,0)+1,1)*INDEX($D$3:$AA$30,INDEX(Jesper!$R$2:$R$366,ROW(INDEX(Jesper!AK$2:AK$366,ROUNDDOWN($C578/24,0)+1,1))-1)+IF('Standard Profiles'!$G$21=$B$10,7,0)+IF('Standard Profiles'!$G$21=$B$17,14,0)+IF('Standard Profiles'!$G$21=$B$24,21,0),MOD($C578,24)+1)/SUM(INDEX($D$3:$AA$30,INDEX(Jesper!$R$2:$R$366,ROW(INDEX(Jesper!AK$2:AK$366,ROUNDDOWN($C578/24,0)+1,1))-1)+IF('Standard Profiles'!$G$21=$B$10,7,0)+IF('Standard Profiles'!$G$21=$B$17,14,0)+IF('Standard Profiles'!$G$21=$B$24,21,0),0)),0)</f>
        <v>37.677658385565401</v>
      </c>
      <c r="H578" cm="1">
        <f t="array" ref="H578">IFERROR(INDEX(Jesper!AL$2:AL$366,ROUNDDOWN($C578/24,0)+1,1)*INDEX($D$3:$AA$30,INDEX(Jesper!$R$2:$R$366,ROW(INDEX(Jesper!AL$2:AL$366,ROUNDDOWN($C578/24,0)+1,1))-1)+IF('Standard Profiles'!$G$22=$B$10,7,0)+IF('Standard Profiles'!$G$22=$B$17,14,0)+IF('Standard Profiles'!$G$22=$B$24,21,0),MOD($C578,24)+1)/SUM(INDEX($D$3:$AA$30,INDEX(Jesper!$R$2:$R$366,ROW(INDEX(Jesper!AL$2:AL$366,ROUNDDOWN($C578/24,0)+1,1))-1)+IF('Standard Profiles'!$G$22=$B$10,7,0)+IF('Standard Profiles'!$G$22=$B$17,14,0)+IF('Standard Profiles'!$G$22=$B$24,21,0),0)),0)</f>
        <v>0</v>
      </c>
      <c r="I578">
        <f t="shared" si="76"/>
        <v>18.085276025071384</v>
      </c>
      <c r="J578">
        <f t="shared" si="77"/>
        <v>66.050898542098494</v>
      </c>
      <c r="K578">
        <f t="shared" si="78"/>
        <v>2.3597893688667129</v>
      </c>
      <c r="L578">
        <f t="shared" si="79"/>
        <v>1.1798946844333564</v>
      </c>
      <c r="M578">
        <f t="shared" si="80"/>
        <v>0</v>
      </c>
      <c r="N578" s="45">
        <f t="shared" si="81"/>
        <v>44949.666666665347</v>
      </c>
    </row>
    <row r="579" spans="2:14" x14ac:dyDescent="0.25">
      <c r="B579">
        <f t="shared" si="75"/>
        <v>1</v>
      </c>
      <c r="C579" s="16">
        <v>545</v>
      </c>
      <c r="D579" cm="1">
        <f t="array" ref="D579">IFERROR(INDEX(Jesper!AH$2:AH$366,ROUNDDOWN($C579/24,0)+1,1)*INDEX($D$3:$AA$30,INDEX(Jesper!$R$2:$R$366,ROW(INDEX(Jesper!AH$2:AH$366,ROUNDDOWN($C579/24,0)+1,1))-1)+IF('Standard Profiles'!$G$18=$B$10,7,0)+IF('Standard Profiles'!$G$18=$B$17,14,0)+IF('Standard Profiles'!$G$18=$B$24,21,0),MOD($C579,24)+1)/SUM(INDEX($D$3:$AA$30,INDEX(Jesper!$R$2:$R$366,ROW(INDEX(Jesper!AH$2:AH$366,ROUNDDOWN($C579/24,0)+1,1))-1)+IF('Standard Profiles'!$G$18=$B$10,7,0)+IF('Standard Profiles'!$G$18=$B$17,14,0)+IF('Standard Profiles'!$G$18=$B$24,21,0),0)),0)</f>
        <v>6.3208643808929814</v>
      </c>
      <c r="E579" cm="1">
        <f t="array" ref="E579">IFERROR(INDEX(Jesper!AI$2:AI$366,ROUNDDOWN($C579/24,0)+1,1)*INDEX($D$3:$AA$30,INDEX(Jesper!$R$2:$R$366,ROW(INDEX(Jesper!AI$2:AI$366,ROUNDDOWN($C579/24,0)+1,1))-1)+IF('Standard Profiles'!$G$19=$B$10,7,0)+IF('Standard Profiles'!$G$19=$B$17,14,0)+IF('Standard Profiles'!$G$19=$B$24,21,0),MOD($C579,24)+1)/SUM(INDEX($D$3:$AA$30,INDEX(Jesper!$R$2:$R$366,ROW(INDEX(Jesper!AI$2:AI$366,ROUNDDOWN($C579/24,0)+1,1))-1)+IF('Standard Profiles'!$G$19=$B$10,7,0)+IF('Standard Profiles'!$G$19=$B$17,14,0)+IF('Standard Profiles'!$G$19=$B$24,21,0),0)),0)</f>
        <v>7.964335686222606</v>
      </c>
      <c r="F579" cm="1">
        <f t="array" ref="F579">IFERROR(INDEX(Jesper!AJ$2:AJ$366,ROUNDDOWN($C579/24,0)+1,1)*INDEX($D$3:$AA$30,INDEX(Jesper!$R$2:$R$366,ROW(INDEX(Jesper!AJ$2:AJ$366,ROUNDDOWN($C579/24,0)+1,1))-1)+IF('Standard Profiles'!$G$20=$B$10,7,0)+IF('Standard Profiles'!$G$20=$B$17,14,0)+IF('Standard Profiles'!$G$20=$B$24,21,0),MOD($C579,24)+1)/SUM(INDEX($D$3:$AA$30,INDEX(Jesper!$R$2:$R$366,ROW(INDEX(Jesper!AJ$2:AJ$366,ROUNDDOWN($C579/24,0)+1,1))-1)+IF('Standard Profiles'!$G$20=$B$10,7,0)+IF('Standard Profiles'!$G$20=$B$17,14,0)+IF('Standard Profiles'!$G$20=$B$24,21,0),0)),0)</f>
        <v>0</v>
      </c>
      <c r="G579" cm="1">
        <f t="array" ref="G579">IFERROR(INDEX(Jesper!AK$2:AK$366,ROUNDDOWN($C579/24,0)+1,1)*INDEX($D$3:$AA$30,INDEX(Jesper!$R$2:$R$366,ROW(INDEX(Jesper!AK$2:AK$366,ROUNDDOWN($C579/24,0)+1,1))-1)+IF('Standard Profiles'!$G$21=$B$10,7,0)+IF('Standard Profiles'!$G$21=$B$17,14,0)+IF('Standard Profiles'!$G$21=$B$24,21,0),MOD($C579,24)+1)/SUM(INDEX($D$3:$AA$30,INDEX(Jesper!$R$2:$R$366,ROW(INDEX(Jesper!AK$2:AK$366,ROUNDDOWN($C579/24,0)+1,1))-1)+IF('Standard Profiles'!$G$21=$B$10,7,0)+IF('Standard Profiles'!$G$21=$B$17,14,0)+IF('Standard Profiles'!$G$21=$B$24,21,0),0)),0)</f>
        <v>30.315357321719294</v>
      </c>
      <c r="H579" cm="1">
        <f t="array" ref="H579">IFERROR(INDEX(Jesper!AL$2:AL$366,ROUNDDOWN($C579/24,0)+1,1)*INDEX($D$3:$AA$30,INDEX(Jesper!$R$2:$R$366,ROW(INDEX(Jesper!AL$2:AL$366,ROUNDDOWN($C579/24,0)+1,1))-1)+IF('Standard Profiles'!$G$22=$B$10,7,0)+IF('Standard Profiles'!$G$22=$B$17,14,0)+IF('Standard Profiles'!$G$22=$B$24,21,0),MOD($C579,24)+1)/SUM(INDEX($D$3:$AA$30,INDEX(Jesper!$R$2:$R$366,ROW(INDEX(Jesper!AL$2:AL$366,ROUNDDOWN($C579/24,0)+1,1))-1)+IF('Standard Profiles'!$G$22=$B$10,7,0)+IF('Standard Profiles'!$G$22=$B$17,14,0)+IF('Standard Profiles'!$G$22=$B$24,21,0),0)),0)</f>
        <v>0</v>
      </c>
      <c r="I579">
        <f t="shared" si="76"/>
        <v>14.551371514425254</v>
      </c>
      <c r="J579">
        <f t="shared" si="77"/>
        <v>29.037847573466749</v>
      </c>
      <c r="K579">
        <f t="shared" si="78"/>
        <v>0.67422553396191809</v>
      </c>
      <c r="L579">
        <f t="shared" si="79"/>
        <v>0.33711276698095904</v>
      </c>
      <c r="M579">
        <f t="shared" si="80"/>
        <v>0</v>
      </c>
      <c r="N579" s="45">
        <f t="shared" si="81"/>
        <v>44949.708333332012</v>
      </c>
    </row>
    <row r="580" spans="2:14" x14ac:dyDescent="0.25">
      <c r="B580">
        <f t="shared" si="75"/>
        <v>1</v>
      </c>
      <c r="C580" s="16">
        <v>546</v>
      </c>
      <c r="D580" cm="1">
        <f t="array" ref="D580">IFERROR(INDEX(Jesper!AH$2:AH$366,ROUNDDOWN($C580/24,0)+1,1)*INDEX($D$3:$AA$30,INDEX(Jesper!$R$2:$R$366,ROW(INDEX(Jesper!AH$2:AH$366,ROUNDDOWN($C580/24,0)+1,1))-1)+IF('Standard Profiles'!$G$18=$B$10,7,0)+IF('Standard Profiles'!$G$18=$B$17,14,0)+IF('Standard Profiles'!$G$18=$B$24,21,0),MOD($C580,24)+1)/SUM(INDEX($D$3:$AA$30,INDEX(Jesper!$R$2:$R$366,ROW(INDEX(Jesper!AH$2:AH$366,ROUNDDOWN($C580/24,0)+1,1))-1)+IF('Standard Profiles'!$G$18=$B$10,7,0)+IF('Standard Profiles'!$G$18=$B$17,14,0)+IF('Standard Profiles'!$G$18=$B$24,21,0),0)),0)</f>
        <v>6.231838122007165</v>
      </c>
      <c r="E580" cm="1">
        <f t="array" ref="E580">IFERROR(INDEX(Jesper!AI$2:AI$366,ROUNDDOWN($C580/24,0)+1,1)*INDEX($D$3:$AA$30,INDEX(Jesper!$R$2:$R$366,ROW(INDEX(Jesper!AI$2:AI$366,ROUNDDOWN($C580/24,0)+1,1))-1)+IF('Standard Profiles'!$G$19=$B$10,7,0)+IF('Standard Profiles'!$G$19=$B$17,14,0)+IF('Standard Profiles'!$G$19=$B$24,21,0),MOD($C580,24)+1)/SUM(INDEX($D$3:$AA$30,INDEX(Jesper!$R$2:$R$366,ROW(INDEX(Jesper!AI$2:AI$366,ROUNDDOWN($C580/24,0)+1,1))-1)+IF('Standard Profiles'!$G$19=$B$10,7,0)+IF('Standard Profiles'!$G$19=$B$17,14,0)+IF('Standard Profiles'!$G$19=$B$24,21,0),0)),0)</f>
        <v>7.8521619441631323</v>
      </c>
      <c r="F580" cm="1">
        <f t="array" ref="F580">IFERROR(INDEX(Jesper!AJ$2:AJ$366,ROUNDDOWN($C580/24,0)+1,1)*INDEX($D$3:$AA$30,INDEX(Jesper!$R$2:$R$366,ROW(INDEX(Jesper!AJ$2:AJ$366,ROUNDDOWN($C580/24,0)+1,1))-1)+IF('Standard Profiles'!$G$20=$B$10,7,0)+IF('Standard Profiles'!$G$20=$B$17,14,0)+IF('Standard Profiles'!$G$20=$B$24,21,0),MOD($C580,24)+1)/SUM(INDEX($D$3:$AA$30,INDEX(Jesper!$R$2:$R$366,ROW(INDEX(Jesper!AJ$2:AJ$366,ROUNDDOWN($C580/24,0)+1,1))-1)+IF('Standard Profiles'!$G$20=$B$10,7,0)+IF('Standard Profiles'!$G$20=$B$17,14,0)+IF('Standard Profiles'!$G$20=$B$24,21,0),0)),0)</f>
        <v>0</v>
      </c>
      <c r="G580" cm="1">
        <f t="array" ref="G580">IFERROR(INDEX(Jesper!AK$2:AK$366,ROUNDDOWN($C580/24,0)+1,1)*INDEX($D$3:$AA$30,INDEX(Jesper!$R$2:$R$366,ROW(INDEX(Jesper!AK$2:AK$366,ROUNDDOWN($C580/24,0)+1,1))-1)+IF('Standard Profiles'!$G$21=$B$10,7,0)+IF('Standard Profiles'!$G$21=$B$17,14,0)+IF('Standard Profiles'!$G$21=$B$24,21,0),MOD($C580,24)+1)/SUM(INDEX($D$3:$AA$30,INDEX(Jesper!$R$2:$R$366,ROW(INDEX(Jesper!AK$2:AK$366,ROUNDDOWN($C580/24,0)+1,1))-1)+IF('Standard Profiles'!$G$21=$B$10,7,0)+IF('Standard Profiles'!$G$21=$B$17,14,0)+IF('Standard Profiles'!$G$21=$B$24,21,0),0)),0)</f>
        <v>10.82691332918546</v>
      </c>
      <c r="H580" cm="1">
        <f t="array" ref="H580">IFERROR(INDEX(Jesper!AL$2:AL$366,ROUNDDOWN($C580/24,0)+1,1)*INDEX($D$3:$AA$30,INDEX(Jesper!$R$2:$R$366,ROW(INDEX(Jesper!AL$2:AL$366,ROUNDDOWN($C580/24,0)+1,1))-1)+IF('Standard Profiles'!$G$22=$B$10,7,0)+IF('Standard Profiles'!$G$22=$B$17,14,0)+IF('Standard Profiles'!$G$22=$B$24,21,0),MOD($C580,24)+1)/SUM(INDEX($D$3:$AA$30,INDEX(Jesper!$R$2:$R$366,ROW(INDEX(Jesper!AL$2:AL$366,ROUNDDOWN($C580/24,0)+1,1))-1)+IF('Standard Profiles'!$G$22=$B$10,7,0)+IF('Standard Profiles'!$G$22=$B$17,14,0)+IF('Standard Profiles'!$G$22=$B$24,21,0),0)),0)</f>
        <v>0</v>
      </c>
      <c r="I580">
        <f t="shared" si="76"/>
        <v>5.1969183980090188</v>
      </c>
      <c r="J580">
        <f t="shared" si="77"/>
        <v>18.716900897825592</v>
      </c>
      <c r="K580">
        <f t="shared" si="78"/>
        <v>0.66472939968076428</v>
      </c>
      <c r="L580">
        <f t="shared" si="79"/>
        <v>0.33236469984038214</v>
      </c>
      <c r="M580">
        <f t="shared" si="80"/>
        <v>0</v>
      </c>
      <c r="N580" s="45">
        <f t="shared" si="81"/>
        <v>44949.749999998676</v>
      </c>
    </row>
    <row r="581" spans="2:14" x14ac:dyDescent="0.25">
      <c r="B581">
        <f t="shared" si="75"/>
        <v>1</v>
      </c>
      <c r="C581" s="16">
        <v>547</v>
      </c>
      <c r="D581" cm="1">
        <f t="array" ref="D581">IFERROR(INDEX(Jesper!AH$2:AH$366,ROUNDDOWN($C581/24,0)+1,1)*INDEX($D$3:$AA$30,INDEX(Jesper!$R$2:$R$366,ROW(INDEX(Jesper!AH$2:AH$366,ROUNDDOWN($C581/24,0)+1,1))-1)+IF('Standard Profiles'!$G$18=$B$10,7,0)+IF('Standard Profiles'!$G$18=$B$17,14,0)+IF('Standard Profiles'!$G$18=$B$24,21,0),MOD($C581,24)+1)/SUM(INDEX($D$3:$AA$30,INDEX(Jesper!$R$2:$R$366,ROW(INDEX(Jesper!AH$2:AH$366,ROUNDDOWN($C581/24,0)+1,1))-1)+IF('Standard Profiles'!$G$18=$B$10,7,0)+IF('Standard Profiles'!$G$18=$B$17,14,0)+IF('Standard Profiles'!$G$18=$B$24,21,0),0)),0)</f>
        <v>6.231838122007165</v>
      </c>
      <c r="E581" cm="1">
        <f t="array" ref="E581">IFERROR(INDEX(Jesper!AI$2:AI$366,ROUNDDOWN($C581/24,0)+1,1)*INDEX($D$3:$AA$30,INDEX(Jesper!$R$2:$R$366,ROW(INDEX(Jesper!AI$2:AI$366,ROUNDDOWN($C581/24,0)+1,1))-1)+IF('Standard Profiles'!$G$19=$B$10,7,0)+IF('Standard Profiles'!$G$19=$B$17,14,0)+IF('Standard Profiles'!$G$19=$B$24,21,0),MOD($C581,24)+1)/SUM(INDEX($D$3:$AA$30,INDEX(Jesper!$R$2:$R$366,ROW(INDEX(Jesper!AI$2:AI$366,ROUNDDOWN($C581/24,0)+1,1))-1)+IF('Standard Profiles'!$G$19=$B$10,7,0)+IF('Standard Profiles'!$G$19=$B$17,14,0)+IF('Standard Profiles'!$G$19=$B$24,21,0),0)),0)</f>
        <v>7.8521619441631323</v>
      </c>
      <c r="F581" cm="1">
        <f t="array" ref="F581">IFERROR(INDEX(Jesper!AJ$2:AJ$366,ROUNDDOWN($C581/24,0)+1,1)*INDEX($D$3:$AA$30,INDEX(Jesper!$R$2:$R$366,ROW(INDEX(Jesper!AJ$2:AJ$366,ROUNDDOWN($C581/24,0)+1,1))-1)+IF('Standard Profiles'!$G$20=$B$10,7,0)+IF('Standard Profiles'!$G$20=$B$17,14,0)+IF('Standard Profiles'!$G$20=$B$24,21,0),MOD($C581,24)+1)/SUM(INDEX($D$3:$AA$30,INDEX(Jesper!$R$2:$R$366,ROW(INDEX(Jesper!AJ$2:AJ$366,ROUNDDOWN($C581/24,0)+1,1))-1)+IF('Standard Profiles'!$G$20=$B$10,7,0)+IF('Standard Profiles'!$G$20=$B$17,14,0)+IF('Standard Profiles'!$G$20=$B$24,21,0),0)),0)</f>
        <v>0</v>
      </c>
      <c r="G581" cm="1">
        <f t="array" ref="G581">IFERROR(INDEX(Jesper!AK$2:AK$366,ROUNDDOWN($C581/24,0)+1,1)*INDEX($D$3:$AA$30,INDEX(Jesper!$R$2:$R$366,ROW(INDEX(Jesper!AK$2:AK$366,ROUNDDOWN($C581/24,0)+1,1))-1)+IF('Standard Profiles'!$G$21=$B$10,7,0)+IF('Standard Profiles'!$G$21=$B$17,14,0)+IF('Standard Profiles'!$G$21=$B$24,21,0),MOD($C581,24)+1)/SUM(INDEX($D$3:$AA$30,INDEX(Jesper!$R$2:$R$366,ROW(INDEX(Jesper!AK$2:AK$366,ROUNDDOWN($C581/24,0)+1,1))-1)+IF('Standard Profiles'!$G$21=$B$10,7,0)+IF('Standard Profiles'!$G$21=$B$17,14,0)+IF('Standard Profiles'!$G$21=$B$24,21,0),0)),0)</f>
        <v>10.82691332918546</v>
      </c>
      <c r="H581" cm="1">
        <f t="array" ref="H581">IFERROR(INDEX(Jesper!AL$2:AL$366,ROUNDDOWN($C581/24,0)+1,1)*INDEX($D$3:$AA$30,INDEX(Jesper!$R$2:$R$366,ROW(INDEX(Jesper!AL$2:AL$366,ROUNDDOWN($C581/24,0)+1,1))-1)+IF('Standard Profiles'!$G$22=$B$10,7,0)+IF('Standard Profiles'!$G$22=$B$17,14,0)+IF('Standard Profiles'!$G$22=$B$24,21,0),MOD($C581,24)+1)/SUM(INDEX($D$3:$AA$30,INDEX(Jesper!$R$2:$R$366,ROW(INDEX(Jesper!AL$2:AL$366,ROUNDDOWN($C581/24,0)+1,1))-1)+IF('Standard Profiles'!$G$22=$B$10,7,0)+IF('Standard Profiles'!$G$22=$B$17,14,0)+IF('Standard Profiles'!$G$22=$B$24,21,0),0)),0)</f>
        <v>0</v>
      </c>
      <c r="I581">
        <f t="shared" si="76"/>
        <v>5.1969183980090188</v>
      </c>
      <c r="J581">
        <f t="shared" si="77"/>
        <v>18.716900897825592</v>
      </c>
      <c r="K581">
        <f t="shared" si="78"/>
        <v>0.66472939968076428</v>
      </c>
      <c r="L581">
        <f t="shared" si="79"/>
        <v>0.33236469984038214</v>
      </c>
      <c r="M581">
        <f t="shared" si="80"/>
        <v>0</v>
      </c>
      <c r="N581" s="45">
        <f t="shared" si="81"/>
        <v>44949.79166666534</v>
      </c>
    </row>
    <row r="582" spans="2:14" x14ac:dyDescent="0.25">
      <c r="B582">
        <f t="shared" si="75"/>
        <v>1</v>
      </c>
      <c r="C582" s="16">
        <v>548</v>
      </c>
      <c r="D582" cm="1">
        <f t="array" ref="D582">IFERROR(INDEX(Jesper!AH$2:AH$366,ROUNDDOWN($C582/24,0)+1,1)*INDEX($D$3:$AA$30,INDEX(Jesper!$R$2:$R$366,ROW(INDEX(Jesper!AH$2:AH$366,ROUNDDOWN($C582/24,0)+1,1))-1)+IF('Standard Profiles'!$G$18=$B$10,7,0)+IF('Standard Profiles'!$G$18=$B$17,14,0)+IF('Standard Profiles'!$G$18=$B$24,21,0),MOD($C582,24)+1)/SUM(INDEX($D$3:$AA$30,INDEX(Jesper!$R$2:$R$366,ROW(INDEX(Jesper!AH$2:AH$366,ROUNDDOWN($C582/24,0)+1,1))-1)+IF('Standard Profiles'!$G$18=$B$10,7,0)+IF('Standard Profiles'!$G$18=$B$17,14,0)+IF('Standard Profiles'!$G$18=$B$24,21,0),0)),0)</f>
        <v>6.231838122007165</v>
      </c>
      <c r="E582" cm="1">
        <f t="array" ref="E582">IFERROR(INDEX(Jesper!AI$2:AI$366,ROUNDDOWN($C582/24,0)+1,1)*INDEX($D$3:$AA$30,INDEX(Jesper!$R$2:$R$366,ROW(INDEX(Jesper!AI$2:AI$366,ROUNDDOWN($C582/24,0)+1,1))-1)+IF('Standard Profiles'!$G$19=$B$10,7,0)+IF('Standard Profiles'!$G$19=$B$17,14,0)+IF('Standard Profiles'!$G$19=$B$24,21,0),MOD($C582,24)+1)/SUM(INDEX($D$3:$AA$30,INDEX(Jesper!$R$2:$R$366,ROW(INDEX(Jesper!AI$2:AI$366,ROUNDDOWN($C582/24,0)+1,1))-1)+IF('Standard Profiles'!$G$19=$B$10,7,0)+IF('Standard Profiles'!$G$19=$B$17,14,0)+IF('Standard Profiles'!$G$19=$B$24,21,0),0)),0)</f>
        <v>7.8521619441631323</v>
      </c>
      <c r="F582" cm="1">
        <f t="array" ref="F582">IFERROR(INDEX(Jesper!AJ$2:AJ$366,ROUNDDOWN($C582/24,0)+1,1)*INDEX($D$3:$AA$30,INDEX(Jesper!$R$2:$R$366,ROW(INDEX(Jesper!AJ$2:AJ$366,ROUNDDOWN($C582/24,0)+1,1))-1)+IF('Standard Profiles'!$G$20=$B$10,7,0)+IF('Standard Profiles'!$G$20=$B$17,14,0)+IF('Standard Profiles'!$G$20=$B$24,21,0),MOD($C582,24)+1)/SUM(INDEX($D$3:$AA$30,INDEX(Jesper!$R$2:$R$366,ROW(INDEX(Jesper!AJ$2:AJ$366,ROUNDDOWN($C582/24,0)+1,1))-1)+IF('Standard Profiles'!$G$20=$B$10,7,0)+IF('Standard Profiles'!$G$20=$B$17,14,0)+IF('Standard Profiles'!$G$20=$B$24,21,0),0)),0)</f>
        <v>0</v>
      </c>
      <c r="G582" cm="1">
        <f t="array" ref="G582">IFERROR(INDEX(Jesper!AK$2:AK$366,ROUNDDOWN($C582/24,0)+1,1)*INDEX($D$3:$AA$30,INDEX(Jesper!$R$2:$R$366,ROW(INDEX(Jesper!AK$2:AK$366,ROUNDDOWN($C582/24,0)+1,1))-1)+IF('Standard Profiles'!$G$21=$B$10,7,0)+IF('Standard Profiles'!$G$21=$B$17,14,0)+IF('Standard Profiles'!$G$21=$B$24,21,0),MOD($C582,24)+1)/SUM(INDEX($D$3:$AA$30,INDEX(Jesper!$R$2:$R$366,ROW(INDEX(Jesper!AK$2:AK$366,ROUNDDOWN($C582/24,0)+1,1))-1)+IF('Standard Profiles'!$G$21=$B$10,7,0)+IF('Standard Profiles'!$G$21=$B$17,14,0)+IF('Standard Profiles'!$G$21=$B$24,21,0),0)),0)</f>
        <v>10.82691332918546</v>
      </c>
      <c r="H582" cm="1">
        <f t="array" ref="H582">IFERROR(INDEX(Jesper!AL$2:AL$366,ROUNDDOWN($C582/24,0)+1,1)*INDEX($D$3:$AA$30,INDEX(Jesper!$R$2:$R$366,ROW(INDEX(Jesper!AL$2:AL$366,ROUNDDOWN($C582/24,0)+1,1))-1)+IF('Standard Profiles'!$G$22=$B$10,7,0)+IF('Standard Profiles'!$G$22=$B$17,14,0)+IF('Standard Profiles'!$G$22=$B$24,21,0),MOD($C582,24)+1)/SUM(INDEX($D$3:$AA$30,INDEX(Jesper!$R$2:$R$366,ROW(INDEX(Jesper!AL$2:AL$366,ROUNDDOWN($C582/24,0)+1,1))-1)+IF('Standard Profiles'!$G$22=$B$10,7,0)+IF('Standard Profiles'!$G$22=$B$17,14,0)+IF('Standard Profiles'!$G$22=$B$24,21,0),0)),0)</f>
        <v>0</v>
      </c>
      <c r="I582">
        <f t="shared" si="76"/>
        <v>5.1969183980090188</v>
      </c>
      <c r="J582">
        <f t="shared" si="77"/>
        <v>18.716900897825592</v>
      </c>
      <c r="K582">
        <f t="shared" si="78"/>
        <v>0.66472939968076428</v>
      </c>
      <c r="L582">
        <f t="shared" si="79"/>
        <v>0.33236469984038214</v>
      </c>
      <c r="M582">
        <f t="shared" si="80"/>
        <v>0</v>
      </c>
      <c r="N582" s="45">
        <f t="shared" si="81"/>
        <v>44949.833333332004</v>
      </c>
    </row>
    <row r="583" spans="2:14" x14ac:dyDescent="0.25">
      <c r="B583">
        <f t="shared" si="75"/>
        <v>1</v>
      </c>
      <c r="C583" s="16">
        <v>549</v>
      </c>
      <c r="D583" cm="1">
        <f t="array" ref="D583">IFERROR(INDEX(Jesper!AH$2:AH$366,ROUNDDOWN($C583/24,0)+1,1)*INDEX($D$3:$AA$30,INDEX(Jesper!$R$2:$R$366,ROW(INDEX(Jesper!AH$2:AH$366,ROUNDDOWN($C583/24,0)+1,1))-1)+IF('Standard Profiles'!$G$18=$B$10,7,0)+IF('Standard Profiles'!$G$18=$B$17,14,0)+IF('Standard Profiles'!$G$18=$B$24,21,0),MOD($C583,24)+1)/SUM(INDEX($D$3:$AA$30,INDEX(Jesper!$R$2:$R$366,ROW(INDEX(Jesper!AH$2:AH$366,ROUNDDOWN($C583/24,0)+1,1))-1)+IF('Standard Profiles'!$G$18=$B$10,7,0)+IF('Standard Profiles'!$G$18=$B$17,14,0)+IF('Standard Profiles'!$G$18=$B$24,21,0),0)),0)</f>
        <v>6.231838122007165</v>
      </c>
      <c r="E583" cm="1">
        <f t="array" ref="E583">IFERROR(INDEX(Jesper!AI$2:AI$366,ROUNDDOWN($C583/24,0)+1,1)*INDEX($D$3:$AA$30,INDEX(Jesper!$R$2:$R$366,ROW(INDEX(Jesper!AI$2:AI$366,ROUNDDOWN($C583/24,0)+1,1))-1)+IF('Standard Profiles'!$G$19=$B$10,7,0)+IF('Standard Profiles'!$G$19=$B$17,14,0)+IF('Standard Profiles'!$G$19=$B$24,21,0),MOD($C583,24)+1)/SUM(INDEX($D$3:$AA$30,INDEX(Jesper!$R$2:$R$366,ROW(INDEX(Jesper!AI$2:AI$366,ROUNDDOWN($C583/24,0)+1,1))-1)+IF('Standard Profiles'!$G$19=$B$10,7,0)+IF('Standard Profiles'!$G$19=$B$17,14,0)+IF('Standard Profiles'!$G$19=$B$24,21,0),0)),0)</f>
        <v>7.8521619441631323</v>
      </c>
      <c r="F583" cm="1">
        <f t="array" ref="F583">IFERROR(INDEX(Jesper!AJ$2:AJ$366,ROUNDDOWN($C583/24,0)+1,1)*INDEX($D$3:$AA$30,INDEX(Jesper!$R$2:$R$366,ROW(INDEX(Jesper!AJ$2:AJ$366,ROUNDDOWN($C583/24,0)+1,1))-1)+IF('Standard Profiles'!$G$20=$B$10,7,0)+IF('Standard Profiles'!$G$20=$B$17,14,0)+IF('Standard Profiles'!$G$20=$B$24,21,0),MOD($C583,24)+1)/SUM(INDEX($D$3:$AA$30,INDEX(Jesper!$R$2:$R$366,ROW(INDEX(Jesper!AJ$2:AJ$366,ROUNDDOWN($C583/24,0)+1,1))-1)+IF('Standard Profiles'!$G$20=$B$10,7,0)+IF('Standard Profiles'!$G$20=$B$17,14,0)+IF('Standard Profiles'!$G$20=$B$24,21,0),0)),0)</f>
        <v>0</v>
      </c>
      <c r="G583" cm="1">
        <f t="array" ref="G583">IFERROR(INDEX(Jesper!AK$2:AK$366,ROUNDDOWN($C583/24,0)+1,1)*INDEX($D$3:$AA$30,INDEX(Jesper!$R$2:$R$366,ROW(INDEX(Jesper!AK$2:AK$366,ROUNDDOWN($C583/24,0)+1,1))-1)+IF('Standard Profiles'!$G$21=$B$10,7,0)+IF('Standard Profiles'!$G$21=$B$17,14,0)+IF('Standard Profiles'!$G$21=$B$24,21,0),MOD($C583,24)+1)/SUM(INDEX($D$3:$AA$30,INDEX(Jesper!$R$2:$R$366,ROW(INDEX(Jesper!AK$2:AK$366,ROUNDDOWN($C583/24,0)+1,1))-1)+IF('Standard Profiles'!$G$21=$B$10,7,0)+IF('Standard Profiles'!$G$21=$B$17,14,0)+IF('Standard Profiles'!$G$21=$B$24,21,0),0)),0)</f>
        <v>10.82691332918546</v>
      </c>
      <c r="H583" cm="1">
        <f t="array" ref="H583">IFERROR(INDEX(Jesper!AL$2:AL$366,ROUNDDOWN($C583/24,0)+1,1)*INDEX($D$3:$AA$30,INDEX(Jesper!$R$2:$R$366,ROW(INDEX(Jesper!AL$2:AL$366,ROUNDDOWN($C583/24,0)+1,1))-1)+IF('Standard Profiles'!$G$22=$B$10,7,0)+IF('Standard Profiles'!$G$22=$B$17,14,0)+IF('Standard Profiles'!$G$22=$B$24,21,0),MOD($C583,24)+1)/SUM(INDEX($D$3:$AA$30,INDEX(Jesper!$R$2:$R$366,ROW(INDEX(Jesper!AL$2:AL$366,ROUNDDOWN($C583/24,0)+1,1))-1)+IF('Standard Profiles'!$G$22=$B$10,7,0)+IF('Standard Profiles'!$G$22=$B$17,14,0)+IF('Standard Profiles'!$G$22=$B$24,21,0),0)),0)</f>
        <v>0</v>
      </c>
      <c r="I583">
        <f t="shared" si="76"/>
        <v>5.1969183980090188</v>
      </c>
      <c r="J583">
        <f t="shared" si="77"/>
        <v>18.716900897825592</v>
      </c>
      <c r="K583">
        <f t="shared" si="78"/>
        <v>0.66472939968076428</v>
      </c>
      <c r="L583">
        <f t="shared" si="79"/>
        <v>0.33236469984038214</v>
      </c>
      <c r="M583">
        <f t="shared" si="80"/>
        <v>0</v>
      </c>
      <c r="N583" s="45">
        <f t="shared" si="81"/>
        <v>44949.874999998668</v>
      </c>
    </row>
    <row r="584" spans="2:14" x14ac:dyDescent="0.25">
      <c r="B584">
        <f t="shared" si="75"/>
        <v>1</v>
      </c>
      <c r="C584" s="16">
        <v>550</v>
      </c>
      <c r="D584" cm="1">
        <f t="array" ref="D584">IFERROR(INDEX(Jesper!AH$2:AH$366,ROUNDDOWN($C584/24,0)+1,1)*INDEX($D$3:$AA$30,INDEX(Jesper!$R$2:$R$366,ROW(INDEX(Jesper!AH$2:AH$366,ROUNDDOWN($C584/24,0)+1,1))-1)+IF('Standard Profiles'!$G$18=$B$10,7,0)+IF('Standard Profiles'!$G$18=$B$17,14,0)+IF('Standard Profiles'!$G$18=$B$24,21,0),MOD($C584,24)+1)/SUM(INDEX($D$3:$AA$30,INDEX(Jesper!$R$2:$R$366,ROW(INDEX(Jesper!AH$2:AH$366,ROUNDDOWN($C584/24,0)+1,1))-1)+IF('Standard Profiles'!$G$18=$B$10,7,0)+IF('Standard Profiles'!$G$18=$B$17,14,0)+IF('Standard Profiles'!$G$18=$B$24,21,0),0)),0)</f>
        <v>6.231838122007165</v>
      </c>
      <c r="E584" cm="1">
        <f t="array" ref="E584">IFERROR(INDEX(Jesper!AI$2:AI$366,ROUNDDOWN($C584/24,0)+1,1)*INDEX($D$3:$AA$30,INDEX(Jesper!$R$2:$R$366,ROW(INDEX(Jesper!AI$2:AI$366,ROUNDDOWN($C584/24,0)+1,1))-1)+IF('Standard Profiles'!$G$19=$B$10,7,0)+IF('Standard Profiles'!$G$19=$B$17,14,0)+IF('Standard Profiles'!$G$19=$B$24,21,0),MOD($C584,24)+1)/SUM(INDEX($D$3:$AA$30,INDEX(Jesper!$R$2:$R$366,ROW(INDEX(Jesper!AI$2:AI$366,ROUNDDOWN($C584/24,0)+1,1))-1)+IF('Standard Profiles'!$G$19=$B$10,7,0)+IF('Standard Profiles'!$G$19=$B$17,14,0)+IF('Standard Profiles'!$G$19=$B$24,21,0),0)),0)</f>
        <v>7.8521619441631323</v>
      </c>
      <c r="F584" cm="1">
        <f t="array" ref="F584">IFERROR(INDEX(Jesper!AJ$2:AJ$366,ROUNDDOWN($C584/24,0)+1,1)*INDEX($D$3:$AA$30,INDEX(Jesper!$R$2:$R$366,ROW(INDEX(Jesper!AJ$2:AJ$366,ROUNDDOWN($C584/24,0)+1,1))-1)+IF('Standard Profiles'!$G$20=$B$10,7,0)+IF('Standard Profiles'!$G$20=$B$17,14,0)+IF('Standard Profiles'!$G$20=$B$24,21,0),MOD($C584,24)+1)/SUM(INDEX($D$3:$AA$30,INDEX(Jesper!$R$2:$R$366,ROW(INDEX(Jesper!AJ$2:AJ$366,ROUNDDOWN($C584/24,0)+1,1))-1)+IF('Standard Profiles'!$G$20=$B$10,7,0)+IF('Standard Profiles'!$G$20=$B$17,14,0)+IF('Standard Profiles'!$G$20=$B$24,21,0),0)),0)</f>
        <v>0</v>
      </c>
      <c r="G584" cm="1">
        <f t="array" ref="G584">IFERROR(INDEX(Jesper!AK$2:AK$366,ROUNDDOWN($C584/24,0)+1,1)*INDEX($D$3:$AA$30,INDEX(Jesper!$R$2:$R$366,ROW(INDEX(Jesper!AK$2:AK$366,ROUNDDOWN($C584/24,0)+1,1))-1)+IF('Standard Profiles'!$G$21=$B$10,7,0)+IF('Standard Profiles'!$G$21=$B$17,14,0)+IF('Standard Profiles'!$G$21=$B$24,21,0),MOD($C584,24)+1)/SUM(INDEX($D$3:$AA$30,INDEX(Jesper!$R$2:$R$366,ROW(INDEX(Jesper!AK$2:AK$366,ROUNDDOWN($C584/24,0)+1,1))-1)+IF('Standard Profiles'!$G$21=$B$10,7,0)+IF('Standard Profiles'!$G$21=$B$17,14,0)+IF('Standard Profiles'!$G$21=$B$24,21,0),0)),0)</f>
        <v>10.82691332918546</v>
      </c>
      <c r="H584" cm="1">
        <f t="array" ref="H584">IFERROR(INDEX(Jesper!AL$2:AL$366,ROUNDDOWN($C584/24,0)+1,1)*INDEX($D$3:$AA$30,INDEX(Jesper!$R$2:$R$366,ROW(INDEX(Jesper!AL$2:AL$366,ROUNDDOWN($C584/24,0)+1,1))-1)+IF('Standard Profiles'!$G$22=$B$10,7,0)+IF('Standard Profiles'!$G$22=$B$17,14,0)+IF('Standard Profiles'!$G$22=$B$24,21,0),MOD($C584,24)+1)/SUM(INDEX($D$3:$AA$30,INDEX(Jesper!$R$2:$R$366,ROW(INDEX(Jesper!AL$2:AL$366,ROUNDDOWN($C584/24,0)+1,1))-1)+IF('Standard Profiles'!$G$22=$B$10,7,0)+IF('Standard Profiles'!$G$22=$B$17,14,0)+IF('Standard Profiles'!$G$22=$B$24,21,0),0)),0)</f>
        <v>0</v>
      </c>
      <c r="I584">
        <f t="shared" si="76"/>
        <v>5.1969183980090188</v>
      </c>
      <c r="J584">
        <f t="shared" si="77"/>
        <v>18.716900897825592</v>
      </c>
      <c r="K584">
        <f t="shared" si="78"/>
        <v>0.66472939968076428</v>
      </c>
      <c r="L584">
        <f t="shared" si="79"/>
        <v>0.33236469984038214</v>
      </c>
      <c r="M584">
        <f t="shared" si="80"/>
        <v>0</v>
      </c>
      <c r="N584" s="45">
        <f t="shared" si="81"/>
        <v>44949.916666665333</v>
      </c>
    </row>
    <row r="585" spans="2:14" x14ac:dyDescent="0.25">
      <c r="B585">
        <f t="shared" si="75"/>
        <v>1</v>
      </c>
      <c r="C585" s="16">
        <v>551</v>
      </c>
      <c r="D585" cm="1">
        <f t="array" ref="D585">IFERROR(INDEX(Jesper!AH$2:AH$366,ROUNDDOWN($C585/24,0)+1,1)*INDEX($D$3:$AA$30,INDEX(Jesper!$R$2:$R$366,ROW(INDEX(Jesper!AH$2:AH$366,ROUNDDOWN($C585/24,0)+1,1))-1)+IF('Standard Profiles'!$G$18=$B$10,7,0)+IF('Standard Profiles'!$G$18=$B$17,14,0)+IF('Standard Profiles'!$G$18=$B$24,21,0),MOD($C585,24)+1)/SUM(INDEX($D$3:$AA$30,INDEX(Jesper!$R$2:$R$366,ROW(INDEX(Jesper!AH$2:AH$366,ROUNDDOWN($C585/24,0)+1,1))-1)+IF('Standard Profiles'!$G$18=$B$10,7,0)+IF('Standard Profiles'!$G$18=$B$17,14,0)+IF('Standard Profiles'!$G$18=$B$24,21,0),0)),0)</f>
        <v>6.231838122007165</v>
      </c>
      <c r="E585" cm="1">
        <f t="array" ref="E585">IFERROR(INDEX(Jesper!AI$2:AI$366,ROUNDDOWN($C585/24,0)+1,1)*INDEX($D$3:$AA$30,INDEX(Jesper!$R$2:$R$366,ROW(INDEX(Jesper!AI$2:AI$366,ROUNDDOWN($C585/24,0)+1,1))-1)+IF('Standard Profiles'!$G$19=$B$10,7,0)+IF('Standard Profiles'!$G$19=$B$17,14,0)+IF('Standard Profiles'!$G$19=$B$24,21,0),MOD($C585,24)+1)/SUM(INDEX($D$3:$AA$30,INDEX(Jesper!$R$2:$R$366,ROW(INDEX(Jesper!AI$2:AI$366,ROUNDDOWN($C585/24,0)+1,1))-1)+IF('Standard Profiles'!$G$19=$B$10,7,0)+IF('Standard Profiles'!$G$19=$B$17,14,0)+IF('Standard Profiles'!$G$19=$B$24,21,0),0)),0)</f>
        <v>7.8521619441631323</v>
      </c>
      <c r="F585" cm="1">
        <f t="array" ref="F585">IFERROR(INDEX(Jesper!AJ$2:AJ$366,ROUNDDOWN($C585/24,0)+1,1)*INDEX($D$3:$AA$30,INDEX(Jesper!$R$2:$R$366,ROW(INDEX(Jesper!AJ$2:AJ$366,ROUNDDOWN($C585/24,0)+1,1))-1)+IF('Standard Profiles'!$G$20=$B$10,7,0)+IF('Standard Profiles'!$G$20=$B$17,14,0)+IF('Standard Profiles'!$G$20=$B$24,21,0),MOD($C585,24)+1)/SUM(INDEX($D$3:$AA$30,INDEX(Jesper!$R$2:$R$366,ROW(INDEX(Jesper!AJ$2:AJ$366,ROUNDDOWN($C585/24,0)+1,1))-1)+IF('Standard Profiles'!$G$20=$B$10,7,0)+IF('Standard Profiles'!$G$20=$B$17,14,0)+IF('Standard Profiles'!$G$20=$B$24,21,0),0)),0)</f>
        <v>0</v>
      </c>
      <c r="G585" cm="1">
        <f t="array" ref="G585">IFERROR(INDEX(Jesper!AK$2:AK$366,ROUNDDOWN($C585/24,0)+1,1)*INDEX($D$3:$AA$30,INDEX(Jesper!$R$2:$R$366,ROW(INDEX(Jesper!AK$2:AK$366,ROUNDDOWN($C585/24,0)+1,1))-1)+IF('Standard Profiles'!$G$21=$B$10,7,0)+IF('Standard Profiles'!$G$21=$B$17,14,0)+IF('Standard Profiles'!$G$21=$B$24,21,0),MOD($C585,24)+1)/SUM(INDEX($D$3:$AA$30,INDEX(Jesper!$R$2:$R$366,ROW(INDEX(Jesper!AK$2:AK$366,ROUNDDOWN($C585/24,0)+1,1))-1)+IF('Standard Profiles'!$G$21=$B$10,7,0)+IF('Standard Profiles'!$G$21=$B$17,14,0)+IF('Standard Profiles'!$G$21=$B$24,21,0),0)),0)</f>
        <v>10.82691332918546</v>
      </c>
      <c r="H585" cm="1">
        <f t="array" ref="H585">IFERROR(INDEX(Jesper!AL$2:AL$366,ROUNDDOWN($C585/24,0)+1,1)*INDEX($D$3:$AA$30,INDEX(Jesper!$R$2:$R$366,ROW(INDEX(Jesper!AL$2:AL$366,ROUNDDOWN($C585/24,0)+1,1))-1)+IF('Standard Profiles'!$G$22=$B$10,7,0)+IF('Standard Profiles'!$G$22=$B$17,14,0)+IF('Standard Profiles'!$G$22=$B$24,21,0),MOD($C585,24)+1)/SUM(INDEX($D$3:$AA$30,INDEX(Jesper!$R$2:$R$366,ROW(INDEX(Jesper!AL$2:AL$366,ROUNDDOWN($C585/24,0)+1,1))-1)+IF('Standard Profiles'!$G$22=$B$10,7,0)+IF('Standard Profiles'!$G$22=$B$17,14,0)+IF('Standard Profiles'!$G$22=$B$24,21,0),0)),0)</f>
        <v>0</v>
      </c>
      <c r="I585">
        <f t="shared" si="76"/>
        <v>5.1969183980090188</v>
      </c>
      <c r="J585">
        <f t="shared" si="77"/>
        <v>18.716900897825592</v>
      </c>
      <c r="K585">
        <f t="shared" si="78"/>
        <v>0.66472939968076428</v>
      </c>
      <c r="L585">
        <f t="shared" si="79"/>
        <v>0.33236469984038214</v>
      </c>
      <c r="M585">
        <f t="shared" si="80"/>
        <v>0</v>
      </c>
      <c r="N585" s="45">
        <f t="shared" si="81"/>
        <v>44949.958333331997</v>
      </c>
    </row>
    <row r="586" spans="2:14" x14ac:dyDescent="0.25">
      <c r="B586">
        <f t="shared" si="75"/>
        <v>2</v>
      </c>
      <c r="C586" s="16">
        <v>552</v>
      </c>
      <c r="D586" cm="1">
        <f t="array" ref="D586">IFERROR(INDEX(Jesper!AH$2:AH$366,ROUNDDOWN($C586/24,0)+1,1)*INDEX($D$3:$AA$30,INDEX(Jesper!$R$2:$R$366,ROW(INDEX(Jesper!AH$2:AH$366,ROUNDDOWN($C586/24,0)+1,1))-1)+IF('Standard Profiles'!$G$18=$B$10,7,0)+IF('Standard Profiles'!$G$18=$B$17,14,0)+IF('Standard Profiles'!$G$18=$B$24,21,0),MOD($C586,24)+1)/SUM(INDEX($D$3:$AA$30,INDEX(Jesper!$R$2:$R$366,ROW(INDEX(Jesper!AH$2:AH$366,ROUNDDOWN($C586/24,0)+1,1))-1)+IF('Standard Profiles'!$G$18=$B$10,7,0)+IF('Standard Profiles'!$G$18=$B$17,14,0)+IF('Standard Profiles'!$G$18=$B$24,21,0),0)),0)</f>
        <v>3.9328646996539907</v>
      </c>
      <c r="E586" cm="1">
        <f t="array" ref="E586">IFERROR(INDEX(Jesper!AI$2:AI$366,ROUNDDOWN($C586/24,0)+1,1)*INDEX($D$3:$AA$30,INDEX(Jesper!$R$2:$R$366,ROW(INDEX(Jesper!AI$2:AI$366,ROUNDDOWN($C586/24,0)+1,1))-1)+IF('Standard Profiles'!$G$19=$B$10,7,0)+IF('Standard Profiles'!$G$19=$B$17,14,0)+IF('Standard Profiles'!$G$19=$B$24,21,0),MOD($C586,24)+1)/SUM(INDEX($D$3:$AA$30,INDEX(Jesper!$R$2:$R$366,ROW(INDEX(Jesper!AI$2:AI$366,ROUNDDOWN($C586/24,0)+1,1))-1)+IF('Standard Profiles'!$G$19=$B$10,7,0)+IF('Standard Profiles'!$G$19=$B$17,14,0)+IF('Standard Profiles'!$G$19=$B$24,21,0),0)),0)</f>
        <v>4.7781974836726917</v>
      </c>
      <c r="F586" cm="1">
        <f t="array" ref="F586">IFERROR(INDEX(Jesper!AJ$2:AJ$366,ROUNDDOWN($C586/24,0)+1,1)*INDEX($D$3:$AA$30,INDEX(Jesper!$R$2:$R$366,ROW(INDEX(Jesper!AJ$2:AJ$366,ROUNDDOWN($C586/24,0)+1,1))-1)+IF('Standard Profiles'!$G$20=$B$10,7,0)+IF('Standard Profiles'!$G$20=$B$17,14,0)+IF('Standard Profiles'!$G$20=$B$24,21,0),MOD($C586,24)+1)/SUM(INDEX($D$3:$AA$30,INDEX(Jesper!$R$2:$R$366,ROW(INDEX(Jesper!AJ$2:AJ$366,ROUNDDOWN($C586/24,0)+1,1))-1)+IF('Standard Profiles'!$G$20=$B$10,7,0)+IF('Standard Profiles'!$G$20=$B$17,14,0)+IF('Standard Profiles'!$G$20=$B$24,21,0),0)),0)</f>
        <v>0</v>
      </c>
      <c r="G586" cm="1">
        <f t="array" ref="G586">IFERROR(INDEX(Jesper!AK$2:AK$366,ROUNDDOWN($C586/24,0)+1,1)*INDEX($D$3:$AA$30,INDEX(Jesper!$R$2:$R$366,ROW(INDEX(Jesper!AK$2:AK$366,ROUNDDOWN($C586/24,0)+1,1))-1)+IF('Standard Profiles'!$G$21=$B$10,7,0)+IF('Standard Profiles'!$G$21=$B$17,14,0)+IF('Standard Profiles'!$G$21=$B$24,21,0),MOD($C586,24)+1)/SUM(INDEX($D$3:$AA$30,INDEX(Jesper!$R$2:$R$366,ROW(INDEX(Jesper!AK$2:AK$366,ROUNDDOWN($C586/24,0)+1,1))-1)+IF('Standard Profiles'!$G$21=$B$10,7,0)+IF('Standard Profiles'!$G$21=$B$17,14,0)+IF('Standard Profiles'!$G$21=$B$24,21,0),0)),0)</f>
        <v>9.287635830123266</v>
      </c>
      <c r="H586" cm="1">
        <f t="array" ref="H586">IFERROR(INDEX(Jesper!AL$2:AL$366,ROUNDDOWN($C586/24,0)+1,1)*INDEX($D$3:$AA$30,INDEX(Jesper!$R$2:$R$366,ROW(INDEX(Jesper!AL$2:AL$366,ROUNDDOWN($C586/24,0)+1,1))-1)+IF('Standard Profiles'!$G$22=$B$10,7,0)+IF('Standard Profiles'!$G$22=$B$17,14,0)+IF('Standard Profiles'!$G$22=$B$24,21,0),MOD($C586,24)+1)/SUM(INDEX($D$3:$AA$30,INDEX(Jesper!$R$2:$R$366,ROW(INDEX(Jesper!AL$2:AL$366,ROUNDDOWN($C586/24,0)+1,1))-1)+IF('Standard Profiles'!$G$22=$B$10,7,0)+IF('Standard Profiles'!$G$22=$B$17,14,0)+IF('Standard Profiles'!$G$22=$B$24,21,0),0)),0)</f>
        <v>0</v>
      </c>
      <c r="I586">
        <f t="shared" si="76"/>
        <v>4.458065198459165</v>
      </c>
      <c r="J586">
        <f t="shared" si="77"/>
        <v>12.911374463046144</v>
      </c>
      <c r="K586">
        <f t="shared" si="78"/>
        <v>0.41950556796309235</v>
      </c>
      <c r="L586">
        <f t="shared" si="79"/>
        <v>0.20975278398154618</v>
      </c>
      <c r="M586">
        <f t="shared" si="80"/>
        <v>0</v>
      </c>
      <c r="N586" s="45">
        <f t="shared" si="81"/>
        <v>44949.999999998661</v>
      </c>
    </row>
    <row r="587" spans="2:14" x14ac:dyDescent="0.25">
      <c r="B587">
        <f t="shared" si="75"/>
        <v>2</v>
      </c>
      <c r="C587" s="16">
        <v>553</v>
      </c>
      <c r="D587" cm="1">
        <f t="array" ref="D587">IFERROR(INDEX(Jesper!AH$2:AH$366,ROUNDDOWN($C587/24,0)+1,1)*INDEX($D$3:$AA$30,INDEX(Jesper!$R$2:$R$366,ROW(INDEX(Jesper!AH$2:AH$366,ROUNDDOWN($C587/24,0)+1,1))-1)+IF('Standard Profiles'!$G$18=$B$10,7,0)+IF('Standard Profiles'!$G$18=$B$17,14,0)+IF('Standard Profiles'!$G$18=$B$24,21,0),MOD($C587,24)+1)/SUM(INDEX($D$3:$AA$30,INDEX(Jesper!$R$2:$R$366,ROW(INDEX(Jesper!AH$2:AH$366,ROUNDDOWN($C587/24,0)+1,1))-1)+IF('Standard Profiles'!$G$18=$B$10,7,0)+IF('Standard Profiles'!$G$18=$B$17,14,0)+IF('Standard Profiles'!$G$18=$B$24,21,0),0)),0)</f>
        <v>5.9929366851870345</v>
      </c>
      <c r="E587" cm="1">
        <f t="array" ref="E587">IFERROR(INDEX(Jesper!AI$2:AI$366,ROUNDDOWN($C587/24,0)+1,1)*INDEX($D$3:$AA$30,INDEX(Jesper!$R$2:$R$366,ROW(INDEX(Jesper!AI$2:AI$366,ROUNDDOWN($C587/24,0)+1,1))-1)+IF('Standard Profiles'!$G$19=$B$10,7,0)+IF('Standard Profiles'!$G$19=$B$17,14,0)+IF('Standard Profiles'!$G$19=$B$24,21,0),MOD($C587,24)+1)/SUM(INDEX($D$3:$AA$30,INDEX(Jesper!$R$2:$R$366,ROW(INDEX(Jesper!AI$2:AI$366,ROUNDDOWN($C587/24,0)+1,1))-1)+IF('Standard Profiles'!$G$19=$B$10,7,0)+IF('Standard Profiles'!$G$19=$B$17,14,0)+IF('Standard Profiles'!$G$19=$B$24,21,0),0)),0)</f>
        <v>7.2810628322631503</v>
      </c>
      <c r="F587" cm="1">
        <f t="array" ref="F587">IFERROR(INDEX(Jesper!AJ$2:AJ$366,ROUNDDOWN($C587/24,0)+1,1)*INDEX($D$3:$AA$30,INDEX(Jesper!$R$2:$R$366,ROW(INDEX(Jesper!AJ$2:AJ$366,ROUNDDOWN($C587/24,0)+1,1))-1)+IF('Standard Profiles'!$G$20=$B$10,7,0)+IF('Standard Profiles'!$G$20=$B$17,14,0)+IF('Standard Profiles'!$G$20=$B$24,21,0),MOD($C587,24)+1)/SUM(INDEX($D$3:$AA$30,INDEX(Jesper!$R$2:$R$366,ROW(INDEX(Jesper!AJ$2:AJ$366,ROUNDDOWN($C587/24,0)+1,1))-1)+IF('Standard Profiles'!$G$20=$B$10,7,0)+IF('Standard Profiles'!$G$20=$B$17,14,0)+IF('Standard Profiles'!$G$20=$B$24,21,0),0)),0)</f>
        <v>0</v>
      </c>
      <c r="G587" cm="1">
        <f t="array" ref="G587">IFERROR(INDEX(Jesper!AK$2:AK$366,ROUNDDOWN($C587/24,0)+1,1)*INDEX($D$3:$AA$30,INDEX(Jesper!$R$2:$R$366,ROW(INDEX(Jesper!AK$2:AK$366,ROUNDDOWN($C587/24,0)+1,1))-1)+IF('Standard Profiles'!$G$21=$B$10,7,0)+IF('Standard Profiles'!$G$21=$B$17,14,0)+IF('Standard Profiles'!$G$21=$B$24,21,0),MOD($C587,24)+1)/SUM(INDEX($D$3:$AA$30,INDEX(Jesper!$R$2:$R$366,ROW(INDEX(Jesper!AK$2:AK$366,ROUNDDOWN($C587/24,0)+1,1))-1)+IF('Standard Profiles'!$G$21=$B$10,7,0)+IF('Standard Profiles'!$G$21=$B$17,14,0)+IF('Standard Profiles'!$G$21=$B$24,21,0),0)),0)</f>
        <v>9.287635830123266</v>
      </c>
      <c r="H587" cm="1">
        <f t="array" ref="H587">IFERROR(INDEX(Jesper!AL$2:AL$366,ROUNDDOWN($C587/24,0)+1,1)*INDEX($D$3:$AA$30,INDEX(Jesper!$R$2:$R$366,ROW(INDEX(Jesper!AL$2:AL$366,ROUNDDOWN($C587/24,0)+1,1))-1)+IF('Standard Profiles'!$G$22=$B$10,7,0)+IF('Standard Profiles'!$G$22=$B$17,14,0)+IF('Standard Profiles'!$G$22=$B$24,21,0),MOD($C587,24)+1)/SUM(INDEX($D$3:$AA$30,INDEX(Jesper!$R$2:$R$366,ROW(INDEX(Jesper!AL$2:AL$366,ROUNDDOWN($C587/24,0)+1,1))-1)+IF('Standard Profiles'!$G$22=$B$10,7,0)+IF('Standard Profiles'!$G$22=$B$17,14,0)+IF('Standard Profiles'!$G$22=$B$24,21,0),0)),0)</f>
        <v>0</v>
      </c>
      <c r="I587">
        <f t="shared" si="76"/>
        <v>4.458065198459165</v>
      </c>
      <c r="J587">
        <f t="shared" si="77"/>
        <v>17.144700279484361</v>
      </c>
      <c r="K587">
        <f t="shared" si="78"/>
        <v>0.63924657975328369</v>
      </c>
      <c r="L587">
        <f t="shared" si="79"/>
        <v>0.31962328987664185</v>
      </c>
      <c r="M587">
        <f t="shared" si="80"/>
        <v>0</v>
      </c>
      <c r="N587" s="45">
        <f t="shared" si="81"/>
        <v>44950.041666665325</v>
      </c>
    </row>
    <row r="588" spans="2:14" x14ac:dyDescent="0.25">
      <c r="B588">
        <f t="shared" si="75"/>
        <v>2</v>
      </c>
      <c r="C588" s="16">
        <v>554</v>
      </c>
      <c r="D588" cm="1">
        <f t="array" ref="D588">IFERROR(INDEX(Jesper!AH$2:AH$366,ROUNDDOWN($C588/24,0)+1,1)*INDEX($D$3:$AA$30,INDEX(Jesper!$R$2:$R$366,ROW(INDEX(Jesper!AH$2:AH$366,ROUNDDOWN($C588/24,0)+1,1))-1)+IF('Standard Profiles'!$G$18=$B$10,7,0)+IF('Standard Profiles'!$G$18=$B$17,14,0)+IF('Standard Profiles'!$G$18=$B$24,21,0),MOD($C588,24)+1)/SUM(INDEX($D$3:$AA$30,INDEX(Jesper!$R$2:$R$366,ROW(INDEX(Jesper!AH$2:AH$366,ROUNDDOWN($C588/24,0)+1,1))-1)+IF('Standard Profiles'!$G$18=$B$10,7,0)+IF('Standard Profiles'!$G$18=$B$17,14,0)+IF('Standard Profiles'!$G$18=$B$24,21,0),0)),0)</f>
        <v>5.9929366851870345</v>
      </c>
      <c r="E588" cm="1">
        <f t="array" ref="E588">IFERROR(INDEX(Jesper!AI$2:AI$366,ROUNDDOWN($C588/24,0)+1,1)*INDEX($D$3:$AA$30,INDEX(Jesper!$R$2:$R$366,ROW(INDEX(Jesper!AI$2:AI$366,ROUNDDOWN($C588/24,0)+1,1))-1)+IF('Standard Profiles'!$G$19=$B$10,7,0)+IF('Standard Profiles'!$G$19=$B$17,14,0)+IF('Standard Profiles'!$G$19=$B$24,21,0),MOD($C588,24)+1)/SUM(INDEX($D$3:$AA$30,INDEX(Jesper!$R$2:$R$366,ROW(INDEX(Jesper!AI$2:AI$366,ROUNDDOWN($C588/24,0)+1,1))-1)+IF('Standard Profiles'!$G$19=$B$10,7,0)+IF('Standard Profiles'!$G$19=$B$17,14,0)+IF('Standard Profiles'!$G$19=$B$24,21,0),0)),0)</f>
        <v>7.2810628322631503</v>
      </c>
      <c r="F588" cm="1">
        <f t="array" ref="F588">IFERROR(INDEX(Jesper!AJ$2:AJ$366,ROUNDDOWN($C588/24,0)+1,1)*INDEX($D$3:$AA$30,INDEX(Jesper!$R$2:$R$366,ROW(INDEX(Jesper!AJ$2:AJ$366,ROUNDDOWN($C588/24,0)+1,1))-1)+IF('Standard Profiles'!$G$20=$B$10,7,0)+IF('Standard Profiles'!$G$20=$B$17,14,0)+IF('Standard Profiles'!$G$20=$B$24,21,0),MOD($C588,24)+1)/SUM(INDEX($D$3:$AA$30,INDEX(Jesper!$R$2:$R$366,ROW(INDEX(Jesper!AJ$2:AJ$366,ROUNDDOWN($C588/24,0)+1,1))-1)+IF('Standard Profiles'!$G$20=$B$10,7,0)+IF('Standard Profiles'!$G$20=$B$17,14,0)+IF('Standard Profiles'!$G$20=$B$24,21,0),0)),0)</f>
        <v>0</v>
      </c>
      <c r="G588" cm="1">
        <f t="array" ref="G588">IFERROR(INDEX(Jesper!AK$2:AK$366,ROUNDDOWN($C588/24,0)+1,1)*INDEX($D$3:$AA$30,INDEX(Jesper!$R$2:$R$366,ROW(INDEX(Jesper!AK$2:AK$366,ROUNDDOWN($C588/24,0)+1,1))-1)+IF('Standard Profiles'!$G$21=$B$10,7,0)+IF('Standard Profiles'!$G$21=$B$17,14,0)+IF('Standard Profiles'!$G$21=$B$24,21,0),MOD($C588,24)+1)/SUM(INDEX($D$3:$AA$30,INDEX(Jesper!$R$2:$R$366,ROW(INDEX(Jesper!AK$2:AK$366,ROUNDDOWN($C588/24,0)+1,1))-1)+IF('Standard Profiles'!$G$21=$B$10,7,0)+IF('Standard Profiles'!$G$21=$B$17,14,0)+IF('Standard Profiles'!$G$21=$B$24,21,0),0)),0)</f>
        <v>9.287635830123266</v>
      </c>
      <c r="H588" cm="1">
        <f t="array" ref="H588">IFERROR(INDEX(Jesper!AL$2:AL$366,ROUNDDOWN($C588/24,0)+1,1)*INDEX($D$3:$AA$30,INDEX(Jesper!$R$2:$R$366,ROW(INDEX(Jesper!AL$2:AL$366,ROUNDDOWN($C588/24,0)+1,1))-1)+IF('Standard Profiles'!$G$22=$B$10,7,0)+IF('Standard Profiles'!$G$22=$B$17,14,0)+IF('Standard Profiles'!$G$22=$B$24,21,0),MOD($C588,24)+1)/SUM(INDEX($D$3:$AA$30,INDEX(Jesper!$R$2:$R$366,ROW(INDEX(Jesper!AL$2:AL$366,ROUNDDOWN($C588/24,0)+1,1))-1)+IF('Standard Profiles'!$G$22=$B$10,7,0)+IF('Standard Profiles'!$G$22=$B$17,14,0)+IF('Standard Profiles'!$G$22=$B$24,21,0),0)),0)</f>
        <v>0</v>
      </c>
      <c r="I588">
        <f t="shared" si="76"/>
        <v>4.458065198459165</v>
      </c>
      <c r="J588">
        <f t="shared" si="77"/>
        <v>17.144700279484361</v>
      </c>
      <c r="K588">
        <f t="shared" si="78"/>
        <v>0.63924657975328369</v>
      </c>
      <c r="L588">
        <f t="shared" si="79"/>
        <v>0.31962328987664185</v>
      </c>
      <c r="M588">
        <f t="shared" si="80"/>
        <v>0</v>
      </c>
      <c r="N588" s="45">
        <f t="shared" si="81"/>
        <v>44950.08333333199</v>
      </c>
    </row>
    <row r="589" spans="2:14" x14ac:dyDescent="0.25">
      <c r="B589">
        <f t="shared" si="75"/>
        <v>2</v>
      </c>
      <c r="C589" s="16">
        <v>555</v>
      </c>
      <c r="D589" cm="1">
        <f t="array" ref="D589">IFERROR(INDEX(Jesper!AH$2:AH$366,ROUNDDOWN($C589/24,0)+1,1)*INDEX($D$3:$AA$30,INDEX(Jesper!$R$2:$R$366,ROW(INDEX(Jesper!AH$2:AH$366,ROUNDDOWN($C589/24,0)+1,1))-1)+IF('Standard Profiles'!$G$18=$B$10,7,0)+IF('Standard Profiles'!$G$18=$B$17,14,0)+IF('Standard Profiles'!$G$18=$B$24,21,0),MOD($C589,24)+1)/SUM(INDEX($D$3:$AA$30,INDEX(Jesper!$R$2:$R$366,ROW(INDEX(Jesper!AH$2:AH$366,ROUNDDOWN($C589/24,0)+1,1))-1)+IF('Standard Profiles'!$G$18=$B$10,7,0)+IF('Standard Profiles'!$G$18=$B$17,14,0)+IF('Standard Profiles'!$G$18=$B$24,21,0),0)),0)</f>
        <v>5.9929366851870345</v>
      </c>
      <c r="E589" cm="1">
        <f t="array" ref="E589">IFERROR(INDEX(Jesper!AI$2:AI$366,ROUNDDOWN($C589/24,0)+1,1)*INDEX($D$3:$AA$30,INDEX(Jesper!$R$2:$R$366,ROW(INDEX(Jesper!AI$2:AI$366,ROUNDDOWN($C589/24,0)+1,1))-1)+IF('Standard Profiles'!$G$19=$B$10,7,0)+IF('Standard Profiles'!$G$19=$B$17,14,0)+IF('Standard Profiles'!$G$19=$B$24,21,0),MOD($C589,24)+1)/SUM(INDEX($D$3:$AA$30,INDEX(Jesper!$R$2:$R$366,ROW(INDEX(Jesper!AI$2:AI$366,ROUNDDOWN($C589/24,0)+1,1))-1)+IF('Standard Profiles'!$G$19=$B$10,7,0)+IF('Standard Profiles'!$G$19=$B$17,14,0)+IF('Standard Profiles'!$G$19=$B$24,21,0),0)),0)</f>
        <v>7.2810628322631503</v>
      </c>
      <c r="F589" cm="1">
        <f t="array" ref="F589">IFERROR(INDEX(Jesper!AJ$2:AJ$366,ROUNDDOWN($C589/24,0)+1,1)*INDEX($D$3:$AA$30,INDEX(Jesper!$R$2:$R$366,ROW(INDEX(Jesper!AJ$2:AJ$366,ROUNDDOWN($C589/24,0)+1,1))-1)+IF('Standard Profiles'!$G$20=$B$10,7,0)+IF('Standard Profiles'!$G$20=$B$17,14,0)+IF('Standard Profiles'!$G$20=$B$24,21,0),MOD($C589,24)+1)/SUM(INDEX($D$3:$AA$30,INDEX(Jesper!$R$2:$R$366,ROW(INDEX(Jesper!AJ$2:AJ$366,ROUNDDOWN($C589/24,0)+1,1))-1)+IF('Standard Profiles'!$G$20=$B$10,7,0)+IF('Standard Profiles'!$G$20=$B$17,14,0)+IF('Standard Profiles'!$G$20=$B$24,21,0),0)),0)</f>
        <v>0</v>
      </c>
      <c r="G589" cm="1">
        <f t="array" ref="G589">IFERROR(INDEX(Jesper!AK$2:AK$366,ROUNDDOWN($C589/24,0)+1,1)*INDEX($D$3:$AA$30,INDEX(Jesper!$R$2:$R$366,ROW(INDEX(Jesper!AK$2:AK$366,ROUNDDOWN($C589/24,0)+1,1))-1)+IF('Standard Profiles'!$G$21=$B$10,7,0)+IF('Standard Profiles'!$G$21=$B$17,14,0)+IF('Standard Profiles'!$G$21=$B$24,21,0),MOD($C589,24)+1)/SUM(INDEX($D$3:$AA$30,INDEX(Jesper!$R$2:$R$366,ROW(INDEX(Jesper!AK$2:AK$366,ROUNDDOWN($C589/24,0)+1,1))-1)+IF('Standard Profiles'!$G$21=$B$10,7,0)+IF('Standard Profiles'!$G$21=$B$17,14,0)+IF('Standard Profiles'!$G$21=$B$24,21,0),0)),0)</f>
        <v>9.287635830123266</v>
      </c>
      <c r="H589" cm="1">
        <f t="array" ref="H589">IFERROR(INDEX(Jesper!AL$2:AL$366,ROUNDDOWN($C589/24,0)+1,1)*INDEX($D$3:$AA$30,INDEX(Jesper!$R$2:$R$366,ROW(INDEX(Jesper!AL$2:AL$366,ROUNDDOWN($C589/24,0)+1,1))-1)+IF('Standard Profiles'!$G$22=$B$10,7,0)+IF('Standard Profiles'!$G$22=$B$17,14,0)+IF('Standard Profiles'!$G$22=$B$24,21,0),MOD($C589,24)+1)/SUM(INDEX($D$3:$AA$30,INDEX(Jesper!$R$2:$R$366,ROW(INDEX(Jesper!AL$2:AL$366,ROUNDDOWN($C589/24,0)+1,1))-1)+IF('Standard Profiles'!$G$22=$B$10,7,0)+IF('Standard Profiles'!$G$22=$B$17,14,0)+IF('Standard Profiles'!$G$22=$B$24,21,0),0)),0)</f>
        <v>0</v>
      </c>
      <c r="I589">
        <f t="shared" si="76"/>
        <v>4.458065198459165</v>
      </c>
      <c r="J589">
        <f t="shared" si="77"/>
        <v>17.144700279484361</v>
      </c>
      <c r="K589">
        <f t="shared" si="78"/>
        <v>0.63924657975328369</v>
      </c>
      <c r="L589">
        <f t="shared" si="79"/>
        <v>0.31962328987664185</v>
      </c>
      <c r="M589">
        <f t="shared" si="80"/>
        <v>0</v>
      </c>
      <c r="N589" s="45">
        <f t="shared" si="81"/>
        <v>44950.124999998654</v>
      </c>
    </row>
    <row r="590" spans="2:14" x14ac:dyDescent="0.25">
      <c r="B590">
        <f t="shared" si="75"/>
        <v>2</v>
      </c>
      <c r="C590" s="16">
        <v>556</v>
      </c>
      <c r="D590" cm="1">
        <f t="array" ref="D590">IFERROR(INDEX(Jesper!AH$2:AH$366,ROUNDDOWN($C590/24,0)+1,1)*INDEX($D$3:$AA$30,INDEX(Jesper!$R$2:$R$366,ROW(INDEX(Jesper!AH$2:AH$366,ROUNDDOWN($C590/24,0)+1,1))-1)+IF('Standard Profiles'!$G$18=$B$10,7,0)+IF('Standard Profiles'!$G$18=$B$17,14,0)+IF('Standard Profiles'!$G$18=$B$24,21,0),MOD($C590,24)+1)/SUM(INDEX($D$3:$AA$30,INDEX(Jesper!$R$2:$R$366,ROW(INDEX(Jesper!AH$2:AH$366,ROUNDDOWN($C590/24,0)+1,1))-1)+IF('Standard Profiles'!$G$18=$B$10,7,0)+IF('Standard Profiles'!$G$18=$B$17,14,0)+IF('Standard Profiles'!$G$18=$B$24,21,0),0)),0)</f>
        <v>5.9929366851870345</v>
      </c>
      <c r="E590" cm="1">
        <f t="array" ref="E590">IFERROR(INDEX(Jesper!AI$2:AI$366,ROUNDDOWN($C590/24,0)+1,1)*INDEX($D$3:$AA$30,INDEX(Jesper!$R$2:$R$366,ROW(INDEX(Jesper!AI$2:AI$366,ROUNDDOWN($C590/24,0)+1,1))-1)+IF('Standard Profiles'!$G$19=$B$10,7,0)+IF('Standard Profiles'!$G$19=$B$17,14,0)+IF('Standard Profiles'!$G$19=$B$24,21,0),MOD($C590,24)+1)/SUM(INDEX($D$3:$AA$30,INDEX(Jesper!$R$2:$R$366,ROW(INDEX(Jesper!AI$2:AI$366,ROUNDDOWN($C590/24,0)+1,1))-1)+IF('Standard Profiles'!$G$19=$B$10,7,0)+IF('Standard Profiles'!$G$19=$B$17,14,0)+IF('Standard Profiles'!$G$19=$B$24,21,0),0)),0)</f>
        <v>7.2810628322631503</v>
      </c>
      <c r="F590" cm="1">
        <f t="array" ref="F590">IFERROR(INDEX(Jesper!AJ$2:AJ$366,ROUNDDOWN($C590/24,0)+1,1)*INDEX($D$3:$AA$30,INDEX(Jesper!$R$2:$R$366,ROW(INDEX(Jesper!AJ$2:AJ$366,ROUNDDOWN($C590/24,0)+1,1))-1)+IF('Standard Profiles'!$G$20=$B$10,7,0)+IF('Standard Profiles'!$G$20=$B$17,14,0)+IF('Standard Profiles'!$G$20=$B$24,21,0),MOD($C590,24)+1)/SUM(INDEX($D$3:$AA$30,INDEX(Jesper!$R$2:$R$366,ROW(INDEX(Jesper!AJ$2:AJ$366,ROUNDDOWN($C590/24,0)+1,1))-1)+IF('Standard Profiles'!$G$20=$B$10,7,0)+IF('Standard Profiles'!$G$20=$B$17,14,0)+IF('Standard Profiles'!$G$20=$B$24,21,0),0)),0)</f>
        <v>0</v>
      </c>
      <c r="G590" cm="1">
        <f t="array" ref="G590">IFERROR(INDEX(Jesper!AK$2:AK$366,ROUNDDOWN($C590/24,0)+1,1)*INDEX($D$3:$AA$30,INDEX(Jesper!$R$2:$R$366,ROW(INDEX(Jesper!AK$2:AK$366,ROUNDDOWN($C590/24,0)+1,1))-1)+IF('Standard Profiles'!$G$21=$B$10,7,0)+IF('Standard Profiles'!$G$21=$B$17,14,0)+IF('Standard Profiles'!$G$21=$B$24,21,0),MOD($C590,24)+1)/SUM(INDEX($D$3:$AA$30,INDEX(Jesper!$R$2:$R$366,ROW(INDEX(Jesper!AK$2:AK$366,ROUNDDOWN($C590/24,0)+1,1))-1)+IF('Standard Profiles'!$G$21=$B$10,7,0)+IF('Standard Profiles'!$G$21=$B$17,14,0)+IF('Standard Profiles'!$G$21=$B$24,21,0),0)),0)</f>
        <v>9.287635830123266</v>
      </c>
      <c r="H590" cm="1">
        <f t="array" ref="H590">IFERROR(INDEX(Jesper!AL$2:AL$366,ROUNDDOWN($C590/24,0)+1,1)*INDEX($D$3:$AA$30,INDEX(Jesper!$R$2:$R$366,ROW(INDEX(Jesper!AL$2:AL$366,ROUNDDOWN($C590/24,0)+1,1))-1)+IF('Standard Profiles'!$G$22=$B$10,7,0)+IF('Standard Profiles'!$G$22=$B$17,14,0)+IF('Standard Profiles'!$G$22=$B$24,21,0),MOD($C590,24)+1)/SUM(INDEX($D$3:$AA$30,INDEX(Jesper!$R$2:$R$366,ROW(INDEX(Jesper!AL$2:AL$366,ROUNDDOWN($C590/24,0)+1,1))-1)+IF('Standard Profiles'!$G$22=$B$10,7,0)+IF('Standard Profiles'!$G$22=$B$17,14,0)+IF('Standard Profiles'!$G$22=$B$24,21,0),0)),0)</f>
        <v>0</v>
      </c>
      <c r="I590">
        <f t="shared" si="76"/>
        <v>4.458065198459165</v>
      </c>
      <c r="J590">
        <f t="shared" si="77"/>
        <v>17.144700279484361</v>
      </c>
      <c r="K590">
        <f t="shared" si="78"/>
        <v>0.63924657975328369</v>
      </c>
      <c r="L590">
        <f t="shared" si="79"/>
        <v>0.31962328987664185</v>
      </c>
      <c r="M590">
        <f t="shared" si="80"/>
        <v>0</v>
      </c>
      <c r="N590" s="45">
        <f t="shared" si="81"/>
        <v>44950.166666665318</v>
      </c>
    </row>
    <row r="591" spans="2:14" x14ac:dyDescent="0.25">
      <c r="B591">
        <f t="shared" si="75"/>
        <v>2</v>
      </c>
      <c r="C591" s="16">
        <v>557</v>
      </c>
      <c r="D591" cm="1">
        <f t="array" ref="D591">IFERROR(INDEX(Jesper!AH$2:AH$366,ROUNDDOWN($C591/24,0)+1,1)*INDEX($D$3:$AA$30,INDEX(Jesper!$R$2:$R$366,ROW(INDEX(Jesper!AH$2:AH$366,ROUNDDOWN($C591/24,0)+1,1))-1)+IF('Standard Profiles'!$G$18=$B$10,7,0)+IF('Standard Profiles'!$G$18=$B$17,14,0)+IF('Standard Profiles'!$G$18=$B$24,21,0),MOD($C591,24)+1)/SUM(INDEX($D$3:$AA$30,INDEX(Jesper!$R$2:$R$366,ROW(INDEX(Jesper!AH$2:AH$366,ROUNDDOWN($C591/24,0)+1,1))-1)+IF('Standard Profiles'!$G$18=$B$10,7,0)+IF('Standard Profiles'!$G$18=$B$17,14,0)+IF('Standard Profiles'!$G$18=$B$24,21,0),0)),0)</f>
        <v>5.9929366851870345</v>
      </c>
      <c r="E591" cm="1">
        <f t="array" ref="E591">IFERROR(INDEX(Jesper!AI$2:AI$366,ROUNDDOWN($C591/24,0)+1,1)*INDEX($D$3:$AA$30,INDEX(Jesper!$R$2:$R$366,ROW(INDEX(Jesper!AI$2:AI$366,ROUNDDOWN($C591/24,0)+1,1))-1)+IF('Standard Profiles'!$G$19=$B$10,7,0)+IF('Standard Profiles'!$G$19=$B$17,14,0)+IF('Standard Profiles'!$G$19=$B$24,21,0),MOD($C591,24)+1)/SUM(INDEX($D$3:$AA$30,INDEX(Jesper!$R$2:$R$366,ROW(INDEX(Jesper!AI$2:AI$366,ROUNDDOWN($C591/24,0)+1,1))-1)+IF('Standard Profiles'!$G$19=$B$10,7,0)+IF('Standard Profiles'!$G$19=$B$17,14,0)+IF('Standard Profiles'!$G$19=$B$24,21,0),0)),0)</f>
        <v>7.2810628322631503</v>
      </c>
      <c r="F591" cm="1">
        <f t="array" ref="F591">IFERROR(INDEX(Jesper!AJ$2:AJ$366,ROUNDDOWN($C591/24,0)+1,1)*INDEX($D$3:$AA$30,INDEX(Jesper!$R$2:$R$366,ROW(INDEX(Jesper!AJ$2:AJ$366,ROUNDDOWN($C591/24,0)+1,1))-1)+IF('Standard Profiles'!$G$20=$B$10,7,0)+IF('Standard Profiles'!$G$20=$B$17,14,0)+IF('Standard Profiles'!$G$20=$B$24,21,0),MOD($C591,24)+1)/SUM(INDEX($D$3:$AA$30,INDEX(Jesper!$R$2:$R$366,ROW(INDEX(Jesper!AJ$2:AJ$366,ROUNDDOWN($C591/24,0)+1,1))-1)+IF('Standard Profiles'!$G$20=$B$10,7,0)+IF('Standard Profiles'!$G$20=$B$17,14,0)+IF('Standard Profiles'!$G$20=$B$24,21,0),0)),0)</f>
        <v>0</v>
      </c>
      <c r="G591" cm="1">
        <f t="array" ref="G591">IFERROR(INDEX(Jesper!AK$2:AK$366,ROUNDDOWN($C591/24,0)+1,1)*INDEX($D$3:$AA$30,INDEX(Jesper!$R$2:$R$366,ROW(INDEX(Jesper!AK$2:AK$366,ROUNDDOWN($C591/24,0)+1,1))-1)+IF('Standard Profiles'!$G$21=$B$10,7,0)+IF('Standard Profiles'!$G$21=$B$17,14,0)+IF('Standard Profiles'!$G$21=$B$24,21,0),MOD($C591,24)+1)/SUM(INDEX($D$3:$AA$30,INDEX(Jesper!$R$2:$R$366,ROW(INDEX(Jesper!AK$2:AK$366,ROUNDDOWN($C591/24,0)+1,1))-1)+IF('Standard Profiles'!$G$21=$B$10,7,0)+IF('Standard Profiles'!$G$21=$B$17,14,0)+IF('Standard Profiles'!$G$21=$B$24,21,0),0)),0)</f>
        <v>9.287635830123266</v>
      </c>
      <c r="H591" cm="1">
        <f t="array" ref="H591">IFERROR(INDEX(Jesper!AL$2:AL$366,ROUNDDOWN($C591/24,0)+1,1)*INDEX($D$3:$AA$30,INDEX(Jesper!$R$2:$R$366,ROW(INDEX(Jesper!AL$2:AL$366,ROUNDDOWN($C591/24,0)+1,1))-1)+IF('Standard Profiles'!$G$22=$B$10,7,0)+IF('Standard Profiles'!$G$22=$B$17,14,0)+IF('Standard Profiles'!$G$22=$B$24,21,0),MOD($C591,24)+1)/SUM(INDEX($D$3:$AA$30,INDEX(Jesper!$R$2:$R$366,ROW(INDEX(Jesper!AL$2:AL$366,ROUNDDOWN($C591/24,0)+1,1))-1)+IF('Standard Profiles'!$G$22=$B$10,7,0)+IF('Standard Profiles'!$G$22=$B$17,14,0)+IF('Standard Profiles'!$G$22=$B$24,21,0),0)),0)</f>
        <v>0</v>
      </c>
      <c r="I591">
        <f t="shared" si="76"/>
        <v>4.458065198459165</v>
      </c>
      <c r="J591">
        <f t="shared" si="77"/>
        <v>17.144700279484361</v>
      </c>
      <c r="K591">
        <f t="shared" si="78"/>
        <v>0.63924657975328369</v>
      </c>
      <c r="L591">
        <f t="shared" si="79"/>
        <v>0.31962328987664185</v>
      </c>
      <c r="M591">
        <f t="shared" si="80"/>
        <v>0</v>
      </c>
      <c r="N591" s="45">
        <f t="shared" si="81"/>
        <v>44950.208333331982</v>
      </c>
    </row>
    <row r="592" spans="2:14" x14ac:dyDescent="0.25">
      <c r="B592">
        <f t="shared" si="75"/>
        <v>2</v>
      </c>
      <c r="C592" s="16">
        <v>558</v>
      </c>
      <c r="D592" cm="1">
        <f t="array" ref="D592">IFERROR(INDEX(Jesper!AH$2:AH$366,ROUNDDOWN($C592/24,0)+1,1)*INDEX($D$3:$AA$30,INDEX(Jesper!$R$2:$R$366,ROW(INDEX(Jesper!AH$2:AH$366,ROUNDDOWN($C592/24,0)+1,1))-1)+IF('Standard Profiles'!$G$18=$B$10,7,0)+IF('Standard Profiles'!$G$18=$B$17,14,0)+IF('Standard Profiles'!$G$18=$B$24,21,0),MOD($C592,24)+1)/SUM(INDEX($D$3:$AA$30,INDEX(Jesper!$R$2:$R$366,ROW(INDEX(Jesper!AH$2:AH$366,ROUNDDOWN($C592/24,0)+1,1))-1)+IF('Standard Profiles'!$G$18=$B$10,7,0)+IF('Standard Profiles'!$G$18=$B$17,14,0)+IF('Standard Profiles'!$G$18=$B$24,21,0),0)),0)</f>
        <v>5.9929366851870345</v>
      </c>
      <c r="E592" cm="1">
        <f t="array" ref="E592">IFERROR(INDEX(Jesper!AI$2:AI$366,ROUNDDOWN($C592/24,0)+1,1)*INDEX($D$3:$AA$30,INDEX(Jesper!$R$2:$R$366,ROW(INDEX(Jesper!AI$2:AI$366,ROUNDDOWN($C592/24,0)+1,1))-1)+IF('Standard Profiles'!$G$19=$B$10,7,0)+IF('Standard Profiles'!$G$19=$B$17,14,0)+IF('Standard Profiles'!$G$19=$B$24,21,0),MOD($C592,24)+1)/SUM(INDEX($D$3:$AA$30,INDEX(Jesper!$R$2:$R$366,ROW(INDEX(Jesper!AI$2:AI$366,ROUNDDOWN($C592/24,0)+1,1))-1)+IF('Standard Profiles'!$G$19=$B$10,7,0)+IF('Standard Profiles'!$G$19=$B$17,14,0)+IF('Standard Profiles'!$G$19=$B$24,21,0),0)),0)</f>
        <v>7.2810628322631503</v>
      </c>
      <c r="F592" cm="1">
        <f t="array" ref="F592">IFERROR(INDEX(Jesper!AJ$2:AJ$366,ROUNDDOWN($C592/24,0)+1,1)*INDEX($D$3:$AA$30,INDEX(Jesper!$R$2:$R$366,ROW(INDEX(Jesper!AJ$2:AJ$366,ROUNDDOWN($C592/24,0)+1,1))-1)+IF('Standard Profiles'!$G$20=$B$10,7,0)+IF('Standard Profiles'!$G$20=$B$17,14,0)+IF('Standard Profiles'!$G$20=$B$24,21,0),MOD($C592,24)+1)/SUM(INDEX($D$3:$AA$30,INDEX(Jesper!$R$2:$R$366,ROW(INDEX(Jesper!AJ$2:AJ$366,ROUNDDOWN($C592/24,0)+1,1))-1)+IF('Standard Profiles'!$G$20=$B$10,7,0)+IF('Standard Profiles'!$G$20=$B$17,14,0)+IF('Standard Profiles'!$G$20=$B$24,21,0),0)),0)</f>
        <v>0</v>
      </c>
      <c r="G592" cm="1">
        <f t="array" ref="G592">IFERROR(INDEX(Jesper!AK$2:AK$366,ROUNDDOWN($C592/24,0)+1,1)*INDEX($D$3:$AA$30,INDEX(Jesper!$R$2:$R$366,ROW(INDEX(Jesper!AK$2:AK$366,ROUNDDOWN($C592/24,0)+1,1))-1)+IF('Standard Profiles'!$G$21=$B$10,7,0)+IF('Standard Profiles'!$G$21=$B$17,14,0)+IF('Standard Profiles'!$G$21=$B$24,21,0),MOD($C592,24)+1)/SUM(INDEX($D$3:$AA$30,INDEX(Jesper!$R$2:$R$366,ROW(INDEX(Jesper!AK$2:AK$366,ROUNDDOWN($C592/24,0)+1,1))-1)+IF('Standard Profiles'!$G$21=$B$10,7,0)+IF('Standard Profiles'!$G$21=$B$17,14,0)+IF('Standard Profiles'!$G$21=$B$24,21,0),0)),0)</f>
        <v>9.287635830123266</v>
      </c>
      <c r="H592" cm="1">
        <f t="array" ref="H592">IFERROR(INDEX(Jesper!AL$2:AL$366,ROUNDDOWN($C592/24,0)+1,1)*INDEX($D$3:$AA$30,INDEX(Jesper!$R$2:$R$366,ROW(INDEX(Jesper!AL$2:AL$366,ROUNDDOWN($C592/24,0)+1,1))-1)+IF('Standard Profiles'!$G$22=$B$10,7,0)+IF('Standard Profiles'!$G$22=$B$17,14,0)+IF('Standard Profiles'!$G$22=$B$24,21,0),MOD($C592,24)+1)/SUM(INDEX($D$3:$AA$30,INDEX(Jesper!$R$2:$R$366,ROW(INDEX(Jesper!AL$2:AL$366,ROUNDDOWN($C592/24,0)+1,1))-1)+IF('Standard Profiles'!$G$22=$B$10,7,0)+IF('Standard Profiles'!$G$22=$B$17,14,0)+IF('Standard Profiles'!$G$22=$B$24,21,0),0)),0)</f>
        <v>0</v>
      </c>
      <c r="I592">
        <f t="shared" si="76"/>
        <v>4.458065198459165</v>
      </c>
      <c r="J592">
        <f t="shared" si="77"/>
        <v>17.144700279484361</v>
      </c>
      <c r="K592">
        <f t="shared" si="78"/>
        <v>0.63924657975328369</v>
      </c>
      <c r="L592">
        <f t="shared" si="79"/>
        <v>0.31962328987664185</v>
      </c>
      <c r="M592">
        <f t="shared" si="80"/>
        <v>0</v>
      </c>
      <c r="N592" s="45">
        <f t="shared" si="81"/>
        <v>44950.249999998647</v>
      </c>
    </row>
    <row r="593" spans="2:14" x14ac:dyDescent="0.25">
      <c r="B593">
        <f t="shared" si="75"/>
        <v>2</v>
      </c>
      <c r="C593" s="16">
        <v>559</v>
      </c>
      <c r="D593" cm="1">
        <f t="array" ref="D593">IFERROR(INDEX(Jesper!AH$2:AH$366,ROUNDDOWN($C593/24,0)+1,1)*INDEX($D$3:$AA$30,INDEX(Jesper!$R$2:$R$366,ROW(INDEX(Jesper!AH$2:AH$366,ROUNDDOWN($C593/24,0)+1,1))-1)+IF('Standard Profiles'!$G$18=$B$10,7,0)+IF('Standard Profiles'!$G$18=$B$17,14,0)+IF('Standard Profiles'!$G$18=$B$24,21,0),MOD($C593,24)+1)/SUM(INDEX($D$3:$AA$30,INDEX(Jesper!$R$2:$R$366,ROW(INDEX(Jesper!AH$2:AH$366,ROUNDDOWN($C593/24,0)+1,1))-1)+IF('Standard Profiles'!$G$18=$B$10,7,0)+IF('Standard Profiles'!$G$18=$B$17,14,0)+IF('Standard Profiles'!$G$18=$B$24,21,0),0)),0)</f>
        <v>25.263973713491588</v>
      </c>
      <c r="E593" cm="1">
        <f t="array" ref="E593">IFERROR(INDEX(Jesper!AI$2:AI$366,ROUNDDOWN($C593/24,0)+1,1)*INDEX($D$3:$AA$30,INDEX(Jesper!$R$2:$R$366,ROW(INDEX(Jesper!AI$2:AI$366,ROUNDDOWN($C593/24,0)+1,1))-1)+IF('Standard Profiles'!$G$19=$B$10,7,0)+IF('Standard Profiles'!$G$19=$B$17,14,0)+IF('Standard Profiles'!$G$19=$B$24,21,0),MOD($C593,24)+1)/SUM(INDEX($D$3:$AA$30,INDEX(Jesper!$R$2:$R$366,ROW(INDEX(Jesper!AI$2:AI$366,ROUNDDOWN($C593/24,0)+1,1))-1)+IF('Standard Profiles'!$G$19=$B$10,7,0)+IF('Standard Profiles'!$G$19=$B$17,14,0)+IF('Standard Profiles'!$G$19=$B$24,21,0),0)),0)</f>
        <v>30.694230502259334</v>
      </c>
      <c r="F593" cm="1">
        <f t="array" ref="F593">IFERROR(INDEX(Jesper!AJ$2:AJ$366,ROUNDDOWN($C593/24,0)+1,1)*INDEX($D$3:$AA$30,INDEX(Jesper!$R$2:$R$366,ROW(INDEX(Jesper!AJ$2:AJ$366,ROUNDDOWN($C593/24,0)+1,1))-1)+IF('Standard Profiles'!$G$20=$B$10,7,0)+IF('Standard Profiles'!$G$20=$B$17,14,0)+IF('Standard Profiles'!$G$20=$B$24,21,0),MOD($C593,24)+1)/SUM(INDEX($D$3:$AA$30,INDEX(Jesper!$R$2:$R$366,ROW(INDEX(Jesper!AJ$2:AJ$366,ROUNDDOWN($C593/24,0)+1,1))-1)+IF('Standard Profiles'!$G$20=$B$10,7,0)+IF('Standard Profiles'!$G$20=$B$17,14,0)+IF('Standard Profiles'!$G$20=$B$24,21,0),0)),0)</f>
        <v>0</v>
      </c>
      <c r="G593" cm="1">
        <f t="array" ref="G593">IFERROR(INDEX(Jesper!AK$2:AK$366,ROUNDDOWN($C593/24,0)+1,1)*INDEX($D$3:$AA$30,INDEX(Jesper!$R$2:$R$366,ROW(INDEX(Jesper!AK$2:AK$366,ROUNDDOWN($C593/24,0)+1,1))-1)+IF('Standard Profiles'!$G$21=$B$10,7,0)+IF('Standard Profiles'!$G$21=$B$17,14,0)+IF('Standard Profiles'!$G$21=$B$24,21,0),MOD($C593,24)+1)/SUM(INDEX($D$3:$AA$30,INDEX(Jesper!$R$2:$R$366,ROW(INDEX(Jesper!AK$2:AK$366,ROUNDDOWN($C593/24,0)+1,1))-1)+IF('Standard Profiles'!$G$21=$B$10,7,0)+IF('Standard Profiles'!$G$21=$B$17,14,0)+IF('Standard Profiles'!$G$21=$B$24,21,0),0)),0)</f>
        <v>26.754383213871215</v>
      </c>
      <c r="H593" cm="1">
        <f t="array" ref="H593">IFERROR(INDEX(Jesper!AL$2:AL$366,ROUNDDOWN($C593/24,0)+1,1)*INDEX($D$3:$AA$30,INDEX(Jesper!$R$2:$R$366,ROW(INDEX(Jesper!AL$2:AL$366,ROUNDDOWN($C593/24,0)+1,1))-1)+IF('Standard Profiles'!$G$22=$B$10,7,0)+IF('Standard Profiles'!$G$22=$B$17,14,0)+IF('Standard Profiles'!$G$22=$B$24,21,0),MOD($C593,24)+1)/SUM(INDEX($D$3:$AA$30,INDEX(Jesper!$R$2:$R$366,ROW(INDEX(Jesper!AL$2:AL$366,ROUNDDOWN($C593/24,0)+1,1))-1)+IF('Standard Profiles'!$G$22=$B$10,7,0)+IF('Standard Profiles'!$G$22=$B$17,14,0)+IF('Standard Profiles'!$G$22=$B$24,21,0),0)),0)</f>
        <v>0</v>
      </c>
      <c r="I593">
        <f t="shared" si="76"/>
        <v>12.842103942658177</v>
      </c>
      <c r="J593">
        <f t="shared" si="77"/>
        <v>65.828247692805306</v>
      </c>
      <c r="K593">
        <f t="shared" si="78"/>
        <v>2.6948238627724361</v>
      </c>
      <c r="L593">
        <f t="shared" si="79"/>
        <v>1.3474119313862181</v>
      </c>
      <c r="M593">
        <f t="shared" si="80"/>
        <v>0</v>
      </c>
      <c r="N593" s="45">
        <f t="shared" si="81"/>
        <v>44950.291666665311</v>
      </c>
    </row>
    <row r="594" spans="2:14" x14ac:dyDescent="0.25">
      <c r="B594">
        <f t="shared" si="75"/>
        <v>2</v>
      </c>
      <c r="C594" s="16">
        <v>560</v>
      </c>
      <c r="D594" cm="1">
        <f t="array" ref="D594">IFERROR(INDEX(Jesper!AH$2:AH$366,ROUNDDOWN($C594/24,0)+1,1)*INDEX($D$3:$AA$30,INDEX(Jesper!$R$2:$R$366,ROW(INDEX(Jesper!AH$2:AH$366,ROUNDDOWN($C594/24,0)+1,1))-1)+IF('Standard Profiles'!$G$18=$B$10,7,0)+IF('Standard Profiles'!$G$18=$B$17,14,0)+IF('Standard Profiles'!$G$18=$B$24,21,0),MOD($C594,24)+1)/SUM(INDEX($D$3:$AA$30,INDEX(Jesper!$R$2:$R$366,ROW(INDEX(Jesper!AH$2:AH$366,ROUNDDOWN($C594/24,0)+1,1))-1)+IF('Standard Profiles'!$G$18=$B$10,7,0)+IF('Standard Profiles'!$G$18=$B$17,14,0)+IF('Standard Profiles'!$G$18=$B$24,21,0),0)),0)</f>
        <v>28.189275932948512</v>
      </c>
      <c r="E594" cm="1">
        <f t="array" ref="E594">IFERROR(INDEX(Jesper!AI$2:AI$366,ROUNDDOWN($C594/24,0)+1,1)*INDEX($D$3:$AA$30,INDEX(Jesper!$R$2:$R$366,ROW(INDEX(Jesper!AI$2:AI$366,ROUNDDOWN($C594/24,0)+1,1))-1)+IF('Standard Profiles'!$G$19=$B$10,7,0)+IF('Standard Profiles'!$G$19=$B$17,14,0)+IF('Standard Profiles'!$G$19=$B$24,21,0),MOD($C594,24)+1)/SUM(INDEX($D$3:$AA$30,INDEX(Jesper!$R$2:$R$366,ROW(INDEX(Jesper!AI$2:AI$366,ROUNDDOWN($C594/24,0)+1,1))-1)+IF('Standard Profiles'!$G$19=$B$10,7,0)+IF('Standard Profiles'!$G$19=$B$17,14,0)+IF('Standard Profiles'!$G$19=$B$24,21,0),0)),0)</f>
        <v>34.248299297257788</v>
      </c>
      <c r="F594" cm="1">
        <f t="array" ref="F594">IFERROR(INDEX(Jesper!AJ$2:AJ$366,ROUNDDOWN($C594/24,0)+1,1)*INDEX($D$3:$AA$30,INDEX(Jesper!$R$2:$R$366,ROW(INDEX(Jesper!AJ$2:AJ$366,ROUNDDOWN($C594/24,0)+1,1))-1)+IF('Standard Profiles'!$G$20=$B$10,7,0)+IF('Standard Profiles'!$G$20=$B$17,14,0)+IF('Standard Profiles'!$G$20=$B$24,21,0),MOD($C594,24)+1)/SUM(INDEX($D$3:$AA$30,INDEX(Jesper!$R$2:$R$366,ROW(INDEX(Jesper!AJ$2:AJ$366,ROUNDDOWN($C594/24,0)+1,1))-1)+IF('Standard Profiles'!$G$20=$B$10,7,0)+IF('Standard Profiles'!$G$20=$B$17,14,0)+IF('Standard Profiles'!$G$20=$B$24,21,0),0)),0)</f>
        <v>0</v>
      </c>
      <c r="G594" cm="1">
        <f t="array" ref="G594">IFERROR(INDEX(Jesper!AK$2:AK$366,ROUNDDOWN($C594/24,0)+1,1)*INDEX($D$3:$AA$30,INDEX(Jesper!$R$2:$R$366,ROW(INDEX(Jesper!AK$2:AK$366,ROUNDDOWN($C594/24,0)+1,1))-1)+IF('Standard Profiles'!$G$21=$B$10,7,0)+IF('Standard Profiles'!$G$21=$B$17,14,0)+IF('Standard Profiles'!$G$21=$B$24,21,0),MOD($C594,24)+1)/SUM(INDEX($D$3:$AA$30,INDEX(Jesper!$R$2:$R$366,ROW(INDEX(Jesper!AK$2:AK$366,ROUNDDOWN($C594/24,0)+1,1))-1)+IF('Standard Profiles'!$G$21=$B$10,7,0)+IF('Standard Profiles'!$G$21=$B$17,14,0)+IF('Standard Profiles'!$G$21=$B$24,21,0),0)),0)</f>
        <v>29.852259164951036</v>
      </c>
      <c r="H594" cm="1">
        <f t="array" ref="H594">IFERROR(INDEX(Jesper!AL$2:AL$366,ROUNDDOWN($C594/24,0)+1,1)*INDEX($D$3:$AA$30,INDEX(Jesper!$R$2:$R$366,ROW(INDEX(Jesper!AL$2:AL$366,ROUNDDOWN($C594/24,0)+1,1))-1)+IF('Standard Profiles'!$G$22=$B$10,7,0)+IF('Standard Profiles'!$G$22=$B$17,14,0)+IF('Standard Profiles'!$G$22=$B$24,21,0),MOD($C594,24)+1)/SUM(INDEX($D$3:$AA$30,INDEX(Jesper!$R$2:$R$366,ROW(INDEX(Jesper!AL$2:AL$366,ROUNDDOWN($C594/24,0)+1,1))-1)+IF('Standard Profiles'!$G$22=$B$10,7,0)+IF('Standard Profiles'!$G$22=$B$17,14,0)+IF('Standard Profiles'!$G$22=$B$24,21,0),0)),0)</f>
        <v>0</v>
      </c>
      <c r="I594">
        <f t="shared" si="76"/>
        <v>14.329084399176491</v>
      </c>
      <c r="J594">
        <f t="shared" si="77"/>
        <v>73.450465846709079</v>
      </c>
      <c r="K594">
        <f t="shared" si="78"/>
        <v>3.0068560995145082</v>
      </c>
      <c r="L594">
        <f t="shared" si="79"/>
        <v>1.5034280497572541</v>
      </c>
      <c r="M594">
        <f t="shared" si="80"/>
        <v>0</v>
      </c>
      <c r="N594" s="45">
        <f t="shared" si="81"/>
        <v>44950.333333331975</v>
      </c>
    </row>
    <row r="595" spans="2:14" x14ac:dyDescent="0.25">
      <c r="B595">
        <f t="shared" si="75"/>
        <v>2</v>
      </c>
      <c r="C595" s="16">
        <v>561</v>
      </c>
      <c r="D595" cm="1">
        <f t="array" ref="D595">IFERROR(INDEX(Jesper!AH$2:AH$366,ROUNDDOWN($C595/24,0)+1,1)*INDEX($D$3:$AA$30,INDEX(Jesper!$R$2:$R$366,ROW(INDEX(Jesper!AH$2:AH$366,ROUNDDOWN($C595/24,0)+1,1))-1)+IF('Standard Profiles'!$G$18=$B$10,7,0)+IF('Standard Profiles'!$G$18=$B$17,14,0)+IF('Standard Profiles'!$G$18=$B$24,21,0),MOD($C595,24)+1)/SUM(INDEX($D$3:$AA$30,INDEX(Jesper!$R$2:$R$366,ROW(INDEX(Jesper!AH$2:AH$366,ROUNDDOWN($C595/24,0)+1,1))-1)+IF('Standard Profiles'!$G$18=$B$10,7,0)+IF('Standard Profiles'!$G$18=$B$17,14,0)+IF('Standard Profiles'!$G$18=$B$24,21,0),0)),0)</f>
        <v>31.114578152405432</v>
      </c>
      <c r="E595" cm="1">
        <f t="array" ref="E595">IFERROR(INDEX(Jesper!AI$2:AI$366,ROUNDDOWN($C595/24,0)+1,1)*INDEX($D$3:$AA$30,INDEX(Jesper!$R$2:$R$366,ROW(INDEX(Jesper!AI$2:AI$366,ROUNDDOWN($C595/24,0)+1,1))-1)+IF('Standard Profiles'!$G$19=$B$10,7,0)+IF('Standard Profiles'!$G$19=$B$17,14,0)+IF('Standard Profiles'!$G$19=$B$24,21,0),MOD($C595,24)+1)/SUM(INDEX($D$3:$AA$30,INDEX(Jesper!$R$2:$R$366,ROW(INDEX(Jesper!AI$2:AI$366,ROUNDDOWN($C595/24,0)+1,1))-1)+IF('Standard Profiles'!$G$19=$B$10,7,0)+IF('Standard Profiles'!$G$19=$B$17,14,0)+IF('Standard Profiles'!$G$19=$B$24,21,0),0)),0)</f>
        <v>37.802368092256238</v>
      </c>
      <c r="F595" cm="1">
        <f t="array" ref="F595">IFERROR(INDEX(Jesper!AJ$2:AJ$366,ROUNDDOWN($C595/24,0)+1,1)*INDEX($D$3:$AA$30,INDEX(Jesper!$R$2:$R$366,ROW(INDEX(Jesper!AJ$2:AJ$366,ROUNDDOWN($C595/24,0)+1,1))-1)+IF('Standard Profiles'!$G$20=$B$10,7,0)+IF('Standard Profiles'!$G$20=$B$17,14,0)+IF('Standard Profiles'!$G$20=$B$24,21,0),MOD($C595,24)+1)/SUM(INDEX($D$3:$AA$30,INDEX(Jesper!$R$2:$R$366,ROW(INDEX(Jesper!AJ$2:AJ$366,ROUNDDOWN($C595/24,0)+1,1))-1)+IF('Standard Profiles'!$G$20=$B$10,7,0)+IF('Standard Profiles'!$G$20=$B$17,14,0)+IF('Standard Profiles'!$G$20=$B$24,21,0),0)),0)</f>
        <v>0</v>
      </c>
      <c r="G595" cm="1">
        <f t="array" ref="G595">IFERROR(INDEX(Jesper!AK$2:AK$366,ROUNDDOWN($C595/24,0)+1,1)*INDEX($D$3:$AA$30,INDEX(Jesper!$R$2:$R$366,ROW(INDEX(Jesper!AK$2:AK$366,ROUNDDOWN($C595/24,0)+1,1))-1)+IF('Standard Profiles'!$G$21=$B$10,7,0)+IF('Standard Profiles'!$G$21=$B$17,14,0)+IF('Standard Profiles'!$G$21=$B$24,21,0),MOD($C595,24)+1)/SUM(INDEX($D$3:$AA$30,INDEX(Jesper!$R$2:$R$366,ROW(INDEX(Jesper!AK$2:AK$366,ROUNDDOWN($C595/24,0)+1,1))-1)+IF('Standard Profiles'!$G$21=$B$10,7,0)+IF('Standard Profiles'!$G$21=$B$17,14,0)+IF('Standard Profiles'!$G$21=$B$24,21,0),0)),0)</f>
        <v>32.950135116030864</v>
      </c>
      <c r="H595" cm="1">
        <f t="array" ref="H595">IFERROR(INDEX(Jesper!AL$2:AL$366,ROUNDDOWN($C595/24,0)+1,1)*INDEX($D$3:$AA$30,INDEX(Jesper!$R$2:$R$366,ROW(INDEX(Jesper!AL$2:AL$366,ROUNDDOWN($C595/24,0)+1,1))-1)+IF('Standard Profiles'!$G$22=$B$10,7,0)+IF('Standard Profiles'!$G$22=$B$17,14,0)+IF('Standard Profiles'!$G$22=$B$24,21,0),MOD($C595,24)+1)/SUM(INDEX($D$3:$AA$30,INDEX(Jesper!$R$2:$R$366,ROW(INDEX(Jesper!AL$2:AL$366,ROUNDDOWN($C595/24,0)+1,1))-1)+IF('Standard Profiles'!$G$22=$B$10,7,0)+IF('Standard Profiles'!$G$22=$B$17,14,0)+IF('Standard Profiles'!$G$22=$B$24,21,0),0)),0)</f>
        <v>0</v>
      </c>
      <c r="I595">
        <f t="shared" si="76"/>
        <v>15.816064855694806</v>
      </c>
      <c r="J595">
        <f t="shared" si="77"/>
        <v>81.072684000612853</v>
      </c>
      <c r="K595">
        <f t="shared" si="78"/>
        <v>3.3188883362565798</v>
      </c>
      <c r="L595">
        <f t="shared" si="79"/>
        <v>1.6594441681282899</v>
      </c>
      <c r="M595">
        <f t="shared" si="80"/>
        <v>0</v>
      </c>
      <c r="N595" s="45">
        <f t="shared" si="81"/>
        <v>44950.374999998639</v>
      </c>
    </row>
    <row r="596" spans="2:14" x14ac:dyDescent="0.25">
      <c r="B596">
        <f t="shared" si="75"/>
        <v>2</v>
      </c>
      <c r="C596" s="16">
        <v>562</v>
      </c>
      <c r="D596" cm="1">
        <f t="array" ref="D596">IFERROR(INDEX(Jesper!AH$2:AH$366,ROUNDDOWN($C596/24,0)+1,1)*INDEX($D$3:$AA$30,INDEX(Jesper!$R$2:$R$366,ROW(INDEX(Jesper!AH$2:AH$366,ROUNDDOWN($C596/24,0)+1,1))-1)+IF('Standard Profiles'!$G$18=$B$10,7,0)+IF('Standard Profiles'!$G$18=$B$17,14,0)+IF('Standard Profiles'!$G$18=$B$24,21,0),MOD($C596,24)+1)/SUM(INDEX($D$3:$AA$30,INDEX(Jesper!$R$2:$R$366,ROW(INDEX(Jesper!AH$2:AH$366,ROUNDDOWN($C596/24,0)+1,1))-1)+IF('Standard Profiles'!$G$18=$B$10,7,0)+IF('Standard Profiles'!$G$18=$B$17,14,0)+IF('Standard Profiles'!$G$18=$B$24,21,0),0)),0)</f>
        <v>31.114578152405432</v>
      </c>
      <c r="E596" cm="1">
        <f t="array" ref="E596">IFERROR(INDEX(Jesper!AI$2:AI$366,ROUNDDOWN($C596/24,0)+1,1)*INDEX($D$3:$AA$30,INDEX(Jesper!$R$2:$R$366,ROW(INDEX(Jesper!AI$2:AI$366,ROUNDDOWN($C596/24,0)+1,1))-1)+IF('Standard Profiles'!$G$19=$B$10,7,0)+IF('Standard Profiles'!$G$19=$B$17,14,0)+IF('Standard Profiles'!$G$19=$B$24,21,0),MOD($C596,24)+1)/SUM(INDEX($D$3:$AA$30,INDEX(Jesper!$R$2:$R$366,ROW(INDEX(Jesper!AI$2:AI$366,ROUNDDOWN($C596/24,0)+1,1))-1)+IF('Standard Profiles'!$G$19=$B$10,7,0)+IF('Standard Profiles'!$G$19=$B$17,14,0)+IF('Standard Profiles'!$G$19=$B$24,21,0),0)),0)</f>
        <v>37.802368092256238</v>
      </c>
      <c r="F596" cm="1">
        <f t="array" ref="F596">IFERROR(INDEX(Jesper!AJ$2:AJ$366,ROUNDDOWN($C596/24,0)+1,1)*INDEX($D$3:$AA$30,INDEX(Jesper!$R$2:$R$366,ROW(INDEX(Jesper!AJ$2:AJ$366,ROUNDDOWN($C596/24,0)+1,1))-1)+IF('Standard Profiles'!$G$20=$B$10,7,0)+IF('Standard Profiles'!$G$20=$B$17,14,0)+IF('Standard Profiles'!$G$20=$B$24,21,0),MOD($C596,24)+1)/SUM(INDEX($D$3:$AA$30,INDEX(Jesper!$R$2:$R$366,ROW(INDEX(Jesper!AJ$2:AJ$366,ROUNDDOWN($C596/24,0)+1,1))-1)+IF('Standard Profiles'!$G$20=$B$10,7,0)+IF('Standard Profiles'!$G$20=$B$17,14,0)+IF('Standard Profiles'!$G$20=$B$24,21,0),0)),0)</f>
        <v>0</v>
      </c>
      <c r="G596" cm="1">
        <f t="array" ref="G596">IFERROR(INDEX(Jesper!AK$2:AK$366,ROUNDDOWN($C596/24,0)+1,1)*INDEX($D$3:$AA$30,INDEX(Jesper!$R$2:$R$366,ROW(INDEX(Jesper!AK$2:AK$366,ROUNDDOWN($C596/24,0)+1,1))-1)+IF('Standard Profiles'!$G$21=$B$10,7,0)+IF('Standard Profiles'!$G$21=$B$17,14,0)+IF('Standard Profiles'!$G$21=$B$24,21,0),MOD($C596,24)+1)/SUM(INDEX($D$3:$AA$30,INDEX(Jesper!$R$2:$R$366,ROW(INDEX(Jesper!AK$2:AK$366,ROUNDDOWN($C596/24,0)+1,1))-1)+IF('Standard Profiles'!$G$21=$B$10,7,0)+IF('Standard Profiles'!$G$21=$B$17,14,0)+IF('Standard Profiles'!$G$21=$B$24,21,0),0)),0)</f>
        <v>32.950135116030864</v>
      </c>
      <c r="H596" cm="1">
        <f t="array" ref="H596">IFERROR(INDEX(Jesper!AL$2:AL$366,ROUNDDOWN($C596/24,0)+1,1)*INDEX($D$3:$AA$30,INDEX(Jesper!$R$2:$R$366,ROW(INDEX(Jesper!AL$2:AL$366,ROUNDDOWN($C596/24,0)+1,1))-1)+IF('Standard Profiles'!$G$22=$B$10,7,0)+IF('Standard Profiles'!$G$22=$B$17,14,0)+IF('Standard Profiles'!$G$22=$B$24,21,0),MOD($C596,24)+1)/SUM(INDEX($D$3:$AA$30,INDEX(Jesper!$R$2:$R$366,ROW(INDEX(Jesper!AL$2:AL$366,ROUNDDOWN($C596/24,0)+1,1))-1)+IF('Standard Profiles'!$G$22=$B$10,7,0)+IF('Standard Profiles'!$G$22=$B$17,14,0)+IF('Standard Profiles'!$G$22=$B$24,21,0),0)),0)</f>
        <v>0</v>
      </c>
      <c r="I596">
        <f t="shared" si="76"/>
        <v>15.816064855694806</v>
      </c>
      <c r="J596">
        <f t="shared" si="77"/>
        <v>81.072684000612853</v>
      </c>
      <c r="K596">
        <f t="shared" si="78"/>
        <v>3.3188883362565798</v>
      </c>
      <c r="L596">
        <f t="shared" si="79"/>
        <v>1.6594441681282899</v>
      </c>
      <c r="M596">
        <f t="shared" si="80"/>
        <v>0</v>
      </c>
      <c r="N596" s="45">
        <f t="shared" si="81"/>
        <v>44950.416666665304</v>
      </c>
    </row>
    <row r="597" spans="2:14" x14ac:dyDescent="0.25">
      <c r="B597">
        <f t="shared" si="75"/>
        <v>2</v>
      </c>
      <c r="C597" s="16">
        <v>563</v>
      </c>
      <c r="D597" cm="1">
        <f t="array" ref="D597">IFERROR(INDEX(Jesper!AH$2:AH$366,ROUNDDOWN($C597/24,0)+1,1)*INDEX($D$3:$AA$30,INDEX(Jesper!$R$2:$R$366,ROW(INDEX(Jesper!AH$2:AH$366,ROUNDDOWN($C597/24,0)+1,1))-1)+IF('Standard Profiles'!$G$18=$B$10,7,0)+IF('Standard Profiles'!$G$18=$B$17,14,0)+IF('Standard Profiles'!$G$18=$B$24,21,0),MOD($C597,24)+1)/SUM(INDEX($D$3:$AA$30,INDEX(Jesper!$R$2:$R$366,ROW(INDEX(Jesper!AH$2:AH$366,ROUNDDOWN($C597/24,0)+1,1))-1)+IF('Standard Profiles'!$G$18=$B$10,7,0)+IF('Standard Profiles'!$G$18=$B$17,14,0)+IF('Standard Profiles'!$G$18=$B$24,21,0),0)),0)</f>
        <v>37.231119156724446</v>
      </c>
      <c r="E597" cm="1">
        <f t="array" ref="E597">IFERROR(INDEX(Jesper!AI$2:AI$366,ROUNDDOWN($C597/24,0)+1,1)*INDEX($D$3:$AA$30,INDEX(Jesper!$R$2:$R$366,ROW(INDEX(Jesper!AI$2:AI$366,ROUNDDOWN($C597/24,0)+1,1))-1)+IF('Standard Profiles'!$G$19=$B$10,7,0)+IF('Standard Profiles'!$G$19=$B$17,14,0)+IF('Standard Profiles'!$G$19=$B$24,21,0),MOD($C597,24)+1)/SUM(INDEX($D$3:$AA$30,INDEX(Jesper!$R$2:$R$366,ROW(INDEX(Jesper!AI$2:AI$366,ROUNDDOWN($C597/24,0)+1,1))-1)+IF('Standard Profiles'!$G$19=$B$10,7,0)+IF('Standard Profiles'!$G$19=$B$17,14,0)+IF('Standard Profiles'!$G$19=$B$24,21,0),0)),0)</f>
        <v>45.23360284543481</v>
      </c>
      <c r="F597" cm="1">
        <f t="array" ref="F597">IFERROR(INDEX(Jesper!AJ$2:AJ$366,ROUNDDOWN($C597/24,0)+1,1)*INDEX($D$3:$AA$30,INDEX(Jesper!$R$2:$R$366,ROW(INDEX(Jesper!AJ$2:AJ$366,ROUNDDOWN($C597/24,0)+1,1))-1)+IF('Standard Profiles'!$G$20=$B$10,7,0)+IF('Standard Profiles'!$G$20=$B$17,14,0)+IF('Standard Profiles'!$G$20=$B$24,21,0),MOD($C597,24)+1)/SUM(INDEX($D$3:$AA$30,INDEX(Jesper!$R$2:$R$366,ROW(INDEX(Jesper!AJ$2:AJ$366,ROUNDDOWN($C597/24,0)+1,1))-1)+IF('Standard Profiles'!$G$20=$B$10,7,0)+IF('Standard Profiles'!$G$20=$B$17,14,0)+IF('Standard Profiles'!$G$20=$B$24,21,0),0)),0)</f>
        <v>0</v>
      </c>
      <c r="G597" cm="1">
        <f t="array" ref="G597">IFERROR(INDEX(Jesper!AK$2:AK$366,ROUNDDOWN($C597/24,0)+1,1)*INDEX($D$3:$AA$30,INDEX(Jesper!$R$2:$R$366,ROW(INDEX(Jesper!AK$2:AK$366,ROUNDDOWN($C597/24,0)+1,1))-1)+IF('Standard Profiles'!$G$21=$B$10,7,0)+IF('Standard Profiles'!$G$21=$B$17,14,0)+IF('Standard Profiles'!$G$21=$B$24,21,0),MOD($C597,24)+1)/SUM(INDEX($D$3:$AA$30,INDEX(Jesper!$R$2:$R$366,ROW(INDEX(Jesper!AK$2:AK$366,ROUNDDOWN($C597/24,0)+1,1))-1)+IF('Standard Profiles'!$G$21=$B$10,7,0)+IF('Standard Profiles'!$G$21=$B$17,14,0)+IF('Standard Profiles'!$G$21=$B$24,21,0),0)),0)</f>
        <v>39.427512104652322</v>
      </c>
      <c r="H597" cm="1">
        <f t="array" ref="H597">IFERROR(INDEX(Jesper!AL$2:AL$366,ROUNDDOWN($C597/24,0)+1,1)*INDEX($D$3:$AA$30,INDEX(Jesper!$R$2:$R$366,ROW(INDEX(Jesper!AL$2:AL$366,ROUNDDOWN($C597/24,0)+1,1))-1)+IF('Standard Profiles'!$G$22=$B$10,7,0)+IF('Standard Profiles'!$G$22=$B$17,14,0)+IF('Standard Profiles'!$G$22=$B$24,21,0),MOD($C597,24)+1)/SUM(INDEX($D$3:$AA$30,INDEX(Jesper!$R$2:$R$366,ROW(INDEX(Jesper!AL$2:AL$366,ROUNDDOWN($C597/24,0)+1,1))-1)+IF('Standard Profiles'!$G$22=$B$10,7,0)+IF('Standard Profiles'!$G$22=$B$17,14,0)+IF('Standard Profiles'!$G$22=$B$24,21,0),0)),0)</f>
        <v>0</v>
      </c>
      <c r="I597">
        <f t="shared" si="76"/>
        <v>18.925205810233106</v>
      </c>
      <c r="J597">
        <f t="shared" si="77"/>
        <v>97.010049231502563</v>
      </c>
      <c r="K597">
        <f t="shared" si="78"/>
        <v>3.9713193767172745</v>
      </c>
      <c r="L597">
        <f t="shared" si="79"/>
        <v>1.9856596883586373</v>
      </c>
      <c r="M597">
        <f t="shared" si="80"/>
        <v>0</v>
      </c>
      <c r="N597" s="45">
        <f t="shared" si="81"/>
        <v>44950.458333331968</v>
      </c>
    </row>
    <row r="598" spans="2:14" x14ac:dyDescent="0.25">
      <c r="B598">
        <f t="shared" si="75"/>
        <v>2</v>
      </c>
      <c r="C598" s="16">
        <v>564</v>
      </c>
      <c r="D598" cm="1">
        <f t="array" ref="D598">IFERROR(INDEX(Jesper!AH$2:AH$366,ROUNDDOWN($C598/24,0)+1,1)*INDEX($D$3:$AA$30,INDEX(Jesper!$R$2:$R$366,ROW(INDEX(Jesper!AH$2:AH$366,ROUNDDOWN($C598/24,0)+1,1))-1)+IF('Standard Profiles'!$G$18=$B$10,7,0)+IF('Standard Profiles'!$G$18=$B$17,14,0)+IF('Standard Profiles'!$G$18=$B$24,21,0),MOD($C598,24)+1)/SUM(INDEX($D$3:$AA$30,INDEX(Jesper!$R$2:$R$366,ROW(INDEX(Jesper!AH$2:AH$366,ROUNDDOWN($C598/24,0)+1,1))-1)+IF('Standard Profiles'!$G$18=$B$10,7,0)+IF('Standard Profiles'!$G$18=$B$17,14,0)+IF('Standard Profiles'!$G$18=$B$24,21,0),0)),0)</f>
        <v>37.231119156724446</v>
      </c>
      <c r="E598" cm="1">
        <f t="array" ref="E598">IFERROR(INDEX(Jesper!AI$2:AI$366,ROUNDDOWN($C598/24,0)+1,1)*INDEX($D$3:$AA$30,INDEX(Jesper!$R$2:$R$366,ROW(INDEX(Jesper!AI$2:AI$366,ROUNDDOWN($C598/24,0)+1,1))-1)+IF('Standard Profiles'!$G$19=$B$10,7,0)+IF('Standard Profiles'!$G$19=$B$17,14,0)+IF('Standard Profiles'!$G$19=$B$24,21,0),MOD($C598,24)+1)/SUM(INDEX($D$3:$AA$30,INDEX(Jesper!$R$2:$R$366,ROW(INDEX(Jesper!AI$2:AI$366,ROUNDDOWN($C598/24,0)+1,1))-1)+IF('Standard Profiles'!$G$19=$B$10,7,0)+IF('Standard Profiles'!$G$19=$B$17,14,0)+IF('Standard Profiles'!$G$19=$B$24,21,0),0)),0)</f>
        <v>45.23360284543481</v>
      </c>
      <c r="F598" cm="1">
        <f t="array" ref="F598">IFERROR(INDEX(Jesper!AJ$2:AJ$366,ROUNDDOWN($C598/24,0)+1,1)*INDEX($D$3:$AA$30,INDEX(Jesper!$R$2:$R$366,ROW(INDEX(Jesper!AJ$2:AJ$366,ROUNDDOWN($C598/24,0)+1,1))-1)+IF('Standard Profiles'!$G$20=$B$10,7,0)+IF('Standard Profiles'!$G$20=$B$17,14,0)+IF('Standard Profiles'!$G$20=$B$24,21,0),MOD($C598,24)+1)/SUM(INDEX($D$3:$AA$30,INDEX(Jesper!$R$2:$R$366,ROW(INDEX(Jesper!AJ$2:AJ$366,ROUNDDOWN($C598/24,0)+1,1))-1)+IF('Standard Profiles'!$G$20=$B$10,7,0)+IF('Standard Profiles'!$G$20=$B$17,14,0)+IF('Standard Profiles'!$G$20=$B$24,21,0),0)),0)</f>
        <v>0</v>
      </c>
      <c r="G598" cm="1">
        <f t="array" ref="G598">IFERROR(INDEX(Jesper!AK$2:AK$366,ROUNDDOWN($C598/24,0)+1,1)*INDEX($D$3:$AA$30,INDEX(Jesper!$R$2:$R$366,ROW(INDEX(Jesper!AK$2:AK$366,ROUNDDOWN($C598/24,0)+1,1))-1)+IF('Standard Profiles'!$G$21=$B$10,7,0)+IF('Standard Profiles'!$G$21=$B$17,14,0)+IF('Standard Profiles'!$G$21=$B$24,21,0),MOD($C598,24)+1)/SUM(INDEX($D$3:$AA$30,INDEX(Jesper!$R$2:$R$366,ROW(INDEX(Jesper!AK$2:AK$366,ROUNDDOWN($C598/24,0)+1,1))-1)+IF('Standard Profiles'!$G$21=$B$10,7,0)+IF('Standard Profiles'!$G$21=$B$17,14,0)+IF('Standard Profiles'!$G$21=$B$24,21,0),0)),0)</f>
        <v>39.427512104652322</v>
      </c>
      <c r="H598" cm="1">
        <f t="array" ref="H598">IFERROR(INDEX(Jesper!AL$2:AL$366,ROUNDDOWN($C598/24,0)+1,1)*INDEX($D$3:$AA$30,INDEX(Jesper!$R$2:$R$366,ROW(INDEX(Jesper!AL$2:AL$366,ROUNDDOWN($C598/24,0)+1,1))-1)+IF('Standard Profiles'!$G$22=$B$10,7,0)+IF('Standard Profiles'!$G$22=$B$17,14,0)+IF('Standard Profiles'!$G$22=$B$24,21,0),MOD($C598,24)+1)/SUM(INDEX($D$3:$AA$30,INDEX(Jesper!$R$2:$R$366,ROW(INDEX(Jesper!AL$2:AL$366,ROUNDDOWN($C598/24,0)+1,1))-1)+IF('Standard Profiles'!$G$22=$B$10,7,0)+IF('Standard Profiles'!$G$22=$B$17,14,0)+IF('Standard Profiles'!$G$22=$B$24,21,0),0)),0)</f>
        <v>0</v>
      </c>
      <c r="I598">
        <f t="shared" si="76"/>
        <v>18.925205810233106</v>
      </c>
      <c r="J598">
        <f t="shared" si="77"/>
        <v>97.010049231502563</v>
      </c>
      <c r="K598">
        <f t="shared" si="78"/>
        <v>3.9713193767172745</v>
      </c>
      <c r="L598">
        <f t="shared" si="79"/>
        <v>1.9856596883586373</v>
      </c>
      <c r="M598">
        <f t="shared" si="80"/>
        <v>0</v>
      </c>
      <c r="N598" s="45">
        <f t="shared" si="81"/>
        <v>44950.499999998632</v>
      </c>
    </row>
    <row r="599" spans="2:14" x14ac:dyDescent="0.25">
      <c r="B599">
        <f t="shared" si="75"/>
        <v>2</v>
      </c>
      <c r="C599" s="16">
        <v>565</v>
      </c>
      <c r="D599" cm="1">
        <f t="array" ref="D599">IFERROR(INDEX(Jesper!AH$2:AH$366,ROUNDDOWN($C599/24,0)+1,1)*INDEX($D$3:$AA$30,INDEX(Jesper!$R$2:$R$366,ROW(INDEX(Jesper!AH$2:AH$366,ROUNDDOWN($C599/24,0)+1,1))-1)+IF('Standard Profiles'!$G$18=$B$10,7,0)+IF('Standard Profiles'!$G$18=$B$17,14,0)+IF('Standard Profiles'!$G$18=$B$24,21,0),MOD($C599,24)+1)/SUM(INDEX($D$3:$AA$30,INDEX(Jesper!$R$2:$R$366,ROW(INDEX(Jesper!AH$2:AH$366,ROUNDDOWN($C599/24,0)+1,1))-1)+IF('Standard Profiles'!$G$18=$B$10,7,0)+IF('Standard Profiles'!$G$18=$B$17,14,0)+IF('Standard Profiles'!$G$18=$B$24,21,0),0)),0)</f>
        <v>24.732100582681237</v>
      </c>
      <c r="E599" cm="1">
        <f t="array" ref="E599">IFERROR(INDEX(Jesper!AI$2:AI$366,ROUNDDOWN($C599/24,0)+1,1)*INDEX($D$3:$AA$30,INDEX(Jesper!$R$2:$R$366,ROW(INDEX(Jesper!AI$2:AI$366,ROUNDDOWN($C599/24,0)+1,1))-1)+IF('Standard Profiles'!$G$19=$B$10,7,0)+IF('Standard Profiles'!$G$19=$B$17,14,0)+IF('Standard Profiles'!$G$19=$B$24,21,0),MOD($C599,24)+1)/SUM(INDEX($D$3:$AA$30,INDEX(Jesper!$R$2:$R$366,ROW(INDEX(Jesper!AI$2:AI$366,ROUNDDOWN($C599/24,0)+1,1))-1)+IF('Standard Profiles'!$G$19=$B$10,7,0)+IF('Standard Profiles'!$G$19=$B$17,14,0)+IF('Standard Profiles'!$G$19=$B$24,21,0),0)),0)</f>
        <v>30.04803617589598</v>
      </c>
      <c r="F599" cm="1">
        <f t="array" ref="F599">IFERROR(INDEX(Jesper!AJ$2:AJ$366,ROUNDDOWN($C599/24,0)+1,1)*INDEX($D$3:$AA$30,INDEX(Jesper!$R$2:$R$366,ROW(INDEX(Jesper!AJ$2:AJ$366,ROUNDDOWN($C599/24,0)+1,1))-1)+IF('Standard Profiles'!$G$20=$B$10,7,0)+IF('Standard Profiles'!$G$20=$B$17,14,0)+IF('Standard Profiles'!$G$20=$B$24,21,0),MOD($C599,24)+1)/SUM(INDEX($D$3:$AA$30,INDEX(Jesper!$R$2:$R$366,ROW(INDEX(Jesper!AJ$2:AJ$366,ROUNDDOWN($C599/24,0)+1,1))-1)+IF('Standard Profiles'!$G$20=$B$10,7,0)+IF('Standard Profiles'!$G$20=$B$17,14,0)+IF('Standard Profiles'!$G$20=$B$24,21,0),0)),0)</f>
        <v>0</v>
      </c>
      <c r="G599" cm="1">
        <f t="array" ref="G599">IFERROR(INDEX(Jesper!AK$2:AK$366,ROUNDDOWN($C599/24,0)+1,1)*INDEX($D$3:$AA$30,INDEX(Jesper!$R$2:$R$366,ROW(INDEX(Jesper!AK$2:AK$366,ROUNDDOWN($C599/24,0)+1,1))-1)+IF('Standard Profiles'!$G$21=$B$10,7,0)+IF('Standard Profiles'!$G$21=$B$17,14,0)+IF('Standard Profiles'!$G$21=$B$24,21,0),MOD($C599,24)+1)/SUM(INDEX($D$3:$AA$30,INDEX(Jesper!$R$2:$R$366,ROW(INDEX(Jesper!AK$2:AK$366,ROUNDDOWN($C599/24,0)+1,1))-1)+IF('Standard Profiles'!$G$21=$B$10,7,0)+IF('Standard Profiles'!$G$21=$B$17,14,0)+IF('Standard Profiles'!$G$21=$B$24,21,0),0)),0)</f>
        <v>26.191133040947609</v>
      </c>
      <c r="H599" cm="1">
        <f t="array" ref="H599">IFERROR(INDEX(Jesper!AL$2:AL$366,ROUNDDOWN($C599/24,0)+1,1)*INDEX($D$3:$AA$30,INDEX(Jesper!$R$2:$R$366,ROW(INDEX(Jesper!AL$2:AL$366,ROUNDDOWN($C599/24,0)+1,1))-1)+IF('Standard Profiles'!$G$22=$B$10,7,0)+IF('Standard Profiles'!$G$22=$B$17,14,0)+IF('Standard Profiles'!$G$22=$B$24,21,0),MOD($C599,24)+1)/SUM(INDEX($D$3:$AA$30,INDEX(Jesper!$R$2:$R$366,ROW(INDEX(Jesper!AL$2:AL$366,ROUNDDOWN($C599/24,0)+1,1))-1)+IF('Standard Profiles'!$G$22=$B$10,7,0)+IF('Standard Profiles'!$G$22=$B$17,14,0)+IF('Standard Profiles'!$G$22=$B$24,21,0),0)),0)</f>
        <v>0</v>
      </c>
      <c r="I599">
        <f t="shared" si="76"/>
        <v>12.571743859654847</v>
      </c>
      <c r="J599">
        <f t="shared" si="77"/>
        <v>64.442389846640978</v>
      </c>
      <c r="K599">
        <f t="shared" si="78"/>
        <v>2.638090728819332</v>
      </c>
      <c r="L599">
        <f t="shared" si="79"/>
        <v>1.319045364409666</v>
      </c>
      <c r="M599">
        <f t="shared" si="80"/>
        <v>0</v>
      </c>
      <c r="N599" s="45">
        <f t="shared" si="81"/>
        <v>44950.541666665296</v>
      </c>
    </row>
    <row r="600" spans="2:14" x14ac:dyDescent="0.25">
      <c r="B600">
        <f t="shared" si="75"/>
        <v>2</v>
      </c>
      <c r="C600" s="16">
        <v>566</v>
      </c>
      <c r="D600" cm="1">
        <f t="array" ref="D600">IFERROR(INDEX(Jesper!AH$2:AH$366,ROUNDDOWN($C600/24,0)+1,1)*INDEX($D$3:$AA$30,INDEX(Jesper!$R$2:$R$366,ROW(INDEX(Jesper!AH$2:AH$366,ROUNDDOWN($C600/24,0)+1,1))-1)+IF('Standard Profiles'!$G$18=$B$10,7,0)+IF('Standard Profiles'!$G$18=$B$17,14,0)+IF('Standard Profiles'!$G$18=$B$24,21,0),MOD($C600,24)+1)/SUM(INDEX($D$3:$AA$30,INDEX(Jesper!$R$2:$R$366,ROW(INDEX(Jesper!AH$2:AH$366,ROUNDDOWN($C600/24,0)+1,1))-1)+IF('Standard Profiles'!$G$18=$B$10,7,0)+IF('Standard Profiles'!$G$18=$B$17,14,0)+IF('Standard Profiles'!$G$18=$B$24,21,0),0)),0)</f>
        <v>37.231119156724446</v>
      </c>
      <c r="E600" cm="1">
        <f t="array" ref="E600">IFERROR(INDEX(Jesper!AI$2:AI$366,ROUNDDOWN($C600/24,0)+1,1)*INDEX($D$3:$AA$30,INDEX(Jesper!$R$2:$R$366,ROW(INDEX(Jesper!AI$2:AI$366,ROUNDDOWN($C600/24,0)+1,1))-1)+IF('Standard Profiles'!$G$19=$B$10,7,0)+IF('Standard Profiles'!$G$19=$B$17,14,0)+IF('Standard Profiles'!$G$19=$B$24,21,0),MOD($C600,24)+1)/SUM(INDEX($D$3:$AA$30,INDEX(Jesper!$R$2:$R$366,ROW(INDEX(Jesper!AI$2:AI$366,ROUNDDOWN($C600/24,0)+1,1))-1)+IF('Standard Profiles'!$G$19=$B$10,7,0)+IF('Standard Profiles'!$G$19=$B$17,14,0)+IF('Standard Profiles'!$G$19=$B$24,21,0),0)),0)</f>
        <v>45.23360284543481</v>
      </c>
      <c r="F600" cm="1">
        <f t="array" ref="F600">IFERROR(INDEX(Jesper!AJ$2:AJ$366,ROUNDDOWN($C600/24,0)+1,1)*INDEX($D$3:$AA$30,INDEX(Jesper!$R$2:$R$366,ROW(INDEX(Jesper!AJ$2:AJ$366,ROUNDDOWN($C600/24,0)+1,1))-1)+IF('Standard Profiles'!$G$20=$B$10,7,0)+IF('Standard Profiles'!$G$20=$B$17,14,0)+IF('Standard Profiles'!$G$20=$B$24,21,0),MOD($C600,24)+1)/SUM(INDEX($D$3:$AA$30,INDEX(Jesper!$R$2:$R$366,ROW(INDEX(Jesper!AJ$2:AJ$366,ROUNDDOWN($C600/24,0)+1,1))-1)+IF('Standard Profiles'!$G$20=$B$10,7,0)+IF('Standard Profiles'!$G$20=$B$17,14,0)+IF('Standard Profiles'!$G$20=$B$24,21,0),0)),0)</f>
        <v>0</v>
      </c>
      <c r="G600" cm="1">
        <f t="array" ref="G600">IFERROR(INDEX(Jesper!AK$2:AK$366,ROUNDDOWN($C600/24,0)+1,1)*INDEX($D$3:$AA$30,INDEX(Jesper!$R$2:$R$366,ROW(INDEX(Jesper!AK$2:AK$366,ROUNDDOWN($C600/24,0)+1,1))-1)+IF('Standard Profiles'!$G$21=$B$10,7,0)+IF('Standard Profiles'!$G$21=$B$17,14,0)+IF('Standard Profiles'!$G$21=$B$24,21,0),MOD($C600,24)+1)/SUM(INDEX($D$3:$AA$30,INDEX(Jesper!$R$2:$R$366,ROW(INDEX(Jesper!AK$2:AK$366,ROUNDDOWN($C600/24,0)+1,1))-1)+IF('Standard Profiles'!$G$21=$B$10,7,0)+IF('Standard Profiles'!$G$21=$B$17,14,0)+IF('Standard Profiles'!$G$21=$B$24,21,0),0)),0)</f>
        <v>39.427512104652322</v>
      </c>
      <c r="H600" cm="1">
        <f t="array" ref="H600">IFERROR(INDEX(Jesper!AL$2:AL$366,ROUNDDOWN($C600/24,0)+1,1)*INDEX($D$3:$AA$30,INDEX(Jesper!$R$2:$R$366,ROW(INDEX(Jesper!AL$2:AL$366,ROUNDDOWN($C600/24,0)+1,1))-1)+IF('Standard Profiles'!$G$22=$B$10,7,0)+IF('Standard Profiles'!$G$22=$B$17,14,0)+IF('Standard Profiles'!$G$22=$B$24,21,0),MOD($C600,24)+1)/SUM(INDEX($D$3:$AA$30,INDEX(Jesper!$R$2:$R$366,ROW(INDEX(Jesper!AL$2:AL$366,ROUNDDOWN($C600/24,0)+1,1))-1)+IF('Standard Profiles'!$G$22=$B$10,7,0)+IF('Standard Profiles'!$G$22=$B$17,14,0)+IF('Standard Profiles'!$G$22=$B$24,21,0),0)),0)</f>
        <v>0</v>
      </c>
      <c r="I600">
        <f t="shared" si="76"/>
        <v>18.925205810233106</v>
      </c>
      <c r="J600">
        <f t="shared" si="77"/>
        <v>97.010049231502563</v>
      </c>
      <c r="K600">
        <f t="shared" si="78"/>
        <v>3.9713193767172745</v>
      </c>
      <c r="L600">
        <f t="shared" si="79"/>
        <v>1.9856596883586373</v>
      </c>
      <c r="M600">
        <f t="shared" si="80"/>
        <v>0</v>
      </c>
      <c r="N600" s="45">
        <f t="shared" si="81"/>
        <v>44950.583333331961</v>
      </c>
    </row>
    <row r="601" spans="2:14" x14ac:dyDescent="0.25">
      <c r="B601">
        <f t="shared" si="75"/>
        <v>2</v>
      </c>
      <c r="C601" s="16">
        <v>567</v>
      </c>
      <c r="D601" cm="1">
        <f t="array" ref="D601">IFERROR(INDEX(Jesper!AH$2:AH$366,ROUNDDOWN($C601/24,0)+1,1)*INDEX($D$3:$AA$30,INDEX(Jesper!$R$2:$R$366,ROW(INDEX(Jesper!AH$2:AH$366,ROUNDDOWN($C601/24,0)+1,1))-1)+IF('Standard Profiles'!$G$18=$B$10,7,0)+IF('Standard Profiles'!$G$18=$B$17,14,0)+IF('Standard Profiles'!$G$18=$B$24,21,0),MOD($C601,24)+1)/SUM(INDEX($D$3:$AA$30,INDEX(Jesper!$R$2:$R$366,ROW(INDEX(Jesper!AH$2:AH$366,ROUNDDOWN($C601/24,0)+1,1))-1)+IF('Standard Profiles'!$G$18=$B$10,7,0)+IF('Standard Profiles'!$G$18=$B$17,14,0)+IF('Standard Profiles'!$G$18=$B$24,21,0),0)),0)</f>
        <v>37.231119156724446</v>
      </c>
      <c r="E601" cm="1">
        <f t="array" ref="E601">IFERROR(INDEX(Jesper!AI$2:AI$366,ROUNDDOWN($C601/24,0)+1,1)*INDEX($D$3:$AA$30,INDEX(Jesper!$R$2:$R$366,ROW(INDEX(Jesper!AI$2:AI$366,ROUNDDOWN($C601/24,0)+1,1))-1)+IF('Standard Profiles'!$G$19=$B$10,7,0)+IF('Standard Profiles'!$G$19=$B$17,14,0)+IF('Standard Profiles'!$G$19=$B$24,21,0),MOD($C601,24)+1)/SUM(INDEX($D$3:$AA$30,INDEX(Jesper!$R$2:$R$366,ROW(INDEX(Jesper!AI$2:AI$366,ROUNDDOWN($C601/24,0)+1,1))-1)+IF('Standard Profiles'!$G$19=$B$10,7,0)+IF('Standard Profiles'!$G$19=$B$17,14,0)+IF('Standard Profiles'!$G$19=$B$24,21,0),0)),0)</f>
        <v>45.23360284543481</v>
      </c>
      <c r="F601" cm="1">
        <f t="array" ref="F601">IFERROR(INDEX(Jesper!AJ$2:AJ$366,ROUNDDOWN($C601/24,0)+1,1)*INDEX($D$3:$AA$30,INDEX(Jesper!$R$2:$R$366,ROW(INDEX(Jesper!AJ$2:AJ$366,ROUNDDOWN($C601/24,0)+1,1))-1)+IF('Standard Profiles'!$G$20=$B$10,7,0)+IF('Standard Profiles'!$G$20=$B$17,14,0)+IF('Standard Profiles'!$G$20=$B$24,21,0),MOD($C601,24)+1)/SUM(INDEX($D$3:$AA$30,INDEX(Jesper!$R$2:$R$366,ROW(INDEX(Jesper!AJ$2:AJ$366,ROUNDDOWN($C601/24,0)+1,1))-1)+IF('Standard Profiles'!$G$20=$B$10,7,0)+IF('Standard Profiles'!$G$20=$B$17,14,0)+IF('Standard Profiles'!$G$20=$B$24,21,0),0)),0)</f>
        <v>0</v>
      </c>
      <c r="G601" cm="1">
        <f t="array" ref="G601">IFERROR(INDEX(Jesper!AK$2:AK$366,ROUNDDOWN($C601/24,0)+1,1)*INDEX($D$3:$AA$30,INDEX(Jesper!$R$2:$R$366,ROW(INDEX(Jesper!AK$2:AK$366,ROUNDDOWN($C601/24,0)+1,1))-1)+IF('Standard Profiles'!$G$21=$B$10,7,0)+IF('Standard Profiles'!$G$21=$B$17,14,0)+IF('Standard Profiles'!$G$21=$B$24,21,0),MOD($C601,24)+1)/SUM(INDEX($D$3:$AA$30,INDEX(Jesper!$R$2:$R$366,ROW(INDEX(Jesper!AK$2:AK$366,ROUNDDOWN($C601/24,0)+1,1))-1)+IF('Standard Profiles'!$G$21=$B$10,7,0)+IF('Standard Profiles'!$G$21=$B$17,14,0)+IF('Standard Profiles'!$G$21=$B$24,21,0),0)),0)</f>
        <v>39.427512104652322</v>
      </c>
      <c r="H601" cm="1">
        <f t="array" ref="H601">IFERROR(INDEX(Jesper!AL$2:AL$366,ROUNDDOWN($C601/24,0)+1,1)*INDEX($D$3:$AA$30,INDEX(Jesper!$R$2:$R$366,ROW(INDEX(Jesper!AL$2:AL$366,ROUNDDOWN($C601/24,0)+1,1))-1)+IF('Standard Profiles'!$G$22=$B$10,7,0)+IF('Standard Profiles'!$G$22=$B$17,14,0)+IF('Standard Profiles'!$G$22=$B$24,21,0),MOD($C601,24)+1)/SUM(INDEX($D$3:$AA$30,INDEX(Jesper!$R$2:$R$366,ROW(INDEX(Jesper!AL$2:AL$366,ROUNDDOWN($C601/24,0)+1,1))-1)+IF('Standard Profiles'!$G$22=$B$10,7,0)+IF('Standard Profiles'!$G$22=$B$17,14,0)+IF('Standard Profiles'!$G$22=$B$24,21,0),0)),0)</f>
        <v>0</v>
      </c>
      <c r="I601">
        <f t="shared" si="76"/>
        <v>18.925205810233106</v>
      </c>
      <c r="J601">
        <f t="shared" si="77"/>
        <v>97.010049231502563</v>
      </c>
      <c r="K601">
        <f t="shared" si="78"/>
        <v>3.9713193767172745</v>
      </c>
      <c r="L601">
        <f t="shared" si="79"/>
        <v>1.9856596883586373</v>
      </c>
      <c r="M601">
        <f t="shared" si="80"/>
        <v>0</v>
      </c>
      <c r="N601" s="45">
        <f t="shared" si="81"/>
        <v>44950.624999998625</v>
      </c>
    </row>
    <row r="602" spans="2:14" x14ac:dyDescent="0.25">
      <c r="B602">
        <f t="shared" si="75"/>
        <v>2</v>
      </c>
      <c r="C602" s="16">
        <v>568</v>
      </c>
      <c r="D602" cm="1">
        <f t="array" ref="D602">IFERROR(INDEX(Jesper!AH$2:AH$366,ROUNDDOWN($C602/24,0)+1,1)*INDEX($D$3:$AA$30,INDEX(Jesper!$R$2:$R$366,ROW(INDEX(Jesper!AH$2:AH$366,ROUNDDOWN($C602/24,0)+1,1))-1)+IF('Standard Profiles'!$G$18=$B$10,7,0)+IF('Standard Profiles'!$G$18=$B$17,14,0)+IF('Standard Profiles'!$G$18=$B$24,21,0),MOD($C602,24)+1)/SUM(INDEX($D$3:$AA$30,INDEX(Jesper!$R$2:$R$366,ROW(INDEX(Jesper!AH$2:AH$366,ROUNDDOWN($C602/24,0)+1,1))-1)+IF('Standard Profiles'!$G$18=$B$10,7,0)+IF('Standard Profiles'!$G$18=$B$17,14,0)+IF('Standard Profiles'!$G$18=$B$24,21,0),0)),0)</f>
        <v>21.939766645926905</v>
      </c>
      <c r="E602" cm="1">
        <f t="array" ref="E602">IFERROR(INDEX(Jesper!AI$2:AI$366,ROUNDDOWN($C602/24,0)+1,1)*INDEX($D$3:$AA$30,INDEX(Jesper!$R$2:$R$366,ROW(INDEX(Jesper!AI$2:AI$366,ROUNDDOWN($C602/24,0)+1,1))-1)+IF('Standard Profiles'!$G$19=$B$10,7,0)+IF('Standard Profiles'!$G$19=$B$17,14,0)+IF('Standard Profiles'!$G$19=$B$24,21,0),MOD($C602,24)+1)/SUM(INDEX($D$3:$AA$30,INDEX(Jesper!$R$2:$R$366,ROW(INDEX(Jesper!AI$2:AI$366,ROUNDDOWN($C602/24,0)+1,1))-1)+IF('Standard Profiles'!$G$19=$B$10,7,0)+IF('Standard Profiles'!$G$19=$B$17,14,0)+IF('Standard Profiles'!$G$19=$B$24,21,0),0)),0)</f>
        <v>26.655515962488369</v>
      </c>
      <c r="F602" cm="1">
        <f t="array" ref="F602">IFERROR(INDEX(Jesper!AJ$2:AJ$366,ROUNDDOWN($C602/24,0)+1,1)*INDEX($D$3:$AA$30,INDEX(Jesper!$R$2:$R$366,ROW(INDEX(Jesper!AJ$2:AJ$366,ROUNDDOWN($C602/24,0)+1,1))-1)+IF('Standard Profiles'!$G$20=$B$10,7,0)+IF('Standard Profiles'!$G$20=$B$17,14,0)+IF('Standard Profiles'!$G$20=$B$24,21,0),MOD($C602,24)+1)/SUM(INDEX($D$3:$AA$30,INDEX(Jesper!$R$2:$R$366,ROW(INDEX(Jesper!AJ$2:AJ$366,ROUNDDOWN($C602/24,0)+1,1))-1)+IF('Standard Profiles'!$G$20=$B$10,7,0)+IF('Standard Profiles'!$G$20=$B$17,14,0)+IF('Standard Profiles'!$G$20=$B$24,21,0),0)),0)</f>
        <v>0</v>
      </c>
      <c r="G602" cm="1">
        <f t="array" ref="G602">IFERROR(INDEX(Jesper!AK$2:AK$366,ROUNDDOWN($C602/24,0)+1,1)*INDEX($D$3:$AA$30,INDEX(Jesper!$R$2:$R$366,ROW(INDEX(Jesper!AK$2:AK$366,ROUNDDOWN($C602/24,0)+1,1))-1)+IF('Standard Profiles'!$G$21=$B$10,7,0)+IF('Standard Profiles'!$G$21=$B$17,14,0)+IF('Standard Profiles'!$G$21=$B$24,21,0),MOD($C602,24)+1)/SUM(INDEX($D$3:$AA$30,INDEX(Jesper!$R$2:$R$366,ROW(INDEX(Jesper!AK$2:AK$366,ROUNDDOWN($C602/24,0)+1,1))-1)+IF('Standard Profiles'!$G$21=$B$10,7,0)+IF('Standard Profiles'!$G$21=$B$17,14,0)+IF('Standard Profiles'!$G$21=$B$24,21,0),0)),0)</f>
        <v>32.956127139147071</v>
      </c>
      <c r="H602" cm="1">
        <f t="array" ref="H602">IFERROR(INDEX(Jesper!AL$2:AL$366,ROUNDDOWN($C602/24,0)+1,1)*INDEX($D$3:$AA$30,INDEX(Jesper!$R$2:$R$366,ROW(INDEX(Jesper!AL$2:AL$366,ROUNDDOWN($C602/24,0)+1,1))-1)+IF('Standard Profiles'!$G$22=$B$10,7,0)+IF('Standard Profiles'!$G$22=$B$17,14,0)+IF('Standard Profiles'!$G$22=$B$24,21,0),MOD($C602,24)+1)/SUM(INDEX($D$3:$AA$30,INDEX(Jesper!$R$2:$R$366,ROW(INDEX(Jesper!AL$2:AL$366,ROUNDDOWN($C602/24,0)+1,1))-1)+IF('Standard Profiles'!$G$22=$B$10,7,0)+IF('Standard Profiles'!$G$22=$B$17,14,0)+IF('Standard Profiles'!$G$22=$B$24,21,0),0)),0)</f>
        <v>0</v>
      </c>
      <c r="I602">
        <f t="shared" si="76"/>
        <v>15.818941026790586</v>
      </c>
      <c r="J602">
        <f t="shared" si="77"/>
        <v>62.22210605742346</v>
      </c>
      <c r="K602">
        <f t="shared" si="78"/>
        <v>2.3402417755655369</v>
      </c>
      <c r="L602">
        <f t="shared" si="79"/>
        <v>1.1701208877827685</v>
      </c>
      <c r="M602">
        <f t="shared" si="80"/>
        <v>0</v>
      </c>
      <c r="N602" s="45">
        <f t="shared" si="81"/>
        <v>44950.666666665289</v>
      </c>
    </row>
    <row r="603" spans="2:14" x14ac:dyDescent="0.25">
      <c r="B603">
        <f t="shared" si="75"/>
        <v>2</v>
      </c>
      <c r="C603" s="16">
        <v>569</v>
      </c>
      <c r="D603" cm="1">
        <f t="array" ref="D603">IFERROR(INDEX(Jesper!AH$2:AH$366,ROUNDDOWN($C603/24,0)+1,1)*INDEX($D$3:$AA$30,INDEX(Jesper!$R$2:$R$366,ROW(INDEX(Jesper!AH$2:AH$366,ROUNDDOWN($C603/24,0)+1,1))-1)+IF('Standard Profiles'!$G$18=$B$10,7,0)+IF('Standard Profiles'!$G$18=$B$17,14,0)+IF('Standard Profiles'!$G$18=$B$24,21,0),MOD($C603,24)+1)/SUM(INDEX($D$3:$AA$30,INDEX(Jesper!$R$2:$R$366,ROW(INDEX(Jesper!AH$2:AH$366,ROUNDDOWN($C603/24,0)+1,1))-1)+IF('Standard Profiles'!$G$18=$B$10,7,0)+IF('Standard Profiles'!$G$18=$B$17,14,0)+IF('Standard Profiles'!$G$18=$B$24,21,0),0)),0)</f>
        <v>9.3639635706047404</v>
      </c>
      <c r="E603" cm="1">
        <f t="array" ref="E603">IFERROR(INDEX(Jesper!AI$2:AI$366,ROUNDDOWN($C603/24,0)+1,1)*INDEX($D$3:$AA$30,INDEX(Jesper!$R$2:$R$366,ROW(INDEX(Jesper!AI$2:AI$366,ROUNDDOWN($C603/24,0)+1,1))-1)+IF('Standard Profiles'!$G$19=$B$10,7,0)+IF('Standard Profiles'!$G$19=$B$17,14,0)+IF('Standard Profiles'!$G$19=$B$24,21,0),MOD($C603,24)+1)/SUM(INDEX($D$3:$AA$30,INDEX(Jesper!$R$2:$R$366,ROW(INDEX(Jesper!AI$2:AI$366,ROUNDDOWN($C603/24,0)+1,1))-1)+IF('Standard Profiles'!$G$19=$B$10,7,0)+IF('Standard Profiles'!$G$19=$B$17,14,0)+IF('Standard Profiles'!$G$19=$B$24,21,0),0)),0)</f>
        <v>11.37666067541117</v>
      </c>
      <c r="F603" cm="1">
        <f t="array" ref="F603">IFERROR(INDEX(Jesper!AJ$2:AJ$366,ROUNDDOWN($C603/24,0)+1,1)*INDEX($D$3:$AA$30,INDEX(Jesper!$R$2:$R$366,ROW(INDEX(Jesper!AJ$2:AJ$366,ROUNDDOWN($C603/24,0)+1,1))-1)+IF('Standard Profiles'!$G$20=$B$10,7,0)+IF('Standard Profiles'!$G$20=$B$17,14,0)+IF('Standard Profiles'!$G$20=$B$24,21,0),MOD($C603,24)+1)/SUM(INDEX($D$3:$AA$30,INDEX(Jesper!$R$2:$R$366,ROW(INDEX(Jesper!AJ$2:AJ$366,ROUNDDOWN($C603/24,0)+1,1))-1)+IF('Standard Profiles'!$G$20=$B$10,7,0)+IF('Standard Profiles'!$G$20=$B$17,14,0)+IF('Standard Profiles'!$G$20=$B$24,21,0),0)),0)</f>
        <v>0</v>
      </c>
      <c r="G603" cm="1">
        <f t="array" ref="G603">IFERROR(INDEX(Jesper!AK$2:AK$366,ROUNDDOWN($C603/24,0)+1,1)*INDEX($D$3:$AA$30,INDEX(Jesper!$R$2:$R$366,ROW(INDEX(Jesper!AK$2:AK$366,ROUNDDOWN($C603/24,0)+1,1))-1)+IF('Standard Profiles'!$G$21=$B$10,7,0)+IF('Standard Profiles'!$G$21=$B$17,14,0)+IF('Standard Profiles'!$G$21=$B$24,21,0),MOD($C603,24)+1)/SUM(INDEX($D$3:$AA$30,INDEX(Jesper!$R$2:$R$366,ROW(INDEX(Jesper!AK$2:AK$366,ROUNDDOWN($C603/24,0)+1,1))-1)+IF('Standard Profiles'!$G$21=$B$10,7,0)+IF('Standard Profiles'!$G$21=$B$17,14,0)+IF('Standard Profiles'!$G$21=$B$24,21,0),0)),0)</f>
        <v>26.185141017831402</v>
      </c>
      <c r="H603" cm="1">
        <f t="array" ref="H603">IFERROR(INDEX(Jesper!AL$2:AL$366,ROUNDDOWN($C603/24,0)+1,1)*INDEX($D$3:$AA$30,INDEX(Jesper!$R$2:$R$366,ROW(INDEX(Jesper!AL$2:AL$366,ROUNDDOWN($C603/24,0)+1,1))-1)+IF('Standard Profiles'!$G$22=$B$10,7,0)+IF('Standard Profiles'!$G$22=$B$17,14,0)+IF('Standard Profiles'!$G$22=$B$24,21,0),MOD($C603,24)+1)/SUM(INDEX($D$3:$AA$30,INDEX(Jesper!$R$2:$R$366,ROW(INDEX(Jesper!AL$2:AL$366,ROUNDDOWN($C603/24,0)+1,1))-1)+IF('Standard Profiles'!$G$22=$B$10,7,0)+IF('Standard Profiles'!$G$22=$B$17,14,0)+IF('Standard Profiles'!$G$22=$B$24,21,0),0)),0)</f>
        <v>0</v>
      </c>
      <c r="I603">
        <f t="shared" si="76"/>
        <v>12.568867688559067</v>
      </c>
      <c r="J603">
        <f t="shared" si="77"/>
        <v>32.858663403991486</v>
      </c>
      <c r="K603">
        <f t="shared" si="78"/>
        <v>0.99882278086450571</v>
      </c>
      <c r="L603">
        <f t="shared" si="79"/>
        <v>0.49941139043225286</v>
      </c>
      <c r="M603">
        <f t="shared" si="80"/>
        <v>0</v>
      </c>
      <c r="N603" s="45">
        <f t="shared" si="81"/>
        <v>44950.708333331953</v>
      </c>
    </row>
    <row r="604" spans="2:14" x14ac:dyDescent="0.25">
      <c r="B604">
        <f t="shared" si="75"/>
        <v>2</v>
      </c>
      <c r="C604" s="16">
        <v>570</v>
      </c>
      <c r="D604" cm="1">
        <f t="array" ref="D604">IFERROR(INDEX(Jesper!AH$2:AH$366,ROUNDDOWN($C604/24,0)+1,1)*INDEX($D$3:$AA$30,INDEX(Jesper!$R$2:$R$366,ROW(INDEX(Jesper!AH$2:AH$366,ROUNDDOWN($C604/24,0)+1,1))-1)+IF('Standard Profiles'!$G$18=$B$10,7,0)+IF('Standard Profiles'!$G$18=$B$17,14,0)+IF('Standard Profiles'!$G$18=$B$24,21,0),MOD($C604,24)+1)/SUM(INDEX($D$3:$AA$30,INDEX(Jesper!$R$2:$R$366,ROW(INDEX(Jesper!AH$2:AH$366,ROUNDDOWN($C604/24,0)+1,1))-1)+IF('Standard Profiles'!$G$18=$B$10,7,0)+IF('Standard Profiles'!$G$18=$B$17,14,0)+IF('Standard Profiles'!$G$18=$B$24,21,0),0)),0)</f>
        <v>6.1802159565991284</v>
      </c>
      <c r="E604" cm="1">
        <f t="array" ref="E604">IFERROR(INDEX(Jesper!AI$2:AI$366,ROUNDDOWN($C604/24,0)+1,1)*INDEX($D$3:$AA$30,INDEX(Jesper!$R$2:$R$366,ROW(INDEX(Jesper!AI$2:AI$366,ROUNDDOWN($C604/24,0)+1,1))-1)+IF('Standard Profiles'!$G$19=$B$10,7,0)+IF('Standard Profiles'!$G$19=$B$17,14,0)+IF('Standard Profiles'!$G$19=$B$24,21,0),MOD($C604,24)+1)/SUM(INDEX($D$3:$AA$30,INDEX(Jesper!$R$2:$R$366,ROW(INDEX(Jesper!AI$2:AI$366,ROUNDDOWN($C604/24,0)+1,1))-1)+IF('Standard Profiles'!$G$19=$B$10,7,0)+IF('Standard Profiles'!$G$19=$B$17,14,0)+IF('Standard Profiles'!$G$19=$B$24,21,0),0)),0)</f>
        <v>7.5085960457713723</v>
      </c>
      <c r="F604" cm="1">
        <f t="array" ref="F604">IFERROR(INDEX(Jesper!AJ$2:AJ$366,ROUNDDOWN($C604/24,0)+1,1)*INDEX($D$3:$AA$30,INDEX(Jesper!$R$2:$R$366,ROW(INDEX(Jesper!AJ$2:AJ$366,ROUNDDOWN($C604/24,0)+1,1))-1)+IF('Standard Profiles'!$G$20=$B$10,7,0)+IF('Standard Profiles'!$G$20=$B$17,14,0)+IF('Standard Profiles'!$G$20=$B$24,21,0),MOD($C604,24)+1)/SUM(INDEX($D$3:$AA$30,INDEX(Jesper!$R$2:$R$366,ROW(INDEX(Jesper!AJ$2:AJ$366,ROUNDDOWN($C604/24,0)+1,1))-1)+IF('Standard Profiles'!$G$20=$B$10,7,0)+IF('Standard Profiles'!$G$20=$B$17,14,0)+IF('Standard Profiles'!$G$20=$B$24,21,0),0)),0)</f>
        <v>0</v>
      </c>
      <c r="G604" cm="1">
        <f t="array" ref="G604">IFERROR(INDEX(Jesper!AK$2:AK$366,ROUNDDOWN($C604/24,0)+1,1)*INDEX($D$3:$AA$30,INDEX(Jesper!$R$2:$R$366,ROW(INDEX(Jesper!AK$2:AK$366,ROUNDDOWN($C604/24,0)+1,1))-1)+IF('Standard Profiles'!$G$21=$B$10,7,0)+IF('Standard Profiles'!$G$21=$B$17,14,0)+IF('Standard Profiles'!$G$21=$B$24,21,0),MOD($C604,24)+1)/SUM(INDEX($D$3:$AA$30,INDEX(Jesper!$R$2:$R$366,ROW(INDEX(Jesper!AK$2:AK$366,ROUNDDOWN($C604/24,0)+1,1))-1)+IF('Standard Profiles'!$G$21=$B$10,7,0)+IF('Standard Profiles'!$G$21=$B$17,14,0)+IF('Standard Profiles'!$G$21=$B$24,21,0),0)),0)</f>
        <v>9.287635830123266</v>
      </c>
      <c r="H604" cm="1">
        <f t="array" ref="H604">IFERROR(INDEX(Jesper!AL$2:AL$366,ROUNDDOWN($C604/24,0)+1,1)*INDEX($D$3:$AA$30,INDEX(Jesper!$R$2:$R$366,ROW(INDEX(Jesper!AL$2:AL$366,ROUNDDOWN($C604/24,0)+1,1))-1)+IF('Standard Profiles'!$G$22=$B$10,7,0)+IF('Standard Profiles'!$G$22=$B$17,14,0)+IF('Standard Profiles'!$G$22=$B$24,21,0),MOD($C604,24)+1)/SUM(INDEX($D$3:$AA$30,INDEX(Jesper!$R$2:$R$366,ROW(INDEX(Jesper!AL$2:AL$366,ROUNDDOWN($C604/24,0)+1,1))-1)+IF('Standard Profiles'!$G$22=$B$10,7,0)+IF('Standard Profiles'!$G$22=$B$17,14,0)+IF('Standard Profiles'!$G$22=$B$24,21,0),0)),0)</f>
        <v>0</v>
      </c>
      <c r="I604">
        <f t="shared" si="76"/>
        <v>4.458065198459165</v>
      </c>
      <c r="J604">
        <f t="shared" si="77"/>
        <v>17.529548080978742</v>
      </c>
      <c r="K604">
        <f t="shared" si="78"/>
        <v>0.6592230353705737</v>
      </c>
      <c r="L604">
        <f t="shared" si="79"/>
        <v>0.32961151768528685</v>
      </c>
      <c r="M604">
        <f t="shared" si="80"/>
        <v>0</v>
      </c>
      <c r="N604" s="45">
        <f t="shared" si="81"/>
        <v>44950.749999998618</v>
      </c>
    </row>
    <row r="605" spans="2:14" x14ac:dyDescent="0.25">
      <c r="B605">
        <f t="shared" si="75"/>
        <v>2</v>
      </c>
      <c r="C605" s="16">
        <v>571</v>
      </c>
      <c r="D605" cm="1">
        <f t="array" ref="D605">IFERROR(INDEX(Jesper!AH$2:AH$366,ROUNDDOWN($C605/24,0)+1,1)*INDEX($D$3:$AA$30,INDEX(Jesper!$R$2:$R$366,ROW(INDEX(Jesper!AH$2:AH$366,ROUNDDOWN($C605/24,0)+1,1))-1)+IF('Standard Profiles'!$G$18=$B$10,7,0)+IF('Standard Profiles'!$G$18=$B$17,14,0)+IF('Standard Profiles'!$G$18=$B$24,21,0),MOD($C605,24)+1)/SUM(INDEX($D$3:$AA$30,INDEX(Jesper!$R$2:$R$366,ROW(INDEX(Jesper!AH$2:AH$366,ROUNDDOWN($C605/24,0)+1,1))-1)+IF('Standard Profiles'!$G$18=$B$10,7,0)+IF('Standard Profiles'!$G$18=$B$17,14,0)+IF('Standard Profiles'!$G$18=$B$24,21,0),0)),0)</f>
        <v>6.1802159565991284</v>
      </c>
      <c r="E605" cm="1">
        <f t="array" ref="E605">IFERROR(INDEX(Jesper!AI$2:AI$366,ROUNDDOWN($C605/24,0)+1,1)*INDEX($D$3:$AA$30,INDEX(Jesper!$R$2:$R$366,ROW(INDEX(Jesper!AI$2:AI$366,ROUNDDOWN($C605/24,0)+1,1))-1)+IF('Standard Profiles'!$G$19=$B$10,7,0)+IF('Standard Profiles'!$G$19=$B$17,14,0)+IF('Standard Profiles'!$G$19=$B$24,21,0),MOD($C605,24)+1)/SUM(INDEX($D$3:$AA$30,INDEX(Jesper!$R$2:$R$366,ROW(INDEX(Jesper!AI$2:AI$366,ROUNDDOWN($C605/24,0)+1,1))-1)+IF('Standard Profiles'!$G$19=$B$10,7,0)+IF('Standard Profiles'!$G$19=$B$17,14,0)+IF('Standard Profiles'!$G$19=$B$24,21,0),0)),0)</f>
        <v>7.5085960457713723</v>
      </c>
      <c r="F605" cm="1">
        <f t="array" ref="F605">IFERROR(INDEX(Jesper!AJ$2:AJ$366,ROUNDDOWN($C605/24,0)+1,1)*INDEX($D$3:$AA$30,INDEX(Jesper!$R$2:$R$366,ROW(INDEX(Jesper!AJ$2:AJ$366,ROUNDDOWN($C605/24,0)+1,1))-1)+IF('Standard Profiles'!$G$20=$B$10,7,0)+IF('Standard Profiles'!$G$20=$B$17,14,0)+IF('Standard Profiles'!$G$20=$B$24,21,0),MOD($C605,24)+1)/SUM(INDEX($D$3:$AA$30,INDEX(Jesper!$R$2:$R$366,ROW(INDEX(Jesper!AJ$2:AJ$366,ROUNDDOWN($C605/24,0)+1,1))-1)+IF('Standard Profiles'!$G$20=$B$10,7,0)+IF('Standard Profiles'!$G$20=$B$17,14,0)+IF('Standard Profiles'!$G$20=$B$24,21,0),0)),0)</f>
        <v>0</v>
      </c>
      <c r="G605" cm="1">
        <f t="array" ref="G605">IFERROR(INDEX(Jesper!AK$2:AK$366,ROUNDDOWN($C605/24,0)+1,1)*INDEX($D$3:$AA$30,INDEX(Jesper!$R$2:$R$366,ROW(INDEX(Jesper!AK$2:AK$366,ROUNDDOWN($C605/24,0)+1,1))-1)+IF('Standard Profiles'!$G$21=$B$10,7,0)+IF('Standard Profiles'!$G$21=$B$17,14,0)+IF('Standard Profiles'!$G$21=$B$24,21,0),MOD($C605,24)+1)/SUM(INDEX($D$3:$AA$30,INDEX(Jesper!$R$2:$R$366,ROW(INDEX(Jesper!AK$2:AK$366,ROUNDDOWN($C605/24,0)+1,1))-1)+IF('Standard Profiles'!$G$21=$B$10,7,0)+IF('Standard Profiles'!$G$21=$B$17,14,0)+IF('Standard Profiles'!$G$21=$B$24,21,0),0)),0)</f>
        <v>9.287635830123266</v>
      </c>
      <c r="H605" cm="1">
        <f t="array" ref="H605">IFERROR(INDEX(Jesper!AL$2:AL$366,ROUNDDOWN($C605/24,0)+1,1)*INDEX($D$3:$AA$30,INDEX(Jesper!$R$2:$R$366,ROW(INDEX(Jesper!AL$2:AL$366,ROUNDDOWN($C605/24,0)+1,1))-1)+IF('Standard Profiles'!$G$22=$B$10,7,0)+IF('Standard Profiles'!$G$22=$B$17,14,0)+IF('Standard Profiles'!$G$22=$B$24,21,0),MOD($C605,24)+1)/SUM(INDEX($D$3:$AA$30,INDEX(Jesper!$R$2:$R$366,ROW(INDEX(Jesper!AL$2:AL$366,ROUNDDOWN($C605/24,0)+1,1))-1)+IF('Standard Profiles'!$G$22=$B$10,7,0)+IF('Standard Profiles'!$G$22=$B$17,14,0)+IF('Standard Profiles'!$G$22=$B$24,21,0),0)),0)</f>
        <v>0</v>
      </c>
      <c r="I605">
        <f t="shared" si="76"/>
        <v>4.458065198459165</v>
      </c>
      <c r="J605">
        <f t="shared" si="77"/>
        <v>17.529548080978742</v>
      </c>
      <c r="K605">
        <f t="shared" si="78"/>
        <v>0.6592230353705737</v>
      </c>
      <c r="L605">
        <f t="shared" si="79"/>
        <v>0.32961151768528685</v>
      </c>
      <c r="M605">
        <f t="shared" si="80"/>
        <v>0</v>
      </c>
      <c r="N605" s="45">
        <f t="shared" si="81"/>
        <v>44950.791666665282</v>
      </c>
    </row>
    <row r="606" spans="2:14" x14ac:dyDescent="0.25">
      <c r="B606">
        <f t="shared" si="75"/>
        <v>2</v>
      </c>
      <c r="C606" s="16">
        <v>572</v>
      </c>
      <c r="D606" cm="1">
        <f t="array" ref="D606">IFERROR(INDEX(Jesper!AH$2:AH$366,ROUNDDOWN($C606/24,0)+1,1)*INDEX($D$3:$AA$30,INDEX(Jesper!$R$2:$R$366,ROW(INDEX(Jesper!AH$2:AH$366,ROUNDDOWN($C606/24,0)+1,1))-1)+IF('Standard Profiles'!$G$18=$B$10,7,0)+IF('Standard Profiles'!$G$18=$B$17,14,0)+IF('Standard Profiles'!$G$18=$B$24,21,0),MOD($C606,24)+1)/SUM(INDEX($D$3:$AA$30,INDEX(Jesper!$R$2:$R$366,ROW(INDEX(Jesper!AH$2:AH$366,ROUNDDOWN($C606/24,0)+1,1))-1)+IF('Standard Profiles'!$G$18=$B$10,7,0)+IF('Standard Profiles'!$G$18=$B$17,14,0)+IF('Standard Profiles'!$G$18=$B$24,21,0),0)),0)</f>
        <v>6.1802159565991284</v>
      </c>
      <c r="E606" cm="1">
        <f t="array" ref="E606">IFERROR(INDEX(Jesper!AI$2:AI$366,ROUNDDOWN($C606/24,0)+1,1)*INDEX($D$3:$AA$30,INDEX(Jesper!$R$2:$R$366,ROW(INDEX(Jesper!AI$2:AI$366,ROUNDDOWN($C606/24,0)+1,1))-1)+IF('Standard Profiles'!$G$19=$B$10,7,0)+IF('Standard Profiles'!$G$19=$B$17,14,0)+IF('Standard Profiles'!$G$19=$B$24,21,0),MOD($C606,24)+1)/SUM(INDEX($D$3:$AA$30,INDEX(Jesper!$R$2:$R$366,ROW(INDEX(Jesper!AI$2:AI$366,ROUNDDOWN($C606/24,0)+1,1))-1)+IF('Standard Profiles'!$G$19=$B$10,7,0)+IF('Standard Profiles'!$G$19=$B$17,14,0)+IF('Standard Profiles'!$G$19=$B$24,21,0),0)),0)</f>
        <v>7.5085960457713723</v>
      </c>
      <c r="F606" cm="1">
        <f t="array" ref="F606">IFERROR(INDEX(Jesper!AJ$2:AJ$366,ROUNDDOWN($C606/24,0)+1,1)*INDEX($D$3:$AA$30,INDEX(Jesper!$R$2:$R$366,ROW(INDEX(Jesper!AJ$2:AJ$366,ROUNDDOWN($C606/24,0)+1,1))-1)+IF('Standard Profiles'!$G$20=$B$10,7,0)+IF('Standard Profiles'!$G$20=$B$17,14,0)+IF('Standard Profiles'!$G$20=$B$24,21,0),MOD($C606,24)+1)/SUM(INDEX($D$3:$AA$30,INDEX(Jesper!$R$2:$R$366,ROW(INDEX(Jesper!AJ$2:AJ$366,ROUNDDOWN($C606/24,0)+1,1))-1)+IF('Standard Profiles'!$G$20=$B$10,7,0)+IF('Standard Profiles'!$G$20=$B$17,14,0)+IF('Standard Profiles'!$G$20=$B$24,21,0),0)),0)</f>
        <v>0</v>
      </c>
      <c r="G606" cm="1">
        <f t="array" ref="G606">IFERROR(INDEX(Jesper!AK$2:AK$366,ROUNDDOWN($C606/24,0)+1,1)*INDEX($D$3:$AA$30,INDEX(Jesper!$R$2:$R$366,ROW(INDEX(Jesper!AK$2:AK$366,ROUNDDOWN($C606/24,0)+1,1))-1)+IF('Standard Profiles'!$G$21=$B$10,7,0)+IF('Standard Profiles'!$G$21=$B$17,14,0)+IF('Standard Profiles'!$G$21=$B$24,21,0),MOD($C606,24)+1)/SUM(INDEX($D$3:$AA$30,INDEX(Jesper!$R$2:$R$366,ROW(INDEX(Jesper!AK$2:AK$366,ROUNDDOWN($C606/24,0)+1,1))-1)+IF('Standard Profiles'!$G$21=$B$10,7,0)+IF('Standard Profiles'!$G$21=$B$17,14,0)+IF('Standard Profiles'!$G$21=$B$24,21,0),0)),0)</f>
        <v>9.287635830123266</v>
      </c>
      <c r="H606" cm="1">
        <f t="array" ref="H606">IFERROR(INDEX(Jesper!AL$2:AL$366,ROUNDDOWN($C606/24,0)+1,1)*INDEX($D$3:$AA$30,INDEX(Jesper!$R$2:$R$366,ROW(INDEX(Jesper!AL$2:AL$366,ROUNDDOWN($C606/24,0)+1,1))-1)+IF('Standard Profiles'!$G$22=$B$10,7,0)+IF('Standard Profiles'!$G$22=$B$17,14,0)+IF('Standard Profiles'!$G$22=$B$24,21,0),MOD($C606,24)+1)/SUM(INDEX($D$3:$AA$30,INDEX(Jesper!$R$2:$R$366,ROW(INDEX(Jesper!AL$2:AL$366,ROUNDDOWN($C606/24,0)+1,1))-1)+IF('Standard Profiles'!$G$22=$B$10,7,0)+IF('Standard Profiles'!$G$22=$B$17,14,0)+IF('Standard Profiles'!$G$22=$B$24,21,0),0)),0)</f>
        <v>0</v>
      </c>
      <c r="I606">
        <f t="shared" si="76"/>
        <v>4.458065198459165</v>
      </c>
      <c r="J606">
        <f t="shared" si="77"/>
        <v>17.529548080978742</v>
      </c>
      <c r="K606">
        <f t="shared" si="78"/>
        <v>0.6592230353705737</v>
      </c>
      <c r="L606">
        <f t="shared" si="79"/>
        <v>0.32961151768528685</v>
      </c>
      <c r="M606">
        <f t="shared" si="80"/>
        <v>0</v>
      </c>
      <c r="N606" s="45">
        <f t="shared" si="81"/>
        <v>44950.833333331946</v>
      </c>
    </row>
    <row r="607" spans="2:14" x14ac:dyDescent="0.25">
      <c r="B607">
        <f t="shared" si="75"/>
        <v>2</v>
      </c>
      <c r="C607" s="16">
        <v>573</v>
      </c>
      <c r="D607" cm="1">
        <f t="array" ref="D607">IFERROR(INDEX(Jesper!AH$2:AH$366,ROUNDDOWN($C607/24,0)+1,1)*INDEX($D$3:$AA$30,INDEX(Jesper!$R$2:$R$366,ROW(INDEX(Jesper!AH$2:AH$366,ROUNDDOWN($C607/24,0)+1,1))-1)+IF('Standard Profiles'!$G$18=$B$10,7,0)+IF('Standard Profiles'!$G$18=$B$17,14,0)+IF('Standard Profiles'!$G$18=$B$24,21,0),MOD($C607,24)+1)/SUM(INDEX($D$3:$AA$30,INDEX(Jesper!$R$2:$R$366,ROW(INDEX(Jesper!AH$2:AH$366,ROUNDDOWN($C607/24,0)+1,1))-1)+IF('Standard Profiles'!$G$18=$B$10,7,0)+IF('Standard Profiles'!$G$18=$B$17,14,0)+IF('Standard Profiles'!$G$18=$B$24,21,0),0)),0)</f>
        <v>6.1802159565991284</v>
      </c>
      <c r="E607" cm="1">
        <f t="array" ref="E607">IFERROR(INDEX(Jesper!AI$2:AI$366,ROUNDDOWN($C607/24,0)+1,1)*INDEX($D$3:$AA$30,INDEX(Jesper!$R$2:$R$366,ROW(INDEX(Jesper!AI$2:AI$366,ROUNDDOWN($C607/24,0)+1,1))-1)+IF('Standard Profiles'!$G$19=$B$10,7,0)+IF('Standard Profiles'!$G$19=$B$17,14,0)+IF('Standard Profiles'!$G$19=$B$24,21,0),MOD($C607,24)+1)/SUM(INDEX($D$3:$AA$30,INDEX(Jesper!$R$2:$R$366,ROW(INDEX(Jesper!AI$2:AI$366,ROUNDDOWN($C607/24,0)+1,1))-1)+IF('Standard Profiles'!$G$19=$B$10,7,0)+IF('Standard Profiles'!$G$19=$B$17,14,0)+IF('Standard Profiles'!$G$19=$B$24,21,0),0)),0)</f>
        <v>7.5085960457713723</v>
      </c>
      <c r="F607" cm="1">
        <f t="array" ref="F607">IFERROR(INDEX(Jesper!AJ$2:AJ$366,ROUNDDOWN($C607/24,0)+1,1)*INDEX($D$3:$AA$30,INDEX(Jesper!$R$2:$R$366,ROW(INDEX(Jesper!AJ$2:AJ$366,ROUNDDOWN($C607/24,0)+1,1))-1)+IF('Standard Profiles'!$G$20=$B$10,7,0)+IF('Standard Profiles'!$G$20=$B$17,14,0)+IF('Standard Profiles'!$G$20=$B$24,21,0),MOD($C607,24)+1)/SUM(INDEX($D$3:$AA$30,INDEX(Jesper!$R$2:$R$366,ROW(INDEX(Jesper!AJ$2:AJ$366,ROUNDDOWN($C607/24,0)+1,1))-1)+IF('Standard Profiles'!$G$20=$B$10,7,0)+IF('Standard Profiles'!$G$20=$B$17,14,0)+IF('Standard Profiles'!$G$20=$B$24,21,0),0)),0)</f>
        <v>0</v>
      </c>
      <c r="G607" cm="1">
        <f t="array" ref="G607">IFERROR(INDEX(Jesper!AK$2:AK$366,ROUNDDOWN($C607/24,0)+1,1)*INDEX($D$3:$AA$30,INDEX(Jesper!$R$2:$R$366,ROW(INDEX(Jesper!AK$2:AK$366,ROUNDDOWN($C607/24,0)+1,1))-1)+IF('Standard Profiles'!$G$21=$B$10,7,0)+IF('Standard Profiles'!$G$21=$B$17,14,0)+IF('Standard Profiles'!$G$21=$B$24,21,0),MOD($C607,24)+1)/SUM(INDEX($D$3:$AA$30,INDEX(Jesper!$R$2:$R$366,ROW(INDEX(Jesper!AK$2:AK$366,ROUNDDOWN($C607/24,0)+1,1))-1)+IF('Standard Profiles'!$G$21=$B$10,7,0)+IF('Standard Profiles'!$G$21=$B$17,14,0)+IF('Standard Profiles'!$G$21=$B$24,21,0),0)),0)</f>
        <v>9.287635830123266</v>
      </c>
      <c r="H607" cm="1">
        <f t="array" ref="H607">IFERROR(INDEX(Jesper!AL$2:AL$366,ROUNDDOWN($C607/24,0)+1,1)*INDEX($D$3:$AA$30,INDEX(Jesper!$R$2:$R$366,ROW(INDEX(Jesper!AL$2:AL$366,ROUNDDOWN($C607/24,0)+1,1))-1)+IF('Standard Profiles'!$G$22=$B$10,7,0)+IF('Standard Profiles'!$G$22=$B$17,14,0)+IF('Standard Profiles'!$G$22=$B$24,21,0),MOD($C607,24)+1)/SUM(INDEX($D$3:$AA$30,INDEX(Jesper!$R$2:$R$366,ROW(INDEX(Jesper!AL$2:AL$366,ROUNDDOWN($C607/24,0)+1,1))-1)+IF('Standard Profiles'!$G$22=$B$10,7,0)+IF('Standard Profiles'!$G$22=$B$17,14,0)+IF('Standard Profiles'!$G$22=$B$24,21,0),0)),0)</f>
        <v>0</v>
      </c>
      <c r="I607">
        <f t="shared" si="76"/>
        <v>4.458065198459165</v>
      </c>
      <c r="J607">
        <f t="shared" si="77"/>
        <v>17.529548080978742</v>
      </c>
      <c r="K607">
        <f t="shared" si="78"/>
        <v>0.6592230353705737</v>
      </c>
      <c r="L607">
        <f t="shared" si="79"/>
        <v>0.32961151768528685</v>
      </c>
      <c r="M607">
        <f t="shared" si="80"/>
        <v>0</v>
      </c>
      <c r="N607" s="45">
        <f t="shared" si="81"/>
        <v>44950.87499999861</v>
      </c>
    </row>
    <row r="608" spans="2:14" x14ac:dyDescent="0.25">
      <c r="B608">
        <f t="shared" si="75"/>
        <v>2</v>
      </c>
      <c r="C608" s="16">
        <v>574</v>
      </c>
      <c r="D608" cm="1">
        <f t="array" ref="D608">IFERROR(INDEX(Jesper!AH$2:AH$366,ROUNDDOWN($C608/24,0)+1,1)*INDEX($D$3:$AA$30,INDEX(Jesper!$R$2:$R$366,ROW(INDEX(Jesper!AH$2:AH$366,ROUNDDOWN($C608/24,0)+1,1))-1)+IF('Standard Profiles'!$G$18=$B$10,7,0)+IF('Standard Profiles'!$G$18=$B$17,14,0)+IF('Standard Profiles'!$G$18=$B$24,21,0),MOD($C608,24)+1)/SUM(INDEX($D$3:$AA$30,INDEX(Jesper!$R$2:$R$366,ROW(INDEX(Jesper!AH$2:AH$366,ROUNDDOWN($C608/24,0)+1,1))-1)+IF('Standard Profiles'!$G$18=$B$10,7,0)+IF('Standard Profiles'!$G$18=$B$17,14,0)+IF('Standard Profiles'!$G$18=$B$24,21,0),0)),0)</f>
        <v>6.1802159565991284</v>
      </c>
      <c r="E608" cm="1">
        <f t="array" ref="E608">IFERROR(INDEX(Jesper!AI$2:AI$366,ROUNDDOWN($C608/24,0)+1,1)*INDEX($D$3:$AA$30,INDEX(Jesper!$R$2:$R$366,ROW(INDEX(Jesper!AI$2:AI$366,ROUNDDOWN($C608/24,0)+1,1))-1)+IF('Standard Profiles'!$G$19=$B$10,7,0)+IF('Standard Profiles'!$G$19=$B$17,14,0)+IF('Standard Profiles'!$G$19=$B$24,21,0),MOD($C608,24)+1)/SUM(INDEX($D$3:$AA$30,INDEX(Jesper!$R$2:$R$366,ROW(INDEX(Jesper!AI$2:AI$366,ROUNDDOWN($C608/24,0)+1,1))-1)+IF('Standard Profiles'!$G$19=$B$10,7,0)+IF('Standard Profiles'!$G$19=$B$17,14,0)+IF('Standard Profiles'!$G$19=$B$24,21,0),0)),0)</f>
        <v>7.5085960457713723</v>
      </c>
      <c r="F608" cm="1">
        <f t="array" ref="F608">IFERROR(INDEX(Jesper!AJ$2:AJ$366,ROUNDDOWN($C608/24,0)+1,1)*INDEX($D$3:$AA$30,INDEX(Jesper!$R$2:$R$366,ROW(INDEX(Jesper!AJ$2:AJ$366,ROUNDDOWN($C608/24,0)+1,1))-1)+IF('Standard Profiles'!$G$20=$B$10,7,0)+IF('Standard Profiles'!$G$20=$B$17,14,0)+IF('Standard Profiles'!$G$20=$B$24,21,0),MOD($C608,24)+1)/SUM(INDEX($D$3:$AA$30,INDEX(Jesper!$R$2:$R$366,ROW(INDEX(Jesper!AJ$2:AJ$366,ROUNDDOWN($C608/24,0)+1,1))-1)+IF('Standard Profiles'!$G$20=$B$10,7,0)+IF('Standard Profiles'!$G$20=$B$17,14,0)+IF('Standard Profiles'!$G$20=$B$24,21,0),0)),0)</f>
        <v>0</v>
      </c>
      <c r="G608" cm="1">
        <f t="array" ref="G608">IFERROR(INDEX(Jesper!AK$2:AK$366,ROUNDDOWN($C608/24,0)+1,1)*INDEX($D$3:$AA$30,INDEX(Jesper!$R$2:$R$366,ROW(INDEX(Jesper!AK$2:AK$366,ROUNDDOWN($C608/24,0)+1,1))-1)+IF('Standard Profiles'!$G$21=$B$10,7,0)+IF('Standard Profiles'!$G$21=$B$17,14,0)+IF('Standard Profiles'!$G$21=$B$24,21,0),MOD($C608,24)+1)/SUM(INDEX($D$3:$AA$30,INDEX(Jesper!$R$2:$R$366,ROW(INDEX(Jesper!AK$2:AK$366,ROUNDDOWN($C608/24,0)+1,1))-1)+IF('Standard Profiles'!$G$21=$B$10,7,0)+IF('Standard Profiles'!$G$21=$B$17,14,0)+IF('Standard Profiles'!$G$21=$B$24,21,0),0)),0)</f>
        <v>9.287635830123266</v>
      </c>
      <c r="H608" cm="1">
        <f t="array" ref="H608">IFERROR(INDEX(Jesper!AL$2:AL$366,ROUNDDOWN($C608/24,0)+1,1)*INDEX($D$3:$AA$30,INDEX(Jesper!$R$2:$R$366,ROW(INDEX(Jesper!AL$2:AL$366,ROUNDDOWN($C608/24,0)+1,1))-1)+IF('Standard Profiles'!$G$22=$B$10,7,0)+IF('Standard Profiles'!$G$22=$B$17,14,0)+IF('Standard Profiles'!$G$22=$B$24,21,0),MOD($C608,24)+1)/SUM(INDEX($D$3:$AA$30,INDEX(Jesper!$R$2:$R$366,ROW(INDEX(Jesper!AL$2:AL$366,ROUNDDOWN($C608/24,0)+1,1))-1)+IF('Standard Profiles'!$G$22=$B$10,7,0)+IF('Standard Profiles'!$G$22=$B$17,14,0)+IF('Standard Profiles'!$G$22=$B$24,21,0),0)),0)</f>
        <v>0</v>
      </c>
      <c r="I608">
        <f t="shared" si="76"/>
        <v>4.458065198459165</v>
      </c>
      <c r="J608">
        <f t="shared" si="77"/>
        <v>17.529548080978742</v>
      </c>
      <c r="K608">
        <f t="shared" si="78"/>
        <v>0.6592230353705737</v>
      </c>
      <c r="L608">
        <f t="shared" si="79"/>
        <v>0.32961151768528685</v>
      </c>
      <c r="M608">
        <f t="shared" si="80"/>
        <v>0</v>
      </c>
      <c r="N608" s="45">
        <f t="shared" si="81"/>
        <v>44950.916666665275</v>
      </c>
    </row>
    <row r="609" spans="2:14" x14ac:dyDescent="0.25">
      <c r="B609">
        <f t="shared" si="75"/>
        <v>2</v>
      </c>
      <c r="C609" s="16">
        <v>575</v>
      </c>
      <c r="D609" cm="1">
        <f t="array" ref="D609">IFERROR(INDEX(Jesper!AH$2:AH$366,ROUNDDOWN($C609/24,0)+1,1)*INDEX($D$3:$AA$30,INDEX(Jesper!$R$2:$R$366,ROW(INDEX(Jesper!AH$2:AH$366,ROUNDDOWN($C609/24,0)+1,1))-1)+IF('Standard Profiles'!$G$18=$B$10,7,0)+IF('Standard Profiles'!$G$18=$B$17,14,0)+IF('Standard Profiles'!$G$18=$B$24,21,0),MOD($C609,24)+1)/SUM(INDEX($D$3:$AA$30,INDEX(Jesper!$R$2:$R$366,ROW(INDEX(Jesper!AH$2:AH$366,ROUNDDOWN($C609/24,0)+1,1))-1)+IF('Standard Profiles'!$G$18=$B$10,7,0)+IF('Standard Profiles'!$G$18=$B$17,14,0)+IF('Standard Profiles'!$G$18=$B$24,21,0),0)),0)</f>
        <v>6.1802159565991284</v>
      </c>
      <c r="E609" cm="1">
        <f t="array" ref="E609">IFERROR(INDEX(Jesper!AI$2:AI$366,ROUNDDOWN($C609/24,0)+1,1)*INDEX($D$3:$AA$30,INDEX(Jesper!$R$2:$R$366,ROW(INDEX(Jesper!AI$2:AI$366,ROUNDDOWN($C609/24,0)+1,1))-1)+IF('Standard Profiles'!$G$19=$B$10,7,0)+IF('Standard Profiles'!$G$19=$B$17,14,0)+IF('Standard Profiles'!$G$19=$B$24,21,0),MOD($C609,24)+1)/SUM(INDEX($D$3:$AA$30,INDEX(Jesper!$R$2:$R$366,ROW(INDEX(Jesper!AI$2:AI$366,ROUNDDOWN($C609/24,0)+1,1))-1)+IF('Standard Profiles'!$G$19=$B$10,7,0)+IF('Standard Profiles'!$G$19=$B$17,14,0)+IF('Standard Profiles'!$G$19=$B$24,21,0),0)),0)</f>
        <v>7.5085960457713723</v>
      </c>
      <c r="F609" cm="1">
        <f t="array" ref="F609">IFERROR(INDEX(Jesper!AJ$2:AJ$366,ROUNDDOWN($C609/24,0)+1,1)*INDEX($D$3:$AA$30,INDEX(Jesper!$R$2:$R$366,ROW(INDEX(Jesper!AJ$2:AJ$366,ROUNDDOWN($C609/24,0)+1,1))-1)+IF('Standard Profiles'!$G$20=$B$10,7,0)+IF('Standard Profiles'!$G$20=$B$17,14,0)+IF('Standard Profiles'!$G$20=$B$24,21,0),MOD($C609,24)+1)/SUM(INDEX($D$3:$AA$30,INDEX(Jesper!$R$2:$R$366,ROW(INDEX(Jesper!AJ$2:AJ$366,ROUNDDOWN($C609/24,0)+1,1))-1)+IF('Standard Profiles'!$G$20=$B$10,7,0)+IF('Standard Profiles'!$G$20=$B$17,14,0)+IF('Standard Profiles'!$G$20=$B$24,21,0),0)),0)</f>
        <v>0</v>
      </c>
      <c r="G609" cm="1">
        <f t="array" ref="G609">IFERROR(INDEX(Jesper!AK$2:AK$366,ROUNDDOWN($C609/24,0)+1,1)*INDEX($D$3:$AA$30,INDEX(Jesper!$R$2:$R$366,ROW(INDEX(Jesper!AK$2:AK$366,ROUNDDOWN($C609/24,0)+1,1))-1)+IF('Standard Profiles'!$G$21=$B$10,7,0)+IF('Standard Profiles'!$G$21=$B$17,14,0)+IF('Standard Profiles'!$G$21=$B$24,21,0),MOD($C609,24)+1)/SUM(INDEX($D$3:$AA$30,INDEX(Jesper!$R$2:$R$366,ROW(INDEX(Jesper!AK$2:AK$366,ROUNDDOWN($C609/24,0)+1,1))-1)+IF('Standard Profiles'!$G$21=$B$10,7,0)+IF('Standard Profiles'!$G$21=$B$17,14,0)+IF('Standard Profiles'!$G$21=$B$24,21,0),0)),0)</f>
        <v>9.287635830123266</v>
      </c>
      <c r="H609" cm="1">
        <f t="array" ref="H609">IFERROR(INDEX(Jesper!AL$2:AL$366,ROUNDDOWN($C609/24,0)+1,1)*INDEX($D$3:$AA$30,INDEX(Jesper!$R$2:$R$366,ROW(INDEX(Jesper!AL$2:AL$366,ROUNDDOWN($C609/24,0)+1,1))-1)+IF('Standard Profiles'!$G$22=$B$10,7,0)+IF('Standard Profiles'!$G$22=$B$17,14,0)+IF('Standard Profiles'!$G$22=$B$24,21,0),MOD($C609,24)+1)/SUM(INDEX($D$3:$AA$30,INDEX(Jesper!$R$2:$R$366,ROW(INDEX(Jesper!AL$2:AL$366,ROUNDDOWN($C609/24,0)+1,1))-1)+IF('Standard Profiles'!$G$22=$B$10,7,0)+IF('Standard Profiles'!$G$22=$B$17,14,0)+IF('Standard Profiles'!$G$22=$B$24,21,0),0)),0)</f>
        <v>0</v>
      </c>
      <c r="I609">
        <f t="shared" si="76"/>
        <v>4.458065198459165</v>
      </c>
      <c r="J609">
        <f t="shared" si="77"/>
        <v>17.529548080978742</v>
      </c>
      <c r="K609">
        <f t="shared" si="78"/>
        <v>0.6592230353705737</v>
      </c>
      <c r="L609">
        <f t="shared" si="79"/>
        <v>0.32961151768528685</v>
      </c>
      <c r="M609">
        <f t="shared" si="80"/>
        <v>0</v>
      </c>
      <c r="N609" s="45">
        <f t="shared" si="81"/>
        <v>44950.958333331939</v>
      </c>
    </row>
    <row r="610" spans="2:14" x14ac:dyDescent="0.25">
      <c r="B610">
        <f t="shared" si="75"/>
        <v>3</v>
      </c>
      <c r="C610" s="16">
        <v>576</v>
      </c>
      <c r="D610" cm="1">
        <f t="array" ref="D610">IFERROR(INDEX(Jesper!AH$2:AH$366,ROUNDDOWN($C610/24,0)+1,1)*INDEX($D$3:$AA$30,INDEX(Jesper!$R$2:$R$366,ROW(INDEX(Jesper!AH$2:AH$366,ROUNDDOWN($C610/24,0)+1,1))-1)+IF('Standard Profiles'!$G$18=$B$10,7,0)+IF('Standard Profiles'!$G$18=$B$17,14,0)+IF('Standard Profiles'!$G$18=$B$24,21,0),MOD($C610,24)+1)/SUM(INDEX($D$3:$AA$30,INDEX(Jesper!$R$2:$R$366,ROW(INDEX(Jesper!AH$2:AH$366,ROUNDDOWN($C610/24,0)+1,1))-1)+IF('Standard Profiles'!$G$18=$B$10,7,0)+IF('Standard Profiles'!$G$18=$B$17,14,0)+IF('Standard Profiles'!$G$18=$B$24,21,0),0)),0)</f>
        <v>6.1492566063544034</v>
      </c>
      <c r="E610" cm="1">
        <f t="array" ref="E610">IFERROR(INDEX(Jesper!AI$2:AI$366,ROUNDDOWN($C610/24,0)+1,1)*INDEX($D$3:$AA$30,INDEX(Jesper!$R$2:$R$366,ROW(INDEX(Jesper!AI$2:AI$366,ROUNDDOWN($C610/24,0)+1,1))-1)+IF('Standard Profiles'!$G$19=$B$10,7,0)+IF('Standard Profiles'!$G$19=$B$17,14,0)+IF('Standard Profiles'!$G$19=$B$24,21,0),MOD($C610,24)+1)/SUM(INDEX($D$3:$AA$30,INDEX(Jesper!$R$2:$R$366,ROW(INDEX(Jesper!AI$2:AI$366,ROUNDDOWN($C610/24,0)+1,1))-1)+IF('Standard Profiles'!$G$19=$B$10,7,0)+IF('Standard Profiles'!$G$19=$B$17,14,0)+IF('Standard Profiles'!$G$19=$B$24,21,0),0)),0)</f>
        <v>7.6193553818604576</v>
      </c>
      <c r="F610" cm="1">
        <f t="array" ref="F610">IFERROR(INDEX(Jesper!AJ$2:AJ$366,ROUNDDOWN($C610/24,0)+1,1)*INDEX($D$3:$AA$30,INDEX(Jesper!$R$2:$R$366,ROW(INDEX(Jesper!AJ$2:AJ$366,ROUNDDOWN($C610/24,0)+1,1))-1)+IF('Standard Profiles'!$G$20=$B$10,7,0)+IF('Standard Profiles'!$G$20=$B$17,14,0)+IF('Standard Profiles'!$G$20=$B$24,21,0),MOD($C610,24)+1)/SUM(INDEX($D$3:$AA$30,INDEX(Jesper!$R$2:$R$366,ROW(INDEX(Jesper!AJ$2:AJ$366,ROUNDDOWN($C610/24,0)+1,1))-1)+IF('Standard Profiles'!$G$20=$B$10,7,0)+IF('Standard Profiles'!$G$20=$B$17,14,0)+IF('Standard Profiles'!$G$20=$B$24,21,0),0)),0)</f>
        <v>0</v>
      </c>
      <c r="G610" cm="1">
        <f t="array" ref="G610">IFERROR(INDEX(Jesper!AK$2:AK$366,ROUNDDOWN($C610/24,0)+1,1)*INDEX($D$3:$AA$30,INDEX(Jesper!$R$2:$R$366,ROW(INDEX(Jesper!AK$2:AK$366,ROUNDDOWN($C610/24,0)+1,1))-1)+IF('Standard Profiles'!$G$21=$B$10,7,0)+IF('Standard Profiles'!$G$21=$B$17,14,0)+IF('Standard Profiles'!$G$21=$B$24,21,0),MOD($C610,24)+1)/SUM(INDEX($D$3:$AA$30,INDEX(Jesper!$R$2:$R$366,ROW(INDEX(Jesper!AK$2:AK$366,ROUNDDOWN($C610/24,0)+1,1))-1)+IF('Standard Profiles'!$G$21=$B$10,7,0)+IF('Standard Profiles'!$G$21=$B$17,14,0)+IF('Standard Profiles'!$G$21=$B$24,21,0),0)),0)</f>
        <v>10.052426033745984</v>
      </c>
      <c r="H610" cm="1">
        <f t="array" ref="H610">IFERROR(INDEX(Jesper!AL$2:AL$366,ROUNDDOWN($C610/24,0)+1,1)*INDEX($D$3:$AA$30,INDEX(Jesper!$R$2:$R$366,ROW(INDEX(Jesper!AL$2:AL$366,ROUNDDOWN($C610/24,0)+1,1))-1)+IF('Standard Profiles'!$G$22=$B$10,7,0)+IF('Standard Profiles'!$G$22=$B$17,14,0)+IF('Standard Profiles'!$G$22=$B$24,21,0),MOD($C610,24)+1)/SUM(INDEX($D$3:$AA$30,INDEX(Jesper!$R$2:$R$366,ROW(INDEX(Jesper!AL$2:AL$366,ROUNDDOWN($C610/24,0)+1,1))-1)+IF('Standard Profiles'!$G$22=$B$10,7,0)+IF('Standard Profiles'!$G$22=$B$17,14,0)+IF('Standard Profiles'!$G$22=$B$24,21,0),0)),0)</f>
        <v>0</v>
      </c>
      <c r="I610">
        <f t="shared" si="76"/>
        <v>4.8251644961980702</v>
      </c>
      <c r="J610">
        <f t="shared" si="77"/>
        <v>18.011992468746072</v>
      </c>
      <c r="K610">
        <f t="shared" si="78"/>
        <v>0.65592070467780306</v>
      </c>
      <c r="L610">
        <f t="shared" si="79"/>
        <v>0.32796035233890153</v>
      </c>
      <c r="M610">
        <f t="shared" si="80"/>
        <v>0</v>
      </c>
      <c r="N610" s="45">
        <f t="shared" si="81"/>
        <v>44950.999999998603</v>
      </c>
    </row>
    <row r="611" spans="2:14" x14ac:dyDescent="0.25">
      <c r="B611">
        <f t="shared" ref="B611:B674" si="82">WEEKDAY(N611,2)</f>
        <v>3</v>
      </c>
      <c r="C611" s="16">
        <v>577</v>
      </c>
      <c r="D611" cm="1">
        <f t="array" ref="D611">IFERROR(INDEX(Jesper!AH$2:AH$366,ROUNDDOWN($C611/24,0)+1,1)*INDEX($D$3:$AA$30,INDEX(Jesper!$R$2:$R$366,ROW(INDEX(Jesper!AH$2:AH$366,ROUNDDOWN($C611/24,0)+1,1))-1)+IF('Standard Profiles'!$G$18=$B$10,7,0)+IF('Standard Profiles'!$G$18=$B$17,14,0)+IF('Standard Profiles'!$G$18=$B$24,21,0),MOD($C611,24)+1)/SUM(INDEX($D$3:$AA$30,INDEX(Jesper!$R$2:$R$366,ROW(INDEX(Jesper!AH$2:AH$366,ROUNDDOWN($C611/24,0)+1,1))-1)+IF('Standard Profiles'!$G$18=$B$10,7,0)+IF('Standard Profiles'!$G$18=$B$17,14,0)+IF('Standard Profiles'!$G$18=$B$24,21,0),0)),0)</f>
        <v>6.1492566063544034</v>
      </c>
      <c r="E611" cm="1">
        <f t="array" ref="E611">IFERROR(INDEX(Jesper!AI$2:AI$366,ROUNDDOWN($C611/24,0)+1,1)*INDEX($D$3:$AA$30,INDEX(Jesper!$R$2:$R$366,ROW(INDEX(Jesper!AI$2:AI$366,ROUNDDOWN($C611/24,0)+1,1))-1)+IF('Standard Profiles'!$G$19=$B$10,7,0)+IF('Standard Profiles'!$G$19=$B$17,14,0)+IF('Standard Profiles'!$G$19=$B$24,21,0),MOD($C611,24)+1)/SUM(INDEX($D$3:$AA$30,INDEX(Jesper!$R$2:$R$366,ROW(INDEX(Jesper!AI$2:AI$366,ROUNDDOWN($C611/24,0)+1,1))-1)+IF('Standard Profiles'!$G$19=$B$10,7,0)+IF('Standard Profiles'!$G$19=$B$17,14,0)+IF('Standard Profiles'!$G$19=$B$24,21,0),0)),0)</f>
        <v>7.6193553818604576</v>
      </c>
      <c r="F611" cm="1">
        <f t="array" ref="F611">IFERROR(INDEX(Jesper!AJ$2:AJ$366,ROUNDDOWN($C611/24,0)+1,1)*INDEX($D$3:$AA$30,INDEX(Jesper!$R$2:$R$366,ROW(INDEX(Jesper!AJ$2:AJ$366,ROUNDDOWN($C611/24,0)+1,1))-1)+IF('Standard Profiles'!$G$20=$B$10,7,0)+IF('Standard Profiles'!$G$20=$B$17,14,0)+IF('Standard Profiles'!$G$20=$B$24,21,0),MOD($C611,24)+1)/SUM(INDEX($D$3:$AA$30,INDEX(Jesper!$R$2:$R$366,ROW(INDEX(Jesper!AJ$2:AJ$366,ROUNDDOWN($C611/24,0)+1,1))-1)+IF('Standard Profiles'!$G$20=$B$10,7,0)+IF('Standard Profiles'!$G$20=$B$17,14,0)+IF('Standard Profiles'!$G$20=$B$24,21,0),0)),0)</f>
        <v>0</v>
      </c>
      <c r="G611" cm="1">
        <f t="array" ref="G611">IFERROR(INDEX(Jesper!AK$2:AK$366,ROUNDDOWN($C611/24,0)+1,1)*INDEX($D$3:$AA$30,INDEX(Jesper!$R$2:$R$366,ROW(INDEX(Jesper!AK$2:AK$366,ROUNDDOWN($C611/24,0)+1,1))-1)+IF('Standard Profiles'!$G$21=$B$10,7,0)+IF('Standard Profiles'!$G$21=$B$17,14,0)+IF('Standard Profiles'!$G$21=$B$24,21,0),MOD($C611,24)+1)/SUM(INDEX($D$3:$AA$30,INDEX(Jesper!$R$2:$R$366,ROW(INDEX(Jesper!AK$2:AK$366,ROUNDDOWN($C611/24,0)+1,1))-1)+IF('Standard Profiles'!$G$21=$B$10,7,0)+IF('Standard Profiles'!$G$21=$B$17,14,0)+IF('Standard Profiles'!$G$21=$B$24,21,0),0)),0)</f>
        <v>10.052426033745984</v>
      </c>
      <c r="H611" cm="1">
        <f t="array" ref="H611">IFERROR(INDEX(Jesper!AL$2:AL$366,ROUNDDOWN($C611/24,0)+1,1)*INDEX($D$3:$AA$30,INDEX(Jesper!$R$2:$R$366,ROW(INDEX(Jesper!AL$2:AL$366,ROUNDDOWN($C611/24,0)+1,1))-1)+IF('Standard Profiles'!$G$22=$B$10,7,0)+IF('Standard Profiles'!$G$22=$B$17,14,0)+IF('Standard Profiles'!$G$22=$B$24,21,0),MOD($C611,24)+1)/SUM(INDEX($D$3:$AA$30,INDEX(Jesper!$R$2:$R$366,ROW(INDEX(Jesper!AL$2:AL$366,ROUNDDOWN($C611/24,0)+1,1))-1)+IF('Standard Profiles'!$G$22=$B$10,7,0)+IF('Standard Profiles'!$G$22=$B$17,14,0)+IF('Standard Profiles'!$G$22=$B$24,21,0),0)),0)</f>
        <v>0</v>
      </c>
      <c r="I611">
        <f t="shared" ref="I611:I674" si="83">IF($B611&lt;6,AC$37*$D611+AC$38*$E611+AC$39*$F611+AC$40*$G611,AC$46*$D611+AC$47*$E611+AC$48*$F611+AC$49*$G611+AC$50*$H611)</f>
        <v>4.8251644961980702</v>
      </c>
      <c r="J611">
        <f t="shared" ref="J611:J674" si="84">IF($B611&lt;6,AD$37*$D611+AD$38*$E611+AD$39*$F611+AD$40*$G611,AD$46*$D611+AD$47*$E611+AD$48*$F611+AD$49*$G611+AD$50*$H611)</f>
        <v>18.011992468746072</v>
      </c>
      <c r="K611">
        <f t="shared" ref="K611:K674" si="85">IF($B611&lt;6,AE$37*$D611+AE$38*$E611+AE$39*$F611+AE$40*$G611,AE$46*$D611+AE$47*$E611+AE$48*$F611+AE$49*$G611+AE$50*$H611)</f>
        <v>0.65592070467780306</v>
      </c>
      <c r="L611">
        <f t="shared" ref="L611:L674" si="86">IF($B611&lt;6,AF$37*$D611+AF$38*$E611+AF$39*$F611+AF$40*$G611,AF$46*$D611+AF$47*$E611+AF$48*$F611+AF$49*$G611+AF$50*$H611)</f>
        <v>0.32796035233890153</v>
      </c>
      <c r="M611">
        <f t="shared" ref="M611:M674" si="87">IF($B611&lt;6,AG$37*$D611+AG$38*$E611+AG$39*$F611+AG$40*$G611,AG$46*$D611+AG$47*$E611+AG$48*$F611+AG$49*$G611+AG$50*$H611)</f>
        <v>0</v>
      </c>
      <c r="N611" s="45">
        <f t="shared" si="81"/>
        <v>44951.041666665267</v>
      </c>
    </row>
    <row r="612" spans="2:14" x14ac:dyDescent="0.25">
      <c r="B612">
        <f t="shared" si="82"/>
        <v>3</v>
      </c>
      <c r="C612" s="16">
        <v>578</v>
      </c>
      <c r="D612" cm="1">
        <f t="array" ref="D612">IFERROR(INDEX(Jesper!AH$2:AH$366,ROUNDDOWN($C612/24,0)+1,1)*INDEX($D$3:$AA$30,INDEX(Jesper!$R$2:$R$366,ROW(INDEX(Jesper!AH$2:AH$366,ROUNDDOWN($C612/24,0)+1,1))-1)+IF('Standard Profiles'!$G$18=$B$10,7,0)+IF('Standard Profiles'!$G$18=$B$17,14,0)+IF('Standard Profiles'!$G$18=$B$24,21,0),MOD($C612,24)+1)/SUM(INDEX($D$3:$AA$30,INDEX(Jesper!$R$2:$R$366,ROW(INDEX(Jesper!AH$2:AH$366,ROUNDDOWN($C612/24,0)+1,1))-1)+IF('Standard Profiles'!$G$18=$B$10,7,0)+IF('Standard Profiles'!$G$18=$B$17,14,0)+IF('Standard Profiles'!$G$18=$B$24,21,0),0)),0)</f>
        <v>6.1492566063544034</v>
      </c>
      <c r="E612" cm="1">
        <f t="array" ref="E612">IFERROR(INDEX(Jesper!AI$2:AI$366,ROUNDDOWN($C612/24,0)+1,1)*INDEX($D$3:$AA$30,INDEX(Jesper!$R$2:$R$366,ROW(INDEX(Jesper!AI$2:AI$366,ROUNDDOWN($C612/24,0)+1,1))-1)+IF('Standard Profiles'!$G$19=$B$10,7,0)+IF('Standard Profiles'!$G$19=$B$17,14,0)+IF('Standard Profiles'!$G$19=$B$24,21,0),MOD($C612,24)+1)/SUM(INDEX($D$3:$AA$30,INDEX(Jesper!$R$2:$R$366,ROW(INDEX(Jesper!AI$2:AI$366,ROUNDDOWN($C612/24,0)+1,1))-1)+IF('Standard Profiles'!$G$19=$B$10,7,0)+IF('Standard Profiles'!$G$19=$B$17,14,0)+IF('Standard Profiles'!$G$19=$B$24,21,0),0)),0)</f>
        <v>7.6193553818604576</v>
      </c>
      <c r="F612" cm="1">
        <f t="array" ref="F612">IFERROR(INDEX(Jesper!AJ$2:AJ$366,ROUNDDOWN($C612/24,0)+1,1)*INDEX($D$3:$AA$30,INDEX(Jesper!$R$2:$R$366,ROW(INDEX(Jesper!AJ$2:AJ$366,ROUNDDOWN($C612/24,0)+1,1))-1)+IF('Standard Profiles'!$G$20=$B$10,7,0)+IF('Standard Profiles'!$G$20=$B$17,14,0)+IF('Standard Profiles'!$G$20=$B$24,21,0),MOD($C612,24)+1)/SUM(INDEX($D$3:$AA$30,INDEX(Jesper!$R$2:$R$366,ROW(INDEX(Jesper!AJ$2:AJ$366,ROUNDDOWN($C612/24,0)+1,1))-1)+IF('Standard Profiles'!$G$20=$B$10,7,0)+IF('Standard Profiles'!$G$20=$B$17,14,0)+IF('Standard Profiles'!$G$20=$B$24,21,0),0)),0)</f>
        <v>0</v>
      </c>
      <c r="G612" cm="1">
        <f t="array" ref="G612">IFERROR(INDEX(Jesper!AK$2:AK$366,ROUNDDOWN($C612/24,0)+1,1)*INDEX($D$3:$AA$30,INDEX(Jesper!$R$2:$R$366,ROW(INDEX(Jesper!AK$2:AK$366,ROUNDDOWN($C612/24,0)+1,1))-1)+IF('Standard Profiles'!$G$21=$B$10,7,0)+IF('Standard Profiles'!$G$21=$B$17,14,0)+IF('Standard Profiles'!$G$21=$B$24,21,0),MOD($C612,24)+1)/SUM(INDEX($D$3:$AA$30,INDEX(Jesper!$R$2:$R$366,ROW(INDEX(Jesper!AK$2:AK$366,ROUNDDOWN($C612/24,0)+1,1))-1)+IF('Standard Profiles'!$G$21=$B$10,7,0)+IF('Standard Profiles'!$G$21=$B$17,14,0)+IF('Standard Profiles'!$G$21=$B$24,21,0),0)),0)</f>
        <v>10.052426033745984</v>
      </c>
      <c r="H612" cm="1">
        <f t="array" ref="H612">IFERROR(INDEX(Jesper!AL$2:AL$366,ROUNDDOWN($C612/24,0)+1,1)*INDEX($D$3:$AA$30,INDEX(Jesper!$R$2:$R$366,ROW(INDEX(Jesper!AL$2:AL$366,ROUNDDOWN($C612/24,0)+1,1))-1)+IF('Standard Profiles'!$G$22=$B$10,7,0)+IF('Standard Profiles'!$G$22=$B$17,14,0)+IF('Standard Profiles'!$G$22=$B$24,21,0),MOD($C612,24)+1)/SUM(INDEX($D$3:$AA$30,INDEX(Jesper!$R$2:$R$366,ROW(INDEX(Jesper!AL$2:AL$366,ROUNDDOWN($C612/24,0)+1,1))-1)+IF('Standard Profiles'!$G$22=$B$10,7,0)+IF('Standard Profiles'!$G$22=$B$17,14,0)+IF('Standard Profiles'!$G$22=$B$24,21,0),0)),0)</f>
        <v>0</v>
      </c>
      <c r="I612">
        <f t="shared" si="83"/>
        <v>4.8251644961980702</v>
      </c>
      <c r="J612">
        <f t="shared" si="84"/>
        <v>18.011992468746072</v>
      </c>
      <c r="K612">
        <f t="shared" si="85"/>
        <v>0.65592070467780306</v>
      </c>
      <c r="L612">
        <f t="shared" si="86"/>
        <v>0.32796035233890153</v>
      </c>
      <c r="M612">
        <f t="shared" si="87"/>
        <v>0</v>
      </c>
      <c r="N612" s="45">
        <f t="shared" ref="N612:N675" si="88">N611+1/24</f>
        <v>44951.083333331931</v>
      </c>
    </row>
    <row r="613" spans="2:14" x14ac:dyDescent="0.25">
      <c r="B613">
        <f t="shared" si="82"/>
        <v>3</v>
      </c>
      <c r="C613" s="16">
        <v>579</v>
      </c>
      <c r="D613" cm="1">
        <f t="array" ref="D613">IFERROR(INDEX(Jesper!AH$2:AH$366,ROUNDDOWN($C613/24,0)+1,1)*INDEX($D$3:$AA$30,INDEX(Jesper!$R$2:$R$366,ROW(INDEX(Jesper!AH$2:AH$366,ROUNDDOWN($C613/24,0)+1,1))-1)+IF('Standard Profiles'!$G$18=$B$10,7,0)+IF('Standard Profiles'!$G$18=$B$17,14,0)+IF('Standard Profiles'!$G$18=$B$24,21,0),MOD($C613,24)+1)/SUM(INDEX($D$3:$AA$30,INDEX(Jesper!$R$2:$R$366,ROW(INDEX(Jesper!AH$2:AH$366,ROUNDDOWN($C613/24,0)+1,1))-1)+IF('Standard Profiles'!$G$18=$B$10,7,0)+IF('Standard Profiles'!$G$18=$B$17,14,0)+IF('Standard Profiles'!$G$18=$B$24,21,0),0)),0)</f>
        <v>6.1492566063544034</v>
      </c>
      <c r="E613" cm="1">
        <f t="array" ref="E613">IFERROR(INDEX(Jesper!AI$2:AI$366,ROUNDDOWN($C613/24,0)+1,1)*INDEX($D$3:$AA$30,INDEX(Jesper!$R$2:$R$366,ROW(INDEX(Jesper!AI$2:AI$366,ROUNDDOWN($C613/24,0)+1,1))-1)+IF('Standard Profiles'!$G$19=$B$10,7,0)+IF('Standard Profiles'!$G$19=$B$17,14,0)+IF('Standard Profiles'!$G$19=$B$24,21,0),MOD($C613,24)+1)/SUM(INDEX($D$3:$AA$30,INDEX(Jesper!$R$2:$R$366,ROW(INDEX(Jesper!AI$2:AI$366,ROUNDDOWN($C613/24,0)+1,1))-1)+IF('Standard Profiles'!$G$19=$B$10,7,0)+IF('Standard Profiles'!$G$19=$B$17,14,0)+IF('Standard Profiles'!$G$19=$B$24,21,0),0)),0)</f>
        <v>7.6193553818604576</v>
      </c>
      <c r="F613" cm="1">
        <f t="array" ref="F613">IFERROR(INDEX(Jesper!AJ$2:AJ$366,ROUNDDOWN($C613/24,0)+1,1)*INDEX($D$3:$AA$30,INDEX(Jesper!$R$2:$R$366,ROW(INDEX(Jesper!AJ$2:AJ$366,ROUNDDOWN($C613/24,0)+1,1))-1)+IF('Standard Profiles'!$G$20=$B$10,7,0)+IF('Standard Profiles'!$G$20=$B$17,14,0)+IF('Standard Profiles'!$G$20=$B$24,21,0),MOD($C613,24)+1)/SUM(INDEX($D$3:$AA$30,INDEX(Jesper!$R$2:$R$366,ROW(INDEX(Jesper!AJ$2:AJ$366,ROUNDDOWN($C613/24,0)+1,1))-1)+IF('Standard Profiles'!$G$20=$B$10,7,0)+IF('Standard Profiles'!$G$20=$B$17,14,0)+IF('Standard Profiles'!$G$20=$B$24,21,0),0)),0)</f>
        <v>0</v>
      </c>
      <c r="G613" cm="1">
        <f t="array" ref="G613">IFERROR(INDEX(Jesper!AK$2:AK$366,ROUNDDOWN($C613/24,0)+1,1)*INDEX($D$3:$AA$30,INDEX(Jesper!$R$2:$R$366,ROW(INDEX(Jesper!AK$2:AK$366,ROUNDDOWN($C613/24,0)+1,1))-1)+IF('Standard Profiles'!$G$21=$B$10,7,0)+IF('Standard Profiles'!$G$21=$B$17,14,0)+IF('Standard Profiles'!$G$21=$B$24,21,0),MOD($C613,24)+1)/SUM(INDEX($D$3:$AA$30,INDEX(Jesper!$R$2:$R$366,ROW(INDEX(Jesper!AK$2:AK$366,ROUNDDOWN($C613/24,0)+1,1))-1)+IF('Standard Profiles'!$G$21=$B$10,7,0)+IF('Standard Profiles'!$G$21=$B$17,14,0)+IF('Standard Profiles'!$G$21=$B$24,21,0),0)),0)</f>
        <v>10.052426033745984</v>
      </c>
      <c r="H613" cm="1">
        <f t="array" ref="H613">IFERROR(INDEX(Jesper!AL$2:AL$366,ROUNDDOWN($C613/24,0)+1,1)*INDEX($D$3:$AA$30,INDEX(Jesper!$R$2:$R$366,ROW(INDEX(Jesper!AL$2:AL$366,ROUNDDOWN($C613/24,0)+1,1))-1)+IF('Standard Profiles'!$G$22=$B$10,7,0)+IF('Standard Profiles'!$G$22=$B$17,14,0)+IF('Standard Profiles'!$G$22=$B$24,21,0),MOD($C613,24)+1)/SUM(INDEX($D$3:$AA$30,INDEX(Jesper!$R$2:$R$366,ROW(INDEX(Jesper!AL$2:AL$366,ROUNDDOWN($C613/24,0)+1,1))-1)+IF('Standard Profiles'!$G$22=$B$10,7,0)+IF('Standard Profiles'!$G$22=$B$17,14,0)+IF('Standard Profiles'!$G$22=$B$24,21,0),0)),0)</f>
        <v>0</v>
      </c>
      <c r="I613">
        <f t="shared" si="83"/>
        <v>4.8251644961980702</v>
      </c>
      <c r="J613">
        <f t="shared" si="84"/>
        <v>18.011992468746072</v>
      </c>
      <c r="K613">
        <f t="shared" si="85"/>
        <v>0.65592070467780306</v>
      </c>
      <c r="L613">
        <f t="shared" si="86"/>
        <v>0.32796035233890153</v>
      </c>
      <c r="M613">
        <f t="shared" si="87"/>
        <v>0</v>
      </c>
      <c r="N613" s="45">
        <f t="shared" si="88"/>
        <v>44951.124999998596</v>
      </c>
    </row>
    <row r="614" spans="2:14" x14ac:dyDescent="0.25">
      <c r="B614">
        <f t="shared" si="82"/>
        <v>3</v>
      </c>
      <c r="C614" s="16">
        <v>580</v>
      </c>
      <c r="D614" cm="1">
        <f t="array" ref="D614">IFERROR(INDEX(Jesper!AH$2:AH$366,ROUNDDOWN($C614/24,0)+1,1)*INDEX($D$3:$AA$30,INDEX(Jesper!$R$2:$R$366,ROW(INDEX(Jesper!AH$2:AH$366,ROUNDDOWN($C614/24,0)+1,1))-1)+IF('Standard Profiles'!$G$18=$B$10,7,0)+IF('Standard Profiles'!$G$18=$B$17,14,0)+IF('Standard Profiles'!$G$18=$B$24,21,0),MOD($C614,24)+1)/SUM(INDEX($D$3:$AA$30,INDEX(Jesper!$R$2:$R$366,ROW(INDEX(Jesper!AH$2:AH$366,ROUNDDOWN($C614/24,0)+1,1))-1)+IF('Standard Profiles'!$G$18=$B$10,7,0)+IF('Standard Profiles'!$G$18=$B$17,14,0)+IF('Standard Profiles'!$G$18=$B$24,21,0),0)),0)</f>
        <v>6.1492566063544034</v>
      </c>
      <c r="E614" cm="1">
        <f t="array" ref="E614">IFERROR(INDEX(Jesper!AI$2:AI$366,ROUNDDOWN($C614/24,0)+1,1)*INDEX($D$3:$AA$30,INDEX(Jesper!$R$2:$R$366,ROW(INDEX(Jesper!AI$2:AI$366,ROUNDDOWN($C614/24,0)+1,1))-1)+IF('Standard Profiles'!$G$19=$B$10,7,0)+IF('Standard Profiles'!$G$19=$B$17,14,0)+IF('Standard Profiles'!$G$19=$B$24,21,0),MOD($C614,24)+1)/SUM(INDEX($D$3:$AA$30,INDEX(Jesper!$R$2:$R$366,ROW(INDEX(Jesper!AI$2:AI$366,ROUNDDOWN($C614/24,0)+1,1))-1)+IF('Standard Profiles'!$G$19=$B$10,7,0)+IF('Standard Profiles'!$G$19=$B$17,14,0)+IF('Standard Profiles'!$G$19=$B$24,21,0),0)),0)</f>
        <v>7.6193553818604576</v>
      </c>
      <c r="F614" cm="1">
        <f t="array" ref="F614">IFERROR(INDEX(Jesper!AJ$2:AJ$366,ROUNDDOWN($C614/24,0)+1,1)*INDEX($D$3:$AA$30,INDEX(Jesper!$R$2:$R$366,ROW(INDEX(Jesper!AJ$2:AJ$366,ROUNDDOWN($C614/24,0)+1,1))-1)+IF('Standard Profiles'!$G$20=$B$10,7,0)+IF('Standard Profiles'!$G$20=$B$17,14,0)+IF('Standard Profiles'!$G$20=$B$24,21,0),MOD($C614,24)+1)/SUM(INDEX($D$3:$AA$30,INDEX(Jesper!$R$2:$R$366,ROW(INDEX(Jesper!AJ$2:AJ$366,ROUNDDOWN($C614/24,0)+1,1))-1)+IF('Standard Profiles'!$G$20=$B$10,7,0)+IF('Standard Profiles'!$G$20=$B$17,14,0)+IF('Standard Profiles'!$G$20=$B$24,21,0),0)),0)</f>
        <v>0</v>
      </c>
      <c r="G614" cm="1">
        <f t="array" ref="G614">IFERROR(INDEX(Jesper!AK$2:AK$366,ROUNDDOWN($C614/24,0)+1,1)*INDEX($D$3:$AA$30,INDEX(Jesper!$R$2:$R$366,ROW(INDEX(Jesper!AK$2:AK$366,ROUNDDOWN($C614/24,0)+1,1))-1)+IF('Standard Profiles'!$G$21=$B$10,7,0)+IF('Standard Profiles'!$G$21=$B$17,14,0)+IF('Standard Profiles'!$G$21=$B$24,21,0),MOD($C614,24)+1)/SUM(INDEX($D$3:$AA$30,INDEX(Jesper!$R$2:$R$366,ROW(INDEX(Jesper!AK$2:AK$366,ROUNDDOWN($C614/24,0)+1,1))-1)+IF('Standard Profiles'!$G$21=$B$10,7,0)+IF('Standard Profiles'!$G$21=$B$17,14,0)+IF('Standard Profiles'!$G$21=$B$24,21,0),0)),0)</f>
        <v>10.052426033745984</v>
      </c>
      <c r="H614" cm="1">
        <f t="array" ref="H614">IFERROR(INDEX(Jesper!AL$2:AL$366,ROUNDDOWN($C614/24,0)+1,1)*INDEX($D$3:$AA$30,INDEX(Jesper!$R$2:$R$366,ROW(INDEX(Jesper!AL$2:AL$366,ROUNDDOWN($C614/24,0)+1,1))-1)+IF('Standard Profiles'!$G$22=$B$10,7,0)+IF('Standard Profiles'!$G$22=$B$17,14,0)+IF('Standard Profiles'!$G$22=$B$24,21,0),MOD($C614,24)+1)/SUM(INDEX($D$3:$AA$30,INDEX(Jesper!$R$2:$R$366,ROW(INDEX(Jesper!AL$2:AL$366,ROUNDDOWN($C614/24,0)+1,1))-1)+IF('Standard Profiles'!$G$22=$B$10,7,0)+IF('Standard Profiles'!$G$22=$B$17,14,0)+IF('Standard Profiles'!$G$22=$B$24,21,0),0)),0)</f>
        <v>0</v>
      </c>
      <c r="I614">
        <f t="shared" si="83"/>
        <v>4.8251644961980702</v>
      </c>
      <c r="J614">
        <f t="shared" si="84"/>
        <v>18.011992468746072</v>
      </c>
      <c r="K614">
        <f t="shared" si="85"/>
        <v>0.65592070467780306</v>
      </c>
      <c r="L614">
        <f t="shared" si="86"/>
        <v>0.32796035233890153</v>
      </c>
      <c r="M614">
        <f t="shared" si="87"/>
        <v>0</v>
      </c>
      <c r="N614" s="45">
        <f t="shared" si="88"/>
        <v>44951.16666666526</v>
      </c>
    </row>
    <row r="615" spans="2:14" x14ac:dyDescent="0.25">
      <c r="B615">
        <f t="shared" si="82"/>
        <v>3</v>
      </c>
      <c r="C615" s="16">
        <v>581</v>
      </c>
      <c r="D615" cm="1">
        <f t="array" ref="D615">IFERROR(INDEX(Jesper!AH$2:AH$366,ROUNDDOWN($C615/24,0)+1,1)*INDEX($D$3:$AA$30,INDEX(Jesper!$R$2:$R$366,ROW(INDEX(Jesper!AH$2:AH$366,ROUNDDOWN($C615/24,0)+1,1))-1)+IF('Standard Profiles'!$G$18=$B$10,7,0)+IF('Standard Profiles'!$G$18=$B$17,14,0)+IF('Standard Profiles'!$G$18=$B$24,21,0),MOD($C615,24)+1)/SUM(INDEX($D$3:$AA$30,INDEX(Jesper!$R$2:$R$366,ROW(INDEX(Jesper!AH$2:AH$366,ROUNDDOWN($C615/24,0)+1,1))-1)+IF('Standard Profiles'!$G$18=$B$10,7,0)+IF('Standard Profiles'!$G$18=$B$17,14,0)+IF('Standard Profiles'!$G$18=$B$24,21,0),0)),0)</f>
        <v>6.1492566063544034</v>
      </c>
      <c r="E615" cm="1">
        <f t="array" ref="E615">IFERROR(INDEX(Jesper!AI$2:AI$366,ROUNDDOWN($C615/24,0)+1,1)*INDEX($D$3:$AA$30,INDEX(Jesper!$R$2:$R$366,ROW(INDEX(Jesper!AI$2:AI$366,ROUNDDOWN($C615/24,0)+1,1))-1)+IF('Standard Profiles'!$G$19=$B$10,7,0)+IF('Standard Profiles'!$G$19=$B$17,14,0)+IF('Standard Profiles'!$G$19=$B$24,21,0),MOD($C615,24)+1)/SUM(INDEX($D$3:$AA$30,INDEX(Jesper!$R$2:$R$366,ROW(INDEX(Jesper!AI$2:AI$366,ROUNDDOWN($C615/24,0)+1,1))-1)+IF('Standard Profiles'!$G$19=$B$10,7,0)+IF('Standard Profiles'!$G$19=$B$17,14,0)+IF('Standard Profiles'!$G$19=$B$24,21,0),0)),0)</f>
        <v>7.6193553818604576</v>
      </c>
      <c r="F615" cm="1">
        <f t="array" ref="F615">IFERROR(INDEX(Jesper!AJ$2:AJ$366,ROUNDDOWN($C615/24,0)+1,1)*INDEX($D$3:$AA$30,INDEX(Jesper!$R$2:$R$366,ROW(INDEX(Jesper!AJ$2:AJ$366,ROUNDDOWN($C615/24,0)+1,1))-1)+IF('Standard Profiles'!$G$20=$B$10,7,0)+IF('Standard Profiles'!$G$20=$B$17,14,0)+IF('Standard Profiles'!$G$20=$B$24,21,0),MOD($C615,24)+1)/SUM(INDEX($D$3:$AA$30,INDEX(Jesper!$R$2:$R$366,ROW(INDEX(Jesper!AJ$2:AJ$366,ROUNDDOWN($C615/24,0)+1,1))-1)+IF('Standard Profiles'!$G$20=$B$10,7,0)+IF('Standard Profiles'!$G$20=$B$17,14,0)+IF('Standard Profiles'!$G$20=$B$24,21,0),0)),0)</f>
        <v>0</v>
      </c>
      <c r="G615" cm="1">
        <f t="array" ref="G615">IFERROR(INDEX(Jesper!AK$2:AK$366,ROUNDDOWN($C615/24,0)+1,1)*INDEX($D$3:$AA$30,INDEX(Jesper!$R$2:$R$366,ROW(INDEX(Jesper!AK$2:AK$366,ROUNDDOWN($C615/24,0)+1,1))-1)+IF('Standard Profiles'!$G$21=$B$10,7,0)+IF('Standard Profiles'!$G$21=$B$17,14,0)+IF('Standard Profiles'!$G$21=$B$24,21,0),MOD($C615,24)+1)/SUM(INDEX($D$3:$AA$30,INDEX(Jesper!$R$2:$R$366,ROW(INDEX(Jesper!AK$2:AK$366,ROUNDDOWN($C615/24,0)+1,1))-1)+IF('Standard Profiles'!$G$21=$B$10,7,0)+IF('Standard Profiles'!$G$21=$B$17,14,0)+IF('Standard Profiles'!$G$21=$B$24,21,0),0)),0)</f>
        <v>10.052426033745984</v>
      </c>
      <c r="H615" cm="1">
        <f t="array" ref="H615">IFERROR(INDEX(Jesper!AL$2:AL$366,ROUNDDOWN($C615/24,0)+1,1)*INDEX($D$3:$AA$30,INDEX(Jesper!$R$2:$R$366,ROW(INDEX(Jesper!AL$2:AL$366,ROUNDDOWN($C615/24,0)+1,1))-1)+IF('Standard Profiles'!$G$22=$B$10,7,0)+IF('Standard Profiles'!$G$22=$B$17,14,0)+IF('Standard Profiles'!$G$22=$B$24,21,0),MOD($C615,24)+1)/SUM(INDEX($D$3:$AA$30,INDEX(Jesper!$R$2:$R$366,ROW(INDEX(Jesper!AL$2:AL$366,ROUNDDOWN($C615/24,0)+1,1))-1)+IF('Standard Profiles'!$G$22=$B$10,7,0)+IF('Standard Profiles'!$G$22=$B$17,14,0)+IF('Standard Profiles'!$G$22=$B$24,21,0),0)),0)</f>
        <v>0</v>
      </c>
      <c r="I615">
        <f t="shared" si="83"/>
        <v>4.8251644961980702</v>
      </c>
      <c r="J615">
        <f t="shared" si="84"/>
        <v>18.011992468746072</v>
      </c>
      <c r="K615">
        <f t="shared" si="85"/>
        <v>0.65592070467780306</v>
      </c>
      <c r="L615">
        <f t="shared" si="86"/>
        <v>0.32796035233890153</v>
      </c>
      <c r="M615">
        <f t="shared" si="87"/>
        <v>0</v>
      </c>
      <c r="N615" s="45">
        <f t="shared" si="88"/>
        <v>44951.208333331924</v>
      </c>
    </row>
    <row r="616" spans="2:14" x14ac:dyDescent="0.25">
      <c r="B616">
        <f t="shared" si="82"/>
        <v>3</v>
      </c>
      <c r="C616" s="16">
        <v>582</v>
      </c>
      <c r="D616" cm="1">
        <f t="array" ref="D616">IFERROR(INDEX(Jesper!AH$2:AH$366,ROUNDDOWN($C616/24,0)+1,1)*INDEX($D$3:$AA$30,INDEX(Jesper!$R$2:$R$366,ROW(INDEX(Jesper!AH$2:AH$366,ROUNDDOWN($C616/24,0)+1,1))-1)+IF('Standard Profiles'!$G$18=$B$10,7,0)+IF('Standard Profiles'!$G$18=$B$17,14,0)+IF('Standard Profiles'!$G$18=$B$24,21,0),MOD($C616,24)+1)/SUM(INDEX($D$3:$AA$30,INDEX(Jesper!$R$2:$R$366,ROW(INDEX(Jesper!AH$2:AH$366,ROUNDDOWN($C616/24,0)+1,1))-1)+IF('Standard Profiles'!$G$18=$B$10,7,0)+IF('Standard Profiles'!$G$18=$B$17,14,0)+IF('Standard Profiles'!$G$18=$B$24,21,0),0)),0)</f>
        <v>6.1492566063544034</v>
      </c>
      <c r="E616" cm="1">
        <f t="array" ref="E616">IFERROR(INDEX(Jesper!AI$2:AI$366,ROUNDDOWN($C616/24,0)+1,1)*INDEX($D$3:$AA$30,INDEX(Jesper!$R$2:$R$366,ROW(INDEX(Jesper!AI$2:AI$366,ROUNDDOWN($C616/24,0)+1,1))-1)+IF('Standard Profiles'!$G$19=$B$10,7,0)+IF('Standard Profiles'!$G$19=$B$17,14,0)+IF('Standard Profiles'!$G$19=$B$24,21,0),MOD($C616,24)+1)/SUM(INDEX($D$3:$AA$30,INDEX(Jesper!$R$2:$R$366,ROW(INDEX(Jesper!AI$2:AI$366,ROUNDDOWN($C616/24,0)+1,1))-1)+IF('Standard Profiles'!$G$19=$B$10,7,0)+IF('Standard Profiles'!$G$19=$B$17,14,0)+IF('Standard Profiles'!$G$19=$B$24,21,0),0)),0)</f>
        <v>7.6193553818604576</v>
      </c>
      <c r="F616" cm="1">
        <f t="array" ref="F616">IFERROR(INDEX(Jesper!AJ$2:AJ$366,ROUNDDOWN($C616/24,0)+1,1)*INDEX($D$3:$AA$30,INDEX(Jesper!$R$2:$R$366,ROW(INDEX(Jesper!AJ$2:AJ$366,ROUNDDOWN($C616/24,0)+1,1))-1)+IF('Standard Profiles'!$G$20=$B$10,7,0)+IF('Standard Profiles'!$G$20=$B$17,14,0)+IF('Standard Profiles'!$G$20=$B$24,21,0),MOD($C616,24)+1)/SUM(INDEX($D$3:$AA$30,INDEX(Jesper!$R$2:$R$366,ROW(INDEX(Jesper!AJ$2:AJ$366,ROUNDDOWN($C616/24,0)+1,1))-1)+IF('Standard Profiles'!$G$20=$B$10,7,0)+IF('Standard Profiles'!$G$20=$B$17,14,0)+IF('Standard Profiles'!$G$20=$B$24,21,0),0)),0)</f>
        <v>0</v>
      </c>
      <c r="G616" cm="1">
        <f t="array" ref="G616">IFERROR(INDEX(Jesper!AK$2:AK$366,ROUNDDOWN($C616/24,0)+1,1)*INDEX($D$3:$AA$30,INDEX(Jesper!$R$2:$R$366,ROW(INDEX(Jesper!AK$2:AK$366,ROUNDDOWN($C616/24,0)+1,1))-1)+IF('Standard Profiles'!$G$21=$B$10,7,0)+IF('Standard Profiles'!$G$21=$B$17,14,0)+IF('Standard Profiles'!$G$21=$B$24,21,0),MOD($C616,24)+1)/SUM(INDEX($D$3:$AA$30,INDEX(Jesper!$R$2:$R$366,ROW(INDEX(Jesper!AK$2:AK$366,ROUNDDOWN($C616/24,0)+1,1))-1)+IF('Standard Profiles'!$G$21=$B$10,7,0)+IF('Standard Profiles'!$G$21=$B$17,14,0)+IF('Standard Profiles'!$G$21=$B$24,21,0),0)),0)</f>
        <v>10.052426033745984</v>
      </c>
      <c r="H616" cm="1">
        <f t="array" ref="H616">IFERROR(INDEX(Jesper!AL$2:AL$366,ROUNDDOWN($C616/24,0)+1,1)*INDEX($D$3:$AA$30,INDEX(Jesper!$R$2:$R$366,ROW(INDEX(Jesper!AL$2:AL$366,ROUNDDOWN($C616/24,0)+1,1))-1)+IF('Standard Profiles'!$G$22=$B$10,7,0)+IF('Standard Profiles'!$G$22=$B$17,14,0)+IF('Standard Profiles'!$G$22=$B$24,21,0),MOD($C616,24)+1)/SUM(INDEX($D$3:$AA$30,INDEX(Jesper!$R$2:$R$366,ROW(INDEX(Jesper!AL$2:AL$366,ROUNDDOWN($C616/24,0)+1,1))-1)+IF('Standard Profiles'!$G$22=$B$10,7,0)+IF('Standard Profiles'!$G$22=$B$17,14,0)+IF('Standard Profiles'!$G$22=$B$24,21,0),0)),0)</f>
        <v>0</v>
      </c>
      <c r="I616">
        <f t="shared" si="83"/>
        <v>4.8251644961980702</v>
      </c>
      <c r="J616">
        <f t="shared" si="84"/>
        <v>18.011992468746072</v>
      </c>
      <c r="K616">
        <f t="shared" si="85"/>
        <v>0.65592070467780306</v>
      </c>
      <c r="L616">
        <f t="shared" si="86"/>
        <v>0.32796035233890153</v>
      </c>
      <c r="M616">
        <f t="shared" si="87"/>
        <v>0</v>
      </c>
      <c r="N616" s="45">
        <f t="shared" si="88"/>
        <v>44951.249999998588</v>
      </c>
    </row>
    <row r="617" spans="2:14" x14ac:dyDescent="0.25">
      <c r="B617">
        <f t="shared" si="82"/>
        <v>3</v>
      </c>
      <c r="C617" s="16">
        <v>583</v>
      </c>
      <c r="D617" cm="1">
        <f t="array" ref="D617">IFERROR(INDEX(Jesper!AH$2:AH$366,ROUNDDOWN($C617/24,0)+1,1)*INDEX($D$3:$AA$30,INDEX(Jesper!$R$2:$R$366,ROW(INDEX(Jesper!AH$2:AH$366,ROUNDDOWN($C617/24,0)+1,1))-1)+IF('Standard Profiles'!$G$18=$B$10,7,0)+IF('Standard Profiles'!$G$18=$B$17,14,0)+IF('Standard Profiles'!$G$18=$B$24,21,0),MOD($C617,24)+1)/SUM(INDEX($D$3:$AA$30,INDEX(Jesper!$R$2:$R$366,ROW(INDEX(Jesper!AH$2:AH$366,ROUNDDOWN($C617/24,0)+1,1))-1)+IF('Standard Profiles'!$G$18=$B$10,7,0)+IF('Standard Profiles'!$G$18=$B$17,14,0)+IF('Standard Profiles'!$G$18=$B$24,21,0),0)),0)</f>
        <v>25.137415642339668</v>
      </c>
      <c r="E617" cm="1">
        <f t="array" ref="E617">IFERROR(INDEX(Jesper!AI$2:AI$366,ROUNDDOWN($C617/24,0)+1,1)*INDEX($D$3:$AA$30,INDEX(Jesper!$R$2:$R$366,ROW(INDEX(Jesper!AI$2:AI$366,ROUNDDOWN($C617/24,0)+1,1))-1)+IF('Standard Profiles'!$G$19=$B$10,7,0)+IF('Standard Profiles'!$G$19=$B$17,14,0)+IF('Standard Profiles'!$G$19=$B$24,21,0),MOD($C617,24)+1)/SUM(INDEX($D$3:$AA$30,INDEX(Jesper!$R$2:$R$366,ROW(INDEX(Jesper!AI$2:AI$366,ROUNDDOWN($C617/24,0)+1,1))-1)+IF('Standard Profiles'!$G$19=$B$10,7,0)+IF('Standard Profiles'!$G$19=$B$17,14,0)+IF('Standard Profiles'!$G$19=$B$24,21,0),0)),0)</f>
        <v>31.147001242817442</v>
      </c>
      <c r="F617" cm="1">
        <f t="array" ref="F617">IFERROR(INDEX(Jesper!AJ$2:AJ$366,ROUNDDOWN($C617/24,0)+1,1)*INDEX($D$3:$AA$30,INDEX(Jesper!$R$2:$R$366,ROW(INDEX(Jesper!AJ$2:AJ$366,ROUNDDOWN($C617/24,0)+1,1))-1)+IF('Standard Profiles'!$G$20=$B$10,7,0)+IF('Standard Profiles'!$G$20=$B$17,14,0)+IF('Standard Profiles'!$G$20=$B$24,21,0),MOD($C617,24)+1)/SUM(INDEX($D$3:$AA$30,INDEX(Jesper!$R$2:$R$366,ROW(INDEX(Jesper!AJ$2:AJ$366,ROUNDDOWN($C617/24,0)+1,1))-1)+IF('Standard Profiles'!$G$20=$B$10,7,0)+IF('Standard Profiles'!$G$20=$B$17,14,0)+IF('Standard Profiles'!$G$20=$B$24,21,0),0)),0)</f>
        <v>0</v>
      </c>
      <c r="G617" cm="1">
        <f t="array" ref="G617">IFERROR(INDEX(Jesper!AK$2:AK$366,ROUNDDOWN($C617/24,0)+1,1)*INDEX($D$3:$AA$30,INDEX(Jesper!$R$2:$R$366,ROW(INDEX(Jesper!AK$2:AK$366,ROUNDDOWN($C617/24,0)+1,1))-1)+IF('Standard Profiles'!$G$21=$B$10,7,0)+IF('Standard Profiles'!$G$21=$B$17,14,0)+IF('Standard Profiles'!$G$21=$B$24,21,0),MOD($C617,24)+1)/SUM(INDEX($D$3:$AA$30,INDEX(Jesper!$R$2:$R$366,ROW(INDEX(Jesper!AK$2:AK$366,ROUNDDOWN($C617/24,0)+1,1))-1)+IF('Standard Profiles'!$G$21=$B$10,7,0)+IF('Standard Profiles'!$G$21=$B$17,14,0)+IF('Standard Profiles'!$G$21=$B$24,21,0),0)),0)</f>
        <v>27.694433722970182</v>
      </c>
      <c r="H617" cm="1">
        <f t="array" ref="H617">IFERROR(INDEX(Jesper!AL$2:AL$366,ROUNDDOWN($C617/24,0)+1,1)*INDEX($D$3:$AA$30,INDEX(Jesper!$R$2:$R$366,ROW(INDEX(Jesper!AL$2:AL$366,ROUNDDOWN($C617/24,0)+1,1))-1)+IF('Standard Profiles'!$G$22=$B$10,7,0)+IF('Standard Profiles'!$G$22=$B$17,14,0)+IF('Standard Profiles'!$G$22=$B$24,21,0),MOD($C617,24)+1)/SUM(INDEX($D$3:$AA$30,INDEX(Jesper!$R$2:$R$366,ROW(INDEX(Jesper!AL$2:AL$366,ROUNDDOWN($C617/24,0)+1,1))-1)+IF('Standard Profiles'!$G$22=$B$10,7,0)+IF('Standard Profiles'!$G$22=$B$17,14,0)+IF('Standard Profiles'!$G$22=$B$24,21,0),0)),0)</f>
        <v>0</v>
      </c>
      <c r="I617">
        <f t="shared" si="83"/>
        <v>13.293328187025681</v>
      </c>
      <c r="J617">
        <f t="shared" si="84"/>
        <v>66.663535918327256</v>
      </c>
      <c r="K617">
        <f t="shared" si="85"/>
        <v>2.6813243351828979</v>
      </c>
      <c r="L617">
        <f t="shared" si="86"/>
        <v>1.340662167591449</v>
      </c>
      <c r="M617">
        <f t="shared" si="87"/>
        <v>0</v>
      </c>
      <c r="N617" s="45">
        <f t="shared" si="88"/>
        <v>44951.291666665253</v>
      </c>
    </row>
    <row r="618" spans="2:14" x14ac:dyDescent="0.25">
      <c r="B618">
        <f t="shared" si="82"/>
        <v>3</v>
      </c>
      <c r="C618" s="16">
        <v>584</v>
      </c>
      <c r="D618" cm="1">
        <f t="array" ref="D618">IFERROR(INDEX(Jesper!AH$2:AH$366,ROUNDDOWN($C618/24,0)+1,1)*INDEX($D$3:$AA$30,INDEX(Jesper!$R$2:$R$366,ROW(INDEX(Jesper!AH$2:AH$366,ROUNDDOWN($C618/24,0)+1,1))-1)+IF('Standard Profiles'!$G$18=$B$10,7,0)+IF('Standard Profiles'!$G$18=$B$17,14,0)+IF('Standard Profiles'!$G$18=$B$24,21,0),MOD($C618,24)+1)/SUM(INDEX($D$3:$AA$30,INDEX(Jesper!$R$2:$R$366,ROW(INDEX(Jesper!AH$2:AH$366,ROUNDDOWN($C618/24,0)+1,1))-1)+IF('Standard Profiles'!$G$18=$B$10,7,0)+IF('Standard Profiles'!$G$18=$B$17,14,0)+IF('Standard Profiles'!$G$18=$B$24,21,0),0)),0)</f>
        <v>28.048063769347419</v>
      </c>
      <c r="E618" cm="1">
        <f t="array" ref="E618">IFERROR(INDEX(Jesper!AI$2:AI$366,ROUNDDOWN($C618/24,0)+1,1)*INDEX($D$3:$AA$30,INDEX(Jesper!$R$2:$R$366,ROW(INDEX(Jesper!AI$2:AI$366,ROUNDDOWN($C618/24,0)+1,1))-1)+IF('Standard Profiles'!$G$19=$B$10,7,0)+IF('Standard Profiles'!$G$19=$B$17,14,0)+IF('Standard Profiles'!$G$19=$B$24,21,0),MOD($C618,24)+1)/SUM(INDEX($D$3:$AA$30,INDEX(Jesper!$R$2:$R$366,ROW(INDEX(Jesper!AI$2:AI$366,ROUNDDOWN($C618/24,0)+1,1))-1)+IF('Standard Profiles'!$G$19=$B$10,7,0)+IF('Standard Profiles'!$G$19=$B$17,14,0)+IF('Standard Profiles'!$G$19=$B$24,21,0),0)),0)</f>
        <v>34.75349612356473</v>
      </c>
      <c r="F618" cm="1">
        <f t="array" ref="F618">IFERROR(INDEX(Jesper!AJ$2:AJ$366,ROUNDDOWN($C618/24,0)+1,1)*INDEX($D$3:$AA$30,INDEX(Jesper!$R$2:$R$366,ROW(INDEX(Jesper!AJ$2:AJ$366,ROUNDDOWN($C618/24,0)+1,1))-1)+IF('Standard Profiles'!$G$20=$B$10,7,0)+IF('Standard Profiles'!$G$20=$B$17,14,0)+IF('Standard Profiles'!$G$20=$B$24,21,0),MOD($C618,24)+1)/SUM(INDEX($D$3:$AA$30,INDEX(Jesper!$R$2:$R$366,ROW(INDEX(Jesper!AJ$2:AJ$366,ROUNDDOWN($C618/24,0)+1,1))-1)+IF('Standard Profiles'!$G$20=$B$10,7,0)+IF('Standard Profiles'!$G$20=$B$17,14,0)+IF('Standard Profiles'!$G$20=$B$24,21,0),0)),0)</f>
        <v>0</v>
      </c>
      <c r="G618" cm="1">
        <f t="array" ref="G618">IFERROR(INDEX(Jesper!AK$2:AK$366,ROUNDDOWN($C618/24,0)+1,1)*INDEX($D$3:$AA$30,INDEX(Jesper!$R$2:$R$366,ROW(INDEX(Jesper!AK$2:AK$366,ROUNDDOWN($C618/24,0)+1,1))-1)+IF('Standard Profiles'!$G$21=$B$10,7,0)+IF('Standard Profiles'!$G$21=$B$17,14,0)+IF('Standard Profiles'!$G$21=$B$24,21,0),MOD($C618,24)+1)/SUM(INDEX($D$3:$AA$30,INDEX(Jesper!$R$2:$R$366,ROW(INDEX(Jesper!AK$2:AK$366,ROUNDDOWN($C618/24,0)+1,1))-1)+IF('Standard Profiles'!$G$21=$B$10,7,0)+IF('Standard Profiles'!$G$21=$B$17,14,0)+IF('Standard Profiles'!$G$21=$B$24,21,0),0)),0)</f>
        <v>30.901157627735156</v>
      </c>
      <c r="H618" cm="1">
        <f t="array" ref="H618">IFERROR(INDEX(Jesper!AL$2:AL$366,ROUNDDOWN($C618/24,0)+1,1)*INDEX($D$3:$AA$30,INDEX(Jesper!$R$2:$R$366,ROW(INDEX(Jesper!AL$2:AL$366,ROUNDDOWN($C618/24,0)+1,1))-1)+IF('Standard Profiles'!$G$22=$B$10,7,0)+IF('Standard Profiles'!$G$22=$B$17,14,0)+IF('Standard Profiles'!$G$22=$B$24,21,0),MOD($C618,24)+1)/SUM(INDEX($D$3:$AA$30,INDEX(Jesper!$R$2:$R$366,ROW(INDEX(Jesper!AL$2:AL$366,ROUNDDOWN($C618/24,0)+1,1))-1)+IF('Standard Profiles'!$G$22=$B$10,7,0)+IF('Standard Profiles'!$G$22=$B$17,14,0)+IF('Standard Profiles'!$G$22=$B$24,21,0),0)),0)</f>
        <v>0</v>
      </c>
      <c r="I618">
        <f t="shared" si="83"/>
        <v>14.832555661312867</v>
      </c>
      <c r="J618">
        <f t="shared" si="84"/>
        <v>74.382471656238849</v>
      </c>
      <c r="K618">
        <f t="shared" si="85"/>
        <v>2.9917934687303913</v>
      </c>
      <c r="L618">
        <f t="shared" si="86"/>
        <v>1.4958967343651957</v>
      </c>
      <c r="M618">
        <f t="shared" si="87"/>
        <v>0</v>
      </c>
      <c r="N618" s="45">
        <f t="shared" si="88"/>
        <v>44951.333333331917</v>
      </c>
    </row>
    <row r="619" spans="2:14" x14ac:dyDescent="0.25">
      <c r="B619">
        <f t="shared" si="82"/>
        <v>3</v>
      </c>
      <c r="C619" s="16">
        <v>585</v>
      </c>
      <c r="D619" cm="1">
        <f t="array" ref="D619">IFERROR(INDEX(Jesper!AH$2:AH$366,ROUNDDOWN($C619/24,0)+1,1)*INDEX($D$3:$AA$30,INDEX(Jesper!$R$2:$R$366,ROW(INDEX(Jesper!AH$2:AH$366,ROUNDDOWN($C619/24,0)+1,1))-1)+IF('Standard Profiles'!$G$18=$B$10,7,0)+IF('Standard Profiles'!$G$18=$B$17,14,0)+IF('Standard Profiles'!$G$18=$B$24,21,0),MOD($C619,24)+1)/SUM(INDEX($D$3:$AA$30,INDEX(Jesper!$R$2:$R$366,ROW(INDEX(Jesper!AH$2:AH$366,ROUNDDOWN($C619/24,0)+1,1))-1)+IF('Standard Profiles'!$G$18=$B$10,7,0)+IF('Standard Profiles'!$G$18=$B$17,14,0)+IF('Standard Profiles'!$G$18=$B$24,21,0),0)),0)</f>
        <v>30.958711896355172</v>
      </c>
      <c r="E619" cm="1">
        <f t="array" ref="E619">IFERROR(INDEX(Jesper!AI$2:AI$366,ROUNDDOWN($C619/24,0)+1,1)*INDEX($D$3:$AA$30,INDEX(Jesper!$R$2:$R$366,ROW(INDEX(Jesper!AI$2:AI$366,ROUNDDOWN($C619/24,0)+1,1))-1)+IF('Standard Profiles'!$G$19=$B$10,7,0)+IF('Standard Profiles'!$G$19=$B$17,14,0)+IF('Standard Profiles'!$G$19=$B$24,21,0),MOD($C619,24)+1)/SUM(INDEX($D$3:$AA$30,INDEX(Jesper!$R$2:$R$366,ROW(INDEX(Jesper!AI$2:AI$366,ROUNDDOWN($C619/24,0)+1,1))-1)+IF('Standard Profiles'!$G$19=$B$10,7,0)+IF('Standard Profiles'!$G$19=$B$17,14,0)+IF('Standard Profiles'!$G$19=$B$24,21,0),0)),0)</f>
        <v>38.359991004312015</v>
      </c>
      <c r="F619" cm="1">
        <f t="array" ref="F619">IFERROR(INDEX(Jesper!AJ$2:AJ$366,ROUNDDOWN($C619/24,0)+1,1)*INDEX($D$3:$AA$30,INDEX(Jesper!$R$2:$R$366,ROW(INDEX(Jesper!AJ$2:AJ$366,ROUNDDOWN($C619/24,0)+1,1))-1)+IF('Standard Profiles'!$G$20=$B$10,7,0)+IF('Standard Profiles'!$G$20=$B$17,14,0)+IF('Standard Profiles'!$G$20=$B$24,21,0),MOD($C619,24)+1)/SUM(INDEX($D$3:$AA$30,INDEX(Jesper!$R$2:$R$366,ROW(INDEX(Jesper!AJ$2:AJ$366,ROUNDDOWN($C619/24,0)+1,1))-1)+IF('Standard Profiles'!$G$20=$B$10,7,0)+IF('Standard Profiles'!$G$20=$B$17,14,0)+IF('Standard Profiles'!$G$20=$B$24,21,0),0)),0)</f>
        <v>0</v>
      </c>
      <c r="G619" cm="1">
        <f t="array" ref="G619">IFERROR(INDEX(Jesper!AK$2:AK$366,ROUNDDOWN($C619/24,0)+1,1)*INDEX($D$3:$AA$30,INDEX(Jesper!$R$2:$R$366,ROW(INDEX(Jesper!AK$2:AK$366,ROUNDDOWN($C619/24,0)+1,1))-1)+IF('Standard Profiles'!$G$21=$B$10,7,0)+IF('Standard Profiles'!$G$21=$B$17,14,0)+IF('Standard Profiles'!$G$21=$B$24,21,0),MOD($C619,24)+1)/SUM(INDEX($D$3:$AA$30,INDEX(Jesper!$R$2:$R$366,ROW(INDEX(Jesper!AK$2:AK$366,ROUNDDOWN($C619/24,0)+1,1))-1)+IF('Standard Profiles'!$G$21=$B$10,7,0)+IF('Standard Profiles'!$G$21=$B$17,14,0)+IF('Standard Profiles'!$G$21=$B$24,21,0),0)),0)</f>
        <v>34.107881532500123</v>
      </c>
      <c r="H619" cm="1">
        <f t="array" ref="H619">IFERROR(INDEX(Jesper!AL$2:AL$366,ROUNDDOWN($C619/24,0)+1,1)*INDEX($D$3:$AA$30,INDEX(Jesper!$R$2:$R$366,ROW(INDEX(Jesper!AL$2:AL$366,ROUNDDOWN($C619/24,0)+1,1))-1)+IF('Standard Profiles'!$G$22=$B$10,7,0)+IF('Standard Profiles'!$G$22=$B$17,14,0)+IF('Standard Profiles'!$G$22=$B$24,21,0),MOD($C619,24)+1)/SUM(INDEX($D$3:$AA$30,INDEX(Jesper!$R$2:$R$366,ROW(INDEX(Jesper!AL$2:AL$366,ROUNDDOWN($C619/24,0)+1,1))-1)+IF('Standard Profiles'!$G$22=$B$10,7,0)+IF('Standard Profiles'!$G$22=$B$17,14,0)+IF('Standard Profiles'!$G$22=$B$24,21,0),0)),0)</f>
        <v>0</v>
      </c>
      <c r="I619">
        <f t="shared" si="83"/>
        <v>16.371783135600051</v>
      </c>
      <c r="J619">
        <f t="shared" si="84"/>
        <v>82.101407394150442</v>
      </c>
      <c r="K619">
        <f t="shared" si="85"/>
        <v>3.3022626022778852</v>
      </c>
      <c r="L619">
        <f t="shared" si="86"/>
        <v>1.6511313011389426</v>
      </c>
      <c r="M619">
        <f t="shared" si="87"/>
        <v>0</v>
      </c>
      <c r="N619" s="45">
        <f t="shared" si="88"/>
        <v>44951.374999998581</v>
      </c>
    </row>
    <row r="620" spans="2:14" x14ac:dyDescent="0.25">
      <c r="B620">
        <f t="shared" si="82"/>
        <v>3</v>
      </c>
      <c r="C620" s="16">
        <v>586</v>
      </c>
      <c r="D620" cm="1">
        <f t="array" ref="D620">IFERROR(INDEX(Jesper!AH$2:AH$366,ROUNDDOWN($C620/24,0)+1,1)*INDEX($D$3:$AA$30,INDEX(Jesper!$R$2:$R$366,ROW(INDEX(Jesper!AH$2:AH$366,ROUNDDOWN($C620/24,0)+1,1))-1)+IF('Standard Profiles'!$G$18=$B$10,7,0)+IF('Standard Profiles'!$G$18=$B$17,14,0)+IF('Standard Profiles'!$G$18=$B$24,21,0),MOD($C620,24)+1)/SUM(INDEX($D$3:$AA$30,INDEX(Jesper!$R$2:$R$366,ROW(INDEX(Jesper!AH$2:AH$366,ROUNDDOWN($C620/24,0)+1,1))-1)+IF('Standard Profiles'!$G$18=$B$10,7,0)+IF('Standard Profiles'!$G$18=$B$17,14,0)+IF('Standard Profiles'!$G$18=$B$24,21,0),0)),0)</f>
        <v>30.958711896355172</v>
      </c>
      <c r="E620" cm="1">
        <f t="array" ref="E620">IFERROR(INDEX(Jesper!AI$2:AI$366,ROUNDDOWN($C620/24,0)+1,1)*INDEX($D$3:$AA$30,INDEX(Jesper!$R$2:$R$366,ROW(INDEX(Jesper!AI$2:AI$366,ROUNDDOWN($C620/24,0)+1,1))-1)+IF('Standard Profiles'!$G$19=$B$10,7,0)+IF('Standard Profiles'!$G$19=$B$17,14,0)+IF('Standard Profiles'!$G$19=$B$24,21,0),MOD($C620,24)+1)/SUM(INDEX($D$3:$AA$30,INDEX(Jesper!$R$2:$R$366,ROW(INDEX(Jesper!AI$2:AI$366,ROUNDDOWN($C620/24,0)+1,1))-1)+IF('Standard Profiles'!$G$19=$B$10,7,0)+IF('Standard Profiles'!$G$19=$B$17,14,0)+IF('Standard Profiles'!$G$19=$B$24,21,0),0)),0)</f>
        <v>38.359991004312015</v>
      </c>
      <c r="F620" cm="1">
        <f t="array" ref="F620">IFERROR(INDEX(Jesper!AJ$2:AJ$366,ROUNDDOWN($C620/24,0)+1,1)*INDEX($D$3:$AA$30,INDEX(Jesper!$R$2:$R$366,ROW(INDEX(Jesper!AJ$2:AJ$366,ROUNDDOWN($C620/24,0)+1,1))-1)+IF('Standard Profiles'!$G$20=$B$10,7,0)+IF('Standard Profiles'!$G$20=$B$17,14,0)+IF('Standard Profiles'!$G$20=$B$24,21,0),MOD($C620,24)+1)/SUM(INDEX($D$3:$AA$30,INDEX(Jesper!$R$2:$R$366,ROW(INDEX(Jesper!AJ$2:AJ$366,ROUNDDOWN($C620/24,0)+1,1))-1)+IF('Standard Profiles'!$G$20=$B$10,7,0)+IF('Standard Profiles'!$G$20=$B$17,14,0)+IF('Standard Profiles'!$G$20=$B$24,21,0),0)),0)</f>
        <v>0</v>
      </c>
      <c r="G620" cm="1">
        <f t="array" ref="G620">IFERROR(INDEX(Jesper!AK$2:AK$366,ROUNDDOWN($C620/24,0)+1,1)*INDEX($D$3:$AA$30,INDEX(Jesper!$R$2:$R$366,ROW(INDEX(Jesper!AK$2:AK$366,ROUNDDOWN($C620/24,0)+1,1))-1)+IF('Standard Profiles'!$G$21=$B$10,7,0)+IF('Standard Profiles'!$G$21=$B$17,14,0)+IF('Standard Profiles'!$G$21=$B$24,21,0),MOD($C620,24)+1)/SUM(INDEX($D$3:$AA$30,INDEX(Jesper!$R$2:$R$366,ROW(INDEX(Jesper!AK$2:AK$366,ROUNDDOWN($C620/24,0)+1,1))-1)+IF('Standard Profiles'!$G$21=$B$10,7,0)+IF('Standard Profiles'!$G$21=$B$17,14,0)+IF('Standard Profiles'!$G$21=$B$24,21,0),0)),0)</f>
        <v>34.107881532500123</v>
      </c>
      <c r="H620" cm="1">
        <f t="array" ref="H620">IFERROR(INDEX(Jesper!AL$2:AL$366,ROUNDDOWN($C620/24,0)+1,1)*INDEX($D$3:$AA$30,INDEX(Jesper!$R$2:$R$366,ROW(INDEX(Jesper!AL$2:AL$366,ROUNDDOWN($C620/24,0)+1,1))-1)+IF('Standard Profiles'!$G$22=$B$10,7,0)+IF('Standard Profiles'!$G$22=$B$17,14,0)+IF('Standard Profiles'!$G$22=$B$24,21,0),MOD($C620,24)+1)/SUM(INDEX($D$3:$AA$30,INDEX(Jesper!$R$2:$R$366,ROW(INDEX(Jesper!AL$2:AL$366,ROUNDDOWN($C620/24,0)+1,1))-1)+IF('Standard Profiles'!$G$22=$B$10,7,0)+IF('Standard Profiles'!$G$22=$B$17,14,0)+IF('Standard Profiles'!$G$22=$B$24,21,0),0)),0)</f>
        <v>0</v>
      </c>
      <c r="I620">
        <f t="shared" si="83"/>
        <v>16.371783135600051</v>
      </c>
      <c r="J620">
        <f t="shared" si="84"/>
        <v>82.101407394150442</v>
      </c>
      <c r="K620">
        <f t="shared" si="85"/>
        <v>3.3022626022778852</v>
      </c>
      <c r="L620">
        <f t="shared" si="86"/>
        <v>1.6511313011389426</v>
      </c>
      <c r="M620">
        <f t="shared" si="87"/>
        <v>0</v>
      </c>
      <c r="N620" s="45">
        <f t="shared" si="88"/>
        <v>44951.416666665245</v>
      </c>
    </row>
    <row r="621" spans="2:14" x14ac:dyDescent="0.25">
      <c r="B621">
        <f t="shared" si="82"/>
        <v>3</v>
      </c>
      <c r="C621" s="16">
        <v>587</v>
      </c>
      <c r="D621" cm="1">
        <f t="array" ref="D621">IFERROR(INDEX(Jesper!AH$2:AH$366,ROUNDDOWN($C621/24,0)+1,1)*INDEX($D$3:$AA$30,INDEX(Jesper!$R$2:$R$366,ROW(INDEX(Jesper!AH$2:AH$366,ROUNDDOWN($C621/24,0)+1,1))-1)+IF('Standard Profiles'!$G$18=$B$10,7,0)+IF('Standard Profiles'!$G$18=$B$17,14,0)+IF('Standard Profiles'!$G$18=$B$24,21,0),MOD($C621,24)+1)/SUM(INDEX($D$3:$AA$30,INDEX(Jesper!$R$2:$R$366,ROW(INDEX(Jesper!AH$2:AH$366,ROUNDDOWN($C621/24,0)+1,1))-1)+IF('Standard Profiles'!$G$18=$B$10,7,0)+IF('Standard Profiles'!$G$18=$B$17,14,0)+IF('Standard Profiles'!$G$18=$B$24,21,0),0)),0)</f>
        <v>37.044612525553198</v>
      </c>
      <c r="E621" cm="1">
        <f t="array" ref="E621">IFERROR(INDEX(Jesper!AI$2:AI$366,ROUNDDOWN($C621/24,0)+1,1)*INDEX($D$3:$AA$30,INDEX(Jesper!$R$2:$R$366,ROW(INDEX(Jesper!AI$2:AI$366,ROUNDDOWN($C621/24,0)+1,1))-1)+IF('Standard Profiles'!$G$19=$B$10,7,0)+IF('Standard Profiles'!$G$19=$B$17,14,0)+IF('Standard Profiles'!$G$19=$B$24,21,0),MOD($C621,24)+1)/SUM(INDEX($D$3:$AA$30,INDEX(Jesper!$R$2:$R$366,ROW(INDEX(Jesper!AI$2:AI$366,ROUNDDOWN($C621/24,0)+1,1))-1)+IF('Standard Profiles'!$G$19=$B$10,7,0)+IF('Standard Profiles'!$G$19=$B$17,14,0)+IF('Standard Profiles'!$G$19=$B$24,21,0),0)),0)</f>
        <v>45.900843936783602</v>
      </c>
      <c r="F621" cm="1">
        <f t="array" ref="F621">IFERROR(INDEX(Jesper!AJ$2:AJ$366,ROUNDDOWN($C621/24,0)+1,1)*INDEX($D$3:$AA$30,INDEX(Jesper!$R$2:$R$366,ROW(INDEX(Jesper!AJ$2:AJ$366,ROUNDDOWN($C621/24,0)+1,1))-1)+IF('Standard Profiles'!$G$20=$B$10,7,0)+IF('Standard Profiles'!$G$20=$B$17,14,0)+IF('Standard Profiles'!$G$20=$B$24,21,0),MOD($C621,24)+1)/SUM(INDEX($D$3:$AA$30,INDEX(Jesper!$R$2:$R$366,ROW(INDEX(Jesper!AJ$2:AJ$366,ROUNDDOWN($C621/24,0)+1,1))-1)+IF('Standard Profiles'!$G$20=$B$10,7,0)+IF('Standard Profiles'!$G$20=$B$17,14,0)+IF('Standard Profiles'!$G$20=$B$24,21,0),0)),0)</f>
        <v>0</v>
      </c>
      <c r="G621" cm="1">
        <f t="array" ref="G621">IFERROR(INDEX(Jesper!AK$2:AK$366,ROUNDDOWN($C621/24,0)+1,1)*INDEX($D$3:$AA$30,INDEX(Jesper!$R$2:$R$366,ROW(INDEX(Jesper!AK$2:AK$366,ROUNDDOWN($C621/24,0)+1,1))-1)+IF('Standard Profiles'!$G$21=$B$10,7,0)+IF('Standard Profiles'!$G$21=$B$17,14,0)+IF('Standard Profiles'!$G$21=$B$24,21,0),MOD($C621,24)+1)/SUM(INDEX($D$3:$AA$30,INDEX(Jesper!$R$2:$R$366,ROW(INDEX(Jesper!AK$2:AK$366,ROUNDDOWN($C621/24,0)+1,1))-1)+IF('Standard Profiles'!$G$21=$B$10,7,0)+IF('Standard Profiles'!$G$21=$B$17,14,0)+IF('Standard Profiles'!$G$21=$B$24,21,0),0)),0)</f>
        <v>40.812849697008687</v>
      </c>
      <c r="H621" cm="1">
        <f t="array" ref="H621">IFERROR(INDEX(Jesper!AL$2:AL$366,ROUNDDOWN($C621/24,0)+1,1)*INDEX($D$3:$AA$30,INDEX(Jesper!$R$2:$R$366,ROW(INDEX(Jesper!AL$2:AL$366,ROUNDDOWN($C621/24,0)+1,1))-1)+IF('Standard Profiles'!$G$22=$B$10,7,0)+IF('Standard Profiles'!$G$22=$B$17,14,0)+IF('Standard Profiles'!$G$22=$B$24,21,0),MOD($C621,24)+1)/SUM(INDEX($D$3:$AA$30,INDEX(Jesper!$R$2:$R$366,ROW(INDEX(Jesper!AL$2:AL$366,ROUNDDOWN($C621/24,0)+1,1))-1)+IF('Standard Profiles'!$G$22=$B$10,7,0)+IF('Standard Profiles'!$G$22=$B$17,14,0)+IF('Standard Profiles'!$G$22=$B$24,21,0),0)),0)</f>
        <v>0</v>
      </c>
      <c r="I621">
        <f t="shared" si="83"/>
        <v>19.590167854564161</v>
      </c>
      <c r="J621">
        <f t="shared" si="84"/>
        <v>98.241000300692818</v>
      </c>
      <c r="K621">
        <f t="shared" si="85"/>
        <v>3.9514253360590081</v>
      </c>
      <c r="L621">
        <f t="shared" si="86"/>
        <v>1.9757126680295041</v>
      </c>
      <c r="M621">
        <f t="shared" si="87"/>
        <v>0</v>
      </c>
      <c r="N621" s="45">
        <f t="shared" si="88"/>
        <v>44951.45833333191</v>
      </c>
    </row>
    <row r="622" spans="2:14" x14ac:dyDescent="0.25">
      <c r="B622">
        <f t="shared" si="82"/>
        <v>3</v>
      </c>
      <c r="C622" s="16">
        <v>588</v>
      </c>
      <c r="D622" cm="1">
        <f t="array" ref="D622">IFERROR(INDEX(Jesper!AH$2:AH$366,ROUNDDOWN($C622/24,0)+1,1)*INDEX($D$3:$AA$30,INDEX(Jesper!$R$2:$R$366,ROW(INDEX(Jesper!AH$2:AH$366,ROUNDDOWN($C622/24,0)+1,1))-1)+IF('Standard Profiles'!$G$18=$B$10,7,0)+IF('Standard Profiles'!$G$18=$B$17,14,0)+IF('Standard Profiles'!$G$18=$B$24,21,0),MOD($C622,24)+1)/SUM(INDEX($D$3:$AA$30,INDEX(Jesper!$R$2:$R$366,ROW(INDEX(Jesper!AH$2:AH$366,ROUNDDOWN($C622/24,0)+1,1))-1)+IF('Standard Profiles'!$G$18=$B$10,7,0)+IF('Standard Profiles'!$G$18=$B$17,14,0)+IF('Standard Profiles'!$G$18=$B$24,21,0),0)),0)</f>
        <v>37.044612525553198</v>
      </c>
      <c r="E622" cm="1">
        <f t="array" ref="E622">IFERROR(INDEX(Jesper!AI$2:AI$366,ROUNDDOWN($C622/24,0)+1,1)*INDEX($D$3:$AA$30,INDEX(Jesper!$R$2:$R$366,ROW(INDEX(Jesper!AI$2:AI$366,ROUNDDOWN($C622/24,0)+1,1))-1)+IF('Standard Profiles'!$G$19=$B$10,7,0)+IF('Standard Profiles'!$G$19=$B$17,14,0)+IF('Standard Profiles'!$G$19=$B$24,21,0),MOD($C622,24)+1)/SUM(INDEX($D$3:$AA$30,INDEX(Jesper!$R$2:$R$366,ROW(INDEX(Jesper!AI$2:AI$366,ROUNDDOWN($C622/24,0)+1,1))-1)+IF('Standard Profiles'!$G$19=$B$10,7,0)+IF('Standard Profiles'!$G$19=$B$17,14,0)+IF('Standard Profiles'!$G$19=$B$24,21,0),0)),0)</f>
        <v>45.900843936783602</v>
      </c>
      <c r="F622" cm="1">
        <f t="array" ref="F622">IFERROR(INDEX(Jesper!AJ$2:AJ$366,ROUNDDOWN($C622/24,0)+1,1)*INDEX($D$3:$AA$30,INDEX(Jesper!$R$2:$R$366,ROW(INDEX(Jesper!AJ$2:AJ$366,ROUNDDOWN($C622/24,0)+1,1))-1)+IF('Standard Profiles'!$G$20=$B$10,7,0)+IF('Standard Profiles'!$G$20=$B$17,14,0)+IF('Standard Profiles'!$G$20=$B$24,21,0),MOD($C622,24)+1)/SUM(INDEX($D$3:$AA$30,INDEX(Jesper!$R$2:$R$366,ROW(INDEX(Jesper!AJ$2:AJ$366,ROUNDDOWN($C622/24,0)+1,1))-1)+IF('Standard Profiles'!$G$20=$B$10,7,0)+IF('Standard Profiles'!$G$20=$B$17,14,0)+IF('Standard Profiles'!$G$20=$B$24,21,0),0)),0)</f>
        <v>0</v>
      </c>
      <c r="G622" cm="1">
        <f t="array" ref="G622">IFERROR(INDEX(Jesper!AK$2:AK$366,ROUNDDOWN($C622/24,0)+1,1)*INDEX($D$3:$AA$30,INDEX(Jesper!$R$2:$R$366,ROW(INDEX(Jesper!AK$2:AK$366,ROUNDDOWN($C622/24,0)+1,1))-1)+IF('Standard Profiles'!$G$21=$B$10,7,0)+IF('Standard Profiles'!$G$21=$B$17,14,0)+IF('Standard Profiles'!$G$21=$B$24,21,0),MOD($C622,24)+1)/SUM(INDEX($D$3:$AA$30,INDEX(Jesper!$R$2:$R$366,ROW(INDEX(Jesper!AK$2:AK$366,ROUNDDOWN($C622/24,0)+1,1))-1)+IF('Standard Profiles'!$G$21=$B$10,7,0)+IF('Standard Profiles'!$G$21=$B$17,14,0)+IF('Standard Profiles'!$G$21=$B$24,21,0),0)),0)</f>
        <v>40.812849697008687</v>
      </c>
      <c r="H622" cm="1">
        <f t="array" ref="H622">IFERROR(INDEX(Jesper!AL$2:AL$366,ROUNDDOWN($C622/24,0)+1,1)*INDEX($D$3:$AA$30,INDEX(Jesper!$R$2:$R$366,ROW(INDEX(Jesper!AL$2:AL$366,ROUNDDOWN($C622/24,0)+1,1))-1)+IF('Standard Profiles'!$G$22=$B$10,7,0)+IF('Standard Profiles'!$G$22=$B$17,14,0)+IF('Standard Profiles'!$G$22=$B$24,21,0),MOD($C622,24)+1)/SUM(INDEX($D$3:$AA$30,INDEX(Jesper!$R$2:$R$366,ROW(INDEX(Jesper!AL$2:AL$366,ROUNDDOWN($C622/24,0)+1,1))-1)+IF('Standard Profiles'!$G$22=$B$10,7,0)+IF('Standard Profiles'!$G$22=$B$17,14,0)+IF('Standard Profiles'!$G$22=$B$24,21,0),0)),0)</f>
        <v>0</v>
      </c>
      <c r="I622">
        <f t="shared" si="83"/>
        <v>19.590167854564161</v>
      </c>
      <c r="J622">
        <f t="shared" si="84"/>
        <v>98.241000300692818</v>
      </c>
      <c r="K622">
        <f t="shared" si="85"/>
        <v>3.9514253360590081</v>
      </c>
      <c r="L622">
        <f t="shared" si="86"/>
        <v>1.9757126680295041</v>
      </c>
      <c r="M622">
        <f t="shared" si="87"/>
        <v>0</v>
      </c>
      <c r="N622" s="45">
        <f t="shared" si="88"/>
        <v>44951.499999998574</v>
      </c>
    </row>
    <row r="623" spans="2:14" x14ac:dyDescent="0.25">
      <c r="B623">
        <f t="shared" si="82"/>
        <v>3</v>
      </c>
      <c r="C623" s="16">
        <v>589</v>
      </c>
      <c r="D623" cm="1">
        <f t="array" ref="D623">IFERROR(INDEX(Jesper!AH$2:AH$366,ROUNDDOWN($C623/24,0)+1,1)*INDEX($D$3:$AA$30,INDEX(Jesper!$R$2:$R$366,ROW(INDEX(Jesper!AH$2:AH$366,ROUNDDOWN($C623/24,0)+1,1))-1)+IF('Standard Profiles'!$G$18=$B$10,7,0)+IF('Standard Profiles'!$G$18=$B$17,14,0)+IF('Standard Profiles'!$G$18=$B$24,21,0),MOD($C623,24)+1)/SUM(INDEX($D$3:$AA$30,INDEX(Jesper!$R$2:$R$366,ROW(INDEX(Jesper!AH$2:AH$366,ROUNDDOWN($C623/24,0)+1,1))-1)+IF('Standard Profiles'!$G$18=$B$10,7,0)+IF('Standard Profiles'!$G$18=$B$17,14,0)+IF('Standard Profiles'!$G$18=$B$24,21,0),0)),0)</f>
        <v>24.608206891974625</v>
      </c>
      <c r="E623" cm="1">
        <f t="array" ref="E623">IFERROR(INDEX(Jesper!AI$2:AI$366,ROUNDDOWN($C623/24,0)+1,1)*INDEX($D$3:$AA$30,INDEX(Jesper!$R$2:$R$366,ROW(INDEX(Jesper!AI$2:AI$366,ROUNDDOWN($C623/24,0)+1,1))-1)+IF('Standard Profiles'!$G$19=$B$10,7,0)+IF('Standard Profiles'!$G$19=$B$17,14,0)+IF('Standard Profiles'!$G$19=$B$24,21,0),MOD($C623,24)+1)/SUM(INDEX($D$3:$AA$30,INDEX(Jesper!$R$2:$R$366,ROW(INDEX(Jesper!AI$2:AI$366,ROUNDDOWN($C623/24,0)+1,1))-1)+IF('Standard Profiles'!$G$19=$B$10,7,0)+IF('Standard Profiles'!$G$19=$B$17,14,0)+IF('Standard Profiles'!$G$19=$B$24,21,0),0)),0)</f>
        <v>30.491274900863392</v>
      </c>
      <c r="F623" cm="1">
        <f t="array" ref="F623">IFERROR(INDEX(Jesper!AJ$2:AJ$366,ROUNDDOWN($C623/24,0)+1,1)*INDEX($D$3:$AA$30,INDEX(Jesper!$R$2:$R$366,ROW(INDEX(Jesper!AJ$2:AJ$366,ROUNDDOWN($C623/24,0)+1,1))-1)+IF('Standard Profiles'!$G$20=$B$10,7,0)+IF('Standard Profiles'!$G$20=$B$17,14,0)+IF('Standard Profiles'!$G$20=$B$24,21,0),MOD($C623,24)+1)/SUM(INDEX($D$3:$AA$30,INDEX(Jesper!$R$2:$R$366,ROW(INDEX(Jesper!AJ$2:AJ$366,ROUNDDOWN($C623/24,0)+1,1))-1)+IF('Standard Profiles'!$G$20=$B$10,7,0)+IF('Standard Profiles'!$G$20=$B$17,14,0)+IF('Standard Profiles'!$G$20=$B$24,21,0),0)),0)</f>
        <v>0</v>
      </c>
      <c r="G623" cm="1">
        <f t="array" ref="G623">IFERROR(INDEX(Jesper!AK$2:AK$366,ROUNDDOWN($C623/24,0)+1,1)*INDEX($D$3:$AA$30,INDEX(Jesper!$R$2:$R$366,ROW(INDEX(Jesper!AK$2:AK$366,ROUNDDOWN($C623/24,0)+1,1))-1)+IF('Standard Profiles'!$G$21=$B$10,7,0)+IF('Standard Profiles'!$G$21=$B$17,14,0)+IF('Standard Profiles'!$G$21=$B$24,21,0),MOD($C623,24)+1)/SUM(INDEX($D$3:$AA$30,INDEX(Jesper!$R$2:$R$366,ROW(INDEX(Jesper!AK$2:AK$366,ROUNDDOWN($C623/24,0)+1,1))-1)+IF('Standard Profiles'!$G$21=$B$10,7,0)+IF('Standard Profiles'!$G$21=$B$17,14,0)+IF('Standard Profiles'!$G$21=$B$24,21,0),0)),0)</f>
        <v>27.111393013012918</v>
      </c>
      <c r="H623" cm="1">
        <f t="array" ref="H623">IFERROR(INDEX(Jesper!AL$2:AL$366,ROUNDDOWN($C623/24,0)+1,1)*INDEX($D$3:$AA$30,INDEX(Jesper!$R$2:$R$366,ROW(INDEX(Jesper!AL$2:AL$366,ROUNDDOWN($C623/24,0)+1,1))-1)+IF('Standard Profiles'!$G$22=$B$10,7,0)+IF('Standard Profiles'!$G$22=$B$17,14,0)+IF('Standard Profiles'!$G$22=$B$24,21,0),MOD($C623,24)+1)/SUM(INDEX($D$3:$AA$30,INDEX(Jesper!$R$2:$R$366,ROW(INDEX(Jesper!AL$2:AL$366,ROUNDDOWN($C623/24,0)+1,1))-1)+IF('Standard Profiles'!$G$22=$B$10,7,0)+IF('Standard Profiles'!$G$22=$B$17,14,0)+IF('Standard Profiles'!$G$22=$B$24,21,0),0)),0)</f>
        <v>0</v>
      </c>
      <c r="I623">
        <f t="shared" si="83"/>
        <v>13.013468646246194</v>
      </c>
      <c r="J623">
        <f t="shared" si="84"/>
        <v>65.260093056888792</v>
      </c>
      <c r="K623">
        <f t="shared" si="85"/>
        <v>2.6248754018106268</v>
      </c>
      <c r="L623">
        <f t="shared" si="86"/>
        <v>1.3124377009053134</v>
      </c>
      <c r="M623">
        <f t="shared" si="87"/>
        <v>0</v>
      </c>
      <c r="N623" s="45">
        <f t="shared" si="88"/>
        <v>44951.541666665238</v>
      </c>
    </row>
    <row r="624" spans="2:14" x14ac:dyDescent="0.25">
      <c r="B624">
        <f t="shared" si="82"/>
        <v>3</v>
      </c>
      <c r="C624" s="16">
        <v>590</v>
      </c>
      <c r="D624" cm="1">
        <f t="array" ref="D624">IFERROR(INDEX(Jesper!AH$2:AH$366,ROUNDDOWN($C624/24,0)+1,1)*INDEX($D$3:$AA$30,INDEX(Jesper!$R$2:$R$366,ROW(INDEX(Jesper!AH$2:AH$366,ROUNDDOWN($C624/24,0)+1,1))-1)+IF('Standard Profiles'!$G$18=$B$10,7,0)+IF('Standard Profiles'!$G$18=$B$17,14,0)+IF('Standard Profiles'!$G$18=$B$24,21,0),MOD($C624,24)+1)/SUM(INDEX($D$3:$AA$30,INDEX(Jesper!$R$2:$R$366,ROW(INDEX(Jesper!AH$2:AH$366,ROUNDDOWN($C624/24,0)+1,1))-1)+IF('Standard Profiles'!$G$18=$B$10,7,0)+IF('Standard Profiles'!$G$18=$B$17,14,0)+IF('Standard Profiles'!$G$18=$B$24,21,0),0)),0)</f>
        <v>37.044612525553198</v>
      </c>
      <c r="E624" cm="1">
        <f t="array" ref="E624">IFERROR(INDEX(Jesper!AI$2:AI$366,ROUNDDOWN($C624/24,0)+1,1)*INDEX($D$3:$AA$30,INDEX(Jesper!$R$2:$R$366,ROW(INDEX(Jesper!AI$2:AI$366,ROUNDDOWN($C624/24,0)+1,1))-1)+IF('Standard Profiles'!$G$19=$B$10,7,0)+IF('Standard Profiles'!$G$19=$B$17,14,0)+IF('Standard Profiles'!$G$19=$B$24,21,0),MOD($C624,24)+1)/SUM(INDEX($D$3:$AA$30,INDEX(Jesper!$R$2:$R$366,ROW(INDEX(Jesper!AI$2:AI$366,ROUNDDOWN($C624/24,0)+1,1))-1)+IF('Standard Profiles'!$G$19=$B$10,7,0)+IF('Standard Profiles'!$G$19=$B$17,14,0)+IF('Standard Profiles'!$G$19=$B$24,21,0),0)),0)</f>
        <v>45.900843936783602</v>
      </c>
      <c r="F624" cm="1">
        <f t="array" ref="F624">IFERROR(INDEX(Jesper!AJ$2:AJ$366,ROUNDDOWN($C624/24,0)+1,1)*INDEX($D$3:$AA$30,INDEX(Jesper!$R$2:$R$366,ROW(INDEX(Jesper!AJ$2:AJ$366,ROUNDDOWN($C624/24,0)+1,1))-1)+IF('Standard Profiles'!$G$20=$B$10,7,0)+IF('Standard Profiles'!$G$20=$B$17,14,0)+IF('Standard Profiles'!$G$20=$B$24,21,0),MOD($C624,24)+1)/SUM(INDEX($D$3:$AA$30,INDEX(Jesper!$R$2:$R$366,ROW(INDEX(Jesper!AJ$2:AJ$366,ROUNDDOWN($C624/24,0)+1,1))-1)+IF('Standard Profiles'!$G$20=$B$10,7,0)+IF('Standard Profiles'!$G$20=$B$17,14,0)+IF('Standard Profiles'!$G$20=$B$24,21,0),0)),0)</f>
        <v>0</v>
      </c>
      <c r="G624" cm="1">
        <f t="array" ref="G624">IFERROR(INDEX(Jesper!AK$2:AK$366,ROUNDDOWN($C624/24,0)+1,1)*INDEX($D$3:$AA$30,INDEX(Jesper!$R$2:$R$366,ROW(INDEX(Jesper!AK$2:AK$366,ROUNDDOWN($C624/24,0)+1,1))-1)+IF('Standard Profiles'!$G$21=$B$10,7,0)+IF('Standard Profiles'!$G$21=$B$17,14,0)+IF('Standard Profiles'!$G$21=$B$24,21,0),MOD($C624,24)+1)/SUM(INDEX($D$3:$AA$30,INDEX(Jesper!$R$2:$R$366,ROW(INDEX(Jesper!AK$2:AK$366,ROUNDDOWN($C624/24,0)+1,1))-1)+IF('Standard Profiles'!$G$21=$B$10,7,0)+IF('Standard Profiles'!$G$21=$B$17,14,0)+IF('Standard Profiles'!$G$21=$B$24,21,0),0)),0)</f>
        <v>40.812849697008687</v>
      </c>
      <c r="H624" cm="1">
        <f t="array" ref="H624">IFERROR(INDEX(Jesper!AL$2:AL$366,ROUNDDOWN($C624/24,0)+1,1)*INDEX($D$3:$AA$30,INDEX(Jesper!$R$2:$R$366,ROW(INDEX(Jesper!AL$2:AL$366,ROUNDDOWN($C624/24,0)+1,1))-1)+IF('Standard Profiles'!$G$22=$B$10,7,0)+IF('Standard Profiles'!$G$22=$B$17,14,0)+IF('Standard Profiles'!$G$22=$B$24,21,0),MOD($C624,24)+1)/SUM(INDEX($D$3:$AA$30,INDEX(Jesper!$R$2:$R$366,ROW(INDEX(Jesper!AL$2:AL$366,ROUNDDOWN($C624/24,0)+1,1))-1)+IF('Standard Profiles'!$G$22=$B$10,7,0)+IF('Standard Profiles'!$G$22=$B$17,14,0)+IF('Standard Profiles'!$G$22=$B$24,21,0),0)),0)</f>
        <v>0</v>
      </c>
      <c r="I624">
        <f t="shared" si="83"/>
        <v>19.590167854564161</v>
      </c>
      <c r="J624">
        <f t="shared" si="84"/>
        <v>98.241000300692818</v>
      </c>
      <c r="K624">
        <f t="shared" si="85"/>
        <v>3.9514253360590081</v>
      </c>
      <c r="L624">
        <f t="shared" si="86"/>
        <v>1.9757126680295041</v>
      </c>
      <c r="M624">
        <f t="shared" si="87"/>
        <v>0</v>
      </c>
      <c r="N624" s="45">
        <f t="shared" si="88"/>
        <v>44951.583333331902</v>
      </c>
    </row>
    <row r="625" spans="2:14" x14ac:dyDescent="0.25">
      <c r="B625">
        <f t="shared" si="82"/>
        <v>3</v>
      </c>
      <c r="C625" s="16">
        <v>591</v>
      </c>
      <c r="D625" cm="1">
        <f t="array" ref="D625">IFERROR(INDEX(Jesper!AH$2:AH$366,ROUNDDOWN($C625/24,0)+1,1)*INDEX($D$3:$AA$30,INDEX(Jesper!$R$2:$R$366,ROW(INDEX(Jesper!AH$2:AH$366,ROUNDDOWN($C625/24,0)+1,1))-1)+IF('Standard Profiles'!$G$18=$B$10,7,0)+IF('Standard Profiles'!$G$18=$B$17,14,0)+IF('Standard Profiles'!$G$18=$B$24,21,0),MOD($C625,24)+1)/SUM(INDEX($D$3:$AA$30,INDEX(Jesper!$R$2:$R$366,ROW(INDEX(Jesper!AH$2:AH$366,ROUNDDOWN($C625/24,0)+1,1))-1)+IF('Standard Profiles'!$G$18=$B$10,7,0)+IF('Standard Profiles'!$G$18=$B$17,14,0)+IF('Standard Profiles'!$G$18=$B$24,21,0),0)),0)</f>
        <v>37.044612525553198</v>
      </c>
      <c r="E625" cm="1">
        <f t="array" ref="E625">IFERROR(INDEX(Jesper!AI$2:AI$366,ROUNDDOWN($C625/24,0)+1,1)*INDEX($D$3:$AA$30,INDEX(Jesper!$R$2:$R$366,ROW(INDEX(Jesper!AI$2:AI$366,ROUNDDOWN($C625/24,0)+1,1))-1)+IF('Standard Profiles'!$G$19=$B$10,7,0)+IF('Standard Profiles'!$G$19=$B$17,14,0)+IF('Standard Profiles'!$G$19=$B$24,21,0),MOD($C625,24)+1)/SUM(INDEX($D$3:$AA$30,INDEX(Jesper!$R$2:$R$366,ROW(INDEX(Jesper!AI$2:AI$366,ROUNDDOWN($C625/24,0)+1,1))-1)+IF('Standard Profiles'!$G$19=$B$10,7,0)+IF('Standard Profiles'!$G$19=$B$17,14,0)+IF('Standard Profiles'!$G$19=$B$24,21,0),0)),0)</f>
        <v>45.900843936783602</v>
      </c>
      <c r="F625" cm="1">
        <f t="array" ref="F625">IFERROR(INDEX(Jesper!AJ$2:AJ$366,ROUNDDOWN($C625/24,0)+1,1)*INDEX($D$3:$AA$30,INDEX(Jesper!$R$2:$R$366,ROW(INDEX(Jesper!AJ$2:AJ$366,ROUNDDOWN($C625/24,0)+1,1))-1)+IF('Standard Profiles'!$G$20=$B$10,7,0)+IF('Standard Profiles'!$G$20=$B$17,14,0)+IF('Standard Profiles'!$G$20=$B$24,21,0),MOD($C625,24)+1)/SUM(INDEX($D$3:$AA$30,INDEX(Jesper!$R$2:$R$366,ROW(INDEX(Jesper!AJ$2:AJ$366,ROUNDDOWN($C625/24,0)+1,1))-1)+IF('Standard Profiles'!$G$20=$B$10,7,0)+IF('Standard Profiles'!$G$20=$B$17,14,0)+IF('Standard Profiles'!$G$20=$B$24,21,0),0)),0)</f>
        <v>0</v>
      </c>
      <c r="G625" cm="1">
        <f t="array" ref="G625">IFERROR(INDEX(Jesper!AK$2:AK$366,ROUNDDOWN($C625/24,0)+1,1)*INDEX($D$3:$AA$30,INDEX(Jesper!$R$2:$R$366,ROW(INDEX(Jesper!AK$2:AK$366,ROUNDDOWN($C625/24,0)+1,1))-1)+IF('Standard Profiles'!$G$21=$B$10,7,0)+IF('Standard Profiles'!$G$21=$B$17,14,0)+IF('Standard Profiles'!$G$21=$B$24,21,0),MOD($C625,24)+1)/SUM(INDEX($D$3:$AA$30,INDEX(Jesper!$R$2:$R$366,ROW(INDEX(Jesper!AK$2:AK$366,ROUNDDOWN($C625/24,0)+1,1))-1)+IF('Standard Profiles'!$G$21=$B$10,7,0)+IF('Standard Profiles'!$G$21=$B$17,14,0)+IF('Standard Profiles'!$G$21=$B$24,21,0),0)),0)</f>
        <v>40.812849697008687</v>
      </c>
      <c r="H625" cm="1">
        <f t="array" ref="H625">IFERROR(INDEX(Jesper!AL$2:AL$366,ROUNDDOWN($C625/24,0)+1,1)*INDEX($D$3:$AA$30,INDEX(Jesper!$R$2:$R$366,ROW(INDEX(Jesper!AL$2:AL$366,ROUNDDOWN($C625/24,0)+1,1))-1)+IF('Standard Profiles'!$G$22=$B$10,7,0)+IF('Standard Profiles'!$G$22=$B$17,14,0)+IF('Standard Profiles'!$G$22=$B$24,21,0),MOD($C625,24)+1)/SUM(INDEX($D$3:$AA$30,INDEX(Jesper!$R$2:$R$366,ROW(INDEX(Jesper!AL$2:AL$366,ROUNDDOWN($C625/24,0)+1,1))-1)+IF('Standard Profiles'!$G$22=$B$10,7,0)+IF('Standard Profiles'!$G$22=$B$17,14,0)+IF('Standard Profiles'!$G$22=$B$24,21,0),0)),0)</f>
        <v>0</v>
      </c>
      <c r="I625">
        <f t="shared" si="83"/>
        <v>19.590167854564161</v>
      </c>
      <c r="J625">
        <f t="shared" si="84"/>
        <v>98.241000300692818</v>
      </c>
      <c r="K625">
        <f t="shared" si="85"/>
        <v>3.9514253360590081</v>
      </c>
      <c r="L625">
        <f t="shared" si="86"/>
        <v>1.9757126680295041</v>
      </c>
      <c r="M625">
        <f t="shared" si="87"/>
        <v>0</v>
      </c>
      <c r="N625" s="45">
        <f t="shared" si="88"/>
        <v>44951.624999998567</v>
      </c>
    </row>
    <row r="626" spans="2:14" x14ac:dyDescent="0.25">
      <c r="B626">
        <f t="shared" si="82"/>
        <v>3</v>
      </c>
      <c r="C626" s="16">
        <v>592</v>
      </c>
      <c r="D626" cm="1">
        <f t="array" ref="D626">IFERROR(INDEX(Jesper!AH$2:AH$366,ROUNDDOWN($C626/24,0)+1,1)*INDEX($D$3:$AA$30,INDEX(Jesper!$R$2:$R$366,ROW(INDEX(Jesper!AH$2:AH$366,ROUNDDOWN($C626/24,0)+1,1))-1)+IF('Standard Profiles'!$G$18=$B$10,7,0)+IF('Standard Profiles'!$G$18=$B$17,14,0)+IF('Standard Profiles'!$G$18=$B$24,21,0),MOD($C626,24)+1)/SUM(INDEX($D$3:$AA$30,INDEX(Jesper!$R$2:$R$366,ROW(INDEX(Jesper!AH$2:AH$366,ROUNDDOWN($C626/24,0)+1,1))-1)+IF('Standard Profiles'!$G$18=$B$10,7,0)+IF('Standard Profiles'!$G$18=$B$17,14,0)+IF('Standard Profiles'!$G$18=$B$24,21,0),0)),0)</f>
        <v>21.829860952558132</v>
      </c>
      <c r="E626" cm="1">
        <f t="array" ref="E626">IFERROR(INDEX(Jesper!AI$2:AI$366,ROUNDDOWN($C626/24,0)+1,1)*INDEX($D$3:$AA$30,INDEX(Jesper!$R$2:$R$366,ROW(INDEX(Jesper!AI$2:AI$366,ROUNDDOWN($C626/24,0)+1,1))-1)+IF('Standard Profiles'!$G$19=$B$10,7,0)+IF('Standard Profiles'!$G$19=$B$17,14,0)+IF('Standard Profiles'!$G$19=$B$24,21,0),MOD($C626,24)+1)/SUM(INDEX($D$3:$AA$30,INDEX(Jesper!$R$2:$R$366,ROW(INDEX(Jesper!AI$2:AI$366,ROUNDDOWN($C626/24,0)+1,1))-1)+IF('Standard Profiles'!$G$19=$B$10,7,0)+IF('Standard Profiles'!$G$19=$B$17,14,0)+IF('Standard Profiles'!$G$19=$B$24,21,0),0)),0)</f>
        <v>27.048711605604623</v>
      </c>
      <c r="F626" cm="1">
        <f t="array" ref="F626">IFERROR(INDEX(Jesper!AJ$2:AJ$366,ROUNDDOWN($C626/24,0)+1,1)*INDEX($D$3:$AA$30,INDEX(Jesper!$R$2:$R$366,ROW(INDEX(Jesper!AJ$2:AJ$366,ROUNDDOWN($C626/24,0)+1,1))-1)+IF('Standard Profiles'!$G$20=$B$10,7,0)+IF('Standard Profiles'!$G$20=$B$17,14,0)+IF('Standard Profiles'!$G$20=$B$24,21,0),MOD($C626,24)+1)/SUM(INDEX($D$3:$AA$30,INDEX(Jesper!$R$2:$R$366,ROW(INDEX(Jesper!AJ$2:AJ$366,ROUNDDOWN($C626/24,0)+1,1))-1)+IF('Standard Profiles'!$G$20=$B$10,7,0)+IF('Standard Profiles'!$G$20=$B$17,14,0)+IF('Standard Profiles'!$G$20=$B$24,21,0),0)),0)</f>
        <v>0</v>
      </c>
      <c r="G626" cm="1">
        <f t="array" ref="G626">IFERROR(INDEX(Jesper!AK$2:AK$366,ROUNDDOWN($C626/24,0)+1,1)*INDEX($D$3:$AA$30,INDEX(Jesper!$R$2:$R$366,ROW(INDEX(Jesper!AK$2:AK$366,ROUNDDOWN($C626/24,0)+1,1))-1)+IF('Standard Profiles'!$G$21=$B$10,7,0)+IF('Standard Profiles'!$G$21=$B$17,14,0)+IF('Standard Profiles'!$G$21=$B$24,21,0),MOD($C626,24)+1)/SUM(INDEX($D$3:$AA$30,INDEX(Jesper!$R$2:$R$366,ROW(INDEX(Jesper!AK$2:AK$366,ROUNDDOWN($C626/24,0)+1,1))-1)+IF('Standard Profiles'!$G$21=$B$10,7,0)+IF('Standard Profiles'!$G$21=$B$17,14,0)+IF('Standard Profiles'!$G$21=$B$24,21,0),0)),0)</f>
        <v>34.102855319483254</v>
      </c>
      <c r="H626" cm="1">
        <f t="array" ref="H626">IFERROR(INDEX(Jesper!AL$2:AL$366,ROUNDDOWN($C626/24,0)+1,1)*INDEX($D$3:$AA$30,INDEX(Jesper!$R$2:$R$366,ROW(INDEX(Jesper!AL$2:AL$366,ROUNDDOWN($C626/24,0)+1,1))-1)+IF('Standard Profiles'!$G$22=$B$10,7,0)+IF('Standard Profiles'!$G$22=$B$17,14,0)+IF('Standard Profiles'!$G$22=$B$24,21,0),MOD($C626,24)+1)/SUM(INDEX($D$3:$AA$30,INDEX(Jesper!$R$2:$R$366,ROW(INDEX(Jesper!AL$2:AL$366,ROUNDDOWN($C626/24,0)+1,1))-1)+IF('Standard Profiles'!$G$22=$B$10,7,0)+IF('Standard Profiles'!$G$22=$B$17,14,0)+IF('Standard Profiles'!$G$22=$B$24,21,0),0)),0)</f>
        <v>0</v>
      </c>
      <c r="I626">
        <f t="shared" si="83"/>
        <v>16.369370553351953</v>
      </c>
      <c r="J626">
        <f t="shared" si="84"/>
        <v>63.119279571884746</v>
      </c>
      <c r="K626">
        <f t="shared" si="85"/>
        <v>2.3285185016062009</v>
      </c>
      <c r="L626">
        <f t="shared" si="86"/>
        <v>1.1642592508031004</v>
      </c>
      <c r="M626">
        <f t="shared" si="87"/>
        <v>0</v>
      </c>
      <c r="N626" s="45">
        <f t="shared" si="88"/>
        <v>44951.666666665231</v>
      </c>
    </row>
    <row r="627" spans="2:14" x14ac:dyDescent="0.25">
      <c r="B627">
        <f t="shared" si="82"/>
        <v>3</v>
      </c>
      <c r="C627" s="16">
        <v>593</v>
      </c>
      <c r="D627" cm="1">
        <f t="array" ref="D627">IFERROR(INDEX(Jesper!AH$2:AH$366,ROUNDDOWN($C627/24,0)+1,1)*INDEX($D$3:$AA$30,INDEX(Jesper!$R$2:$R$366,ROW(INDEX(Jesper!AH$2:AH$366,ROUNDDOWN($C627/24,0)+1,1))-1)+IF('Standard Profiles'!$G$18=$B$10,7,0)+IF('Standard Profiles'!$G$18=$B$17,14,0)+IF('Standard Profiles'!$G$18=$B$24,21,0),MOD($C627,24)+1)/SUM(INDEX($D$3:$AA$30,INDEX(Jesper!$R$2:$R$366,ROW(INDEX(Jesper!AH$2:AH$366,ROUNDDOWN($C627/24,0)+1,1))-1)+IF('Standard Profiles'!$G$18=$B$10,7,0)+IF('Standard Profiles'!$G$18=$B$17,14,0)+IF('Standard Profiles'!$G$18=$B$24,21,0),0)),0)</f>
        <v>9.3170554641733396</v>
      </c>
      <c r="E627" cm="1">
        <f t="array" ref="E627">IFERROR(INDEX(Jesper!AI$2:AI$366,ROUNDDOWN($C627/24,0)+1,1)*INDEX($D$3:$AA$30,INDEX(Jesper!$R$2:$R$366,ROW(INDEX(Jesper!AI$2:AI$366,ROUNDDOWN($C627/24,0)+1,1))-1)+IF('Standard Profiles'!$G$19=$B$10,7,0)+IF('Standard Profiles'!$G$19=$B$17,14,0)+IF('Standard Profiles'!$G$19=$B$24,21,0),MOD($C627,24)+1)/SUM(INDEX($D$3:$AA$30,INDEX(Jesper!$R$2:$R$366,ROW(INDEX(Jesper!AI$2:AI$366,ROUNDDOWN($C627/24,0)+1,1))-1)+IF('Standard Profiles'!$G$19=$B$10,7,0)+IF('Standard Profiles'!$G$19=$B$17,14,0)+IF('Standard Profiles'!$G$19=$B$24,21,0),0)),0)</f>
        <v>11.544477851303723</v>
      </c>
      <c r="F627" cm="1">
        <f t="array" ref="F627">IFERROR(INDEX(Jesper!AJ$2:AJ$366,ROUNDDOWN($C627/24,0)+1,1)*INDEX($D$3:$AA$30,INDEX(Jesper!$R$2:$R$366,ROW(INDEX(Jesper!AJ$2:AJ$366,ROUNDDOWN($C627/24,0)+1,1))-1)+IF('Standard Profiles'!$G$20=$B$10,7,0)+IF('Standard Profiles'!$G$20=$B$17,14,0)+IF('Standard Profiles'!$G$20=$B$24,21,0),MOD($C627,24)+1)/SUM(INDEX($D$3:$AA$30,INDEX(Jesper!$R$2:$R$366,ROW(INDEX(Jesper!AJ$2:AJ$366,ROUNDDOWN($C627/24,0)+1,1))-1)+IF('Standard Profiles'!$G$20=$B$10,7,0)+IF('Standard Profiles'!$G$20=$B$17,14,0)+IF('Standard Profiles'!$G$20=$B$24,21,0),0)),0)</f>
        <v>0</v>
      </c>
      <c r="G627" cm="1">
        <f t="array" ref="G627">IFERROR(INDEX(Jesper!AK$2:AK$366,ROUNDDOWN($C627/24,0)+1,1)*INDEX($D$3:$AA$30,INDEX(Jesper!$R$2:$R$366,ROW(INDEX(Jesper!AK$2:AK$366,ROUNDDOWN($C627/24,0)+1,1))-1)+IF('Standard Profiles'!$G$21=$B$10,7,0)+IF('Standard Profiles'!$G$21=$B$17,14,0)+IF('Standard Profiles'!$G$21=$B$24,21,0),MOD($C627,24)+1)/SUM(INDEX($D$3:$AA$30,INDEX(Jesper!$R$2:$R$366,ROW(INDEX(Jesper!AK$2:AK$366,ROUNDDOWN($C627/24,0)+1,1))-1)+IF('Standard Profiles'!$G$21=$B$10,7,0)+IF('Standard Profiles'!$G$21=$B$17,14,0)+IF('Standard Profiles'!$G$21=$B$24,21,0),0)),0)</f>
        <v>27.116419226029787</v>
      </c>
      <c r="H627" cm="1">
        <f t="array" ref="H627">IFERROR(INDEX(Jesper!AL$2:AL$366,ROUNDDOWN($C627/24,0)+1,1)*INDEX($D$3:$AA$30,INDEX(Jesper!$R$2:$R$366,ROW(INDEX(Jesper!AL$2:AL$366,ROUNDDOWN($C627/24,0)+1,1))-1)+IF('Standard Profiles'!$G$22=$B$10,7,0)+IF('Standard Profiles'!$G$22=$B$17,14,0)+IF('Standard Profiles'!$G$22=$B$24,21,0),MOD($C627,24)+1)/SUM(INDEX($D$3:$AA$30,INDEX(Jesper!$R$2:$R$366,ROW(INDEX(Jesper!AL$2:AL$366,ROUNDDOWN($C627/24,0)+1,1))-1)+IF('Standard Profiles'!$G$22=$B$10,7,0)+IF('Standard Profiles'!$G$22=$B$17,14,0)+IF('Standard Profiles'!$G$22=$B$24,21,0),0)),0)</f>
        <v>0</v>
      </c>
      <c r="I627">
        <f t="shared" si="83"/>
        <v>13.015881228494292</v>
      </c>
      <c r="J627">
        <f t="shared" si="84"/>
        <v>33.471342438744827</v>
      </c>
      <c r="K627">
        <f t="shared" si="85"/>
        <v>0.99381924951182299</v>
      </c>
      <c r="L627">
        <f t="shared" si="86"/>
        <v>0.49690962475591149</v>
      </c>
      <c r="M627">
        <f t="shared" si="87"/>
        <v>0</v>
      </c>
      <c r="N627" s="45">
        <f t="shared" si="88"/>
        <v>44951.708333331895</v>
      </c>
    </row>
    <row r="628" spans="2:14" x14ac:dyDescent="0.25">
      <c r="B628">
        <f t="shared" si="82"/>
        <v>3</v>
      </c>
      <c r="C628" s="16">
        <v>594</v>
      </c>
      <c r="D628" cm="1">
        <f t="array" ref="D628">IFERROR(INDEX(Jesper!AH$2:AH$366,ROUNDDOWN($C628/24,0)+1,1)*INDEX($D$3:$AA$30,INDEX(Jesper!$R$2:$R$366,ROW(INDEX(Jesper!AH$2:AH$366,ROUNDDOWN($C628/24,0)+1,1))-1)+IF('Standard Profiles'!$G$18=$B$10,7,0)+IF('Standard Profiles'!$G$18=$B$17,14,0)+IF('Standard Profiles'!$G$18=$B$24,21,0),MOD($C628,24)+1)/SUM(INDEX($D$3:$AA$30,INDEX(Jesper!$R$2:$R$366,ROW(INDEX(Jesper!AH$2:AH$366,ROUNDDOWN($C628/24,0)+1,1))-1)+IF('Standard Profiles'!$G$18=$B$10,7,0)+IF('Standard Profiles'!$G$18=$B$17,14,0)+IF('Standard Profiles'!$G$18=$B$24,21,0),0)),0)</f>
        <v>6.1492566063544034</v>
      </c>
      <c r="E628" cm="1">
        <f t="array" ref="E628">IFERROR(INDEX(Jesper!AI$2:AI$366,ROUNDDOWN($C628/24,0)+1,1)*INDEX($D$3:$AA$30,INDEX(Jesper!$R$2:$R$366,ROW(INDEX(Jesper!AI$2:AI$366,ROUNDDOWN($C628/24,0)+1,1))-1)+IF('Standard Profiles'!$G$19=$B$10,7,0)+IF('Standard Profiles'!$G$19=$B$17,14,0)+IF('Standard Profiles'!$G$19=$B$24,21,0),MOD($C628,24)+1)/SUM(INDEX($D$3:$AA$30,INDEX(Jesper!$R$2:$R$366,ROW(INDEX(Jesper!AI$2:AI$366,ROUNDDOWN($C628/24,0)+1,1))-1)+IF('Standard Profiles'!$G$19=$B$10,7,0)+IF('Standard Profiles'!$G$19=$B$17,14,0)+IF('Standard Profiles'!$G$19=$B$24,21,0),0)),0)</f>
        <v>7.6193553818604576</v>
      </c>
      <c r="F628" cm="1">
        <f t="array" ref="F628">IFERROR(INDEX(Jesper!AJ$2:AJ$366,ROUNDDOWN($C628/24,0)+1,1)*INDEX($D$3:$AA$30,INDEX(Jesper!$R$2:$R$366,ROW(INDEX(Jesper!AJ$2:AJ$366,ROUNDDOWN($C628/24,0)+1,1))-1)+IF('Standard Profiles'!$G$20=$B$10,7,0)+IF('Standard Profiles'!$G$20=$B$17,14,0)+IF('Standard Profiles'!$G$20=$B$24,21,0),MOD($C628,24)+1)/SUM(INDEX($D$3:$AA$30,INDEX(Jesper!$R$2:$R$366,ROW(INDEX(Jesper!AJ$2:AJ$366,ROUNDDOWN($C628/24,0)+1,1))-1)+IF('Standard Profiles'!$G$20=$B$10,7,0)+IF('Standard Profiles'!$G$20=$B$17,14,0)+IF('Standard Profiles'!$G$20=$B$24,21,0),0)),0)</f>
        <v>0</v>
      </c>
      <c r="G628" cm="1">
        <f t="array" ref="G628">IFERROR(INDEX(Jesper!AK$2:AK$366,ROUNDDOWN($C628/24,0)+1,1)*INDEX($D$3:$AA$30,INDEX(Jesper!$R$2:$R$366,ROW(INDEX(Jesper!AK$2:AK$366,ROUNDDOWN($C628/24,0)+1,1))-1)+IF('Standard Profiles'!$G$21=$B$10,7,0)+IF('Standard Profiles'!$G$21=$B$17,14,0)+IF('Standard Profiles'!$G$21=$B$24,21,0),MOD($C628,24)+1)/SUM(INDEX($D$3:$AA$30,INDEX(Jesper!$R$2:$R$366,ROW(INDEX(Jesper!AK$2:AK$366,ROUNDDOWN($C628/24,0)+1,1))-1)+IF('Standard Profiles'!$G$21=$B$10,7,0)+IF('Standard Profiles'!$G$21=$B$17,14,0)+IF('Standard Profiles'!$G$21=$B$24,21,0),0)),0)</f>
        <v>10.052426033745984</v>
      </c>
      <c r="H628" cm="1">
        <f t="array" ref="H628">IFERROR(INDEX(Jesper!AL$2:AL$366,ROUNDDOWN($C628/24,0)+1,1)*INDEX($D$3:$AA$30,INDEX(Jesper!$R$2:$R$366,ROW(INDEX(Jesper!AL$2:AL$366,ROUNDDOWN($C628/24,0)+1,1))-1)+IF('Standard Profiles'!$G$22=$B$10,7,0)+IF('Standard Profiles'!$G$22=$B$17,14,0)+IF('Standard Profiles'!$G$22=$B$24,21,0),MOD($C628,24)+1)/SUM(INDEX($D$3:$AA$30,INDEX(Jesper!$R$2:$R$366,ROW(INDEX(Jesper!AL$2:AL$366,ROUNDDOWN($C628/24,0)+1,1))-1)+IF('Standard Profiles'!$G$22=$B$10,7,0)+IF('Standard Profiles'!$G$22=$B$17,14,0)+IF('Standard Profiles'!$G$22=$B$24,21,0),0)),0)</f>
        <v>0</v>
      </c>
      <c r="I628">
        <f t="shared" si="83"/>
        <v>4.8251644961980702</v>
      </c>
      <c r="J628">
        <f t="shared" si="84"/>
        <v>18.011992468746072</v>
      </c>
      <c r="K628">
        <f t="shared" si="85"/>
        <v>0.65592070467780306</v>
      </c>
      <c r="L628">
        <f t="shared" si="86"/>
        <v>0.32796035233890153</v>
      </c>
      <c r="M628">
        <f t="shared" si="87"/>
        <v>0</v>
      </c>
      <c r="N628" s="45">
        <f t="shared" si="88"/>
        <v>44951.749999998559</v>
      </c>
    </row>
    <row r="629" spans="2:14" x14ac:dyDescent="0.25">
      <c r="B629">
        <f t="shared" si="82"/>
        <v>3</v>
      </c>
      <c r="C629" s="16">
        <v>595</v>
      </c>
      <c r="D629" cm="1">
        <f t="array" ref="D629">IFERROR(INDEX(Jesper!AH$2:AH$366,ROUNDDOWN($C629/24,0)+1,1)*INDEX($D$3:$AA$30,INDEX(Jesper!$R$2:$R$366,ROW(INDEX(Jesper!AH$2:AH$366,ROUNDDOWN($C629/24,0)+1,1))-1)+IF('Standard Profiles'!$G$18=$B$10,7,0)+IF('Standard Profiles'!$G$18=$B$17,14,0)+IF('Standard Profiles'!$G$18=$B$24,21,0),MOD($C629,24)+1)/SUM(INDEX($D$3:$AA$30,INDEX(Jesper!$R$2:$R$366,ROW(INDEX(Jesper!AH$2:AH$366,ROUNDDOWN($C629/24,0)+1,1))-1)+IF('Standard Profiles'!$G$18=$B$10,7,0)+IF('Standard Profiles'!$G$18=$B$17,14,0)+IF('Standard Profiles'!$G$18=$B$24,21,0),0)),0)</f>
        <v>6.1492566063544034</v>
      </c>
      <c r="E629" cm="1">
        <f t="array" ref="E629">IFERROR(INDEX(Jesper!AI$2:AI$366,ROUNDDOWN($C629/24,0)+1,1)*INDEX($D$3:$AA$30,INDEX(Jesper!$R$2:$R$366,ROW(INDEX(Jesper!AI$2:AI$366,ROUNDDOWN($C629/24,0)+1,1))-1)+IF('Standard Profiles'!$G$19=$B$10,7,0)+IF('Standard Profiles'!$G$19=$B$17,14,0)+IF('Standard Profiles'!$G$19=$B$24,21,0),MOD($C629,24)+1)/SUM(INDEX($D$3:$AA$30,INDEX(Jesper!$R$2:$R$366,ROW(INDEX(Jesper!AI$2:AI$366,ROUNDDOWN($C629/24,0)+1,1))-1)+IF('Standard Profiles'!$G$19=$B$10,7,0)+IF('Standard Profiles'!$G$19=$B$17,14,0)+IF('Standard Profiles'!$G$19=$B$24,21,0),0)),0)</f>
        <v>7.6193553818604576</v>
      </c>
      <c r="F629" cm="1">
        <f t="array" ref="F629">IFERROR(INDEX(Jesper!AJ$2:AJ$366,ROUNDDOWN($C629/24,0)+1,1)*INDEX($D$3:$AA$30,INDEX(Jesper!$R$2:$R$366,ROW(INDEX(Jesper!AJ$2:AJ$366,ROUNDDOWN($C629/24,0)+1,1))-1)+IF('Standard Profiles'!$G$20=$B$10,7,0)+IF('Standard Profiles'!$G$20=$B$17,14,0)+IF('Standard Profiles'!$G$20=$B$24,21,0),MOD($C629,24)+1)/SUM(INDEX($D$3:$AA$30,INDEX(Jesper!$R$2:$R$366,ROW(INDEX(Jesper!AJ$2:AJ$366,ROUNDDOWN($C629/24,0)+1,1))-1)+IF('Standard Profiles'!$G$20=$B$10,7,0)+IF('Standard Profiles'!$G$20=$B$17,14,0)+IF('Standard Profiles'!$G$20=$B$24,21,0),0)),0)</f>
        <v>0</v>
      </c>
      <c r="G629" cm="1">
        <f t="array" ref="G629">IFERROR(INDEX(Jesper!AK$2:AK$366,ROUNDDOWN($C629/24,0)+1,1)*INDEX($D$3:$AA$30,INDEX(Jesper!$R$2:$R$366,ROW(INDEX(Jesper!AK$2:AK$366,ROUNDDOWN($C629/24,0)+1,1))-1)+IF('Standard Profiles'!$G$21=$B$10,7,0)+IF('Standard Profiles'!$G$21=$B$17,14,0)+IF('Standard Profiles'!$G$21=$B$24,21,0),MOD($C629,24)+1)/SUM(INDEX($D$3:$AA$30,INDEX(Jesper!$R$2:$R$366,ROW(INDEX(Jesper!AK$2:AK$366,ROUNDDOWN($C629/24,0)+1,1))-1)+IF('Standard Profiles'!$G$21=$B$10,7,0)+IF('Standard Profiles'!$G$21=$B$17,14,0)+IF('Standard Profiles'!$G$21=$B$24,21,0),0)),0)</f>
        <v>10.052426033745984</v>
      </c>
      <c r="H629" cm="1">
        <f t="array" ref="H629">IFERROR(INDEX(Jesper!AL$2:AL$366,ROUNDDOWN($C629/24,0)+1,1)*INDEX($D$3:$AA$30,INDEX(Jesper!$R$2:$R$366,ROW(INDEX(Jesper!AL$2:AL$366,ROUNDDOWN($C629/24,0)+1,1))-1)+IF('Standard Profiles'!$G$22=$B$10,7,0)+IF('Standard Profiles'!$G$22=$B$17,14,0)+IF('Standard Profiles'!$G$22=$B$24,21,0),MOD($C629,24)+1)/SUM(INDEX($D$3:$AA$30,INDEX(Jesper!$R$2:$R$366,ROW(INDEX(Jesper!AL$2:AL$366,ROUNDDOWN($C629/24,0)+1,1))-1)+IF('Standard Profiles'!$G$22=$B$10,7,0)+IF('Standard Profiles'!$G$22=$B$17,14,0)+IF('Standard Profiles'!$G$22=$B$24,21,0),0)),0)</f>
        <v>0</v>
      </c>
      <c r="I629">
        <f t="shared" si="83"/>
        <v>4.8251644961980702</v>
      </c>
      <c r="J629">
        <f t="shared" si="84"/>
        <v>18.011992468746072</v>
      </c>
      <c r="K629">
        <f t="shared" si="85"/>
        <v>0.65592070467780306</v>
      </c>
      <c r="L629">
        <f t="shared" si="86"/>
        <v>0.32796035233890153</v>
      </c>
      <c r="M629">
        <f t="shared" si="87"/>
        <v>0</v>
      </c>
      <c r="N629" s="45">
        <f t="shared" si="88"/>
        <v>44951.791666665224</v>
      </c>
    </row>
    <row r="630" spans="2:14" x14ac:dyDescent="0.25">
      <c r="B630">
        <f t="shared" si="82"/>
        <v>3</v>
      </c>
      <c r="C630" s="16">
        <v>596</v>
      </c>
      <c r="D630" cm="1">
        <f t="array" ref="D630">IFERROR(INDEX(Jesper!AH$2:AH$366,ROUNDDOWN($C630/24,0)+1,1)*INDEX($D$3:$AA$30,INDEX(Jesper!$R$2:$R$366,ROW(INDEX(Jesper!AH$2:AH$366,ROUNDDOWN($C630/24,0)+1,1))-1)+IF('Standard Profiles'!$G$18=$B$10,7,0)+IF('Standard Profiles'!$G$18=$B$17,14,0)+IF('Standard Profiles'!$G$18=$B$24,21,0),MOD($C630,24)+1)/SUM(INDEX($D$3:$AA$30,INDEX(Jesper!$R$2:$R$366,ROW(INDEX(Jesper!AH$2:AH$366,ROUNDDOWN($C630/24,0)+1,1))-1)+IF('Standard Profiles'!$G$18=$B$10,7,0)+IF('Standard Profiles'!$G$18=$B$17,14,0)+IF('Standard Profiles'!$G$18=$B$24,21,0),0)),0)</f>
        <v>6.1492566063544034</v>
      </c>
      <c r="E630" cm="1">
        <f t="array" ref="E630">IFERROR(INDEX(Jesper!AI$2:AI$366,ROUNDDOWN($C630/24,0)+1,1)*INDEX($D$3:$AA$30,INDEX(Jesper!$R$2:$R$366,ROW(INDEX(Jesper!AI$2:AI$366,ROUNDDOWN($C630/24,0)+1,1))-1)+IF('Standard Profiles'!$G$19=$B$10,7,0)+IF('Standard Profiles'!$G$19=$B$17,14,0)+IF('Standard Profiles'!$G$19=$B$24,21,0),MOD($C630,24)+1)/SUM(INDEX($D$3:$AA$30,INDEX(Jesper!$R$2:$R$366,ROW(INDEX(Jesper!AI$2:AI$366,ROUNDDOWN($C630/24,0)+1,1))-1)+IF('Standard Profiles'!$G$19=$B$10,7,0)+IF('Standard Profiles'!$G$19=$B$17,14,0)+IF('Standard Profiles'!$G$19=$B$24,21,0),0)),0)</f>
        <v>7.6193553818604576</v>
      </c>
      <c r="F630" cm="1">
        <f t="array" ref="F630">IFERROR(INDEX(Jesper!AJ$2:AJ$366,ROUNDDOWN($C630/24,0)+1,1)*INDEX($D$3:$AA$30,INDEX(Jesper!$R$2:$R$366,ROW(INDEX(Jesper!AJ$2:AJ$366,ROUNDDOWN($C630/24,0)+1,1))-1)+IF('Standard Profiles'!$G$20=$B$10,7,0)+IF('Standard Profiles'!$G$20=$B$17,14,0)+IF('Standard Profiles'!$G$20=$B$24,21,0),MOD($C630,24)+1)/SUM(INDEX($D$3:$AA$30,INDEX(Jesper!$R$2:$R$366,ROW(INDEX(Jesper!AJ$2:AJ$366,ROUNDDOWN($C630/24,0)+1,1))-1)+IF('Standard Profiles'!$G$20=$B$10,7,0)+IF('Standard Profiles'!$G$20=$B$17,14,0)+IF('Standard Profiles'!$G$20=$B$24,21,0),0)),0)</f>
        <v>0</v>
      </c>
      <c r="G630" cm="1">
        <f t="array" ref="G630">IFERROR(INDEX(Jesper!AK$2:AK$366,ROUNDDOWN($C630/24,0)+1,1)*INDEX($D$3:$AA$30,INDEX(Jesper!$R$2:$R$366,ROW(INDEX(Jesper!AK$2:AK$366,ROUNDDOWN($C630/24,0)+1,1))-1)+IF('Standard Profiles'!$G$21=$B$10,7,0)+IF('Standard Profiles'!$G$21=$B$17,14,0)+IF('Standard Profiles'!$G$21=$B$24,21,0),MOD($C630,24)+1)/SUM(INDEX($D$3:$AA$30,INDEX(Jesper!$R$2:$R$366,ROW(INDEX(Jesper!AK$2:AK$366,ROUNDDOWN($C630/24,0)+1,1))-1)+IF('Standard Profiles'!$G$21=$B$10,7,0)+IF('Standard Profiles'!$G$21=$B$17,14,0)+IF('Standard Profiles'!$G$21=$B$24,21,0),0)),0)</f>
        <v>10.052426033745984</v>
      </c>
      <c r="H630" cm="1">
        <f t="array" ref="H630">IFERROR(INDEX(Jesper!AL$2:AL$366,ROUNDDOWN($C630/24,0)+1,1)*INDEX($D$3:$AA$30,INDEX(Jesper!$R$2:$R$366,ROW(INDEX(Jesper!AL$2:AL$366,ROUNDDOWN($C630/24,0)+1,1))-1)+IF('Standard Profiles'!$G$22=$B$10,7,0)+IF('Standard Profiles'!$G$22=$B$17,14,0)+IF('Standard Profiles'!$G$22=$B$24,21,0),MOD($C630,24)+1)/SUM(INDEX($D$3:$AA$30,INDEX(Jesper!$R$2:$R$366,ROW(INDEX(Jesper!AL$2:AL$366,ROUNDDOWN($C630/24,0)+1,1))-1)+IF('Standard Profiles'!$G$22=$B$10,7,0)+IF('Standard Profiles'!$G$22=$B$17,14,0)+IF('Standard Profiles'!$G$22=$B$24,21,0),0)),0)</f>
        <v>0</v>
      </c>
      <c r="I630">
        <f t="shared" si="83"/>
        <v>4.8251644961980702</v>
      </c>
      <c r="J630">
        <f t="shared" si="84"/>
        <v>18.011992468746072</v>
      </c>
      <c r="K630">
        <f t="shared" si="85"/>
        <v>0.65592070467780306</v>
      </c>
      <c r="L630">
        <f t="shared" si="86"/>
        <v>0.32796035233890153</v>
      </c>
      <c r="M630">
        <f t="shared" si="87"/>
        <v>0</v>
      </c>
      <c r="N630" s="45">
        <f t="shared" si="88"/>
        <v>44951.833333331888</v>
      </c>
    </row>
    <row r="631" spans="2:14" x14ac:dyDescent="0.25">
      <c r="B631">
        <f t="shared" si="82"/>
        <v>3</v>
      </c>
      <c r="C631" s="16">
        <v>597</v>
      </c>
      <c r="D631" cm="1">
        <f t="array" ref="D631">IFERROR(INDEX(Jesper!AH$2:AH$366,ROUNDDOWN($C631/24,0)+1,1)*INDEX($D$3:$AA$30,INDEX(Jesper!$R$2:$R$366,ROW(INDEX(Jesper!AH$2:AH$366,ROUNDDOWN($C631/24,0)+1,1))-1)+IF('Standard Profiles'!$G$18=$B$10,7,0)+IF('Standard Profiles'!$G$18=$B$17,14,0)+IF('Standard Profiles'!$G$18=$B$24,21,0),MOD($C631,24)+1)/SUM(INDEX($D$3:$AA$30,INDEX(Jesper!$R$2:$R$366,ROW(INDEX(Jesper!AH$2:AH$366,ROUNDDOWN($C631/24,0)+1,1))-1)+IF('Standard Profiles'!$G$18=$B$10,7,0)+IF('Standard Profiles'!$G$18=$B$17,14,0)+IF('Standard Profiles'!$G$18=$B$24,21,0),0)),0)</f>
        <v>6.1492566063544034</v>
      </c>
      <c r="E631" cm="1">
        <f t="array" ref="E631">IFERROR(INDEX(Jesper!AI$2:AI$366,ROUNDDOWN($C631/24,0)+1,1)*INDEX($D$3:$AA$30,INDEX(Jesper!$R$2:$R$366,ROW(INDEX(Jesper!AI$2:AI$366,ROUNDDOWN($C631/24,0)+1,1))-1)+IF('Standard Profiles'!$G$19=$B$10,7,0)+IF('Standard Profiles'!$G$19=$B$17,14,0)+IF('Standard Profiles'!$G$19=$B$24,21,0),MOD($C631,24)+1)/SUM(INDEX($D$3:$AA$30,INDEX(Jesper!$R$2:$R$366,ROW(INDEX(Jesper!AI$2:AI$366,ROUNDDOWN($C631/24,0)+1,1))-1)+IF('Standard Profiles'!$G$19=$B$10,7,0)+IF('Standard Profiles'!$G$19=$B$17,14,0)+IF('Standard Profiles'!$G$19=$B$24,21,0),0)),0)</f>
        <v>7.6193553818604576</v>
      </c>
      <c r="F631" cm="1">
        <f t="array" ref="F631">IFERROR(INDEX(Jesper!AJ$2:AJ$366,ROUNDDOWN($C631/24,0)+1,1)*INDEX($D$3:$AA$30,INDEX(Jesper!$R$2:$R$366,ROW(INDEX(Jesper!AJ$2:AJ$366,ROUNDDOWN($C631/24,0)+1,1))-1)+IF('Standard Profiles'!$G$20=$B$10,7,0)+IF('Standard Profiles'!$G$20=$B$17,14,0)+IF('Standard Profiles'!$G$20=$B$24,21,0),MOD($C631,24)+1)/SUM(INDEX($D$3:$AA$30,INDEX(Jesper!$R$2:$R$366,ROW(INDEX(Jesper!AJ$2:AJ$366,ROUNDDOWN($C631/24,0)+1,1))-1)+IF('Standard Profiles'!$G$20=$B$10,7,0)+IF('Standard Profiles'!$G$20=$B$17,14,0)+IF('Standard Profiles'!$G$20=$B$24,21,0),0)),0)</f>
        <v>0</v>
      </c>
      <c r="G631" cm="1">
        <f t="array" ref="G631">IFERROR(INDEX(Jesper!AK$2:AK$366,ROUNDDOWN($C631/24,0)+1,1)*INDEX($D$3:$AA$30,INDEX(Jesper!$R$2:$R$366,ROW(INDEX(Jesper!AK$2:AK$366,ROUNDDOWN($C631/24,0)+1,1))-1)+IF('Standard Profiles'!$G$21=$B$10,7,0)+IF('Standard Profiles'!$G$21=$B$17,14,0)+IF('Standard Profiles'!$G$21=$B$24,21,0),MOD($C631,24)+1)/SUM(INDEX($D$3:$AA$30,INDEX(Jesper!$R$2:$R$366,ROW(INDEX(Jesper!AK$2:AK$366,ROUNDDOWN($C631/24,0)+1,1))-1)+IF('Standard Profiles'!$G$21=$B$10,7,0)+IF('Standard Profiles'!$G$21=$B$17,14,0)+IF('Standard Profiles'!$G$21=$B$24,21,0),0)),0)</f>
        <v>10.052426033745984</v>
      </c>
      <c r="H631" cm="1">
        <f t="array" ref="H631">IFERROR(INDEX(Jesper!AL$2:AL$366,ROUNDDOWN($C631/24,0)+1,1)*INDEX($D$3:$AA$30,INDEX(Jesper!$R$2:$R$366,ROW(INDEX(Jesper!AL$2:AL$366,ROUNDDOWN($C631/24,0)+1,1))-1)+IF('Standard Profiles'!$G$22=$B$10,7,0)+IF('Standard Profiles'!$G$22=$B$17,14,0)+IF('Standard Profiles'!$G$22=$B$24,21,0),MOD($C631,24)+1)/SUM(INDEX($D$3:$AA$30,INDEX(Jesper!$R$2:$R$366,ROW(INDEX(Jesper!AL$2:AL$366,ROUNDDOWN($C631/24,0)+1,1))-1)+IF('Standard Profiles'!$G$22=$B$10,7,0)+IF('Standard Profiles'!$G$22=$B$17,14,0)+IF('Standard Profiles'!$G$22=$B$24,21,0),0)),0)</f>
        <v>0</v>
      </c>
      <c r="I631">
        <f t="shared" si="83"/>
        <v>4.8251644961980702</v>
      </c>
      <c r="J631">
        <f t="shared" si="84"/>
        <v>18.011992468746072</v>
      </c>
      <c r="K631">
        <f t="shared" si="85"/>
        <v>0.65592070467780306</v>
      </c>
      <c r="L631">
        <f t="shared" si="86"/>
        <v>0.32796035233890153</v>
      </c>
      <c r="M631">
        <f t="shared" si="87"/>
        <v>0</v>
      </c>
      <c r="N631" s="45">
        <f t="shared" si="88"/>
        <v>44951.874999998552</v>
      </c>
    </row>
    <row r="632" spans="2:14" x14ac:dyDescent="0.25">
      <c r="B632">
        <f t="shared" si="82"/>
        <v>3</v>
      </c>
      <c r="C632" s="16">
        <v>598</v>
      </c>
      <c r="D632" cm="1">
        <f t="array" ref="D632">IFERROR(INDEX(Jesper!AH$2:AH$366,ROUNDDOWN($C632/24,0)+1,1)*INDEX($D$3:$AA$30,INDEX(Jesper!$R$2:$R$366,ROW(INDEX(Jesper!AH$2:AH$366,ROUNDDOWN($C632/24,0)+1,1))-1)+IF('Standard Profiles'!$G$18=$B$10,7,0)+IF('Standard Profiles'!$G$18=$B$17,14,0)+IF('Standard Profiles'!$G$18=$B$24,21,0),MOD($C632,24)+1)/SUM(INDEX($D$3:$AA$30,INDEX(Jesper!$R$2:$R$366,ROW(INDEX(Jesper!AH$2:AH$366,ROUNDDOWN($C632/24,0)+1,1))-1)+IF('Standard Profiles'!$G$18=$B$10,7,0)+IF('Standard Profiles'!$G$18=$B$17,14,0)+IF('Standard Profiles'!$G$18=$B$24,21,0),0)),0)</f>
        <v>6.1492566063544034</v>
      </c>
      <c r="E632" cm="1">
        <f t="array" ref="E632">IFERROR(INDEX(Jesper!AI$2:AI$366,ROUNDDOWN($C632/24,0)+1,1)*INDEX($D$3:$AA$30,INDEX(Jesper!$R$2:$R$366,ROW(INDEX(Jesper!AI$2:AI$366,ROUNDDOWN($C632/24,0)+1,1))-1)+IF('Standard Profiles'!$G$19=$B$10,7,0)+IF('Standard Profiles'!$G$19=$B$17,14,0)+IF('Standard Profiles'!$G$19=$B$24,21,0),MOD($C632,24)+1)/SUM(INDEX($D$3:$AA$30,INDEX(Jesper!$R$2:$R$366,ROW(INDEX(Jesper!AI$2:AI$366,ROUNDDOWN($C632/24,0)+1,1))-1)+IF('Standard Profiles'!$G$19=$B$10,7,0)+IF('Standard Profiles'!$G$19=$B$17,14,0)+IF('Standard Profiles'!$G$19=$B$24,21,0),0)),0)</f>
        <v>7.6193553818604576</v>
      </c>
      <c r="F632" cm="1">
        <f t="array" ref="F632">IFERROR(INDEX(Jesper!AJ$2:AJ$366,ROUNDDOWN($C632/24,0)+1,1)*INDEX($D$3:$AA$30,INDEX(Jesper!$R$2:$R$366,ROW(INDEX(Jesper!AJ$2:AJ$366,ROUNDDOWN($C632/24,0)+1,1))-1)+IF('Standard Profiles'!$G$20=$B$10,7,0)+IF('Standard Profiles'!$G$20=$B$17,14,0)+IF('Standard Profiles'!$G$20=$B$24,21,0),MOD($C632,24)+1)/SUM(INDEX($D$3:$AA$30,INDEX(Jesper!$R$2:$R$366,ROW(INDEX(Jesper!AJ$2:AJ$366,ROUNDDOWN($C632/24,0)+1,1))-1)+IF('Standard Profiles'!$G$20=$B$10,7,0)+IF('Standard Profiles'!$G$20=$B$17,14,0)+IF('Standard Profiles'!$G$20=$B$24,21,0),0)),0)</f>
        <v>0</v>
      </c>
      <c r="G632" cm="1">
        <f t="array" ref="G632">IFERROR(INDEX(Jesper!AK$2:AK$366,ROUNDDOWN($C632/24,0)+1,1)*INDEX($D$3:$AA$30,INDEX(Jesper!$R$2:$R$366,ROW(INDEX(Jesper!AK$2:AK$366,ROUNDDOWN($C632/24,0)+1,1))-1)+IF('Standard Profiles'!$G$21=$B$10,7,0)+IF('Standard Profiles'!$G$21=$B$17,14,0)+IF('Standard Profiles'!$G$21=$B$24,21,0),MOD($C632,24)+1)/SUM(INDEX($D$3:$AA$30,INDEX(Jesper!$R$2:$R$366,ROW(INDEX(Jesper!AK$2:AK$366,ROUNDDOWN($C632/24,0)+1,1))-1)+IF('Standard Profiles'!$G$21=$B$10,7,0)+IF('Standard Profiles'!$G$21=$B$17,14,0)+IF('Standard Profiles'!$G$21=$B$24,21,0),0)),0)</f>
        <v>10.052426033745984</v>
      </c>
      <c r="H632" cm="1">
        <f t="array" ref="H632">IFERROR(INDEX(Jesper!AL$2:AL$366,ROUNDDOWN($C632/24,0)+1,1)*INDEX($D$3:$AA$30,INDEX(Jesper!$R$2:$R$366,ROW(INDEX(Jesper!AL$2:AL$366,ROUNDDOWN($C632/24,0)+1,1))-1)+IF('Standard Profiles'!$G$22=$B$10,7,0)+IF('Standard Profiles'!$G$22=$B$17,14,0)+IF('Standard Profiles'!$G$22=$B$24,21,0),MOD($C632,24)+1)/SUM(INDEX($D$3:$AA$30,INDEX(Jesper!$R$2:$R$366,ROW(INDEX(Jesper!AL$2:AL$366,ROUNDDOWN($C632/24,0)+1,1))-1)+IF('Standard Profiles'!$G$22=$B$10,7,0)+IF('Standard Profiles'!$G$22=$B$17,14,0)+IF('Standard Profiles'!$G$22=$B$24,21,0),0)),0)</f>
        <v>0</v>
      </c>
      <c r="I632">
        <f t="shared" si="83"/>
        <v>4.8251644961980702</v>
      </c>
      <c r="J632">
        <f t="shared" si="84"/>
        <v>18.011992468746072</v>
      </c>
      <c r="K632">
        <f t="shared" si="85"/>
        <v>0.65592070467780306</v>
      </c>
      <c r="L632">
        <f t="shared" si="86"/>
        <v>0.32796035233890153</v>
      </c>
      <c r="M632">
        <f t="shared" si="87"/>
        <v>0</v>
      </c>
      <c r="N632" s="45">
        <f t="shared" si="88"/>
        <v>44951.916666665216</v>
      </c>
    </row>
    <row r="633" spans="2:14" x14ac:dyDescent="0.25">
      <c r="B633">
        <f t="shared" si="82"/>
        <v>3</v>
      </c>
      <c r="C633" s="16">
        <v>599</v>
      </c>
      <c r="D633" cm="1">
        <f t="array" ref="D633">IFERROR(INDEX(Jesper!AH$2:AH$366,ROUNDDOWN($C633/24,0)+1,1)*INDEX($D$3:$AA$30,INDEX(Jesper!$R$2:$R$366,ROW(INDEX(Jesper!AH$2:AH$366,ROUNDDOWN($C633/24,0)+1,1))-1)+IF('Standard Profiles'!$G$18=$B$10,7,0)+IF('Standard Profiles'!$G$18=$B$17,14,0)+IF('Standard Profiles'!$G$18=$B$24,21,0),MOD($C633,24)+1)/SUM(INDEX($D$3:$AA$30,INDEX(Jesper!$R$2:$R$366,ROW(INDEX(Jesper!AH$2:AH$366,ROUNDDOWN($C633/24,0)+1,1))-1)+IF('Standard Profiles'!$G$18=$B$10,7,0)+IF('Standard Profiles'!$G$18=$B$17,14,0)+IF('Standard Profiles'!$G$18=$B$24,21,0),0)),0)</f>
        <v>6.1492566063544034</v>
      </c>
      <c r="E633" cm="1">
        <f t="array" ref="E633">IFERROR(INDEX(Jesper!AI$2:AI$366,ROUNDDOWN($C633/24,0)+1,1)*INDEX($D$3:$AA$30,INDEX(Jesper!$R$2:$R$366,ROW(INDEX(Jesper!AI$2:AI$366,ROUNDDOWN($C633/24,0)+1,1))-1)+IF('Standard Profiles'!$G$19=$B$10,7,0)+IF('Standard Profiles'!$G$19=$B$17,14,0)+IF('Standard Profiles'!$G$19=$B$24,21,0),MOD($C633,24)+1)/SUM(INDEX($D$3:$AA$30,INDEX(Jesper!$R$2:$R$366,ROW(INDEX(Jesper!AI$2:AI$366,ROUNDDOWN($C633/24,0)+1,1))-1)+IF('Standard Profiles'!$G$19=$B$10,7,0)+IF('Standard Profiles'!$G$19=$B$17,14,0)+IF('Standard Profiles'!$G$19=$B$24,21,0),0)),0)</f>
        <v>7.6193553818604576</v>
      </c>
      <c r="F633" cm="1">
        <f t="array" ref="F633">IFERROR(INDEX(Jesper!AJ$2:AJ$366,ROUNDDOWN($C633/24,0)+1,1)*INDEX($D$3:$AA$30,INDEX(Jesper!$R$2:$R$366,ROW(INDEX(Jesper!AJ$2:AJ$366,ROUNDDOWN($C633/24,0)+1,1))-1)+IF('Standard Profiles'!$G$20=$B$10,7,0)+IF('Standard Profiles'!$G$20=$B$17,14,0)+IF('Standard Profiles'!$G$20=$B$24,21,0),MOD($C633,24)+1)/SUM(INDEX($D$3:$AA$30,INDEX(Jesper!$R$2:$R$366,ROW(INDEX(Jesper!AJ$2:AJ$366,ROUNDDOWN($C633/24,0)+1,1))-1)+IF('Standard Profiles'!$G$20=$B$10,7,0)+IF('Standard Profiles'!$G$20=$B$17,14,0)+IF('Standard Profiles'!$G$20=$B$24,21,0),0)),0)</f>
        <v>0</v>
      </c>
      <c r="G633" cm="1">
        <f t="array" ref="G633">IFERROR(INDEX(Jesper!AK$2:AK$366,ROUNDDOWN($C633/24,0)+1,1)*INDEX($D$3:$AA$30,INDEX(Jesper!$R$2:$R$366,ROW(INDEX(Jesper!AK$2:AK$366,ROUNDDOWN($C633/24,0)+1,1))-1)+IF('Standard Profiles'!$G$21=$B$10,7,0)+IF('Standard Profiles'!$G$21=$B$17,14,0)+IF('Standard Profiles'!$G$21=$B$24,21,0),MOD($C633,24)+1)/SUM(INDEX($D$3:$AA$30,INDEX(Jesper!$R$2:$R$366,ROW(INDEX(Jesper!AK$2:AK$366,ROUNDDOWN($C633/24,0)+1,1))-1)+IF('Standard Profiles'!$G$21=$B$10,7,0)+IF('Standard Profiles'!$G$21=$B$17,14,0)+IF('Standard Profiles'!$G$21=$B$24,21,0),0)),0)</f>
        <v>10.052426033745984</v>
      </c>
      <c r="H633" cm="1">
        <f t="array" ref="H633">IFERROR(INDEX(Jesper!AL$2:AL$366,ROUNDDOWN($C633/24,0)+1,1)*INDEX($D$3:$AA$30,INDEX(Jesper!$R$2:$R$366,ROW(INDEX(Jesper!AL$2:AL$366,ROUNDDOWN($C633/24,0)+1,1))-1)+IF('Standard Profiles'!$G$22=$B$10,7,0)+IF('Standard Profiles'!$G$22=$B$17,14,0)+IF('Standard Profiles'!$G$22=$B$24,21,0),MOD($C633,24)+1)/SUM(INDEX($D$3:$AA$30,INDEX(Jesper!$R$2:$R$366,ROW(INDEX(Jesper!AL$2:AL$366,ROUNDDOWN($C633/24,0)+1,1))-1)+IF('Standard Profiles'!$G$22=$B$10,7,0)+IF('Standard Profiles'!$G$22=$B$17,14,0)+IF('Standard Profiles'!$G$22=$B$24,21,0),0)),0)</f>
        <v>0</v>
      </c>
      <c r="I633">
        <f t="shared" si="83"/>
        <v>4.8251644961980702</v>
      </c>
      <c r="J633">
        <f t="shared" si="84"/>
        <v>18.011992468746072</v>
      </c>
      <c r="K633">
        <f t="shared" si="85"/>
        <v>0.65592070467780306</v>
      </c>
      <c r="L633">
        <f t="shared" si="86"/>
        <v>0.32796035233890153</v>
      </c>
      <c r="M633">
        <f t="shared" si="87"/>
        <v>0</v>
      </c>
      <c r="N633" s="45">
        <f t="shared" si="88"/>
        <v>44951.958333331881</v>
      </c>
    </row>
    <row r="634" spans="2:14" x14ac:dyDescent="0.25">
      <c r="B634">
        <f t="shared" si="82"/>
        <v>4</v>
      </c>
      <c r="C634" s="16">
        <v>600</v>
      </c>
      <c r="D634" cm="1">
        <f t="array" ref="D634">IFERROR(INDEX(Jesper!AH$2:AH$366,ROUNDDOWN($C634/24,0)+1,1)*INDEX($D$3:$AA$30,INDEX(Jesper!$R$2:$R$366,ROW(INDEX(Jesper!AH$2:AH$366,ROUNDDOWN($C634/24,0)+1,1))-1)+IF('Standard Profiles'!$G$18=$B$10,7,0)+IF('Standard Profiles'!$G$18=$B$17,14,0)+IF('Standard Profiles'!$G$18=$B$24,21,0),MOD($C634,24)+1)/SUM(INDEX($D$3:$AA$30,INDEX(Jesper!$R$2:$R$366,ROW(INDEX(Jesper!AH$2:AH$366,ROUNDDOWN($C634/24,0)+1,1))-1)+IF('Standard Profiles'!$G$18=$B$10,7,0)+IF('Standard Profiles'!$G$18=$B$17,14,0)+IF('Standard Profiles'!$G$18=$B$24,21,0),0)),0)</f>
        <v>6.2764681199571726</v>
      </c>
      <c r="E634" cm="1">
        <f t="array" ref="E634">IFERROR(INDEX(Jesper!AI$2:AI$366,ROUNDDOWN($C634/24,0)+1,1)*INDEX($D$3:$AA$30,INDEX(Jesper!$R$2:$R$366,ROW(INDEX(Jesper!AI$2:AI$366,ROUNDDOWN($C634/24,0)+1,1))-1)+IF('Standard Profiles'!$G$19=$B$10,7,0)+IF('Standard Profiles'!$G$19=$B$17,14,0)+IF('Standard Profiles'!$G$19=$B$24,21,0),MOD($C634,24)+1)/SUM(INDEX($D$3:$AA$30,INDEX(Jesper!$R$2:$R$366,ROW(INDEX(Jesper!AI$2:AI$366,ROUNDDOWN($C634/24,0)+1,1))-1)+IF('Standard Profiles'!$G$19=$B$10,7,0)+IF('Standard Profiles'!$G$19=$B$17,14,0)+IF('Standard Profiles'!$G$19=$B$24,21,0),0)),0)</f>
        <v>8.1410044109868256</v>
      </c>
      <c r="F634" cm="1">
        <f t="array" ref="F634">IFERROR(INDEX(Jesper!AJ$2:AJ$366,ROUNDDOWN($C634/24,0)+1,1)*INDEX($D$3:$AA$30,INDEX(Jesper!$R$2:$R$366,ROW(INDEX(Jesper!AJ$2:AJ$366,ROUNDDOWN($C634/24,0)+1,1))-1)+IF('Standard Profiles'!$G$20=$B$10,7,0)+IF('Standard Profiles'!$G$20=$B$17,14,0)+IF('Standard Profiles'!$G$20=$B$24,21,0),MOD($C634,24)+1)/SUM(INDEX($D$3:$AA$30,INDEX(Jesper!$R$2:$R$366,ROW(INDEX(Jesper!AJ$2:AJ$366,ROUNDDOWN($C634/24,0)+1,1))-1)+IF('Standard Profiles'!$G$20=$B$10,7,0)+IF('Standard Profiles'!$G$20=$B$17,14,0)+IF('Standard Profiles'!$G$20=$B$24,21,0),0)),0)</f>
        <v>0</v>
      </c>
      <c r="G634" cm="1">
        <f t="array" ref="G634">IFERROR(INDEX(Jesper!AK$2:AK$366,ROUNDDOWN($C634/24,0)+1,1)*INDEX($D$3:$AA$30,INDEX(Jesper!$R$2:$R$366,ROW(INDEX(Jesper!AK$2:AK$366,ROUNDDOWN($C634/24,0)+1,1))-1)+IF('Standard Profiles'!$G$21=$B$10,7,0)+IF('Standard Profiles'!$G$21=$B$17,14,0)+IF('Standard Profiles'!$G$21=$B$24,21,0),MOD($C634,24)+1)/SUM(INDEX($D$3:$AA$30,INDEX(Jesper!$R$2:$R$366,ROW(INDEX(Jesper!AK$2:AK$366,ROUNDDOWN($C634/24,0)+1,1))-1)+IF('Standard Profiles'!$G$21=$B$10,7,0)+IF('Standard Profiles'!$G$21=$B$17,14,0)+IF('Standard Profiles'!$G$21=$B$24,21,0),0)),0)</f>
        <v>11.402273858591517</v>
      </c>
      <c r="H634" cm="1">
        <f t="array" ref="H634">IFERROR(INDEX(Jesper!AL$2:AL$366,ROUNDDOWN($C634/24,0)+1,1)*INDEX($D$3:$AA$30,INDEX(Jesper!$R$2:$R$366,ROW(INDEX(Jesper!AL$2:AL$366,ROUNDDOWN($C634/24,0)+1,1))-1)+IF('Standard Profiles'!$G$22=$B$10,7,0)+IF('Standard Profiles'!$G$22=$B$17,14,0)+IF('Standard Profiles'!$G$22=$B$24,21,0),MOD($C634,24)+1)/SUM(INDEX($D$3:$AA$30,INDEX(Jesper!$R$2:$R$366,ROW(INDEX(Jesper!AL$2:AL$366,ROUNDDOWN($C634/24,0)+1,1))-1)+IF('Standard Profiles'!$G$22=$B$10,7,0)+IF('Standard Profiles'!$G$22=$B$17,14,0)+IF('Standard Profiles'!$G$22=$B$24,21,0),0)),0)</f>
        <v>0</v>
      </c>
      <c r="I634">
        <f t="shared" si="83"/>
        <v>5.4730914521239251</v>
      </c>
      <c r="J634">
        <f t="shared" si="84"/>
        <v>19.342420038218442</v>
      </c>
      <c r="K634">
        <f t="shared" si="85"/>
        <v>0.66948993279543179</v>
      </c>
      <c r="L634">
        <f t="shared" si="86"/>
        <v>0.33474496639771589</v>
      </c>
      <c r="M634">
        <f t="shared" si="87"/>
        <v>0</v>
      </c>
      <c r="N634" s="45">
        <f t="shared" si="88"/>
        <v>44951.999999998545</v>
      </c>
    </row>
    <row r="635" spans="2:14" x14ac:dyDescent="0.25">
      <c r="B635">
        <f t="shared" si="82"/>
        <v>4</v>
      </c>
      <c r="C635" s="16">
        <v>601</v>
      </c>
      <c r="D635" cm="1">
        <f t="array" ref="D635">IFERROR(INDEX(Jesper!AH$2:AH$366,ROUNDDOWN($C635/24,0)+1,1)*INDEX($D$3:$AA$30,INDEX(Jesper!$R$2:$R$366,ROW(INDEX(Jesper!AH$2:AH$366,ROUNDDOWN($C635/24,0)+1,1))-1)+IF('Standard Profiles'!$G$18=$B$10,7,0)+IF('Standard Profiles'!$G$18=$B$17,14,0)+IF('Standard Profiles'!$G$18=$B$24,21,0),MOD($C635,24)+1)/SUM(INDEX($D$3:$AA$30,INDEX(Jesper!$R$2:$R$366,ROW(INDEX(Jesper!AH$2:AH$366,ROUNDDOWN($C635/24,0)+1,1))-1)+IF('Standard Profiles'!$G$18=$B$10,7,0)+IF('Standard Profiles'!$G$18=$B$17,14,0)+IF('Standard Profiles'!$G$18=$B$24,21,0),0)),0)</f>
        <v>6.2764681199571726</v>
      </c>
      <c r="E635" cm="1">
        <f t="array" ref="E635">IFERROR(INDEX(Jesper!AI$2:AI$366,ROUNDDOWN($C635/24,0)+1,1)*INDEX($D$3:$AA$30,INDEX(Jesper!$R$2:$R$366,ROW(INDEX(Jesper!AI$2:AI$366,ROUNDDOWN($C635/24,0)+1,1))-1)+IF('Standard Profiles'!$G$19=$B$10,7,0)+IF('Standard Profiles'!$G$19=$B$17,14,0)+IF('Standard Profiles'!$G$19=$B$24,21,0),MOD($C635,24)+1)/SUM(INDEX($D$3:$AA$30,INDEX(Jesper!$R$2:$R$366,ROW(INDEX(Jesper!AI$2:AI$366,ROUNDDOWN($C635/24,0)+1,1))-1)+IF('Standard Profiles'!$G$19=$B$10,7,0)+IF('Standard Profiles'!$G$19=$B$17,14,0)+IF('Standard Profiles'!$G$19=$B$24,21,0),0)),0)</f>
        <v>8.1410044109868256</v>
      </c>
      <c r="F635" cm="1">
        <f t="array" ref="F635">IFERROR(INDEX(Jesper!AJ$2:AJ$366,ROUNDDOWN($C635/24,0)+1,1)*INDEX($D$3:$AA$30,INDEX(Jesper!$R$2:$R$366,ROW(INDEX(Jesper!AJ$2:AJ$366,ROUNDDOWN($C635/24,0)+1,1))-1)+IF('Standard Profiles'!$G$20=$B$10,7,0)+IF('Standard Profiles'!$G$20=$B$17,14,0)+IF('Standard Profiles'!$G$20=$B$24,21,0),MOD($C635,24)+1)/SUM(INDEX($D$3:$AA$30,INDEX(Jesper!$R$2:$R$366,ROW(INDEX(Jesper!AJ$2:AJ$366,ROUNDDOWN($C635/24,0)+1,1))-1)+IF('Standard Profiles'!$G$20=$B$10,7,0)+IF('Standard Profiles'!$G$20=$B$17,14,0)+IF('Standard Profiles'!$G$20=$B$24,21,0),0)),0)</f>
        <v>0</v>
      </c>
      <c r="G635" cm="1">
        <f t="array" ref="G635">IFERROR(INDEX(Jesper!AK$2:AK$366,ROUNDDOWN($C635/24,0)+1,1)*INDEX($D$3:$AA$30,INDEX(Jesper!$R$2:$R$366,ROW(INDEX(Jesper!AK$2:AK$366,ROUNDDOWN($C635/24,0)+1,1))-1)+IF('Standard Profiles'!$G$21=$B$10,7,0)+IF('Standard Profiles'!$G$21=$B$17,14,0)+IF('Standard Profiles'!$G$21=$B$24,21,0),MOD($C635,24)+1)/SUM(INDEX($D$3:$AA$30,INDEX(Jesper!$R$2:$R$366,ROW(INDEX(Jesper!AK$2:AK$366,ROUNDDOWN($C635/24,0)+1,1))-1)+IF('Standard Profiles'!$G$21=$B$10,7,0)+IF('Standard Profiles'!$G$21=$B$17,14,0)+IF('Standard Profiles'!$G$21=$B$24,21,0),0)),0)</f>
        <v>11.402273858591517</v>
      </c>
      <c r="H635" cm="1">
        <f t="array" ref="H635">IFERROR(INDEX(Jesper!AL$2:AL$366,ROUNDDOWN($C635/24,0)+1,1)*INDEX($D$3:$AA$30,INDEX(Jesper!$R$2:$R$366,ROW(INDEX(Jesper!AL$2:AL$366,ROUNDDOWN($C635/24,0)+1,1))-1)+IF('Standard Profiles'!$G$22=$B$10,7,0)+IF('Standard Profiles'!$G$22=$B$17,14,0)+IF('Standard Profiles'!$G$22=$B$24,21,0),MOD($C635,24)+1)/SUM(INDEX($D$3:$AA$30,INDEX(Jesper!$R$2:$R$366,ROW(INDEX(Jesper!AL$2:AL$366,ROUNDDOWN($C635/24,0)+1,1))-1)+IF('Standard Profiles'!$G$22=$B$10,7,0)+IF('Standard Profiles'!$G$22=$B$17,14,0)+IF('Standard Profiles'!$G$22=$B$24,21,0),0)),0)</f>
        <v>0</v>
      </c>
      <c r="I635">
        <f t="shared" si="83"/>
        <v>5.4730914521239251</v>
      </c>
      <c r="J635">
        <f t="shared" si="84"/>
        <v>19.342420038218442</v>
      </c>
      <c r="K635">
        <f t="shared" si="85"/>
        <v>0.66948993279543179</v>
      </c>
      <c r="L635">
        <f t="shared" si="86"/>
        <v>0.33474496639771589</v>
      </c>
      <c r="M635">
        <f t="shared" si="87"/>
        <v>0</v>
      </c>
      <c r="N635" s="45">
        <f t="shared" si="88"/>
        <v>44952.041666665209</v>
      </c>
    </row>
    <row r="636" spans="2:14" x14ac:dyDescent="0.25">
      <c r="B636">
        <f t="shared" si="82"/>
        <v>4</v>
      </c>
      <c r="C636" s="16">
        <v>602</v>
      </c>
      <c r="D636" cm="1">
        <f t="array" ref="D636">IFERROR(INDEX(Jesper!AH$2:AH$366,ROUNDDOWN($C636/24,0)+1,1)*INDEX($D$3:$AA$30,INDEX(Jesper!$R$2:$R$366,ROW(INDEX(Jesper!AH$2:AH$366,ROUNDDOWN($C636/24,0)+1,1))-1)+IF('Standard Profiles'!$G$18=$B$10,7,0)+IF('Standard Profiles'!$G$18=$B$17,14,0)+IF('Standard Profiles'!$G$18=$B$24,21,0),MOD($C636,24)+1)/SUM(INDEX($D$3:$AA$30,INDEX(Jesper!$R$2:$R$366,ROW(INDEX(Jesper!AH$2:AH$366,ROUNDDOWN($C636/24,0)+1,1))-1)+IF('Standard Profiles'!$G$18=$B$10,7,0)+IF('Standard Profiles'!$G$18=$B$17,14,0)+IF('Standard Profiles'!$G$18=$B$24,21,0),0)),0)</f>
        <v>6.2764681199571726</v>
      </c>
      <c r="E636" cm="1">
        <f t="array" ref="E636">IFERROR(INDEX(Jesper!AI$2:AI$366,ROUNDDOWN($C636/24,0)+1,1)*INDEX($D$3:$AA$30,INDEX(Jesper!$R$2:$R$366,ROW(INDEX(Jesper!AI$2:AI$366,ROUNDDOWN($C636/24,0)+1,1))-1)+IF('Standard Profiles'!$G$19=$B$10,7,0)+IF('Standard Profiles'!$G$19=$B$17,14,0)+IF('Standard Profiles'!$G$19=$B$24,21,0),MOD($C636,24)+1)/SUM(INDEX($D$3:$AA$30,INDEX(Jesper!$R$2:$R$366,ROW(INDEX(Jesper!AI$2:AI$366,ROUNDDOWN($C636/24,0)+1,1))-1)+IF('Standard Profiles'!$G$19=$B$10,7,0)+IF('Standard Profiles'!$G$19=$B$17,14,0)+IF('Standard Profiles'!$G$19=$B$24,21,0),0)),0)</f>
        <v>8.1410044109868256</v>
      </c>
      <c r="F636" cm="1">
        <f t="array" ref="F636">IFERROR(INDEX(Jesper!AJ$2:AJ$366,ROUNDDOWN($C636/24,0)+1,1)*INDEX($D$3:$AA$30,INDEX(Jesper!$R$2:$R$366,ROW(INDEX(Jesper!AJ$2:AJ$366,ROUNDDOWN($C636/24,0)+1,1))-1)+IF('Standard Profiles'!$G$20=$B$10,7,0)+IF('Standard Profiles'!$G$20=$B$17,14,0)+IF('Standard Profiles'!$G$20=$B$24,21,0),MOD($C636,24)+1)/SUM(INDEX($D$3:$AA$30,INDEX(Jesper!$R$2:$R$366,ROW(INDEX(Jesper!AJ$2:AJ$366,ROUNDDOWN($C636/24,0)+1,1))-1)+IF('Standard Profiles'!$G$20=$B$10,7,0)+IF('Standard Profiles'!$G$20=$B$17,14,0)+IF('Standard Profiles'!$G$20=$B$24,21,0),0)),0)</f>
        <v>0</v>
      </c>
      <c r="G636" cm="1">
        <f t="array" ref="G636">IFERROR(INDEX(Jesper!AK$2:AK$366,ROUNDDOWN($C636/24,0)+1,1)*INDEX($D$3:$AA$30,INDEX(Jesper!$R$2:$R$366,ROW(INDEX(Jesper!AK$2:AK$366,ROUNDDOWN($C636/24,0)+1,1))-1)+IF('Standard Profiles'!$G$21=$B$10,7,0)+IF('Standard Profiles'!$G$21=$B$17,14,0)+IF('Standard Profiles'!$G$21=$B$24,21,0),MOD($C636,24)+1)/SUM(INDEX($D$3:$AA$30,INDEX(Jesper!$R$2:$R$366,ROW(INDEX(Jesper!AK$2:AK$366,ROUNDDOWN($C636/24,0)+1,1))-1)+IF('Standard Profiles'!$G$21=$B$10,7,0)+IF('Standard Profiles'!$G$21=$B$17,14,0)+IF('Standard Profiles'!$G$21=$B$24,21,0),0)),0)</f>
        <v>11.402273858591517</v>
      </c>
      <c r="H636" cm="1">
        <f t="array" ref="H636">IFERROR(INDEX(Jesper!AL$2:AL$366,ROUNDDOWN($C636/24,0)+1,1)*INDEX($D$3:$AA$30,INDEX(Jesper!$R$2:$R$366,ROW(INDEX(Jesper!AL$2:AL$366,ROUNDDOWN($C636/24,0)+1,1))-1)+IF('Standard Profiles'!$G$22=$B$10,7,0)+IF('Standard Profiles'!$G$22=$B$17,14,0)+IF('Standard Profiles'!$G$22=$B$24,21,0),MOD($C636,24)+1)/SUM(INDEX($D$3:$AA$30,INDEX(Jesper!$R$2:$R$366,ROW(INDEX(Jesper!AL$2:AL$366,ROUNDDOWN($C636/24,0)+1,1))-1)+IF('Standard Profiles'!$G$22=$B$10,7,0)+IF('Standard Profiles'!$G$22=$B$17,14,0)+IF('Standard Profiles'!$G$22=$B$24,21,0),0)),0)</f>
        <v>0</v>
      </c>
      <c r="I636">
        <f t="shared" si="83"/>
        <v>5.4730914521239251</v>
      </c>
      <c r="J636">
        <f t="shared" si="84"/>
        <v>19.342420038218442</v>
      </c>
      <c r="K636">
        <f t="shared" si="85"/>
        <v>0.66948993279543179</v>
      </c>
      <c r="L636">
        <f t="shared" si="86"/>
        <v>0.33474496639771589</v>
      </c>
      <c r="M636">
        <f t="shared" si="87"/>
        <v>0</v>
      </c>
      <c r="N636" s="45">
        <f t="shared" si="88"/>
        <v>44952.083333331873</v>
      </c>
    </row>
    <row r="637" spans="2:14" x14ac:dyDescent="0.25">
      <c r="B637">
        <f t="shared" si="82"/>
        <v>4</v>
      </c>
      <c r="C637" s="16">
        <v>603</v>
      </c>
      <c r="D637" cm="1">
        <f t="array" ref="D637">IFERROR(INDEX(Jesper!AH$2:AH$366,ROUNDDOWN($C637/24,0)+1,1)*INDEX($D$3:$AA$30,INDEX(Jesper!$R$2:$R$366,ROW(INDEX(Jesper!AH$2:AH$366,ROUNDDOWN($C637/24,0)+1,1))-1)+IF('Standard Profiles'!$G$18=$B$10,7,0)+IF('Standard Profiles'!$G$18=$B$17,14,0)+IF('Standard Profiles'!$G$18=$B$24,21,0),MOD($C637,24)+1)/SUM(INDEX($D$3:$AA$30,INDEX(Jesper!$R$2:$R$366,ROW(INDEX(Jesper!AH$2:AH$366,ROUNDDOWN($C637/24,0)+1,1))-1)+IF('Standard Profiles'!$G$18=$B$10,7,0)+IF('Standard Profiles'!$G$18=$B$17,14,0)+IF('Standard Profiles'!$G$18=$B$24,21,0),0)),0)</f>
        <v>6.2764681199571726</v>
      </c>
      <c r="E637" cm="1">
        <f t="array" ref="E637">IFERROR(INDEX(Jesper!AI$2:AI$366,ROUNDDOWN($C637/24,0)+1,1)*INDEX($D$3:$AA$30,INDEX(Jesper!$R$2:$R$366,ROW(INDEX(Jesper!AI$2:AI$366,ROUNDDOWN($C637/24,0)+1,1))-1)+IF('Standard Profiles'!$G$19=$B$10,7,0)+IF('Standard Profiles'!$G$19=$B$17,14,0)+IF('Standard Profiles'!$G$19=$B$24,21,0),MOD($C637,24)+1)/SUM(INDEX($D$3:$AA$30,INDEX(Jesper!$R$2:$R$366,ROW(INDEX(Jesper!AI$2:AI$366,ROUNDDOWN($C637/24,0)+1,1))-1)+IF('Standard Profiles'!$G$19=$B$10,7,0)+IF('Standard Profiles'!$G$19=$B$17,14,0)+IF('Standard Profiles'!$G$19=$B$24,21,0),0)),0)</f>
        <v>8.1410044109868256</v>
      </c>
      <c r="F637" cm="1">
        <f t="array" ref="F637">IFERROR(INDEX(Jesper!AJ$2:AJ$366,ROUNDDOWN($C637/24,0)+1,1)*INDEX($D$3:$AA$30,INDEX(Jesper!$R$2:$R$366,ROW(INDEX(Jesper!AJ$2:AJ$366,ROUNDDOWN($C637/24,0)+1,1))-1)+IF('Standard Profiles'!$G$20=$B$10,7,0)+IF('Standard Profiles'!$G$20=$B$17,14,0)+IF('Standard Profiles'!$G$20=$B$24,21,0),MOD($C637,24)+1)/SUM(INDEX($D$3:$AA$30,INDEX(Jesper!$R$2:$R$366,ROW(INDEX(Jesper!AJ$2:AJ$366,ROUNDDOWN($C637/24,0)+1,1))-1)+IF('Standard Profiles'!$G$20=$B$10,7,0)+IF('Standard Profiles'!$G$20=$B$17,14,0)+IF('Standard Profiles'!$G$20=$B$24,21,0),0)),0)</f>
        <v>0</v>
      </c>
      <c r="G637" cm="1">
        <f t="array" ref="G637">IFERROR(INDEX(Jesper!AK$2:AK$366,ROUNDDOWN($C637/24,0)+1,1)*INDEX($D$3:$AA$30,INDEX(Jesper!$R$2:$R$366,ROW(INDEX(Jesper!AK$2:AK$366,ROUNDDOWN($C637/24,0)+1,1))-1)+IF('Standard Profiles'!$G$21=$B$10,7,0)+IF('Standard Profiles'!$G$21=$B$17,14,0)+IF('Standard Profiles'!$G$21=$B$24,21,0),MOD($C637,24)+1)/SUM(INDEX($D$3:$AA$30,INDEX(Jesper!$R$2:$R$366,ROW(INDEX(Jesper!AK$2:AK$366,ROUNDDOWN($C637/24,0)+1,1))-1)+IF('Standard Profiles'!$G$21=$B$10,7,0)+IF('Standard Profiles'!$G$21=$B$17,14,0)+IF('Standard Profiles'!$G$21=$B$24,21,0),0)),0)</f>
        <v>11.402273858591517</v>
      </c>
      <c r="H637" cm="1">
        <f t="array" ref="H637">IFERROR(INDEX(Jesper!AL$2:AL$366,ROUNDDOWN($C637/24,0)+1,1)*INDEX($D$3:$AA$30,INDEX(Jesper!$R$2:$R$366,ROW(INDEX(Jesper!AL$2:AL$366,ROUNDDOWN($C637/24,0)+1,1))-1)+IF('Standard Profiles'!$G$22=$B$10,7,0)+IF('Standard Profiles'!$G$22=$B$17,14,0)+IF('Standard Profiles'!$G$22=$B$24,21,0),MOD($C637,24)+1)/SUM(INDEX($D$3:$AA$30,INDEX(Jesper!$R$2:$R$366,ROW(INDEX(Jesper!AL$2:AL$366,ROUNDDOWN($C637/24,0)+1,1))-1)+IF('Standard Profiles'!$G$22=$B$10,7,0)+IF('Standard Profiles'!$G$22=$B$17,14,0)+IF('Standard Profiles'!$G$22=$B$24,21,0),0)),0)</f>
        <v>0</v>
      </c>
      <c r="I637">
        <f t="shared" si="83"/>
        <v>5.4730914521239251</v>
      </c>
      <c r="J637">
        <f t="shared" si="84"/>
        <v>19.342420038218442</v>
      </c>
      <c r="K637">
        <f t="shared" si="85"/>
        <v>0.66948993279543179</v>
      </c>
      <c r="L637">
        <f t="shared" si="86"/>
        <v>0.33474496639771589</v>
      </c>
      <c r="M637">
        <f t="shared" si="87"/>
        <v>0</v>
      </c>
      <c r="N637" s="45">
        <f t="shared" si="88"/>
        <v>44952.124999998538</v>
      </c>
    </row>
    <row r="638" spans="2:14" x14ac:dyDescent="0.25">
      <c r="B638">
        <f t="shared" si="82"/>
        <v>4</v>
      </c>
      <c r="C638" s="16">
        <v>604</v>
      </c>
      <c r="D638" cm="1">
        <f t="array" ref="D638">IFERROR(INDEX(Jesper!AH$2:AH$366,ROUNDDOWN($C638/24,0)+1,1)*INDEX($D$3:$AA$30,INDEX(Jesper!$R$2:$R$366,ROW(INDEX(Jesper!AH$2:AH$366,ROUNDDOWN($C638/24,0)+1,1))-1)+IF('Standard Profiles'!$G$18=$B$10,7,0)+IF('Standard Profiles'!$G$18=$B$17,14,0)+IF('Standard Profiles'!$G$18=$B$24,21,0),MOD($C638,24)+1)/SUM(INDEX($D$3:$AA$30,INDEX(Jesper!$R$2:$R$366,ROW(INDEX(Jesper!AH$2:AH$366,ROUNDDOWN($C638/24,0)+1,1))-1)+IF('Standard Profiles'!$G$18=$B$10,7,0)+IF('Standard Profiles'!$G$18=$B$17,14,0)+IF('Standard Profiles'!$G$18=$B$24,21,0),0)),0)</f>
        <v>6.2764681199571726</v>
      </c>
      <c r="E638" cm="1">
        <f t="array" ref="E638">IFERROR(INDEX(Jesper!AI$2:AI$366,ROUNDDOWN($C638/24,0)+1,1)*INDEX($D$3:$AA$30,INDEX(Jesper!$R$2:$R$366,ROW(INDEX(Jesper!AI$2:AI$366,ROUNDDOWN($C638/24,0)+1,1))-1)+IF('Standard Profiles'!$G$19=$B$10,7,0)+IF('Standard Profiles'!$G$19=$B$17,14,0)+IF('Standard Profiles'!$G$19=$B$24,21,0),MOD($C638,24)+1)/SUM(INDEX($D$3:$AA$30,INDEX(Jesper!$R$2:$R$366,ROW(INDEX(Jesper!AI$2:AI$366,ROUNDDOWN($C638/24,0)+1,1))-1)+IF('Standard Profiles'!$G$19=$B$10,7,0)+IF('Standard Profiles'!$G$19=$B$17,14,0)+IF('Standard Profiles'!$G$19=$B$24,21,0),0)),0)</f>
        <v>8.1410044109868256</v>
      </c>
      <c r="F638" cm="1">
        <f t="array" ref="F638">IFERROR(INDEX(Jesper!AJ$2:AJ$366,ROUNDDOWN($C638/24,0)+1,1)*INDEX($D$3:$AA$30,INDEX(Jesper!$R$2:$R$366,ROW(INDEX(Jesper!AJ$2:AJ$366,ROUNDDOWN($C638/24,0)+1,1))-1)+IF('Standard Profiles'!$G$20=$B$10,7,0)+IF('Standard Profiles'!$G$20=$B$17,14,0)+IF('Standard Profiles'!$G$20=$B$24,21,0),MOD($C638,24)+1)/SUM(INDEX($D$3:$AA$30,INDEX(Jesper!$R$2:$R$366,ROW(INDEX(Jesper!AJ$2:AJ$366,ROUNDDOWN($C638/24,0)+1,1))-1)+IF('Standard Profiles'!$G$20=$B$10,7,0)+IF('Standard Profiles'!$G$20=$B$17,14,0)+IF('Standard Profiles'!$G$20=$B$24,21,0),0)),0)</f>
        <v>0</v>
      </c>
      <c r="G638" cm="1">
        <f t="array" ref="G638">IFERROR(INDEX(Jesper!AK$2:AK$366,ROUNDDOWN($C638/24,0)+1,1)*INDEX($D$3:$AA$30,INDEX(Jesper!$R$2:$R$366,ROW(INDEX(Jesper!AK$2:AK$366,ROUNDDOWN($C638/24,0)+1,1))-1)+IF('Standard Profiles'!$G$21=$B$10,7,0)+IF('Standard Profiles'!$G$21=$B$17,14,0)+IF('Standard Profiles'!$G$21=$B$24,21,0),MOD($C638,24)+1)/SUM(INDEX($D$3:$AA$30,INDEX(Jesper!$R$2:$R$366,ROW(INDEX(Jesper!AK$2:AK$366,ROUNDDOWN($C638/24,0)+1,1))-1)+IF('Standard Profiles'!$G$21=$B$10,7,0)+IF('Standard Profiles'!$G$21=$B$17,14,0)+IF('Standard Profiles'!$G$21=$B$24,21,0),0)),0)</f>
        <v>11.402273858591517</v>
      </c>
      <c r="H638" cm="1">
        <f t="array" ref="H638">IFERROR(INDEX(Jesper!AL$2:AL$366,ROUNDDOWN($C638/24,0)+1,1)*INDEX($D$3:$AA$30,INDEX(Jesper!$R$2:$R$366,ROW(INDEX(Jesper!AL$2:AL$366,ROUNDDOWN($C638/24,0)+1,1))-1)+IF('Standard Profiles'!$G$22=$B$10,7,0)+IF('Standard Profiles'!$G$22=$B$17,14,0)+IF('Standard Profiles'!$G$22=$B$24,21,0),MOD($C638,24)+1)/SUM(INDEX($D$3:$AA$30,INDEX(Jesper!$R$2:$R$366,ROW(INDEX(Jesper!AL$2:AL$366,ROUNDDOWN($C638/24,0)+1,1))-1)+IF('Standard Profiles'!$G$22=$B$10,7,0)+IF('Standard Profiles'!$G$22=$B$17,14,0)+IF('Standard Profiles'!$G$22=$B$24,21,0),0)),0)</f>
        <v>0</v>
      </c>
      <c r="I638">
        <f t="shared" si="83"/>
        <v>5.4730914521239251</v>
      </c>
      <c r="J638">
        <f t="shared" si="84"/>
        <v>19.342420038218442</v>
      </c>
      <c r="K638">
        <f t="shared" si="85"/>
        <v>0.66948993279543179</v>
      </c>
      <c r="L638">
        <f t="shared" si="86"/>
        <v>0.33474496639771589</v>
      </c>
      <c r="M638">
        <f t="shared" si="87"/>
        <v>0</v>
      </c>
      <c r="N638" s="45">
        <f t="shared" si="88"/>
        <v>44952.166666665202</v>
      </c>
    </row>
    <row r="639" spans="2:14" x14ac:dyDescent="0.25">
      <c r="B639">
        <f t="shared" si="82"/>
        <v>4</v>
      </c>
      <c r="C639" s="16">
        <v>605</v>
      </c>
      <c r="D639" cm="1">
        <f t="array" ref="D639">IFERROR(INDEX(Jesper!AH$2:AH$366,ROUNDDOWN($C639/24,0)+1,1)*INDEX($D$3:$AA$30,INDEX(Jesper!$R$2:$R$366,ROW(INDEX(Jesper!AH$2:AH$366,ROUNDDOWN($C639/24,0)+1,1))-1)+IF('Standard Profiles'!$G$18=$B$10,7,0)+IF('Standard Profiles'!$G$18=$B$17,14,0)+IF('Standard Profiles'!$G$18=$B$24,21,0),MOD($C639,24)+1)/SUM(INDEX($D$3:$AA$30,INDEX(Jesper!$R$2:$R$366,ROW(INDEX(Jesper!AH$2:AH$366,ROUNDDOWN($C639/24,0)+1,1))-1)+IF('Standard Profiles'!$G$18=$B$10,7,0)+IF('Standard Profiles'!$G$18=$B$17,14,0)+IF('Standard Profiles'!$G$18=$B$24,21,0),0)),0)</f>
        <v>6.2764681199571726</v>
      </c>
      <c r="E639" cm="1">
        <f t="array" ref="E639">IFERROR(INDEX(Jesper!AI$2:AI$366,ROUNDDOWN($C639/24,0)+1,1)*INDEX($D$3:$AA$30,INDEX(Jesper!$R$2:$R$366,ROW(INDEX(Jesper!AI$2:AI$366,ROUNDDOWN($C639/24,0)+1,1))-1)+IF('Standard Profiles'!$G$19=$B$10,7,0)+IF('Standard Profiles'!$G$19=$B$17,14,0)+IF('Standard Profiles'!$G$19=$B$24,21,0),MOD($C639,24)+1)/SUM(INDEX($D$3:$AA$30,INDEX(Jesper!$R$2:$R$366,ROW(INDEX(Jesper!AI$2:AI$366,ROUNDDOWN($C639/24,0)+1,1))-1)+IF('Standard Profiles'!$G$19=$B$10,7,0)+IF('Standard Profiles'!$G$19=$B$17,14,0)+IF('Standard Profiles'!$G$19=$B$24,21,0),0)),0)</f>
        <v>8.1410044109868256</v>
      </c>
      <c r="F639" cm="1">
        <f t="array" ref="F639">IFERROR(INDEX(Jesper!AJ$2:AJ$366,ROUNDDOWN($C639/24,0)+1,1)*INDEX($D$3:$AA$30,INDEX(Jesper!$R$2:$R$366,ROW(INDEX(Jesper!AJ$2:AJ$366,ROUNDDOWN($C639/24,0)+1,1))-1)+IF('Standard Profiles'!$G$20=$B$10,7,0)+IF('Standard Profiles'!$G$20=$B$17,14,0)+IF('Standard Profiles'!$G$20=$B$24,21,0),MOD($C639,24)+1)/SUM(INDEX($D$3:$AA$30,INDEX(Jesper!$R$2:$R$366,ROW(INDEX(Jesper!AJ$2:AJ$366,ROUNDDOWN($C639/24,0)+1,1))-1)+IF('Standard Profiles'!$G$20=$B$10,7,0)+IF('Standard Profiles'!$G$20=$B$17,14,0)+IF('Standard Profiles'!$G$20=$B$24,21,0),0)),0)</f>
        <v>0</v>
      </c>
      <c r="G639" cm="1">
        <f t="array" ref="G639">IFERROR(INDEX(Jesper!AK$2:AK$366,ROUNDDOWN($C639/24,0)+1,1)*INDEX($D$3:$AA$30,INDEX(Jesper!$R$2:$R$366,ROW(INDEX(Jesper!AK$2:AK$366,ROUNDDOWN($C639/24,0)+1,1))-1)+IF('Standard Profiles'!$G$21=$B$10,7,0)+IF('Standard Profiles'!$G$21=$B$17,14,0)+IF('Standard Profiles'!$G$21=$B$24,21,0),MOD($C639,24)+1)/SUM(INDEX($D$3:$AA$30,INDEX(Jesper!$R$2:$R$366,ROW(INDEX(Jesper!AK$2:AK$366,ROUNDDOWN($C639/24,0)+1,1))-1)+IF('Standard Profiles'!$G$21=$B$10,7,0)+IF('Standard Profiles'!$G$21=$B$17,14,0)+IF('Standard Profiles'!$G$21=$B$24,21,0),0)),0)</f>
        <v>11.402273858591517</v>
      </c>
      <c r="H639" cm="1">
        <f t="array" ref="H639">IFERROR(INDEX(Jesper!AL$2:AL$366,ROUNDDOWN($C639/24,0)+1,1)*INDEX($D$3:$AA$30,INDEX(Jesper!$R$2:$R$366,ROW(INDEX(Jesper!AL$2:AL$366,ROUNDDOWN($C639/24,0)+1,1))-1)+IF('Standard Profiles'!$G$22=$B$10,7,0)+IF('Standard Profiles'!$G$22=$B$17,14,0)+IF('Standard Profiles'!$G$22=$B$24,21,0),MOD($C639,24)+1)/SUM(INDEX($D$3:$AA$30,INDEX(Jesper!$R$2:$R$366,ROW(INDEX(Jesper!AL$2:AL$366,ROUNDDOWN($C639/24,0)+1,1))-1)+IF('Standard Profiles'!$G$22=$B$10,7,0)+IF('Standard Profiles'!$G$22=$B$17,14,0)+IF('Standard Profiles'!$G$22=$B$24,21,0),0)),0)</f>
        <v>0</v>
      </c>
      <c r="I639">
        <f t="shared" si="83"/>
        <v>5.4730914521239251</v>
      </c>
      <c r="J639">
        <f t="shared" si="84"/>
        <v>19.342420038218442</v>
      </c>
      <c r="K639">
        <f t="shared" si="85"/>
        <v>0.66948993279543179</v>
      </c>
      <c r="L639">
        <f t="shared" si="86"/>
        <v>0.33474496639771589</v>
      </c>
      <c r="M639">
        <f t="shared" si="87"/>
        <v>0</v>
      </c>
      <c r="N639" s="45">
        <f t="shared" si="88"/>
        <v>44952.208333331866</v>
      </c>
    </row>
    <row r="640" spans="2:14" x14ac:dyDescent="0.25">
      <c r="B640">
        <f t="shared" si="82"/>
        <v>4</v>
      </c>
      <c r="C640" s="16">
        <v>606</v>
      </c>
      <c r="D640" cm="1">
        <f t="array" ref="D640">IFERROR(INDEX(Jesper!AH$2:AH$366,ROUNDDOWN($C640/24,0)+1,1)*INDEX($D$3:$AA$30,INDEX(Jesper!$R$2:$R$366,ROW(INDEX(Jesper!AH$2:AH$366,ROUNDDOWN($C640/24,0)+1,1))-1)+IF('Standard Profiles'!$G$18=$B$10,7,0)+IF('Standard Profiles'!$G$18=$B$17,14,0)+IF('Standard Profiles'!$G$18=$B$24,21,0),MOD($C640,24)+1)/SUM(INDEX($D$3:$AA$30,INDEX(Jesper!$R$2:$R$366,ROW(INDEX(Jesper!AH$2:AH$366,ROUNDDOWN($C640/24,0)+1,1))-1)+IF('Standard Profiles'!$G$18=$B$10,7,0)+IF('Standard Profiles'!$G$18=$B$17,14,0)+IF('Standard Profiles'!$G$18=$B$24,21,0),0)),0)</f>
        <v>6.2764681199571726</v>
      </c>
      <c r="E640" cm="1">
        <f t="array" ref="E640">IFERROR(INDEX(Jesper!AI$2:AI$366,ROUNDDOWN($C640/24,0)+1,1)*INDEX($D$3:$AA$30,INDEX(Jesper!$R$2:$R$366,ROW(INDEX(Jesper!AI$2:AI$366,ROUNDDOWN($C640/24,0)+1,1))-1)+IF('Standard Profiles'!$G$19=$B$10,7,0)+IF('Standard Profiles'!$G$19=$B$17,14,0)+IF('Standard Profiles'!$G$19=$B$24,21,0),MOD($C640,24)+1)/SUM(INDEX($D$3:$AA$30,INDEX(Jesper!$R$2:$R$366,ROW(INDEX(Jesper!AI$2:AI$366,ROUNDDOWN($C640/24,0)+1,1))-1)+IF('Standard Profiles'!$G$19=$B$10,7,0)+IF('Standard Profiles'!$G$19=$B$17,14,0)+IF('Standard Profiles'!$G$19=$B$24,21,0),0)),0)</f>
        <v>8.1410044109868256</v>
      </c>
      <c r="F640" cm="1">
        <f t="array" ref="F640">IFERROR(INDEX(Jesper!AJ$2:AJ$366,ROUNDDOWN($C640/24,0)+1,1)*INDEX($D$3:$AA$30,INDEX(Jesper!$R$2:$R$366,ROW(INDEX(Jesper!AJ$2:AJ$366,ROUNDDOWN($C640/24,0)+1,1))-1)+IF('Standard Profiles'!$G$20=$B$10,7,0)+IF('Standard Profiles'!$G$20=$B$17,14,0)+IF('Standard Profiles'!$G$20=$B$24,21,0),MOD($C640,24)+1)/SUM(INDEX($D$3:$AA$30,INDEX(Jesper!$R$2:$R$366,ROW(INDEX(Jesper!AJ$2:AJ$366,ROUNDDOWN($C640/24,0)+1,1))-1)+IF('Standard Profiles'!$G$20=$B$10,7,0)+IF('Standard Profiles'!$G$20=$B$17,14,0)+IF('Standard Profiles'!$G$20=$B$24,21,0),0)),0)</f>
        <v>0</v>
      </c>
      <c r="G640" cm="1">
        <f t="array" ref="G640">IFERROR(INDEX(Jesper!AK$2:AK$366,ROUNDDOWN($C640/24,0)+1,1)*INDEX($D$3:$AA$30,INDEX(Jesper!$R$2:$R$366,ROW(INDEX(Jesper!AK$2:AK$366,ROUNDDOWN($C640/24,0)+1,1))-1)+IF('Standard Profiles'!$G$21=$B$10,7,0)+IF('Standard Profiles'!$G$21=$B$17,14,0)+IF('Standard Profiles'!$G$21=$B$24,21,0),MOD($C640,24)+1)/SUM(INDEX($D$3:$AA$30,INDEX(Jesper!$R$2:$R$366,ROW(INDEX(Jesper!AK$2:AK$366,ROUNDDOWN($C640/24,0)+1,1))-1)+IF('Standard Profiles'!$G$21=$B$10,7,0)+IF('Standard Profiles'!$G$21=$B$17,14,0)+IF('Standard Profiles'!$G$21=$B$24,21,0),0)),0)</f>
        <v>11.402273858591517</v>
      </c>
      <c r="H640" cm="1">
        <f t="array" ref="H640">IFERROR(INDEX(Jesper!AL$2:AL$366,ROUNDDOWN($C640/24,0)+1,1)*INDEX($D$3:$AA$30,INDEX(Jesper!$R$2:$R$366,ROW(INDEX(Jesper!AL$2:AL$366,ROUNDDOWN($C640/24,0)+1,1))-1)+IF('Standard Profiles'!$G$22=$B$10,7,0)+IF('Standard Profiles'!$G$22=$B$17,14,0)+IF('Standard Profiles'!$G$22=$B$24,21,0),MOD($C640,24)+1)/SUM(INDEX($D$3:$AA$30,INDEX(Jesper!$R$2:$R$366,ROW(INDEX(Jesper!AL$2:AL$366,ROUNDDOWN($C640/24,0)+1,1))-1)+IF('Standard Profiles'!$G$22=$B$10,7,0)+IF('Standard Profiles'!$G$22=$B$17,14,0)+IF('Standard Profiles'!$G$22=$B$24,21,0),0)),0)</f>
        <v>0</v>
      </c>
      <c r="I640">
        <f t="shared" si="83"/>
        <v>5.4730914521239251</v>
      </c>
      <c r="J640">
        <f t="shared" si="84"/>
        <v>19.342420038218442</v>
      </c>
      <c r="K640">
        <f t="shared" si="85"/>
        <v>0.66948993279543179</v>
      </c>
      <c r="L640">
        <f t="shared" si="86"/>
        <v>0.33474496639771589</v>
      </c>
      <c r="M640">
        <f t="shared" si="87"/>
        <v>0</v>
      </c>
      <c r="N640" s="45">
        <f t="shared" si="88"/>
        <v>44952.24999999853</v>
      </c>
    </row>
    <row r="641" spans="2:14" x14ac:dyDescent="0.25">
      <c r="B641">
        <f t="shared" si="82"/>
        <v>4</v>
      </c>
      <c r="C641" s="16">
        <v>607</v>
      </c>
      <c r="D641" cm="1">
        <f t="array" ref="D641">IFERROR(INDEX(Jesper!AH$2:AH$366,ROUNDDOWN($C641/24,0)+1,1)*INDEX($D$3:$AA$30,INDEX(Jesper!$R$2:$R$366,ROW(INDEX(Jesper!AH$2:AH$366,ROUNDDOWN($C641/24,0)+1,1))-1)+IF('Standard Profiles'!$G$18=$B$10,7,0)+IF('Standard Profiles'!$G$18=$B$17,14,0)+IF('Standard Profiles'!$G$18=$B$24,21,0),MOD($C641,24)+1)/SUM(INDEX($D$3:$AA$30,INDEX(Jesper!$R$2:$R$366,ROW(INDEX(Jesper!AH$2:AH$366,ROUNDDOWN($C641/24,0)+1,1))-1)+IF('Standard Profiles'!$G$18=$B$10,7,0)+IF('Standard Profiles'!$G$18=$B$17,14,0)+IF('Standard Profiles'!$G$18=$B$24,21,0),0)),0)</f>
        <v>25.657440890370381</v>
      </c>
      <c r="E641" cm="1">
        <f t="array" ref="E641">IFERROR(INDEX(Jesper!AI$2:AI$366,ROUNDDOWN($C641/24,0)+1,1)*INDEX($D$3:$AA$30,INDEX(Jesper!$R$2:$R$366,ROW(INDEX(Jesper!AI$2:AI$366,ROUNDDOWN($C641/24,0)+1,1))-1)+IF('Standard Profiles'!$G$19=$B$10,7,0)+IF('Standard Profiles'!$G$19=$B$17,14,0)+IF('Standard Profiles'!$G$19=$B$24,21,0),MOD($C641,24)+1)/SUM(INDEX($D$3:$AA$30,INDEX(Jesper!$R$2:$R$366,ROW(INDEX(Jesper!AI$2:AI$366,ROUNDDOWN($C641/24,0)+1,1))-1)+IF('Standard Profiles'!$G$19=$B$10,7,0)+IF('Standard Profiles'!$G$19=$B$17,14,0)+IF('Standard Profiles'!$G$19=$B$24,21,0),0)),0)</f>
        <v>33.279439243700686</v>
      </c>
      <c r="F641" cm="1">
        <f t="array" ref="F641">IFERROR(INDEX(Jesper!AJ$2:AJ$366,ROUNDDOWN($C641/24,0)+1,1)*INDEX($D$3:$AA$30,INDEX(Jesper!$R$2:$R$366,ROW(INDEX(Jesper!AJ$2:AJ$366,ROUNDDOWN($C641/24,0)+1,1))-1)+IF('Standard Profiles'!$G$20=$B$10,7,0)+IF('Standard Profiles'!$G$20=$B$17,14,0)+IF('Standard Profiles'!$G$20=$B$24,21,0),MOD($C641,24)+1)/SUM(INDEX($D$3:$AA$30,INDEX(Jesper!$R$2:$R$366,ROW(INDEX(Jesper!AJ$2:AJ$366,ROUNDDOWN($C641/24,0)+1,1))-1)+IF('Standard Profiles'!$G$20=$B$10,7,0)+IF('Standard Profiles'!$G$20=$B$17,14,0)+IF('Standard Profiles'!$G$20=$B$24,21,0),0)),0)</f>
        <v>0</v>
      </c>
      <c r="G641" cm="1">
        <f t="array" ref="G641">IFERROR(INDEX(Jesper!AK$2:AK$366,ROUNDDOWN($C641/24,0)+1,1)*INDEX($D$3:$AA$30,INDEX(Jesper!$R$2:$R$366,ROW(INDEX(Jesper!AK$2:AK$366,ROUNDDOWN($C641/24,0)+1,1))-1)+IF('Standard Profiles'!$G$21=$B$10,7,0)+IF('Standard Profiles'!$G$21=$B$17,14,0)+IF('Standard Profiles'!$G$21=$B$24,21,0),MOD($C641,24)+1)/SUM(INDEX($D$3:$AA$30,INDEX(Jesper!$R$2:$R$366,ROW(INDEX(Jesper!AK$2:AK$366,ROUNDDOWN($C641/24,0)+1,1))-1)+IF('Standard Profiles'!$G$21=$B$10,7,0)+IF('Standard Profiles'!$G$21=$B$17,14,0)+IF('Standard Profiles'!$G$21=$B$24,21,0),0)),0)</f>
        <v>31.413264480419624</v>
      </c>
      <c r="H641" cm="1">
        <f t="array" ref="H641">IFERROR(INDEX(Jesper!AL$2:AL$366,ROUNDDOWN($C641/24,0)+1,1)*INDEX($D$3:$AA$30,INDEX(Jesper!$R$2:$R$366,ROW(INDEX(Jesper!AL$2:AL$366,ROUNDDOWN($C641/24,0)+1,1))-1)+IF('Standard Profiles'!$G$22=$B$10,7,0)+IF('Standard Profiles'!$G$22=$B$17,14,0)+IF('Standard Profiles'!$G$22=$B$24,21,0),MOD($C641,24)+1)/SUM(INDEX($D$3:$AA$30,INDEX(Jesper!$R$2:$R$366,ROW(INDEX(Jesper!AL$2:AL$366,ROUNDDOWN($C641/24,0)+1,1))-1)+IF('Standard Profiles'!$G$22=$B$10,7,0)+IF('Standard Profiles'!$G$22=$B$17,14,0)+IF('Standard Profiles'!$G$22=$B$24,21,0),0)),0)</f>
        <v>0</v>
      </c>
      <c r="I641">
        <f t="shared" si="83"/>
        <v>15.078366950601412</v>
      </c>
      <c r="J641">
        <f t="shared" si="84"/>
        <v>71.166587121430013</v>
      </c>
      <c r="K641">
        <f t="shared" si="85"/>
        <v>2.7367936949728406</v>
      </c>
      <c r="L641">
        <f t="shared" si="86"/>
        <v>1.3683968474864203</v>
      </c>
      <c r="M641">
        <f t="shared" si="87"/>
        <v>0</v>
      </c>
      <c r="N641" s="45">
        <f t="shared" si="88"/>
        <v>44952.291666665194</v>
      </c>
    </row>
    <row r="642" spans="2:14" x14ac:dyDescent="0.25">
      <c r="B642">
        <f t="shared" si="82"/>
        <v>4</v>
      </c>
      <c r="C642" s="16">
        <v>608</v>
      </c>
      <c r="D642" cm="1">
        <f t="array" ref="D642">IFERROR(INDEX(Jesper!AH$2:AH$366,ROUNDDOWN($C642/24,0)+1,1)*INDEX($D$3:$AA$30,INDEX(Jesper!$R$2:$R$366,ROW(INDEX(Jesper!AH$2:AH$366,ROUNDDOWN($C642/24,0)+1,1))-1)+IF('Standard Profiles'!$G$18=$B$10,7,0)+IF('Standard Profiles'!$G$18=$B$17,14,0)+IF('Standard Profiles'!$G$18=$B$24,21,0),MOD($C642,24)+1)/SUM(INDEX($D$3:$AA$30,INDEX(Jesper!$R$2:$R$366,ROW(INDEX(Jesper!AH$2:AH$366,ROUNDDOWN($C642/24,0)+1,1))-1)+IF('Standard Profiles'!$G$18=$B$10,7,0)+IF('Standard Profiles'!$G$18=$B$17,14,0)+IF('Standard Profiles'!$G$18=$B$24,21,0),0)),0)</f>
        <v>28.62830246715011</v>
      </c>
      <c r="E642" cm="1">
        <f t="array" ref="E642">IFERROR(INDEX(Jesper!AI$2:AI$366,ROUNDDOWN($C642/24,0)+1,1)*INDEX($D$3:$AA$30,INDEX(Jesper!$R$2:$R$366,ROW(INDEX(Jesper!AI$2:AI$366,ROUNDDOWN($C642/24,0)+1,1))-1)+IF('Standard Profiles'!$G$19=$B$10,7,0)+IF('Standard Profiles'!$G$19=$B$17,14,0)+IF('Standard Profiles'!$G$19=$B$24,21,0),MOD($C642,24)+1)/SUM(INDEX($D$3:$AA$30,INDEX(Jesper!$R$2:$R$366,ROW(INDEX(Jesper!AI$2:AI$366,ROUNDDOWN($C642/24,0)+1,1))-1)+IF('Standard Profiles'!$G$19=$B$10,7,0)+IF('Standard Profiles'!$G$19=$B$17,14,0)+IF('Standard Profiles'!$G$19=$B$24,21,0),0)),0)</f>
        <v>37.132847998234453</v>
      </c>
      <c r="F642" cm="1">
        <f t="array" ref="F642">IFERROR(INDEX(Jesper!AJ$2:AJ$366,ROUNDDOWN($C642/24,0)+1,1)*INDEX($D$3:$AA$30,INDEX(Jesper!$R$2:$R$366,ROW(INDEX(Jesper!AJ$2:AJ$366,ROUNDDOWN($C642/24,0)+1,1))-1)+IF('Standard Profiles'!$G$20=$B$10,7,0)+IF('Standard Profiles'!$G$20=$B$17,14,0)+IF('Standard Profiles'!$G$20=$B$24,21,0),MOD($C642,24)+1)/SUM(INDEX($D$3:$AA$30,INDEX(Jesper!$R$2:$R$366,ROW(INDEX(Jesper!AJ$2:AJ$366,ROUNDDOWN($C642/24,0)+1,1))-1)+IF('Standard Profiles'!$G$20=$B$10,7,0)+IF('Standard Profiles'!$G$20=$B$17,14,0)+IF('Standard Profiles'!$G$20=$B$24,21,0),0)),0)</f>
        <v>0</v>
      </c>
      <c r="G642" cm="1">
        <f t="array" ref="G642">IFERROR(INDEX(Jesper!AK$2:AK$366,ROUNDDOWN($C642/24,0)+1,1)*INDEX($D$3:$AA$30,INDEX(Jesper!$R$2:$R$366,ROW(INDEX(Jesper!AK$2:AK$366,ROUNDDOWN($C642/24,0)+1,1))-1)+IF('Standard Profiles'!$G$21=$B$10,7,0)+IF('Standard Profiles'!$G$21=$B$17,14,0)+IF('Standard Profiles'!$G$21=$B$24,21,0),MOD($C642,24)+1)/SUM(INDEX($D$3:$AA$30,INDEX(Jesper!$R$2:$R$366,ROW(INDEX(Jesper!AK$2:AK$366,ROUNDDOWN($C642/24,0)+1,1))-1)+IF('Standard Profiles'!$G$21=$B$10,7,0)+IF('Standard Profiles'!$G$21=$B$17,14,0)+IF('Standard Profiles'!$G$21=$B$24,21,0),0)),0)</f>
        <v>35.05058984131032</v>
      </c>
      <c r="H642" cm="1">
        <f t="array" ref="H642">IFERROR(INDEX(Jesper!AL$2:AL$366,ROUNDDOWN($C642/24,0)+1,1)*INDEX($D$3:$AA$30,INDEX(Jesper!$R$2:$R$366,ROW(INDEX(Jesper!AL$2:AL$366,ROUNDDOWN($C642/24,0)+1,1))-1)+IF('Standard Profiles'!$G$22=$B$10,7,0)+IF('Standard Profiles'!$G$22=$B$17,14,0)+IF('Standard Profiles'!$G$22=$B$24,21,0),MOD($C642,24)+1)/SUM(INDEX($D$3:$AA$30,INDEX(Jesper!$R$2:$R$366,ROW(INDEX(Jesper!AL$2:AL$366,ROUNDDOWN($C642/24,0)+1,1))-1)+IF('Standard Profiles'!$G$22=$B$10,7,0)+IF('Standard Profiles'!$G$22=$B$17,14,0)+IF('Standard Profiles'!$G$22=$B$24,21,0),0)),0)</f>
        <v>0</v>
      </c>
      <c r="I642">
        <f t="shared" si="83"/>
        <v>16.824283123828945</v>
      </c>
      <c r="J642">
        <f t="shared" si="84"/>
        <v>79.406928788121917</v>
      </c>
      <c r="K642">
        <f t="shared" si="85"/>
        <v>3.0536855964960119</v>
      </c>
      <c r="L642">
        <f t="shared" si="86"/>
        <v>1.526842798248006</v>
      </c>
      <c r="M642">
        <f t="shared" si="87"/>
        <v>0</v>
      </c>
      <c r="N642" s="45">
        <f t="shared" si="88"/>
        <v>44952.333333331859</v>
      </c>
    </row>
    <row r="643" spans="2:14" x14ac:dyDescent="0.25">
      <c r="B643">
        <f t="shared" si="82"/>
        <v>4</v>
      </c>
      <c r="C643" s="16">
        <v>609</v>
      </c>
      <c r="D643" cm="1">
        <f t="array" ref="D643">IFERROR(INDEX(Jesper!AH$2:AH$366,ROUNDDOWN($C643/24,0)+1,1)*INDEX($D$3:$AA$30,INDEX(Jesper!$R$2:$R$366,ROW(INDEX(Jesper!AH$2:AH$366,ROUNDDOWN($C643/24,0)+1,1))-1)+IF('Standard Profiles'!$G$18=$B$10,7,0)+IF('Standard Profiles'!$G$18=$B$17,14,0)+IF('Standard Profiles'!$G$18=$B$24,21,0),MOD($C643,24)+1)/SUM(INDEX($D$3:$AA$30,INDEX(Jesper!$R$2:$R$366,ROW(INDEX(Jesper!AH$2:AH$366,ROUNDDOWN($C643/24,0)+1,1))-1)+IF('Standard Profiles'!$G$18=$B$10,7,0)+IF('Standard Profiles'!$G$18=$B$17,14,0)+IF('Standard Profiles'!$G$18=$B$24,21,0),0)),0)</f>
        <v>31.599164043929843</v>
      </c>
      <c r="E643" cm="1">
        <f t="array" ref="E643">IFERROR(INDEX(Jesper!AI$2:AI$366,ROUNDDOWN($C643/24,0)+1,1)*INDEX($D$3:$AA$30,INDEX(Jesper!$R$2:$R$366,ROW(INDEX(Jesper!AI$2:AI$366,ROUNDDOWN($C643/24,0)+1,1))-1)+IF('Standard Profiles'!$G$19=$B$10,7,0)+IF('Standard Profiles'!$G$19=$B$17,14,0)+IF('Standard Profiles'!$G$19=$B$24,21,0),MOD($C643,24)+1)/SUM(INDEX($D$3:$AA$30,INDEX(Jesper!$R$2:$R$366,ROW(INDEX(Jesper!AI$2:AI$366,ROUNDDOWN($C643/24,0)+1,1))-1)+IF('Standard Profiles'!$G$19=$B$10,7,0)+IF('Standard Profiles'!$G$19=$B$17,14,0)+IF('Standard Profiles'!$G$19=$B$24,21,0),0)),0)</f>
        <v>40.98625675276822</v>
      </c>
      <c r="F643" cm="1">
        <f t="array" ref="F643">IFERROR(INDEX(Jesper!AJ$2:AJ$366,ROUNDDOWN($C643/24,0)+1,1)*INDEX($D$3:$AA$30,INDEX(Jesper!$R$2:$R$366,ROW(INDEX(Jesper!AJ$2:AJ$366,ROUNDDOWN($C643/24,0)+1,1))-1)+IF('Standard Profiles'!$G$20=$B$10,7,0)+IF('Standard Profiles'!$G$20=$B$17,14,0)+IF('Standard Profiles'!$G$20=$B$24,21,0),MOD($C643,24)+1)/SUM(INDEX($D$3:$AA$30,INDEX(Jesper!$R$2:$R$366,ROW(INDEX(Jesper!AJ$2:AJ$366,ROUNDDOWN($C643/24,0)+1,1))-1)+IF('Standard Profiles'!$G$20=$B$10,7,0)+IF('Standard Profiles'!$G$20=$B$17,14,0)+IF('Standard Profiles'!$G$20=$B$24,21,0),0)),0)</f>
        <v>0</v>
      </c>
      <c r="G643" cm="1">
        <f t="array" ref="G643">IFERROR(INDEX(Jesper!AK$2:AK$366,ROUNDDOWN($C643/24,0)+1,1)*INDEX($D$3:$AA$30,INDEX(Jesper!$R$2:$R$366,ROW(INDEX(Jesper!AK$2:AK$366,ROUNDDOWN($C643/24,0)+1,1))-1)+IF('Standard Profiles'!$G$21=$B$10,7,0)+IF('Standard Profiles'!$G$21=$B$17,14,0)+IF('Standard Profiles'!$G$21=$B$24,21,0),MOD($C643,24)+1)/SUM(INDEX($D$3:$AA$30,INDEX(Jesper!$R$2:$R$366,ROW(INDEX(Jesper!AK$2:AK$366,ROUNDDOWN($C643/24,0)+1,1))-1)+IF('Standard Profiles'!$G$21=$B$10,7,0)+IF('Standard Profiles'!$G$21=$B$17,14,0)+IF('Standard Profiles'!$G$21=$B$24,21,0),0)),0)</f>
        <v>38.687915202201012</v>
      </c>
      <c r="H643" cm="1">
        <f t="array" ref="H643">IFERROR(INDEX(Jesper!AL$2:AL$366,ROUNDDOWN($C643/24,0)+1,1)*INDEX($D$3:$AA$30,INDEX(Jesper!$R$2:$R$366,ROW(INDEX(Jesper!AL$2:AL$366,ROUNDDOWN($C643/24,0)+1,1))-1)+IF('Standard Profiles'!$G$22=$B$10,7,0)+IF('Standard Profiles'!$G$22=$B$17,14,0)+IF('Standard Profiles'!$G$22=$B$24,21,0),MOD($C643,24)+1)/SUM(INDEX($D$3:$AA$30,INDEX(Jesper!$R$2:$R$366,ROW(INDEX(Jesper!AL$2:AL$366,ROUNDDOWN($C643/24,0)+1,1))-1)+IF('Standard Profiles'!$G$22=$B$10,7,0)+IF('Standard Profiles'!$G$22=$B$17,14,0)+IF('Standard Profiles'!$G$22=$B$24,21,0),0)),0)</f>
        <v>0</v>
      </c>
      <c r="I643">
        <f t="shared" si="83"/>
        <v>18.570199297056476</v>
      </c>
      <c r="J643">
        <f t="shared" si="84"/>
        <v>87.647270454813821</v>
      </c>
      <c r="K643">
        <f t="shared" si="85"/>
        <v>3.3705774980191836</v>
      </c>
      <c r="L643">
        <f t="shared" si="86"/>
        <v>1.6852887490095918</v>
      </c>
      <c r="M643">
        <f t="shared" si="87"/>
        <v>0</v>
      </c>
      <c r="N643" s="45">
        <f t="shared" si="88"/>
        <v>44952.374999998523</v>
      </c>
    </row>
    <row r="644" spans="2:14" x14ac:dyDescent="0.25">
      <c r="B644">
        <f t="shared" si="82"/>
        <v>4</v>
      </c>
      <c r="C644" s="16">
        <v>610</v>
      </c>
      <c r="D644" cm="1">
        <f t="array" ref="D644">IFERROR(INDEX(Jesper!AH$2:AH$366,ROUNDDOWN($C644/24,0)+1,1)*INDEX($D$3:$AA$30,INDEX(Jesper!$R$2:$R$366,ROW(INDEX(Jesper!AH$2:AH$366,ROUNDDOWN($C644/24,0)+1,1))-1)+IF('Standard Profiles'!$G$18=$B$10,7,0)+IF('Standard Profiles'!$G$18=$B$17,14,0)+IF('Standard Profiles'!$G$18=$B$24,21,0),MOD($C644,24)+1)/SUM(INDEX($D$3:$AA$30,INDEX(Jesper!$R$2:$R$366,ROW(INDEX(Jesper!AH$2:AH$366,ROUNDDOWN($C644/24,0)+1,1))-1)+IF('Standard Profiles'!$G$18=$B$10,7,0)+IF('Standard Profiles'!$G$18=$B$17,14,0)+IF('Standard Profiles'!$G$18=$B$24,21,0),0)),0)</f>
        <v>31.599164043929843</v>
      </c>
      <c r="E644" cm="1">
        <f t="array" ref="E644">IFERROR(INDEX(Jesper!AI$2:AI$366,ROUNDDOWN($C644/24,0)+1,1)*INDEX($D$3:$AA$30,INDEX(Jesper!$R$2:$R$366,ROW(INDEX(Jesper!AI$2:AI$366,ROUNDDOWN($C644/24,0)+1,1))-1)+IF('Standard Profiles'!$G$19=$B$10,7,0)+IF('Standard Profiles'!$G$19=$B$17,14,0)+IF('Standard Profiles'!$G$19=$B$24,21,0),MOD($C644,24)+1)/SUM(INDEX($D$3:$AA$30,INDEX(Jesper!$R$2:$R$366,ROW(INDEX(Jesper!AI$2:AI$366,ROUNDDOWN($C644/24,0)+1,1))-1)+IF('Standard Profiles'!$G$19=$B$10,7,0)+IF('Standard Profiles'!$G$19=$B$17,14,0)+IF('Standard Profiles'!$G$19=$B$24,21,0),0)),0)</f>
        <v>40.98625675276822</v>
      </c>
      <c r="F644" cm="1">
        <f t="array" ref="F644">IFERROR(INDEX(Jesper!AJ$2:AJ$366,ROUNDDOWN($C644/24,0)+1,1)*INDEX($D$3:$AA$30,INDEX(Jesper!$R$2:$R$366,ROW(INDEX(Jesper!AJ$2:AJ$366,ROUNDDOWN($C644/24,0)+1,1))-1)+IF('Standard Profiles'!$G$20=$B$10,7,0)+IF('Standard Profiles'!$G$20=$B$17,14,0)+IF('Standard Profiles'!$G$20=$B$24,21,0),MOD($C644,24)+1)/SUM(INDEX($D$3:$AA$30,INDEX(Jesper!$R$2:$R$366,ROW(INDEX(Jesper!AJ$2:AJ$366,ROUNDDOWN($C644/24,0)+1,1))-1)+IF('Standard Profiles'!$G$20=$B$10,7,0)+IF('Standard Profiles'!$G$20=$B$17,14,0)+IF('Standard Profiles'!$G$20=$B$24,21,0),0)),0)</f>
        <v>0</v>
      </c>
      <c r="G644" cm="1">
        <f t="array" ref="G644">IFERROR(INDEX(Jesper!AK$2:AK$366,ROUNDDOWN($C644/24,0)+1,1)*INDEX($D$3:$AA$30,INDEX(Jesper!$R$2:$R$366,ROW(INDEX(Jesper!AK$2:AK$366,ROUNDDOWN($C644/24,0)+1,1))-1)+IF('Standard Profiles'!$G$21=$B$10,7,0)+IF('Standard Profiles'!$G$21=$B$17,14,0)+IF('Standard Profiles'!$G$21=$B$24,21,0),MOD($C644,24)+1)/SUM(INDEX($D$3:$AA$30,INDEX(Jesper!$R$2:$R$366,ROW(INDEX(Jesper!AK$2:AK$366,ROUNDDOWN($C644/24,0)+1,1))-1)+IF('Standard Profiles'!$G$21=$B$10,7,0)+IF('Standard Profiles'!$G$21=$B$17,14,0)+IF('Standard Profiles'!$G$21=$B$24,21,0),0)),0)</f>
        <v>38.687915202201012</v>
      </c>
      <c r="H644" cm="1">
        <f t="array" ref="H644">IFERROR(INDEX(Jesper!AL$2:AL$366,ROUNDDOWN($C644/24,0)+1,1)*INDEX($D$3:$AA$30,INDEX(Jesper!$R$2:$R$366,ROW(INDEX(Jesper!AL$2:AL$366,ROUNDDOWN($C644/24,0)+1,1))-1)+IF('Standard Profiles'!$G$22=$B$10,7,0)+IF('Standard Profiles'!$G$22=$B$17,14,0)+IF('Standard Profiles'!$G$22=$B$24,21,0),MOD($C644,24)+1)/SUM(INDEX($D$3:$AA$30,INDEX(Jesper!$R$2:$R$366,ROW(INDEX(Jesper!AL$2:AL$366,ROUNDDOWN($C644/24,0)+1,1))-1)+IF('Standard Profiles'!$G$22=$B$10,7,0)+IF('Standard Profiles'!$G$22=$B$17,14,0)+IF('Standard Profiles'!$G$22=$B$24,21,0),0)),0)</f>
        <v>0</v>
      </c>
      <c r="I644">
        <f t="shared" si="83"/>
        <v>18.570199297056476</v>
      </c>
      <c r="J644">
        <f t="shared" si="84"/>
        <v>87.647270454813821</v>
      </c>
      <c r="K644">
        <f t="shared" si="85"/>
        <v>3.3705774980191836</v>
      </c>
      <c r="L644">
        <f t="shared" si="86"/>
        <v>1.6852887490095918</v>
      </c>
      <c r="M644">
        <f t="shared" si="87"/>
        <v>0</v>
      </c>
      <c r="N644" s="45">
        <f t="shared" si="88"/>
        <v>44952.416666665187</v>
      </c>
    </row>
    <row r="645" spans="2:14" x14ac:dyDescent="0.25">
      <c r="B645">
        <f t="shared" si="82"/>
        <v>4</v>
      </c>
      <c r="C645" s="16">
        <v>611</v>
      </c>
      <c r="D645" cm="1">
        <f t="array" ref="D645">IFERROR(INDEX(Jesper!AH$2:AH$366,ROUNDDOWN($C645/24,0)+1,1)*INDEX($D$3:$AA$30,INDEX(Jesper!$R$2:$R$366,ROW(INDEX(Jesper!AH$2:AH$366,ROUNDDOWN($C645/24,0)+1,1))-1)+IF('Standard Profiles'!$G$18=$B$10,7,0)+IF('Standard Profiles'!$G$18=$B$17,14,0)+IF('Standard Profiles'!$G$18=$B$24,21,0),MOD($C645,24)+1)/SUM(INDEX($D$3:$AA$30,INDEX(Jesper!$R$2:$R$366,ROW(INDEX(Jesper!AH$2:AH$366,ROUNDDOWN($C645/24,0)+1,1))-1)+IF('Standard Profiles'!$G$18=$B$10,7,0)+IF('Standard Profiles'!$G$18=$B$17,14,0)+IF('Standard Profiles'!$G$18=$B$24,21,0),0)),0)</f>
        <v>37.810965522651088</v>
      </c>
      <c r="E645" cm="1">
        <f t="array" ref="E645">IFERROR(INDEX(Jesper!AI$2:AI$366,ROUNDDOWN($C645/24,0)+1,1)*INDEX($D$3:$AA$30,INDEX(Jesper!$R$2:$R$366,ROW(INDEX(Jesper!AI$2:AI$366,ROUNDDOWN($C645/24,0)+1,1))-1)+IF('Standard Profiles'!$G$19=$B$10,7,0)+IF('Standard Profiles'!$G$19=$B$17,14,0)+IF('Standard Profiles'!$G$19=$B$24,21,0),MOD($C645,24)+1)/SUM(INDEX($D$3:$AA$30,INDEX(Jesper!$R$2:$R$366,ROW(INDEX(Jesper!AI$2:AI$366,ROUNDDOWN($C645/24,0)+1,1))-1)+IF('Standard Profiles'!$G$19=$B$10,7,0)+IF('Standard Profiles'!$G$19=$B$17,14,0)+IF('Standard Profiles'!$G$19=$B$24,21,0),0)),0)</f>
        <v>49.043384148611537</v>
      </c>
      <c r="F645" cm="1">
        <f t="array" ref="F645">IFERROR(INDEX(Jesper!AJ$2:AJ$366,ROUNDDOWN($C645/24,0)+1,1)*INDEX($D$3:$AA$30,INDEX(Jesper!$R$2:$R$366,ROW(INDEX(Jesper!AJ$2:AJ$366,ROUNDDOWN($C645/24,0)+1,1))-1)+IF('Standard Profiles'!$G$20=$B$10,7,0)+IF('Standard Profiles'!$G$20=$B$17,14,0)+IF('Standard Profiles'!$G$20=$B$24,21,0),MOD($C645,24)+1)/SUM(INDEX($D$3:$AA$30,INDEX(Jesper!$R$2:$R$366,ROW(INDEX(Jesper!AJ$2:AJ$366,ROUNDDOWN($C645/24,0)+1,1))-1)+IF('Standard Profiles'!$G$20=$B$10,7,0)+IF('Standard Profiles'!$G$20=$B$17,14,0)+IF('Standard Profiles'!$G$20=$B$24,21,0),0)),0)</f>
        <v>0</v>
      </c>
      <c r="G645" cm="1">
        <f t="array" ref="G645">IFERROR(INDEX(Jesper!AK$2:AK$366,ROUNDDOWN($C645/24,0)+1,1)*INDEX($D$3:$AA$30,INDEX(Jesper!$R$2:$R$366,ROW(INDEX(Jesper!AK$2:AK$366,ROUNDDOWN($C645/24,0)+1,1))-1)+IF('Standard Profiles'!$G$21=$B$10,7,0)+IF('Standard Profiles'!$G$21=$B$17,14,0)+IF('Standard Profiles'!$G$21=$B$24,21,0),MOD($C645,24)+1)/SUM(INDEX($D$3:$AA$30,INDEX(Jesper!$R$2:$R$366,ROW(INDEX(Jesper!AK$2:AK$366,ROUNDDOWN($C645/24,0)+1,1))-1)+IF('Standard Profiles'!$G$21=$B$10,7,0)+IF('Standard Profiles'!$G$21=$B$17,14,0)+IF('Standard Profiles'!$G$21=$B$24,21,0),0)),0)</f>
        <v>46.293231865881552</v>
      </c>
      <c r="H645" cm="1">
        <f t="array" ref="H645">IFERROR(INDEX(Jesper!AL$2:AL$366,ROUNDDOWN($C645/24,0)+1,1)*INDEX($D$3:$AA$30,INDEX(Jesper!$R$2:$R$366,ROW(INDEX(Jesper!AL$2:AL$366,ROUNDDOWN($C645/24,0)+1,1))-1)+IF('Standard Profiles'!$G$22=$B$10,7,0)+IF('Standard Profiles'!$G$22=$B$17,14,0)+IF('Standard Profiles'!$G$22=$B$24,21,0),MOD($C645,24)+1)/SUM(INDEX($D$3:$AA$30,INDEX(Jesper!$R$2:$R$366,ROW(INDEX(Jesper!AL$2:AL$366,ROUNDDOWN($C645/24,0)+1,1))-1)+IF('Standard Profiles'!$G$22=$B$10,7,0)+IF('Standard Profiles'!$G$22=$B$17,14,0)+IF('Standard Profiles'!$G$22=$B$24,21,0),0)),0)</f>
        <v>0</v>
      </c>
      <c r="I645">
        <f t="shared" si="83"/>
        <v>22.220751295623135</v>
      </c>
      <c r="J645">
        <f t="shared" si="84"/>
        <v>104.87707575789688</v>
      </c>
      <c r="K645">
        <f t="shared" si="85"/>
        <v>4.0331696557494494</v>
      </c>
      <c r="L645">
        <f t="shared" si="86"/>
        <v>2.0165848278747247</v>
      </c>
      <c r="M645">
        <f t="shared" si="87"/>
        <v>0</v>
      </c>
      <c r="N645" s="45">
        <f t="shared" si="88"/>
        <v>44952.458333331851</v>
      </c>
    </row>
    <row r="646" spans="2:14" x14ac:dyDescent="0.25">
      <c r="B646">
        <f t="shared" si="82"/>
        <v>4</v>
      </c>
      <c r="C646" s="16">
        <v>612</v>
      </c>
      <c r="D646" cm="1">
        <f t="array" ref="D646">IFERROR(INDEX(Jesper!AH$2:AH$366,ROUNDDOWN($C646/24,0)+1,1)*INDEX($D$3:$AA$30,INDEX(Jesper!$R$2:$R$366,ROW(INDEX(Jesper!AH$2:AH$366,ROUNDDOWN($C646/24,0)+1,1))-1)+IF('Standard Profiles'!$G$18=$B$10,7,0)+IF('Standard Profiles'!$G$18=$B$17,14,0)+IF('Standard Profiles'!$G$18=$B$24,21,0),MOD($C646,24)+1)/SUM(INDEX($D$3:$AA$30,INDEX(Jesper!$R$2:$R$366,ROW(INDEX(Jesper!AH$2:AH$366,ROUNDDOWN($C646/24,0)+1,1))-1)+IF('Standard Profiles'!$G$18=$B$10,7,0)+IF('Standard Profiles'!$G$18=$B$17,14,0)+IF('Standard Profiles'!$G$18=$B$24,21,0),0)),0)</f>
        <v>37.810965522651088</v>
      </c>
      <c r="E646" cm="1">
        <f t="array" ref="E646">IFERROR(INDEX(Jesper!AI$2:AI$366,ROUNDDOWN($C646/24,0)+1,1)*INDEX($D$3:$AA$30,INDEX(Jesper!$R$2:$R$366,ROW(INDEX(Jesper!AI$2:AI$366,ROUNDDOWN($C646/24,0)+1,1))-1)+IF('Standard Profiles'!$G$19=$B$10,7,0)+IF('Standard Profiles'!$G$19=$B$17,14,0)+IF('Standard Profiles'!$G$19=$B$24,21,0),MOD($C646,24)+1)/SUM(INDEX($D$3:$AA$30,INDEX(Jesper!$R$2:$R$366,ROW(INDEX(Jesper!AI$2:AI$366,ROUNDDOWN($C646/24,0)+1,1))-1)+IF('Standard Profiles'!$G$19=$B$10,7,0)+IF('Standard Profiles'!$G$19=$B$17,14,0)+IF('Standard Profiles'!$G$19=$B$24,21,0),0)),0)</f>
        <v>49.043384148611537</v>
      </c>
      <c r="F646" cm="1">
        <f t="array" ref="F646">IFERROR(INDEX(Jesper!AJ$2:AJ$366,ROUNDDOWN($C646/24,0)+1,1)*INDEX($D$3:$AA$30,INDEX(Jesper!$R$2:$R$366,ROW(INDEX(Jesper!AJ$2:AJ$366,ROUNDDOWN($C646/24,0)+1,1))-1)+IF('Standard Profiles'!$G$20=$B$10,7,0)+IF('Standard Profiles'!$G$20=$B$17,14,0)+IF('Standard Profiles'!$G$20=$B$24,21,0),MOD($C646,24)+1)/SUM(INDEX($D$3:$AA$30,INDEX(Jesper!$R$2:$R$366,ROW(INDEX(Jesper!AJ$2:AJ$366,ROUNDDOWN($C646/24,0)+1,1))-1)+IF('Standard Profiles'!$G$20=$B$10,7,0)+IF('Standard Profiles'!$G$20=$B$17,14,0)+IF('Standard Profiles'!$G$20=$B$24,21,0),0)),0)</f>
        <v>0</v>
      </c>
      <c r="G646" cm="1">
        <f t="array" ref="G646">IFERROR(INDEX(Jesper!AK$2:AK$366,ROUNDDOWN($C646/24,0)+1,1)*INDEX($D$3:$AA$30,INDEX(Jesper!$R$2:$R$366,ROW(INDEX(Jesper!AK$2:AK$366,ROUNDDOWN($C646/24,0)+1,1))-1)+IF('Standard Profiles'!$G$21=$B$10,7,0)+IF('Standard Profiles'!$G$21=$B$17,14,0)+IF('Standard Profiles'!$G$21=$B$24,21,0),MOD($C646,24)+1)/SUM(INDEX($D$3:$AA$30,INDEX(Jesper!$R$2:$R$366,ROW(INDEX(Jesper!AK$2:AK$366,ROUNDDOWN($C646/24,0)+1,1))-1)+IF('Standard Profiles'!$G$21=$B$10,7,0)+IF('Standard Profiles'!$G$21=$B$17,14,0)+IF('Standard Profiles'!$G$21=$B$24,21,0),0)),0)</f>
        <v>46.293231865881552</v>
      </c>
      <c r="H646" cm="1">
        <f t="array" ref="H646">IFERROR(INDEX(Jesper!AL$2:AL$366,ROUNDDOWN($C646/24,0)+1,1)*INDEX($D$3:$AA$30,INDEX(Jesper!$R$2:$R$366,ROW(INDEX(Jesper!AL$2:AL$366,ROUNDDOWN($C646/24,0)+1,1))-1)+IF('Standard Profiles'!$G$22=$B$10,7,0)+IF('Standard Profiles'!$G$22=$B$17,14,0)+IF('Standard Profiles'!$G$22=$B$24,21,0),MOD($C646,24)+1)/SUM(INDEX($D$3:$AA$30,INDEX(Jesper!$R$2:$R$366,ROW(INDEX(Jesper!AL$2:AL$366,ROUNDDOWN($C646/24,0)+1,1))-1)+IF('Standard Profiles'!$G$22=$B$10,7,0)+IF('Standard Profiles'!$G$22=$B$17,14,0)+IF('Standard Profiles'!$G$22=$B$24,21,0),0)),0)</f>
        <v>0</v>
      </c>
      <c r="I646">
        <f t="shared" si="83"/>
        <v>22.220751295623135</v>
      </c>
      <c r="J646">
        <f t="shared" si="84"/>
        <v>104.87707575789688</v>
      </c>
      <c r="K646">
        <f t="shared" si="85"/>
        <v>4.0331696557494494</v>
      </c>
      <c r="L646">
        <f t="shared" si="86"/>
        <v>2.0165848278747247</v>
      </c>
      <c r="M646">
        <f t="shared" si="87"/>
        <v>0</v>
      </c>
      <c r="N646" s="45">
        <f t="shared" si="88"/>
        <v>44952.499999998516</v>
      </c>
    </row>
    <row r="647" spans="2:14" x14ac:dyDescent="0.25">
      <c r="B647">
        <f t="shared" si="82"/>
        <v>4</v>
      </c>
      <c r="C647" s="16">
        <v>613</v>
      </c>
      <c r="D647" cm="1">
        <f t="array" ref="D647">IFERROR(INDEX(Jesper!AH$2:AH$366,ROUNDDOWN($C647/24,0)+1,1)*INDEX($D$3:$AA$30,INDEX(Jesper!$R$2:$R$366,ROW(INDEX(Jesper!AH$2:AH$366,ROUNDDOWN($C647/24,0)+1,1))-1)+IF('Standard Profiles'!$G$18=$B$10,7,0)+IF('Standard Profiles'!$G$18=$B$17,14,0)+IF('Standard Profiles'!$G$18=$B$24,21,0),MOD($C647,24)+1)/SUM(INDEX($D$3:$AA$30,INDEX(Jesper!$R$2:$R$366,ROW(INDEX(Jesper!AH$2:AH$366,ROUNDDOWN($C647/24,0)+1,1))-1)+IF('Standard Profiles'!$G$18=$B$10,7,0)+IF('Standard Profiles'!$G$18=$B$17,14,0)+IF('Standard Profiles'!$G$18=$B$24,21,0),0)),0)</f>
        <v>25.117284240046793</v>
      </c>
      <c r="E647" cm="1">
        <f t="array" ref="E647">IFERROR(INDEX(Jesper!AI$2:AI$366,ROUNDDOWN($C647/24,0)+1,1)*INDEX($D$3:$AA$30,INDEX(Jesper!$R$2:$R$366,ROW(INDEX(Jesper!AI$2:AI$366,ROUNDDOWN($C647/24,0)+1,1))-1)+IF('Standard Profiles'!$G$19=$B$10,7,0)+IF('Standard Profiles'!$G$19=$B$17,14,0)+IF('Standard Profiles'!$G$19=$B$24,21,0),MOD($C647,24)+1)/SUM(INDEX($D$3:$AA$30,INDEX(Jesper!$R$2:$R$366,ROW(INDEX(Jesper!AI$2:AI$366,ROUNDDOWN($C647/24,0)+1,1))-1)+IF('Standard Profiles'!$G$19=$B$10,7,0)+IF('Standard Profiles'!$G$19=$B$17,14,0)+IF('Standard Profiles'!$G$19=$B$24,21,0),0)),0)</f>
        <v>32.578819470149099</v>
      </c>
      <c r="F647" cm="1">
        <f t="array" ref="F647">IFERROR(INDEX(Jesper!AJ$2:AJ$366,ROUNDDOWN($C647/24,0)+1,1)*INDEX($D$3:$AA$30,INDEX(Jesper!$R$2:$R$366,ROW(INDEX(Jesper!AJ$2:AJ$366,ROUNDDOWN($C647/24,0)+1,1))-1)+IF('Standard Profiles'!$G$20=$B$10,7,0)+IF('Standard Profiles'!$G$20=$B$17,14,0)+IF('Standard Profiles'!$G$20=$B$24,21,0),MOD($C647,24)+1)/SUM(INDEX($D$3:$AA$30,INDEX(Jesper!$R$2:$R$366,ROW(INDEX(Jesper!AJ$2:AJ$366,ROUNDDOWN($C647/24,0)+1,1))-1)+IF('Standard Profiles'!$G$20=$B$10,7,0)+IF('Standard Profiles'!$G$20=$B$17,14,0)+IF('Standard Profiles'!$G$20=$B$24,21,0),0)),0)</f>
        <v>0</v>
      </c>
      <c r="G647" cm="1">
        <f t="array" ref="G647">IFERROR(INDEX(Jesper!AK$2:AK$366,ROUNDDOWN($C647/24,0)+1,1)*INDEX($D$3:$AA$30,INDEX(Jesper!$R$2:$R$366,ROW(INDEX(Jesper!AK$2:AK$366,ROUNDDOWN($C647/24,0)+1,1))-1)+IF('Standard Profiles'!$G$21=$B$10,7,0)+IF('Standard Profiles'!$G$21=$B$17,14,0)+IF('Standard Profiles'!$G$21=$B$24,21,0),MOD($C647,24)+1)/SUM(INDEX($D$3:$AA$30,INDEX(Jesper!$R$2:$R$366,ROW(INDEX(Jesper!AK$2:AK$366,ROUNDDOWN($C647/24,0)+1,1))-1)+IF('Standard Profiles'!$G$21=$B$10,7,0)+IF('Standard Profiles'!$G$21=$B$17,14,0)+IF('Standard Profiles'!$G$21=$B$24,21,0),0)),0)</f>
        <v>30.751932596621316</v>
      </c>
      <c r="H647" cm="1">
        <f t="array" ref="H647">IFERROR(INDEX(Jesper!AL$2:AL$366,ROUNDDOWN($C647/24,0)+1,1)*INDEX($D$3:$AA$30,INDEX(Jesper!$R$2:$R$366,ROW(INDEX(Jesper!AL$2:AL$366,ROUNDDOWN($C647/24,0)+1,1))-1)+IF('Standard Profiles'!$G$22=$B$10,7,0)+IF('Standard Profiles'!$G$22=$B$17,14,0)+IF('Standard Profiles'!$G$22=$B$24,21,0),MOD($C647,24)+1)/SUM(INDEX($D$3:$AA$30,INDEX(Jesper!$R$2:$R$366,ROW(INDEX(Jesper!AL$2:AL$366,ROUNDDOWN($C647/24,0)+1,1))-1)+IF('Standard Profiles'!$G$22=$B$10,7,0)+IF('Standard Profiles'!$G$22=$B$17,14,0)+IF('Standard Profiles'!$G$22=$B$24,21,0),0)),0)</f>
        <v>0</v>
      </c>
      <c r="I647">
        <f t="shared" si="83"/>
        <v>14.760927646378224</v>
      </c>
      <c r="J647">
        <f t="shared" si="84"/>
        <v>69.668343182031492</v>
      </c>
      <c r="K647">
        <f t="shared" si="85"/>
        <v>2.6791769856049914</v>
      </c>
      <c r="L647">
        <f t="shared" si="86"/>
        <v>1.3395884928024957</v>
      </c>
      <c r="M647">
        <f t="shared" si="87"/>
        <v>0</v>
      </c>
      <c r="N647" s="45">
        <f t="shared" si="88"/>
        <v>44952.54166666518</v>
      </c>
    </row>
    <row r="648" spans="2:14" x14ac:dyDescent="0.25">
      <c r="B648">
        <f t="shared" si="82"/>
        <v>4</v>
      </c>
      <c r="C648" s="16">
        <v>614</v>
      </c>
      <c r="D648" cm="1">
        <f t="array" ref="D648">IFERROR(INDEX(Jesper!AH$2:AH$366,ROUNDDOWN($C648/24,0)+1,1)*INDEX($D$3:$AA$30,INDEX(Jesper!$R$2:$R$366,ROW(INDEX(Jesper!AH$2:AH$366,ROUNDDOWN($C648/24,0)+1,1))-1)+IF('Standard Profiles'!$G$18=$B$10,7,0)+IF('Standard Profiles'!$G$18=$B$17,14,0)+IF('Standard Profiles'!$G$18=$B$24,21,0),MOD($C648,24)+1)/SUM(INDEX($D$3:$AA$30,INDEX(Jesper!$R$2:$R$366,ROW(INDEX(Jesper!AH$2:AH$366,ROUNDDOWN($C648/24,0)+1,1))-1)+IF('Standard Profiles'!$G$18=$B$10,7,0)+IF('Standard Profiles'!$G$18=$B$17,14,0)+IF('Standard Profiles'!$G$18=$B$24,21,0),0)),0)</f>
        <v>37.810965522651088</v>
      </c>
      <c r="E648" cm="1">
        <f t="array" ref="E648">IFERROR(INDEX(Jesper!AI$2:AI$366,ROUNDDOWN($C648/24,0)+1,1)*INDEX($D$3:$AA$30,INDEX(Jesper!$R$2:$R$366,ROW(INDEX(Jesper!AI$2:AI$366,ROUNDDOWN($C648/24,0)+1,1))-1)+IF('Standard Profiles'!$G$19=$B$10,7,0)+IF('Standard Profiles'!$G$19=$B$17,14,0)+IF('Standard Profiles'!$G$19=$B$24,21,0),MOD($C648,24)+1)/SUM(INDEX($D$3:$AA$30,INDEX(Jesper!$R$2:$R$366,ROW(INDEX(Jesper!AI$2:AI$366,ROUNDDOWN($C648/24,0)+1,1))-1)+IF('Standard Profiles'!$G$19=$B$10,7,0)+IF('Standard Profiles'!$G$19=$B$17,14,0)+IF('Standard Profiles'!$G$19=$B$24,21,0),0)),0)</f>
        <v>49.043384148611537</v>
      </c>
      <c r="F648" cm="1">
        <f t="array" ref="F648">IFERROR(INDEX(Jesper!AJ$2:AJ$366,ROUNDDOWN($C648/24,0)+1,1)*INDEX($D$3:$AA$30,INDEX(Jesper!$R$2:$R$366,ROW(INDEX(Jesper!AJ$2:AJ$366,ROUNDDOWN($C648/24,0)+1,1))-1)+IF('Standard Profiles'!$G$20=$B$10,7,0)+IF('Standard Profiles'!$G$20=$B$17,14,0)+IF('Standard Profiles'!$G$20=$B$24,21,0),MOD($C648,24)+1)/SUM(INDEX($D$3:$AA$30,INDEX(Jesper!$R$2:$R$366,ROW(INDEX(Jesper!AJ$2:AJ$366,ROUNDDOWN($C648/24,0)+1,1))-1)+IF('Standard Profiles'!$G$20=$B$10,7,0)+IF('Standard Profiles'!$G$20=$B$17,14,0)+IF('Standard Profiles'!$G$20=$B$24,21,0),0)),0)</f>
        <v>0</v>
      </c>
      <c r="G648" cm="1">
        <f t="array" ref="G648">IFERROR(INDEX(Jesper!AK$2:AK$366,ROUNDDOWN($C648/24,0)+1,1)*INDEX($D$3:$AA$30,INDEX(Jesper!$R$2:$R$366,ROW(INDEX(Jesper!AK$2:AK$366,ROUNDDOWN($C648/24,0)+1,1))-1)+IF('Standard Profiles'!$G$21=$B$10,7,0)+IF('Standard Profiles'!$G$21=$B$17,14,0)+IF('Standard Profiles'!$G$21=$B$24,21,0),MOD($C648,24)+1)/SUM(INDEX($D$3:$AA$30,INDEX(Jesper!$R$2:$R$366,ROW(INDEX(Jesper!AK$2:AK$366,ROUNDDOWN($C648/24,0)+1,1))-1)+IF('Standard Profiles'!$G$21=$B$10,7,0)+IF('Standard Profiles'!$G$21=$B$17,14,0)+IF('Standard Profiles'!$G$21=$B$24,21,0),0)),0)</f>
        <v>46.293231865881552</v>
      </c>
      <c r="H648" cm="1">
        <f t="array" ref="H648">IFERROR(INDEX(Jesper!AL$2:AL$366,ROUNDDOWN($C648/24,0)+1,1)*INDEX($D$3:$AA$30,INDEX(Jesper!$R$2:$R$366,ROW(INDEX(Jesper!AL$2:AL$366,ROUNDDOWN($C648/24,0)+1,1))-1)+IF('Standard Profiles'!$G$22=$B$10,7,0)+IF('Standard Profiles'!$G$22=$B$17,14,0)+IF('Standard Profiles'!$G$22=$B$24,21,0),MOD($C648,24)+1)/SUM(INDEX($D$3:$AA$30,INDEX(Jesper!$R$2:$R$366,ROW(INDEX(Jesper!AL$2:AL$366,ROUNDDOWN($C648/24,0)+1,1))-1)+IF('Standard Profiles'!$G$22=$B$10,7,0)+IF('Standard Profiles'!$G$22=$B$17,14,0)+IF('Standard Profiles'!$G$22=$B$24,21,0),0)),0)</f>
        <v>0</v>
      </c>
      <c r="I648">
        <f t="shared" si="83"/>
        <v>22.220751295623135</v>
      </c>
      <c r="J648">
        <f t="shared" si="84"/>
        <v>104.87707575789688</v>
      </c>
      <c r="K648">
        <f t="shared" si="85"/>
        <v>4.0331696557494494</v>
      </c>
      <c r="L648">
        <f t="shared" si="86"/>
        <v>2.0165848278747247</v>
      </c>
      <c r="M648">
        <f t="shared" si="87"/>
        <v>0</v>
      </c>
      <c r="N648" s="45">
        <f t="shared" si="88"/>
        <v>44952.583333331844</v>
      </c>
    </row>
    <row r="649" spans="2:14" x14ac:dyDescent="0.25">
      <c r="B649">
        <f t="shared" si="82"/>
        <v>4</v>
      </c>
      <c r="C649" s="16">
        <v>615</v>
      </c>
      <c r="D649" cm="1">
        <f t="array" ref="D649">IFERROR(INDEX(Jesper!AH$2:AH$366,ROUNDDOWN($C649/24,0)+1,1)*INDEX($D$3:$AA$30,INDEX(Jesper!$R$2:$R$366,ROW(INDEX(Jesper!AH$2:AH$366,ROUNDDOWN($C649/24,0)+1,1))-1)+IF('Standard Profiles'!$G$18=$B$10,7,0)+IF('Standard Profiles'!$G$18=$B$17,14,0)+IF('Standard Profiles'!$G$18=$B$24,21,0),MOD($C649,24)+1)/SUM(INDEX($D$3:$AA$30,INDEX(Jesper!$R$2:$R$366,ROW(INDEX(Jesper!AH$2:AH$366,ROUNDDOWN($C649/24,0)+1,1))-1)+IF('Standard Profiles'!$G$18=$B$10,7,0)+IF('Standard Profiles'!$G$18=$B$17,14,0)+IF('Standard Profiles'!$G$18=$B$24,21,0),0)),0)</f>
        <v>37.810965522651088</v>
      </c>
      <c r="E649" cm="1">
        <f t="array" ref="E649">IFERROR(INDEX(Jesper!AI$2:AI$366,ROUNDDOWN($C649/24,0)+1,1)*INDEX($D$3:$AA$30,INDEX(Jesper!$R$2:$R$366,ROW(INDEX(Jesper!AI$2:AI$366,ROUNDDOWN($C649/24,0)+1,1))-1)+IF('Standard Profiles'!$G$19=$B$10,7,0)+IF('Standard Profiles'!$G$19=$B$17,14,0)+IF('Standard Profiles'!$G$19=$B$24,21,0),MOD($C649,24)+1)/SUM(INDEX($D$3:$AA$30,INDEX(Jesper!$R$2:$R$366,ROW(INDEX(Jesper!AI$2:AI$366,ROUNDDOWN($C649/24,0)+1,1))-1)+IF('Standard Profiles'!$G$19=$B$10,7,0)+IF('Standard Profiles'!$G$19=$B$17,14,0)+IF('Standard Profiles'!$G$19=$B$24,21,0),0)),0)</f>
        <v>49.043384148611537</v>
      </c>
      <c r="F649" cm="1">
        <f t="array" ref="F649">IFERROR(INDEX(Jesper!AJ$2:AJ$366,ROUNDDOWN($C649/24,0)+1,1)*INDEX($D$3:$AA$30,INDEX(Jesper!$R$2:$R$366,ROW(INDEX(Jesper!AJ$2:AJ$366,ROUNDDOWN($C649/24,0)+1,1))-1)+IF('Standard Profiles'!$G$20=$B$10,7,0)+IF('Standard Profiles'!$G$20=$B$17,14,0)+IF('Standard Profiles'!$G$20=$B$24,21,0),MOD($C649,24)+1)/SUM(INDEX($D$3:$AA$30,INDEX(Jesper!$R$2:$R$366,ROW(INDEX(Jesper!AJ$2:AJ$366,ROUNDDOWN($C649/24,0)+1,1))-1)+IF('Standard Profiles'!$G$20=$B$10,7,0)+IF('Standard Profiles'!$G$20=$B$17,14,0)+IF('Standard Profiles'!$G$20=$B$24,21,0),0)),0)</f>
        <v>0</v>
      </c>
      <c r="G649" cm="1">
        <f t="array" ref="G649">IFERROR(INDEX(Jesper!AK$2:AK$366,ROUNDDOWN($C649/24,0)+1,1)*INDEX($D$3:$AA$30,INDEX(Jesper!$R$2:$R$366,ROW(INDEX(Jesper!AK$2:AK$366,ROUNDDOWN($C649/24,0)+1,1))-1)+IF('Standard Profiles'!$G$21=$B$10,7,0)+IF('Standard Profiles'!$G$21=$B$17,14,0)+IF('Standard Profiles'!$G$21=$B$24,21,0),MOD($C649,24)+1)/SUM(INDEX($D$3:$AA$30,INDEX(Jesper!$R$2:$R$366,ROW(INDEX(Jesper!AK$2:AK$366,ROUNDDOWN($C649/24,0)+1,1))-1)+IF('Standard Profiles'!$G$21=$B$10,7,0)+IF('Standard Profiles'!$G$21=$B$17,14,0)+IF('Standard Profiles'!$G$21=$B$24,21,0),0)),0)</f>
        <v>46.293231865881552</v>
      </c>
      <c r="H649" cm="1">
        <f t="array" ref="H649">IFERROR(INDEX(Jesper!AL$2:AL$366,ROUNDDOWN($C649/24,0)+1,1)*INDEX($D$3:$AA$30,INDEX(Jesper!$R$2:$R$366,ROW(INDEX(Jesper!AL$2:AL$366,ROUNDDOWN($C649/24,0)+1,1))-1)+IF('Standard Profiles'!$G$22=$B$10,7,0)+IF('Standard Profiles'!$G$22=$B$17,14,0)+IF('Standard Profiles'!$G$22=$B$24,21,0),MOD($C649,24)+1)/SUM(INDEX($D$3:$AA$30,INDEX(Jesper!$R$2:$R$366,ROW(INDEX(Jesper!AL$2:AL$366,ROUNDDOWN($C649/24,0)+1,1))-1)+IF('Standard Profiles'!$G$22=$B$10,7,0)+IF('Standard Profiles'!$G$22=$B$17,14,0)+IF('Standard Profiles'!$G$22=$B$24,21,0),0)),0)</f>
        <v>0</v>
      </c>
      <c r="I649">
        <f t="shared" si="83"/>
        <v>22.220751295623135</v>
      </c>
      <c r="J649">
        <f t="shared" si="84"/>
        <v>104.87707575789688</v>
      </c>
      <c r="K649">
        <f t="shared" si="85"/>
        <v>4.0331696557494494</v>
      </c>
      <c r="L649">
        <f t="shared" si="86"/>
        <v>2.0165848278747247</v>
      </c>
      <c r="M649">
        <f t="shared" si="87"/>
        <v>0</v>
      </c>
      <c r="N649" s="45">
        <f t="shared" si="88"/>
        <v>44952.624999998508</v>
      </c>
    </row>
    <row r="650" spans="2:14" x14ac:dyDescent="0.25">
      <c r="B650">
        <f t="shared" si="82"/>
        <v>4</v>
      </c>
      <c r="C650" s="16">
        <v>616</v>
      </c>
      <c r="D650" cm="1">
        <f t="array" ref="D650">IFERROR(INDEX(Jesper!AH$2:AH$366,ROUNDDOWN($C650/24,0)+1,1)*INDEX($D$3:$AA$30,INDEX(Jesper!$R$2:$R$366,ROW(INDEX(Jesper!AH$2:AH$366,ROUNDDOWN($C650/24,0)+1,1))-1)+IF('Standard Profiles'!$G$18=$B$10,7,0)+IF('Standard Profiles'!$G$18=$B$17,14,0)+IF('Standard Profiles'!$G$18=$B$24,21,0),MOD($C650,24)+1)/SUM(INDEX($D$3:$AA$30,INDEX(Jesper!$R$2:$R$366,ROW(INDEX(Jesper!AH$2:AH$366,ROUNDDOWN($C650/24,0)+1,1))-1)+IF('Standard Profiles'!$G$18=$B$10,7,0)+IF('Standard Profiles'!$G$18=$B$17,14,0)+IF('Standard Profiles'!$G$18=$B$24,21,0),0)),0)</f>
        <v>22.281461825847963</v>
      </c>
      <c r="E650" cm="1">
        <f t="array" ref="E650">IFERROR(INDEX(Jesper!AI$2:AI$366,ROUNDDOWN($C650/24,0)+1,1)*INDEX($D$3:$AA$30,INDEX(Jesper!$R$2:$R$366,ROW(INDEX(Jesper!AI$2:AI$366,ROUNDDOWN($C650/24,0)+1,1))-1)+IF('Standard Profiles'!$G$19=$B$10,7,0)+IF('Standard Profiles'!$G$19=$B$17,14,0)+IF('Standard Profiles'!$G$19=$B$24,21,0),MOD($C650,24)+1)/SUM(INDEX($D$3:$AA$30,INDEX(Jesper!$R$2:$R$366,ROW(INDEX(Jesper!AI$2:AI$366,ROUNDDOWN($C650/24,0)+1,1))-1)+IF('Standard Profiles'!$G$19=$B$10,7,0)+IF('Standard Profiles'!$G$19=$B$17,14,0)+IF('Standard Profiles'!$G$19=$B$24,21,0),0)),0)</f>
        <v>28.900565659003234</v>
      </c>
      <c r="F650" cm="1">
        <f t="array" ref="F650">IFERROR(INDEX(Jesper!AJ$2:AJ$366,ROUNDDOWN($C650/24,0)+1,1)*INDEX($D$3:$AA$30,INDEX(Jesper!$R$2:$R$366,ROW(INDEX(Jesper!AJ$2:AJ$366,ROUNDDOWN($C650/24,0)+1,1))-1)+IF('Standard Profiles'!$G$20=$B$10,7,0)+IF('Standard Profiles'!$G$20=$B$17,14,0)+IF('Standard Profiles'!$G$20=$B$24,21,0),MOD($C650,24)+1)/SUM(INDEX($D$3:$AA$30,INDEX(Jesper!$R$2:$R$366,ROW(INDEX(Jesper!AJ$2:AJ$366,ROUNDDOWN($C650/24,0)+1,1))-1)+IF('Standard Profiles'!$G$20=$B$10,7,0)+IF('Standard Profiles'!$G$20=$B$17,14,0)+IF('Standard Profiles'!$G$20=$B$24,21,0),0)),0)</f>
        <v>0</v>
      </c>
      <c r="G650" cm="1">
        <f t="array" ref="G650">IFERROR(INDEX(Jesper!AK$2:AK$366,ROUNDDOWN($C650/24,0)+1,1)*INDEX($D$3:$AA$30,INDEX(Jesper!$R$2:$R$366,ROW(INDEX(Jesper!AK$2:AK$366,ROUNDDOWN($C650/24,0)+1,1))-1)+IF('Standard Profiles'!$G$21=$B$10,7,0)+IF('Standard Profiles'!$G$21=$B$17,14,0)+IF('Standard Profiles'!$G$21=$B$24,21,0),MOD($C650,24)+1)/SUM(INDEX($D$3:$AA$30,INDEX(Jesper!$R$2:$R$366,ROW(INDEX(Jesper!AK$2:AK$366,ROUNDDOWN($C650/24,0)+1,1))-1)+IF('Standard Profiles'!$G$21=$B$10,7,0)+IF('Standard Profiles'!$G$21=$B$17,14,0)+IF('Standard Profiles'!$G$21=$B$24,21,0),0)),0)</f>
        <v>38.682214065271722</v>
      </c>
      <c r="H650" cm="1">
        <f t="array" ref="H650">IFERROR(INDEX(Jesper!AL$2:AL$366,ROUNDDOWN($C650/24,0)+1,1)*INDEX($D$3:$AA$30,INDEX(Jesper!$R$2:$R$366,ROW(INDEX(Jesper!AL$2:AL$366,ROUNDDOWN($C650/24,0)+1,1))-1)+IF('Standard Profiles'!$G$22=$B$10,7,0)+IF('Standard Profiles'!$G$22=$B$17,14,0)+IF('Standard Profiles'!$G$22=$B$24,21,0),MOD($C650,24)+1)/SUM(INDEX($D$3:$AA$30,INDEX(Jesper!$R$2:$R$366,ROW(INDEX(Jesper!AL$2:AL$366,ROUNDDOWN($C650/24,0)+1,1))-1)+IF('Standard Profiles'!$G$22=$B$10,7,0)+IF('Standard Profiles'!$G$22=$B$17,14,0)+IF('Standard Profiles'!$G$22=$B$24,21,0),0)),0)</f>
        <v>0</v>
      </c>
      <c r="I650">
        <f t="shared" si="83"/>
        <v>18.567462751330417</v>
      </c>
      <c r="J650">
        <f t="shared" si="84"/>
        <v>67.731744906656829</v>
      </c>
      <c r="K650">
        <f t="shared" si="85"/>
        <v>2.3766892614237829</v>
      </c>
      <c r="L650">
        <f t="shared" si="86"/>
        <v>1.1883446307118914</v>
      </c>
      <c r="M650">
        <f t="shared" si="87"/>
        <v>0</v>
      </c>
      <c r="N650" s="45">
        <f t="shared" si="88"/>
        <v>44952.666666665173</v>
      </c>
    </row>
    <row r="651" spans="2:14" x14ac:dyDescent="0.25">
      <c r="B651">
        <f t="shared" si="82"/>
        <v>4</v>
      </c>
      <c r="C651" s="16">
        <v>617</v>
      </c>
      <c r="D651" cm="1">
        <f t="array" ref="D651">IFERROR(INDEX(Jesper!AH$2:AH$366,ROUNDDOWN($C651/24,0)+1,1)*INDEX($D$3:$AA$30,INDEX(Jesper!$R$2:$R$366,ROW(INDEX(Jesper!AH$2:AH$366,ROUNDDOWN($C651/24,0)+1,1))-1)+IF('Standard Profiles'!$G$18=$B$10,7,0)+IF('Standard Profiles'!$G$18=$B$17,14,0)+IF('Standard Profiles'!$G$18=$B$24,21,0),MOD($C651,24)+1)/SUM(INDEX($D$3:$AA$30,INDEX(Jesper!$R$2:$R$366,ROW(INDEX(Jesper!AH$2:AH$366,ROUNDDOWN($C651/24,0)+1,1))-1)+IF('Standard Profiles'!$G$18=$B$10,7,0)+IF('Standard Profiles'!$G$18=$B$17,14,0)+IF('Standard Profiles'!$G$18=$B$24,21,0),0)),0)</f>
        <v>9.5098001817532936</v>
      </c>
      <c r="E651" cm="1">
        <f t="array" ref="E651">IFERROR(INDEX(Jesper!AI$2:AI$366,ROUNDDOWN($C651/24,0)+1,1)*INDEX($D$3:$AA$30,INDEX(Jesper!$R$2:$R$366,ROW(INDEX(Jesper!AI$2:AI$366,ROUNDDOWN($C651/24,0)+1,1))-1)+IF('Standard Profiles'!$G$19=$B$10,7,0)+IF('Standard Profiles'!$G$19=$B$17,14,0)+IF('Standard Profiles'!$G$19=$B$24,21,0),MOD($C651,24)+1)/SUM(INDEX($D$3:$AA$30,INDEX(Jesper!$R$2:$R$366,ROW(INDEX(Jesper!AI$2:AI$366,ROUNDDOWN($C651/24,0)+1,1))-1)+IF('Standard Profiles'!$G$19=$B$10,7,0)+IF('Standard Profiles'!$G$19=$B$17,14,0)+IF('Standard Profiles'!$G$19=$B$24,21,0),0)),0)</f>
        <v>12.334855168161859</v>
      </c>
      <c r="F651" cm="1">
        <f t="array" ref="F651">IFERROR(INDEX(Jesper!AJ$2:AJ$366,ROUNDDOWN($C651/24,0)+1,1)*INDEX($D$3:$AA$30,INDEX(Jesper!$R$2:$R$366,ROW(INDEX(Jesper!AJ$2:AJ$366,ROUNDDOWN($C651/24,0)+1,1))-1)+IF('Standard Profiles'!$G$20=$B$10,7,0)+IF('Standard Profiles'!$G$20=$B$17,14,0)+IF('Standard Profiles'!$G$20=$B$24,21,0),MOD($C651,24)+1)/SUM(INDEX($D$3:$AA$30,INDEX(Jesper!$R$2:$R$366,ROW(INDEX(Jesper!AJ$2:AJ$366,ROUNDDOWN($C651/24,0)+1,1))-1)+IF('Standard Profiles'!$G$20=$B$10,7,0)+IF('Standard Profiles'!$G$20=$B$17,14,0)+IF('Standard Profiles'!$G$20=$B$24,21,0),0)),0)</f>
        <v>0</v>
      </c>
      <c r="G651" cm="1">
        <f t="array" ref="G651">IFERROR(INDEX(Jesper!AK$2:AK$366,ROUNDDOWN($C651/24,0)+1,1)*INDEX($D$3:$AA$30,INDEX(Jesper!$R$2:$R$366,ROW(INDEX(Jesper!AK$2:AK$366,ROUNDDOWN($C651/24,0)+1,1))-1)+IF('Standard Profiles'!$G$21=$B$10,7,0)+IF('Standard Profiles'!$G$21=$B$17,14,0)+IF('Standard Profiles'!$G$21=$B$24,21,0),MOD($C651,24)+1)/SUM(INDEX($D$3:$AA$30,INDEX(Jesper!$R$2:$R$366,ROW(INDEX(Jesper!AK$2:AK$366,ROUNDDOWN($C651/24,0)+1,1))-1)+IF('Standard Profiles'!$G$21=$B$10,7,0)+IF('Standard Profiles'!$G$21=$B$17,14,0)+IF('Standard Profiles'!$G$21=$B$24,21,0),0)),0)</f>
        <v>30.757633733550612</v>
      </c>
      <c r="H651" cm="1">
        <f t="array" ref="H651">IFERROR(INDEX(Jesper!AL$2:AL$366,ROUNDDOWN($C651/24,0)+1,1)*INDEX($D$3:$AA$30,INDEX(Jesper!$R$2:$R$366,ROW(INDEX(Jesper!AL$2:AL$366,ROUNDDOWN($C651/24,0)+1,1))-1)+IF('Standard Profiles'!$G$22=$B$10,7,0)+IF('Standard Profiles'!$G$22=$B$17,14,0)+IF('Standard Profiles'!$G$22=$B$24,21,0),MOD($C651,24)+1)/SUM(INDEX($D$3:$AA$30,INDEX(Jesper!$R$2:$R$366,ROW(INDEX(Jesper!AL$2:AL$366,ROUNDDOWN($C651/24,0)+1,1))-1)+IF('Standard Profiles'!$G$22=$B$10,7,0)+IF('Standard Profiles'!$G$22=$B$17,14,0)+IF('Standard Profiles'!$G$22=$B$24,21,0),0)),0)</f>
        <v>0</v>
      </c>
      <c r="I651">
        <f t="shared" si="83"/>
        <v>14.763664192104287</v>
      </c>
      <c r="J651">
        <f t="shared" si="84"/>
        <v>36.31705686228095</v>
      </c>
      <c r="K651">
        <f t="shared" si="85"/>
        <v>1.0143786860536848</v>
      </c>
      <c r="L651">
        <f t="shared" si="86"/>
        <v>0.50718934302684238</v>
      </c>
      <c r="M651">
        <f t="shared" si="87"/>
        <v>0</v>
      </c>
      <c r="N651" s="45">
        <f t="shared" si="88"/>
        <v>44952.708333331837</v>
      </c>
    </row>
    <row r="652" spans="2:14" x14ac:dyDescent="0.25">
      <c r="B652">
        <f t="shared" si="82"/>
        <v>4</v>
      </c>
      <c r="C652" s="16">
        <v>618</v>
      </c>
      <c r="D652" cm="1">
        <f t="array" ref="D652">IFERROR(INDEX(Jesper!AH$2:AH$366,ROUNDDOWN($C652/24,0)+1,1)*INDEX($D$3:$AA$30,INDEX(Jesper!$R$2:$R$366,ROW(INDEX(Jesper!AH$2:AH$366,ROUNDDOWN($C652/24,0)+1,1))-1)+IF('Standard Profiles'!$G$18=$B$10,7,0)+IF('Standard Profiles'!$G$18=$B$17,14,0)+IF('Standard Profiles'!$G$18=$B$24,21,0),MOD($C652,24)+1)/SUM(INDEX($D$3:$AA$30,INDEX(Jesper!$R$2:$R$366,ROW(INDEX(Jesper!AH$2:AH$366,ROUNDDOWN($C652/24,0)+1,1))-1)+IF('Standard Profiles'!$G$18=$B$10,7,0)+IF('Standard Profiles'!$G$18=$B$17,14,0)+IF('Standard Profiles'!$G$18=$B$24,21,0),0)),0)</f>
        <v>6.2764681199571726</v>
      </c>
      <c r="E652" cm="1">
        <f t="array" ref="E652">IFERROR(INDEX(Jesper!AI$2:AI$366,ROUNDDOWN($C652/24,0)+1,1)*INDEX($D$3:$AA$30,INDEX(Jesper!$R$2:$R$366,ROW(INDEX(Jesper!AI$2:AI$366,ROUNDDOWN($C652/24,0)+1,1))-1)+IF('Standard Profiles'!$G$19=$B$10,7,0)+IF('Standard Profiles'!$G$19=$B$17,14,0)+IF('Standard Profiles'!$G$19=$B$24,21,0),MOD($C652,24)+1)/SUM(INDEX($D$3:$AA$30,INDEX(Jesper!$R$2:$R$366,ROW(INDEX(Jesper!AI$2:AI$366,ROUNDDOWN($C652/24,0)+1,1))-1)+IF('Standard Profiles'!$G$19=$B$10,7,0)+IF('Standard Profiles'!$G$19=$B$17,14,0)+IF('Standard Profiles'!$G$19=$B$24,21,0),0)),0)</f>
        <v>8.1410044109868256</v>
      </c>
      <c r="F652" cm="1">
        <f t="array" ref="F652">IFERROR(INDEX(Jesper!AJ$2:AJ$366,ROUNDDOWN($C652/24,0)+1,1)*INDEX($D$3:$AA$30,INDEX(Jesper!$R$2:$R$366,ROW(INDEX(Jesper!AJ$2:AJ$366,ROUNDDOWN($C652/24,0)+1,1))-1)+IF('Standard Profiles'!$G$20=$B$10,7,0)+IF('Standard Profiles'!$G$20=$B$17,14,0)+IF('Standard Profiles'!$G$20=$B$24,21,0),MOD($C652,24)+1)/SUM(INDEX($D$3:$AA$30,INDEX(Jesper!$R$2:$R$366,ROW(INDEX(Jesper!AJ$2:AJ$366,ROUNDDOWN($C652/24,0)+1,1))-1)+IF('Standard Profiles'!$G$20=$B$10,7,0)+IF('Standard Profiles'!$G$20=$B$17,14,0)+IF('Standard Profiles'!$G$20=$B$24,21,0),0)),0)</f>
        <v>0</v>
      </c>
      <c r="G652" cm="1">
        <f t="array" ref="G652">IFERROR(INDEX(Jesper!AK$2:AK$366,ROUNDDOWN($C652/24,0)+1,1)*INDEX($D$3:$AA$30,INDEX(Jesper!$R$2:$R$366,ROW(INDEX(Jesper!AK$2:AK$366,ROUNDDOWN($C652/24,0)+1,1))-1)+IF('Standard Profiles'!$G$21=$B$10,7,0)+IF('Standard Profiles'!$G$21=$B$17,14,0)+IF('Standard Profiles'!$G$21=$B$24,21,0),MOD($C652,24)+1)/SUM(INDEX($D$3:$AA$30,INDEX(Jesper!$R$2:$R$366,ROW(INDEX(Jesper!AK$2:AK$366,ROUNDDOWN($C652/24,0)+1,1))-1)+IF('Standard Profiles'!$G$21=$B$10,7,0)+IF('Standard Profiles'!$G$21=$B$17,14,0)+IF('Standard Profiles'!$G$21=$B$24,21,0),0)),0)</f>
        <v>11.402273858591517</v>
      </c>
      <c r="H652" cm="1">
        <f t="array" ref="H652">IFERROR(INDEX(Jesper!AL$2:AL$366,ROUNDDOWN($C652/24,0)+1,1)*INDEX($D$3:$AA$30,INDEX(Jesper!$R$2:$R$366,ROW(INDEX(Jesper!AL$2:AL$366,ROUNDDOWN($C652/24,0)+1,1))-1)+IF('Standard Profiles'!$G$22=$B$10,7,0)+IF('Standard Profiles'!$G$22=$B$17,14,0)+IF('Standard Profiles'!$G$22=$B$24,21,0),MOD($C652,24)+1)/SUM(INDEX($D$3:$AA$30,INDEX(Jesper!$R$2:$R$366,ROW(INDEX(Jesper!AL$2:AL$366,ROUNDDOWN($C652/24,0)+1,1))-1)+IF('Standard Profiles'!$G$22=$B$10,7,0)+IF('Standard Profiles'!$G$22=$B$17,14,0)+IF('Standard Profiles'!$G$22=$B$24,21,0),0)),0)</f>
        <v>0</v>
      </c>
      <c r="I652">
        <f t="shared" si="83"/>
        <v>5.4730914521239251</v>
      </c>
      <c r="J652">
        <f t="shared" si="84"/>
        <v>19.342420038218442</v>
      </c>
      <c r="K652">
        <f t="shared" si="85"/>
        <v>0.66948993279543179</v>
      </c>
      <c r="L652">
        <f t="shared" si="86"/>
        <v>0.33474496639771589</v>
      </c>
      <c r="M652">
        <f t="shared" si="87"/>
        <v>0</v>
      </c>
      <c r="N652" s="45">
        <f t="shared" si="88"/>
        <v>44952.749999998501</v>
      </c>
    </row>
    <row r="653" spans="2:14" x14ac:dyDescent="0.25">
      <c r="B653">
        <f t="shared" si="82"/>
        <v>4</v>
      </c>
      <c r="C653" s="16">
        <v>619</v>
      </c>
      <c r="D653" cm="1">
        <f t="array" ref="D653">IFERROR(INDEX(Jesper!AH$2:AH$366,ROUNDDOWN($C653/24,0)+1,1)*INDEX($D$3:$AA$30,INDEX(Jesper!$R$2:$R$366,ROW(INDEX(Jesper!AH$2:AH$366,ROUNDDOWN($C653/24,0)+1,1))-1)+IF('Standard Profiles'!$G$18=$B$10,7,0)+IF('Standard Profiles'!$G$18=$B$17,14,0)+IF('Standard Profiles'!$G$18=$B$24,21,0),MOD($C653,24)+1)/SUM(INDEX($D$3:$AA$30,INDEX(Jesper!$R$2:$R$366,ROW(INDEX(Jesper!AH$2:AH$366,ROUNDDOWN($C653/24,0)+1,1))-1)+IF('Standard Profiles'!$G$18=$B$10,7,0)+IF('Standard Profiles'!$G$18=$B$17,14,0)+IF('Standard Profiles'!$G$18=$B$24,21,0),0)),0)</f>
        <v>6.2764681199571726</v>
      </c>
      <c r="E653" cm="1">
        <f t="array" ref="E653">IFERROR(INDEX(Jesper!AI$2:AI$366,ROUNDDOWN($C653/24,0)+1,1)*INDEX($D$3:$AA$30,INDEX(Jesper!$R$2:$R$366,ROW(INDEX(Jesper!AI$2:AI$366,ROUNDDOWN($C653/24,0)+1,1))-1)+IF('Standard Profiles'!$G$19=$B$10,7,0)+IF('Standard Profiles'!$G$19=$B$17,14,0)+IF('Standard Profiles'!$G$19=$B$24,21,0),MOD($C653,24)+1)/SUM(INDEX($D$3:$AA$30,INDEX(Jesper!$R$2:$R$366,ROW(INDEX(Jesper!AI$2:AI$366,ROUNDDOWN($C653/24,0)+1,1))-1)+IF('Standard Profiles'!$G$19=$B$10,7,0)+IF('Standard Profiles'!$G$19=$B$17,14,0)+IF('Standard Profiles'!$G$19=$B$24,21,0),0)),0)</f>
        <v>8.1410044109868256</v>
      </c>
      <c r="F653" cm="1">
        <f t="array" ref="F653">IFERROR(INDEX(Jesper!AJ$2:AJ$366,ROUNDDOWN($C653/24,0)+1,1)*INDEX($D$3:$AA$30,INDEX(Jesper!$R$2:$R$366,ROW(INDEX(Jesper!AJ$2:AJ$366,ROUNDDOWN($C653/24,0)+1,1))-1)+IF('Standard Profiles'!$G$20=$B$10,7,0)+IF('Standard Profiles'!$G$20=$B$17,14,0)+IF('Standard Profiles'!$G$20=$B$24,21,0),MOD($C653,24)+1)/SUM(INDEX($D$3:$AA$30,INDEX(Jesper!$R$2:$R$366,ROW(INDEX(Jesper!AJ$2:AJ$366,ROUNDDOWN($C653/24,0)+1,1))-1)+IF('Standard Profiles'!$G$20=$B$10,7,0)+IF('Standard Profiles'!$G$20=$B$17,14,0)+IF('Standard Profiles'!$G$20=$B$24,21,0),0)),0)</f>
        <v>0</v>
      </c>
      <c r="G653" cm="1">
        <f t="array" ref="G653">IFERROR(INDEX(Jesper!AK$2:AK$366,ROUNDDOWN($C653/24,0)+1,1)*INDEX($D$3:$AA$30,INDEX(Jesper!$R$2:$R$366,ROW(INDEX(Jesper!AK$2:AK$366,ROUNDDOWN($C653/24,0)+1,1))-1)+IF('Standard Profiles'!$G$21=$B$10,7,0)+IF('Standard Profiles'!$G$21=$B$17,14,0)+IF('Standard Profiles'!$G$21=$B$24,21,0),MOD($C653,24)+1)/SUM(INDEX($D$3:$AA$30,INDEX(Jesper!$R$2:$R$366,ROW(INDEX(Jesper!AK$2:AK$366,ROUNDDOWN($C653/24,0)+1,1))-1)+IF('Standard Profiles'!$G$21=$B$10,7,0)+IF('Standard Profiles'!$G$21=$B$17,14,0)+IF('Standard Profiles'!$G$21=$B$24,21,0),0)),0)</f>
        <v>11.402273858591517</v>
      </c>
      <c r="H653" cm="1">
        <f t="array" ref="H653">IFERROR(INDEX(Jesper!AL$2:AL$366,ROUNDDOWN($C653/24,0)+1,1)*INDEX($D$3:$AA$30,INDEX(Jesper!$R$2:$R$366,ROW(INDEX(Jesper!AL$2:AL$366,ROUNDDOWN($C653/24,0)+1,1))-1)+IF('Standard Profiles'!$G$22=$B$10,7,0)+IF('Standard Profiles'!$G$22=$B$17,14,0)+IF('Standard Profiles'!$G$22=$B$24,21,0),MOD($C653,24)+1)/SUM(INDEX($D$3:$AA$30,INDEX(Jesper!$R$2:$R$366,ROW(INDEX(Jesper!AL$2:AL$366,ROUNDDOWN($C653/24,0)+1,1))-1)+IF('Standard Profiles'!$G$22=$B$10,7,0)+IF('Standard Profiles'!$G$22=$B$17,14,0)+IF('Standard Profiles'!$G$22=$B$24,21,0),0)),0)</f>
        <v>0</v>
      </c>
      <c r="I653">
        <f t="shared" si="83"/>
        <v>5.4730914521239251</v>
      </c>
      <c r="J653">
        <f t="shared" si="84"/>
        <v>19.342420038218442</v>
      </c>
      <c r="K653">
        <f t="shared" si="85"/>
        <v>0.66948993279543179</v>
      </c>
      <c r="L653">
        <f t="shared" si="86"/>
        <v>0.33474496639771589</v>
      </c>
      <c r="M653">
        <f t="shared" si="87"/>
        <v>0</v>
      </c>
      <c r="N653" s="45">
        <f t="shared" si="88"/>
        <v>44952.791666665165</v>
      </c>
    </row>
    <row r="654" spans="2:14" x14ac:dyDescent="0.25">
      <c r="B654">
        <f t="shared" si="82"/>
        <v>4</v>
      </c>
      <c r="C654" s="16">
        <v>620</v>
      </c>
      <c r="D654" cm="1">
        <f t="array" ref="D654">IFERROR(INDEX(Jesper!AH$2:AH$366,ROUNDDOWN($C654/24,0)+1,1)*INDEX($D$3:$AA$30,INDEX(Jesper!$R$2:$R$366,ROW(INDEX(Jesper!AH$2:AH$366,ROUNDDOWN($C654/24,0)+1,1))-1)+IF('Standard Profiles'!$G$18=$B$10,7,0)+IF('Standard Profiles'!$G$18=$B$17,14,0)+IF('Standard Profiles'!$G$18=$B$24,21,0),MOD($C654,24)+1)/SUM(INDEX($D$3:$AA$30,INDEX(Jesper!$R$2:$R$366,ROW(INDEX(Jesper!AH$2:AH$366,ROUNDDOWN($C654/24,0)+1,1))-1)+IF('Standard Profiles'!$G$18=$B$10,7,0)+IF('Standard Profiles'!$G$18=$B$17,14,0)+IF('Standard Profiles'!$G$18=$B$24,21,0),0)),0)</f>
        <v>6.2764681199571726</v>
      </c>
      <c r="E654" cm="1">
        <f t="array" ref="E654">IFERROR(INDEX(Jesper!AI$2:AI$366,ROUNDDOWN($C654/24,0)+1,1)*INDEX($D$3:$AA$30,INDEX(Jesper!$R$2:$R$366,ROW(INDEX(Jesper!AI$2:AI$366,ROUNDDOWN($C654/24,0)+1,1))-1)+IF('Standard Profiles'!$G$19=$B$10,7,0)+IF('Standard Profiles'!$G$19=$B$17,14,0)+IF('Standard Profiles'!$G$19=$B$24,21,0),MOD($C654,24)+1)/SUM(INDEX($D$3:$AA$30,INDEX(Jesper!$R$2:$R$366,ROW(INDEX(Jesper!AI$2:AI$366,ROUNDDOWN($C654/24,0)+1,1))-1)+IF('Standard Profiles'!$G$19=$B$10,7,0)+IF('Standard Profiles'!$G$19=$B$17,14,0)+IF('Standard Profiles'!$G$19=$B$24,21,0),0)),0)</f>
        <v>8.1410044109868256</v>
      </c>
      <c r="F654" cm="1">
        <f t="array" ref="F654">IFERROR(INDEX(Jesper!AJ$2:AJ$366,ROUNDDOWN($C654/24,0)+1,1)*INDEX($D$3:$AA$30,INDEX(Jesper!$R$2:$R$366,ROW(INDEX(Jesper!AJ$2:AJ$366,ROUNDDOWN($C654/24,0)+1,1))-1)+IF('Standard Profiles'!$G$20=$B$10,7,0)+IF('Standard Profiles'!$G$20=$B$17,14,0)+IF('Standard Profiles'!$G$20=$B$24,21,0),MOD($C654,24)+1)/SUM(INDEX($D$3:$AA$30,INDEX(Jesper!$R$2:$R$366,ROW(INDEX(Jesper!AJ$2:AJ$366,ROUNDDOWN($C654/24,0)+1,1))-1)+IF('Standard Profiles'!$G$20=$B$10,7,0)+IF('Standard Profiles'!$G$20=$B$17,14,0)+IF('Standard Profiles'!$G$20=$B$24,21,0),0)),0)</f>
        <v>0</v>
      </c>
      <c r="G654" cm="1">
        <f t="array" ref="G654">IFERROR(INDEX(Jesper!AK$2:AK$366,ROUNDDOWN($C654/24,0)+1,1)*INDEX($D$3:$AA$30,INDEX(Jesper!$R$2:$R$366,ROW(INDEX(Jesper!AK$2:AK$366,ROUNDDOWN($C654/24,0)+1,1))-1)+IF('Standard Profiles'!$G$21=$B$10,7,0)+IF('Standard Profiles'!$G$21=$B$17,14,0)+IF('Standard Profiles'!$G$21=$B$24,21,0),MOD($C654,24)+1)/SUM(INDEX($D$3:$AA$30,INDEX(Jesper!$R$2:$R$366,ROW(INDEX(Jesper!AK$2:AK$366,ROUNDDOWN($C654/24,0)+1,1))-1)+IF('Standard Profiles'!$G$21=$B$10,7,0)+IF('Standard Profiles'!$G$21=$B$17,14,0)+IF('Standard Profiles'!$G$21=$B$24,21,0),0)),0)</f>
        <v>11.402273858591517</v>
      </c>
      <c r="H654" cm="1">
        <f t="array" ref="H654">IFERROR(INDEX(Jesper!AL$2:AL$366,ROUNDDOWN($C654/24,0)+1,1)*INDEX($D$3:$AA$30,INDEX(Jesper!$R$2:$R$366,ROW(INDEX(Jesper!AL$2:AL$366,ROUNDDOWN($C654/24,0)+1,1))-1)+IF('Standard Profiles'!$G$22=$B$10,7,0)+IF('Standard Profiles'!$G$22=$B$17,14,0)+IF('Standard Profiles'!$G$22=$B$24,21,0),MOD($C654,24)+1)/SUM(INDEX($D$3:$AA$30,INDEX(Jesper!$R$2:$R$366,ROW(INDEX(Jesper!AL$2:AL$366,ROUNDDOWN($C654/24,0)+1,1))-1)+IF('Standard Profiles'!$G$22=$B$10,7,0)+IF('Standard Profiles'!$G$22=$B$17,14,0)+IF('Standard Profiles'!$G$22=$B$24,21,0),0)),0)</f>
        <v>0</v>
      </c>
      <c r="I654">
        <f t="shared" si="83"/>
        <v>5.4730914521239251</v>
      </c>
      <c r="J654">
        <f t="shared" si="84"/>
        <v>19.342420038218442</v>
      </c>
      <c r="K654">
        <f t="shared" si="85"/>
        <v>0.66948993279543179</v>
      </c>
      <c r="L654">
        <f t="shared" si="86"/>
        <v>0.33474496639771589</v>
      </c>
      <c r="M654">
        <f t="shared" si="87"/>
        <v>0</v>
      </c>
      <c r="N654" s="45">
        <f t="shared" si="88"/>
        <v>44952.83333333183</v>
      </c>
    </row>
    <row r="655" spans="2:14" x14ac:dyDescent="0.25">
      <c r="B655">
        <f t="shared" si="82"/>
        <v>4</v>
      </c>
      <c r="C655" s="16">
        <v>621</v>
      </c>
      <c r="D655" cm="1">
        <f t="array" ref="D655">IFERROR(INDEX(Jesper!AH$2:AH$366,ROUNDDOWN($C655/24,0)+1,1)*INDEX($D$3:$AA$30,INDEX(Jesper!$R$2:$R$366,ROW(INDEX(Jesper!AH$2:AH$366,ROUNDDOWN($C655/24,0)+1,1))-1)+IF('Standard Profiles'!$G$18=$B$10,7,0)+IF('Standard Profiles'!$G$18=$B$17,14,0)+IF('Standard Profiles'!$G$18=$B$24,21,0),MOD($C655,24)+1)/SUM(INDEX($D$3:$AA$30,INDEX(Jesper!$R$2:$R$366,ROW(INDEX(Jesper!AH$2:AH$366,ROUNDDOWN($C655/24,0)+1,1))-1)+IF('Standard Profiles'!$G$18=$B$10,7,0)+IF('Standard Profiles'!$G$18=$B$17,14,0)+IF('Standard Profiles'!$G$18=$B$24,21,0),0)),0)</f>
        <v>6.2764681199571726</v>
      </c>
      <c r="E655" cm="1">
        <f t="array" ref="E655">IFERROR(INDEX(Jesper!AI$2:AI$366,ROUNDDOWN($C655/24,0)+1,1)*INDEX($D$3:$AA$30,INDEX(Jesper!$R$2:$R$366,ROW(INDEX(Jesper!AI$2:AI$366,ROUNDDOWN($C655/24,0)+1,1))-1)+IF('Standard Profiles'!$G$19=$B$10,7,0)+IF('Standard Profiles'!$G$19=$B$17,14,0)+IF('Standard Profiles'!$G$19=$B$24,21,0),MOD($C655,24)+1)/SUM(INDEX($D$3:$AA$30,INDEX(Jesper!$R$2:$R$366,ROW(INDEX(Jesper!AI$2:AI$366,ROUNDDOWN($C655/24,0)+1,1))-1)+IF('Standard Profiles'!$G$19=$B$10,7,0)+IF('Standard Profiles'!$G$19=$B$17,14,0)+IF('Standard Profiles'!$G$19=$B$24,21,0),0)),0)</f>
        <v>8.1410044109868256</v>
      </c>
      <c r="F655" cm="1">
        <f t="array" ref="F655">IFERROR(INDEX(Jesper!AJ$2:AJ$366,ROUNDDOWN($C655/24,0)+1,1)*INDEX($D$3:$AA$30,INDEX(Jesper!$R$2:$R$366,ROW(INDEX(Jesper!AJ$2:AJ$366,ROUNDDOWN($C655/24,0)+1,1))-1)+IF('Standard Profiles'!$G$20=$B$10,7,0)+IF('Standard Profiles'!$G$20=$B$17,14,0)+IF('Standard Profiles'!$G$20=$B$24,21,0),MOD($C655,24)+1)/SUM(INDEX($D$3:$AA$30,INDEX(Jesper!$R$2:$R$366,ROW(INDEX(Jesper!AJ$2:AJ$366,ROUNDDOWN($C655/24,0)+1,1))-1)+IF('Standard Profiles'!$G$20=$B$10,7,0)+IF('Standard Profiles'!$G$20=$B$17,14,0)+IF('Standard Profiles'!$G$20=$B$24,21,0),0)),0)</f>
        <v>0</v>
      </c>
      <c r="G655" cm="1">
        <f t="array" ref="G655">IFERROR(INDEX(Jesper!AK$2:AK$366,ROUNDDOWN($C655/24,0)+1,1)*INDEX($D$3:$AA$30,INDEX(Jesper!$R$2:$R$366,ROW(INDEX(Jesper!AK$2:AK$366,ROUNDDOWN($C655/24,0)+1,1))-1)+IF('Standard Profiles'!$G$21=$B$10,7,0)+IF('Standard Profiles'!$G$21=$B$17,14,0)+IF('Standard Profiles'!$G$21=$B$24,21,0),MOD($C655,24)+1)/SUM(INDEX($D$3:$AA$30,INDEX(Jesper!$R$2:$R$366,ROW(INDEX(Jesper!AK$2:AK$366,ROUNDDOWN($C655/24,0)+1,1))-1)+IF('Standard Profiles'!$G$21=$B$10,7,0)+IF('Standard Profiles'!$G$21=$B$17,14,0)+IF('Standard Profiles'!$G$21=$B$24,21,0),0)),0)</f>
        <v>11.402273858591517</v>
      </c>
      <c r="H655" cm="1">
        <f t="array" ref="H655">IFERROR(INDEX(Jesper!AL$2:AL$366,ROUNDDOWN($C655/24,0)+1,1)*INDEX($D$3:$AA$30,INDEX(Jesper!$R$2:$R$366,ROW(INDEX(Jesper!AL$2:AL$366,ROUNDDOWN($C655/24,0)+1,1))-1)+IF('Standard Profiles'!$G$22=$B$10,7,0)+IF('Standard Profiles'!$G$22=$B$17,14,0)+IF('Standard Profiles'!$G$22=$B$24,21,0),MOD($C655,24)+1)/SUM(INDEX($D$3:$AA$30,INDEX(Jesper!$R$2:$R$366,ROW(INDEX(Jesper!AL$2:AL$366,ROUNDDOWN($C655/24,0)+1,1))-1)+IF('Standard Profiles'!$G$22=$B$10,7,0)+IF('Standard Profiles'!$G$22=$B$17,14,0)+IF('Standard Profiles'!$G$22=$B$24,21,0),0)),0)</f>
        <v>0</v>
      </c>
      <c r="I655">
        <f t="shared" si="83"/>
        <v>5.4730914521239251</v>
      </c>
      <c r="J655">
        <f t="shared" si="84"/>
        <v>19.342420038218442</v>
      </c>
      <c r="K655">
        <f t="shared" si="85"/>
        <v>0.66948993279543179</v>
      </c>
      <c r="L655">
        <f t="shared" si="86"/>
        <v>0.33474496639771589</v>
      </c>
      <c r="M655">
        <f t="shared" si="87"/>
        <v>0</v>
      </c>
      <c r="N655" s="45">
        <f t="shared" si="88"/>
        <v>44952.874999998494</v>
      </c>
    </row>
    <row r="656" spans="2:14" x14ac:dyDescent="0.25">
      <c r="B656">
        <f t="shared" si="82"/>
        <v>4</v>
      </c>
      <c r="C656" s="16">
        <v>622</v>
      </c>
      <c r="D656" cm="1">
        <f t="array" ref="D656">IFERROR(INDEX(Jesper!AH$2:AH$366,ROUNDDOWN($C656/24,0)+1,1)*INDEX($D$3:$AA$30,INDEX(Jesper!$R$2:$R$366,ROW(INDEX(Jesper!AH$2:AH$366,ROUNDDOWN($C656/24,0)+1,1))-1)+IF('Standard Profiles'!$G$18=$B$10,7,0)+IF('Standard Profiles'!$G$18=$B$17,14,0)+IF('Standard Profiles'!$G$18=$B$24,21,0),MOD($C656,24)+1)/SUM(INDEX($D$3:$AA$30,INDEX(Jesper!$R$2:$R$366,ROW(INDEX(Jesper!AH$2:AH$366,ROUNDDOWN($C656/24,0)+1,1))-1)+IF('Standard Profiles'!$G$18=$B$10,7,0)+IF('Standard Profiles'!$G$18=$B$17,14,0)+IF('Standard Profiles'!$G$18=$B$24,21,0),0)),0)</f>
        <v>6.2764681199571726</v>
      </c>
      <c r="E656" cm="1">
        <f t="array" ref="E656">IFERROR(INDEX(Jesper!AI$2:AI$366,ROUNDDOWN($C656/24,0)+1,1)*INDEX($D$3:$AA$30,INDEX(Jesper!$R$2:$R$366,ROW(INDEX(Jesper!AI$2:AI$366,ROUNDDOWN($C656/24,0)+1,1))-1)+IF('Standard Profiles'!$G$19=$B$10,7,0)+IF('Standard Profiles'!$G$19=$B$17,14,0)+IF('Standard Profiles'!$G$19=$B$24,21,0),MOD($C656,24)+1)/SUM(INDEX($D$3:$AA$30,INDEX(Jesper!$R$2:$R$366,ROW(INDEX(Jesper!AI$2:AI$366,ROUNDDOWN($C656/24,0)+1,1))-1)+IF('Standard Profiles'!$G$19=$B$10,7,0)+IF('Standard Profiles'!$G$19=$B$17,14,0)+IF('Standard Profiles'!$G$19=$B$24,21,0),0)),0)</f>
        <v>8.1410044109868256</v>
      </c>
      <c r="F656" cm="1">
        <f t="array" ref="F656">IFERROR(INDEX(Jesper!AJ$2:AJ$366,ROUNDDOWN($C656/24,0)+1,1)*INDEX($D$3:$AA$30,INDEX(Jesper!$R$2:$R$366,ROW(INDEX(Jesper!AJ$2:AJ$366,ROUNDDOWN($C656/24,0)+1,1))-1)+IF('Standard Profiles'!$G$20=$B$10,7,0)+IF('Standard Profiles'!$G$20=$B$17,14,0)+IF('Standard Profiles'!$G$20=$B$24,21,0),MOD($C656,24)+1)/SUM(INDEX($D$3:$AA$30,INDEX(Jesper!$R$2:$R$366,ROW(INDEX(Jesper!AJ$2:AJ$366,ROUNDDOWN($C656/24,0)+1,1))-1)+IF('Standard Profiles'!$G$20=$B$10,7,0)+IF('Standard Profiles'!$G$20=$B$17,14,0)+IF('Standard Profiles'!$G$20=$B$24,21,0),0)),0)</f>
        <v>0</v>
      </c>
      <c r="G656" cm="1">
        <f t="array" ref="G656">IFERROR(INDEX(Jesper!AK$2:AK$366,ROUNDDOWN($C656/24,0)+1,1)*INDEX($D$3:$AA$30,INDEX(Jesper!$R$2:$R$366,ROW(INDEX(Jesper!AK$2:AK$366,ROUNDDOWN($C656/24,0)+1,1))-1)+IF('Standard Profiles'!$G$21=$B$10,7,0)+IF('Standard Profiles'!$G$21=$B$17,14,0)+IF('Standard Profiles'!$G$21=$B$24,21,0),MOD($C656,24)+1)/SUM(INDEX($D$3:$AA$30,INDEX(Jesper!$R$2:$R$366,ROW(INDEX(Jesper!AK$2:AK$366,ROUNDDOWN($C656/24,0)+1,1))-1)+IF('Standard Profiles'!$G$21=$B$10,7,0)+IF('Standard Profiles'!$G$21=$B$17,14,0)+IF('Standard Profiles'!$G$21=$B$24,21,0),0)),0)</f>
        <v>11.402273858591517</v>
      </c>
      <c r="H656" cm="1">
        <f t="array" ref="H656">IFERROR(INDEX(Jesper!AL$2:AL$366,ROUNDDOWN($C656/24,0)+1,1)*INDEX($D$3:$AA$30,INDEX(Jesper!$R$2:$R$366,ROW(INDEX(Jesper!AL$2:AL$366,ROUNDDOWN($C656/24,0)+1,1))-1)+IF('Standard Profiles'!$G$22=$B$10,7,0)+IF('Standard Profiles'!$G$22=$B$17,14,0)+IF('Standard Profiles'!$G$22=$B$24,21,0),MOD($C656,24)+1)/SUM(INDEX($D$3:$AA$30,INDEX(Jesper!$R$2:$R$366,ROW(INDEX(Jesper!AL$2:AL$366,ROUNDDOWN($C656/24,0)+1,1))-1)+IF('Standard Profiles'!$G$22=$B$10,7,0)+IF('Standard Profiles'!$G$22=$B$17,14,0)+IF('Standard Profiles'!$G$22=$B$24,21,0),0)),0)</f>
        <v>0</v>
      </c>
      <c r="I656">
        <f t="shared" si="83"/>
        <v>5.4730914521239251</v>
      </c>
      <c r="J656">
        <f t="shared" si="84"/>
        <v>19.342420038218442</v>
      </c>
      <c r="K656">
        <f t="shared" si="85"/>
        <v>0.66948993279543179</v>
      </c>
      <c r="L656">
        <f t="shared" si="86"/>
        <v>0.33474496639771589</v>
      </c>
      <c r="M656">
        <f t="shared" si="87"/>
        <v>0</v>
      </c>
      <c r="N656" s="45">
        <f t="shared" si="88"/>
        <v>44952.916666665158</v>
      </c>
    </row>
    <row r="657" spans="2:14" x14ac:dyDescent="0.25">
      <c r="B657">
        <f t="shared" si="82"/>
        <v>4</v>
      </c>
      <c r="C657" s="16">
        <v>623</v>
      </c>
      <c r="D657" cm="1">
        <f t="array" ref="D657">IFERROR(INDEX(Jesper!AH$2:AH$366,ROUNDDOWN($C657/24,0)+1,1)*INDEX($D$3:$AA$30,INDEX(Jesper!$R$2:$R$366,ROW(INDEX(Jesper!AH$2:AH$366,ROUNDDOWN($C657/24,0)+1,1))-1)+IF('Standard Profiles'!$G$18=$B$10,7,0)+IF('Standard Profiles'!$G$18=$B$17,14,0)+IF('Standard Profiles'!$G$18=$B$24,21,0),MOD($C657,24)+1)/SUM(INDEX($D$3:$AA$30,INDEX(Jesper!$R$2:$R$366,ROW(INDEX(Jesper!AH$2:AH$366,ROUNDDOWN($C657/24,0)+1,1))-1)+IF('Standard Profiles'!$G$18=$B$10,7,0)+IF('Standard Profiles'!$G$18=$B$17,14,0)+IF('Standard Profiles'!$G$18=$B$24,21,0),0)),0)</f>
        <v>6.2764681199571726</v>
      </c>
      <c r="E657" cm="1">
        <f t="array" ref="E657">IFERROR(INDEX(Jesper!AI$2:AI$366,ROUNDDOWN($C657/24,0)+1,1)*INDEX($D$3:$AA$30,INDEX(Jesper!$R$2:$R$366,ROW(INDEX(Jesper!AI$2:AI$366,ROUNDDOWN($C657/24,0)+1,1))-1)+IF('Standard Profiles'!$G$19=$B$10,7,0)+IF('Standard Profiles'!$G$19=$B$17,14,0)+IF('Standard Profiles'!$G$19=$B$24,21,0),MOD($C657,24)+1)/SUM(INDEX($D$3:$AA$30,INDEX(Jesper!$R$2:$R$366,ROW(INDEX(Jesper!AI$2:AI$366,ROUNDDOWN($C657/24,0)+1,1))-1)+IF('Standard Profiles'!$G$19=$B$10,7,0)+IF('Standard Profiles'!$G$19=$B$17,14,0)+IF('Standard Profiles'!$G$19=$B$24,21,0),0)),0)</f>
        <v>8.1410044109868256</v>
      </c>
      <c r="F657" cm="1">
        <f t="array" ref="F657">IFERROR(INDEX(Jesper!AJ$2:AJ$366,ROUNDDOWN($C657/24,0)+1,1)*INDEX($D$3:$AA$30,INDEX(Jesper!$R$2:$R$366,ROW(INDEX(Jesper!AJ$2:AJ$366,ROUNDDOWN($C657/24,0)+1,1))-1)+IF('Standard Profiles'!$G$20=$B$10,7,0)+IF('Standard Profiles'!$G$20=$B$17,14,0)+IF('Standard Profiles'!$G$20=$B$24,21,0),MOD($C657,24)+1)/SUM(INDEX($D$3:$AA$30,INDEX(Jesper!$R$2:$R$366,ROW(INDEX(Jesper!AJ$2:AJ$366,ROUNDDOWN($C657/24,0)+1,1))-1)+IF('Standard Profiles'!$G$20=$B$10,7,0)+IF('Standard Profiles'!$G$20=$B$17,14,0)+IF('Standard Profiles'!$G$20=$B$24,21,0),0)),0)</f>
        <v>0</v>
      </c>
      <c r="G657" cm="1">
        <f t="array" ref="G657">IFERROR(INDEX(Jesper!AK$2:AK$366,ROUNDDOWN($C657/24,0)+1,1)*INDEX($D$3:$AA$30,INDEX(Jesper!$R$2:$R$366,ROW(INDEX(Jesper!AK$2:AK$366,ROUNDDOWN($C657/24,0)+1,1))-1)+IF('Standard Profiles'!$G$21=$B$10,7,0)+IF('Standard Profiles'!$G$21=$B$17,14,0)+IF('Standard Profiles'!$G$21=$B$24,21,0),MOD($C657,24)+1)/SUM(INDEX($D$3:$AA$30,INDEX(Jesper!$R$2:$R$366,ROW(INDEX(Jesper!AK$2:AK$366,ROUNDDOWN($C657/24,0)+1,1))-1)+IF('Standard Profiles'!$G$21=$B$10,7,0)+IF('Standard Profiles'!$G$21=$B$17,14,0)+IF('Standard Profiles'!$G$21=$B$24,21,0),0)),0)</f>
        <v>11.402273858591517</v>
      </c>
      <c r="H657" cm="1">
        <f t="array" ref="H657">IFERROR(INDEX(Jesper!AL$2:AL$366,ROUNDDOWN($C657/24,0)+1,1)*INDEX($D$3:$AA$30,INDEX(Jesper!$R$2:$R$366,ROW(INDEX(Jesper!AL$2:AL$366,ROUNDDOWN($C657/24,0)+1,1))-1)+IF('Standard Profiles'!$G$22=$B$10,7,0)+IF('Standard Profiles'!$G$22=$B$17,14,0)+IF('Standard Profiles'!$G$22=$B$24,21,0),MOD($C657,24)+1)/SUM(INDEX($D$3:$AA$30,INDEX(Jesper!$R$2:$R$366,ROW(INDEX(Jesper!AL$2:AL$366,ROUNDDOWN($C657/24,0)+1,1))-1)+IF('Standard Profiles'!$G$22=$B$10,7,0)+IF('Standard Profiles'!$G$22=$B$17,14,0)+IF('Standard Profiles'!$G$22=$B$24,21,0),0)),0)</f>
        <v>0</v>
      </c>
      <c r="I657">
        <f t="shared" si="83"/>
        <v>5.4730914521239251</v>
      </c>
      <c r="J657">
        <f t="shared" si="84"/>
        <v>19.342420038218442</v>
      </c>
      <c r="K657">
        <f t="shared" si="85"/>
        <v>0.66948993279543179</v>
      </c>
      <c r="L657">
        <f t="shared" si="86"/>
        <v>0.33474496639771589</v>
      </c>
      <c r="M657">
        <f t="shared" si="87"/>
        <v>0</v>
      </c>
      <c r="N657" s="45">
        <f t="shared" si="88"/>
        <v>44952.958333331822</v>
      </c>
    </row>
    <row r="658" spans="2:14" x14ac:dyDescent="0.25">
      <c r="B658">
        <f t="shared" si="82"/>
        <v>5</v>
      </c>
      <c r="C658" s="16">
        <v>624</v>
      </c>
      <c r="D658" cm="1">
        <f t="array" ref="D658">IFERROR(INDEX(Jesper!AH$2:AH$366,ROUNDDOWN($C658/24,0)+1,1)*INDEX($D$3:$AA$30,INDEX(Jesper!$R$2:$R$366,ROW(INDEX(Jesper!AH$2:AH$366,ROUNDDOWN($C658/24,0)+1,1))-1)+IF('Standard Profiles'!$G$18=$B$10,7,0)+IF('Standard Profiles'!$G$18=$B$17,14,0)+IF('Standard Profiles'!$G$18=$B$24,21,0),MOD($C658,24)+1)/SUM(INDEX($D$3:$AA$30,INDEX(Jesper!$R$2:$R$366,ROW(INDEX(Jesper!AH$2:AH$366,ROUNDDOWN($C658/24,0)+1,1))-1)+IF('Standard Profiles'!$G$18=$B$10,7,0)+IF('Standard Profiles'!$G$18=$B$17,14,0)+IF('Standard Profiles'!$G$18=$B$24,21,0),0)),0)</f>
        <v>9.7618557423124557</v>
      </c>
      <c r="E658" cm="1">
        <f t="array" ref="E658">IFERROR(INDEX(Jesper!AI$2:AI$366,ROUNDDOWN($C658/24,0)+1,1)*INDEX($D$3:$AA$30,INDEX(Jesper!$R$2:$R$366,ROW(INDEX(Jesper!AI$2:AI$366,ROUNDDOWN($C658/24,0)+1,1))-1)+IF('Standard Profiles'!$G$19=$B$10,7,0)+IF('Standard Profiles'!$G$19=$B$17,14,0)+IF('Standard Profiles'!$G$19=$B$24,21,0),MOD($C658,24)+1)/SUM(INDEX($D$3:$AA$30,INDEX(Jesper!$R$2:$R$366,ROW(INDEX(Jesper!AI$2:AI$366,ROUNDDOWN($C658/24,0)+1,1))-1)+IF('Standard Profiles'!$G$19=$B$10,7,0)+IF('Standard Profiles'!$G$19=$B$17,14,0)+IF('Standard Profiles'!$G$19=$B$24,21,0),0)),0)</f>
        <v>13.082253385171848</v>
      </c>
      <c r="F658" cm="1">
        <f t="array" ref="F658">IFERROR(INDEX(Jesper!AJ$2:AJ$366,ROUNDDOWN($C658/24,0)+1,1)*INDEX($D$3:$AA$30,INDEX(Jesper!$R$2:$R$366,ROW(INDEX(Jesper!AJ$2:AJ$366,ROUNDDOWN($C658/24,0)+1,1))-1)+IF('Standard Profiles'!$G$20=$B$10,7,0)+IF('Standard Profiles'!$G$20=$B$17,14,0)+IF('Standard Profiles'!$G$20=$B$24,21,0),MOD($C658,24)+1)/SUM(INDEX($D$3:$AA$30,INDEX(Jesper!$R$2:$R$366,ROW(INDEX(Jesper!AJ$2:AJ$366,ROUNDDOWN($C658/24,0)+1,1))-1)+IF('Standard Profiles'!$G$20=$B$10,7,0)+IF('Standard Profiles'!$G$20=$B$17,14,0)+IF('Standard Profiles'!$G$20=$B$24,21,0),0)),0)</f>
        <v>0</v>
      </c>
      <c r="G658" cm="1">
        <f t="array" ref="G658">IFERROR(INDEX(Jesper!AK$2:AK$366,ROUNDDOWN($C658/24,0)+1,1)*INDEX($D$3:$AA$30,INDEX(Jesper!$R$2:$R$366,ROW(INDEX(Jesper!AK$2:AK$366,ROUNDDOWN($C658/24,0)+1,1))-1)+IF('Standard Profiles'!$G$21=$B$10,7,0)+IF('Standard Profiles'!$G$21=$B$17,14,0)+IF('Standard Profiles'!$G$21=$B$24,21,0),MOD($C658,24)+1)/SUM(INDEX($D$3:$AA$30,INDEX(Jesper!$R$2:$R$366,ROW(INDEX(Jesper!AK$2:AK$366,ROUNDDOWN($C658/24,0)+1,1))-1)+IF('Standard Profiles'!$G$21=$B$10,7,0)+IF('Standard Profiles'!$G$21=$B$17,14,0)+IF('Standard Profiles'!$G$21=$B$24,21,0),0)),0)</f>
        <v>12.047805456555221</v>
      </c>
      <c r="H658" cm="1">
        <f t="array" ref="H658">IFERROR(INDEX(Jesper!AL$2:AL$366,ROUNDDOWN($C658/24,0)+1,1)*INDEX($D$3:$AA$30,INDEX(Jesper!$R$2:$R$366,ROW(INDEX(Jesper!AL$2:AL$366,ROUNDDOWN($C658/24,0)+1,1))-1)+IF('Standard Profiles'!$G$22=$B$10,7,0)+IF('Standard Profiles'!$G$22=$B$17,14,0)+IF('Standard Profiles'!$G$22=$B$24,21,0),MOD($C658,24)+1)/SUM(INDEX($D$3:$AA$30,INDEX(Jesper!$R$2:$R$366,ROW(INDEX(Jesper!AL$2:AL$366,ROUNDDOWN($C658/24,0)+1,1))-1)+IF('Standard Profiles'!$G$22=$B$10,7,0)+IF('Standard Profiles'!$G$22=$B$17,14,0)+IF('Standard Profiles'!$G$22=$B$24,21,0),0)),0)</f>
        <v>0</v>
      </c>
      <c r="I658">
        <f t="shared" si="83"/>
        <v>5.7829466191465029</v>
      </c>
      <c r="J658">
        <f t="shared" si="84"/>
        <v>27.54707104612303</v>
      </c>
      <c r="K658">
        <f t="shared" si="85"/>
        <v>1.0412646125133287</v>
      </c>
      <c r="L658">
        <f t="shared" si="86"/>
        <v>0.52063230625666435</v>
      </c>
      <c r="M658">
        <f t="shared" si="87"/>
        <v>0</v>
      </c>
      <c r="N658" s="45">
        <f t="shared" si="88"/>
        <v>44952.999999998487</v>
      </c>
    </row>
    <row r="659" spans="2:14" x14ac:dyDescent="0.25">
      <c r="B659">
        <f t="shared" si="82"/>
        <v>5</v>
      </c>
      <c r="C659" s="16">
        <v>625</v>
      </c>
      <c r="D659" cm="1">
        <f t="array" ref="D659">IFERROR(INDEX(Jesper!AH$2:AH$366,ROUNDDOWN($C659/24,0)+1,1)*INDEX($D$3:$AA$30,INDEX(Jesper!$R$2:$R$366,ROW(INDEX(Jesper!AH$2:AH$366,ROUNDDOWN($C659/24,0)+1,1))-1)+IF('Standard Profiles'!$G$18=$B$10,7,0)+IF('Standard Profiles'!$G$18=$B$17,14,0)+IF('Standard Profiles'!$G$18=$B$24,21,0),MOD($C659,24)+1)/SUM(INDEX($D$3:$AA$30,INDEX(Jesper!$R$2:$R$366,ROW(INDEX(Jesper!AH$2:AH$366,ROUNDDOWN($C659/24,0)+1,1))-1)+IF('Standard Profiles'!$G$18=$B$10,7,0)+IF('Standard Profiles'!$G$18=$B$17,14,0)+IF('Standard Profiles'!$G$18=$B$24,21,0),0)),0)</f>
        <v>5.9162762074620945</v>
      </c>
      <c r="E659" cm="1">
        <f t="array" ref="E659">IFERROR(INDEX(Jesper!AI$2:AI$366,ROUNDDOWN($C659/24,0)+1,1)*INDEX($D$3:$AA$30,INDEX(Jesper!$R$2:$R$366,ROW(INDEX(Jesper!AI$2:AI$366,ROUNDDOWN($C659/24,0)+1,1))-1)+IF('Standard Profiles'!$G$19=$B$10,7,0)+IF('Standard Profiles'!$G$19=$B$17,14,0)+IF('Standard Profiles'!$G$19=$B$24,21,0),MOD($C659,24)+1)/SUM(INDEX($D$3:$AA$30,INDEX(Jesper!$R$2:$R$366,ROW(INDEX(Jesper!AI$2:AI$366,ROUNDDOWN($C659/24,0)+1,1))-1)+IF('Standard Profiles'!$G$19=$B$10,7,0)+IF('Standard Profiles'!$G$19=$B$17,14,0)+IF('Standard Profiles'!$G$19=$B$24,21,0),0)),0)</f>
        <v>7.9286384152556648</v>
      </c>
      <c r="F659" cm="1">
        <f t="array" ref="F659">IFERROR(INDEX(Jesper!AJ$2:AJ$366,ROUNDDOWN($C659/24,0)+1,1)*INDEX($D$3:$AA$30,INDEX(Jesper!$R$2:$R$366,ROW(INDEX(Jesper!AJ$2:AJ$366,ROUNDDOWN($C659/24,0)+1,1))-1)+IF('Standard Profiles'!$G$20=$B$10,7,0)+IF('Standard Profiles'!$G$20=$B$17,14,0)+IF('Standard Profiles'!$G$20=$B$24,21,0),MOD($C659,24)+1)/SUM(INDEX($D$3:$AA$30,INDEX(Jesper!$R$2:$R$366,ROW(INDEX(Jesper!AJ$2:AJ$366,ROUNDDOWN($C659/24,0)+1,1))-1)+IF('Standard Profiles'!$G$20=$B$10,7,0)+IF('Standard Profiles'!$G$20=$B$17,14,0)+IF('Standard Profiles'!$G$20=$B$24,21,0),0)),0)</f>
        <v>0</v>
      </c>
      <c r="G659" cm="1">
        <f t="array" ref="G659">IFERROR(INDEX(Jesper!AK$2:AK$366,ROUNDDOWN($C659/24,0)+1,1)*INDEX($D$3:$AA$30,INDEX(Jesper!$R$2:$R$366,ROW(INDEX(Jesper!AK$2:AK$366,ROUNDDOWN($C659/24,0)+1,1))-1)+IF('Standard Profiles'!$G$21=$B$10,7,0)+IF('Standard Profiles'!$G$21=$B$17,14,0)+IF('Standard Profiles'!$G$21=$B$24,21,0),MOD($C659,24)+1)/SUM(INDEX($D$3:$AA$30,INDEX(Jesper!$R$2:$R$366,ROW(INDEX(Jesper!AK$2:AK$366,ROUNDDOWN($C659/24,0)+1,1))-1)+IF('Standard Profiles'!$G$21=$B$10,7,0)+IF('Standard Profiles'!$G$21=$B$17,14,0)+IF('Standard Profiles'!$G$21=$B$24,21,0),0)),0)</f>
        <v>12.047805456555221</v>
      </c>
      <c r="H659" cm="1">
        <f t="array" ref="H659">IFERROR(INDEX(Jesper!AL$2:AL$366,ROUNDDOWN($C659/24,0)+1,1)*INDEX($D$3:$AA$30,INDEX(Jesper!$R$2:$R$366,ROW(INDEX(Jesper!AL$2:AL$366,ROUNDDOWN($C659/24,0)+1,1))-1)+IF('Standard Profiles'!$G$22=$B$10,7,0)+IF('Standard Profiles'!$G$22=$B$17,14,0)+IF('Standard Profiles'!$G$22=$B$24,21,0),MOD($C659,24)+1)/SUM(INDEX($D$3:$AA$30,INDEX(Jesper!$R$2:$R$366,ROW(INDEX(Jesper!AL$2:AL$366,ROUNDDOWN($C659/24,0)+1,1))-1)+IF('Standard Profiles'!$G$22=$B$10,7,0)+IF('Standard Profiles'!$G$22=$B$17,14,0)+IF('Standard Profiles'!$G$22=$B$24,21,0),0)),0)</f>
        <v>0</v>
      </c>
      <c r="I659">
        <f t="shared" si="83"/>
        <v>5.7829466191465029</v>
      </c>
      <c r="J659">
        <f t="shared" si="84"/>
        <v>19.163169266932542</v>
      </c>
      <c r="K659">
        <f t="shared" si="85"/>
        <v>0.63106946212929016</v>
      </c>
      <c r="L659">
        <f t="shared" si="86"/>
        <v>0.31553473106464508</v>
      </c>
      <c r="M659">
        <f t="shared" si="87"/>
        <v>0</v>
      </c>
      <c r="N659" s="45">
        <f t="shared" si="88"/>
        <v>44953.041666665151</v>
      </c>
    </row>
    <row r="660" spans="2:14" x14ac:dyDescent="0.25">
      <c r="B660">
        <f t="shared" si="82"/>
        <v>5</v>
      </c>
      <c r="C660" s="16">
        <v>626</v>
      </c>
      <c r="D660" cm="1">
        <f t="array" ref="D660">IFERROR(INDEX(Jesper!AH$2:AH$366,ROUNDDOWN($C660/24,0)+1,1)*INDEX($D$3:$AA$30,INDEX(Jesper!$R$2:$R$366,ROW(INDEX(Jesper!AH$2:AH$366,ROUNDDOWN($C660/24,0)+1,1))-1)+IF('Standard Profiles'!$G$18=$B$10,7,0)+IF('Standard Profiles'!$G$18=$B$17,14,0)+IF('Standard Profiles'!$G$18=$B$24,21,0),MOD($C660,24)+1)/SUM(INDEX($D$3:$AA$30,INDEX(Jesper!$R$2:$R$366,ROW(INDEX(Jesper!AH$2:AH$366,ROUNDDOWN($C660/24,0)+1,1))-1)+IF('Standard Profiles'!$G$18=$B$10,7,0)+IF('Standard Profiles'!$G$18=$B$17,14,0)+IF('Standard Profiles'!$G$18=$B$24,21,0),0)),0)</f>
        <v>5.9162762074620945</v>
      </c>
      <c r="E660" cm="1">
        <f t="array" ref="E660">IFERROR(INDEX(Jesper!AI$2:AI$366,ROUNDDOWN($C660/24,0)+1,1)*INDEX($D$3:$AA$30,INDEX(Jesper!$R$2:$R$366,ROW(INDEX(Jesper!AI$2:AI$366,ROUNDDOWN($C660/24,0)+1,1))-1)+IF('Standard Profiles'!$G$19=$B$10,7,0)+IF('Standard Profiles'!$G$19=$B$17,14,0)+IF('Standard Profiles'!$G$19=$B$24,21,0),MOD($C660,24)+1)/SUM(INDEX($D$3:$AA$30,INDEX(Jesper!$R$2:$R$366,ROW(INDEX(Jesper!AI$2:AI$366,ROUNDDOWN($C660/24,0)+1,1))-1)+IF('Standard Profiles'!$G$19=$B$10,7,0)+IF('Standard Profiles'!$G$19=$B$17,14,0)+IF('Standard Profiles'!$G$19=$B$24,21,0),0)),0)</f>
        <v>7.9286384152556648</v>
      </c>
      <c r="F660" cm="1">
        <f t="array" ref="F660">IFERROR(INDEX(Jesper!AJ$2:AJ$366,ROUNDDOWN($C660/24,0)+1,1)*INDEX($D$3:$AA$30,INDEX(Jesper!$R$2:$R$366,ROW(INDEX(Jesper!AJ$2:AJ$366,ROUNDDOWN($C660/24,0)+1,1))-1)+IF('Standard Profiles'!$G$20=$B$10,7,0)+IF('Standard Profiles'!$G$20=$B$17,14,0)+IF('Standard Profiles'!$G$20=$B$24,21,0),MOD($C660,24)+1)/SUM(INDEX($D$3:$AA$30,INDEX(Jesper!$R$2:$R$366,ROW(INDEX(Jesper!AJ$2:AJ$366,ROUNDDOWN($C660/24,0)+1,1))-1)+IF('Standard Profiles'!$G$20=$B$10,7,0)+IF('Standard Profiles'!$G$20=$B$17,14,0)+IF('Standard Profiles'!$G$20=$B$24,21,0),0)),0)</f>
        <v>0</v>
      </c>
      <c r="G660" cm="1">
        <f t="array" ref="G660">IFERROR(INDEX(Jesper!AK$2:AK$366,ROUNDDOWN($C660/24,0)+1,1)*INDEX($D$3:$AA$30,INDEX(Jesper!$R$2:$R$366,ROW(INDEX(Jesper!AK$2:AK$366,ROUNDDOWN($C660/24,0)+1,1))-1)+IF('Standard Profiles'!$G$21=$B$10,7,0)+IF('Standard Profiles'!$G$21=$B$17,14,0)+IF('Standard Profiles'!$G$21=$B$24,21,0),MOD($C660,24)+1)/SUM(INDEX($D$3:$AA$30,INDEX(Jesper!$R$2:$R$366,ROW(INDEX(Jesper!AK$2:AK$366,ROUNDDOWN($C660/24,0)+1,1))-1)+IF('Standard Profiles'!$G$21=$B$10,7,0)+IF('Standard Profiles'!$G$21=$B$17,14,0)+IF('Standard Profiles'!$G$21=$B$24,21,0),0)),0)</f>
        <v>12.047805456555221</v>
      </c>
      <c r="H660" cm="1">
        <f t="array" ref="H660">IFERROR(INDEX(Jesper!AL$2:AL$366,ROUNDDOWN($C660/24,0)+1,1)*INDEX($D$3:$AA$30,INDEX(Jesper!$R$2:$R$366,ROW(INDEX(Jesper!AL$2:AL$366,ROUNDDOWN($C660/24,0)+1,1))-1)+IF('Standard Profiles'!$G$22=$B$10,7,0)+IF('Standard Profiles'!$G$22=$B$17,14,0)+IF('Standard Profiles'!$G$22=$B$24,21,0),MOD($C660,24)+1)/SUM(INDEX($D$3:$AA$30,INDEX(Jesper!$R$2:$R$366,ROW(INDEX(Jesper!AL$2:AL$366,ROUNDDOWN($C660/24,0)+1,1))-1)+IF('Standard Profiles'!$G$22=$B$10,7,0)+IF('Standard Profiles'!$G$22=$B$17,14,0)+IF('Standard Profiles'!$G$22=$B$24,21,0),0)),0)</f>
        <v>0</v>
      </c>
      <c r="I660">
        <f t="shared" si="83"/>
        <v>5.7829466191465029</v>
      </c>
      <c r="J660">
        <f t="shared" si="84"/>
        <v>19.163169266932542</v>
      </c>
      <c r="K660">
        <f t="shared" si="85"/>
        <v>0.63106946212929016</v>
      </c>
      <c r="L660">
        <f t="shared" si="86"/>
        <v>0.31553473106464508</v>
      </c>
      <c r="M660">
        <f t="shared" si="87"/>
        <v>0</v>
      </c>
      <c r="N660" s="45">
        <f t="shared" si="88"/>
        <v>44953.083333331815</v>
      </c>
    </row>
    <row r="661" spans="2:14" x14ac:dyDescent="0.25">
      <c r="B661">
        <f t="shared" si="82"/>
        <v>5</v>
      </c>
      <c r="C661" s="16">
        <v>627</v>
      </c>
      <c r="D661" cm="1">
        <f t="array" ref="D661">IFERROR(INDEX(Jesper!AH$2:AH$366,ROUNDDOWN($C661/24,0)+1,1)*INDEX($D$3:$AA$30,INDEX(Jesper!$R$2:$R$366,ROW(INDEX(Jesper!AH$2:AH$366,ROUNDDOWN($C661/24,0)+1,1))-1)+IF('Standard Profiles'!$G$18=$B$10,7,0)+IF('Standard Profiles'!$G$18=$B$17,14,0)+IF('Standard Profiles'!$G$18=$B$24,21,0),MOD($C661,24)+1)/SUM(INDEX($D$3:$AA$30,INDEX(Jesper!$R$2:$R$366,ROW(INDEX(Jesper!AH$2:AH$366,ROUNDDOWN($C661/24,0)+1,1))-1)+IF('Standard Profiles'!$G$18=$B$10,7,0)+IF('Standard Profiles'!$G$18=$B$17,14,0)+IF('Standard Profiles'!$G$18=$B$24,21,0),0)),0)</f>
        <v>5.9162762074620945</v>
      </c>
      <c r="E661" cm="1">
        <f t="array" ref="E661">IFERROR(INDEX(Jesper!AI$2:AI$366,ROUNDDOWN($C661/24,0)+1,1)*INDEX($D$3:$AA$30,INDEX(Jesper!$R$2:$R$366,ROW(INDEX(Jesper!AI$2:AI$366,ROUNDDOWN($C661/24,0)+1,1))-1)+IF('Standard Profiles'!$G$19=$B$10,7,0)+IF('Standard Profiles'!$G$19=$B$17,14,0)+IF('Standard Profiles'!$G$19=$B$24,21,0),MOD($C661,24)+1)/SUM(INDEX($D$3:$AA$30,INDEX(Jesper!$R$2:$R$366,ROW(INDEX(Jesper!AI$2:AI$366,ROUNDDOWN($C661/24,0)+1,1))-1)+IF('Standard Profiles'!$G$19=$B$10,7,0)+IF('Standard Profiles'!$G$19=$B$17,14,0)+IF('Standard Profiles'!$G$19=$B$24,21,0),0)),0)</f>
        <v>7.9286384152556648</v>
      </c>
      <c r="F661" cm="1">
        <f t="array" ref="F661">IFERROR(INDEX(Jesper!AJ$2:AJ$366,ROUNDDOWN($C661/24,0)+1,1)*INDEX($D$3:$AA$30,INDEX(Jesper!$R$2:$R$366,ROW(INDEX(Jesper!AJ$2:AJ$366,ROUNDDOWN($C661/24,0)+1,1))-1)+IF('Standard Profiles'!$G$20=$B$10,7,0)+IF('Standard Profiles'!$G$20=$B$17,14,0)+IF('Standard Profiles'!$G$20=$B$24,21,0),MOD($C661,24)+1)/SUM(INDEX($D$3:$AA$30,INDEX(Jesper!$R$2:$R$366,ROW(INDEX(Jesper!AJ$2:AJ$366,ROUNDDOWN($C661/24,0)+1,1))-1)+IF('Standard Profiles'!$G$20=$B$10,7,0)+IF('Standard Profiles'!$G$20=$B$17,14,0)+IF('Standard Profiles'!$G$20=$B$24,21,0),0)),0)</f>
        <v>0</v>
      </c>
      <c r="G661" cm="1">
        <f t="array" ref="G661">IFERROR(INDEX(Jesper!AK$2:AK$366,ROUNDDOWN($C661/24,0)+1,1)*INDEX($D$3:$AA$30,INDEX(Jesper!$R$2:$R$366,ROW(INDEX(Jesper!AK$2:AK$366,ROUNDDOWN($C661/24,0)+1,1))-1)+IF('Standard Profiles'!$G$21=$B$10,7,0)+IF('Standard Profiles'!$G$21=$B$17,14,0)+IF('Standard Profiles'!$G$21=$B$24,21,0),MOD($C661,24)+1)/SUM(INDEX($D$3:$AA$30,INDEX(Jesper!$R$2:$R$366,ROW(INDEX(Jesper!AK$2:AK$366,ROUNDDOWN($C661/24,0)+1,1))-1)+IF('Standard Profiles'!$G$21=$B$10,7,0)+IF('Standard Profiles'!$G$21=$B$17,14,0)+IF('Standard Profiles'!$G$21=$B$24,21,0),0)),0)</f>
        <v>12.047805456555221</v>
      </c>
      <c r="H661" cm="1">
        <f t="array" ref="H661">IFERROR(INDEX(Jesper!AL$2:AL$366,ROUNDDOWN($C661/24,0)+1,1)*INDEX($D$3:$AA$30,INDEX(Jesper!$R$2:$R$366,ROW(INDEX(Jesper!AL$2:AL$366,ROUNDDOWN($C661/24,0)+1,1))-1)+IF('Standard Profiles'!$G$22=$B$10,7,0)+IF('Standard Profiles'!$G$22=$B$17,14,0)+IF('Standard Profiles'!$G$22=$B$24,21,0),MOD($C661,24)+1)/SUM(INDEX($D$3:$AA$30,INDEX(Jesper!$R$2:$R$366,ROW(INDEX(Jesper!AL$2:AL$366,ROUNDDOWN($C661/24,0)+1,1))-1)+IF('Standard Profiles'!$G$22=$B$10,7,0)+IF('Standard Profiles'!$G$22=$B$17,14,0)+IF('Standard Profiles'!$G$22=$B$24,21,0),0)),0)</f>
        <v>0</v>
      </c>
      <c r="I661">
        <f t="shared" si="83"/>
        <v>5.7829466191465029</v>
      </c>
      <c r="J661">
        <f t="shared" si="84"/>
        <v>19.163169266932542</v>
      </c>
      <c r="K661">
        <f t="shared" si="85"/>
        <v>0.63106946212929016</v>
      </c>
      <c r="L661">
        <f t="shared" si="86"/>
        <v>0.31553473106464508</v>
      </c>
      <c r="M661">
        <f t="shared" si="87"/>
        <v>0</v>
      </c>
      <c r="N661" s="45">
        <f t="shared" si="88"/>
        <v>44953.124999998479</v>
      </c>
    </row>
    <row r="662" spans="2:14" x14ac:dyDescent="0.25">
      <c r="B662">
        <f t="shared" si="82"/>
        <v>5</v>
      </c>
      <c r="C662" s="16">
        <v>628</v>
      </c>
      <c r="D662" cm="1">
        <f t="array" ref="D662">IFERROR(INDEX(Jesper!AH$2:AH$366,ROUNDDOWN($C662/24,0)+1,1)*INDEX($D$3:$AA$30,INDEX(Jesper!$R$2:$R$366,ROW(INDEX(Jesper!AH$2:AH$366,ROUNDDOWN($C662/24,0)+1,1))-1)+IF('Standard Profiles'!$G$18=$B$10,7,0)+IF('Standard Profiles'!$G$18=$B$17,14,0)+IF('Standard Profiles'!$G$18=$B$24,21,0),MOD($C662,24)+1)/SUM(INDEX($D$3:$AA$30,INDEX(Jesper!$R$2:$R$366,ROW(INDEX(Jesper!AH$2:AH$366,ROUNDDOWN($C662/24,0)+1,1))-1)+IF('Standard Profiles'!$G$18=$B$10,7,0)+IF('Standard Profiles'!$G$18=$B$17,14,0)+IF('Standard Profiles'!$G$18=$B$24,21,0),0)),0)</f>
        <v>5.9162762074620945</v>
      </c>
      <c r="E662" cm="1">
        <f t="array" ref="E662">IFERROR(INDEX(Jesper!AI$2:AI$366,ROUNDDOWN($C662/24,0)+1,1)*INDEX($D$3:$AA$30,INDEX(Jesper!$R$2:$R$366,ROW(INDEX(Jesper!AI$2:AI$366,ROUNDDOWN($C662/24,0)+1,1))-1)+IF('Standard Profiles'!$G$19=$B$10,7,0)+IF('Standard Profiles'!$G$19=$B$17,14,0)+IF('Standard Profiles'!$G$19=$B$24,21,0),MOD($C662,24)+1)/SUM(INDEX($D$3:$AA$30,INDEX(Jesper!$R$2:$R$366,ROW(INDEX(Jesper!AI$2:AI$366,ROUNDDOWN($C662/24,0)+1,1))-1)+IF('Standard Profiles'!$G$19=$B$10,7,0)+IF('Standard Profiles'!$G$19=$B$17,14,0)+IF('Standard Profiles'!$G$19=$B$24,21,0),0)),0)</f>
        <v>7.9286384152556648</v>
      </c>
      <c r="F662" cm="1">
        <f t="array" ref="F662">IFERROR(INDEX(Jesper!AJ$2:AJ$366,ROUNDDOWN($C662/24,0)+1,1)*INDEX($D$3:$AA$30,INDEX(Jesper!$R$2:$R$366,ROW(INDEX(Jesper!AJ$2:AJ$366,ROUNDDOWN($C662/24,0)+1,1))-1)+IF('Standard Profiles'!$G$20=$B$10,7,0)+IF('Standard Profiles'!$G$20=$B$17,14,0)+IF('Standard Profiles'!$G$20=$B$24,21,0),MOD($C662,24)+1)/SUM(INDEX($D$3:$AA$30,INDEX(Jesper!$R$2:$R$366,ROW(INDEX(Jesper!AJ$2:AJ$366,ROUNDDOWN($C662/24,0)+1,1))-1)+IF('Standard Profiles'!$G$20=$B$10,7,0)+IF('Standard Profiles'!$G$20=$B$17,14,0)+IF('Standard Profiles'!$G$20=$B$24,21,0),0)),0)</f>
        <v>0</v>
      </c>
      <c r="G662" cm="1">
        <f t="array" ref="G662">IFERROR(INDEX(Jesper!AK$2:AK$366,ROUNDDOWN($C662/24,0)+1,1)*INDEX($D$3:$AA$30,INDEX(Jesper!$R$2:$R$366,ROW(INDEX(Jesper!AK$2:AK$366,ROUNDDOWN($C662/24,0)+1,1))-1)+IF('Standard Profiles'!$G$21=$B$10,7,0)+IF('Standard Profiles'!$G$21=$B$17,14,0)+IF('Standard Profiles'!$G$21=$B$24,21,0),MOD($C662,24)+1)/SUM(INDEX($D$3:$AA$30,INDEX(Jesper!$R$2:$R$366,ROW(INDEX(Jesper!AK$2:AK$366,ROUNDDOWN($C662/24,0)+1,1))-1)+IF('Standard Profiles'!$G$21=$B$10,7,0)+IF('Standard Profiles'!$G$21=$B$17,14,0)+IF('Standard Profiles'!$G$21=$B$24,21,0),0)),0)</f>
        <v>12.047805456555221</v>
      </c>
      <c r="H662" cm="1">
        <f t="array" ref="H662">IFERROR(INDEX(Jesper!AL$2:AL$366,ROUNDDOWN($C662/24,0)+1,1)*INDEX($D$3:$AA$30,INDEX(Jesper!$R$2:$R$366,ROW(INDEX(Jesper!AL$2:AL$366,ROUNDDOWN($C662/24,0)+1,1))-1)+IF('Standard Profiles'!$G$22=$B$10,7,0)+IF('Standard Profiles'!$G$22=$B$17,14,0)+IF('Standard Profiles'!$G$22=$B$24,21,0),MOD($C662,24)+1)/SUM(INDEX($D$3:$AA$30,INDEX(Jesper!$R$2:$R$366,ROW(INDEX(Jesper!AL$2:AL$366,ROUNDDOWN($C662/24,0)+1,1))-1)+IF('Standard Profiles'!$G$22=$B$10,7,0)+IF('Standard Profiles'!$G$22=$B$17,14,0)+IF('Standard Profiles'!$G$22=$B$24,21,0),0)),0)</f>
        <v>0</v>
      </c>
      <c r="I662">
        <f t="shared" si="83"/>
        <v>5.7829466191465029</v>
      </c>
      <c r="J662">
        <f t="shared" si="84"/>
        <v>19.163169266932542</v>
      </c>
      <c r="K662">
        <f t="shared" si="85"/>
        <v>0.63106946212929016</v>
      </c>
      <c r="L662">
        <f t="shared" si="86"/>
        <v>0.31553473106464508</v>
      </c>
      <c r="M662">
        <f t="shared" si="87"/>
        <v>0</v>
      </c>
      <c r="N662" s="45">
        <f t="shared" si="88"/>
        <v>44953.166666665144</v>
      </c>
    </row>
    <row r="663" spans="2:14" x14ac:dyDescent="0.25">
      <c r="B663">
        <f t="shared" si="82"/>
        <v>5</v>
      </c>
      <c r="C663" s="16">
        <v>629</v>
      </c>
      <c r="D663" cm="1">
        <f t="array" ref="D663">IFERROR(INDEX(Jesper!AH$2:AH$366,ROUNDDOWN($C663/24,0)+1,1)*INDEX($D$3:$AA$30,INDEX(Jesper!$R$2:$R$366,ROW(INDEX(Jesper!AH$2:AH$366,ROUNDDOWN($C663/24,0)+1,1))-1)+IF('Standard Profiles'!$G$18=$B$10,7,0)+IF('Standard Profiles'!$G$18=$B$17,14,0)+IF('Standard Profiles'!$G$18=$B$24,21,0),MOD($C663,24)+1)/SUM(INDEX($D$3:$AA$30,INDEX(Jesper!$R$2:$R$366,ROW(INDEX(Jesper!AH$2:AH$366,ROUNDDOWN($C663/24,0)+1,1))-1)+IF('Standard Profiles'!$G$18=$B$10,7,0)+IF('Standard Profiles'!$G$18=$B$17,14,0)+IF('Standard Profiles'!$G$18=$B$24,21,0),0)),0)</f>
        <v>5.9162762074620945</v>
      </c>
      <c r="E663" cm="1">
        <f t="array" ref="E663">IFERROR(INDEX(Jesper!AI$2:AI$366,ROUNDDOWN($C663/24,0)+1,1)*INDEX($D$3:$AA$30,INDEX(Jesper!$R$2:$R$366,ROW(INDEX(Jesper!AI$2:AI$366,ROUNDDOWN($C663/24,0)+1,1))-1)+IF('Standard Profiles'!$G$19=$B$10,7,0)+IF('Standard Profiles'!$G$19=$B$17,14,0)+IF('Standard Profiles'!$G$19=$B$24,21,0),MOD($C663,24)+1)/SUM(INDEX($D$3:$AA$30,INDEX(Jesper!$R$2:$R$366,ROW(INDEX(Jesper!AI$2:AI$366,ROUNDDOWN($C663/24,0)+1,1))-1)+IF('Standard Profiles'!$G$19=$B$10,7,0)+IF('Standard Profiles'!$G$19=$B$17,14,0)+IF('Standard Profiles'!$G$19=$B$24,21,0),0)),0)</f>
        <v>7.9286384152556648</v>
      </c>
      <c r="F663" cm="1">
        <f t="array" ref="F663">IFERROR(INDEX(Jesper!AJ$2:AJ$366,ROUNDDOWN($C663/24,0)+1,1)*INDEX($D$3:$AA$30,INDEX(Jesper!$R$2:$R$366,ROW(INDEX(Jesper!AJ$2:AJ$366,ROUNDDOWN($C663/24,0)+1,1))-1)+IF('Standard Profiles'!$G$20=$B$10,7,0)+IF('Standard Profiles'!$G$20=$B$17,14,0)+IF('Standard Profiles'!$G$20=$B$24,21,0),MOD($C663,24)+1)/SUM(INDEX($D$3:$AA$30,INDEX(Jesper!$R$2:$R$366,ROW(INDEX(Jesper!AJ$2:AJ$366,ROUNDDOWN($C663/24,0)+1,1))-1)+IF('Standard Profiles'!$G$20=$B$10,7,0)+IF('Standard Profiles'!$G$20=$B$17,14,0)+IF('Standard Profiles'!$G$20=$B$24,21,0),0)),0)</f>
        <v>0</v>
      </c>
      <c r="G663" cm="1">
        <f t="array" ref="G663">IFERROR(INDEX(Jesper!AK$2:AK$366,ROUNDDOWN($C663/24,0)+1,1)*INDEX($D$3:$AA$30,INDEX(Jesper!$R$2:$R$366,ROW(INDEX(Jesper!AK$2:AK$366,ROUNDDOWN($C663/24,0)+1,1))-1)+IF('Standard Profiles'!$G$21=$B$10,7,0)+IF('Standard Profiles'!$G$21=$B$17,14,0)+IF('Standard Profiles'!$G$21=$B$24,21,0),MOD($C663,24)+1)/SUM(INDEX($D$3:$AA$30,INDEX(Jesper!$R$2:$R$366,ROW(INDEX(Jesper!AK$2:AK$366,ROUNDDOWN($C663/24,0)+1,1))-1)+IF('Standard Profiles'!$G$21=$B$10,7,0)+IF('Standard Profiles'!$G$21=$B$17,14,0)+IF('Standard Profiles'!$G$21=$B$24,21,0),0)),0)</f>
        <v>12.047805456555221</v>
      </c>
      <c r="H663" cm="1">
        <f t="array" ref="H663">IFERROR(INDEX(Jesper!AL$2:AL$366,ROUNDDOWN($C663/24,0)+1,1)*INDEX($D$3:$AA$30,INDEX(Jesper!$R$2:$R$366,ROW(INDEX(Jesper!AL$2:AL$366,ROUNDDOWN($C663/24,0)+1,1))-1)+IF('Standard Profiles'!$G$22=$B$10,7,0)+IF('Standard Profiles'!$G$22=$B$17,14,0)+IF('Standard Profiles'!$G$22=$B$24,21,0),MOD($C663,24)+1)/SUM(INDEX($D$3:$AA$30,INDEX(Jesper!$R$2:$R$366,ROW(INDEX(Jesper!AL$2:AL$366,ROUNDDOWN($C663/24,0)+1,1))-1)+IF('Standard Profiles'!$G$22=$B$10,7,0)+IF('Standard Profiles'!$G$22=$B$17,14,0)+IF('Standard Profiles'!$G$22=$B$24,21,0),0)),0)</f>
        <v>0</v>
      </c>
      <c r="I663">
        <f t="shared" si="83"/>
        <v>5.7829466191465029</v>
      </c>
      <c r="J663">
        <f t="shared" si="84"/>
        <v>19.163169266932542</v>
      </c>
      <c r="K663">
        <f t="shared" si="85"/>
        <v>0.63106946212929016</v>
      </c>
      <c r="L663">
        <f t="shared" si="86"/>
        <v>0.31553473106464508</v>
      </c>
      <c r="M663">
        <f t="shared" si="87"/>
        <v>0</v>
      </c>
      <c r="N663" s="45">
        <f t="shared" si="88"/>
        <v>44953.208333331808</v>
      </c>
    </row>
    <row r="664" spans="2:14" x14ac:dyDescent="0.25">
      <c r="B664">
        <f t="shared" si="82"/>
        <v>5</v>
      </c>
      <c r="C664" s="16">
        <v>630</v>
      </c>
      <c r="D664" cm="1">
        <f t="array" ref="D664">IFERROR(INDEX(Jesper!AH$2:AH$366,ROUNDDOWN($C664/24,0)+1,1)*INDEX($D$3:$AA$30,INDEX(Jesper!$R$2:$R$366,ROW(INDEX(Jesper!AH$2:AH$366,ROUNDDOWN($C664/24,0)+1,1))-1)+IF('Standard Profiles'!$G$18=$B$10,7,0)+IF('Standard Profiles'!$G$18=$B$17,14,0)+IF('Standard Profiles'!$G$18=$B$24,21,0),MOD($C664,24)+1)/SUM(INDEX($D$3:$AA$30,INDEX(Jesper!$R$2:$R$366,ROW(INDEX(Jesper!AH$2:AH$366,ROUNDDOWN($C664/24,0)+1,1))-1)+IF('Standard Profiles'!$G$18=$B$10,7,0)+IF('Standard Profiles'!$G$18=$B$17,14,0)+IF('Standard Profiles'!$G$18=$B$24,21,0),0)),0)</f>
        <v>5.9162762074620945</v>
      </c>
      <c r="E664" cm="1">
        <f t="array" ref="E664">IFERROR(INDEX(Jesper!AI$2:AI$366,ROUNDDOWN($C664/24,0)+1,1)*INDEX($D$3:$AA$30,INDEX(Jesper!$R$2:$R$366,ROW(INDEX(Jesper!AI$2:AI$366,ROUNDDOWN($C664/24,0)+1,1))-1)+IF('Standard Profiles'!$G$19=$B$10,7,0)+IF('Standard Profiles'!$G$19=$B$17,14,0)+IF('Standard Profiles'!$G$19=$B$24,21,0),MOD($C664,24)+1)/SUM(INDEX($D$3:$AA$30,INDEX(Jesper!$R$2:$R$366,ROW(INDEX(Jesper!AI$2:AI$366,ROUNDDOWN($C664/24,0)+1,1))-1)+IF('Standard Profiles'!$G$19=$B$10,7,0)+IF('Standard Profiles'!$G$19=$B$17,14,0)+IF('Standard Profiles'!$G$19=$B$24,21,0),0)),0)</f>
        <v>7.9286384152556648</v>
      </c>
      <c r="F664" cm="1">
        <f t="array" ref="F664">IFERROR(INDEX(Jesper!AJ$2:AJ$366,ROUNDDOWN($C664/24,0)+1,1)*INDEX($D$3:$AA$30,INDEX(Jesper!$R$2:$R$366,ROW(INDEX(Jesper!AJ$2:AJ$366,ROUNDDOWN($C664/24,0)+1,1))-1)+IF('Standard Profiles'!$G$20=$B$10,7,0)+IF('Standard Profiles'!$G$20=$B$17,14,0)+IF('Standard Profiles'!$G$20=$B$24,21,0),MOD($C664,24)+1)/SUM(INDEX($D$3:$AA$30,INDEX(Jesper!$R$2:$R$366,ROW(INDEX(Jesper!AJ$2:AJ$366,ROUNDDOWN($C664/24,0)+1,1))-1)+IF('Standard Profiles'!$G$20=$B$10,7,0)+IF('Standard Profiles'!$G$20=$B$17,14,0)+IF('Standard Profiles'!$G$20=$B$24,21,0),0)),0)</f>
        <v>0</v>
      </c>
      <c r="G664" cm="1">
        <f t="array" ref="G664">IFERROR(INDEX(Jesper!AK$2:AK$366,ROUNDDOWN($C664/24,0)+1,1)*INDEX($D$3:$AA$30,INDEX(Jesper!$R$2:$R$366,ROW(INDEX(Jesper!AK$2:AK$366,ROUNDDOWN($C664/24,0)+1,1))-1)+IF('Standard Profiles'!$G$21=$B$10,7,0)+IF('Standard Profiles'!$G$21=$B$17,14,0)+IF('Standard Profiles'!$G$21=$B$24,21,0),MOD($C664,24)+1)/SUM(INDEX($D$3:$AA$30,INDEX(Jesper!$R$2:$R$366,ROW(INDEX(Jesper!AK$2:AK$366,ROUNDDOWN($C664/24,0)+1,1))-1)+IF('Standard Profiles'!$G$21=$B$10,7,0)+IF('Standard Profiles'!$G$21=$B$17,14,0)+IF('Standard Profiles'!$G$21=$B$24,21,0),0)),0)</f>
        <v>12.047805456555221</v>
      </c>
      <c r="H664" cm="1">
        <f t="array" ref="H664">IFERROR(INDEX(Jesper!AL$2:AL$366,ROUNDDOWN($C664/24,0)+1,1)*INDEX($D$3:$AA$30,INDEX(Jesper!$R$2:$R$366,ROW(INDEX(Jesper!AL$2:AL$366,ROUNDDOWN($C664/24,0)+1,1))-1)+IF('Standard Profiles'!$G$22=$B$10,7,0)+IF('Standard Profiles'!$G$22=$B$17,14,0)+IF('Standard Profiles'!$G$22=$B$24,21,0),MOD($C664,24)+1)/SUM(INDEX($D$3:$AA$30,INDEX(Jesper!$R$2:$R$366,ROW(INDEX(Jesper!AL$2:AL$366,ROUNDDOWN($C664/24,0)+1,1))-1)+IF('Standard Profiles'!$G$22=$B$10,7,0)+IF('Standard Profiles'!$G$22=$B$17,14,0)+IF('Standard Profiles'!$G$22=$B$24,21,0),0)),0)</f>
        <v>0</v>
      </c>
      <c r="I664">
        <f t="shared" si="83"/>
        <v>5.7829466191465029</v>
      </c>
      <c r="J664">
        <f t="shared" si="84"/>
        <v>19.163169266932542</v>
      </c>
      <c r="K664">
        <f t="shared" si="85"/>
        <v>0.63106946212929016</v>
      </c>
      <c r="L664">
        <f t="shared" si="86"/>
        <v>0.31553473106464508</v>
      </c>
      <c r="M664">
        <f t="shared" si="87"/>
        <v>0</v>
      </c>
      <c r="N664" s="45">
        <f t="shared" si="88"/>
        <v>44953.249999998472</v>
      </c>
    </row>
    <row r="665" spans="2:14" x14ac:dyDescent="0.25">
      <c r="B665">
        <f t="shared" si="82"/>
        <v>5</v>
      </c>
      <c r="C665" s="16">
        <v>631</v>
      </c>
      <c r="D665" cm="1">
        <f t="array" ref="D665">IFERROR(INDEX(Jesper!AH$2:AH$366,ROUNDDOWN($C665/24,0)+1,1)*INDEX($D$3:$AA$30,INDEX(Jesper!$R$2:$R$366,ROW(INDEX(Jesper!AH$2:AH$366,ROUNDDOWN($C665/24,0)+1,1))-1)+IF('Standard Profiles'!$G$18=$B$10,7,0)+IF('Standard Profiles'!$G$18=$B$17,14,0)+IF('Standard Profiles'!$G$18=$B$24,21,0),MOD($C665,24)+1)/SUM(INDEX($D$3:$AA$30,INDEX(Jesper!$R$2:$R$366,ROW(INDEX(Jesper!AH$2:AH$366,ROUNDDOWN($C665/24,0)+1,1))-1)+IF('Standard Profiles'!$G$18=$B$10,7,0)+IF('Standard Profiles'!$G$18=$B$17,14,0)+IF('Standard Profiles'!$G$18=$B$24,21,0),0)),0)</f>
        <v>25.203336643788521</v>
      </c>
      <c r="E665" cm="1">
        <f t="array" ref="E665">IFERROR(INDEX(Jesper!AI$2:AI$366,ROUNDDOWN($C665/24,0)+1,1)*INDEX($D$3:$AA$30,INDEX(Jesper!$R$2:$R$366,ROW(INDEX(Jesper!AI$2:AI$366,ROUNDDOWN($C665/24,0)+1,1))-1)+IF('Standard Profiles'!$G$19=$B$10,7,0)+IF('Standard Profiles'!$G$19=$B$17,14,0)+IF('Standard Profiles'!$G$19=$B$24,21,0),MOD($C665,24)+1)/SUM(INDEX($D$3:$AA$30,INDEX(Jesper!$R$2:$R$366,ROW(INDEX(Jesper!AI$2:AI$366,ROUNDDOWN($C665/24,0)+1,1))-1)+IF('Standard Profiles'!$G$19=$B$10,7,0)+IF('Standard Profiles'!$G$19=$B$17,14,0)+IF('Standard Profiles'!$G$19=$B$24,21,0),0)),0)</f>
        <v>33.775999648989135</v>
      </c>
      <c r="F665" cm="1">
        <f t="array" ref="F665">IFERROR(INDEX(Jesper!AJ$2:AJ$366,ROUNDDOWN($C665/24,0)+1,1)*INDEX($D$3:$AA$30,INDEX(Jesper!$R$2:$R$366,ROW(INDEX(Jesper!AJ$2:AJ$366,ROUNDDOWN($C665/24,0)+1,1))-1)+IF('Standard Profiles'!$G$20=$B$10,7,0)+IF('Standard Profiles'!$G$20=$B$17,14,0)+IF('Standard Profiles'!$G$20=$B$24,21,0),MOD($C665,24)+1)/SUM(INDEX($D$3:$AA$30,INDEX(Jesper!$R$2:$R$366,ROW(INDEX(Jesper!AJ$2:AJ$366,ROUNDDOWN($C665/24,0)+1,1))-1)+IF('Standard Profiles'!$G$20=$B$10,7,0)+IF('Standard Profiles'!$G$20=$B$17,14,0)+IF('Standard Profiles'!$G$20=$B$24,21,0),0)),0)</f>
        <v>0</v>
      </c>
      <c r="G665" cm="1">
        <f t="array" ref="G665">IFERROR(INDEX(Jesper!AK$2:AK$366,ROUNDDOWN($C665/24,0)+1,1)*INDEX($D$3:$AA$30,INDEX(Jesper!$R$2:$R$366,ROW(INDEX(Jesper!AK$2:AK$366,ROUNDDOWN($C665/24,0)+1,1))-1)+IF('Standard Profiles'!$G$21=$B$10,7,0)+IF('Standard Profiles'!$G$21=$B$17,14,0)+IF('Standard Profiles'!$G$21=$B$24,21,0),MOD($C665,24)+1)/SUM(INDEX($D$3:$AA$30,INDEX(Jesper!$R$2:$R$366,ROW(INDEX(Jesper!AK$2:AK$366,ROUNDDOWN($C665/24,0)+1,1))-1)+IF('Standard Profiles'!$G$21=$B$10,7,0)+IF('Standard Profiles'!$G$21=$B$17,14,0)+IF('Standard Profiles'!$G$21=$B$24,21,0),0)),0)</f>
        <v>32.645666398407691</v>
      </c>
      <c r="H665" cm="1">
        <f t="array" ref="H665">IFERROR(INDEX(Jesper!AL$2:AL$366,ROUNDDOWN($C665/24,0)+1,1)*INDEX($D$3:$AA$30,INDEX(Jesper!$R$2:$R$366,ROW(INDEX(Jesper!AL$2:AL$366,ROUNDDOWN($C665/24,0)+1,1))-1)+IF('Standard Profiles'!$G$22=$B$10,7,0)+IF('Standard Profiles'!$G$22=$B$17,14,0)+IF('Standard Profiles'!$G$22=$B$24,21,0),MOD($C665,24)+1)/SUM(INDEX($D$3:$AA$30,INDEX(Jesper!$R$2:$R$366,ROW(INDEX(Jesper!AL$2:AL$366,ROUNDDOWN($C665/24,0)+1,1))-1)+IF('Standard Profiles'!$G$22=$B$10,7,0)+IF('Standard Profiles'!$G$22=$B$17,14,0)+IF('Standard Profiles'!$G$22=$B$24,21,0),0)),0)</f>
        <v>0</v>
      </c>
      <c r="I665">
        <f t="shared" si="83"/>
        <v>15.669919871235685</v>
      </c>
      <c r="J665">
        <f t="shared" si="84"/>
        <v>71.922548956943501</v>
      </c>
      <c r="K665">
        <f t="shared" si="85"/>
        <v>2.6883559086707756</v>
      </c>
      <c r="L665">
        <f t="shared" si="86"/>
        <v>1.3441779543353878</v>
      </c>
      <c r="M665">
        <f t="shared" si="87"/>
        <v>0</v>
      </c>
      <c r="N665" s="45">
        <f t="shared" si="88"/>
        <v>44953.291666665136</v>
      </c>
    </row>
    <row r="666" spans="2:14" x14ac:dyDescent="0.25">
      <c r="B666">
        <f t="shared" si="82"/>
        <v>5</v>
      </c>
      <c r="C666" s="16">
        <v>632</v>
      </c>
      <c r="D666" cm="1">
        <f t="array" ref="D666">IFERROR(INDEX(Jesper!AH$2:AH$366,ROUNDDOWN($C666/24,0)+1,1)*INDEX($D$3:$AA$30,INDEX(Jesper!$R$2:$R$366,ROW(INDEX(Jesper!AH$2:AH$366,ROUNDDOWN($C666/24,0)+1,1))-1)+IF('Standard Profiles'!$G$18=$B$10,7,0)+IF('Standard Profiles'!$G$18=$B$17,14,0)+IF('Standard Profiles'!$G$18=$B$24,21,0),MOD($C666,24)+1)/SUM(INDEX($D$3:$AA$30,INDEX(Jesper!$R$2:$R$366,ROW(INDEX(Jesper!AH$2:AH$366,ROUNDDOWN($C666/24,0)+1,1))-1)+IF('Standard Profiles'!$G$18=$B$10,7,0)+IF('Standard Profiles'!$G$18=$B$17,14,0)+IF('Standard Profiles'!$G$18=$B$24,21,0),0)),0)</f>
        <v>31.504170804735651</v>
      </c>
      <c r="E666" cm="1">
        <f t="array" ref="E666">IFERROR(INDEX(Jesper!AI$2:AI$366,ROUNDDOWN($C666/24,0)+1,1)*INDEX($D$3:$AA$30,INDEX(Jesper!$R$2:$R$366,ROW(INDEX(Jesper!AI$2:AI$366,ROUNDDOWN($C666/24,0)+1,1))-1)+IF('Standard Profiles'!$G$19=$B$10,7,0)+IF('Standard Profiles'!$G$19=$B$17,14,0)+IF('Standard Profiles'!$G$19=$B$24,21,0),MOD($C666,24)+1)/SUM(INDEX($D$3:$AA$30,INDEX(Jesper!$R$2:$R$366,ROW(INDEX(Jesper!AI$2:AI$366,ROUNDDOWN($C666/24,0)+1,1))-1)+IF('Standard Profiles'!$G$19=$B$10,7,0)+IF('Standard Profiles'!$G$19=$B$17,14,0)+IF('Standard Profiles'!$G$19=$B$24,21,0),0)),0)</f>
        <v>42.219999561236413</v>
      </c>
      <c r="F666" cm="1">
        <f t="array" ref="F666">IFERROR(INDEX(Jesper!AJ$2:AJ$366,ROUNDDOWN($C666/24,0)+1,1)*INDEX($D$3:$AA$30,INDEX(Jesper!$R$2:$R$366,ROW(INDEX(Jesper!AJ$2:AJ$366,ROUNDDOWN($C666/24,0)+1,1))-1)+IF('Standard Profiles'!$G$20=$B$10,7,0)+IF('Standard Profiles'!$G$20=$B$17,14,0)+IF('Standard Profiles'!$G$20=$B$24,21,0),MOD($C666,24)+1)/SUM(INDEX($D$3:$AA$30,INDEX(Jesper!$R$2:$R$366,ROW(INDEX(Jesper!AJ$2:AJ$366,ROUNDDOWN($C666/24,0)+1,1))-1)+IF('Standard Profiles'!$G$20=$B$10,7,0)+IF('Standard Profiles'!$G$20=$B$17,14,0)+IF('Standard Profiles'!$G$20=$B$24,21,0),0)),0)</f>
        <v>0</v>
      </c>
      <c r="G666" cm="1">
        <f t="array" ref="G666">IFERROR(INDEX(Jesper!AK$2:AK$366,ROUNDDOWN($C666/24,0)+1,1)*INDEX($D$3:$AA$30,INDEX(Jesper!$R$2:$R$366,ROW(INDEX(Jesper!AK$2:AK$366,ROUNDDOWN($C666/24,0)+1,1))-1)+IF('Standard Profiles'!$G$21=$B$10,7,0)+IF('Standard Profiles'!$G$21=$B$17,14,0)+IF('Standard Profiles'!$G$21=$B$24,21,0),MOD($C666,24)+1)/SUM(INDEX($D$3:$AA$30,INDEX(Jesper!$R$2:$R$366,ROW(INDEX(Jesper!AK$2:AK$366,ROUNDDOWN($C666/24,0)+1,1))-1)+IF('Standard Profiles'!$G$21=$B$10,7,0)+IF('Standard Profiles'!$G$21=$B$17,14,0)+IF('Standard Profiles'!$G$21=$B$24,21,0),0)),0)</f>
        <v>40.807082998009619</v>
      </c>
      <c r="H666" cm="1">
        <f t="array" ref="H666">IFERROR(INDEX(Jesper!AL$2:AL$366,ROUNDDOWN($C666/24,0)+1,1)*INDEX($D$3:$AA$30,INDEX(Jesper!$R$2:$R$366,ROW(INDEX(Jesper!AL$2:AL$366,ROUNDDOWN($C666/24,0)+1,1))-1)+IF('Standard Profiles'!$G$22=$B$10,7,0)+IF('Standard Profiles'!$G$22=$B$17,14,0)+IF('Standard Profiles'!$G$22=$B$24,21,0),MOD($C666,24)+1)/SUM(INDEX($D$3:$AA$30,INDEX(Jesper!$R$2:$R$366,ROW(INDEX(Jesper!AL$2:AL$366,ROUNDDOWN($C666/24,0)+1,1))-1)+IF('Standard Profiles'!$G$22=$B$10,7,0)+IF('Standard Profiles'!$G$22=$B$17,14,0)+IF('Standard Profiles'!$G$22=$B$24,21,0),0)),0)</f>
        <v>0</v>
      </c>
      <c r="I666">
        <f t="shared" si="83"/>
        <v>19.587399839044608</v>
      </c>
      <c r="J666">
        <f t="shared" si="84"/>
        <v>89.903186196179377</v>
      </c>
      <c r="K666">
        <f t="shared" si="85"/>
        <v>3.3604448858384695</v>
      </c>
      <c r="L666">
        <f t="shared" si="86"/>
        <v>1.6802224429192347</v>
      </c>
      <c r="M666">
        <f t="shared" si="87"/>
        <v>0</v>
      </c>
      <c r="N666" s="45">
        <f t="shared" si="88"/>
        <v>44953.333333331801</v>
      </c>
    </row>
    <row r="667" spans="2:14" x14ac:dyDescent="0.25">
      <c r="B667">
        <f t="shared" si="82"/>
        <v>5</v>
      </c>
      <c r="C667" s="16">
        <v>633</v>
      </c>
      <c r="D667" cm="1">
        <f t="array" ref="D667">IFERROR(INDEX(Jesper!AH$2:AH$366,ROUNDDOWN($C667/24,0)+1,1)*INDEX($D$3:$AA$30,INDEX(Jesper!$R$2:$R$366,ROW(INDEX(Jesper!AH$2:AH$366,ROUNDDOWN($C667/24,0)+1,1))-1)+IF('Standard Profiles'!$G$18=$B$10,7,0)+IF('Standard Profiles'!$G$18=$B$17,14,0)+IF('Standard Profiles'!$G$18=$B$24,21,0),MOD($C667,24)+1)/SUM(INDEX($D$3:$AA$30,INDEX(Jesper!$R$2:$R$366,ROW(INDEX(Jesper!AH$2:AH$366,ROUNDDOWN($C667/24,0)+1,1))-1)+IF('Standard Profiles'!$G$18=$B$10,7,0)+IF('Standard Profiles'!$G$18=$B$17,14,0)+IF('Standard Profiles'!$G$18=$B$24,21,0),0)),0)</f>
        <v>34.65458788520921</v>
      </c>
      <c r="E667" cm="1">
        <f t="array" ref="E667">IFERROR(INDEX(Jesper!AI$2:AI$366,ROUNDDOWN($C667/24,0)+1,1)*INDEX($D$3:$AA$30,INDEX(Jesper!$R$2:$R$366,ROW(INDEX(Jesper!AI$2:AI$366,ROUNDDOWN($C667/24,0)+1,1))-1)+IF('Standard Profiles'!$G$19=$B$10,7,0)+IF('Standard Profiles'!$G$19=$B$17,14,0)+IF('Standard Profiles'!$G$19=$B$24,21,0),MOD($C667,24)+1)/SUM(INDEX($D$3:$AA$30,INDEX(Jesper!$R$2:$R$366,ROW(INDEX(Jesper!AI$2:AI$366,ROUNDDOWN($C667/24,0)+1,1))-1)+IF('Standard Profiles'!$G$19=$B$10,7,0)+IF('Standard Profiles'!$G$19=$B$17,14,0)+IF('Standard Profiles'!$G$19=$B$24,21,0),0)),0)</f>
        <v>46.441999517360053</v>
      </c>
      <c r="F667" cm="1">
        <f t="array" ref="F667">IFERROR(INDEX(Jesper!AJ$2:AJ$366,ROUNDDOWN($C667/24,0)+1,1)*INDEX($D$3:$AA$30,INDEX(Jesper!$R$2:$R$366,ROW(INDEX(Jesper!AJ$2:AJ$366,ROUNDDOWN($C667/24,0)+1,1))-1)+IF('Standard Profiles'!$G$20=$B$10,7,0)+IF('Standard Profiles'!$G$20=$B$17,14,0)+IF('Standard Profiles'!$G$20=$B$24,21,0),MOD($C667,24)+1)/SUM(INDEX($D$3:$AA$30,INDEX(Jesper!$R$2:$R$366,ROW(INDEX(Jesper!AJ$2:AJ$366,ROUNDDOWN($C667/24,0)+1,1))-1)+IF('Standard Profiles'!$G$20=$B$10,7,0)+IF('Standard Profiles'!$G$20=$B$17,14,0)+IF('Standard Profiles'!$G$20=$B$24,21,0),0)),0)</f>
        <v>0</v>
      </c>
      <c r="G667" cm="1">
        <f t="array" ref="G667">IFERROR(INDEX(Jesper!AK$2:AK$366,ROUNDDOWN($C667/24,0)+1,1)*INDEX($D$3:$AA$30,INDEX(Jesper!$R$2:$R$366,ROW(INDEX(Jesper!AK$2:AK$366,ROUNDDOWN($C667/24,0)+1,1))-1)+IF('Standard Profiles'!$G$21=$B$10,7,0)+IF('Standard Profiles'!$G$21=$B$17,14,0)+IF('Standard Profiles'!$G$21=$B$24,21,0),MOD($C667,24)+1)/SUM(INDEX($D$3:$AA$30,INDEX(Jesper!$R$2:$R$366,ROW(INDEX(Jesper!AK$2:AK$366,ROUNDDOWN($C667/24,0)+1,1))-1)+IF('Standard Profiles'!$G$21=$B$10,7,0)+IF('Standard Profiles'!$G$21=$B$17,14,0)+IF('Standard Profiles'!$G$21=$B$24,21,0),0)),0)</f>
        <v>44.88779129781058</v>
      </c>
      <c r="H667" cm="1">
        <f t="array" ref="H667">IFERROR(INDEX(Jesper!AL$2:AL$366,ROUNDDOWN($C667/24,0)+1,1)*INDEX($D$3:$AA$30,INDEX(Jesper!$R$2:$R$366,ROW(INDEX(Jesper!AL$2:AL$366,ROUNDDOWN($C667/24,0)+1,1))-1)+IF('Standard Profiles'!$G$22=$B$10,7,0)+IF('Standard Profiles'!$G$22=$B$17,14,0)+IF('Standard Profiles'!$G$22=$B$24,21,0),MOD($C667,24)+1)/SUM(INDEX($D$3:$AA$30,INDEX(Jesper!$R$2:$R$366,ROW(INDEX(Jesper!AL$2:AL$366,ROUNDDOWN($C667/24,0)+1,1))-1)+IF('Standard Profiles'!$G$22=$B$10,7,0)+IF('Standard Profiles'!$G$22=$B$17,14,0)+IF('Standard Profiles'!$G$22=$B$24,21,0),0)),0)</f>
        <v>0</v>
      </c>
      <c r="I667">
        <f t="shared" si="83"/>
        <v>21.546139822949069</v>
      </c>
      <c r="J667">
        <f t="shared" si="84"/>
        <v>98.8935048157973</v>
      </c>
      <c r="K667">
        <f t="shared" si="85"/>
        <v>3.696489374422316</v>
      </c>
      <c r="L667">
        <f t="shared" si="86"/>
        <v>1.848244687211158</v>
      </c>
      <c r="M667">
        <f t="shared" si="87"/>
        <v>0</v>
      </c>
      <c r="N667" s="45">
        <f t="shared" si="88"/>
        <v>44953.374999998465</v>
      </c>
    </row>
    <row r="668" spans="2:14" x14ac:dyDescent="0.25">
      <c r="B668">
        <f t="shared" si="82"/>
        <v>5</v>
      </c>
      <c r="C668" s="16">
        <v>634</v>
      </c>
      <c r="D668" cm="1">
        <f t="array" ref="D668">IFERROR(INDEX(Jesper!AH$2:AH$366,ROUNDDOWN($C668/24,0)+1,1)*INDEX($D$3:$AA$30,INDEX(Jesper!$R$2:$R$366,ROW(INDEX(Jesper!AH$2:AH$366,ROUNDDOWN($C668/24,0)+1,1))-1)+IF('Standard Profiles'!$G$18=$B$10,7,0)+IF('Standard Profiles'!$G$18=$B$17,14,0)+IF('Standard Profiles'!$G$18=$B$24,21,0),MOD($C668,24)+1)/SUM(INDEX($D$3:$AA$30,INDEX(Jesper!$R$2:$R$366,ROW(INDEX(Jesper!AH$2:AH$366,ROUNDDOWN($C668/24,0)+1,1))-1)+IF('Standard Profiles'!$G$18=$B$10,7,0)+IF('Standard Profiles'!$G$18=$B$17,14,0)+IF('Standard Profiles'!$G$18=$B$24,21,0),0)),0)</f>
        <v>34.65458788520921</v>
      </c>
      <c r="E668" cm="1">
        <f t="array" ref="E668">IFERROR(INDEX(Jesper!AI$2:AI$366,ROUNDDOWN($C668/24,0)+1,1)*INDEX($D$3:$AA$30,INDEX(Jesper!$R$2:$R$366,ROW(INDEX(Jesper!AI$2:AI$366,ROUNDDOWN($C668/24,0)+1,1))-1)+IF('Standard Profiles'!$G$19=$B$10,7,0)+IF('Standard Profiles'!$G$19=$B$17,14,0)+IF('Standard Profiles'!$G$19=$B$24,21,0),MOD($C668,24)+1)/SUM(INDEX($D$3:$AA$30,INDEX(Jesper!$R$2:$R$366,ROW(INDEX(Jesper!AI$2:AI$366,ROUNDDOWN($C668/24,0)+1,1))-1)+IF('Standard Profiles'!$G$19=$B$10,7,0)+IF('Standard Profiles'!$G$19=$B$17,14,0)+IF('Standard Profiles'!$G$19=$B$24,21,0),0)),0)</f>
        <v>46.441999517360053</v>
      </c>
      <c r="F668" cm="1">
        <f t="array" ref="F668">IFERROR(INDEX(Jesper!AJ$2:AJ$366,ROUNDDOWN($C668/24,0)+1,1)*INDEX($D$3:$AA$30,INDEX(Jesper!$R$2:$R$366,ROW(INDEX(Jesper!AJ$2:AJ$366,ROUNDDOWN($C668/24,0)+1,1))-1)+IF('Standard Profiles'!$G$20=$B$10,7,0)+IF('Standard Profiles'!$G$20=$B$17,14,0)+IF('Standard Profiles'!$G$20=$B$24,21,0),MOD($C668,24)+1)/SUM(INDEX($D$3:$AA$30,INDEX(Jesper!$R$2:$R$366,ROW(INDEX(Jesper!AJ$2:AJ$366,ROUNDDOWN($C668/24,0)+1,1))-1)+IF('Standard Profiles'!$G$20=$B$10,7,0)+IF('Standard Profiles'!$G$20=$B$17,14,0)+IF('Standard Profiles'!$G$20=$B$24,21,0),0)),0)</f>
        <v>0</v>
      </c>
      <c r="G668" cm="1">
        <f t="array" ref="G668">IFERROR(INDEX(Jesper!AK$2:AK$366,ROUNDDOWN($C668/24,0)+1,1)*INDEX($D$3:$AA$30,INDEX(Jesper!$R$2:$R$366,ROW(INDEX(Jesper!AK$2:AK$366,ROUNDDOWN($C668/24,0)+1,1))-1)+IF('Standard Profiles'!$G$21=$B$10,7,0)+IF('Standard Profiles'!$G$21=$B$17,14,0)+IF('Standard Profiles'!$G$21=$B$24,21,0),MOD($C668,24)+1)/SUM(INDEX($D$3:$AA$30,INDEX(Jesper!$R$2:$R$366,ROW(INDEX(Jesper!AK$2:AK$366,ROUNDDOWN($C668/24,0)+1,1))-1)+IF('Standard Profiles'!$G$21=$B$10,7,0)+IF('Standard Profiles'!$G$21=$B$17,14,0)+IF('Standard Profiles'!$G$21=$B$24,21,0),0)),0)</f>
        <v>44.88779129781058</v>
      </c>
      <c r="H668" cm="1">
        <f t="array" ref="H668">IFERROR(INDEX(Jesper!AL$2:AL$366,ROUNDDOWN($C668/24,0)+1,1)*INDEX($D$3:$AA$30,INDEX(Jesper!$R$2:$R$366,ROW(INDEX(Jesper!AL$2:AL$366,ROUNDDOWN($C668/24,0)+1,1))-1)+IF('Standard Profiles'!$G$22=$B$10,7,0)+IF('Standard Profiles'!$G$22=$B$17,14,0)+IF('Standard Profiles'!$G$22=$B$24,21,0),MOD($C668,24)+1)/SUM(INDEX($D$3:$AA$30,INDEX(Jesper!$R$2:$R$366,ROW(INDEX(Jesper!AL$2:AL$366,ROUNDDOWN($C668/24,0)+1,1))-1)+IF('Standard Profiles'!$G$22=$B$10,7,0)+IF('Standard Profiles'!$G$22=$B$17,14,0)+IF('Standard Profiles'!$G$22=$B$24,21,0),0)),0)</f>
        <v>0</v>
      </c>
      <c r="I668">
        <f t="shared" si="83"/>
        <v>21.546139822949069</v>
      </c>
      <c r="J668">
        <f t="shared" si="84"/>
        <v>98.8935048157973</v>
      </c>
      <c r="K668">
        <f t="shared" si="85"/>
        <v>3.696489374422316</v>
      </c>
      <c r="L668">
        <f t="shared" si="86"/>
        <v>1.848244687211158</v>
      </c>
      <c r="M668">
        <f t="shared" si="87"/>
        <v>0</v>
      </c>
      <c r="N668" s="45">
        <f t="shared" si="88"/>
        <v>44953.416666665129</v>
      </c>
    </row>
    <row r="669" spans="2:14" x14ac:dyDescent="0.25">
      <c r="B669">
        <f t="shared" si="82"/>
        <v>5</v>
      </c>
      <c r="C669" s="16">
        <v>635</v>
      </c>
      <c r="D669" cm="1">
        <f t="array" ref="D669">IFERROR(INDEX(Jesper!AH$2:AH$366,ROUNDDOWN($C669/24,0)+1,1)*INDEX($D$3:$AA$30,INDEX(Jesper!$R$2:$R$366,ROW(INDEX(Jesper!AH$2:AH$366,ROUNDDOWN($C669/24,0)+1,1))-1)+IF('Standard Profiles'!$G$18=$B$10,7,0)+IF('Standard Profiles'!$G$18=$B$17,14,0)+IF('Standard Profiles'!$G$18=$B$24,21,0),MOD($C669,24)+1)/SUM(INDEX($D$3:$AA$30,INDEX(Jesper!$R$2:$R$366,ROW(INDEX(Jesper!AH$2:AH$366,ROUNDDOWN($C669/24,0)+1,1))-1)+IF('Standard Profiles'!$G$18=$B$10,7,0)+IF('Standard Profiles'!$G$18=$B$17,14,0)+IF('Standard Profiles'!$G$18=$B$24,21,0),0)),0)</f>
        <v>40.95542204615635</v>
      </c>
      <c r="E669" cm="1">
        <f t="array" ref="E669">IFERROR(INDEX(Jesper!AI$2:AI$366,ROUNDDOWN($C669/24,0)+1,1)*INDEX($D$3:$AA$30,INDEX(Jesper!$R$2:$R$366,ROW(INDEX(Jesper!AI$2:AI$366,ROUNDDOWN($C669/24,0)+1,1))-1)+IF('Standard Profiles'!$G$19=$B$10,7,0)+IF('Standard Profiles'!$G$19=$B$17,14,0)+IF('Standard Profiles'!$G$19=$B$24,21,0),MOD($C669,24)+1)/SUM(INDEX($D$3:$AA$30,INDEX(Jesper!$R$2:$R$366,ROW(INDEX(Jesper!AI$2:AI$366,ROUNDDOWN($C669/24,0)+1,1))-1)+IF('Standard Profiles'!$G$19=$B$10,7,0)+IF('Standard Profiles'!$G$19=$B$17,14,0)+IF('Standard Profiles'!$G$19=$B$24,21,0),0)),0)</f>
        <v>54.885999429607345</v>
      </c>
      <c r="F669" cm="1">
        <f t="array" ref="F669">IFERROR(INDEX(Jesper!AJ$2:AJ$366,ROUNDDOWN($C669/24,0)+1,1)*INDEX($D$3:$AA$30,INDEX(Jesper!$R$2:$R$366,ROW(INDEX(Jesper!AJ$2:AJ$366,ROUNDDOWN($C669/24,0)+1,1))-1)+IF('Standard Profiles'!$G$20=$B$10,7,0)+IF('Standard Profiles'!$G$20=$B$17,14,0)+IF('Standard Profiles'!$G$20=$B$24,21,0),MOD($C669,24)+1)/SUM(INDEX($D$3:$AA$30,INDEX(Jesper!$R$2:$R$366,ROW(INDEX(Jesper!AJ$2:AJ$366,ROUNDDOWN($C669/24,0)+1,1))-1)+IF('Standard Profiles'!$G$20=$B$10,7,0)+IF('Standard Profiles'!$G$20=$B$17,14,0)+IF('Standard Profiles'!$G$20=$B$24,21,0),0)),0)</f>
        <v>0</v>
      </c>
      <c r="G669" cm="1">
        <f t="array" ref="G669">IFERROR(INDEX(Jesper!AK$2:AK$366,ROUNDDOWN($C669/24,0)+1,1)*INDEX($D$3:$AA$30,INDEX(Jesper!$R$2:$R$366,ROW(INDEX(Jesper!AK$2:AK$366,ROUNDDOWN($C669/24,0)+1,1))-1)+IF('Standard Profiles'!$G$21=$B$10,7,0)+IF('Standard Profiles'!$G$21=$B$17,14,0)+IF('Standard Profiles'!$G$21=$B$24,21,0),MOD($C669,24)+1)/SUM(INDEX($D$3:$AA$30,INDEX(Jesper!$R$2:$R$366,ROW(INDEX(Jesper!AK$2:AK$366,ROUNDDOWN($C669/24,0)+1,1))-1)+IF('Standard Profiles'!$G$21=$B$10,7,0)+IF('Standard Profiles'!$G$21=$B$17,14,0)+IF('Standard Profiles'!$G$21=$B$24,21,0),0)),0)</f>
        <v>53.049207897412501</v>
      </c>
      <c r="H669" cm="1">
        <f t="array" ref="H669">IFERROR(INDEX(Jesper!AL$2:AL$366,ROUNDDOWN($C669/24,0)+1,1)*INDEX($D$3:$AA$30,INDEX(Jesper!$R$2:$R$366,ROW(INDEX(Jesper!AL$2:AL$366,ROUNDDOWN($C669/24,0)+1,1))-1)+IF('Standard Profiles'!$G$22=$B$10,7,0)+IF('Standard Profiles'!$G$22=$B$17,14,0)+IF('Standard Profiles'!$G$22=$B$24,21,0),MOD($C669,24)+1)/SUM(INDEX($D$3:$AA$30,INDEX(Jesper!$R$2:$R$366,ROW(INDEX(Jesper!AL$2:AL$366,ROUNDDOWN($C669/24,0)+1,1))-1)+IF('Standard Profiles'!$G$22=$B$10,7,0)+IF('Standard Profiles'!$G$22=$B$17,14,0)+IF('Standard Profiles'!$G$22=$B$24,21,0),0)),0)</f>
        <v>0</v>
      </c>
      <c r="I669">
        <f t="shared" si="83"/>
        <v>25.463619790757988</v>
      </c>
      <c r="J669">
        <f t="shared" si="84"/>
        <v>116.87414205503319</v>
      </c>
      <c r="K669">
        <f t="shared" si="85"/>
        <v>4.3685783515900107</v>
      </c>
      <c r="L669">
        <f t="shared" si="86"/>
        <v>2.1842891757950054</v>
      </c>
      <c r="M669">
        <f t="shared" si="87"/>
        <v>0</v>
      </c>
      <c r="N669" s="45">
        <f t="shared" si="88"/>
        <v>44953.458333331793</v>
      </c>
    </row>
    <row r="670" spans="2:14" x14ac:dyDescent="0.25">
      <c r="B670">
        <f t="shared" si="82"/>
        <v>5</v>
      </c>
      <c r="C670" s="16">
        <v>636</v>
      </c>
      <c r="D670" cm="1">
        <f t="array" ref="D670">IFERROR(INDEX(Jesper!AH$2:AH$366,ROUNDDOWN($C670/24,0)+1,1)*INDEX($D$3:$AA$30,INDEX(Jesper!$R$2:$R$366,ROW(INDEX(Jesper!AH$2:AH$366,ROUNDDOWN($C670/24,0)+1,1))-1)+IF('Standard Profiles'!$G$18=$B$10,7,0)+IF('Standard Profiles'!$G$18=$B$17,14,0)+IF('Standard Profiles'!$G$18=$B$24,21,0),MOD($C670,24)+1)/SUM(INDEX($D$3:$AA$30,INDEX(Jesper!$R$2:$R$366,ROW(INDEX(Jesper!AH$2:AH$366,ROUNDDOWN($C670/24,0)+1,1))-1)+IF('Standard Profiles'!$G$18=$B$10,7,0)+IF('Standard Profiles'!$G$18=$B$17,14,0)+IF('Standard Profiles'!$G$18=$B$24,21,0),0)),0)</f>
        <v>40.95542204615635</v>
      </c>
      <c r="E670" cm="1">
        <f t="array" ref="E670">IFERROR(INDEX(Jesper!AI$2:AI$366,ROUNDDOWN($C670/24,0)+1,1)*INDEX($D$3:$AA$30,INDEX(Jesper!$R$2:$R$366,ROW(INDEX(Jesper!AI$2:AI$366,ROUNDDOWN($C670/24,0)+1,1))-1)+IF('Standard Profiles'!$G$19=$B$10,7,0)+IF('Standard Profiles'!$G$19=$B$17,14,0)+IF('Standard Profiles'!$G$19=$B$24,21,0),MOD($C670,24)+1)/SUM(INDEX($D$3:$AA$30,INDEX(Jesper!$R$2:$R$366,ROW(INDEX(Jesper!AI$2:AI$366,ROUNDDOWN($C670/24,0)+1,1))-1)+IF('Standard Profiles'!$G$19=$B$10,7,0)+IF('Standard Profiles'!$G$19=$B$17,14,0)+IF('Standard Profiles'!$G$19=$B$24,21,0),0)),0)</f>
        <v>54.885999429607345</v>
      </c>
      <c r="F670" cm="1">
        <f t="array" ref="F670">IFERROR(INDEX(Jesper!AJ$2:AJ$366,ROUNDDOWN($C670/24,0)+1,1)*INDEX($D$3:$AA$30,INDEX(Jesper!$R$2:$R$366,ROW(INDEX(Jesper!AJ$2:AJ$366,ROUNDDOWN($C670/24,0)+1,1))-1)+IF('Standard Profiles'!$G$20=$B$10,7,0)+IF('Standard Profiles'!$G$20=$B$17,14,0)+IF('Standard Profiles'!$G$20=$B$24,21,0),MOD($C670,24)+1)/SUM(INDEX($D$3:$AA$30,INDEX(Jesper!$R$2:$R$366,ROW(INDEX(Jesper!AJ$2:AJ$366,ROUNDDOWN($C670/24,0)+1,1))-1)+IF('Standard Profiles'!$G$20=$B$10,7,0)+IF('Standard Profiles'!$G$20=$B$17,14,0)+IF('Standard Profiles'!$G$20=$B$24,21,0),0)),0)</f>
        <v>0</v>
      </c>
      <c r="G670" cm="1">
        <f t="array" ref="G670">IFERROR(INDEX(Jesper!AK$2:AK$366,ROUNDDOWN($C670/24,0)+1,1)*INDEX($D$3:$AA$30,INDEX(Jesper!$R$2:$R$366,ROW(INDEX(Jesper!AK$2:AK$366,ROUNDDOWN($C670/24,0)+1,1))-1)+IF('Standard Profiles'!$G$21=$B$10,7,0)+IF('Standard Profiles'!$G$21=$B$17,14,0)+IF('Standard Profiles'!$G$21=$B$24,21,0),MOD($C670,24)+1)/SUM(INDEX($D$3:$AA$30,INDEX(Jesper!$R$2:$R$366,ROW(INDEX(Jesper!AK$2:AK$366,ROUNDDOWN($C670/24,0)+1,1))-1)+IF('Standard Profiles'!$G$21=$B$10,7,0)+IF('Standard Profiles'!$G$21=$B$17,14,0)+IF('Standard Profiles'!$G$21=$B$24,21,0),0)),0)</f>
        <v>53.049207897412501</v>
      </c>
      <c r="H670" cm="1">
        <f t="array" ref="H670">IFERROR(INDEX(Jesper!AL$2:AL$366,ROUNDDOWN($C670/24,0)+1,1)*INDEX($D$3:$AA$30,INDEX(Jesper!$R$2:$R$366,ROW(INDEX(Jesper!AL$2:AL$366,ROUNDDOWN($C670/24,0)+1,1))-1)+IF('Standard Profiles'!$G$22=$B$10,7,0)+IF('Standard Profiles'!$G$22=$B$17,14,0)+IF('Standard Profiles'!$G$22=$B$24,21,0),MOD($C670,24)+1)/SUM(INDEX($D$3:$AA$30,INDEX(Jesper!$R$2:$R$366,ROW(INDEX(Jesper!AL$2:AL$366,ROUNDDOWN($C670/24,0)+1,1))-1)+IF('Standard Profiles'!$G$22=$B$10,7,0)+IF('Standard Profiles'!$G$22=$B$17,14,0)+IF('Standard Profiles'!$G$22=$B$24,21,0),0)),0)</f>
        <v>0</v>
      </c>
      <c r="I670">
        <f t="shared" si="83"/>
        <v>25.463619790757988</v>
      </c>
      <c r="J670">
        <f t="shared" si="84"/>
        <v>116.87414205503319</v>
      </c>
      <c r="K670">
        <f t="shared" si="85"/>
        <v>4.3685783515900107</v>
      </c>
      <c r="L670">
        <f t="shared" si="86"/>
        <v>2.1842891757950054</v>
      </c>
      <c r="M670">
        <f t="shared" si="87"/>
        <v>0</v>
      </c>
      <c r="N670" s="45">
        <f t="shared" si="88"/>
        <v>44953.499999998457</v>
      </c>
    </row>
    <row r="671" spans="2:14" x14ac:dyDescent="0.25">
      <c r="B671">
        <f t="shared" si="82"/>
        <v>5</v>
      </c>
      <c r="C671" s="16">
        <v>637</v>
      </c>
      <c r="D671" cm="1">
        <f t="array" ref="D671">IFERROR(INDEX(Jesper!AH$2:AH$366,ROUNDDOWN($C671/24,0)+1,1)*INDEX($D$3:$AA$30,INDEX(Jesper!$R$2:$R$366,ROW(INDEX(Jesper!AH$2:AH$366,ROUNDDOWN($C671/24,0)+1,1))-1)+IF('Standard Profiles'!$G$18=$B$10,7,0)+IF('Standard Profiles'!$G$18=$B$17,14,0)+IF('Standard Profiles'!$G$18=$B$24,21,0),MOD($C671,24)+1)/SUM(INDEX($D$3:$AA$30,INDEX(Jesper!$R$2:$R$366,ROW(INDEX(Jesper!AH$2:AH$366,ROUNDDOWN($C671/24,0)+1,1))-1)+IF('Standard Profiles'!$G$18=$B$10,7,0)+IF('Standard Profiles'!$G$18=$B$17,14,0)+IF('Standard Profiles'!$G$18=$B$24,21,0),0)),0)</f>
        <v>28.353753724262084</v>
      </c>
      <c r="E671" cm="1">
        <f t="array" ref="E671">IFERROR(INDEX(Jesper!AI$2:AI$366,ROUNDDOWN($C671/24,0)+1,1)*INDEX($D$3:$AA$30,INDEX(Jesper!$R$2:$R$366,ROW(INDEX(Jesper!AI$2:AI$366,ROUNDDOWN($C671/24,0)+1,1))-1)+IF('Standard Profiles'!$G$19=$B$10,7,0)+IF('Standard Profiles'!$G$19=$B$17,14,0)+IF('Standard Profiles'!$G$19=$B$24,21,0),MOD($C671,24)+1)/SUM(INDEX($D$3:$AA$30,INDEX(Jesper!$R$2:$R$366,ROW(INDEX(Jesper!AI$2:AI$366,ROUNDDOWN($C671/24,0)+1,1))-1)+IF('Standard Profiles'!$G$19=$B$10,7,0)+IF('Standard Profiles'!$G$19=$B$17,14,0)+IF('Standard Profiles'!$G$19=$B$24,21,0),0)),0)</f>
        <v>37.997999605112774</v>
      </c>
      <c r="F671" cm="1">
        <f t="array" ref="F671">IFERROR(INDEX(Jesper!AJ$2:AJ$366,ROUNDDOWN($C671/24,0)+1,1)*INDEX($D$3:$AA$30,INDEX(Jesper!$R$2:$R$366,ROW(INDEX(Jesper!AJ$2:AJ$366,ROUNDDOWN($C671/24,0)+1,1))-1)+IF('Standard Profiles'!$G$20=$B$10,7,0)+IF('Standard Profiles'!$G$20=$B$17,14,0)+IF('Standard Profiles'!$G$20=$B$24,21,0),MOD($C671,24)+1)/SUM(INDEX($D$3:$AA$30,INDEX(Jesper!$R$2:$R$366,ROW(INDEX(Jesper!AJ$2:AJ$366,ROUNDDOWN($C671/24,0)+1,1))-1)+IF('Standard Profiles'!$G$20=$B$10,7,0)+IF('Standard Profiles'!$G$20=$B$17,14,0)+IF('Standard Profiles'!$G$20=$B$24,21,0),0)),0)</f>
        <v>0</v>
      </c>
      <c r="G671" cm="1">
        <f t="array" ref="G671">IFERROR(INDEX(Jesper!AK$2:AK$366,ROUNDDOWN($C671/24,0)+1,1)*INDEX($D$3:$AA$30,INDEX(Jesper!$R$2:$R$366,ROW(INDEX(Jesper!AK$2:AK$366,ROUNDDOWN($C671/24,0)+1,1))-1)+IF('Standard Profiles'!$G$21=$B$10,7,0)+IF('Standard Profiles'!$G$21=$B$17,14,0)+IF('Standard Profiles'!$G$21=$B$24,21,0),MOD($C671,24)+1)/SUM(INDEX($D$3:$AA$30,INDEX(Jesper!$R$2:$R$366,ROW(INDEX(Jesper!AK$2:AK$366,ROUNDDOWN($C671/24,0)+1,1))-1)+IF('Standard Profiles'!$G$21=$B$10,7,0)+IF('Standard Profiles'!$G$21=$B$17,14,0)+IF('Standard Profiles'!$G$21=$B$24,21,0),0)),0)</f>
        <v>36.726374698208659</v>
      </c>
      <c r="H671" cm="1">
        <f t="array" ref="H671">IFERROR(INDEX(Jesper!AL$2:AL$366,ROUNDDOWN($C671/24,0)+1,1)*INDEX($D$3:$AA$30,INDEX(Jesper!$R$2:$R$366,ROW(INDEX(Jesper!AL$2:AL$366,ROUNDDOWN($C671/24,0)+1,1))-1)+IF('Standard Profiles'!$G$22=$B$10,7,0)+IF('Standard Profiles'!$G$22=$B$17,14,0)+IF('Standard Profiles'!$G$22=$B$24,21,0),MOD($C671,24)+1)/SUM(INDEX($D$3:$AA$30,INDEX(Jesper!$R$2:$R$366,ROW(INDEX(Jesper!AL$2:AL$366,ROUNDDOWN($C671/24,0)+1,1))-1)+IF('Standard Profiles'!$G$22=$B$10,7,0)+IF('Standard Profiles'!$G$22=$B$17,14,0)+IF('Standard Profiles'!$G$22=$B$24,21,0),0)),0)</f>
        <v>0</v>
      </c>
      <c r="I671">
        <f t="shared" si="83"/>
        <v>17.628659855140146</v>
      </c>
      <c r="J671">
        <f t="shared" si="84"/>
        <v>80.912867576561439</v>
      </c>
      <c r="K671">
        <f t="shared" si="85"/>
        <v>3.0244003972546225</v>
      </c>
      <c r="L671">
        <f t="shared" si="86"/>
        <v>1.5122001986273113</v>
      </c>
      <c r="M671">
        <f t="shared" si="87"/>
        <v>0</v>
      </c>
      <c r="N671" s="45">
        <f t="shared" si="88"/>
        <v>44953.541666665122</v>
      </c>
    </row>
    <row r="672" spans="2:14" x14ac:dyDescent="0.25">
      <c r="B672">
        <f t="shared" si="82"/>
        <v>5</v>
      </c>
      <c r="C672" s="16">
        <v>638</v>
      </c>
      <c r="D672" cm="1">
        <f t="array" ref="D672">IFERROR(INDEX(Jesper!AH$2:AH$366,ROUNDDOWN($C672/24,0)+1,1)*INDEX($D$3:$AA$30,INDEX(Jesper!$R$2:$R$366,ROW(INDEX(Jesper!AH$2:AH$366,ROUNDDOWN($C672/24,0)+1,1))-1)+IF('Standard Profiles'!$G$18=$B$10,7,0)+IF('Standard Profiles'!$G$18=$B$17,14,0)+IF('Standard Profiles'!$G$18=$B$24,21,0),MOD($C672,24)+1)/SUM(INDEX($D$3:$AA$30,INDEX(Jesper!$R$2:$R$366,ROW(INDEX(Jesper!AH$2:AH$366,ROUNDDOWN($C672/24,0)+1,1))-1)+IF('Standard Profiles'!$G$18=$B$10,7,0)+IF('Standard Profiles'!$G$18=$B$17,14,0)+IF('Standard Profiles'!$G$18=$B$24,21,0),0)),0)</f>
        <v>40.95542204615635</v>
      </c>
      <c r="E672" cm="1">
        <f t="array" ref="E672">IFERROR(INDEX(Jesper!AI$2:AI$366,ROUNDDOWN($C672/24,0)+1,1)*INDEX($D$3:$AA$30,INDEX(Jesper!$R$2:$R$366,ROW(INDEX(Jesper!AI$2:AI$366,ROUNDDOWN($C672/24,0)+1,1))-1)+IF('Standard Profiles'!$G$19=$B$10,7,0)+IF('Standard Profiles'!$G$19=$B$17,14,0)+IF('Standard Profiles'!$G$19=$B$24,21,0),MOD($C672,24)+1)/SUM(INDEX($D$3:$AA$30,INDEX(Jesper!$R$2:$R$366,ROW(INDEX(Jesper!AI$2:AI$366,ROUNDDOWN($C672/24,0)+1,1))-1)+IF('Standard Profiles'!$G$19=$B$10,7,0)+IF('Standard Profiles'!$G$19=$B$17,14,0)+IF('Standard Profiles'!$G$19=$B$24,21,0),0)),0)</f>
        <v>54.885999429607345</v>
      </c>
      <c r="F672" cm="1">
        <f t="array" ref="F672">IFERROR(INDEX(Jesper!AJ$2:AJ$366,ROUNDDOWN($C672/24,0)+1,1)*INDEX($D$3:$AA$30,INDEX(Jesper!$R$2:$R$366,ROW(INDEX(Jesper!AJ$2:AJ$366,ROUNDDOWN($C672/24,0)+1,1))-1)+IF('Standard Profiles'!$G$20=$B$10,7,0)+IF('Standard Profiles'!$G$20=$B$17,14,0)+IF('Standard Profiles'!$G$20=$B$24,21,0),MOD($C672,24)+1)/SUM(INDEX($D$3:$AA$30,INDEX(Jesper!$R$2:$R$366,ROW(INDEX(Jesper!AJ$2:AJ$366,ROUNDDOWN($C672/24,0)+1,1))-1)+IF('Standard Profiles'!$G$20=$B$10,7,0)+IF('Standard Profiles'!$G$20=$B$17,14,0)+IF('Standard Profiles'!$G$20=$B$24,21,0),0)),0)</f>
        <v>0</v>
      </c>
      <c r="G672" cm="1">
        <f t="array" ref="G672">IFERROR(INDEX(Jesper!AK$2:AK$366,ROUNDDOWN($C672/24,0)+1,1)*INDEX($D$3:$AA$30,INDEX(Jesper!$R$2:$R$366,ROW(INDEX(Jesper!AK$2:AK$366,ROUNDDOWN($C672/24,0)+1,1))-1)+IF('Standard Profiles'!$G$21=$B$10,7,0)+IF('Standard Profiles'!$G$21=$B$17,14,0)+IF('Standard Profiles'!$G$21=$B$24,21,0),MOD($C672,24)+1)/SUM(INDEX($D$3:$AA$30,INDEX(Jesper!$R$2:$R$366,ROW(INDEX(Jesper!AK$2:AK$366,ROUNDDOWN($C672/24,0)+1,1))-1)+IF('Standard Profiles'!$G$21=$B$10,7,0)+IF('Standard Profiles'!$G$21=$B$17,14,0)+IF('Standard Profiles'!$G$21=$B$24,21,0),0)),0)</f>
        <v>53.049207897412501</v>
      </c>
      <c r="H672" cm="1">
        <f t="array" ref="H672">IFERROR(INDEX(Jesper!AL$2:AL$366,ROUNDDOWN($C672/24,0)+1,1)*INDEX($D$3:$AA$30,INDEX(Jesper!$R$2:$R$366,ROW(INDEX(Jesper!AL$2:AL$366,ROUNDDOWN($C672/24,0)+1,1))-1)+IF('Standard Profiles'!$G$22=$B$10,7,0)+IF('Standard Profiles'!$G$22=$B$17,14,0)+IF('Standard Profiles'!$G$22=$B$24,21,0),MOD($C672,24)+1)/SUM(INDEX($D$3:$AA$30,INDEX(Jesper!$R$2:$R$366,ROW(INDEX(Jesper!AL$2:AL$366,ROUNDDOWN($C672/24,0)+1,1))-1)+IF('Standard Profiles'!$G$22=$B$10,7,0)+IF('Standard Profiles'!$G$22=$B$17,14,0)+IF('Standard Profiles'!$G$22=$B$24,21,0),0)),0)</f>
        <v>0</v>
      </c>
      <c r="I672">
        <f t="shared" si="83"/>
        <v>25.463619790757988</v>
      </c>
      <c r="J672">
        <f t="shared" si="84"/>
        <v>116.87414205503319</v>
      </c>
      <c r="K672">
        <f t="shared" si="85"/>
        <v>4.3685783515900107</v>
      </c>
      <c r="L672">
        <f t="shared" si="86"/>
        <v>2.1842891757950054</v>
      </c>
      <c r="M672">
        <f t="shared" si="87"/>
        <v>0</v>
      </c>
      <c r="N672" s="45">
        <f t="shared" si="88"/>
        <v>44953.583333331786</v>
      </c>
    </row>
    <row r="673" spans="2:14" x14ac:dyDescent="0.25">
      <c r="B673">
        <f t="shared" si="82"/>
        <v>5</v>
      </c>
      <c r="C673" s="16">
        <v>639</v>
      </c>
      <c r="D673" cm="1">
        <f t="array" ref="D673">IFERROR(INDEX(Jesper!AH$2:AH$366,ROUNDDOWN($C673/24,0)+1,1)*INDEX($D$3:$AA$30,INDEX(Jesper!$R$2:$R$366,ROW(INDEX(Jesper!AH$2:AH$366,ROUNDDOWN($C673/24,0)+1,1))-1)+IF('Standard Profiles'!$G$18=$B$10,7,0)+IF('Standard Profiles'!$G$18=$B$17,14,0)+IF('Standard Profiles'!$G$18=$B$24,21,0),MOD($C673,24)+1)/SUM(INDEX($D$3:$AA$30,INDEX(Jesper!$R$2:$R$366,ROW(INDEX(Jesper!AH$2:AH$366,ROUNDDOWN($C673/24,0)+1,1))-1)+IF('Standard Profiles'!$G$18=$B$10,7,0)+IF('Standard Profiles'!$G$18=$B$17,14,0)+IF('Standard Profiles'!$G$18=$B$24,21,0),0)),0)</f>
        <v>31.504170804735651</v>
      </c>
      <c r="E673" cm="1">
        <f t="array" ref="E673">IFERROR(INDEX(Jesper!AI$2:AI$366,ROUNDDOWN($C673/24,0)+1,1)*INDEX($D$3:$AA$30,INDEX(Jesper!$R$2:$R$366,ROW(INDEX(Jesper!AI$2:AI$366,ROUNDDOWN($C673/24,0)+1,1))-1)+IF('Standard Profiles'!$G$19=$B$10,7,0)+IF('Standard Profiles'!$G$19=$B$17,14,0)+IF('Standard Profiles'!$G$19=$B$24,21,0),MOD($C673,24)+1)/SUM(INDEX($D$3:$AA$30,INDEX(Jesper!$R$2:$R$366,ROW(INDEX(Jesper!AI$2:AI$366,ROUNDDOWN($C673/24,0)+1,1))-1)+IF('Standard Profiles'!$G$19=$B$10,7,0)+IF('Standard Profiles'!$G$19=$B$17,14,0)+IF('Standard Profiles'!$G$19=$B$24,21,0),0)),0)</f>
        <v>42.219999561236413</v>
      </c>
      <c r="F673" cm="1">
        <f t="array" ref="F673">IFERROR(INDEX(Jesper!AJ$2:AJ$366,ROUNDDOWN($C673/24,0)+1,1)*INDEX($D$3:$AA$30,INDEX(Jesper!$R$2:$R$366,ROW(INDEX(Jesper!AJ$2:AJ$366,ROUNDDOWN($C673/24,0)+1,1))-1)+IF('Standard Profiles'!$G$20=$B$10,7,0)+IF('Standard Profiles'!$G$20=$B$17,14,0)+IF('Standard Profiles'!$G$20=$B$24,21,0),MOD($C673,24)+1)/SUM(INDEX($D$3:$AA$30,INDEX(Jesper!$R$2:$R$366,ROW(INDEX(Jesper!AJ$2:AJ$366,ROUNDDOWN($C673/24,0)+1,1))-1)+IF('Standard Profiles'!$G$20=$B$10,7,0)+IF('Standard Profiles'!$G$20=$B$17,14,0)+IF('Standard Profiles'!$G$20=$B$24,21,0),0)),0)</f>
        <v>0</v>
      </c>
      <c r="G673" cm="1">
        <f t="array" ref="G673">IFERROR(INDEX(Jesper!AK$2:AK$366,ROUNDDOWN($C673/24,0)+1,1)*INDEX($D$3:$AA$30,INDEX(Jesper!$R$2:$R$366,ROW(INDEX(Jesper!AK$2:AK$366,ROUNDDOWN($C673/24,0)+1,1))-1)+IF('Standard Profiles'!$G$21=$B$10,7,0)+IF('Standard Profiles'!$G$21=$B$17,14,0)+IF('Standard Profiles'!$G$21=$B$24,21,0),MOD($C673,24)+1)/SUM(INDEX($D$3:$AA$30,INDEX(Jesper!$R$2:$R$366,ROW(INDEX(Jesper!AK$2:AK$366,ROUNDDOWN($C673/24,0)+1,1))-1)+IF('Standard Profiles'!$G$21=$B$10,7,0)+IF('Standard Profiles'!$G$21=$B$17,14,0)+IF('Standard Profiles'!$G$21=$B$24,21,0),0)),0)</f>
        <v>44.88779129781058</v>
      </c>
      <c r="H673" cm="1">
        <f t="array" ref="H673">IFERROR(INDEX(Jesper!AL$2:AL$366,ROUNDDOWN($C673/24,0)+1,1)*INDEX($D$3:$AA$30,INDEX(Jesper!$R$2:$R$366,ROW(INDEX(Jesper!AL$2:AL$366,ROUNDDOWN($C673/24,0)+1,1))-1)+IF('Standard Profiles'!$G$22=$B$10,7,0)+IF('Standard Profiles'!$G$22=$B$17,14,0)+IF('Standard Profiles'!$G$22=$B$24,21,0),MOD($C673,24)+1)/SUM(INDEX($D$3:$AA$30,INDEX(Jesper!$R$2:$R$366,ROW(INDEX(Jesper!AL$2:AL$366,ROUNDDOWN($C673/24,0)+1,1))-1)+IF('Standard Profiles'!$G$22=$B$10,7,0)+IF('Standard Profiles'!$G$22=$B$17,14,0)+IF('Standard Profiles'!$G$22=$B$24,21,0),0)),0)</f>
        <v>0</v>
      </c>
      <c r="I673">
        <f t="shared" si="83"/>
        <v>21.546139822949069</v>
      </c>
      <c r="J673">
        <f t="shared" si="84"/>
        <v>92.025154512075872</v>
      </c>
      <c r="K673">
        <f t="shared" si="85"/>
        <v>3.3604448858384695</v>
      </c>
      <c r="L673">
        <f t="shared" si="86"/>
        <v>1.6802224429192347</v>
      </c>
      <c r="M673">
        <f t="shared" si="87"/>
        <v>0</v>
      </c>
      <c r="N673" s="45">
        <f t="shared" si="88"/>
        <v>44953.62499999845</v>
      </c>
    </row>
    <row r="674" spans="2:14" x14ac:dyDescent="0.25">
      <c r="B674">
        <f t="shared" si="82"/>
        <v>5</v>
      </c>
      <c r="C674" s="16">
        <v>640</v>
      </c>
      <c r="D674" cm="1">
        <f t="array" ref="D674">IFERROR(INDEX(Jesper!AH$2:AH$366,ROUNDDOWN($C674/24,0)+1,1)*INDEX($D$3:$AA$30,INDEX(Jesper!$R$2:$R$366,ROW(INDEX(Jesper!AH$2:AH$366,ROUNDDOWN($C674/24,0)+1,1))-1)+IF('Standard Profiles'!$G$18=$B$10,7,0)+IF('Standard Profiles'!$G$18=$B$17,14,0)+IF('Standard Profiles'!$G$18=$B$24,21,0),MOD($C674,24)+1)/SUM(INDEX($D$3:$AA$30,INDEX(Jesper!$R$2:$R$366,ROW(INDEX(Jesper!AH$2:AH$366,ROUNDDOWN($C674/24,0)+1,1))-1)+IF('Standard Profiles'!$G$18=$B$10,7,0)+IF('Standard Profiles'!$G$18=$B$17,14,0)+IF('Standard Profiles'!$G$18=$B$24,21,0),0)),0)</f>
        <v>14.790690518655236</v>
      </c>
      <c r="E674" cm="1">
        <f t="array" ref="E674">IFERROR(INDEX(Jesper!AI$2:AI$366,ROUNDDOWN($C674/24,0)+1,1)*INDEX($D$3:$AA$30,INDEX(Jesper!$R$2:$R$366,ROW(INDEX(Jesper!AI$2:AI$366,ROUNDDOWN($C674/24,0)+1,1))-1)+IF('Standard Profiles'!$G$19=$B$10,7,0)+IF('Standard Profiles'!$G$19=$B$17,14,0)+IF('Standard Profiles'!$G$19=$B$24,21,0),MOD($C674,24)+1)/SUM(INDEX($D$3:$AA$30,INDEX(Jesper!$R$2:$R$366,ROW(INDEX(Jesper!AI$2:AI$366,ROUNDDOWN($C674/24,0)+1,1))-1)+IF('Standard Profiles'!$G$19=$B$10,7,0)+IF('Standard Profiles'!$G$19=$B$17,14,0)+IF('Standard Profiles'!$G$19=$B$24,21,0),0)),0)</f>
        <v>19.821596038139162</v>
      </c>
      <c r="F674" cm="1">
        <f t="array" ref="F674">IFERROR(INDEX(Jesper!AJ$2:AJ$366,ROUNDDOWN($C674/24,0)+1,1)*INDEX($D$3:$AA$30,INDEX(Jesper!$R$2:$R$366,ROW(INDEX(Jesper!AJ$2:AJ$366,ROUNDDOWN($C674/24,0)+1,1))-1)+IF('Standard Profiles'!$G$20=$B$10,7,0)+IF('Standard Profiles'!$G$20=$B$17,14,0)+IF('Standard Profiles'!$G$20=$B$24,21,0),MOD($C674,24)+1)/SUM(INDEX($D$3:$AA$30,INDEX(Jesper!$R$2:$R$366,ROW(INDEX(Jesper!AJ$2:AJ$366,ROUNDDOWN($C674/24,0)+1,1))-1)+IF('Standard Profiles'!$G$20=$B$10,7,0)+IF('Standard Profiles'!$G$20=$B$17,14,0)+IF('Standard Profiles'!$G$20=$B$24,21,0),0)),0)</f>
        <v>0</v>
      </c>
      <c r="G674" cm="1">
        <f t="array" ref="G674">IFERROR(INDEX(Jesper!AK$2:AK$366,ROUNDDOWN($C674/24,0)+1,1)*INDEX($D$3:$AA$30,INDEX(Jesper!$R$2:$R$366,ROW(INDEX(Jesper!AK$2:AK$366,ROUNDDOWN($C674/24,0)+1,1))-1)+IF('Standard Profiles'!$G$21=$B$10,7,0)+IF('Standard Profiles'!$G$21=$B$17,14,0)+IF('Standard Profiles'!$G$21=$B$24,21,0),MOD($C674,24)+1)/SUM(INDEX($D$3:$AA$30,INDEX(Jesper!$R$2:$R$366,ROW(INDEX(Jesper!AK$2:AK$366,ROUNDDOWN($C674/24,0)+1,1))-1)+IF('Standard Profiles'!$G$21=$B$10,7,0)+IF('Standard Profiles'!$G$21=$B$17,14,0)+IF('Standard Profiles'!$G$21=$B$24,21,0),0)),0)</f>
        <v>38.863888569532975</v>
      </c>
      <c r="H674" cm="1">
        <f t="array" ref="H674">IFERROR(INDEX(Jesper!AL$2:AL$366,ROUNDDOWN($C674/24,0)+1,1)*INDEX($D$3:$AA$30,INDEX(Jesper!$R$2:$R$366,ROW(INDEX(Jesper!AL$2:AL$366,ROUNDDOWN($C674/24,0)+1,1))-1)+IF('Standard Profiles'!$G$22=$B$10,7,0)+IF('Standard Profiles'!$G$22=$B$17,14,0)+IF('Standard Profiles'!$G$22=$B$24,21,0),MOD($C674,24)+1)/SUM(INDEX($D$3:$AA$30,INDEX(Jesper!$R$2:$R$366,ROW(INDEX(Jesper!AL$2:AL$366,ROUNDDOWN($C674/24,0)+1,1))-1)+IF('Standard Profiles'!$G$22=$B$10,7,0)+IF('Standard Profiles'!$G$22=$B$17,14,0)+IF('Standard Profiles'!$G$22=$B$24,21,0),0)),0)</f>
        <v>0</v>
      </c>
      <c r="I674">
        <f t="shared" si="83"/>
        <v>18.654666513375819</v>
      </c>
      <c r="J674">
        <f t="shared" si="84"/>
        <v>52.454998129966711</v>
      </c>
      <c r="K674">
        <f t="shared" si="85"/>
        <v>1.5776736553232253</v>
      </c>
      <c r="L674">
        <f t="shared" si="86"/>
        <v>0.78883682766161267</v>
      </c>
      <c r="M674">
        <f t="shared" si="87"/>
        <v>0</v>
      </c>
      <c r="N674" s="45">
        <f t="shared" si="88"/>
        <v>44953.666666665114</v>
      </c>
    </row>
    <row r="675" spans="2:14" x14ac:dyDescent="0.25">
      <c r="B675">
        <f t="shared" ref="B675:B738" si="89">WEEKDAY(N675,2)</f>
        <v>5</v>
      </c>
      <c r="C675" s="16">
        <v>641</v>
      </c>
      <c r="D675" cm="1">
        <f t="array" ref="D675">IFERROR(INDEX(Jesper!AH$2:AH$366,ROUNDDOWN($C675/24,0)+1,1)*INDEX($D$3:$AA$30,INDEX(Jesper!$R$2:$R$366,ROW(INDEX(Jesper!AH$2:AH$366,ROUNDDOWN($C675/24,0)+1,1))-1)+IF('Standard Profiles'!$G$18=$B$10,7,0)+IF('Standard Profiles'!$G$18=$B$17,14,0)+IF('Standard Profiles'!$G$18=$B$24,21,0),MOD($C675,24)+1)/SUM(INDEX($D$3:$AA$30,INDEX(Jesper!$R$2:$R$366,ROW(INDEX(Jesper!AH$2:AH$366,ROUNDDOWN($C675/24,0)+1,1))-1)+IF('Standard Profiles'!$G$18=$B$10,7,0)+IF('Standard Profiles'!$G$18=$B$17,14,0)+IF('Standard Profiles'!$G$18=$B$24,21,0),0)),0)</f>
        <v>9.7618557423124557</v>
      </c>
      <c r="E675" cm="1">
        <f t="array" ref="E675">IFERROR(INDEX(Jesper!AI$2:AI$366,ROUNDDOWN($C675/24,0)+1,1)*INDEX($D$3:$AA$30,INDEX(Jesper!$R$2:$R$366,ROW(INDEX(Jesper!AI$2:AI$366,ROUNDDOWN($C675/24,0)+1,1))-1)+IF('Standard Profiles'!$G$19=$B$10,7,0)+IF('Standard Profiles'!$G$19=$B$17,14,0)+IF('Standard Profiles'!$G$19=$B$24,21,0),MOD($C675,24)+1)/SUM(INDEX($D$3:$AA$30,INDEX(Jesper!$R$2:$R$366,ROW(INDEX(Jesper!AI$2:AI$366,ROUNDDOWN($C675/24,0)+1,1))-1)+IF('Standard Profiles'!$G$19=$B$10,7,0)+IF('Standard Profiles'!$G$19=$B$17,14,0)+IF('Standard Profiles'!$G$19=$B$24,21,0),0)),0)</f>
        <v>13.082253385171848</v>
      </c>
      <c r="F675" cm="1">
        <f t="array" ref="F675">IFERROR(INDEX(Jesper!AJ$2:AJ$366,ROUNDDOWN($C675/24,0)+1,1)*INDEX($D$3:$AA$30,INDEX(Jesper!$R$2:$R$366,ROW(INDEX(Jesper!AJ$2:AJ$366,ROUNDDOWN($C675/24,0)+1,1))-1)+IF('Standard Profiles'!$G$20=$B$10,7,0)+IF('Standard Profiles'!$G$20=$B$17,14,0)+IF('Standard Profiles'!$G$20=$B$24,21,0),MOD($C675,24)+1)/SUM(INDEX($D$3:$AA$30,INDEX(Jesper!$R$2:$R$366,ROW(INDEX(Jesper!AJ$2:AJ$366,ROUNDDOWN($C675/24,0)+1,1))-1)+IF('Standard Profiles'!$G$20=$B$10,7,0)+IF('Standard Profiles'!$G$20=$B$17,14,0)+IF('Standard Profiles'!$G$20=$B$24,21,0),0)),0)</f>
        <v>0</v>
      </c>
      <c r="G675" cm="1">
        <f t="array" ref="G675">IFERROR(INDEX(Jesper!AK$2:AK$366,ROUNDDOWN($C675/24,0)+1,1)*INDEX($D$3:$AA$30,INDEX(Jesper!$R$2:$R$366,ROW(INDEX(Jesper!AK$2:AK$366,ROUNDDOWN($C675/24,0)+1,1))-1)+IF('Standard Profiles'!$G$21=$B$10,7,0)+IF('Standard Profiles'!$G$21=$B$17,14,0)+IF('Standard Profiles'!$G$21=$B$24,21,0),MOD($C675,24)+1)/SUM(INDEX($D$3:$AA$30,INDEX(Jesper!$R$2:$R$366,ROW(INDEX(Jesper!AK$2:AK$366,ROUNDDOWN($C675/24,0)+1,1))-1)+IF('Standard Profiles'!$G$21=$B$10,7,0)+IF('Standard Profiles'!$G$21=$B$17,14,0)+IF('Standard Profiles'!$G$21=$B$24,21,0),0)),0)</f>
        <v>32.645666398407691</v>
      </c>
      <c r="H675" cm="1">
        <f t="array" ref="H675">IFERROR(INDEX(Jesper!AL$2:AL$366,ROUNDDOWN($C675/24,0)+1,1)*INDEX($D$3:$AA$30,INDEX(Jesper!$R$2:$R$366,ROW(INDEX(Jesper!AL$2:AL$366,ROUNDDOWN($C675/24,0)+1,1))-1)+IF('Standard Profiles'!$G$22=$B$10,7,0)+IF('Standard Profiles'!$G$22=$B$17,14,0)+IF('Standard Profiles'!$G$22=$B$24,21,0),MOD($C675,24)+1)/SUM(INDEX($D$3:$AA$30,INDEX(Jesper!$R$2:$R$366,ROW(INDEX(Jesper!AL$2:AL$366,ROUNDDOWN($C675/24,0)+1,1))-1)+IF('Standard Profiles'!$G$22=$B$10,7,0)+IF('Standard Profiles'!$G$22=$B$17,14,0)+IF('Standard Profiles'!$G$22=$B$24,21,0),0)),0)</f>
        <v>0</v>
      </c>
      <c r="I675">
        <f t="shared" ref="I675:I738" si="90">IF($B675&lt;6,AC$37*$D675+AC$38*$E675+AC$39*$F675+AC$40*$G675,AC$46*$D675+AC$47*$E675+AC$48*$F675+AC$49*$G675+AC$50*$H675)</f>
        <v>15.669919871235685</v>
      </c>
      <c r="J675">
        <f t="shared" ref="J675:J738" si="91">IF($B675&lt;6,AD$37*$D675+AD$38*$E675+AD$39*$F675+AD$40*$G675,AD$46*$D675+AD$47*$E675+AD$48*$F675+AD$49*$G675+AD$50*$H675)</f>
        <v>38.257958735886319</v>
      </c>
      <c r="K675">
        <f t="shared" ref="K675:K738" si="92">IF($B675&lt;6,AE$37*$D675+AE$38*$E675+AE$39*$F675+AE$40*$G675,AE$46*$D675+AE$47*$E675+AE$48*$F675+AE$49*$G675+AE$50*$H675)</f>
        <v>1.0412646125133287</v>
      </c>
      <c r="L675">
        <f t="shared" ref="L675:L738" si="93">IF($B675&lt;6,AF$37*$D675+AF$38*$E675+AF$39*$F675+AF$40*$G675,AF$46*$D675+AF$47*$E675+AF$48*$F675+AF$49*$G675+AF$50*$H675)</f>
        <v>0.52063230625666435</v>
      </c>
      <c r="M675">
        <f t="shared" ref="M675:M738" si="94">IF($B675&lt;6,AG$37*$D675+AG$38*$E675+AG$39*$F675+AG$40*$G675,AG$46*$D675+AG$47*$E675+AG$48*$F675+AG$49*$G675+AG$50*$H675)</f>
        <v>0</v>
      </c>
      <c r="N675" s="45">
        <f t="shared" si="88"/>
        <v>44953.708333331779</v>
      </c>
    </row>
    <row r="676" spans="2:14" x14ac:dyDescent="0.25">
      <c r="B676">
        <f t="shared" si="89"/>
        <v>5</v>
      </c>
      <c r="C676" s="16">
        <v>642</v>
      </c>
      <c r="D676" cm="1">
        <f t="array" ref="D676">IFERROR(INDEX(Jesper!AH$2:AH$366,ROUNDDOWN($C676/24,0)+1,1)*INDEX($D$3:$AA$30,INDEX(Jesper!$R$2:$R$366,ROW(INDEX(Jesper!AH$2:AH$366,ROUNDDOWN($C676/24,0)+1,1))-1)+IF('Standard Profiles'!$G$18=$B$10,7,0)+IF('Standard Profiles'!$G$18=$B$17,14,0)+IF('Standard Profiles'!$G$18=$B$24,21,0),MOD($C676,24)+1)/SUM(INDEX($D$3:$AA$30,INDEX(Jesper!$R$2:$R$366,ROW(INDEX(Jesper!AH$2:AH$366,ROUNDDOWN($C676/24,0)+1,1))-1)+IF('Standard Profiles'!$G$18=$B$10,7,0)+IF('Standard Profiles'!$G$18=$B$17,14,0)+IF('Standard Profiles'!$G$18=$B$24,21,0),0)),0)</f>
        <v>6.212090017835199</v>
      </c>
      <c r="E676" cm="1">
        <f t="array" ref="E676">IFERROR(INDEX(Jesper!AI$2:AI$366,ROUNDDOWN($C676/24,0)+1,1)*INDEX($D$3:$AA$30,INDEX(Jesper!$R$2:$R$366,ROW(INDEX(Jesper!AI$2:AI$366,ROUNDDOWN($C676/24,0)+1,1))-1)+IF('Standard Profiles'!$G$19=$B$10,7,0)+IF('Standard Profiles'!$G$19=$B$17,14,0)+IF('Standard Profiles'!$G$19=$B$24,21,0),MOD($C676,24)+1)/SUM(INDEX($D$3:$AA$30,INDEX(Jesper!$R$2:$R$366,ROW(INDEX(Jesper!AI$2:AI$366,ROUNDDOWN($C676/24,0)+1,1))-1)+IF('Standard Profiles'!$G$19=$B$10,7,0)+IF('Standard Profiles'!$G$19=$B$17,14,0)+IF('Standard Profiles'!$G$19=$B$24,21,0),0)),0)</f>
        <v>8.325070336018447</v>
      </c>
      <c r="F676" cm="1">
        <f t="array" ref="F676">IFERROR(INDEX(Jesper!AJ$2:AJ$366,ROUNDDOWN($C676/24,0)+1,1)*INDEX($D$3:$AA$30,INDEX(Jesper!$R$2:$R$366,ROW(INDEX(Jesper!AJ$2:AJ$366,ROUNDDOWN($C676/24,0)+1,1))-1)+IF('Standard Profiles'!$G$20=$B$10,7,0)+IF('Standard Profiles'!$G$20=$B$17,14,0)+IF('Standard Profiles'!$G$20=$B$24,21,0),MOD($C676,24)+1)/SUM(INDEX($D$3:$AA$30,INDEX(Jesper!$R$2:$R$366,ROW(INDEX(Jesper!AJ$2:AJ$366,ROUNDDOWN($C676/24,0)+1,1))-1)+IF('Standard Profiles'!$G$20=$B$10,7,0)+IF('Standard Profiles'!$G$20=$B$17,14,0)+IF('Standard Profiles'!$G$20=$B$24,21,0),0)),0)</f>
        <v>0</v>
      </c>
      <c r="G676" cm="1">
        <f t="array" ref="G676">IFERROR(INDEX(Jesper!AK$2:AK$366,ROUNDDOWN($C676/24,0)+1,1)*INDEX($D$3:$AA$30,INDEX(Jesper!$R$2:$R$366,ROW(INDEX(Jesper!AK$2:AK$366,ROUNDDOWN($C676/24,0)+1,1))-1)+IF('Standard Profiles'!$G$21=$B$10,7,0)+IF('Standard Profiles'!$G$21=$B$17,14,0)+IF('Standard Profiles'!$G$21=$B$24,21,0),MOD($C676,24)+1)/SUM(INDEX($D$3:$AA$30,INDEX(Jesper!$R$2:$R$366,ROW(INDEX(Jesper!AK$2:AK$366,ROUNDDOWN($C676/24,0)+1,1))-1)+IF('Standard Profiles'!$G$21=$B$10,7,0)+IF('Standard Profiles'!$G$21=$B$17,14,0)+IF('Standard Profiles'!$G$21=$B$24,21,0),0)),0)</f>
        <v>12.047805456555221</v>
      </c>
      <c r="H676" cm="1">
        <f t="array" ref="H676">IFERROR(INDEX(Jesper!AL$2:AL$366,ROUNDDOWN($C676/24,0)+1,1)*INDEX($D$3:$AA$30,INDEX(Jesper!$R$2:$R$366,ROW(INDEX(Jesper!AL$2:AL$366,ROUNDDOWN($C676/24,0)+1,1))-1)+IF('Standard Profiles'!$G$22=$B$10,7,0)+IF('Standard Profiles'!$G$22=$B$17,14,0)+IF('Standard Profiles'!$G$22=$B$24,21,0),MOD($C676,24)+1)/SUM(INDEX($D$3:$AA$30,INDEX(Jesper!$R$2:$R$366,ROW(INDEX(Jesper!AL$2:AL$366,ROUNDDOWN($C676/24,0)+1,1))-1)+IF('Standard Profiles'!$G$22=$B$10,7,0)+IF('Standard Profiles'!$G$22=$B$17,14,0)+IF('Standard Profiles'!$G$22=$B$24,21,0),0)),0)</f>
        <v>0</v>
      </c>
      <c r="I676">
        <f t="shared" si="90"/>
        <v>5.7829466191465029</v>
      </c>
      <c r="J676">
        <f t="shared" si="91"/>
        <v>19.808084788408731</v>
      </c>
      <c r="K676">
        <f t="shared" si="92"/>
        <v>0.66262293523575455</v>
      </c>
      <c r="L676">
        <f t="shared" si="93"/>
        <v>0.33131146761787728</v>
      </c>
      <c r="M676">
        <f t="shared" si="94"/>
        <v>0</v>
      </c>
      <c r="N676" s="45">
        <f t="shared" ref="N676:N739" si="95">N675+1/24</f>
        <v>44953.749999998443</v>
      </c>
    </row>
    <row r="677" spans="2:14" x14ac:dyDescent="0.25">
      <c r="B677">
        <f t="shared" si="89"/>
        <v>5</v>
      </c>
      <c r="C677" s="16">
        <v>643</v>
      </c>
      <c r="D677" cm="1">
        <f t="array" ref="D677">IFERROR(INDEX(Jesper!AH$2:AH$366,ROUNDDOWN($C677/24,0)+1,1)*INDEX($D$3:$AA$30,INDEX(Jesper!$R$2:$R$366,ROW(INDEX(Jesper!AH$2:AH$366,ROUNDDOWN($C677/24,0)+1,1))-1)+IF('Standard Profiles'!$G$18=$B$10,7,0)+IF('Standard Profiles'!$G$18=$B$17,14,0)+IF('Standard Profiles'!$G$18=$B$24,21,0),MOD($C677,24)+1)/SUM(INDEX($D$3:$AA$30,INDEX(Jesper!$R$2:$R$366,ROW(INDEX(Jesper!AH$2:AH$366,ROUNDDOWN($C677/24,0)+1,1))-1)+IF('Standard Profiles'!$G$18=$B$10,7,0)+IF('Standard Profiles'!$G$18=$B$17,14,0)+IF('Standard Profiles'!$G$18=$B$24,21,0),0)),0)</f>
        <v>5.9162762074620945</v>
      </c>
      <c r="E677" cm="1">
        <f t="array" ref="E677">IFERROR(INDEX(Jesper!AI$2:AI$366,ROUNDDOWN($C677/24,0)+1,1)*INDEX($D$3:$AA$30,INDEX(Jesper!$R$2:$R$366,ROW(INDEX(Jesper!AI$2:AI$366,ROUNDDOWN($C677/24,0)+1,1))-1)+IF('Standard Profiles'!$G$19=$B$10,7,0)+IF('Standard Profiles'!$G$19=$B$17,14,0)+IF('Standard Profiles'!$G$19=$B$24,21,0),MOD($C677,24)+1)/SUM(INDEX($D$3:$AA$30,INDEX(Jesper!$R$2:$R$366,ROW(INDEX(Jesper!AI$2:AI$366,ROUNDDOWN($C677/24,0)+1,1))-1)+IF('Standard Profiles'!$G$19=$B$10,7,0)+IF('Standard Profiles'!$G$19=$B$17,14,0)+IF('Standard Profiles'!$G$19=$B$24,21,0),0)),0)</f>
        <v>7.9286384152556648</v>
      </c>
      <c r="F677" cm="1">
        <f t="array" ref="F677">IFERROR(INDEX(Jesper!AJ$2:AJ$366,ROUNDDOWN($C677/24,0)+1,1)*INDEX($D$3:$AA$30,INDEX(Jesper!$R$2:$R$366,ROW(INDEX(Jesper!AJ$2:AJ$366,ROUNDDOWN($C677/24,0)+1,1))-1)+IF('Standard Profiles'!$G$20=$B$10,7,0)+IF('Standard Profiles'!$G$20=$B$17,14,0)+IF('Standard Profiles'!$G$20=$B$24,21,0),MOD($C677,24)+1)/SUM(INDEX($D$3:$AA$30,INDEX(Jesper!$R$2:$R$366,ROW(INDEX(Jesper!AJ$2:AJ$366,ROUNDDOWN($C677/24,0)+1,1))-1)+IF('Standard Profiles'!$G$20=$B$10,7,0)+IF('Standard Profiles'!$G$20=$B$17,14,0)+IF('Standard Profiles'!$G$20=$B$24,21,0),0)),0)</f>
        <v>0</v>
      </c>
      <c r="G677" cm="1">
        <f t="array" ref="G677">IFERROR(INDEX(Jesper!AK$2:AK$366,ROUNDDOWN($C677/24,0)+1,1)*INDEX($D$3:$AA$30,INDEX(Jesper!$R$2:$R$366,ROW(INDEX(Jesper!AK$2:AK$366,ROUNDDOWN($C677/24,0)+1,1))-1)+IF('Standard Profiles'!$G$21=$B$10,7,0)+IF('Standard Profiles'!$G$21=$B$17,14,0)+IF('Standard Profiles'!$G$21=$B$24,21,0),MOD($C677,24)+1)/SUM(INDEX($D$3:$AA$30,INDEX(Jesper!$R$2:$R$366,ROW(INDEX(Jesper!AK$2:AK$366,ROUNDDOWN($C677/24,0)+1,1))-1)+IF('Standard Profiles'!$G$21=$B$10,7,0)+IF('Standard Profiles'!$G$21=$B$17,14,0)+IF('Standard Profiles'!$G$21=$B$24,21,0),0)),0)</f>
        <v>12.047805456555221</v>
      </c>
      <c r="H677" cm="1">
        <f t="array" ref="H677">IFERROR(INDEX(Jesper!AL$2:AL$366,ROUNDDOWN($C677/24,0)+1,1)*INDEX($D$3:$AA$30,INDEX(Jesper!$R$2:$R$366,ROW(INDEX(Jesper!AL$2:AL$366,ROUNDDOWN($C677/24,0)+1,1))-1)+IF('Standard Profiles'!$G$22=$B$10,7,0)+IF('Standard Profiles'!$G$22=$B$17,14,0)+IF('Standard Profiles'!$G$22=$B$24,21,0),MOD($C677,24)+1)/SUM(INDEX($D$3:$AA$30,INDEX(Jesper!$R$2:$R$366,ROW(INDEX(Jesper!AL$2:AL$366,ROUNDDOWN($C677/24,0)+1,1))-1)+IF('Standard Profiles'!$G$22=$B$10,7,0)+IF('Standard Profiles'!$G$22=$B$17,14,0)+IF('Standard Profiles'!$G$22=$B$24,21,0),0)),0)</f>
        <v>0</v>
      </c>
      <c r="I677">
        <f t="shared" si="90"/>
        <v>5.7829466191465029</v>
      </c>
      <c r="J677">
        <f t="shared" si="91"/>
        <v>19.163169266932542</v>
      </c>
      <c r="K677">
        <f t="shared" si="92"/>
        <v>0.63106946212929016</v>
      </c>
      <c r="L677">
        <f t="shared" si="93"/>
        <v>0.31553473106464508</v>
      </c>
      <c r="M677">
        <f t="shared" si="94"/>
        <v>0</v>
      </c>
      <c r="N677" s="45">
        <f t="shared" si="95"/>
        <v>44953.791666665107</v>
      </c>
    </row>
    <row r="678" spans="2:14" x14ac:dyDescent="0.25">
      <c r="B678">
        <f t="shared" si="89"/>
        <v>5</v>
      </c>
      <c r="C678" s="16">
        <v>644</v>
      </c>
      <c r="D678" cm="1">
        <f t="array" ref="D678">IFERROR(INDEX(Jesper!AH$2:AH$366,ROUNDDOWN($C678/24,0)+1,1)*INDEX($D$3:$AA$30,INDEX(Jesper!$R$2:$R$366,ROW(INDEX(Jesper!AH$2:AH$366,ROUNDDOWN($C678/24,0)+1,1))-1)+IF('Standard Profiles'!$G$18=$B$10,7,0)+IF('Standard Profiles'!$G$18=$B$17,14,0)+IF('Standard Profiles'!$G$18=$B$24,21,0),MOD($C678,24)+1)/SUM(INDEX($D$3:$AA$30,INDEX(Jesper!$R$2:$R$366,ROW(INDEX(Jesper!AH$2:AH$366,ROUNDDOWN($C678/24,0)+1,1))-1)+IF('Standard Profiles'!$G$18=$B$10,7,0)+IF('Standard Profiles'!$G$18=$B$17,14,0)+IF('Standard Profiles'!$G$18=$B$24,21,0),0)),0)</f>
        <v>5.9162762074620945</v>
      </c>
      <c r="E678" cm="1">
        <f t="array" ref="E678">IFERROR(INDEX(Jesper!AI$2:AI$366,ROUNDDOWN($C678/24,0)+1,1)*INDEX($D$3:$AA$30,INDEX(Jesper!$R$2:$R$366,ROW(INDEX(Jesper!AI$2:AI$366,ROUNDDOWN($C678/24,0)+1,1))-1)+IF('Standard Profiles'!$G$19=$B$10,7,0)+IF('Standard Profiles'!$G$19=$B$17,14,0)+IF('Standard Profiles'!$G$19=$B$24,21,0),MOD($C678,24)+1)/SUM(INDEX($D$3:$AA$30,INDEX(Jesper!$R$2:$R$366,ROW(INDEX(Jesper!AI$2:AI$366,ROUNDDOWN($C678/24,0)+1,1))-1)+IF('Standard Profiles'!$G$19=$B$10,7,0)+IF('Standard Profiles'!$G$19=$B$17,14,0)+IF('Standard Profiles'!$G$19=$B$24,21,0),0)),0)</f>
        <v>7.9286384152556648</v>
      </c>
      <c r="F678" cm="1">
        <f t="array" ref="F678">IFERROR(INDEX(Jesper!AJ$2:AJ$366,ROUNDDOWN($C678/24,0)+1,1)*INDEX($D$3:$AA$30,INDEX(Jesper!$R$2:$R$366,ROW(INDEX(Jesper!AJ$2:AJ$366,ROUNDDOWN($C678/24,0)+1,1))-1)+IF('Standard Profiles'!$G$20=$B$10,7,0)+IF('Standard Profiles'!$G$20=$B$17,14,0)+IF('Standard Profiles'!$G$20=$B$24,21,0),MOD($C678,24)+1)/SUM(INDEX($D$3:$AA$30,INDEX(Jesper!$R$2:$R$366,ROW(INDEX(Jesper!AJ$2:AJ$366,ROUNDDOWN($C678/24,0)+1,1))-1)+IF('Standard Profiles'!$G$20=$B$10,7,0)+IF('Standard Profiles'!$G$20=$B$17,14,0)+IF('Standard Profiles'!$G$20=$B$24,21,0),0)),0)</f>
        <v>0</v>
      </c>
      <c r="G678" cm="1">
        <f t="array" ref="G678">IFERROR(INDEX(Jesper!AK$2:AK$366,ROUNDDOWN($C678/24,0)+1,1)*INDEX($D$3:$AA$30,INDEX(Jesper!$R$2:$R$366,ROW(INDEX(Jesper!AK$2:AK$366,ROUNDDOWN($C678/24,0)+1,1))-1)+IF('Standard Profiles'!$G$21=$B$10,7,0)+IF('Standard Profiles'!$G$21=$B$17,14,0)+IF('Standard Profiles'!$G$21=$B$24,21,0),MOD($C678,24)+1)/SUM(INDEX($D$3:$AA$30,INDEX(Jesper!$R$2:$R$366,ROW(INDEX(Jesper!AK$2:AK$366,ROUNDDOWN($C678/24,0)+1,1))-1)+IF('Standard Profiles'!$G$21=$B$10,7,0)+IF('Standard Profiles'!$G$21=$B$17,14,0)+IF('Standard Profiles'!$G$21=$B$24,21,0),0)),0)</f>
        <v>12.047805456555221</v>
      </c>
      <c r="H678" cm="1">
        <f t="array" ref="H678">IFERROR(INDEX(Jesper!AL$2:AL$366,ROUNDDOWN($C678/24,0)+1,1)*INDEX($D$3:$AA$30,INDEX(Jesper!$R$2:$R$366,ROW(INDEX(Jesper!AL$2:AL$366,ROUNDDOWN($C678/24,0)+1,1))-1)+IF('Standard Profiles'!$G$22=$B$10,7,0)+IF('Standard Profiles'!$G$22=$B$17,14,0)+IF('Standard Profiles'!$G$22=$B$24,21,0),MOD($C678,24)+1)/SUM(INDEX($D$3:$AA$30,INDEX(Jesper!$R$2:$R$366,ROW(INDEX(Jesper!AL$2:AL$366,ROUNDDOWN($C678/24,0)+1,1))-1)+IF('Standard Profiles'!$G$22=$B$10,7,0)+IF('Standard Profiles'!$G$22=$B$17,14,0)+IF('Standard Profiles'!$G$22=$B$24,21,0),0)),0)</f>
        <v>0</v>
      </c>
      <c r="I678">
        <f t="shared" si="90"/>
        <v>5.7829466191465029</v>
      </c>
      <c r="J678">
        <f t="shared" si="91"/>
        <v>19.163169266932542</v>
      </c>
      <c r="K678">
        <f t="shared" si="92"/>
        <v>0.63106946212929016</v>
      </c>
      <c r="L678">
        <f t="shared" si="93"/>
        <v>0.31553473106464508</v>
      </c>
      <c r="M678">
        <f t="shared" si="94"/>
        <v>0</v>
      </c>
      <c r="N678" s="45">
        <f t="shared" si="95"/>
        <v>44953.833333331771</v>
      </c>
    </row>
    <row r="679" spans="2:14" x14ac:dyDescent="0.25">
      <c r="B679">
        <f t="shared" si="89"/>
        <v>5</v>
      </c>
      <c r="C679" s="16">
        <v>645</v>
      </c>
      <c r="D679" cm="1">
        <f t="array" ref="D679">IFERROR(INDEX(Jesper!AH$2:AH$366,ROUNDDOWN($C679/24,0)+1,1)*INDEX($D$3:$AA$30,INDEX(Jesper!$R$2:$R$366,ROW(INDEX(Jesper!AH$2:AH$366,ROUNDDOWN($C679/24,0)+1,1))-1)+IF('Standard Profiles'!$G$18=$B$10,7,0)+IF('Standard Profiles'!$G$18=$B$17,14,0)+IF('Standard Profiles'!$G$18=$B$24,21,0),MOD($C679,24)+1)/SUM(INDEX($D$3:$AA$30,INDEX(Jesper!$R$2:$R$366,ROW(INDEX(Jesper!AH$2:AH$366,ROUNDDOWN($C679/24,0)+1,1))-1)+IF('Standard Profiles'!$G$18=$B$10,7,0)+IF('Standard Profiles'!$G$18=$B$17,14,0)+IF('Standard Profiles'!$G$18=$B$24,21,0),0)),0)</f>
        <v>5.9162762074620945</v>
      </c>
      <c r="E679" cm="1">
        <f t="array" ref="E679">IFERROR(INDEX(Jesper!AI$2:AI$366,ROUNDDOWN($C679/24,0)+1,1)*INDEX($D$3:$AA$30,INDEX(Jesper!$R$2:$R$366,ROW(INDEX(Jesper!AI$2:AI$366,ROUNDDOWN($C679/24,0)+1,1))-1)+IF('Standard Profiles'!$G$19=$B$10,7,0)+IF('Standard Profiles'!$G$19=$B$17,14,0)+IF('Standard Profiles'!$G$19=$B$24,21,0),MOD($C679,24)+1)/SUM(INDEX($D$3:$AA$30,INDEX(Jesper!$R$2:$R$366,ROW(INDEX(Jesper!AI$2:AI$366,ROUNDDOWN($C679/24,0)+1,1))-1)+IF('Standard Profiles'!$G$19=$B$10,7,0)+IF('Standard Profiles'!$G$19=$B$17,14,0)+IF('Standard Profiles'!$G$19=$B$24,21,0),0)),0)</f>
        <v>7.9286384152556648</v>
      </c>
      <c r="F679" cm="1">
        <f t="array" ref="F679">IFERROR(INDEX(Jesper!AJ$2:AJ$366,ROUNDDOWN($C679/24,0)+1,1)*INDEX($D$3:$AA$30,INDEX(Jesper!$R$2:$R$366,ROW(INDEX(Jesper!AJ$2:AJ$366,ROUNDDOWN($C679/24,0)+1,1))-1)+IF('Standard Profiles'!$G$20=$B$10,7,0)+IF('Standard Profiles'!$G$20=$B$17,14,0)+IF('Standard Profiles'!$G$20=$B$24,21,0),MOD($C679,24)+1)/SUM(INDEX($D$3:$AA$30,INDEX(Jesper!$R$2:$R$366,ROW(INDEX(Jesper!AJ$2:AJ$366,ROUNDDOWN($C679/24,0)+1,1))-1)+IF('Standard Profiles'!$G$20=$B$10,7,0)+IF('Standard Profiles'!$G$20=$B$17,14,0)+IF('Standard Profiles'!$G$20=$B$24,21,0),0)),0)</f>
        <v>0</v>
      </c>
      <c r="G679" cm="1">
        <f t="array" ref="G679">IFERROR(INDEX(Jesper!AK$2:AK$366,ROUNDDOWN($C679/24,0)+1,1)*INDEX($D$3:$AA$30,INDEX(Jesper!$R$2:$R$366,ROW(INDEX(Jesper!AK$2:AK$366,ROUNDDOWN($C679/24,0)+1,1))-1)+IF('Standard Profiles'!$G$21=$B$10,7,0)+IF('Standard Profiles'!$G$21=$B$17,14,0)+IF('Standard Profiles'!$G$21=$B$24,21,0),MOD($C679,24)+1)/SUM(INDEX($D$3:$AA$30,INDEX(Jesper!$R$2:$R$366,ROW(INDEX(Jesper!AK$2:AK$366,ROUNDDOWN($C679/24,0)+1,1))-1)+IF('Standard Profiles'!$G$21=$B$10,7,0)+IF('Standard Profiles'!$G$21=$B$17,14,0)+IF('Standard Profiles'!$G$21=$B$24,21,0),0)),0)</f>
        <v>12.047805456555221</v>
      </c>
      <c r="H679" cm="1">
        <f t="array" ref="H679">IFERROR(INDEX(Jesper!AL$2:AL$366,ROUNDDOWN($C679/24,0)+1,1)*INDEX($D$3:$AA$30,INDEX(Jesper!$R$2:$R$366,ROW(INDEX(Jesper!AL$2:AL$366,ROUNDDOWN($C679/24,0)+1,1))-1)+IF('Standard Profiles'!$G$22=$B$10,7,0)+IF('Standard Profiles'!$G$22=$B$17,14,0)+IF('Standard Profiles'!$G$22=$B$24,21,0),MOD($C679,24)+1)/SUM(INDEX($D$3:$AA$30,INDEX(Jesper!$R$2:$R$366,ROW(INDEX(Jesper!AL$2:AL$366,ROUNDDOWN($C679/24,0)+1,1))-1)+IF('Standard Profiles'!$G$22=$B$10,7,0)+IF('Standard Profiles'!$G$22=$B$17,14,0)+IF('Standard Profiles'!$G$22=$B$24,21,0),0)),0)</f>
        <v>0</v>
      </c>
      <c r="I679">
        <f t="shared" si="90"/>
        <v>5.7829466191465029</v>
      </c>
      <c r="J679">
        <f t="shared" si="91"/>
        <v>19.163169266932542</v>
      </c>
      <c r="K679">
        <f t="shared" si="92"/>
        <v>0.63106946212929016</v>
      </c>
      <c r="L679">
        <f t="shared" si="93"/>
        <v>0.31553473106464508</v>
      </c>
      <c r="M679">
        <f t="shared" si="94"/>
        <v>0</v>
      </c>
      <c r="N679" s="45">
        <f t="shared" si="95"/>
        <v>44953.874999998436</v>
      </c>
    </row>
    <row r="680" spans="2:14" x14ac:dyDescent="0.25">
      <c r="B680">
        <f t="shared" si="89"/>
        <v>5</v>
      </c>
      <c r="C680" s="16">
        <v>646</v>
      </c>
      <c r="D680" cm="1">
        <f t="array" ref="D680">IFERROR(INDEX(Jesper!AH$2:AH$366,ROUNDDOWN($C680/24,0)+1,1)*INDEX($D$3:$AA$30,INDEX(Jesper!$R$2:$R$366,ROW(INDEX(Jesper!AH$2:AH$366,ROUNDDOWN($C680/24,0)+1,1))-1)+IF('Standard Profiles'!$G$18=$B$10,7,0)+IF('Standard Profiles'!$G$18=$B$17,14,0)+IF('Standard Profiles'!$G$18=$B$24,21,0),MOD($C680,24)+1)/SUM(INDEX($D$3:$AA$30,INDEX(Jesper!$R$2:$R$366,ROW(INDEX(Jesper!AH$2:AH$366,ROUNDDOWN($C680/24,0)+1,1))-1)+IF('Standard Profiles'!$G$18=$B$10,7,0)+IF('Standard Profiles'!$G$18=$B$17,14,0)+IF('Standard Profiles'!$G$18=$B$24,21,0),0)),0)</f>
        <v>5.9162762074620945</v>
      </c>
      <c r="E680" cm="1">
        <f t="array" ref="E680">IFERROR(INDEX(Jesper!AI$2:AI$366,ROUNDDOWN($C680/24,0)+1,1)*INDEX($D$3:$AA$30,INDEX(Jesper!$R$2:$R$366,ROW(INDEX(Jesper!AI$2:AI$366,ROUNDDOWN($C680/24,0)+1,1))-1)+IF('Standard Profiles'!$G$19=$B$10,7,0)+IF('Standard Profiles'!$G$19=$B$17,14,0)+IF('Standard Profiles'!$G$19=$B$24,21,0),MOD($C680,24)+1)/SUM(INDEX($D$3:$AA$30,INDEX(Jesper!$R$2:$R$366,ROW(INDEX(Jesper!AI$2:AI$366,ROUNDDOWN($C680/24,0)+1,1))-1)+IF('Standard Profiles'!$G$19=$B$10,7,0)+IF('Standard Profiles'!$G$19=$B$17,14,0)+IF('Standard Profiles'!$G$19=$B$24,21,0),0)),0)</f>
        <v>7.9286384152556648</v>
      </c>
      <c r="F680" cm="1">
        <f t="array" ref="F680">IFERROR(INDEX(Jesper!AJ$2:AJ$366,ROUNDDOWN($C680/24,0)+1,1)*INDEX($D$3:$AA$30,INDEX(Jesper!$R$2:$R$366,ROW(INDEX(Jesper!AJ$2:AJ$366,ROUNDDOWN($C680/24,0)+1,1))-1)+IF('Standard Profiles'!$G$20=$B$10,7,0)+IF('Standard Profiles'!$G$20=$B$17,14,0)+IF('Standard Profiles'!$G$20=$B$24,21,0),MOD($C680,24)+1)/SUM(INDEX($D$3:$AA$30,INDEX(Jesper!$R$2:$R$366,ROW(INDEX(Jesper!AJ$2:AJ$366,ROUNDDOWN($C680/24,0)+1,1))-1)+IF('Standard Profiles'!$G$20=$B$10,7,0)+IF('Standard Profiles'!$G$20=$B$17,14,0)+IF('Standard Profiles'!$G$20=$B$24,21,0),0)),0)</f>
        <v>0</v>
      </c>
      <c r="G680" cm="1">
        <f t="array" ref="G680">IFERROR(INDEX(Jesper!AK$2:AK$366,ROUNDDOWN($C680/24,0)+1,1)*INDEX($D$3:$AA$30,INDEX(Jesper!$R$2:$R$366,ROW(INDEX(Jesper!AK$2:AK$366,ROUNDDOWN($C680/24,0)+1,1))-1)+IF('Standard Profiles'!$G$21=$B$10,7,0)+IF('Standard Profiles'!$G$21=$B$17,14,0)+IF('Standard Profiles'!$G$21=$B$24,21,0),MOD($C680,24)+1)/SUM(INDEX($D$3:$AA$30,INDEX(Jesper!$R$2:$R$366,ROW(INDEX(Jesper!AK$2:AK$366,ROUNDDOWN($C680/24,0)+1,1))-1)+IF('Standard Profiles'!$G$21=$B$10,7,0)+IF('Standard Profiles'!$G$21=$B$17,14,0)+IF('Standard Profiles'!$G$21=$B$24,21,0),0)),0)</f>
        <v>12.047805456555221</v>
      </c>
      <c r="H680" cm="1">
        <f t="array" ref="H680">IFERROR(INDEX(Jesper!AL$2:AL$366,ROUNDDOWN($C680/24,0)+1,1)*INDEX($D$3:$AA$30,INDEX(Jesper!$R$2:$R$366,ROW(INDEX(Jesper!AL$2:AL$366,ROUNDDOWN($C680/24,0)+1,1))-1)+IF('Standard Profiles'!$G$22=$B$10,7,0)+IF('Standard Profiles'!$G$22=$B$17,14,0)+IF('Standard Profiles'!$G$22=$B$24,21,0),MOD($C680,24)+1)/SUM(INDEX($D$3:$AA$30,INDEX(Jesper!$R$2:$R$366,ROW(INDEX(Jesper!AL$2:AL$366,ROUNDDOWN($C680/24,0)+1,1))-1)+IF('Standard Profiles'!$G$22=$B$10,7,0)+IF('Standard Profiles'!$G$22=$B$17,14,0)+IF('Standard Profiles'!$G$22=$B$24,21,0),0)),0)</f>
        <v>0</v>
      </c>
      <c r="I680">
        <f t="shared" si="90"/>
        <v>5.7829466191465029</v>
      </c>
      <c r="J680">
        <f t="shared" si="91"/>
        <v>19.163169266932542</v>
      </c>
      <c r="K680">
        <f t="shared" si="92"/>
        <v>0.63106946212929016</v>
      </c>
      <c r="L680">
        <f t="shared" si="93"/>
        <v>0.31553473106464508</v>
      </c>
      <c r="M680">
        <f t="shared" si="94"/>
        <v>0</v>
      </c>
      <c r="N680" s="45">
        <f t="shared" si="95"/>
        <v>44953.9166666651</v>
      </c>
    </row>
    <row r="681" spans="2:14" x14ac:dyDescent="0.25">
      <c r="B681">
        <f t="shared" si="89"/>
        <v>5</v>
      </c>
      <c r="C681" s="16">
        <v>647</v>
      </c>
      <c r="D681" cm="1">
        <f t="array" ref="D681">IFERROR(INDEX(Jesper!AH$2:AH$366,ROUNDDOWN($C681/24,0)+1,1)*INDEX($D$3:$AA$30,INDEX(Jesper!$R$2:$R$366,ROW(INDEX(Jesper!AH$2:AH$366,ROUNDDOWN($C681/24,0)+1,1))-1)+IF('Standard Profiles'!$G$18=$B$10,7,0)+IF('Standard Profiles'!$G$18=$B$17,14,0)+IF('Standard Profiles'!$G$18=$B$24,21,0),MOD($C681,24)+1)/SUM(INDEX($D$3:$AA$30,INDEX(Jesper!$R$2:$R$366,ROW(INDEX(Jesper!AH$2:AH$366,ROUNDDOWN($C681/24,0)+1,1))-1)+IF('Standard Profiles'!$G$18=$B$10,7,0)+IF('Standard Profiles'!$G$18=$B$17,14,0)+IF('Standard Profiles'!$G$18=$B$24,21,0),0)),0)</f>
        <v>5.9162762074620945</v>
      </c>
      <c r="E681" cm="1">
        <f t="array" ref="E681">IFERROR(INDEX(Jesper!AI$2:AI$366,ROUNDDOWN($C681/24,0)+1,1)*INDEX($D$3:$AA$30,INDEX(Jesper!$R$2:$R$366,ROW(INDEX(Jesper!AI$2:AI$366,ROUNDDOWN($C681/24,0)+1,1))-1)+IF('Standard Profiles'!$G$19=$B$10,7,0)+IF('Standard Profiles'!$G$19=$B$17,14,0)+IF('Standard Profiles'!$G$19=$B$24,21,0),MOD($C681,24)+1)/SUM(INDEX($D$3:$AA$30,INDEX(Jesper!$R$2:$R$366,ROW(INDEX(Jesper!AI$2:AI$366,ROUNDDOWN($C681/24,0)+1,1))-1)+IF('Standard Profiles'!$G$19=$B$10,7,0)+IF('Standard Profiles'!$G$19=$B$17,14,0)+IF('Standard Profiles'!$G$19=$B$24,21,0),0)),0)</f>
        <v>7.9286384152556648</v>
      </c>
      <c r="F681" cm="1">
        <f t="array" ref="F681">IFERROR(INDEX(Jesper!AJ$2:AJ$366,ROUNDDOWN($C681/24,0)+1,1)*INDEX($D$3:$AA$30,INDEX(Jesper!$R$2:$R$366,ROW(INDEX(Jesper!AJ$2:AJ$366,ROUNDDOWN($C681/24,0)+1,1))-1)+IF('Standard Profiles'!$G$20=$B$10,7,0)+IF('Standard Profiles'!$G$20=$B$17,14,0)+IF('Standard Profiles'!$G$20=$B$24,21,0),MOD($C681,24)+1)/SUM(INDEX($D$3:$AA$30,INDEX(Jesper!$R$2:$R$366,ROW(INDEX(Jesper!AJ$2:AJ$366,ROUNDDOWN($C681/24,0)+1,1))-1)+IF('Standard Profiles'!$G$20=$B$10,7,0)+IF('Standard Profiles'!$G$20=$B$17,14,0)+IF('Standard Profiles'!$G$20=$B$24,21,0),0)),0)</f>
        <v>0</v>
      </c>
      <c r="G681" cm="1">
        <f t="array" ref="G681">IFERROR(INDEX(Jesper!AK$2:AK$366,ROUNDDOWN($C681/24,0)+1,1)*INDEX($D$3:$AA$30,INDEX(Jesper!$R$2:$R$366,ROW(INDEX(Jesper!AK$2:AK$366,ROUNDDOWN($C681/24,0)+1,1))-1)+IF('Standard Profiles'!$G$21=$B$10,7,0)+IF('Standard Profiles'!$G$21=$B$17,14,0)+IF('Standard Profiles'!$G$21=$B$24,21,0),MOD($C681,24)+1)/SUM(INDEX($D$3:$AA$30,INDEX(Jesper!$R$2:$R$366,ROW(INDEX(Jesper!AK$2:AK$366,ROUNDDOWN($C681/24,0)+1,1))-1)+IF('Standard Profiles'!$G$21=$B$10,7,0)+IF('Standard Profiles'!$G$21=$B$17,14,0)+IF('Standard Profiles'!$G$21=$B$24,21,0),0)),0)</f>
        <v>12.047805456555221</v>
      </c>
      <c r="H681" cm="1">
        <f t="array" ref="H681">IFERROR(INDEX(Jesper!AL$2:AL$366,ROUNDDOWN($C681/24,0)+1,1)*INDEX($D$3:$AA$30,INDEX(Jesper!$R$2:$R$366,ROW(INDEX(Jesper!AL$2:AL$366,ROUNDDOWN($C681/24,0)+1,1))-1)+IF('Standard Profiles'!$G$22=$B$10,7,0)+IF('Standard Profiles'!$G$22=$B$17,14,0)+IF('Standard Profiles'!$G$22=$B$24,21,0),MOD($C681,24)+1)/SUM(INDEX($D$3:$AA$30,INDEX(Jesper!$R$2:$R$366,ROW(INDEX(Jesper!AL$2:AL$366,ROUNDDOWN($C681/24,0)+1,1))-1)+IF('Standard Profiles'!$G$22=$B$10,7,0)+IF('Standard Profiles'!$G$22=$B$17,14,0)+IF('Standard Profiles'!$G$22=$B$24,21,0),0)),0)</f>
        <v>0</v>
      </c>
      <c r="I681">
        <f t="shared" si="90"/>
        <v>5.7829466191465029</v>
      </c>
      <c r="J681">
        <f t="shared" si="91"/>
        <v>19.163169266932542</v>
      </c>
      <c r="K681">
        <f t="shared" si="92"/>
        <v>0.63106946212929016</v>
      </c>
      <c r="L681">
        <f t="shared" si="93"/>
        <v>0.31553473106464508</v>
      </c>
      <c r="M681">
        <f t="shared" si="94"/>
        <v>0</v>
      </c>
      <c r="N681" s="45">
        <f t="shared" si="95"/>
        <v>44953.958333331764</v>
      </c>
    </row>
    <row r="682" spans="2:14" x14ac:dyDescent="0.25">
      <c r="B682">
        <f t="shared" si="89"/>
        <v>6</v>
      </c>
      <c r="C682" s="16">
        <v>648</v>
      </c>
      <c r="D682" cm="1">
        <f t="array" ref="D682">IFERROR(INDEX(Jesper!AH$2:AH$366,ROUNDDOWN($C682/24,0)+1,1)*INDEX($D$3:$AA$30,INDEX(Jesper!$R$2:$R$366,ROW(INDEX(Jesper!AH$2:AH$366,ROUNDDOWN($C682/24,0)+1,1))-1)+IF('Standard Profiles'!$G$18=$B$10,7,0)+IF('Standard Profiles'!$G$18=$B$17,14,0)+IF('Standard Profiles'!$G$18=$B$24,21,0),MOD($C682,24)+1)/SUM(INDEX($D$3:$AA$30,INDEX(Jesper!$R$2:$R$366,ROW(INDEX(Jesper!AH$2:AH$366,ROUNDDOWN($C682/24,0)+1,1))-1)+IF('Standard Profiles'!$G$18=$B$10,7,0)+IF('Standard Profiles'!$G$18=$B$17,14,0)+IF('Standard Profiles'!$G$18=$B$24,21,0),0)),0)</f>
        <v>0</v>
      </c>
      <c r="E682" cm="1">
        <f t="array" ref="E682">IFERROR(INDEX(Jesper!AI$2:AI$366,ROUNDDOWN($C682/24,0)+1,1)*INDEX($D$3:$AA$30,INDEX(Jesper!$R$2:$R$366,ROW(INDEX(Jesper!AI$2:AI$366,ROUNDDOWN($C682/24,0)+1,1))-1)+IF('Standard Profiles'!$G$19=$B$10,7,0)+IF('Standard Profiles'!$G$19=$B$17,14,0)+IF('Standard Profiles'!$G$19=$B$24,21,0),MOD($C682,24)+1)/SUM(INDEX($D$3:$AA$30,INDEX(Jesper!$R$2:$R$366,ROW(INDEX(Jesper!AI$2:AI$366,ROUNDDOWN($C682/24,0)+1,1))-1)+IF('Standard Profiles'!$G$19=$B$10,7,0)+IF('Standard Profiles'!$G$19=$B$17,14,0)+IF('Standard Profiles'!$G$19=$B$24,21,0),0)),0)</f>
        <v>6.6283792152210887</v>
      </c>
      <c r="F682" cm="1">
        <f t="array" ref="F682">IFERROR(INDEX(Jesper!AJ$2:AJ$366,ROUNDDOWN($C682/24,0)+1,1)*INDEX($D$3:$AA$30,INDEX(Jesper!$R$2:$R$366,ROW(INDEX(Jesper!AJ$2:AJ$366,ROUNDDOWN($C682/24,0)+1,1))-1)+IF('Standard Profiles'!$G$20=$B$10,7,0)+IF('Standard Profiles'!$G$20=$B$17,14,0)+IF('Standard Profiles'!$G$20=$B$24,21,0),MOD($C682,24)+1)/SUM(INDEX($D$3:$AA$30,INDEX(Jesper!$R$2:$R$366,ROW(INDEX(Jesper!AJ$2:AJ$366,ROUNDDOWN($C682/24,0)+1,1))-1)+IF('Standard Profiles'!$G$20=$B$10,7,0)+IF('Standard Profiles'!$G$20=$B$17,14,0)+IF('Standard Profiles'!$G$20=$B$24,21,0),0)),0)</f>
        <v>6.0256498773289229</v>
      </c>
      <c r="G682" cm="1">
        <f t="array" ref="G682">IFERROR(INDEX(Jesper!AK$2:AK$366,ROUNDDOWN($C682/24,0)+1,1)*INDEX($D$3:$AA$30,INDEX(Jesper!$R$2:$R$366,ROW(INDEX(Jesper!AK$2:AK$366,ROUNDDOWN($C682/24,0)+1,1))-1)+IF('Standard Profiles'!$G$21=$B$10,7,0)+IF('Standard Profiles'!$G$21=$B$17,14,0)+IF('Standard Profiles'!$G$21=$B$24,21,0),MOD($C682,24)+1)/SUM(INDEX($D$3:$AA$30,INDEX(Jesper!$R$2:$R$366,ROW(INDEX(Jesper!AK$2:AK$366,ROUNDDOWN($C682/24,0)+1,1))-1)+IF('Standard Profiles'!$G$21=$B$10,7,0)+IF('Standard Profiles'!$G$21=$B$17,14,0)+IF('Standard Profiles'!$G$21=$B$24,21,0),0)),0)</f>
        <v>9.6220580665575586</v>
      </c>
      <c r="H682" cm="1">
        <f t="array" ref="H682">IFERROR(INDEX(Jesper!AL$2:AL$366,ROUNDDOWN($C682/24,0)+1,1)*INDEX($D$3:$AA$30,INDEX(Jesper!$R$2:$R$366,ROW(INDEX(Jesper!AL$2:AL$366,ROUNDDOWN($C682/24,0)+1,1))-1)+IF('Standard Profiles'!$G$22=$B$10,7,0)+IF('Standard Profiles'!$G$22=$B$17,14,0)+IF('Standard Profiles'!$G$22=$B$24,21,0),MOD($C682,24)+1)/SUM(INDEX($D$3:$AA$30,INDEX(Jesper!$R$2:$R$366,ROW(INDEX(Jesper!AL$2:AL$366,ROUNDDOWN($C682/24,0)+1,1))-1)+IF('Standard Profiles'!$G$22=$B$10,7,0)+IF('Standard Profiles'!$G$22=$B$17,14,0)+IF('Standard Profiles'!$G$22=$B$24,21,0),0)),0)</f>
        <v>2.7981810588909597</v>
      </c>
      <c r="I682">
        <f t="shared" si="90"/>
        <v>2.6862538165353227</v>
      </c>
      <c r="J682">
        <f t="shared" si="91"/>
        <v>21.592608895636676</v>
      </c>
      <c r="K682">
        <f t="shared" si="92"/>
        <v>0.53027033721768713</v>
      </c>
      <c r="L682">
        <f t="shared" si="93"/>
        <v>0.26513516860884356</v>
      </c>
      <c r="M682">
        <f t="shared" si="94"/>
        <v>0</v>
      </c>
      <c r="N682" s="45">
        <f t="shared" si="95"/>
        <v>44953.999999998428</v>
      </c>
    </row>
    <row r="683" spans="2:14" x14ac:dyDescent="0.25">
      <c r="B683">
        <f t="shared" si="89"/>
        <v>6</v>
      </c>
      <c r="C683" s="16">
        <v>649</v>
      </c>
      <c r="D683" cm="1">
        <f t="array" ref="D683">IFERROR(INDEX(Jesper!AH$2:AH$366,ROUNDDOWN($C683/24,0)+1,1)*INDEX($D$3:$AA$30,INDEX(Jesper!$R$2:$R$366,ROW(INDEX(Jesper!AH$2:AH$366,ROUNDDOWN($C683/24,0)+1,1))-1)+IF('Standard Profiles'!$G$18=$B$10,7,0)+IF('Standard Profiles'!$G$18=$B$17,14,0)+IF('Standard Profiles'!$G$18=$B$24,21,0),MOD($C683,24)+1)/SUM(INDEX($D$3:$AA$30,INDEX(Jesper!$R$2:$R$366,ROW(INDEX(Jesper!AH$2:AH$366,ROUNDDOWN($C683/24,0)+1,1))-1)+IF('Standard Profiles'!$G$18=$B$10,7,0)+IF('Standard Profiles'!$G$18=$B$17,14,0)+IF('Standard Profiles'!$G$18=$B$24,21,0),0)),0)</f>
        <v>0</v>
      </c>
      <c r="E683" cm="1">
        <f t="array" ref="E683">IFERROR(INDEX(Jesper!AI$2:AI$366,ROUNDDOWN($C683/24,0)+1,1)*INDEX($D$3:$AA$30,INDEX(Jesper!$R$2:$R$366,ROW(INDEX(Jesper!AI$2:AI$366,ROUNDDOWN($C683/24,0)+1,1))-1)+IF('Standard Profiles'!$G$19=$B$10,7,0)+IF('Standard Profiles'!$G$19=$B$17,14,0)+IF('Standard Profiles'!$G$19=$B$24,21,0),MOD($C683,24)+1)/SUM(INDEX($D$3:$AA$30,INDEX(Jesper!$R$2:$R$366,ROW(INDEX(Jesper!AI$2:AI$366,ROUNDDOWN($C683/24,0)+1,1))-1)+IF('Standard Profiles'!$G$19=$B$10,7,0)+IF('Standard Profiles'!$G$19=$B$17,14,0)+IF('Standard Profiles'!$G$19=$B$24,21,0),0)),0)</f>
        <v>5.9655412936989798</v>
      </c>
      <c r="F683" cm="1">
        <f t="array" ref="F683">IFERROR(INDEX(Jesper!AJ$2:AJ$366,ROUNDDOWN($C683/24,0)+1,1)*INDEX($D$3:$AA$30,INDEX(Jesper!$R$2:$R$366,ROW(INDEX(Jesper!AJ$2:AJ$366,ROUNDDOWN($C683/24,0)+1,1))-1)+IF('Standard Profiles'!$G$20=$B$10,7,0)+IF('Standard Profiles'!$G$20=$B$17,14,0)+IF('Standard Profiles'!$G$20=$B$24,21,0),MOD($C683,24)+1)/SUM(INDEX($D$3:$AA$30,INDEX(Jesper!$R$2:$R$366,ROW(INDEX(Jesper!AJ$2:AJ$366,ROUNDDOWN($C683/24,0)+1,1))-1)+IF('Standard Profiles'!$G$20=$B$10,7,0)+IF('Standard Profiles'!$G$20=$B$17,14,0)+IF('Standard Profiles'!$G$20=$B$24,21,0),0)),0)</f>
        <v>5.4230848895960309</v>
      </c>
      <c r="G683" cm="1">
        <f t="array" ref="G683">IFERROR(INDEX(Jesper!AK$2:AK$366,ROUNDDOWN($C683/24,0)+1,1)*INDEX($D$3:$AA$30,INDEX(Jesper!$R$2:$R$366,ROW(INDEX(Jesper!AK$2:AK$366,ROUNDDOWN($C683/24,0)+1,1))-1)+IF('Standard Profiles'!$G$21=$B$10,7,0)+IF('Standard Profiles'!$G$21=$B$17,14,0)+IF('Standard Profiles'!$G$21=$B$24,21,0),MOD($C683,24)+1)/SUM(INDEX($D$3:$AA$30,INDEX(Jesper!$R$2:$R$366,ROW(INDEX(Jesper!AK$2:AK$366,ROUNDDOWN($C683/24,0)+1,1))-1)+IF('Standard Profiles'!$G$21=$B$10,7,0)+IF('Standard Profiles'!$G$21=$B$17,14,0)+IF('Standard Profiles'!$G$21=$B$24,21,0),0)),0)</f>
        <v>9.6220580665575586</v>
      </c>
      <c r="H683" cm="1">
        <f t="array" ref="H683">IFERROR(INDEX(Jesper!AL$2:AL$366,ROUNDDOWN($C683/24,0)+1,1)*INDEX($D$3:$AA$30,INDEX(Jesper!$R$2:$R$366,ROW(INDEX(Jesper!AL$2:AL$366,ROUNDDOWN($C683/24,0)+1,1))-1)+IF('Standard Profiles'!$G$22=$B$10,7,0)+IF('Standard Profiles'!$G$22=$B$17,14,0)+IF('Standard Profiles'!$G$22=$B$24,21,0),MOD($C683,24)+1)/SUM(INDEX($D$3:$AA$30,INDEX(Jesper!$R$2:$R$366,ROW(INDEX(Jesper!AL$2:AL$366,ROUNDDOWN($C683/24,0)+1,1))-1)+IF('Standard Profiles'!$G$22=$B$10,7,0)+IF('Standard Profiles'!$G$22=$B$17,14,0)+IF('Standard Profiles'!$G$22=$B$24,21,0),0)),0)</f>
        <v>5.4631154006918745</v>
      </c>
      <c r="I683">
        <f t="shared" si="90"/>
        <v>5.2445907846642026</v>
      </c>
      <c r="J683">
        <f t="shared" si="91"/>
        <v>20.513343910636365</v>
      </c>
      <c r="K683">
        <f t="shared" si="92"/>
        <v>0.47724330349591837</v>
      </c>
      <c r="L683">
        <f t="shared" si="93"/>
        <v>0.23862165174795918</v>
      </c>
      <c r="M683">
        <f t="shared" si="94"/>
        <v>0</v>
      </c>
      <c r="N683" s="45">
        <f t="shared" si="95"/>
        <v>44954.041666665093</v>
      </c>
    </row>
    <row r="684" spans="2:14" x14ac:dyDescent="0.25">
      <c r="B684">
        <f t="shared" si="89"/>
        <v>6</v>
      </c>
      <c r="C684" s="16">
        <v>650</v>
      </c>
      <c r="D684" cm="1">
        <f t="array" ref="D684">IFERROR(INDEX(Jesper!AH$2:AH$366,ROUNDDOWN($C684/24,0)+1,1)*INDEX($D$3:$AA$30,INDEX(Jesper!$R$2:$R$366,ROW(INDEX(Jesper!AH$2:AH$366,ROUNDDOWN($C684/24,0)+1,1))-1)+IF('Standard Profiles'!$G$18=$B$10,7,0)+IF('Standard Profiles'!$G$18=$B$17,14,0)+IF('Standard Profiles'!$G$18=$B$24,21,0),MOD($C684,24)+1)/SUM(INDEX($D$3:$AA$30,INDEX(Jesper!$R$2:$R$366,ROW(INDEX(Jesper!AH$2:AH$366,ROUNDDOWN($C684/24,0)+1,1))-1)+IF('Standard Profiles'!$G$18=$B$10,7,0)+IF('Standard Profiles'!$G$18=$B$17,14,0)+IF('Standard Profiles'!$G$18=$B$24,21,0),0)),0)</f>
        <v>0</v>
      </c>
      <c r="E684" cm="1">
        <f t="array" ref="E684">IFERROR(INDEX(Jesper!AI$2:AI$366,ROUNDDOWN($C684/24,0)+1,1)*INDEX($D$3:$AA$30,INDEX(Jesper!$R$2:$R$366,ROW(INDEX(Jesper!AI$2:AI$366,ROUNDDOWN($C684/24,0)+1,1))-1)+IF('Standard Profiles'!$G$19=$B$10,7,0)+IF('Standard Profiles'!$G$19=$B$17,14,0)+IF('Standard Profiles'!$G$19=$B$24,21,0),MOD($C684,24)+1)/SUM(INDEX($D$3:$AA$30,INDEX(Jesper!$R$2:$R$366,ROW(INDEX(Jesper!AI$2:AI$366,ROUNDDOWN($C684/24,0)+1,1))-1)+IF('Standard Profiles'!$G$19=$B$10,7,0)+IF('Standard Profiles'!$G$19=$B$17,14,0)+IF('Standard Profiles'!$G$19=$B$24,21,0),0)),0)</f>
        <v>5.9655412936989798</v>
      </c>
      <c r="F684" cm="1">
        <f t="array" ref="F684">IFERROR(INDEX(Jesper!AJ$2:AJ$366,ROUNDDOWN($C684/24,0)+1,1)*INDEX($D$3:$AA$30,INDEX(Jesper!$R$2:$R$366,ROW(INDEX(Jesper!AJ$2:AJ$366,ROUNDDOWN($C684/24,0)+1,1))-1)+IF('Standard Profiles'!$G$20=$B$10,7,0)+IF('Standard Profiles'!$G$20=$B$17,14,0)+IF('Standard Profiles'!$G$20=$B$24,21,0),MOD($C684,24)+1)/SUM(INDEX($D$3:$AA$30,INDEX(Jesper!$R$2:$R$366,ROW(INDEX(Jesper!AJ$2:AJ$366,ROUNDDOWN($C684/24,0)+1,1))-1)+IF('Standard Profiles'!$G$20=$B$10,7,0)+IF('Standard Profiles'!$G$20=$B$17,14,0)+IF('Standard Profiles'!$G$20=$B$24,21,0),0)),0)</f>
        <v>5.4230848895960309</v>
      </c>
      <c r="G684" cm="1">
        <f t="array" ref="G684">IFERROR(INDEX(Jesper!AK$2:AK$366,ROUNDDOWN($C684/24,0)+1,1)*INDEX($D$3:$AA$30,INDEX(Jesper!$R$2:$R$366,ROW(INDEX(Jesper!AK$2:AK$366,ROUNDDOWN($C684/24,0)+1,1))-1)+IF('Standard Profiles'!$G$21=$B$10,7,0)+IF('Standard Profiles'!$G$21=$B$17,14,0)+IF('Standard Profiles'!$G$21=$B$24,21,0),MOD($C684,24)+1)/SUM(INDEX($D$3:$AA$30,INDEX(Jesper!$R$2:$R$366,ROW(INDEX(Jesper!AK$2:AK$366,ROUNDDOWN($C684/24,0)+1,1))-1)+IF('Standard Profiles'!$G$21=$B$10,7,0)+IF('Standard Profiles'!$G$21=$B$17,14,0)+IF('Standard Profiles'!$G$21=$B$24,21,0),0)),0)</f>
        <v>9.6220580665575586</v>
      </c>
      <c r="H684" cm="1">
        <f t="array" ref="H684">IFERROR(INDEX(Jesper!AL$2:AL$366,ROUNDDOWN($C684/24,0)+1,1)*INDEX($D$3:$AA$30,INDEX(Jesper!$R$2:$R$366,ROW(INDEX(Jesper!AL$2:AL$366,ROUNDDOWN($C684/24,0)+1,1))-1)+IF('Standard Profiles'!$G$22=$B$10,7,0)+IF('Standard Profiles'!$G$22=$B$17,14,0)+IF('Standard Profiles'!$G$22=$B$24,21,0),MOD($C684,24)+1)/SUM(INDEX($D$3:$AA$30,INDEX(Jesper!$R$2:$R$366,ROW(INDEX(Jesper!AL$2:AL$366,ROUNDDOWN($C684/24,0)+1,1))-1)+IF('Standard Profiles'!$G$22=$B$10,7,0)+IF('Standard Profiles'!$G$22=$B$17,14,0)+IF('Standard Profiles'!$G$22=$B$24,21,0),0)),0)</f>
        <v>5.4631154006918745</v>
      </c>
      <c r="I684">
        <f t="shared" si="90"/>
        <v>5.2445907846642026</v>
      </c>
      <c r="J684">
        <f t="shared" si="91"/>
        <v>20.513343910636365</v>
      </c>
      <c r="K684">
        <f t="shared" si="92"/>
        <v>0.47724330349591837</v>
      </c>
      <c r="L684">
        <f t="shared" si="93"/>
        <v>0.23862165174795918</v>
      </c>
      <c r="M684">
        <f t="shared" si="94"/>
        <v>0</v>
      </c>
      <c r="N684" s="45">
        <f t="shared" si="95"/>
        <v>44954.083333331757</v>
      </c>
    </row>
    <row r="685" spans="2:14" x14ac:dyDescent="0.25">
      <c r="B685">
        <f t="shared" si="89"/>
        <v>6</v>
      </c>
      <c r="C685" s="16">
        <v>651</v>
      </c>
      <c r="D685" cm="1">
        <f t="array" ref="D685">IFERROR(INDEX(Jesper!AH$2:AH$366,ROUNDDOWN($C685/24,0)+1,1)*INDEX($D$3:$AA$30,INDEX(Jesper!$R$2:$R$366,ROW(INDEX(Jesper!AH$2:AH$366,ROUNDDOWN($C685/24,0)+1,1))-1)+IF('Standard Profiles'!$G$18=$B$10,7,0)+IF('Standard Profiles'!$G$18=$B$17,14,0)+IF('Standard Profiles'!$G$18=$B$24,21,0),MOD($C685,24)+1)/SUM(INDEX($D$3:$AA$30,INDEX(Jesper!$R$2:$R$366,ROW(INDEX(Jesper!AH$2:AH$366,ROUNDDOWN($C685/24,0)+1,1))-1)+IF('Standard Profiles'!$G$18=$B$10,7,0)+IF('Standard Profiles'!$G$18=$B$17,14,0)+IF('Standard Profiles'!$G$18=$B$24,21,0),0)),0)</f>
        <v>0</v>
      </c>
      <c r="E685" cm="1">
        <f t="array" ref="E685">IFERROR(INDEX(Jesper!AI$2:AI$366,ROUNDDOWN($C685/24,0)+1,1)*INDEX($D$3:$AA$30,INDEX(Jesper!$R$2:$R$366,ROW(INDEX(Jesper!AI$2:AI$366,ROUNDDOWN($C685/24,0)+1,1))-1)+IF('Standard Profiles'!$G$19=$B$10,7,0)+IF('Standard Profiles'!$G$19=$B$17,14,0)+IF('Standard Profiles'!$G$19=$B$24,21,0),MOD($C685,24)+1)/SUM(INDEX($D$3:$AA$30,INDEX(Jesper!$R$2:$R$366,ROW(INDEX(Jesper!AI$2:AI$366,ROUNDDOWN($C685/24,0)+1,1))-1)+IF('Standard Profiles'!$G$19=$B$10,7,0)+IF('Standard Profiles'!$G$19=$B$17,14,0)+IF('Standard Profiles'!$G$19=$B$24,21,0),0)),0)</f>
        <v>5.9655412936989798</v>
      </c>
      <c r="F685" cm="1">
        <f t="array" ref="F685">IFERROR(INDEX(Jesper!AJ$2:AJ$366,ROUNDDOWN($C685/24,0)+1,1)*INDEX($D$3:$AA$30,INDEX(Jesper!$R$2:$R$366,ROW(INDEX(Jesper!AJ$2:AJ$366,ROUNDDOWN($C685/24,0)+1,1))-1)+IF('Standard Profiles'!$G$20=$B$10,7,0)+IF('Standard Profiles'!$G$20=$B$17,14,0)+IF('Standard Profiles'!$G$20=$B$24,21,0),MOD($C685,24)+1)/SUM(INDEX($D$3:$AA$30,INDEX(Jesper!$R$2:$R$366,ROW(INDEX(Jesper!AJ$2:AJ$366,ROUNDDOWN($C685/24,0)+1,1))-1)+IF('Standard Profiles'!$G$20=$B$10,7,0)+IF('Standard Profiles'!$G$20=$B$17,14,0)+IF('Standard Profiles'!$G$20=$B$24,21,0),0)),0)</f>
        <v>5.4230848895960309</v>
      </c>
      <c r="G685" cm="1">
        <f t="array" ref="G685">IFERROR(INDEX(Jesper!AK$2:AK$366,ROUNDDOWN($C685/24,0)+1,1)*INDEX($D$3:$AA$30,INDEX(Jesper!$R$2:$R$366,ROW(INDEX(Jesper!AK$2:AK$366,ROUNDDOWN($C685/24,0)+1,1))-1)+IF('Standard Profiles'!$G$21=$B$10,7,0)+IF('Standard Profiles'!$G$21=$B$17,14,0)+IF('Standard Profiles'!$G$21=$B$24,21,0),MOD($C685,24)+1)/SUM(INDEX($D$3:$AA$30,INDEX(Jesper!$R$2:$R$366,ROW(INDEX(Jesper!AK$2:AK$366,ROUNDDOWN($C685/24,0)+1,1))-1)+IF('Standard Profiles'!$G$21=$B$10,7,0)+IF('Standard Profiles'!$G$21=$B$17,14,0)+IF('Standard Profiles'!$G$21=$B$24,21,0),0)),0)</f>
        <v>9.6220580665575586</v>
      </c>
      <c r="H685" cm="1">
        <f t="array" ref="H685">IFERROR(INDEX(Jesper!AL$2:AL$366,ROUNDDOWN($C685/24,0)+1,1)*INDEX($D$3:$AA$30,INDEX(Jesper!$R$2:$R$366,ROW(INDEX(Jesper!AL$2:AL$366,ROUNDDOWN($C685/24,0)+1,1))-1)+IF('Standard Profiles'!$G$22=$B$10,7,0)+IF('Standard Profiles'!$G$22=$B$17,14,0)+IF('Standard Profiles'!$G$22=$B$24,21,0),MOD($C685,24)+1)/SUM(INDEX($D$3:$AA$30,INDEX(Jesper!$R$2:$R$366,ROW(INDEX(Jesper!AL$2:AL$366,ROUNDDOWN($C685/24,0)+1,1))-1)+IF('Standard Profiles'!$G$22=$B$10,7,0)+IF('Standard Profiles'!$G$22=$B$17,14,0)+IF('Standard Profiles'!$G$22=$B$24,21,0),0)),0)</f>
        <v>5.4631154006918745</v>
      </c>
      <c r="I685">
        <f t="shared" si="90"/>
        <v>5.2445907846642026</v>
      </c>
      <c r="J685">
        <f t="shared" si="91"/>
        <v>20.513343910636365</v>
      </c>
      <c r="K685">
        <f t="shared" si="92"/>
        <v>0.47724330349591837</v>
      </c>
      <c r="L685">
        <f t="shared" si="93"/>
        <v>0.23862165174795918</v>
      </c>
      <c r="M685">
        <f t="shared" si="94"/>
        <v>0</v>
      </c>
      <c r="N685" s="45">
        <f t="shared" si="95"/>
        <v>44954.124999998421</v>
      </c>
    </row>
    <row r="686" spans="2:14" x14ac:dyDescent="0.25">
      <c r="B686">
        <f t="shared" si="89"/>
        <v>6</v>
      </c>
      <c r="C686" s="16">
        <v>652</v>
      </c>
      <c r="D686" cm="1">
        <f t="array" ref="D686">IFERROR(INDEX(Jesper!AH$2:AH$366,ROUNDDOWN($C686/24,0)+1,1)*INDEX($D$3:$AA$30,INDEX(Jesper!$R$2:$R$366,ROW(INDEX(Jesper!AH$2:AH$366,ROUNDDOWN($C686/24,0)+1,1))-1)+IF('Standard Profiles'!$G$18=$B$10,7,0)+IF('Standard Profiles'!$G$18=$B$17,14,0)+IF('Standard Profiles'!$G$18=$B$24,21,0),MOD($C686,24)+1)/SUM(INDEX($D$3:$AA$30,INDEX(Jesper!$R$2:$R$366,ROW(INDEX(Jesper!AH$2:AH$366,ROUNDDOWN($C686/24,0)+1,1))-1)+IF('Standard Profiles'!$G$18=$B$10,7,0)+IF('Standard Profiles'!$G$18=$B$17,14,0)+IF('Standard Profiles'!$G$18=$B$24,21,0),0)),0)</f>
        <v>0</v>
      </c>
      <c r="E686" cm="1">
        <f t="array" ref="E686">IFERROR(INDEX(Jesper!AI$2:AI$366,ROUNDDOWN($C686/24,0)+1,1)*INDEX($D$3:$AA$30,INDEX(Jesper!$R$2:$R$366,ROW(INDEX(Jesper!AI$2:AI$366,ROUNDDOWN($C686/24,0)+1,1))-1)+IF('Standard Profiles'!$G$19=$B$10,7,0)+IF('Standard Profiles'!$G$19=$B$17,14,0)+IF('Standard Profiles'!$G$19=$B$24,21,0),MOD($C686,24)+1)/SUM(INDEX($D$3:$AA$30,INDEX(Jesper!$R$2:$R$366,ROW(INDEX(Jesper!AI$2:AI$366,ROUNDDOWN($C686/24,0)+1,1))-1)+IF('Standard Profiles'!$G$19=$B$10,7,0)+IF('Standard Profiles'!$G$19=$B$17,14,0)+IF('Standard Profiles'!$G$19=$B$24,21,0),0)),0)</f>
        <v>5.9655412936989798</v>
      </c>
      <c r="F686" cm="1">
        <f t="array" ref="F686">IFERROR(INDEX(Jesper!AJ$2:AJ$366,ROUNDDOWN($C686/24,0)+1,1)*INDEX($D$3:$AA$30,INDEX(Jesper!$R$2:$R$366,ROW(INDEX(Jesper!AJ$2:AJ$366,ROUNDDOWN($C686/24,0)+1,1))-1)+IF('Standard Profiles'!$G$20=$B$10,7,0)+IF('Standard Profiles'!$G$20=$B$17,14,0)+IF('Standard Profiles'!$G$20=$B$24,21,0),MOD($C686,24)+1)/SUM(INDEX($D$3:$AA$30,INDEX(Jesper!$R$2:$R$366,ROW(INDEX(Jesper!AJ$2:AJ$366,ROUNDDOWN($C686/24,0)+1,1))-1)+IF('Standard Profiles'!$G$20=$B$10,7,0)+IF('Standard Profiles'!$G$20=$B$17,14,0)+IF('Standard Profiles'!$G$20=$B$24,21,0),0)),0)</f>
        <v>5.4230848895960309</v>
      </c>
      <c r="G686" cm="1">
        <f t="array" ref="G686">IFERROR(INDEX(Jesper!AK$2:AK$366,ROUNDDOWN($C686/24,0)+1,1)*INDEX($D$3:$AA$30,INDEX(Jesper!$R$2:$R$366,ROW(INDEX(Jesper!AK$2:AK$366,ROUNDDOWN($C686/24,0)+1,1))-1)+IF('Standard Profiles'!$G$21=$B$10,7,0)+IF('Standard Profiles'!$G$21=$B$17,14,0)+IF('Standard Profiles'!$G$21=$B$24,21,0),MOD($C686,24)+1)/SUM(INDEX($D$3:$AA$30,INDEX(Jesper!$R$2:$R$366,ROW(INDEX(Jesper!AK$2:AK$366,ROUNDDOWN($C686/24,0)+1,1))-1)+IF('Standard Profiles'!$G$21=$B$10,7,0)+IF('Standard Profiles'!$G$21=$B$17,14,0)+IF('Standard Profiles'!$G$21=$B$24,21,0),0)),0)</f>
        <v>9.6220580665575586</v>
      </c>
      <c r="H686" cm="1">
        <f t="array" ref="H686">IFERROR(INDEX(Jesper!AL$2:AL$366,ROUNDDOWN($C686/24,0)+1,1)*INDEX($D$3:$AA$30,INDEX(Jesper!$R$2:$R$366,ROW(INDEX(Jesper!AL$2:AL$366,ROUNDDOWN($C686/24,0)+1,1))-1)+IF('Standard Profiles'!$G$22=$B$10,7,0)+IF('Standard Profiles'!$G$22=$B$17,14,0)+IF('Standard Profiles'!$G$22=$B$24,21,0),MOD($C686,24)+1)/SUM(INDEX($D$3:$AA$30,INDEX(Jesper!$R$2:$R$366,ROW(INDEX(Jesper!AL$2:AL$366,ROUNDDOWN($C686/24,0)+1,1))-1)+IF('Standard Profiles'!$G$22=$B$10,7,0)+IF('Standard Profiles'!$G$22=$B$17,14,0)+IF('Standard Profiles'!$G$22=$B$24,21,0),0)),0)</f>
        <v>5.4631154006918745</v>
      </c>
      <c r="I686">
        <f t="shared" si="90"/>
        <v>5.2445907846642026</v>
      </c>
      <c r="J686">
        <f t="shared" si="91"/>
        <v>20.513343910636365</v>
      </c>
      <c r="K686">
        <f t="shared" si="92"/>
        <v>0.47724330349591837</v>
      </c>
      <c r="L686">
        <f t="shared" si="93"/>
        <v>0.23862165174795918</v>
      </c>
      <c r="M686">
        <f t="shared" si="94"/>
        <v>0</v>
      </c>
      <c r="N686" s="45">
        <f t="shared" si="95"/>
        <v>44954.166666665085</v>
      </c>
    </row>
    <row r="687" spans="2:14" x14ac:dyDescent="0.25">
      <c r="B687">
        <f t="shared" si="89"/>
        <v>6</v>
      </c>
      <c r="C687" s="16">
        <v>653</v>
      </c>
      <c r="D687" cm="1">
        <f t="array" ref="D687">IFERROR(INDEX(Jesper!AH$2:AH$366,ROUNDDOWN($C687/24,0)+1,1)*INDEX($D$3:$AA$30,INDEX(Jesper!$R$2:$R$366,ROW(INDEX(Jesper!AH$2:AH$366,ROUNDDOWN($C687/24,0)+1,1))-1)+IF('Standard Profiles'!$G$18=$B$10,7,0)+IF('Standard Profiles'!$G$18=$B$17,14,0)+IF('Standard Profiles'!$G$18=$B$24,21,0),MOD($C687,24)+1)/SUM(INDEX($D$3:$AA$30,INDEX(Jesper!$R$2:$R$366,ROW(INDEX(Jesper!AH$2:AH$366,ROUNDDOWN($C687/24,0)+1,1))-1)+IF('Standard Profiles'!$G$18=$B$10,7,0)+IF('Standard Profiles'!$G$18=$B$17,14,0)+IF('Standard Profiles'!$G$18=$B$24,21,0),0)),0)</f>
        <v>0</v>
      </c>
      <c r="E687" cm="1">
        <f t="array" ref="E687">IFERROR(INDEX(Jesper!AI$2:AI$366,ROUNDDOWN($C687/24,0)+1,1)*INDEX($D$3:$AA$30,INDEX(Jesper!$R$2:$R$366,ROW(INDEX(Jesper!AI$2:AI$366,ROUNDDOWN($C687/24,0)+1,1))-1)+IF('Standard Profiles'!$G$19=$B$10,7,0)+IF('Standard Profiles'!$G$19=$B$17,14,0)+IF('Standard Profiles'!$G$19=$B$24,21,0),MOD($C687,24)+1)/SUM(INDEX($D$3:$AA$30,INDEX(Jesper!$R$2:$R$366,ROW(INDEX(Jesper!AI$2:AI$366,ROUNDDOWN($C687/24,0)+1,1))-1)+IF('Standard Profiles'!$G$19=$B$10,7,0)+IF('Standard Profiles'!$G$19=$B$17,14,0)+IF('Standard Profiles'!$G$19=$B$24,21,0),0)),0)</f>
        <v>5.9655412936989798</v>
      </c>
      <c r="F687" cm="1">
        <f t="array" ref="F687">IFERROR(INDEX(Jesper!AJ$2:AJ$366,ROUNDDOWN($C687/24,0)+1,1)*INDEX($D$3:$AA$30,INDEX(Jesper!$R$2:$R$366,ROW(INDEX(Jesper!AJ$2:AJ$366,ROUNDDOWN($C687/24,0)+1,1))-1)+IF('Standard Profiles'!$G$20=$B$10,7,0)+IF('Standard Profiles'!$G$20=$B$17,14,0)+IF('Standard Profiles'!$G$20=$B$24,21,0),MOD($C687,24)+1)/SUM(INDEX($D$3:$AA$30,INDEX(Jesper!$R$2:$R$366,ROW(INDEX(Jesper!AJ$2:AJ$366,ROUNDDOWN($C687/24,0)+1,1))-1)+IF('Standard Profiles'!$G$20=$B$10,7,0)+IF('Standard Profiles'!$G$20=$B$17,14,0)+IF('Standard Profiles'!$G$20=$B$24,21,0),0)),0)</f>
        <v>5.4230848895960309</v>
      </c>
      <c r="G687" cm="1">
        <f t="array" ref="G687">IFERROR(INDEX(Jesper!AK$2:AK$366,ROUNDDOWN($C687/24,0)+1,1)*INDEX($D$3:$AA$30,INDEX(Jesper!$R$2:$R$366,ROW(INDEX(Jesper!AK$2:AK$366,ROUNDDOWN($C687/24,0)+1,1))-1)+IF('Standard Profiles'!$G$21=$B$10,7,0)+IF('Standard Profiles'!$G$21=$B$17,14,0)+IF('Standard Profiles'!$G$21=$B$24,21,0),MOD($C687,24)+1)/SUM(INDEX($D$3:$AA$30,INDEX(Jesper!$R$2:$R$366,ROW(INDEX(Jesper!AK$2:AK$366,ROUNDDOWN($C687/24,0)+1,1))-1)+IF('Standard Profiles'!$G$21=$B$10,7,0)+IF('Standard Profiles'!$G$21=$B$17,14,0)+IF('Standard Profiles'!$G$21=$B$24,21,0),0)),0)</f>
        <v>9.6220580665575586</v>
      </c>
      <c r="H687" cm="1">
        <f t="array" ref="H687">IFERROR(INDEX(Jesper!AL$2:AL$366,ROUNDDOWN($C687/24,0)+1,1)*INDEX($D$3:$AA$30,INDEX(Jesper!$R$2:$R$366,ROW(INDEX(Jesper!AL$2:AL$366,ROUNDDOWN($C687/24,0)+1,1))-1)+IF('Standard Profiles'!$G$22=$B$10,7,0)+IF('Standard Profiles'!$G$22=$B$17,14,0)+IF('Standard Profiles'!$G$22=$B$24,21,0),MOD($C687,24)+1)/SUM(INDEX($D$3:$AA$30,INDEX(Jesper!$R$2:$R$366,ROW(INDEX(Jesper!AL$2:AL$366,ROUNDDOWN($C687/24,0)+1,1))-1)+IF('Standard Profiles'!$G$22=$B$10,7,0)+IF('Standard Profiles'!$G$22=$B$17,14,0)+IF('Standard Profiles'!$G$22=$B$24,21,0),0)),0)</f>
        <v>6.7955825715923313</v>
      </c>
      <c r="I687">
        <f t="shared" si="90"/>
        <v>6.5237592687286412</v>
      </c>
      <c r="J687">
        <f t="shared" si="91"/>
        <v>20.566642597472384</v>
      </c>
      <c r="K687">
        <f t="shared" si="92"/>
        <v>0.47724330349591837</v>
      </c>
      <c r="L687">
        <f t="shared" si="93"/>
        <v>0.23862165174795918</v>
      </c>
      <c r="M687">
        <f t="shared" si="94"/>
        <v>0</v>
      </c>
      <c r="N687" s="45">
        <f t="shared" si="95"/>
        <v>44954.20833333175</v>
      </c>
    </row>
    <row r="688" spans="2:14" x14ac:dyDescent="0.25">
      <c r="B688">
        <f t="shared" si="89"/>
        <v>6</v>
      </c>
      <c r="C688" s="16">
        <v>654</v>
      </c>
      <c r="D688" cm="1">
        <f t="array" ref="D688">IFERROR(INDEX(Jesper!AH$2:AH$366,ROUNDDOWN($C688/24,0)+1,1)*INDEX($D$3:$AA$30,INDEX(Jesper!$R$2:$R$366,ROW(INDEX(Jesper!AH$2:AH$366,ROUNDDOWN($C688/24,0)+1,1))-1)+IF('Standard Profiles'!$G$18=$B$10,7,0)+IF('Standard Profiles'!$G$18=$B$17,14,0)+IF('Standard Profiles'!$G$18=$B$24,21,0),MOD($C688,24)+1)/SUM(INDEX($D$3:$AA$30,INDEX(Jesper!$R$2:$R$366,ROW(INDEX(Jesper!AH$2:AH$366,ROUNDDOWN($C688/24,0)+1,1))-1)+IF('Standard Profiles'!$G$18=$B$10,7,0)+IF('Standard Profiles'!$G$18=$B$17,14,0)+IF('Standard Profiles'!$G$18=$B$24,21,0),0)),0)</f>
        <v>0</v>
      </c>
      <c r="E688" cm="1">
        <f t="array" ref="E688">IFERROR(INDEX(Jesper!AI$2:AI$366,ROUNDDOWN($C688/24,0)+1,1)*INDEX($D$3:$AA$30,INDEX(Jesper!$R$2:$R$366,ROW(INDEX(Jesper!AI$2:AI$366,ROUNDDOWN($C688/24,0)+1,1))-1)+IF('Standard Profiles'!$G$19=$B$10,7,0)+IF('Standard Profiles'!$G$19=$B$17,14,0)+IF('Standard Profiles'!$G$19=$B$24,21,0),MOD($C688,24)+1)/SUM(INDEX($D$3:$AA$30,INDEX(Jesper!$R$2:$R$366,ROW(INDEX(Jesper!AI$2:AI$366,ROUNDDOWN($C688/24,0)+1,1))-1)+IF('Standard Profiles'!$G$19=$B$10,7,0)+IF('Standard Profiles'!$G$19=$B$17,14,0)+IF('Standard Profiles'!$G$19=$B$24,21,0),0)),0)</f>
        <v>5.9655412936989798</v>
      </c>
      <c r="F688" cm="1">
        <f t="array" ref="F688">IFERROR(INDEX(Jesper!AJ$2:AJ$366,ROUNDDOWN($C688/24,0)+1,1)*INDEX($D$3:$AA$30,INDEX(Jesper!$R$2:$R$366,ROW(INDEX(Jesper!AJ$2:AJ$366,ROUNDDOWN($C688/24,0)+1,1))-1)+IF('Standard Profiles'!$G$20=$B$10,7,0)+IF('Standard Profiles'!$G$20=$B$17,14,0)+IF('Standard Profiles'!$G$20=$B$24,21,0),MOD($C688,24)+1)/SUM(INDEX($D$3:$AA$30,INDEX(Jesper!$R$2:$R$366,ROW(INDEX(Jesper!AJ$2:AJ$366,ROUNDDOWN($C688/24,0)+1,1))-1)+IF('Standard Profiles'!$G$20=$B$10,7,0)+IF('Standard Profiles'!$G$20=$B$17,14,0)+IF('Standard Profiles'!$G$20=$B$24,21,0),0)),0)</f>
        <v>5.4230848895960309</v>
      </c>
      <c r="G688" cm="1">
        <f t="array" ref="G688">IFERROR(INDEX(Jesper!AK$2:AK$366,ROUNDDOWN($C688/24,0)+1,1)*INDEX($D$3:$AA$30,INDEX(Jesper!$R$2:$R$366,ROW(INDEX(Jesper!AK$2:AK$366,ROUNDDOWN($C688/24,0)+1,1))-1)+IF('Standard Profiles'!$G$21=$B$10,7,0)+IF('Standard Profiles'!$G$21=$B$17,14,0)+IF('Standard Profiles'!$G$21=$B$24,21,0),MOD($C688,24)+1)/SUM(INDEX($D$3:$AA$30,INDEX(Jesper!$R$2:$R$366,ROW(INDEX(Jesper!AK$2:AK$366,ROUNDDOWN($C688/24,0)+1,1))-1)+IF('Standard Profiles'!$G$21=$B$10,7,0)+IF('Standard Profiles'!$G$21=$B$17,14,0)+IF('Standard Profiles'!$G$21=$B$24,21,0),0)),0)</f>
        <v>9.6220580665575586</v>
      </c>
      <c r="H688" cm="1">
        <f t="array" ref="H688">IFERROR(INDEX(Jesper!AL$2:AL$366,ROUNDDOWN($C688/24,0)+1,1)*INDEX($D$3:$AA$30,INDEX(Jesper!$R$2:$R$366,ROW(INDEX(Jesper!AL$2:AL$366,ROUNDDOWN($C688/24,0)+1,1))-1)+IF('Standard Profiles'!$G$22=$B$10,7,0)+IF('Standard Profiles'!$G$22=$B$17,14,0)+IF('Standard Profiles'!$G$22=$B$24,21,0),MOD($C688,24)+1)/SUM(INDEX($D$3:$AA$30,INDEX(Jesper!$R$2:$R$366,ROW(INDEX(Jesper!AL$2:AL$366,ROUNDDOWN($C688/24,0)+1,1))-1)+IF('Standard Profiles'!$G$22=$B$10,7,0)+IF('Standard Profiles'!$G$22=$B$17,14,0)+IF('Standard Profiles'!$G$22=$B$24,21,0),0)),0)</f>
        <v>8.5277898937629253</v>
      </c>
      <c r="I688">
        <f t="shared" si="90"/>
        <v>8.1866782980124135</v>
      </c>
      <c r="J688">
        <f t="shared" si="91"/>
        <v>20.635930890359205</v>
      </c>
      <c r="K688">
        <f t="shared" si="92"/>
        <v>0.47724330349591837</v>
      </c>
      <c r="L688">
        <f t="shared" si="93"/>
        <v>0.23862165174795918</v>
      </c>
      <c r="M688">
        <f t="shared" si="94"/>
        <v>0</v>
      </c>
      <c r="N688" s="45">
        <f t="shared" si="95"/>
        <v>44954.249999998414</v>
      </c>
    </row>
    <row r="689" spans="2:14" x14ac:dyDescent="0.25">
      <c r="B689">
        <f t="shared" si="89"/>
        <v>6</v>
      </c>
      <c r="C689" s="16">
        <v>655</v>
      </c>
      <c r="D689" cm="1">
        <f t="array" ref="D689">IFERROR(INDEX(Jesper!AH$2:AH$366,ROUNDDOWN($C689/24,0)+1,1)*INDEX($D$3:$AA$30,INDEX(Jesper!$R$2:$R$366,ROW(INDEX(Jesper!AH$2:AH$366,ROUNDDOWN($C689/24,0)+1,1))-1)+IF('Standard Profiles'!$G$18=$B$10,7,0)+IF('Standard Profiles'!$G$18=$B$17,14,0)+IF('Standard Profiles'!$G$18=$B$24,21,0),MOD($C689,24)+1)/SUM(INDEX($D$3:$AA$30,INDEX(Jesper!$R$2:$R$366,ROW(INDEX(Jesper!AH$2:AH$366,ROUNDDOWN($C689/24,0)+1,1))-1)+IF('Standard Profiles'!$G$18=$B$10,7,0)+IF('Standard Profiles'!$G$18=$B$17,14,0)+IF('Standard Profiles'!$G$18=$B$24,21,0),0)),0)</f>
        <v>0</v>
      </c>
      <c r="E689" cm="1">
        <f t="array" ref="E689">IFERROR(INDEX(Jesper!AI$2:AI$366,ROUNDDOWN($C689/24,0)+1,1)*INDEX($D$3:$AA$30,INDEX(Jesper!$R$2:$R$366,ROW(INDEX(Jesper!AI$2:AI$366,ROUNDDOWN($C689/24,0)+1,1))-1)+IF('Standard Profiles'!$G$19=$B$10,7,0)+IF('Standard Profiles'!$G$19=$B$17,14,0)+IF('Standard Profiles'!$G$19=$B$24,21,0),MOD($C689,24)+1)/SUM(INDEX($D$3:$AA$30,INDEX(Jesper!$R$2:$R$366,ROW(INDEX(Jesper!AI$2:AI$366,ROUNDDOWN($C689/24,0)+1,1))-1)+IF('Standard Profiles'!$G$19=$B$10,7,0)+IF('Standard Profiles'!$G$19=$B$17,14,0)+IF('Standard Profiles'!$G$19=$B$24,21,0),0)),0)</f>
        <v>5.9655412936989798</v>
      </c>
      <c r="F689" cm="1">
        <f t="array" ref="F689">IFERROR(INDEX(Jesper!AJ$2:AJ$366,ROUNDDOWN($C689/24,0)+1,1)*INDEX($D$3:$AA$30,INDEX(Jesper!$R$2:$R$366,ROW(INDEX(Jesper!AJ$2:AJ$366,ROUNDDOWN($C689/24,0)+1,1))-1)+IF('Standard Profiles'!$G$20=$B$10,7,0)+IF('Standard Profiles'!$G$20=$B$17,14,0)+IF('Standard Profiles'!$G$20=$B$24,21,0),MOD($C689,24)+1)/SUM(INDEX($D$3:$AA$30,INDEX(Jesper!$R$2:$R$366,ROW(INDEX(Jesper!AJ$2:AJ$366,ROUNDDOWN($C689/24,0)+1,1))-1)+IF('Standard Profiles'!$G$20=$B$10,7,0)+IF('Standard Profiles'!$G$20=$B$17,14,0)+IF('Standard Profiles'!$G$20=$B$24,21,0),0)),0)</f>
        <v>5.4230848895960309</v>
      </c>
      <c r="G689" cm="1">
        <f t="array" ref="G689">IFERROR(INDEX(Jesper!AK$2:AK$366,ROUNDDOWN($C689/24,0)+1,1)*INDEX($D$3:$AA$30,INDEX(Jesper!$R$2:$R$366,ROW(INDEX(Jesper!AK$2:AK$366,ROUNDDOWN($C689/24,0)+1,1))-1)+IF('Standard Profiles'!$G$21=$B$10,7,0)+IF('Standard Profiles'!$G$21=$B$17,14,0)+IF('Standard Profiles'!$G$21=$B$24,21,0),MOD($C689,24)+1)/SUM(INDEX($D$3:$AA$30,INDEX(Jesper!$R$2:$R$366,ROW(INDEX(Jesper!AK$2:AK$366,ROUNDDOWN($C689/24,0)+1,1))-1)+IF('Standard Profiles'!$G$21=$B$10,7,0)+IF('Standard Profiles'!$G$21=$B$17,14,0)+IF('Standard Profiles'!$G$21=$B$24,21,0),0)),0)</f>
        <v>9.6220580665575586</v>
      </c>
      <c r="H689" cm="1">
        <f t="array" ref="H689">IFERROR(INDEX(Jesper!AL$2:AL$366,ROUNDDOWN($C689/24,0)+1,1)*INDEX($D$3:$AA$30,INDEX(Jesper!$R$2:$R$366,ROW(INDEX(Jesper!AL$2:AL$366,ROUNDDOWN($C689/24,0)+1,1))-1)+IF('Standard Profiles'!$G$22=$B$10,7,0)+IF('Standard Profiles'!$G$22=$B$17,14,0)+IF('Standard Profiles'!$G$22=$B$24,21,0),MOD($C689,24)+1)/SUM(INDEX($D$3:$AA$30,INDEX(Jesper!$R$2:$R$366,ROW(INDEX(Jesper!AL$2:AL$366,ROUNDDOWN($C689/24,0)+1,1))-1)+IF('Standard Profiles'!$G$22=$B$10,7,0)+IF('Standard Profiles'!$G$22=$B$17,14,0)+IF('Standard Profiles'!$G$22=$B$24,21,0),0)),0)</f>
        <v>9.7270103475733372</v>
      </c>
      <c r="I689">
        <f t="shared" si="90"/>
        <v>9.3379299336704094</v>
      </c>
      <c r="J689">
        <f t="shared" si="91"/>
        <v>20.683899708511621</v>
      </c>
      <c r="K689">
        <f t="shared" si="92"/>
        <v>0.47724330349591837</v>
      </c>
      <c r="L689">
        <f t="shared" si="93"/>
        <v>0.23862165174795918</v>
      </c>
      <c r="M689">
        <f t="shared" si="94"/>
        <v>0</v>
      </c>
      <c r="N689" s="45">
        <f t="shared" si="95"/>
        <v>44954.291666665078</v>
      </c>
    </row>
    <row r="690" spans="2:14" x14ac:dyDescent="0.25">
      <c r="B690">
        <f t="shared" si="89"/>
        <v>6</v>
      </c>
      <c r="C690" s="16">
        <v>656</v>
      </c>
      <c r="D690" cm="1">
        <f t="array" ref="D690">IFERROR(INDEX(Jesper!AH$2:AH$366,ROUNDDOWN($C690/24,0)+1,1)*INDEX($D$3:$AA$30,INDEX(Jesper!$R$2:$R$366,ROW(INDEX(Jesper!AH$2:AH$366,ROUNDDOWN($C690/24,0)+1,1))-1)+IF('Standard Profiles'!$G$18=$B$10,7,0)+IF('Standard Profiles'!$G$18=$B$17,14,0)+IF('Standard Profiles'!$G$18=$B$24,21,0),MOD($C690,24)+1)/SUM(INDEX($D$3:$AA$30,INDEX(Jesper!$R$2:$R$366,ROW(INDEX(Jesper!AH$2:AH$366,ROUNDDOWN($C690/24,0)+1,1))-1)+IF('Standard Profiles'!$G$18=$B$10,7,0)+IF('Standard Profiles'!$G$18=$B$17,14,0)+IF('Standard Profiles'!$G$18=$B$24,21,0),0)),0)</f>
        <v>0</v>
      </c>
      <c r="E690" cm="1">
        <f t="array" ref="E690">IFERROR(INDEX(Jesper!AI$2:AI$366,ROUNDDOWN($C690/24,0)+1,1)*INDEX($D$3:$AA$30,INDEX(Jesper!$R$2:$R$366,ROW(INDEX(Jesper!AI$2:AI$366,ROUNDDOWN($C690/24,0)+1,1))-1)+IF('Standard Profiles'!$G$19=$B$10,7,0)+IF('Standard Profiles'!$G$19=$B$17,14,0)+IF('Standard Profiles'!$G$19=$B$24,21,0),MOD($C690,24)+1)/SUM(INDEX($D$3:$AA$30,INDEX(Jesper!$R$2:$R$366,ROW(INDEX(Jesper!AI$2:AI$366,ROUNDDOWN($C690/24,0)+1,1))-1)+IF('Standard Profiles'!$G$19=$B$10,7,0)+IF('Standard Profiles'!$G$19=$B$17,14,0)+IF('Standard Profiles'!$G$19=$B$24,21,0),0)),0)</f>
        <v>5.9655412936989798</v>
      </c>
      <c r="F690" cm="1">
        <f t="array" ref="F690">IFERROR(INDEX(Jesper!AJ$2:AJ$366,ROUNDDOWN($C690/24,0)+1,1)*INDEX($D$3:$AA$30,INDEX(Jesper!$R$2:$R$366,ROW(INDEX(Jesper!AJ$2:AJ$366,ROUNDDOWN($C690/24,0)+1,1))-1)+IF('Standard Profiles'!$G$20=$B$10,7,0)+IF('Standard Profiles'!$G$20=$B$17,14,0)+IF('Standard Profiles'!$G$20=$B$24,21,0),MOD($C690,24)+1)/SUM(INDEX($D$3:$AA$30,INDEX(Jesper!$R$2:$R$366,ROW(INDEX(Jesper!AJ$2:AJ$366,ROUNDDOWN($C690/24,0)+1,1))-1)+IF('Standard Profiles'!$G$20=$B$10,7,0)+IF('Standard Profiles'!$G$20=$B$17,14,0)+IF('Standard Profiles'!$G$20=$B$24,21,0),0)),0)</f>
        <v>5.4230848895960309</v>
      </c>
      <c r="G690" cm="1">
        <f t="array" ref="G690">IFERROR(INDEX(Jesper!AK$2:AK$366,ROUNDDOWN($C690/24,0)+1,1)*INDEX($D$3:$AA$30,INDEX(Jesper!$R$2:$R$366,ROW(INDEX(Jesper!AK$2:AK$366,ROUNDDOWN($C690/24,0)+1,1))-1)+IF('Standard Profiles'!$G$21=$B$10,7,0)+IF('Standard Profiles'!$G$21=$B$17,14,0)+IF('Standard Profiles'!$G$21=$B$24,21,0),MOD($C690,24)+1)/SUM(INDEX($D$3:$AA$30,INDEX(Jesper!$R$2:$R$366,ROW(INDEX(Jesper!AK$2:AK$366,ROUNDDOWN($C690/24,0)+1,1))-1)+IF('Standard Profiles'!$G$21=$B$10,7,0)+IF('Standard Profiles'!$G$21=$B$17,14,0)+IF('Standard Profiles'!$G$21=$B$24,21,0),0)),0)</f>
        <v>9.6220580665575586</v>
      </c>
      <c r="H690" cm="1">
        <f t="array" ref="H690">IFERROR(INDEX(Jesper!AL$2:AL$366,ROUNDDOWN($C690/24,0)+1,1)*INDEX($D$3:$AA$30,INDEX(Jesper!$R$2:$R$366,ROW(INDEX(Jesper!AL$2:AL$366,ROUNDDOWN($C690/24,0)+1,1))-1)+IF('Standard Profiles'!$G$22=$B$10,7,0)+IF('Standard Profiles'!$G$22=$B$17,14,0)+IF('Standard Profiles'!$G$22=$B$24,21,0),MOD($C690,24)+1)/SUM(INDEX($D$3:$AA$30,INDEX(Jesper!$R$2:$R$366,ROW(INDEX(Jesper!AL$2:AL$366,ROUNDDOWN($C690/24,0)+1,1))-1)+IF('Standard Profiles'!$G$22=$B$10,7,0)+IF('Standard Profiles'!$G$22=$B$17,14,0)+IF('Standard Profiles'!$G$22=$B$24,21,0),0)),0)</f>
        <v>9.7270103475733372</v>
      </c>
      <c r="I690">
        <f t="shared" si="90"/>
        <v>9.3379299336704094</v>
      </c>
      <c r="J690">
        <f t="shared" si="91"/>
        <v>20.683899708511621</v>
      </c>
      <c r="K690">
        <f t="shared" si="92"/>
        <v>0.47724330349591837</v>
      </c>
      <c r="L690">
        <f t="shared" si="93"/>
        <v>0.23862165174795918</v>
      </c>
      <c r="M690">
        <f t="shared" si="94"/>
        <v>0</v>
      </c>
      <c r="N690" s="45">
        <f t="shared" si="95"/>
        <v>44954.333333331742</v>
      </c>
    </row>
    <row r="691" spans="2:14" x14ac:dyDescent="0.25">
      <c r="B691">
        <f t="shared" si="89"/>
        <v>6</v>
      </c>
      <c r="C691" s="16">
        <v>657</v>
      </c>
      <c r="D691" cm="1">
        <f t="array" ref="D691">IFERROR(INDEX(Jesper!AH$2:AH$366,ROUNDDOWN($C691/24,0)+1,1)*INDEX($D$3:$AA$30,INDEX(Jesper!$R$2:$R$366,ROW(INDEX(Jesper!AH$2:AH$366,ROUNDDOWN($C691/24,0)+1,1))-1)+IF('Standard Profiles'!$G$18=$B$10,7,0)+IF('Standard Profiles'!$G$18=$B$17,14,0)+IF('Standard Profiles'!$G$18=$B$24,21,0),MOD($C691,24)+1)/SUM(INDEX($D$3:$AA$30,INDEX(Jesper!$R$2:$R$366,ROW(INDEX(Jesper!AH$2:AH$366,ROUNDDOWN($C691/24,0)+1,1))-1)+IF('Standard Profiles'!$G$18=$B$10,7,0)+IF('Standard Profiles'!$G$18=$B$17,14,0)+IF('Standard Profiles'!$G$18=$B$24,21,0),0)),0)</f>
        <v>0</v>
      </c>
      <c r="E691" cm="1">
        <f t="array" ref="E691">IFERROR(INDEX(Jesper!AI$2:AI$366,ROUNDDOWN($C691/24,0)+1,1)*INDEX($D$3:$AA$30,INDEX(Jesper!$R$2:$R$366,ROW(INDEX(Jesper!AI$2:AI$366,ROUNDDOWN($C691/24,0)+1,1))-1)+IF('Standard Profiles'!$G$19=$B$10,7,0)+IF('Standard Profiles'!$G$19=$B$17,14,0)+IF('Standard Profiles'!$G$19=$B$24,21,0),MOD($C691,24)+1)/SUM(INDEX($D$3:$AA$30,INDEX(Jesper!$R$2:$R$366,ROW(INDEX(Jesper!AI$2:AI$366,ROUNDDOWN($C691/24,0)+1,1))-1)+IF('Standard Profiles'!$G$19=$B$10,7,0)+IF('Standard Profiles'!$G$19=$B$17,14,0)+IF('Standard Profiles'!$G$19=$B$24,21,0),0)),0)</f>
        <v>5.9655412936989798</v>
      </c>
      <c r="F691" cm="1">
        <f t="array" ref="F691">IFERROR(INDEX(Jesper!AJ$2:AJ$366,ROUNDDOWN($C691/24,0)+1,1)*INDEX($D$3:$AA$30,INDEX(Jesper!$R$2:$R$366,ROW(INDEX(Jesper!AJ$2:AJ$366,ROUNDDOWN($C691/24,0)+1,1))-1)+IF('Standard Profiles'!$G$20=$B$10,7,0)+IF('Standard Profiles'!$G$20=$B$17,14,0)+IF('Standard Profiles'!$G$20=$B$24,21,0),MOD($C691,24)+1)/SUM(INDEX($D$3:$AA$30,INDEX(Jesper!$R$2:$R$366,ROW(INDEX(Jesper!AJ$2:AJ$366,ROUNDDOWN($C691/24,0)+1,1))-1)+IF('Standard Profiles'!$G$20=$B$10,7,0)+IF('Standard Profiles'!$G$20=$B$17,14,0)+IF('Standard Profiles'!$G$20=$B$24,21,0),0)),0)</f>
        <v>5.4230848895960309</v>
      </c>
      <c r="G691" cm="1">
        <f t="array" ref="G691">IFERROR(INDEX(Jesper!AK$2:AK$366,ROUNDDOWN($C691/24,0)+1,1)*INDEX($D$3:$AA$30,INDEX(Jesper!$R$2:$R$366,ROW(INDEX(Jesper!AK$2:AK$366,ROUNDDOWN($C691/24,0)+1,1))-1)+IF('Standard Profiles'!$G$21=$B$10,7,0)+IF('Standard Profiles'!$G$21=$B$17,14,0)+IF('Standard Profiles'!$G$21=$B$24,21,0),MOD($C691,24)+1)/SUM(INDEX($D$3:$AA$30,INDEX(Jesper!$R$2:$R$366,ROW(INDEX(Jesper!AK$2:AK$366,ROUNDDOWN($C691/24,0)+1,1))-1)+IF('Standard Profiles'!$G$21=$B$10,7,0)+IF('Standard Profiles'!$G$21=$B$17,14,0)+IF('Standard Profiles'!$G$21=$B$24,21,0),0)),0)</f>
        <v>9.6220580665575586</v>
      </c>
      <c r="H691" cm="1">
        <f t="array" ref="H691">IFERROR(INDEX(Jesper!AL$2:AL$366,ROUNDDOWN($C691/24,0)+1,1)*INDEX($D$3:$AA$30,INDEX(Jesper!$R$2:$R$366,ROW(INDEX(Jesper!AL$2:AL$366,ROUNDDOWN($C691/24,0)+1,1))-1)+IF('Standard Profiles'!$G$22=$B$10,7,0)+IF('Standard Profiles'!$G$22=$B$17,14,0)+IF('Standard Profiles'!$G$22=$B$24,21,0),MOD($C691,24)+1)/SUM(INDEX($D$3:$AA$30,INDEX(Jesper!$R$2:$R$366,ROW(INDEX(Jesper!AL$2:AL$366,ROUNDDOWN($C691/24,0)+1,1))-1)+IF('Standard Profiles'!$G$22=$B$10,7,0)+IF('Standard Profiles'!$G$22=$B$17,14,0)+IF('Standard Profiles'!$G$22=$B$24,21,0),0)),0)</f>
        <v>9.7270103475733372</v>
      </c>
      <c r="I691">
        <f t="shared" si="90"/>
        <v>9.3379299336704094</v>
      </c>
      <c r="J691">
        <f t="shared" si="91"/>
        <v>20.683899708511621</v>
      </c>
      <c r="K691">
        <f t="shared" si="92"/>
        <v>0.47724330349591837</v>
      </c>
      <c r="L691">
        <f t="shared" si="93"/>
        <v>0.23862165174795918</v>
      </c>
      <c r="M691">
        <f t="shared" si="94"/>
        <v>0</v>
      </c>
      <c r="N691" s="45">
        <f t="shared" si="95"/>
        <v>44954.374999998407</v>
      </c>
    </row>
    <row r="692" spans="2:14" x14ac:dyDescent="0.25">
      <c r="B692">
        <f t="shared" si="89"/>
        <v>6</v>
      </c>
      <c r="C692" s="16">
        <v>658</v>
      </c>
      <c r="D692" cm="1">
        <f t="array" ref="D692">IFERROR(INDEX(Jesper!AH$2:AH$366,ROUNDDOWN($C692/24,0)+1,1)*INDEX($D$3:$AA$30,INDEX(Jesper!$R$2:$R$366,ROW(INDEX(Jesper!AH$2:AH$366,ROUNDDOWN($C692/24,0)+1,1))-1)+IF('Standard Profiles'!$G$18=$B$10,7,0)+IF('Standard Profiles'!$G$18=$B$17,14,0)+IF('Standard Profiles'!$G$18=$B$24,21,0),MOD($C692,24)+1)/SUM(INDEX($D$3:$AA$30,INDEX(Jesper!$R$2:$R$366,ROW(INDEX(Jesper!AH$2:AH$366,ROUNDDOWN($C692/24,0)+1,1))-1)+IF('Standard Profiles'!$G$18=$B$10,7,0)+IF('Standard Profiles'!$G$18=$B$17,14,0)+IF('Standard Profiles'!$G$18=$B$24,21,0),0)),0)</f>
        <v>0</v>
      </c>
      <c r="E692" cm="1">
        <f t="array" ref="E692">IFERROR(INDEX(Jesper!AI$2:AI$366,ROUNDDOWN($C692/24,0)+1,1)*INDEX($D$3:$AA$30,INDEX(Jesper!$R$2:$R$366,ROW(INDEX(Jesper!AI$2:AI$366,ROUNDDOWN($C692/24,0)+1,1))-1)+IF('Standard Profiles'!$G$19=$B$10,7,0)+IF('Standard Profiles'!$G$19=$B$17,14,0)+IF('Standard Profiles'!$G$19=$B$24,21,0),MOD($C692,24)+1)/SUM(INDEX($D$3:$AA$30,INDEX(Jesper!$R$2:$R$366,ROW(INDEX(Jesper!AI$2:AI$366,ROUNDDOWN($C692/24,0)+1,1))-1)+IF('Standard Profiles'!$G$19=$B$10,7,0)+IF('Standard Profiles'!$G$19=$B$17,14,0)+IF('Standard Profiles'!$G$19=$B$24,21,0),0)),0)</f>
        <v>5.9655412936989798</v>
      </c>
      <c r="F692" cm="1">
        <f t="array" ref="F692">IFERROR(INDEX(Jesper!AJ$2:AJ$366,ROUNDDOWN($C692/24,0)+1,1)*INDEX($D$3:$AA$30,INDEX(Jesper!$R$2:$R$366,ROW(INDEX(Jesper!AJ$2:AJ$366,ROUNDDOWN($C692/24,0)+1,1))-1)+IF('Standard Profiles'!$G$20=$B$10,7,0)+IF('Standard Profiles'!$G$20=$B$17,14,0)+IF('Standard Profiles'!$G$20=$B$24,21,0),MOD($C692,24)+1)/SUM(INDEX($D$3:$AA$30,INDEX(Jesper!$R$2:$R$366,ROW(INDEX(Jesper!AJ$2:AJ$366,ROUNDDOWN($C692/24,0)+1,1))-1)+IF('Standard Profiles'!$G$20=$B$10,7,0)+IF('Standard Profiles'!$G$20=$B$17,14,0)+IF('Standard Profiles'!$G$20=$B$24,21,0),0)),0)</f>
        <v>5.4230848895960309</v>
      </c>
      <c r="G692" cm="1">
        <f t="array" ref="G692">IFERROR(INDEX(Jesper!AK$2:AK$366,ROUNDDOWN($C692/24,0)+1,1)*INDEX($D$3:$AA$30,INDEX(Jesper!$R$2:$R$366,ROW(INDEX(Jesper!AK$2:AK$366,ROUNDDOWN($C692/24,0)+1,1))-1)+IF('Standard Profiles'!$G$21=$B$10,7,0)+IF('Standard Profiles'!$G$21=$B$17,14,0)+IF('Standard Profiles'!$G$21=$B$24,21,0),MOD($C692,24)+1)/SUM(INDEX($D$3:$AA$30,INDEX(Jesper!$R$2:$R$366,ROW(INDEX(Jesper!AK$2:AK$366,ROUNDDOWN($C692/24,0)+1,1))-1)+IF('Standard Profiles'!$G$21=$B$10,7,0)+IF('Standard Profiles'!$G$21=$B$17,14,0)+IF('Standard Profiles'!$G$21=$B$24,21,0),0)),0)</f>
        <v>9.6220580665575586</v>
      </c>
      <c r="H692" cm="1">
        <f t="array" ref="H692">IFERROR(INDEX(Jesper!AL$2:AL$366,ROUNDDOWN($C692/24,0)+1,1)*INDEX($D$3:$AA$30,INDEX(Jesper!$R$2:$R$366,ROW(INDEX(Jesper!AL$2:AL$366,ROUNDDOWN($C692/24,0)+1,1))-1)+IF('Standard Profiles'!$G$22=$B$10,7,0)+IF('Standard Profiles'!$G$22=$B$17,14,0)+IF('Standard Profiles'!$G$22=$B$24,21,0),MOD($C692,24)+1)/SUM(INDEX($D$3:$AA$30,INDEX(Jesper!$R$2:$R$366,ROW(INDEX(Jesper!AL$2:AL$366,ROUNDDOWN($C692/24,0)+1,1))-1)+IF('Standard Profiles'!$G$22=$B$10,7,0)+IF('Standard Profiles'!$G$22=$B$17,14,0)+IF('Standard Profiles'!$G$22=$B$24,21,0),0)),0)</f>
        <v>9.7270103475733372</v>
      </c>
      <c r="I692">
        <f t="shared" si="90"/>
        <v>9.3379299336704094</v>
      </c>
      <c r="J692">
        <f t="shared" si="91"/>
        <v>20.683899708511621</v>
      </c>
      <c r="K692">
        <f t="shared" si="92"/>
        <v>0.47724330349591837</v>
      </c>
      <c r="L692">
        <f t="shared" si="93"/>
        <v>0.23862165174795918</v>
      </c>
      <c r="M692">
        <f t="shared" si="94"/>
        <v>0</v>
      </c>
      <c r="N692" s="45">
        <f t="shared" si="95"/>
        <v>44954.416666665071</v>
      </c>
    </row>
    <row r="693" spans="2:14" x14ac:dyDescent="0.25">
      <c r="B693">
        <f t="shared" si="89"/>
        <v>6</v>
      </c>
      <c r="C693" s="16">
        <v>659</v>
      </c>
      <c r="D693" cm="1">
        <f t="array" ref="D693">IFERROR(INDEX(Jesper!AH$2:AH$366,ROUNDDOWN($C693/24,0)+1,1)*INDEX($D$3:$AA$30,INDEX(Jesper!$R$2:$R$366,ROW(INDEX(Jesper!AH$2:AH$366,ROUNDDOWN($C693/24,0)+1,1))-1)+IF('Standard Profiles'!$G$18=$B$10,7,0)+IF('Standard Profiles'!$G$18=$B$17,14,0)+IF('Standard Profiles'!$G$18=$B$24,21,0),MOD($C693,24)+1)/SUM(INDEX($D$3:$AA$30,INDEX(Jesper!$R$2:$R$366,ROW(INDEX(Jesper!AH$2:AH$366,ROUNDDOWN($C693/24,0)+1,1))-1)+IF('Standard Profiles'!$G$18=$B$10,7,0)+IF('Standard Profiles'!$G$18=$B$17,14,0)+IF('Standard Profiles'!$G$18=$B$24,21,0),0)),0)</f>
        <v>0</v>
      </c>
      <c r="E693" cm="1">
        <f t="array" ref="E693">IFERROR(INDEX(Jesper!AI$2:AI$366,ROUNDDOWN($C693/24,0)+1,1)*INDEX($D$3:$AA$30,INDEX(Jesper!$R$2:$R$366,ROW(INDEX(Jesper!AI$2:AI$366,ROUNDDOWN($C693/24,0)+1,1))-1)+IF('Standard Profiles'!$G$19=$B$10,7,0)+IF('Standard Profiles'!$G$19=$B$17,14,0)+IF('Standard Profiles'!$G$19=$B$24,21,0),MOD($C693,24)+1)/SUM(INDEX($D$3:$AA$30,INDEX(Jesper!$R$2:$R$366,ROW(INDEX(Jesper!AI$2:AI$366,ROUNDDOWN($C693/24,0)+1,1))-1)+IF('Standard Profiles'!$G$19=$B$10,7,0)+IF('Standard Profiles'!$G$19=$B$17,14,0)+IF('Standard Profiles'!$G$19=$B$24,21,0),0)),0)</f>
        <v>5.9655412936989798</v>
      </c>
      <c r="F693" cm="1">
        <f t="array" ref="F693">IFERROR(INDEX(Jesper!AJ$2:AJ$366,ROUNDDOWN($C693/24,0)+1,1)*INDEX($D$3:$AA$30,INDEX(Jesper!$R$2:$R$366,ROW(INDEX(Jesper!AJ$2:AJ$366,ROUNDDOWN($C693/24,0)+1,1))-1)+IF('Standard Profiles'!$G$20=$B$10,7,0)+IF('Standard Profiles'!$G$20=$B$17,14,0)+IF('Standard Profiles'!$G$20=$B$24,21,0),MOD($C693,24)+1)/SUM(INDEX($D$3:$AA$30,INDEX(Jesper!$R$2:$R$366,ROW(INDEX(Jesper!AJ$2:AJ$366,ROUNDDOWN($C693/24,0)+1,1))-1)+IF('Standard Profiles'!$G$20=$B$10,7,0)+IF('Standard Profiles'!$G$20=$B$17,14,0)+IF('Standard Profiles'!$G$20=$B$24,21,0),0)),0)</f>
        <v>5.4230848895960309</v>
      </c>
      <c r="G693" cm="1">
        <f t="array" ref="G693">IFERROR(INDEX(Jesper!AK$2:AK$366,ROUNDDOWN($C693/24,0)+1,1)*INDEX($D$3:$AA$30,INDEX(Jesper!$R$2:$R$366,ROW(INDEX(Jesper!AK$2:AK$366,ROUNDDOWN($C693/24,0)+1,1))-1)+IF('Standard Profiles'!$G$21=$B$10,7,0)+IF('Standard Profiles'!$G$21=$B$17,14,0)+IF('Standard Profiles'!$G$21=$B$24,21,0),MOD($C693,24)+1)/SUM(INDEX($D$3:$AA$30,INDEX(Jesper!$R$2:$R$366,ROW(INDEX(Jesper!AK$2:AK$366,ROUNDDOWN($C693/24,0)+1,1))-1)+IF('Standard Profiles'!$G$21=$B$10,7,0)+IF('Standard Profiles'!$G$21=$B$17,14,0)+IF('Standard Profiles'!$G$21=$B$24,21,0),0)),0)</f>
        <v>9.6220580665575586</v>
      </c>
      <c r="H693" cm="1">
        <f t="array" ref="H693">IFERROR(INDEX(Jesper!AL$2:AL$366,ROUNDDOWN($C693/24,0)+1,1)*INDEX($D$3:$AA$30,INDEX(Jesper!$R$2:$R$366,ROW(INDEX(Jesper!AL$2:AL$366,ROUNDDOWN($C693/24,0)+1,1))-1)+IF('Standard Profiles'!$G$22=$B$10,7,0)+IF('Standard Profiles'!$G$22=$B$17,14,0)+IF('Standard Profiles'!$G$22=$B$24,21,0),MOD($C693,24)+1)/SUM(INDEX($D$3:$AA$30,INDEX(Jesper!$R$2:$R$366,ROW(INDEX(Jesper!AL$2:AL$366,ROUNDDOWN($C693/24,0)+1,1))-1)+IF('Standard Profiles'!$G$22=$B$10,7,0)+IF('Standard Profiles'!$G$22=$B$17,14,0)+IF('Standard Profiles'!$G$22=$B$24,21,0),0)),0)</f>
        <v>9.7270103475733372</v>
      </c>
      <c r="I693">
        <f t="shared" si="90"/>
        <v>9.3379299336704094</v>
      </c>
      <c r="J693">
        <f t="shared" si="91"/>
        <v>20.683899708511621</v>
      </c>
      <c r="K693">
        <f t="shared" si="92"/>
        <v>0.47724330349591837</v>
      </c>
      <c r="L693">
        <f t="shared" si="93"/>
        <v>0.23862165174795918</v>
      </c>
      <c r="M693">
        <f t="shared" si="94"/>
        <v>0</v>
      </c>
      <c r="N693" s="45">
        <f t="shared" si="95"/>
        <v>44954.458333331735</v>
      </c>
    </row>
    <row r="694" spans="2:14" x14ac:dyDescent="0.25">
      <c r="B694">
        <f t="shared" si="89"/>
        <v>6</v>
      </c>
      <c r="C694" s="16">
        <v>660</v>
      </c>
      <c r="D694" cm="1">
        <f t="array" ref="D694">IFERROR(INDEX(Jesper!AH$2:AH$366,ROUNDDOWN($C694/24,0)+1,1)*INDEX($D$3:$AA$30,INDEX(Jesper!$R$2:$R$366,ROW(INDEX(Jesper!AH$2:AH$366,ROUNDDOWN($C694/24,0)+1,1))-1)+IF('Standard Profiles'!$G$18=$B$10,7,0)+IF('Standard Profiles'!$G$18=$B$17,14,0)+IF('Standard Profiles'!$G$18=$B$24,21,0),MOD($C694,24)+1)/SUM(INDEX($D$3:$AA$30,INDEX(Jesper!$R$2:$R$366,ROW(INDEX(Jesper!AH$2:AH$366,ROUNDDOWN($C694/24,0)+1,1))-1)+IF('Standard Profiles'!$G$18=$B$10,7,0)+IF('Standard Profiles'!$G$18=$B$17,14,0)+IF('Standard Profiles'!$G$18=$B$24,21,0),0)),0)</f>
        <v>0</v>
      </c>
      <c r="E694" cm="1">
        <f t="array" ref="E694">IFERROR(INDEX(Jesper!AI$2:AI$366,ROUNDDOWN($C694/24,0)+1,1)*INDEX($D$3:$AA$30,INDEX(Jesper!$R$2:$R$366,ROW(INDEX(Jesper!AI$2:AI$366,ROUNDDOWN($C694/24,0)+1,1))-1)+IF('Standard Profiles'!$G$19=$B$10,7,0)+IF('Standard Profiles'!$G$19=$B$17,14,0)+IF('Standard Profiles'!$G$19=$B$24,21,0),MOD($C694,24)+1)/SUM(INDEX($D$3:$AA$30,INDEX(Jesper!$R$2:$R$366,ROW(INDEX(Jesper!AI$2:AI$366,ROUNDDOWN($C694/24,0)+1,1))-1)+IF('Standard Profiles'!$G$19=$B$10,7,0)+IF('Standard Profiles'!$G$19=$B$17,14,0)+IF('Standard Profiles'!$G$19=$B$24,21,0),0)),0)</f>
        <v>5.9655412936989798</v>
      </c>
      <c r="F694" cm="1">
        <f t="array" ref="F694">IFERROR(INDEX(Jesper!AJ$2:AJ$366,ROUNDDOWN($C694/24,0)+1,1)*INDEX($D$3:$AA$30,INDEX(Jesper!$R$2:$R$366,ROW(INDEX(Jesper!AJ$2:AJ$366,ROUNDDOWN($C694/24,0)+1,1))-1)+IF('Standard Profiles'!$G$20=$B$10,7,0)+IF('Standard Profiles'!$G$20=$B$17,14,0)+IF('Standard Profiles'!$G$20=$B$24,21,0),MOD($C694,24)+1)/SUM(INDEX($D$3:$AA$30,INDEX(Jesper!$R$2:$R$366,ROW(INDEX(Jesper!AJ$2:AJ$366,ROUNDDOWN($C694/24,0)+1,1))-1)+IF('Standard Profiles'!$G$20=$B$10,7,0)+IF('Standard Profiles'!$G$20=$B$17,14,0)+IF('Standard Profiles'!$G$20=$B$24,21,0),0)),0)</f>
        <v>5.4230848895960309</v>
      </c>
      <c r="G694" cm="1">
        <f t="array" ref="G694">IFERROR(INDEX(Jesper!AK$2:AK$366,ROUNDDOWN($C694/24,0)+1,1)*INDEX($D$3:$AA$30,INDEX(Jesper!$R$2:$R$366,ROW(INDEX(Jesper!AK$2:AK$366,ROUNDDOWN($C694/24,0)+1,1))-1)+IF('Standard Profiles'!$G$21=$B$10,7,0)+IF('Standard Profiles'!$G$21=$B$17,14,0)+IF('Standard Profiles'!$G$21=$B$24,21,0),MOD($C694,24)+1)/SUM(INDEX($D$3:$AA$30,INDEX(Jesper!$R$2:$R$366,ROW(INDEX(Jesper!AK$2:AK$366,ROUNDDOWN($C694/24,0)+1,1))-1)+IF('Standard Profiles'!$G$21=$B$10,7,0)+IF('Standard Profiles'!$G$21=$B$17,14,0)+IF('Standard Profiles'!$G$21=$B$24,21,0),0)),0)</f>
        <v>9.6220580665575586</v>
      </c>
      <c r="H694" cm="1">
        <f t="array" ref="H694">IFERROR(INDEX(Jesper!AL$2:AL$366,ROUNDDOWN($C694/24,0)+1,1)*INDEX($D$3:$AA$30,INDEX(Jesper!$R$2:$R$366,ROW(INDEX(Jesper!AL$2:AL$366,ROUNDDOWN($C694/24,0)+1,1))-1)+IF('Standard Profiles'!$G$22=$B$10,7,0)+IF('Standard Profiles'!$G$22=$B$17,14,0)+IF('Standard Profiles'!$G$22=$B$24,21,0),MOD($C694,24)+1)/SUM(INDEX($D$3:$AA$30,INDEX(Jesper!$R$2:$R$366,ROW(INDEX(Jesper!AL$2:AL$366,ROUNDDOWN($C694/24,0)+1,1))-1)+IF('Standard Profiles'!$G$22=$B$10,7,0)+IF('Standard Profiles'!$G$22=$B$17,14,0)+IF('Standard Profiles'!$G$22=$B$24,21,0),0)),0)</f>
        <v>9.7270103475733372</v>
      </c>
      <c r="I694">
        <f t="shared" si="90"/>
        <v>9.3379299336704094</v>
      </c>
      <c r="J694">
        <f t="shared" si="91"/>
        <v>20.683899708511621</v>
      </c>
      <c r="K694">
        <f t="shared" si="92"/>
        <v>0.47724330349591837</v>
      </c>
      <c r="L694">
        <f t="shared" si="93"/>
        <v>0.23862165174795918</v>
      </c>
      <c r="M694">
        <f t="shared" si="94"/>
        <v>0</v>
      </c>
      <c r="N694" s="45">
        <f t="shared" si="95"/>
        <v>44954.499999998399</v>
      </c>
    </row>
    <row r="695" spans="2:14" x14ac:dyDescent="0.25">
      <c r="B695">
        <f t="shared" si="89"/>
        <v>6</v>
      </c>
      <c r="C695" s="16">
        <v>661</v>
      </c>
      <c r="D695" cm="1">
        <f t="array" ref="D695">IFERROR(INDEX(Jesper!AH$2:AH$366,ROUNDDOWN($C695/24,0)+1,1)*INDEX($D$3:$AA$30,INDEX(Jesper!$R$2:$R$366,ROW(INDEX(Jesper!AH$2:AH$366,ROUNDDOWN($C695/24,0)+1,1))-1)+IF('Standard Profiles'!$G$18=$B$10,7,0)+IF('Standard Profiles'!$G$18=$B$17,14,0)+IF('Standard Profiles'!$G$18=$B$24,21,0),MOD($C695,24)+1)/SUM(INDEX($D$3:$AA$30,INDEX(Jesper!$R$2:$R$366,ROW(INDEX(Jesper!AH$2:AH$366,ROUNDDOWN($C695/24,0)+1,1))-1)+IF('Standard Profiles'!$G$18=$B$10,7,0)+IF('Standard Profiles'!$G$18=$B$17,14,0)+IF('Standard Profiles'!$G$18=$B$24,21,0),0)),0)</f>
        <v>0</v>
      </c>
      <c r="E695" cm="1">
        <f t="array" ref="E695">IFERROR(INDEX(Jesper!AI$2:AI$366,ROUNDDOWN($C695/24,0)+1,1)*INDEX($D$3:$AA$30,INDEX(Jesper!$R$2:$R$366,ROW(INDEX(Jesper!AI$2:AI$366,ROUNDDOWN($C695/24,0)+1,1))-1)+IF('Standard Profiles'!$G$19=$B$10,7,0)+IF('Standard Profiles'!$G$19=$B$17,14,0)+IF('Standard Profiles'!$G$19=$B$24,21,0),MOD($C695,24)+1)/SUM(INDEX($D$3:$AA$30,INDEX(Jesper!$R$2:$R$366,ROW(INDEX(Jesper!AI$2:AI$366,ROUNDDOWN($C695/24,0)+1,1))-1)+IF('Standard Profiles'!$G$19=$B$10,7,0)+IF('Standard Profiles'!$G$19=$B$17,14,0)+IF('Standard Profiles'!$G$19=$B$24,21,0),0)),0)</f>
        <v>5.9655412936989798</v>
      </c>
      <c r="F695" cm="1">
        <f t="array" ref="F695">IFERROR(INDEX(Jesper!AJ$2:AJ$366,ROUNDDOWN($C695/24,0)+1,1)*INDEX($D$3:$AA$30,INDEX(Jesper!$R$2:$R$366,ROW(INDEX(Jesper!AJ$2:AJ$366,ROUNDDOWN($C695/24,0)+1,1))-1)+IF('Standard Profiles'!$G$20=$B$10,7,0)+IF('Standard Profiles'!$G$20=$B$17,14,0)+IF('Standard Profiles'!$G$20=$B$24,21,0),MOD($C695,24)+1)/SUM(INDEX($D$3:$AA$30,INDEX(Jesper!$R$2:$R$366,ROW(INDEX(Jesper!AJ$2:AJ$366,ROUNDDOWN($C695/24,0)+1,1))-1)+IF('Standard Profiles'!$G$20=$B$10,7,0)+IF('Standard Profiles'!$G$20=$B$17,14,0)+IF('Standard Profiles'!$G$20=$B$24,21,0),0)),0)</f>
        <v>5.4230848895960309</v>
      </c>
      <c r="G695" cm="1">
        <f t="array" ref="G695">IFERROR(INDEX(Jesper!AK$2:AK$366,ROUNDDOWN($C695/24,0)+1,1)*INDEX($D$3:$AA$30,INDEX(Jesper!$R$2:$R$366,ROW(INDEX(Jesper!AK$2:AK$366,ROUNDDOWN($C695/24,0)+1,1))-1)+IF('Standard Profiles'!$G$21=$B$10,7,0)+IF('Standard Profiles'!$G$21=$B$17,14,0)+IF('Standard Profiles'!$G$21=$B$24,21,0),MOD($C695,24)+1)/SUM(INDEX($D$3:$AA$30,INDEX(Jesper!$R$2:$R$366,ROW(INDEX(Jesper!AK$2:AK$366,ROUNDDOWN($C695/24,0)+1,1))-1)+IF('Standard Profiles'!$G$21=$B$10,7,0)+IF('Standard Profiles'!$G$21=$B$17,14,0)+IF('Standard Profiles'!$G$21=$B$24,21,0),0)),0)</f>
        <v>9.6220580665575586</v>
      </c>
      <c r="H695" cm="1">
        <f t="array" ref="H695">IFERROR(INDEX(Jesper!AL$2:AL$366,ROUNDDOWN($C695/24,0)+1,1)*INDEX($D$3:$AA$30,INDEX(Jesper!$R$2:$R$366,ROW(INDEX(Jesper!AL$2:AL$366,ROUNDDOWN($C695/24,0)+1,1))-1)+IF('Standard Profiles'!$G$22=$B$10,7,0)+IF('Standard Profiles'!$G$22=$B$17,14,0)+IF('Standard Profiles'!$G$22=$B$24,21,0),MOD($C695,24)+1)/SUM(INDEX($D$3:$AA$30,INDEX(Jesper!$R$2:$R$366,ROW(INDEX(Jesper!AL$2:AL$366,ROUNDDOWN($C695/24,0)+1,1))-1)+IF('Standard Profiles'!$G$22=$B$10,7,0)+IF('Standard Profiles'!$G$22=$B$17,14,0)+IF('Standard Profiles'!$G$22=$B$24,21,0),0)),0)</f>
        <v>9.7270103475733372</v>
      </c>
      <c r="I695">
        <f t="shared" si="90"/>
        <v>9.3379299336704094</v>
      </c>
      <c r="J695">
        <f t="shared" si="91"/>
        <v>20.683899708511621</v>
      </c>
      <c r="K695">
        <f t="shared" si="92"/>
        <v>0.47724330349591837</v>
      </c>
      <c r="L695">
        <f t="shared" si="93"/>
        <v>0.23862165174795918</v>
      </c>
      <c r="M695">
        <f t="shared" si="94"/>
        <v>0</v>
      </c>
      <c r="N695" s="45">
        <f t="shared" si="95"/>
        <v>44954.541666665064</v>
      </c>
    </row>
    <row r="696" spans="2:14" x14ac:dyDescent="0.25">
      <c r="B696">
        <f t="shared" si="89"/>
        <v>6</v>
      </c>
      <c r="C696" s="16">
        <v>662</v>
      </c>
      <c r="D696" cm="1">
        <f t="array" ref="D696">IFERROR(INDEX(Jesper!AH$2:AH$366,ROUNDDOWN($C696/24,0)+1,1)*INDEX($D$3:$AA$30,INDEX(Jesper!$R$2:$R$366,ROW(INDEX(Jesper!AH$2:AH$366,ROUNDDOWN($C696/24,0)+1,1))-1)+IF('Standard Profiles'!$G$18=$B$10,7,0)+IF('Standard Profiles'!$G$18=$B$17,14,0)+IF('Standard Profiles'!$G$18=$B$24,21,0),MOD($C696,24)+1)/SUM(INDEX($D$3:$AA$30,INDEX(Jesper!$R$2:$R$366,ROW(INDEX(Jesper!AH$2:AH$366,ROUNDDOWN($C696/24,0)+1,1))-1)+IF('Standard Profiles'!$G$18=$B$10,7,0)+IF('Standard Profiles'!$G$18=$B$17,14,0)+IF('Standard Profiles'!$G$18=$B$24,21,0),0)),0)</f>
        <v>0</v>
      </c>
      <c r="E696" cm="1">
        <f t="array" ref="E696">IFERROR(INDEX(Jesper!AI$2:AI$366,ROUNDDOWN($C696/24,0)+1,1)*INDEX($D$3:$AA$30,INDEX(Jesper!$R$2:$R$366,ROW(INDEX(Jesper!AI$2:AI$366,ROUNDDOWN($C696/24,0)+1,1))-1)+IF('Standard Profiles'!$G$19=$B$10,7,0)+IF('Standard Profiles'!$G$19=$B$17,14,0)+IF('Standard Profiles'!$G$19=$B$24,21,0),MOD($C696,24)+1)/SUM(INDEX($D$3:$AA$30,INDEX(Jesper!$R$2:$R$366,ROW(INDEX(Jesper!AI$2:AI$366,ROUNDDOWN($C696/24,0)+1,1))-1)+IF('Standard Profiles'!$G$19=$B$10,7,0)+IF('Standard Profiles'!$G$19=$B$17,14,0)+IF('Standard Profiles'!$G$19=$B$24,21,0),0)),0)</f>
        <v>5.9655412936989798</v>
      </c>
      <c r="F696" cm="1">
        <f t="array" ref="F696">IFERROR(INDEX(Jesper!AJ$2:AJ$366,ROUNDDOWN($C696/24,0)+1,1)*INDEX($D$3:$AA$30,INDEX(Jesper!$R$2:$R$366,ROW(INDEX(Jesper!AJ$2:AJ$366,ROUNDDOWN($C696/24,0)+1,1))-1)+IF('Standard Profiles'!$G$20=$B$10,7,0)+IF('Standard Profiles'!$G$20=$B$17,14,0)+IF('Standard Profiles'!$G$20=$B$24,21,0),MOD($C696,24)+1)/SUM(INDEX($D$3:$AA$30,INDEX(Jesper!$R$2:$R$366,ROW(INDEX(Jesper!AJ$2:AJ$366,ROUNDDOWN($C696/24,0)+1,1))-1)+IF('Standard Profiles'!$G$20=$B$10,7,0)+IF('Standard Profiles'!$G$20=$B$17,14,0)+IF('Standard Profiles'!$G$20=$B$24,21,0),0)),0)</f>
        <v>5.4230848895960309</v>
      </c>
      <c r="G696" cm="1">
        <f t="array" ref="G696">IFERROR(INDEX(Jesper!AK$2:AK$366,ROUNDDOWN($C696/24,0)+1,1)*INDEX($D$3:$AA$30,INDEX(Jesper!$R$2:$R$366,ROW(INDEX(Jesper!AK$2:AK$366,ROUNDDOWN($C696/24,0)+1,1))-1)+IF('Standard Profiles'!$G$21=$B$10,7,0)+IF('Standard Profiles'!$G$21=$B$17,14,0)+IF('Standard Profiles'!$G$21=$B$24,21,0),MOD($C696,24)+1)/SUM(INDEX($D$3:$AA$30,INDEX(Jesper!$R$2:$R$366,ROW(INDEX(Jesper!AK$2:AK$366,ROUNDDOWN($C696/24,0)+1,1))-1)+IF('Standard Profiles'!$G$21=$B$10,7,0)+IF('Standard Profiles'!$G$21=$B$17,14,0)+IF('Standard Profiles'!$G$21=$B$24,21,0),0)),0)</f>
        <v>9.6220580665575586</v>
      </c>
      <c r="H696" cm="1">
        <f t="array" ref="H696">IFERROR(INDEX(Jesper!AL$2:AL$366,ROUNDDOWN($C696/24,0)+1,1)*INDEX($D$3:$AA$30,INDEX(Jesper!$R$2:$R$366,ROW(INDEX(Jesper!AL$2:AL$366,ROUNDDOWN($C696/24,0)+1,1))-1)+IF('Standard Profiles'!$G$22=$B$10,7,0)+IF('Standard Profiles'!$G$22=$B$17,14,0)+IF('Standard Profiles'!$G$22=$B$24,21,0),MOD($C696,24)+1)/SUM(INDEX($D$3:$AA$30,INDEX(Jesper!$R$2:$R$366,ROW(INDEX(Jesper!AL$2:AL$366,ROUNDDOWN($C696/24,0)+1,1))-1)+IF('Standard Profiles'!$G$22=$B$10,7,0)+IF('Standard Profiles'!$G$22=$B$17,14,0)+IF('Standard Profiles'!$G$22=$B$24,21,0),0)),0)</f>
        <v>9.7270103475733372</v>
      </c>
      <c r="I696">
        <f t="shared" si="90"/>
        <v>9.3379299336704094</v>
      </c>
      <c r="J696">
        <f t="shared" si="91"/>
        <v>20.683899708511621</v>
      </c>
      <c r="K696">
        <f t="shared" si="92"/>
        <v>0.47724330349591837</v>
      </c>
      <c r="L696">
        <f t="shared" si="93"/>
        <v>0.23862165174795918</v>
      </c>
      <c r="M696">
        <f t="shared" si="94"/>
        <v>0</v>
      </c>
      <c r="N696" s="45">
        <f t="shared" si="95"/>
        <v>44954.583333331728</v>
      </c>
    </row>
    <row r="697" spans="2:14" x14ac:dyDescent="0.25">
      <c r="B697">
        <f t="shared" si="89"/>
        <v>6</v>
      </c>
      <c r="C697" s="16">
        <v>663</v>
      </c>
      <c r="D697" cm="1">
        <f t="array" ref="D697">IFERROR(INDEX(Jesper!AH$2:AH$366,ROUNDDOWN($C697/24,0)+1,1)*INDEX($D$3:$AA$30,INDEX(Jesper!$R$2:$R$366,ROW(INDEX(Jesper!AH$2:AH$366,ROUNDDOWN($C697/24,0)+1,1))-1)+IF('Standard Profiles'!$G$18=$B$10,7,0)+IF('Standard Profiles'!$G$18=$B$17,14,0)+IF('Standard Profiles'!$G$18=$B$24,21,0),MOD($C697,24)+1)/SUM(INDEX($D$3:$AA$30,INDEX(Jesper!$R$2:$R$366,ROW(INDEX(Jesper!AH$2:AH$366,ROUNDDOWN($C697/24,0)+1,1))-1)+IF('Standard Profiles'!$G$18=$B$10,7,0)+IF('Standard Profiles'!$G$18=$B$17,14,0)+IF('Standard Profiles'!$G$18=$B$24,21,0),0)),0)</f>
        <v>0</v>
      </c>
      <c r="E697" cm="1">
        <f t="array" ref="E697">IFERROR(INDEX(Jesper!AI$2:AI$366,ROUNDDOWN($C697/24,0)+1,1)*INDEX($D$3:$AA$30,INDEX(Jesper!$R$2:$R$366,ROW(INDEX(Jesper!AI$2:AI$366,ROUNDDOWN($C697/24,0)+1,1))-1)+IF('Standard Profiles'!$G$19=$B$10,7,0)+IF('Standard Profiles'!$G$19=$B$17,14,0)+IF('Standard Profiles'!$G$19=$B$24,21,0),MOD($C697,24)+1)/SUM(INDEX($D$3:$AA$30,INDEX(Jesper!$R$2:$R$366,ROW(INDEX(Jesper!AI$2:AI$366,ROUNDDOWN($C697/24,0)+1,1))-1)+IF('Standard Profiles'!$G$19=$B$10,7,0)+IF('Standard Profiles'!$G$19=$B$17,14,0)+IF('Standard Profiles'!$G$19=$B$24,21,0),0)),0)</f>
        <v>5.9655412936989798</v>
      </c>
      <c r="F697" cm="1">
        <f t="array" ref="F697">IFERROR(INDEX(Jesper!AJ$2:AJ$366,ROUNDDOWN($C697/24,0)+1,1)*INDEX($D$3:$AA$30,INDEX(Jesper!$R$2:$R$366,ROW(INDEX(Jesper!AJ$2:AJ$366,ROUNDDOWN($C697/24,0)+1,1))-1)+IF('Standard Profiles'!$G$20=$B$10,7,0)+IF('Standard Profiles'!$G$20=$B$17,14,0)+IF('Standard Profiles'!$G$20=$B$24,21,0),MOD($C697,24)+1)/SUM(INDEX($D$3:$AA$30,INDEX(Jesper!$R$2:$R$366,ROW(INDEX(Jesper!AJ$2:AJ$366,ROUNDDOWN($C697/24,0)+1,1))-1)+IF('Standard Profiles'!$G$20=$B$10,7,0)+IF('Standard Profiles'!$G$20=$B$17,14,0)+IF('Standard Profiles'!$G$20=$B$24,21,0),0)),0)</f>
        <v>5.4230848895960309</v>
      </c>
      <c r="G697" cm="1">
        <f t="array" ref="G697">IFERROR(INDEX(Jesper!AK$2:AK$366,ROUNDDOWN($C697/24,0)+1,1)*INDEX($D$3:$AA$30,INDEX(Jesper!$R$2:$R$366,ROW(INDEX(Jesper!AK$2:AK$366,ROUNDDOWN($C697/24,0)+1,1))-1)+IF('Standard Profiles'!$G$21=$B$10,7,0)+IF('Standard Profiles'!$G$21=$B$17,14,0)+IF('Standard Profiles'!$G$21=$B$24,21,0),MOD($C697,24)+1)/SUM(INDEX($D$3:$AA$30,INDEX(Jesper!$R$2:$R$366,ROW(INDEX(Jesper!AK$2:AK$366,ROUNDDOWN($C697/24,0)+1,1))-1)+IF('Standard Profiles'!$G$21=$B$10,7,0)+IF('Standard Profiles'!$G$21=$B$17,14,0)+IF('Standard Profiles'!$G$21=$B$24,21,0),0)),0)</f>
        <v>9.6220580665575586</v>
      </c>
      <c r="H697" cm="1">
        <f t="array" ref="H697">IFERROR(INDEX(Jesper!AL$2:AL$366,ROUNDDOWN($C697/24,0)+1,1)*INDEX($D$3:$AA$30,INDEX(Jesper!$R$2:$R$366,ROW(INDEX(Jesper!AL$2:AL$366,ROUNDDOWN($C697/24,0)+1,1))-1)+IF('Standard Profiles'!$G$22=$B$10,7,0)+IF('Standard Profiles'!$G$22=$B$17,14,0)+IF('Standard Profiles'!$G$22=$B$24,21,0),MOD($C697,24)+1)/SUM(INDEX($D$3:$AA$30,INDEX(Jesper!$R$2:$R$366,ROW(INDEX(Jesper!AL$2:AL$366,ROUNDDOWN($C697/24,0)+1,1))-1)+IF('Standard Profiles'!$G$22=$B$10,7,0)+IF('Standard Profiles'!$G$22=$B$17,14,0)+IF('Standard Profiles'!$G$22=$B$24,21,0),0)),0)</f>
        <v>8.7942833279430168</v>
      </c>
      <c r="I697">
        <f t="shared" si="90"/>
        <v>8.4425119948253009</v>
      </c>
      <c r="J697">
        <f t="shared" si="91"/>
        <v>20.646590627726408</v>
      </c>
      <c r="K697">
        <f t="shared" si="92"/>
        <v>0.47724330349591837</v>
      </c>
      <c r="L697">
        <f t="shared" si="93"/>
        <v>0.23862165174795918</v>
      </c>
      <c r="M697">
        <f t="shared" si="94"/>
        <v>0</v>
      </c>
      <c r="N697" s="45">
        <f t="shared" si="95"/>
        <v>44954.624999998392</v>
      </c>
    </row>
    <row r="698" spans="2:14" x14ac:dyDescent="0.25">
      <c r="B698">
        <f t="shared" si="89"/>
        <v>6</v>
      </c>
      <c r="C698" s="16">
        <v>664</v>
      </c>
      <c r="D698" cm="1">
        <f t="array" ref="D698">IFERROR(INDEX(Jesper!AH$2:AH$366,ROUNDDOWN($C698/24,0)+1,1)*INDEX($D$3:$AA$30,INDEX(Jesper!$R$2:$R$366,ROW(INDEX(Jesper!AH$2:AH$366,ROUNDDOWN($C698/24,0)+1,1))-1)+IF('Standard Profiles'!$G$18=$B$10,7,0)+IF('Standard Profiles'!$G$18=$B$17,14,0)+IF('Standard Profiles'!$G$18=$B$24,21,0),MOD($C698,24)+1)/SUM(INDEX($D$3:$AA$30,INDEX(Jesper!$R$2:$R$366,ROW(INDEX(Jesper!AH$2:AH$366,ROUNDDOWN($C698/24,0)+1,1))-1)+IF('Standard Profiles'!$G$18=$B$10,7,0)+IF('Standard Profiles'!$G$18=$B$17,14,0)+IF('Standard Profiles'!$G$18=$B$24,21,0),0)),0)</f>
        <v>0</v>
      </c>
      <c r="E698" cm="1">
        <f t="array" ref="E698">IFERROR(INDEX(Jesper!AI$2:AI$366,ROUNDDOWN($C698/24,0)+1,1)*INDEX($D$3:$AA$30,INDEX(Jesper!$R$2:$R$366,ROW(INDEX(Jesper!AI$2:AI$366,ROUNDDOWN($C698/24,0)+1,1))-1)+IF('Standard Profiles'!$G$19=$B$10,7,0)+IF('Standard Profiles'!$G$19=$B$17,14,0)+IF('Standard Profiles'!$G$19=$B$24,21,0),MOD($C698,24)+1)/SUM(INDEX($D$3:$AA$30,INDEX(Jesper!$R$2:$R$366,ROW(INDEX(Jesper!AI$2:AI$366,ROUNDDOWN($C698/24,0)+1,1))-1)+IF('Standard Profiles'!$G$19=$B$10,7,0)+IF('Standard Profiles'!$G$19=$B$17,14,0)+IF('Standard Profiles'!$G$19=$B$24,21,0),0)),0)</f>
        <v>5.9655412936989798</v>
      </c>
      <c r="F698" cm="1">
        <f t="array" ref="F698">IFERROR(INDEX(Jesper!AJ$2:AJ$366,ROUNDDOWN($C698/24,0)+1,1)*INDEX($D$3:$AA$30,INDEX(Jesper!$R$2:$R$366,ROW(INDEX(Jesper!AJ$2:AJ$366,ROUNDDOWN($C698/24,0)+1,1))-1)+IF('Standard Profiles'!$G$20=$B$10,7,0)+IF('Standard Profiles'!$G$20=$B$17,14,0)+IF('Standard Profiles'!$G$20=$B$24,21,0),MOD($C698,24)+1)/SUM(INDEX($D$3:$AA$30,INDEX(Jesper!$R$2:$R$366,ROW(INDEX(Jesper!AJ$2:AJ$366,ROUNDDOWN($C698/24,0)+1,1))-1)+IF('Standard Profiles'!$G$20=$B$10,7,0)+IF('Standard Profiles'!$G$20=$B$17,14,0)+IF('Standard Profiles'!$G$20=$B$24,21,0),0)),0)</f>
        <v>5.4230848895960309</v>
      </c>
      <c r="G698" cm="1">
        <f t="array" ref="G698">IFERROR(INDEX(Jesper!AK$2:AK$366,ROUNDDOWN($C698/24,0)+1,1)*INDEX($D$3:$AA$30,INDEX(Jesper!$R$2:$R$366,ROW(INDEX(Jesper!AK$2:AK$366,ROUNDDOWN($C698/24,0)+1,1))-1)+IF('Standard Profiles'!$G$21=$B$10,7,0)+IF('Standard Profiles'!$G$21=$B$17,14,0)+IF('Standard Profiles'!$G$21=$B$24,21,0),MOD($C698,24)+1)/SUM(INDEX($D$3:$AA$30,INDEX(Jesper!$R$2:$R$366,ROW(INDEX(Jesper!AK$2:AK$366,ROUNDDOWN($C698/24,0)+1,1))-1)+IF('Standard Profiles'!$G$21=$B$10,7,0)+IF('Standard Profiles'!$G$21=$B$17,14,0)+IF('Standard Profiles'!$G$21=$B$24,21,0),0)),0)</f>
        <v>9.6220580665575586</v>
      </c>
      <c r="H698" cm="1">
        <f t="array" ref="H698">IFERROR(INDEX(Jesper!AL$2:AL$366,ROUNDDOWN($C698/24,0)+1,1)*INDEX($D$3:$AA$30,INDEX(Jesper!$R$2:$R$366,ROW(INDEX(Jesper!AL$2:AL$366,ROUNDDOWN($C698/24,0)+1,1))-1)+IF('Standard Profiles'!$G$22=$B$10,7,0)+IF('Standard Profiles'!$G$22=$B$17,14,0)+IF('Standard Profiles'!$G$22=$B$24,21,0),MOD($C698,24)+1)/SUM(INDEX($D$3:$AA$30,INDEX(Jesper!$R$2:$R$366,ROW(INDEX(Jesper!AL$2:AL$366,ROUNDDOWN($C698/24,0)+1,1))-1)+IF('Standard Profiles'!$G$22=$B$10,7,0)+IF('Standard Profiles'!$G$22=$B$17,14,0)+IF('Standard Profiles'!$G$22=$B$24,21,0),0)),0)</f>
        <v>7.9948030254027422</v>
      </c>
      <c r="I698">
        <f t="shared" si="90"/>
        <v>7.675010904386637</v>
      </c>
      <c r="J698">
        <f t="shared" si="91"/>
        <v>20.614611415624797</v>
      </c>
      <c r="K698">
        <f t="shared" si="92"/>
        <v>0.47724330349591837</v>
      </c>
      <c r="L698">
        <f t="shared" si="93"/>
        <v>0.23862165174795918</v>
      </c>
      <c r="M698">
        <f t="shared" si="94"/>
        <v>0</v>
      </c>
      <c r="N698" s="45">
        <f t="shared" si="95"/>
        <v>44954.666666665056</v>
      </c>
    </row>
    <row r="699" spans="2:14" x14ac:dyDescent="0.25">
      <c r="B699">
        <f t="shared" si="89"/>
        <v>6</v>
      </c>
      <c r="C699" s="16">
        <v>665</v>
      </c>
      <c r="D699" cm="1">
        <f t="array" ref="D699">IFERROR(INDEX(Jesper!AH$2:AH$366,ROUNDDOWN($C699/24,0)+1,1)*INDEX($D$3:$AA$30,INDEX(Jesper!$R$2:$R$366,ROW(INDEX(Jesper!AH$2:AH$366,ROUNDDOWN($C699/24,0)+1,1))-1)+IF('Standard Profiles'!$G$18=$B$10,7,0)+IF('Standard Profiles'!$G$18=$B$17,14,0)+IF('Standard Profiles'!$G$18=$B$24,21,0),MOD($C699,24)+1)/SUM(INDEX($D$3:$AA$30,INDEX(Jesper!$R$2:$R$366,ROW(INDEX(Jesper!AH$2:AH$366,ROUNDDOWN($C699/24,0)+1,1))-1)+IF('Standard Profiles'!$G$18=$B$10,7,0)+IF('Standard Profiles'!$G$18=$B$17,14,0)+IF('Standard Profiles'!$G$18=$B$24,21,0),0)),0)</f>
        <v>0</v>
      </c>
      <c r="E699" cm="1">
        <f t="array" ref="E699">IFERROR(INDEX(Jesper!AI$2:AI$366,ROUNDDOWN($C699/24,0)+1,1)*INDEX($D$3:$AA$30,INDEX(Jesper!$R$2:$R$366,ROW(INDEX(Jesper!AI$2:AI$366,ROUNDDOWN($C699/24,0)+1,1))-1)+IF('Standard Profiles'!$G$19=$B$10,7,0)+IF('Standard Profiles'!$G$19=$B$17,14,0)+IF('Standard Profiles'!$G$19=$B$24,21,0),MOD($C699,24)+1)/SUM(INDEX($D$3:$AA$30,INDEX(Jesper!$R$2:$R$366,ROW(INDEX(Jesper!AI$2:AI$366,ROUNDDOWN($C699/24,0)+1,1))-1)+IF('Standard Profiles'!$G$19=$B$10,7,0)+IF('Standard Profiles'!$G$19=$B$17,14,0)+IF('Standard Profiles'!$G$19=$B$24,21,0),0)),0)</f>
        <v>5.9655412936989798</v>
      </c>
      <c r="F699" cm="1">
        <f t="array" ref="F699">IFERROR(INDEX(Jesper!AJ$2:AJ$366,ROUNDDOWN($C699/24,0)+1,1)*INDEX($D$3:$AA$30,INDEX(Jesper!$R$2:$R$366,ROW(INDEX(Jesper!AJ$2:AJ$366,ROUNDDOWN($C699/24,0)+1,1))-1)+IF('Standard Profiles'!$G$20=$B$10,7,0)+IF('Standard Profiles'!$G$20=$B$17,14,0)+IF('Standard Profiles'!$G$20=$B$24,21,0),MOD($C699,24)+1)/SUM(INDEX($D$3:$AA$30,INDEX(Jesper!$R$2:$R$366,ROW(INDEX(Jesper!AJ$2:AJ$366,ROUNDDOWN($C699/24,0)+1,1))-1)+IF('Standard Profiles'!$G$20=$B$10,7,0)+IF('Standard Profiles'!$G$20=$B$17,14,0)+IF('Standard Profiles'!$G$20=$B$24,21,0),0)),0)</f>
        <v>5.4230848895960309</v>
      </c>
      <c r="G699" cm="1">
        <f t="array" ref="G699">IFERROR(INDEX(Jesper!AK$2:AK$366,ROUNDDOWN($C699/24,0)+1,1)*INDEX($D$3:$AA$30,INDEX(Jesper!$R$2:$R$366,ROW(INDEX(Jesper!AK$2:AK$366,ROUNDDOWN($C699/24,0)+1,1))-1)+IF('Standard Profiles'!$G$21=$B$10,7,0)+IF('Standard Profiles'!$G$21=$B$17,14,0)+IF('Standard Profiles'!$G$21=$B$24,21,0),MOD($C699,24)+1)/SUM(INDEX($D$3:$AA$30,INDEX(Jesper!$R$2:$R$366,ROW(INDEX(Jesper!AK$2:AK$366,ROUNDDOWN($C699/24,0)+1,1))-1)+IF('Standard Profiles'!$G$21=$B$10,7,0)+IF('Standard Profiles'!$G$21=$B$17,14,0)+IF('Standard Profiles'!$G$21=$B$24,21,0),0)),0)</f>
        <v>9.6220580665575586</v>
      </c>
      <c r="H699" cm="1">
        <f t="array" ref="H699">IFERROR(INDEX(Jesper!AL$2:AL$366,ROUNDDOWN($C699/24,0)+1,1)*INDEX($D$3:$AA$30,INDEX(Jesper!$R$2:$R$366,ROW(INDEX(Jesper!AL$2:AL$366,ROUNDDOWN($C699/24,0)+1,1))-1)+IF('Standard Profiles'!$G$22=$B$10,7,0)+IF('Standard Profiles'!$G$22=$B$17,14,0)+IF('Standard Profiles'!$G$22=$B$24,21,0),MOD($C699,24)+1)/SUM(INDEX($D$3:$AA$30,INDEX(Jesper!$R$2:$R$366,ROW(INDEX(Jesper!AL$2:AL$366,ROUNDDOWN($C699/24,0)+1,1))-1)+IF('Standard Profiles'!$G$22=$B$10,7,0)+IF('Standard Profiles'!$G$22=$B$17,14,0)+IF('Standard Profiles'!$G$22=$B$24,21,0),0)),0)</f>
        <v>7.1953227228624694</v>
      </c>
      <c r="I699">
        <f t="shared" si="90"/>
        <v>6.907509813947974</v>
      </c>
      <c r="J699">
        <f t="shared" si="91"/>
        <v>20.58263220352319</v>
      </c>
      <c r="K699">
        <f t="shared" si="92"/>
        <v>0.47724330349591837</v>
      </c>
      <c r="L699">
        <f t="shared" si="93"/>
        <v>0.23862165174795918</v>
      </c>
      <c r="M699">
        <f t="shared" si="94"/>
        <v>0</v>
      </c>
      <c r="N699" s="45">
        <f t="shared" si="95"/>
        <v>44954.70833333172</v>
      </c>
    </row>
    <row r="700" spans="2:14" x14ac:dyDescent="0.25">
      <c r="B700">
        <f t="shared" si="89"/>
        <v>6</v>
      </c>
      <c r="C700" s="16">
        <v>666</v>
      </c>
      <c r="D700" cm="1">
        <f t="array" ref="D700">IFERROR(INDEX(Jesper!AH$2:AH$366,ROUNDDOWN($C700/24,0)+1,1)*INDEX($D$3:$AA$30,INDEX(Jesper!$R$2:$R$366,ROW(INDEX(Jesper!AH$2:AH$366,ROUNDDOWN($C700/24,0)+1,1))-1)+IF('Standard Profiles'!$G$18=$B$10,7,0)+IF('Standard Profiles'!$G$18=$B$17,14,0)+IF('Standard Profiles'!$G$18=$B$24,21,0),MOD($C700,24)+1)/SUM(INDEX($D$3:$AA$30,INDEX(Jesper!$R$2:$R$366,ROW(INDEX(Jesper!AH$2:AH$366,ROUNDDOWN($C700/24,0)+1,1))-1)+IF('Standard Profiles'!$G$18=$B$10,7,0)+IF('Standard Profiles'!$G$18=$B$17,14,0)+IF('Standard Profiles'!$G$18=$B$24,21,0),0)),0)</f>
        <v>0</v>
      </c>
      <c r="E700" cm="1">
        <f t="array" ref="E700">IFERROR(INDEX(Jesper!AI$2:AI$366,ROUNDDOWN($C700/24,0)+1,1)*INDEX($D$3:$AA$30,INDEX(Jesper!$R$2:$R$366,ROW(INDEX(Jesper!AI$2:AI$366,ROUNDDOWN($C700/24,0)+1,1))-1)+IF('Standard Profiles'!$G$19=$B$10,7,0)+IF('Standard Profiles'!$G$19=$B$17,14,0)+IF('Standard Profiles'!$G$19=$B$24,21,0),MOD($C700,24)+1)/SUM(INDEX($D$3:$AA$30,INDEX(Jesper!$R$2:$R$366,ROW(INDEX(Jesper!AI$2:AI$366,ROUNDDOWN($C700/24,0)+1,1))-1)+IF('Standard Profiles'!$G$19=$B$10,7,0)+IF('Standard Profiles'!$G$19=$B$17,14,0)+IF('Standard Profiles'!$G$19=$B$24,21,0),0)),0)</f>
        <v>5.9655412936989798</v>
      </c>
      <c r="F700" cm="1">
        <f t="array" ref="F700">IFERROR(INDEX(Jesper!AJ$2:AJ$366,ROUNDDOWN($C700/24,0)+1,1)*INDEX($D$3:$AA$30,INDEX(Jesper!$R$2:$R$366,ROW(INDEX(Jesper!AJ$2:AJ$366,ROUNDDOWN($C700/24,0)+1,1))-1)+IF('Standard Profiles'!$G$20=$B$10,7,0)+IF('Standard Profiles'!$G$20=$B$17,14,0)+IF('Standard Profiles'!$G$20=$B$24,21,0),MOD($C700,24)+1)/SUM(INDEX($D$3:$AA$30,INDEX(Jesper!$R$2:$R$366,ROW(INDEX(Jesper!AJ$2:AJ$366,ROUNDDOWN($C700/24,0)+1,1))-1)+IF('Standard Profiles'!$G$20=$B$10,7,0)+IF('Standard Profiles'!$G$20=$B$17,14,0)+IF('Standard Profiles'!$G$20=$B$24,21,0),0)),0)</f>
        <v>5.4230848895960309</v>
      </c>
      <c r="G700" cm="1">
        <f t="array" ref="G700">IFERROR(INDEX(Jesper!AK$2:AK$366,ROUNDDOWN($C700/24,0)+1,1)*INDEX($D$3:$AA$30,INDEX(Jesper!$R$2:$R$366,ROW(INDEX(Jesper!AK$2:AK$366,ROUNDDOWN($C700/24,0)+1,1))-1)+IF('Standard Profiles'!$G$21=$B$10,7,0)+IF('Standard Profiles'!$G$21=$B$17,14,0)+IF('Standard Profiles'!$G$21=$B$24,21,0),MOD($C700,24)+1)/SUM(INDEX($D$3:$AA$30,INDEX(Jesper!$R$2:$R$366,ROW(INDEX(Jesper!AK$2:AK$366,ROUNDDOWN($C700/24,0)+1,1))-1)+IF('Standard Profiles'!$G$21=$B$10,7,0)+IF('Standard Profiles'!$G$21=$B$17,14,0)+IF('Standard Profiles'!$G$21=$B$24,21,0),0)),0)</f>
        <v>9.6220580665575586</v>
      </c>
      <c r="H700" cm="1">
        <f t="array" ref="H700">IFERROR(INDEX(Jesper!AL$2:AL$366,ROUNDDOWN($C700/24,0)+1,1)*INDEX($D$3:$AA$30,INDEX(Jesper!$R$2:$R$366,ROW(INDEX(Jesper!AL$2:AL$366,ROUNDDOWN($C700/24,0)+1,1))-1)+IF('Standard Profiles'!$G$22=$B$10,7,0)+IF('Standard Profiles'!$G$22=$B$17,14,0)+IF('Standard Profiles'!$G$22=$B$24,21,0),MOD($C700,24)+1)/SUM(INDEX($D$3:$AA$30,INDEX(Jesper!$R$2:$R$366,ROW(INDEX(Jesper!AL$2:AL$366,ROUNDDOWN($C700/24,0)+1,1))-1)+IF('Standard Profiles'!$G$22=$B$10,7,0)+IF('Standard Profiles'!$G$22=$B$17,14,0)+IF('Standard Profiles'!$G$22=$B$24,21,0),0)),0)</f>
        <v>6.928829288682377</v>
      </c>
      <c r="I700">
        <f t="shared" si="90"/>
        <v>6.6516761171350858</v>
      </c>
      <c r="J700">
        <f t="shared" si="91"/>
        <v>20.571972466155984</v>
      </c>
      <c r="K700">
        <f t="shared" si="92"/>
        <v>0.47724330349591837</v>
      </c>
      <c r="L700">
        <f t="shared" si="93"/>
        <v>0.23862165174795918</v>
      </c>
      <c r="M700">
        <f t="shared" si="94"/>
        <v>0</v>
      </c>
      <c r="N700" s="45">
        <f t="shared" si="95"/>
        <v>44954.749999998385</v>
      </c>
    </row>
    <row r="701" spans="2:14" x14ac:dyDescent="0.25">
      <c r="B701">
        <f t="shared" si="89"/>
        <v>6</v>
      </c>
      <c r="C701" s="16">
        <v>667</v>
      </c>
      <c r="D701" cm="1">
        <f t="array" ref="D701">IFERROR(INDEX(Jesper!AH$2:AH$366,ROUNDDOWN($C701/24,0)+1,1)*INDEX($D$3:$AA$30,INDEX(Jesper!$R$2:$R$366,ROW(INDEX(Jesper!AH$2:AH$366,ROUNDDOWN($C701/24,0)+1,1))-1)+IF('Standard Profiles'!$G$18=$B$10,7,0)+IF('Standard Profiles'!$G$18=$B$17,14,0)+IF('Standard Profiles'!$G$18=$B$24,21,0),MOD($C701,24)+1)/SUM(INDEX($D$3:$AA$30,INDEX(Jesper!$R$2:$R$366,ROW(INDEX(Jesper!AH$2:AH$366,ROUNDDOWN($C701/24,0)+1,1))-1)+IF('Standard Profiles'!$G$18=$B$10,7,0)+IF('Standard Profiles'!$G$18=$B$17,14,0)+IF('Standard Profiles'!$G$18=$B$24,21,0),0)),0)</f>
        <v>0</v>
      </c>
      <c r="E701" cm="1">
        <f t="array" ref="E701">IFERROR(INDEX(Jesper!AI$2:AI$366,ROUNDDOWN($C701/24,0)+1,1)*INDEX($D$3:$AA$30,INDEX(Jesper!$R$2:$R$366,ROW(INDEX(Jesper!AI$2:AI$366,ROUNDDOWN($C701/24,0)+1,1))-1)+IF('Standard Profiles'!$G$19=$B$10,7,0)+IF('Standard Profiles'!$G$19=$B$17,14,0)+IF('Standard Profiles'!$G$19=$B$24,21,0),MOD($C701,24)+1)/SUM(INDEX($D$3:$AA$30,INDEX(Jesper!$R$2:$R$366,ROW(INDEX(Jesper!AI$2:AI$366,ROUNDDOWN($C701/24,0)+1,1))-1)+IF('Standard Profiles'!$G$19=$B$10,7,0)+IF('Standard Profiles'!$G$19=$B$17,14,0)+IF('Standard Profiles'!$G$19=$B$24,21,0),0)),0)</f>
        <v>5.9655412936989798</v>
      </c>
      <c r="F701" cm="1">
        <f t="array" ref="F701">IFERROR(INDEX(Jesper!AJ$2:AJ$366,ROUNDDOWN($C701/24,0)+1,1)*INDEX($D$3:$AA$30,INDEX(Jesper!$R$2:$R$366,ROW(INDEX(Jesper!AJ$2:AJ$366,ROUNDDOWN($C701/24,0)+1,1))-1)+IF('Standard Profiles'!$G$20=$B$10,7,0)+IF('Standard Profiles'!$G$20=$B$17,14,0)+IF('Standard Profiles'!$G$20=$B$24,21,0),MOD($C701,24)+1)/SUM(INDEX($D$3:$AA$30,INDEX(Jesper!$R$2:$R$366,ROW(INDEX(Jesper!AJ$2:AJ$366,ROUNDDOWN($C701/24,0)+1,1))-1)+IF('Standard Profiles'!$G$20=$B$10,7,0)+IF('Standard Profiles'!$G$20=$B$17,14,0)+IF('Standard Profiles'!$G$20=$B$24,21,0),0)),0)</f>
        <v>5.4230848895960309</v>
      </c>
      <c r="G701" cm="1">
        <f t="array" ref="G701">IFERROR(INDEX(Jesper!AK$2:AK$366,ROUNDDOWN($C701/24,0)+1,1)*INDEX($D$3:$AA$30,INDEX(Jesper!$R$2:$R$366,ROW(INDEX(Jesper!AK$2:AK$366,ROUNDDOWN($C701/24,0)+1,1))-1)+IF('Standard Profiles'!$G$21=$B$10,7,0)+IF('Standard Profiles'!$G$21=$B$17,14,0)+IF('Standard Profiles'!$G$21=$B$24,21,0),MOD($C701,24)+1)/SUM(INDEX($D$3:$AA$30,INDEX(Jesper!$R$2:$R$366,ROW(INDEX(Jesper!AK$2:AK$366,ROUNDDOWN($C701/24,0)+1,1))-1)+IF('Standard Profiles'!$G$21=$B$10,7,0)+IF('Standard Profiles'!$G$21=$B$17,14,0)+IF('Standard Profiles'!$G$21=$B$24,21,0),0)),0)</f>
        <v>9.6220580665575586</v>
      </c>
      <c r="H701" cm="1">
        <f t="array" ref="H701">IFERROR(INDEX(Jesper!AL$2:AL$366,ROUNDDOWN($C701/24,0)+1,1)*INDEX($D$3:$AA$30,INDEX(Jesper!$R$2:$R$366,ROW(INDEX(Jesper!AL$2:AL$366,ROUNDDOWN($C701/24,0)+1,1))-1)+IF('Standard Profiles'!$G$22=$B$10,7,0)+IF('Standard Profiles'!$G$22=$B$17,14,0)+IF('Standard Profiles'!$G$22=$B$24,21,0),MOD($C701,24)+1)/SUM(INDEX($D$3:$AA$30,INDEX(Jesper!$R$2:$R$366,ROW(INDEX(Jesper!AL$2:AL$366,ROUNDDOWN($C701/24,0)+1,1))-1)+IF('Standard Profiles'!$G$22=$B$10,7,0)+IF('Standard Profiles'!$G$22=$B$17,14,0)+IF('Standard Profiles'!$G$22=$B$24,21,0),0)),0)</f>
        <v>5.5963621177819194</v>
      </c>
      <c r="I701">
        <f t="shared" si="90"/>
        <v>5.3725076330706454</v>
      </c>
      <c r="J701">
        <f t="shared" si="91"/>
        <v>20.518673779319968</v>
      </c>
      <c r="K701">
        <f t="shared" si="92"/>
        <v>0.47724330349591837</v>
      </c>
      <c r="L701">
        <f t="shared" si="93"/>
        <v>0.23862165174795918</v>
      </c>
      <c r="M701">
        <f t="shared" si="94"/>
        <v>0</v>
      </c>
      <c r="N701" s="45">
        <f t="shared" si="95"/>
        <v>44954.791666665049</v>
      </c>
    </row>
    <row r="702" spans="2:14" x14ac:dyDescent="0.25">
      <c r="B702">
        <f t="shared" si="89"/>
        <v>6</v>
      </c>
      <c r="C702" s="16">
        <v>668</v>
      </c>
      <c r="D702" cm="1">
        <f t="array" ref="D702">IFERROR(INDEX(Jesper!AH$2:AH$366,ROUNDDOWN($C702/24,0)+1,1)*INDEX($D$3:$AA$30,INDEX(Jesper!$R$2:$R$366,ROW(INDEX(Jesper!AH$2:AH$366,ROUNDDOWN($C702/24,0)+1,1))-1)+IF('Standard Profiles'!$G$18=$B$10,7,0)+IF('Standard Profiles'!$G$18=$B$17,14,0)+IF('Standard Profiles'!$G$18=$B$24,21,0),MOD($C702,24)+1)/SUM(INDEX($D$3:$AA$30,INDEX(Jesper!$R$2:$R$366,ROW(INDEX(Jesper!AH$2:AH$366,ROUNDDOWN($C702/24,0)+1,1))-1)+IF('Standard Profiles'!$G$18=$B$10,7,0)+IF('Standard Profiles'!$G$18=$B$17,14,0)+IF('Standard Profiles'!$G$18=$B$24,21,0),0)),0)</f>
        <v>0</v>
      </c>
      <c r="E702" cm="1">
        <f t="array" ref="E702">IFERROR(INDEX(Jesper!AI$2:AI$366,ROUNDDOWN($C702/24,0)+1,1)*INDEX($D$3:$AA$30,INDEX(Jesper!$R$2:$R$366,ROW(INDEX(Jesper!AI$2:AI$366,ROUNDDOWN($C702/24,0)+1,1))-1)+IF('Standard Profiles'!$G$19=$B$10,7,0)+IF('Standard Profiles'!$G$19=$B$17,14,0)+IF('Standard Profiles'!$G$19=$B$24,21,0),MOD($C702,24)+1)/SUM(INDEX($D$3:$AA$30,INDEX(Jesper!$R$2:$R$366,ROW(INDEX(Jesper!AI$2:AI$366,ROUNDDOWN($C702/24,0)+1,1))-1)+IF('Standard Profiles'!$G$19=$B$10,7,0)+IF('Standard Profiles'!$G$19=$B$17,14,0)+IF('Standard Profiles'!$G$19=$B$24,21,0),0)),0)</f>
        <v>5.9655412936989798</v>
      </c>
      <c r="F702" cm="1">
        <f t="array" ref="F702">IFERROR(INDEX(Jesper!AJ$2:AJ$366,ROUNDDOWN($C702/24,0)+1,1)*INDEX($D$3:$AA$30,INDEX(Jesper!$R$2:$R$366,ROW(INDEX(Jesper!AJ$2:AJ$366,ROUNDDOWN($C702/24,0)+1,1))-1)+IF('Standard Profiles'!$G$20=$B$10,7,0)+IF('Standard Profiles'!$G$20=$B$17,14,0)+IF('Standard Profiles'!$G$20=$B$24,21,0),MOD($C702,24)+1)/SUM(INDEX($D$3:$AA$30,INDEX(Jesper!$R$2:$R$366,ROW(INDEX(Jesper!AJ$2:AJ$366,ROUNDDOWN($C702/24,0)+1,1))-1)+IF('Standard Profiles'!$G$20=$B$10,7,0)+IF('Standard Profiles'!$G$20=$B$17,14,0)+IF('Standard Profiles'!$G$20=$B$24,21,0),0)),0)</f>
        <v>5.4230848895960309</v>
      </c>
      <c r="G702" cm="1">
        <f t="array" ref="G702">IFERROR(INDEX(Jesper!AK$2:AK$366,ROUNDDOWN($C702/24,0)+1,1)*INDEX($D$3:$AA$30,INDEX(Jesper!$R$2:$R$366,ROW(INDEX(Jesper!AK$2:AK$366,ROUNDDOWN($C702/24,0)+1,1))-1)+IF('Standard Profiles'!$G$21=$B$10,7,0)+IF('Standard Profiles'!$G$21=$B$17,14,0)+IF('Standard Profiles'!$G$21=$B$24,21,0),MOD($C702,24)+1)/SUM(INDEX($D$3:$AA$30,INDEX(Jesper!$R$2:$R$366,ROW(INDEX(Jesper!AK$2:AK$366,ROUNDDOWN($C702/24,0)+1,1))-1)+IF('Standard Profiles'!$G$21=$B$10,7,0)+IF('Standard Profiles'!$G$21=$B$17,14,0)+IF('Standard Profiles'!$G$21=$B$24,21,0),0)),0)</f>
        <v>9.6220580665575586</v>
      </c>
      <c r="H702" cm="1">
        <f t="array" ref="H702">IFERROR(INDEX(Jesper!AL$2:AL$366,ROUNDDOWN($C702/24,0)+1,1)*INDEX($D$3:$AA$30,INDEX(Jesper!$R$2:$R$366,ROW(INDEX(Jesper!AL$2:AL$366,ROUNDDOWN($C702/24,0)+1,1))-1)+IF('Standard Profiles'!$G$22=$B$10,7,0)+IF('Standard Profiles'!$G$22=$B$17,14,0)+IF('Standard Profiles'!$G$22=$B$24,21,0),MOD($C702,24)+1)/SUM(INDEX($D$3:$AA$30,INDEX(Jesper!$R$2:$R$366,ROW(INDEX(Jesper!AL$2:AL$366,ROUNDDOWN($C702/24,0)+1,1))-1)+IF('Standard Profiles'!$G$22=$B$10,7,0)+IF('Standard Profiles'!$G$22=$B$17,14,0)+IF('Standard Profiles'!$G$22=$B$24,21,0),0)),0)</f>
        <v>4.1306482297914169</v>
      </c>
      <c r="I702">
        <f t="shared" si="90"/>
        <v>3.9654223005997622</v>
      </c>
      <c r="J702">
        <f t="shared" si="91"/>
        <v>20.460045223800346</v>
      </c>
      <c r="K702">
        <f t="shared" si="92"/>
        <v>0.47724330349591837</v>
      </c>
      <c r="L702">
        <f t="shared" si="93"/>
        <v>0.23862165174795918</v>
      </c>
      <c r="M702">
        <f t="shared" si="94"/>
        <v>0</v>
      </c>
      <c r="N702" s="45">
        <f t="shared" si="95"/>
        <v>44954.833333331713</v>
      </c>
    </row>
    <row r="703" spans="2:14" x14ac:dyDescent="0.25">
      <c r="B703">
        <f t="shared" si="89"/>
        <v>6</v>
      </c>
      <c r="C703" s="16">
        <v>669</v>
      </c>
      <c r="D703" cm="1">
        <f t="array" ref="D703">IFERROR(INDEX(Jesper!AH$2:AH$366,ROUNDDOWN($C703/24,0)+1,1)*INDEX($D$3:$AA$30,INDEX(Jesper!$R$2:$R$366,ROW(INDEX(Jesper!AH$2:AH$366,ROUNDDOWN($C703/24,0)+1,1))-1)+IF('Standard Profiles'!$G$18=$B$10,7,0)+IF('Standard Profiles'!$G$18=$B$17,14,0)+IF('Standard Profiles'!$G$18=$B$24,21,0),MOD($C703,24)+1)/SUM(INDEX($D$3:$AA$30,INDEX(Jesper!$R$2:$R$366,ROW(INDEX(Jesper!AH$2:AH$366,ROUNDDOWN($C703/24,0)+1,1))-1)+IF('Standard Profiles'!$G$18=$B$10,7,0)+IF('Standard Profiles'!$G$18=$B$17,14,0)+IF('Standard Profiles'!$G$18=$B$24,21,0),0)),0)</f>
        <v>0</v>
      </c>
      <c r="E703" cm="1">
        <f t="array" ref="E703">IFERROR(INDEX(Jesper!AI$2:AI$366,ROUNDDOWN($C703/24,0)+1,1)*INDEX($D$3:$AA$30,INDEX(Jesper!$R$2:$R$366,ROW(INDEX(Jesper!AI$2:AI$366,ROUNDDOWN($C703/24,0)+1,1))-1)+IF('Standard Profiles'!$G$19=$B$10,7,0)+IF('Standard Profiles'!$G$19=$B$17,14,0)+IF('Standard Profiles'!$G$19=$B$24,21,0),MOD($C703,24)+1)/SUM(INDEX($D$3:$AA$30,INDEX(Jesper!$R$2:$R$366,ROW(INDEX(Jesper!AI$2:AI$366,ROUNDDOWN($C703/24,0)+1,1))-1)+IF('Standard Profiles'!$G$19=$B$10,7,0)+IF('Standard Profiles'!$G$19=$B$17,14,0)+IF('Standard Profiles'!$G$19=$B$24,21,0),0)),0)</f>
        <v>5.9655412936989798</v>
      </c>
      <c r="F703" cm="1">
        <f t="array" ref="F703">IFERROR(INDEX(Jesper!AJ$2:AJ$366,ROUNDDOWN($C703/24,0)+1,1)*INDEX($D$3:$AA$30,INDEX(Jesper!$R$2:$R$366,ROW(INDEX(Jesper!AJ$2:AJ$366,ROUNDDOWN($C703/24,0)+1,1))-1)+IF('Standard Profiles'!$G$20=$B$10,7,0)+IF('Standard Profiles'!$G$20=$B$17,14,0)+IF('Standard Profiles'!$G$20=$B$24,21,0),MOD($C703,24)+1)/SUM(INDEX($D$3:$AA$30,INDEX(Jesper!$R$2:$R$366,ROW(INDEX(Jesper!AJ$2:AJ$366,ROUNDDOWN($C703/24,0)+1,1))-1)+IF('Standard Profiles'!$G$20=$B$10,7,0)+IF('Standard Profiles'!$G$20=$B$17,14,0)+IF('Standard Profiles'!$G$20=$B$24,21,0),0)),0)</f>
        <v>5.4230848895960309</v>
      </c>
      <c r="G703" cm="1">
        <f t="array" ref="G703">IFERROR(INDEX(Jesper!AK$2:AK$366,ROUNDDOWN($C703/24,0)+1,1)*INDEX($D$3:$AA$30,INDEX(Jesper!$R$2:$R$366,ROW(INDEX(Jesper!AK$2:AK$366,ROUNDDOWN($C703/24,0)+1,1))-1)+IF('Standard Profiles'!$G$21=$B$10,7,0)+IF('Standard Profiles'!$G$21=$B$17,14,0)+IF('Standard Profiles'!$G$21=$B$24,21,0),MOD($C703,24)+1)/SUM(INDEX($D$3:$AA$30,INDEX(Jesper!$R$2:$R$366,ROW(INDEX(Jesper!AK$2:AK$366,ROUNDDOWN($C703/24,0)+1,1))-1)+IF('Standard Profiles'!$G$21=$B$10,7,0)+IF('Standard Profiles'!$G$21=$B$17,14,0)+IF('Standard Profiles'!$G$21=$B$24,21,0),0)),0)</f>
        <v>9.6220580665575586</v>
      </c>
      <c r="H703" cm="1">
        <f t="array" ref="H703">IFERROR(INDEX(Jesper!AL$2:AL$366,ROUNDDOWN($C703/24,0)+1,1)*INDEX($D$3:$AA$30,INDEX(Jesper!$R$2:$R$366,ROW(INDEX(Jesper!AL$2:AL$366,ROUNDDOWN($C703/24,0)+1,1))-1)+IF('Standard Profiles'!$G$22=$B$10,7,0)+IF('Standard Profiles'!$G$22=$B$17,14,0)+IF('Standard Profiles'!$G$22=$B$24,21,0),MOD($C703,24)+1)/SUM(INDEX($D$3:$AA$30,INDEX(Jesper!$R$2:$R$366,ROW(INDEX(Jesper!AL$2:AL$366,ROUNDDOWN($C703/24,0)+1,1))-1)+IF('Standard Profiles'!$G$22=$B$10,7,0)+IF('Standard Profiles'!$G$22=$B$17,14,0)+IF('Standard Profiles'!$G$22=$B$24,21,0),0)),0)</f>
        <v>4.1306482297914169</v>
      </c>
      <c r="I703">
        <f t="shared" si="90"/>
        <v>3.9654223005997622</v>
      </c>
      <c r="J703">
        <f t="shared" si="91"/>
        <v>20.460045223800346</v>
      </c>
      <c r="K703">
        <f t="shared" si="92"/>
        <v>0.47724330349591837</v>
      </c>
      <c r="L703">
        <f t="shared" si="93"/>
        <v>0.23862165174795918</v>
      </c>
      <c r="M703">
        <f t="shared" si="94"/>
        <v>0</v>
      </c>
      <c r="N703" s="45">
        <f t="shared" si="95"/>
        <v>44954.874999998377</v>
      </c>
    </row>
    <row r="704" spans="2:14" x14ac:dyDescent="0.25">
      <c r="B704">
        <f t="shared" si="89"/>
        <v>6</v>
      </c>
      <c r="C704" s="16">
        <v>670</v>
      </c>
      <c r="D704" cm="1">
        <f t="array" ref="D704">IFERROR(INDEX(Jesper!AH$2:AH$366,ROUNDDOWN($C704/24,0)+1,1)*INDEX($D$3:$AA$30,INDEX(Jesper!$R$2:$R$366,ROW(INDEX(Jesper!AH$2:AH$366,ROUNDDOWN($C704/24,0)+1,1))-1)+IF('Standard Profiles'!$G$18=$B$10,7,0)+IF('Standard Profiles'!$G$18=$B$17,14,0)+IF('Standard Profiles'!$G$18=$B$24,21,0),MOD($C704,24)+1)/SUM(INDEX($D$3:$AA$30,INDEX(Jesper!$R$2:$R$366,ROW(INDEX(Jesper!AH$2:AH$366,ROUNDDOWN($C704/24,0)+1,1))-1)+IF('Standard Profiles'!$G$18=$B$10,7,0)+IF('Standard Profiles'!$G$18=$B$17,14,0)+IF('Standard Profiles'!$G$18=$B$24,21,0),0)),0)</f>
        <v>0</v>
      </c>
      <c r="E704" cm="1">
        <f t="array" ref="E704">IFERROR(INDEX(Jesper!AI$2:AI$366,ROUNDDOWN($C704/24,0)+1,1)*INDEX($D$3:$AA$30,INDEX(Jesper!$R$2:$R$366,ROW(INDEX(Jesper!AI$2:AI$366,ROUNDDOWN($C704/24,0)+1,1))-1)+IF('Standard Profiles'!$G$19=$B$10,7,0)+IF('Standard Profiles'!$G$19=$B$17,14,0)+IF('Standard Profiles'!$G$19=$B$24,21,0),MOD($C704,24)+1)/SUM(INDEX($D$3:$AA$30,INDEX(Jesper!$R$2:$R$366,ROW(INDEX(Jesper!AI$2:AI$366,ROUNDDOWN($C704/24,0)+1,1))-1)+IF('Standard Profiles'!$G$19=$B$10,7,0)+IF('Standard Profiles'!$G$19=$B$17,14,0)+IF('Standard Profiles'!$G$19=$B$24,21,0),0)),0)</f>
        <v>5.9655412936989798</v>
      </c>
      <c r="F704" cm="1">
        <f t="array" ref="F704">IFERROR(INDEX(Jesper!AJ$2:AJ$366,ROUNDDOWN($C704/24,0)+1,1)*INDEX($D$3:$AA$30,INDEX(Jesper!$R$2:$R$366,ROW(INDEX(Jesper!AJ$2:AJ$366,ROUNDDOWN($C704/24,0)+1,1))-1)+IF('Standard Profiles'!$G$20=$B$10,7,0)+IF('Standard Profiles'!$G$20=$B$17,14,0)+IF('Standard Profiles'!$G$20=$B$24,21,0),MOD($C704,24)+1)/SUM(INDEX($D$3:$AA$30,INDEX(Jesper!$R$2:$R$366,ROW(INDEX(Jesper!AJ$2:AJ$366,ROUNDDOWN($C704/24,0)+1,1))-1)+IF('Standard Profiles'!$G$20=$B$10,7,0)+IF('Standard Profiles'!$G$20=$B$17,14,0)+IF('Standard Profiles'!$G$20=$B$24,21,0),0)),0)</f>
        <v>5.4230848895960309</v>
      </c>
      <c r="G704" cm="1">
        <f t="array" ref="G704">IFERROR(INDEX(Jesper!AK$2:AK$366,ROUNDDOWN($C704/24,0)+1,1)*INDEX($D$3:$AA$30,INDEX(Jesper!$R$2:$R$366,ROW(INDEX(Jesper!AK$2:AK$366,ROUNDDOWN($C704/24,0)+1,1))-1)+IF('Standard Profiles'!$G$21=$B$10,7,0)+IF('Standard Profiles'!$G$21=$B$17,14,0)+IF('Standard Profiles'!$G$21=$B$24,21,0),MOD($C704,24)+1)/SUM(INDEX($D$3:$AA$30,INDEX(Jesper!$R$2:$R$366,ROW(INDEX(Jesper!AK$2:AK$366,ROUNDDOWN($C704/24,0)+1,1))-1)+IF('Standard Profiles'!$G$21=$B$10,7,0)+IF('Standard Profiles'!$G$21=$B$17,14,0)+IF('Standard Profiles'!$G$21=$B$24,21,0),0)),0)</f>
        <v>9.6220580665575586</v>
      </c>
      <c r="H704" cm="1">
        <f t="array" ref="H704">IFERROR(INDEX(Jesper!AL$2:AL$366,ROUNDDOWN($C704/24,0)+1,1)*INDEX($D$3:$AA$30,INDEX(Jesper!$R$2:$R$366,ROW(INDEX(Jesper!AL$2:AL$366,ROUNDDOWN($C704/24,0)+1,1))-1)+IF('Standard Profiles'!$G$22=$B$10,7,0)+IF('Standard Profiles'!$G$22=$B$17,14,0)+IF('Standard Profiles'!$G$22=$B$24,21,0),MOD($C704,24)+1)/SUM(INDEX($D$3:$AA$30,INDEX(Jesper!$R$2:$R$366,ROW(INDEX(Jesper!AL$2:AL$366,ROUNDDOWN($C704/24,0)+1,1))-1)+IF('Standard Profiles'!$G$22=$B$10,7,0)+IF('Standard Profiles'!$G$22=$B$17,14,0)+IF('Standard Profiles'!$G$22=$B$24,21,0),0)),0)</f>
        <v>4.1306482297914169</v>
      </c>
      <c r="I704">
        <f t="shared" si="90"/>
        <v>3.9654223005997622</v>
      </c>
      <c r="J704">
        <f t="shared" si="91"/>
        <v>20.460045223800346</v>
      </c>
      <c r="K704">
        <f t="shared" si="92"/>
        <v>0.47724330349591837</v>
      </c>
      <c r="L704">
        <f t="shared" si="93"/>
        <v>0.23862165174795918</v>
      </c>
      <c r="M704">
        <f t="shared" si="94"/>
        <v>0</v>
      </c>
      <c r="N704" s="45">
        <f t="shared" si="95"/>
        <v>44954.916666665042</v>
      </c>
    </row>
    <row r="705" spans="2:14" x14ac:dyDescent="0.25">
      <c r="B705">
        <f t="shared" si="89"/>
        <v>6</v>
      </c>
      <c r="C705" s="16">
        <v>671</v>
      </c>
      <c r="D705" cm="1">
        <f t="array" ref="D705">IFERROR(INDEX(Jesper!AH$2:AH$366,ROUNDDOWN($C705/24,0)+1,1)*INDEX($D$3:$AA$30,INDEX(Jesper!$R$2:$R$366,ROW(INDEX(Jesper!AH$2:AH$366,ROUNDDOWN($C705/24,0)+1,1))-1)+IF('Standard Profiles'!$G$18=$B$10,7,0)+IF('Standard Profiles'!$G$18=$B$17,14,0)+IF('Standard Profiles'!$G$18=$B$24,21,0),MOD($C705,24)+1)/SUM(INDEX($D$3:$AA$30,INDEX(Jesper!$R$2:$R$366,ROW(INDEX(Jesper!AH$2:AH$366,ROUNDDOWN($C705/24,0)+1,1))-1)+IF('Standard Profiles'!$G$18=$B$10,7,0)+IF('Standard Profiles'!$G$18=$B$17,14,0)+IF('Standard Profiles'!$G$18=$B$24,21,0),0)),0)</f>
        <v>0</v>
      </c>
      <c r="E705" cm="1">
        <f t="array" ref="E705">IFERROR(INDEX(Jesper!AI$2:AI$366,ROUNDDOWN($C705/24,0)+1,1)*INDEX($D$3:$AA$30,INDEX(Jesper!$R$2:$R$366,ROW(INDEX(Jesper!AI$2:AI$366,ROUNDDOWN($C705/24,0)+1,1))-1)+IF('Standard Profiles'!$G$19=$B$10,7,0)+IF('Standard Profiles'!$G$19=$B$17,14,0)+IF('Standard Profiles'!$G$19=$B$24,21,0),MOD($C705,24)+1)/SUM(INDEX($D$3:$AA$30,INDEX(Jesper!$R$2:$R$366,ROW(INDEX(Jesper!AI$2:AI$366,ROUNDDOWN($C705/24,0)+1,1))-1)+IF('Standard Profiles'!$G$19=$B$10,7,0)+IF('Standard Profiles'!$G$19=$B$17,14,0)+IF('Standard Profiles'!$G$19=$B$24,21,0),0)),0)</f>
        <v>5.9655412936989798</v>
      </c>
      <c r="F705" cm="1">
        <f t="array" ref="F705">IFERROR(INDEX(Jesper!AJ$2:AJ$366,ROUNDDOWN($C705/24,0)+1,1)*INDEX($D$3:$AA$30,INDEX(Jesper!$R$2:$R$366,ROW(INDEX(Jesper!AJ$2:AJ$366,ROUNDDOWN($C705/24,0)+1,1))-1)+IF('Standard Profiles'!$G$20=$B$10,7,0)+IF('Standard Profiles'!$G$20=$B$17,14,0)+IF('Standard Profiles'!$G$20=$B$24,21,0),MOD($C705,24)+1)/SUM(INDEX($D$3:$AA$30,INDEX(Jesper!$R$2:$R$366,ROW(INDEX(Jesper!AJ$2:AJ$366,ROUNDDOWN($C705/24,0)+1,1))-1)+IF('Standard Profiles'!$G$20=$B$10,7,0)+IF('Standard Profiles'!$G$20=$B$17,14,0)+IF('Standard Profiles'!$G$20=$B$24,21,0),0)),0)</f>
        <v>5.4230848895960309</v>
      </c>
      <c r="G705" cm="1">
        <f t="array" ref="G705">IFERROR(INDEX(Jesper!AK$2:AK$366,ROUNDDOWN($C705/24,0)+1,1)*INDEX($D$3:$AA$30,INDEX(Jesper!$R$2:$R$366,ROW(INDEX(Jesper!AK$2:AK$366,ROUNDDOWN($C705/24,0)+1,1))-1)+IF('Standard Profiles'!$G$21=$B$10,7,0)+IF('Standard Profiles'!$G$21=$B$17,14,0)+IF('Standard Profiles'!$G$21=$B$24,21,0),MOD($C705,24)+1)/SUM(INDEX($D$3:$AA$30,INDEX(Jesper!$R$2:$R$366,ROW(INDEX(Jesper!AK$2:AK$366,ROUNDDOWN($C705/24,0)+1,1))-1)+IF('Standard Profiles'!$G$21=$B$10,7,0)+IF('Standard Profiles'!$G$21=$B$17,14,0)+IF('Standard Profiles'!$G$21=$B$24,21,0),0)),0)</f>
        <v>9.6220580665575586</v>
      </c>
      <c r="H705" cm="1">
        <f t="array" ref="H705">IFERROR(INDEX(Jesper!AL$2:AL$366,ROUNDDOWN($C705/24,0)+1,1)*INDEX($D$3:$AA$30,INDEX(Jesper!$R$2:$R$366,ROW(INDEX(Jesper!AL$2:AL$366,ROUNDDOWN($C705/24,0)+1,1))-1)+IF('Standard Profiles'!$G$22=$B$10,7,0)+IF('Standard Profiles'!$G$22=$B$17,14,0)+IF('Standard Profiles'!$G$22=$B$24,21,0),MOD($C705,24)+1)/SUM(INDEX($D$3:$AA$30,INDEX(Jesper!$R$2:$R$366,ROW(INDEX(Jesper!AL$2:AL$366,ROUNDDOWN($C705/24,0)+1,1))-1)+IF('Standard Profiles'!$G$22=$B$10,7,0)+IF('Standard Profiles'!$G$22=$B$17,14,0)+IF('Standard Profiles'!$G$22=$B$24,21,0),0)),0)</f>
        <v>4.1306482297914169</v>
      </c>
      <c r="I705">
        <f t="shared" si="90"/>
        <v>3.9654223005997622</v>
      </c>
      <c r="J705">
        <f t="shared" si="91"/>
        <v>20.460045223800346</v>
      </c>
      <c r="K705">
        <f t="shared" si="92"/>
        <v>0.47724330349591837</v>
      </c>
      <c r="L705">
        <f t="shared" si="93"/>
        <v>0.23862165174795918</v>
      </c>
      <c r="M705">
        <f t="shared" si="94"/>
        <v>0</v>
      </c>
      <c r="N705" s="45">
        <f t="shared" si="95"/>
        <v>44954.958333331706</v>
      </c>
    </row>
    <row r="706" spans="2:14" x14ac:dyDescent="0.25">
      <c r="B706">
        <f t="shared" si="89"/>
        <v>7</v>
      </c>
      <c r="C706" s="16">
        <v>672</v>
      </c>
      <c r="D706" cm="1">
        <f t="array" ref="D706">IFERROR(INDEX(Jesper!AH$2:AH$366,ROUNDDOWN($C706/24,0)+1,1)*INDEX($D$3:$AA$30,INDEX(Jesper!$R$2:$R$366,ROW(INDEX(Jesper!AH$2:AH$366,ROUNDDOWN($C706/24,0)+1,1))-1)+IF('Standard Profiles'!$G$18=$B$10,7,0)+IF('Standard Profiles'!$G$18=$B$17,14,0)+IF('Standard Profiles'!$G$18=$B$24,21,0),MOD($C706,24)+1)/SUM(INDEX($D$3:$AA$30,INDEX(Jesper!$R$2:$R$366,ROW(INDEX(Jesper!AH$2:AH$366,ROUNDDOWN($C706/24,0)+1,1))-1)+IF('Standard Profiles'!$G$18=$B$10,7,0)+IF('Standard Profiles'!$G$18=$B$17,14,0)+IF('Standard Profiles'!$G$18=$B$24,21,0),0)),0)</f>
        <v>0</v>
      </c>
      <c r="E706" cm="1">
        <f t="array" ref="E706">IFERROR(INDEX(Jesper!AI$2:AI$366,ROUNDDOWN($C706/24,0)+1,1)*INDEX($D$3:$AA$30,INDEX(Jesper!$R$2:$R$366,ROW(INDEX(Jesper!AI$2:AI$366,ROUNDDOWN($C706/24,0)+1,1))-1)+IF('Standard Profiles'!$G$19=$B$10,7,0)+IF('Standard Profiles'!$G$19=$B$17,14,0)+IF('Standard Profiles'!$G$19=$B$24,21,0),MOD($C706,24)+1)/SUM(INDEX($D$3:$AA$30,INDEX(Jesper!$R$2:$R$366,ROW(INDEX(Jesper!AI$2:AI$366,ROUNDDOWN($C706/24,0)+1,1))-1)+IF('Standard Profiles'!$G$19=$B$10,7,0)+IF('Standard Profiles'!$G$19=$B$17,14,0)+IF('Standard Profiles'!$G$19=$B$24,21,0),0)),0)</f>
        <v>6.1116687011697328</v>
      </c>
      <c r="F706" cm="1">
        <f t="array" ref="F706">IFERROR(INDEX(Jesper!AJ$2:AJ$366,ROUNDDOWN($C706/24,0)+1,1)*INDEX($D$3:$AA$30,INDEX(Jesper!$R$2:$R$366,ROW(INDEX(Jesper!AJ$2:AJ$366,ROUNDDOWN($C706/24,0)+1,1))-1)+IF('Standard Profiles'!$G$20=$B$10,7,0)+IF('Standard Profiles'!$G$20=$B$17,14,0)+IF('Standard Profiles'!$G$20=$B$24,21,0),MOD($C706,24)+1)/SUM(INDEX($D$3:$AA$30,INDEX(Jesper!$R$2:$R$366,ROW(INDEX(Jesper!AJ$2:AJ$366,ROUNDDOWN($C706/24,0)+1,1))-1)+IF('Standard Profiles'!$G$20=$B$10,7,0)+IF('Standard Profiles'!$G$20=$B$17,14,0)+IF('Standard Profiles'!$G$20=$B$24,21,0),0)),0)</f>
        <v>5.5963020197077249</v>
      </c>
      <c r="G706" cm="1">
        <f t="array" ref="G706">IFERROR(INDEX(Jesper!AK$2:AK$366,ROUNDDOWN($C706/24,0)+1,1)*INDEX($D$3:$AA$30,INDEX(Jesper!$R$2:$R$366,ROW(INDEX(Jesper!AK$2:AK$366,ROUNDDOWN($C706/24,0)+1,1))-1)+IF('Standard Profiles'!$G$21=$B$10,7,0)+IF('Standard Profiles'!$G$21=$B$17,14,0)+IF('Standard Profiles'!$G$21=$B$24,21,0),MOD($C706,24)+1)/SUM(INDEX($D$3:$AA$30,INDEX(Jesper!$R$2:$R$366,ROW(INDEX(Jesper!AK$2:AK$366,ROUNDDOWN($C706/24,0)+1,1))-1)+IF('Standard Profiles'!$G$21=$B$10,7,0)+IF('Standard Profiles'!$G$21=$B$17,14,0)+IF('Standard Profiles'!$G$21=$B$24,21,0),0)),0)</f>
        <v>9.9594540152667985</v>
      </c>
      <c r="H706" cm="1">
        <f t="array" ref="H706">IFERROR(INDEX(Jesper!AL$2:AL$366,ROUNDDOWN($C706/24,0)+1,1)*INDEX($D$3:$AA$30,INDEX(Jesper!$R$2:$R$366,ROW(INDEX(Jesper!AL$2:AL$366,ROUNDDOWN($C706/24,0)+1,1))-1)+IF('Standard Profiles'!$G$22=$B$10,7,0)+IF('Standard Profiles'!$G$22=$B$17,14,0)+IF('Standard Profiles'!$G$22=$B$24,21,0),MOD($C706,24)+1)/SUM(INDEX($D$3:$AA$30,INDEX(Jesper!$R$2:$R$366,ROW(INDEX(Jesper!AL$2:AL$366,ROUNDDOWN($C706/24,0)+1,1))-1)+IF('Standard Profiles'!$G$22=$B$10,7,0)+IF('Standard Profiles'!$G$22=$B$17,14,0)+IF('Standard Profiles'!$G$22=$B$24,21,0),0)),0)</f>
        <v>4.8719678793462649</v>
      </c>
      <c r="I706">
        <f t="shared" si="90"/>
        <v>4.6770891641724166</v>
      </c>
      <c r="J706">
        <f t="shared" si="91"/>
        <v>21.128903207177732</v>
      </c>
      <c r="K706">
        <f t="shared" si="92"/>
        <v>0.48893349609357861</v>
      </c>
      <c r="L706">
        <f t="shared" si="93"/>
        <v>0.24446674804678931</v>
      </c>
      <c r="M706">
        <f t="shared" si="94"/>
        <v>0</v>
      </c>
      <c r="N706" s="45">
        <f t="shared" si="95"/>
        <v>44954.99999999837</v>
      </c>
    </row>
    <row r="707" spans="2:14" x14ac:dyDescent="0.25">
      <c r="B707">
        <f t="shared" si="89"/>
        <v>7</v>
      </c>
      <c r="C707" s="16">
        <v>673</v>
      </c>
      <c r="D707" cm="1">
        <f t="array" ref="D707">IFERROR(INDEX(Jesper!AH$2:AH$366,ROUNDDOWN($C707/24,0)+1,1)*INDEX($D$3:$AA$30,INDEX(Jesper!$R$2:$R$366,ROW(INDEX(Jesper!AH$2:AH$366,ROUNDDOWN($C707/24,0)+1,1))-1)+IF('Standard Profiles'!$G$18=$B$10,7,0)+IF('Standard Profiles'!$G$18=$B$17,14,0)+IF('Standard Profiles'!$G$18=$B$24,21,0),MOD($C707,24)+1)/SUM(INDEX($D$3:$AA$30,INDEX(Jesper!$R$2:$R$366,ROW(INDEX(Jesper!AH$2:AH$366,ROUNDDOWN($C707/24,0)+1,1))-1)+IF('Standard Profiles'!$G$18=$B$10,7,0)+IF('Standard Profiles'!$G$18=$B$17,14,0)+IF('Standard Profiles'!$G$18=$B$24,21,0),0)),0)</f>
        <v>0</v>
      </c>
      <c r="E707" cm="1">
        <f t="array" ref="E707">IFERROR(INDEX(Jesper!AI$2:AI$366,ROUNDDOWN($C707/24,0)+1,1)*INDEX($D$3:$AA$30,INDEX(Jesper!$R$2:$R$366,ROW(INDEX(Jesper!AI$2:AI$366,ROUNDDOWN($C707/24,0)+1,1))-1)+IF('Standard Profiles'!$G$19=$B$10,7,0)+IF('Standard Profiles'!$G$19=$B$17,14,0)+IF('Standard Profiles'!$G$19=$B$24,21,0),MOD($C707,24)+1)/SUM(INDEX($D$3:$AA$30,INDEX(Jesper!$R$2:$R$366,ROW(INDEX(Jesper!AI$2:AI$366,ROUNDDOWN($C707/24,0)+1,1))-1)+IF('Standard Profiles'!$G$19=$B$10,7,0)+IF('Standard Profiles'!$G$19=$B$17,14,0)+IF('Standard Profiles'!$G$19=$B$24,21,0),0)),0)</f>
        <v>6.1116687011697328</v>
      </c>
      <c r="F707" cm="1">
        <f t="array" ref="F707">IFERROR(INDEX(Jesper!AJ$2:AJ$366,ROUNDDOWN($C707/24,0)+1,1)*INDEX($D$3:$AA$30,INDEX(Jesper!$R$2:$R$366,ROW(INDEX(Jesper!AJ$2:AJ$366,ROUNDDOWN($C707/24,0)+1,1))-1)+IF('Standard Profiles'!$G$20=$B$10,7,0)+IF('Standard Profiles'!$G$20=$B$17,14,0)+IF('Standard Profiles'!$G$20=$B$24,21,0),MOD($C707,24)+1)/SUM(INDEX($D$3:$AA$30,INDEX(Jesper!$R$2:$R$366,ROW(INDEX(Jesper!AJ$2:AJ$366,ROUNDDOWN($C707/24,0)+1,1))-1)+IF('Standard Profiles'!$G$20=$B$10,7,0)+IF('Standard Profiles'!$G$20=$B$17,14,0)+IF('Standard Profiles'!$G$20=$B$24,21,0),0)),0)</f>
        <v>5.5963020197077249</v>
      </c>
      <c r="G707" cm="1">
        <f t="array" ref="G707">IFERROR(INDEX(Jesper!AK$2:AK$366,ROUNDDOWN($C707/24,0)+1,1)*INDEX($D$3:$AA$30,INDEX(Jesper!$R$2:$R$366,ROW(INDEX(Jesper!AK$2:AK$366,ROUNDDOWN($C707/24,0)+1,1))-1)+IF('Standard Profiles'!$G$21=$B$10,7,0)+IF('Standard Profiles'!$G$21=$B$17,14,0)+IF('Standard Profiles'!$G$21=$B$24,21,0),MOD($C707,24)+1)/SUM(INDEX($D$3:$AA$30,INDEX(Jesper!$R$2:$R$366,ROW(INDEX(Jesper!AK$2:AK$366,ROUNDDOWN($C707/24,0)+1,1))-1)+IF('Standard Profiles'!$G$21=$B$10,7,0)+IF('Standard Profiles'!$G$21=$B$17,14,0)+IF('Standard Profiles'!$G$21=$B$24,21,0),0)),0)</f>
        <v>9.9594540152667985</v>
      </c>
      <c r="H707" cm="1">
        <f t="array" ref="H707">IFERROR(INDEX(Jesper!AL$2:AL$366,ROUNDDOWN($C707/24,0)+1,1)*INDEX($D$3:$AA$30,INDEX(Jesper!$R$2:$R$366,ROW(INDEX(Jesper!AL$2:AL$366,ROUNDDOWN($C707/24,0)+1,1))-1)+IF('Standard Profiles'!$G$22=$B$10,7,0)+IF('Standard Profiles'!$G$22=$B$17,14,0)+IF('Standard Profiles'!$G$22=$B$24,21,0),MOD($C707,24)+1)/SUM(INDEX($D$3:$AA$30,INDEX(Jesper!$R$2:$R$366,ROW(INDEX(Jesper!AL$2:AL$366,ROUNDDOWN($C707/24,0)+1,1))-1)+IF('Standard Profiles'!$G$22=$B$10,7,0)+IF('Standard Profiles'!$G$22=$B$17,14,0)+IF('Standard Profiles'!$G$22=$B$24,21,0),0)),0)</f>
        <v>5.6577691502085656</v>
      </c>
      <c r="I707">
        <f t="shared" si="90"/>
        <v>5.4314583842002255</v>
      </c>
      <c r="J707">
        <f t="shared" si="91"/>
        <v>21.160335258012225</v>
      </c>
      <c r="K707">
        <f t="shared" si="92"/>
        <v>0.48893349609357861</v>
      </c>
      <c r="L707">
        <f t="shared" si="93"/>
        <v>0.24446674804678931</v>
      </c>
      <c r="M707">
        <f t="shared" si="94"/>
        <v>0</v>
      </c>
      <c r="N707" s="45">
        <f t="shared" si="95"/>
        <v>44955.041666665034</v>
      </c>
    </row>
    <row r="708" spans="2:14" x14ac:dyDescent="0.25">
      <c r="B708">
        <f t="shared" si="89"/>
        <v>7</v>
      </c>
      <c r="C708" s="16">
        <v>674</v>
      </c>
      <c r="D708" cm="1">
        <f t="array" ref="D708">IFERROR(INDEX(Jesper!AH$2:AH$366,ROUNDDOWN($C708/24,0)+1,1)*INDEX($D$3:$AA$30,INDEX(Jesper!$R$2:$R$366,ROW(INDEX(Jesper!AH$2:AH$366,ROUNDDOWN($C708/24,0)+1,1))-1)+IF('Standard Profiles'!$G$18=$B$10,7,0)+IF('Standard Profiles'!$G$18=$B$17,14,0)+IF('Standard Profiles'!$G$18=$B$24,21,0),MOD($C708,24)+1)/SUM(INDEX($D$3:$AA$30,INDEX(Jesper!$R$2:$R$366,ROW(INDEX(Jesper!AH$2:AH$366,ROUNDDOWN($C708/24,0)+1,1))-1)+IF('Standard Profiles'!$G$18=$B$10,7,0)+IF('Standard Profiles'!$G$18=$B$17,14,0)+IF('Standard Profiles'!$G$18=$B$24,21,0),0)),0)</f>
        <v>0</v>
      </c>
      <c r="E708" cm="1">
        <f t="array" ref="E708">IFERROR(INDEX(Jesper!AI$2:AI$366,ROUNDDOWN($C708/24,0)+1,1)*INDEX($D$3:$AA$30,INDEX(Jesper!$R$2:$R$366,ROW(INDEX(Jesper!AI$2:AI$366,ROUNDDOWN($C708/24,0)+1,1))-1)+IF('Standard Profiles'!$G$19=$B$10,7,0)+IF('Standard Profiles'!$G$19=$B$17,14,0)+IF('Standard Profiles'!$G$19=$B$24,21,0),MOD($C708,24)+1)/SUM(INDEX($D$3:$AA$30,INDEX(Jesper!$R$2:$R$366,ROW(INDEX(Jesper!AI$2:AI$366,ROUNDDOWN($C708/24,0)+1,1))-1)+IF('Standard Profiles'!$G$19=$B$10,7,0)+IF('Standard Profiles'!$G$19=$B$17,14,0)+IF('Standard Profiles'!$G$19=$B$24,21,0),0)),0)</f>
        <v>6.1116687011697328</v>
      </c>
      <c r="F708" cm="1">
        <f t="array" ref="F708">IFERROR(INDEX(Jesper!AJ$2:AJ$366,ROUNDDOWN($C708/24,0)+1,1)*INDEX($D$3:$AA$30,INDEX(Jesper!$R$2:$R$366,ROW(INDEX(Jesper!AJ$2:AJ$366,ROUNDDOWN($C708/24,0)+1,1))-1)+IF('Standard Profiles'!$G$20=$B$10,7,0)+IF('Standard Profiles'!$G$20=$B$17,14,0)+IF('Standard Profiles'!$G$20=$B$24,21,0),MOD($C708,24)+1)/SUM(INDEX($D$3:$AA$30,INDEX(Jesper!$R$2:$R$366,ROW(INDEX(Jesper!AJ$2:AJ$366,ROUNDDOWN($C708/24,0)+1,1))-1)+IF('Standard Profiles'!$G$20=$B$10,7,0)+IF('Standard Profiles'!$G$20=$B$17,14,0)+IF('Standard Profiles'!$G$20=$B$24,21,0),0)),0)</f>
        <v>5.5963020197077249</v>
      </c>
      <c r="G708" cm="1">
        <f t="array" ref="G708">IFERROR(INDEX(Jesper!AK$2:AK$366,ROUNDDOWN($C708/24,0)+1,1)*INDEX($D$3:$AA$30,INDEX(Jesper!$R$2:$R$366,ROW(INDEX(Jesper!AK$2:AK$366,ROUNDDOWN($C708/24,0)+1,1))-1)+IF('Standard Profiles'!$G$21=$B$10,7,0)+IF('Standard Profiles'!$G$21=$B$17,14,0)+IF('Standard Profiles'!$G$21=$B$24,21,0),MOD($C708,24)+1)/SUM(INDEX($D$3:$AA$30,INDEX(Jesper!$R$2:$R$366,ROW(INDEX(Jesper!AK$2:AK$366,ROUNDDOWN($C708/24,0)+1,1))-1)+IF('Standard Profiles'!$G$21=$B$10,7,0)+IF('Standard Profiles'!$G$21=$B$17,14,0)+IF('Standard Profiles'!$G$21=$B$24,21,0),0)),0)</f>
        <v>9.9594540152667985</v>
      </c>
      <c r="H708" cm="1">
        <f t="array" ref="H708">IFERROR(INDEX(Jesper!AL$2:AL$366,ROUNDDOWN($C708/24,0)+1,1)*INDEX($D$3:$AA$30,INDEX(Jesper!$R$2:$R$366,ROW(INDEX(Jesper!AL$2:AL$366,ROUNDDOWN($C708/24,0)+1,1))-1)+IF('Standard Profiles'!$G$22=$B$10,7,0)+IF('Standard Profiles'!$G$22=$B$17,14,0)+IF('Standard Profiles'!$G$22=$B$24,21,0),MOD($C708,24)+1)/SUM(INDEX($D$3:$AA$30,INDEX(Jesper!$R$2:$R$366,ROW(INDEX(Jesper!AL$2:AL$366,ROUNDDOWN($C708/24,0)+1,1))-1)+IF('Standard Profiles'!$G$22=$B$10,7,0)+IF('Standard Profiles'!$G$22=$B$17,14,0)+IF('Standard Profiles'!$G$22=$B$24,21,0),0)),0)</f>
        <v>5.6577691502085656</v>
      </c>
      <c r="I708">
        <f t="shared" si="90"/>
        <v>5.4314583842002255</v>
      </c>
      <c r="J708">
        <f t="shared" si="91"/>
        <v>21.160335258012225</v>
      </c>
      <c r="K708">
        <f t="shared" si="92"/>
        <v>0.48893349609357861</v>
      </c>
      <c r="L708">
        <f t="shared" si="93"/>
        <v>0.24446674804678931</v>
      </c>
      <c r="M708">
        <f t="shared" si="94"/>
        <v>0</v>
      </c>
      <c r="N708" s="45">
        <f t="shared" si="95"/>
        <v>44955.083333331699</v>
      </c>
    </row>
    <row r="709" spans="2:14" x14ac:dyDescent="0.25">
      <c r="B709">
        <f t="shared" si="89"/>
        <v>7</v>
      </c>
      <c r="C709" s="16">
        <v>675</v>
      </c>
      <c r="D709" cm="1">
        <f t="array" ref="D709">IFERROR(INDEX(Jesper!AH$2:AH$366,ROUNDDOWN($C709/24,0)+1,1)*INDEX($D$3:$AA$30,INDEX(Jesper!$R$2:$R$366,ROW(INDEX(Jesper!AH$2:AH$366,ROUNDDOWN($C709/24,0)+1,1))-1)+IF('Standard Profiles'!$G$18=$B$10,7,0)+IF('Standard Profiles'!$G$18=$B$17,14,0)+IF('Standard Profiles'!$G$18=$B$24,21,0),MOD($C709,24)+1)/SUM(INDEX($D$3:$AA$30,INDEX(Jesper!$R$2:$R$366,ROW(INDEX(Jesper!AH$2:AH$366,ROUNDDOWN($C709/24,0)+1,1))-1)+IF('Standard Profiles'!$G$18=$B$10,7,0)+IF('Standard Profiles'!$G$18=$B$17,14,0)+IF('Standard Profiles'!$G$18=$B$24,21,0),0)),0)</f>
        <v>0</v>
      </c>
      <c r="E709" cm="1">
        <f t="array" ref="E709">IFERROR(INDEX(Jesper!AI$2:AI$366,ROUNDDOWN($C709/24,0)+1,1)*INDEX($D$3:$AA$30,INDEX(Jesper!$R$2:$R$366,ROW(INDEX(Jesper!AI$2:AI$366,ROUNDDOWN($C709/24,0)+1,1))-1)+IF('Standard Profiles'!$G$19=$B$10,7,0)+IF('Standard Profiles'!$G$19=$B$17,14,0)+IF('Standard Profiles'!$G$19=$B$24,21,0),MOD($C709,24)+1)/SUM(INDEX($D$3:$AA$30,INDEX(Jesper!$R$2:$R$366,ROW(INDEX(Jesper!AI$2:AI$366,ROUNDDOWN($C709/24,0)+1,1))-1)+IF('Standard Profiles'!$G$19=$B$10,7,0)+IF('Standard Profiles'!$G$19=$B$17,14,0)+IF('Standard Profiles'!$G$19=$B$24,21,0),0)),0)</f>
        <v>6.1116687011697328</v>
      </c>
      <c r="F709" cm="1">
        <f t="array" ref="F709">IFERROR(INDEX(Jesper!AJ$2:AJ$366,ROUNDDOWN($C709/24,0)+1,1)*INDEX($D$3:$AA$30,INDEX(Jesper!$R$2:$R$366,ROW(INDEX(Jesper!AJ$2:AJ$366,ROUNDDOWN($C709/24,0)+1,1))-1)+IF('Standard Profiles'!$G$20=$B$10,7,0)+IF('Standard Profiles'!$G$20=$B$17,14,0)+IF('Standard Profiles'!$G$20=$B$24,21,0),MOD($C709,24)+1)/SUM(INDEX($D$3:$AA$30,INDEX(Jesper!$R$2:$R$366,ROW(INDEX(Jesper!AJ$2:AJ$366,ROUNDDOWN($C709/24,0)+1,1))-1)+IF('Standard Profiles'!$G$20=$B$10,7,0)+IF('Standard Profiles'!$G$20=$B$17,14,0)+IF('Standard Profiles'!$G$20=$B$24,21,0),0)),0)</f>
        <v>5.5963020197077249</v>
      </c>
      <c r="G709" cm="1">
        <f t="array" ref="G709">IFERROR(INDEX(Jesper!AK$2:AK$366,ROUNDDOWN($C709/24,0)+1,1)*INDEX($D$3:$AA$30,INDEX(Jesper!$R$2:$R$366,ROW(INDEX(Jesper!AK$2:AK$366,ROUNDDOWN($C709/24,0)+1,1))-1)+IF('Standard Profiles'!$G$21=$B$10,7,0)+IF('Standard Profiles'!$G$21=$B$17,14,0)+IF('Standard Profiles'!$G$21=$B$24,21,0),MOD($C709,24)+1)/SUM(INDEX($D$3:$AA$30,INDEX(Jesper!$R$2:$R$366,ROW(INDEX(Jesper!AK$2:AK$366,ROUNDDOWN($C709/24,0)+1,1))-1)+IF('Standard Profiles'!$G$21=$B$10,7,0)+IF('Standard Profiles'!$G$21=$B$17,14,0)+IF('Standard Profiles'!$G$21=$B$24,21,0),0)),0)</f>
        <v>9.9594540152667985</v>
      </c>
      <c r="H709" cm="1">
        <f t="array" ref="H709">IFERROR(INDEX(Jesper!AL$2:AL$366,ROUNDDOWN($C709/24,0)+1,1)*INDEX($D$3:$AA$30,INDEX(Jesper!$R$2:$R$366,ROW(INDEX(Jesper!AL$2:AL$366,ROUNDDOWN($C709/24,0)+1,1))-1)+IF('Standard Profiles'!$G$22=$B$10,7,0)+IF('Standard Profiles'!$G$22=$B$17,14,0)+IF('Standard Profiles'!$G$22=$B$24,21,0),MOD($C709,24)+1)/SUM(INDEX($D$3:$AA$30,INDEX(Jesper!$R$2:$R$366,ROW(INDEX(Jesper!AL$2:AL$366,ROUNDDOWN($C709/24,0)+1,1))-1)+IF('Standard Profiles'!$G$22=$B$10,7,0)+IF('Standard Profiles'!$G$22=$B$17,14,0)+IF('Standard Profiles'!$G$22=$B$24,21,0),0)),0)</f>
        <v>5.6577691502085656</v>
      </c>
      <c r="I709">
        <f t="shared" si="90"/>
        <v>5.4314583842002255</v>
      </c>
      <c r="J709">
        <f t="shared" si="91"/>
        <v>21.160335258012225</v>
      </c>
      <c r="K709">
        <f t="shared" si="92"/>
        <v>0.48893349609357861</v>
      </c>
      <c r="L709">
        <f t="shared" si="93"/>
        <v>0.24446674804678931</v>
      </c>
      <c r="M709">
        <f t="shared" si="94"/>
        <v>0</v>
      </c>
      <c r="N709" s="45">
        <f t="shared" si="95"/>
        <v>44955.124999998363</v>
      </c>
    </row>
    <row r="710" spans="2:14" x14ac:dyDescent="0.25">
      <c r="B710">
        <f t="shared" si="89"/>
        <v>7</v>
      </c>
      <c r="C710" s="16">
        <v>676</v>
      </c>
      <c r="D710" cm="1">
        <f t="array" ref="D710">IFERROR(INDEX(Jesper!AH$2:AH$366,ROUNDDOWN($C710/24,0)+1,1)*INDEX($D$3:$AA$30,INDEX(Jesper!$R$2:$R$366,ROW(INDEX(Jesper!AH$2:AH$366,ROUNDDOWN($C710/24,0)+1,1))-1)+IF('Standard Profiles'!$G$18=$B$10,7,0)+IF('Standard Profiles'!$G$18=$B$17,14,0)+IF('Standard Profiles'!$G$18=$B$24,21,0),MOD($C710,24)+1)/SUM(INDEX($D$3:$AA$30,INDEX(Jesper!$R$2:$R$366,ROW(INDEX(Jesper!AH$2:AH$366,ROUNDDOWN($C710/24,0)+1,1))-1)+IF('Standard Profiles'!$G$18=$B$10,7,0)+IF('Standard Profiles'!$G$18=$B$17,14,0)+IF('Standard Profiles'!$G$18=$B$24,21,0),0)),0)</f>
        <v>0</v>
      </c>
      <c r="E710" cm="1">
        <f t="array" ref="E710">IFERROR(INDEX(Jesper!AI$2:AI$366,ROUNDDOWN($C710/24,0)+1,1)*INDEX($D$3:$AA$30,INDEX(Jesper!$R$2:$R$366,ROW(INDEX(Jesper!AI$2:AI$366,ROUNDDOWN($C710/24,0)+1,1))-1)+IF('Standard Profiles'!$G$19=$B$10,7,0)+IF('Standard Profiles'!$G$19=$B$17,14,0)+IF('Standard Profiles'!$G$19=$B$24,21,0),MOD($C710,24)+1)/SUM(INDEX($D$3:$AA$30,INDEX(Jesper!$R$2:$R$366,ROW(INDEX(Jesper!AI$2:AI$366,ROUNDDOWN($C710/24,0)+1,1))-1)+IF('Standard Profiles'!$G$19=$B$10,7,0)+IF('Standard Profiles'!$G$19=$B$17,14,0)+IF('Standard Profiles'!$G$19=$B$24,21,0),0)),0)</f>
        <v>6.1116687011697328</v>
      </c>
      <c r="F710" cm="1">
        <f t="array" ref="F710">IFERROR(INDEX(Jesper!AJ$2:AJ$366,ROUNDDOWN($C710/24,0)+1,1)*INDEX($D$3:$AA$30,INDEX(Jesper!$R$2:$R$366,ROW(INDEX(Jesper!AJ$2:AJ$366,ROUNDDOWN($C710/24,0)+1,1))-1)+IF('Standard Profiles'!$G$20=$B$10,7,0)+IF('Standard Profiles'!$G$20=$B$17,14,0)+IF('Standard Profiles'!$G$20=$B$24,21,0),MOD($C710,24)+1)/SUM(INDEX($D$3:$AA$30,INDEX(Jesper!$R$2:$R$366,ROW(INDEX(Jesper!AJ$2:AJ$366,ROUNDDOWN($C710/24,0)+1,1))-1)+IF('Standard Profiles'!$G$20=$B$10,7,0)+IF('Standard Profiles'!$G$20=$B$17,14,0)+IF('Standard Profiles'!$G$20=$B$24,21,0),0)),0)</f>
        <v>5.5963020197077249</v>
      </c>
      <c r="G710" cm="1">
        <f t="array" ref="G710">IFERROR(INDEX(Jesper!AK$2:AK$366,ROUNDDOWN($C710/24,0)+1,1)*INDEX($D$3:$AA$30,INDEX(Jesper!$R$2:$R$366,ROW(INDEX(Jesper!AK$2:AK$366,ROUNDDOWN($C710/24,0)+1,1))-1)+IF('Standard Profiles'!$G$21=$B$10,7,0)+IF('Standard Profiles'!$G$21=$B$17,14,0)+IF('Standard Profiles'!$G$21=$B$24,21,0),MOD($C710,24)+1)/SUM(INDEX($D$3:$AA$30,INDEX(Jesper!$R$2:$R$366,ROW(INDEX(Jesper!AK$2:AK$366,ROUNDDOWN($C710/24,0)+1,1))-1)+IF('Standard Profiles'!$G$21=$B$10,7,0)+IF('Standard Profiles'!$G$21=$B$17,14,0)+IF('Standard Profiles'!$G$21=$B$24,21,0),0)),0)</f>
        <v>9.9594540152667985</v>
      </c>
      <c r="H710" cm="1">
        <f t="array" ref="H710">IFERROR(INDEX(Jesper!AL$2:AL$366,ROUNDDOWN($C710/24,0)+1,1)*INDEX($D$3:$AA$30,INDEX(Jesper!$R$2:$R$366,ROW(INDEX(Jesper!AL$2:AL$366,ROUNDDOWN($C710/24,0)+1,1))-1)+IF('Standard Profiles'!$G$22=$B$10,7,0)+IF('Standard Profiles'!$G$22=$B$17,14,0)+IF('Standard Profiles'!$G$22=$B$24,21,0),MOD($C710,24)+1)/SUM(INDEX($D$3:$AA$30,INDEX(Jesper!$R$2:$R$366,ROW(INDEX(Jesper!AL$2:AL$366,ROUNDDOWN($C710/24,0)+1,1))-1)+IF('Standard Profiles'!$G$22=$B$10,7,0)+IF('Standard Profiles'!$G$22=$B$17,14,0)+IF('Standard Profiles'!$G$22=$B$24,21,0),0)),0)</f>
        <v>5.6577691502085656</v>
      </c>
      <c r="I710">
        <f t="shared" si="90"/>
        <v>5.4314583842002255</v>
      </c>
      <c r="J710">
        <f t="shared" si="91"/>
        <v>21.160335258012225</v>
      </c>
      <c r="K710">
        <f t="shared" si="92"/>
        <v>0.48893349609357861</v>
      </c>
      <c r="L710">
        <f t="shared" si="93"/>
        <v>0.24446674804678931</v>
      </c>
      <c r="M710">
        <f t="shared" si="94"/>
        <v>0</v>
      </c>
      <c r="N710" s="45">
        <f t="shared" si="95"/>
        <v>44955.166666665027</v>
      </c>
    </row>
    <row r="711" spans="2:14" x14ac:dyDescent="0.25">
      <c r="B711">
        <f t="shared" si="89"/>
        <v>7</v>
      </c>
      <c r="C711" s="16">
        <v>677</v>
      </c>
      <c r="D711" cm="1">
        <f t="array" ref="D711">IFERROR(INDEX(Jesper!AH$2:AH$366,ROUNDDOWN($C711/24,0)+1,1)*INDEX($D$3:$AA$30,INDEX(Jesper!$R$2:$R$366,ROW(INDEX(Jesper!AH$2:AH$366,ROUNDDOWN($C711/24,0)+1,1))-1)+IF('Standard Profiles'!$G$18=$B$10,7,0)+IF('Standard Profiles'!$G$18=$B$17,14,0)+IF('Standard Profiles'!$G$18=$B$24,21,0),MOD($C711,24)+1)/SUM(INDEX($D$3:$AA$30,INDEX(Jesper!$R$2:$R$366,ROW(INDEX(Jesper!AH$2:AH$366,ROUNDDOWN($C711/24,0)+1,1))-1)+IF('Standard Profiles'!$G$18=$B$10,7,0)+IF('Standard Profiles'!$G$18=$B$17,14,0)+IF('Standard Profiles'!$G$18=$B$24,21,0),0)),0)</f>
        <v>0</v>
      </c>
      <c r="E711" cm="1">
        <f t="array" ref="E711">IFERROR(INDEX(Jesper!AI$2:AI$366,ROUNDDOWN($C711/24,0)+1,1)*INDEX($D$3:$AA$30,INDEX(Jesper!$R$2:$R$366,ROW(INDEX(Jesper!AI$2:AI$366,ROUNDDOWN($C711/24,0)+1,1))-1)+IF('Standard Profiles'!$G$19=$B$10,7,0)+IF('Standard Profiles'!$G$19=$B$17,14,0)+IF('Standard Profiles'!$G$19=$B$24,21,0),MOD($C711,24)+1)/SUM(INDEX($D$3:$AA$30,INDEX(Jesper!$R$2:$R$366,ROW(INDEX(Jesper!AI$2:AI$366,ROUNDDOWN($C711/24,0)+1,1))-1)+IF('Standard Profiles'!$G$19=$B$10,7,0)+IF('Standard Profiles'!$G$19=$B$17,14,0)+IF('Standard Profiles'!$G$19=$B$24,21,0),0)),0)</f>
        <v>6.1116687011697328</v>
      </c>
      <c r="F711" cm="1">
        <f t="array" ref="F711">IFERROR(INDEX(Jesper!AJ$2:AJ$366,ROUNDDOWN($C711/24,0)+1,1)*INDEX($D$3:$AA$30,INDEX(Jesper!$R$2:$R$366,ROW(INDEX(Jesper!AJ$2:AJ$366,ROUNDDOWN($C711/24,0)+1,1))-1)+IF('Standard Profiles'!$G$20=$B$10,7,0)+IF('Standard Profiles'!$G$20=$B$17,14,0)+IF('Standard Profiles'!$G$20=$B$24,21,0),MOD($C711,24)+1)/SUM(INDEX($D$3:$AA$30,INDEX(Jesper!$R$2:$R$366,ROW(INDEX(Jesper!AJ$2:AJ$366,ROUNDDOWN($C711/24,0)+1,1))-1)+IF('Standard Profiles'!$G$20=$B$10,7,0)+IF('Standard Profiles'!$G$20=$B$17,14,0)+IF('Standard Profiles'!$G$20=$B$24,21,0),0)),0)</f>
        <v>5.5963020197077249</v>
      </c>
      <c r="G711" cm="1">
        <f t="array" ref="G711">IFERROR(INDEX(Jesper!AK$2:AK$366,ROUNDDOWN($C711/24,0)+1,1)*INDEX($D$3:$AA$30,INDEX(Jesper!$R$2:$R$366,ROW(INDEX(Jesper!AK$2:AK$366,ROUNDDOWN($C711/24,0)+1,1))-1)+IF('Standard Profiles'!$G$21=$B$10,7,0)+IF('Standard Profiles'!$G$21=$B$17,14,0)+IF('Standard Profiles'!$G$21=$B$24,21,0),MOD($C711,24)+1)/SUM(INDEX($D$3:$AA$30,INDEX(Jesper!$R$2:$R$366,ROW(INDEX(Jesper!AK$2:AK$366,ROUNDDOWN($C711/24,0)+1,1))-1)+IF('Standard Profiles'!$G$21=$B$10,7,0)+IF('Standard Profiles'!$G$21=$B$17,14,0)+IF('Standard Profiles'!$G$21=$B$24,21,0),0)),0)</f>
        <v>9.9594540152667985</v>
      </c>
      <c r="H711" cm="1">
        <f t="array" ref="H711">IFERROR(INDEX(Jesper!AL$2:AL$366,ROUNDDOWN($C711/24,0)+1,1)*INDEX($D$3:$AA$30,INDEX(Jesper!$R$2:$R$366,ROW(INDEX(Jesper!AL$2:AL$366,ROUNDDOWN($C711/24,0)+1,1))-1)+IF('Standard Profiles'!$G$22=$B$10,7,0)+IF('Standard Profiles'!$G$22=$B$17,14,0)+IF('Standard Profiles'!$G$22=$B$24,21,0),MOD($C711,24)+1)/SUM(INDEX($D$3:$AA$30,INDEX(Jesper!$R$2:$R$366,ROW(INDEX(Jesper!AL$2:AL$366,ROUNDDOWN($C711/24,0)+1,1))-1)+IF('Standard Profiles'!$G$22=$B$10,7,0)+IF('Standard Profiles'!$G$22=$B$17,14,0)+IF('Standard Profiles'!$G$22=$B$24,21,0),0)),0)</f>
        <v>7.0722114377607062</v>
      </c>
      <c r="I711">
        <f t="shared" si="90"/>
        <v>6.7893229802502812</v>
      </c>
      <c r="J711">
        <f t="shared" si="91"/>
        <v>21.21691294951431</v>
      </c>
      <c r="K711">
        <f t="shared" si="92"/>
        <v>0.48893349609357861</v>
      </c>
      <c r="L711">
        <f t="shared" si="93"/>
        <v>0.24446674804678931</v>
      </c>
      <c r="M711">
        <f t="shared" si="94"/>
        <v>0</v>
      </c>
      <c r="N711" s="45">
        <f t="shared" si="95"/>
        <v>44955.208333331691</v>
      </c>
    </row>
    <row r="712" spans="2:14" x14ac:dyDescent="0.25">
      <c r="B712">
        <f t="shared" si="89"/>
        <v>7</v>
      </c>
      <c r="C712" s="16">
        <v>678</v>
      </c>
      <c r="D712" cm="1">
        <f t="array" ref="D712">IFERROR(INDEX(Jesper!AH$2:AH$366,ROUNDDOWN($C712/24,0)+1,1)*INDEX($D$3:$AA$30,INDEX(Jesper!$R$2:$R$366,ROW(INDEX(Jesper!AH$2:AH$366,ROUNDDOWN($C712/24,0)+1,1))-1)+IF('Standard Profiles'!$G$18=$B$10,7,0)+IF('Standard Profiles'!$G$18=$B$17,14,0)+IF('Standard Profiles'!$G$18=$B$24,21,0),MOD($C712,24)+1)/SUM(INDEX($D$3:$AA$30,INDEX(Jesper!$R$2:$R$366,ROW(INDEX(Jesper!AH$2:AH$366,ROUNDDOWN($C712/24,0)+1,1))-1)+IF('Standard Profiles'!$G$18=$B$10,7,0)+IF('Standard Profiles'!$G$18=$B$17,14,0)+IF('Standard Profiles'!$G$18=$B$24,21,0),0)),0)</f>
        <v>0</v>
      </c>
      <c r="E712" cm="1">
        <f t="array" ref="E712">IFERROR(INDEX(Jesper!AI$2:AI$366,ROUNDDOWN($C712/24,0)+1,1)*INDEX($D$3:$AA$30,INDEX(Jesper!$R$2:$R$366,ROW(INDEX(Jesper!AI$2:AI$366,ROUNDDOWN($C712/24,0)+1,1))-1)+IF('Standard Profiles'!$G$19=$B$10,7,0)+IF('Standard Profiles'!$G$19=$B$17,14,0)+IF('Standard Profiles'!$G$19=$B$24,21,0),MOD($C712,24)+1)/SUM(INDEX($D$3:$AA$30,INDEX(Jesper!$R$2:$R$366,ROW(INDEX(Jesper!AI$2:AI$366,ROUNDDOWN($C712/24,0)+1,1))-1)+IF('Standard Profiles'!$G$19=$B$10,7,0)+IF('Standard Profiles'!$G$19=$B$17,14,0)+IF('Standard Profiles'!$G$19=$B$24,21,0),0)),0)</f>
        <v>6.1116687011697328</v>
      </c>
      <c r="F712" cm="1">
        <f t="array" ref="F712">IFERROR(INDEX(Jesper!AJ$2:AJ$366,ROUNDDOWN($C712/24,0)+1,1)*INDEX($D$3:$AA$30,INDEX(Jesper!$R$2:$R$366,ROW(INDEX(Jesper!AJ$2:AJ$366,ROUNDDOWN($C712/24,0)+1,1))-1)+IF('Standard Profiles'!$G$20=$B$10,7,0)+IF('Standard Profiles'!$G$20=$B$17,14,0)+IF('Standard Profiles'!$G$20=$B$24,21,0),MOD($C712,24)+1)/SUM(INDEX($D$3:$AA$30,INDEX(Jesper!$R$2:$R$366,ROW(INDEX(Jesper!AJ$2:AJ$366,ROUNDDOWN($C712/24,0)+1,1))-1)+IF('Standard Profiles'!$G$20=$B$10,7,0)+IF('Standard Profiles'!$G$20=$B$17,14,0)+IF('Standard Profiles'!$G$20=$B$24,21,0),0)),0)</f>
        <v>5.5963020197077249</v>
      </c>
      <c r="G712" cm="1">
        <f t="array" ref="G712">IFERROR(INDEX(Jesper!AK$2:AK$366,ROUNDDOWN($C712/24,0)+1,1)*INDEX($D$3:$AA$30,INDEX(Jesper!$R$2:$R$366,ROW(INDEX(Jesper!AK$2:AK$366,ROUNDDOWN($C712/24,0)+1,1))-1)+IF('Standard Profiles'!$G$21=$B$10,7,0)+IF('Standard Profiles'!$G$21=$B$17,14,0)+IF('Standard Profiles'!$G$21=$B$24,21,0),MOD($C712,24)+1)/SUM(INDEX($D$3:$AA$30,INDEX(Jesper!$R$2:$R$366,ROW(INDEX(Jesper!AK$2:AK$366,ROUNDDOWN($C712/24,0)+1,1))-1)+IF('Standard Profiles'!$G$21=$B$10,7,0)+IF('Standard Profiles'!$G$21=$B$17,14,0)+IF('Standard Profiles'!$G$21=$B$24,21,0),0)),0)</f>
        <v>9.9594540152667985</v>
      </c>
      <c r="H712" cm="1">
        <f t="array" ref="H712">IFERROR(INDEX(Jesper!AL$2:AL$366,ROUNDDOWN($C712/24,0)+1,1)*INDEX($D$3:$AA$30,INDEX(Jesper!$R$2:$R$366,ROW(INDEX(Jesper!AL$2:AL$366,ROUNDDOWN($C712/24,0)+1,1))-1)+IF('Standard Profiles'!$G$22=$B$10,7,0)+IF('Standard Profiles'!$G$22=$B$17,14,0)+IF('Standard Profiles'!$G$22=$B$24,21,0),MOD($C712,24)+1)/SUM(INDEX($D$3:$AA$30,INDEX(Jesper!$R$2:$R$366,ROW(INDEX(Jesper!AL$2:AL$366,ROUNDDOWN($C712/24,0)+1,1))-1)+IF('Standard Profiles'!$G$22=$B$10,7,0)+IF('Standard Profiles'!$G$22=$B$17,14,0)+IF('Standard Profiles'!$G$22=$B$24,21,0),0)),0)</f>
        <v>8.3294934711403883</v>
      </c>
      <c r="I712">
        <f t="shared" si="90"/>
        <v>7.9963137322947775</v>
      </c>
      <c r="J712">
        <f t="shared" si="91"/>
        <v>21.267204230849497</v>
      </c>
      <c r="K712">
        <f t="shared" si="92"/>
        <v>0.48893349609357861</v>
      </c>
      <c r="L712">
        <f t="shared" si="93"/>
        <v>0.24446674804678931</v>
      </c>
      <c r="M712">
        <f t="shared" si="94"/>
        <v>0</v>
      </c>
      <c r="N712" s="45">
        <f t="shared" si="95"/>
        <v>44955.249999998356</v>
      </c>
    </row>
    <row r="713" spans="2:14" x14ac:dyDescent="0.25">
      <c r="B713">
        <f t="shared" si="89"/>
        <v>7</v>
      </c>
      <c r="C713" s="16">
        <v>679</v>
      </c>
      <c r="D713" cm="1">
        <f t="array" ref="D713">IFERROR(INDEX(Jesper!AH$2:AH$366,ROUNDDOWN($C713/24,0)+1,1)*INDEX($D$3:$AA$30,INDEX(Jesper!$R$2:$R$366,ROW(INDEX(Jesper!AH$2:AH$366,ROUNDDOWN($C713/24,0)+1,1))-1)+IF('Standard Profiles'!$G$18=$B$10,7,0)+IF('Standard Profiles'!$G$18=$B$17,14,0)+IF('Standard Profiles'!$G$18=$B$24,21,0),MOD($C713,24)+1)/SUM(INDEX($D$3:$AA$30,INDEX(Jesper!$R$2:$R$366,ROW(INDEX(Jesper!AH$2:AH$366,ROUNDDOWN($C713/24,0)+1,1))-1)+IF('Standard Profiles'!$G$18=$B$10,7,0)+IF('Standard Profiles'!$G$18=$B$17,14,0)+IF('Standard Profiles'!$G$18=$B$24,21,0),0)),0)</f>
        <v>0</v>
      </c>
      <c r="E713" cm="1">
        <f t="array" ref="E713">IFERROR(INDEX(Jesper!AI$2:AI$366,ROUNDDOWN($C713/24,0)+1,1)*INDEX($D$3:$AA$30,INDEX(Jesper!$R$2:$R$366,ROW(INDEX(Jesper!AI$2:AI$366,ROUNDDOWN($C713/24,0)+1,1))-1)+IF('Standard Profiles'!$G$19=$B$10,7,0)+IF('Standard Profiles'!$G$19=$B$17,14,0)+IF('Standard Profiles'!$G$19=$B$24,21,0),MOD($C713,24)+1)/SUM(INDEX($D$3:$AA$30,INDEX(Jesper!$R$2:$R$366,ROW(INDEX(Jesper!AI$2:AI$366,ROUNDDOWN($C713/24,0)+1,1))-1)+IF('Standard Profiles'!$G$19=$B$10,7,0)+IF('Standard Profiles'!$G$19=$B$17,14,0)+IF('Standard Profiles'!$G$19=$B$24,21,0),0)),0)</f>
        <v>6.1116687011697328</v>
      </c>
      <c r="F713" cm="1">
        <f t="array" ref="F713">IFERROR(INDEX(Jesper!AJ$2:AJ$366,ROUNDDOWN($C713/24,0)+1,1)*INDEX($D$3:$AA$30,INDEX(Jesper!$R$2:$R$366,ROW(INDEX(Jesper!AJ$2:AJ$366,ROUNDDOWN($C713/24,0)+1,1))-1)+IF('Standard Profiles'!$G$20=$B$10,7,0)+IF('Standard Profiles'!$G$20=$B$17,14,0)+IF('Standard Profiles'!$G$20=$B$24,21,0),MOD($C713,24)+1)/SUM(INDEX($D$3:$AA$30,INDEX(Jesper!$R$2:$R$366,ROW(INDEX(Jesper!AJ$2:AJ$366,ROUNDDOWN($C713/24,0)+1,1))-1)+IF('Standard Profiles'!$G$20=$B$10,7,0)+IF('Standard Profiles'!$G$20=$B$17,14,0)+IF('Standard Profiles'!$G$20=$B$24,21,0),0)),0)</f>
        <v>5.5963020197077249</v>
      </c>
      <c r="G713" cm="1">
        <f t="array" ref="G713">IFERROR(INDEX(Jesper!AK$2:AK$366,ROUNDDOWN($C713/24,0)+1,1)*INDEX($D$3:$AA$30,INDEX(Jesper!$R$2:$R$366,ROW(INDEX(Jesper!AK$2:AK$366,ROUNDDOWN($C713/24,0)+1,1))-1)+IF('Standard Profiles'!$G$21=$B$10,7,0)+IF('Standard Profiles'!$G$21=$B$17,14,0)+IF('Standard Profiles'!$G$21=$B$24,21,0),MOD($C713,24)+1)/SUM(INDEX($D$3:$AA$30,INDEX(Jesper!$R$2:$R$366,ROW(INDEX(Jesper!AK$2:AK$366,ROUNDDOWN($C713/24,0)+1,1))-1)+IF('Standard Profiles'!$G$21=$B$10,7,0)+IF('Standard Profiles'!$G$21=$B$17,14,0)+IF('Standard Profiles'!$G$21=$B$24,21,0),0)),0)</f>
        <v>9.9594540152667985</v>
      </c>
      <c r="H713" cm="1">
        <f t="array" ref="H713">IFERROR(INDEX(Jesper!AL$2:AL$366,ROUNDDOWN($C713/24,0)+1,1)*INDEX($D$3:$AA$30,INDEX(Jesper!$R$2:$R$366,ROW(INDEX(Jesper!AL$2:AL$366,ROUNDDOWN($C713/24,0)+1,1))-1)+IF('Standard Profiles'!$G$22=$B$10,7,0)+IF('Standard Profiles'!$G$22=$B$17,14,0)+IF('Standard Profiles'!$G$22=$B$24,21,0),MOD($C713,24)+1)/SUM(INDEX($D$3:$AA$30,INDEX(Jesper!$R$2:$R$366,ROW(INDEX(Jesper!AL$2:AL$366,ROUNDDOWN($C713/24,0)+1,1))-1)+IF('Standard Profiles'!$G$22=$B$10,7,0)+IF('Standard Profiles'!$G$22=$B$17,14,0)+IF('Standard Profiles'!$G$22=$B$24,21,0),0)),0)</f>
        <v>9.9010960128649899</v>
      </c>
      <c r="I713">
        <f t="shared" si="90"/>
        <v>9.5050521723503962</v>
      </c>
      <c r="J713">
        <f t="shared" si="91"/>
        <v>21.330068332518479</v>
      </c>
      <c r="K713">
        <f t="shared" si="92"/>
        <v>0.48893349609357861</v>
      </c>
      <c r="L713">
        <f t="shared" si="93"/>
        <v>0.24446674804678931</v>
      </c>
      <c r="M713">
        <f t="shared" si="94"/>
        <v>0</v>
      </c>
      <c r="N713" s="45">
        <f t="shared" si="95"/>
        <v>44955.29166666502</v>
      </c>
    </row>
    <row r="714" spans="2:14" x14ac:dyDescent="0.25">
      <c r="B714">
        <f t="shared" si="89"/>
        <v>7</v>
      </c>
      <c r="C714" s="16">
        <v>680</v>
      </c>
      <c r="D714" cm="1">
        <f t="array" ref="D714">IFERROR(INDEX(Jesper!AH$2:AH$366,ROUNDDOWN($C714/24,0)+1,1)*INDEX($D$3:$AA$30,INDEX(Jesper!$R$2:$R$366,ROW(INDEX(Jesper!AH$2:AH$366,ROUNDDOWN($C714/24,0)+1,1))-1)+IF('Standard Profiles'!$G$18=$B$10,7,0)+IF('Standard Profiles'!$G$18=$B$17,14,0)+IF('Standard Profiles'!$G$18=$B$24,21,0),MOD($C714,24)+1)/SUM(INDEX($D$3:$AA$30,INDEX(Jesper!$R$2:$R$366,ROW(INDEX(Jesper!AH$2:AH$366,ROUNDDOWN($C714/24,0)+1,1))-1)+IF('Standard Profiles'!$G$18=$B$10,7,0)+IF('Standard Profiles'!$G$18=$B$17,14,0)+IF('Standard Profiles'!$G$18=$B$24,21,0),0)),0)</f>
        <v>0</v>
      </c>
      <c r="E714" cm="1">
        <f t="array" ref="E714">IFERROR(INDEX(Jesper!AI$2:AI$366,ROUNDDOWN($C714/24,0)+1,1)*INDEX($D$3:$AA$30,INDEX(Jesper!$R$2:$R$366,ROW(INDEX(Jesper!AI$2:AI$366,ROUNDDOWN($C714/24,0)+1,1))-1)+IF('Standard Profiles'!$G$19=$B$10,7,0)+IF('Standard Profiles'!$G$19=$B$17,14,0)+IF('Standard Profiles'!$G$19=$B$24,21,0),MOD($C714,24)+1)/SUM(INDEX($D$3:$AA$30,INDEX(Jesper!$R$2:$R$366,ROW(INDEX(Jesper!AI$2:AI$366,ROUNDDOWN($C714/24,0)+1,1))-1)+IF('Standard Profiles'!$G$19=$B$10,7,0)+IF('Standard Profiles'!$G$19=$B$17,14,0)+IF('Standard Profiles'!$G$19=$B$24,21,0),0)),0)</f>
        <v>6.1116687011697328</v>
      </c>
      <c r="F714" cm="1">
        <f t="array" ref="F714">IFERROR(INDEX(Jesper!AJ$2:AJ$366,ROUNDDOWN($C714/24,0)+1,1)*INDEX($D$3:$AA$30,INDEX(Jesper!$R$2:$R$366,ROW(INDEX(Jesper!AJ$2:AJ$366,ROUNDDOWN($C714/24,0)+1,1))-1)+IF('Standard Profiles'!$G$20=$B$10,7,0)+IF('Standard Profiles'!$G$20=$B$17,14,0)+IF('Standard Profiles'!$G$20=$B$24,21,0),MOD($C714,24)+1)/SUM(INDEX($D$3:$AA$30,INDEX(Jesper!$R$2:$R$366,ROW(INDEX(Jesper!AJ$2:AJ$366,ROUNDDOWN($C714/24,0)+1,1))-1)+IF('Standard Profiles'!$G$20=$B$10,7,0)+IF('Standard Profiles'!$G$20=$B$17,14,0)+IF('Standard Profiles'!$G$20=$B$24,21,0),0)),0)</f>
        <v>5.5963020197077249</v>
      </c>
      <c r="G714" cm="1">
        <f t="array" ref="G714">IFERROR(INDEX(Jesper!AK$2:AK$366,ROUNDDOWN($C714/24,0)+1,1)*INDEX($D$3:$AA$30,INDEX(Jesper!$R$2:$R$366,ROW(INDEX(Jesper!AK$2:AK$366,ROUNDDOWN($C714/24,0)+1,1))-1)+IF('Standard Profiles'!$G$21=$B$10,7,0)+IF('Standard Profiles'!$G$21=$B$17,14,0)+IF('Standard Profiles'!$G$21=$B$24,21,0),MOD($C714,24)+1)/SUM(INDEX($D$3:$AA$30,INDEX(Jesper!$R$2:$R$366,ROW(INDEX(Jesper!AK$2:AK$366,ROUNDDOWN($C714/24,0)+1,1))-1)+IF('Standard Profiles'!$G$21=$B$10,7,0)+IF('Standard Profiles'!$G$21=$B$17,14,0)+IF('Standard Profiles'!$G$21=$B$24,21,0),0)),0)</f>
        <v>9.9594540152667985</v>
      </c>
      <c r="H714" cm="1">
        <f t="array" ref="H714">IFERROR(INDEX(Jesper!AL$2:AL$366,ROUNDDOWN($C714/24,0)+1,1)*INDEX($D$3:$AA$30,INDEX(Jesper!$R$2:$R$366,ROW(INDEX(Jesper!AL$2:AL$366,ROUNDDOWN($C714/24,0)+1,1))-1)+IF('Standard Profiles'!$G$22=$B$10,7,0)+IF('Standard Profiles'!$G$22=$B$17,14,0)+IF('Standard Profiles'!$G$22=$B$24,21,0),MOD($C714,24)+1)/SUM(INDEX($D$3:$AA$30,INDEX(Jesper!$R$2:$R$366,ROW(INDEX(Jesper!AL$2:AL$366,ROUNDDOWN($C714/24,0)+1,1))-1)+IF('Standard Profiles'!$G$22=$B$10,7,0)+IF('Standard Profiles'!$G$22=$B$17,14,0)+IF('Standard Profiles'!$G$22=$B$24,21,0),0)),0)</f>
        <v>9.9010960128649899</v>
      </c>
      <c r="I714">
        <f t="shared" si="90"/>
        <v>9.5050521723503962</v>
      </c>
      <c r="J714">
        <f t="shared" si="91"/>
        <v>21.330068332518479</v>
      </c>
      <c r="K714">
        <f t="shared" si="92"/>
        <v>0.48893349609357861</v>
      </c>
      <c r="L714">
        <f t="shared" si="93"/>
        <v>0.24446674804678931</v>
      </c>
      <c r="M714">
        <f t="shared" si="94"/>
        <v>0</v>
      </c>
      <c r="N714" s="45">
        <f t="shared" si="95"/>
        <v>44955.333333331684</v>
      </c>
    </row>
    <row r="715" spans="2:14" x14ac:dyDescent="0.25">
      <c r="B715">
        <f t="shared" si="89"/>
        <v>7</v>
      </c>
      <c r="C715" s="16">
        <v>681</v>
      </c>
      <c r="D715" cm="1">
        <f t="array" ref="D715">IFERROR(INDEX(Jesper!AH$2:AH$366,ROUNDDOWN($C715/24,0)+1,1)*INDEX($D$3:$AA$30,INDEX(Jesper!$R$2:$R$366,ROW(INDEX(Jesper!AH$2:AH$366,ROUNDDOWN($C715/24,0)+1,1))-1)+IF('Standard Profiles'!$G$18=$B$10,7,0)+IF('Standard Profiles'!$G$18=$B$17,14,0)+IF('Standard Profiles'!$G$18=$B$24,21,0),MOD($C715,24)+1)/SUM(INDEX($D$3:$AA$30,INDEX(Jesper!$R$2:$R$366,ROW(INDEX(Jesper!AH$2:AH$366,ROUNDDOWN($C715/24,0)+1,1))-1)+IF('Standard Profiles'!$G$18=$B$10,7,0)+IF('Standard Profiles'!$G$18=$B$17,14,0)+IF('Standard Profiles'!$G$18=$B$24,21,0),0)),0)</f>
        <v>0</v>
      </c>
      <c r="E715" cm="1">
        <f t="array" ref="E715">IFERROR(INDEX(Jesper!AI$2:AI$366,ROUNDDOWN($C715/24,0)+1,1)*INDEX($D$3:$AA$30,INDEX(Jesper!$R$2:$R$366,ROW(INDEX(Jesper!AI$2:AI$366,ROUNDDOWN($C715/24,0)+1,1))-1)+IF('Standard Profiles'!$G$19=$B$10,7,0)+IF('Standard Profiles'!$G$19=$B$17,14,0)+IF('Standard Profiles'!$G$19=$B$24,21,0),MOD($C715,24)+1)/SUM(INDEX($D$3:$AA$30,INDEX(Jesper!$R$2:$R$366,ROW(INDEX(Jesper!AI$2:AI$366,ROUNDDOWN($C715/24,0)+1,1))-1)+IF('Standard Profiles'!$G$19=$B$10,7,0)+IF('Standard Profiles'!$G$19=$B$17,14,0)+IF('Standard Profiles'!$G$19=$B$24,21,0),0)),0)</f>
        <v>6.1116687011697328</v>
      </c>
      <c r="F715" cm="1">
        <f t="array" ref="F715">IFERROR(INDEX(Jesper!AJ$2:AJ$366,ROUNDDOWN($C715/24,0)+1,1)*INDEX($D$3:$AA$30,INDEX(Jesper!$R$2:$R$366,ROW(INDEX(Jesper!AJ$2:AJ$366,ROUNDDOWN($C715/24,0)+1,1))-1)+IF('Standard Profiles'!$G$20=$B$10,7,0)+IF('Standard Profiles'!$G$20=$B$17,14,0)+IF('Standard Profiles'!$G$20=$B$24,21,0),MOD($C715,24)+1)/SUM(INDEX($D$3:$AA$30,INDEX(Jesper!$R$2:$R$366,ROW(INDEX(Jesper!AJ$2:AJ$366,ROUNDDOWN($C715/24,0)+1,1))-1)+IF('Standard Profiles'!$G$20=$B$10,7,0)+IF('Standard Profiles'!$G$20=$B$17,14,0)+IF('Standard Profiles'!$G$20=$B$24,21,0),0)),0)</f>
        <v>5.5963020197077249</v>
      </c>
      <c r="G715" cm="1">
        <f t="array" ref="G715">IFERROR(INDEX(Jesper!AK$2:AK$366,ROUNDDOWN($C715/24,0)+1,1)*INDEX($D$3:$AA$30,INDEX(Jesper!$R$2:$R$366,ROW(INDEX(Jesper!AK$2:AK$366,ROUNDDOWN($C715/24,0)+1,1))-1)+IF('Standard Profiles'!$G$21=$B$10,7,0)+IF('Standard Profiles'!$G$21=$B$17,14,0)+IF('Standard Profiles'!$G$21=$B$24,21,0),MOD($C715,24)+1)/SUM(INDEX($D$3:$AA$30,INDEX(Jesper!$R$2:$R$366,ROW(INDEX(Jesper!AK$2:AK$366,ROUNDDOWN($C715/24,0)+1,1))-1)+IF('Standard Profiles'!$G$21=$B$10,7,0)+IF('Standard Profiles'!$G$21=$B$17,14,0)+IF('Standard Profiles'!$G$21=$B$24,21,0),0)),0)</f>
        <v>9.9594540152667985</v>
      </c>
      <c r="H715" cm="1">
        <f t="array" ref="H715">IFERROR(INDEX(Jesper!AL$2:AL$366,ROUNDDOWN($C715/24,0)+1,1)*INDEX($D$3:$AA$30,INDEX(Jesper!$R$2:$R$366,ROW(INDEX(Jesper!AL$2:AL$366,ROUNDDOWN($C715/24,0)+1,1))-1)+IF('Standard Profiles'!$G$22=$B$10,7,0)+IF('Standard Profiles'!$G$22=$B$17,14,0)+IF('Standard Profiles'!$G$22=$B$24,21,0),MOD($C715,24)+1)/SUM(INDEX($D$3:$AA$30,INDEX(Jesper!$R$2:$R$366,ROW(INDEX(Jesper!AL$2:AL$366,ROUNDDOWN($C715/24,0)+1,1))-1)+IF('Standard Profiles'!$G$22=$B$10,7,0)+IF('Standard Profiles'!$G$22=$B$17,14,0)+IF('Standard Profiles'!$G$22=$B$24,21,0),0)),0)</f>
        <v>9.9010960128649899</v>
      </c>
      <c r="I715">
        <f t="shared" si="90"/>
        <v>9.5050521723503962</v>
      </c>
      <c r="J715">
        <f t="shared" si="91"/>
        <v>21.330068332518479</v>
      </c>
      <c r="K715">
        <f t="shared" si="92"/>
        <v>0.48893349609357861</v>
      </c>
      <c r="L715">
        <f t="shared" si="93"/>
        <v>0.24446674804678931</v>
      </c>
      <c r="M715">
        <f t="shared" si="94"/>
        <v>0</v>
      </c>
      <c r="N715" s="45">
        <f t="shared" si="95"/>
        <v>44955.374999998348</v>
      </c>
    </row>
    <row r="716" spans="2:14" x14ac:dyDescent="0.25">
      <c r="B716">
        <f t="shared" si="89"/>
        <v>7</v>
      </c>
      <c r="C716" s="16">
        <v>682</v>
      </c>
      <c r="D716" cm="1">
        <f t="array" ref="D716">IFERROR(INDEX(Jesper!AH$2:AH$366,ROUNDDOWN($C716/24,0)+1,1)*INDEX($D$3:$AA$30,INDEX(Jesper!$R$2:$R$366,ROW(INDEX(Jesper!AH$2:AH$366,ROUNDDOWN($C716/24,0)+1,1))-1)+IF('Standard Profiles'!$G$18=$B$10,7,0)+IF('Standard Profiles'!$G$18=$B$17,14,0)+IF('Standard Profiles'!$G$18=$B$24,21,0),MOD($C716,24)+1)/SUM(INDEX($D$3:$AA$30,INDEX(Jesper!$R$2:$R$366,ROW(INDEX(Jesper!AH$2:AH$366,ROUNDDOWN($C716/24,0)+1,1))-1)+IF('Standard Profiles'!$G$18=$B$10,7,0)+IF('Standard Profiles'!$G$18=$B$17,14,0)+IF('Standard Profiles'!$G$18=$B$24,21,0),0)),0)</f>
        <v>0</v>
      </c>
      <c r="E716" cm="1">
        <f t="array" ref="E716">IFERROR(INDEX(Jesper!AI$2:AI$366,ROUNDDOWN($C716/24,0)+1,1)*INDEX($D$3:$AA$30,INDEX(Jesper!$R$2:$R$366,ROW(INDEX(Jesper!AI$2:AI$366,ROUNDDOWN($C716/24,0)+1,1))-1)+IF('Standard Profiles'!$G$19=$B$10,7,0)+IF('Standard Profiles'!$G$19=$B$17,14,0)+IF('Standard Profiles'!$G$19=$B$24,21,0),MOD($C716,24)+1)/SUM(INDEX($D$3:$AA$30,INDEX(Jesper!$R$2:$R$366,ROW(INDEX(Jesper!AI$2:AI$366,ROUNDDOWN($C716/24,0)+1,1))-1)+IF('Standard Profiles'!$G$19=$B$10,7,0)+IF('Standard Profiles'!$G$19=$B$17,14,0)+IF('Standard Profiles'!$G$19=$B$24,21,0),0)),0)</f>
        <v>6.1116687011697328</v>
      </c>
      <c r="F716" cm="1">
        <f t="array" ref="F716">IFERROR(INDEX(Jesper!AJ$2:AJ$366,ROUNDDOWN($C716/24,0)+1,1)*INDEX($D$3:$AA$30,INDEX(Jesper!$R$2:$R$366,ROW(INDEX(Jesper!AJ$2:AJ$366,ROUNDDOWN($C716/24,0)+1,1))-1)+IF('Standard Profiles'!$G$20=$B$10,7,0)+IF('Standard Profiles'!$G$20=$B$17,14,0)+IF('Standard Profiles'!$G$20=$B$24,21,0),MOD($C716,24)+1)/SUM(INDEX($D$3:$AA$30,INDEX(Jesper!$R$2:$R$366,ROW(INDEX(Jesper!AJ$2:AJ$366,ROUNDDOWN($C716/24,0)+1,1))-1)+IF('Standard Profiles'!$G$20=$B$10,7,0)+IF('Standard Profiles'!$G$20=$B$17,14,0)+IF('Standard Profiles'!$G$20=$B$24,21,0),0)),0)</f>
        <v>5.5963020197077249</v>
      </c>
      <c r="G716" cm="1">
        <f t="array" ref="G716">IFERROR(INDEX(Jesper!AK$2:AK$366,ROUNDDOWN($C716/24,0)+1,1)*INDEX($D$3:$AA$30,INDEX(Jesper!$R$2:$R$366,ROW(INDEX(Jesper!AK$2:AK$366,ROUNDDOWN($C716/24,0)+1,1))-1)+IF('Standard Profiles'!$G$21=$B$10,7,0)+IF('Standard Profiles'!$G$21=$B$17,14,0)+IF('Standard Profiles'!$G$21=$B$24,21,0),MOD($C716,24)+1)/SUM(INDEX($D$3:$AA$30,INDEX(Jesper!$R$2:$R$366,ROW(INDEX(Jesper!AK$2:AK$366,ROUNDDOWN($C716/24,0)+1,1))-1)+IF('Standard Profiles'!$G$21=$B$10,7,0)+IF('Standard Profiles'!$G$21=$B$17,14,0)+IF('Standard Profiles'!$G$21=$B$24,21,0),0)),0)</f>
        <v>9.9594540152667985</v>
      </c>
      <c r="H716" cm="1">
        <f t="array" ref="H716">IFERROR(INDEX(Jesper!AL$2:AL$366,ROUNDDOWN($C716/24,0)+1,1)*INDEX($D$3:$AA$30,INDEX(Jesper!$R$2:$R$366,ROW(INDEX(Jesper!AL$2:AL$366,ROUNDDOWN($C716/24,0)+1,1))-1)+IF('Standard Profiles'!$G$22=$B$10,7,0)+IF('Standard Profiles'!$G$22=$B$17,14,0)+IF('Standard Profiles'!$G$22=$B$24,21,0),MOD($C716,24)+1)/SUM(INDEX($D$3:$AA$30,INDEX(Jesper!$R$2:$R$366,ROW(INDEX(Jesper!AL$2:AL$366,ROUNDDOWN($C716/24,0)+1,1))-1)+IF('Standard Profiles'!$G$22=$B$10,7,0)+IF('Standard Profiles'!$G$22=$B$17,14,0)+IF('Standard Profiles'!$G$22=$B$24,21,0),0)),0)</f>
        <v>9.9010960128649899</v>
      </c>
      <c r="I716">
        <f t="shared" si="90"/>
        <v>9.5050521723503962</v>
      </c>
      <c r="J716">
        <f t="shared" si="91"/>
        <v>21.330068332518479</v>
      </c>
      <c r="K716">
        <f t="shared" si="92"/>
        <v>0.48893349609357861</v>
      </c>
      <c r="L716">
        <f t="shared" si="93"/>
        <v>0.24446674804678931</v>
      </c>
      <c r="M716">
        <f t="shared" si="94"/>
        <v>0</v>
      </c>
      <c r="N716" s="45">
        <f t="shared" si="95"/>
        <v>44955.416666665013</v>
      </c>
    </row>
    <row r="717" spans="2:14" x14ac:dyDescent="0.25">
      <c r="B717">
        <f t="shared" si="89"/>
        <v>7</v>
      </c>
      <c r="C717" s="16">
        <v>683</v>
      </c>
      <c r="D717" cm="1">
        <f t="array" ref="D717">IFERROR(INDEX(Jesper!AH$2:AH$366,ROUNDDOWN($C717/24,0)+1,1)*INDEX($D$3:$AA$30,INDEX(Jesper!$R$2:$R$366,ROW(INDEX(Jesper!AH$2:AH$366,ROUNDDOWN($C717/24,0)+1,1))-1)+IF('Standard Profiles'!$G$18=$B$10,7,0)+IF('Standard Profiles'!$G$18=$B$17,14,0)+IF('Standard Profiles'!$G$18=$B$24,21,0),MOD($C717,24)+1)/SUM(INDEX($D$3:$AA$30,INDEX(Jesper!$R$2:$R$366,ROW(INDEX(Jesper!AH$2:AH$366,ROUNDDOWN($C717/24,0)+1,1))-1)+IF('Standard Profiles'!$G$18=$B$10,7,0)+IF('Standard Profiles'!$G$18=$B$17,14,0)+IF('Standard Profiles'!$G$18=$B$24,21,0),0)),0)</f>
        <v>0</v>
      </c>
      <c r="E717" cm="1">
        <f t="array" ref="E717">IFERROR(INDEX(Jesper!AI$2:AI$366,ROUNDDOWN($C717/24,0)+1,1)*INDEX($D$3:$AA$30,INDEX(Jesper!$R$2:$R$366,ROW(INDEX(Jesper!AI$2:AI$366,ROUNDDOWN($C717/24,0)+1,1))-1)+IF('Standard Profiles'!$G$19=$B$10,7,0)+IF('Standard Profiles'!$G$19=$B$17,14,0)+IF('Standard Profiles'!$G$19=$B$24,21,0),MOD($C717,24)+1)/SUM(INDEX($D$3:$AA$30,INDEX(Jesper!$R$2:$R$366,ROW(INDEX(Jesper!AI$2:AI$366,ROUNDDOWN($C717/24,0)+1,1))-1)+IF('Standard Profiles'!$G$19=$B$10,7,0)+IF('Standard Profiles'!$G$19=$B$17,14,0)+IF('Standard Profiles'!$G$19=$B$24,21,0),0)),0)</f>
        <v>6.1116687011697328</v>
      </c>
      <c r="F717" cm="1">
        <f t="array" ref="F717">IFERROR(INDEX(Jesper!AJ$2:AJ$366,ROUNDDOWN($C717/24,0)+1,1)*INDEX($D$3:$AA$30,INDEX(Jesper!$R$2:$R$366,ROW(INDEX(Jesper!AJ$2:AJ$366,ROUNDDOWN($C717/24,0)+1,1))-1)+IF('Standard Profiles'!$G$20=$B$10,7,0)+IF('Standard Profiles'!$G$20=$B$17,14,0)+IF('Standard Profiles'!$G$20=$B$24,21,0),MOD($C717,24)+1)/SUM(INDEX($D$3:$AA$30,INDEX(Jesper!$R$2:$R$366,ROW(INDEX(Jesper!AJ$2:AJ$366,ROUNDDOWN($C717/24,0)+1,1))-1)+IF('Standard Profiles'!$G$20=$B$10,7,0)+IF('Standard Profiles'!$G$20=$B$17,14,0)+IF('Standard Profiles'!$G$20=$B$24,21,0),0)),0)</f>
        <v>5.5963020197077249</v>
      </c>
      <c r="G717" cm="1">
        <f t="array" ref="G717">IFERROR(INDEX(Jesper!AK$2:AK$366,ROUNDDOWN($C717/24,0)+1,1)*INDEX($D$3:$AA$30,INDEX(Jesper!$R$2:$R$366,ROW(INDEX(Jesper!AK$2:AK$366,ROUNDDOWN($C717/24,0)+1,1))-1)+IF('Standard Profiles'!$G$21=$B$10,7,0)+IF('Standard Profiles'!$G$21=$B$17,14,0)+IF('Standard Profiles'!$G$21=$B$24,21,0),MOD($C717,24)+1)/SUM(INDEX($D$3:$AA$30,INDEX(Jesper!$R$2:$R$366,ROW(INDEX(Jesper!AK$2:AK$366,ROUNDDOWN($C717/24,0)+1,1))-1)+IF('Standard Profiles'!$G$21=$B$10,7,0)+IF('Standard Profiles'!$G$21=$B$17,14,0)+IF('Standard Profiles'!$G$21=$B$24,21,0),0)),0)</f>
        <v>9.9594540152667985</v>
      </c>
      <c r="H717" cm="1">
        <f t="array" ref="H717">IFERROR(INDEX(Jesper!AL$2:AL$366,ROUNDDOWN($C717/24,0)+1,1)*INDEX($D$3:$AA$30,INDEX(Jesper!$R$2:$R$366,ROW(INDEX(Jesper!AL$2:AL$366,ROUNDDOWN($C717/24,0)+1,1))-1)+IF('Standard Profiles'!$G$22=$B$10,7,0)+IF('Standard Profiles'!$G$22=$B$17,14,0)+IF('Standard Profiles'!$G$22=$B$24,21,0),MOD($C717,24)+1)/SUM(INDEX($D$3:$AA$30,INDEX(Jesper!$R$2:$R$366,ROW(INDEX(Jesper!AL$2:AL$366,ROUNDDOWN($C717/24,0)+1,1))-1)+IF('Standard Profiles'!$G$22=$B$10,7,0)+IF('Standard Profiles'!$G$22=$B$17,14,0)+IF('Standard Profiles'!$G$22=$B$24,21,0),0)),0)</f>
        <v>9.9010960128649899</v>
      </c>
      <c r="I717">
        <f t="shared" si="90"/>
        <v>9.5050521723503962</v>
      </c>
      <c r="J717">
        <f t="shared" si="91"/>
        <v>21.330068332518479</v>
      </c>
      <c r="K717">
        <f t="shared" si="92"/>
        <v>0.48893349609357861</v>
      </c>
      <c r="L717">
        <f t="shared" si="93"/>
        <v>0.24446674804678931</v>
      </c>
      <c r="M717">
        <f t="shared" si="94"/>
        <v>0</v>
      </c>
      <c r="N717" s="45">
        <f t="shared" si="95"/>
        <v>44955.458333331677</v>
      </c>
    </row>
    <row r="718" spans="2:14" x14ac:dyDescent="0.25">
      <c r="B718">
        <f t="shared" si="89"/>
        <v>7</v>
      </c>
      <c r="C718" s="16">
        <v>684</v>
      </c>
      <c r="D718" cm="1">
        <f t="array" ref="D718">IFERROR(INDEX(Jesper!AH$2:AH$366,ROUNDDOWN($C718/24,0)+1,1)*INDEX($D$3:$AA$30,INDEX(Jesper!$R$2:$R$366,ROW(INDEX(Jesper!AH$2:AH$366,ROUNDDOWN($C718/24,0)+1,1))-1)+IF('Standard Profiles'!$G$18=$B$10,7,0)+IF('Standard Profiles'!$G$18=$B$17,14,0)+IF('Standard Profiles'!$G$18=$B$24,21,0),MOD($C718,24)+1)/SUM(INDEX($D$3:$AA$30,INDEX(Jesper!$R$2:$R$366,ROW(INDEX(Jesper!AH$2:AH$366,ROUNDDOWN($C718/24,0)+1,1))-1)+IF('Standard Profiles'!$G$18=$B$10,7,0)+IF('Standard Profiles'!$G$18=$B$17,14,0)+IF('Standard Profiles'!$G$18=$B$24,21,0),0)),0)</f>
        <v>0</v>
      </c>
      <c r="E718" cm="1">
        <f t="array" ref="E718">IFERROR(INDEX(Jesper!AI$2:AI$366,ROUNDDOWN($C718/24,0)+1,1)*INDEX($D$3:$AA$30,INDEX(Jesper!$R$2:$R$366,ROW(INDEX(Jesper!AI$2:AI$366,ROUNDDOWN($C718/24,0)+1,1))-1)+IF('Standard Profiles'!$G$19=$B$10,7,0)+IF('Standard Profiles'!$G$19=$B$17,14,0)+IF('Standard Profiles'!$G$19=$B$24,21,0),MOD($C718,24)+1)/SUM(INDEX($D$3:$AA$30,INDEX(Jesper!$R$2:$R$366,ROW(INDEX(Jesper!AI$2:AI$366,ROUNDDOWN($C718/24,0)+1,1))-1)+IF('Standard Profiles'!$G$19=$B$10,7,0)+IF('Standard Profiles'!$G$19=$B$17,14,0)+IF('Standard Profiles'!$G$19=$B$24,21,0),0)),0)</f>
        <v>6.1116687011697328</v>
      </c>
      <c r="F718" cm="1">
        <f t="array" ref="F718">IFERROR(INDEX(Jesper!AJ$2:AJ$366,ROUNDDOWN($C718/24,0)+1,1)*INDEX($D$3:$AA$30,INDEX(Jesper!$R$2:$R$366,ROW(INDEX(Jesper!AJ$2:AJ$366,ROUNDDOWN($C718/24,0)+1,1))-1)+IF('Standard Profiles'!$G$20=$B$10,7,0)+IF('Standard Profiles'!$G$20=$B$17,14,0)+IF('Standard Profiles'!$G$20=$B$24,21,0),MOD($C718,24)+1)/SUM(INDEX($D$3:$AA$30,INDEX(Jesper!$R$2:$R$366,ROW(INDEX(Jesper!AJ$2:AJ$366,ROUNDDOWN($C718/24,0)+1,1))-1)+IF('Standard Profiles'!$G$20=$B$10,7,0)+IF('Standard Profiles'!$G$20=$B$17,14,0)+IF('Standard Profiles'!$G$20=$B$24,21,0),0)),0)</f>
        <v>5.5963020197077249</v>
      </c>
      <c r="G718" cm="1">
        <f t="array" ref="G718">IFERROR(INDEX(Jesper!AK$2:AK$366,ROUNDDOWN($C718/24,0)+1,1)*INDEX($D$3:$AA$30,INDEX(Jesper!$R$2:$R$366,ROW(INDEX(Jesper!AK$2:AK$366,ROUNDDOWN($C718/24,0)+1,1))-1)+IF('Standard Profiles'!$G$21=$B$10,7,0)+IF('Standard Profiles'!$G$21=$B$17,14,0)+IF('Standard Profiles'!$G$21=$B$24,21,0),MOD($C718,24)+1)/SUM(INDEX($D$3:$AA$30,INDEX(Jesper!$R$2:$R$366,ROW(INDEX(Jesper!AK$2:AK$366,ROUNDDOWN($C718/24,0)+1,1))-1)+IF('Standard Profiles'!$G$21=$B$10,7,0)+IF('Standard Profiles'!$G$21=$B$17,14,0)+IF('Standard Profiles'!$G$21=$B$24,21,0),0)),0)</f>
        <v>9.9594540152667985</v>
      </c>
      <c r="H718" cm="1">
        <f t="array" ref="H718">IFERROR(INDEX(Jesper!AL$2:AL$366,ROUNDDOWN($C718/24,0)+1,1)*INDEX($D$3:$AA$30,INDEX(Jesper!$R$2:$R$366,ROW(INDEX(Jesper!AL$2:AL$366,ROUNDDOWN($C718/24,0)+1,1))-1)+IF('Standard Profiles'!$G$22=$B$10,7,0)+IF('Standard Profiles'!$G$22=$B$17,14,0)+IF('Standard Profiles'!$G$22=$B$24,21,0),MOD($C718,24)+1)/SUM(INDEX($D$3:$AA$30,INDEX(Jesper!$R$2:$R$366,ROW(INDEX(Jesper!AL$2:AL$366,ROUNDDOWN($C718/24,0)+1,1))-1)+IF('Standard Profiles'!$G$22=$B$10,7,0)+IF('Standard Profiles'!$G$22=$B$17,14,0)+IF('Standard Profiles'!$G$22=$B$24,21,0),0)),0)</f>
        <v>9.9010960128649899</v>
      </c>
      <c r="I718">
        <f t="shared" si="90"/>
        <v>9.5050521723503962</v>
      </c>
      <c r="J718">
        <f t="shared" si="91"/>
        <v>21.330068332518479</v>
      </c>
      <c r="K718">
        <f t="shared" si="92"/>
        <v>0.48893349609357861</v>
      </c>
      <c r="L718">
        <f t="shared" si="93"/>
        <v>0.24446674804678931</v>
      </c>
      <c r="M718">
        <f t="shared" si="94"/>
        <v>0</v>
      </c>
      <c r="N718" s="45">
        <f t="shared" si="95"/>
        <v>44955.499999998341</v>
      </c>
    </row>
    <row r="719" spans="2:14" x14ac:dyDescent="0.25">
      <c r="B719">
        <f t="shared" si="89"/>
        <v>7</v>
      </c>
      <c r="C719" s="16">
        <v>685</v>
      </c>
      <c r="D719" cm="1">
        <f t="array" ref="D719">IFERROR(INDEX(Jesper!AH$2:AH$366,ROUNDDOWN($C719/24,0)+1,1)*INDEX($D$3:$AA$30,INDEX(Jesper!$R$2:$R$366,ROW(INDEX(Jesper!AH$2:AH$366,ROUNDDOWN($C719/24,0)+1,1))-1)+IF('Standard Profiles'!$G$18=$B$10,7,0)+IF('Standard Profiles'!$G$18=$B$17,14,0)+IF('Standard Profiles'!$G$18=$B$24,21,0),MOD($C719,24)+1)/SUM(INDEX($D$3:$AA$30,INDEX(Jesper!$R$2:$R$366,ROW(INDEX(Jesper!AH$2:AH$366,ROUNDDOWN($C719/24,0)+1,1))-1)+IF('Standard Profiles'!$G$18=$B$10,7,0)+IF('Standard Profiles'!$G$18=$B$17,14,0)+IF('Standard Profiles'!$G$18=$B$24,21,0),0)),0)</f>
        <v>0</v>
      </c>
      <c r="E719" cm="1">
        <f t="array" ref="E719">IFERROR(INDEX(Jesper!AI$2:AI$366,ROUNDDOWN($C719/24,0)+1,1)*INDEX($D$3:$AA$30,INDEX(Jesper!$R$2:$R$366,ROW(INDEX(Jesper!AI$2:AI$366,ROUNDDOWN($C719/24,0)+1,1))-1)+IF('Standard Profiles'!$G$19=$B$10,7,0)+IF('Standard Profiles'!$G$19=$B$17,14,0)+IF('Standard Profiles'!$G$19=$B$24,21,0),MOD($C719,24)+1)/SUM(INDEX($D$3:$AA$30,INDEX(Jesper!$R$2:$R$366,ROW(INDEX(Jesper!AI$2:AI$366,ROUNDDOWN($C719/24,0)+1,1))-1)+IF('Standard Profiles'!$G$19=$B$10,7,0)+IF('Standard Profiles'!$G$19=$B$17,14,0)+IF('Standard Profiles'!$G$19=$B$24,21,0),0)),0)</f>
        <v>6.1116687011697328</v>
      </c>
      <c r="F719" cm="1">
        <f t="array" ref="F719">IFERROR(INDEX(Jesper!AJ$2:AJ$366,ROUNDDOWN($C719/24,0)+1,1)*INDEX($D$3:$AA$30,INDEX(Jesper!$R$2:$R$366,ROW(INDEX(Jesper!AJ$2:AJ$366,ROUNDDOWN($C719/24,0)+1,1))-1)+IF('Standard Profiles'!$G$20=$B$10,7,0)+IF('Standard Profiles'!$G$20=$B$17,14,0)+IF('Standard Profiles'!$G$20=$B$24,21,0),MOD($C719,24)+1)/SUM(INDEX($D$3:$AA$30,INDEX(Jesper!$R$2:$R$366,ROW(INDEX(Jesper!AJ$2:AJ$366,ROUNDDOWN($C719/24,0)+1,1))-1)+IF('Standard Profiles'!$G$20=$B$10,7,0)+IF('Standard Profiles'!$G$20=$B$17,14,0)+IF('Standard Profiles'!$G$20=$B$24,21,0),0)),0)</f>
        <v>5.5963020197077249</v>
      </c>
      <c r="G719" cm="1">
        <f t="array" ref="G719">IFERROR(INDEX(Jesper!AK$2:AK$366,ROUNDDOWN($C719/24,0)+1,1)*INDEX($D$3:$AA$30,INDEX(Jesper!$R$2:$R$366,ROW(INDEX(Jesper!AK$2:AK$366,ROUNDDOWN($C719/24,0)+1,1))-1)+IF('Standard Profiles'!$G$21=$B$10,7,0)+IF('Standard Profiles'!$G$21=$B$17,14,0)+IF('Standard Profiles'!$G$21=$B$24,21,0),MOD($C719,24)+1)/SUM(INDEX($D$3:$AA$30,INDEX(Jesper!$R$2:$R$366,ROW(INDEX(Jesper!AK$2:AK$366,ROUNDDOWN($C719/24,0)+1,1))-1)+IF('Standard Profiles'!$G$21=$B$10,7,0)+IF('Standard Profiles'!$G$21=$B$17,14,0)+IF('Standard Profiles'!$G$21=$B$24,21,0),0)),0)</f>
        <v>9.9594540152667985</v>
      </c>
      <c r="H719" cm="1">
        <f t="array" ref="H719">IFERROR(INDEX(Jesper!AL$2:AL$366,ROUNDDOWN($C719/24,0)+1,1)*INDEX($D$3:$AA$30,INDEX(Jesper!$R$2:$R$366,ROW(INDEX(Jesper!AL$2:AL$366,ROUNDDOWN($C719/24,0)+1,1))-1)+IF('Standard Profiles'!$G$22=$B$10,7,0)+IF('Standard Profiles'!$G$22=$B$17,14,0)+IF('Standard Profiles'!$G$22=$B$24,21,0),MOD($C719,24)+1)/SUM(INDEX($D$3:$AA$30,INDEX(Jesper!$R$2:$R$366,ROW(INDEX(Jesper!AL$2:AL$366,ROUNDDOWN($C719/24,0)+1,1))-1)+IF('Standard Profiles'!$G$22=$B$10,7,0)+IF('Standard Profiles'!$G$22=$B$17,14,0)+IF('Standard Profiles'!$G$22=$B$24,21,0),0)),0)</f>
        <v>9.9010960128649899</v>
      </c>
      <c r="I719">
        <f t="shared" si="90"/>
        <v>9.5050521723503962</v>
      </c>
      <c r="J719">
        <f t="shared" si="91"/>
        <v>21.330068332518479</v>
      </c>
      <c r="K719">
        <f t="shared" si="92"/>
        <v>0.48893349609357861</v>
      </c>
      <c r="L719">
        <f t="shared" si="93"/>
        <v>0.24446674804678931</v>
      </c>
      <c r="M719">
        <f t="shared" si="94"/>
        <v>0</v>
      </c>
      <c r="N719" s="45">
        <f t="shared" si="95"/>
        <v>44955.541666665005</v>
      </c>
    </row>
    <row r="720" spans="2:14" x14ac:dyDescent="0.25">
      <c r="B720">
        <f t="shared" si="89"/>
        <v>7</v>
      </c>
      <c r="C720" s="16">
        <v>686</v>
      </c>
      <c r="D720" cm="1">
        <f t="array" ref="D720">IFERROR(INDEX(Jesper!AH$2:AH$366,ROUNDDOWN($C720/24,0)+1,1)*INDEX($D$3:$AA$30,INDEX(Jesper!$R$2:$R$366,ROW(INDEX(Jesper!AH$2:AH$366,ROUNDDOWN($C720/24,0)+1,1))-1)+IF('Standard Profiles'!$G$18=$B$10,7,0)+IF('Standard Profiles'!$G$18=$B$17,14,0)+IF('Standard Profiles'!$G$18=$B$24,21,0),MOD($C720,24)+1)/SUM(INDEX($D$3:$AA$30,INDEX(Jesper!$R$2:$R$366,ROW(INDEX(Jesper!AH$2:AH$366,ROUNDDOWN($C720/24,0)+1,1))-1)+IF('Standard Profiles'!$G$18=$B$10,7,0)+IF('Standard Profiles'!$G$18=$B$17,14,0)+IF('Standard Profiles'!$G$18=$B$24,21,0),0)),0)</f>
        <v>0</v>
      </c>
      <c r="E720" cm="1">
        <f t="array" ref="E720">IFERROR(INDEX(Jesper!AI$2:AI$366,ROUNDDOWN($C720/24,0)+1,1)*INDEX($D$3:$AA$30,INDEX(Jesper!$R$2:$R$366,ROW(INDEX(Jesper!AI$2:AI$366,ROUNDDOWN($C720/24,0)+1,1))-1)+IF('Standard Profiles'!$G$19=$B$10,7,0)+IF('Standard Profiles'!$G$19=$B$17,14,0)+IF('Standard Profiles'!$G$19=$B$24,21,0),MOD($C720,24)+1)/SUM(INDEX($D$3:$AA$30,INDEX(Jesper!$R$2:$R$366,ROW(INDEX(Jesper!AI$2:AI$366,ROUNDDOWN($C720/24,0)+1,1))-1)+IF('Standard Profiles'!$G$19=$B$10,7,0)+IF('Standard Profiles'!$G$19=$B$17,14,0)+IF('Standard Profiles'!$G$19=$B$24,21,0),0)),0)</f>
        <v>6.1116687011697328</v>
      </c>
      <c r="F720" cm="1">
        <f t="array" ref="F720">IFERROR(INDEX(Jesper!AJ$2:AJ$366,ROUNDDOWN($C720/24,0)+1,1)*INDEX($D$3:$AA$30,INDEX(Jesper!$R$2:$R$366,ROW(INDEX(Jesper!AJ$2:AJ$366,ROUNDDOWN($C720/24,0)+1,1))-1)+IF('Standard Profiles'!$G$20=$B$10,7,0)+IF('Standard Profiles'!$G$20=$B$17,14,0)+IF('Standard Profiles'!$G$20=$B$24,21,0),MOD($C720,24)+1)/SUM(INDEX($D$3:$AA$30,INDEX(Jesper!$R$2:$R$366,ROW(INDEX(Jesper!AJ$2:AJ$366,ROUNDDOWN($C720/24,0)+1,1))-1)+IF('Standard Profiles'!$G$20=$B$10,7,0)+IF('Standard Profiles'!$G$20=$B$17,14,0)+IF('Standard Profiles'!$G$20=$B$24,21,0),0)),0)</f>
        <v>5.5963020197077249</v>
      </c>
      <c r="G720" cm="1">
        <f t="array" ref="G720">IFERROR(INDEX(Jesper!AK$2:AK$366,ROUNDDOWN($C720/24,0)+1,1)*INDEX($D$3:$AA$30,INDEX(Jesper!$R$2:$R$366,ROW(INDEX(Jesper!AK$2:AK$366,ROUNDDOWN($C720/24,0)+1,1))-1)+IF('Standard Profiles'!$G$21=$B$10,7,0)+IF('Standard Profiles'!$G$21=$B$17,14,0)+IF('Standard Profiles'!$G$21=$B$24,21,0),MOD($C720,24)+1)/SUM(INDEX($D$3:$AA$30,INDEX(Jesper!$R$2:$R$366,ROW(INDEX(Jesper!AK$2:AK$366,ROUNDDOWN($C720/24,0)+1,1))-1)+IF('Standard Profiles'!$G$21=$B$10,7,0)+IF('Standard Profiles'!$G$21=$B$17,14,0)+IF('Standard Profiles'!$G$21=$B$24,21,0),0)),0)</f>
        <v>9.9594540152667985</v>
      </c>
      <c r="H720" cm="1">
        <f t="array" ref="H720">IFERROR(INDEX(Jesper!AL$2:AL$366,ROUNDDOWN($C720/24,0)+1,1)*INDEX($D$3:$AA$30,INDEX(Jesper!$R$2:$R$366,ROW(INDEX(Jesper!AL$2:AL$366,ROUNDDOWN($C720/24,0)+1,1))-1)+IF('Standard Profiles'!$G$22=$B$10,7,0)+IF('Standard Profiles'!$G$22=$B$17,14,0)+IF('Standard Profiles'!$G$22=$B$24,21,0),MOD($C720,24)+1)/SUM(INDEX($D$3:$AA$30,INDEX(Jesper!$R$2:$R$366,ROW(INDEX(Jesper!AL$2:AL$366,ROUNDDOWN($C720/24,0)+1,1))-1)+IF('Standard Profiles'!$G$22=$B$10,7,0)+IF('Standard Profiles'!$G$22=$B$17,14,0)+IF('Standard Profiles'!$G$22=$B$24,21,0),0)),0)</f>
        <v>9.9010960128649899</v>
      </c>
      <c r="I720">
        <f t="shared" si="90"/>
        <v>9.5050521723503962</v>
      </c>
      <c r="J720">
        <f t="shared" si="91"/>
        <v>21.330068332518479</v>
      </c>
      <c r="K720">
        <f t="shared" si="92"/>
        <v>0.48893349609357861</v>
      </c>
      <c r="L720">
        <f t="shared" si="93"/>
        <v>0.24446674804678931</v>
      </c>
      <c r="M720">
        <f t="shared" si="94"/>
        <v>0</v>
      </c>
      <c r="N720" s="45">
        <f t="shared" si="95"/>
        <v>44955.58333333167</v>
      </c>
    </row>
    <row r="721" spans="2:14" x14ac:dyDescent="0.25">
      <c r="B721">
        <f t="shared" si="89"/>
        <v>7</v>
      </c>
      <c r="C721" s="16">
        <v>687</v>
      </c>
      <c r="D721" cm="1">
        <f t="array" ref="D721">IFERROR(INDEX(Jesper!AH$2:AH$366,ROUNDDOWN($C721/24,0)+1,1)*INDEX($D$3:$AA$30,INDEX(Jesper!$R$2:$R$366,ROW(INDEX(Jesper!AH$2:AH$366,ROUNDDOWN($C721/24,0)+1,1))-1)+IF('Standard Profiles'!$G$18=$B$10,7,0)+IF('Standard Profiles'!$G$18=$B$17,14,0)+IF('Standard Profiles'!$G$18=$B$24,21,0),MOD($C721,24)+1)/SUM(INDEX($D$3:$AA$30,INDEX(Jesper!$R$2:$R$366,ROW(INDEX(Jesper!AH$2:AH$366,ROUNDDOWN($C721/24,0)+1,1))-1)+IF('Standard Profiles'!$G$18=$B$10,7,0)+IF('Standard Profiles'!$G$18=$B$17,14,0)+IF('Standard Profiles'!$G$18=$B$24,21,0),0)),0)</f>
        <v>0</v>
      </c>
      <c r="E721" cm="1">
        <f t="array" ref="E721">IFERROR(INDEX(Jesper!AI$2:AI$366,ROUNDDOWN($C721/24,0)+1,1)*INDEX($D$3:$AA$30,INDEX(Jesper!$R$2:$R$366,ROW(INDEX(Jesper!AI$2:AI$366,ROUNDDOWN($C721/24,0)+1,1))-1)+IF('Standard Profiles'!$G$19=$B$10,7,0)+IF('Standard Profiles'!$G$19=$B$17,14,0)+IF('Standard Profiles'!$G$19=$B$24,21,0),MOD($C721,24)+1)/SUM(INDEX($D$3:$AA$30,INDEX(Jesper!$R$2:$R$366,ROW(INDEX(Jesper!AI$2:AI$366,ROUNDDOWN($C721/24,0)+1,1))-1)+IF('Standard Profiles'!$G$19=$B$10,7,0)+IF('Standard Profiles'!$G$19=$B$17,14,0)+IF('Standard Profiles'!$G$19=$B$24,21,0),0)),0)</f>
        <v>6.1116687011697328</v>
      </c>
      <c r="F721" cm="1">
        <f t="array" ref="F721">IFERROR(INDEX(Jesper!AJ$2:AJ$366,ROUNDDOWN($C721/24,0)+1,1)*INDEX($D$3:$AA$30,INDEX(Jesper!$R$2:$R$366,ROW(INDEX(Jesper!AJ$2:AJ$366,ROUNDDOWN($C721/24,0)+1,1))-1)+IF('Standard Profiles'!$G$20=$B$10,7,0)+IF('Standard Profiles'!$G$20=$B$17,14,0)+IF('Standard Profiles'!$G$20=$B$24,21,0),MOD($C721,24)+1)/SUM(INDEX($D$3:$AA$30,INDEX(Jesper!$R$2:$R$366,ROW(INDEX(Jesper!AJ$2:AJ$366,ROUNDDOWN($C721/24,0)+1,1))-1)+IF('Standard Profiles'!$G$20=$B$10,7,0)+IF('Standard Profiles'!$G$20=$B$17,14,0)+IF('Standard Profiles'!$G$20=$B$24,21,0),0)),0)</f>
        <v>5.5963020197077249</v>
      </c>
      <c r="G721" cm="1">
        <f t="array" ref="G721">IFERROR(INDEX(Jesper!AK$2:AK$366,ROUNDDOWN($C721/24,0)+1,1)*INDEX($D$3:$AA$30,INDEX(Jesper!$R$2:$R$366,ROW(INDEX(Jesper!AK$2:AK$366,ROUNDDOWN($C721/24,0)+1,1))-1)+IF('Standard Profiles'!$G$21=$B$10,7,0)+IF('Standard Profiles'!$G$21=$B$17,14,0)+IF('Standard Profiles'!$G$21=$B$24,21,0),MOD($C721,24)+1)/SUM(INDEX($D$3:$AA$30,INDEX(Jesper!$R$2:$R$366,ROW(INDEX(Jesper!AK$2:AK$366,ROUNDDOWN($C721/24,0)+1,1))-1)+IF('Standard Profiles'!$G$21=$B$10,7,0)+IF('Standard Profiles'!$G$21=$B$17,14,0)+IF('Standard Profiles'!$G$21=$B$24,21,0),0)),0)</f>
        <v>9.9594540152667985</v>
      </c>
      <c r="H721" cm="1">
        <f t="array" ref="H721">IFERROR(INDEX(Jesper!AL$2:AL$366,ROUNDDOWN($C721/24,0)+1,1)*INDEX($D$3:$AA$30,INDEX(Jesper!$R$2:$R$366,ROW(INDEX(Jesper!AL$2:AL$366,ROUNDDOWN($C721/24,0)+1,1))-1)+IF('Standard Profiles'!$G$22=$B$10,7,0)+IF('Standard Profiles'!$G$22=$B$17,14,0)+IF('Standard Profiles'!$G$22=$B$24,21,0),MOD($C721,24)+1)/SUM(INDEX($D$3:$AA$30,INDEX(Jesper!$R$2:$R$366,ROW(INDEX(Jesper!AL$2:AL$366,ROUNDDOWN($C721/24,0)+1,1))-1)+IF('Standard Profiles'!$G$22=$B$10,7,0)+IF('Standard Profiles'!$G$22=$B$17,14,0)+IF('Standard Profiles'!$G$22=$B$24,21,0),0)),0)</f>
        <v>8.8009742336577688</v>
      </c>
      <c r="I721">
        <f t="shared" si="90"/>
        <v>8.4489352643114621</v>
      </c>
      <c r="J721">
        <f t="shared" si="91"/>
        <v>21.286063461350192</v>
      </c>
      <c r="K721">
        <f t="shared" si="92"/>
        <v>0.48893349609357861</v>
      </c>
      <c r="L721">
        <f t="shared" si="93"/>
        <v>0.24446674804678931</v>
      </c>
      <c r="M721">
        <f t="shared" si="94"/>
        <v>0</v>
      </c>
      <c r="N721" s="45">
        <f t="shared" si="95"/>
        <v>44955.624999998334</v>
      </c>
    </row>
    <row r="722" spans="2:14" x14ac:dyDescent="0.25">
      <c r="B722">
        <f t="shared" si="89"/>
        <v>7</v>
      </c>
      <c r="C722" s="16">
        <v>688</v>
      </c>
      <c r="D722" cm="1">
        <f t="array" ref="D722">IFERROR(INDEX(Jesper!AH$2:AH$366,ROUNDDOWN($C722/24,0)+1,1)*INDEX($D$3:$AA$30,INDEX(Jesper!$R$2:$R$366,ROW(INDEX(Jesper!AH$2:AH$366,ROUNDDOWN($C722/24,0)+1,1))-1)+IF('Standard Profiles'!$G$18=$B$10,7,0)+IF('Standard Profiles'!$G$18=$B$17,14,0)+IF('Standard Profiles'!$G$18=$B$24,21,0),MOD($C722,24)+1)/SUM(INDEX($D$3:$AA$30,INDEX(Jesper!$R$2:$R$366,ROW(INDEX(Jesper!AH$2:AH$366,ROUNDDOWN($C722/24,0)+1,1))-1)+IF('Standard Profiles'!$G$18=$B$10,7,0)+IF('Standard Profiles'!$G$18=$B$17,14,0)+IF('Standard Profiles'!$G$18=$B$24,21,0),0)),0)</f>
        <v>0</v>
      </c>
      <c r="E722" cm="1">
        <f t="array" ref="E722">IFERROR(INDEX(Jesper!AI$2:AI$366,ROUNDDOWN($C722/24,0)+1,1)*INDEX($D$3:$AA$30,INDEX(Jesper!$R$2:$R$366,ROW(INDEX(Jesper!AI$2:AI$366,ROUNDDOWN($C722/24,0)+1,1))-1)+IF('Standard Profiles'!$G$19=$B$10,7,0)+IF('Standard Profiles'!$G$19=$B$17,14,0)+IF('Standard Profiles'!$G$19=$B$24,21,0),MOD($C722,24)+1)/SUM(INDEX($D$3:$AA$30,INDEX(Jesper!$R$2:$R$366,ROW(INDEX(Jesper!AI$2:AI$366,ROUNDDOWN($C722/24,0)+1,1))-1)+IF('Standard Profiles'!$G$19=$B$10,7,0)+IF('Standard Profiles'!$G$19=$B$17,14,0)+IF('Standard Profiles'!$G$19=$B$24,21,0),0)),0)</f>
        <v>6.1116687011697328</v>
      </c>
      <c r="F722" cm="1">
        <f t="array" ref="F722">IFERROR(INDEX(Jesper!AJ$2:AJ$366,ROUNDDOWN($C722/24,0)+1,1)*INDEX($D$3:$AA$30,INDEX(Jesper!$R$2:$R$366,ROW(INDEX(Jesper!AJ$2:AJ$366,ROUNDDOWN($C722/24,0)+1,1))-1)+IF('Standard Profiles'!$G$20=$B$10,7,0)+IF('Standard Profiles'!$G$20=$B$17,14,0)+IF('Standard Profiles'!$G$20=$B$24,21,0),MOD($C722,24)+1)/SUM(INDEX($D$3:$AA$30,INDEX(Jesper!$R$2:$R$366,ROW(INDEX(Jesper!AJ$2:AJ$366,ROUNDDOWN($C722/24,0)+1,1))-1)+IF('Standard Profiles'!$G$20=$B$10,7,0)+IF('Standard Profiles'!$G$20=$B$17,14,0)+IF('Standard Profiles'!$G$20=$B$24,21,0),0)),0)</f>
        <v>5.5963020197077249</v>
      </c>
      <c r="G722" cm="1">
        <f t="array" ref="G722">IFERROR(INDEX(Jesper!AK$2:AK$366,ROUNDDOWN($C722/24,0)+1,1)*INDEX($D$3:$AA$30,INDEX(Jesper!$R$2:$R$366,ROW(INDEX(Jesper!AK$2:AK$366,ROUNDDOWN($C722/24,0)+1,1))-1)+IF('Standard Profiles'!$G$21=$B$10,7,0)+IF('Standard Profiles'!$G$21=$B$17,14,0)+IF('Standard Profiles'!$G$21=$B$24,21,0),MOD($C722,24)+1)/SUM(INDEX($D$3:$AA$30,INDEX(Jesper!$R$2:$R$366,ROW(INDEX(Jesper!AK$2:AK$366,ROUNDDOWN($C722/24,0)+1,1))-1)+IF('Standard Profiles'!$G$21=$B$10,7,0)+IF('Standard Profiles'!$G$21=$B$17,14,0)+IF('Standard Profiles'!$G$21=$B$24,21,0),0)),0)</f>
        <v>9.9594540152667985</v>
      </c>
      <c r="H722" cm="1">
        <f t="array" ref="H722">IFERROR(INDEX(Jesper!AL$2:AL$366,ROUNDDOWN($C722/24,0)+1,1)*INDEX($D$3:$AA$30,INDEX(Jesper!$R$2:$R$366,ROW(INDEX(Jesper!AL$2:AL$366,ROUNDDOWN($C722/24,0)+1,1))-1)+IF('Standard Profiles'!$G$22=$B$10,7,0)+IF('Standard Profiles'!$G$22=$B$17,14,0)+IF('Standard Profiles'!$G$22=$B$24,21,0),MOD($C722,24)+1)/SUM(INDEX($D$3:$AA$30,INDEX(Jesper!$R$2:$R$366,ROW(INDEX(Jesper!AL$2:AL$366,ROUNDDOWN($C722/24,0)+1,1))-1)+IF('Standard Profiles'!$G$22=$B$10,7,0)+IF('Standard Profiles'!$G$22=$B$17,14,0)+IF('Standard Profiles'!$G$22=$B$24,21,0),0)),0)</f>
        <v>8.6438139794853086</v>
      </c>
      <c r="I722">
        <f t="shared" si="90"/>
        <v>8.2980614203059009</v>
      </c>
      <c r="J722">
        <f t="shared" si="91"/>
        <v>21.279777051183292</v>
      </c>
      <c r="K722">
        <f t="shared" si="92"/>
        <v>0.48893349609357861</v>
      </c>
      <c r="L722">
        <f t="shared" si="93"/>
        <v>0.24446674804678931</v>
      </c>
      <c r="M722">
        <f t="shared" si="94"/>
        <v>0</v>
      </c>
      <c r="N722" s="45">
        <f t="shared" si="95"/>
        <v>44955.666666664998</v>
      </c>
    </row>
    <row r="723" spans="2:14" x14ac:dyDescent="0.25">
      <c r="B723">
        <f t="shared" si="89"/>
        <v>7</v>
      </c>
      <c r="C723" s="16">
        <v>689</v>
      </c>
      <c r="D723" cm="1">
        <f t="array" ref="D723">IFERROR(INDEX(Jesper!AH$2:AH$366,ROUNDDOWN($C723/24,0)+1,1)*INDEX($D$3:$AA$30,INDEX(Jesper!$R$2:$R$366,ROW(INDEX(Jesper!AH$2:AH$366,ROUNDDOWN($C723/24,0)+1,1))-1)+IF('Standard Profiles'!$G$18=$B$10,7,0)+IF('Standard Profiles'!$G$18=$B$17,14,0)+IF('Standard Profiles'!$G$18=$B$24,21,0),MOD($C723,24)+1)/SUM(INDEX($D$3:$AA$30,INDEX(Jesper!$R$2:$R$366,ROW(INDEX(Jesper!AH$2:AH$366,ROUNDDOWN($C723/24,0)+1,1))-1)+IF('Standard Profiles'!$G$18=$B$10,7,0)+IF('Standard Profiles'!$G$18=$B$17,14,0)+IF('Standard Profiles'!$G$18=$B$24,21,0),0)),0)</f>
        <v>0</v>
      </c>
      <c r="E723" cm="1">
        <f t="array" ref="E723">IFERROR(INDEX(Jesper!AI$2:AI$366,ROUNDDOWN($C723/24,0)+1,1)*INDEX($D$3:$AA$30,INDEX(Jesper!$R$2:$R$366,ROW(INDEX(Jesper!AI$2:AI$366,ROUNDDOWN($C723/24,0)+1,1))-1)+IF('Standard Profiles'!$G$19=$B$10,7,0)+IF('Standard Profiles'!$G$19=$B$17,14,0)+IF('Standard Profiles'!$G$19=$B$24,21,0),MOD($C723,24)+1)/SUM(INDEX($D$3:$AA$30,INDEX(Jesper!$R$2:$R$366,ROW(INDEX(Jesper!AI$2:AI$366,ROUNDDOWN($C723/24,0)+1,1))-1)+IF('Standard Profiles'!$G$19=$B$10,7,0)+IF('Standard Profiles'!$G$19=$B$17,14,0)+IF('Standard Profiles'!$G$19=$B$24,21,0),0)),0)</f>
        <v>6.1116687011697328</v>
      </c>
      <c r="F723" cm="1">
        <f t="array" ref="F723">IFERROR(INDEX(Jesper!AJ$2:AJ$366,ROUNDDOWN($C723/24,0)+1,1)*INDEX($D$3:$AA$30,INDEX(Jesper!$R$2:$R$366,ROW(INDEX(Jesper!AJ$2:AJ$366,ROUNDDOWN($C723/24,0)+1,1))-1)+IF('Standard Profiles'!$G$20=$B$10,7,0)+IF('Standard Profiles'!$G$20=$B$17,14,0)+IF('Standard Profiles'!$G$20=$B$24,21,0),MOD($C723,24)+1)/SUM(INDEX($D$3:$AA$30,INDEX(Jesper!$R$2:$R$366,ROW(INDEX(Jesper!AJ$2:AJ$366,ROUNDDOWN($C723/24,0)+1,1))-1)+IF('Standard Profiles'!$G$20=$B$10,7,0)+IF('Standard Profiles'!$G$20=$B$17,14,0)+IF('Standard Profiles'!$G$20=$B$24,21,0),0)),0)</f>
        <v>5.5963020197077249</v>
      </c>
      <c r="G723" cm="1">
        <f t="array" ref="G723">IFERROR(INDEX(Jesper!AK$2:AK$366,ROUNDDOWN($C723/24,0)+1,1)*INDEX($D$3:$AA$30,INDEX(Jesper!$R$2:$R$366,ROW(INDEX(Jesper!AK$2:AK$366,ROUNDDOWN($C723/24,0)+1,1))-1)+IF('Standard Profiles'!$G$21=$B$10,7,0)+IF('Standard Profiles'!$G$21=$B$17,14,0)+IF('Standard Profiles'!$G$21=$B$24,21,0),MOD($C723,24)+1)/SUM(INDEX($D$3:$AA$30,INDEX(Jesper!$R$2:$R$366,ROW(INDEX(Jesper!AK$2:AK$366,ROUNDDOWN($C723/24,0)+1,1))-1)+IF('Standard Profiles'!$G$21=$B$10,7,0)+IF('Standard Profiles'!$G$21=$B$17,14,0)+IF('Standard Profiles'!$G$21=$B$24,21,0),0)),0)</f>
        <v>9.9594540152667985</v>
      </c>
      <c r="H723" cm="1">
        <f t="array" ref="H723">IFERROR(INDEX(Jesper!AL$2:AL$366,ROUNDDOWN($C723/24,0)+1,1)*INDEX($D$3:$AA$30,INDEX(Jesper!$R$2:$R$366,ROW(INDEX(Jesper!AL$2:AL$366,ROUNDDOWN($C723/24,0)+1,1))-1)+IF('Standard Profiles'!$G$22=$B$10,7,0)+IF('Standard Profiles'!$G$22=$B$17,14,0)+IF('Standard Profiles'!$G$22=$B$24,21,0),MOD($C723,24)+1)/SUM(INDEX($D$3:$AA$30,INDEX(Jesper!$R$2:$R$366,ROW(INDEX(Jesper!AL$2:AL$366,ROUNDDOWN($C723/24,0)+1,1))-1)+IF('Standard Profiles'!$G$22=$B$10,7,0)+IF('Standard Profiles'!$G$22=$B$17,14,0)+IF('Standard Profiles'!$G$22=$B$24,21,0),0)),0)</f>
        <v>7.3865319461056274</v>
      </c>
      <c r="I723">
        <f t="shared" si="90"/>
        <v>7.0910706682614064</v>
      </c>
      <c r="J723">
        <f t="shared" si="91"/>
        <v>21.229485769848107</v>
      </c>
      <c r="K723">
        <f t="shared" si="92"/>
        <v>0.48893349609357861</v>
      </c>
      <c r="L723">
        <f t="shared" si="93"/>
        <v>0.24446674804678931</v>
      </c>
      <c r="M723">
        <f t="shared" si="94"/>
        <v>0</v>
      </c>
      <c r="N723" s="45">
        <f t="shared" si="95"/>
        <v>44955.708333331662</v>
      </c>
    </row>
    <row r="724" spans="2:14" x14ac:dyDescent="0.25">
      <c r="B724">
        <f t="shared" si="89"/>
        <v>7</v>
      </c>
      <c r="C724" s="16">
        <v>690</v>
      </c>
      <c r="D724" cm="1">
        <f t="array" ref="D724">IFERROR(INDEX(Jesper!AH$2:AH$366,ROUNDDOWN($C724/24,0)+1,1)*INDEX($D$3:$AA$30,INDEX(Jesper!$R$2:$R$366,ROW(INDEX(Jesper!AH$2:AH$366,ROUNDDOWN($C724/24,0)+1,1))-1)+IF('Standard Profiles'!$G$18=$B$10,7,0)+IF('Standard Profiles'!$G$18=$B$17,14,0)+IF('Standard Profiles'!$G$18=$B$24,21,0),MOD($C724,24)+1)/SUM(INDEX($D$3:$AA$30,INDEX(Jesper!$R$2:$R$366,ROW(INDEX(Jesper!AH$2:AH$366,ROUNDDOWN($C724/24,0)+1,1))-1)+IF('Standard Profiles'!$G$18=$B$10,7,0)+IF('Standard Profiles'!$G$18=$B$17,14,0)+IF('Standard Profiles'!$G$18=$B$24,21,0),0)),0)</f>
        <v>0</v>
      </c>
      <c r="E724" cm="1">
        <f t="array" ref="E724">IFERROR(INDEX(Jesper!AI$2:AI$366,ROUNDDOWN($C724/24,0)+1,1)*INDEX($D$3:$AA$30,INDEX(Jesper!$R$2:$R$366,ROW(INDEX(Jesper!AI$2:AI$366,ROUNDDOWN($C724/24,0)+1,1))-1)+IF('Standard Profiles'!$G$19=$B$10,7,0)+IF('Standard Profiles'!$G$19=$B$17,14,0)+IF('Standard Profiles'!$G$19=$B$24,21,0),MOD($C724,24)+1)/SUM(INDEX($D$3:$AA$30,INDEX(Jesper!$R$2:$R$366,ROW(INDEX(Jesper!AI$2:AI$366,ROUNDDOWN($C724/24,0)+1,1))-1)+IF('Standard Profiles'!$G$19=$B$10,7,0)+IF('Standard Profiles'!$G$19=$B$17,14,0)+IF('Standard Profiles'!$G$19=$B$24,21,0),0)),0)</f>
        <v>6.1116687011697328</v>
      </c>
      <c r="F724" cm="1">
        <f t="array" ref="F724">IFERROR(INDEX(Jesper!AJ$2:AJ$366,ROUNDDOWN($C724/24,0)+1,1)*INDEX($D$3:$AA$30,INDEX(Jesper!$R$2:$R$366,ROW(INDEX(Jesper!AJ$2:AJ$366,ROUNDDOWN($C724/24,0)+1,1))-1)+IF('Standard Profiles'!$G$20=$B$10,7,0)+IF('Standard Profiles'!$G$20=$B$17,14,0)+IF('Standard Profiles'!$G$20=$B$24,21,0),MOD($C724,24)+1)/SUM(INDEX($D$3:$AA$30,INDEX(Jesper!$R$2:$R$366,ROW(INDEX(Jesper!AJ$2:AJ$366,ROUNDDOWN($C724/24,0)+1,1))-1)+IF('Standard Profiles'!$G$20=$B$10,7,0)+IF('Standard Profiles'!$G$20=$B$17,14,0)+IF('Standard Profiles'!$G$20=$B$24,21,0),0)),0)</f>
        <v>5.5963020197077249</v>
      </c>
      <c r="G724" cm="1">
        <f t="array" ref="G724">IFERROR(INDEX(Jesper!AK$2:AK$366,ROUNDDOWN($C724/24,0)+1,1)*INDEX($D$3:$AA$30,INDEX(Jesper!$R$2:$R$366,ROW(INDEX(Jesper!AK$2:AK$366,ROUNDDOWN($C724/24,0)+1,1))-1)+IF('Standard Profiles'!$G$21=$B$10,7,0)+IF('Standard Profiles'!$G$21=$B$17,14,0)+IF('Standard Profiles'!$G$21=$B$24,21,0),MOD($C724,24)+1)/SUM(INDEX($D$3:$AA$30,INDEX(Jesper!$R$2:$R$366,ROW(INDEX(Jesper!AK$2:AK$366,ROUNDDOWN($C724/24,0)+1,1))-1)+IF('Standard Profiles'!$G$21=$B$10,7,0)+IF('Standard Profiles'!$G$21=$B$17,14,0)+IF('Standard Profiles'!$G$21=$B$24,21,0),0)),0)</f>
        <v>9.9594540152667985</v>
      </c>
      <c r="H724" cm="1">
        <f t="array" ref="H724">IFERROR(INDEX(Jesper!AL$2:AL$366,ROUNDDOWN($C724/24,0)+1,1)*INDEX($D$3:$AA$30,INDEX(Jesper!$R$2:$R$366,ROW(INDEX(Jesper!AL$2:AL$366,ROUNDDOWN($C724/24,0)+1,1))-1)+IF('Standard Profiles'!$G$22=$B$10,7,0)+IF('Standard Profiles'!$G$22=$B$17,14,0)+IF('Standard Profiles'!$G$22=$B$24,21,0),MOD($C724,24)+1)/SUM(INDEX($D$3:$AA$30,INDEX(Jesper!$R$2:$R$366,ROW(INDEX(Jesper!AL$2:AL$366,ROUNDDOWN($C724/24,0)+1,1))-1)+IF('Standard Profiles'!$G$22=$B$10,7,0)+IF('Standard Profiles'!$G$22=$B$17,14,0)+IF('Standard Profiles'!$G$22=$B$24,21,0),0)),0)</f>
        <v>6.9150511835882469</v>
      </c>
      <c r="I724">
        <f t="shared" si="90"/>
        <v>6.6384491362447209</v>
      </c>
      <c r="J724">
        <f t="shared" si="91"/>
        <v>21.210626539347412</v>
      </c>
      <c r="K724">
        <f t="shared" si="92"/>
        <v>0.48893349609357861</v>
      </c>
      <c r="L724">
        <f t="shared" si="93"/>
        <v>0.24446674804678931</v>
      </c>
      <c r="M724">
        <f t="shared" si="94"/>
        <v>0</v>
      </c>
      <c r="N724" s="45">
        <f t="shared" si="95"/>
        <v>44955.749999998327</v>
      </c>
    </row>
    <row r="725" spans="2:14" x14ac:dyDescent="0.25">
      <c r="B725">
        <f t="shared" si="89"/>
        <v>7</v>
      </c>
      <c r="C725" s="16">
        <v>691</v>
      </c>
      <c r="D725" cm="1">
        <f t="array" ref="D725">IFERROR(INDEX(Jesper!AH$2:AH$366,ROUNDDOWN($C725/24,0)+1,1)*INDEX($D$3:$AA$30,INDEX(Jesper!$R$2:$R$366,ROW(INDEX(Jesper!AH$2:AH$366,ROUNDDOWN($C725/24,0)+1,1))-1)+IF('Standard Profiles'!$G$18=$B$10,7,0)+IF('Standard Profiles'!$G$18=$B$17,14,0)+IF('Standard Profiles'!$G$18=$B$24,21,0),MOD($C725,24)+1)/SUM(INDEX($D$3:$AA$30,INDEX(Jesper!$R$2:$R$366,ROW(INDEX(Jesper!AH$2:AH$366,ROUNDDOWN($C725/24,0)+1,1))-1)+IF('Standard Profiles'!$G$18=$B$10,7,0)+IF('Standard Profiles'!$G$18=$B$17,14,0)+IF('Standard Profiles'!$G$18=$B$24,21,0),0)),0)</f>
        <v>0</v>
      </c>
      <c r="E725" cm="1">
        <f t="array" ref="E725">IFERROR(INDEX(Jesper!AI$2:AI$366,ROUNDDOWN($C725/24,0)+1,1)*INDEX($D$3:$AA$30,INDEX(Jesper!$R$2:$R$366,ROW(INDEX(Jesper!AI$2:AI$366,ROUNDDOWN($C725/24,0)+1,1))-1)+IF('Standard Profiles'!$G$19=$B$10,7,0)+IF('Standard Profiles'!$G$19=$B$17,14,0)+IF('Standard Profiles'!$G$19=$B$24,21,0),MOD($C725,24)+1)/SUM(INDEX($D$3:$AA$30,INDEX(Jesper!$R$2:$R$366,ROW(INDEX(Jesper!AI$2:AI$366,ROUNDDOWN($C725/24,0)+1,1))-1)+IF('Standard Profiles'!$G$19=$B$10,7,0)+IF('Standard Profiles'!$G$19=$B$17,14,0)+IF('Standard Profiles'!$G$19=$B$24,21,0),0)),0)</f>
        <v>6.1116687011697328</v>
      </c>
      <c r="F725" cm="1">
        <f t="array" ref="F725">IFERROR(INDEX(Jesper!AJ$2:AJ$366,ROUNDDOWN($C725/24,0)+1,1)*INDEX($D$3:$AA$30,INDEX(Jesper!$R$2:$R$366,ROW(INDEX(Jesper!AJ$2:AJ$366,ROUNDDOWN($C725/24,0)+1,1))-1)+IF('Standard Profiles'!$G$20=$B$10,7,0)+IF('Standard Profiles'!$G$20=$B$17,14,0)+IF('Standard Profiles'!$G$20=$B$24,21,0),MOD($C725,24)+1)/SUM(INDEX($D$3:$AA$30,INDEX(Jesper!$R$2:$R$366,ROW(INDEX(Jesper!AJ$2:AJ$366,ROUNDDOWN($C725/24,0)+1,1))-1)+IF('Standard Profiles'!$G$20=$B$10,7,0)+IF('Standard Profiles'!$G$20=$B$17,14,0)+IF('Standard Profiles'!$G$20=$B$24,21,0),0)),0)</f>
        <v>5.5963020197077249</v>
      </c>
      <c r="G725" cm="1">
        <f t="array" ref="G725">IFERROR(INDEX(Jesper!AK$2:AK$366,ROUNDDOWN($C725/24,0)+1,1)*INDEX($D$3:$AA$30,INDEX(Jesper!$R$2:$R$366,ROW(INDEX(Jesper!AK$2:AK$366,ROUNDDOWN($C725/24,0)+1,1))-1)+IF('Standard Profiles'!$G$21=$B$10,7,0)+IF('Standard Profiles'!$G$21=$B$17,14,0)+IF('Standard Profiles'!$G$21=$B$24,21,0),MOD($C725,24)+1)/SUM(INDEX($D$3:$AA$30,INDEX(Jesper!$R$2:$R$366,ROW(INDEX(Jesper!AK$2:AK$366,ROUNDDOWN($C725/24,0)+1,1))-1)+IF('Standard Profiles'!$G$21=$B$10,7,0)+IF('Standard Profiles'!$G$21=$B$17,14,0)+IF('Standard Profiles'!$G$21=$B$24,21,0),0)),0)</f>
        <v>9.9594540152667985</v>
      </c>
      <c r="H725" cm="1">
        <f t="array" ref="H725">IFERROR(INDEX(Jesper!AL$2:AL$366,ROUNDDOWN($C725/24,0)+1,1)*INDEX($D$3:$AA$30,INDEX(Jesper!$R$2:$R$366,ROW(INDEX(Jesper!AL$2:AL$366,ROUNDDOWN($C725/24,0)+1,1))-1)+IF('Standard Profiles'!$G$22=$B$10,7,0)+IF('Standard Profiles'!$G$22=$B$17,14,0)+IF('Standard Profiles'!$G$22=$B$24,21,0),MOD($C725,24)+1)/SUM(INDEX($D$3:$AA$30,INDEX(Jesper!$R$2:$R$366,ROW(INDEX(Jesper!AL$2:AL$366,ROUNDDOWN($C725/24,0)+1,1))-1)+IF('Standard Profiles'!$G$22=$B$10,7,0)+IF('Standard Profiles'!$G$22=$B$17,14,0)+IF('Standard Profiles'!$G$22=$B$24,21,0),0)),0)</f>
        <v>5.8149294043810258</v>
      </c>
      <c r="I725">
        <f t="shared" si="90"/>
        <v>5.5823322282057877</v>
      </c>
      <c r="J725">
        <f t="shared" si="91"/>
        <v>21.166621668179122</v>
      </c>
      <c r="K725">
        <f t="shared" si="92"/>
        <v>0.48893349609357861</v>
      </c>
      <c r="L725">
        <f t="shared" si="93"/>
        <v>0.24446674804678931</v>
      </c>
      <c r="M725">
        <f t="shared" si="94"/>
        <v>0</v>
      </c>
      <c r="N725" s="45">
        <f t="shared" si="95"/>
        <v>44955.791666664991</v>
      </c>
    </row>
    <row r="726" spans="2:14" x14ac:dyDescent="0.25">
      <c r="B726">
        <f t="shared" si="89"/>
        <v>7</v>
      </c>
      <c r="C726" s="16">
        <v>692</v>
      </c>
      <c r="D726" cm="1">
        <f t="array" ref="D726">IFERROR(INDEX(Jesper!AH$2:AH$366,ROUNDDOWN($C726/24,0)+1,1)*INDEX($D$3:$AA$30,INDEX(Jesper!$R$2:$R$366,ROW(INDEX(Jesper!AH$2:AH$366,ROUNDDOWN($C726/24,0)+1,1))-1)+IF('Standard Profiles'!$G$18=$B$10,7,0)+IF('Standard Profiles'!$G$18=$B$17,14,0)+IF('Standard Profiles'!$G$18=$B$24,21,0),MOD($C726,24)+1)/SUM(INDEX($D$3:$AA$30,INDEX(Jesper!$R$2:$R$366,ROW(INDEX(Jesper!AH$2:AH$366,ROUNDDOWN($C726/24,0)+1,1))-1)+IF('Standard Profiles'!$G$18=$B$10,7,0)+IF('Standard Profiles'!$G$18=$B$17,14,0)+IF('Standard Profiles'!$G$18=$B$24,21,0),0)),0)</f>
        <v>0</v>
      </c>
      <c r="E726" cm="1">
        <f t="array" ref="E726">IFERROR(INDEX(Jesper!AI$2:AI$366,ROUNDDOWN($C726/24,0)+1,1)*INDEX($D$3:$AA$30,INDEX(Jesper!$R$2:$R$366,ROW(INDEX(Jesper!AI$2:AI$366,ROUNDDOWN($C726/24,0)+1,1))-1)+IF('Standard Profiles'!$G$19=$B$10,7,0)+IF('Standard Profiles'!$G$19=$B$17,14,0)+IF('Standard Profiles'!$G$19=$B$24,21,0),MOD($C726,24)+1)/SUM(INDEX($D$3:$AA$30,INDEX(Jesper!$R$2:$R$366,ROW(INDEX(Jesper!AI$2:AI$366,ROUNDDOWN($C726/24,0)+1,1))-1)+IF('Standard Profiles'!$G$19=$B$10,7,0)+IF('Standard Profiles'!$G$19=$B$17,14,0)+IF('Standard Profiles'!$G$19=$B$24,21,0),0)),0)</f>
        <v>6.1116687011697328</v>
      </c>
      <c r="F726" cm="1">
        <f t="array" ref="F726">IFERROR(INDEX(Jesper!AJ$2:AJ$366,ROUNDDOWN($C726/24,0)+1,1)*INDEX($D$3:$AA$30,INDEX(Jesper!$R$2:$R$366,ROW(INDEX(Jesper!AJ$2:AJ$366,ROUNDDOWN($C726/24,0)+1,1))-1)+IF('Standard Profiles'!$G$20=$B$10,7,0)+IF('Standard Profiles'!$G$20=$B$17,14,0)+IF('Standard Profiles'!$G$20=$B$24,21,0),MOD($C726,24)+1)/SUM(INDEX($D$3:$AA$30,INDEX(Jesper!$R$2:$R$366,ROW(INDEX(Jesper!AJ$2:AJ$366,ROUNDDOWN($C726/24,0)+1,1))-1)+IF('Standard Profiles'!$G$20=$B$10,7,0)+IF('Standard Profiles'!$G$20=$B$17,14,0)+IF('Standard Profiles'!$G$20=$B$24,21,0),0)),0)</f>
        <v>5.5963020197077249</v>
      </c>
      <c r="G726" cm="1">
        <f t="array" ref="G726">IFERROR(INDEX(Jesper!AK$2:AK$366,ROUNDDOWN($C726/24,0)+1,1)*INDEX($D$3:$AA$30,INDEX(Jesper!$R$2:$R$366,ROW(INDEX(Jesper!AK$2:AK$366,ROUNDDOWN($C726/24,0)+1,1))-1)+IF('Standard Profiles'!$G$21=$B$10,7,0)+IF('Standard Profiles'!$G$21=$B$17,14,0)+IF('Standard Profiles'!$G$21=$B$24,21,0),MOD($C726,24)+1)/SUM(INDEX($D$3:$AA$30,INDEX(Jesper!$R$2:$R$366,ROW(INDEX(Jesper!AK$2:AK$366,ROUNDDOWN($C726/24,0)+1,1))-1)+IF('Standard Profiles'!$G$21=$B$10,7,0)+IF('Standard Profiles'!$G$21=$B$17,14,0)+IF('Standard Profiles'!$G$21=$B$24,21,0),0)),0)</f>
        <v>9.9594540152667985</v>
      </c>
      <c r="H726" cm="1">
        <f t="array" ref="H726">IFERROR(INDEX(Jesper!AL$2:AL$366,ROUNDDOWN($C726/24,0)+1,1)*INDEX($D$3:$AA$30,INDEX(Jesper!$R$2:$R$366,ROW(INDEX(Jesper!AL$2:AL$366,ROUNDDOWN($C726/24,0)+1,1))-1)+IF('Standard Profiles'!$G$22=$B$10,7,0)+IF('Standard Profiles'!$G$22=$B$17,14,0)+IF('Standard Profiles'!$G$22=$B$24,21,0),MOD($C726,24)+1)/SUM(INDEX($D$3:$AA$30,INDEX(Jesper!$R$2:$R$366,ROW(INDEX(Jesper!AL$2:AL$366,ROUNDDOWN($C726/24,0)+1,1))-1)+IF('Standard Profiles'!$G$22=$B$10,7,0)+IF('Standard Profiles'!$G$22=$B$17,14,0)+IF('Standard Profiles'!$G$22=$B$24,21,0),0)),0)</f>
        <v>4.8719678793462649</v>
      </c>
      <c r="I726">
        <f t="shared" si="90"/>
        <v>4.6770891641724166</v>
      </c>
      <c r="J726">
        <f t="shared" si="91"/>
        <v>21.128903207177732</v>
      </c>
      <c r="K726">
        <f t="shared" si="92"/>
        <v>0.48893349609357861</v>
      </c>
      <c r="L726">
        <f t="shared" si="93"/>
        <v>0.24446674804678931</v>
      </c>
      <c r="M726">
        <f t="shared" si="94"/>
        <v>0</v>
      </c>
      <c r="N726" s="45">
        <f t="shared" si="95"/>
        <v>44955.833333331655</v>
      </c>
    </row>
    <row r="727" spans="2:14" x14ac:dyDescent="0.25">
      <c r="B727">
        <f t="shared" si="89"/>
        <v>7</v>
      </c>
      <c r="C727" s="16">
        <v>693</v>
      </c>
      <c r="D727" cm="1">
        <f t="array" ref="D727">IFERROR(INDEX(Jesper!AH$2:AH$366,ROUNDDOWN($C727/24,0)+1,1)*INDEX($D$3:$AA$30,INDEX(Jesper!$R$2:$R$366,ROW(INDEX(Jesper!AH$2:AH$366,ROUNDDOWN($C727/24,0)+1,1))-1)+IF('Standard Profiles'!$G$18=$B$10,7,0)+IF('Standard Profiles'!$G$18=$B$17,14,0)+IF('Standard Profiles'!$G$18=$B$24,21,0),MOD($C727,24)+1)/SUM(INDEX($D$3:$AA$30,INDEX(Jesper!$R$2:$R$366,ROW(INDEX(Jesper!AH$2:AH$366,ROUNDDOWN($C727/24,0)+1,1))-1)+IF('Standard Profiles'!$G$18=$B$10,7,0)+IF('Standard Profiles'!$G$18=$B$17,14,0)+IF('Standard Profiles'!$G$18=$B$24,21,0),0)),0)</f>
        <v>0</v>
      </c>
      <c r="E727" cm="1">
        <f t="array" ref="E727">IFERROR(INDEX(Jesper!AI$2:AI$366,ROUNDDOWN($C727/24,0)+1,1)*INDEX($D$3:$AA$30,INDEX(Jesper!$R$2:$R$366,ROW(INDEX(Jesper!AI$2:AI$366,ROUNDDOWN($C727/24,0)+1,1))-1)+IF('Standard Profiles'!$G$19=$B$10,7,0)+IF('Standard Profiles'!$G$19=$B$17,14,0)+IF('Standard Profiles'!$G$19=$B$24,21,0),MOD($C727,24)+1)/SUM(INDEX($D$3:$AA$30,INDEX(Jesper!$R$2:$R$366,ROW(INDEX(Jesper!AI$2:AI$366,ROUNDDOWN($C727/24,0)+1,1))-1)+IF('Standard Profiles'!$G$19=$B$10,7,0)+IF('Standard Profiles'!$G$19=$B$17,14,0)+IF('Standard Profiles'!$G$19=$B$24,21,0),0)),0)</f>
        <v>6.1116687011697328</v>
      </c>
      <c r="F727" cm="1">
        <f t="array" ref="F727">IFERROR(INDEX(Jesper!AJ$2:AJ$366,ROUNDDOWN($C727/24,0)+1,1)*INDEX($D$3:$AA$30,INDEX(Jesper!$R$2:$R$366,ROW(INDEX(Jesper!AJ$2:AJ$366,ROUNDDOWN($C727/24,0)+1,1))-1)+IF('Standard Profiles'!$G$20=$B$10,7,0)+IF('Standard Profiles'!$G$20=$B$17,14,0)+IF('Standard Profiles'!$G$20=$B$24,21,0),MOD($C727,24)+1)/SUM(INDEX($D$3:$AA$30,INDEX(Jesper!$R$2:$R$366,ROW(INDEX(Jesper!AJ$2:AJ$366,ROUNDDOWN($C727/24,0)+1,1))-1)+IF('Standard Profiles'!$G$20=$B$10,7,0)+IF('Standard Profiles'!$G$20=$B$17,14,0)+IF('Standard Profiles'!$G$20=$B$24,21,0),0)),0)</f>
        <v>5.5963020197077249</v>
      </c>
      <c r="G727" cm="1">
        <f t="array" ref="G727">IFERROR(INDEX(Jesper!AK$2:AK$366,ROUNDDOWN($C727/24,0)+1,1)*INDEX($D$3:$AA$30,INDEX(Jesper!$R$2:$R$366,ROW(INDEX(Jesper!AK$2:AK$366,ROUNDDOWN($C727/24,0)+1,1))-1)+IF('Standard Profiles'!$G$21=$B$10,7,0)+IF('Standard Profiles'!$G$21=$B$17,14,0)+IF('Standard Profiles'!$G$21=$B$24,21,0),MOD($C727,24)+1)/SUM(INDEX($D$3:$AA$30,INDEX(Jesper!$R$2:$R$366,ROW(INDEX(Jesper!AK$2:AK$366,ROUNDDOWN($C727/24,0)+1,1))-1)+IF('Standard Profiles'!$G$21=$B$10,7,0)+IF('Standard Profiles'!$G$21=$B$17,14,0)+IF('Standard Profiles'!$G$21=$B$24,21,0),0)),0)</f>
        <v>9.9594540152667985</v>
      </c>
      <c r="H727" cm="1">
        <f t="array" ref="H727">IFERROR(INDEX(Jesper!AL$2:AL$366,ROUNDDOWN($C727/24,0)+1,1)*INDEX($D$3:$AA$30,INDEX(Jesper!$R$2:$R$366,ROW(INDEX(Jesper!AL$2:AL$366,ROUNDDOWN($C727/24,0)+1,1))-1)+IF('Standard Profiles'!$G$22=$B$10,7,0)+IF('Standard Profiles'!$G$22=$B$17,14,0)+IF('Standard Profiles'!$G$22=$B$24,21,0),MOD($C727,24)+1)/SUM(INDEX($D$3:$AA$30,INDEX(Jesper!$R$2:$R$366,ROW(INDEX(Jesper!AL$2:AL$366,ROUNDDOWN($C727/24,0)+1,1))-1)+IF('Standard Profiles'!$G$22=$B$10,7,0)+IF('Standard Profiles'!$G$22=$B$17,14,0)+IF('Standard Profiles'!$G$22=$B$24,21,0),0)),0)</f>
        <v>4.2433268626564242</v>
      </c>
      <c r="I727">
        <f t="shared" si="90"/>
        <v>4.0735937881501698</v>
      </c>
      <c r="J727">
        <f t="shared" si="91"/>
        <v>21.10375756651014</v>
      </c>
      <c r="K727">
        <f t="shared" si="92"/>
        <v>0.48893349609357861</v>
      </c>
      <c r="L727">
        <f t="shared" si="93"/>
        <v>0.24446674804678931</v>
      </c>
      <c r="M727">
        <f t="shared" si="94"/>
        <v>0</v>
      </c>
      <c r="N727" s="45">
        <f t="shared" si="95"/>
        <v>44955.874999998319</v>
      </c>
    </row>
    <row r="728" spans="2:14" x14ac:dyDescent="0.25">
      <c r="B728">
        <f t="shared" si="89"/>
        <v>7</v>
      </c>
      <c r="C728" s="16">
        <v>694</v>
      </c>
      <c r="D728" cm="1">
        <f t="array" ref="D728">IFERROR(INDEX(Jesper!AH$2:AH$366,ROUNDDOWN($C728/24,0)+1,1)*INDEX($D$3:$AA$30,INDEX(Jesper!$R$2:$R$366,ROW(INDEX(Jesper!AH$2:AH$366,ROUNDDOWN($C728/24,0)+1,1))-1)+IF('Standard Profiles'!$G$18=$B$10,7,0)+IF('Standard Profiles'!$G$18=$B$17,14,0)+IF('Standard Profiles'!$G$18=$B$24,21,0),MOD($C728,24)+1)/SUM(INDEX($D$3:$AA$30,INDEX(Jesper!$R$2:$R$366,ROW(INDEX(Jesper!AH$2:AH$366,ROUNDDOWN($C728/24,0)+1,1))-1)+IF('Standard Profiles'!$G$18=$B$10,7,0)+IF('Standard Profiles'!$G$18=$B$17,14,0)+IF('Standard Profiles'!$G$18=$B$24,21,0),0)),0)</f>
        <v>0</v>
      </c>
      <c r="E728" cm="1">
        <f t="array" ref="E728">IFERROR(INDEX(Jesper!AI$2:AI$366,ROUNDDOWN($C728/24,0)+1,1)*INDEX($D$3:$AA$30,INDEX(Jesper!$R$2:$R$366,ROW(INDEX(Jesper!AI$2:AI$366,ROUNDDOWN($C728/24,0)+1,1))-1)+IF('Standard Profiles'!$G$19=$B$10,7,0)+IF('Standard Profiles'!$G$19=$B$17,14,0)+IF('Standard Profiles'!$G$19=$B$24,21,0),MOD($C728,24)+1)/SUM(INDEX($D$3:$AA$30,INDEX(Jesper!$R$2:$R$366,ROW(INDEX(Jesper!AI$2:AI$366,ROUNDDOWN($C728/24,0)+1,1))-1)+IF('Standard Profiles'!$G$19=$B$10,7,0)+IF('Standard Profiles'!$G$19=$B$17,14,0)+IF('Standard Profiles'!$G$19=$B$24,21,0),0)),0)</f>
        <v>6.1116687011697328</v>
      </c>
      <c r="F728" cm="1">
        <f t="array" ref="F728">IFERROR(INDEX(Jesper!AJ$2:AJ$366,ROUNDDOWN($C728/24,0)+1,1)*INDEX($D$3:$AA$30,INDEX(Jesper!$R$2:$R$366,ROW(INDEX(Jesper!AJ$2:AJ$366,ROUNDDOWN($C728/24,0)+1,1))-1)+IF('Standard Profiles'!$G$20=$B$10,7,0)+IF('Standard Profiles'!$G$20=$B$17,14,0)+IF('Standard Profiles'!$G$20=$B$24,21,0),MOD($C728,24)+1)/SUM(INDEX($D$3:$AA$30,INDEX(Jesper!$R$2:$R$366,ROW(INDEX(Jesper!AJ$2:AJ$366,ROUNDDOWN($C728/24,0)+1,1))-1)+IF('Standard Profiles'!$G$20=$B$10,7,0)+IF('Standard Profiles'!$G$20=$B$17,14,0)+IF('Standard Profiles'!$G$20=$B$24,21,0),0)),0)</f>
        <v>5.5963020197077249</v>
      </c>
      <c r="G728" cm="1">
        <f t="array" ref="G728">IFERROR(INDEX(Jesper!AK$2:AK$366,ROUNDDOWN($C728/24,0)+1,1)*INDEX($D$3:$AA$30,INDEX(Jesper!$R$2:$R$366,ROW(INDEX(Jesper!AK$2:AK$366,ROUNDDOWN($C728/24,0)+1,1))-1)+IF('Standard Profiles'!$G$21=$B$10,7,0)+IF('Standard Profiles'!$G$21=$B$17,14,0)+IF('Standard Profiles'!$G$21=$B$24,21,0),MOD($C728,24)+1)/SUM(INDEX($D$3:$AA$30,INDEX(Jesper!$R$2:$R$366,ROW(INDEX(Jesper!AK$2:AK$366,ROUNDDOWN($C728/24,0)+1,1))-1)+IF('Standard Profiles'!$G$21=$B$10,7,0)+IF('Standard Profiles'!$G$21=$B$17,14,0)+IF('Standard Profiles'!$G$21=$B$24,21,0),0)),0)</f>
        <v>9.9594540152667985</v>
      </c>
      <c r="H728" cm="1">
        <f t="array" ref="H728">IFERROR(INDEX(Jesper!AL$2:AL$366,ROUNDDOWN($C728/24,0)+1,1)*INDEX($D$3:$AA$30,INDEX(Jesper!$R$2:$R$366,ROW(INDEX(Jesper!AL$2:AL$366,ROUNDDOWN($C728/24,0)+1,1))-1)+IF('Standard Profiles'!$G$22=$B$10,7,0)+IF('Standard Profiles'!$G$22=$B$17,14,0)+IF('Standard Profiles'!$G$22=$B$24,21,0),MOD($C728,24)+1)/SUM(INDEX($D$3:$AA$30,INDEX(Jesper!$R$2:$R$366,ROW(INDEX(Jesper!AL$2:AL$366,ROUNDDOWN($C728/24,0)+1,1))-1)+IF('Standard Profiles'!$G$22=$B$10,7,0)+IF('Standard Profiles'!$G$22=$B$17,14,0)+IF('Standard Profiles'!$G$22=$B$24,21,0),0)),0)</f>
        <v>4.2433268626564242</v>
      </c>
      <c r="I728">
        <f t="shared" si="90"/>
        <v>4.0735937881501698</v>
      </c>
      <c r="J728">
        <f t="shared" si="91"/>
        <v>21.10375756651014</v>
      </c>
      <c r="K728">
        <f t="shared" si="92"/>
        <v>0.48893349609357861</v>
      </c>
      <c r="L728">
        <f t="shared" si="93"/>
        <v>0.24446674804678931</v>
      </c>
      <c r="M728">
        <f t="shared" si="94"/>
        <v>0</v>
      </c>
      <c r="N728" s="45">
        <f t="shared" si="95"/>
        <v>44955.916666664983</v>
      </c>
    </row>
    <row r="729" spans="2:14" x14ac:dyDescent="0.25">
      <c r="B729">
        <f t="shared" si="89"/>
        <v>7</v>
      </c>
      <c r="C729" s="16">
        <v>695</v>
      </c>
      <c r="D729" cm="1">
        <f t="array" ref="D729">IFERROR(INDEX(Jesper!AH$2:AH$366,ROUNDDOWN($C729/24,0)+1,1)*INDEX($D$3:$AA$30,INDEX(Jesper!$R$2:$R$366,ROW(INDEX(Jesper!AH$2:AH$366,ROUNDDOWN($C729/24,0)+1,1))-1)+IF('Standard Profiles'!$G$18=$B$10,7,0)+IF('Standard Profiles'!$G$18=$B$17,14,0)+IF('Standard Profiles'!$G$18=$B$24,21,0),MOD($C729,24)+1)/SUM(INDEX($D$3:$AA$30,INDEX(Jesper!$R$2:$R$366,ROW(INDEX(Jesper!AH$2:AH$366,ROUNDDOWN($C729/24,0)+1,1))-1)+IF('Standard Profiles'!$G$18=$B$10,7,0)+IF('Standard Profiles'!$G$18=$B$17,14,0)+IF('Standard Profiles'!$G$18=$B$24,21,0),0)),0)</f>
        <v>0</v>
      </c>
      <c r="E729" cm="1">
        <f t="array" ref="E729">IFERROR(INDEX(Jesper!AI$2:AI$366,ROUNDDOWN($C729/24,0)+1,1)*INDEX($D$3:$AA$30,INDEX(Jesper!$R$2:$R$366,ROW(INDEX(Jesper!AI$2:AI$366,ROUNDDOWN($C729/24,0)+1,1))-1)+IF('Standard Profiles'!$G$19=$B$10,7,0)+IF('Standard Profiles'!$G$19=$B$17,14,0)+IF('Standard Profiles'!$G$19=$B$24,21,0),MOD($C729,24)+1)/SUM(INDEX($D$3:$AA$30,INDEX(Jesper!$R$2:$R$366,ROW(INDEX(Jesper!AI$2:AI$366,ROUNDDOWN($C729/24,0)+1,1))-1)+IF('Standard Profiles'!$G$19=$B$10,7,0)+IF('Standard Profiles'!$G$19=$B$17,14,0)+IF('Standard Profiles'!$G$19=$B$24,21,0),0)),0)</f>
        <v>6.1116687011697328</v>
      </c>
      <c r="F729" cm="1">
        <f t="array" ref="F729">IFERROR(INDEX(Jesper!AJ$2:AJ$366,ROUNDDOWN($C729/24,0)+1,1)*INDEX($D$3:$AA$30,INDEX(Jesper!$R$2:$R$366,ROW(INDEX(Jesper!AJ$2:AJ$366,ROUNDDOWN($C729/24,0)+1,1))-1)+IF('Standard Profiles'!$G$20=$B$10,7,0)+IF('Standard Profiles'!$G$20=$B$17,14,0)+IF('Standard Profiles'!$G$20=$B$24,21,0),MOD($C729,24)+1)/SUM(INDEX($D$3:$AA$30,INDEX(Jesper!$R$2:$R$366,ROW(INDEX(Jesper!AJ$2:AJ$366,ROUNDDOWN($C729/24,0)+1,1))-1)+IF('Standard Profiles'!$G$20=$B$10,7,0)+IF('Standard Profiles'!$G$20=$B$17,14,0)+IF('Standard Profiles'!$G$20=$B$24,21,0),0)),0)</f>
        <v>5.5963020197077249</v>
      </c>
      <c r="G729" cm="1">
        <f t="array" ref="G729">IFERROR(INDEX(Jesper!AK$2:AK$366,ROUNDDOWN($C729/24,0)+1,1)*INDEX($D$3:$AA$30,INDEX(Jesper!$R$2:$R$366,ROW(INDEX(Jesper!AK$2:AK$366,ROUNDDOWN($C729/24,0)+1,1))-1)+IF('Standard Profiles'!$G$21=$B$10,7,0)+IF('Standard Profiles'!$G$21=$B$17,14,0)+IF('Standard Profiles'!$G$21=$B$24,21,0),MOD($C729,24)+1)/SUM(INDEX($D$3:$AA$30,INDEX(Jesper!$R$2:$R$366,ROW(INDEX(Jesper!AK$2:AK$366,ROUNDDOWN($C729/24,0)+1,1))-1)+IF('Standard Profiles'!$G$21=$B$10,7,0)+IF('Standard Profiles'!$G$21=$B$17,14,0)+IF('Standard Profiles'!$G$21=$B$24,21,0),0)),0)</f>
        <v>9.9594540152667985</v>
      </c>
      <c r="H729" cm="1">
        <f t="array" ref="H729">IFERROR(INDEX(Jesper!AL$2:AL$366,ROUNDDOWN($C729/24,0)+1,1)*INDEX($D$3:$AA$30,INDEX(Jesper!$R$2:$R$366,ROW(INDEX(Jesper!AL$2:AL$366,ROUNDDOWN($C729/24,0)+1,1))-1)+IF('Standard Profiles'!$G$22=$B$10,7,0)+IF('Standard Profiles'!$G$22=$B$17,14,0)+IF('Standard Profiles'!$G$22=$B$24,21,0),MOD($C729,24)+1)/SUM(INDEX($D$3:$AA$30,INDEX(Jesper!$R$2:$R$366,ROW(INDEX(Jesper!AL$2:AL$366,ROUNDDOWN($C729/24,0)+1,1))-1)+IF('Standard Profiles'!$G$22=$B$10,7,0)+IF('Standard Profiles'!$G$22=$B$17,14,0)+IF('Standard Profiles'!$G$22=$B$24,21,0),0)),0)</f>
        <v>4.2433268626564242</v>
      </c>
      <c r="I729">
        <f t="shared" si="90"/>
        <v>4.0735937881501698</v>
      </c>
      <c r="J729">
        <f t="shared" si="91"/>
        <v>21.10375756651014</v>
      </c>
      <c r="K729">
        <f t="shared" si="92"/>
        <v>0.48893349609357861</v>
      </c>
      <c r="L729">
        <f t="shared" si="93"/>
        <v>0.24446674804678931</v>
      </c>
      <c r="M729">
        <f t="shared" si="94"/>
        <v>0</v>
      </c>
      <c r="N729" s="45">
        <f t="shared" si="95"/>
        <v>44955.958333331648</v>
      </c>
    </row>
    <row r="730" spans="2:14" x14ac:dyDescent="0.25">
      <c r="B730">
        <f t="shared" si="89"/>
        <v>1</v>
      </c>
      <c r="C730" s="16">
        <v>696</v>
      </c>
      <c r="D730" cm="1">
        <f t="array" ref="D730">IFERROR(INDEX(Jesper!AH$2:AH$366,ROUNDDOWN($C730/24,0)+1,1)*INDEX($D$3:$AA$30,INDEX(Jesper!$R$2:$R$366,ROW(INDEX(Jesper!AH$2:AH$366,ROUNDDOWN($C730/24,0)+1,1))-1)+IF('Standard Profiles'!$G$18=$B$10,7,0)+IF('Standard Profiles'!$G$18=$B$17,14,0)+IF('Standard Profiles'!$G$18=$B$24,21,0),MOD($C730,24)+1)/SUM(INDEX($D$3:$AA$30,INDEX(Jesper!$R$2:$R$366,ROW(INDEX(Jesper!AH$2:AH$366,ROUNDDOWN($C730/24,0)+1,1))-1)+IF('Standard Profiles'!$G$18=$B$10,7,0)+IF('Standard Profiles'!$G$18=$B$17,14,0)+IF('Standard Profiles'!$G$18=$B$24,21,0),0)),0)</f>
        <v>5.9087737917030241</v>
      </c>
      <c r="E730" cm="1">
        <f t="array" ref="E730">IFERROR(INDEX(Jesper!AI$2:AI$366,ROUNDDOWN($C730/24,0)+1,1)*INDEX($D$3:$AA$30,INDEX(Jesper!$R$2:$R$366,ROW(INDEX(Jesper!AI$2:AI$366,ROUNDDOWN($C730/24,0)+1,1))-1)+IF('Standard Profiles'!$G$19=$B$10,7,0)+IF('Standard Profiles'!$G$19=$B$17,14,0)+IF('Standard Profiles'!$G$19=$B$24,21,0),MOD($C730,24)+1)/SUM(INDEX($D$3:$AA$30,INDEX(Jesper!$R$2:$R$366,ROW(INDEX(Jesper!AI$2:AI$366,ROUNDDOWN($C730/24,0)+1,1))-1)+IF('Standard Profiles'!$G$19=$B$10,7,0)+IF('Standard Profiles'!$G$19=$B$17,14,0)+IF('Standard Profiles'!$G$19=$B$24,21,0),0)),0)</f>
        <v>7.3781364911507827</v>
      </c>
      <c r="F730" cm="1">
        <f t="array" ref="F730">IFERROR(INDEX(Jesper!AJ$2:AJ$366,ROUNDDOWN($C730/24,0)+1,1)*INDEX($D$3:$AA$30,INDEX(Jesper!$R$2:$R$366,ROW(INDEX(Jesper!AJ$2:AJ$366,ROUNDDOWN($C730/24,0)+1,1))-1)+IF('Standard Profiles'!$G$20=$B$10,7,0)+IF('Standard Profiles'!$G$20=$B$17,14,0)+IF('Standard Profiles'!$G$20=$B$24,21,0),MOD($C730,24)+1)/SUM(INDEX($D$3:$AA$30,INDEX(Jesper!$R$2:$R$366,ROW(INDEX(Jesper!AJ$2:AJ$366,ROUNDDOWN($C730/24,0)+1,1))-1)+IF('Standard Profiles'!$G$20=$B$10,7,0)+IF('Standard Profiles'!$G$20=$B$17,14,0)+IF('Standard Profiles'!$G$20=$B$24,21,0),0)),0)</f>
        <v>0</v>
      </c>
      <c r="G730" cm="1">
        <f t="array" ref="G730">IFERROR(INDEX(Jesper!AK$2:AK$366,ROUNDDOWN($C730/24,0)+1,1)*INDEX($D$3:$AA$30,INDEX(Jesper!$R$2:$R$366,ROW(INDEX(Jesper!AK$2:AK$366,ROUNDDOWN($C730/24,0)+1,1))-1)+IF('Standard Profiles'!$G$21=$B$10,7,0)+IF('Standard Profiles'!$G$21=$B$17,14,0)+IF('Standard Profiles'!$G$21=$B$24,21,0),MOD($C730,24)+1)/SUM(INDEX($D$3:$AA$30,INDEX(Jesper!$R$2:$R$366,ROW(INDEX(Jesper!AK$2:AK$366,ROUNDDOWN($C730/24,0)+1,1))-1)+IF('Standard Profiles'!$G$21=$B$10,7,0)+IF('Standard Profiles'!$G$21=$B$17,14,0)+IF('Standard Profiles'!$G$21=$B$24,21,0),0)),0)</f>
        <v>6.7511048504029478</v>
      </c>
      <c r="H730" cm="1">
        <f t="array" ref="H730">IFERROR(INDEX(Jesper!AL$2:AL$366,ROUNDDOWN($C730/24,0)+1,1)*INDEX($D$3:$AA$30,INDEX(Jesper!$R$2:$R$366,ROW(INDEX(Jesper!AL$2:AL$366,ROUNDDOWN($C730/24,0)+1,1))-1)+IF('Standard Profiles'!$G$22=$B$10,7,0)+IF('Standard Profiles'!$G$22=$B$17,14,0)+IF('Standard Profiles'!$G$22=$B$24,21,0),MOD($C730,24)+1)/SUM(INDEX($D$3:$AA$30,INDEX(Jesper!$R$2:$R$366,ROW(INDEX(Jesper!AL$2:AL$366,ROUNDDOWN($C730/24,0)+1,1))-1)+IF('Standard Profiles'!$G$22=$B$10,7,0)+IF('Standard Profiles'!$G$22=$B$17,14,0)+IF('Standard Profiles'!$G$22=$B$24,21,0),0)),0)</f>
        <v>0</v>
      </c>
      <c r="I730">
        <f t="shared" si="90"/>
        <v>3.2405303281934135</v>
      </c>
      <c r="J730">
        <f t="shared" si="91"/>
        <v>15.852080998390857</v>
      </c>
      <c r="K730">
        <f t="shared" si="92"/>
        <v>0.63026920444832257</v>
      </c>
      <c r="L730">
        <f t="shared" si="93"/>
        <v>0.31513460222416129</v>
      </c>
      <c r="M730">
        <f t="shared" si="94"/>
        <v>0</v>
      </c>
      <c r="N730" s="45">
        <f t="shared" si="95"/>
        <v>44955.999999998312</v>
      </c>
    </row>
    <row r="731" spans="2:14" x14ac:dyDescent="0.25">
      <c r="B731">
        <f t="shared" si="89"/>
        <v>1</v>
      </c>
      <c r="C731" s="16">
        <v>697</v>
      </c>
      <c r="D731" cm="1">
        <f t="array" ref="D731">IFERROR(INDEX(Jesper!AH$2:AH$366,ROUNDDOWN($C731/24,0)+1,1)*INDEX($D$3:$AA$30,INDEX(Jesper!$R$2:$R$366,ROW(INDEX(Jesper!AH$2:AH$366,ROUNDDOWN($C731/24,0)+1,1))-1)+IF('Standard Profiles'!$G$18=$B$10,7,0)+IF('Standard Profiles'!$G$18=$B$17,14,0)+IF('Standard Profiles'!$G$18=$B$24,21,0),MOD($C731,24)+1)/SUM(INDEX($D$3:$AA$30,INDEX(Jesper!$R$2:$R$366,ROW(INDEX(Jesper!AH$2:AH$366,ROUNDDOWN($C731/24,0)+1,1))-1)+IF('Standard Profiles'!$G$18=$B$10,7,0)+IF('Standard Profiles'!$G$18=$B$17,14,0)+IF('Standard Profiles'!$G$18=$B$24,21,0),0)),0)</f>
        <v>5.9087737917030241</v>
      </c>
      <c r="E731" cm="1">
        <f t="array" ref="E731">IFERROR(INDEX(Jesper!AI$2:AI$366,ROUNDDOWN($C731/24,0)+1,1)*INDEX($D$3:$AA$30,INDEX(Jesper!$R$2:$R$366,ROW(INDEX(Jesper!AI$2:AI$366,ROUNDDOWN($C731/24,0)+1,1))-1)+IF('Standard Profiles'!$G$19=$B$10,7,0)+IF('Standard Profiles'!$G$19=$B$17,14,0)+IF('Standard Profiles'!$G$19=$B$24,21,0),MOD($C731,24)+1)/SUM(INDEX($D$3:$AA$30,INDEX(Jesper!$R$2:$R$366,ROW(INDEX(Jesper!AI$2:AI$366,ROUNDDOWN($C731/24,0)+1,1))-1)+IF('Standard Profiles'!$G$19=$B$10,7,0)+IF('Standard Profiles'!$G$19=$B$17,14,0)+IF('Standard Profiles'!$G$19=$B$24,21,0),0)),0)</f>
        <v>7.3781364911507827</v>
      </c>
      <c r="F731" cm="1">
        <f t="array" ref="F731">IFERROR(INDEX(Jesper!AJ$2:AJ$366,ROUNDDOWN($C731/24,0)+1,1)*INDEX($D$3:$AA$30,INDEX(Jesper!$R$2:$R$366,ROW(INDEX(Jesper!AJ$2:AJ$366,ROUNDDOWN($C731/24,0)+1,1))-1)+IF('Standard Profiles'!$G$20=$B$10,7,0)+IF('Standard Profiles'!$G$20=$B$17,14,0)+IF('Standard Profiles'!$G$20=$B$24,21,0),MOD($C731,24)+1)/SUM(INDEX($D$3:$AA$30,INDEX(Jesper!$R$2:$R$366,ROW(INDEX(Jesper!AJ$2:AJ$366,ROUNDDOWN($C731/24,0)+1,1))-1)+IF('Standard Profiles'!$G$20=$B$10,7,0)+IF('Standard Profiles'!$G$20=$B$17,14,0)+IF('Standard Profiles'!$G$20=$B$24,21,0),0)),0)</f>
        <v>0</v>
      </c>
      <c r="G731" cm="1">
        <f t="array" ref="G731">IFERROR(INDEX(Jesper!AK$2:AK$366,ROUNDDOWN($C731/24,0)+1,1)*INDEX($D$3:$AA$30,INDEX(Jesper!$R$2:$R$366,ROW(INDEX(Jesper!AK$2:AK$366,ROUNDDOWN($C731/24,0)+1,1))-1)+IF('Standard Profiles'!$G$21=$B$10,7,0)+IF('Standard Profiles'!$G$21=$B$17,14,0)+IF('Standard Profiles'!$G$21=$B$24,21,0),MOD($C731,24)+1)/SUM(INDEX($D$3:$AA$30,INDEX(Jesper!$R$2:$R$366,ROW(INDEX(Jesper!AK$2:AK$366,ROUNDDOWN($C731/24,0)+1,1))-1)+IF('Standard Profiles'!$G$21=$B$10,7,0)+IF('Standard Profiles'!$G$21=$B$17,14,0)+IF('Standard Profiles'!$G$21=$B$24,21,0),0)),0)</f>
        <v>6.7511048504029478</v>
      </c>
      <c r="H731" cm="1">
        <f t="array" ref="H731">IFERROR(INDEX(Jesper!AL$2:AL$366,ROUNDDOWN($C731/24,0)+1,1)*INDEX($D$3:$AA$30,INDEX(Jesper!$R$2:$R$366,ROW(INDEX(Jesper!AL$2:AL$366,ROUNDDOWN($C731/24,0)+1,1))-1)+IF('Standard Profiles'!$G$22=$B$10,7,0)+IF('Standard Profiles'!$G$22=$B$17,14,0)+IF('Standard Profiles'!$G$22=$B$24,21,0),MOD($C731,24)+1)/SUM(INDEX($D$3:$AA$30,INDEX(Jesper!$R$2:$R$366,ROW(INDEX(Jesper!AL$2:AL$366,ROUNDDOWN($C731/24,0)+1,1))-1)+IF('Standard Profiles'!$G$22=$B$10,7,0)+IF('Standard Profiles'!$G$22=$B$17,14,0)+IF('Standard Profiles'!$G$22=$B$24,21,0),0)),0)</f>
        <v>0</v>
      </c>
      <c r="I731">
        <f t="shared" si="90"/>
        <v>3.2405303281934135</v>
      </c>
      <c r="J731">
        <f t="shared" si="91"/>
        <v>15.852080998390857</v>
      </c>
      <c r="K731">
        <f t="shared" si="92"/>
        <v>0.63026920444832257</v>
      </c>
      <c r="L731">
        <f t="shared" si="93"/>
        <v>0.31513460222416129</v>
      </c>
      <c r="M731">
        <f t="shared" si="94"/>
        <v>0</v>
      </c>
      <c r="N731" s="45">
        <f t="shared" si="95"/>
        <v>44956.041666664976</v>
      </c>
    </row>
    <row r="732" spans="2:14" x14ac:dyDescent="0.25">
      <c r="B732">
        <f t="shared" si="89"/>
        <v>1</v>
      </c>
      <c r="C732" s="16">
        <v>698</v>
      </c>
      <c r="D732" cm="1">
        <f t="array" ref="D732">IFERROR(INDEX(Jesper!AH$2:AH$366,ROUNDDOWN($C732/24,0)+1,1)*INDEX($D$3:$AA$30,INDEX(Jesper!$R$2:$R$366,ROW(INDEX(Jesper!AH$2:AH$366,ROUNDDOWN($C732/24,0)+1,1))-1)+IF('Standard Profiles'!$G$18=$B$10,7,0)+IF('Standard Profiles'!$G$18=$B$17,14,0)+IF('Standard Profiles'!$G$18=$B$24,21,0),MOD($C732,24)+1)/SUM(INDEX($D$3:$AA$30,INDEX(Jesper!$R$2:$R$366,ROW(INDEX(Jesper!AH$2:AH$366,ROUNDDOWN($C732/24,0)+1,1))-1)+IF('Standard Profiles'!$G$18=$B$10,7,0)+IF('Standard Profiles'!$G$18=$B$17,14,0)+IF('Standard Profiles'!$G$18=$B$24,21,0),0)),0)</f>
        <v>5.9087737917030241</v>
      </c>
      <c r="E732" cm="1">
        <f t="array" ref="E732">IFERROR(INDEX(Jesper!AI$2:AI$366,ROUNDDOWN($C732/24,0)+1,1)*INDEX($D$3:$AA$30,INDEX(Jesper!$R$2:$R$366,ROW(INDEX(Jesper!AI$2:AI$366,ROUNDDOWN($C732/24,0)+1,1))-1)+IF('Standard Profiles'!$G$19=$B$10,7,0)+IF('Standard Profiles'!$G$19=$B$17,14,0)+IF('Standard Profiles'!$G$19=$B$24,21,0),MOD($C732,24)+1)/SUM(INDEX($D$3:$AA$30,INDEX(Jesper!$R$2:$R$366,ROW(INDEX(Jesper!AI$2:AI$366,ROUNDDOWN($C732/24,0)+1,1))-1)+IF('Standard Profiles'!$G$19=$B$10,7,0)+IF('Standard Profiles'!$G$19=$B$17,14,0)+IF('Standard Profiles'!$G$19=$B$24,21,0),0)),0)</f>
        <v>7.3781364911507827</v>
      </c>
      <c r="F732" cm="1">
        <f t="array" ref="F732">IFERROR(INDEX(Jesper!AJ$2:AJ$366,ROUNDDOWN($C732/24,0)+1,1)*INDEX($D$3:$AA$30,INDEX(Jesper!$R$2:$R$366,ROW(INDEX(Jesper!AJ$2:AJ$366,ROUNDDOWN($C732/24,0)+1,1))-1)+IF('Standard Profiles'!$G$20=$B$10,7,0)+IF('Standard Profiles'!$G$20=$B$17,14,0)+IF('Standard Profiles'!$G$20=$B$24,21,0),MOD($C732,24)+1)/SUM(INDEX($D$3:$AA$30,INDEX(Jesper!$R$2:$R$366,ROW(INDEX(Jesper!AJ$2:AJ$366,ROUNDDOWN($C732/24,0)+1,1))-1)+IF('Standard Profiles'!$G$20=$B$10,7,0)+IF('Standard Profiles'!$G$20=$B$17,14,0)+IF('Standard Profiles'!$G$20=$B$24,21,0),0)),0)</f>
        <v>0</v>
      </c>
      <c r="G732" cm="1">
        <f t="array" ref="G732">IFERROR(INDEX(Jesper!AK$2:AK$366,ROUNDDOWN($C732/24,0)+1,1)*INDEX($D$3:$AA$30,INDEX(Jesper!$R$2:$R$366,ROW(INDEX(Jesper!AK$2:AK$366,ROUNDDOWN($C732/24,0)+1,1))-1)+IF('Standard Profiles'!$G$21=$B$10,7,0)+IF('Standard Profiles'!$G$21=$B$17,14,0)+IF('Standard Profiles'!$G$21=$B$24,21,0),MOD($C732,24)+1)/SUM(INDEX($D$3:$AA$30,INDEX(Jesper!$R$2:$R$366,ROW(INDEX(Jesper!AK$2:AK$366,ROUNDDOWN($C732/24,0)+1,1))-1)+IF('Standard Profiles'!$G$21=$B$10,7,0)+IF('Standard Profiles'!$G$21=$B$17,14,0)+IF('Standard Profiles'!$G$21=$B$24,21,0),0)),0)</f>
        <v>6.7511048504029478</v>
      </c>
      <c r="H732" cm="1">
        <f t="array" ref="H732">IFERROR(INDEX(Jesper!AL$2:AL$366,ROUNDDOWN($C732/24,0)+1,1)*INDEX($D$3:$AA$30,INDEX(Jesper!$R$2:$R$366,ROW(INDEX(Jesper!AL$2:AL$366,ROUNDDOWN($C732/24,0)+1,1))-1)+IF('Standard Profiles'!$G$22=$B$10,7,0)+IF('Standard Profiles'!$G$22=$B$17,14,0)+IF('Standard Profiles'!$G$22=$B$24,21,0),MOD($C732,24)+1)/SUM(INDEX($D$3:$AA$30,INDEX(Jesper!$R$2:$R$366,ROW(INDEX(Jesper!AL$2:AL$366,ROUNDDOWN($C732/24,0)+1,1))-1)+IF('Standard Profiles'!$G$22=$B$10,7,0)+IF('Standard Profiles'!$G$22=$B$17,14,0)+IF('Standard Profiles'!$G$22=$B$24,21,0),0)),0)</f>
        <v>0</v>
      </c>
      <c r="I732">
        <f t="shared" si="90"/>
        <v>3.2405303281934135</v>
      </c>
      <c r="J732">
        <f t="shared" si="91"/>
        <v>15.852080998390857</v>
      </c>
      <c r="K732">
        <f t="shared" si="92"/>
        <v>0.63026920444832257</v>
      </c>
      <c r="L732">
        <f t="shared" si="93"/>
        <v>0.31513460222416129</v>
      </c>
      <c r="M732">
        <f t="shared" si="94"/>
        <v>0</v>
      </c>
      <c r="N732" s="45">
        <f t="shared" si="95"/>
        <v>44956.08333333164</v>
      </c>
    </row>
    <row r="733" spans="2:14" x14ac:dyDescent="0.25">
      <c r="B733">
        <f t="shared" si="89"/>
        <v>1</v>
      </c>
      <c r="C733" s="16">
        <v>699</v>
      </c>
      <c r="D733" cm="1">
        <f t="array" ref="D733">IFERROR(INDEX(Jesper!AH$2:AH$366,ROUNDDOWN($C733/24,0)+1,1)*INDEX($D$3:$AA$30,INDEX(Jesper!$R$2:$R$366,ROW(INDEX(Jesper!AH$2:AH$366,ROUNDDOWN($C733/24,0)+1,1))-1)+IF('Standard Profiles'!$G$18=$B$10,7,0)+IF('Standard Profiles'!$G$18=$B$17,14,0)+IF('Standard Profiles'!$G$18=$B$24,21,0),MOD($C733,24)+1)/SUM(INDEX($D$3:$AA$30,INDEX(Jesper!$R$2:$R$366,ROW(INDEX(Jesper!AH$2:AH$366,ROUNDDOWN($C733/24,0)+1,1))-1)+IF('Standard Profiles'!$G$18=$B$10,7,0)+IF('Standard Profiles'!$G$18=$B$17,14,0)+IF('Standard Profiles'!$G$18=$B$24,21,0),0)),0)</f>
        <v>5.9087737917030241</v>
      </c>
      <c r="E733" cm="1">
        <f t="array" ref="E733">IFERROR(INDEX(Jesper!AI$2:AI$366,ROUNDDOWN($C733/24,0)+1,1)*INDEX($D$3:$AA$30,INDEX(Jesper!$R$2:$R$366,ROW(INDEX(Jesper!AI$2:AI$366,ROUNDDOWN($C733/24,0)+1,1))-1)+IF('Standard Profiles'!$G$19=$B$10,7,0)+IF('Standard Profiles'!$G$19=$B$17,14,0)+IF('Standard Profiles'!$G$19=$B$24,21,0),MOD($C733,24)+1)/SUM(INDEX($D$3:$AA$30,INDEX(Jesper!$R$2:$R$366,ROW(INDEX(Jesper!AI$2:AI$366,ROUNDDOWN($C733/24,0)+1,1))-1)+IF('Standard Profiles'!$G$19=$B$10,7,0)+IF('Standard Profiles'!$G$19=$B$17,14,0)+IF('Standard Profiles'!$G$19=$B$24,21,0),0)),0)</f>
        <v>7.3781364911507827</v>
      </c>
      <c r="F733" cm="1">
        <f t="array" ref="F733">IFERROR(INDEX(Jesper!AJ$2:AJ$366,ROUNDDOWN($C733/24,0)+1,1)*INDEX($D$3:$AA$30,INDEX(Jesper!$R$2:$R$366,ROW(INDEX(Jesper!AJ$2:AJ$366,ROUNDDOWN($C733/24,0)+1,1))-1)+IF('Standard Profiles'!$G$20=$B$10,7,0)+IF('Standard Profiles'!$G$20=$B$17,14,0)+IF('Standard Profiles'!$G$20=$B$24,21,0),MOD($C733,24)+1)/SUM(INDEX($D$3:$AA$30,INDEX(Jesper!$R$2:$R$366,ROW(INDEX(Jesper!AJ$2:AJ$366,ROUNDDOWN($C733/24,0)+1,1))-1)+IF('Standard Profiles'!$G$20=$B$10,7,0)+IF('Standard Profiles'!$G$20=$B$17,14,0)+IF('Standard Profiles'!$G$20=$B$24,21,0),0)),0)</f>
        <v>0</v>
      </c>
      <c r="G733" cm="1">
        <f t="array" ref="G733">IFERROR(INDEX(Jesper!AK$2:AK$366,ROUNDDOWN($C733/24,0)+1,1)*INDEX($D$3:$AA$30,INDEX(Jesper!$R$2:$R$366,ROW(INDEX(Jesper!AK$2:AK$366,ROUNDDOWN($C733/24,0)+1,1))-1)+IF('Standard Profiles'!$G$21=$B$10,7,0)+IF('Standard Profiles'!$G$21=$B$17,14,0)+IF('Standard Profiles'!$G$21=$B$24,21,0),MOD($C733,24)+1)/SUM(INDEX($D$3:$AA$30,INDEX(Jesper!$R$2:$R$366,ROW(INDEX(Jesper!AK$2:AK$366,ROUNDDOWN($C733/24,0)+1,1))-1)+IF('Standard Profiles'!$G$21=$B$10,7,0)+IF('Standard Profiles'!$G$21=$B$17,14,0)+IF('Standard Profiles'!$G$21=$B$24,21,0),0)),0)</f>
        <v>6.7511048504029478</v>
      </c>
      <c r="H733" cm="1">
        <f t="array" ref="H733">IFERROR(INDEX(Jesper!AL$2:AL$366,ROUNDDOWN($C733/24,0)+1,1)*INDEX($D$3:$AA$30,INDEX(Jesper!$R$2:$R$366,ROW(INDEX(Jesper!AL$2:AL$366,ROUNDDOWN($C733/24,0)+1,1))-1)+IF('Standard Profiles'!$G$22=$B$10,7,0)+IF('Standard Profiles'!$G$22=$B$17,14,0)+IF('Standard Profiles'!$G$22=$B$24,21,0),MOD($C733,24)+1)/SUM(INDEX($D$3:$AA$30,INDEX(Jesper!$R$2:$R$366,ROW(INDEX(Jesper!AL$2:AL$366,ROUNDDOWN($C733/24,0)+1,1))-1)+IF('Standard Profiles'!$G$22=$B$10,7,0)+IF('Standard Profiles'!$G$22=$B$17,14,0)+IF('Standard Profiles'!$G$22=$B$24,21,0),0)),0)</f>
        <v>0</v>
      </c>
      <c r="I733">
        <f t="shared" si="90"/>
        <v>3.2405303281934135</v>
      </c>
      <c r="J733">
        <f t="shared" si="91"/>
        <v>15.852080998390857</v>
      </c>
      <c r="K733">
        <f t="shared" si="92"/>
        <v>0.63026920444832257</v>
      </c>
      <c r="L733">
        <f t="shared" si="93"/>
        <v>0.31513460222416129</v>
      </c>
      <c r="M733">
        <f t="shared" si="94"/>
        <v>0</v>
      </c>
      <c r="N733" s="45">
        <f t="shared" si="95"/>
        <v>44956.124999998305</v>
      </c>
    </row>
    <row r="734" spans="2:14" x14ac:dyDescent="0.25">
      <c r="B734">
        <f t="shared" si="89"/>
        <v>1</v>
      </c>
      <c r="C734" s="16">
        <v>700</v>
      </c>
      <c r="D734" cm="1">
        <f t="array" ref="D734">IFERROR(INDEX(Jesper!AH$2:AH$366,ROUNDDOWN($C734/24,0)+1,1)*INDEX($D$3:$AA$30,INDEX(Jesper!$R$2:$R$366,ROW(INDEX(Jesper!AH$2:AH$366,ROUNDDOWN($C734/24,0)+1,1))-1)+IF('Standard Profiles'!$G$18=$B$10,7,0)+IF('Standard Profiles'!$G$18=$B$17,14,0)+IF('Standard Profiles'!$G$18=$B$24,21,0),MOD($C734,24)+1)/SUM(INDEX($D$3:$AA$30,INDEX(Jesper!$R$2:$R$366,ROW(INDEX(Jesper!AH$2:AH$366,ROUNDDOWN($C734/24,0)+1,1))-1)+IF('Standard Profiles'!$G$18=$B$10,7,0)+IF('Standard Profiles'!$G$18=$B$17,14,0)+IF('Standard Profiles'!$G$18=$B$24,21,0),0)),0)</f>
        <v>5.9087737917030241</v>
      </c>
      <c r="E734" cm="1">
        <f t="array" ref="E734">IFERROR(INDEX(Jesper!AI$2:AI$366,ROUNDDOWN($C734/24,0)+1,1)*INDEX($D$3:$AA$30,INDEX(Jesper!$R$2:$R$366,ROW(INDEX(Jesper!AI$2:AI$366,ROUNDDOWN($C734/24,0)+1,1))-1)+IF('Standard Profiles'!$G$19=$B$10,7,0)+IF('Standard Profiles'!$G$19=$B$17,14,0)+IF('Standard Profiles'!$G$19=$B$24,21,0),MOD($C734,24)+1)/SUM(INDEX($D$3:$AA$30,INDEX(Jesper!$R$2:$R$366,ROW(INDEX(Jesper!AI$2:AI$366,ROUNDDOWN($C734/24,0)+1,1))-1)+IF('Standard Profiles'!$G$19=$B$10,7,0)+IF('Standard Profiles'!$G$19=$B$17,14,0)+IF('Standard Profiles'!$G$19=$B$24,21,0),0)),0)</f>
        <v>7.3781364911507827</v>
      </c>
      <c r="F734" cm="1">
        <f t="array" ref="F734">IFERROR(INDEX(Jesper!AJ$2:AJ$366,ROUNDDOWN($C734/24,0)+1,1)*INDEX($D$3:$AA$30,INDEX(Jesper!$R$2:$R$366,ROW(INDEX(Jesper!AJ$2:AJ$366,ROUNDDOWN($C734/24,0)+1,1))-1)+IF('Standard Profiles'!$G$20=$B$10,7,0)+IF('Standard Profiles'!$G$20=$B$17,14,0)+IF('Standard Profiles'!$G$20=$B$24,21,0),MOD($C734,24)+1)/SUM(INDEX($D$3:$AA$30,INDEX(Jesper!$R$2:$R$366,ROW(INDEX(Jesper!AJ$2:AJ$366,ROUNDDOWN($C734/24,0)+1,1))-1)+IF('Standard Profiles'!$G$20=$B$10,7,0)+IF('Standard Profiles'!$G$20=$B$17,14,0)+IF('Standard Profiles'!$G$20=$B$24,21,0),0)),0)</f>
        <v>0</v>
      </c>
      <c r="G734" cm="1">
        <f t="array" ref="G734">IFERROR(INDEX(Jesper!AK$2:AK$366,ROUNDDOWN($C734/24,0)+1,1)*INDEX($D$3:$AA$30,INDEX(Jesper!$R$2:$R$366,ROW(INDEX(Jesper!AK$2:AK$366,ROUNDDOWN($C734/24,0)+1,1))-1)+IF('Standard Profiles'!$G$21=$B$10,7,0)+IF('Standard Profiles'!$G$21=$B$17,14,0)+IF('Standard Profiles'!$G$21=$B$24,21,0),MOD($C734,24)+1)/SUM(INDEX($D$3:$AA$30,INDEX(Jesper!$R$2:$R$366,ROW(INDEX(Jesper!AK$2:AK$366,ROUNDDOWN($C734/24,0)+1,1))-1)+IF('Standard Profiles'!$G$21=$B$10,7,0)+IF('Standard Profiles'!$G$21=$B$17,14,0)+IF('Standard Profiles'!$G$21=$B$24,21,0),0)),0)</f>
        <v>6.7511048504029478</v>
      </c>
      <c r="H734" cm="1">
        <f t="array" ref="H734">IFERROR(INDEX(Jesper!AL$2:AL$366,ROUNDDOWN($C734/24,0)+1,1)*INDEX($D$3:$AA$30,INDEX(Jesper!$R$2:$R$366,ROW(INDEX(Jesper!AL$2:AL$366,ROUNDDOWN($C734/24,0)+1,1))-1)+IF('Standard Profiles'!$G$22=$B$10,7,0)+IF('Standard Profiles'!$G$22=$B$17,14,0)+IF('Standard Profiles'!$G$22=$B$24,21,0),MOD($C734,24)+1)/SUM(INDEX($D$3:$AA$30,INDEX(Jesper!$R$2:$R$366,ROW(INDEX(Jesper!AL$2:AL$366,ROUNDDOWN($C734/24,0)+1,1))-1)+IF('Standard Profiles'!$G$22=$B$10,7,0)+IF('Standard Profiles'!$G$22=$B$17,14,0)+IF('Standard Profiles'!$G$22=$B$24,21,0),0)),0)</f>
        <v>0</v>
      </c>
      <c r="I734">
        <f t="shared" si="90"/>
        <v>3.2405303281934135</v>
      </c>
      <c r="J734">
        <f t="shared" si="91"/>
        <v>15.852080998390857</v>
      </c>
      <c r="K734">
        <f t="shared" si="92"/>
        <v>0.63026920444832257</v>
      </c>
      <c r="L734">
        <f t="shared" si="93"/>
        <v>0.31513460222416129</v>
      </c>
      <c r="M734">
        <f t="shared" si="94"/>
        <v>0</v>
      </c>
      <c r="N734" s="45">
        <f t="shared" si="95"/>
        <v>44956.166666664969</v>
      </c>
    </row>
    <row r="735" spans="2:14" x14ac:dyDescent="0.25">
      <c r="B735">
        <f t="shared" si="89"/>
        <v>1</v>
      </c>
      <c r="C735" s="16">
        <v>701</v>
      </c>
      <c r="D735" cm="1">
        <f t="array" ref="D735">IFERROR(INDEX(Jesper!AH$2:AH$366,ROUNDDOWN($C735/24,0)+1,1)*INDEX($D$3:$AA$30,INDEX(Jesper!$R$2:$R$366,ROW(INDEX(Jesper!AH$2:AH$366,ROUNDDOWN($C735/24,0)+1,1))-1)+IF('Standard Profiles'!$G$18=$B$10,7,0)+IF('Standard Profiles'!$G$18=$B$17,14,0)+IF('Standard Profiles'!$G$18=$B$24,21,0),MOD($C735,24)+1)/SUM(INDEX($D$3:$AA$30,INDEX(Jesper!$R$2:$R$366,ROW(INDEX(Jesper!AH$2:AH$366,ROUNDDOWN($C735/24,0)+1,1))-1)+IF('Standard Profiles'!$G$18=$B$10,7,0)+IF('Standard Profiles'!$G$18=$B$17,14,0)+IF('Standard Profiles'!$G$18=$B$24,21,0),0)),0)</f>
        <v>5.9087737917030241</v>
      </c>
      <c r="E735" cm="1">
        <f t="array" ref="E735">IFERROR(INDEX(Jesper!AI$2:AI$366,ROUNDDOWN($C735/24,0)+1,1)*INDEX($D$3:$AA$30,INDEX(Jesper!$R$2:$R$366,ROW(INDEX(Jesper!AI$2:AI$366,ROUNDDOWN($C735/24,0)+1,1))-1)+IF('Standard Profiles'!$G$19=$B$10,7,0)+IF('Standard Profiles'!$G$19=$B$17,14,0)+IF('Standard Profiles'!$G$19=$B$24,21,0),MOD($C735,24)+1)/SUM(INDEX($D$3:$AA$30,INDEX(Jesper!$R$2:$R$366,ROW(INDEX(Jesper!AI$2:AI$366,ROUNDDOWN($C735/24,0)+1,1))-1)+IF('Standard Profiles'!$G$19=$B$10,7,0)+IF('Standard Profiles'!$G$19=$B$17,14,0)+IF('Standard Profiles'!$G$19=$B$24,21,0),0)),0)</f>
        <v>7.3781364911507827</v>
      </c>
      <c r="F735" cm="1">
        <f t="array" ref="F735">IFERROR(INDEX(Jesper!AJ$2:AJ$366,ROUNDDOWN($C735/24,0)+1,1)*INDEX($D$3:$AA$30,INDEX(Jesper!$R$2:$R$366,ROW(INDEX(Jesper!AJ$2:AJ$366,ROUNDDOWN($C735/24,0)+1,1))-1)+IF('Standard Profiles'!$G$20=$B$10,7,0)+IF('Standard Profiles'!$G$20=$B$17,14,0)+IF('Standard Profiles'!$G$20=$B$24,21,0),MOD($C735,24)+1)/SUM(INDEX($D$3:$AA$30,INDEX(Jesper!$R$2:$R$366,ROW(INDEX(Jesper!AJ$2:AJ$366,ROUNDDOWN($C735/24,0)+1,1))-1)+IF('Standard Profiles'!$G$20=$B$10,7,0)+IF('Standard Profiles'!$G$20=$B$17,14,0)+IF('Standard Profiles'!$G$20=$B$24,21,0),0)),0)</f>
        <v>0</v>
      </c>
      <c r="G735" cm="1">
        <f t="array" ref="G735">IFERROR(INDEX(Jesper!AK$2:AK$366,ROUNDDOWN($C735/24,0)+1,1)*INDEX($D$3:$AA$30,INDEX(Jesper!$R$2:$R$366,ROW(INDEX(Jesper!AK$2:AK$366,ROUNDDOWN($C735/24,0)+1,1))-1)+IF('Standard Profiles'!$G$21=$B$10,7,0)+IF('Standard Profiles'!$G$21=$B$17,14,0)+IF('Standard Profiles'!$G$21=$B$24,21,0),MOD($C735,24)+1)/SUM(INDEX($D$3:$AA$30,INDEX(Jesper!$R$2:$R$366,ROW(INDEX(Jesper!AK$2:AK$366,ROUNDDOWN($C735/24,0)+1,1))-1)+IF('Standard Profiles'!$G$21=$B$10,7,0)+IF('Standard Profiles'!$G$21=$B$17,14,0)+IF('Standard Profiles'!$G$21=$B$24,21,0),0)),0)</f>
        <v>6.7511048504029478</v>
      </c>
      <c r="H735" cm="1">
        <f t="array" ref="H735">IFERROR(INDEX(Jesper!AL$2:AL$366,ROUNDDOWN($C735/24,0)+1,1)*INDEX($D$3:$AA$30,INDEX(Jesper!$R$2:$R$366,ROW(INDEX(Jesper!AL$2:AL$366,ROUNDDOWN($C735/24,0)+1,1))-1)+IF('Standard Profiles'!$G$22=$B$10,7,0)+IF('Standard Profiles'!$G$22=$B$17,14,0)+IF('Standard Profiles'!$G$22=$B$24,21,0),MOD($C735,24)+1)/SUM(INDEX($D$3:$AA$30,INDEX(Jesper!$R$2:$R$366,ROW(INDEX(Jesper!AL$2:AL$366,ROUNDDOWN($C735/24,0)+1,1))-1)+IF('Standard Profiles'!$G$22=$B$10,7,0)+IF('Standard Profiles'!$G$22=$B$17,14,0)+IF('Standard Profiles'!$G$22=$B$24,21,0),0)),0)</f>
        <v>0</v>
      </c>
      <c r="I735">
        <f t="shared" si="90"/>
        <v>3.2405303281934135</v>
      </c>
      <c r="J735">
        <f t="shared" si="91"/>
        <v>15.852080998390857</v>
      </c>
      <c r="K735">
        <f t="shared" si="92"/>
        <v>0.63026920444832257</v>
      </c>
      <c r="L735">
        <f t="shared" si="93"/>
        <v>0.31513460222416129</v>
      </c>
      <c r="M735">
        <f t="shared" si="94"/>
        <v>0</v>
      </c>
      <c r="N735" s="45">
        <f t="shared" si="95"/>
        <v>44956.208333331633</v>
      </c>
    </row>
    <row r="736" spans="2:14" x14ac:dyDescent="0.25">
      <c r="B736">
        <f t="shared" si="89"/>
        <v>1</v>
      </c>
      <c r="C736" s="16">
        <v>702</v>
      </c>
      <c r="D736" cm="1">
        <f t="array" ref="D736">IFERROR(INDEX(Jesper!AH$2:AH$366,ROUNDDOWN($C736/24,0)+1,1)*INDEX($D$3:$AA$30,INDEX(Jesper!$R$2:$R$366,ROW(INDEX(Jesper!AH$2:AH$366,ROUNDDOWN($C736/24,0)+1,1))-1)+IF('Standard Profiles'!$G$18=$B$10,7,0)+IF('Standard Profiles'!$G$18=$B$17,14,0)+IF('Standard Profiles'!$G$18=$B$24,21,0),MOD($C736,24)+1)/SUM(INDEX($D$3:$AA$30,INDEX(Jesper!$R$2:$R$366,ROW(INDEX(Jesper!AH$2:AH$366,ROUNDDOWN($C736/24,0)+1,1))-1)+IF('Standard Profiles'!$G$18=$B$10,7,0)+IF('Standard Profiles'!$G$18=$B$17,14,0)+IF('Standard Profiles'!$G$18=$B$24,21,0),0)),0)</f>
        <v>5.9087737917030241</v>
      </c>
      <c r="E736" cm="1">
        <f t="array" ref="E736">IFERROR(INDEX(Jesper!AI$2:AI$366,ROUNDDOWN($C736/24,0)+1,1)*INDEX($D$3:$AA$30,INDEX(Jesper!$R$2:$R$366,ROW(INDEX(Jesper!AI$2:AI$366,ROUNDDOWN($C736/24,0)+1,1))-1)+IF('Standard Profiles'!$G$19=$B$10,7,0)+IF('Standard Profiles'!$G$19=$B$17,14,0)+IF('Standard Profiles'!$G$19=$B$24,21,0),MOD($C736,24)+1)/SUM(INDEX($D$3:$AA$30,INDEX(Jesper!$R$2:$R$366,ROW(INDEX(Jesper!AI$2:AI$366,ROUNDDOWN($C736/24,0)+1,1))-1)+IF('Standard Profiles'!$G$19=$B$10,7,0)+IF('Standard Profiles'!$G$19=$B$17,14,0)+IF('Standard Profiles'!$G$19=$B$24,21,0),0)),0)</f>
        <v>7.3781364911507827</v>
      </c>
      <c r="F736" cm="1">
        <f t="array" ref="F736">IFERROR(INDEX(Jesper!AJ$2:AJ$366,ROUNDDOWN($C736/24,0)+1,1)*INDEX($D$3:$AA$30,INDEX(Jesper!$R$2:$R$366,ROW(INDEX(Jesper!AJ$2:AJ$366,ROUNDDOWN($C736/24,0)+1,1))-1)+IF('Standard Profiles'!$G$20=$B$10,7,0)+IF('Standard Profiles'!$G$20=$B$17,14,0)+IF('Standard Profiles'!$G$20=$B$24,21,0),MOD($C736,24)+1)/SUM(INDEX($D$3:$AA$30,INDEX(Jesper!$R$2:$R$366,ROW(INDEX(Jesper!AJ$2:AJ$366,ROUNDDOWN($C736/24,0)+1,1))-1)+IF('Standard Profiles'!$G$20=$B$10,7,0)+IF('Standard Profiles'!$G$20=$B$17,14,0)+IF('Standard Profiles'!$G$20=$B$24,21,0),0)),0)</f>
        <v>0</v>
      </c>
      <c r="G736" cm="1">
        <f t="array" ref="G736">IFERROR(INDEX(Jesper!AK$2:AK$366,ROUNDDOWN($C736/24,0)+1,1)*INDEX($D$3:$AA$30,INDEX(Jesper!$R$2:$R$366,ROW(INDEX(Jesper!AK$2:AK$366,ROUNDDOWN($C736/24,0)+1,1))-1)+IF('Standard Profiles'!$G$21=$B$10,7,0)+IF('Standard Profiles'!$G$21=$B$17,14,0)+IF('Standard Profiles'!$G$21=$B$24,21,0),MOD($C736,24)+1)/SUM(INDEX($D$3:$AA$30,INDEX(Jesper!$R$2:$R$366,ROW(INDEX(Jesper!AK$2:AK$366,ROUNDDOWN($C736/24,0)+1,1))-1)+IF('Standard Profiles'!$G$21=$B$10,7,0)+IF('Standard Profiles'!$G$21=$B$17,14,0)+IF('Standard Profiles'!$G$21=$B$24,21,0),0)),0)</f>
        <v>6.7511048504029478</v>
      </c>
      <c r="H736" cm="1">
        <f t="array" ref="H736">IFERROR(INDEX(Jesper!AL$2:AL$366,ROUNDDOWN($C736/24,0)+1,1)*INDEX($D$3:$AA$30,INDEX(Jesper!$R$2:$R$366,ROW(INDEX(Jesper!AL$2:AL$366,ROUNDDOWN($C736/24,0)+1,1))-1)+IF('Standard Profiles'!$G$22=$B$10,7,0)+IF('Standard Profiles'!$G$22=$B$17,14,0)+IF('Standard Profiles'!$G$22=$B$24,21,0),MOD($C736,24)+1)/SUM(INDEX($D$3:$AA$30,INDEX(Jesper!$R$2:$R$366,ROW(INDEX(Jesper!AL$2:AL$366,ROUNDDOWN($C736/24,0)+1,1))-1)+IF('Standard Profiles'!$G$22=$B$10,7,0)+IF('Standard Profiles'!$G$22=$B$17,14,0)+IF('Standard Profiles'!$G$22=$B$24,21,0),0)),0)</f>
        <v>0</v>
      </c>
      <c r="I736">
        <f t="shared" si="90"/>
        <v>3.2405303281934135</v>
      </c>
      <c r="J736">
        <f t="shared" si="91"/>
        <v>15.852080998390857</v>
      </c>
      <c r="K736">
        <f t="shared" si="92"/>
        <v>0.63026920444832257</v>
      </c>
      <c r="L736">
        <f t="shared" si="93"/>
        <v>0.31513460222416129</v>
      </c>
      <c r="M736">
        <f t="shared" si="94"/>
        <v>0</v>
      </c>
      <c r="N736" s="45">
        <f t="shared" si="95"/>
        <v>44956.249999998297</v>
      </c>
    </row>
    <row r="737" spans="2:14" x14ac:dyDescent="0.25">
      <c r="B737">
        <f t="shared" si="89"/>
        <v>1</v>
      </c>
      <c r="C737" s="16">
        <v>703</v>
      </c>
      <c r="D737" cm="1">
        <f t="array" ref="D737">IFERROR(INDEX(Jesper!AH$2:AH$366,ROUNDDOWN($C737/24,0)+1,1)*INDEX($D$3:$AA$30,INDEX(Jesper!$R$2:$R$366,ROW(INDEX(Jesper!AH$2:AH$366,ROUNDDOWN($C737/24,0)+1,1))-1)+IF('Standard Profiles'!$G$18=$B$10,7,0)+IF('Standard Profiles'!$G$18=$B$17,14,0)+IF('Standard Profiles'!$G$18=$B$24,21,0),MOD($C737,24)+1)/SUM(INDEX($D$3:$AA$30,INDEX(Jesper!$R$2:$R$366,ROW(INDEX(Jesper!AH$2:AH$366,ROUNDDOWN($C737/24,0)+1,1))-1)+IF('Standard Profiles'!$G$18=$B$10,7,0)+IF('Standard Profiles'!$G$18=$B$17,14,0)+IF('Standard Profiles'!$G$18=$B$24,21,0),0)),0)</f>
        <v>25.171376352654882</v>
      </c>
      <c r="E737" cm="1">
        <f t="array" ref="E737">IFERROR(INDEX(Jesper!AI$2:AI$366,ROUNDDOWN($C737/24,0)+1,1)*INDEX($D$3:$AA$30,INDEX(Jesper!$R$2:$R$366,ROW(INDEX(Jesper!AI$2:AI$366,ROUNDDOWN($C737/24,0)+1,1))-1)+IF('Standard Profiles'!$G$19=$B$10,7,0)+IF('Standard Profiles'!$G$19=$B$17,14,0)+IF('Standard Profiles'!$G$19=$B$24,21,0),MOD($C737,24)+1)/SUM(INDEX($D$3:$AA$30,INDEX(Jesper!$R$2:$R$366,ROW(INDEX(Jesper!AI$2:AI$366,ROUNDDOWN($C737/24,0)+1,1))-1)+IF('Standard Profiles'!$G$19=$B$10,7,0)+IF('Standard Profiles'!$G$19=$B$17,14,0)+IF('Standard Profiles'!$G$19=$B$24,21,0),0)),0)</f>
        <v>31.430861452302331</v>
      </c>
      <c r="F737" cm="1">
        <f t="array" ref="F737">IFERROR(INDEX(Jesper!AJ$2:AJ$366,ROUNDDOWN($C737/24,0)+1,1)*INDEX($D$3:$AA$30,INDEX(Jesper!$R$2:$R$366,ROW(INDEX(Jesper!AJ$2:AJ$366,ROUNDDOWN($C737/24,0)+1,1))-1)+IF('Standard Profiles'!$G$20=$B$10,7,0)+IF('Standard Profiles'!$G$20=$B$17,14,0)+IF('Standard Profiles'!$G$20=$B$24,21,0),MOD($C737,24)+1)/SUM(INDEX($D$3:$AA$30,INDEX(Jesper!$R$2:$R$366,ROW(INDEX(Jesper!AJ$2:AJ$366,ROUNDDOWN($C737/24,0)+1,1))-1)+IF('Standard Profiles'!$G$20=$B$10,7,0)+IF('Standard Profiles'!$G$20=$B$17,14,0)+IF('Standard Profiles'!$G$20=$B$24,21,0),0)),0)</f>
        <v>0</v>
      </c>
      <c r="G737" cm="1">
        <f t="array" ref="G737">IFERROR(INDEX(Jesper!AK$2:AK$366,ROUNDDOWN($C737/24,0)+1,1)*INDEX($D$3:$AA$30,INDEX(Jesper!$R$2:$R$366,ROW(INDEX(Jesper!AK$2:AK$366,ROUNDDOWN($C737/24,0)+1,1))-1)+IF('Standard Profiles'!$G$21=$B$10,7,0)+IF('Standard Profiles'!$G$21=$B$17,14,0)+IF('Standard Profiles'!$G$21=$B$24,21,0),MOD($C737,24)+1)/SUM(INDEX($D$3:$AA$30,INDEX(Jesper!$R$2:$R$366,ROW(INDEX(Jesper!AK$2:AK$366,ROUNDDOWN($C737/24,0)+1,1))-1)+IF('Standard Profiles'!$G$21=$B$10,7,0)+IF('Standard Profiles'!$G$21=$B$17,14,0)+IF('Standard Profiles'!$G$21=$B$24,21,0),0)),0)</f>
        <v>29.367306099252819</v>
      </c>
      <c r="H737" cm="1">
        <f t="array" ref="H737">IFERROR(INDEX(Jesper!AL$2:AL$366,ROUNDDOWN($C737/24,0)+1,1)*INDEX($D$3:$AA$30,INDEX(Jesper!$R$2:$R$366,ROW(INDEX(Jesper!AL$2:AL$366,ROUNDDOWN($C737/24,0)+1,1))-1)+IF('Standard Profiles'!$G$22=$B$10,7,0)+IF('Standard Profiles'!$G$22=$B$17,14,0)+IF('Standard Profiles'!$G$22=$B$24,21,0),MOD($C737,24)+1)/SUM(INDEX($D$3:$AA$30,INDEX(Jesper!$R$2:$R$366,ROW(INDEX(Jesper!AL$2:AL$366,ROUNDDOWN($C737/24,0)+1,1))-1)+IF('Standard Profiles'!$G$22=$B$10,7,0)+IF('Standard Profiles'!$G$22=$B$17,14,0)+IF('Standard Profiles'!$G$22=$B$24,21,0),0)),0)</f>
        <v>0</v>
      </c>
      <c r="I737">
        <f t="shared" si="90"/>
        <v>14.096306927641345</v>
      </c>
      <c r="J737">
        <f t="shared" si="91"/>
        <v>67.845816760143904</v>
      </c>
      <c r="K737">
        <f t="shared" si="92"/>
        <v>2.6849468109498544</v>
      </c>
      <c r="L737">
        <f t="shared" si="93"/>
        <v>1.3424734054749272</v>
      </c>
      <c r="M737">
        <f t="shared" si="94"/>
        <v>0</v>
      </c>
      <c r="N737" s="45">
        <f t="shared" si="95"/>
        <v>44956.291666664962</v>
      </c>
    </row>
    <row r="738" spans="2:14" x14ac:dyDescent="0.25">
      <c r="B738">
        <f t="shared" si="89"/>
        <v>1</v>
      </c>
      <c r="C738" s="16">
        <v>704</v>
      </c>
      <c r="D738" cm="1">
        <f t="array" ref="D738">IFERROR(INDEX(Jesper!AH$2:AH$366,ROUNDDOWN($C738/24,0)+1,1)*INDEX($D$3:$AA$30,INDEX(Jesper!$R$2:$R$366,ROW(INDEX(Jesper!AH$2:AH$366,ROUNDDOWN($C738/24,0)+1,1))-1)+IF('Standard Profiles'!$G$18=$B$10,7,0)+IF('Standard Profiles'!$G$18=$B$17,14,0)+IF('Standard Profiles'!$G$18=$B$24,21,0),MOD($C738,24)+1)/SUM(INDEX($D$3:$AA$30,INDEX(Jesper!$R$2:$R$366,ROW(INDEX(Jesper!AH$2:AH$366,ROUNDDOWN($C738/24,0)+1,1))-1)+IF('Standard Profiles'!$G$18=$B$10,7,0)+IF('Standard Profiles'!$G$18=$B$17,14,0)+IF('Standard Profiles'!$G$18=$B$24,21,0),0)),0)</f>
        <v>28.317798396736741</v>
      </c>
      <c r="E738" cm="1">
        <f t="array" ref="E738">IFERROR(INDEX(Jesper!AI$2:AI$366,ROUNDDOWN($C738/24,0)+1,1)*INDEX($D$3:$AA$30,INDEX(Jesper!$R$2:$R$366,ROW(INDEX(Jesper!AI$2:AI$366,ROUNDDOWN($C738/24,0)+1,1))-1)+IF('Standard Profiles'!$G$19=$B$10,7,0)+IF('Standard Profiles'!$G$19=$B$17,14,0)+IF('Standard Profiles'!$G$19=$B$24,21,0),MOD($C738,24)+1)/SUM(INDEX($D$3:$AA$30,INDEX(Jesper!$R$2:$R$366,ROW(INDEX(Jesper!AI$2:AI$366,ROUNDDOWN($C738/24,0)+1,1))-1)+IF('Standard Profiles'!$G$19=$B$10,7,0)+IF('Standard Profiles'!$G$19=$B$17,14,0)+IF('Standard Profiles'!$G$19=$B$24,21,0),0)),0)</f>
        <v>35.35971913384013</v>
      </c>
      <c r="F738" cm="1">
        <f t="array" ref="F738">IFERROR(INDEX(Jesper!AJ$2:AJ$366,ROUNDDOWN($C738/24,0)+1,1)*INDEX($D$3:$AA$30,INDEX(Jesper!$R$2:$R$366,ROW(INDEX(Jesper!AJ$2:AJ$366,ROUNDDOWN($C738/24,0)+1,1))-1)+IF('Standard Profiles'!$G$20=$B$10,7,0)+IF('Standard Profiles'!$G$20=$B$17,14,0)+IF('Standard Profiles'!$G$20=$B$24,21,0),MOD($C738,24)+1)/SUM(INDEX($D$3:$AA$30,INDEX(Jesper!$R$2:$R$366,ROW(INDEX(Jesper!AJ$2:AJ$366,ROUNDDOWN($C738/24,0)+1,1))-1)+IF('Standard Profiles'!$G$20=$B$10,7,0)+IF('Standard Profiles'!$G$20=$B$17,14,0)+IF('Standard Profiles'!$G$20=$B$24,21,0),0)),0)</f>
        <v>0</v>
      </c>
      <c r="G738" cm="1">
        <f t="array" ref="G738">IFERROR(INDEX(Jesper!AK$2:AK$366,ROUNDDOWN($C738/24,0)+1,1)*INDEX($D$3:$AA$30,INDEX(Jesper!$R$2:$R$366,ROW(INDEX(Jesper!AK$2:AK$366,ROUNDDOWN($C738/24,0)+1,1))-1)+IF('Standard Profiles'!$G$21=$B$10,7,0)+IF('Standard Profiles'!$G$21=$B$17,14,0)+IF('Standard Profiles'!$G$21=$B$24,21,0),MOD($C738,24)+1)/SUM(INDEX($D$3:$AA$30,INDEX(Jesper!$R$2:$R$366,ROW(INDEX(Jesper!AK$2:AK$366,ROUNDDOWN($C738/24,0)+1,1))-1)+IF('Standard Profiles'!$G$21=$B$10,7,0)+IF('Standard Profiles'!$G$21=$B$17,14,0)+IF('Standard Profiles'!$G$21=$B$24,21,0),0)),0)</f>
        <v>33.038219361659422</v>
      </c>
      <c r="H738" cm="1">
        <f t="array" ref="H738">IFERROR(INDEX(Jesper!AL$2:AL$366,ROUNDDOWN($C738/24,0)+1,1)*INDEX($D$3:$AA$30,INDEX(Jesper!$R$2:$R$366,ROW(INDEX(Jesper!AL$2:AL$366,ROUNDDOWN($C738/24,0)+1,1))-1)+IF('Standard Profiles'!$G$22=$B$10,7,0)+IF('Standard Profiles'!$G$22=$B$17,14,0)+IF('Standard Profiles'!$G$22=$B$24,21,0),MOD($C738,24)+1)/SUM(INDEX($D$3:$AA$30,INDEX(Jesper!$R$2:$R$366,ROW(INDEX(Jesper!AL$2:AL$366,ROUNDDOWN($C738/24,0)+1,1))-1)+IF('Standard Profiles'!$G$22=$B$10,7,0)+IF('Standard Profiles'!$G$22=$B$17,14,0)+IF('Standard Profiles'!$G$22=$B$24,21,0),0)),0)</f>
        <v>0</v>
      </c>
      <c r="I738">
        <f t="shared" si="90"/>
        <v>15.858345293596514</v>
      </c>
      <c r="J738">
        <f t="shared" si="91"/>
        <v>76.326543855161901</v>
      </c>
      <c r="K738">
        <f t="shared" si="92"/>
        <v>3.0205651623185861</v>
      </c>
      <c r="L738">
        <f t="shared" si="93"/>
        <v>1.510282581159293</v>
      </c>
      <c r="M738">
        <f t="shared" si="94"/>
        <v>0</v>
      </c>
      <c r="N738" s="45">
        <f t="shared" si="95"/>
        <v>44956.333333331626</v>
      </c>
    </row>
    <row r="739" spans="2:14" x14ac:dyDescent="0.25">
      <c r="B739">
        <f t="shared" ref="B739:B802" si="96">WEEKDAY(N739,2)</f>
        <v>1</v>
      </c>
      <c r="C739" s="16">
        <v>705</v>
      </c>
      <c r="D739" cm="1">
        <f t="array" ref="D739">IFERROR(INDEX(Jesper!AH$2:AH$366,ROUNDDOWN($C739/24,0)+1,1)*INDEX($D$3:$AA$30,INDEX(Jesper!$R$2:$R$366,ROW(INDEX(Jesper!AH$2:AH$366,ROUNDDOWN($C739/24,0)+1,1))-1)+IF('Standard Profiles'!$G$18=$B$10,7,0)+IF('Standard Profiles'!$G$18=$B$17,14,0)+IF('Standard Profiles'!$G$18=$B$24,21,0),MOD($C739,24)+1)/SUM(INDEX($D$3:$AA$30,INDEX(Jesper!$R$2:$R$366,ROW(INDEX(Jesper!AH$2:AH$366,ROUNDDOWN($C739/24,0)+1,1))-1)+IF('Standard Profiles'!$G$18=$B$10,7,0)+IF('Standard Profiles'!$G$18=$B$17,14,0)+IF('Standard Profiles'!$G$18=$B$24,21,0),0)),0)</f>
        <v>31.464220440818604</v>
      </c>
      <c r="E739" cm="1">
        <f t="array" ref="E739">IFERROR(INDEX(Jesper!AI$2:AI$366,ROUNDDOWN($C739/24,0)+1,1)*INDEX($D$3:$AA$30,INDEX(Jesper!$R$2:$R$366,ROW(INDEX(Jesper!AI$2:AI$366,ROUNDDOWN($C739/24,0)+1,1))-1)+IF('Standard Profiles'!$G$19=$B$10,7,0)+IF('Standard Profiles'!$G$19=$B$17,14,0)+IF('Standard Profiles'!$G$19=$B$24,21,0),MOD($C739,24)+1)/SUM(INDEX($D$3:$AA$30,INDEX(Jesper!$R$2:$R$366,ROW(INDEX(Jesper!AI$2:AI$366,ROUNDDOWN($C739/24,0)+1,1))-1)+IF('Standard Profiles'!$G$19=$B$10,7,0)+IF('Standard Profiles'!$G$19=$B$17,14,0)+IF('Standard Profiles'!$G$19=$B$24,21,0),0)),0)</f>
        <v>39.288576815377915</v>
      </c>
      <c r="F739" cm="1">
        <f t="array" ref="F739">IFERROR(INDEX(Jesper!AJ$2:AJ$366,ROUNDDOWN($C739/24,0)+1,1)*INDEX($D$3:$AA$30,INDEX(Jesper!$R$2:$R$366,ROW(INDEX(Jesper!AJ$2:AJ$366,ROUNDDOWN($C739/24,0)+1,1))-1)+IF('Standard Profiles'!$G$20=$B$10,7,0)+IF('Standard Profiles'!$G$20=$B$17,14,0)+IF('Standard Profiles'!$G$20=$B$24,21,0),MOD($C739,24)+1)/SUM(INDEX($D$3:$AA$30,INDEX(Jesper!$R$2:$R$366,ROW(INDEX(Jesper!AJ$2:AJ$366,ROUNDDOWN($C739/24,0)+1,1))-1)+IF('Standard Profiles'!$G$20=$B$10,7,0)+IF('Standard Profiles'!$G$20=$B$17,14,0)+IF('Standard Profiles'!$G$20=$B$24,21,0),0)),0)</f>
        <v>0</v>
      </c>
      <c r="G739" cm="1">
        <f t="array" ref="G739">IFERROR(INDEX(Jesper!AK$2:AK$366,ROUNDDOWN($C739/24,0)+1,1)*INDEX($D$3:$AA$30,INDEX(Jesper!$R$2:$R$366,ROW(INDEX(Jesper!AK$2:AK$366,ROUNDDOWN($C739/24,0)+1,1))-1)+IF('Standard Profiles'!$G$21=$B$10,7,0)+IF('Standard Profiles'!$G$21=$B$17,14,0)+IF('Standard Profiles'!$G$21=$B$24,21,0),MOD($C739,24)+1)/SUM(INDEX($D$3:$AA$30,INDEX(Jesper!$R$2:$R$366,ROW(INDEX(Jesper!AK$2:AK$366,ROUNDDOWN($C739/24,0)+1,1))-1)+IF('Standard Profiles'!$G$21=$B$10,7,0)+IF('Standard Profiles'!$G$21=$B$17,14,0)+IF('Standard Profiles'!$G$21=$B$24,21,0),0)),0)</f>
        <v>36.709132624066022</v>
      </c>
      <c r="H739" cm="1">
        <f t="array" ref="H739">IFERROR(INDEX(Jesper!AL$2:AL$366,ROUNDDOWN($C739/24,0)+1,1)*INDEX($D$3:$AA$30,INDEX(Jesper!$R$2:$R$366,ROW(INDEX(Jesper!AL$2:AL$366,ROUNDDOWN($C739/24,0)+1,1))-1)+IF('Standard Profiles'!$G$22=$B$10,7,0)+IF('Standard Profiles'!$G$22=$B$17,14,0)+IF('Standard Profiles'!$G$22=$B$24,21,0),MOD($C739,24)+1)/SUM(INDEX($D$3:$AA$30,INDEX(Jesper!$R$2:$R$366,ROW(INDEX(Jesper!AL$2:AL$366,ROUNDDOWN($C739/24,0)+1,1))-1)+IF('Standard Profiles'!$G$22=$B$10,7,0)+IF('Standard Profiles'!$G$22=$B$17,14,0)+IF('Standard Profiles'!$G$22=$B$24,21,0),0)),0)</f>
        <v>0</v>
      </c>
      <c r="I739">
        <f t="shared" ref="I739:I802" si="97">IF($B739&lt;6,AC$37*$D739+AC$38*$E739+AC$39*$F739+AC$40*$G739,AC$46*$D739+AC$47*$E739+AC$48*$F739+AC$49*$G739+AC$50*$H739)</f>
        <v>17.620383659551681</v>
      </c>
      <c r="J739">
        <f t="shared" ref="J739:J802" si="98">IF($B739&lt;6,AD$37*$D739+AD$38*$E739+AD$39*$F739+AD$40*$G739,AD$46*$D739+AD$47*$E739+AD$48*$F739+AD$49*$G739+AD$50*$H739)</f>
        <v>84.807270950179884</v>
      </c>
      <c r="K739">
        <f t="shared" ref="K739:K802" si="99">IF($B739&lt;6,AE$37*$D739+AE$38*$E739+AE$39*$F739+AE$40*$G739,AE$46*$D739+AE$47*$E739+AE$48*$F739+AE$49*$G739+AE$50*$H739)</f>
        <v>3.3561835136873182</v>
      </c>
      <c r="L739">
        <f t="shared" ref="L739:L802" si="100">IF($B739&lt;6,AF$37*$D739+AF$38*$E739+AF$39*$F739+AF$40*$G739,AF$46*$D739+AF$47*$E739+AF$48*$F739+AF$49*$G739+AF$50*$H739)</f>
        <v>1.6780917568436591</v>
      </c>
      <c r="M739">
        <f t="shared" ref="M739:M802" si="101">IF($B739&lt;6,AG$37*$D739+AG$38*$E739+AG$39*$F739+AG$40*$G739,AG$46*$D739+AG$47*$E739+AG$48*$F739+AG$49*$G739+AG$50*$H739)</f>
        <v>0</v>
      </c>
      <c r="N739" s="45">
        <f t="shared" si="95"/>
        <v>44956.37499999829</v>
      </c>
    </row>
    <row r="740" spans="2:14" x14ac:dyDescent="0.25">
      <c r="B740">
        <f t="shared" si="96"/>
        <v>1</v>
      </c>
      <c r="C740" s="16">
        <v>706</v>
      </c>
      <c r="D740" cm="1">
        <f t="array" ref="D740">IFERROR(INDEX(Jesper!AH$2:AH$366,ROUNDDOWN($C740/24,0)+1,1)*INDEX($D$3:$AA$30,INDEX(Jesper!$R$2:$R$366,ROW(INDEX(Jesper!AH$2:AH$366,ROUNDDOWN($C740/24,0)+1,1))-1)+IF('Standard Profiles'!$G$18=$B$10,7,0)+IF('Standard Profiles'!$G$18=$B$17,14,0)+IF('Standard Profiles'!$G$18=$B$24,21,0),MOD($C740,24)+1)/SUM(INDEX($D$3:$AA$30,INDEX(Jesper!$R$2:$R$366,ROW(INDEX(Jesper!AH$2:AH$366,ROUNDDOWN($C740/24,0)+1,1))-1)+IF('Standard Profiles'!$G$18=$B$10,7,0)+IF('Standard Profiles'!$G$18=$B$17,14,0)+IF('Standard Profiles'!$G$18=$B$24,21,0),0)),0)</f>
        <v>31.464220440818604</v>
      </c>
      <c r="E740" cm="1">
        <f t="array" ref="E740">IFERROR(INDEX(Jesper!AI$2:AI$366,ROUNDDOWN($C740/24,0)+1,1)*INDEX($D$3:$AA$30,INDEX(Jesper!$R$2:$R$366,ROW(INDEX(Jesper!AI$2:AI$366,ROUNDDOWN($C740/24,0)+1,1))-1)+IF('Standard Profiles'!$G$19=$B$10,7,0)+IF('Standard Profiles'!$G$19=$B$17,14,0)+IF('Standard Profiles'!$G$19=$B$24,21,0),MOD($C740,24)+1)/SUM(INDEX($D$3:$AA$30,INDEX(Jesper!$R$2:$R$366,ROW(INDEX(Jesper!AI$2:AI$366,ROUNDDOWN($C740/24,0)+1,1))-1)+IF('Standard Profiles'!$G$19=$B$10,7,0)+IF('Standard Profiles'!$G$19=$B$17,14,0)+IF('Standard Profiles'!$G$19=$B$24,21,0),0)),0)</f>
        <v>39.288576815377915</v>
      </c>
      <c r="F740" cm="1">
        <f t="array" ref="F740">IFERROR(INDEX(Jesper!AJ$2:AJ$366,ROUNDDOWN($C740/24,0)+1,1)*INDEX($D$3:$AA$30,INDEX(Jesper!$R$2:$R$366,ROW(INDEX(Jesper!AJ$2:AJ$366,ROUNDDOWN($C740/24,0)+1,1))-1)+IF('Standard Profiles'!$G$20=$B$10,7,0)+IF('Standard Profiles'!$G$20=$B$17,14,0)+IF('Standard Profiles'!$G$20=$B$24,21,0),MOD($C740,24)+1)/SUM(INDEX($D$3:$AA$30,INDEX(Jesper!$R$2:$R$366,ROW(INDEX(Jesper!AJ$2:AJ$366,ROUNDDOWN($C740/24,0)+1,1))-1)+IF('Standard Profiles'!$G$20=$B$10,7,0)+IF('Standard Profiles'!$G$20=$B$17,14,0)+IF('Standard Profiles'!$G$20=$B$24,21,0),0)),0)</f>
        <v>0</v>
      </c>
      <c r="G740" cm="1">
        <f t="array" ref="G740">IFERROR(INDEX(Jesper!AK$2:AK$366,ROUNDDOWN($C740/24,0)+1,1)*INDEX($D$3:$AA$30,INDEX(Jesper!$R$2:$R$366,ROW(INDEX(Jesper!AK$2:AK$366,ROUNDDOWN($C740/24,0)+1,1))-1)+IF('Standard Profiles'!$G$21=$B$10,7,0)+IF('Standard Profiles'!$G$21=$B$17,14,0)+IF('Standard Profiles'!$G$21=$B$24,21,0),MOD($C740,24)+1)/SUM(INDEX($D$3:$AA$30,INDEX(Jesper!$R$2:$R$366,ROW(INDEX(Jesper!AK$2:AK$366,ROUNDDOWN($C740/24,0)+1,1))-1)+IF('Standard Profiles'!$G$21=$B$10,7,0)+IF('Standard Profiles'!$G$21=$B$17,14,0)+IF('Standard Profiles'!$G$21=$B$24,21,0),0)),0)</f>
        <v>36.709132624066022</v>
      </c>
      <c r="H740" cm="1">
        <f t="array" ref="H740">IFERROR(INDEX(Jesper!AL$2:AL$366,ROUNDDOWN($C740/24,0)+1,1)*INDEX($D$3:$AA$30,INDEX(Jesper!$R$2:$R$366,ROW(INDEX(Jesper!AL$2:AL$366,ROUNDDOWN($C740/24,0)+1,1))-1)+IF('Standard Profiles'!$G$22=$B$10,7,0)+IF('Standard Profiles'!$G$22=$B$17,14,0)+IF('Standard Profiles'!$G$22=$B$24,21,0),MOD($C740,24)+1)/SUM(INDEX($D$3:$AA$30,INDEX(Jesper!$R$2:$R$366,ROW(INDEX(Jesper!AL$2:AL$366,ROUNDDOWN($C740/24,0)+1,1))-1)+IF('Standard Profiles'!$G$22=$B$10,7,0)+IF('Standard Profiles'!$G$22=$B$17,14,0)+IF('Standard Profiles'!$G$22=$B$24,21,0),0)),0)</f>
        <v>0</v>
      </c>
      <c r="I740">
        <f t="shared" si="97"/>
        <v>17.620383659551681</v>
      </c>
      <c r="J740">
        <f t="shared" si="98"/>
        <v>84.807270950179884</v>
      </c>
      <c r="K740">
        <f t="shared" si="99"/>
        <v>3.3561835136873182</v>
      </c>
      <c r="L740">
        <f t="shared" si="100"/>
        <v>1.6780917568436591</v>
      </c>
      <c r="M740">
        <f t="shared" si="101"/>
        <v>0</v>
      </c>
      <c r="N740" s="45">
        <f t="shared" ref="N740:N803" si="102">N739+1/24</f>
        <v>44956.416666664954</v>
      </c>
    </row>
    <row r="741" spans="2:14" x14ac:dyDescent="0.25">
      <c r="B741">
        <f t="shared" si="96"/>
        <v>1</v>
      </c>
      <c r="C741" s="16">
        <v>707</v>
      </c>
      <c r="D741" cm="1">
        <f t="array" ref="D741">IFERROR(INDEX(Jesper!AH$2:AH$366,ROUNDDOWN($C741/24,0)+1,1)*INDEX($D$3:$AA$30,INDEX(Jesper!$R$2:$R$366,ROW(INDEX(Jesper!AH$2:AH$366,ROUNDDOWN($C741/24,0)+1,1))-1)+IF('Standard Profiles'!$G$18=$B$10,7,0)+IF('Standard Profiles'!$G$18=$B$17,14,0)+IF('Standard Profiles'!$G$18=$B$24,21,0),MOD($C741,24)+1)/SUM(INDEX($D$3:$AA$30,INDEX(Jesper!$R$2:$R$366,ROW(INDEX(Jesper!AH$2:AH$366,ROUNDDOWN($C741/24,0)+1,1))-1)+IF('Standard Profiles'!$G$18=$B$10,7,0)+IF('Standard Profiles'!$G$18=$B$17,14,0)+IF('Standard Profiles'!$G$18=$B$24,21,0),0)),0)</f>
        <v>37.757064528982319</v>
      </c>
      <c r="E741" cm="1">
        <f t="array" ref="E741">IFERROR(INDEX(Jesper!AI$2:AI$366,ROUNDDOWN($C741/24,0)+1,1)*INDEX($D$3:$AA$30,INDEX(Jesper!$R$2:$R$366,ROW(INDEX(Jesper!AI$2:AI$366,ROUNDDOWN($C741/24,0)+1,1))-1)+IF('Standard Profiles'!$G$19=$B$10,7,0)+IF('Standard Profiles'!$G$19=$B$17,14,0)+IF('Standard Profiles'!$G$19=$B$24,21,0),MOD($C741,24)+1)/SUM(INDEX($D$3:$AA$30,INDEX(Jesper!$R$2:$R$366,ROW(INDEX(Jesper!AI$2:AI$366,ROUNDDOWN($C741/24,0)+1,1))-1)+IF('Standard Profiles'!$G$19=$B$10,7,0)+IF('Standard Profiles'!$G$19=$B$17,14,0)+IF('Standard Profiles'!$G$19=$B$24,21,0),0)),0)</f>
        <v>47.146292178453493</v>
      </c>
      <c r="F741" cm="1">
        <f t="array" ref="F741">IFERROR(INDEX(Jesper!AJ$2:AJ$366,ROUNDDOWN($C741/24,0)+1,1)*INDEX($D$3:$AA$30,INDEX(Jesper!$R$2:$R$366,ROW(INDEX(Jesper!AJ$2:AJ$366,ROUNDDOWN($C741/24,0)+1,1))-1)+IF('Standard Profiles'!$G$20=$B$10,7,0)+IF('Standard Profiles'!$G$20=$B$17,14,0)+IF('Standard Profiles'!$G$20=$B$24,21,0),MOD($C741,24)+1)/SUM(INDEX($D$3:$AA$30,INDEX(Jesper!$R$2:$R$366,ROW(INDEX(Jesper!AJ$2:AJ$366,ROUNDDOWN($C741/24,0)+1,1))-1)+IF('Standard Profiles'!$G$20=$B$10,7,0)+IF('Standard Profiles'!$G$20=$B$17,14,0)+IF('Standard Profiles'!$G$20=$B$24,21,0),0)),0)</f>
        <v>0</v>
      </c>
      <c r="G741" cm="1">
        <f t="array" ref="G741">IFERROR(INDEX(Jesper!AK$2:AK$366,ROUNDDOWN($C741/24,0)+1,1)*INDEX($D$3:$AA$30,INDEX(Jesper!$R$2:$R$366,ROW(INDEX(Jesper!AK$2:AK$366,ROUNDDOWN($C741/24,0)+1,1))-1)+IF('Standard Profiles'!$G$21=$B$10,7,0)+IF('Standard Profiles'!$G$21=$B$17,14,0)+IF('Standard Profiles'!$G$21=$B$24,21,0),MOD($C741,24)+1)/SUM(INDEX($D$3:$AA$30,INDEX(Jesper!$R$2:$R$366,ROW(INDEX(Jesper!AK$2:AK$366,ROUNDDOWN($C741/24,0)+1,1))-1)+IF('Standard Profiles'!$G$21=$B$10,7,0)+IF('Standard Profiles'!$G$21=$B$17,14,0)+IF('Standard Profiles'!$G$21=$B$24,21,0),0)),0)</f>
        <v>44.050959148879222</v>
      </c>
      <c r="H741" cm="1">
        <f t="array" ref="H741">IFERROR(INDEX(Jesper!AL$2:AL$366,ROUNDDOWN($C741/24,0)+1,1)*INDEX($D$3:$AA$30,INDEX(Jesper!$R$2:$R$366,ROW(INDEX(Jesper!AL$2:AL$366,ROUNDDOWN($C741/24,0)+1,1))-1)+IF('Standard Profiles'!$G$22=$B$10,7,0)+IF('Standard Profiles'!$G$22=$B$17,14,0)+IF('Standard Profiles'!$G$22=$B$24,21,0),MOD($C741,24)+1)/SUM(INDEX($D$3:$AA$30,INDEX(Jesper!$R$2:$R$366,ROW(INDEX(Jesper!AL$2:AL$366,ROUNDDOWN($C741/24,0)+1,1))-1)+IF('Standard Profiles'!$G$22=$B$10,7,0)+IF('Standard Profiles'!$G$22=$B$17,14,0)+IF('Standard Profiles'!$G$22=$B$24,21,0),0)),0)</f>
        <v>0</v>
      </c>
      <c r="I741">
        <f t="shared" si="97"/>
        <v>21.144460391462015</v>
      </c>
      <c r="J741">
        <f t="shared" si="98"/>
        <v>101.76872514021585</v>
      </c>
      <c r="K741">
        <f t="shared" si="99"/>
        <v>4.0274202164247805</v>
      </c>
      <c r="L741">
        <f t="shared" si="100"/>
        <v>2.0137101082123903</v>
      </c>
      <c r="M741">
        <f t="shared" si="101"/>
        <v>0</v>
      </c>
      <c r="N741" s="45">
        <f t="shared" si="102"/>
        <v>44956.458333331619</v>
      </c>
    </row>
    <row r="742" spans="2:14" x14ac:dyDescent="0.25">
      <c r="B742">
        <f t="shared" si="96"/>
        <v>1</v>
      </c>
      <c r="C742" s="16">
        <v>708</v>
      </c>
      <c r="D742" cm="1">
        <f t="array" ref="D742">IFERROR(INDEX(Jesper!AH$2:AH$366,ROUNDDOWN($C742/24,0)+1,1)*INDEX($D$3:$AA$30,INDEX(Jesper!$R$2:$R$366,ROW(INDEX(Jesper!AH$2:AH$366,ROUNDDOWN($C742/24,0)+1,1))-1)+IF('Standard Profiles'!$G$18=$B$10,7,0)+IF('Standard Profiles'!$G$18=$B$17,14,0)+IF('Standard Profiles'!$G$18=$B$24,21,0),MOD($C742,24)+1)/SUM(INDEX($D$3:$AA$30,INDEX(Jesper!$R$2:$R$366,ROW(INDEX(Jesper!AH$2:AH$366,ROUNDDOWN($C742/24,0)+1,1))-1)+IF('Standard Profiles'!$G$18=$B$10,7,0)+IF('Standard Profiles'!$G$18=$B$17,14,0)+IF('Standard Profiles'!$G$18=$B$24,21,0),0)),0)</f>
        <v>37.757064528982319</v>
      </c>
      <c r="E742" cm="1">
        <f t="array" ref="E742">IFERROR(INDEX(Jesper!AI$2:AI$366,ROUNDDOWN($C742/24,0)+1,1)*INDEX($D$3:$AA$30,INDEX(Jesper!$R$2:$R$366,ROW(INDEX(Jesper!AI$2:AI$366,ROUNDDOWN($C742/24,0)+1,1))-1)+IF('Standard Profiles'!$G$19=$B$10,7,0)+IF('Standard Profiles'!$G$19=$B$17,14,0)+IF('Standard Profiles'!$G$19=$B$24,21,0),MOD($C742,24)+1)/SUM(INDEX($D$3:$AA$30,INDEX(Jesper!$R$2:$R$366,ROW(INDEX(Jesper!AI$2:AI$366,ROUNDDOWN($C742/24,0)+1,1))-1)+IF('Standard Profiles'!$G$19=$B$10,7,0)+IF('Standard Profiles'!$G$19=$B$17,14,0)+IF('Standard Profiles'!$G$19=$B$24,21,0),0)),0)</f>
        <v>47.146292178453493</v>
      </c>
      <c r="F742" cm="1">
        <f t="array" ref="F742">IFERROR(INDEX(Jesper!AJ$2:AJ$366,ROUNDDOWN($C742/24,0)+1,1)*INDEX($D$3:$AA$30,INDEX(Jesper!$R$2:$R$366,ROW(INDEX(Jesper!AJ$2:AJ$366,ROUNDDOWN($C742/24,0)+1,1))-1)+IF('Standard Profiles'!$G$20=$B$10,7,0)+IF('Standard Profiles'!$G$20=$B$17,14,0)+IF('Standard Profiles'!$G$20=$B$24,21,0),MOD($C742,24)+1)/SUM(INDEX($D$3:$AA$30,INDEX(Jesper!$R$2:$R$366,ROW(INDEX(Jesper!AJ$2:AJ$366,ROUNDDOWN($C742/24,0)+1,1))-1)+IF('Standard Profiles'!$G$20=$B$10,7,0)+IF('Standard Profiles'!$G$20=$B$17,14,0)+IF('Standard Profiles'!$G$20=$B$24,21,0),0)),0)</f>
        <v>0</v>
      </c>
      <c r="G742" cm="1">
        <f t="array" ref="G742">IFERROR(INDEX(Jesper!AK$2:AK$366,ROUNDDOWN($C742/24,0)+1,1)*INDEX($D$3:$AA$30,INDEX(Jesper!$R$2:$R$366,ROW(INDEX(Jesper!AK$2:AK$366,ROUNDDOWN($C742/24,0)+1,1))-1)+IF('Standard Profiles'!$G$21=$B$10,7,0)+IF('Standard Profiles'!$G$21=$B$17,14,0)+IF('Standard Profiles'!$G$21=$B$24,21,0),MOD($C742,24)+1)/SUM(INDEX($D$3:$AA$30,INDEX(Jesper!$R$2:$R$366,ROW(INDEX(Jesper!AK$2:AK$366,ROUNDDOWN($C742/24,0)+1,1))-1)+IF('Standard Profiles'!$G$21=$B$10,7,0)+IF('Standard Profiles'!$G$21=$B$17,14,0)+IF('Standard Profiles'!$G$21=$B$24,21,0),0)),0)</f>
        <v>44.050959148879222</v>
      </c>
      <c r="H742" cm="1">
        <f t="array" ref="H742">IFERROR(INDEX(Jesper!AL$2:AL$366,ROUNDDOWN($C742/24,0)+1,1)*INDEX($D$3:$AA$30,INDEX(Jesper!$R$2:$R$366,ROW(INDEX(Jesper!AL$2:AL$366,ROUNDDOWN($C742/24,0)+1,1))-1)+IF('Standard Profiles'!$G$22=$B$10,7,0)+IF('Standard Profiles'!$G$22=$B$17,14,0)+IF('Standard Profiles'!$G$22=$B$24,21,0),MOD($C742,24)+1)/SUM(INDEX($D$3:$AA$30,INDEX(Jesper!$R$2:$R$366,ROW(INDEX(Jesper!AL$2:AL$366,ROUNDDOWN($C742/24,0)+1,1))-1)+IF('Standard Profiles'!$G$22=$B$10,7,0)+IF('Standard Profiles'!$G$22=$B$17,14,0)+IF('Standard Profiles'!$G$22=$B$24,21,0),0)),0)</f>
        <v>0</v>
      </c>
      <c r="I742">
        <f t="shared" si="97"/>
        <v>21.144460391462015</v>
      </c>
      <c r="J742">
        <f t="shared" si="98"/>
        <v>101.76872514021585</v>
      </c>
      <c r="K742">
        <f t="shared" si="99"/>
        <v>4.0274202164247805</v>
      </c>
      <c r="L742">
        <f t="shared" si="100"/>
        <v>2.0137101082123903</v>
      </c>
      <c r="M742">
        <f t="shared" si="101"/>
        <v>0</v>
      </c>
      <c r="N742" s="45">
        <f t="shared" si="102"/>
        <v>44956.499999998283</v>
      </c>
    </row>
    <row r="743" spans="2:14" x14ac:dyDescent="0.25">
      <c r="B743">
        <f t="shared" si="96"/>
        <v>1</v>
      </c>
      <c r="C743" s="16">
        <v>709</v>
      </c>
      <c r="D743" cm="1">
        <f t="array" ref="D743">IFERROR(INDEX(Jesper!AH$2:AH$366,ROUNDDOWN($C743/24,0)+1,1)*INDEX($D$3:$AA$30,INDEX(Jesper!$R$2:$R$366,ROW(INDEX(Jesper!AH$2:AH$366,ROUNDDOWN($C743/24,0)+1,1))-1)+IF('Standard Profiles'!$G$18=$B$10,7,0)+IF('Standard Profiles'!$G$18=$B$17,14,0)+IF('Standard Profiles'!$G$18=$B$24,21,0),MOD($C743,24)+1)/SUM(INDEX($D$3:$AA$30,INDEX(Jesper!$R$2:$R$366,ROW(INDEX(Jesper!AH$2:AH$366,ROUNDDOWN($C743/24,0)+1,1))-1)+IF('Standard Profiles'!$G$18=$B$10,7,0)+IF('Standard Profiles'!$G$18=$B$17,14,0)+IF('Standard Profiles'!$G$18=$B$24,21,0),0)),0)</f>
        <v>25.171376352654882</v>
      </c>
      <c r="E743" cm="1">
        <f t="array" ref="E743">IFERROR(INDEX(Jesper!AI$2:AI$366,ROUNDDOWN($C743/24,0)+1,1)*INDEX($D$3:$AA$30,INDEX(Jesper!$R$2:$R$366,ROW(INDEX(Jesper!AI$2:AI$366,ROUNDDOWN($C743/24,0)+1,1))-1)+IF('Standard Profiles'!$G$19=$B$10,7,0)+IF('Standard Profiles'!$G$19=$B$17,14,0)+IF('Standard Profiles'!$G$19=$B$24,21,0),MOD($C743,24)+1)/SUM(INDEX($D$3:$AA$30,INDEX(Jesper!$R$2:$R$366,ROW(INDEX(Jesper!AI$2:AI$366,ROUNDDOWN($C743/24,0)+1,1))-1)+IF('Standard Profiles'!$G$19=$B$10,7,0)+IF('Standard Profiles'!$G$19=$B$17,14,0)+IF('Standard Profiles'!$G$19=$B$24,21,0),0)),0)</f>
        <v>31.430861452302331</v>
      </c>
      <c r="F743" cm="1">
        <f t="array" ref="F743">IFERROR(INDEX(Jesper!AJ$2:AJ$366,ROUNDDOWN($C743/24,0)+1,1)*INDEX($D$3:$AA$30,INDEX(Jesper!$R$2:$R$366,ROW(INDEX(Jesper!AJ$2:AJ$366,ROUNDDOWN($C743/24,0)+1,1))-1)+IF('Standard Profiles'!$G$20=$B$10,7,0)+IF('Standard Profiles'!$G$20=$B$17,14,0)+IF('Standard Profiles'!$G$20=$B$24,21,0),MOD($C743,24)+1)/SUM(INDEX($D$3:$AA$30,INDEX(Jesper!$R$2:$R$366,ROW(INDEX(Jesper!AJ$2:AJ$366,ROUNDDOWN($C743/24,0)+1,1))-1)+IF('Standard Profiles'!$G$20=$B$10,7,0)+IF('Standard Profiles'!$G$20=$B$17,14,0)+IF('Standard Profiles'!$G$20=$B$24,21,0),0)),0)</f>
        <v>0</v>
      </c>
      <c r="G743" cm="1">
        <f t="array" ref="G743">IFERROR(INDEX(Jesper!AK$2:AK$366,ROUNDDOWN($C743/24,0)+1,1)*INDEX($D$3:$AA$30,INDEX(Jesper!$R$2:$R$366,ROW(INDEX(Jesper!AK$2:AK$366,ROUNDDOWN($C743/24,0)+1,1))-1)+IF('Standard Profiles'!$G$21=$B$10,7,0)+IF('Standard Profiles'!$G$21=$B$17,14,0)+IF('Standard Profiles'!$G$21=$B$24,21,0),MOD($C743,24)+1)/SUM(INDEX($D$3:$AA$30,INDEX(Jesper!$R$2:$R$366,ROW(INDEX(Jesper!AK$2:AK$366,ROUNDDOWN($C743/24,0)+1,1))-1)+IF('Standard Profiles'!$G$21=$B$10,7,0)+IF('Standard Profiles'!$G$21=$B$17,14,0)+IF('Standard Profiles'!$G$21=$B$24,21,0),0)),0)</f>
        <v>29.367306099252819</v>
      </c>
      <c r="H743" cm="1">
        <f t="array" ref="H743">IFERROR(INDEX(Jesper!AL$2:AL$366,ROUNDDOWN($C743/24,0)+1,1)*INDEX($D$3:$AA$30,INDEX(Jesper!$R$2:$R$366,ROW(INDEX(Jesper!AL$2:AL$366,ROUNDDOWN($C743/24,0)+1,1))-1)+IF('Standard Profiles'!$G$22=$B$10,7,0)+IF('Standard Profiles'!$G$22=$B$17,14,0)+IF('Standard Profiles'!$G$22=$B$24,21,0),MOD($C743,24)+1)/SUM(INDEX($D$3:$AA$30,INDEX(Jesper!$R$2:$R$366,ROW(INDEX(Jesper!AL$2:AL$366,ROUNDDOWN($C743/24,0)+1,1))-1)+IF('Standard Profiles'!$G$22=$B$10,7,0)+IF('Standard Profiles'!$G$22=$B$17,14,0)+IF('Standard Profiles'!$G$22=$B$24,21,0),0)),0)</f>
        <v>0</v>
      </c>
      <c r="I743">
        <f t="shared" si="97"/>
        <v>14.096306927641345</v>
      </c>
      <c r="J743">
        <f t="shared" si="98"/>
        <v>67.845816760143904</v>
      </c>
      <c r="K743">
        <f t="shared" si="99"/>
        <v>2.6849468109498544</v>
      </c>
      <c r="L743">
        <f t="shared" si="100"/>
        <v>1.3424734054749272</v>
      </c>
      <c r="M743">
        <f t="shared" si="101"/>
        <v>0</v>
      </c>
      <c r="N743" s="45">
        <f t="shared" si="102"/>
        <v>44956.541666664947</v>
      </c>
    </row>
    <row r="744" spans="2:14" x14ac:dyDescent="0.25">
      <c r="B744">
        <f t="shared" si="96"/>
        <v>1</v>
      </c>
      <c r="C744" s="16">
        <v>710</v>
      </c>
      <c r="D744" cm="1">
        <f t="array" ref="D744">IFERROR(INDEX(Jesper!AH$2:AH$366,ROUNDDOWN($C744/24,0)+1,1)*INDEX($D$3:$AA$30,INDEX(Jesper!$R$2:$R$366,ROW(INDEX(Jesper!AH$2:AH$366,ROUNDDOWN($C744/24,0)+1,1))-1)+IF('Standard Profiles'!$G$18=$B$10,7,0)+IF('Standard Profiles'!$G$18=$B$17,14,0)+IF('Standard Profiles'!$G$18=$B$24,21,0),MOD($C744,24)+1)/SUM(INDEX($D$3:$AA$30,INDEX(Jesper!$R$2:$R$366,ROW(INDEX(Jesper!AH$2:AH$366,ROUNDDOWN($C744/24,0)+1,1))-1)+IF('Standard Profiles'!$G$18=$B$10,7,0)+IF('Standard Profiles'!$G$18=$B$17,14,0)+IF('Standard Profiles'!$G$18=$B$24,21,0),0)),0)</f>
        <v>37.757064528982319</v>
      </c>
      <c r="E744" cm="1">
        <f t="array" ref="E744">IFERROR(INDEX(Jesper!AI$2:AI$366,ROUNDDOWN($C744/24,0)+1,1)*INDEX($D$3:$AA$30,INDEX(Jesper!$R$2:$R$366,ROW(INDEX(Jesper!AI$2:AI$366,ROUNDDOWN($C744/24,0)+1,1))-1)+IF('Standard Profiles'!$G$19=$B$10,7,0)+IF('Standard Profiles'!$G$19=$B$17,14,0)+IF('Standard Profiles'!$G$19=$B$24,21,0),MOD($C744,24)+1)/SUM(INDEX($D$3:$AA$30,INDEX(Jesper!$R$2:$R$366,ROW(INDEX(Jesper!AI$2:AI$366,ROUNDDOWN($C744/24,0)+1,1))-1)+IF('Standard Profiles'!$G$19=$B$10,7,0)+IF('Standard Profiles'!$G$19=$B$17,14,0)+IF('Standard Profiles'!$G$19=$B$24,21,0),0)),0)</f>
        <v>47.146292178453493</v>
      </c>
      <c r="F744" cm="1">
        <f t="array" ref="F744">IFERROR(INDEX(Jesper!AJ$2:AJ$366,ROUNDDOWN($C744/24,0)+1,1)*INDEX($D$3:$AA$30,INDEX(Jesper!$R$2:$R$366,ROW(INDEX(Jesper!AJ$2:AJ$366,ROUNDDOWN($C744/24,0)+1,1))-1)+IF('Standard Profiles'!$G$20=$B$10,7,0)+IF('Standard Profiles'!$G$20=$B$17,14,0)+IF('Standard Profiles'!$G$20=$B$24,21,0),MOD($C744,24)+1)/SUM(INDEX($D$3:$AA$30,INDEX(Jesper!$R$2:$R$366,ROW(INDEX(Jesper!AJ$2:AJ$366,ROUNDDOWN($C744/24,0)+1,1))-1)+IF('Standard Profiles'!$G$20=$B$10,7,0)+IF('Standard Profiles'!$G$20=$B$17,14,0)+IF('Standard Profiles'!$G$20=$B$24,21,0),0)),0)</f>
        <v>0</v>
      </c>
      <c r="G744" cm="1">
        <f t="array" ref="G744">IFERROR(INDEX(Jesper!AK$2:AK$366,ROUNDDOWN($C744/24,0)+1,1)*INDEX($D$3:$AA$30,INDEX(Jesper!$R$2:$R$366,ROW(INDEX(Jesper!AK$2:AK$366,ROUNDDOWN($C744/24,0)+1,1))-1)+IF('Standard Profiles'!$G$21=$B$10,7,0)+IF('Standard Profiles'!$G$21=$B$17,14,0)+IF('Standard Profiles'!$G$21=$B$24,21,0),MOD($C744,24)+1)/SUM(INDEX($D$3:$AA$30,INDEX(Jesper!$R$2:$R$366,ROW(INDEX(Jesper!AK$2:AK$366,ROUNDDOWN($C744/24,0)+1,1))-1)+IF('Standard Profiles'!$G$21=$B$10,7,0)+IF('Standard Profiles'!$G$21=$B$17,14,0)+IF('Standard Profiles'!$G$21=$B$24,21,0),0)),0)</f>
        <v>44.050959148879222</v>
      </c>
      <c r="H744" cm="1">
        <f t="array" ref="H744">IFERROR(INDEX(Jesper!AL$2:AL$366,ROUNDDOWN($C744/24,0)+1,1)*INDEX($D$3:$AA$30,INDEX(Jesper!$R$2:$R$366,ROW(INDEX(Jesper!AL$2:AL$366,ROUNDDOWN($C744/24,0)+1,1))-1)+IF('Standard Profiles'!$G$22=$B$10,7,0)+IF('Standard Profiles'!$G$22=$B$17,14,0)+IF('Standard Profiles'!$G$22=$B$24,21,0),MOD($C744,24)+1)/SUM(INDEX($D$3:$AA$30,INDEX(Jesper!$R$2:$R$366,ROW(INDEX(Jesper!AL$2:AL$366,ROUNDDOWN($C744/24,0)+1,1))-1)+IF('Standard Profiles'!$G$22=$B$10,7,0)+IF('Standard Profiles'!$G$22=$B$17,14,0)+IF('Standard Profiles'!$G$22=$B$24,21,0),0)),0)</f>
        <v>0</v>
      </c>
      <c r="I744">
        <f t="shared" si="97"/>
        <v>21.144460391462015</v>
      </c>
      <c r="J744">
        <f t="shared" si="98"/>
        <v>101.76872514021585</v>
      </c>
      <c r="K744">
        <f t="shared" si="99"/>
        <v>4.0274202164247805</v>
      </c>
      <c r="L744">
        <f t="shared" si="100"/>
        <v>2.0137101082123903</v>
      </c>
      <c r="M744">
        <f t="shared" si="101"/>
        <v>0</v>
      </c>
      <c r="N744" s="45">
        <f t="shared" si="102"/>
        <v>44956.583333331611</v>
      </c>
    </row>
    <row r="745" spans="2:14" x14ac:dyDescent="0.25">
      <c r="B745">
        <f t="shared" si="96"/>
        <v>1</v>
      </c>
      <c r="C745" s="16">
        <v>711</v>
      </c>
      <c r="D745" cm="1">
        <f t="array" ref="D745">IFERROR(INDEX(Jesper!AH$2:AH$366,ROUNDDOWN($C745/24,0)+1,1)*INDEX($D$3:$AA$30,INDEX(Jesper!$R$2:$R$366,ROW(INDEX(Jesper!AH$2:AH$366,ROUNDDOWN($C745/24,0)+1,1))-1)+IF('Standard Profiles'!$G$18=$B$10,7,0)+IF('Standard Profiles'!$G$18=$B$17,14,0)+IF('Standard Profiles'!$G$18=$B$24,21,0),MOD($C745,24)+1)/SUM(INDEX($D$3:$AA$30,INDEX(Jesper!$R$2:$R$366,ROW(INDEX(Jesper!AH$2:AH$366,ROUNDDOWN($C745/24,0)+1,1))-1)+IF('Standard Profiles'!$G$18=$B$10,7,0)+IF('Standard Profiles'!$G$18=$B$17,14,0)+IF('Standard Profiles'!$G$18=$B$24,21,0),0)),0)</f>
        <v>37.757064528982319</v>
      </c>
      <c r="E745" cm="1">
        <f t="array" ref="E745">IFERROR(INDEX(Jesper!AI$2:AI$366,ROUNDDOWN($C745/24,0)+1,1)*INDEX($D$3:$AA$30,INDEX(Jesper!$R$2:$R$366,ROW(INDEX(Jesper!AI$2:AI$366,ROUNDDOWN($C745/24,0)+1,1))-1)+IF('Standard Profiles'!$G$19=$B$10,7,0)+IF('Standard Profiles'!$G$19=$B$17,14,0)+IF('Standard Profiles'!$G$19=$B$24,21,0),MOD($C745,24)+1)/SUM(INDEX($D$3:$AA$30,INDEX(Jesper!$R$2:$R$366,ROW(INDEX(Jesper!AI$2:AI$366,ROUNDDOWN($C745/24,0)+1,1))-1)+IF('Standard Profiles'!$G$19=$B$10,7,0)+IF('Standard Profiles'!$G$19=$B$17,14,0)+IF('Standard Profiles'!$G$19=$B$24,21,0),0)),0)</f>
        <v>47.146292178453493</v>
      </c>
      <c r="F745" cm="1">
        <f t="array" ref="F745">IFERROR(INDEX(Jesper!AJ$2:AJ$366,ROUNDDOWN($C745/24,0)+1,1)*INDEX($D$3:$AA$30,INDEX(Jesper!$R$2:$R$366,ROW(INDEX(Jesper!AJ$2:AJ$366,ROUNDDOWN($C745/24,0)+1,1))-1)+IF('Standard Profiles'!$G$20=$B$10,7,0)+IF('Standard Profiles'!$G$20=$B$17,14,0)+IF('Standard Profiles'!$G$20=$B$24,21,0),MOD($C745,24)+1)/SUM(INDEX($D$3:$AA$30,INDEX(Jesper!$R$2:$R$366,ROW(INDEX(Jesper!AJ$2:AJ$366,ROUNDDOWN($C745/24,0)+1,1))-1)+IF('Standard Profiles'!$G$20=$B$10,7,0)+IF('Standard Profiles'!$G$20=$B$17,14,0)+IF('Standard Profiles'!$G$20=$B$24,21,0),0)),0)</f>
        <v>0</v>
      </c>
      <c r="G745" cm="1">
        <f t="array" ref="G745">IFERROR(INDEX(Jesper!AK$2:AK$366,ROUNDDOWN($C745/24,0)+1,1)*INDEX($D$3:$AA$30,INDEX(Jesper!$R$2:$R$366,ROW(INDEX(Jesper!AK$2:AK$366,ROUNDDOWN($C745/24,0)+1,1))-1)+IF('Standard Profiles'!$G$21=$B$10,7,0)+IF('Standard Profiles'!$G$21=$B$17,14,0)+IF('Standard Profiles'!$G$21=$B$24,21,0),MOD($C745,24)+1)/SUM(INDEX($D$3:$AA$30,INDEX(Jesper!$R$2:$R$366,ROW(INDEX(Jesper!AK$2:AK$366,ROUNDDOWN($C745/24,0)+1,1))-1)+IF('Standard Profiles'!$G$21=$B$10,7,0)+IF('Standard Profiles'!$G$21=$B$17,14,0)+IF('Standard Profiles'!$G$21=$B$24,21,0),0)),0)</f>
        <v>44.050959148879222</v>
      </c>
      <c r="H745" cm="1">
        <f t="array" ref="H745">IFERROR(INDEX(Jesper!AL$2:AL$366,ROUNDDOWN($C745/24,0)+1,1)*INDEX($D$3:$AA$30,INDEX(Jesper!$R$2:$R$366,ROW(INDEX(Jesper!AL$2:AL$366,ROUNDDOWN($C745/24,0)+1,1))-1)+IF('Standard Profiles'!$G$22=$B$10,7,0)+IF('Standard Profiles'!$G$22=$B$17,14,0)+IF('Standard Profiles'!$G$22=$B$24,21,0),MOD($C745,24)+1)/SUM(INDEX($D$3:$AA$30,INDEX(Jesper!$R$2:$R$366,ROW(INDEX(Jesper!AL$2:AL$366,ROUNDDOWN($C745/24,0)+1,1))-1)+IF('Standard Profiles'!$G$22=$B$10,7,0)+IF('Standard Profiles'!$G$22=$B$17,14,0)+IF('Standard Profiles'!$G$22=$B$24,21,0),0)),0)</f>
        <v>0</v>
      </c>
      <c r="I745">
        <f t="shared" si="97"/>
        <v>21.144460391462015</v>
      </c>
      <c r="J745">
        <f t="shared" si="98"/>
        <v>101.76872514021585</v>
      </c>
      <c r="K745">
        <f t="shared" si="99"/>
        <v>4.0274202164247805</v>
      </c>
      <c r="L745">
        <f t="shared" si="100"/>
        <v>2.0137101082123903</v>
      </c>
      <c r="M745">
        <f t="shared" si="101"/>
        <v>0</v>
      </c>
      <c r="N745" s="45">
        <f t="shared" si="102"/>
        <v>44956.624999998276</v>
      </c>
    </row>
    <row r="746" spans="2:14" x14ac:dyDescent="0.25">
      <c r="B746">
        <f t="shared" si="96"/>
        <v>1</v>
      </c>
      <c r="C746" s="16">
        <v>712</v>
      </c>
      <c r="D746" cm="1">
        <f t="array" ref="D746">IFERROR(INDEX(Jesper!AH$2:AH$366,ROUNDDOWN($C746/24,0)+1,1)*INDEX($D$3:$AA$30,INDEX(Jesper!$R$2:$R$366,ROW(INDEX(Jesper!AH$2:AH$366,ROUNDDOWN($C746/24,0)+1,1))-1)+IF('Standard Profiles'!$G$18=$B$10,7,0)+IF('Standard Profiles'!$G$18=$B$17,14,0)+IF('Standard Profiles'!$G$18=$B$24,21,0),MOD($C746,24)+1)/SUM(INDEX($D$3:$AA$30,INDEX(Jesper!$R$2:$R$366,ROW(INDEX(Jesper!AH$2:AH$366,ROUNDDOWN($C746/24,0)+1,1))-1)+IF('Standard Profiles'!$G$18=$B$10,7,0)+IF('Standard Profiles'!$G$18=$B$17,14,0)+IF('Standard Profiles'!$G$18=$B$24,21,0),0)),0)</f>
        <v>22.024954308573015</v>
      </c>
      <c r="E746" cm="1">
        <f t="array" ref="E746">IFERROR(INDEX(Jesper!AI$2:AI$366,ROUNDDOWN($C746/24,0)+1,1)*INDEX($D$3:$AA$30,INDEX(Jesper!$R$2:$R$366,ROW(INDEX(Jesper!AI$2:AI$366,ROUNDDOWN($C746/24,0)+1,1))-1)+IF('Standard Profiles'!$G$19=$B$10,7,0)+IF('Standard Profiles'!$G$19=$B$17,14,0)+IF('Standard Profiles'!$G$19=$B$24,21,0),MOD($C746,24)+1)/SUM(INDEX($D$3:$AA$30,INDEX(Jesper!$R$2:$R$366,ROW(INDEX(Jesper!AI$2:AI$366,ROUNDDOWN($C746/24,0)+1,1))-1)+IF('Standard Profiles'!$G$19=$B$10,7,0)+IF('Standard Profiles'!$G$19=$B$17,14,0)+IF('Standard Profiles'!$G$19=$B$24,21,0),0)),0)</f>
        <v>27.502003770764539</v>
      </c>
      <c r="F746" cm="1">
        <f t="array" ref="F746">IFERROR(INDEX(Jesper!AJ$2:AJ$366,ROUNDDOWN($C746/24,0)+1,1)*INDEX($D$3:$AA$30,INDEX(Jesper!$R$2:$R$366,ROW(INDEX(Jesper!AJ$2:AJ$366,ROUNDDOWN($C746/24,0)+1,1))-1)+IF('Standard Profiles'!$G$20=$B$10,7,0)+IF('Standard Profiles'!$G$20=$B$17,14,0)+IF('Standard Profiles'!$G$20=$B$24,21,0),MOD($C746,24)+1)/SUM(INDEX($D$3:$AA$30,INDEX(Jesper!$R$2:$R$366,ROW(INDEX(Jesper!AJ$2:AJ$366,ROUNDDOWN($C746/24,0)+1,1))-1)+IF('Standard Profiles'!$G$20=$B$10,7,0)+IF('Standard Profiles'!$G$20=$B$17,14,0)+IF('Standard Profiles'!$G$20=$B$24,21,0),0)),0)</f>
        <v>0</v>
      </c>
      <c r="G746" cm="1">
        <f t="array" ref="G746">IFERROR(INDEX(Jesper!AK$2:AK$366,ROUNDDOWN($C746/24,0)+1,1)*INDEX($D$3:$AA$30,INDEX(Jesper!$R$2:$R$366,ROW(INDEX(Jesper!AK$2:AK$366,ROUNDDOWN($C746/24,0)+1,1))-1)+IF('Standard Profiles'!$G$21=$B$10,7,0)+IF('Standard Profiles'!$G$21=$B$17,14,0)+IF('Standard Profiles'!$G$21=$B$24,21,0),MOD($C746,24)+1)/SUM(INDEX($D$3:$AA$30,INDEX(Jesper!$R$2:$R$366,ROW(INDEX(Jesper!AK$2:AK$366,ROUNDDOWN($C746/24,0)+1,1))-1)+IF('Standard Profiles'!$G$21=$B$10,7,0)+IF('Standard Profiles'!$G$21=$B$17,14,0)+IF('Standard Profiles'!$G$21=$B$24,21,0),0)),0)</f>
        <v>36.709132624066022</v>
      </c>
      <c r="H746" cm="1">
        <f t="array" ref="H746">IFERROR(INDEX(Jesper!AL$2:AL$366,ROUNDDOWN($C746/24,0)+1,1)*INDEX($D$3:$AA$30,INDEX(Jesper!$R$2:$R$366,ROW(INDEX(Jesper!AL$2:AL$366,ROUNDDOWN($C746/24,0)+1,1))-1)+IF('Standard Profiles'!$G$22=$B$10,7,0)+IF('Standard Profiles'!$G$22=$B$17,14,0)+IF('Standard Profiles'!$G$22=$B$24,21,0),MOD($C746,24)+1)/SUM(INDEX($D$3:$AA$30,INDEX(Jesper!$R$2:$R$366,ROW(INDEX(Jesper!AL$2:AL$366,ROUNDDOWN($C746/24,0)+1,1))-1)+IF('Standard Profiles'!$G$22=$B$10,7,0)+IF('Standard Profiles'!$G$22=$B$17,14,0)+IF('Standard Profiles'!$G$22=$B$24,21,0),0)),0)</f>
        <v>0</v>
      </c>
      <c r="I746">
        <f t="shared" si="97"/>
        <v>17.620383659551681</v>
      </c>
      <c r="J746">
        <f t="shared" si="98"/>
        <v>65.091714354480203</v>
      </c>
      <c r="K746">
        <f t="shared" si="99"/>
        <v>2.3493284595811219</v>
      </c>
      <c r="L746">
        <f t="shared" si="100"/>
        <v>1.174664229790561</v>
      </c>
      <c r="M746">
        <f t="shared" si="101"/>
        <v>0</v>
      </c>
      <c r="N746" s="45">
        <f t="shared" si="102"/>
        <v>44956.66666666494</v>
      </c>
    </row>
    <row r="747" spans="2:14" x14ac:dyDescent="0.25">
      <c r="B747">
        <f t="shared" si="96"/>
        <v>1</v>
      </c>
      <c r="C747" s="16">
        <v>713</v>
      </c>
      <c r="D747" cm="1">
        <f t="array" ref="D747">IFERROR(INDEX(Jesper!AH$2:AH$366,ROUNDDOWN($C747/24,0)+1,1)*INDEX($D$3:$AA$30,INDEX(Jesper!$R$2:$R$366,ROW(INDEX(Jesper!AH$2:AH$366,ROUNDDOWN($C747/24,0)+1,1))-1)+IF('Standard Profiles'!$G$18=$B$10,7,0)+IF('Standard Profiles'!$G$18=$B$17,14,0)+IF('Standard Profiles'!$G$18=$B$24,21,0),MOD($C747,24)+1)/SUM(INDEX($D$3:$AA$30,INDEX(Jesper!$R$2:$R$366,ROW(INDEX(Jesper!AH$2:AH$366,ROUNDDOWN($C747/24,0)+1,1))-1)+IF('Standard Profiles'!$G$18=$B$10,7,0)+IF('Standard Profiles'!$G$18=$B$17,14,0)+IF('Standard Profiles'!$G$18=$B$24,21,0),0)),0)</f>
        <v>6.2928440881637204</v>
      </c>
      <c r="E747" cm="1">
        <f t="array" ref="E747">IFERROR(INDEX(Jesper!AI$2:AI$366,ROUNDDOWN($C747/24,0)+1,1)*INDEX($D$3:$AA$30,INDEX(Jesper!$R$2:$R$366,ROW(INDEX(Jesper!AI$2:AI$366,ROUNDDOWN($C747/24,0)+1,1))-1)+IF('Standard Profiles'!$G$19=$B$10,7,0)+IF('Standard Profiles'!$G$19=$B$17,14,0)+IF('Standard Profiles'!$G$19=$B$24,21,0),MOD($C747,24)+1)/SUM(INDEX($D$3:$AA$30,INDEX(Jesper!$R$2:$R$366,ROW(INDEX(Jesper!AI$2:AI$366,ROUNDDOWN($C747/24,0)+1,1))-1)+IF('Standard Profiles'!$G$19=$B$10,7,0)+IF('Standard Profiles'!$G$19=$B$17,14,0)+IF('Standard Profiles'!$G$19=$B$24,21,0),0)),0)</f>
        <v>7.8577153630755827</v>
      </c>
      <c r="F747" cm="1">
        <f t="array" ref="F747">IFERROR(INDEX(Jesper!AJ$2:AJ$366,ROUNDDOWN($C747/24,0)+1,1)*INDEX($D$3:$AA$30,INDEX(Jesper!$R$2:$R$366,ROW(INDEX(Jesper!AJ$2:AJ$366,ROUNDDOWN($C747/24,0)+1,1))-1)+IF('Standard Profiles'!$G$20=$B$10,7,0)+IF('Standard Profiles'!$G$20=$B$17,14,0)+IF('Standard Profiles'!$G$20=$B$24,21,0),MOD($C747,24)+1)/SUM(INDEX($D$3:$AA$30,INDEX(Jesper!$R$2:$R$366,ROW(INDEX(Jesper!AJ$2:AJ$366,ROUNDDOWN($C747/24,0)+1,1))-1)+IF('Standard Profiles'!$G$20=$B$10,7,0)+IF('Standard Profiles'!$G$20=$B$17,14,0)+IF('Standard Profiles'!$G$20=$B$24,21,0),0)),0)</f>
        <v>0</v>
      </c>
      <c r="G747" cm="1">
        <f t="array" ref="G747">IFERROR(INDEX(Jesper!AK$2:AK$366,ROUNDDOWN($C747/24,0)+1,1)*INDEX($D$3:$AA$30,INDEX(Jesper!$R$2:$R$366,ROW(INDEX(Jesper!AK$2:AK$366,ROUNDDOWN($C747/24,0)+1,1))-1)+IF('Standard Profiles'!$G$21=$B$10,7,0)+IF('Standard Profiles'!$G$21=$B$17,14,0)+IF('Standard Profiles'!$G$21=$B$24,21,0),MOD($C747,24)+1)/SUM(INDEX($D$3:$AA$30,INDEX(Jesper!$R$2:$R$366,ROW(INDEX(Jesper!AK$2:AK$366,ROUNDDOWN($C747/24,0)+1,1))-1)+IF('Standard Profiles'!$G$21=$B$10,7,0)+IF('Standard Profiles'!$G$21=$B$17,14,0)+IF('Standard Profiles'!$G$21=$B$24,21,0),0)),0)</f>
        <v>29.536083720512895</v>
      </c>
      <c r="H747" cm="1">
        <f t="array" ref="H747">IFERROR(INDEX(Jesper!AL$2:AL$366,ROUNDDOWN($C747/24,0)+1,1)*INDEX($D$3:$AA$30,INDEX(Jesper!$R$2:$R$366,ROW(INDEX(Jesper!AL$2:AL$366,ROUNDDOWN($C747/24,0)+1,1))-1)+IF('Standard Profiles'!$G$22=$B$10,7,0)+IF('Standard Profiles'!$G$22=$B$17,14,0)+IF('Standard Profiles'!$G$22=$B$24,21,0),MOD($C747,24)+1)/SUM(INDEX($D$3:$AA$30,INDEX(Jesper!$R$2:$R$366,ROW(INDEX(Jesper!AL$2:AL$366,ROUNDDOWN($C747/24,0)+1,1))-1)+IF('Standard Profiles'!$G$22=$B$10,7,0)+IF('Standard Profiles'!$G$22=$B$17,14,0)+IF('Standard Profiles'!$G$22=$B$24,21,0),0)),0)</f>
        <v>0</v>
      </c>
      <c r="I747">
        <f t="shared" si="97"/>
        <v>14.177320185846183</v>
      </c>
      <c r="J747">
        <f t="shared" si="98"/>
        <v>28.502467931799821</v>
      </c>
      <c r="K747">
        <f t="shared" si="99"/>
        <v>0.67123670273746361</v>
      </c>
      <c r="L747">
        <f t="shared" si="100"/>
        <v>0.3356183513687318</v>
      </c>
      <c r="M747">
        <f t="shared" si="101"/>
        <v>0</v>
      </c>
      <c r="N747" s="45">
        <f t="shared" si="102"/>
        <v>44956.708333331604</v>
      </c>
    </row>
    <row r="748" spans="2:14" x14ac:dyDescent="0.25">
      <c r="B748">
        <f t="shared" si="96"/>
        <v>1</v>
      </c>
      <c r="C748" s="16">
        <v>714</v>
      </c>
      <c r="D748" cm="1">
        <f t="array" ref="D748">IFERROR(INDEX(Jesper!AH$2:AH$366,ROUNDDOWN($C748/24,0)+1,1)*INDEX($D$3:$AA$30,INDEX(Jesper!$R$2:$R$366,ROW(INDEX(Jesper!AH$2:AH$366,ROUNDDOWN($C748/24,0)+1,1))-1)+IF('Standard Profiles'!$G$18=$B$10,7,0)+IF('Standard Profiles'!$G$18=$B$17,14,0)+IF('Standard Profiles'!$G$18=$B$24,21,0),MOD($C748,24)+1)/SUM(INDEX($D$3:$AA$30,INDEX(Jesper!$R$2:$R$366,ROW(INDEX(Jesper!AH$2:AH$366,ROUNDDOWN($C748/24,0)+1,1))-1)+IF('Standard Profiles'!$G$18=$B$10,7,0)+IF('Standard Profiles'!$G$18=$B$17,14,0)+IF('Standard Profiles'!$G$18=$B$24,21,0),0)),0)</f>
        <v>6.2042124812881747</v>
      </c>
      <c r="E748" cm="1">
        <f t="array" ref="E748">IFERROR(INDEX(Jesper!AI$2:AI$366,ROUNDDOWN($C748/24,0)+1,1)*INDEX($D$3:$AA$30,INDEX(Jesper!$R$2:$R$366,ROW(INDEX(Jesper!AI$2:AI$366,ROUNDDOWN($C748/24,0)+1,1))-1)+IF('Standard Profiles'!$G$19=$B$10,7,0)+IF('Standard Profiles'!$G$19=$B$17,14,0)+IF('Standard Profiles'!$G$19=$B$24,21,0),MOD($C748,24)+1)/SUM(INDEX($D$3:$AA$30,INDEX(Jesper!$R$2:$R$366,ROW(INDEX(Jesper!AI$2:AI$366,ROUNDDOWN($C748/24,0)+1,1))-1)+IF('Standard Profiles'!$G$19=$B$10,7,0)+IF('Standard Profiles'!$G$19=$B$17,14,0)+IF('Standard Profiles'!$G$19=$B$24,21,0),0)),0)</f>
        <v>7.7470433157083205</v>
      </c>
      <c r="F748" cm="1">
        <f t="array" ref="F748">IFERROR(INDEX(Jesper!AJ$2:AJ$366,ROUNDDOWN($C748/24,0)+1,1)*INDEX($D$3:$AA$30,INDEX(Jesper!$R$2:$R$366,ROW(INDEX(Jesper!AJ$2:AJ$366,ROUNDDOWN($C748/24,0)+1,1))-1)+IF('Standard Profiles'!$G$20=$B$10,7,0)+IF('Standard Profiles'!$G$20=$B$17,14,0)+IF('Standard Profiles'!$G$20=$B$24,21,0),MOD($C748,24)+1)/SUM(INDEX($D$3:$AA$30,INDEX(Jesper!$R$2:$R$366,ROW(INDEX(Jesper!AJ$2:AJ$366,ROUNDDOWN($C748/24,0)+1,1))-1)+IF('Standard Profiles'!$G$20=$B$10,7,0)+IF('Standard Profiles'!$G$20=$B$17,14,0)+IF('Standard Profiles'!$G$20=$B$24,21,0),0)),0)</f>
        <v>0</v>
      </c>
      <c r="G748" cm="1">
        <f t="array" ref="G748">IFERROR(INDEX(Jesper!AK$2:AK$366,ROUNDDOWN($C748/24,0)+1,1)*INDEX($D$3:$AA$30,INDEX(Jesper!$R$2:$R$366,ROW(INDEX(Jesper!AK$2:AK$366,ROUNDDOWN($C748/24,0)+1,1))-1)+IF('Standard Profiles'!$G$21=$B$10,7,0)+IF('Standard Profiles'!$G$21=$B$17,14,0)+IF('Standard Profiles'!$G$21=$B$24,21,0),MOD($C748,24)+1)/SUM(INDEX($D$3:$AA$30,INDEX(Jesper!$R$2:$R$366,ROW(INDEX(Jesper!AK$2:AK$366,ROUNDDOWN($C748/24,0)+1,1))-1)+IF('Standard Profiles'!$G$21=$B$10,7,0)+IF('Standard Profiles'!$G$21=$B$17,14,0)+IF('Standard Profiles'!$G$21=$B$24,21,0),0)),0)</f>
        <v>10.548601328754605</v>
      </c>
      <c r="H748" cm="1">
        <f t="array" ref="H748">IFERROR(INDEX(Jesper!AL$2:AL$366,ROUNDDOWN($C748/24,0)+1,1)*INDEX($D$3:$AA$30,INDEX(Jesper!$R$2:$R$366,ROW(INDEX(Jesper!AL$2:AL$366,ROUNDDOWN($C748/24,0)+1,1))-1)+IF('Standard Profiles'!$G$22=$B$10,7,0)+IF('Standard Profiles'!$G$22=$B$17,14,0)+IF('Standard Profiles'!$G$22=$B$24,21,0),MOD($C748,24)+1)/SUM(INDEX($D$3:$AA$30,INDEX(Jesper!$R$2:$R$366,ROW(INDEX(Jesper!AL$2:AL$366,ROUNDDOWN($C748/24,0)+1,1))-1)+IF('Standard Profiles'!$G$22=$B$10,7,0)+IF('Standard Profiles'!$G$22=$B$17,14,0)+IF('Standard Profiles'!$G$22=$B$24,21,0),0)),0)</f>
        <v>0</v>
      </c>
      <c r="I748">
        <f t="shared" si="97"/>
        <v>5.0633286378022078</v>
      </c>
      <c r="J748">
        <f t="shared" si="98"/>
        <v>18.443854490942783</v>
      </c>
      <c r="K748">
        <f t="shared" si="99"/>
        <v>0.66178266467073865</v>
      </c>
      <c r="L748">
        <f t="shared" si="100"/>
        <v>0.33089133233536933</v>
      </c>
      <c r="M748">
        <f t="shared" si="101"/>
        <v>0</v>
      </c>
      <c r="N748" s="45">
        <f t="shared" si="102"/>
        <v>44956.749999998268</v>
      </c>
    </row>
    <row r="749" spans="2:14" x14ac:dyDescent="0.25">
      <c r="B749">
        <f t="shared" si="96"/>
        <v>1</v>
      </c>
      <c r="C749" s="16">
        <v>715</v>
      </c>
      <c r="D749" cm="1">
        <f t="array" ref="D749">IFERROR(INDEX(Jesper!AH$2:AH$366,ROUNDDOWN($C749/24,0)+1,1)*INDEX($D$3:$AA$30,INDEX(Jesper!$R$2:$R$366,ROW(INDEX(Jesper!AH$2:AH$366,ROUNDDOWN($C749/24,0)+1,1))-1)+IF('Standard Profiles'!$G$18=$B$10,7,0)+IF('Standard Profiles'!$G$18=$B$17,14,0)+IF('Standard Profiles'!$G$18=$B$24,21,0),MOD($C749,24)+1)/SUM(INDEX($D$3:$AA$30,INDEX(Jesper!$R$2:$R$366,ROW(INDEX(Jesper!AH$2:AH$366,ROUNDDOWN($C749/24,0)+1,1))-1)+IF('Standard Profiles'!$G$18=$B$10,7,0)+IF('Standard Profiles'!$G$18=$B$17,14,0)+IF('Standard Profiles'!$G$18=$B$24,21,0),0)),0)</f>
        <v>6.2042124812881747</v>
      </c>
      <c r="E749" cm="1">
        <f t="array" ref="E749">IFERROR(INDEX(Jesper!AI$2:AI$366,ROUNDDOWN($C749/24,0)+1,1)*INDEX($D$3:$AA$30,INDEX(Jesper!$R$2:$R$366,ROW(INDEX(Jesper!AI$2:AI$366,ROUNDDOWN($C749/24,0)+1,1))-1)+IF('Standard Profiles'!$G$19=$B$10,7,0)+IF('Standard Profiles'!$G$19=$B$17,14,0)+IF('Standard Profiles'!$G$19=$B$24,21,0),MOD($C749,24)+1)/SUM(INDEX($D$3:$AA$30,INDEX(Jesper!$R$2:$R$366,ROW(INDEX(Jesper!AI$2:AI$366,ROUNDDOWN($C749/24,0)+1,1))-1)+IF('Standard Profiles'!$G$19=$B$10,7,0)+IF('Standard Profiles'!$G$19=$B$17,14,0)+IF('Standard Profiles'!$G$19=$B$24,21,0),0)),0)</f>
        <v>7.7470433157083205</v>
      </c>
      <c r="F749" cm="1">
        <f t="array" ref="F749">IFERROR(INDEX(Jesper!AJ$2:AJ$366,ROUNDDOWN($C749/24,0)+1,1)*INDEX($D$3:$AA$30,INDEX(Jesper!$R$2:$R$366,ROW(INDEX(Jesper!AJ$2:AJ$366,ROUNDDOWN($C749/24,0)+1,1))-1)+IF('Standard Profiles'!$G$20=$B$10,7,0)+IF('Standard Profiles'!$G$20=$B$17,14,0)+IF('Standard Profiles'!$G$20=$B$24,21,0),MOD($C749,24)+1)/SUM(INDEX($D$3:$AA$30,INDEX(Jesper!$R$2:$R$366,ROW(INDEX(Jesper!AJ$2:AJ$366,ROUNDDOWN($C749/24,0)+1,1))-1)+IF('Standard Profiles'!$G$20=$B$10,7,0)+IF('Standard Profiles'!$G$20=$B$17,14,0)+IF('Standard Profiles'!$G$20=$B$24,21,0),0)),0)</f>
        <v>0</v>
      </c>
      <c r="G749" cm="1">
        <f t="array" ref="G749">IFERROR(INDEX(Jesper!AK$2:AK$366,ROUNDDOWN($C749/24,0)+1,1)*INDEX($D$3:$AA$30,INDEX(Jesper!$R$2:$R$366,ROW(INDEX(Jesper!AK$2:AK$366,ROUNDDOWN($C749/24,0)+1,1))-1)+IF('Standard Profiles'!$G$21=$B$10,7,0)+IF('Standard Profiles'!$G$21=$B$17,14,0)+IF('Standard Profiles'!$G$21=$B$24,21,0),MOD($C749,24)+1)/SUM(INDEX($D$3:$AA$30,INDEX(Jesper!$R$2:$R$366,ROW(INDEX(Jesper!AK$2:AK$366,ROUNDDOWN($C749/24,0)+1,1))-1)+IF('Standard Profiles'!$G$21=$B$10,7,0)+IF('Standard Profiles'!$G$21=$B$17,14,0)+IF('Standard Profiles'!$G$21=$B$24,21,0),0)),0)</f>
        <v>10.548601328754605</v>
      </c>
      <c r="H749" cm="1">
        <f t="array" ref="H749">IFERROR(INDEX(Jesper!AL$2:AL$366,ROUNDDOWN($C749/24,0)+1,1)*INDEX($D$3:$AA$30,INDEX(Jesper!$R$2:$R$366,ROW(INDEX(Jesper!AL$2:AL$366,ROUNDDOWN($C749/24,0)+1,1))-1)+IF('Standard Profiles'!$G$22=$B$10,7,0)+IF('Standard Profiles'!$G$22=$B$17,14,0)+IF('Standard Profiles'!$G$22=$B$24,21,0),MOD($C749,24)+1)/SUM(INDEX($D$3:$AA$30,INDEX(Jesper!$R$2:$R$366,ROW(INDEX(Jesper!AL$2:AL$366,ROUNDDOWN($C749/24,0)+1,1))-1)+IF('Standard Profiles'!$G$22=$B$10,7,0)+IF('Standard Profiles'!$G$22=$B$17,14,0)+IF('Standard Profiles'!$G$22=$B$24,21,0),0)),0)</f>
        <v>0</v>
      </c>
      <c r="I749">
        <f t="shared" si="97"/>
        <v>5.0633286378022078</v>
      </c>
      <c r="J749">
        <f t="shared" si="98"/>
        <v>18.443854490942783</v>
      </c>
      <c r="K749">
        <f t="shared" si="99"/>
        <v>0.66178266467073865</v>
      </c>
      <c r="L749">
        <f t="shared" si="100"/>
        <v>0.33089133233536933</v>
      </c>
      <c r="M749">
        <f t="shared" si="101"/>
        <v>0</v>
      </c>
      <c r="N749" s="45">
        <f t="shared" si="102"/>
        <v>44956.791666664933</v>
      </c>
    </row>
    <row r="750" spans="2:14" x14ac:dyDescent="0.25">
      <c r="B750">
        <f t="shared" si="96"/>
        <v>1</v>
      </c>
      <c r="C750" s="16">
        <v>716</v>
      </c>
      <c r="D750" cm="1">
        <f t="array" ref="D750">IFERROR(INDEX(Jesper!AH$2:AH$366,ROUNDDOWN($C750/24,0)+1,1)*INDEX($D$3:$AA$30,INDEX(Jesper!$R$2:$R$366,ROW(INDEX(Jesper!AH$2:AH$366,ROUNDDOWN($C750/24,0)+1,1))-1)+IF('Standard Profiles'!$G$18=$B$10,7,0)+IF('Standard Profiles'!$G$18=$B$17,14,0)+IF('Standard Profiles'!$G$18=$B$24,21,0),MOD($C750,24)+1)/SUM(INDEX($D$3:$AA$30,INDEX(Jesper!$R$2:$R$366,ROW(INDEX(Jesper!AH$2:AH$366,ROUNDDOWN($C750/24,0)+1,1))-1)+IF('Standard Profiles'!$G$18=$B$10,7,0)+IF('Standard Profiles'!$G$18=$B$17,14,0)+IF('Standard Profiles'!$G$18=$B$24,21,0),0)),0)</f>
        <v>6.2042124812881747</v>
      </c>
      <c r="E750" cm="1">
        <f t="array" ref="E750">IFERROR(INDEX(Jesper!AI$2:AI$366,ROUNDDOWN($C750/24,0)+1,1)*INDEX($D$3:$AA$30,INDEX(Jesper!$R$2:$R$366,ROW(INDEX(Jesper!AI$2:AI$366,ROUNDDOWN($C750/24,0)+1,1))-1)+IF('Standard Profiles'!$G$19=$B$10,7,0)+IF('Standard Profiles'!$G$19=$B$17,14,0)+IF('Standard Profiles'!$G$19=$B$24,21,0),MOD($C750,24)+1)/SUM(INDEX($D$3:$AA$30,INDEX(Jesper!$R$2:$R$366,ROW(INDEX(Jesper!AI$2:AI$366,ROUNDDOWN($C750/24,0)+1,1))-1)+IF('Standard Profiles'!$G$19=$B$10,7,0)+IF('Standard Profiles'!$G$19=$B$17,14,0)+IF('Standard Profiles'!$G$19=$B$24,21,0),0)),0)</f>
        <v>7.7470433157083205</v>
      </c>
      <c r="F750" cm="1">
        <f t="array" ref="F750">IFERROR(INDEX(Jesper!AJ$2:AJ$366,ROUNDDOWN($C750/24,0)+1,1)*INDEX($D$3:$AA$30,INDEX(Jesper!$R$2:$R$366,ROW(INDEX(Jesper!AJ$2:AJ$366,ROUNDDOWN($C750/24,0)+1,1))-1)+IF('Standard Profiles'!$G$20=$B$10,7,0)+IF('Standard Profiles'!$G$20=$B$17,14,0)+IF('Standard Profiles'!$G$20=$B$24,21,0),MOD($C750,24)+1)/SUM(INDEX($D$3:$AA$30,INDEX(Jesper!$R$2:$R$366,ROW(INDEX(Jesper!AJ$2:AJ$366,ROUNDDOWN($C750/24,0)+1,1))-1)+IF('Standard Profiles'!$G$20=$B$10,7,0)+IF('Standard Profiles'!$G$20=$B$17,14,0)+IF('Standard Profiles'!$G$20=$B$24,21,0),0)),0)</f>
        <v>0</v>
      </c>
      <c r="G750" cm="1">
        <f t="array" ref="G750">IFERROR(INDEX(Jesper!AK$2:AK$366,ROUNDDOWN($C750/24,0)+1,1)*INDEX($D$3:$AA$30,INDEX(Jesper!$R$2:$R$366,ROW(INDEX(Jesper!AK$2:AK$366,ROUNDDOWN($C750/24,0)+1,1))-1)+IF('Standard Profiles'!$G$21=$B$10,7,0)+IF('Standard Profiles'!$G$21=$B$17,14,0)+IF('Standard Profiles'!$G$21=$B$24,21,0),MOD($C750,24)+1)/SUM(INDEX($D$3:$AA$30,INDEX(Jesper!$R$2:$R$366,ROW(INDEX(Jesper!AK$2:AK$366,ROUNDDOWN($C750/24,0)+1,1))-1)+IF('Standard Profiles'!$G$21=$B$10,7,0)+IF('Standard Profiles'!$G$21=$B$17,14,0)+IF('Standard Profiles'!$G$21=$B$24,21,0),0)),0)</f>
        <v>10.548601328754605</v>
      </c>
      <c r="H750" cm="1">
        <f t="array" ref="H750">IFERROR(INDEX(Jesper!AL$2:AL$366,ROUNDDOWN($C750/24,0)+1,1)*INDEX($D$3:$AA$30,INDEX(Jesper!$R$2:$R$366,ROW(INDEX(Jesper!AL$2:AL$366,ROUNDDOWN($C750/24,0)+1,1))-1)+IF('Standard Profiles'!$G$22=$B$10,7,0)+IF('Standard Profiles'!$G$22=$B$17,14,0)+IF('Standard Profiles'!$G$22=$B$24,21,0),MOD($C750,24)+1)/SUM(INDEX($D$3:$AA$30,INDEX(Jesper!$R$2:$R$366,ROW(INDEX(Jesper!AL$2:AL$366,ROUNDDOWN($C750/24,0)+1,1))-1)+IF('Standard Profiles'!$G$22=$B$10,7,0)+IF('Standard Profiles'!$G$22=$B$17,14,0)+IF('Standard Profiles'!$G$22=$B$24,21,0),0)),0)</f>
        <v>0</v>
      </c>
      <c r="I750">
        <f t="shared" si="97"/>
        <v>5.0633286378022078</v>
      </c>
      <c r="J750">
        <f t="shared" si="98"/>
        <v>18.443854490942783</v>
      </c>
      <c r="K750">
        <f t="shared" si="99"/>
        <v>0.66178266467073865</v>
      </c>
      <c r="L750">
        <f t="shared" si="100"/>
        <v>0.33089133233536933</v>
      </c>
      <c r="M750">
        <f t="shared" si="101"/>
        <v>0</v>
      </c>
      <c r="N750" s="45">
        <f t="shared" si="102"/>
        <v>44956.833333331597</v>
      </c>
    </row>
    <row r="751" spans="2:14" x14ac:dyDescent="0.25">
      <c r="B751">
        <f t="shared" si="96"/>
        <v>1</v>
      </c>
      <c r="C751" s="16">
        <v>717</v>
      </c>
      <c r="D751" cm="1">
        <f t="array" ref="D751">IFERROR(INDEX(Jesper!AH$2:AH$366,ROUNDDOWN($C751/24,0)+1,1)*INDEX($D$3:$AA$30,INDEX(Jesper!$R$2:$R$366,ROW(INDEX(Jesper!AH$2:AH$366,ROUNDDOWN($C751/24,0)+1,1))-1)+IF('Standard Profiles'!$G$18=$B$10,7,0)+IF('Standard Profiles'!$G$18=$B$17,14,0)+IF('Standard Profiles'!$G$18=$B$24,21,0),MOD($C751,24)+1)/SUM(INDEX($D$3:$AA$30,INDEX(Jesper!$R$2:$R$366,ROW(INDEX(Jesper!AH$2:AH$366,ROUNDDOWN($C751/24,0)+1,1))-1)+IF('Standard Profiles'!$G$18=$B$10,7,0)+IF('Standard Profiles'!$G$18=$B$17,14,0)+IF('Standard Profiles'!$G$18=$B$24,21,0),0)),0)</f>
        <v>6.2042124812881747</v>
      </c>
      <c r="E751" cm="1">
        <f t="array" ref="E751">IFERROR(INDEX(Jesper!AI$2:AI$366,ROUNDDOWN($C751/24,0)+1,1)*INDEX($D$3:$AA$30,INDEX(Jesper!$R$2:$R$366,ROW(INDEX(Jesper!AI$2:AI$366,ROUNDDOWN($C751/24,0)+1,1))-1)+IF('Standard Profiles'!$G$19=$B$10,7,0)+IF('Standard Profiles'!$G$19=$B$17,14,0)+IF('Standard Profiles'!$G$19=$B$24,21,0),MOD($C751,24)+1)/SUM(INDEX($D$3:$AA$30,INDEX(Jesper!$R$2:$R$366,ROW(INDEX(Jesper!AI$2:AI$366,ROUNDDOWN($C751/24,0)+1,1))-1)+IF('Standard Profiles'!$G$19=$B$10,7,0)+IF('Standard Profiles'!$G$19=$B$17,14,0)+IF('Standard Profiles'!$G$19=$B$24,21,0),0)),0)</f>
        <v>7.7470433157083205</v>
      </c>
      <c r="F751" cm="1">
        <f t="array" ref="F751">IFERROR(INDEX(Jesper!AJ$2:AJ$366,ROUNDDOWN($C751/24,0)+1,1)*INDEX($D$3:$AA$30,INDEX(Jesper!$R$2:$R$366,ROW(INDEX(Jesper!AJ$2:AJ$366,ROUNDDOWN($C751/24,0)+1,1))-1)+IF('Standard Profiles'!$G$20=$B$10,7,0)+IF('Standard Profiles'!$G$20=$B$17,14,0)+IF('Standard Profiles'!$G$20=$B$24,21,0),MOD($C751,24)+1)/SUM(INDEX($D$3:$AA$30,INDEX(Jesper!$R$2:$R$366,ROW(INDEX(Jesper!AJ$2:AJ$366,ROUNDDOWN($C751/24,0)+1,1))-1)+IF('Standard Profiles'!$G$20=$B$10,7,0)+IF('Standard Profiles'!$G$20=$B$17,14,0)+IF('Standard Profiles'!$G$20=$B$24,21,0),0)),0)</f>
        <v>0</v>
      </c>
      <c r="G751" cm="1">
        <f t="array" ref="G751">IFERROR(INDEX(Jesper!AK$2:AK$366,ROUNDDOWN($C751/24,0)+1,1)*INDEX($D$3:$AA$30,INDEX(Jesper!$R$2:$R$366,ROW(INDEX(Jesper!AK$2:AK$366,ROUNDDOWN($C751/24,0)+1,1))-1)+IF('Standard Profiles'!$G$21=$B$10,7,0)+IF('Standard Profiles'!$G$21=$B$17,14,0)+IF('Standard Profiles'!$G$21=$B$24,21,0),MOD($C751,24)+1)/SUM(INDEX($D$3:$AA$30,INDEX(Jesper!$R$2:$R$366,ROW(INDEX(Jesper!AK$2:AK$366,ROUNDDOWN($C751/24,0)+1,1))-1)+IF('Standard Profiles'!$G$21=$B$10,7,0)+IF('Standard Profiles'!$G$21=$B$17,14,0)+IF('Standard Profiles'!$G$21=$B$24,21,0),0)),0)</f>
        <v>10.548601328754605</v>
      </c>
      <c r="H751" cm="1">
        <f t="array" ref="H751">IFERROR(INDEX(Jesper!AL$2:AL$366,ROUNDDOWN($C751/24,0)+1,1)*INDEX($D$3:$AA$30,INDEX(Jesper!$R$2:$R$366,ROW(INDEX(Jesper!AL$2:AL$366,ROUNDDOWN($C751/24,0)+1,1))-1)+IF('Standard Profiles'!$G$22=$B$10,7,0)+IF('Standard Profiles'!$G$22=$B$17,14,0)+IF('Standard Profiles'!$G$22=$B$24,21,0),MOD($C751,24)+1)/SUM(INDEX($D$3:$AA$30,INDEX(Jesper!$R$2:$R$366,ROW(INDEX(Jesper!AL$2:AL$366,ROUNDDOWN($C751/24,0)+1,1))-1)+IF('Standard Profiles'!$G$22=$B$10,7,0)+IF('Standard Profiles'!$G$22=$B$17,14,0)+IF('Standard Profiles'!$G$22=$B$24,21,0),0)),0)</f>
        <v>0</v>
      </c>
      <c r="I751">
        <f t="shared" si="97"/>
        <v>5.0633286378022078</v>
      </c>
      <c r="J751">
        <f t="shared" si="98"/>
        <v>18.443854490942783</v>
      </c>
      <c r="K751">
        <f t="shared" si="99"/>
        <v>0.66178266467073865</v>
      </c>
      <c r="L751">
        <f t="shared" si="100"/>
        <v>0.33089133233536933</v>
      </c>
      <c r="M751">
        <f t="shared" si="101"/>
        <v>0</v>
      </c>
      <c r="N751" s="45">
        <f t="shared" si="102"/>
        <v>44956.874999998261</v>
      </c>
    </row>
    <row r="752" spans="2:14" x14ac:dyDescent="0.25">
      <c r="B752">
        <f t="shared" si="96"/>
        <v>1</v>
      </c>
      <c r="C752" s="16">
        <v>718</v>
      </c>
      <c r="D752" cm="1">
        <f t="array" ref="D752">IFERROR(INDEX(Jesper!AH$2:AH$366,ROUNDDOWN($C752/24,0)+1,1)*INDEX($D$3:$AA$30,INDEX(Jesper!$R$2:$R$366,ROW(INDEX(Jesper!AH$2:AH$366,ROUNDDOWN($C752/24,0)+1,1))-1)+IF('Standard Profiles'!$G$18=$B$10,7,0)+IF('Standard Profiles'!$G$18=$B$17,14,0)+IF('Standard Profiles'!$G$18=$B$24,21,0),MOD($C752,24)+1)/SUM(INDEX($D$3:$AA$30,INDEX(Jesper!$R$2:$R$366,ROW(INDEX(Jesper!AH$2:AH$366,ROUNDDOWN($C752/24,0)+1,1))-1)+IF('Standard Profiles'!$G$18=$B$10,7,0)+IF('Standard Profiles'!$G$18=$B$17,14,0)+IF('Standard Profiles'!$G$18=$B$24,21,0),0)),0)</f>
        <v>6.2042124812881747</v>
      </c>
      <c r="E752" cm="1">
        <f t="array" ref="E752">IFERROR(INDEX(Jesper!AI$2:AI$366,ROUNDDOWN($C752/24,0)+1,1)*INDEX($D$3:$AA$30,INDEX(Jesper!$R$2:$R$366,ROW(INDEX(Jesper!AI$2:AI$366,ROUNDDOWN($C752/24,0)+1,1))-1)+IF('Standard Profiles'!$G$19=$B$10,7,0)+IF('Standard Profiles'!$G$19=$B$17,14,0)+IF('Standard Profiles'!$G$19=$B$24,21,0),MOD($C752,24)+1)/SUM(INDEX($D$3:$AA$30,INDEX(Jesper!$R$2:$R$366,ROW(INDEX(Jesper!AI$2:AI$366,ROUNDDOWN($C752/24,0)+1,1))-1)+IF('Standard Profiles'!$G$19=$B$10,7,0)+IF('Standard Profiles'!$G$19=$B$17,14,0)+IF('Standard Profiles'!$G$19=$B$24,21,0),0)),0)</f>
        <v>7.7470433157083205</v>
      </c>
      <c r="F752" cm="1">
        <f t="array" ref="F752">IFERROR(INDEX(Jesper!AJ$2:AJ$366,ROUNDDOWN($C752/24,0)+1,1)*INDEX($D$3:$AA$30,INDEX(Jesper!$R$2:$R$366,ROW(INDEX(Jesper!AJ$2:AJ$366,ROUNDDOWN($C752/24,0)+1,1))-1)+IF('Standard Profiles'!$G$20=$B$10,7,0)+IF('Standard Profiles'!$G$20=$B$17,14,0)+IF('Standard Profiles'!$G$20=$B$24,21,0),MOD($C752,24)+1)/SUM(INDEX($D$3:$AA$30,INDEX(Jesper!$R$2:$R$366,ROW(INDEX(Jesper!AJ$2:AJ$366,ROUNDDOWN($C752/24,0)+1,1))-1)+IF('Standard Profiles'!$G$20=$B$10,7,0)+IF('Standard Profiles'!$G$20=$B$17,14,0)+IF('Standard Profiles'!$G$20=$B$24,21,0),0)),0)</f>
        <v>0</v>
      </c>
      <c r="G752" cm="1">
        <f t="array" ref="G752">IFERROR(INDEX(Jesper!AK$2:AK$366,ROUNDDOWN($C752/24,0)+1,1)*INDEX($D$3:$AA$30,INDEX(Jesper!$R$2:$R$366,ROW(INDEX(Jesper!AK$2:AK$366,ROUNDDOWN($C752/24,0)+1,1))-1)+IF('Standard Profiles'!$G$21=$B$10,7,0)+IF('Standard Profiles'!$G$21=$B$17,14,0)+IF('Standard Profiles'!$G$21=$B$24,21,0),MOD($C752,24)+1)/SUM(INDEX($D$3:$AA$30,INDEX(Jesper!$R$2:$R$366,ROW(INDEX(Jesper!AK$2:AK$366,ROUNDDOWN($C752/24,0)+1,1))-1)+IF('Standard Profiles'!$G$21=$B$10,7,0)+IF('Standard Profiles'!$G$21=$B$17,14,0)+IF('Standard Profiles'!$G$21=$B$24,21,0),0)),0)</f>
        <v>10.548601328754605</v>
      </c>
      <c r="H752" cm="1">
        <f t="array" ref="H752">IFERROR(INDEX(Jesper!AL$2:AL$366,ROUNDDOWN($C752/24,0)+1,1)*INDEX($D$3:$AA$30,INDEX(Jesper!$R$2:$R$366,ROW(INDEX(Jesper!AL$2:AL$366,ROUNDDOWN($C752/24,0)+1,1))-1)+IF('Standard Profiles'!$G$22=$B$10,7,0)+IF('Standard Profiles'!$G$22=$B$17,14,0)+IF('Standard Profiles'!$G$22=$B$24,21,0),MOD($C752,24)+1)/SUM(INDEX($D$3:$AA$30,INDEX(Jesper!$R$2:$R$366,ROW(INDEX(Jesper!AL$2:AL$366,ROUNDDOWN($C752/24,0)+1,1))-1)+IF('Standard Profiles'!$G$22=$B$10,7,0)+IF('Standard Profiles'!$G$22=$B$17,14,0)+IF('Standard Profiles'!$G$22=$B$24,21,0),0)),0)</f>
        <v>0</v>
      </c>
      <c r="I752">
        <f t="shared" si="97"/>
        <v>5.0633286378022078</v>
      </c>
      <c r="J752">
        <f t="shared" si="98"/>
        <v>18.443854490942783</v>
      </c>
      <c r="K752">
        <f t="shared" si="99"/>
        <v>0.66178266467073865</v>
      </c>
      <c r="L752">
        <f t="shared" si="100"/>
        <v>0.33089133233536933</v>
      </c>
      <c r="M752">
        <f t="shared" si="101"/>
        <v>0</v>
      </c>
      <c r="N752" s="45">
        <f t="shared" si="102"/>
        <v>44956.916666664925</v>
      </c>
    </row>
    <row r="753" spans="2:14" x14ac:dyDescent="0.25">
      <c r="B753">
        <f t="shared" si="96"/>
        <v>1</v>
      </c>
      <c r="C753" s="16">
        <v>719</v>
      </c>
      <c r="D753" cm="1">
        <f t="array" ref="D753">IFERROR(INDEX(Jesper!AH$2:AH$366,ROUNDDOWN($C753/24,0)+1,1)*INDEX($D$3:$AA$30,INDEX(Jesper!$R$2:$R$366,ROW(INDEX(Jesper!AH$2:AH$366,ROUNDDOWN($C753/24,0)+1,1))-1)+IF('Standard Profiles'!$G$18=$B$10,7,0)+IF('Standard Profiles'!$G$18=$B$17,14,0)+IF('Standard Profiles'!$G$18=$B$24,21,0),MOD($C753,24)+1)/SUM(INDEX($D$3:$AA$30,INDEX(Jesper!$R$2:$R$366,ROW(INDEX(Jesper!AH$2:AH$366,ROUNDDOWN($C753/24,0)+1,1))-1)+IF('Standard Profiles'!$G$18=$B$10,7,0)+IF('Standard Profiles'!$G$18=$B$17,14,0)+IF('Standard Profiles'!$G$18=$B$24,21,0),0)),0)</f>
        <v>6.2042124812881747</v>
      </c>
      <c r="E753" cm="1">
        <f t="array" ref="E753">IFERROR(INDEX(Jesper!AI$2:AI$366,ROUNDDOWN($C753/24,0)+1,1)*INDEX($D$3:$AA$30,INDEX(Jesper!$R$2:$R$366,ROW(INDEX(Jesper!AI$2:AI$366,ROUNDDOWN($C753/24,0)+1,1))-1)+IF('Standard Profiles'!$G$19=$B$10,7,0)+IF('Standard Profiles'!$G$19=$B$17,14,0)+IF('Standard Profiles'!$G$19=$B$24,21,0),MOD($C753,24)+1)/SUM(INDEX($D$3:$AA$30,INDEX(Jesper!$R$2:$R$366,ROW(INDEX(Jesper!AI$2:AI$366,ROUNDDOWN($C753/24,0)+1,1))-1)+IF('Standard Profiles'!$G$19=$B$10,7,0)+IF('Standard Profiles'!$G$19=$B$17,14,0)+IF('Standard Profiles'!$G$19=$B$24,21,0),0)),0)</f>
        <v>7.7470433157083205</v>
      </c>
      <c r="F753" cm="1">
        <f t="array" ref="F753">IFERROR(INDEX(Jesper!AJ$2:AJ$366,ROUNDDOWN($C753/24,0)+1,1)*INDEX($D$3:$AA$30,INDEX(Jesper!$R$2:$R$366,ROW(INDEX(Jesper!AJ$2:AJ$366,ROUNDDOWN($C753/24,0)+1,1))-1)+IF('Standard Profiles'!$G$20=$B$10,7,0)+IF('Standard Profiles'!$G$20=$B$17,14,0)+IF('Standard Profiles'!$G$20=$B$24,21,0),MOD($C753,24)+1)/SUM(INDEX($D$3:$AA$30,INDEX(Jesper!$R$2:$R$366,ROW(INDEX(Jesper!AJ$2:AJ$366,ROUNDDOWN($C753/24,0)+1,1))-1)+IF('Standard Profiles'!$G$20=$B$10,7,0)+IF('Standard Profiles'!$G$20=$B$17,14,0)+IF('Standard Profiles'!$G$20=$B$24,21,0),0)),0)</f>
        <v>0</v>
      </c>
      <c r="G753" cm="1">
        <f t="array" ref="G753">IFERROR(INDEX(Jesper!AK$2:AK$366,ROUNDDOWN($C753/24,0)+1,1)*INDEX($D$3:$AA$30,INDEX(Jesper!$R$2:$R$366,ROW(INDEX(Jesper!AK$2:AK$366,ROUNDDOWN($C753/24,0)+1,1))-1)+IF('Standard Profiles'!$G$21=$B$10,7,0)+IF('Standard Profiles'!$G$21=$B$17,14,0)+IF('Standard Profiles'!$G$21=$B$24,21,0),MOD($C753,24)+1)/SUM(INDEX($D$3:$AA$30,INDEX(Jesper!$R$2:$R$366,ROW(INDEX(Jesper!AK$2:AK$366,ROUNDDOWN($C753/24,0)+1,1))-1)+IF('Standard Profiles'!$G$21=$B$10,7,0)+IF('Standard Profiles'!$G$21=$B$17,14,0)+IF('Standard Profiles'!$G$21=$B$24,21,0),0)),0)</f>
        <v>10.548601328754605</v>
      </c>
      <c r="H753" cm="1">
        <f t="array" ref="H753">IFERROR(INDEX(Jesper!AL$2:AL$366,ROUNDDOWN($C753/24,0)+1,1)*INDEX($D$3:$AA$30,INDEX(Jesper!$R$2:$R$366,ROW(INDEX(Jesper!AL$2:AL$366,ROUNDDOWN($C753/24,0)+1,1))-1)+IF('Standard Profiles'!$G$22=$B$10,7,0)+IF('Standard Profiles'!$G$22=$B$17,14,0)+IF('Standard Profiles'!$G$22=$B$24,21,0),MOD($C753,24)+1)/SUM(INDEX($D$3:$AA$30,INDEX(Jesper!$R$2:$R$366,ROW(INDEX(Jesper!AL$2:AL$366,ROUNDDOWN($C753/24,0)+1,1))-1)+IF('Standard Profiles'!$G$22=$B$10,7,0)+IF('Standard Profiles'!$G$22=$B$17,14,0)+IF('Standard Profiles'!$G$22=$B$24,21,0),0)),0)</f>
        <v>0</v>
      </c>
      <c r="I753">
        <f t="shared" si="97"/>
        <v>5.0633286378022078</v>
      </c>
      <c r="J753">
        <f t="shared" si="98"/>
        <v>18.443854490942783</v>
      </c>
      <c r="K753">
        <f t="shared" si="99"/>
        <v>0.66178266467073865</v>
      </c>
      <c r="L753">
        <f t="shared" si="100"/>
        <v>0.33089133233536933</v>
      </c>
      <c r="M753">
        <f t="shared" si="101"/>
        <v>0</v>
      </c>
      <c r="N753" s="45">
        <f t="shared" si="102"/>
        <v>44956.95833333159</v>
      </c>
    </row>
    <row r="754" spans="2:14" x14ac:dyDescent="0.25">
      <c r="B754">
        <f t="shared" si="96"/>
        <v>2</v>
      </c>
      <c r="C754" s="16">
        <v>720</v>
      </c>
      <c r="D754" cm="1">
        <f t="array" ref="D754">IFERROR(INDEX(Jesper!AH$2:AH$366,ROUNDDOWN($C754/24,0)+1,1)*INDEX($D$3:$AA$30,INDEX(Jesper!$R$2:$R$366,ROW(INDEX(Jesper!AH$2:AH$366,ROUNDDOWN($C754/24,0)+1,1))-1)+IF('Standard Profiles'!$G$18=$B$10,7,0)+IF('Standard Profiles'!$G$18=$B$17,14,0)+IF('Standard Profiles'!$G$18=$B$24,21,0),MOD($C754,24)+1)/SUM(INDEX($D$3:$AA$30,INDEX(Jesper!$R$2:$R$366,ROW(INDEX(Jesper!AH$2:AH$366,ROUNDDOWN($C754/24,0)+1,1))-1)+IF('Standard Profiles'!$G$18=$B$10,7,0)+IF('Standard Profiles'!$G$18=$B$17,14,0)+IF('Standard Profiles'!$G$18=$B$24,21,0),0)),0)</f>
        <v>3.8897450271373391</v>
      </c>
      <c r="E754" cm="1">
        <f t="array" ref="E754">IFERROR(INDEX(Jesper!AI$2:AI$366,ROUNDDOWN($C754/24,0)+1,1)*INDEX($D$3:$AA$30,INDEX(Jesper!$R$2:$R$366,ROW(INDEX(Jesper!AI$2:AI$366,ROUNDDOWN($C754/24,0)+1,1))-1)+IF('Standard Profiles'!$G$19=$B$10,7,0)+IF('Standard Profiles'!$G$19=$B$17,14,0)+IF('Standard Profiles'!$G$19=$B$24,21,0),MOD($C754,24)+1)/SUM(INDEX($D$3:$AA$30,INDEX(Jesper!$R$2:$R$366,ROW(INDEX(Jesper!AI$2:AI$366,ROUNDDOWN($C754/24,0)+1,1))-1)+IF('Standard Profiles'!$G$19=$B$10,7,0)+IF('Standard Profiles'!$G$19=$B$17,14,0)+IF('Standard Profiles'!$G$19=$B$24,21,0),0)),0)</f>
        <v>4.4211064332559173</v>
      </c>
      <c r="F754" cm="1">
        <f t="array" ref="F754">IFERROR(INDEX(Jesper!AJ$2:AJ$366,ROUNDDOWN($C754/24,0)+1,1)*INDEX($D$3:$AA$30,INDEX(Jesper!$R$2:$R$366,ROW(INDEX(Jesper!AJ$2:AJ$366,ROUNDDOWN($C754/24,0)+1,1))-1)+IF('Standard Profiles'!$G$20=$B$10,7,0)+IF('Standard Profiles'!$G$20=$B$17,14,0)+IF('Standard Profiles'!$G$20=$B$24,21,0),MOD($C754,24)+1)/SUM(INDEX($D$3:$AA$30,INDEX(Jesper!$R$2:$R$366,ROW(INDEX(Jesper!AJ$2:AJ$366,ROUNDDOWN($C754/24,0)+1,1))-1)+IF('Standard Profiles'!$G$20=$B$10,7,0)+IF('Standard Profiles'!$G$20=$B$17,14,0)+IF('Standard Profiles'!$G$20=$B$24,21,0),0)),0)</f>
        <v>0</v>
      </c>
      <c r="G754" cm="1">
        <f t="array" ref="G754">IFERROR(INDEX(Jesper!AK$2:AK$366,ROUNDDOWN($C754/24,0)+1,1)*INDEX($D$3:$AA$30,INDEX(Jesper!$R$2:$R$366,ROW(INDEX(Jesper!AK$2:AK$366,ROUNDDOWN($C754/24,0)+1,1))-1)+IF('Standard Profiles'!$G$21=$B$10,7,0)+IF('Standard Profiles'!$G$21=$B$17,14,0)+IF('Standard Profiles'!$G$21=$B$24,21,0),MOD($C754,24)+1)/SUM(INDEX($D$3:$AA$30,INDEX(Jesper!$R$2:$R$366,ROW(INDEX(Jesper!AK$2:AK$366,ROUNDDOWN($C754/24,0)+1,1))-1)+IF('Standard Profiles'!$G$21=$B$10,7,0)+IF('Standard Profiles'!$G$21=$B$17,14,0)+IF('Standard Profiles'!$G$21=$B$24,21,0),0)),0)</f>
        <v>7.8950067865228588</v>
      </c>
      <c r="H754" cm="1">
        <f t="array" ref="H754">IFERROR(INDEX(Jesper!AL$2:AL$366,ROUNDDOWN($C754/24,0)+1,1)*INDEX($D$3:$AA$30,INDEX(Jesper!$R$2:$R$366,ROW(INDEX(Jesper!AL$2:AL$366,ROUNDDOWN($C754/24,0)+1,1))-1)+IF('Standard Profiles'!$G$22=$B$10,7,0)+IF('Standard Profiles'!$G$22=$B$17,14,0)+IF('Standard Profiles'!$G$22=$B$24,21,0),MOD($C754,24)+1)/SUM(INDEX($D$3:$AA$30,INDEX(Jesper!$R$2:$R$366,ROW(INDEX(Jesper!AL$2:AL$366,ROUNDDOWN($C754/24,0)+1,1))-1)+IF('Standard Profiles'!$G$22=$B$10,7,0)+IF('Standard Profiles'!$G$22=$B$17,14,0)+IF('Standard Profiles'!$G$22=$B$24,21,0),0)),0)</f>
        <v>0</v>
      </c>
      <c r="I754">
        <f t="shared" si="97"/>
        <v>3.7896032575309704</v>
      </c>
      <c r="J754">
        <f t="shared" si="98"/>
        <v>11.793895785043169</v>
      </c>
      <c r="K754">
        <f t="shared" si="99"/>
        <v>0.41490613622798284</v>
      </c>
      <c r="L754">
        <f t="shared" si="100"/>
        <v>0.20745306811399142</v>
      </c>
      <c r="M754">
        <f t="shared" si="101"/>
        <v>0</v>
      </c>
      <c r="N754" s="45">
        <f t="shared" si="102"/>
        <v>44956.999999998254</v>
      </c>
    </row>
    <row r="755" spans="2:14" x14ac:dyDescent="0.25">
      <c r="B755">
        <f t="shared" si="96"/>
        <v>2</v>
      </c>
      <c r="C755" s="16">
        <v>721</v>
      </c>
      <c r="D755" cm="1">
        <f t="array" ref="D755">IFERROR(INDEX(Jesper!AH$2:AH$366,ROUNDDOWN($C755/24,0)+1,1)*INDEX($D$3:$AA$30,INDEX(Jesper!$R$2:$R$366,ROW(INDEX(Jesper!AH$2:AH$366,ROUNDDOWN($C755/24,0)+1,1))-1)+IF('Standard Profiles'!$G$18=$B$10,7,0)+IF('Standard Profiles'!$G$18=$B$17,14,0)+IF('Standard Profiles'!$G$18=$B$24,21,0),MOD($C755,24)+1)/SUM(INDEX($D$3:$AA$30,INDEX(Jesper!$R$2:$R$366,ROW(INDEX(Jesper!AH$2:AH$366,ROUNDDOWN($C755/24,0)+1,1))-1)+IF('Standard Profiles'!$G$18=$B$10,7,0)+IF('Standard Profiles'!$G$18=$B$17,14,0)+IF('Standard Profiles'!$G$18=$B$24,21,0),0)),0)</f>
        <v>5.9272305175426121</v>
      </c>
      <c r="E755" cm="1">
        <f t="array" ref="E755">IFERROR(INDEX(Jesper!AI$2:AI$366,ROUNDDOWN($C755/24,0)+1,1)*INDEX($D$3:$AA$30,INDEX(Jesper!$R$2:$R$366,ROW(INDEX(Jesper!AI$2:AI$366,ROUNDDOWN($C755/24,0)+1,1))-1)+IF('Standard Profiles'!$G$19=$B$10,7,0)+IF('Standard Profiles'!$G$19=$B$17,14,0)+IF('Standard Profiles'!$G$19=$B$24,21,0),MOD($C755,24)+1)/SUM(INDEX($D$3:$AA$30,INDEX(Jesper!$R$2:$R$366,ROW(INDEX(Jesper!AI$2:AI$366,ROUNDDOWN($C755/24,0)+1,1))-1)+IF('Standard Profiles'!$G$19=$B$10,7,0)+IF('Standard Profiles'!$G$19=$B$17,14,0)+IF('Standard Profiles'!$G$19=$B$24,21,0),0)),0)</f>
        <v>6.7369240887709223</v>
      </c>
      <c r="F755" cm="1">
        <f t="array" ref="F755">IFERROR(INDEX(Jesper!AJ$2:AJ$366,ROUNDDOWN($C755/24,0)+1,1)*INDEX($D$3:$AA$30,INDEX(Jesper!$R$2:$R$366,ROW(INDEX(Jesper!AJ$2:AJ$366,ROUNDDOWN($C755/24,0)+1,1))-1)+IF('Standard Profiles'!$G$20=$B$10,7,0)+IF('Standard Profiles'!$G$20=$B$17,14,0)+IF('Standard Profiles'!$G$20=$B$24,21,0),MOD($C755,24)+1)/SUM(INDEX($D$3:$AA$30,INDEX(Jesper!$R$2:$R$366,ROW(INDEX(Jesper!AJ$2:AJ$366,ROUNDDOWN($C755/24,0)+1,1))-1)+IF('Standard Profiles'!$G$20=$B$10,7,0)+IF('Standard Profiles'!$G$20=$B$17,14,0)+IF('Standard Profiles'!$G$20=$B$24,21,0),0)),0)</f>
        <v>0</v>
      </c>
      <c r="G755" cm="1">
        <f t="array" ref="G755">IFERROR(INDEX(Jesper!AK$2:AK$366,ROUNDDOWN($C755/24,0)+1,1)*INDEX($D$3:$AA$30,INDEX(Jesper!$R$2:$R$366,ROW(INDEX(Jesper!AK$2:AK$366,ROUNDDOWN($C755/24,0)+1,1))-1)+IF('Standard Profiles'!$G$21=$B$10,7,0)+IF('Standard Profiles'!$G$21=$B$17,14,0)+IF('Standard Profiles'!$G$21=$B$24,21,0),MOD($C755,24)+1)/SUM(INDEX($D$3:$AA$30,INDEX(Jesper!$R$2:$R$366,ROW(INDEX(Jesper!AK$2:AK$366,ROUNDDOWN($C755/24,0)+1,1))-1)+IF('Standard Profiles'!$G$21=$B$10,7,0)+IF('Standard Profiles'!$G$21=$B$17,14,0)+IF('Standard Profiles'!$G$21=$B$24,21,0),0)),0)</f>
        <v>7.8950067865228588</v>
      </c>
      <c r="H755" cm="1">
        <f t="array" ref="H755">IFERROR(INDEX(Jesper!AL$2:AL$366,ROUNDDOWN($C755/24,0)+1,1)*INDEX($D$3:$AA$30,INDEX(Jesper!$R$2:$R$366,ROW(INDEX(Jesper!AL$2:AL$366,ROUNDDOWN($C755/24,0)+1,1))-1)+IF('Standard Profiles'!$G$22=$B$10,7,0)+IF('Standard Profiles'!$G$22=$B$17,14,0)+IF('Standard Profiles'!$G$22=$B$24,21,0),MOD($C755,24)+1)/SUM(INDEX($D$3:$AA$30,INDEX(Jesper!$R$2:$R$366,ROW(INDEX(Jesper!AL$2:AL$366,ROUNDDOWN($C755/24,0)+1,1))-1)+IF('Standard Profiles'!$G$22=$B$10,7,0)+IF('Standard Profiles'!$G$22=$B$17,14,0)+IF('Standard Profiles'!$G$22=$B$24,21,0),0)),0)</f>
        <v>0</v>
      </c>
      <c r="I755">
        <f t="shared" si="97"/>
        <v>3.7896032575309704</v>
      </c>
      <c r="J755">
        <f t="shared" si="98"/>
        <v>15.821201252498604</v>
      </c>
      <c r="K755">
        <f t="shared" si="99"/>
        <v>0.63223792187121197</v>
      </c>
      <c r="L755">
        <f t="shared" si="100"/>
        <v>0.31611896093560599</v>
      </c>
      <c r="M755">
        <f t="shared" si="101"/>
        <v>0</v>
      </c>
      <c r="N755" s="45">
        <f t="shared" si="102"/>
        <v>44957.041666664918</v>
      </c>
    </row>
    <row r="756" spans="2:14" x14ac:dyDescent="0.25">
      <c r="B756">
        <f t="shared" si="96"/>
        <v>2</v>
      </c>
      <c r="C756" s="16">
        <v>722</v>
      </c>
      <c r="D756" cm="1">
        <f t="array" ref="D756">IFERROR(INDEX(Jesper!AH$2:AH$366,ROUNDDOWN($C756/24,0)+1,1)*INDEX($D$3:$AA$30,INDEX(Jesper!$R$2:$R$366,ROW(INDEX(Jesper!AH$2:AH$366,ROUNDDOWN($C756/24,0)+1,1))-1)+IF('Standard Profiles'!$G$18=$B$10,7,0)+IF('Standard Profiles'!$G$18=$B$17,14,0)+IF('Standard Profiles'!$G$18=$B$24,21,0),MOD($C756,24)+1)/SUM(INDEX($D$3:$AA$30,INDEX(Jesper!$R$2:$R$366,ROW(INDEX(Jesper!AH$2:AH$366,ROUNDDOWN($C756/24,0)+1,1))-1)+IF('Standard Profiles'!$G$18=$B$10,7,0)+IF('Standard Profiles'!$G$18=$B$17,14,0)+IF('Standard Profiles'!$G$18=$B$24,21,0),0)),0)</f>
        <v>5.9272305175426121</v>
      </c>
      <c r="E756" cm="1">
        <f t="array" ref="E756">IFERROR(INDEX(Jesper!AI$2:AI$366,ROUNDDOWN($C756/24,0)+1,1)*INDEX($D$3:$AA$30,INDEX(Jesper!$R$2:$R$366,ROW(INDEX(Jesper!AI$2:AI$366,ROUNDDOWN($C756/24,0)+1,1))-1)+IF('Standard Profiles'!$G$19=$B$10,7,0)+IF('Standard Profiles'!$G$19=$B$17,14,0)+IF('Standard Profiles'!$G$19=$B$24,21,0),MOD($C756,24)+1)/SUM(INDEX($D$3:$AA$30,INDEX(Jesper!$R$2:$R$366,ROW(INDEX(Jesper!AI$2:AI$366,ROUNDDOWN($C756/24,0)+1,1))-1)+IF('Standard Profiles'!$G$19=$B$10,7,0)+IF('Standard Profiles'!$G$19=$B$17,14,0)+IF('Standard Profiles'!$G$19=$B$24,21,0),0)),0)</f>
        <v>6.7369240887709223</v>
      </c>
      <c r="F756" cm="1">
        <f t="array" ref="F756">IFERROR(INDEX(Jesper!AJ$2:AJ$366,ROUNDDOWN($C756/24,0)+1,1)*INDEX($D$3:$AA$30,INDEX(Jesper!$R$2:$R$366,ROW(INDEX(Jesper!AJ$2:AJ$366,ROUNDDOWN($C756/24,0)+1,1))-1)+IF('Standard Profiles'!$G$20=$B$10,7,0)+IF('Standard Profiles'!$G$20=$B$17,14,0)+IF('Standard Profiles'!$G$20=$B$24,21,0),MOD($C756,24)+1)/SUM(INDEX($D$3:$AA$30,INDEX(Jesper!$R$2:$R$366,ROW(INDEX(Jesper!AJ$2:AJ$366,ROUNDDOWN($C756/24,0)+1,1))-1)+IF('Standard Profiles'!$G$20=$B$10,7,0)+IF('Standard Profiles'!$G$20=$B$17,14,0)+IF('Standard Profiles'!$G$20=$B$24,21,0),0)),0)</f>
        <v>0</v>
      </c>
      <c r="G756" cm="1">
        <f t="array" ref="G756">IFERROR(INDEX(Jesper!AK$2:AK$366,ROUNDDOWN($C756/24,0)+1,1)*INDEX($D$3:$AA$30,INDEX(Jesper!$R$2:$R$366,ROW(INDEX(Jesper!AK$2:AK$366,ROUNDDOWN($C756/24,0)+1,1))-1)+IF('Standard Profiles'!$G$21=$B$10,7,0)+IF('Standard Profiles'!$G$21=$B$17,14,0)+IF('Standard Profiles'!$G$21=$B$24,21,0),MOD($C756,24)+1)/SUM(INDEX($D$3:$AA$30,INDEX(Jesper!$R$2:$R$366,ROW(INDEX(Jesper!AK$2:AK$366,ROUNDDOWN($C756/24,0)+1,1))-1)+IF('Standard Profiles'!$G$21=$B$10,7,0)+IF('Standard Profiles'!$G$21=$B$17,14,0)+IF('Standard Profiles'!$G$21=$B$24,21,0),0)),0)</f>
        <v>7.8950067865228588</v>
      </c>
      <c r="H756" cm="1">
        <f t="array" ref="H756">IFERROR(INDEX(Jesper!AL$2:AL$366,ROUNDDOWN($C756/24,0)+1,1)*INDEX($D$3:$AA$30,INDEX(Jesper!$R$2:$R$366,ROW(INDEX(Jesper!AL$2:AL$366,ROUNDDOWN($C756/24,0)+1,1))-1)+IF('Standard Profiles'!$G$22=$B$10,7,0)+IF('Standard Profiles'!$G$22=$B$17,14,0)+IF('Standard Profiles'!$G$22=$B$24,21,0),MOD($C756,24)+1)/SUM(INDEX($D$3:$AA$30,INDEX(Jesper!$R$2:$R$366,ROW(INDEX(Jesper!AL$2:AL$366,ROUNDDOWN($C756/24,0)+1,1))-1)+IF('Standard Profiles'!$G$22=$B$10,7,0)+IF('Standard Profiles'!$G$22=$B$17,14,0)+IF('Standard Profiles'!$G$22=$B$24,21,0),0)),0)</f>
        <v>0</v>
      </c>
      <c r="I756">
        <f t="shared" si="97"/>
        <v>3.7896032575309704</v>
      </c>
      <c r="J756">
        <f t="shared" si="98"/>
        <v>15.821201252498604</v>
      </c>
      <c r="K756">
        <f t="shared" si="99"/>
        <v>0.63223792187121197</v>
      </c>
      <c r="L756">
        <f t="shared" si="100"/>
        <v>0.31611896093560599</v>
      </c>
      <c r="M756">
        <f t="shared" si="101"/>
        <v>0</v>
      </c>
      <c r="N756" s="45">
        <f t="shared" si="102"/>
        <v>44957.083333331582</v>
      </c>
    </row>
    <row r="757" spans="2:14" x14ac:dyDescent="0.25">
      <c r="B757">
        <f t="shared" si="96"/>
        <v>2</v>
      </c>
      <c r="C757" s="16">
        <v>723</v>
      </c>
      <c r="D757" cm="1">
        <f t="array" ref="D757">IFERROR(INDEX(Jesper!AH$2:AH$366,ROUNDDOWN($C757/24,0)+1,1)*INDEX($D$3:$AA$30,INDEX(Jesper!$R$2:$R$366,ROW(INDEX(Jesper!AH$2:AH$366,ROUNDDOWN($C757/24,0)+1,1))-1)+IF('Standard Profiles'!$G$18=$B$10,7,0)+IF('Standard Profiles'!$G$18=$B$17,14,0)+IF('Standard Profiles'!$G$18=$B$24,21,0),MOD($C757,24)+1)/SUM(INDEX($D$3:$AA$30,INDEX(Jesper!$R$2:$R$366,ROW(INDEX(Jesper!AH$2:AH$366,ROUNDDOWN($C757/24,0)+1,1))-1)+IF('Standard Profiles'!$G$18=$B$10,7,0)+IF('Standard Profiles'!$G$18=$B$17,14,0)+IF('Standard Profiles'!$G$18=$B$24,21,0),0)),0)</f>
        <v>5.9272305175426121</v>
      </c>
      <c r="E757" cm="1">
        <f t="array" ref="E757">IFERROR(INDEX(Jesper!AI$2:AI$366,ROUNDDOWN($C757/24,0)+1,1)*INDEX($D$3:$AA$30,INDEX(Jesper!$R$2:$R$366,ROW(INDEX(Jesper!AI$2:AI$366,ROUNDDOWN($C757/24,0)+1,1))-1)+IF('Standard Profiles'!$G$19=$B$10,7,0)+IF('Standard Profiles'!$G$19=$B$17,14,0)+IF('Standard Profiles'!$G$19=$B$24,21,0),MOD($C757,24)+1)/SUM(INDEX($D$3:$AA$30,INDEX(Jesper!$R$2:$R$366,ROW(INDEX(Jesper!AI$2:AI$366,ROUNDDOWN($C757/24,0)+1,1))-1)+IF('Standard Profiles'!$G$19=$B$10,7,0)+IF('Standard Profiles'!$G$19=$B$17,14,0)+IF('Standard Profiles'!$G$19=$B$24,21,0),0)),0)</f>
        <v>6.7369240887709223</v>
      </c>
      <c r="F757" cm="1">
        <f t="array" ref="F757">IFERROR(INDEX(Jesper!AJ$2:AJ$366,ROUNDDOWN($C757/24,0)+1,1)*INDEX($D$3:$AA$30,INDEX(Jesper!$R$2:$R$366,ROW(INDEX(Jesper!AJ$2:AJ$366,ROUNDDOWN($C757/24,0)+1,1))-1)+IF('Standard Profiles'!$G$20=$B$10,7,0)+IF('Standard Profiles'!$G$20=$B$17,14,0)+IF('Standard Profiles'!$G$20=$B$24,21,0),MOD($C757,24)+1)/SUM(INDEX($D$3:$AA$30,INDEX(Jesper!$R$2:$R$366,ROW(INDEX(Jesper!AJ$2:AJ$366,ROUNDDOWN($C757/24,0)+1,1))-1)+IF('Standard Profiles'!$G$20=$B$10,7,0)+IF('Standard Profiles'!$G$20=$B$17,14,0)+IF('Standard Profiles'!$G$20=$B$24,21,0),0)),0)</f>
        <v>0</v>
      </c>
      <c r="G757" cm="1">
        <f t="array" ref="G757">IFERROR(INDEX(Jesper!AK$2:AK$366,ROUNDDOWN($C757/24,0)+1,1)*INDEX($D$3:$AA$30,INDEX(Jesper!$R$2:$R$366,ROW(INDEX(Jesper!AK$2:AK$366,ROUNDDOWN($C757/24,0)+1,1))-1)+IF('Standard Profiles'!$G$21=$B$10,7,0)+IF('Standard Profiles'!$G$21=$B$17,14,0)+IF('Standard Profiles'!$G$21=$B$24,21,0),MOD($C757,24)+1)/SUM(INDEX($D$3:$AA$30,INDEX(Jesper!$R$2:$R$366,ROW(INDEX(Jesper!AK$2:AK$366,ROUNDDOWN($C757/24,0)+1,1))-1)+IF('Standard Profiles'!$G$21=$B$10,7,0)+IF('Standard Profiles'!$G$21=$B$17,14,0)+IF('Standard Profiles'!$G$21=$B$24,21,0),0)),0)</f>
        <v>7.8950067865228588</v>
      </c>
      <c r="H757" cm="1">
        <f t="array" ref="H757">IFERROR(INDEX(Jesper!AL$2:AL$366,ROUNDDOWN($C757/24,0)+1,1)*INDEX($D$3:$AA$30,INDEX(Jesper!$R$2:$R$366,ROW(INDEX(Jesper!AL$2:AL$366,ROUNDDOWN($C757/24,0)+1,1))-1)+IF('Standard Profiles'!$G$22=$B$10,7,0)+IF('Standard Profiles'!$G$22=$B$17,14,0)+IF('Standard Profiles'!$G$22=$B$24,21,0),MOD($C757,24)+1)/SUM(INDEX($D$3:$AA$30,INDEX(Jesper!$R$2:$R$366,ROW(INDEX(Jesper!AL$2:AL$366,ROUNDDOWN($C757/24,0)+1,1))-1)+IF('Standard Profiles'!$G$22=$B$10,7,0)+IF('Standard Profiles'!$G$22=$B$17,14,0)+IF('Standard Profiles'!$G$22=$B$24,21,0),0)),0)</f>
        <v>0</v>
      </c>
      <c r="I757">
        <f t="shared" si="97"/>
        <v>3.7896032575309704</v>
      </c>
      <c r="J757">
        <f t="shared" si="98"/>
        <v>15.821201252498604</v>
      </c>
      <c r="K757">
        <f t="shared" si="99"/>
        <v>0.63223792187121197</v>
      </c>
      <c r="L757">
        <f t="shared" si="100"/>
        <v>0.31611896093560599</v>
      </c>
      <c r="M757">
        <f t="shared" si="101"/>
        <v>0</v>
      </c>
      <c r="N757" s="45">
        <f t="shared" si="102"/>
        <v>44957.124999998246</v>
      </c>
    </row>
    <row r="758" spans="2:14" x14ac:dyDescent="0.25">
      <c r="B758">
        <f t="shared" si="96"/>
        <v>2</v>
      </c>
      <c r="C758" s="16">
        <v>724</v>
      </c>
      <c r="D758" cm="1">
        <f t="array" ref="D758">IFERROR(INDEX(Jesper!AH$2:AH$366,ROUNDDOWN($C758/24,0)+1,1)*INDEX($D$3:$AA$30,INDEX(Jesper!$R$2:$R$366,ROW(INDEX(Jesper!AH$2:AH$366,ROUNDDOWN($C758/24,0)+1,1))-1)+IF('Standard Profiles'!$G$18=$B$10,7,0)+IF('Standard Profiles'!$G$18=$B$17,14,0)+IF('Standard Profiles'!$G$18=$B$24,21,0),MOD($C758,24)+1)/SUM(INDEX($D$3:$AA$30,INDEX(Jesper!$R$2:$R$366,ROW(INDEX(Jesper!AH$2:AH$366,ROUNDDOWN($C758/24,0)+1,1))-1)+IF('Standard Profiles'!$G$18=$B$10,7,0)+IF('Standard Profiles'!$G$18=$B$17,14,0)+IF('Standard Profiles'!$G$18=$B$24,21,0),0)),0)</f>
        <v>5.9272305175426121</v>
      </c>
      <c r="E758" cm="1">
        <f t="array" ref="E758">IFERROR(INDEX(Jesper!AI$2:AI$366,ROUNDDOWN($C758/24,0)+1,1)*INDEX($D$3:$AA$30,INDEX(Jesper!$R$2:$R$366,ROW(INDEX(Jesper!AI$2:AI$366,ROUNDDOWN($C758/24,0)+1,1))-1)+IF('Standard Profiles'!$G$19=$B$10,7,0)+IF('Standard Profiles'!$G$19=$B$17,14,0)+IF('Standard Profiles'!$G$19=$B$24,21,0),MOD($C758,24)+1)/SUM(INDEX($D$3:$AA$30,INDEX(Jesper!$R$2:$R$366,ROW(INDEX(Jesper!AI$2:AI$366,ROUNDDOWN($C758/24,0)+1,1))-1)+IF('Standard Profiles'!$G$19=$B$10,7,0)+IF('Standard Profiles'!$G$19=$B$17,14,0)+IF('Standard Profiles'!$G$19=$B$24,21,0),0)),0)</f>
        <v>6.7369240887709223</v>
      </c>
      <c r="F758" cm="1">
        <f t="array" ref="F758">IFERROR(INDEX(Jesper!AJ$2:AJ$366,ROUNDDOWN($C758/24,0)+1,1)*INDEX($D$3:$AA$30,INDEX(Jesper!$R$2:$R$366,ROW(INDEX(Jesper!AJ$2:AJ$366,ROUNDDOWN($C758/24,0)+1,1))-1)+IF('Standard Profiles'!$G$20=$B$10,7,0)+IF('Standard Profiles'!$G$20=$B$17,14,0)+IF('Standard Profiles'!$G$20=$B$24,21,0),MOD($C758,24)+1)/SUM(INDEX($D$3:$AA$30,INDEX(Jesper!$R$2:$R$366,ROW(INDEX(Jesper!AJ$2:AJ$366,ROUNDDOWN($C758/24,0)+1,1))-1)+IF('Standard Profiles'!$G$20=$B$10,7,0)+IF('Standard Profiles'!$G$20=$B$17,14,0)+IF('Standard Profiles'!$G$20=$B$24,21,0),0)),0)</f>
        <v>0</v>
      </c>
      <c r="G758" cm="1">
        <f t="array" ref="G758">IFERROR(INDEX(Jesper!AK$2:AK$366,ROUNDDOWN($C758/24,0)+1,1)*INDEX($D$3:$AA$30,INDEX(Jesper!$R$2:$R$366,ROW(INDEX(Jesper!AK$2:AK$366,ROUNDDOWN($C758/24,0)+1,1))-1)+IF('Standard Profiles'!$G$21=$B$10,7,0)+IF('Standard Profiles'!$G$21=$B$17,14,0)+IF('Standard Profiles'!$G$21=$B$24,21,0),MOD($C758,24)+1)/SUM(INDEX($D$3:$AA$30,INDEX(Jesper!$R$2:$R$366,ROW(INDEX(Jesper!AK$2:AK$366,ROUNDDOWN($C758/24,0)+1,1))-1)+IF('Standard Profiles'!$G$21=$B$10,7,0)+IF('Standard Profiles'!$G$21=$B$17,14,0)+IF('Standard Profiles'!$G$21=$B$24,21,0),0)),0)</f>
        <v>7.8950067865228588</v>
      </c>
      <c r="H758" cm="1">
        <f t="array" ref="H758">IFERROR(INDEX(Jesper!AL$2:AL$366,ROUNDDOWN($C758/24,0)+1,1)*INDEX($D$3:$AA$30,INDEX(Jesper!$R$2:$R$366,ROW(INDEX(Jesper!AL$2:AL$366,ROUNDDOWN($C758/24,0)+1,1))-1)+IF('Standard Profiles'!$G$22=$B$10,7,0)+IF('Standard Profiles'!$G$22=$B$17,14,0)+IF('Standard Profiles'!$G$22=$B$24,21,0),MOD($C758,24)+1)/SUM(INDEX($D$3:$AA$30,INDEX(Jesper!$R$2:$R$366,ROW(INDEX(Jesper!AL$2:AL$366,ROUNDDOWN($C758/24,0)+1,1))-1)+IF('Standard Profiles'!$G$22=$B$10,7,0)+IF('Standard Profiles'!$G$22=$B$17,14,0)+IF('Standard Profiles'!$G$22=$B$24,21,0),0)),0)</f>
        <v>0</v>
      </c>
      <c r="I758">
        <f t="shared" si="97"/>
        <v>3.7896032575309704</v>
      </c>
      <c r="J758">
        <f t="shared" si="98"/>
        <v>15.821201252498604</v>
      </c>
      <c r="K758">
        <f t="shared" si="99"/>
        <v>0.63223792187121197</v>
      </c>
      <c r="L758">
        <f t="shared" si="100"/>
        <v>0.31611896093560599</v>
      </c>
      <c r="M758">
        <f t="shared" si="101"/>
        <v>0</v>
      </c>
      <c r="N758" s="45">
        <f t="shared" si="102"/>
        <v>44957.166666664911</v>
      </c>
    </row>
    <row r="759" spans="2:14" x14ac:dyDescent="0.25">
      <c r="B759">
        <f t="shared" si="96"/>
        <v>2</v>
      </c>
      <c r="C759" s="16">
        <v>725</v>
      </c>
      <c r="D759" cm="1">
        <f t="array" ref="D759">IFERROR(INDEX(Jesper!AH$2:AH$366,ROUNDDOWN($C759/24,0)+1,1)*INDEX($D$3:$AA$30,INDEX(Jesper!$R$2:$R$366,ROW(INDEX(Jesper!AH$2:AH$366,ROUNDDOWN($C759/24,0)+1,1))-1)+IF('Standard Profiles'!$G$18=$B$10,7,0)+IF('Standard Profiles'!$G$18=$B$17,14,0)+IF('Standard Profiles'!$G$18=$B$24,21,0),MOD($C759,24)+1)/SUM(INDEX($D$3:$AA$30,INDEX(Jesper!$R$2:$R$366,ROW(INDEX(Jesper!AH$2:AH$366,ROUNDDOWN($C759/24,0)+1,1))-1)+IF('Standard Profiles'!$G$18=$B$10,7,0)+IF('Standard Profiles'!$G$18=$B$17,14,0)+IF('Standard Profiles'!$G$18=$B$24,21,0),0)),0)</f>
        <v>5.9272305175426121</v>
      </c>
      <c r="E759" cm="1">
        <f t="array" ref="E759">IFERROR(INDEX(Jesper!AI$2:AI$366,ROUNDDOWN($C759/24,0)+1,1)*INDEX($D$3:$AA$30,INDEX(Jesper!$R$2:$R$366,ROW(INDEX(Jesper!AI$2:AI$366,ROUNDDOWN($C759/24,0)+1,1))-1)+IF('Standard Profiles'!$G$19=$B$10,7,0)+IF('Standard Profiles'!$G$19=$B$17,14,0)+IF('Standard Profiles'!$G$19=$B$24,21,0),MOD($C759,24)+1)/SUM(INDEX($D$3:$AA$30,INDEX(Jesper!$R$2:$R$366,ROW(INDEX(Jesper!AI$2:AI$366,ROUNDDOWN($C759/24,0)+1,1))-1)+IF('Standard Profiles'!$G$19=$B$10,7,0)+IF('Standard Profiles'!$G$19=$B$17,14,0)+IF('Standard Profiles'!$G$19=$B$24,21,0),0)),0)</f>
        <v>6.7369240887709223</v>
      </c>
      <c r="F759" cm="1">
        <f t="array" ref="F759">IFERROR(INDEX(Jesper!AJ$2:AJ$366,ROUNDDOWN($C759/24,0)+1,1)*INDEX($D$3:$AA$30,INDEX(Jesper!$R$2:$R$366,ROW(INDEX(Jesper!AJ$2:AJ$366,ROUNDDOWN($C759/24,0)+1,1))-1)+IF('Standard Profiles'!$G$20=$B$10,7,0)+IF('Standard Profiles'!$G$20=$B$17,14,0)+IF('Standard Profiles'!$G$20=$B$24,21,0),MOD($C759,24)+1)/SUM(INDEX($D$3:$AA$30,INDEX(Jesper!$R$2:$R$366,ROW(INDEX(Jesper!AJ$2:AJ$366,ROUNDDOWN($C759/24,0)+1,1))-1)+IF('Standard Profiles'!$G$20=$B$10,7,0)+IF('Standard Profiles'!$G$20=$B$17,14,0)+IF('Standard Profiles'!$G$20=$B$24,21,0),0)),0)</f>
        <v>0</v>
      </c>
      <c r="G759" cm="1">
        <f t="array" ref="G759">IFERROR(INDEX(Jesper!AK$2:AK$366,ROUNDDOWN($C759/24,0)+1,1)*INDEX($D$3:$AA$30,INDEX(Jesper!$R$2:$R$366,ROW(INDEX(Jesper!AK$2:AK$366,ROUNDDOWN($C759/24,0)+1,1))-1)+IF('Standard Profiles'!$G$21=$B$10,7,0)+IF('Standard Profiles'!$G$21=$B$17,14,0)+IF('Standard Profiles'!$G$21=$B$24,21,0),MOD($C759,24)+1)/SUM(INDEX($D$3:$AA$30,INDEX(Jesper!$R$2:$R$366,ROW(INDEX(Jesper!AK$2:AK$366,ROUNDDOWN($C759/24,0)+1,1))-1)+IF('Standard Profiles'!$G$21=$B$10,7,0)+IF('Standard Profiles'!$G$21=$B$17,14,0)+IF('Standard Profiles'!$G$21=$B$24,21,0),0)),0)</f>
        <v>7.8950067865228588</v>
      </c>
      <c r="H759" cm="1">
        <f t="array" ref="H759">IFERROR(INDEX(Jesper!AL$2:AL$366,ROUNDDOWN($C759/24,0)+1,1)*INDEX($D$3:$AA$30,INDEX(Jesper!$R$2:$R$366,ROW(INDEX(Jesper!AL$2:AL$366,ROUNDDOWN($C759/24,0)+1,1))-1)+IF('Standard Profiles'!$G$22=$B$10,7,0)+IF('Standard Profiles'!$G$22=$B$17,14,0)+IF('Standard Profiles'!$G$22=$B$24,21,0),MOD($C759,24)+1)/SUM(INDEX($D$3:$AA$30,INDEX(Jesper!$R$2:$R$366,ROW(INDEX(Jesper!AL$2:AL$366,ROUNDDOWN($C759/24,0)+1,1))-1)+IF('Standard Profiles'!$G$22=$B$10,7,0)+IF('Standard Profiles'!$G$22=$B$17,14,0)+IF('Standard Profiles'!$G$22=$B$24,21,0),0)),0)</f>
        <v>0</v>
      </c>
      <c r="I759">
        <f t="shared" si="97"/>
        <v>3.7896032575309704</v>
      </c>
      <c r="J759">
        <f t="shared" si="98"/>
        <v>15.821201252498604</v>
      </c>
      <c r="K759">
        <f t="shared" si="99"/>
        <v>0.63223792187121197</v>
      </c>
      <c r="L759">
        <f t="shared" si="100"/>
        <v>0.31611896093560599</v>
      </c>
      <c r="M759">
        <f t="shared" si="101"/>
        <v>0</v>
      </c>
      <c r="N759" s="45">
        <f t="shared" si="102"/>
        <v>44957.208333331575</v>
      </c>
    </row>
    <row r="760" spans="2:14" x14ac:dyDescent="0.25">
      <c r="B760">
        <f t="shared" si="96"/>
        <v>2</v>
      </c>
      <c r="C760" s="16">
        <v>726</v>
      </c>
      <c r="D760" cm="1">
        <f t="array" ref="D760">IFERROR(INDEX(Jesper!AH$2:AH$366,ROUNDDOWN($C760/24,0)+1,1)*INDEX($D$3:$AA$30,INDEX(Jesper!$R$2:$R$366,ROW(INDEX(Jesper!AH$2:AH$366,ROUNDDOWN($C760/24,0)+1,1))-1)+IF('Standard Profiles'!$G$18=$B$10,7,0)+IF('Standard Profiles'!$G$18=$B$17,14,0)+IF('Standard Profiles'!$G$18=$B$24,21,0),MOD($C760,24)+1)/SUM(INDEX($D$3:$AA$30,INDEX(Jesper!$R$2:$R$366,ROW(INDEX(Jesper!AH$2:AH$366,ROUNDDOWN($C760/24,0)+1,1))-1)+IF('Standard Profiles'!$G$18=$B$10,7,0)+IF('Standard Profiles'!$G$18=$B$17,14,0)+IF('Standard Profiles'!$G$18=$B$24,21,0),0)),0)</f>
        <v>5.9272305175426121</v>
      </c>
      <c r="E760" cm="1">
        <f t="array" ref="E760">IFERROR(INDEX(Jesper!AI$2:AI$366,ROUNDDOWN($C760/24,0)+1,1)*INDEX($D$3:$AA$30,INDEX(Jesper!$R$2:$R$366,ROW(INDEX(Jesper!AI$2:AI$366,ROUNDDOWN($C760/24,0)+1,1))-1)+IF('Standard Profiles'!$G$19=$B$10,7,0)+IF('Standard Profiles'!$G$19=$B$17,14,0)+IF('Standard Profiles'!$G$19=$B$24,21,0),MOD($C760,24)+1)/SUM(INDEX($D$3:$AA$30,INDEX(Jesper!$R$2:$R$366,ROW(INDEX(Jesper!AI$2:AI$366,ROUNDDOWN($C760/24,0)+1,1))-1)+IF('Standard Profiles'!$G$19=$B$10,7,0)+IF('Standard Profiles'!$G$19=$B$17,14,0)+IF('Standard Profiles'!$G$19=$B$24,21,0),0)),0)</f>
        <v>6.7369240887709223</v>
      </c>
      <c r="F760" cm="1">
        <f t="array" ref="F760">IFERROR(INDEX(Jesper!AJ$2:AJ$366,ROUNDDOWN($C760/24,0)+1,1)*INDEX($D$3:$AA$30,INDEX(Jesper!$R$2:$R$366,ROW(INDEX(Jesper!AJ$2:AJ$366,ROUNDDOWN($C760/24,0)+1,1))-1)+IF('Standard Profiles'!$G$20=$B$10,7,0)+IF('Standard Profiles'!$G$20=$B$17,14,0)+IF('Standard Profiles'!$G$20=$B$24,21,0),MOD($C760,24)+1)/SUM(INDEX($D$3:$AA$30,INDEX(Jesper!$R$2:$R$366,ROW(INDEX(Jesper!AJ$2:AJ$366,ROUNDDOWN($C760/24,0)+1,1))-1)+IF('Standard Profiles'!$G$20=$B$10,7,0)+IF('Standard Profiles'!$G$20=$B$17,14,0)+IF('Standard Profiles'!$G$20=$B$24,21,0),0)),0)</f>
        <v>0</v>
      </c>
      <c r="G760" cm="1">
        <f t="array" ref="G760">IFERROR(INDEX(Jesper!AK$2:AK$366,ROUNDDOWN($C760/24,0)+1,1)*INDEX($D$3:$AA$30,INDEX(Jesper!$R$2:$R$366,ROW(INDEX(Jesper!AK$2:AK$366,ROUNDDOWN($C760/24,0)+1,1))-1)+IF('Standard Profiles'!$G$21=$B$10,7,0)+IF('Standard Profiles'!$G$21=$B$17,14,0)+IF('Standard Profiles'!$G$21=$B$24,21,0),MOD($C760,24)+1)/SUM(INDEX($D$3:$AA$30,INDEX(Jesper!$R$2:$R$366,ROW(INDEX(Jesper!AK$2:AK$366,ROUNDDOWN($C760/24,0)+1,1))-1)+IF('Standard Profiles'!$G$21=$B$10,7,0)+IF('Standard Profiles'!$G$21=$B$17,14,0)+IF('Standard Profiles'!$G$21=$B$24,21,0),0)),0)</f>
        <v>7.8950067865228588</v>
      </c>
      <c r="H760" cm="1">
        <f t="array" ref="H760">IFERROR(INDEX(Jesper!AL$2:AL$366,ROUNDDOWN($C760/24,0)+1,1)*INDEX($D$3:$AA$30,INDEX(Jesper!$R$2:$R$366,ROW(INDEX(Jesper!AL$2:AL$366,ROUNDDOWN($C760/24,0)+1,1))-1)+IF('Standard Profiles'!$G$22=$B$10,7,0)+IF('Standard Profiles'!$G$22=$B$17,14,0)+IF('Standard Profiles'!$G$22=$B$24,21,0),MOD($C760,24)+1)/SUM(INDEX($D$3:$AA$30,INDEX(Jesper!$R$2:$R$366,ROW(INDEX(Jesper!AL$2:AL$366,ROUNDDOWN($C760/24,0)+1,1))-1)+IF('Standard Profiles'!$G$22=$B$10,7,0)+IF('Standard Profiles'!$G$22=$B$17,14,0)+IF('Standard Profiles'!$G$22=$B$24,21,0),0)),0)</f>
        <v>0</v>
      </c>
      <c r="I760">
        <f t="shared" si="97"/>
        <v>3.7896032575309704</v>
      </c>
      <c r="J760">
        <f t="shared" si="98"/>
        <v>15.821201252498604</v>
      </c>
      <c r="K760">
        <f t="shared" si="99"/>
        <v>0.63223792187121197</v>
      </c>
      <c r="L760">
        <f t="shared" si="100"/>
        <v>0.31611896093560599</v>
      </c>
      <c r="M760">
        <f t="shared" si="101"/>
        <v>0</v>
      </c>
      <c r="N760" s="45">
        <f t="shared" si="102"/>
        <v>44957.249999998239</v>
      </c>
    </row>
    <row r="761" spans="2:14" x14ac:dyDescent="0.25">
      <c r="B761">
        <f t="shared" si="96"/>
        <v>2</v>
      </c>
      <c r="C761" s="16">
        <v>727</v>
      </c>
      <c r="D761" cm="1">
        <f t="array" ref="D761">IFERROR(INDEX(Jesper!AH$2:AH$366,ROUNDDOWN($C761/24,0)+1,1)*INDEX($D$3:$AA$30,INDEX(Jesper!$R$2:$R$366,ROW(INDEX(Jesper!AH$2:AH$366,ROUNDDOWN($C761/24,0)+1,1))-1)+IF('Standard Profiles'!$G$18=$B$10,7,0)+IF('Standard Profiles'!$G$18=$B$17,14,0)+IF('Standard Profiles'!$G$18=$B$24,21,0),MOD($C761,24)+1)/SUM(INDEX($D$3:$AA$30,INDEX(Jesper!$R$2:$R$366,ROW(INDEX(Jesper!AH$2:AH$366,ROUNDDOWN($C761/24,0)+1,1))-1)+IF('Standard Profiles'!$G$18=$B$10,7,0)+IF('Standard Profiles'!$G$18=$B$17,14,0)+IF('Standard Profiles'!$G$18=$B$24,21,0),0)),0)</f>
        <v>24.986981150515568</v>
      </c>
      <c r="E761" cm="1">
        <f t="array" ref="E761">IFERROR(INDEX(Jesper!AI$2:AI$366,ROUNDDOWN($C761/24,0)+1,1)*INDEX($D$3:$AA$30,INDEX(Jesper!$R$2:$R$366,ROW(INDEX(Jesper!AI$2:AI$366,ROUNDDOWN($C761/24,0)+1,1))-1)+IF('Standard Profiles'!$G$19=$B$10,7,0)+IF('Standard Profiles'!$G$19=$B$17,14,0)+IF('Standard Profiles'!$G$19=$B$24,21,0),MOD($C761,24)+1)/SUM(INDEX($D$3:$AA$30,INDEX(Jesper!$R$2:$R$366,ROW(INDEX(Jesper!AI$2:AI$366,ROUNDDOWN($C761/24,0)+1,1))-1)+IF('Standard Profiles'!$G$19=$B$10,7,0)+IF('Standard Profiles'!$G$19=$B$17,14,0)+IF('Standard Profiles'!$G$19=$B$24,21,0),0)),0)</f>
        <v>28.400345611724916</v>
      </c>
      <c r="F761" cm="1">
        <f t="array" ref="F761">IFERROR(INDEX(Jesper!AJ$2:AJ$366,ROUNDDOWN($C761/24,0)+1,1)*INDEX($D$3:$AA$30,INDEX(Jesper!$R$2:$R$366,ROW(INDEX(Jesper!AJ$2:AJ$366,ROUNDDOWN($C761/24,0)+1,1))-1)+IF('Standard Profiles'!$G$20=$B$10,7,0)+IF('Standard Profiles'!$G$20=$B$17,14,0)+IF('Standard Profiles'!$G$20=$B$24,21,0),MOD($C761,24)+1)/SUM(INDEX($D$3:$AA$30,INDEX(Jesper!$R$2:$R$366,ROW(INDEX(Jesper!AJ$2:AJ$366,ROUNDDOWN($C761/24,0)+1,1))-1)+IF('Standard Profiles'!$G$20=$B$10,7,0)+IF('Standard Profiles'!$G$20=$B$17,14,0)+IF('Standard Profiles'!$G$20=$B$24,21,0),0)),0)</f>
        <v>0</v>
      </c>
      <c r="G761" cm="1">
        <f t="array" ref="G761">IFERROR(INDEX(Jesper!AK$2:AK$366,ROUNDDOWN($C761/24,0)+1,1)*INDEX($D$3:$AA$30,INDEX(Jesper!$R$2:$R$366,ROW(INDEX(Jesper!AK$2:AK$366,ROUNDDOWN($C761/24,0)+1,1))-1)+IF('Standard Profiles'!$G$21=$B$10,7,0)+IF('Standard Profiles'!$G$21=$B$17,14,0)+IF('Standard Profiles'!$G$21=$B$24,21,0),MOD($C761,24)+1)/SUM(INDEX($D$3:$AA$30,INDEX(Jesper!$R$2:$R$366,ROW(INDEX(Jesper!AK$2:AK$366,ROUNDDOWN($C761/24,0)+1,1))-1)+IF('Standard Profiles'!$G$21=$B$10,7,0)+IF('Standard Profiles'!$G$21=$B$17,14,0)+IF('Standard Profiles'!$G$21=$B$24,21,0),0)),0)</f>
        <v>22.742713097951331</v>
      </c>
      <c r="H761" cm="1">
        <f t="array" ref="H761">IFERROR(INDEX(Jesper!AL$2:AL$366,ROUNDDOWN($C761/24,0)+1,1)*INDEX($D$3:$AA$30,INDEX(Jesper!$R$2:$R$366,ROW(INDEX(Jesper!AL$2:AL$366,ROUNDDOWN($C761/24,0)+1,1))-1)+IF('Standard Profiles'!$G$22=$B$10,7,0)+IF('Standard Profiles'!$G$22=$B$17,14,0)+IF('Standard Profiles'!$G$22=$B$24,21,0),MOD($C761,24)+1)/SUM(INDEX($D$3:$AA$30,INDEX(Jesper!$R$2:$R$366,ROW(INDEX(Jesper!AL$2:AL$366,ROUNDDOWN($C761/24,0)+1,1))-1)+IF('Standard Profiles'!$G$22=$B$10,7,0)+IF('Standard Profiles'!$G$22=$B$17,14,0)+IF('Standard Profiles'!$G$22=$B$24,21,0),0)),0)</f>
        <v>0</v>
      </c>
      <c r="I761">
        <f t="shared" si="97"/>
        <v>10.916502287016634</v>
      </c>
      <c r="J761">
        <f t="shared" si="98"/>
        <v>61.215620589092694</v>
      </c>
      <c r="K761">
        <f t="shared" si="99"/>
        <v>2.6652779893883274</v>
      </c>
      <c r="L761">
        <f t="shared" si="100"/>
        <v>1.3326389946941637</v>
      </c>
      <c r="M761">
        <f t="shared" si="101"/>
        <v>0</v>
      </c>
      <c r="N761" s="45">
        <f t="shared" si="102"/>
        <v>44957.291666664903</v>
      </c>
    </row>
    <row r="762" spans="2:14" x14ac:dyDescent="0.25">
      <c r="B762">
        <f t="shared" si="96"/>
        <v>2</v>
      </c>
      <c r="C762" s="16">
        <v>728</v>
      </c>
      <c r="D762" cm="1">
        <f t="array" ref="D762">IFERROR(INDEX(Jesper!AH$2:AH$366,ROUNDDOWN($C762/24,0)+1,1)*INDEX($D$3:$AA$30,INDEX(Jesper!$R$2:$R$366,ROW(INDEX(Jesper!AH$2:AH$366,ROUNDDOWN($C762/24,0)+1,1))-1)+IF('Standard Profiles'!$G$18=$B$10,7,0)+IF('Standard Profiles'!$G$18=$B$17,14,0)+IF('Standard Profiles'!$G$18=$B$24,21,0),MOD($C762,24)+1)/SUM(INDEX($D$3:$AA$30,INDEX(Jesper!$R$2:$R$366,ROW(INDEX(Jesper!AH$2:AH$366,ROUNDDOWN($C762/24,0)+1,1))-1)+IF('Standard Profiles'!$G$18=$B$10,7,0)+IF('Standard Profiles'!$G$18=$B$17,14,0)+IF('Standard Profiles'!$G$18=$B$24,21,0),0)),0)</f>
        <v>27.88021054689106</v>
      </c>
      <c r="E762" cm="1">
        <f t="array" ref="E762">IFERROR(INDEX(Jesper!AI$2:AI$366,ROUNDDOWN($C762/24,0)+1,1)*INDEX($D$3:$AA$30,INDEX(Jesper!$R$2:$R$366,ROW(INDEX(Jesper!AI$2:AI$366,ROUNDDOWN($C762/24,0)+1,1))-1)+IF('Standard Profiles'!$G$19=$B$10,7,0)+IF('Standard Profiles'!$G$19=$B$17,14,0)+IF('Standard Profiles'!$G$19=$B$24,21,0),MOD($C762,24)+1)/SUM(INDEX($D$3:$AA$30,INDEX(Jesper!$R$2:$R$366,ROW(INDEX(Jesper!AI$2:AI$366,ROUNDDOWN($C762/24,0)+1,1))-1)+IF('Standard Profiles'!$G$19=$B$10,7,0)+IF('Standard Profiles'!$G$19=$B$17,14,0)+IF('Standard Profiles'!$G$19=$B$24,21,0),0)),0)</f>
        <v>31.688806682556226</v>
      </c>
      <c r="F762" cm="1">
        <f t="array" ref="F762">IFERROR(INDEX(Jesper!AJ$2:AJ$366,ROUNDDOWN($C762/24,0)+1,1)*INDEX($D$3:$AA$30,INDEX(Jesper!$R$2:$R$366,ROW(INDEX(Jesper!AJ$2:AJ$366,ROUNDDOWN($C762/24,0)+1,1))-1)+IF('Standard Profiles'!$G$20=$B$10,7,0)+IF('Standard Profiles'!$G$20=$B$17,14,0)+IF('Standard Profiles'!$G$20=$B$24,21,0),MOD($C762,24)+1)/SUM(INDEX($D$3:$AA$30,INDEX(Jesper!$R$2:$R$366,ROW(INDEX(Jesper!AJ$2:AJ$366,ROUNDDOWN($C762/24,0)+1,1))-1)+IF('Standard Profiles'!$G$20=$B$10,7,0)+IF('Standard Profiles'!$G$20=$B$17,14,0)+IF('Standard Profiles'!$G$20=$B$24,21,0),0)),0)</f>
        <v>0</v>
      </c>
      <c r="G762" cm="1">
        <f t="array" ref="G762">IFERROR(INDEX(Jesper!AK$2:AK$366,ROUNDDOWN($C762/24,0)+1,1)*INDEX($D$3:$AA$30,INDEX(Jesper!$R$2:$R$366,ROW(INDEX(Jesper!AK$2:AK$366,ROUNDDOWN($C762/24,0)+1,1))-1)+IF('Standard Profiles'!$G$21=$B$10,7,0)+IF('Standard Profiles'!$G$21=$B$17,14,0)+IF('Standard Profiles'!$G$21=$B$24,21,0),MOD($C762,24)+1)/SUM(INDEX($D$3:$AA$30,INDEX(Jesper!$R$2:$R$366,ROW(INDEX(Jesper!AK$2:AK$366,ROUNDDOWN($C762/24,0)+1,1))-1)+IF('Standard Profiles'!$G$21=$B$10,7,0)+IF('Standard Profiles'!$G$21=$B$17,14,0)+IF('Standard Profiles'!$G$21=$B$24,21,0),0)),0)</f>
        <v>25.376079877714119</v>
      </c>
      <c r="H762" cm="1">
        <f t="array" ref="H762">IFERROR(INDEX(Jesper!AL$2:AL$366,ROUNDDOWN($C762/24,0)+1,1)*INDEX($D$3:$AA$30,INDEX(Jesper!$R$2:$R$366,ROW(INDEX(Jesper!AL$2:AL$366,ROUNDDOWN($C762/24,0)+1,1))-1)+IF('Standard Profiles'!$G$22=$B$10,7,0)+IF('Standard Profiles'!$G$22=$B$17,14,0)+IF('Standard Profiles'!$G$22=$B$24,21,0),MOD($C762,24)+1)/SUM(INDEX($D$3:$AA$30,INDEX(Jesper!$R$2:$R$366,ROW(INDEX(Jesper!AL$2:AL$366,ROUNDDOWN($C762/24,0)+1,1))-1)+IF('Standard Profiles'!$G$22=$B$10,7,0)+IF('Standard Profiles'!$G$22=$B$17,14,0)+IF('Standard Profiles'!$G$22=$B$24,21,0),0)),0)</f>
        <v>0</v>
      </c>
      <c r="I762">
        <f t="shared" si="97"/>
        <v>12.18051834130277</v>
      </c>
      <c r="J762">
        <f t="shared" si="98"/>
        <v>68.303745078356059</v>
      </c>
      <c r="K762">
        <f t="shared" si="99"/>
        <v>2.9738891250017132</v>
      </c>
      <c r="L762">
        <f t="shared" si="100"/>
        <v>1.4869445625008566</v>
      </c>
      <c r="M762">
        <f t="shared" si="101"/>
        <v>0</v>
      </c>
      <c r="N762" s="45">
        <f t="shared" si="102"/>
        <v>44957.333333331568</v>
      </c>
    </row>
    <row r="763" spans="2:14" x14ac:dyDescent="0.25">
      <c r="B763">
        <f t="shared" si="96"/>
        <v>2</v>
      </c>
      <c r="C763" s="16">
        <v>729</v>
      </c>
      <c r="D763" cm="1">
        <f t="array" ref="D763">IFERROR(INDEX(Jesper!AH$2:AH$366,ROUNDDOWN($C763/24,0)+1,1)*INDEX($D$3:$AA$30,INDEX(Jesper!$R$2:$R$366,ROW(INDEX(Jesper!AH$2:AH$366,ROUNDDOWN($C763/24,0)+1,1))-1)+IF('Standard Profiles'!$G$18=$B$10,7,0)+IF('Standard Profiles'!$G$18=$B$17,14,0)+IF('Standard Profiles'!$G$18=$B$24,21,0),MOD($C763,24)+1)/SUM(INDEX($D$3:$AA$30,INDEX(Jesper!$R$2:$R$366,ROW(INDEX(Jesper!AH$2:AH$366,ROUNDDOWN($C763/24,0)+1,1))-1)+IF('Standard Profiles'!$G$18=$B$10,7,0)+IF('Standard Profiles'!$G$18=$B$17,14,0)+IF('Standard Profiles'!$G$18=$B$24,21,0),0)),0)</f>
        <v>30.773439943266549</v>
      </c>
      <c r="E763" cm="1">
        <f t="array" ref="E763">IFERROR(INDEX(Jesper!AI$2:AI$366,ROUNDDOWN($C763/24,0)+1,1)*INDEX($D$3:$AA$30,INDEX(Jesper!$R$2:$R$366,ROW(INDEX(Jesper!AI$2:AI$366,ROUNDDOWN($C763/24,0)+1,1))-1)+IF('Standard Profiles'!$G$19=$B$10,7,0)+IF('Standard Profiles'!$G$19=$B$17,14,0)+IF('Standard Profiles'!$G$19=$B$24,21,0),MOD($C763,24)+1)/SUM(INDEX($D$3:$AA$30,INDEX(Jesper!$R$2:$R$366,ROW(INDEX(Jesper!AI$2:AI$366,ROUNDDOWN($C763/24,0)+1,1))-1)+IF('Standard Profiles'!$G$19=$B$10,7,0)+IF('Standard Profiles'!$G$19=$B$17,14,0)+IF('Standard Profiles'!$G$19=$B$24,21,0),0)),0)</f>
        <v>34.97726775338753</v>
      </c>
      <c r="F763" cm="1">
        <f t="array" ref="F763">IFERROR(INDEX(Jesper!AJ$2:AJ$366,ROUNDDOWN($C763/24,0)+1,1)*INDEX($D$3:$AA$30,INDEX(Jesper!$R$2:$R$366,ROW(INDEX(Jesper!AJ$2:AJ$366,ROUNDDOWN($C763/24,0)+1,1))-1)+IF('Standard Profiles'!$G$20=$B$10,7,0)+IF('Standard Profiles'!$G$20=$B$17,14,0)+IF('Standard Profiles'!$G$20=$B$24,21,0),MOD($C763,24)+1)/SUM(INDEX($D$3:$AA$30,INDEX(Jesper!$R$2:$R$366,ROW(INDEX(Jesper!AJ$2:AJ$366,ROUNDDOWN($C763/24,0)+1,1))-1)+IF('Standard Profiles'!$G$20=$B$10,7,0)+IF('Standard Profiles'!$G$20=$B$17,14,0)+IF('Standard Profiles'!$G$20=$B$24,21,0),0)),0)</f>
        <v>0</v>
      </c>
      <c r="G763" cm="1">
        <f t="array" ref="G763">IFERROR(INDEX(Jesper!AK$2:AK$366,ROUNDDOWN($C763/24,0)+1,1)*INDEX($D$3:$AA$30,INDEX(Jesper!$R$2:$R$366,ROW(INDEX(Jesper!AK$2:AK$366,ROUNDDOWN($C763/24,0)+1,1))-1)+IF('Standard Profiles'!$G$21=$B$10,7,0)+IF('Standard Profiles'!$G$21=$B$17,14,0)+IF('Standard Profiles'!$G$21=$B$24,21,0),MOD($C763,24)+1)/SUM(INDEX($D$3:$AA$30,INDEX(Jesper!$R$2:$R$366,ROW(INDEX(Jesper!AK$2:AK$366,ROUNDDOWN($C763/24,0)+1,1))-1)+IF('Standard Profiles'!$G$21=$B$10,7,0)+IF('Standard Profiles'!$G$21=$B$17,14,0)+IF('Standard Profiles'!$G$21=$B$24,21,0),0)),0)</f>
        <v>28.009446657476904</v>
      </c>
      <c r="H763" cm="1">
        <f t="array" ref="H763">IFERROR(INDEX(Jesper!AL$2:AL$366,ROUNDDOWN($C763/24,0)+1,1)*INDEX($D$3:$AA$30,INDEX(Jesper!$R$2:$R$366,ROW(INDEX(Jesper!AL$2:AL$366,ROUNDDOWN($C763/24,0)+1,1))-1)+IF('Standard Profiles'!$G$22=$B$10,7,0)+IF('Standard Profiles'!$G$22=$B$17,14,0)+IF('Standard Profiles'!$G$22=$B$24,21,0),MOD($C763,24)+1)/SUM(INDEX($D$3:$AA$30,INDEX(Jesper!$R$2:$R$366,ROW(INDEX(Jesper!AL$2:AL$366,ROUNDDOWN($C763/24,0)+1,1))-1)+IF('Standard Profiles'!$G$22=$B$10,7,0)+IF('Standard Profiles'!$G$22=$B$17,14,0)+IF('Standard Profiles'!$G$22=$B$24,21,0),0)),0)</f>
        <v>0</v>
      </c>
      <c r="I763">
        <f t="shared" si="97"/>
        <v>13.444534395588907</v>
      </c>
      <c r="J763">
        <f t="shared" si="98"/>
        <v>75.391869567619423</v>
      </c>
      <c r="K763">
        <f t="shared" si="99"/>
        <v>3.2825002606150986</v>
      </c>
      <c r="L763">
        <f t="shared" si="100"/>
        <v>1.6412501303075493</v>
      </c>
      <c r="M763">
        <f t="shared" si="101"/>
        <v>0</v>
      </c>
      <c r="N763" s="45">
        <f t="shared" si="102"/>
        <v>44957.374999998232</v>
      </c>
    </row>
    <row r="764" spans="2:14" x14ac:dyDescent="0.25">
      <c r="B764">
        <f t="shared" si="96"/>
        <v>2</v>
      </c>
      <c r="C764" s="16">
        <v>730</v>
      </c>
      <c r="D764" cm="1">
        <f t="array" ref="D764">IFERROR(INDEX(Jesper!AH$2:AH$366,ROUNDDOWN($C764/24,0)+1,1)*INDEX($D$3:$AA$30,INDEX(Jesper!$R$2:$R$366,ROW(INDEX(Jesper!AH$2:AH$366,ROUNDDOWN($C764/24,0)+1,1))-1)+IF('Standard Profiles'!$G$18=$B$10,7,0)+IF('Standard Profiles'!$G$18=$B$17,14,0)+IF('Standard Profiles'!$G$18=$B$24,21,0),MOD($C764,24)+1)/SUM(INDEX($D$3:$AA$30,INDEX(Jesper!$R$2:$R$366,ROW(INDEX(Jesper!AH$2:AH$366,ROUNDDOWN($C764/24,0)+1,1))-1)+IF('Standard Profiles'!$G$18=$B$10,7,0)+IF('Standard Profiles'!$G$18=$B$17,14,0)+IF('Standard Profiles'!$G$18=$B$24,21,0),0)),0)</f>
        <v>30.773439943266549</v>
      </c>
      <c r="E764" cm="1">
        <f t="array" ref="E764">IFERROR(INDEX(Jesper!AI$2:AI$366,ROUNDDOWN($C764/24,0)+1,1)*INDEX($D$3:$AA$30,INDEX(Jesper!$R$2:$R$366,ROW(INDEX(Jesper!AI$2:AI$366,ROUNDDOWN($C764/24,0)+1,1))-1)+IF('Standard Profiles'!$G$19=$B$10,7,0)+IF('Standard Profiles'!$G$19=$B$17,14,0)+IF('Standard Profiles'!$G$19=$B$24,21,0),MOD($C764,24)+1)/SUM(INDEX($D$3:$AA$30,INDEX(Jesper!$R$2:$R$366,ROW(INDEX(Jesper!AI$2:AI$366,ROUNDDOWN($C764/24,0)+1,1))-1)+IF('Standard Profiles'!$G$19=$B$10,7,0)+IF('Standard Profiles'!$G$19=$B$17,14,0)+IF('Standard Profiles'!$G$19=$B$24,21,0),0)),0)</f>
        <v>34.97726775338753</v>
      </c>
      <c r="F764" cm="1">
        <f t="array" ref="F764">IFERROR(INDEX(Jesper!AJ$2:AJ$366,ROUNDDOWN($C764/24,0)+1,1)*INDEX($D$3:$AA$30,INDEX(Jesper!$R$2:$R$366,ROW(INDEX(Jesper!AJ$2:AJ$366,ROUNDDOWN($C764/24,0)+1,1))-1)+IF('Standard Profiles'!$G$20=$B$10,7,0)+IF('Standard Profiles'!$G$20=$B$17,14,0)+IF('Standard Profiles'!$G$20=$B$24,21,0),MOD($C764,24)+1)/SUM(INDEX($D$3:$AA$30,INDEX(Jesper!$R$2:$R$366,ROW(INDEX(Jesper!AJ$2:AJ$366,ROUNDDOWN($C764/24,0)+1,1))-1)+IF('Standard Profiles'!$G$20=$B$10,7,0)+IF('Standard Profiles'!$G$20=$B$17,14,0)+IF('Standard Profiles'!$G$20=$B$24,21,0),0)),0)</f>
        <v>0</v>
      </c>
      <c r="G764" cm="1">
        <f t="array" ref="G764">IFERROR(INDEX(Jesper!AK$2:AK$366,ROUNDDOWN($C764/24,0)+1,1)*INDEX($D$3:$AA$30,INDEX(Jesper!$R$2:$R$366,ROW(INDEX(Jesper!AK$2:AK$366,ROUNDDOWN($C764/24,0)+1,1))-1)+IF('Standard Profiles'!$G$21=$B$10,7,0)+IF('Standard Profiles'!$G$21=$B$17,14,0)+IF('Standard Profiles'!$G$21=$B$24,21,0),MOD($C764,24)+1)/SUM(INDEX($D$3:$AA$30,INDEX(Jesper!$R$2:$R$366,ROW(INDEX(Jesper!AK$2:AK$366,ROUNDDOWN($C764/24,0)+1,1))-1)+IF('Standard Profiles'!$G$21=$B$10,7,0)+IF('Standard Profiles'!$G$21=$B$17,14,0)+IF('Standard Profiles'!$G$21=$B$24,21,0),0)),0)</f>
        <v>28.009446657476904</v>
      </c>
      <c r="H764" cm="1">
        <f t="array" ref="H764">IFERROR(INDEX(Jesper!AL$2:AL$366,ROUNDDOWN($C764/24,0)+1,1)*INDEX($D$3:$AA$30,INDEX(Jesper!$R$2:$R$366,ROW(INDEX(Jesper!AL$2:AL$366,ROUNDDOWN($C764/24,0)+1,1))-1)+IF('Standard Profiles'!$G$22=$B$10,7,0)+IF('Standard Profiles'!$G$22=$B$17,14,0)+IF('Standard Profiles'!$G$22=$B$24,21,0),MOD($C764,24)+1)/SUM(INDEX($D$3:$AA$30,INDEX(Jesper!$R$2:$R$366,ROW(INDEX(Jesper!AL$2:AL$366,ROUNDDOWN($C764/24,0)+1,1))-1)+IF('Standard Profiles'!$G$22=$B$10,7,0)+IF('Standard Profiles'!$G$22=$B$17,14,0)+IF('Standard Profiles'!$G$22=$B$24,21,0),0)),0)</f>
        <v>0</v>
      </c>
      <c r="I764">
        <f t="shared" si="97"/>
        <v>13.444534395588907</v>
      </c>
      <c r="J764">
        <f t="shared" si="98"/>
        <v>75.391869567619423</v>
      </c>
      <c r="K764">
        <f t="shared" si="99"/>
        <v>3.2825002606150986</v>
      </c>
      <c r="L764">
        <f t="shared" si="100"/>
        <v>1.6412501303075493</v>
      </c>
      <c r="M764">
        <f t="shared" si="101"/>
        <v>0</v>
      </c>
      <c r="N764" s="45">
        <f t="shared" si="102"/>
        <v>44957.416666664896</v>
      </c>
    </row>
    <row r="765" spans="2:14" x14ac:dyDescent="0.25">
      <c r="B765">
        <f t="shared" si="96"/>
        <v>2</v>
      </c>
      <c r="C765" s="16">
        <v>731</v>
      </c>
      <c r="D765" cm="1">
        <f t="array" ref="D765">IFERROR(INDEX(Jesper!AH$2:AH$366,ROUNDDOWN($C765/24,0)+1,1)*INDEX($D$3:$AA$30,INDEX(Jesper!$R$2:$R$366,ROW(INDEX(Jesper!AH$2:AH$366,ROUNDDOWN($C765/24,0)+1,1))-1)+IF('Standard Profiles'!$G$18=$B$10,7,0)+IF('Standard Profiles'!$G$18=$B$17,14,0)+IF('Standard Profiles'!$G$18=$B$24,21,0),MOD($C765,24)+1)/SUM(INDEX($D$3:$AA$30,INDEX(Jesper!$R$2:$R$366,ROW(INDEX(Jesper!AH$2:AH$366,ROUNDDOWN($C765/24,0)+1,1))-1)+IF('Standard Profiles'!$G$18=$B$10,7,0)+IF('Standard Profiles'!$G$18=$B$17,14,0)+IF('Standard Profiles'!$G$18=$B$24,21,0),0)),0)</f>
        <v>36.822919590233475</v>
      </c>
      <c r="E765" cm="1">
        <f t="array" ref="E765">IFERROR(INDEX(Jesper!AI$2:AI$366,ROUNDDOWN($C765/24,0)+1,1)*INDEX($D$3:$AA$30,INDEX(Jesper!$R$2:$R$366,ROW(INDEX(Jesper!AI$2:AI$366,ROUNDDOWN($C765/24,0)+1,1))-1)+IF('Standard Profiles'!$G$19=$B$10,7,0)+IF('Standard Profiles'!$G$19=$B$17,14,0)+IF('Standard Profiles'!$G$19=$B$24,21,0),MOD($C765,24)+1)/SUM(INDEX($D$3:$AA$30,INDEX(Jesper!$R$2:$R$366,ROW(INDEX(Jesper!AI$2:AI$366,ROUNDDOWN($C765/24,0)+1,1))-1)+IF('Standard Profiles'!$G$19=$B$10,7,0)+IF('Standard Profiles'!$G$19=$B$17,14,0)+IF('Standard Profiles'!$G$19=$B$24,21,0),0)),0)</f>
        <v>41.853140901489347</v>
      </c>
      <c r="F765" cm="1">
        <f t="array" ref="F765">IFERROR(INDEX(Jesper!AJ$2:AJ$366,ROUNDDOWN($C765/24,0)+1,1)*INDEX($D$3:$AA$30,INDEX(Jesper!$R$2:$R$366,ROW(INDEX(Jesper!AJ$2:AJ$366,ROUNDDOWN($C765/24,0)+1,1))-1)+IF('Standard Profiles'!$G$20=$B$10,7,0)+IF('Standard Profiles'!$G$20=$B$17,14,0)+IF('Standard Profiles'!$G$20=$B$24,21,0),MOD($C765,24)+1)/SUM(INDEX($D$3:$AA$30,INDEX(Jesper!$R$2:$R$366,ROW(INDEX(Jesper!AJ$2:AJ$366,ROUNDDOWN($C765/24,0)+1,1))-1)+IF('Standard Profiles'!$G$20=$B$10,7,0)+IF('Standard Profiles'!$G$20=$B$17,14,0)+IF('Standard Profiles'!$G$20=$B$24,21,0),0)),0)</f>
        <v>0</v>
      </c>
      <c r="G765" cm="1">
        <f t="array" ref="G765">IFERROR(INDEX(Jesper!AK$2:AK$366,ROUNDDOWN($C765/24,0)+1,1)*INDEX($D$3:$AA$30,INDEX(Jesper!$R$2:$R$366,ROW(INDEX(Jesper!AK$2:AK$366,ROUNDDOWN($C765/24,0)+1,1))-1)+IF('Standard Profiles'!$G$21=$B$10,7,0)+IF('Standard Profiles'!$G$21=$B$17,14,0)+IF('Standard Profiles'!$G$21=$B$24,21,0),MOD($C765,24)+1)/SUM(INDEX($D$3:$AA$30,INDEX(Jesper!$R$2:$R$366,ROW(INDEX(Jesper!AK$2:AK$366,ROUNDDOWN($C765/24,0)+1,1))-1)+IF('Standard Profiles'!$G$21=$B$10,7,0)+IF('Standard Profiles'!$G$21=$B$17,14,0)+IF('Standard Profiles'!$G$21=$B$24,21,0),0)),0)</f>
        <v>33.515577196980914</v>
      </c>
      <c r="H765" cm="1">
        <f t="array" ref="H765">IFERROR(INDEX(Jesper!AL$2:AL$366,ROUNDDOWN($C765/24,0)+1,1)*INDEX($D$3:$AA$30,INDEX(Jesper!$R$2:$R$366,ROW(INDEX(Jesper!AL$2:AL$366,ROUNDDOWN($C765/24,0)+1,1))-1)+IF('Standard Profiles'!$G$22=$B$10,7,0)+IF('Standard Profiles'!$G$22=$B$17,14,0)+IF('Standard Profiles'!$G$22=$B$24,21,0),MOD($C765,24)+1)/SUM(INDEX($D$3:$AA$30,INDEX(Jesper!$R$2:$R$366,ROW(INDEX(Jesper!AL$2:AL$366,ROUNDDOWN($C765/24,0)+1,1))-1)+IF('Standard Profiles'!$G$22=$B$10,7,0)+IF('Standard Profiles'!$G$22=$B$17,14,0)+IF('Standard Profiles'!$G$22=$B$24,21,0),0)),0)</f>
        <v>0</v>
      </c>
      <c r="I765">
        <f t="shared" si="97"/>
        <v>16.087477054550831</v>
      </c>
      <c r="J765">
        <f t="shared" si="98"/>
        <v>90.212493499715549</v>
      </c>
      <c r="K765">
        <f t="shared" si="99"/>
        <v>3.9277780896249044</v>
      </c>
      <c r="L765">
        <f t="shared" si="100"/>
        <v>1.9638890448124522</v>
      </c>
      <c r="M765">
        <f t="shared" si="101"/>
        <v>0</v>
      </c>
      <c r="N765" s="45">
        <f t="shared" si="102"/>
        <v>44957.45833333156</v>
      </c>
    </row>
    <row r="766" spans="2:14" x14ac:dyDescent="0.25">
      <c r="B766">
        <f t="shared" si="96"/>
        <v>2</v>
      </c>
      <c r="C766" s="16">
        <v>732</v>
      </c>
      <c r="D766" cm="1">
        <f t="array" ref="D766">IFERROR(INDEX(Jesper!AH$2:AH$366,ROUNDDOWN($C766/24,0)+1,1)*INDEX($D$3:$AA$30,INDEX(Jesper!$R$2:$R$366,ROW(INDEX(Jesper!AH$2:AH$366,ROUNDDOWN($C766/24,0)+1,1))-1)+IF('Standard Profiles'!$G$18=$B$10,7,0)+IF('Standard Profiles'!$G$18=$B$17,14,0)+IF('Standard Profiles'!$G$18=$B$24,21,0),MOD($C766,24)+1)/SUM(INDEX($D$3:$AA$30,INDEX(Jesper!$R$2:$R$366,ROW(INDEX(Jesper!AH$2:AH$366,ROUNDDOWN($C766/24,0)+1,1))-1)+IF('Standard Profiles'!$G$18=$B$10,7,0)+IF('Standard Profiles'!$G$18=$B$17,14,0)+IF('Standard Profiles'!$G$18=$B$24,21,0),0)),0)</f>
        <v>36.822919590233475</v>
      </c>
      <c r="E766" cm="1">
        <f t="array" ref="E766">IFERROR(INDEX(Jesper!AI$2:AI$366,ROUNDDOWN($C766/24,0)+1,1)*INDEX($D$3:$AA$30,INDEX(Jesper!$R$2:$R$366,ROW(INDEX(Jesper!AI$2:AI$366,ROUNDDOWN($C766/24,0)+1,1))-1)+IF('Standard Profiles'!$G$19=$B$10,7,0)+IF('Standard Profiles'!$G$19=$B$17,14,0)+IF('Standard Profiles'!$G$19=$B$24,21,0),MOD($C766,24)+1)/SUM(INDEX($D$3:$AA$30,INDEX(Jesper!$R$2:$R$366,ROW(INDEX(Jesper!AI$2:AI$366,ROUNDDOWN($C766/24,0)+1,1))-1)+IF('Standard Profiles'!$G$19=$B$10,7,0)+IF('Standard Profiles'!$G$19=$B$17,14,0)+IF('Standard Profiles'!$G$19=$B$24,21,0),0)),0)</f>
        <v>41.853140901489347</v>
      </c>
      <c r="F766" cm="1">
        <f t="array" ref="F766">IFERROR(INDEX(Jesper!AJ$2:AJ$366,ROUNDDOWN($C766/24,0)+1,1)*INDEX($D$3:$AA$30,INDEX(Jesper!$R$2:$R$366,ROW(INDEX(Jesper!AJ$2:AJ$366,ROUNDDOWN($C766/24,0)+1,1))-1)+IF('Standard Profiles'!$G$20=$B$10,7,0)+IF('Standard Profiles'!$G$20=$B$17,14,0)+IF('Standard Profiles'!$G$20=$B$24,21,0),MOD($C766,24)+1)/SUM(INDEX($D$3:$AA$30,INDEX(Jesper!$R$2:$R$366,ROW(INDEX(Jesper!AJ$2:AJ$366,ROUNDDOWN($C766/24,0)+1,1))-1)+IF('Standard Profiles'!$G$20=$B$10,7,0)+IF('Standard Profiles'!$G$20=$B$17,14,0)+IF('Standard Profiles'!$G$20=$B$24,21,0),0)),0)</f>
        <v>0</v>
      </c>
      <c r="G766" cm="1">
        <f t="array" ref="G766">IFERROR(INDEX(Jesper!AK$2:AK$366,ROUNDDOWN($C766/24,0)+1,1)*INDEX($D$3:$AA$30,INDEX(Jesper!$R$2:$R$366,ROW(INDEX(Jesper!AK$2:AK$366,ROUNDDOWN($C766/24,0)+1,1))-1)+IF('Standard Profiles'!$G$21=$B$10,7,0)+IF('Standard Profiles'!$G$21=$B$17,14,0)+IF('Standard Profiles'!$G$21=$B$24,21,0),MOD($C766,24)+1)/SUM(INDEX($D$3:$AA$30,INDEX(Jesper!$R$2:$R$366,ROW(INDEX(Jesper!AK$2:AK$366,ROUNDDOWN($C766/24,0)+1,1))-1)+IF('Standard Profiles'!$G$21=$B$10,7,0)+IF('Standard Profiles'!$G$21=$B$17,14,0)+IF('Standard Profiles'!$G$21=$B$24,21,0),0)),0)</f>
        <v>33.515577196980914</v>
      </c>
      <c r="H766" cm="1">
        <f t="array" ref="H766">IFERROR(INDEX(Jesper!AL$2:AL$366,ROUNDDOWN($C766/24,0)+1,1)*INDEX($D$3:$AA$30,INDEX(Jesper!$R$2:$R$366,ROW(INDEX(Jesper!AL$2:AL$366,ROUNDDOWN($C766/24,0)+1,1))-1)+IF('Standard Profiles'!$G$22=$B$10,7,0)+IF('Standard Profiles'!$G$22=$B$17,14,0)+IF('Standard Profiles'!$G$22=$B$24,21,0),MOD($C766,24)+1)/SUM(INDEX($D$3:$AA$30,INDEX(Jesper!$R$2:$R$366,ROW(INDEX(Jesper!AL$2:AL$366,ROUNDDOWN($C766/24,0)+1,1))-1)+IF('Standard Profiles'!$G$22=$B$10,7,0)+IF('Standard Profiles'!$G$22=$B$17,14,0)+IF('Standard Profiles'!$G$22=$B$24,21,0),0)),0)</f>
        <v>0</v>
      </c>
      <c r="I766">
        <f t="shared" si="97"/>
        <v>16.087477054550831</v>
      </c>
      <c r="J766">
        <f t="shared" si="98"/>
        <v>90.212493499715549</v>
      </c>
      <c r="K766">
        <f t="shared" si="99"/>
        <v>3.9277780896249044</v>
      </c>
      <c r="L766">
        <f t="shared" si="100"/>
        <v>1.9638890448124522</v>
      </c>
      <c r="M766">
        <f t="shared" si="101"/>
        <v>0</v>
      </c>
      <c r="N766" s="45">
        <f t="shared" si="102"/>
        <v>44957.499999998225</v>
      </c>
    </row>
    <row r="767" spans="2:14" x14ac:dyDescent="0.25">
      <c r="B767">
        <f t="shared" si="96"/>
        <v>2</v>
      </c>
      <c r="C767" s="16">
        <v>733</v>
      </c>
      <c r="D767" cm="1">
        <f t="array" ref="D767">IFERROR(INDEX(Jesper!AH$2:AH$366,ROUNDDOWN($C767/24,0)+1,1)*INDEX($D$3:$AA$30,INDEX(Jesper!$R$2:$R$366,ROW(INDEX(Jesper!AH$2:AH$366,ROUNDDOWN($C767/24,0)+1,1))-1)+IF('Standard Profiles'!$G$18=$B$10,7,0)+IF('Standard Profiles'!$G$18=$B$17,14,0)+IF('Standard Profiles'!$G$18=$B$24,21,0),MOD($C767,24)+1)/SUM(INDEX($D$3:$AA$30,INDEX(Jesper!$R$2:$R$366,ROW(INDEX(Jesper!AH$2:AH$366,ROUNDDOWN($C767/24,0)+1,1))-1)+IF('Standard Profiles'!$G$18=$B$10,7,0)+IF('Standard Profiles'!$G$18=$B$17,14,0)+IF('Standard Profiles'!$G$18=$B$24,21,0),0)),0)</f>
        <v>24.460939442083667</v>
      </c>
      <c r="E767" cm="1">
        <f t="array" ref="E767">IFERROR(INDEX(Jesper!AI$2:AI$366,ROUNDDOWN($C767/24,0)+1,1)*INDEX($D$3:$AA$30,INDEX(Jesper!$R$2:$R$366,ROW(INDEX(Jesper!AI$2:AI$366,ROUNDDOWN($C767/24,0)+1,1))-1)+IF('Standard Profiles'!$G$19=$B$10,7,0)+IF('Standard Profiles'!$G$19=$B$17,14,0)+IF('Standard Profiles'!$G$19=$B$24,21,0),MOD($C767,24)+1)/SUM(INDEX($D$3:$AA$30,INDEX(Jesper!$R$2:$R$366,ROW(INDEX(Jesper!AI$2:AI$366,ROUNDDOWN($C767/24,0)+1,1))-1)+IF('Standard Profiles'!$G$19=$B$10,7,0)+IF('Standard Profiles'!$G$19=$B$17,14,0)+IF('Standard Profiles'!$G$19=$B$24,21,0),0)),0)</f>
        <v>27.802443598846494</v>
      </c>
      <c r="F767" cm="1">
        <f t="array" ref="F767">IFERROR(INDEX(Jesper!AJ$2:AJ$366,ROUNDDOWN($C767/24,0)+1,1)*INDEX($D$3:$AA$30,INDEX(Jesper!$R$2:$R$366,ROW(INDEX(Jesper!AJ$2:AJ$366,ROUNDDOWN($C767/24,0)+1,1))-1)+IF('Standard Profiles'!$G$20=$B$10,7,0)+IF('Standard Profiles'!$G$20=$B$17,14,0)+IF('Standard Profiles'!$G$20=$B$24,21,0),MOD($C767,24)+1)/SUM(INDEX($D$3:$AA$30,INDEX(Jesper!$R$2:$R$366,ROW(INDEX(Jesper!AJ$2:AJ$366,ROUNDDOWN($C767/24,0)+1,1))-1)+IF('Standard Profiles'!$G$20=$B$10,7,0)+IF('Standard Profiles'!$G$20=$B$17,14,0)+IF('Standard Profiles'!$G$20=$B$24,21,0),0)),0)</f>
        <v>0</v>
      </c>
      <c r="G767" cm="1">
        <f t="array" ref="G767">IFERROR(INDEX(Jesper!AK$2:AK$366,ROUNDDOWN($C767/24,0)+1,1)*INDEX($D$3:$AA$30,INDEX(Jesper!$R$2:$R$366,ROW(INDEX(Jesper!AK$2:AK$366,ROUNDDOWN($C767/24,0)+1,1))-1)+IF('Standard Profiles'!$G$21=$B$10,7,0)+IF('Standard Profiles'!$G$21=$B$17,14,0)+IF('Standard Profiles'!$G$21=$B$24,21,0),MOD($C767,24)+1)/SUM(INDEX($D$3:$AA$30,INDEX(Jesper!$R$2:$R$366,ROW(INDEX(Jesper!AK$2:AK$366,ROUNDDOWN($C767/24,0)+1,1))-1)+IF('Standard Profiles'!$G$21=$B$10,7,0)+IF('Standard Profiles'!$G$21=$B$17,14,0)+IF('Standard Profiles'!$G$21=$B$24,21,0),0)),0)</f>
        <v>22.263919137994456</v>
      </c>
      <c r="H767" cm="1">
        <f t="array" ref="H767">IFERROR(INDEX(Jesper!AL$2:AL$366,ROUNDDOWN($C767/24,0)+1,1)*INDEX($D$3:$AA$30,INDEX(Jesper!$R$2:$R$366,ROW(INDEX(Jesper!AL$2:AL$366,ROUNDDOWN($C767/24,0)+1,1))-1)+IF('Standard Profiles'!$G$22=$B$10,7,0)+IF('Standard Profiles'!$G$22=$B$17,14,0)+IF('Standard Profiles'!$G$22=$B$24,21,0),MOD($C767,24)+1)/SUM(INDEX($D$3:$AA$30,INDEX(Jesper!$R$2:$R$366,ROW(INDEX(Jesper!AL$2:AL$366,ROUNDDOWN($C767/24,0)+1,1))-1)+IF('Standard Profiles'!$G$22=$B$10,7,0)+IF('Standard Profiles'!$G$22=$B$17,14,0)+IF('Standard Profiles'!$G$22=$B$24,21,0),0)),0)</f>
        <v>0</v>
      </c>
      <c r="I767">
        <f t="shared" si="97"/>
        <v>10.686681186237333</v>
      </c>
      <c r="J767">
        <f t="shared" si="98"/>
        <v>59.926870681953901</v>
      </c>
      <c r="K767">
        <f t="shared" si="99"/>
        <v>2.6091668738222582</v>
      </c>
      <c r="L767">
        <f t="shared" si="100"/>
        <v>1.3045834369111291</v>
      </c>
      <c r="M767">
        <f t="shared" si="101"/>
        <v>0</v>
      </c>
      <c r="N767" s="45">
        <f t="shared" si="102"/>
        <v>44957.541666664889</v>
      </c>
    </row>
    <row r="768" spans="2:14" x14ac:dyDescent="0.25">
      <c r="B768">
        <f t="shared" si="96"/>
        <v>2</v>
      </c>
      <c r="C768" s="16">
        <v>734</v>
      </c>
      <c r="D768" cm="1">
        <f t="array" ref="D768">IFERROR(INDEX(Jesper!AH$2:AH$366,ROUNDDOWN($C768/24,0)+1,1)*INDEX($D$3:$AA$30,INDEX(Jesper!$R$2:$R$366,ROW(INDEX(Jesper!AH$2:AH$366,ROUNDDOWN($C768/24,0)+1,1))-1)+IF('Standard Profiles'!$G$18=$B$10,7,0)+IF('Standard Profiles'!$G$18=$B$17,14,0)+IF('Standard Profiles'!$G$18=$B$24,21,0),MOD($C768,24)+1)/SUM(INDEX($D$3:$AA$30,INDEX(Jesper!$R$2:$R$366,ROW(INDEX(Jesper!AH$2:AH$366,ROUNDDOWN($C768/24,0)+1,1))-1)+IF('Standard Profiles'!$G$18=$B$10,7,0)+IF('Standard Profiles'!$G$18=$B$17,14,0)+IF('Standard Profiles'!$G$18=$B$24,21,0),0)),0)</f>
        <v>36.822919590233475</v>
      </c>
      <c r="E768" cm="1">
        <f t="array" ref="E768">IFERROR(INDEX(Jesper!AI$2:AI$366,ROUNDDOWN($C768/24,0)+1,1)*INDEX($D$3:$AA$30,INDEX(Jesper!$R$2:$R$366,ROW(INDEX(Jesper!AI$2:AI$366,ROUNDDOWN($C768/24,0)+1,1))-1)+IF('Standard Profiles'!$G$19=$B$10,7,0)+IF('Standard Profiles'!$G$19=$B$17,14,0)+IF('Standard Profiles'!$G$19=$B$24,21,0),MOD($C768,24)+1)/SUM(INDEX($D$3:$AA$30,INDEX(Jesper!$R$2:$R$366,ROW(INDEX(Jesper!AI$2:AI$366,ROUNDDOWN($C768/24,0)+1,1))-1)+IF('Standard Profiles'!$G$19=$B$10,7,0)+IF('Standard Profiles'!$G$19=$B$17,14,0)+IF('Standard Profiles'!$G$19=$B$24,21,0),0)),0)</f>
        <v>41.853140901489347</v>
      </c>
      <c r="F768" cm="1">
        <f t="array" ref="F768">IFERROR(INDEX(Jesper!AJ$2:AJ$366,ROUNDDOWN($C768/24,0)+1,1)*INDEX($D$3:$AA$30,INDEX(Jesper!$R$2:$R$366,ROW(INDEX(Jesper!AJ$2:AJ$366,ROUNDDOWN($C768/24,0)+1,1))-1)+IF('Standard Profiles'!$G$20=$B$10,7,0)+IF('Standard Profiles'!$G$20=$B$17,14,0)+IF('Standard Profiles'!$G$20=$B$24,21,0),MOD($C768,24)+1)/SUM(INDEX($D$3:$AA$30,INDEX(Jesper!$R$2:$R$366,ROW(INDEX(Jesper!AJ$2:AJ$366,ROUNDDOWN($C768/24,0)+1,1))-1)+IF('Standard Profiles'!$G$20=$B$10,7,0)+IF('Standard Profiles'!$G$20=$B$17,14,0)+IF('Standard Profiles'!$G$20=$B$24,21,0),0)),0)</f>
        <v>0</v>
      </c>
      <c r="G768" cm="1">
        <f t="array" ref="G768">IFERROR(INDEX(Jesper!AK$2:AK$366,ROUNDDOWN($C768/24,0)+1,1)*INDEX($D$3:$AA$30,INDEX(Jesper!$R$2:$R$366,ROW(INDEX(Jesper!AK$2:AK$366,ROUNDDOWN($C768/24,0)+1,1))-1)+IF('Standard Profiles'!$G$21=$B$10,7,0)+IF('Standard Profiles'!$G$21=$B$17,14,0)+IF('Standard Profiles'!$G$21=$B$24,21,0),MOD($C768,24)+1)/SUM(INDEX($D$3:$AA$30,INDEX(Jesper!$R$2:$R$366,ROW(INDEX(Jesper!AK$2:AK$366,ROUNDDOWN($C768/24,0)+1,1))-1)+IF('Standard Profiles'!$G$21=$B$10,7,0)+IF('Standard Profiles'!$G$21=$B$17,14,0)+IF('Standard Profiles'!$G$21=$B$24,21,0),0)),0)</f>
        <v>33.515577196980914</v>
      </c>
      <c r="H768" cm="1">
        <f t="array" ref="H768">IFERROR(INDEX(Jesper!AL$2:AL$366,ROUNDDOWN($C768/24,0)+1,1)*INDEX($D$3:$AA$30,INDEX(Jesper!$R$2:$R$366,ROW(INDEX(Jesper!AL$2:AL$366,ROUNDDOWN($C768/24,0)+1,1))-1)+IF('Standard Profiles'!$G$22=$B$10,7,0)+IF('Standard Profiles'!$G$22=$B$17,14,0)+IF('Standard Profiles'!$G$22=$B$24,21,0),MOD($C768,24)+1)/SUM(INDEX($D$3:$AA$30,INDEX(Jesper!$R$2:$R$366,ROW(INDEX(Jesper!AL$2:AL$366,ROUNDDOWN($C768/24,0)+1,1))-1)+IF('Standard Profiles'!$G$22=$B$10,7,0)+IF('Standard Profiles'!$G$22=$B$17,14,0)+IF('Standard Profiles'!$G$22=$B$24,21,0),0)),0)</f>
        <v>0</v>
      </c>
      <c r="I768">
        <f t="shared" si="97"/>
        <v>16.087477054550831</v>
      </c>
      <c r="J768">
        <f t="shared" si="98"/>
        <v>90.212493499715549</v>
      </c>
      <c r="K768">
        <f t="shared" si="99"/>
        <v>3.9277780896249044</v>
      </c>
      <c r="L768">
        <f t="shared" si="100"/>
        <v>1.9638890448124522</v>
      </c>
      <c r="M768">
        <f t="shared" si="101"/>
        <v>0</v>
      </c>
      <c r="N768" s="45">
        <f t="shared" si="102"/>
        <v>44957.583333331553</v>
      </c>
    </row>
    <row r="769" spans="2:14" x14ac:dyDescent="0.25">
      <c r="B769">
        <f t="shared" si="96"/>
        <v>2</v>
      </c>
      <c r="C769" s="16">
        <v>735</v>
      </c>
      <c r="D769" cm="1">
        <f t="array" ref="D769">IFERROR(INDEX(Jesper!AH$2:AH$366,ROUNDDOWN($C769/24,0)+1,1)*INDEX($D$3:$AA$30,INDEX(Jesper!$R$2:$R$366,ROW(INDEX(Jesper!AH$2:AH$366,ROUNDDOWN($C769/24,0)+1,1))-1)+IF('Standard Profiles'!$G$18=$B$10,7,0)+IF('Standard Profiles'!$G$18=$B$17,14,0)+IF('Standard Profiles'!$G$18=$B$24,21,0),MOD($C769,24)+1)/SUM(INDEX($D$3:$AA$30,INDEX(Jesper!$R$2:$R$366,ROW(INDEX(Jesper!AH$2:AH$366,ROUNDDOWN($C769/24,0)+1,1))-1)+IF('Standard Profiles'!$G$18=$B$10,7,0)+IF('Standard Profiles'!$G$18=$B$17,14,0)+IF('Standard Profiles'!$G$18=$B$24,21,0),0)),0)</f>
        <v>36.822919590233475</v>
      </c>
      <c r="E769" cm="1">
        <f t="array" ref="E769">IFERROR(INDEX(Jesper!AI$2:AI$366,ROUNDDOWN($C769/24,0)+1,1)*INDEX($D$3:$AA$30,INDEX(Jesper!$R$2:$R$366,ROW(INDEX(Jesper!AI$2:AI$366,ROUNDDOWN($C769/24,0)+1,1))-1)+IF('Standard Profiles'!$G$19=$B$10,7,0)+IF('Standard Profiles'!$G$19=$B$17,14,0)+IF('Standard Profiles'!$G$19=$B$24,21,0),MOD($C769,24)+1)/SUM(INDEX($D$3:$AA$30,INDEX(Jesper!$R$2:$R$366,ROW(INDEX(Jesper!AI$2:AI$366,ROUNDDOWN($C769/24,0)+1,1))-1)+IF('Standard Profiles'!$G$19=$B$10,7,0)+IF('Standard Profiles'!$G$19=$B$17,14,0)+IF('Standard Profiles'!$G$19=$B$24,21,0),0)),0)</f>
        <v>41.853140901489347</v>
      </c>
      <c r="F769" cm="1">
        <f t="array" ref="F769">IFERROR(INDEX(Jesper!AJ$2:AJ$366,ROUNDDOWN($C769/24,0)+1,1)*INDEX($D$3:$AA$30,INDEX(Jesper!$R$2:$R$366,ROW(INDEX(Jesper!AJ$2:AJ$366,ROUNDDOWN($C769/24,0)+1,1))-1)+IF('Standard Profiles'!$G$20=$B$10,7,0)+IF('Standard Profiles'!$G$20=$B$17,14,0)+IF('Standard Profiles'!$G$20=$B$24,21,0),MOD($C769,24)+1)/SUM(INDEX($D$3:$AA$30,INDEX(Jesper!$R$2:$R$366,ROW(INDEX(Jesper!AJ$2:AJ$366,ROUNDDOWN($C769/24,0)+1,1))-1)+IF('Standard Profiles'!$G$20=$B$10,7,0)+IF('Standard Profiles'!$G$20=$B$17,14,0)+IF('Standard Profiles'!$G$20=$B$24,21,0),0)),0)</f>
        <v>0</v>
      </c>
      <c r="G769" cm="1">
        <f t="array" ref="G769">IFERROR(INDEX(Jesper!AK$2:AK$366,ROUNDDOWN($C769/24,0)+1,1)*INDEX($D$3:$AA$30,INDEX(Jesper!$R$2:$R$366,ROW(INDEX(Jesper!AK$2:AK$366,ROUNDDOWN($C769/24,0)+1,1))-1)+IF('Standard Profiles'!$G$21=$B$10,7,0)+IF('Standard Profiles'!$G$21=$B$17,14,0)+IF('Standard Profiles'!$G$21=$B$24,21,0),MOD($C769,24)+1)/SUM(INDEX($D$3:$AA$30,INDEX(Jesper!$R$2:$R$366,ROW(INDEX(Jesper!AK$2:AK$366,ROUNDDOWN($C769/24,0)+1,1))-1)+IF('Standard Profiles'!$G$21=$B$10,7,0)+IF('Standard Profiles'!$G$21=$B$17,14,0)+IF('Standard Profiles'!$G$21=$B$24,21,0),0)),0)</f>
        <v>33.515577196980914</v>
      </c>
      <c r="H769" cm="1">
        <f t="array" ref="H769">IFERROR(INDEX(Jesper!AL$2:AL$366,ROUNDDOWN($C769/24,0)+1,1)*INDEX($D$3:$AA$30,INDEX(Jesper!$R$2:$R$366,ROW(INDEX(Jesper!AL$2:AL$366,ROUNDDOWN($C769/24,0)+1,1))-1)+IF('Standard Profiles'!$G$22=$B$10,7,0)+IF('Standard Profiles'!$G$22=$B$17,14,0)+IF('Standard Profiles'!$G$22=$B$24,21,0),MOD($C769,24)+1)/SUM(INDEX($D$3:$AA$30,INDEX(Jesper!$R$2:$R$366,ROW(INDEX(Jesper!AL$2:AL$366,ROUNDDOWN($C769/24,0)+1,1))-1)+IF('Standard Profiles'!$G$22=$B$10,7,0)+IF('Standard Profiles'!$G$22=$B$17,14,0)+IF('Standard Profiles'!$G$22=$B$24,21,0),0)),0)</f>
        <v>0</v>
      </c>
      <c r="I769">
        <f t="shared" si="97"/>
        <v>16.087477054550831</v>
      </c>
      <c r="J769">
        <f t="shared" si="98"/>
        <v>90.212493499715549</v>
      </c>
      <c r="K769">
        <f t="shared" si="99"/>
        <v>3.9277780896249044</v>
      </c>
      <c r="L769">
        <f t="shared" si="100"/>
        <v>1.9638890448124522</v>
      </c>
      <c r="M769">
        <f t="shared" si="101"/>
        <v>0</v>
      </c>
      <c r="N769" s="45">
        <f t="shared" si="102"/>
        <v>44957.624999998217</v>
      </c>
    </row>
    <row r="770" spans="2:14" x14ac:dyDescent="0.25">
      <c r="B770">
        <f t="shared" si="96"/>
        <v>2</v>
      </c>
      <c r="C770" s="16">
        <v>736</v>
      </c>
      <c r="D770" cm="1">
        <f t="array" ref="D770">IFERROR(INDEX(Jesper!AH$2:AH$366,ROUNDDOWN($C770/24,0)+1,1)*INDEX($D$3:$AA$30,INDEX(Jesper!$R$2:$R$366,ROW(INDEX(Jesper!AH$2:AH$366,ROUNDDOWN($C770/24,0)+1,1))-1)+IF('Standard Profiles'!$G$18=$B$10,7,0)+IF('Standard Profiles'!$G$18=$B$17,14,0)+IF('Standard Profiles'!$G$18=$B$24,21,0),MOD($C770,24)+1)/SUM(INDEX($D$3:$AA$30,INDEX(Jesper!$R$2:$R$366,ROW(INDEX(Jesper!AH$2:AH$366,ROUNDDOWN($C770/24,0)+1,1))-1)+IF('Standard Profiles'!$G$18=$B$10,7,0)+IF('Standard Profiles'!$G$18=$B$17,14,0)+IF('Standard Profiles'!$G$18=$B$24,21,0),0)),0)</f>
        <v>21.699220472816155</v>
      </c>
      <c r="E770" cm="1">
        <f t="array" ref="E770">IFERROR(INDEX(Jesper!AI$2:AI$366,ROUNDDOWN($C770/24,0)+1,1)*INDEX($D$3:$AA$30,INDEX(Jesper!$R$2:$R$366,ROW(INDEX(Jesper!AI$2:AI$366,ROUNDDOWN($C770/24,0)+1,1))-1)+IF('Standard Profiles'!$G$19=$B$10,7,0)+IF('Standard Profiles'!$G$19=$B$17,14,0)+IF('Standard Profiles'!$G$19=$B$24,21,0),MOD($C770,24)+1)/SUM(INDEX($D$3:$AA$30,INDEX(Jesper!$R$2:$R$366,ROW(INDEX(Jesper!AI$2:AI$366,ROUNDDOWN($C770/24,0)+1,1))-1)+IF('Standard Profiles'!$G$19=$B$10,7,0)+IF('Standard Profiles'!$G$19=$B$17,14,0)+IF('Standard Profiles'!$G$19=$B$24,21,0),0)),0)</f>
        <v>24.663458031234796</v>
      </c>
      <c r="F770" cm="1">
        <f t="array" ref="F770">IFERROR(INDEX(Jesper!AJ$2:AJ$366,ROUNDDOWN($C770/24,0)+1,1)*INDEX($D$3:$AA$30,INDEX(Jesper!$R$2:$R$366,ROW(INDEX(Jesper!AJ$2:AJ$366,ROUNDDOWN($C770/24,0)+1,1))-1)+IF('Standard Profiles'!$G$20=$B$10,7,0)+IF('Standard Profiles'!$G$20=$B$17,14,0)+IF('Standard Profiles'!$G$20=$B$24,21,0),MOD($C770,24)+1)/SUM(INDEX($D$3:$AA$30,INDEX(Jesper!$R$2:$R$366,ROW(INDEX(Jesper!AJ$2:AJ$366,ROUNDDOWN($C770/24,0)+1,1))-1)+IF('Standard Profiles'!$G$20=$B$10,7,0)+IF('Standard Profiles'!$G$20=$B$17,14,0)+IF('Standard Profiles'!$G$20=$B$24,21,0),0)),0)</f>
        <v>0</v>
      </c>
      <c r="G770" cm="1">
        <f t="array" ref="G770">IFERROR(INDEX(Jesper!AK$2:AK$366,ROUNDDOWN($C770/24,0)+1,1)*INDEX($D$3:$AA$30,INDEX(Jesper!$R$2:$R$366,ROW(INDEX(Jesper!AK$2:AK$366,ROUNDDOWN($C770/24,0)+1,1))-1)+IF('Standard Profiles'!$G$21=$B$10,7,0)+IF('Standard Profiles'!$G$21=$B$17,14,0)+IF('Standard Profiles'!$G$21=$B$24,21,0),MOD($C770,24)+1)/SUM(INDEX($D$3:$AA$30,INDEX(Jesper!$R$2:$R$366,ROW(INDEX(Jesper!AK$2:AK$366,ROUNDDOWN($C770/24,0)+1,1))-1)+IF('Standard Profiles'!$G$21=$B$10,7,0)+IF('Standard Profiles'!$G$21=$B$17,14,0)+IF('Standard Profiles'!$G$21=$B$24,21,0),0)),0)</f>
        <v>28.014540210242405</v>
      </c>
      <c r="H770" cm="1">
        <f t="array" ref="H770">IFERROR(INDEX(Jesper!AL$2:AL$366,ROUNDDOWN($C770/24,0)+1,1)*INDEX($D$3:$AA$30,INDEX(Jesper!$R$2:$R$366,ROW(INDEX(Jesper!AL$2:AL$366,ROUNDDOWN($C770/24,0)+1,1))-1)+IF('Standard Profiles'!$G$22=$B$10,7,0)+IF('Standard Profiles'!$G$22=$B$17,14,0)+IF('Standard Profiles'!$G$22=$B$24,21,0),MOD($C770,24)+1)/SUM(INDEX($D$3:$AA$30,INDEX(Jesper!$R$2:$R$366,ROW(INDEX(Jesper!AL$2:AL$366,ROUNDDOWN($C770/24,0)+1,1))-1)+IF('Standard Profiles'!$G$22=$B$10,7,0)+IF('Standard Profiles'!$G$22=$B$17,14,0)+IF('Standard Profiles'!$G$22=$B$24,21,0),0)),0)</f>
        <v>0</v>
      </c>
      <c r="I770">
        <f t="shared" si="97"/>
        <v>13.446979300916349</v>
      </c>
      <c r="J770">
        <f t="shared" si="98"/>
        <v>57.45836413772642</v>
      </c>
      <c r="K770">
        <f t="shared" si="99"/>
        <v>2.3145835171003899</v>
      </c>
      <c r="L770">
        <f t="shared" si="100"/>
        <v>1.1572917585501949</v>
      </c>
      <c r="M770">
        <f t="shared" si="101"/>
        <v>0</v>
      </c>
      <c r="N770" s="45">
        <f t="shared" si="102"/>
        <v>44957.666666664882</v>
      </c>
    </row>
    <row r="771" spans="2:14" x14ac:dyDescent="0.25">
      <c r="B771">
        <f t="shared" si="96"/>
        <v>2</v>
      </c>
      <c r="C771" s="16">
        <v>737</v>
      </c>
      <c r="D771" cm="1">
        <f t="array" ref="D771">IFERROR(INDEX(Jesper!AH$2:AH$366,ROUNDDOWN($C771/24,0)+1,1)*INDEX($D$3:$AA$30,INDEX(Jesper!$R$2:$R$366,ROW(INDEX(Jesper!AH$2:AH$366,ROUNDDOWN($C771/24,0)+1,1))-1)+IF('Standard Profiles'!$G$18=$B$10,7,0)+IF('Standard Profiles'!$G$18=$B$17,14,0)+IF('Standard Profiles'!$G$18=$B$24,21,0),MOD($C771,24)+1)/SUM(INDEX($D$3:$AA$30,INDEX(Jesper!$R$2:$R$366,ROW(INDEX(Jesper!AH$2:AH$366,ROUNDDOWN($C771/24,0)+1,1))-1)+IF('Standard Profiles'!$G$18=$B$10,7,0)+IF('Standard Profiles'!$G$18=$B$17,14,0)+IF('Standard Profiles'!$G$18=$B$24,21,0),0)),0)</f>
        <v>9.2612976836603309</v>
      </c>
      <c r="E771" cm="1">
        <f t="array" ref="E771">IFERROR(INDEX(Jesper!AI$2:AI$366,ROUNDDOWN($C771/24,0)+1,1)*INDEX($D$3:$AA$30,INDEX(Jesper!$R$2:$R$366,ROW(INDEX(Jesper!AI$2:AI$366,ROUNDDOWN($C771/24,0)+1,1))-1)+IF('Standard Profiles'!$G$19=$B$10,7,0)+IF('Standard Profiles'!$G$19=$B$17,14,0)+IF('Standard Profiles'!$G$19=$B$24,21,0),MOD($C771,24)+1)/SUM(INDEX($D$3:$AA$30,INDEX(Jesper!$R$2:$R$366,ROW(INDEX(Jesper!AI$2:AI$366,ROUNDDOWN($C771/24,0)+1,1))-1)+IF('Standard Profiles'!$G$19=$B$10,7,0)+IF('Standard Profiles'!$G$19=$B$17,14,0)+IF('Standard Profiles'!$G$19=$B$24,21,0),0)),0)</f>
        <v>10.526443888704565</v>
      </c>
      <c r="F771" cm="1">
        <f t="array" ref="F771">IFERROR(INDEX(Jesper!AJ$2:AJ$366,ROUNDDOWN($C771/24,0)+1,1)*INDEX($D$3:$AA$30,INDEX(Jesper!$R$2:$R$366,ROW(INDEX(Jesper!AJ$2:AJ$366,ROUNDDOWN($C771/24,0)+1,1))-1)+IF('Standard Profiles'!$G$20=$B$10,7,0)+IF('Standard Profiles'!$G$20=$B$17,14,0)+IF('Standard Profiles'!$G$20=$B$24,21,0),MOD($C771,24)+1)/SUM(INDEX($D$3:$AA$30,INDEX(Jesper!$R$2:$R$366,ROW(INDEX(Jesper!AJ$2:AJ$366,ROUNDDOWN($C771/24,0)+1,1))-1)+IF('Standard Profiles'!$G$20=$B$10,7,0)+IF('Standard Profiles'!$G$20=$B$17,14,0)+IF('Standard Profiles'!$G$20=$B$24,21,0),0)),0)</f>
        <v>0</v>
      </c>
      <c r="G771" cm="1">
        <f t="array" ref="G771">IFERROR(INDEX(Jesper!AK$2:AK$366,ROUNDDOWN($C771/24,0)+1,1)*INDEX($D$3:$AA$30,INDEX(Jesper!$R$2:$R$366,ROW(INDEX(Jesper!AK$2:AK$366,ROUNDDOWN($C771/24,0)+1,1))-1)+IF('Standard Profiles'!$G$21=$B$10,7,0)+IF('Standard Profiles'!$G$21=$B$17,14,0)+IF('Standard Profiles'!$G$21=$B$24,21,0),MOD($C771,24)+1)/SUM(INDEX($D$3:$AA$30,INDEX(Jesper!$R$2:$R$366,ROW(INDEX(Jesper!AK$2:AK$366,ROUNDDOWN($C771/24,0)+1,1))-1)+IF('Standard Profiles'!$G$21=$B$10,7,0)+IF('Standard Profiles'!$G$21=$B$17,14,0)+IF('Standard Profiles'!$G$21=$B$24,21,0),0)),0)</f>
        <v>22.258825585228962</v>
      </c>
      <c r="H771" cm="1">
        <f t="array" ref="H771">IFERROR(INDEX(Jesper!AL$2:AL$366,ROUNDDOWN($C771/24,0)+1,1)*INDEX($D$3:$AA$30,INDEX(Jesper!$R$2:$R$366,ROW(INDEX(Jesper!AL$2:AL$366,ROUNDDOWN($C771/24,0)+1,1))-1)+IF('Standard Profiles'!$G$22=$B$10,7,0)+IF('Standard Profiles'!$G$22=$B$17,14,0)+IF('Standard Profiles'!$G$22=$B$24,21,0),MOD($C771,24)+1)/SUM(INDEX($D$3:$AA$30,INDEX(Jesper!$R$2:$R$366,ROW(INDEX(Jesper!AL$2:AL$366,ROUNDDOWN($C771/24,0)+1,1))-1)+IF('Standard Profiles'!$G$22=$B$10,7,0)+IF('Standard Profiles'!$G$22=$B$17,14,0)+IF('Standard Profiles'!$G$22=$B$24,21,0),0)),0)</f>
        <v>0</v>
      </c>
      <c r="I771">
        <f t="shared" si="97"/>
        <v>10.684236280909897</v>
      </c>
      <c r="J771">
        <f t="shared" si="98"/>
        <v>29.88052324729831</v>
      </c>
      <c r="K771">
        <f t="shared" si="99"/>
        <v>0.98787175292376872</v>
      </c>
      <c r="L771">
        <f t="shared" si="100"/>
        <v>0.49393587646188436</v>
      </c>
      <c r="M771">
        <f t="shared" si="101"/>
        <v>0</v>
      </c>
      <c r="N771" s="45">
        <f t="shared" si="102"/>
        <v>44957.708333331546</v>
      </c>
    </row>
    <row r="772" spans="2:14" x14ac:dyDescent="0.25">
      <c r="B772">
        <f t="shared" si="96"/>
        <v>2</v>
      </c>
      <c r="C772" s="16">
        <v>738</v>
      </c>
      <c r="D772" cm="1">
        <f t="array" ref="D772">IFERROR(INDEX(Jesper!AH$2:AH$366,ROUNDDOWN($C772/24,0)+1,1)*INDEX($D$3:$AA$30,INDEX(Jesper!$R$2:$R$366,ROW(INDEX(Jesper!AH$2:AH$366,ROUNDDOWN($C772/24,0)+1,1))-1)+IF('Standard Profiles'!$G$18=$B$10,7,0)+IF('Standard Profiles'!$G$18=$B$17,14,0)+IF('Standard Profiles'!$G$18=$B$24,21,0),MOD($C772,24)+1)/SUM(INDEX($D$3:$AA$30,INDEX(Jesper!$R$2:$R$366,ROW(INDEX(Jesper!AH$2:AH$366,ROUNDDOWN($C772/24,0)+1,1))-1)+IF('Standard Profiles'!$G$18=$B$10,7,0)+IF('Standard Profiles'!$G$18=$B$17,14,0)+IF('Standard Profiles'!$G$18=$B$24,21,0),0)),0)</f>
        <v>6.1124564712158183</v>
      </c>
      <c r="E772" cm="1">
        <f t="array" ref="E772">IFERROR(INDEX(Jesper!AI$2:AI$366,ROUNDDOWN($C772/24,0)+1,1)*INDEX($D$3:$AA$30,INDEX(Jesper!$R$2:$R$366,ROW(INDEX(Jesper!AI$2:AI$366,ROUNDDOWN($C772/24,0)+1,1))-1)+IF('Standard Profiles'!$G$19=$B$10,7,0)+IF('Standard Profiles'!$G$19=$B$17,14,0)+IF('Standard Profiles'!$G$19=$B$24,21,0),MOD($C772,24)+1)/SUM(INDEX($D$3:$AA$30,INDEX(Jesper!$R$2:$R$366,ROW(INDEX(Jesper!AI$2:AI$366,ROUNDDOWN($C772/24,0)+1,1))-1)+IF('Standard Profiles'!$G$19=$B$10,7,0)+IF('Standard Profiles'!$G$19=$B$17,14,0)+IF('Standard Profiles'!$G$19=$B$24,21,0),0)),0)</f>
        <v>6.9474529665450131</v>
      </c>
      <c r="F772" cm="1">
        <f t="array" ref="F772">IFERROR(INDEX(Jesper!AJ$2:AJ$366,ROUNDDOWN($C772/24,0)+1,1)*INDEX($D$3:$AA$30,INDEX(Jesper!$R$2:$R$366,ROW(INDEX(Jesper!AJ$2:AJ$366,ROUNDDOWN($C772/24,0)+1,1))-1)+IF('Standard Profiles'!$G$20=$B$10,7,0)+IF('Standard Profiles'!$G$20=$B$17,14,0)+IF('Standard Profiles'!$G$20=$B$24,21,0),MOD($C772,24)+1)/SUM(INDEX($D$3:$AA$30,INDEX(Jesper!$R$2:$R$366,ROW(INDEX(Jesper!AJ$2:AJ$366,ROUNDDOWN($C772/24,0)+1,1))-1)+IF('Standard Profiles'!$G$20=$B$10,7,0)+IF('Standard Profiles'!$G$20=$B$17,14,0)+IF('Standard Profiles'!$G$20=$B$24,21,0),0)),0)</f>
        <v>0</v>
      </c>
      <c r="G772" cm="1">
        <f t="array" ref="G772">IFERROR(INDEX(Jesper!AK$2:AK$366,ROUNDDOWN($C772/24,0)+1,1)*INDEX($D$3:$AA$30,INDEX(Jesper!$R$2:$R$366,ROW(INDEX(Jesper!AK$2:AK$366,ROUNDDOWN($C772/24,0)+1,1))-1)+IF('Standard Profiles'!$G$21=$B$10,7,0)+IF('Standard Profiles'!$G$21=$B$17,14,0)+IF('Standard Profiles'!$G$21=$B$24,21,0),MOD($C772,24)+1)/SUM(INDEX($D$3:$AA$30,INDEX(Jesper!$R$2:$R$366,ROW(INDEX(Jesper!AK$2:AK$366,ROUNDDOWN($C772/24,0)+1,1))-1)+IF('Standard Profiles'!$G$21=$B$10,7,0)+IF('Standard Profiles'!$G$21=$B$17,14,0)+IF('Standard Profiles'!$G$21=$B$24,21,0),0)),0)</f>
        <v>7.8950067865228588</v>
      </c>
      <c r="H772" cm="1">
        <f t="array" ref="H772">IFERROR(INDEX(Jesper!AL$2:AL$366,ROUNDDOWN($C772/24,0)+1,1)*INDEX($D$3:$AA$30,INDEX(Jesper!$R$2:$R$366,ROW(INDEX(Jesper!AL$2:AL$366,ROUNDDOWN($C772/24,0)+1,1))-1)+IF('Standard Profiles'!$G$22=$B$10,7,0)+IF('Standard Profiles'!$G$22=$B$17,14,0)+IF('Standard Profiles'!$G$22=$B$24,21,0),MOD($C772,24)+1)/SUM(INDEX($D$3:$AA$30,INDEX(Jesper!$R$2:$R$366,ROW(INDEX(Jesper!AL$2:AL$366,ROUNDDOWN($C772/24,0)+1,1))-1)+IF('Standard Profiles'!$G$22=$B$10,7,0)+IF('Standard Profiles'!$G$22=$B$17,14,0)+IF('Standard Profiles'!$G$22=$B$24,21,0),0)),0)</f>
        <v>0</v>
      </c>
      <c r="I772">
        <f t="shared" si="97"/>
        <v>3.7896032575309704</v>
      </c>
      <c r="J772">
        <f t="shared" si="98"/>
        <v>16.187319931358189</v>
      </c>
      <c r="K772">
        <f t="shared" si="99"/>
        <v>0.65199535692968735</v>
      </c>
      <c r="L772">
        <f t="shared" si="100"/>
        <v>0.32599767846484368</v>
      </c>
      <c r="M772">
        <f t="shared" si="101"/>
        <v>0</v>
      </c>
      <c r="N772" s="45">
        <f t="shared" si="102"/>
        <v>44957.74999999821</v>
      </c>
    </row>
    <row r="773" spans="2:14" x14ac:dyDescent="0.25">
      <c r="B773">
        <f t="shared" si="96"/>
        <v>2</v>
      </c>
      <c r="C773" s="16">
        <v>739</v>
      </c>
      <c r="D773" cm="1">
        <f t="array" ref="D773">IFERROR(INDEX(Jesper!AH$2:AH$366,ROUNDDOWN($C773/24,0)+1,1)*INDEX($D$3:$AA$30,INDEX(Jesper!$R$2:$R$366,ROW(INDEX(Jesper!AH$2:AH$366,ROUNDDOWN($C773/24,0)+1,1))-1)+IF('Standard Profiles'!$G$18=$B$10,7,0)+IF('Standard Profiles'!$G$18=$B$17,14,0)+IF('Standard Profiles'!$G$18=$B$24,21,0),MOD($C773,24)+1)/SUM(INDEX($D$3:$AA$30,INDEX(Jesper!$R$2:$R$366,ROW(INDEX(Jesper!AH$2:AH$366,ROUNDDOWN($C773/24,0)+1,1))-1)+IF('Standard Profiles'!$G$18=$B$10,7,0)+IF('Standard Profiles'!$G$18=$B$17,14,0)+IF('Standard Profiles'!$G$18=$B$24,21,0),0)),0)</f>
        <v>6.1124564712158183</v>
      </c>
      <c r="E773" cm="1">
        <f t="array" ref="E773">IFERROR(INDEX(Jesper!AI$2:AI$366,ROUNDDOWN($C773/24,0)+1,1)*INDEX($D$3:$AA$30,INDEX(Jesper!$R$2:$R$366,ROW(INDEX(Jesper!AI$2:AI$366,ROUNDDOWN($C773/24,0)+1,1))-1)+IF('Standard Profiles'!$G$19=$B$10,7,0)+IF('Standard Profiles'!$G$19=$B$17,14,0)+IF('Standard Profiles'!$G$19=$B$24,21,0),MOD($C773,24)+1)/SUM(INDEX($D$3:$AA$30,INDEX(Jesper!$R$2:$R$366,ROW(INDEX(Jesper!AI$2:AI$366,ROUNDDOWN($C773/24,0)+1,1))-1)+IF('Standard Profiles'!$G$19=$B$10,7,0)+IF('Standard Profiles'!$G$19=$B$17,14,0)+IF('Standard Profiles'!$G$19=$B$24,21,0),0)),0)</f>
        <v>6.9474529665450131</v>
      </c>
      <c r="F773" cm="1">
        <f t="array" ref="F773">IFERROR(INDEX(Jesper!AJ$2:AJ$366,ROUNDDOWN($C773/24,0)+1,1)*INDEX($D$3:$AA$30,INDEX(Jesper!$R$2:$R$366,ROW(INDEX(Jesper!AJ$2:AJ$366,ROUNDDOWN($C773/24,0)+1,1))-1)+IF('Standard Profiles'!$G$20=$B$10,7,0)+IF('Standard Profiles'!$G$20=$B$17,14,0)+IF('Standard Profiles'!$G$20=$B$24,21,0),MOD($C773,24)+1)/SUM(INDEX($D$3:$AA$30,INDEX(Jesper!$R$2:$R$366,ROW(INDEX(Jesper!AJ$2:AJ$366,ROUNDDOWN($C773/24,0)+1,1))-1)+IF('Standard Profiles'!$G$20=$B$10,7,0)+IF('Standard Profiles'!$G$20=$B$17,14,0)+IF('Standard Profiles'!$G$20=$B$24,21,0),0)),0)</f>
        <v>0</v>
      </c>
      <c r="G773" cm="1">
        <f t="array" ref="G773">IFERROR(INDEX(Jesper!AK$2:AK$366,ROUNDDOWN($C773/24,0)+1,1)*INDEX($D$3:$AA$30,INDEX(Jesper!$R$2:$R$366,ROW(INDEX(Jesper!AK$2:AK$366,ROUNDDOWN($C773/24,0)+1,1))-1)+IF('Standard Profiles'!$G$21=$B$10,7,0)+IF('Standard Profiles'!$G$21=$B$17,14,0)+IF('Standard Profiles'!$G$21=$B$24,21,0),MOD($C773,24)+1)/SUM(INDEX($D$3:$AA$30,INDEX(Jesper!$R$2:$R$366,ROW(INDEX(Jesper!AK$2:AK$366,ROUNDDOWN($C773/24,0)+1,1))-1)+IF('Standard Profiles'!$G$21=$B$10,7,0)+IF('Standard Profiles'!$G$21=$B$17,14,0)+IF('Standard Profiles'!$G$21=$B$24,21,0),0)),0)</f>
        <v>7.8950067865228588</v>
      </c>
      <c r="H773" cm="1">
        <f t="array" ref="H773">IFERROR(INDEX(Jesper!AL$2:AL$366,ROUNDDOWN($C773/24,0)+1,1)*INDEX($D$3:$AA$30,INDEX(Jesper!$R$2:$R$366,ROW(INDEX(Jesper!AL$2:AL$366,ROUNDDOWN($C773/24,0)+1,1))-1)+IF('Standard Profiles'!$G$22=$B$10,7,0)+IF('Standard Profiles'!$G$22=$B$17,14,0)+IF('Standard Profiles'!$G$22=$B$24,21,0),MOD($C773,24)+1)/SUM(INDEX($D$3:$AA$30,INDEX(Jesper!$R$2:$R$366,ROW(INDEX(Jesper!AL$2:AL$366,ROUNDDOWN($C773/24,0)+1,1))-1)+IF('Standard Profiles'!$G$22=$B$10,7,0)+IF('Standard Profiles'!$G$22=$B$17,14,0)+IF('Standard Profiles'!$G$22=$B$24,21,0),0)),0)</f>
        <v>0</v>
      </c>
      <c r="I773">
        <f t="shared" si="97"/>
        <v>3.7896032575309704</v>
      </c>
      <c r="J773">
        <f t="shared" si="98"/>
        <v>16.187319931358189</v>
      </c>
      <c r="K773">
        <f t="shared" si="99"/>
        <v>0.65199535692968735</v>
      </c>
      <c r="L773">
        <f t="shared" si="100"/>
        <v>0.32599767846484368</v>
      </c>
      <c r="M773">
        <f t="shared" si="101"/>
        <v>0</v>
      </c>
      <c r="N773" s="45">
        <f t="shared" si="102"/>
        <v>44957.791666664874</v>
      </c>
    </row>
    <row r="774" spans="2:14" x14ac:dyDescent="0.25">
      <c r="B774">
        <f t="shared" si="96"/>
        <v>2</v>
      </c>
      <c r="C774" s="16">
        <v>740</v>
      </c>
      <c r="D774" cm="1">
        <f t="array" ref="D774">IFERROR(INDEX(Jesper!AH$2:AH$366,ROUNDDOWN($C774/24,0)+1,1)*INDEX($D$3:$AA$30,INDEX(Jesper!$R$2:$R$366,ROW(INDEX(Jesper!AH$2:AH$366,ROUNDDOWN($C774/24,0)+1,1))-1)+IF('Standard Profiles'!$G$18=$B$10,7,0)+IF('Standard Profiles'!$G$18=$B$17,14,0)+IF('Standard Profiles'!$G$18=$B$24,21,0),MOD($C774,24)+1)/SUM(INDEX($D$3:$AA$30,INDEX(Jesper!$R$2:$R$366,ROW(INDEX(Jesper!AH$2:AH$366,ROUNDDOWN($C774/24,0)+1,1))-1)+IF('Standard Profiles'!$G$18=$B$10,7,0)+IF('Standard Profiles'!$G$18=$B$17,14,0)+IF('Standard Profiles'!$G$18=$B$24,21,0),0)),0)</f>
        <v>6.1124564712158183</v>
      </c>
      <c r="E774" cm="1">
        <f t="array" ref="E774">IFERROR(INDEX(Jesper!AI$2:AI$366,ROUNDDOWN($C774/24,0)+1,1)*INDEX($D$3:$AA$30,INDEX(Jesper!$R$2:$R$366,ROW(INDEX(Jesper!AI$2:AI$366,ROUNDDOWN($C774/24,0)+1,1))-1)+IF('Standard Profiles'!$G$19=$B$10,7,0)+IF('Standard Profiles'!$G$19=$B$17,14,0)+IF('Standard Profiles'!$G$19=$B$24,21,0),MOD($C774,24)+1)/SUM(INDEX($D$3:$AA$30,INDEX(Jesper!$R$2:$R$366,ROW(INDEX(Jesper!AI$2:AI$366,ROUNDDOWN($C774/24,0)+1,1))-1)+IF('Standard Profiles'!$G$19=$B$10,7,0)+IF('Standard Profiles'!$G$19=$B$17,14,0)+IF('Standard Profiles'!$G$19=$B$24,21,0),0)),0)</f>
        <v>6.9474529665450131</v>
      </c>
      <c r="F774" cm="1">
        <f t="array" ref="F774">IFERROR(INDEX(Jesper!AJ$2:AJ$366,ROUNDDOWN($C774/24,0)+1,1)*INDEX($D$3:$AA$30,INDEX(Jesper!$R$2:$R$366,ROW(INDEX(Jesper!AJ$2:AJ$366,ROUNDDOWN($C774/24,0)+1,1))-1)+IF('Standard Profiles'!$G$20=$B$10,7,0)+IF('Standard Profiles'!$G$20=$B$17,14,0)+IF('Standard Profiles'!$G$20=$B$24,21,0),MOD($C774,24)+1)/SUM(INDEX($D$3:$AA$30,INDEX(Jesper!$R$2:$R$366,ROW(INDEX(Jesper!AJ$2:AJ$366,ROUNDDOWN($C774/24,0)+1,1))-1)+IF('Standard Profiles'!$G$20=$B$10,7,0)+IF('Standard Profiles'!$G$20=$B$17,14,0)+IF('Standard Profiles'!$G$20=$B$24,21,0),0)),0)</f>
        <v>0</v>
      </c>
      <c r="G774" cm="1">
        <f t="array" ref="G774">IFERROR(INDEX(Jesper!AK$2:AK$366,ROUNDDOWN($C774/24,0)+1,1)*INDEX($D$3:$AA$30,INDEX(Jesper!$R$2:$R$366,ROW(INDEX(Jesper!AK$2:AK$366,ROUNDDOWN($C774/24,0)+1,1))-1)+IF('Standard Profiles'!$G$21=$B$10,7,0)+IF('Standard Profiles'!$G$21=$B$17,14,0)+IF('Standard Profiles'!$G$21=$B$24,21,0),MOD($C774,24)+1)/SUM(INDEX($D$3:$AA$30,INDEX(Jesper!$R$2:$R$366,ROW(INDEX(Jesper!AK$2:AK$366,ROUNDDOWN($C774/24,0)+1,1))-1)+IF('Standard Profiles'!$G$21=$B$10,7,0)+IF('Standard Profiles'!$G$21=$B$17,14,0)+IF('Standard Profiles'!$G$21=$B$24,21,0),0)),0)</f>
        <v>7.8950067865228588</v>
      </c>
      <c r="H774" cm="1">
        <f t="array" ref="H774">IFERROR(INDEX(Jesper!AL$2:AL$366,ROUNDDOWN($C774/24,0)+1,1)*INDEX($D$3:$AA$30,INDEX(Jesper!$R$2:$R$366,ROW(INDEX(Jesper!AL$2:AL$366,ROUNDDOWN($C774/24,0)+1,1))-1)+IF('Standard Profiles'!$G$22=$B$10,7,0)+IF('Standard Profiles'!$G$22=$B$17,14,0)+IF('Standard Profiles'!$G$22=$B$24,21,0),MOD($C774,24)+1)/SUM(INDEX($D$3:$AA$30,INDEX(Jesper!$R$2:$R$366,ROW(INDEX(Jesper!AL$2:AL$366,ROUNDDOWN($C774/24,0)+1,1))-1)+IF('Standard Profiles'!$G$22=$B$10,7,0)+IF('Standard Profiles'!$G$22=$B$17,14,0)+IF('Standard Profiles'!$G$22=$B$24,21,0),0)),0)</f>
        <v>0</v>
      </c>
      <c r="I774">
        <f t="shared" si="97"/>
        <v>3.7896032575309704</v>
      </c>
      <c r="J774">
        <f t="shared" si="98"/>
        <v>16.187319931358189</v>
      </c>
      <c r="K774">
        <f t="shared" si="99"/>
        <v>0.65199535692968735</v>
      </c>
      <c r="L774">
        <f t="shared" si="100"/>
        <v>0.32599767846484368</v>
      </c>
      <c r="M774">
        <f t="shared" si="101"/>
        <v>0</v>
      </c>
      <c r="N774" s="45">
        <f t="shared" si="102"/>
        <v>44957.833333331539</v>
      </c>
    </row>
    <row r="775" spans="2:14" x14ac:dyDescent="0.25">
      <c r="B775">
        <f t="shared" si="96"/>
        <v>2</v>
      </c>
      <c r="C775" s="16">
        <v>741</v>
      </c>
      <c r="D775" cm="1">
        <f t="array" ref="D775">IFERROR(INDEX(Jesper!AH$2:AH$366,ROUNDDOWN($C775/24,0)+1,1)*INDEX($D$3:$AA$30,INDEX(Jesper!$R$2:$R$366,ROW(INDEX(Jesper!AH$2:AH$366,ROUNDDOWN($C775/24,0)+1,1))-1)+IF('Standard Profiles'!$G$18=$B$10,7,0)+IF('Standard Profiles'!$G$18=$B$17,14,0)+IF('Standard Profiles'!$G$18=$B$24,21,0),MOD($C775,24)+1)/SUM(INDEX($D$3:$AA$30,INDEX(Jesper!$R$2:$R$366,ROW(INDEX(Jesper!AH$2:AH$366,ROUNDDOWN($C775/24,0)+1,1))-1)+IF('Standard Profiles'!$G$18=$B$10,7,0)+IF('Standard Profiles'!$G$18=$B$17,14,0)+IF('Standard Profiles'!$G$18=$B$24,21,0),0)),0)</f>
        <v>6.1124564712158183</v>
      </c>
      <c r="E775" cm="1">
        <f t="array" ref="E775">IFERROR(INDEX(Jesper!AI$2:AI$366,ROUNDDOWN($C775/24,0)+1,1)*INDEX($D$3:$AA$30,INDEX(Jesper!$R$2:$R$366,ROW(INDEX(Jesper!AI$2:AI$366,ROUNDDOWN($C775/24,0)+1,1))-1)+IF('Standard Profiles'!$G$19=$B$10,7,0)+IF('Standard Profiles'!$G$19=$B$17,14,0)+IF('Standard Profiles'!$G$19=$B$24,21,0),MOD($C775,24)+1)/SUM(INDEX($D$3:$AA$30,INDEX(Jesper!$R$2:$R$366,ROW(INDEX(Jesper!AI$2:AI$366,ROUNDDOWN($C775/24,0)+1,1))-1)+IF('Standard Profiles'!$G$19=$B$10,7,0)+IF('Standard Profiles'!$G$19=$B$17,14,0)+IF('Standard Profiles'!$G$19=$B$24,21,0),0)),0)</f>
        <v>6.9474529665450131</v>
      </c>
      <c r="F775" cm="1">
        <f t="array" ref="F775">IFERROR(INDEX(Jesper!AJ$2:AJ$366,ROUNDDOWN($C775/24,0)+1,1)*INDEX($D$3:$AA$30,INDEX(Jesper!$R$2:$R$366,ROW(INDEX(Jesper!AJ$2:AJ$366,ROUNDDOWN($C775/24,0)+1,1))-1)+IF('Standard Profiles'!$G$20=$B$10,7,0)+IF('Standard Profiles'!$G$20=$B$17,14,0)+IF('Standard Profiles'!$G$20=$B$24,21,0),MOD($C775,24)+1)/SUM(INDEX($D$3:$AA$30,INDEX(Jesper!$R$2:$R$366,ROW(INDEX(Jesper!AJ$2:AJ$366,ROUNDDOWN($C775/24,0)+1,1))-1)+IF('Standard Profiles'!$G$20=$B$10,7,0)+IF('Standard Profiles'!$G$20=$B$17,14,0)+IF('Standard Profiles'!$G$20=$B$24,21,0),0)),0)</f>
        <v>0</v>
      </c>
      <c r="G775" cm="1">
        <f t="array" ref="G775">IFERROR(INDEX(Jesper!AK$2:AK$366,ROUNDDOWN($C775/24,0)+1,1)*INDEX($D$3:$AA$30,INDEX(Jesper!$R$2:$R$366,ROW(INDEX(Jesper!AK$2:AK$366,ROUNDDOWN($C775/24,0)+1,1))-1)+IF('Standard Profiles'!$G$21=$B$10,7,0)+IF('Standard Profiles'!$G$21=$B$17,14,0)+IF('Standard Profiles'!$G$21=$B$24,21,0),MOD($C775,24)+1)/SUM(INDEX($D$3:$AA$30,INDEX(Jesper!$R$2:$R$366,ROW(INDEX(Jesper!AK$2:AK$366,ROUNDDOWN($C775/24,0)+1,1))-1)+IF('Standard Profiles'!$G$21=$B$10,7,0)+IF('Standard Profiles'!$G$21=$B$17,14,0)+IF('Standard Profiles'!$G$21=$B$24,21,0),0)),0)</f>
        <v>7.8950067865228588</v>
      </c>
      <c r="H775" cm="1">
        <f t="array" ref="H775">IFERROR(INDEX(Jesper!AL$2:AL$366,ROUNDDOWN($C775/24,0)+1,1)*INDEX($D$3:$AA$30,INDEX(Jesper!$R$2:$R$366,ROW(INDEX(Jesper!AL$2:AL$366,ROUNDDOWN($C775/24,0)+1,1))-1)+IF('Standard Profiles'!$G$22=$B$10,7,0)+IF('Standard Profiles'!$G$22=$B$17,14,0)+IF('Standard Profiles'!$G$22=$B$24,21,0),MOD($C775,24)+1)/SUM(INDEX($D$3:$AA$30,INDEX(Jesper!$R$2:$R$366,ROW(INDEX(Jesper!AL$2:AL$366,ROUNDDOWN($C775/24,0)+1,1))-1)+IF('Standard Profiles'!$G$22=$B$10,7,0)+IF('Standard Profiles'!$G$22=$B$17,14,0)+IF('Standard Profiles'!$G$22=$B$24,21,0),0)),0)</f>
        <v>0</v>
      </c>
      <c r="I775">
        <f t="shared" si="97"/>
        <v>3.7896032575309704</v>
      </c>
      <c r="J775">
        <f t="shared" si="98"/>
        <v>16.187319931358189</v>
      </c>
      <c r="K775">
        <f t="shared" si="99"/>
        <v>0.65199535692968735</v>
      </c>
      <c r="L775">
        <f t="shared" si="100"/>
        <v>0.32599767846484368</v>
      </c>
      <c r="M775">
        <f t="shared" si="101"/>
        <v>0</v>
      </c>
      <c r="N775" s="45">
        <f t="shared" si="102"/>
        <v>44957.874999998203</v>
      </c>
    </row>
    <row r="776" spans="2:14" x14ac:dyDescent="0.25">
      <c r="B776">
        <f t="shared" si="96"/>
        <v>2</v>
      </c>
      <c r="C776" s="16">
        <v>742</v>
      </c>
      <c r="D776" cm="1">
        <f t="array" ref="D776">IFERROR(INDEX(Jesper!AH$2:AH$366,ROUNDDOWN($C776/24,0)+1,1)*INDEX($D$3:$AA$30,INDEX(Jesper!$R$2:$R$366,ROW(INDEX(Jesper!AH$2:AH$366,ROUNDDOWN($C776/24,0)+1,1))-1)+IF('Standard Profiles'!$G$18=$B$10,7,0)+IF('Standard Profiles'!$G$18=$B$17,14,0)+IF('Standard Profiles'!$G$18=$B$24,21,0),MOD($C776,24)+1)/SUM(INDEX($D$3:$AA$30,INDEX(Jesper!$R$2:$R$366,ROW(INDEX(Jesper!AH$2:AH$366,ROUNDDOWN($C776/24,0)+1,1))-1)+IF('Standard Profiles'!$G$18=$B$10,7,0)+IF('Standard Profiles'!$G$18=$B$17,14,0)+IF('Standard Profiles'!$G$18=$B$24,21,0),0)),0)</f>
        <v>6.1124564712158183</v>
      </c>
      <c r="E776" cm="1">
        <f t="array" ref="E776">IFERROR(INDEX(Jesper!AI$2:AI$366,ROUNDDOWN($C776/24,0)+1,1)*INDEX($D$3:$AA$30,INDEX(Jesper!$R$2:$R$366,ROW(INDEX(Jesper!AI$2:AI$366,ROUNDDOWN($C776/24,0)+1,1))-1)+IF('Standard Profiles'!$G$19=$B$10,7,0)+IF('Standard Profiles'!$G$19=$B$17,14,0)+IF('Standard Profiles'!$G$19=$B$24,21,0),MOD($C776,24)+1)/SUM(INDEX($D$3:$AA$30,INDEX(Jesper!$R$2:$R$366,ROW(INDEX(Jesper!AI$2:AI$366,ROUNDDOWN($C776/24,0)+1,1))-1)+IF('Standard Profiles'!$G$19=$B$10,7,0)+IF('Standard Profiles'!$G$19=$B$17,14,0)+IF('Standard Profiles'!$G$19=$B$24,21,0),0)),0)</f>
        <v>6.9474529665450131</v>
      </c>
      <c r="F776" cm="1">
        <f t="array" ref="F776">IFERROR(INDEX(Jesper!AJ$2:AJ$366,ROUNDDOWN($C776/24,0)+1,1)*INDEX($D$3:$AA$30,INDEX(Jesper!$R$2:$R$366,ROW(INDEX(Jesper!AJ$2:AJ$366,ROUNDDOWN($C776/24,0)+1,1))-1)+IF('Standard Profiles'!$G$20=$B$10,7,0)+IF('Standard Profiles'!$G$20=$B$17,14,0)+IF('Standard Profiles'!$G$20=$B$24,21,0),MOD($C776,24)+1)/SUM(INDEX($D$3:$AA$30,INDEX(Jesper!$R$2:$R$366,ROW(INDEX(Jesper!AJ$2:AJ$366,ROUNDDOWN($C776/24,0)+1,1))-1)+IF('Standard Profiles'!$G$20=$B$10,7,0)+IF('Standard Profiles'!$G$20=$B$17,14,0)+IF('Standard Profiles'!$G$20=$B$24,21,0),0)),0)</f>
        <v>0</v>
      </c>
      <c r="G776" cm="1">
        <f t="array" ref="G776">IFERROR(INDEX(Jesper!AK$2:AK$366,ROUNDDOWN($C776/24,0)+1,1)*INDEX($D$3:$AA$30,INDEX(Jesper!$R$2:$R$366,ROW(INDEX(Jesper!AK$2:AK$366,ROUNDDOWN($C776/24,0)+1,1))-1)+IF('Standard Profiles'!$G$21=$B$10,7,0)+IF('Standard Profiles'!$G$21=$B$17,14,0)+IF('Standard Profiles'!$G$21=$B$24,21,0),MOD($C776,24)+1)/SUM(INDEX($D$3:$AA$30,INDEX(Jesper!$R$2:$R$366,ROW(INDEX(Jesper!AK$2:AK$366,ROUNDDOWN($C776/24,0)+1,1))-1)+IF('Standard Profiles'!$G$21=$B$10,7,0)+IF('Standard Profiles'!$G$21=$B$17,14,0)+IF('Standard Profiles'!$G$21=$B$24,21,0),0)),0)</f>
        <v>7.8950067865228588</v>
      </c>
      <c r="H776" cm="1">
        <f t="array" ref="H776">IFERROR(INDEX(Jesper!AL$2:AL$366,ROUNDDOWN($C776/24,0)+1,1)*INDEX($D$3:$AA$30,INDEX(Jesper!$R$2:$R$366,ROW(INDEX(Jesper!AL$2:AL$366,ROUNDDOWN($C776/24,0)+1,1))-1)+IF('Standard Profiles'!$G$22=$B$10,7,0)+IF('Standard Profiles'!$G$22=$B$17,14,0)+IF('Standard Profiles'!$G$22=$B$24,21,0),MOD($C776,24)+1)/SUM(INDEX($D$3:$AA$30,INDEX(Jesper!$R$2:$R$366,ROW(INDEX(Jesper!AL$2:AL$366,ROUNDDOWN($C776/24,0)+1,1))-1)+IF('Standard Profiles'!$G$22=$B$10,7,0)+IF('Standard Profiles'!$G$22=$B$17,14,0)+IF('Standard Profiles'!$G$22=$B$24,21,0),0)),0)</f>
        <v>0</v>
      </c>
      <c r="I776">
        <f t="shared" si="97"/>
        <v>3.7896032575309704</v>
      </c>
      <c r="J776">
        <f t="shared" si="98"/>
        <v>16.187319931358189</v>
      </c>
      <c r="K776">
        <f t="shared" si="99"/>
        <v>0.65199535692968735</v>
      </c>
      <c r="L776">
        <f t="shared" si="100"/>
        <v>0.32599767846484368</v>
      </c>
      <c r="M776">
        <f t="shared" si="101"/>
        <v>0</v>
      </c>
      <c r="N776" s="45">
        <f t="shared" si="102"/>
        <v>44957.916666664867</v>
      </c>
    </row>
    <row r="777" spans="2:14" x14ac:dyDescent="0.25">
      <c r="B777">
        <f t="shared" si="96"/>
        <v>2</v>
      </c>
      <c r="C777" s="16">
        <v>743</v>
      </c>
      <c r="D777" cm="1">
        <f t="array" ref="D777">IFERROR(INDEX(Jesper!AH$2:AH$366,ROUNDDOWN($C777/24,0)+1,1)*INDEX($D$3:$AA$30,INDEX(Jesper!$R$2:$R$366,ROW(INDEX(Jesper!AH$2:AH$366,ROUNDDOWN($C777/24,0)+1,1))-1)+IF('Standard Profiles'!$G$18=$B$10,7,0)+IF('Standard Profiles'!$G$18=$B$17,14,0)+IF('Standard Profiles'!$G$18=$B$24,21,0),MOD($C777,24)+1)/SUM(INDEX($D$3:$AA$30,INDEX(Jesper!$R$2:$R$366,ROW(INDEX(Jesper!AH$2:AH$366,ROUNDDOWN($C777/24,0)+1,1))-1)+IF('Standard Profiles'!$G$18=$B$10,7,0)+IF('Standard Profiles'!$G$18=$B$17,14,0)+IF('Standard Profiles'!$G$18=$B$24,21,0),0)),0)</f>
        <v>6.1124564712158183</v>
      </c>
      <c r="E777" cm="1">
        <f t="array" ref="E777">IFERROR(INDEX(Jesper!AI$2:AI$366,ROUNDDOWN($C777/24,0)+1,1)*INDEX($D$3:$AA$30,INDEX(Jesper!$R$2:$R$366,ROW(INDEX(Jesper!AI$2:AI$366,ROUNDDOWN($C777/24,0)+1,1))-1)+IF('Standard Profiles'!$G$19=$B$10,7,0)+IF('Standard Profiles'!$G$19=$B$17,14,0)+IF('Standard Profiles'!$G$19=$B$24,21,0),MOD($C777,24)+1)/SUM(INDEX($D$3:$AA$30,INDEX(Jesper!$R$2:$R$366,ROW(INDEX(Jesper!AI$2:AI$366,ROUNDDOWN($C777/24,0)+1,1))-1)+IF('Standard Profiles'!$G$19=$B$10,7,0)+IF('Standard Profiles'!$G$19=$B$17,14,0)+IF('Standard Profiles'!$G$19=$B$24,21,0),0)),0)</f>
        <v>6.9474529665450131</v>
      </c>
      <c r="F777" cm="1">
        <f t="array" ref="F777">IFERROR(INDEX(Jesper!AJ$2:AJ$366,ROUNDDOWN($C777/24,0)+1,1)*INDEX($D$3:$AA$30,INDEX(Jesper!$R$2:$R$366,ROW(INDEX(Jesper!AJ$2:AJ$366,ROUNDDOWN($C777/24,0)+1,1))-1)+IF('Standard Profiles'!$G$20=$B$10,7,0)+IF('Standard Profiles'!$G$20=$B$17,14,0)+IF('Standard Profiles'!$G$20=$B$24,21,0),MOD($C777,24)+1)/SUM(INDEX($D$3:$AA$30,INDEX(Jesper!$R$2:$R$366,ROW(INDEX(Jesper!AJ$2:AJ$366,ROUNDDOWN($C777/24,0)+1,1))-1)+IF('Standard Profiles'!$G$20=$B$10,7,0)+IF('Standard Profiles'!$G$20=$B$17,14,0)+IF('Standard Profiles'!$G$20=$B$24,21,0),0)),0)</f>
        <v>0</v>
      </c>
      <c r="G777" cm="1">
        <f t="array" ref="G777">IFERROR(INDEX(Jesper!AK$2:AK$366,ROUNDDOWN($C777/24,0)+1,1)*INDEX($D$3:$AA$30,INDEX(Jesper!$R$2:$R$366,ROW(INDEX(Jesper!AK$2:AK$366,ROUNDDOWN($C777/24,0)+1,1))-1)+IF('Standard Profiles'!$G$21=$B$10,7,0)+IF('Standard Profiles'!$G$21=$B$17,14,0)+IF('Standard Profiles'!$G$21=$B$24,21,0),MOD($C777,24)+1)/SUM(INDEX($D$3:$AA$30,INDEX(Jesper!$R$2:$R$366,ROW(INDEX(Jesper!AK$2:AK$366,ROUNDDOWN($C777/24,0)+1,1))-1)+IF('Standard Profiles'!$G$21=$B$10,7,0)+IF('Standard Profiles'!$G$21=$B$17,14,0)+IF('Standard Profiles'!$G$21=$B$24,21,0),0)),0)</f>
        <v>7.8950067865228588</v>
      </c>
      <c r="H777" cm="1">
        <f t="array" ref="H777">IFERROR(INDEX(Jesper!AL$2:AL$366,ROUNDDOWN($C777/24,0)+1,1)*INDEX($D$3:$AA$30,INDEX(Jesper!$R$2:$R$366,ROW(INDEX(Jesper!AL$2:AL$366,ROUNDDOWN($C777/24,0)+1,1))-1)+IF('Standard Profiles'!$G$22=$B$10,7,0)+IF('Standard Profiles'!$G$22=$B$17,14,0)+IF('Standard Profiles'!$G$22=$B$24,21,0),MOD($C777,24)+1)/SUM(INDEX($D$3:$AA$30,INDEX(Jesper!$R$2:$R$366,ROW(INDEX(Jesper!AL$2:AL$366,ROUNDDOWN($C777/24,0)+1,1))-1)+IF('Standard Profiles'!$G$22=$B$10,7,0)+IF('Standard Profiles'!$G$22=$B$17,14,0)+IF('Standard Profiles'!$G$22=$B$24,21,0),0)),0)</f>
        <v>0</v>
      </c>
      <c r="I777">
        <f t="shared" si="97"/>
        <v>3.7896032575309704</v>
      </c>
      <c r="J777">
        <f t="shared" si="98"/>
        <v>16.187319931358189</v>
      </c>
      <c r="K777">
        <f t="shared" si="99"/>
        <v>0.65199535692968735</v>
      </c>
      <c r="L777">
        <f t="shared" si="100"/>
        <v>0.32599767846484368</v>
      </c>
      <c r="M777">
        <f t="shared" si="101"/>
        <v>0</v>
      </c>
      <c r="N777" s="45">
        <f t="shared" si="102"/>
        <v>44957.958333331531</v>
      </c>
    </row>
    <row r="778" spans="2:14" x14ac:dyDescent="0.25">
      <c r="B778">
        <f t="shared" si="96"/>
        <v>3</v>
      </c>
      <c r="C778" s="16">
        <v>744</v>
      </c>
      <c r="D778" cm="1">
        <f t="array" ref="D778">IFERROR(INDEX(Jesper!AH$2:AH$366,ROUNDDOWN($C778/24,0)+1,1)*INDEX($D$3:$AA$30,INDEX(Jesper!$R$2:$R$366,ROW(INDEX(Jesper!AH$2:AH$366,ROUNDDOWN($C778/24,0)+1,1))-1)+IF('Standard Profiles'!$G$18=$B$10,7,0)+IF('Standard Profiles'!$G$18=$B$17,14,0)+IF('Standard Profiles'!$G$18=$B$24,21,0),MOD($C778,24)+1)/SUM(INDEX($D$3:$AA$30,INDEX(Jesper!$R$2:$R$366,ROW(INDEX(Jesper!AH$2:AH$366,ROUNDDOWN($C778/24,0)+1,1))-1)+IF('Standard Profiles'!$G$18=$B$10,7,0)+IF('Standard Profiles'!$G$18=$B$17,14,0)+IF('Standard Profiles'!$G$18=$B$24,21,0),0)),0)</f>
        <v>6.023275653998942</v>
      </c>
      <c r="E778" cm="1">
        <f t="array" ref="E778">IFERROR(INDEX(Jesper!AI$2:AI$366,ROUNDDOWN($C778/24,0)+1,1)*INDEX($D$3:$AA$30,INDEX(Jesper!$R$2:$R$366,ROW(INDEX(Jesper!AI$2:AI$366,ROUNDDOWN($C778/24,0)+1,1))-1)+IF('Standard Profiles'!$G$19=$B$10,7,0)+IF('Standard Profiles'!$G$19=$B$17,14,0)+IF('Standard Profiles'!$G$19=$B$24,21,0),MOD($C778,24)+1)/SUM(INDEX($D$3:$AA$30,INDEX(Jesper!$R$2:$R$366,ROW(INDEX(Jesper!AI$2:AI$366,ROUNDDOWN($C778/24,0)+1,1))-1)+IF('Standard Profiles'!$G$19=$B$10,7,0)+IF('Standard Profiles'!$G$19=$B$17,14,0)+IF('Standard Profiles'!$G$19=$B$24,21,0),0)),0)</f>
        <v>6.5760573236077215</v>
      </c>
      <c r="F778" cm="1">
        <f t="array" ref="F778">IFERROR(INDEX(Jesper!AJ$2:AJ$366,ROUNDDOWN($C778/24,0)+1,1)*INDEX($D$3:$AA$30,INDEX(Jesper!$R$2:$R$366,ROW(INDEX(Jesper!AJ$2:AJ$366,ROUNDDOWN($C778/24,0)+1,1))-1)+IF('Standard Profiles'!$G$20=$B$10,7,0)+IF('Standard Profiles'!$G$20=$B$17,14,0)+IF('Standard Profiles'!$G$20=$B$24,21,0),MOD($C778,24)+1)/SUM(INDEX($D$3:$AA$30,INDEX(Jesper!$R$2:$R$366,ROW(INDEX(Jesper!AJ$2:AJ$366,ROUNDDOWN($C778/24,0)+1,1))-1)+IF('Standard Profiles'!$G$20=$B$10,7,0)+IF('Standard Profiles'!$G$20=$B$17,14,0)+IF('Standard Profiles'!$G$20=$B$24,21,0),0)),0)</f>
        <v>0</v>
      </c>
      <c r="G778" cm="1">
        <f t="array" ref="G778">IFERROR(INDEX(Jesper!AK$2:AK$366,ROUNDDOWN($C778/24,0)+1,1)*INDEX($D$3:$AA$30,INDEX(Jesper!$R$2:$R$366,ROW(INDEX(Jesper!AK$2:AK$366,ROUNDDOWN($C778/24,0)+1,1))-1)+IF('Standard Profiles'!$G$21=$B$10,7,0)+IF('Standard Profiles'!$G$21=$B$17,14,0)+IF('Standard Profiles'!$G$21=$B$24,21,0),MOD($C778,24)+1)/SUM(INDEX($D$3:$AA$30,INDEX(Jesper!$R$2:$R$366,ROW(INDEX(Jesper!AK$2:AK$366,ROUNDDOWN($C778/24,0)+1,1))-1)+IF('Standard Profiles'!$G$21=$B$10,7,0)+IF('Standard Profiles'!$G$21=$B$17,14,0)+IF('Standard Profiles'!$G$21=$B$24,21,0),0)),0)</f>
        <v>7.3527303840549241</v>
      </c>
      <c r="H778" cm="1">
        <f t="array" ref="H778">IFERROR(INDEX(Jesper!AL$2:AL$366,ROUNDDOWN($C778/24,0)+1,1)*INDEX($D$3:$AA$30,INDEX(Jesper!$R$2:$R$366,ROW(INDEX(Jesper!AL$2:AL$366,ROUNDDOWN($C778/24,0)+1,1))-1)+IF('Standard Profiles'!$G$22=$B$10,7,0)+IF('Standard Profiles'!$G$22=$B$17,14,0)+IF('Standard Profiles'!$G$22=$B$24,21,0),MOD($C778,24)+1)/SUM(INDEX($D$3:$AA$30,INDEX(Jesper!$R$2:$R$366,ROW(INDEX(Jesper!AL$2:AL$366,ROUNDDOWN($C778/24,0)+1,1))-1)+IF('Standard Profiles'!$G$22=$B$10,7,0)+IF('Standard Profiles'!$G$22=$B$17,14,0)+IF('Standard Profiles'!$G$22=$B$24,21,0),0)),0)</f>
        <v>0</v>
      </c>
      <c r="I778">
        <f t="shared" si="97"/>
        <v>3.5293105843463617</v>
      </c>
      <c r="J778">
        <f t="shared" si="98"/>
        <v>15.459028672675394</v>
      </c>
      <c r="K778">
        <f t="shared" si="99"/>
        <v>0.64248273642655385</v>
      </c>
      <c r="L778">
        <f t="shared" si="100"/>
        <v>0.32124136821327692</v>
      </c>
      <c r="M778">
        <f t="shared" si="101"/>
        <v>0</v>
      </c>
      <c r="N778" s="45">
        <f t="shared" si="102"/>
        <v>44957.999999998196</v>
      </c>
    </row>
    <row r="779" spans="2:14" x14ac:dyDescent="0.25">
      <c r="B779">
        <f t="shared" si="96"/>
        <v>3</v>
      </c>
      <c r="C779" s="16">
        <v>745</v>
      </c>
      <c r="D779" cm="1">
        <f t="array" ref="D779">IFERROR(INDEX(Jesper!AH$2:AH$366,ROUNDDOWN($C779/24,0)+1,1)*INDEX($D$3:$AA$30,INDEX(Jesper!$R$2:$R$366,ROW(INDEX(Jesper!AH$2:AH$366,ROUNDDOWN($C779/24,0)+1,1))-1)+IF('Standard Profiles'!$G$18=$B$10,7,0)+IF('Standard Profiles'!$G$18=$B$17,14,0)+IF('Standard Profiles'!$G$18=$B$24,21,0),MOD($C779,24)+1)/SUM(INDEX($D$3:$AA$30,INDEX(Jesper!$R$2:$R$366,ROW(INDEX(Jesper!AH$2:AH$366,ROUNDDOWN($C779/24,0)+1,1))-1)+IF('Standard Profiles'!$G$18=$B$10,7,0)+IF('Standard Profiles'!$G$18=$B$17,14,0)+IF('Standard Profiles'!$G$18=$B$24,21,0),0)),0)</f>
        <v>6.023275653998942</v>
      </c>
      <c r="E779" cm="1">
        <f t="array" ref="E779">IFERROR(INDEX(Jesper!AI$2:AI$366,ROUNDDOWN($C779/24,0)+1,1)*INDEX($D$3:$AA$30,INDEX(Jesper!$R$2:$R$366,ROW(INDEX(Jesper!AI$2:AI$366,ROUNDDOWN($C779/24,0)+1,1))-1)+IF('Standard Profiles'!$G$19=$B$10,7,0)+IF('Standard Profiles'!$G$19=$B$17,14,0)+IF('Standard Profiles'!$G$19=$B$24,21,0),MOD($C779,24)+1)/SUM(INDEX($D$3:$AA$30,INDEX(Jesper!$R$2:$R$366,ROW(INDEX(Jesper!AI$2:AI$366,ROUNDDOWN($C779/24,0)+1,1))-1)+IF('Standard Profiles'!$G$19=$B$10,7,0)+IF('Standard Profiles'!$G$19=$B$17,14,0)+IF('Standard Profiles'!$G$19=$B$24,21,0),0)),0)</f>
        <v>6.5760573236077215</v>
      </c>
      <c r="F779" cm="1">
        <f t="array" ref="F779">IFERROR(INDEX(Jesper!AJ$2:AJ$366,ROUNDDOWN($C779/24,0)+1,1)*INDEX($D$3:$AA$30,INDEX(Jesper!$R$2:$R$366,ROW(INDEX(Jesper!AJ$2:AJ$366,ROUNDDOWN($C779/24,0)+1,1))-1)+IF('Standard Profiles'!$G$20=$B$10,7,0)+IF('Standard Profiles'!$G$20=$B$17,14,0)+IF('Standard Profiles'!$G$20=$B$24,21,0),MOD($C779,24)+1)/SUM(INDEX($D$3:$AA$30,INDEX(Jesper!$R$2:$R$366,ROW(INDEX(Jesper!AJ$2:AJ$366,ROUNDDOWN($C779/24,0)+1,1))-1)+IF('Standard Profiles'!$G$20=$B$10,7,0)+IF('Standard Profiles'!$G$20=$B$17,14,0)+IF('Standard Profiles'!$G$20=$B$24,21,0),0)),0)</f>
        <v>0</v>
      </c>
      <c r="G779" cm="1">
        <f t="array" ref="G779">IFERROR(INDEX(Jesper!AK$2:AK$366,ROUNDDOWN($C779/24,0)+1,1)*INDEX($D$3:$AA$30,INDEX(Jesper!$R$2:$R$366,ROW(INDEX(Jesper!AK$2:AK$366,ROUNDDOWN($C779/24,0)+1,1))-1)+IF('Standard Profiles'!$G$21=$B$10,7,0)+IF('Standard Profiles'!$G$21=$B$17,14,0)+IF('Standard Profiles'!$G$21=$B$24,21,0),MOD($C779,24)+1)/SUM(INDEX($D$3:$AA$30,INDEX(Jesper!$R$2:$R$366,ROW(INDEX(Jesper!AK$2:AK$366,ROUNDDOWN($C779/24,0)+1,1))-1)+IF('Standard Profiles'!$G$21=$B$10,7,0)+IF('Standard Profiles'!$G$21=$B$17,14,0)+IF('Standard Profiles'!$G$21=$B$24,21,0),0)),0)</f>
        <v>7.3527303840549241</v>
      </c>
      <c r="H779" cm="1">
        <f t="array" ref="H779">IFERROR(INDEX(Jesper!AL$2:AL$366,ROUNDDOWN($C779/24,0)+1,1)*INDEX($D$3:$AA$30,INDEX(Jesper!$R$2:$R$366,ROW(INDEX(Jesper!AL$2:AL$366,ROUNDDOWN($C779/24,0)+1,1))-1)+IF('Standard Profiles'!$G$22=$B$10,7,0)+IF('Standard Profiles'!$G$22=$B$17,14,0)+IF('Standard Profiles'!$G$22=$B$24,21,0),MOD($C779,24)+1)/SUM(INDEX($D$3:$AA$30,INDEX(Jesper!$R$2:$R$366,ROW(INDEX(Jesper!AL$2:AL$366,ROUNDDOWN($C779/24,0)+1,1))-1)+IF('Standard Profiles'!$G$22=$B$10,7,0)+IF('Standard Profiles'!$G$22=$B$17,14,0)+IF('Standard Profiles'!$G$22=$B$24,21,0),0)),0)</f>
        <v>0</v>
      </c>
      <c r="I779">
        <f t="shared" si="97"/>
        <v>3.5293105843463617</v>
      </c>
      <c r="J779">
        <f t="shared" si="98"/>
        <v>15.459028672675394</v>
      </c>
      <c r="K779">
        <f t="shared" si="99"/>
        <v>0.64248273642655385</v>
      </c>
      <c r="L779">
        <f t="shared" si="100"/>
        <v>0.32124136821327692</v>
      </c>
      <c r="M779">
        <f t="shared" si="101"/>
        <v>0</v>
      </c>
      <c r="N779" s="45">
        <f t="shared" si="102"/>
        <v>44958.04166666486</v>
      </c>
    </row>
    <row r="780" spans="2:14" x14ac:dyDescent="0.25">
      <c r="B780">
        <f t="shared" si="96"/>
        <v>3</v>
      </c>
      <c r="C780" s="16">
        <v>746</v>
      </c>
      <c r="D780" cm="1">
        <f t="array" ref="D780">IFERROR(INDEX(Jesper!AH$2:AH$366,ROUNDDOWN($C780/24,0)+1,1)*INDEX($D$3:$AA$30,INDEX(Jesper!$R$2:$R$366,ROW(INDEX(Jesper!AH$2:AH$366,ROUNDDOWN($C780/24,0)+1,1))-1)+IF('Standard Profiles'!$G$18=$B$10,7,0)+IF('Standard Profiles'!$G$18=$B$17,14,0)+IF('Standard Profiles'!$G$18=$B$24,21,0),MOD($C780,24)+1)/SUM(INDEX($D$3:$AA$30,INDEX(Jesper!$R$2:$R$366,ROW(INDEX(Jesper!AH$2:AH$366,ROUNDDOWN($C780/24,0)+1,1))-1)+IF('Standard Profiles'!$G$18=$B$10,7,0)+IF('Standard Profiles'!$G$18=$B$17,14,0)+IF('Standard Profiles'!$G$18=$B$24,21,0),0)),0)</f>
        <v>6.023275653998942</v>
      </c>
      <c r="E780" cm="1">
        <f t="array" ref="E780">IFERROR(INDEX(Jesper!AI$2:AI$366,ROUNDDOWN($C780/24,0)+1,1)*INDEX($D$3:$AA$30,INDEX(Jesper!$R$2:$R$366,ROW(INDEX(Jesper!AI$2:AI$366,ROUNDDOWN($C780/24,0)+1,1))-1)+IF('Standard Profiles'!$G$19=$B$10,7,0)+IF('Standard Profiles'!$G$19=$B$17,14,0)+IF('Standard Profiles'!$G$19=$B$24,21,0),MOD($C780,24)+1)/SUM(INDEX($D$3:$AA$30,INDEX(Jesper!$R$2:$R$366,ROW(INDEX(Jesper!AI$2:AI$366,ROUNDDOWN($C780/24,0)+1,1))-1)+IF('Standard Profiles'!$G$19=$B$10,7,0)+IF('Standard Profiles'!$G$19=$B$17,14,0)+IF('Standard Profiles'!$G$19=$B$24,21,0),0)),0)</f>
        <v>6.5760573236077215</v>
      </c>
      <c r="F780" cm="1">
        <f t="array" ref="F780">IFERROR(INDEX(Jesper!AJ$2:AJ$366,ROUNDDOWN($C780/24,0)+1,1)*INDEX($D$3:$AA$30,INDEX(Jesper!$R$2:$R$366,ROW(INDEX(Jesper!AJ$2:AJ$366,ROUNDDOWN($C780/24,0)+1,1))-1)+IF('Standard Profiles'!$G$20=$B$10,7,0)+IF('Standard Profiles'!$G$20=$B$17,14,0)+IF('Standard Profiles'!$G$20=$B$24,21,0),MOD($C780,24)+1)/SUM(INDEX($D$3:$AA$30,INDEX(Jesper!$R$2:$R$366,ROW(INDEX(Jesper!AJ$2:AJ$366,ROUNDDOWN($C780/24,0)+1,1))-1)+IF('Standard Profiles'!$G$20=$B$10,7,0)+IF('Standard Profiles'!$G$20=$B$17,14,0)+IF('Standard Profiles'!$G$20=$B$24,21,0),0)),0)</f>
        <v>0</v>
      </c>
      <c r="G780" cm="1">
        <f t="array" ref="G780">IFERROR(INDEX(Jesper!AK$2:AK$366,ROUNDDOWN($C780/24,0)+1,1)*INDEX($D$3:$AA$30,INDEX(Jesper!$R$2:$R$366,ROW(INDEX(Jesper!AK$2:AK$366,ROUNDDOWN($C780/24,0)+1,1))-1)+IF('Standard Profiles'!$G$21=$B$10,7,0)+IF('Standard Profiles'!$G$21=$B$17,14,0)+IF('Standard Profiles'!$G$21=$B$24,21,0),MOD($C780,24)+1)/SUM(INDEX($D$3:$AA$30,INDEX(Jesper!$R$2:$R$366,ROW(INDEX(Jesper!AK$2:AK$366,ROUNDDOWN($C780/24,0)+1,1))-1)+IF('Standard Profiles'!$G$21=$B$10,7,0)+IF('Standard Profiles'!$G$21=$B$17,14,0)+IF('Standard Profiles'!$G$21=$B$24,21,0),0)),0)</f>
        <v>7.3527303840549241</v>
      </c>
      <c r="H780" cm="1">
        <f t="array" ref="H780">IFERROR(INDEX(Jesper!AL$2:AL$366,ROUNDDOWN($C780/24,0)+1,1)*INDEX($D$3:$AA$30,INDEX(Jesper!$R$2:$R$366,ROW(INDEX(Jesper!AL$2:AL$366,ROUNDDOWN($C780/24,0)+1,1))-1)+IF('Standard Profiles'!$G$22=$B$10,7,0)+IF('Standard Profiles'!$G$22=$B$17,14,0)+IF('Standard Profiles'!$G$22=$B$24,21,0),MOD($C780,24)+1)/SUM(INDEX($D$3:$AA$30,INDEX(Jesper!$R$2:$R$366,ROW(INDEX(Jesper!AL$2:AL$366,ROUNDDOWN($C780/24,0)+1,1))-1)+IF('Standard Profiles'!$G$22=$B$10,7,0)+IF('Standard Profiles'!$G$22=$B$17,14,0)+IF('Standard Profiles'!$G$22=$B$24,21,0),0)),0)</f>
        <v>0</v>
      </c>
      <c r="I780">
        <f t="shared" si="97"/>
        <v>3.5293105843463617</v>
      </c>
      <c r="J780">
        <f t="shared" si="98"/>
        <v>15.459028672675394</v>
      </c>
      <c r="K780">
        <f t="shared" si="99"/>
        <v>0.64248273642655385</v>
      </c>
      <c r="L780">
        <f t="shared" si="100"/>
        <v>0.32124136821327692</v>
      </c>
      <c r="M780">
        <f t="shared" si="101"/>
        <v>0</v>
      </c>
      <c r="N780" s="45">
        <f t="shared" si="102"/>
        <v>44958.083333331524</v>
      </c>
    </row>
    <row r="781" spans="2:14" x14ac:dyDescent="0.25">
      <c r="B781">
        <f t="shared" si="96"/>
        <v>3</v>
      </c>
      <c r="C781" s="16">
        <v>747</v>
      </c>
      <c r="D781" cm="1">
        <f t="array" ref="D781">IFERROR(INDEX(Jesper!AH$2:AH$366,ROUNDDOWN($C781/24,0)+1,1)*INDEX($D$3:$AA$30,INDEX(Jesper!$R$2:$R$366,ROW(INDEX(Jesper!AH$2:AH$366,ROUNDDOWN($C781/24,0)+1,1))-1)+IF('Standard Profiles'!$G$18=$B$10,7,0)+IF('Standard Profiles'!$G$18=$B$17,14,0)+IF('Standard Profiles'!$G$18=$B$24,21,0),MOD($C781,24)+1)/SUM(INDEX($D$3:$AA$30,INDEX(Jesper!$R$2:$R$366,ROW(INDEX(Jesper!AH$2:AH$366,ROUNDDOWN($C781/24,0)+1,1))-1)+IF('Standard Profiles'!$G$18=$B$10,7,0)+IF('Standard Profiles'!$G$18=$B$17,14,0)+IF('Standard Profiles'!$G$18=$B$24,21,0),0)),0)</f>
        <v>6.023275653998942</v>
      </c>
      <c r="E781" cm="1">
        <f t="array" ref="E781">IFERROR(INDEX(Jesper!AI$2:AI$366,ROUNDDOWN($C781/24,0)+1,1)*INDEX($D$3:$AA$30,INDEX(Jesper!$R$2:$R$366,ROW(INDEX(Jesper!AI$2:AI$366,ROUNDDOWN($C781/24,0)+1,1))-1)+IF('Standard Profiles'!$G$19=$B$10,7,0)+IF('Standard Profiles'!$G$19=$B$17,14,0)+IF('Standard Profiles'!$G$19=$B$24,21,0),MOD($C781,24)+1)/SUM(INDEX($D$3:$AA$30,INDEX(Jesper!$R$2:$R$366,ROW(INDEX(Jesper!AI$2:AI$366,ROUNDDOWN($C781/24,0)+1,1))-1)+IF('Standard Profiles'!$G$19=$B$10,7,0)+IF('Standard Profiles'!$G$19=$B$17,14,0)+IF('Standard Profiles'!$G$19=$B$24,21,0),0)),0)</f>
        <v>6.5760573236077215</v>
      </c>
      <c r="F781" cm="1">
        <f t="array" ref="F781">IFERROR(INDEX(Jesper!AJ$2:AJ$366,ROUNDDOWN($C781/24,0)+1,1)*INDEX($D$3:$AA$30,INDEX(Jesper!$R$2:$R$366,ROW(INDEX(Jesper!AJ$2:AJ$366,ROUNDDOWN($C781/24,0)+1,1))-1)+IF('Standard Profiles'!$G$20=$B$10,7,0)+IF('Standard Profiles'!$G$20=$B$17,14,0)+IF('Standard Profiles'!$G$20=$B$24,21,0),MOD($C781,24)+1)/SUM(INDEX($D$3:$AA$30,INDEX(Jesper!$R$2:$R$366,ROW(INDEX(Jesper!AJ$2:AJ$366,ROUNDDOWN($C781/24,0)+1,1))-1)+IF('Standard Profiles'!$G$20=$B$10,7,0)+IF('Standard Profiles'!$G$20=$B$17,14,0)+IF('Standard Profiles'!$G$20=$B$24,21,0),0)),0)</f>
        <v>0</v>
      </c>
      <c r="G781" cm="1">
        <f t="array" ref="G781">IFERROR(INDEX(Jesper!AK$2:AK$366,ROUNDDOWN($C781/24,0)+1,1)*INDEX($D$3:$AA$30,INDEX(Jesper!$R$2:$R$366,ROW(INDEX(Jesper!AK$2:AK$366,ROUNDDOWN($C781/24,0)+1,1))-1)+IF('Standard Profiles'!$G$21=$B$10,7,0)+IF('Standard Profiles'!$G$21=$B$17,14,0)+IF('Standard Profiles'!$G$21=$B$24,21,0),MOD($C781,24)+1)/SUM(INDEX($D$3:$AA$30,INDEX(Jesper!$R$2:$R$366,ROW(INDEX(Jesper!AK$2:AK$366,ROUNDDOWN($C781/24,0)+1,1))-1)+IF('Standard Profiles'!$G$21=$B$10,7,0)+IF('Standard Profiles'!$G$21=$B$17,14,0)+IF('Standard Profiles'!$G$21=$B$24,21,0),0)),0)</f>
        <v>7.3527303840549241</v>
      </c>
      <c r="H781" cm="1">
        <f t="array" ref="H781">IFERROR(INDEX(Jesper!AL$2:AL$366,ROUNDDOWN($C781/24,0)+1,1)*INDEX($D$3:$AA$30,INDEX(Jesper!$R$2:$R$366,ROW(INDEX(Jesper!AL$2:AL$366,ROUNDDOWN($C781/24,0)+1,1))-1)+IF('Standard Profiles'!$G$22=$B$10,7,0)+IF('Standard Profiles'!$G$22=$B$17,14,0)+IF('Standard Profiles'!$G$22=$B$24,21,0),MOD($C781,24)+1)/SUM(INDEX($D$3:$AA$30,INDEX(Jesper!$R$2:$R$366,ROW(INDEX(Jesper!AL$2:AL$366,ROUNDDOWN($C781/24,0)+1,1))-1)+IF('Standard Profiles'!$G$22=$B$10,7,0)+IF('Standard Profiles'!$G$22=$B$17,14,0)+IF('Standard Profiles'!$G$22=$B$24,21,0),0)),0)</f>
        <v>0</v>
      </c>
      <c r="I781">
        <f t="shared" si="97"/>
        <v>3.5293105843463617</v>
      </c>
      <c r="J781">
        <f t="shared" si="98"/>
        <v>15.459028672675394</v>
      </c>
      <c r="K781">
        <f t="shared" si="99"/>
        <v>0.64248273642655385</v>
      </c>
      <c r="L781">
        <f t="shared" si="100"/>
        <v>0.32124136821327692</v>
      </c>
      <c r="M781">
        <f t="shared" si="101"/>
        <v>0</v>
      </c>
      <c r="N781" s="45">
        <f t="shared" si="102"/>
        <v>44958.124999998188</v>
      </c>
    </row>
    <row r="782" spans="2:14" x14ac:dyDescent="0.25">
      <c r="B782">
        <f t="shared" si="96"/>
        <v>3</v>
      </c>
      <c r="C782" s="16">
        <v>748</v>
      </c>
      <c r="D782" cm="1">
        <f t="array" ref="D782">IFERROR(INDEX(Jesper!AH$2:AH$366,ROUNDDOWN($C782/24,0)+1,1)*INDEX($D$3:$AA$30,INDEX(Jesper!$R$2:$R$366,ROW(INDEX(Jesper!AH$2:AH$366,ROUNDDOWN($C782/24,0)+1,1))-1)+IF('Standard Profiles'!$G$18=$B$10,7,0)+IF('Standard Profiles'!$G$18=$B$17,14,0)+IF('Standard Profiles'!$G$18=$B$24,21,0),MOD($C782,24)+1)/SUM(INDEX($D$3:$AA$30,INDEX(Jesper!$R$2:$R$366,ROW(INDEX(Jesper!AH$2:AH$366,ROUNDDOWN($C782/24,0)+1,1))-1)+IF('Standard Profiles'!$G$18=$B$10,7,0)+IF('Standard Profiles'!$G$18=$B$17,14,0)+IF('Standard Profiles'!$G$18=$B$24,21,0),0)),0)</f>
        <v>6.023275653998942</v>
      </c>
      <c r="E782" cm="1">
        <f t="array" ref="E782">IFERROR(INDEX(Jesper!AI$2:AI$366,ROUNDDOWN($C782/24,0)+1,1)*INDEX($D$3:$AA$30,INDEX(Jesper!$R$2:$R$366,ROW(INDEX(Jesper!AI$2:AI$366,ROUNDDOWN($C782/24,0)+1,1))-1)+IF('Standard Profiles'!$G$19=$B$10,7,0)+IF('Standard Profiles'!$G$19=$B$17,14,0)+IF('Standard Profiles'!$G$19=$B$24,21,0),MOD($C782,24)+1)/SUM(INDEX($D$3:$AA$30,INDEX(Jesper!$R$2:$R$366,ROW(INDEX(Jesper!AI$2:AI$366,ROUNDDOWN($C782/24,0)+1,1))-1)+IF('Standard Profiles'!$G$19=$B$10,7,0)+IF('Standard Profiles'!$G$19=$B$17,14,0)+IF('Standard Profiles'!$G$19=$B$24,21,0),0)),0)</f>
        <v>6.5760573236077215</v>
      </c>
      <c r="F782" cm="1">
        <f t="array" ref="F782">IFERROR(INDEX(Jesper!AJ$2:AJ$366,ROUNDDOWN($C782/24,0)+1,1)*INDEX($D$3:$AA$30,INDEX(Jesper!$R$2:$R$366,ROW(INDEX(Jesper!AJ$2:AJ$366,ROUNDDOWN($C782/24,0)+1,1))-1)+IF('Standard Profiles'!$G$20=$B$10,7,0)+IF('Standard Profiles'!$G$20=$B$17,14,0)+IF('Standard Profiles'!$G$20=$B$24,21,0),MOD($C782,24)+1)/SUM(INDEX($D$3:$AA$30,INDEX(Jesper!$R$2:$R$366,ROW(INDEX(Jesper!AJ$2:AJ$366,ROUNDDOWN($C782/24,0)+1,1))-1)+IF('Standard Profiles'!$G$20=$B$10,7,0)+IF('Standard Profiles'!$G$20=$B$17,14,0)+IF('Standard Profiles'!$G$20=$B$24,21,0),0)),0)</f>
        <v>0</v>
      </c>
      <c r="G782" cm="1">
        <f t="array" ref="G782">IFERROR(INDEX(Jesper!AK$2:AK$366,ROUNDDOWN($C782/24,0)+1,1)*INDEX($D$3:$AA$30,INDEX(Jesper!$R$2:$R$366,ROW(INDEX(Jesper!AK$2:AK$366,ROUNDDOWN($C782/24,0)+1,1))-1)+IF('Standard Profiles'!$G$21=$B$10,7,0)+IF('Standard Profiles'!$G$21=$B$17,14,0)+IF('Standard Profiles'!$G$21=$B$24,21,0),MOD($C782,24)+1)/SUM(INDEX($D$3:$AA$30,INDEX(Jesper!$R$2:$R$366,ROW(INDEX(Jesper!AK$2:AK$366,ROUNDDOWN($C782/24,0)+1,1))-1)+IF('Standard Profiles'!$G$21=$B$10,7,0)+IF('Standard Profiles'!$G$21=$B$17,14,0)+IF('Standard Profiles'!$G$21=$B$24,21,0),0)),0)</f>
        <v>7.3527303840549241</v>
      </c>
      <c r="H782" cm="1">
        <f t="array" ref="H782">IFERROR(INDEX(Jesper!AL$2:AL$366,ROUNDDOWN($C782/24,0)+1,1)*INDEX($D$3:$AA$30,INDEX(Jesper!$R$2:$R$366,ROW(INDEX(Jesper!AL$2:AL$366,ROUNDDOWN($C782/24,0)+1,1))-1)+IF('Standard Profiles'!$G$22=$B$10,7,0)+IF('Standard Profiles'!$G$22=$B$17,14,0)+IF('Standard Profiles'!$G$22=$B$24,21,0),MOD($C782,24)+1)/SUM(INDEX($D$3:$AA$30,INDEX(Jesper!$R$2:$R$366,ROW(INDEX(Jesper!AL$2:AL$366,ROUNDDOWN($C782/24,0)+1,1))-1)+IF('Standard Profiles'!$G$22=$B$10,7,0)+IF('Standard Profiles'!$G$22=$B$17,14,0)+IF('Standard Profiles'!$G$22=$B$24,21,0),0)),0)</f>
        <v>0</v>
      </c>
      <c r="I782">
        <f t="shared" si="97"/>
        <v>3.5293105843463617</v>
      </c>
      <c r="J782">
        <f t="shared" si="98"/>
        <v>15.459028672675394</v>
      </c>
      <c r="K782">
        <f t="shared" si="99"/>
        <v>0.64248273642655385</v>
      </c>
      <c r="L782">
        <f t="shared" si="100"/>
        <v>0.32124136821327692</v>
      </c>
      <c r="M782">
        <f t="shared" si="101"/>
        <v>0</v>
      </c>
      <c r="N782" s="45">
        <f t="shared" si="102"/>
        <v>44958.166666664853</v>
      </c>
    </row>
    <row r="783" spans="2:14" x14ac:dyDescent="0.25">
      <c r="B783">
        <f t="shared" si="96"/>
        <v>3</v>
      </c>
      <c r="C783" s="16">
        <v>749</v>
      </c>
      <c r="D783" cm="1">
        <f t="array" ref="D783">IFERROR(INDEX(Jesper!AH$2:AH$366,ROUNDDOWN($C783/24,0)+1,1)*INDEX($D$3:$AA$30,INDEX(Jesper!$R$2:$R$366,ROW(INDEX(Jesper!AH$2:AH$366,ROUNDDOWN($C783/24,0)+1,1))-1)+IF('Standard Profiles'!$G$18=$B$10,7,0)+IF('Standard Profiles'!$G$18=$B$17,14,0)+IF('Standard Profiles'!$G$18=$B$24,21,0),MOD($C783,24)+1)/SUM(INDEX($D$3:$AA$30,INDEX(Jesper!$R$2:$R$366,ROW(INDEX(Jesper!AH$2:AH$366,ROUNDDOWN($C783/24,0)+1,1))-1)+IF('Standard Profiles'!$G$18=$B$10,7,0)+IF('Standard Profiles'!$G$18=$B$17,14,0)+IF('Standard Profiles'!$G$18=$B$24,21,0),0)),0)</f>
        <v>6.023275653998942</v>
      </c>
      <c r="E783" cm="1">
        <f t="array" ref="E783">IFERROR(INDEX(Jesper!AI$2:AI$366,ROUNDDOWN($C783/24,0)+1,1)*INDEX($D$3:$AA$30,INDEX(Jesper!$R$2:$R$366,ROW(INDEX(Jesper!AI$2:AI$366,ROUNDDOWN($C783/24,0)+1,1))-1)+IF('Standard Profiles'!$G$19=$B$10,7,0)+IF('Standard Profiles'!$G$19=$B$17,14,0)+IF('Standard Profiles'!$G$19=$B$24,21,0),MOD($C783,24)+1)/SUM(INDEX($D$3:$AA$30,INDEX(Jesper!$R$2:$R$366,ROW(INDEX(Jesper!AI$2:AI$366,ROUNDDOWN($C783/24,0)+1,1))-1)+IF('Standard Profiles'!$G$19=$B$10,7,0)+IF('Standard Profiles'!$G$19=$B$17,14,0)+IF('Standard Profiles'!$G$19=$B$24,21,0),0)),0)</f>
        <v>6.5760573236077215</v>
      </c>
      <c r="F783" cm="1">
        <f t="array" ref="F783">IFERROR(INDEX(Jesper!AJ$2:AJ$366,ROUNDDOWN($C783/24,0)+1,1)*INDEX($D$3:$AA$30,INDEX(Jesper!$R$2:$R$366,ROW(INDEX(Jesper!AJ$2:AJ$366,ROUNDDOWN($C783/24,0)+1,1))-1)+IF('Standard Profiles'!$G$20=$B$10,7,0)+IF('Standard Profiles'!$G$20=$B$17,14,0)+IF('Standard Profiles'!$G$20=$B$24,21,0),MOD($C783,24)+1)/SUM(INDEX($D$3:$AA$30,INDEX(Jesper!$R$2:$R$366,ROW(INDEX(Jesper!AJ$2:AJ$366,ROUNDDOWN($C783/24,0)+1,1))-1)+IF('Standard Profiles'!$G$20=$B$10,7,0)+IF('Standard Profiles'!$G$20=$B$17,14,0)+IF('Standard Profiles'!$G$20=$B$24,21,0),0)),0)</f>
        <v>0</v>
      </c>
      <c r="G783" cm="1">
        <f t="array" ref="G783">IFERROR(INDEX(Jesper!AK$2:AK$366,ROUNDDOWN($C783/24,0)+1,1)*INDEX($D$3:$AA$30,INDEX(Jesper!$R$2:$R$366,ROW(INDEX(Jesper!AK$2:AK$366,ROUNDDOWN($C783/24,0)+1,1))-1)+IF('Standard Profiles'!$G$21=$B$10,7,0)+IF('Standard Profiles'!$G$21=$B$17,14,0)+IF('Standard Profiles'!$G$21=$B$24,21,0),MOD($C783,24)+1)/SUM(INDEX($D$3:$AA$30,INDEX(Jesper!$R$2:$R$366,ROW(INDEX(Jesper!AK$2:AK$366,ROUNDDOWN($C783/24,0)+1,1))-1)+IF('Standard Profiles'!$G$21=$B$10,7,0)+IF('Standard Profiles'!$G$21=$B$17,14,0)+IF('Standard Profiles'!$G$21=$B$24,21,0),0)),0)</f>
        <v>7.3527303840549241</v>
      </c>
      <c r="H783" cm="1">
        <f t="array" ref="H783">IFERROR(INDEX(Jesper!AL$2:AL$366,ROUNDDOWN($C783/24,0)+1,1)*INDEX($D$3:$AA$30,INDEX(Jesper!$R$2:$R$366,ROW(INDEX(Jesper!AL$2:AL$366,ROUNDDOWN($C783/24,0)+1,1))-1)+IF('Standard Profiles'!$G$22=$B$10,7,0)+IF('Standard Profiles'!$G$22=$B$17,14,0)+IF('Standard Profiles'!$G$22=$B$24,21,0),MOD($C783,24)+1)/SUM(INDEX($D$3:$AA$30,INDEX(Jesper!$R$2:$R$366,ROW(INDEX(Jesper!AL$2:AL$366,ROUNDDOWN($C783/24,0)+1,1))-1)+IF('Standard Profiles'!$G$22=$B$10,7,0)+IF('Standard Profiles'!$G$22=$B$17,14,0)+IF('Standard Profiles'!$G$22=$B$24,21,0),0)),0)</f>
        <v>0</v>
      </c>
      <c r="I783">
        <f t="shared" si="97"/>
        <v>3.5293105843463617</v>
      </c>
      <c r="J783">
        <f t="shared" si="98"/>
        <v>15.459028672675394</v>
      </c>
      <c r="K783">
        <f t="shared" si="99"/>
        <v>0.64248273642655385</v>
      </c>
      <c r="L783">
        <f t="shared" si="100"/>
        <v>0.32124136821327692</v>
      </c>
      <c r="M783">
        <f t="shared" si="101"/>
        <v>0</v>
      </c>
      <c r="N783" s="45">
        <f t="shared" si="102"/>
        <v>44958.208333331517</v>
      </c>
    </row>
    <row r="784" spans="2:14" x14ac:dyDescent="0.25">
      <c r="B784">
        <f t="shared" si="96"/>
        <v>3</v>
      </c>
      <c r="C784" s="16">
        <v>750</v>
      </c>
      <c r="D784" cm="1">
        <f t="array" ref="D784">IFERROR(INDEX(Jesper!AH$2:AH$366,ROUNDDOWN($C784/24,0)+1,1)*INDEX($D$3:$AA$30,INDEX(Jesper!$R$2:$R$366,ROW(INDEX(Jesper!AH$2:AH$366,ROUNDDOWN($C784/24,0)+1,1))-1)+IF('Standard Profiles'!$G$18=$B$10,7,0)+IF('Standard Profiles'!$G$18=$B$17,14,0)+IF('Standard Profiles'!$G$18=$B$24,21,0),MOD($C784,24)+1)/SUM(INDEX($D$3:$AA$30,INDEX(Jesper!$R$2:$R$366,ROW(INDEX(Jesper!AH$2:AH$366,ROUNDDOWN($C784/24,0)+1,1))-1)+IF('Standard Profiles'!$G$18=$B$10,7,0)+IF('Standard Profiles'!$G$18=$B$17,14,0)+IF('Standard Profiles'!$G$18=$B$24,21,0),0)),0)</f>
        <v>6.023275653998942</v>
      </c>
      <c r="E784" cm="1">
        <f t="array" ref="E784">IFERROR(INDEX(Jesper!AI$2:AI$366,ROUNDDOWN($C784/24,0)+1,1)*INDEX($D$3:$AA$30,INDEX(Jesper!$R$2:$R$366,ROW(INDEX(Jesper!AI$2:AI$366,ROUNDDOWN($C784/24,0)+1,1))-1)+IF('Standard Profiles'!$G$19=$B$10,7,0)+IF('Standard Profiles'!$G$19=$B$17,14,0)+IF('Standard Profiles'!$G$19=$B$24,21,0),MOD($C784,24)+1)/SUM(INDEX($D$3:$AA$30,INDEX(Jesper!$R$2:$R$366,ROW(INDEX(Jesper!AI$2:AI$366,ROUNDDOWN($C784/24,0)+1,1))-1)+IF('Standard Profiles'!$G$19=$B$10,7,0)+IF('Standard Profiles'!$G$19=$B$17,14,0)+IF('Standard Profiles'!$G$19=$B$24,21,0),0)),0)</f>
        <v>6.5760573236077215</v>
      </c>
      <c r="F784" cm="1">
        <f t="array" ref="F784">IFERROR(INDEX(Jesper!AJ$2:AJ$366,ROUNDDOWN($C784/24,0)+1,1)*INDEX($D$3:$AA$30,INDEX(Jesper!$R$2:$R$366,ROW(INDEX(Jesper!AJ$2:AJ$366,ROUNDDOWN($C784/24,0)+1,1))-1)+IF('Standard Profiles'!$G$20=$B$10,7,0)+IF('Standard Profiles'!$G$20=$B$17,14,0)+IF('Standard Profiles'!$G$20=$B$24,21,0),MOD($C784,24)+1)/SUM(INDEX($D$3:$AA$30,INDEX(Jesper!$R$2:$R$366,ROW(INDEX(Jesper!AJ$2:AJ$366,ROUNDDOWN($C784/24,0)+1,1))-1)+IF('Standard Profiles'!$G$20=$B$10,7,0)+IF('Standard Profiles'!$G$20=$B$17,14,0)+IF('Standard Profiles'!$G$20=$B$24,21,0),0)),0)</f>
        <v>0</v>
      </c>
      <c r="G784" cm="1">
        <f t="array" ref="G784">IFERROR(INDEX(Jesper!AK$2:AK$366,ROUNDDOWN($C784/24,0)+1,1)*INDEX($D$3:$AA$30,INDEX(Jesper!$R$2:$R$366,ROW(INDEX(Jesper!AK$2:AK$366,ROUNDDOWN($C784/24,0)+1,1))-1)+IF('Standard Profiles'!$G$21=$B$10,7,0)+IF('Standard Profiles'!$G$21=$B$17,14,0)+IF('Standard Profiles'!$G$21=$B$24,21,0),MOD($C784,24)+1)/SUM(INDEX($D$3:$AA$30,INDEX(Jesper!$R$2:$R$366,ROW(INDEX(Jesper!AK$2:AK$366,ROUNDDOWN($C784/24,0)+1,1))-1)+IF('Standard Profiles'!$G$21=$B$10,7,0)+IF('Standard Profiles'!$G$21=$B$17,14,0)+IF('Standard Profiles'!$G$21=$B$24,21,0),0)),0)</f>
        <v>7.3527303840549241</v>
      </c>
      <c r="H784" cm="1">
        <f t="array" ref="H784">IFERROR(INDEX(Jesper!AL$2:AL$366,ROUNDDOWN($C784/24,0)+1,1)*INDEX($D$3:$AA$30,INDEX(Jesper!$R$2:$R$366,ROW(INDEX(Jesper!AL$2:AL$366,ROUNDDOWN($C784/24,0)+1,1))-1)+IF('Standard Profiles'!$G$22=$B$10,7,0)+IF('Standard Profiles'!$G$22=$B$17,14,0)+IF('Standard Profiles'!$G$22=$B$24,21,0),MOD($C784,24)+1)/SUM(INDEX($D$3:$AA$30,INDEX(Jesper!$R$2:$R$366,ROW(INDEX(Jesper!AL$2:AL$366,ROUNDDOWN($C784/24,0)+1,1))-1)+IF('Standard Profiles'!$G$22=$B$10,7,0)+IF('Standard Profiles'!$G$22=$B$17,14,0)+IF('Standard Profiles'!$G$22=$B$24,21,0),0)),0)</f>
        <v>0</v>
      </c>
      <c r="I784">
        <f t="shared" si="97"/>
        <v>3.5293105843463617</v>
      </c>
      <c r="J784">
        <f t="shared" si="98"/>
        <v>15.459028672675394</v>
      </c>
      <c r="K784">
        <f t="shared" si="99"/>
        <v>0.64248273642655385</v>
      </c>
      <c r="L784">
        <f t="shared" si="100"/>
        <v>0.32124136821327692</v>
      </c>
      <c r="M784">
        <f t="shared" si="101"/>
        <v>0</v>
      </c>
      <c r="N784" s="45">
        <f t="shared" si="102"/>
        <v>44958.249999998181</v>
      </c>
    </row>
    <row r="785" spans="2:14" x14ac:dyDescent="0.25">
      <c r="B785">
        <f t="shared" si="96"/>
        <v>3</v>
      </c>
      <c r="C785" s="16">
        <v>751</v>
      </c>
      <c r="D785" cm="1">
        <f t="array" ref="D785">IFERROR(INDEX(Jesper!AH$2:AH$366,ROUNDDOWN($C785/24,0)+1,1)*INDEX($D$3:$AA$30,INDEX(Jesper!$R$2:$R$366,ROW(INDEX(Jesper!AH$2:AH$366,ROUNDDOWN($C785/24,0)+1,1))-1)+IF('Standard Profiles'!$G$18=$B$10,7,0)+IF('Standard Profiles'!$G$18=$B$17,14,0)+IF('Standard Profiles'!$G$18=$B$24,21,0),MOD($C785,24)+1)/SUM(INDEX($D$3:$AA$30,INDEX(Jesper!$R$2:$R$366,ROW(INDEX(Jesper!AH$2:AH$366,ROUNDDOWN($C785/24,0)+1,1))-1)+IF('Standard Profiles'!$G$18=$B$10,7,0)+IF('Standard Profiles'!$G$18=$B$17,14,0)+IF('Standard Profiles'!$G$18=$B$24,21,0),0)),0)</f>
        <v>24.622420779529005</v>
      </c>
      <c r="E785" cm="1">
        <f t="array" ref="E785">IFERROR(INDEX(Jesper!AI$2:AI$366,ROUNDDOWN($C785/24,0)+1,1)*INDEX($D$3:$AA$30,INDEX(Jesper!$R$2:$R$366,ROW(INDEX(Jesper!AI$2:AI$366,ROUNDDOWN($C785/24,0)+1,1))-1)+IF('Standard Profiles'!$G$19=$B$10,7,0)+IF('Standard Profiles'!$G$19=$B$17,14,0)+IF('Standard Profiles'!$G$19=$B$24,21,0),MOD($C785,24)+1)/SUM(INDEX($D$3:$AA$30,INDEX(Jesper!$R$2:$R$366,ROW(INDEX(Jesper!AI$2:AI$366,ROUNDDOWN($C785/24,0)+1,1))-1)+IF('Standard Profiles'!$G$19=$B$10,7,0)+IF('Standard Profiles'!$G$19=$B$17,14,0)+IF('Standard Profiles'!$G$19=$B$24,21,0),0)),0)</f>
        <v>26.882125241050954</v>
      </c>
      <c r="F785" cm="1">
        <f t="array" ref="F785">IFERROR(INDEX(Jesper!AJ$2:AJ$366,ROUNDDOWN($C785/24,0)+1,1)*INDEX($D$3:$AA$30,INDEX(Jesper!$R$2:$R$366,ROW(INDEX(Jesper!AJ$2:AJ$366,ROUNDDOWN($C785/24,0)+1,1))-1)+IF('Standard Profiles'!$G$20=$B$10,7,0)+IF('Standard Profiles'!$G$20=$B$17,14,0)+IF('Standard Profiles'!$G$20=$B$24,21,0),MOD($C785,24)+1)/SUM(INDEX($D$3:$AA$30,INDEX(Jesper!$R$2:$R$366,ROW(INDEX(Jesper!AJ$2:AJ$366,ROUNDDOWN($C785/24,0)+1,1))-1)+IF('Standard Profiles'!$G$20=$B$10,7,0)+IF('Standard Profiles'!$G$20=$B$17,14,0)+IF('Standard Profiles'!$G$20=$B$24,21,0),0)),0)</f>
        <v>0</v>
      </c>
      <c r="G785" cm="1">
        <f t="array" ref="G785">IFERROR(INDEX(Jesper!AK$2:AK$366,ROUNDDOWN($C785/24,0)+1,1)*INDEX($D$3:$AA$30,INDEX(Jesper!$R$2:$R$366,ROW(INDEX(Jesper!AK$2:AK$366,ROUNDDOWN($C785/24,0)+1,1))-1)+IF('Standard Profiles'!$G$21=$B$10,7,0)+IF('Standard Profiles'!$G$21=$B$17,14,0)+IF('Standard Profiles'!$G$21=$B$24,21,0),MOD($C785,24)+1)/SUM(INDEX($D$3:$AA$30,INDEX(Jesper!$R$2:$R$366,ROW(INDEX(Jesper!AK$2:AK$366,ROUNDDOWN($C785/24,0)+1,1))-1)+IF('Standard Profiles'!$G$21=$B$10,7,0)+IF('Standard Profiles'!$G$21=$B$17,14,0)+IF('Standard Profiles'!$G$21=$B$24,21,0),0)),0)</f>
        <v>20.256772208071311</v>
      </c>
      <c r="H785" cm="1">
        <f t="array" ref="H785">IFERROR(INDEX(Jesper!AL$2:AL$366,ROUNDDOWN($C785/24,0)+1,1)*INDEX($D$3:$AA$30,INDEX(Jesper!$R$2:$R$366,ROW(INDEX(Jesper!AL$2:AL$366,ROUNDDOWN($C785/24,0)+1,1))-1)+IF('Standard Profiles'!$G$22=$B$10,7,0)+IF('Standard Profiles'!$G$22=$B$17,14,0)+IF('Standard Profiles'!$G$22=$B$24,21,0),MOD($C785,24)+1)/SUM(INDEX($D$3:$AA$30,INDEX(Jesper!$R$2:$R$366,ROW(INDEX(Jesper!AL$2:AL$366,ROUNDDOWN($C785/24,0)+1,1))-1)+IF('Standard Profiles'!$G$22=$B$10,7,0)+IF('Standard Profiles'!$G$22=$B$17,14,0)+IF('Standard Profiles'!$G$22=$B$24,21,0),0)),0)</f>
        <v>0</v>
      </c>
      <c r="I785">
        <f t="shared" si="97"/>
        <v>9.7232506598742248</v>
      </c>
      <c r="J785">
        <f t="shared" si="98"/>
        <v>58.098480244052404</v>
      </c>
      <c r="K785">
        <f t="shared" si="99"/>
        <v>2.6263915498164274</v>
      </c>
      <c r="L785">
        <f t="shared" si="100"/>
        <v>1.3131957749082137</v>
      </c>
      <c r="M785">
        <f t="shared" si="101"/>
        <v>0</v>
      </c>
      <c r="N785" s="45">
        <f t="shared" si="102"/>
        <v>44958.291666664845</v>
      </c>
    </row>
    <row r="786" spans="2:14" x14ac:dyDescent="0.25">
      <c r="B786">
        <f t="shared" si="96"/>
        <v>3</v>
      </c>
      <c r="C786" s="16">
        <v>752</v>
      </c>
      <c r="D786" cm="1">
        <f t="array" ref="D786">IFERROR(INDEX(Jesper!AH$2:AH$366,ROUNDDOWN($C786/24,0)+1,1)*INDEX($D$3:$AA$30,INDEX(Jesper!$R$2:$R$366,ROW(INDEX(Jesper!AH$2:AH$366,ROUNDDOWN($C786/24,0)+1,1))-1)+IF('Standard Profiles'!$G$18=$B$10,7,0)+IF('Standard Profiles'!$G$18=$B$17,14,0)+IF('Standard Profiles'!$G$18=$B$24,21,0),MOD($C786,24)+1)/SUM(INDEX($D$3:$AA$30,INDEX(Jesper!$R$2:$R$366,ROW(INDEX(Jesper!AH$2:AH$366,ROUNDDOWN($C786/24,0)+1,1))-1)+IF('Standard Profiles'!$G$18=$B$10,7,0)+IF('Standard Profiles'!$G$18=$B$17,14,0)+IF('Standard Profiles'!$G$18=$B$24,21,0),0)),0)</f>
        <v>27.473437922421841</v>
      </c>
      <c r="E786" cm="1">
        <f t="array" ref="E786">IFERROR(INDEX(Jesper!AI$2:AI$366,ROUNDDOWN($C786/24,0)+1,1)*INDEX($D$3:$AA$30,INDEX(Jesper!$R$2:$R$366,ROW(INDEX(Jesper!AI$2:AI$366,ROUNDDOWN($C786/24,0)+1,1))-1)+IF('Standard Profiles'!$G$19=$B$10,7,0)+IF('Standard Profiles'!$G$19=$B$17,14,0)+IF('Standard Profiles'!$G$19=$B$24,21,0),MOD($C786,24)+1)/SUM(INDEX($D$3:$AA$30,INDEX(Jesper!$R$2:$R$366,ROW(INDEX(Jesper!AI$2:AI$366,ROUNDDOWN($C786/24,0)+1,1))-1)+IF('Standard Profiles'!$G$19=$B$10,7,0)+IF('Standard Profiles'!$G$19=$B$17,14,0)+IF('Standard Profiles'!$G$19=$B$24,21,0),0)),0)</f>
        <v>29.994792374225277</v>
      </c>
      <c r="F786" cm="1">
        <f t="array" ref="F786">IFERROR(INDEX(Jesper!AJ$2:AJ$366,ROUNDDOWN($C786/24,0)+1,1)*INDEX($D$3:$AA$30,INDEX(Jesper!$R$2:$R$366,ROW(INDEX(Jesper!AJ$2:AJ$366,ROUNDDOWN($C786/24,0)+1,1))-1)+IF('Standard Profiles'!$G$20=$B$10,7,0)+IF('Standard Profiles'!$G$20=$B$17,14,0)+IF('Standard Profiles'!$G$20=$B$24,21,0),MOD($C786,24)+1)/SUM(INDEX($D$3:$AA$30,INDEX(Jesper!$R$2:$R$366,ROW(INDEX(Jesper!AJ$2:AJ$366,ROUNDDOWN($C786/24,0)+1,1))-1)+IF('Standard Profiles'!$G$20=$B$10,7,0)+IF('Standard Profiles'!$G$20=$B$17,14,0)+IF('Standard Profiles'!$G$20=$B$24,21,0),0)),0)</f>
        <v>0</v>
      </c>
      <c r="G786" cm="1">
        <f t="array" ref="G786">IFERROR(INDEX(Jesper!AK$2:AK$366,ROUNDDOWN($C786/24,0)+1,1)*INDEX($D$3:$AA$30,INDEX(Jesper!$R$2:$R$366,ROW(INDEX(Jesper!AK$2:AK$366,ROUNDDOWN($C786/24,0)+1,1))-1)+IF('Standard Profiles'!$G$21=$B$10,7,0)+IF('Standard Profiles'!$G$21=$B$17,14,0)+IF('Standard Profiles'!$G$21=$B$24,21,0),MOD($C786,24)+1)/SUM(INDEX($D$3:$AA$30,INDEX(Jesper!$R$2:$R$366,ROW(INDEX(Jesper!AK$2:AK$366,ROUNDDOWN($C786/24,0)+1,1))-1)+IF('Standard Profiles'!$G$21=$B$10,7,0)+IF('Standard Profiles'!$G$21=$B$17,14,0)+IF('Standard Profiles'!$G$21=$B$24,21,0),0)),0)</f>
        <v>22.602293200584835</v>
      </c>
      <c r="H786" cm="1">
        <f t="array" ref="H786">IFERROR(INDEX(Jesper!AL$2:AL$366,ROUNDDOWN($C786/24,0)+1,1)*INDEX($D$3:$AA$30,INDEX(Jesper!$R$2:$R$366,ROW(INDEX(Jesper!AL$2:AL$366,ROUNDDOWN($C786/24,0)+1,1))-1)+IF('Standard Profiles'!$G$22=$B$10,7,0)+IF('Standard Profiles'!$G$22=$B$17,14,0)+IF('Standard Profiles'!$G$22=$B$24,21,0),MOD($C786,24)+1)/SUM(INDEX($D$3:$AA$30,INDEX(Jesper!$R$2:$R$366,ROW(INDEX(Jesper!AL$2:AL$366,ROUNDDOWN($C786/24,0)+1,1))-1)+IF('Standard Profiles'!$G$22=$B$10,7,0)+IF('Standard Profiles'!$G$22=$B$17,14,0)+IF('Standard Profiles'!$G$22=$B$24,21,0),0)),0)</f>
        <v>0</v>
      </c>
      <c r="I786">
        <f t="shared" si="97"/>
        <v>10.849100736280716</v>
      </c>
      <c r="J786">
        <f t="shared" si="98"/>
        <v>64.825672693363742</v>
      </c>
      <c r="K786">
        <f t="shared" si="99"/>
        <v>2.9305000450583298</v>
      </c>
      <c r="L786">
        <f t="shared" si="100"/>
        <v>1.4652500225291649</v>
      </c>
      <c r="M786">
        <f t="shared" si="101"/>
        <v>0</v>
      </c>
      <c r="N786" s="45">
        <f t="shared" si="102"/>
        <v>44958.333333331509</v>
      </c>
    </row>
    <row r="787" spans="2:14" x14ac:dyDescent="0.25">
      <c r="B787">
        <f t="shared" si="96"/>
        <v>3</v>
      </c>
      <c r="C787" s="16">
        <v>753</v>
      </c>
      <c r="D787" cm="1">
        <f t="array" ref="D787">IFERROR(INDEX(Jesper!AH$2:AH$366,ROUNDDOWN($C787/24,0)+1,1)*INDEX($D$3:$AA$30,INDEX(Jesper!$R$2:$R$366,ROW(INDEX(Jesper!AH$2:AH$366,ROUNDDOWN($C787/24,0)+1,1))-1)+IF('Standard Profiles'!$G$18=$B$10,7,0)+IF('Standard Profiles'!$G$18=$B$17,14,0)+IF('Standard Profiles'!$G$18=$B$24,21,0),MOD($C787,24)+1)/SUM(INDEX($D$3:$AA$30,INDEX(Jesper!$R$2:$R$366,ROW(INDEX(Jesper!AH$2:AH$366,ROUNDDOWN($C787/24,0)+1,1))-1)+IF('Standard Profiles'!$G$18=$B$10,7,0)+IF('Standard Profiles'!$G$18=$B$17,14,0)+IF('Standard Profiles'!$G$18=$B$24,21,0),0)),0)</f>
        <v>30.324455065314677</v>
      </c>
      <c r="E787" cm="1">
        <f t="array" ref="E787">IFERROR(INDEX(Jesper!AI$2:AI$366,ROUNDDOWN($C787/24,0)+1,1)*INDEX($D$3:$AA$30,INDEX(Jesper!$R$2:$R$366,ROW(INDEX(Jesper!AI$2:AI$366,ROUNDDOWN($C787/24,0)+1,1))-1)+IF('Standard Profiles'!$G$19=$B$10,7,0)+IF('Standard Profiles'!$G$19=$B$17,14,0)+IF('Standard Profiles'!$G$19=$B$24,21,0),MOD($C787,24)+1)/SUM(INDEX($D$3:$AA$30,INDEX(Jesper!$R$2:$R$366,ROW(INDEX(Jesper!AI$2:AI$366,ROUNDDOWN($C787/24,0)+1,1))-1)+IF('Standard Profiles'!$G$19=$B$10,7,0)+IF('Standard Profiles'!$G$19=$B$17,14,0)+IF('Standard Profiles'!$G$19=$B$24,21,0),0)),0)</f>
        <v>33.107459507399604</v>
      </c>
      <c r="F787" cm="1">
        <f t="array" ref="F787">IFERROR(INDEX(Jesper!AJ$2:AJ$366,ROUNDDOWN($C787/24,0)+1,1)*INDEX($D$3:$AA$30,INDEX(Jesper!$R$2:$R$366,ROW(INDEX(Jesper!AJ$2:AJ$366,ROUNDDOWN($C787/24,0)+1,1))-1)+IF('Standard Profiles'!$G$20=$B$10,7,0)+IF('Standard Profiles'!$G$20=$B$17,14,0)+IF('Standard Profiles'!$G$20=$B$24,21,0),MOD($C787,24)+1)/SUM(INDEX($D$3:$AA$30,INDEX(Jesper!$R$2:$R$366,ROW(INDEX(Jesper!AJ$2:AJ$366,ROUNDDOWN($C787/24,0)+1,1))-1)+IF('Standard Profiles'!$G$20=$B$10,7,0)+IF('Standard Profiles'!$G$20=$B$17,14,0)+IF('Standard Profiles'!$G$20=$B$24,21,0),0)),0)</f>
        <v>0</v>
      </c>
      <c r="G787" cm="1">
        <f t="array" ref="G787">IFERROR(INDEX(Jesper!AK$2:AK$366,ROUNDDOWN($C787/24,0)+1,1)*INDEX($D$3:$AA$30,INDEX(Jesper!$R$2:$R$366,ROW(INDEX(Jesper!AK$2:AK$366,ROUNDDOWN($C787/24,0)+1,1))-1)+IF('Standard Profiles'!$G$21=$B$10,7,0)+IF('Standard Profiles'!$G$21=$B$17,14,0)+IF('Standard Profiles'!$G$21=$B$24,21,0),MOD($C787,24)+1)/SUM(INDEX($D$3:$AA$30,INDEX(Jesper!$R$2:$R$366,ROW(INDEX(Jesper!AK$2:AK$366,ROUNDDOWN($C787/24,0)+1,1))-1)+IF('Standard Profiles'!$G$21=$B$10,7,0)+IF('Standard Profiles'!$G$21=$B$17,14,0)+IF('Standard Profiles'!$G$21=$B$24,21,0),0)),0)</f>
        <v>24.947814193098356</v>
      </c>
      <c r="H787" cm="1">
        <f t="array" ref="H787">IFERROR(INDEX(Jesper!AL$2:AL$366,ROUNDDOWN($C787/24,0)+1,1)*INDEX($D$3:$AA$30,INDEX(Jesper!$R$2:$R$366,ROW(INDEX(Jesper!AL$2:AL$366,ROUNDDOWN($C787/24,0)+1,1))-1)+IF('Standard Profiles'!$G$22=$B$10,7,0)+IF('Standard Profiles'!$G$22=$B$17,14,0)+IF('Standard Profiles'!$G$22=$B$24,21,0),MOD($C787,24)+1)/SUM(INDEX($D$3:$AA$30,INDEX(Jesper!$R$2:$R$366,ROW(INDEX(Jesper!AL$2:AL$366,ROUNDDOWN($C787/24,0)+1,1))-1)+IF('Standard Profiles'!$G$22=$B$10,7,0)+IF('Standard Profiles'!$G$22=$B$17,14,0)+IF('Standard Profiles'!$G$22=$B$24,21,0),0)),0)</f>
        <v>0</v>
      </c>
      <c r="I787">
        <f t="shared" si="97"/>
        <v>11.974950812687204</v>
      </c>
      <c r="J787">
        <f t="shared" si="98"/>
        <v>71.552865142675088</v>
      </c>
      <c r="K787">
        <f t="shared" si="99"/>
        <v>3.2346085403002323</v>
      </c>
      <c r="L787">
        <f t="shared" si="100"/>
        <v>1.6173042701501161</v>
      </c>
      <c r="M787">
        <f t="shared" si="101"/>
        <v>0</v>
      </c>
      <c r="N787" s="45">
        <f t="shared" si="102"/>
        <v>44958.374999998174</v>
      </c>
    </row>
    <row r="788" spans="2:14" x14ac:dyDescent="0.25">
      <c r="B788">
        <f t="shared" si="96"/>
        <v>3</v>
      </c>
      <c r="C788" s="16">
        <v>754</v>
      </c>
      <c r="D788" cm="1">
        <f t="array" ref="D788">IFERROR(INDEX(Jesper!AH$2:AH$366,ROUNDDOWN($C788/24,0)+1,1)*INDEX($D$3:$AA$30,INDEX(Jesper!$R$2:$R$366,ROW(INDEX(Jesper!AH$2:AH$366,ROUNDDOWN($C788/24,0)+1,1))-1)+IF('Standard Profiles'!$G$18=$B$10,7,0)+IF('Standard Profiles'!$G$18=$B$17,14,0)+IF('Standard Profiles'!$G$18=$B$24,21,0),MOD($C788,24)+1)/SUM(INDEX($D$3:$AA$30,INDEX(Jesper!$R$2:$R$366,ROW(INDEX(Jesper!AH$2:AH$366,ROUNDDOWN($C788/24,0)+1,1))-1)+IF('Standard Profiles'!$G$18=$B$10,7,0)+IF('Standard Profiles'!$G$18=$B$17,14,0)+IF('Standard Profiles'!$G$18=$B$24,21,0),0)),0)</f>
        <v>30.324455065314677</v>
      </c>
      <c r="E788" cm="1">
        <f t="array" ref="E788">IFERROR(INDEX(Jesper!AI$2:AI$366,ROUNDDOWN($C788/24,0)+1,1)*INDEX($D$3:$AA$30,INDEX(Jesper!$R$2:$R$366,ROW(INDEX(Jesper!AI$2:AI$366,ROUNDDOWN($C788/24,0)+1,1))-1)+IF('Standard Profiles'!$G$19=$B$10,7,0)+IF('Standard Profiles'!$G$19=$B$17,14,0)+IF('Standard Profiles'!$G$19=$B$24,21,0),MOD($C788,24)+1)/SUM(INDEX($D$3:$AA$30,INDEX(Jesper!$R$2:$R$366,ROW(INDEX(Jesper!AI$2:AI$366,ROUNDDOWN($C788/24,0)+1,1))-1)+IF('Standard Profiles'!$G$19=$B$10,7,0)+IF('Standard Profiles'!$G$19=$B$17,14,0)+IF('Standard Profiles'!$G$19=$B$24,21,0),0)),0)</f>
        <v>33.107459507399604</v>
      </c>
      <c r="F788" cm="1">
        <f t="array" ref="F788">IFERROR(INDEX(Jesper!AJ$2:AJ$366,ROUNDDOWN($C788/24,0)+1,1)*INDEX($D$3:$AA$30,INDEX(Jesper!$R$2:$R$366,ROW(INDEX(Jesper!AJ$2:AJ$366,ROUNDDOWN($C788/24,0)+1,1))-1)+IF('Standard Profiles'!$G$20=$B$10,7,0)+IF('Standard Profiles'!$G$20=$B$17,14,0)+IF('Standard Profiles'!$G$20=$B$24,21,0),MOD($C788,24)+1)/SUM(INDEX($D$3:$AA$30,INDEX(Jesper!$R$2:$R$366,ROW(INDEX(Jesper!AJ$2:AJ$366,ROUNDDOWN($C788/24,0)+1,1))-1)+IF('Standard Profiles'!$G$20=$B$10,7,0)+IF('Standard Profiles'!$G$20=$B$17,14,0)+IF('Standard Profiles'!$G$20=$B$24,21,0),0)),0)</f>
        <v>0</v>
      </c>
      <c r="G788" cm="1">
        <f t="array" ref="G788">IFERROR(INDEX(Jesper!AK$2:AK$366,ROUNDDOWN($C788/24,0)+1,1)*INDEX($D$3:$AA$30,INDEX(Jesper!$R$2:$R$366,ROW(INDEX(Jesper!AK$2:AK$366,ROUNDDOWN($C788/24,0)+1,1))-1)+IF('Standard Profiles'!$G$21=$B$10,7,0)+IF('Standard Profiles'!$G$21=$B$17,14,0)+IF('Standard Profiles'!$G$21=$B$24,21,0),MOD($C788,24)+1)/SUM(INDEX($D$3:$AA$30,INDEX(Jesper!$R$2:$R$366,ROW(INDEX(Jesper!AK$2:AK$366,ROUNDDOWN($C788/24,0)+1,1))-1)+IF('Standard Profiles'!$G$21=$B$10,7,0)+IF('Standard Profiles'!$G$21=$B$17,14,0)+IF('Standard Profiles'!$G$21=$B$24,21,0),0)),0)</f>
        <v>24.947814193098356</v>
      </c>
      <c r="H788" cm="1">
        <f t="array" ref="H788">IFERROR(INDEX(Jesper!AL$2:AL$366,ROUNDDOWN($C788/24,0)+1,1)*INDEX($D$3:$AA$30,INDEX(Jesper!$R$2:$R$366,ROW(INDEX(Jesper!AL$2:AL$366,ROUNDDOWN($C788/24,0)+1,1))-1)+IF('Standard Profiles'!$G$22=$B$10,7,0)+IF('Standard Profiles'!$G$22=$B$17,14,0)+IF('Standard Profiles'!$G$22=$B$24,21,0),MOD($C788,24)+1)/SUM(INDEX($D$3:$AA$30,INDEX(Jesper!$R$2:$R$366,ROW(INDEX(Jesper!AL$2:AL$366,ROUNDDOWN($C788/24,0)+1,1))-1)+IF('Standard Profiles'!$G$22=$B$10,7,0)+IF('Standard Profiles'!$G$22=$B$17,14,0)+IF('Standard Profiles'!$G$22=$B$24,21,0),0)),0)</f>
        <v>0</v>
      </c>
      <c r="I788">
        <f t="shared" si="97"/>
        <v>11.974950812687204</v>
      </c>
      <c r="J788">
        <f t="shared" si="98"/>
        <v>71.552865142675088</v>
      </c>
      <c r="K788">
        <f t="shared" si="99"/>
        <v>3.2346085403002323</v>
      </c>
      <c r="L788">
        <f t="shared" si="100"/>
        <v>1.6173042701501161</v>
      </c>
      <c r="M788">
        <f t="shared" si="101"/>
        <v>0</v>
      </c>
      <c r="N788" s="45">
        <f t="shared" si="102"/>
        <v>44958.416666664838</v>
      </c>
    </row>
    <row r="789" spans="2:14" x14ac:dyDescent="0.25">
      <c r="B789">
        <f t="shared" si="96"/>
        <v>3</v>
      </c>
      <c r="C789" s="16">
        <v>755</v>
      </c>
      <c r="D789" cm="1">
        <f t="array" ref="D789">IFERROR(INDEX(Jesper!AH$2:AH$366,ROUNDDOWN($C789/24,0)+1,1)*INDEX($D$3:$AA$30,INDEX(Jesper!$R$2:$R$366,ROW(INDEX(Jesper!AH$2:AH$366,ROUNDDOWN($C789/24,0)+1,1))-1)+IF('Standard Profiles'!$G$18=$B$10,7,0)+IF('Standard Profiles'!$G$18=$B$17,14,0)+IF('Standard Profiles'!$G$18=$B$24,21,0),MOD($C789,24)+1)/SUM(INDEX($D$3:$AA$30,INDEX(Jesper!$R$2:$R$366,ROW(INDEX(Jesper!AH$2:AH$366,ROUNDDOWN($C789/24,0)+1,1))-1)+IF('Standard Profiles'!$G$18=$B$10,7,0)+IF('Standard Profiles'!$G$18=$B$17,14,0)+IF('Standard Profiles'!$G$18=$B$24,21,0),0)),0)</f>
        <v>36.285672727726954</v>
      </c>
      <c r="E789" cm="1">
        <f t="array" ref="E789">IFERROR(INDEX(Jesper!AI$2:AI$366,ROUNDDOWN($C789/24,0)+1,1)*INDEX($D$3:$AA$30,INDEX(Jesper!$R$2:$R$366,ROW(INDEX(Jesper!AI$2:AI$366,ROUNDDOWN($C789/24,0)+1,1))-1)+IF('Standard Profiles'!$G$19=$B$10,7,0)+IF('Standard Profiles'!$G$19=$B$17,14,0)+IF('Standard Profiles'!$G$19=$B$24,21,0),MOD($C789,24)+1)/SUM(INDEX($D$3:$AA$30,INDEX(Jesper!$R$2:$R$366,ROW(INDEX(Jesper!AI$2:AI$366,ROUNDDOWN($C789/24,0)+1,1))-1)+IF('Standard Profiles'!$G$19=$B$10,7,0)+IF('Standard Profiles'!$G$19=$B$17,14,0)+IF('Standard Profiles'!$G$19=$B$24,21,0),0)),0)</f>
        <v>39.615763513127725</v>
      </c>
      <c r="F789" cm="1">
        <f t="array" ref="F789">IFERROR(INDEX(Jesper!AJ$2:AJ$366,ROUNDDOWN($C789/24,0)+1,1)*INDEX($D$3:$AA$30,INDEX(Jesper!$R$2:$R$366,ROW(INDEX(Jesper!AJ$2:AJ$366,ROUNDDOWN($C789/24,0)+1,1))-1)+IF('Standard Profiles'!$G$20=$B$10,7,0)+IF('Standard Profiles'!$G$20=$B$17,14,0)+IF('Standard Profiles'!$G$20=$B$24,21,0),MOD($C789,24)+1)/SUM(INDEX($D$3:$AA$30,INDEX(Jesper!$R$2:$R$366,ROW(INDEX(Jesper!AJ$2:AJ$366,ROUNDDOWN($C789/24,0)+1,1))-1)+IF('Standard Profiles'!$G$20=$B$10,7,0)+IF('Standard Profiles'!$G$20=$B$17,14,0)+IF('Standard Profiles'!$G$20=$B$24,21,0),0)),0)</f>
        <v>0</v>
      </c>
      <c r="G789" cm="1">
        <f t="array" ref="G789">IFERROR(INDEX(Jesper!AK$2:AK$366,ROUNDDOWN($C789/24,0)+1,1)*INDEX($D$3:$AA$30,INDEX(Jesper!$R$2:$R$366,ROW(INDEX(Jesper!AK$2:AK$366,ROUNDDOWN($C789/24,0)+1,1))-1)+IF('Standard Profiles'!$G$21=$B$10,7,0)+IF('Standard Profiles'!$G$21=$B$17,14,0)+IF('Standard Profiles'!$G$21=$B$24,21,0),MOD($C789,24)+1)/SUM(INDEX($D$3:$AA$30,INDEX(Jesper!$R$2:$R$366,ROW(INDEX(Jesper!AK$2:AK$366,ROUNDDOWN($C789/24,0)+1,1))-1)+IF('Standard Profiles'!$G$21=$B$10,7,0)+IF('Standard Profiles'!$G$21=$B$17,14,0)+IF('Standard Profiles'!$G$21=$B$24,21,0),0)),0)</f>
        <v>29.852085359262986</v>
      </c>
      <c r="H789" cm="1">
        <f t="array" ref="H789">IFERROR(INDEX(Jesper!AL$2:AL$366,ROUNDDOWN($C789/24,0)+1,1)*INDEX($D$3:$AA$30,INDEX(Jesper!$R$2:$R$366,ROW(INDEX(Jesper!AL$2:AL$366,ROUNDDOWN($C789/24,0)+1,1))-1)+IF('Standard Profiles'!$G$22=$B$10,7,0)+IF('Standard Profiles'!$G$22=$B$17,14,0)+IF('Standard Profiles'!$G$22=$B$24,21,0),MOD($C789,24)+1)/SUM(INDEX($D$3:$AA$30,INDEX(Jesper!$R$2:$R$366,ROW(INDEX(Jesper!AL$2:AL$366,ROUNDDOWN($C789/24,0)+1,1))-1)+IF('Standard Profiles'!$G$22=$B$10,7,0)+IF('Standard Profiles'!$G$22=$B$17,14,0)+IF('Standard Profiles'!$G$22=$B$24,21,0),0)),0)</f>
        <v>0</v>
      </c>
      <c r="I789">
        <f t="shared" si="97"/>
        <v>14.329000972446226</v>
      </c>
      <c r="J789">
        <f t="shared" si="98"/>
        <v>85.618812991235131</v>
      </c>
      <c r="K789">
        <f t="shared" si="99"/>
        <v>3.8704717576242085</v>
      </c>
      <c r="L789">
        <f t="shared" si="100"/>
        <v>1.9352358788121042</v>
      </c>
      <c r="M789">
        <f t="shared" si="101"/>
        <v>0</v>
      </c>
      <c r="N789" s="45">
        <f t="shared" si="102"/>
        <v>44958.458333331502</v>
      </c>
    </row>
    <row r="790" spans="2:14" x14ac:dyDescent="0.25">
      <c r="B790">
        <f t="shared" si="96"/>
        <v>3</v>
      </c>
      <c r="C790" s="16">
        <v>756</v>
      </c>
      <c r="D790" cm="1">
        <f t="array" ref="D790">IFERROR(INDEX(Jesper!AH$2:AH$366,ROUNDDOWN($C790/24,0)+1,1)*INDEX($D$3:$AA$30,INDEX(Jesper!$R$2:$R$366,ROW(INDEX(Jesper!AH$2:AH$366,ROUNDDOWN($C790/24,0)+1,1))-1)+IF('Standard Profiles'!$G$18=$B$10,7,0)+IF('Standard Profiles'!$G$18=$B$17,14,0)+IF('Standard Profiles'!$G$18=$B$24,21,0),MOD($C790,24)+1)/SUM(INDEX($D$3:$AA$30,INDEX(Jesper!$R$2:$R$366,ROW(INDEX(Jesper!AH$2:AH$366,ROUNDDOWN($C790/24,0)+1,1))-1)+IF('Standard Profiles'!$G$18=$B$10,7,0)+IF('Standard Profiles'!$G$18=$B$17,14,0)+IF('Standard Profiles'!$G$18=$B$24,21,0),0)),0)</f>
        <v>36.285672727726954</v>
      </c>
      <c r="E790" cm="1">
        <f t="array" ref="E790">IFERROR(INDEX(Jesper!AI$2:AI$366,ROUNDDOWN($C790/24,0)+1,1)*INDEX($D$3:$AA$30,INDEX(Jesper!$R$2:$R$366,ROW(INDEX(Jesper!AI$2:AI$366,ROUNDDOWN($C790/24,0)+1,1))-1)+IF('Standard Profiles'!$G$19=$B$10,7,0)+IF('Standard Profiles'!$G$19=$B$17,14,0)+IF('Standard Profiles'!$G$19=$B$24,21,0),MOD($C790,24)+1)/SUM(INDEX($D$3:$AA$30,INDEX(Jesper!$R$2:$R$366,ROW(INDEX(Jesper!AI$2:AI$366,ROUNDDOWN($C790/24,0)+1,1))-1)+IF('Standard Profiles'!$G$19=$B$10,7,0)+IF('Standard Profiles'!$G$19=$B$17,14,0)+IF('Standard Profiles'!$G$19=$B$24,21,0),0)),0)</f>
        <v>39.615763513127725</v>
      </c>
      <c r="F790" cm="1">
        <f t="array" ref="F790">IFERROR(INDEX(Jesper!AJ$2:AJ$366,ROUNDDOWN($C790/24,0)+1,1)*INDEX($D$3:$AA$30,INDEX(Jesper!$R$2:$R$366,ROW(INDEX(Jesper!AJ$2:AJ$366,ROUNDDOWN($C790/24,0)+1,1))-1)+IF('Standard Profiles'!$G$20=$B$10,7,0)+IF('Standard Profiles'!$G$20=$B$17,14,0)+IF('Standard Profiles'!$G$20=$B$24,21,0),MOD($C790,24)+1)/SUM(INDEX($D$3:$AA$30,INDEX(Jesper!$R$2:$R$366,ROW(INDEX(Jesper!AJ$2:AJ$366,ROUNDDOWN($C790/24,0)+1,1))-1)+IF('Standard Profiles'!$G$20=$B$10,7,0)+IF('Standard Profiles'!$G$20=$B$17,14,0)+IF('Standard Profiles'!$G$20=$B$24,21,0),0)),0)</f>
        <v>0</v>
      </c>
      <c r="G790" cm="1">
        <f t="array" ref="G790">IFERROR(INDEX(Jesper!AK$2:AK$366,ROUNDDOWN($C790/24,0)+1,1)*INDEX($D$3:$AA$30,INDEX(Jesper!$R$2:$R$366,ROW(INDEX(Jesper!AK$2:AK$366,ROUNDDOWN($C790/24,0)+1,1))-1)+IF('Standard Profiles'!$G$21=$B$10,7,0)+IF('Standard Profiles'!$G$21=$B$17,14,0)+IF('Standard Profiles'!$G$21=$B$24,21,0),MOD($C790,24)+1)/SUM(INDEX($D$3:$AA$30,INDEX(Jesper!$R$2:$R$366,ROW(INDEX(Jesper!AK$2:AK$366,ROUNDDOWN($C790/24,0)+1,1))-1)+IF('Standard Profiles'!$G$21=$B$10,7,0)+IF('Standard Profiles'!$G$21=$B$17,14,0)+IF('Standard Profiles'!$G$21=$B$24,21,0),0)),0)</f>
        <v>29.852085359262986</v>
      </c>
      <c r="H790" cm="1">
        <f t="array" ref="H790">IFERROR(INDEX(Jesper!AL$2:AL$366,ROUNDDOWN($C790/24,0)+1,1)*INDEX($D$3:$AA$30,INDEX(Jesper!$R$2:$R$366,ROW(INDEX(Jesper!AL$2:AL$366,ROUNDDOWN($C790/24,0)+1,1))-1)+IF('Standard Profiles'!$G$22=$B$10,7,0)+IF('Standard Profiles'!$G$22=$B$17,14,0)+IF('Standard Profiles'!$G$22=$B$24,21,0),MOD($C790,24)+1)/SUM(INDEX($D$3:$AA$30,INDEX(Jesper!$R$2:$R$366,ROW(INDEX(Jesper!AL$2:AL$366,ROUNDDOWN($C790/24,0)+1,1))-1)+IF('Standard Profiles'!$G$22=$B$10,7,0)+IF('Standard Profiles'!$G$22=$B$17,14,0)+IF('Standard Profiles'!$G$22=$B$24,21,0),0)),0)</f>
        <v>0</v>
      </c>
      <c r="I790">
        <f t="shared" si="97"/>
        <v>14.329000972446226</v>
      </c>
      <c r="J790">
        <f t="shared" si="98"/>
        <v>85.618812991235131</v>
      </c>
      <c r="K790">
        <f t="shared" si="99"/>
        <v>3.8704717576242085</v>
      </c>
      <c r="L790">
        <f t="shared" si="100"/>
        <v>1.9352358788121042</v>
      </c>
      <c r="M790">
        <f t="shared" si="101"/>
        <v>0</v>
      </c>
      <c r="N790" s="45">
        <f t="shared" si="102"/>
        <v>44958.499999998166</v>
      </c>
    </row>
    <row r="791" spans="2:14" x14ac:dyDescent="0.25">
      <c r="B791">
        <f t="shared" si="96"/>
        <v>3</v>
      </c>
      <c r="C791" s="16">
        <v>757</v>
      </c>
      <c r="D791" cm="1">
        <f t="array" ref="D791">IFERROR(INDEX(Jesper!AH$2:AH$366,ROUNDDOWN($C791/24,0)+1,1)*INDEX($D$3:$AA$30,INDEX(Jesper!$R$2:$R$366,ROW(INDEX(Jesper!AH$2:AH$366,ROUNDDOWN($C791/24,0)+1,1))-1)+IF('Standard Profiles'!$G$18=$B$10,7,0)+IF('Standard Profiles'!$G$18=$B$17,14,0)+IF('Standard Profiles'!$G$18=$B$24,21,0),MOD($C791,24)+1)/SUM(INDEX($D$3:$AA$30,INDEX(Jesper!$R$2:$R$366,ROW(INDEX(Jesper!AH$2:AH$366,ROUNDDOWN($C791/24,0)+1,1))-1)+IF('Standard Profiles'!$G$18=$B$10,7,0)+IF('Standard Profiles'!$G$18=$B$17,14,0)+IF('Standard Profiles'!$G$18=$B$24,21,0),0)),0)</f>
        <v>24.104054026275762</v>
      </c>
      <c r="E791" cm="1">
        <f t="array" ref="E791">IFERROR(INDEX(Jesper!AI$2:AI$366,ROUNDDOWN($C791/24,0)+1,1)*INDEX($D$3:$AA$30,INDEX(Jesper!$R$2:$R$366,ROW(INDEX(Jesper!AI$2:AI$366,ROUNDDOWN($C791/24,0)+1,1))-1)+IF('Standard Profiles'!$G$19=$B$10,7,0)+IF('Standard Profiles'!$G$19=$B$17,14,0)+IF('Standard Profiles'!$G$19=$B$24,21,0),MOD($C791,24)+1)/SUM(INDEX($D$3:$AA$30,INDEX(Jesper!$R$2:$R$366,ROW(INDEX(Jesper!AI$2:AI$366,ROUNDDOWN($C791/24,0)+1,1))-1)+IF('Standard Profiles'!$G$19=$B$10,7,0)+IF('Standard Profiles'!$G$19=$B$17,14,0)+IF('Standard Profiles'!$G$19=$B$24,21,0),0)),0)</f>
        <v>26.31618576229199</v>
      </c>
      <c r="F791" cm="1">
        <f t="array" ref="F791">IFERROR(INDEX(Jesper!AJ$2:AJ$366,ROUNDDOWN($C791/24,0)+1,1)*INDEX($D$3:$AA$30,INDEX(Jesper!$R$2:$R$366,ROW(INDEX(Jesper!AJ$2:AJ$366,ROUNDDOWN($C791/24,0)+1,1))-1)+IF('Standard Profiles'!$G$20=$B$10,7,0)+IF('Standard Profiles'!$G$20=$B$17,14,0)+IF('Standard Profiles'!$G$20=$B$24,21,0),MOD($C791,24)+1)/SUM(INDEX($D$3:$AA$30,INDEX(Jesper!$R$2:$R$366,ROW(INDEX(Jesper!AJ$2:AJ$366,ROUNDDOWN($C791/24,0)+1,1))-1)+IF('Standard Profiles'!$G$20=$B$10,7,0)+IF('Standard Profiles'!$G$20=$B$17,14,0)+IF('Standard Profiles'!$G$20=$B$24,21,0),0)),0)</f>
        <v>0</v>
      </c>
      <c r="G791" cm="1">
        <f t="array" ref="G791">IFERROR(INDEX(Jesper!AK$2:AK$366,ROUNDDOWN($C791/24,0)+1,1)*INDEX($D$3:$AA$30,INDEX(Jesper!$R$2:$R$366,ROW(INDEX(Jesper!AK$2:AK$366,ROUNDDOWN($C791/24,0)+1,1))-1)+IF('Standard Profiles'!$G$21=$B$10,7,0)+IF('Standard Profiles'!$G$21=$B$17,14,0)+IF('Standard Profiles'!$G$21=$B$24,21,0),MOD($C791,24)+1)/SUM(INDEX($D$3:$AA$30,INDEX(Jesper!$R$2:$R$366,ROW(INDEX(Jesper!AK$2:AK$366,ROUNDDOWN($C791/24,0)+1,1))-1)+IF('Standard Profiles'!$G$21=$B$10,7,0)+IF('Standard Profiles'!$G$21=$B$17,14,0)+IF('Standard Profiles'!$G$21=$B$24,21,0),0)),0)</f>
        <v>19.830313845796127</v>
      </c>
      <c r="H791" cm="1">
        <f t="array" ref="H791">IFERROR(INDEX(Jesper!AL$2:AL$366,ROUNDDOWN($C791/24,0)+1,1)*INDEX($D$3:$AA$30,INDEX(Jesper!$R$2:$R$366,ROW(INDEX(Jesper!AL$2:AL$366,ROUNDDOWN($C791/24,0)+1,1))-1)+IF('Standard Profiles'!$G$22=$B$10,7,0)+IF('Standard Profiles'!$G$22=$B$17,14,0)+IF('Standard Profiles'!$G$22=$B$24,21,0),MOD($C791,24)+1)/SUM(INDEX($D$3:$AA$30,INDEX(Jesper!$R$2:$R$366,ROW(INDEX(Jesper!AL$2:AL$366,ROUNDDOWN($C791/24,0)+1,1))-1)+IF('Standard Profiles'!$G$22=$B$10,7,0)+IF('Standard Profiles'!$G$22=$B$17,14,0)+IF('Standard Profiles'!$G$22=$B$24,21,0),0)),0)</f>
        <v>0</v>
      </c>
      <c r="I791">
        <f t="shared" si="97"/>
        <v>9.5185506459821365</v>
      </c>
      <c r="J791">
        <f t="shared" si="98"/>
        <v>56.875354344177616</v>
      </c>
      <c r="K791">
        <f t="shared" si="99"/>
        <v>2.5710990961360816</v>
      </c>
      <c r="L791">
        <f t="shared" si="100"/>
        <v>1.2855495480680408</v>
      </c>
      <c r="M791">
        <f t="shared" si="101"/>
        <v>0</v>
      </c>
      <c r="N791" s="45">
        <f t="shared" si="102"/>
        <v>44958.541666664831</v>
      </c>
    </row>
    <row r="792" spans="2:14" x14ac:dyDescent="0.25">
      <c r="B792">
        <f t="shared" si="96"/>
        <v>3</v>
      </c>
      <c r="C792" s="16">
        <v>758</v>
      </c>
      <c r="D792" cm="1">
        <f t="array" ref="D792">IFERROR(INDEX(Jesper!AH$2:AH$366,ROUNDDOWN($C792/24,0)+1,1)*INDEX($D$3:$AA$30,INDEX(Jesper!$R$2:$R$366,ROW(INDEX(Jesper!AH$2:AH$366,ROUNDDOWN($C792/24,0)+1,1))-1)+IF('Standard Profiles'!$G$18=$B$10,7,0)+IF('Standard Profiles'!$G$18=$B$17,14,0)+IF('Standard Profiles'!$G$18=$B$24,21,0),MOD($C792,24)+1)/SUM(INDEX($D$3:$AA$30,INDEX(Jesper!$R$2:$R$366,ROW(INDEX(Jesper!AH$2:AH$366,ROUNDDOWN($C792/24,0)+1,1))-1)+IF('Standard Profiles'!$G$18=$B$10,7,0)+IF('Standard Profiles'!$G$18=$B$17,14,0)+IF('Standard Profiles'!$G$18=$B$24,21,0),0)),0)</f>
        <v>36.285672727726954</v>
      </c>
      <c r="E792" cm="1">
        <f t="array" ref="E792">IFERROR(INDEX(Jesper!AI$2:AI$366,ROUNDDOWN($C792/24,0)+1,1)*INDEX($D$3:$AA$30,INDEX(Jesper!$R$2:$R$366,ROW(INDEX(Jesper!AI$2:AI$366,ROUNDDOWN($C792/24,0)+1,1))-1)+IF('Standard Profiles'!$G$19=$B$10,7,0)+IF('Standard Profiles'!$G$19=$B$17,14,0)+IF('Standard Profiles'!$G$19=$B$24,21,0),MOD($C792,24)+1)/SUM(INDEX($D$3:$AA$30,INDEX(Jesper!$R$2:$R$366,ROW(INDEX(Jesper!AI$2:AI$366,ROUNDDOWN($C792/24,0)+1,1))-1)+IF('Standard Profiles'!$G$19=$B$10,7,0)+IF('Standard Profiles'!$G$19=$B$17,14,0)+IF('Standard Profiles'!$G$19=$B$24,21,0),0)),0)</f>
        <v>39.615763513127725</v>
      </c>
      <c r="F792" cm="1">
        <f t="array" ref="F792">IFERROR(INDEX(Jesper!AJ$2:AJ$366,ROUNDDOWN($C792/24,0)+1,1)*INDEX($D$3:$AA$30,INDEX(Jesper!$R$2:$R$366,ROW(INDEX(Jesper!AJ$2:AJ$366,ROUNDDOWN($C792/24,0)+1,1))-1)+IF('Standard Profiles'!$G$20=$B$10,7,0)+IF('Standard Profiles'!$G$20=$B$17,14,0)+IF('Standard Profiles'!$G$20=$B$24,21,0),MOD($C792,24)+1)/SUM(INDEX($D$3:$AA$30,INDEX(Jesper!$R$2:$R$366,ROW(INDEX(Jesper!AJ$2:AJ$366,ROUNDDOWN($C792/24,0)+1,1))-1)+IF('Standard Profiles'!$G$20=$B$10,7,0)+IF('Standard Profiles'!$G$20=$B$17,14,0)+IF('Standard Profiles'!$G$20=$B$24,21,0),0)),0)</f>
        <v>0</v>
      </c>
      <c r="G792" cm="1">
        <f t="array" ref="G792">IFERROR(INDEX(Jesper!AK$2:AK$366,ROUNDDOWN($C792/24,0)+1,1)*INDEX($D$3:$AA$30,INDEX(Jesper!$R$2:$R$366,ROW(INDEX(Jesper!AK$2:AK$366,ROUNDDOWN($C792/24,0)+1,1))-1)+IF('Standard Profiles'!$G$21=$B$10,7,0)+IF('Standard Profiles'!$G$21=$B$17,14,0)+IF('Standard Profiles'!$G$21=$B$24,21,0),MOD($C792,24)+1)/SUM(INDEX($D$3:$AA$30,INDEX(Jesper!$R$2:$R$366,ROW(INDEX(Jesper!AK$2:AK$366,ROUNDDOWN($C792/24,0)+1,1))-1)+IF('Standard Profiles'!$G$21=$B$10,7,0)+IF('Standard Profiles'!$G$21=$B$17,14,0)+IF('Standard Profiles'!$G$21=$B$24,21,0),0)),0)</f>
        <v>29.852085359262986</v>
      </c>
      <c r="H792" cm="1">
        <f t="array" ref="H792">IFERROR(INDEX(Jesper!AL$2:AL$366,ROUNDDOWN($C792/24,0)+1,1)*INDEX($D$3:$AA$30,INDEX(Jesper!$R$2:$R$366,ROW(INDEX(Jesper!AL$2:AL$366,ROUNDDOWN($C792/24,0)+1,1))-1)+IF('Standard Profiles'!$G$22=$B$10,7,0)+IF('Standard Profiles'!$G$22=$B$17,14,0)+IF('Standard Profiles'!$G$22=$B$24,21,0),MOD($C792,24)+1)/SUM(INDEX($D$3:$AA$30,INDEX(Jesper!$R$2:$R$366,ROW(INDEX(Jesper!AL$2:AL$366,ROUNDDOWN($C792/24,0)+1,1))-1)+IF('Standard Profiles'!$G$22=$B$10,7,0)+IF('Standard Profiles'!$G$22=$B$17,14,0)+IF('Standard Profiles'!$G$22=$B$24,21,0),0)),0)</f>
        <v>0</v>
      </c>
      <c r="I792">
        <f t="shared" si="97"/>
        <v>14.329000972446226</v>
      </c>
      <c r="J792">
        <f t="shared" si="98"/>
        <v>85.618812991235131</v>
      </c>
      <c r="K792">
        <f t="shared" si="99"/>
        <v>3.8704717576242085</v>
      </c>
      <c r="L792">
        <f t="shared" si="100"/>
        <v>1.9352358788121042</v>
      </c>
      <c r="M792">
        <f t="shared" si="101"/>
        <v>0</v>
      </c>
      <c r="N792" s="45">
        <f t="shared" si="102"/>
        <v>44958.583333331495</v>
      </c>
    </row>
    <row r="793" spans="2:14" x14ac:dyDescent="0.25">
      <c r="B793">
        <f t="shared" si="96"/>
        <v>3</v>
      </c>
      <c r="C793" s="16">
        <v>759</v>
      </c>
      <c r="D793" cm="1">
        <f t="array" ref="D793">IFERROR(INDEX(Jesper!AH$2:AH$366,ROUNDDOWN($C793/24,0)+1,1)*INDEX($D$3:$AA$30,INDEX(Jesper!$R$2:$R$366,ROW(INDEX(Jesper!AH$2:AH$366,ROUNDDOWN($C793/24,0)+1,1))-1)+IF('Standard Profiles'!$G$18=$B$10,7,0)+IF('Standard Profiles'!$G$18=$B$17,14,0)+IF('Standard Profiles'!$G$18=$B$24,21,0),MOD($C793,24)+1)/SUM(INDEX($D$3:$AA$30,INDEX(Jesper!$R$2:$R$366,ROW(INDEX(Jesper!AH$2:AH$366,ROUNDDOWN($C793/24,0)+1,1))-1)+IF('Standard Profiles'!$G$18=$B$10,7,0)+IF('Standard Profiles'!$G$18=$B$17,14,0)+IF('Standard Profiles'!$G$18=$B$24,21,0),0)),0)</f>
        <v>36.285672727726954</v>
      </c>
      <c r="E793" cm="1">
        <f t="array" ref="E793">IFERROR(INDEX(Jesper!AI$2:AI$366,ROUNDDOWN($C793/24,0)+1,1)*INDEX($D$3:$AA$30,INDEX(Jesper!$R$2:$R$366,ROW(INDEX(Jesper!AI$2:AI$366,ROUNDDOWN($C793/24,0)+1,1))-1)+IF('Standard Profiles'!$G$19=$B$10,7,0)+IF('Standard Profiles'!$G$19=$B$17,14,0)+IF('Standard Profiles'!$G$19=$B$24,21,0),MOD($C793,24)+1)/SUM(INDEX($D$3:$AA$30,INDEX(Jesper!$R$2:$R$366,ROW(INDEX(Jesper!AI$2:AI$366,ROUNDDOWN($C793/24,0)+1,1))-1)+IF('Standard Profiles'!$G$19=$B$10,7,0)+IF('Standard Profiles'!$G$19=$B$17,14,0)+IF('Standard Profiles'!$G$19=$B$24,21,0),0)),0)</f>
        <v>39.615763513127725</v>
      </c>
      <c r="F793" cm="1">
        <f t="array" ref="F793">IFERROR(INDEX(Jesper!AJ$2:AJ$366,ROUNDDOWN($C793/24,0)+1,1)*INDEX($D$3:$AA$30,INDEX(Jesper!$R$2:$R$366,ROW(INDEX(Jesper!AJ$2:AJ$366,ROUNDDOWN($C793/24,0)+1,1))-1)+IF('Standard Profiles'!$G$20=$B$10,7,0)+IF('Standard Profiles'!$G$20=$B$17,14,0)+IF('Standard Profiles'!$G$20=$B$24,21,0),MOD($C793,24)+1)/SUM(INDEX($D$3:$AA$30,INDEX(Jesper!$R$2:$R$366,ROW(INDEX(Jesper!AJ$2:AJ$366,ROUNDDOWN($C793/24,0)+1,1))-1)+IF('Standard Profiles'!$G$20=$B$10,7,0)+IF('Standard Profiles'!$G$20=$B$17,14,0)+IF('Standard Profiles'!$G$20=$B$24,21,0),0)),0)</f>
        <v>0</v>
      </c>
      <c r="G793" cm="1">
        <f t="array" ref="G793">IFERROR(INDEX(Jesper!AK$2:AK$366,ROUNDDOWN($C793/24,0)+1,1)*INDEX($D$3:$AA$30,INDEX(Jesper!$R$2:$R$366,ROW(INDEX(Jesper!AK$2:AK$366,ROUNDDOWN($C793/24,0)+1,1))-1)+IF('Standard Profiles'!$G$21=$B$10,7,0)+IF('Standard Profiles'!$G$21=$B$17,14,0)+IF('Standard Profiles'!$G$21=$B$24,21,0),MOD($C793,24)+1)/SUM(INDEX($D$3:$AA$30,INDEX(Jesper!$R$2:$R$366,ROW(INDEX(Jesper!AK$2:AK$366,ROUNDDOWN($C793/24,0)+1,1))-1)+IF('Standard Profiles'!$G$21=$B$10,7,0)+IF('Standard Profiles'!$G$21=$B$17,14,0)+IF('Standard Profiles'!$G$21=$B$24,21,0),0)),0)</f>
        <v>29.852085359262986</v>
      </c>
      <c r="H793" cm="1">
        <f t="array" ref="H793">IFERROR(INDEX(Jesper!AL$2:AL$366,ROUNDDOWN($C793/24,0)+1,1)*INDEX($D$3:$AA$30,INDEX(Jesper!$R$2:$R$366,ROW(INDEX(Jesper!AL$2:AL$366,ROUNDDOWN($C793/24,0)+1,1))-1)+IF('Standard Profiles'!$G$22=$B$10,7,0)+IF('Standard Profiles'!$G$22=$B$17,14,0)+IF('Standard Profiles'!$G$22=$B$24,21,0),MOD($C793,24)+1)/SUM(INDEX($D$3:$AA$30,INDEX(Jesper!$R$2:$R$366,ROW(INDEX(Jesper!AL$2:AL$366,ROUNDDOWN($C793/24,0)+1,1))-1)+IF('Standard Profiles'!$G$22=$B$10,7,0)+IF('Standard Profiles'!$G$22=$B$17,14,0)+IF('Standard Profiles'!$G$22=$B$24,21,0),0)),0)</f>
        <v>0</v>
      </c>
      <c r="I793">
        <f t="shared" si="97"/>
        <v>14.329000972446226</v>
      </c>
      <c r="J793">
        <f t="shared" si="98"/>
        <v>85.618812991235131</v>
      </c>
      <c r="K793">
        <f t="shared" si="99"/>
        <v>3.8704717576242085</v>
      </c>
      <c r="L793">
        <f t="shared" si="100"/>
        <v>1.9352358788121042</v>
      </c>
      <c r="M793">
        <f t="shared" si="101"/>
        <v>0</v>
      </c>
      <c r="N793" s="45">
        <f t="shared" si="102"/>
        <v>44958.624999998159</v>
      </c>
    </row>
    <row r="794" spans="2:14" x14ac:dyDescent="0.25">
      <c r="B794">
        <f t="shared" si="96"/>
        <v>3</v>
      </c>
      <c r="C794" s="16">
        <v>760</v>
      </c>
      <c r="D794" cm="1">
        <f t="array" ref="D794">IFERROR(INDEX(Jesper!AH$2:AH$366,ROUNDDOWN($C794/24,0)+1,1)*INDEX($D$3:$AA$30,INDEX(Jesper!$R$2:$R$366,ROW(INDEX(Jesper!AH$2:AH$366,ROUNDDOWN($C794/24,0)+1,1))-1)+IF('Standard Profiles'!$G$18=$B$10,7,0)+IF('Standard Profiles'!$G$18=$B$17,14,0)+IF('Standard Profiles'!$G$18=$B$24,21,0),MOD($C794,24)+1)/SUM(INDEX($D$3:$AA$30,INDEX(Jesper!$R$2:$R$366,ROW(INDEX(Jesper!AH$2:AH$366,ROUNDDOWN($C794/24,0)+1,1))-1)+IF('Standard Profiles'!$G$18=$B$10,7,0)+IF('Standard Profiles'!$G$18=$B$17,14,0)+IF('Standard Profiles'!$G$18=$B$24,21,0),0)),0)</f>
        <v>21.382628571696245</v>
      </c>
      <c r="E794" cm="1">
        <f t="array" ref="E794">IFERROR(INDEX(Jesper!AI$2:AI$366,ROUNDDOWN($C794/24,0)+1,1)*INDEX($D$3:$AA$30,INDEX(Jesper!$R$2:$R$366,ROW(INDEX(Jesper!AI$2:AI$366,ROUNDDOWN($C794/24,0)+1,1))-1)+IF('Standard Profiles'!$G$19=$B$10,7,0)+IF('Standard Profiles'!$G$19=$B$17,14,0)+IF('Standard Profiles'!$G$19=$B$24,21,0),MOD($C794,24)+1)/SUM(INDEX($D$3:$AA$30,INDEX(Jesper!$R$2:$R$366,ROW(INDEX(Jesper!AI$2:AI$366,ROUNDDOWN($C794/24,0)+1,1))-1)+IF('Standard Profiles'!$G$19=$B$10,7,0)+IF('Standard Profiles'!$G$19=$B$17,14,0)+IF('Standard Profiles'!$G$19=$B$24,21,0),0)),0)</f>
        <v>23.345003498807408</v>
      </c>
      <c r="F794" cm="1">
        <f t="array" ref="F794">IFERROR(INDEX(Jesper!AJ$2:AJ$366,ROUNDDOWN($C794/24,0)+1,1)*INDEX($D$3:$AA$30,INDEX(Jesper!$R$2:$R$366,ROW(INDEX(Jesper!AJ$2:AJ$366,ROUNDDOWN($C794/24,0)+1,1))-1)+IF('Standard Profiles'!$G$20=$B$10,7,0)+IF('Standard Profiles'!$G$20=$B$17,14,0)+IF('Standard Profiles'!$G$20=$B$24,21,0),MOD($C794,24)+1)/SUM(INDEX($D$3:$AA$30,INDEX(Jesper!$R$2:$R$366,ROW(INDEX(Jesper!AJ$2:AJ$366,ROUNDDOWN($C794/24,0)+1,1))-1)+IF('Standard Profiles'!$G$20=$B$10,7,0)+IF('Standard Profiles'!$G$20=$B$17,14,0)+IF('Standard Profiles'!$G$20=$B$24,21,0),0)),0)</f>
        <v>0</v>
      </c>
      <c r="G794" cm="1">
        <f t="array" ref="G794">IFERROR(INDEX(Jesper!AK$2:AK$366,ROUNDDOWN($C794/24,0)+1,1)*INDEX($D$3:$AA$30,INDEX(Jesper!$R$2:$R$366,ROW(INDEX(Jesper!AK$2:AK$366,ROUNDDOWN($C794/24,0)+1,1))-1)+IF('Standard Profiles'!$G$21=$B$10,7,0)+IF('Standard Profiles'!$G$21=$B$17,14,0)+IF('Standard Profiles'!$G$21=$B$24,21,0),MOD($C794,24)+1)/SUM(INDEX($D$3:$AA$30,INDEX(Jesper!$R$2:$R$366,ROW(INDEX(Jesper!AK$2:AK$366,ROUNDDOWN($C794/24,0)+1,1))-1)+IF('Standard Profiles'!$G$21=$B$10,7,0)+IF('Standard Profiles'!$G$21=$B$17,14,0)+IF('Standard Profiles'!$G$21=$B$24,21,0),0)),0)</f>
        <v>24.944137827906328</v>
      </c>
      <c r="H794" cm="1">
        <f t="array" ref="H794">IFERROR(INDEX(Jesper!AL$2:AL$366,ROUNDDOWN($C794/24,0)+1,1)*INDEX($D$3:$AA$30,INDEX(Jesper!$R$2:$R$366,ROW(INDEX(Jesper!AL$2:AL$366,ROUNDDOWN($C794/24,0)+1,1))-1)+IF('Standard Profiles'!$G$22=$B$10,7,0)+IF('Standard Profiles'!$G$22=$B$17,14,0)+IF('Standard Profiles'!$G$22=$B$24,21,0),MOD($C794,24)+1)/SUM(INDEX($D$3:$AA$30,INDEX(Jesper!$R$2:$R$366,ROW(INDEX(Jesper!AL$2:AL$366,ROUNDDOWN($C794/24,0)+1,1))-1)+IF('Standard Profiles'!$G$22=$B$10,7,0)+IF('Standard Profiles'!$G$22=$B$17,14,0)+IF('Standard Profiles'!$G$22=$B$24,21,0),0)),0)</f>
        <v>0</v>
      </c>
      <c r="I794">
        <f t="shared" si="97"/>
        <v>11.973186157395032</v>
      </c>
      <c r="J794">
        <f t="shared" si="98"/>
        <v>54.277363169543548</v>
      </c>
      <c r="K794">
        <f t="shared" si="99"/>
        <v>2.2808137143142662</v>
      </c>
      <c r="L794">
        <f t="shared" si="100"/>
        <v>1.1404068571571331</v>
      </c>
      <c r="M794">
        <f t="shared" si="101"/>
        <v>0</v>
      </c>
      <c r="N794" s="45">
        <f t="shared" si="102"/>
        <v>44958.666666664823</v>
      </c>
    </row>
    <row r="795" spans="2:14" x14ac:dyDescent="0.25">
      <c r="B795">
        <f t="shared" si="96"/>
        <v>3</v>
      </c>
      <c r="C795" s="16">
        <v>761</v>
      </c>
      <c r="D795" cm="1">
        <f t="array" ref="D795">IFERROR(INDEX(Jesper!AH$2:AH$366,ROUNDDOWN($C795/24,0)+1,1)*INDEX($D$3:$AA$30,INDEX(Jesper!$R$2:$R$366,ROW(INDEX(Jesper!AH$2:AH$366,ROUNDDOWN($C795/24,0)+1,1))-1)+IF('Standard Profiles'!$G$18=$B$10,7,0)+IF('Standard Profiles'!$G$18=$B$17,14,0)+IF('Standard Profiles'!$G$18=$B$24,21,0),MOD($C795,24)+1)/SUM(INDEX($D$3:$AA$30,INDEX(Jesper!$R$2:$R$366,ROW(INDEX(Jesper!AH$2:AH$366,ROUNDDOWN($C795/24,0)+1,1))-1)+IF('Standard Profiles'!$G$18=$B$10,7,0)+IF('Standard Profiles'!$G$18=$B$17,14,0)+IF('Standard Profiles'!$G$18=$B$24,21,0),0)),0)</f>
        <v>9.1261752333317308</v>
      </c>
      <c r="E795" cm="1">
        <f t="array" ref="E795">IFERROR(INDEX(Jesper!AI$2:AI$366,ROUNDDOWN($C795/24,0)+1,1)*INDEX($D$3:$AA$30,INDEX(Jesper!$R$2:$R$366,ROW(INDEX(Jesper!AI$2:AI$366,ROUNDDOWN($C795/24,0)+1,1))-1)+IF('Standard Profiles'!$G$19=$B$10,7,0)+IF('Standard Profiles'!$G$19=$B$17,14,0)+IF('Standard Profiles'!$G$19=$B$24,21,0),MOD($C795,24)+1)/SUM(INDEX($D$3:$AA$30,INDEX(Jesper!$R$2:$R$366,ROW(INDEX(Jesper!AI$2:AI$366,ROUNDDOWN($C795/24,0)+1,1))-1)+IF('Standard Profiles'!$G$19=$B$10,7,0)+IF('Standard Profiles'!$G$19=$B$17,14,0)+IF('Standard Profiles'!$G$19=$B$24,21,0),0)),0)</f>
        <v>9.9637232175874555</v>
      </c>
      <c r="F795" cm="1">
        <f t="array" ref="F795">IFERROR(INDEX(Jesper!AJ$2:AJ$366,ROUNDDOWN($C795/24,0)+1,1)*INDEX($D$3:$AA$30,INDEX(Jesper!$R$2:$R$366,ROW(INDEX(Jesper!AJ$2:AJ$366,ROUNDDOWN($C795/24,0)+1,1))-1)+IF('Standard Profiles'!$G$20=$B$10,7,0)+IF('Standard Profiles'!$G$20=$B$17,14,0)+IF('Standard Profiles'!$G$20=$B$24,21,0),MOD($C795,24)+1)/SUM(INDEX($D$3:$AA$30,INDEX(Jesper!$R$2:$R$366,ROW(INDEX(Jesper!AJ$2:AJ$366,ROUNDDOWN($C795/24,0)+1,1))-1)+IF('Standard Profiles'!$G$20=$B$10,7,0)+IF('Standard Profiles'!$G$20=$B$17,14,0)+IF('Standard Profiles'!$G$20=$B$24,21,0),0)),0)</f>
        <v>0</v>
      </c>
      <c r="G795" cm="1">
        <f t="array" ref="G795">IFERROR(INDEX(Jesper!AK$2:AK$366,ROUNDDOWN($C795/24,0)+1,1)*INDEX($D$3:$AA$30,INDEX(Jesper!$R$2:$R$366,ROW(INDEX(Jesper!AK$2:AK$366,ROUNDDOWN($C795/24,0)+1,1))-1)+IF('Standard Profiles'!$G$21=$B$10,7,0)+IF('Standard Profiles'!$G$21=$B$17,14,0)+IF('Standard Profiles'!$G$21=$B$24,21,0),MOD($C795,24)+1)/SUM(INDEX($D$3:$AA$30,INDEX(Jesper!$R$2:$R$366,ROW(INDEX(Jesper!AK$2:AK$366,ROUNDDOWN($C795/24,0)+1,1))-1)+IF('Standard Profiles'!$G$21=$B$10,7,0)+IF('Standard Profiles'!$G$21=$B$17,14,0)+IF('Standard Profiles'!$G$21=$B$24,21,0),0)),0)</f>
        <v>19.833990210988155</v>
      </c>
      <c r="H795" cm="1">
        <f t="array" ref="H795">IFERROR(INDEX(Jesper!AL$2:AL$366,ROUNDDOWN($C795/24,0)+1,1)*INDEX($D$3:$AA$30,INDEX(Jesper!$R$2:$R$366,ROW(INDEX(Jesper!AL$2:AL$366,ROUNDDOWN($C795/24,0)+1,1))-1)+IF('Standard Profiles'!$G$22=$B$10,7,0)+IF('Standard Profiles'!$G$22=$B$17,14,0)+IF('Standard Profiles'!$G$22=$B$24,21,0),MOD($C795,24)+1)/SUM(INDEX($D$3:$AA$30,INDEX(Jesper!$R$2:$R$366,ROW(INDEX(Jesper!AL$2:AL$366,ROUNDDOWN($C795/24,0)+1,1))-1)+IF('Standard Profiles'!$G$22=$B$10,7,0)+IF('Standard Profiles'!$G$22=$B$17,14,0)+IF('Standard Profiles'!$G$22=$B$24,21,0),0)),0)</f>
        <v>0</v>
      </c>
      <c r="I795">
        <f t="shared" si="97"/>
        <v>9.5203153012743105</v>
      </c>
      <c r="J795">
        <f t="shared" si="98"/>
        <v>27.943385323299957</v>
      </c>
      <c r="K795">
        <f t="shared" si="99"/>
        <v>0.97345869155538467</v>
      </c>
      <c r="L795">
        <f t="shared" si="100"/>
        <v>0.48672934577769233</v>
      </c>
      <c r="M795">
        <f t="shared" si="101"/>
        <v>0</v>
      </c>
      <c r="N795" s="45">
        <f t="shared" si="102"/>
        <v>44958.708333331488</v>
      </c>
    </row>
    <row r="796" spans="2:14" x14ac:dyDescent="0.25">
      <c r="B796">
        <f t="shared" si="96"/>
        <v>3</v>
      </c>
      <c r="C796" s="16">
        <v>762</v>
      </c>
      <c r="D796" cm="1">
        <f t="array" ref="D796">IFERROR(INDEX(Jesper!AH$2:AH$366,ROUNDDOWN($C796/24,0)+1,1)*INDEX($D$3:$AA$30,INDEX(Jesper!$R$2:$R$366,ROW(INDEX(Jesper!AH$2:AH$366,ROUNDDOWN($C796/24,0)+1,1))-1)+IF('Standard Profiles'!$G$18=$B$10,7,0)+IF('Standard Profiles'!$G$18=$B$17,14,0)+IF('Standard Profiles'!$G$18=$B$24,21,0),MOD($C796,24)+1)/SUM(INDEX($D$3:$AA$30,INDEX(Jesper!$R$2:$R$366,ROW(INDEX(Jesper!AH$2:AH$366,ROUNDDOWN($C796/24,0)+1,1))-1)+IF('Standard Profiles'!$G$18=$B$10,7,0)+IF('Standard Profiles'!$G$18=$B$17,14,0)+IF('Standard Profiles'!$G$18=$B$24,21,0),0)),0)</f>
        <v>6.023275653998942</v>
      </c>
      <c r="E796" cm="1">
        <f t="array" ref="E796">IFERROR(INDEX(Jesper!AI$2:AI$366,ROUNDDOWN($C796/24,0)+1,1)*INDEX($D$3:$AA$30,INDEX(Jesper!$R$2:$R$366,ROW(INDEX(Jesper!AI$2:AI$366,ROUNDDOWN($C796/24,0)+1,1))-1)+IF('Standard Profiles'!$G$19=$B$10,7,0)+IF('Standard Profiles'!$G$19=$B$17,14,0)+IF('Standard Profiles'!$G$19=$B$24,21,0),MOD($C796,24)+1)/SUM(INDEX($D$3:$AA$30,INDEX(Jesper!$R$2:$R$366,ROW(INDEX(Jesper!AI$2:AI$366,ROUNDDOWN($C796/24,0)+1,1))-1)+IF('Standard Profiles'!$G$19=$B$10,7,0)+IF('Standard Profiles'!$G$19=$B$17,14,0)+IF('Standard Profiles'!$G$19=$B$24,21,0),0)),0)</f>
        <v>6.5760573236077215</v>
      </c>
      <c r="F796" cm="1">
        <f t="array" ref="F796">IFERROR(INDEX(Jesper!AJ$2:AJ$366,ROUNDDOWN($C796/24,0)+1,1)*INDEX($D$3:$AA$30,INDEX(Jesper!$R$2:$R$366,ROW(INDEX(Jesper!AJ$2:AJ$366,ROUNDDOWN($C796/24,0)+1,1))-1)+IF('Standard Profiles'!$G$20=$B$10,7,0)+IF('Standard Profiles'!$G$20=$B$17,14,0)+IF('Standard Profiles'!$G$20=$B$24,21,0),MOD($C796,24)+1)/SUM(INDEX($D$3:$AA$30,INDEX(Jesper!$R$2:$R$366,ROW(INDEX(Jesper!AJ$2:AJ$366,ROUNDDOWN($C796/24,0)+1,1))-1)+IF('Standard Profiles'!$G$20=$B$10,7,0)+IF('Standard Profiles'!$G$20=$B$17,14,0)+IF('Standard Profiles'!$G$20=$B$24,21,0),0)),0)</f>
        <v>0</v>
      </c>
      <c r="G796" cm="1">
        <f t="array" ref="G796">IFERROR(INDEX(Jesper!AK$2:AK$366,ROUNDDOWN($C796/24,0)+1,1)*INDEX($D$3:$AA$30,INDEX(Jesper!$R$2:$R$366,ROW(INDEX(Jesper!AK$2:AK$366,ROUNDDOWN($C796/24,0)+1,1))-1)+IF('Standard Profiles'!$G$21=$B$10,7,0)+IF('Standard Profiles'!$G$21=$B$17,14,0)+IF('Standard Profiles'!$G$21=$B$24,21,0),MOD($C796,24)+1)/SUM(INDEX($D$3:$AA$30,INDEX(Jesper!$R$2:$R$366,ROW(INDEX(Jesper!AK$2:AK$366,ROUNDDOWN($C796/24,0)+1,1))-1)+IF('Standard Profiles'!$G$21=$B$10,7,0)+IF('Standard Profiles'!$G$21=$B$17,14,0)+IF('Standard Profiles'!$G$21=$B$24,21,0),0)),0)</f>
        <v>7.3527303840549241</v>
      </c>
      <c r="H796" cm="1">
        <f t="array" ref="H796">IFERROR(INDEX(Jesper!AL$2:AL$366,ROUNDDOWN($C796/24,0)+1,1)*INDEX($D$3:$AA$30,INDEX(Jesper!$R$2:$R$366,ROW(INDEX(Jesper!AL$2:AL$366,ROUNDDOWN($C796/24,0)+1,1))-1)+IF('Standard Profiles'!$G$22=$B$10,7,0)+IF('Standard Profiles'!$G$22=$B$17,14,0)+IF('Standard Profiles'!$G$22=$B$24,21,0),MOD($C796,24)+1)/SUM(INDEX($D$3:$AA$30,INDEX(Jesper!$R$2:$R$366,ROW(INDEX(Jesper!AL$2:AL$366,ROUNDDOWN($C796/24,0)+1,1))-1)+IF('Standard Profiles'!$G$22=$B$10,7,0)+IF('Standard Profiles'!$G$22=$B$17,14,0)+IF('Standard Profiles'!$G$22=$B$24,21,0),0)),0)</f>
        <v>0</v>
      </c>
      <c r="I796">
        <f t="shared" si="97"/>
        <v>3.5293105843463617</v>
      </c>
      <c r="J796">
        <f t="shared" si="98"/>
        <v>15.459028672675394</v>
      </c>
      <c r="K796">
        <f t="shared" si="99"/>
        <v>0.64248273642655385</v>
      </c>
      <c r="L796">
        <f t="shared" si="100"/>
        <v>0.32124136821327692</v>
      </c>
      <c r="M796">
        <f t="shared" si="101"/>
        <v>0</v>
      </c>
      <c r="N796" s="45">
        <f t="shared" si="102"/>
        <v>44958.749999998152</v>
      </c>
    </row>
    <row r="797" spans="2:14" x14ac:dyDescent="0.25">
      <c r="B797">
        <f t="shared" si="96"/>
        <v>3</v>
      </c>
      <c r="C797" s="16">
        <v>763</v>
      </c>
      <c r="D797" cm="1">
        <f t="array" ref="D797">IFERROR(INDEX(Jesper!AH$2:AH$366,ROUNDDOWN($C797/24,0)+1,1)*INDEX($D$3:$AA$30,INDEX(Jesper!$R$2:$R$366,ROW(INDEX(Jesper!AH$2:AH$366,ROUNDDOWN($C797/24,0)+1,1))-1)+IF('Standard Profiles'!$G$18=$B$10,7,0)+IF('Standard Profiles'!$G$18=$B$17,14,0)+IF('Standard Profiles'!$G$18=$B$24,21,0),MOD($C797,24)+1)/SUM(INDEX($D$3:$AA$30,INDEX(Jesper!$R$2:$R$366,ROW(INDEX(Jesper!AH$2:AH$366,ROUNDDOWN($C797/24,0)+1,1))-1)+IF('Standard Profiles'!$G$18=$B$10,7,0)+IF('Standard Profiles'!$G$18=$B$17,14,0)+IF('Standard Profiles'!$G$18=$B$24,21,0),0)),0)</f>
        <v>6.023275653998942</v>
      </c>
      <c r="E797" cm="1">
        <f t="array" ref="E797">IFERROR(INDEX(Jesper!AI$2:AI$366,ROUNDDOWN($C797/24,0)+1,1)*INDEX($D$3:$AA$30,INDEX(Jesper!$R$2:$R$366,ROW(INDEX(Jesper!AI$2:AI$366,ROUNDDOWN($C797/24,0)+1,1))-1)+IF('Standard Profiles'!$G$19=$B$10,7,0)+IF('Standard Profiles'!$G$19=$B$17,14,0)+IF('Standard Profiles'!$G$19=$B$24,21,0),MOD($C797,24)+1)/SUM(INDEX($D$3:$AA$30,INDEX(Jesper!$R$2:$R$366,ROW(INDEX(Jesper!AI$2:AI$366,ROUNDDOWN($C797/24,0)+1,1))-1)+IF('Standard Profiles'!$G$19=$B$10,7,0)+IF('Standard Profiles'!$G$19=$B$17,14,0)+IF('Standard Profiles'!$G$19=$B$24,21,0),0)),0)</f>
        <v>6.5760573236077215</v>
      </c>
      <c r="F797" cm="1">
        <f t="array" ref="F797">IFERROR(INDEX(Jesper!AJ$2:AJ$366,ROUNDDOWN($C797/24,0)+1,1)*INDEX($D$3:$AA$30,INDEX(Jesper!$R$2:$R$366,ROW(INDEX(Jesper!AJ$2:AJ$366,ROUNDDOWN($C797/24,0)+1,1))-1)+IF('Standard Profiles'!$G$20=$B$10,7,0)+IF('Standard Profiles'!$G$20=$B$17,14,0)+IF('Standard Profiles'!$G$20=$B$24,21,0),MOD($C797,24)+1)/SUM(INDEX($D$3:$AA$30,INDEX(Jesper!$R$2:$R$366,ROW(INDEX(Jesper!AJ$2:AJ$366,ROUNDDOWN($C797/24,0)+1,1))-1)+IF('Standard Profiles'!$G$20=$B$10,7,0)+IF('Standard Profiles'!$G$20=$B$17,14,0)+IF('Standard Profiles'!$G$20=$B$24,21,0),0)),0)</f>
        <v>0</v>
      </c>
      <c r="G797" cm="1">
        <f t="array" ref="G797">IFERROR(INDEX(Jesper!AK$2:AK$366,ROUNDDOWN($C797/24,0)+1,1)*INDEX($D$3:$AA$30,INDEX(Jesper!$R$2:$R$366,ROW(INDEX(Jesper!AK$2:AK$366,ROUNDDOWN($C797/24,0)+1,1))-1)+IF('Standard Profiles'!$G$21=$B$10,7,0)+IF('Standard Profiles'!$G$21=$B$17,14,0)+IF('Standard Profiles'!$G$21=$B$24,21,0),MOD($C797,24)+1)/SUM(INDEX($D$3:$AA$30,INDEX(Jesper!$R$2:$R$366,ROW(INDEX(Jesper!AK$2:AK$366,ROUNDDOWN($C797/24,0)+1,1))-1)+IF('Standard Profiles'!$G$21=$B$10,7,0)+IF('Standard Profiles'!$G$21=$B$17,14,0)+IF('Standard Profiles'!$G$21=$B$24,21,0),0)),0)</f>
        <v>7.3527303840549241</v>
      </c>
      <c r="H797" cm="1">
        <f t="array" ref="H797">IFERROR(INDEX(Jesper!AL$2:AL$366,ROUNDDOWN($C797/24,0)+1,1)*INDEX($D$3:$AA$30,INDEX(Jesper!$R$2:$R$366,ROW(INDEX(Jesper!AL$2:AL$366,ROUNDDOWN($C797/24,0)+1,1))-1)+IF('Standard Profiles'!$G$22=$B$10,7,0)+IF('Standard Profiles'!$G$22=$B$17,14,0)+IF('Standard Profiles'!$G$22=$B$24,21,0),MOD($C797,24)+1)/SUM(INDEX($D$3:$AA$30,INDEX(Jesper!$R$2:$R$366,ROW(INDEX(Jesper!AL$2:AL$366,ROUNDDOWN($C797/24,0)+1,1))-1)+IF('Standard Profiles'!$G$22=$B$10,7,0)+IF('Standard Profiles'!$G$22=$B$17,14,0)+IF('Standard Profiles'!$G$22=$B$24,21,0),0)),0)</f>
        <v>0</v>
      </c>
      <c r="I797">
        <f t="shared" si="97"/>
        <v>3.5293105843463617</v>
      </c>
      <c r="J797">
        <f t="shared" si="98"/>
        <v>15.459028672675394</v>
      </c>
      <c r="K797">
        <f t="shared" si="99"/>
        <v>0.64248273642655385</v>
      </c>
      <c r="L797">
        <f t="shared" si="100"/>
        <v>0.32124136821327692</v>
      </c>
      <c r="M797">
        <f t="shared" si="101"/>
        <v>0</v>
      </c>
      <c r="N797" s="45">
        <f t="shared" si="102"/>
        <v>44958.791666664816</v>
      </c>
    </row>
    <row r="798" spans="2:14" x14ac:dyDescent="0.25">
      <c r="B798">
        <f t="shared" si="96"/>
        <v>3</v>
      </c>
      <c r="C798" s="16">
        <v>764</v>
      </c>
      <c r="D798" cm="1">
        <f t="array" ref="D798">IFERROR(INDEX(Jesper!AH$2:AH$366,ROUNDDOWN($C798/24,0)+1,1)*INDEX($D$3:$AA$30,INDEX(Jesper!$R$2:$R$366,ROW(INDEX(Jesper!AH$2:AH$366,ROUNDDOWN($C798/24,0)+1,1))-1)+IF('Standard Profiles'!$G$18=$B$10,7,0)+IF('Standard Profiles'!$G$18=$B$17,14,0)+IF('Standard Profiles'!$G$18=$B$24,21,0),MOD($C798,24)+1)/SUM(INDEX($D$3:$AA$30,INDEX(Jesper!$R$2:$R$366,ROW(INDEX(Jesper!AH$2:AH$366,ROUNDDOWN($C798/24,0)+1,1))-1)+IF('Standard Profiles'!$G$18=$B$10,7,0)+IF('Standard Profiles'!$G$18=$B$17,14,0)+IF('Standard Profiles'!$G$18=$B$24,21,0),0)),0)</f>
        <v>6.023275653998942</v>
      </c>
      <c r="E798" cm="1">
        <f t="array" ref="E798">IFERROR(INDEX(Jesper!AI$2:AI$366,ROUNDDOWN($C798/24,0)+1,1)*INDEX($D$3:$AA$30,INDEX(Jesper!$R$2:$R$366,ROW(INDEX(Jesper!AI$2:AI$366,ROUNDDOWN($C798/24,0)+1,1))-1)+IF('Standard Profiles'!$G$19=$B$10,7,0)+IF('Standard Profiles'!$G$19=$B$17,14,0)+IF('Standard Profiles'!$G$19=$B$24,21,0),MOD($C798,24)+1)/SUM(INDEX($D$3:$AA$30,INDEX(Jesper!$R$2:$R$366,ROW(INDEX(Jesper!AI$2:AI$366,ROUNDDOWN($C798/24,0)+1,1))-1)+IF('Standard Profiles'!$G$19=$B$10,7,0)+IF('Standard Profiles'!$G$19=$B$17,14,0)+IF('Standard Profiles'!$G$19=$B$24,21,0),0)),0)</f>
        <v>6.5760573236077215</v>
      </c>
      <c r="F798" cm="1">
        <f t="array" ref="F798">IFERROR(INDEX(Jesper!AJ$2:AJ$366,ROUNDDOWN($C798/24,0)+1,1)*INDEX($D$3:$AA$30,INDEX(Jesper!$R$2:$R$366,ROW(INDEX(Jesper!AJ$2:AJ$366,ROUNDDOWN($C798/24,0)+1,1))-1)+IF('Standard Profiles'!$G$20=$B$10,7,0)+IF('Standard Profiles'!$G$20=$B$17,14,0)+IF('Standard Profiles'!$G$20=$B$24,21,0),MOD($C798,24)+1)/SUM(INDEX($D$3:$AA$30,INDEX(Jesper!$R$2:$R$366,ROW(INDEX(Jesper!AJ$2:AJ$366,ROUNDDOWN($C798/24,0)+1,1))-1)+IF('Standard Profiles'!$G$20=$B$10,7,0)+IF('Standard Profiles'!$G$20=$B$17,14,0)+IF('Standard Profiles'!$G$20=$B$24,21,0),0)),0)</f>
        <v>0</v>
      </c>
      <c r="G798" cm="1">
        <f t="array" ref="G798">IFERROR(INDEX(Jesper!AK$2:AK$366,ROUNDDOWN($C798/24,0)+1,1)*INDEX($D$3:$AA$30,INDEX(Jesper!$R$2:$R$366,ROW(INDEX(Jesper!AK$2:AK$366,ROUNDDOWN($C798/24,0)+1,1))-1)+IF('Standard Profiles'!$G$21=$B$10,7,0)+IF('Standard Profiles'!$G$21=$B$17,14,0)+IF('Standard Profiles'!$G$21=$B$24,21,0),MOD($C798,24)+1)/SUM(INDEX($D$3:$AA$30,INDEX(Jesper!$R$2:$R$366,ROW(INDEX(Jesper!AK$2:AK$366,ROUNDDOWN($C798/24,0)+1,1))-1)+IF('Standard Profiles'!$G$21=$B$10,7,0)+IF('Standard Profiles'!$G$21=$B$17,14,0)+IF('Standard Profiles'!$G$21=$B$24,21,0),0)),0)</f>
        <v>7.3527303840549241</v>
      </c>
      <c r="H798" cm="1">
        <f t="array" ref="H798">IFERROR(INDEX(Jesper!AL$2:AL$366,ROUNDDOWN($C798/24,0)+1,1)*INDEX($D$3:$AA$30,INDEX(Jesper!$R$2:$R$366,ROW(INDEX(Jesper!AL$2:AL$366,ROUNDDOWN($C798/24,0)+1,1))-1)+IF('Standard Profiles'!$G$22=$B$10,7,0)+IF('Standard Profiles'!$G$22=$B$17,14,0)+IF('Standard Profiles'!$G$22=$B$24,21,0),MOD($C798,24)+1)/SUM(INDEX($D$3:$AA$30,INDEX(Jesper!$R$2:$R$366,ROW(INDEX(Jesper!AL$2:AL$366,ROUNDDOWN($C798/24,0)+1,1))-1)+IF('Standard Profiles'!$G$22=$B$10,7,0)+IF('Standard Profiles'!$G$22=$B$17,14,0)+IF('Standard Profiles'!$G$22=$B$24,21,0),0)),0)</f>
        <v>0</v>
      </c>
      <c r="I798">
        <f t="shared" si="97"/>
        <v>3.5293105843463617</v>
      </c>
      <c r="J798">
        <f t="shared" si="98"/>
        <v>15.459028672675394</v>
      </c>
      <c r="K798">
        <f t="shared" si="99"/>
        <v>0.64248273642655385</v>
      </c>
      <c r="L798">
        <f t="shared" si="100"/>
        <v>0.32124136821327692</v>
      </c>
      <c r="M798">
        <f t="shared" si="101"/>
        <v>0</v>
      </c>
      <c r="N798" s="45">
        <f t="shared" si="102"/>
        <v>44958.83333333148</v>
      </c>
    </row>
    <row r="799" spans="2:14" x14ac:dyDescent="0.25">
      <c r="B799">
        <f t="shared" si="96"/>
        <v>3</v>
      </c>
      <c r="C799" s="16">
        <v>765</v>
      </c>
      <c r="D799" cm="1">
        <f t="array" ref="D799">IFERROR(INDEX(Jesper!AH$2:AH$366,ROUNDDOWN($C799/24,0)+1,1)*INDEX($D$3:$AA$30,INDEX(Jesper!$R$2:$R$366,ROW(INDEX(Jesper!AH$2:AH$366,ROUNDDOWN($C799/24,0)+1,1))-1)+IF('Standard Profiles'!$G$18=$B$10,7,0)+IF('Standard Profiles'!$G$18=$B$17,14,0)+IF('Standard Profiles'!$G$18=$B$24,21,0),MOD($C799,24)+1)/SUM(INDEX($D$3:$AA$30,INDEX(Jesper!$R$2:$R$366,ROW(INDEX(Jesper!AH$2:AH$366,ROUNDDOWN($C799/24,0)+1,1))-1)+IF('Standard Profiles'!$G$18=$B$10,7,0)+IF('Standard Profiles'!$G$18=$B$17,14,0)+IF('Standard Profiles'!$G$18=$B$24,21,0),0)),0)</f>
        <v>6.023275653998942</v>
      </c>
      <c r="E799" cm="1">
        <f t="array" ref="E799">IFERROR(INDEX(Jesper!AI$2:AI$366,ROUNDDOWN($C799/24,0)+1,1)*INDEX($D$3:$AA$30,INDEX(Jesper!$R$2:$R$366,ROW(INDEX(Jesper!AI$2:AI$366,ROUNDDOWN($C799/24,0)+1,1))-1)+IF('Standard Profiles'!$G$19=$B$10,7,0)+IF('Standard Profiles'!$G$19=$B$17,14,0)+IF('Standard Profiles'!$G$19=$B$24,21,0),MOD($C799,24)+1)/SUM(INDEX($D$3:$AA$30,INDEX(Jesper!$R$2:$R$366,ROW(INDEX(Jesper!AI$2:AI$366,ROUNDDOWN($C799/24,0)+1,1))-1)+IF('Standard Profiles'!$G$19=$B$10,7,0)+IF('Standard Profiles'!$G$19=$B$17,14,0)+IF('Standard Profiles'!$G$19=$B$24,21,0),0)),0)</f>
        <v>6.5760573236077215</v>
      </c>
      <c r="F799" cm="1">
        <f t="array" ref="F799">IFERROR(INDEX(Jesper!AJ$2:AJ$366,ROUNDDOWN($C799/24,0)+1,1)*INDEX($D$3:$AA$30,INDEX(Jesper!$R$2:$R$366,ROW(INDEX(Jesper!AJ$2:AJ$366,ROUNDDOWN($C799/24,0)+1,1))-1)+IF('Standard Profiles'!$G$20=$B$10,7,0)+IF('Standard Profiles'!$G$20=$B$17,14,0)+IF('Standard Profiles'!$G$20=$B$24,21,0),MOD($C799,24)+1)/SUM(INDEX($D$3:$AA$30,INDEX(Jesper!$R$2:$R$366,ROW(INDEX(Jesper!AJ$2:AJ$366,ROUNDDOWN($C799/24,0)+1,1))-1)+IF('Standard Profiles'!$G$20=$B$10,7,0)+IF('Standard Profiles'!$G$20=$B$17,14,0)+IF('Standard Profiles'!$G$20=$B$24,21,0),0)),0)</f>
        <v>0</v>
      </c>
      <c r="G799" cm="1">
        <f t="array" ref="G799">IFERROR(INDEX(Jesper!AK$2:AK$366,ROUNDDOWN($C799/24,0)+1,1)*INDEX($D$3:$AA$30,INDEX(Jesper!$R$2:$R$366,ROW(INDEX(Jesper!AK$2:AK$366,ROUNDDOWN($C799/24,0)+1,1))-1)+IF('Standard Profiles'!$G$21=$B$10,7,0)+IF('Standard Profiles'!$G$21=$B$17,14,0)+IF('Standard Profiles'!$G$21=$B$24,21,0),MOD($C799,24)+1)/SUM(INDEX($D$3:$AA$30,INDEX(Jesper!$R$2:$R$366,ROW(INDEX(Jesper!AK$2:AK$366,ROUNDDOWN($C799/24,0)+1,1))-1)+IF('Standard Profiles'!$G$21=$B$10,7,0)+IF('Standard Profiles'!$G$21=$B$17,14,0)+IF('Standard Profiles'!$G$21=$B$24,21,0),0)),0)</f>
        <v>7.3527303840549241</v>
      </c>
      <c r="H799" cm="1">
        <f t="array" ref="H799">IFERROR(INDEX(Jesper!AL$2:AL$366,ROUNDDOWN($C799/24,0)+1,1)*INDEX($D$3:$AA$30,INDEX(Jesper!$R$2:$R$366,ROW(INDEX(Jesper!AL$2:AL$366,ROUNDDOWN($C799/24,0)+1,1))-1)+IF('Standard Profiles'!$G$22=$B$10,7,0)+IF('Standard Profiles'!$G$22=$B$17,14,0)+IF('Standard Profiles'!$G$22=$B$24,21,0),MOD($C799,24)+1)/SUM(INDEX($D$3:$AA$30,INDEX(Jesper!$R$2:$R$366,ROW(INDEX(Jesper!AL$2:AL$366,ROUNDDOWN($C799/24,0)+1,1))-1)+IF('Standard Profiles'!$G$22=$B$10,7,0)+IF('Standard Profiles'!$G$22=$B$17,14,0)+IF('Standard Profiles'!$G$22=$B$24,21,0),0)),0)</f>
        <v>0</v>
      </c>
      <c r="I799">
        <f t="shared" si="97"/>
        <v>3.5293105843463617</v>
      </c>
      <c r="J799">
        <f t="shared" si="98"/>
        <v>15.459028672675394</v>
      </c>
      <c r="K799">
        <f t="shared" si="99"/>
        <v>0.64248273642655385</v>
      </c>
      <c r="L799">
        <f t="shared" si="100"/>
        <v>0.32124136821327692</v>
      </c>
      <c r="M799">
        <f t="shared" si="101"/>
        <v>0</v>
      </c>
      <c r="N799" s="45">
        <f t="shared" si="102"/>
        <v>44958.874999998145</v>
      </c>
    </row>
    <row r="800" spans="2:14" x14ac:dyDescent="0.25">
      <c r="B800">
        <f t="shared" si="96"/>
        <v>3</v>
      </c>
      <c r="C800" s="16">
        <v>766</v>
      </c>
      <c r="D800" cm="1">
        <f t="array" ref="D800">IFERROR(INDEX(Jesper!AH$2:AH$366,ROUNDDOWN($C800/24,0)+1,1)*INDEX($D$3:$AA$30,INDEX(Jesper!$R$2:$R$366,ROW(INDEX(Jesper!AH$2:AH$366,ROUNDDOWN($C800/24,0)+1,1))-1)+IF('Standard Profiles'!$G$18=$B$10,7,0)+IF('Standard Profiles'!$G$18=$B$17,14,0)+IF('Standard Profiles'!$G$18=$B$24,21,0),MOD($C800,24)+1)/SUM(INDEX($D$3:$AA$30,INDEX(Jesper!$R$2:$R$366,ROW(INDEX(Jesper!AH$2:AH$366,ROUNDDOWN($C800/24,0)+1,1))-1)+IF('Standard Profiles'!$G$18=$B$10,7,0)+IF('Standard Profiles'!$G$18=$B$17,14,0)+IF('Standard Profiles'!$G$18=$B$24,21,0),0)),0)</f>
        <v>6.023275653998942</v>
      </c>
      <c r="E800" cm="1">
        <f t="array" ref="E800">IFERROR(INDEX(Jesper!AI$2:AI$366,ROUNDDOWN($C800/24,0)+1,1)*INDEX($D$3:$AA$30,INDEX(Jesper!$R$2:$R$366,ROW(INDEX(Jesper!AI$2:AI$366,ROUNDDOWN($C800/24,0)+1,1))-1)+IF('Standard Profiles'!$G$19=$B$10,7,0)+IF('Standard Profiles'!$G$19=$B$17,14,0)+IF('Standard Profiles'!$G$19=$B$24,21,0),MOD($C800,24)+1)/SUM(INDEX($D$3:$AA$30,INDEX(Jesper!$R$2:$R$366,ROW(INDEX(Jesper!AI$2:AI$366,ROUNDDOWN($C800/24,0)+1,1))-1)+IF('Standard Profiles'!$G$19=$B$10,7,0)+IF('Standard Profiles'!$G$19=$B$17,14,0)+IF('Standard Profiles'!$G$19=$B$24,21,0),0)),0)</f>
        <v>6.5760573236077215</v>
      </c>
      <c r="F800" cm="1">
        <f t="array" ref="F800">IFERROR(INDEX(Jesper!AJ$2:AJ$366,ROUNDDOWN($C800/24,0)+1,1)*INDEX($D$3:$AA$30,INDEX(Jesper!$R$2:$R$366,ROW(INDEX(Jesper!AJ$2:AJ$366,ROUNDDOWN($C800/24,0)+1,1))-1)+IF('Standard Profiles'!$G$20=$B$10,7,0)+IF('Standard Profiles'!$G$20=$B$17,14,0)+IF('Standard Profiles'!$G$20=$B$24,21,0),MOD($C800,24)+1)/SUM(INDEX($D$3:$AA$30,INDEX(Jesper!$R$2:$R$366,ROW(INDEX(Jesper!AJ$2:AJ$366,ROUNDDOWN($C800/24,0)+1,1))-1)+IF('Standard Profiles'!$G$20=$B$10,7,0)+IF('Standard Profiles'!$G$20=$B$17,14,0)+IF('Standard Profiles'!$G$20=$B$24,21,0),0)),0)</f>
        <v>0</v>
      </c>
      <c r="G800" cm="1">
        <f t="array" ref="G800">IFERROR(INDEX(Jesper!AK$2:AK$366,ROUNDDOWN($C800/24,0)+1,1)*INDEX($D$3:$AA$30,INDEX(Jesper!$R$2:$R$366,ROW(INDEX(Jesper!AK$2:AK$366,ROUNDDOWN($C800/24,0)+1,1))-1)+IF('Standard Profiles'!$G$21=$B$10,7,0)+IF('Standard Profiles'!$G$21=$B$17,14,0)+IF('Standard Profiles'!$G$21=$B$24,21,0),MOD($C800,24)+1)/SUM(INDEX($D$3:$AA$30,INDEX(Jesper!$R$2:$R$366,ROW(INDEX(Jesper!AK$2:AK$366,ROUNDDOWN($C800/24,0)+1,1))-1)+IF('Standard Profiles'!$G$21=$B$10,7,0)+IF('Standard Profiles'!$G$21=$B$17,14,0)+IF('Standard Profiles'!$G$21=$B$24,21,0),0)),0)</f>
        <v>7.3527303840549241</v>
      </c>
      <c r="H800" cm="1">
        <f t="array" ref="H800">IFERROR(INDEX(Jesper!AL$2:AL$366,ROUNDDOWN($C800/24,0)+1,1)*INDEX($D$3:$AA$30,INDEX(Jesper!$R$2:$R$366,ROW(INDEX(Jesper!AL$2:AL$366,ROUNDDOWN($C800/24,0)+1,1))-1)+IF('Standard Profiles'!$G$22=$B$10,7,0)+IF('Standard Profiles'!$G$22=$B$17,14,0)+IF('Standard Profiles'!$G$22=$B$24,21,0),MOD($C800,24)+1)/SUM(INDEX($D$3:$AA$30,INDEX(Jesper!$R$2:$R$366,ROW(INDEX(Jesper!AL$2:AL$366,ROUNDDOWN($C800/24,0)+1,1))-1)+IF('Standard Profiles'!$G$22=$B$10,7,0)+IF('Standard Profiles'!$G$22=$B$17,14,0)+IF('Standard Profiles'!$G$22=$B$24,21,0),0)),0)</f>
        <v>0</v>
      </c>
      <c r="I800">
        <f t="shared" si="97"/>
        <v>3.5293105843463617</v>
      </c>
      <c r="J800">
        <f t="shared" si="98"/>
        <v>15.459028672675394</v>
      </c>
      <c r="K800">
        <f t="shared" si="99"/>
        <v>0.64248273642655385</v>
      </c>
      <c r="L800">
        <f t="shared" si="100"/>
        <v>0.32124136821327692</v>
      </c>
      <c r="M800">
        <f t="shared" si="101"/>
        <v>0</v>
      </c>
      <c r="N800" s="45">
        <f t="shared" si="102"/>
        <v>44958.916666664809</v>
      </c>
    </row>
    <row r="801" spans="2:14" x14ac:dyDescent="0.25">
      <c r="B801">
        <f t="shared" si="96"/>
        <v>3</v>
      </c>
      <c r="C801" s="16">
        <v>767</v>
      </c>
      <c r="D801" cm="1">
        <f t="array" ref="D801">IFERROR(INDEX(Jesper!AH$2:AH$366,ROUNDDOWN($C801/24,0)+1,1)*INDEX($D$3:$AA$30,INDEX(Jesper!$R$2:$R$366,ROW(INDEX(Jesper!AH$2:AH$366,ROUNDDOWN($C801/24,0)+1,1))-1)+IF('Standard Profiles'!$G$18=$B$10,7,0)+IF('Standard Profiles'!$G$18=$B$17,14,0)+IF('Standard Profiles'!$G$18=$B$24,21,0),MOD($C801,24)+1)/SUM(INDEX($D$3:$AA$30,INDEX(Jesper!$R$2:$R$366,ROW(INDEX(Jesper!AH$2:AH$366,ROUNDDOWN($C801/24,0)+1,1))-1)+IF('Standard Profiles'!$G$18=$B$10,7,0)+IF('Standard Profiles'!$G$18=$B$17,14,0)+IF('Standard Profiles'!$G$18=$B$24,21,0),0)),0)</f>
        <v>6.023275653998942</v>
      </c>
      <c r="E801" cm="1">
        <f t="array" ref="E801">IFERROR(INDEX(Jesper!AI$2:AI$366,ROUNDDOWN($C801/24,0)+1,1)*INDEX($D$3:$AA$30,INDEX(Jesper!$R$2:$R$366,ROW(INDEX(Jesper!AI$2:AI$366,ROUNDDOWN($C801/24,0)+1,1))-1)+IF('Standard Profiles'!$G$19=$B$10,7,0)+IF('Standard Profiles'!$G$19=$B$17,14,0)+IF('Standard Profiles'!$G$19=$B$24,21,0),MOD($C801,24)+1)/SUM(INDEX($D$3:$AA$30,INDEX(Jesper!$R$2:$R$366,ROW(INDEX(Jesper!AI$2:AI$366,ROUNDDOWN($C801/24,0)+1,1))-1)+IF('Standard Profiles'!$G$19=$B$10,7,0)+IF('Standard Profiles'!$G$19=$B$17,14,0)+IF('Standard Profiles'!$G$19=$B$24,21,0),0)),0)</f>
        <v>6.5760573236077215</v>
      </c>
      <c r="F801" cm="1">
        <f t="array" ref="F801">IFERROR(INDEX(Jesper!AJ$2:AJ$366,ROUNDDOWN($C801/24,0)+1,1)*INDEX($D$3:$AA$30,INDEX(Jesper!$R$2:$R$366,ROW(INDEX(Jesper!AJ$2:AJ$366,ROUNDDOWN($C801/24,0)+1,1))-1)+IF('Standard Profiles'!$G$20=$B$10,7,0)+IF('Standard Profiles'!$G$20=$B$17,14,0)+IF('Standard Profiles'!$G$20=$B$24,21,0),MOD($C801,24)+1)/SUM(INDEX($D$3:$AA$30,INDEX(Jesper!$R$2:$R$366,ROW(INDEX(Jesper!AJ$2:AJ$366,ROUNDDOWN($C801/24,0)+1,1))-1)+IF('Standard Profiles'!$G$20=$B$10,7,0)+IF('Standard Profiles'!$G$20=$B$17,14,0)+IF('Standard Profiles'!$G$20=$B$24,21,0),0)),0)</f>
        <v>0</v>
      </c>
      <c r="G801" cm="1">
        <f t="array" ref="G801">IFERROR(INDEX(Jesper!AK$2:AK$366,ROUNDDOWN($C801/24,0)+1,1)*INDEX($D$3:$AA$30,INDEX(Jesper!$R$2:$R$366,ROW(INDEX(Jesper!AK$2:AK$366,ROUNDDOWN($C801/24,0)+1,1))-1)+IF('Standard Profiles'!$G$21=$B$10,7,0)+IF('Standard Profiles'!$G$21=$B$17,14,0)+IF('Standard Profiles'!$G$21=$B$24,21,0),MOD($C801,24)+1)/SUM(INDEX($D$3:$AA$30,INDEX(Jesper!$R$2:$R$366,ROW(INDEX(Jesper!AK$2:AK$366,ROUNDDOWN($C801/24,0)+1,1))-1)+IF('Standard Profiles'!$G$21=$B$10,7,0)+IF('Standard Profiles'!$G$21=$B$17,14,0)+IF('Standard Profiles'!$G$21=$B$24,21,0),0)),0)</f>
        <v>7.3527303840549241</v>
      </c>
      <c r="H801" cm="1">
        <f t="array" ref="H801">IFERROR(INDEX(Jesper!AL$2:AL$366,ROUNDDOWN($C801/24,0)+1,1)*INDEX($D$3:$AA$30,INDEX(Jesper!$R$2:$R$366,ROW(INDEX(Jesper!AL$2:AL$366,ROUNDDOWN($C801/24,0)+1,1))-1)+IF('Standard Profiles'!$G$22=$B$10,7,0)+IF('Standard Profiles'!$G$22=$B$17,14,0)+IF('Standard Profiles'!$G$22=$B$24,21,0),MOD($C801,24)+1)/SUM(INDEX($D$3:$AA$30,INDEX(Jesper!$R$2:$R$366,ROW(INDEX(Jesper!AL$2:AL$366,ROUNDDOWN($C801/24,0)+1,1))-1)+IF('Standard Profiles'!$G$22=$B$10,7,0)+IF('Standard Profiles'!$G$22=$B$17,14,0)+IF('Standard Profiles'!$G$22=$B$24,21,0),0)),0)</f>
        <v>0</v>
      </c>
      <c r="I801">
        <f t="shared" si="97"/>
        <v>3.5293105843463617</v>
      </c>
      <c r="J801">
        <f t="shared" si="98"/>
        <v>15.459028672675394</v>
      </c>
      <c r="K801">
        <f t="shared" si="99"/>
        <v>0.64248273642655385</v>
      </c>
      <c r="L801">
        <f t="shared" si="100"/>
        <v>0.32124136821327692</v>
      </c>
      <c r="M801">
        <f t="shared" si="101"/>
        <v>0</v>
      </c>
      <c r="N801" s="45">
        <f t="shared" si="102"/>
        <v>44958.958333331473</v>
      </c>
    </row>
    <row r="802" spans="2:14" x14ac:dyDescent="0.25">
      <c r="B802">
        <f t="shared" si="96"/>
        <v>4</v>
      </c>
      <c r="C802" s="16">
        <v>768</v>
      </c>
      <c r="D802" cm="1">
        <f t="array" ref="D802">IFERROR(INDEX(Jesper!AH$2:AH$366,ROUNDDOWN($C802/24,0)+1,1)*INDEX($D$3:$AA$30,INDEX(Jesper!$R$2:$R$366,ROW(INDEX(Jesper!AH$2:AH$366,ROUNDDOWN($C802/24,0)+1,1))-1)+IF('Standard Profiles'!$G$18=$B$10,7,0)+IF('Standard Profiles'!$G$18=$B$17,14,0)+IF('Standard Profiles'!$G$18=$B$24,21,0),MOD($C802,24)+1)/SUM(INDEX($D$3:$AA$30,INDEX(Jesper!$R$2:$R$366,ROW(INDEX(Jesper!AH$2:AH$366,ROUNDDOWN($C802/24,0)+1,1))-1)+IF('Standard Profiles'!$G$18=$B$10,7,0)+IF('Standard Profiles'!$G$18=$B$17,14,0)+IF('Standard Profiles'!$G$18=$B$24,21,0),0)),0)</f>
        <v>6.1114623206477647</v>
      </c>
      <c r="E802" cm="1">
        <f t="array" ref="E802">IFERROR(INDEX(Jesper!AI$2:AI$366,ROUNDDOWN($C802/24,0)+1,1)*INDEX($D$3:$AA$30,INDEX(Jesper!$R$2:$R$366,ROW(INDEX(Jesper!AI$2:AI$366,ROUNDDOWN($C802/24,0)+1,1))-1)+IF('Standard Profiles'!$G$19=$B$10,7,0)+IF('Standard Profiles'!$G$19=$B$17,14,0)+IF('Standard Profiles'!$G$19=$B$24,21,0),MOD($C802,24)+1)/SUM(INDEX($D$3:$AA$30,INDEX(Jesper!$R$2:$R$366,ROW(INDEX(Jesper!AI$2:AI$366,ROUNDDOWN($C802/24,0)+1,1))-1)+IF('Standard Profiles'!$G$19=$B$10,7,0)+IF('Standard Profiles'!$G$19=$B$17,14,0)+IF('Standard Profiles'!$G$19=$B$24,21,0),0)),0)</f>
        <v>7.3063659643846357</v>
      </c>
      <c r="F802" cm="1">
        <f t="array" ref="F802">IFERROR(INDEX(Jesper!AJ$2:AJ$366,ROUNDDOWN($C802/24,0)+1,1)*INDEX($D$3:$AA$30,INDEX(Jesper!$R$2:$R$366,ROW(INDEX(Jesper!AJ$2:AJ$366,ROUNDDOWN($C802/24,0)+1,1))-1)+IF('Standard Profiles'!$G$20=$B$10,7,0)+IF('Standard Profiles'!$G$20=$B$17,14,0)+IF('Standard Profiles'!$G$20=$B$24,21,0),MOD($C802,24)+1)/SUM(INDEX($D$3:$AA$30,INDEX(Jesper!$R$2:$R$366,ROW(INDEX(Jesper!AJ$2:AJ$366,ROUNDDOWN($C802/24,0)+1,1))-1)+IF('Standard Profiles'!$G$20=$B$10,7,0)+IF('Standard Profiles'!$G$20=$B$17,14,0)+IF('Standard Profiles'!$G$20=$B$24,21,0),0)),0)</f>
        <v>0</v>
      </c>
      <c r="G802" cm="1">
        <f t="array" ref="G802">IFERROR(INDEX(Jesper!AK$2:AK$366,ROUNDDOWN($C802/24,0)+1,1)*INDEX($D$3:$AA$30,INDEX(Jesper!$R$2:$R$366,ROW(INDEX(Jesper!AK$2:AK$366,ROUNDDOWN($C802/24,0)+1,1))-1)+IF('Standard Profiles'!$G$21=$B$10,7,0)+IF('Standard Profiles'!$G$21=$B$17,14,0)+IF('Standard Profiles'!$G$21=$B$24,21,0),MOD($C802,24)+1)/SUM(INDEX($D$3:$AA$30,INDEX(Jesper!$R$2:$R$366,ROW(INDEX(Jesper!AK$2:AK$366,ROUNDDOWN($C802/24,0)+1,1))-1)+IF('Standard Profiles'!$G$21=$B$10,7,0)+IF('Standard Profiles'!$G$21=$B$17,14,0)+IF('Standard Profiles'!$G$21=$B$24,21,0),0)),0)</f>
        <v>9.2425173388386668</v>
      </c>
      <c r="H802" cm="1">
        <f t="array" ref="H802">IFERROR(INDEX(Jesper!AL$2:AL$366,ROUNDDOWN($C802/24,0)+1,1)*INDEX($D$3:$AA$30,INDEX(Jesper!$R$2:$R$366,ROW(INDEX(Jesper!AL$2:AL$366,ROUNDDOWN($C802/24,0)+1,1))-1)+IF('Standard Profiles'!$G$22=$B$10,7,0)+IF('Standard Profiles'!$G$22=$B$17,14,0)+IF('Standard Profiles'!$G$22=$B$24,21,0),MOD($C802,24)+1)/SUM(INDEX($D$3:$AA$30,INDEX(Jesper!$R$2:$R$366,ROW(INDEX(Jesper!AL$2:AL$366,ROUNDDOWN($C802/24,0)+1,1))-1)+IF('Standard Profiles'!$G$22=$B$10,7,0)+IF('Standard Profiles'!$G$22=$B$17,14,0)+IF('Standard Profiles'!$G$22=$B$24,21,0),0)),0)</f>
        <v>0</v>
      </c>
      <c r="I802">
        <f t="shared" si="97"/>
        <v>4.4364083226425581</v>
      </c>
      <c r="J802">
        <f t="shared" si="98"/>
        <v>17.246103329924864</v>
      </c>
      <c r="K802">
        <f t="shared" si="99"/>
        <v>0.65188931420242824</v>
      </c>
      <c r="L802">
        <f t="shared" si="100"/>
        <v>0.32594465710121412</v>
      </c>
      <c r="M802">
        <f t="shared" si="101"/>
        <v>0</v>
      </c>
      <c r="N802" s="45">
        <f t="shared" si="102"/>
        <v>44958.999999998137</v>
      </c>
    </row>
    <row r="803" spans="2:14" x14ac:dyDescent="0.25">
      <c r="B803">
        <f t="shared" ref="B803:B866" si="103">WEEKDAY(N803,2)</f>
        <v>4</v>
      </c>
      <c r="C803" s="16">
        <v>769</v>
      </c>
      <c r="D803" cm="1">
        <f t="array" ref="D803">IFERROR(INDEX(Jesper!AH$2:AH$366,ROUNDDOWN($C803/24,0)+1,1)*INDEX($D$3:$AA$30,INDEX(Jesper!$R$2:$R$366,ROW(INDEX(Jesper!AH$2:AH$366,ROUNDDOWN($C803/24,0)+1,1))-1)+IF('Standard Profiles'!$G$18=$B$10,7,0)+IF('Standard Profiles'!$G$18=$B$17,14,0)+IF('Standard Profiles'!$G$18=$B$24,21,0),MOD($C803,24)+1)/SUM(INDEX($D$3:$AA$30,INDEX(Jesper!$R$2:$R$366,ROW(INDEX(Jesper!AH$2:AH$366,ROUNDDOWN($C803/24,0)+1,1))-1)+IF('Standard Profiles'!$G$18=$B$10,7,0)+IF('Standard Profiles'!$G$18=$B$17,14,0)+IF('Standard Profiles'!$G$18=$B$24,21,0),0)),0)</f>
        <v>6.1114623206477647</v>
      </c>
      <c r="E803" cm="1">
        <f t="array" ref="E803">IFERROR(INDEX(Jesper!AI$2:AI$366,ROUNDDOWN($C803/24,0)+1,1)*INDEX($D$3:$AA$30,INDEX(Jesper!$R$2:$R$366,ROW(INDEX(Jesper!AI$2:AI$366,ROUNDDOWN($C803/24,0)+1,1))-1)+IF('Standard Profiles'!$G$19=$B$10,7,0)+IF('Standard Profiles'!$G$19=$B$17,14,0)+IF('Standard Profiles'!$G$19=$B$24,21,0),MOD($C803,24)+1)/SUM(INDEX($D$3:$AA$30,INDEX(Jesper!$R$2:$R$366,ROW(INDEX(Jesper!AI$2:AI$366,ROUNDDOWN($C803/24,0)+1,1))-1)+IF('Standard Profiles'!$G$19=$B$10,7,0)+IF('Standard Profiles'!$G$19=$B$17,14,0)+IF('Standard Profiles'!$G$19=$B$24,21,0),0)),0)</f>
        <v>7.3063659643846357</v>
      </c>
      <c r="F803" cm="1">
        <f t="array" ref="F803">IFERROR(INDEX(Jesper!AJ$2:AJ$366,ROUNDDOWN($C803/24,0)+1,1)*INDEX($D$3:$AA$30,INDEX(Jesper!$R$2:$R$366,ROW(INDEX(Jesper!AJ$2:AJ$366,ROUNDDOWN($C803/24,0)+1,1))-1)+IF('Standard Profiles'!$G$20=$B$10,7,0)+IF('Standard Profiles'!$G$20=$B$17,14,0)+IF('Standard Profiles'!$G$20=$B$24,21,0),MOD($C803,24)+1)/SUM(INDEX($D$3:$AA$30,INDEX(Jesper!$R$2:$R$366,ROW(INDEX(Jesper!AJ$2:AJ$366,ROUNDDOWN($C803/24,0)+1,1))-1)+IF('Standard Profiles'!$G$20=$B$10,7,0)+IF('Standard Profiles'!$G$20=$B$17,14,0)+IF('Standard Profiles'!$G$20=$B$24,21,0),0)),0)</f>
        <v>0</v>
      </c>
      <c r="G803" cm="1">
        <f t="array" ref="G803">IFERROR(INDEX(Jesper!AK$2:AK$366,ROUNDDOWN($C803/24,0)+1,1)*INDEX($D$3:$AA$30,INDEX(Jesper!$R$2:$R$366,ROW(INDEX(Jesper!AK$2:AK$366,ROUNDDOWN($C803/24,0)+1,1))-1)+IF('Standard Profiles'!$G$21=$B$10,7,0)+IF('Standard Profiles'!$G$21=$B$17,14,0)+IF('Standard Profiles'!$G$21=$B$24,21,0),MOD($C803,24)+1)/SUM(INDEX($D$3:$AA$30,INDEX(Jesper!$R$2:$R$366,ROW(INDEX(Jesper!AK$2:AK$366,ROUNDDOWN($C803/24,0)+1,1))-1)+IF('Standard Profiles'!$G$21=$B$10,7,0)+IF('Standard Profiles'!$G$21=$B$17,14,0)+IF('Standard Profiles'!$G$21=$B$24,21,0),0)),0)</f>
        <v>9.2425173388386668</v>
      </c>
      <c r="H803" cm="1">
        <f t="array" ref="H803">IFERROR(INDEX(Jesper!AL$2:AL$366,ROUNDDOWN($C803/24,0)+1,1)*INDEX($D$3:$AA$30,INDEX(Jesper!$R$2:$R$366,ROW(INDEX(Jesper!AL$2:AL$366,ROUNDDOWN($C803/24,0)+1,1))-1)+IF('Standard Profiles'!$G$22=$B$10,7,0)+IF('Standard Profiles'!$G$22=$B$17,14,0)+IF('Standard Profiles'!$G$22=$B$24,21,0),MOD($C803,24)+1)/SUM(INDEX($D$3:$AA$30,INDEX(Jesper!$R$2:$R$366,ROW(INDEX(Jesper!AL$2:AL$366,ROUNDDOWN($C803/24,0)+1,1))-1)+IF('Standard Profiles'!$G$22=$B$10,7,0)+IF('Standard Profiles'!$G$22=$B$17,14,0)+IF('Standard Profiles'!$G$22=$B$24,21,0),0)),0)</f>
        <v>0</v>
      </c>
      <c r="I803">
        <f t="shared" ref="I803:I866" si="104">IF($B803&lt;6,AC$37*$D803+AC$38*$E803+AC$39*$F803+AC$40*$G803,AC$46*$D803+AC$47*$E803+AC$48*$F803+AC$49*$G803+AC$50*$H803)</f>
        <v>4.4364083226425581</v>
      </c>
      <c r="J803">
        <f t="shared" ref="J803:J866" si="105">IF($B803&lt;6,AD$37*$D803+AD$38*$E803+AD$39*$F803+AD$40*$G803,AD$46*$D803+AD$47*$E803+AD$48*$F803+AD$49*$G803+AD$50*$H803)</f>
        <v>17.246103329924864</v>
      </c>
      <c r="K803">
        <f t="shared" ref="K803:K866" si="106">IF($B803&lt;6,AE$37*$D803+AE$38*$E803+AE$39*$F803+AE$40*$G803,AE$46*$D803+AE$47*$E803+AE$48*$F803+AE$49*$G803+AE$50*$H803)</f>
        <v>0.65188931420242824</v>
      </c>
      <c r="L803">
        <f t="shared" ref="L803:L866" si="107">IF($B803&lt;6,AF$37*$D803+AF$38*$E803+AF$39*$F803+AF$40*$G803,AF$46*$D803+AF$47*$E803+AF$48*$F803+AF$49*$G803+AF$50*$H803)</f>
        <v>0.32594465710121412</v>
      </c>
      <c r="M803">
        <f t="shared" ref="M803:M866" si="108">IF($B803&lt;6,AG$37*$D803+AG$38*$E803+AG$39*$F803+AG$40*$G803,AG$46*$D803+AG$47*$E803+AG$48*$F803+AG$49*$G803+AG$50*$H803)</f>
        <v>0</v>
      </c>
      <c r="N803" s="45">
        <f t="shared" si="102"/>
        <v>44959.041666664802</v>
      </c>
    </row>
    <row r="804" spans="2:14" x14ac:dyDescent="0.25">
      <c r="B804">
        <f t="shared" si="103"/>
        <v>4</v>
      </c>
      <c r="C804" s="16">
        <v>770</v>
      </c>
      <c r="D804" cm="1">
        <f t="array" ref="D804">IFERROR(INDEX(Jesper!AH$2:AH$366,ROUNDDOWN($C804/24,0)+1,1)*INDEX($D$3:$AA$30,INDEX(Jesper!$R$2:$R$366,ROW(INDEX(Jesper!AH$2:AH$366,ROUNDDOWN($C804/24,0)+1,1))-1)+IF('Standard Profiles'!$G$18=$B$10,7,0)+IF('Standard Profiles'!$G$18=$B$17,14,0)+IF('Standard Profiles'!$G$18=$B$24,21,0),MOD($C804,24)+1)/SUM(INDEX($D$3:$AA$30,INDEX(Jesper!$R$2:$R$366,ROW(INDEX(Jesper!AH$2:AH$366,ROUNDDOWN($C804/24,0)+1,1))-1)+IF('Standard Profiles'!$G$18=$B$10,7,0)+IF('Standard Profiles'!$G$18=$B$17,14,0)+IF('Standard Profiles'!$G$18=$B$24,21,0),0)),0)</f>
        <v>6.1114623206477647</v>
      </c>
      <c r="E804" cm="1">
        <f t="array" ref="E804">IFERROR(INDEX(Jesper!AI$2:AI$366,ROUNDDOWN($C804/24,0)+1,1)*INDEX($D$3:$AA$30,INDEX(Jesper!$R$2:$R$366,ROW(INDEX(Jesper!AI$2:AI$366,ROUNDDOWN($C804/24,0)+1,1))-1)+IF('Standard Profiles'!$G$19=$B$10,7,0)+IF('Standard Profiles'!$G$19=$B$17,14,0)+IF('Standard Profiles'!$G$19=$B$24,21,0),MOD($C804,24)+1)/SUM(INDEX($D$3:$AA$30,INDEX(Jesper!$R$2:$R$366,ROW(INDEX(Jesper!AI$2:AI$366,ROUNDDOWN($C804/24,0)+1,1))-1)+IF('Standard Profiles'!$G$19=$B$10,7,0)+IF('Standard Profiles'!$G$19=$B$17,14,0)+IF('Standard Profiles'!$G$19=$B$24,21,0),0)),0)</f>
        <v>7.3063659643846357</v>
      </c>
      <c r="F804" cm="1">
        <f t="array" ref="F804">IFERROR(INDEX(Jesper!AJ$2:AJ$366,ROUNDDOWN($C804/24,0)+1,1)*INDEX($D$3:$AA$30,INDEX(Jesper!$R$2:$R$366,ROW(INDEX(Jesper!AJ$2:AJ$366,ROUNDDOWN($C804/24,0)+1,1))-1)+IF('Standard Profiles'!$G$20=$B$10,7,0)+IF('Standard Profiles'!$G$20=$B$17,14,0)+IF('Standard Profiles'!$G$20=$B$24,21,0),MOD($C804,24)+1)/SUM(INDEX($D$3:$AA$30,INDEX(Jesper!$R$2:$R$366,ROW(INDEX(Jesper!AJ$2:AJ$366,ROUNDDOWN($C804/24,0)+1,1))-1)+IF('Standard Profiles'!$G$20=$B$10,7,0)+IF('Standard Profiles'!$G$20=$B$17,14,0)+IF('Standard Profiles'!$G$20=$B$24,21,0),0)),0)</f>
        <v>0</v>
      </c>
      <c r="G804" cm="1">
        <f t="array" ref="G804">IFERROR(INDEX(Jesper!AK$2:AK$366,ROUNDDOWN($C804/24,0)+1,1)*INDEX($D$3:$AA$30,INDEX(Jesper!$R$2:$R$366,ROW(INDEX(Jesper!AK$2:AK$366,ROUNDDOWN($C804/24,0)+1,1))-1)+IF('Standard Profiles'!$G$21=$B$10,7,0)+IF('Standard Profiles'!$G$21=$B$17,14,0)+IF('Standard Profiles'!$G$21=$B$24,21,0),MOD($C804,24)+1)/SUM(INDEX($D$3:$AA$30,INDEX(Jesper!$R$2:$R$366,ROW(INDEX(Jesper!AK$2:AK$366,ROUNDDOWN($C804/24,0)+1,1))-1)+IF('Standard Profiles'!$G$21=$B$10,7,0)+IF('Standard Profiles'!$G$21=$B$17,14,0)+IF('Standard Profiles'!$G$21=$B$24,21,0),0)),0)</f>
        <v>9.2425173388386668</v>
      </c>
      <c r="H804" cm="1">
        <f t="array" ref="H804">IFERROR(INDEX(Jesper!AL$2:AL$366,ROUNDDOWN($C804/24,0)+1,1)*INDEX($D$3:$AA$30,INDEX(Jesper!$R$2:$R$366,ROW(INDEX(Jesper!AL$2:AL$366,ROUNDDOWN($C804/24,0)+1,1))-1)+IF('Standard Profiles'!$G$22=$B$10,7,0)+IF('Standard Profiles'!$G$22=$B$17,14,0)+IF('Standard Profiles'!$G$22=$B$24,21,0),MOD($C804,24)+1)/SUM(INDEX($D$3:$AA$30,INDEX(Jesper!$R$2:$R$366,ROW(INDEX(Jesper!AL$2:AL$366,ROUNDDOWN($C804/24,0)+1,1))-1)+IF('Standard Profiles'!$G$22=$B$10,7,0)+IF('Standard Profiles'!$G$22=$B$17,14,0)+IF('Standard Profiles'!$G$22=$B$24,21,0),0)),0)</f>
        <v>0</v>
      </c>
      <c r="I804">
        <f t="shared" si="104"/>
        <v>4.4364083226425581</v>
      </c>
      <c r="J804">
        <f t="shared" si="105"/>
        <v>17.246103329924864</v>
      </c>
      <c r="K804">
        <f t="shared" si="106"/>
        <v>0.65188931420242824</v>
      </c>
      <c r="L804">
        <f t="shared" si="107"/>
        <v>0.32594465710121412</v>
      </c>
      <c r="M804">
        <f t="shared" si="108"/>
        <v>0</v>
      </c>
      <c r="N804" s="45">
        <f t="shared" ref="N804:N867" si="109">N803+1/24</f>
        <v>44959.083333331466</v>
      </c>
    </row>
    <row r="805" spans="2:14" x14ac:dyDescent="0.25">
      <c r="B805">
        <f t="shared" si="103"/>
        <v>4</v>
      </c>
      <c r="C805" s="16">
        <v>771</v>
      </c>
      <c r="D805" cm="1">
        <f t="array" ref="D805">IFERROR(INDEX(Jesper!AH$2:AH$366,ROUNDDOWN($C805/24,0)+1,1)*INDEX($D$3:$AA$30,INDEX(Jesper!$R$2:$R$366,ROW(INDEX(Jesper!AH$2:AH$366,ROUNDDOWN($C805/24,0)+1,1))-1)+IF('Standard Profiles'!$G$18=$B$10,7,0)+IF('Standard Profiles'!$G$18=$B$17,14,0)+IF('Standard Profiles'!$G$18=$B$24,21,0),MOD($C805,24)+1)/SUM(INDEX($D$3:$AA$30,INDEX(Jesper!$R$2:$R$366,ROW(INDEX(Jesper!AH$2:AH$366,ROUNDDOWN($C805/24,0)+1,1))-1)+IF('Standard Profiles'!$G$18=$B$10,7,0)+IF('Standard Profiles'!$G$18=$B$17,14,0)+IF('Standard Profiles'!$G$18=$B$24,21,0),0)),0)</f>
        <v>6.1114623206477647</v>
      </c>
      <c r="E805" cm="1">
        <f t="array" ref="E805">IFERROR(INDEX(Jesper!AI$2:AI$366,ROUNDDOWN($C805/24,0)+1,1)*INDEX($D$3:$AA$30,INDEX(Jesper!$R$2:$R$366,ROW(INDEX(Jesper!AI$2:AI$366,ROUNDDOWN($C805/24,0)+1,1))-1)+IF('Standard Profiles'!$G$19=$B$10,7,0)+IF('Standard Profiles'!$G$19=$B$17,14,0)+IF('Standard Profiles'!$G$19=$B$24,21,0),MOD($C805,24)+1)/SUM(INDEX($D$3:$AA$30,INDEX(Jesper!$R$2:$R$366,ROW(INDEX(Jesper!AI$2:AI$366,ROUNDDOWN($C805/24,0)+1,1))-1)+IF('Standard Profiles'!$G$19=$B$10,7,0)+IF('Standard Profiles'!$G$19=$B$17,14,0)+IF('Standard Profiles'!$G$19=$B$24,21,0),0)),0)</f>
        <v>7.3063659643846357</v>
      </c>
      <c r="F805" cm="1">
        <f t="array" ref="F805">IFERROR(INDEX(Jesper!AJ$2:AJ$366,ROUNDDOWN($C805/24,0)+1,1)*INDEX($D$3:$AA$30,INDEX(Jesper!$R$2:$R$366,ROW(INDEX(Jesper!AJ$2:AJ$366,ROUNDDOWN($C805/24,0)+1,1))-1)+IF('Standard Profiles'!$G$20=$B$10,7,0)+IF('Standard Profiles'!$G$20=$B$17,14,0)+IF('Standard Profiles'!$G$20=$B$24,21,0),MOD($C805,24)+1)/SUM(INDEX($D$3:$AA$30,INDEX(Jesper!$R$2:$R$366,ROW(INDEX(Jesper!AJ$2:AJ$366,ROUNDDOWN($C805/24,0)+1,1))-1)+IF('Standard Profiles'!$G$20=$B$10,7,0)+IF('Standard Profiles'!$G$20=$B$17,14,0)+IF('Standard Profiles'!$G$20=$B$24,21,0),0)),0)</f>
        <v>0</v>
      </c>
      <c r="G805" cm="1">
        <f t="array" ref="G805">IFERROR(INDEX(Jesper!AK$2:AK$366,ROUNDDOWN($C805/24,0)+1,1)*INDEX($D$3:$AA$30,INDEX(Jesper!$R$2:$R$366,ROW(INDEX(Jesper!AK$2:AK$366,ROUNDDOWN($C805/24,0)+1,1))-1)+IF('Standard Profiles'!$G$21=$B$10,7,0)+IF('Standard Profiles'!$G$21=$B$17,14,0)+IF('Standard Profiles'!$G$21=$B$24,21,0),MOD($C805,24)+1)/SUM(INDEX($D$3:$AA$30,INDEX(Jesper!$R$2:$R$366,ROW(INDEX(Jesper!AK$2:AK$366,ROUNDDOWN($C805/24,0)+1,1))-1)+IF('Standard Profiles'!$G$21=$B$10,7,0)+IF('Standard Profiles'!$G$21=$B$17,14,0)+IF('Standard Profiles'!$G$21=$B$24,21,0),0)),0)</f>
        <v>9.2425173388386668</v>
      </c>
      <c r="H805" cm="1">
        <f t="array" ref="H805">IFERROR(INDEX(Jesper!AL$2:AL$366,ROUNDDOWN($C805/24,0)+1,1)*INDEX($D$3:$AA$30,INDEX(Jesper!$R$2:$R$366,ROW(INDEX(Jesper!AL$2:AL$366,ROUNDDOWN($C805/24,0)+1,1))-1)+IF('Standard Profiles'!$G$22=$B$10,7,0)+IF('Standard Profiles'!$G$22=$B$17,14,0)+IF('Standard Profiles'!$G$22=$B$24,21,0),MOD($C805,24)+1)/SUM(INDEX($D$3:$AA$30,INDEX(Jesper!$R$2:$R$366,ROW(INDEX(Jesper!AL$2:AL$366,ROUNDDOWN($C805/24,0)+1,1))-1)+IF('Standard Profiles'!$G$22=$B$10,7,0)+IF('Standard Profiles'!$G$22=$B$17,14,0)+IF('Standard Profiles'!$G$22=$B$24,21,0),0)),0)</f>
        <v>0</v>
      </c>
      <c r="I805">
        <f t="shared" si="104"/>
        <v>4.4364083226425581</v>
      </c>
      <c r="J805">
        <f t="shared" si="105"/>
        <v>17.246103329924864</v>
      </c>
      <c r="K805">
        <f t="shared" si="106"/>
        <v>0.65188931420242824</v>
      </c>
      <c r="L805">
        <f t="shared" si="107"/>
        <v>0.32594465710121412</v>
      </c>
      <c r="M805">
        <f t="shared" si="108"/>
        <v>0</v>
      </c>
      <c r="N805" s="45">
        <f t="shared" si="109"/>
        <v>44959.12499999813</v>
      </c>
    </row>
    <row r="806" spans="2:14" x14ac:dyDescent="0.25">
      <c r="B806">
        <f t="shared" si="103"/>
        <v>4</v>
      </c>
      <c r="C806" s="16">
        <v>772</v>
      </c>
      <c r="D806" cm="1">
        <f t="array" ref="D806">IFERROR(INDEX(Jesper!AH$2:AH$366,ROUNDDOWN($C806/24,0)+1,1)*INDEX($D$3:$AA$30,INDEX(Jesper!$R$2:$R$366,ROW(INDEX(Jesper!AH$2:AH$366,ROUNDDOWN($C806/24,0)+1,1))-1)+IF('Standard Profiles'!$G$18=$B$10,7,0)+IF('Standard Profiles'!$G$18=$B$17,14,0)+IF('Standard Profiles'!$G$18=$B$24,21,0),MOD($C806,24)+1)/SUM(INDEX($D$3:$AA$30,INDEX(Jesper!$R$2:$R$366,ROW(INDEX(Jesper!AH$2:AH$366,ROUNDDOWN($C806/24,0)+1,1))-1)+IF('Standard Profiles'!$G$18=$B$10,7,0)+IF('Standard Profiles'!$G$18=$B$17,14,0)+IF('Standard Profiles'!$G$18=$B$24,21,0),0)),0)</f>
        <v>6.1114623206477647</v>
      </c>
      <c r="E806" cm="1">
        <f t="array" ref="E806">IFERROR(INDEX(Jesper!AI$2:AI$366,ROUNDDOWN($C806/24,0)+1,1)*INDEX($D$3:$AA$30,INDEX(Jesper!$R$2:$R$366,ROW(INDEX(Jesper!AI$2:AI$366,ROUNDDOWN($C806/24,0)+1,1))-1)+IF('Standard Profiles'!$G$19=$B$10,7,0)+IF('Standard Profiles'!$G$19=$B$17,14,0)+IF('Standard Profiles'!$G$19=$B$24,21,0),MOD($C806,24)+1)/SUM(INDEX($D$3:$AA$30,INDEX(Jesper!$R$2:$R$366,ROW(INDEX(Jesper!AI$2:AI$366,ROUNDDOWN($C806/24,0)+1,1))-1)+IF('Standard Profiles'!$G$19=$B$10,7,0)+IF('Standard Profiles'!$G$19=$B$17,14,0)+IF('Standard Profiles'!$G$19=$B$24,21,0),0)),0)</f>
        <v>7.3063659643846357</v>
      </c>
      <c r="F806" cm="1">
        <f t="array" ref="F806">IFERROR(INDEX(Jesper!AJ$2:AJ$366,ROUNDDOWN($C806/24,0)+1,1)*INDEX($D$3:$AA$30,INDEX(Jesper!$R$2:$R$366,ROW(INDEX(Jesper!AJ$2:AJ$366,ROUNDDOWN($C806/24,0)+1,1))-1)+IF('Standard Profiles'!$G$20=$B$10,7,0)+IF('Standard Profiles'!$G$20=$B$17,14,0)+IF('Standard Profiles'!$G$20=$B$24,21,0),MOD($C806,24)+1)/SUM(INDEX($D$3:$AA$30,INDEX(Jesper!$R$2:$R$366,ROW(INDEX(Jesper!AJ$2:AJ$366,ROUNDDOWN($C806/24,0)+1,1))-1)+IF('Standard Profiles'!$G$20=$B$10,7,0)+IF('Standard Profiles'!$G$20=$B$17,14,0)+IF('Standard Profiles'!$G$20=$B$24,21,0),0)),0)</f>
        <v>0</v>
      </c>
      <c r="G806" cm="1">
        <f t="array" ref="G806">IFERROR(INDEX(Jesper!AK$2:AK$366,ROUNDDOWN($C806/24,0)+1,1)*INDEX($D$3:$AA$30,INDEX(Jesper!$R$2:$R$366,ROW(INDEX(Jesper!AK$2:AK$366,ROUNDDOWN($C806/24,0)+1,1))-1)+IF('Standard Profiles'!$G$21=$B$10,7,0)+IF('Standard Profiles'!$G$21=$B$17,14,0)+IF('Standard Profiles'!$G$21=$B$24,21,0),MOD($C806,24)+1)/SUM(INDEX($D$3:$AA$30,INDEX(Jesper!$R$2:$R$366,ROW(INDEX(Jesper!AK$2:AK$366,ROUNDDOWN($C806/24,0)+1,1))-1)+IF('Standard Profiles'!$G$21=$B$10,7,0)+IF('Standard Profiles'!$G$21=$B$17,14,0)+IF('Standard Profiles'!$G$21=$B$24,21,0),0)),0)</f>
        <v>9.2425173388386668</v>
      </c>
      <c r="H806" cm="1">
        <f t="array" ref="H806">IFERROR(INDEX(Jesper!AL$2:AL$366,ROUNDDOWN($C806/24,0)+1,1)*INDEX($D$3:$AA$30,INDEX(Jesper!$R$2:$R$366,ROW(INDEX(Jesper!AL$2:AL$366,ROUNDDOWN($C806/24,0)+1,1))-1)+IF('Standard Profiles'!$G$22=$B$10,7,0)+IF('Standard Profiles'!$G$22=$B$17,14,0)+IF('Standard Profiles'!$G$22=$B$24,21,0),MOD($C806,24)+1)/SUM(INDEX($D$3:$AA$30,INDEX(Jesper!$R$2:$R$366,ROW(INDEX(Jesper!AL$2:AL$366,ROUNDDOWN($C806/24,0)+1,1))-1)+IF('Standard Profiles'!$G$22=$B$10,7,0)+IF('Standard Profiles'!$G$22=$B$17,14,0)+IF('Standard Profiles'!$G$22=$B$24,21,0),0)),0)</f>
        <v>0</v>
      </c>
      <c r="I806">
        <f t="shared" si="104"/>
        <v>4.4364083226425581</v>
      </c>
      <c r="J806">
        <f t="shared" si="105"/>
        <v>17.246103329924864</v>
      </c>
      <c r="K806">
        <f t="shared" si="106"/>
        <v>0.65188931420242824</v>
      </c>
      <c r="L806">
        <f t="shared" si="107"/>
        <v>0.32594465710121412</v>
      </c>
      <c r="M806">
        <f t="shared" si="108"/>
        <v>0</v>
      </c>
      <c r="N806" s="45">
        <f t="shared" si="109"/>
        <v>44959.166666664794</v>
      </c>
    </row>
    <row r="807" spans="2:14" x14ac:dyDescent="0.25">
      <c r="B807">
        <f t="shared" si="103"/>
        <v>4</v>
      </c>
      <c r="C807" s="16">
        <v>773</v>
      </c>
      <c r="D807" cm="1">
        <f t="array" ref="D807">IFERROR(INDEX(Jesper!AH$2:AH$366,ROUNDDOWN($C807/24,0)+1,1)*INDEX($D$3:$AA$30,INDEX(Jesper!$R$2:$R$366,ROW(INDEX(Jesper!AH$2:AH$366,ROUNDDOWN($C807/24,0)+1,1))-1)+IF('Standard Profiles'!$G$18=$B$10,7,0)+IF('Standard Profiles'!$G$18=$B$17,14,0)+IF('Standard Profiles'!$G$18=$B$24,21,0),MOD($C807,24)+1)/SUM(INDEX($D$3:$AA$30,INDEX(Jesper!$R$2:$R$366,ROW(INDEX(Jesper!AH$2:AH$366,ROUNDDOWN($C807/24,0)+1,1))-1)+IF('Standard Profiles'!$G$18=$B$10,7,0)+IF('Standard Profiles'!$G$18=$B$17,14,0)+IF('Standard Profiles'!$G$18=$B$24,21,0),0)),0)</f>
        <v>6.1114623206477647</v>
      </c>
      <c r="E807" cm="1">
        <f t="array" ref="E807">IFERROR(INDEX(Jesper!AI$2:AI$366,ROUNDDOWN($C807/24,0)+1,1)*INDEX($D$3:$AA$30,INDEX(Jesper!$R$2:$R$366,ROW(INDEX(Jesper!AI$2:AI$366,ROUNDDOWN($C807/24,0)+1,1))-1)+IF('Standard Profiles'!$G$19=$B$10,7,0)+IF('Standard Profiles'!$G$19=$B$17,14,0)+IF('Standard Profiles'!$G$19=$B$24,21,0),MOD($C807,24)+1)/SUM(INDEX($D$3:$AA$30,INDEX(Jesper!$R$2:$R$366,ROW(INDEX(Jesper!AI$2:AI$366,ROUNDDOWN($C807/24,0)+1,1))-1)+IF('Standard Profiles'!$G$19=$B$10,7,0)+IF('Standard Profiles'!$G$19=$B$17,14,0)+IF('Standard Profiles'!$G$19=$B$24,21,0),0)),0)</f>
        <v>7.3063659643846357</v>
      </c>
      <c r="F807" cm="1">
        <f t="array" ref="F807">IFERROR(INDEX(Jesper!AJ$2:AJ$366,ROUNDDOWN($C807/24,0)+1,1)*INDEX($D$3:$AA$30,INDEX(Jesper!$R$2:$R$366,ROW(INDEX(Jesper!AJ$2:AJ$366,ROUNDDOWN($C807/24,0)+1,1))-1)+IF('Standard Profiles'!$G$20=$B$10,7,0)+IF('Standard Profiles'!$G$20=$B$17,14,0)+IF('Standard Profiles'!$G$20=$B$24,21,0),MOD($C807,24)+1)/SUM(INDEX($D$3:$AA$30,INDEX(Jesper!$R$2:$R$366,ROW(INDEX(Jesper!AJ$2:AJ$366,ROUNDDOWN($C807/24,0)+1,1))-1)+IF('Standard Profiles'!$G$20=$B$10,7,0)+IF('Standard Profiles'!$G$20=$B$17,14,0)+IF('Standard Profiles'!$G$20=$B$24,21,0),0)),0)</f>
        <v>0</v>
      </c>
      <c r="G807" cm="1">
        <f t="array" ref="G807">IFERROR(INDEX(Jesper!AK$2:AK$366,ROUNDDOWN($C807/24,0)+1,1)*INDEX($D$3:$AA$30,INDEX(Jesper!$R$2:$R$366,ROW(INDEX(Jesper!AK$2:AK$366,ROUNDDOWN($C807/24,0)+1,1))-1)+IF('Standard Profiles'!$G$21=$B$10,7,0)+IF('Standard Profiles'!$G$21=$B$17,14,0)+IF('Standard Profiles'!$G$21=$B$24,21,0),MOD($C807,24)+1)/SUM(INDEX($D$3:$AA$30,INDEX(Jesper!$R$2:$R$366,ROW(INDEX(Jesper!AK$2:AK$366,ROUNDDOWN($C807/24,0)+1,1))-1)+IF('Standard Profiles'!$G$21=$B$10,7,0)+IF('Standard Profiles'!$G$21=$B$17,14,0)+IF('Standard Profiles'!$G$21=$B$24,21,0),0)),0)</f>
        <v>9.2425173388386668</v>
      </c>
      <c r="H807" cm="1">
        <f t="array" ref="H807">IFERROR(INDEX(Jesper!AL$2:AL$366,ROUNDDOWN($C807/24,0)+1,1)*INDEX($D$3:$AA$30,INDEX(Jesper!$R$2:$R$366,ROW(INDEX(Jesper!AL$2:AL$366,ROUNDDOWN($C807/24,0)+1,1))-1)+IF('Standard Profiles'!$G$22=$B$10,7,0)+IF('Standard Profiles'!$G$22=$B$17,14,0)+IF('Standard Profiles'!$G$22=$B$24,21,0),MOD($C807,24)+1)/SUM(INDEX($D$3:$AA$30,INDEX(Jesper!$R$2:$R$366,ROW(INDEX(Jesper!AL$2:AL$366,ROUNDDOWN($C807/24,0)+1,1))-1)+IF('Standard Profiles'!$G$22=$B$10,7,0)+IF('Standard Profiles'!$G$22=$B$17,14,0)+IF('Standard Profiles'!$G$22=$B$24,21,0),0)),0)</f>
        <v>0</v>
      </c>
      <c r="I807">
        <f t="shared" si="104"/>
        <v>4.4364083226425581</v>
      </c>
      <c r="J807">
        <f t="shared" si="105"/>
        <v>17.246103329924864</v>
      </c>
      <c r="K807">
        <f t="shared" si="106"/>
        <v>0.65188931420242824</v>
      </c>
      <c r="L807">
        <f t="shared" si="107"/>
        <v>0.32594465710121412</v>
      </c>
      <c r="M807">
        <f t="shared" si="108"/>
        <v>0</v>
      </c>
      <c r="N807" s="45">
        <f t="shared" si="109"/>
        <v>44959.208333331459</v>
      </c>
    </row>
    <row r="808" spans="2:14" x14ac:dyDescent="0.25">
      <c r="B808">
        <f t="shared" si="103"/>
        <v>4</v>
      </c>
      <c r="C808" s="16">
        <v>774</v>
      </c>
      <c r="D808" cm="1">
        <f t="array" ref="D808">IFERROR(INDEX(Jesper!AH$2:AH$366,ROUNDDOWN($C808/24,0)+1,1)*INDEX($D$3:$AA$30,INDEX(Jesper!$R$2:$R$366,ROW(INDEX(Jesper!AH$2:AH$366,ROUNDDOWN($C808/24,0)+1,1))-1)+IF('Standard Profiles'!$G$18=$B$10,7,0)+IF('Standard Profiles'!$G$18=$B$17,14,0)+IF('Standard Profiles'!$G$18=$B$24,21,0),MOD($C808,24)+1)/SUM(INDEX($D$3:$AA$30,INDEX(Jesper!$R$2:$R$366,ROW(INDEX(Jesper!AH$2:AH$366,ROUNDDOWN($C808/24,0)+1,1))-1)+IF('Standard Profiles'!$G$18=$B$10,7,0)+IF('Standard Profiles'!$G$18=$B$17,14,0)+IF('Standard Profiles'!$G$18=$B$24,21,0),0)),0)</f>
        <v>6.1114623206477647</v>
      </c>
      <c r="E808" cm="1">
        <f t="array" ref="E808">IFERROR(INDEX(Jesper!AI$2:AI$366,ROUNDDOWN($C808/24,0)+1,1)*INDEX($D$3:$AA$30,INDEX(Jesper!$R$2:$R$366,ROW(INDEX(Jesper!AI$2:AI$366,ROUNDDOWN($C808/24,0)+1,1))-1)+IF('Standard Profiles'!$G$19=$B$10,7,0)+IF('Standard Profiles'!$G$19=$B$17,14,0)+IF('Standard Profiles'!$G$19=$B$24,21,0),MOD($C808,24)+1)/SUM(INDEX($D$3:$AA$30,INDEX(Jesper!$R$2:$R$366,ROW(INDEX(Jesper!AI$2:AI$366,ROUNDDOWN($C808/24,0)+1,1))-1)+IF('Standard Profiles'!$G$19=$B$10,7,0)+IF('Standard Profiles'!$G$19=$B$17,14,0)+IF('Standard Profiles'!$G$19=$B$24,21,0),0)),0)</f>
        <v>7.3063659643846357</v>
      </c>
      <c r="F808" cm="1">
        <f t="array" ref="F808">IFERROR(INDEX(Jesper!AJ$2:AJ$366,ROUNDDOWN($C808/24,0)+1,1)*INDEX($D$3:$AA$30,INDEX(Jesper!$R$2:$R$366,ROW(INDEX(Jesper!AJ$2:AJ$366,ROUNDDOWN($C808/24,0)+1,1))-1)+IF('Standard Profiles'!$G$20=$B$10,7,0)+IF('Standard Profiles'!$G$20=$B$17,14,0)+IF('Standard Profiles'!$G$20=$B$24,21,0),MOD($C808,24)+1)/SUM(INDEX($D$3:$AA$30,INDEX(Jesper!$R$2:$R$366,ROW(INDEX(Jesper!AJ$2:AJ$366,ROUNDDOWN($C808/24,0)+1,1))-1)+IF('Standard Profiles'!$G$20=$B$10,7,0)+IF('Standard Profiles'!$G$20=$B$17,14,0)+IF('Standard Profiles'!$G$20=$B$24,21,0),0)),0)</f>
        <v>0</v>
      </c>
      <c r="G808" cm="1">
        <f t="array" ref="G808">IFERROR(INDEX(Jesper!AK$2:AK$366,ROUNDDOWN($C808/24,0)+1,1)*INDEX($D$3:$AA$30,INDEX(Jesper!$R$2:$R$366,ROW(INDEX(Jesper!AK$2:AK$366,ROUNDDOWN($C808/24,0)+1,1))-1)+IF('Standard Profiles'!$G$21=$B$10,7,0)+IF('Standard Profiles'!$G$21=$B$17,14,0)+IF('Standard Profiles'!$G$21=$B$24,21,0),MOD($C808,24)+1)/SUM(INDEX($D$3:$AA$30,INDEX(Jesper!$R$2:$R$366,ROW(INDEX(Jesper!AK$2:AK$366,ROUNDDOWN($C808/24,0)+1,1))-1)+IF('Standard Profiles'!$G$21=$B$10,7,0)+IF('Standard Profiles'!$G$21=$B$17,14,0)+IF('Standard Profiles'!$G$21=$B$24,21,0),0)),0)</f>
        <v>9.2425173388386668</v>
      </c>
      <c r="H808" cm="1">
        <f t="array" ref="H808">IFERROR(INDEX(Jesper!AL$2:AL$366,ROUNDDOWN($C808/24,0)+1,1)*INDEX($D$3:$AA$30,INDEX(Jesper!$R$2:$R$366,ROW(INDEX(Jesper!AL$2:AL$366,ROUNDDOWN($C808/24,0)+1,1))-1)+IF('Standard Profiles'!$G$22=$B$10,7,0)+IF('Standard Profiles'!$G$22=$B$17,14,0)+IF('Standard Profiles'!$G$22=$B$24,21,0),MOD($C808,24)+1)/SUM(INDEX($D$3:$AA$30,INDEX(Jesper!$R$2:$R$366,ROW(INDEX(Jesper!AL$2:AL$366,ROUNDDOWN($C808/24,0)+1,1))-1)+IF('Standard Profiles'!$G$22=$B$10,7,0)+IF('Standard Profiles'!$G$22=$B$17,14,0)+IF('Standard Profiles'!$G$22=$B$24,21,0),0)),0)</f>
        <v>0</v>
      </c>
      <c r="I808">
        <f t="shared" si="104"/>
        <v>4.4364083226425581</v>
      </c>
      <c r="J808">
        <f t="shared" si="105"/>
        <v>17.246103329924864</v>
      </c>
      <c r="K808">
        <f t="shared" si="106"/>
        <v>0.65188931420242824</v>
      </c>
      <c r="L808">
        <f t="shared" si="107"/>
        <v>0.32594465710121412</v>
      </c>
      <c r="M808">
        <f t="shared" si="108"/>
        <v>0</v>
      </c>
      <c r="N808" s="45">
        <f t="shared" si="109"/>
        <v>44959.249999998123</v>
      </c>
    </row>
    <row r="809" spans="2:14" x14ac:dyDescent="0.25">
      <c r="B809">
        <f t="shared" si="103"/>
        <v>4</v>
      </c>
      <c r="C809" s="16">
        <v>775</v>
      </c>
      <c r="D809" cm="1">
        <f t="array" ref="D809">IFERROR(INDEX(Jesper!AH$2:AH$366,ROUNDDOWN($C809/24,0)+1,1)*INDEX($D$3:$AA$30,INDEX(Jesper!$R$2:$R$366,ROW(INDEX(Jesper!AH$2:AH$366,ROUNDDOWN($C809/24,0)+1,1))-1)+IF('Standard Profiles'!$G$18=$B$10,7,0)+IF('Standard Profiles'!$G$18=$B$17,14,0)+IF('Standard Profiles'!$G$18=$B$24,21,0),MOD($C809,24)+1)/SUM(INDEX($D$3:$AA$30,INDEX(Jesper!$R$2:$R$366,ROW(INDEX(Jesper!AH$2:AH$366,ROUNDDOWN($C809/24,0)+1,1))-1)+IF('Standard Profiles'!$G$18=$B$10,7,0)+IF('Standard Profiles'!$G$18=$B$17,14,0)+IF('Standard Profiles'!$G$18=$B$24,21,0),0)),0)</f>
        <v>24.982917183496465</v>
      </c>
      <c r="E809" cm="1">
        <f t="array" ref="E809">IFERROR(INDEX(Jesper!AI$2:AI$366,ROUNDDOWN($C809/24,0)+1,1)*INDEX($D$3:$AA$30,INDEX(Jesper!$R$2:$R$366,ROW(INDEX(Jesper!AI$2:AI$366,ROUNDDOWN($C809/24,0)+1,1))-1)+IF('Standard Profiles'!$G$19=$B$10,7,0)+IF('Standard Profiles'!$G$19=$B$17,14,0)+IF('Standard Profiles'!$G$19=$B$24,21,0),MOD($C809,24)+1)/SUM(INDEX($D$3:$AA$30,INDEX(Jesper!$R$2:$R$366,ROW(INDEX(Jesper!AI$2:AI$366,ROUNDDOWN($C809/24,0)+1,1))-1)+IF('Standard Profiles'!$G$19=$B$10,7,0)+IF('Standard Profiles'!$G$19=$B$17,14,0)+IF('Standard Profiles'!$G$19=$B$24,21,0),0)),0)</f>
        <v>29.867538442287493</v>
      </c>
      <c r="F809" cm="1">
        <f t="array" ref="F809">IFERROR(INDEX(Jesper!AJ$2:AJ$366,ROUNDDOWN($C809/24,0)+1,1)*INDEX($D$3:$AA$30,INDEX(Jesper!$R$2:$R$366,ROW(INDEX(Jesper!AJ$2:AJ$366,ROUNDDOWN($C809/24,0)+1,1))-1)+IF('Standard Profiles'!$G$20=$B$10,7,0)+IF('Standard Profiles'!$G$20=$B$17,14,0)+IF('Standard Profiles'!$G$20=$B$24,21,0),MOD($C809,24)+1)/SUM(INDEX($D$3:$AA$30,INDEX(Jesper!$R$2:$R$366,ROW(INDEX(Jesper!AJ$2:AJ$366,ROUNDDOWN($C809/24,0)+1,1))-1)+IF('Standard Profiles'!$G$20=$B$10,7,0)+IF('Standard Profiles'!$G$20=$B$17,14,0)+IF('Standard Profiles'!$G$20=$B$24,21,0),0)),0)</f>
        <v>0</v>
      </c>
      <c r="G809" cm="1">
        <f t="array" ref="G809">IFERROR(INDEX(Jesper!AK$2:AK$366,ROUNDDOWN($C809/24,0)+1,1)*INDEX($D$3:$AA$30,INDEX(Jesper!$R$2:$R$366,ROW(INDEX(Jesper!AK$2:AK$366,ROUNDDOWN($C809/24,0)+1,1))-1)+IF('Standard Profiles'!$G$21=$B$10,7,0)+IF('Standard Profiles'!$G$21=$B$17,14,0)+IF('Standard Profiles'!$G$21=$B$24,21,0),MOD($C809,24)+1)/SUM(INDEX($D$3:$AA$30,INDEX(Jesper!$R$2:$R$366,ROW(INDEX(Jesper!AK$2:AK$366,ROUNDDOWN($C809/24,0)+1,1))-1)+IF('Standard Profiles'!$G$21=$B$10,7,0)+IF('Standard Profiles'!$G$21=$B$17,14,0)+IF('Standard Profiles'!$G$21=$B$24,21,0),0)),0)</f>
        <v>25.463135268500523</v>
      </c>
      <c r="H809" cm="1">
        <f t="array" ref="H809">IFERROR(INDEX(Jesper!AL$2:AL$366,ROUNDDOWN($C809/24,0)+1,1)*INDEX($D$3:$AA$30,INDEX(Jesper!$R$2:$R$366,ROW(INDEX(Jesper!AL$2:AL$366,ROUNDDOWN($C809/24,0)+1,1))-1)+IF('Standard Profiles'!$G$22=$B$10,7,0)+IF('Standard Profiles'!$G$22=$B$17,14,0)+IF('Standard Profiles'!$G$22=$B$24,21,0),MOD($C809,24)+1)/SUM(INDEX($D$3:$AA$30,INDEX(Jesper!$R$2:$R$366,ROW(INDEX(Jesper!AL$2:AL$366,ROUNDDOWN($C809/24,0)+1,1))-1)+IF('Standard Profiles'!$G$22=$B$10,7,0)+IF('Standard Profiles'!$G$22=$B$17,14,0)+IF('Standard Profiles'!$G$22=$B$24,21,0),0)),0)</f>
        <v>0</v>
      </c>
      <c r="I809">
        <f t="shared" si="104"/>
        <v>12.222304928880245</v>
      </c>
      <c r="J809">
        <f t="shared" si="105"/>
        <v>64.094019216044799</v>
      </c>
      <c r="K809">
        <f t="shared" si="106"/>
        <v>2.6648444995729563</v>
      </c>
      <c r="L809">
        <f t="shared" si="107"/>
        <v>1.3324222497864782</v>
      </c>
      <c r="M809">
        <f t="shared" si="108"/>
        <v>0</v>
      </c>
      <c r="N809" s="45">
        <f t="shared" si="109"/>
        <v>44959.291666664787</v>
      </c>
    </row>
    <row r="810" spans="2:14" x14ac:dyDescent="0.25">
      <c r="B810">
        <f t="shared" si="103"/>
        <v>4</v>
      </c>
      <c r="C810" s="16">
        <v>776</v>
      </c>
      <c r="D810" cm="1">
        <f t="array" ref="D810">IFERROR(INDEX(Jesper!AH$2:AH$366,ROUNDDOWN($C810/24,0)+1,1)*INDEX($D$3:$AA$30,INDEX(Jesper!$R$2:$R$366,ROW(INDEX(Jesper!AH$2:AH$366,ROUNDDOWN($C810/24,0)+1,1))-1)+IF('Standard Profiles'!$G$18=$B$10,7,0)+IF('Standard Profiles'!$G$18=$B$17,14,0)+IF('Standard Profiles'!$G$18=$B$24,21,0),MOD($C810,24)+1)/SUM(INDEX($D$3:$AA$30,INDEX(Jesper!$R$2:$R$366,ROW(INDEX(Jesper!AH$2:AH$366,ROUNDDOWN($C810/24,0)+1,1))-1)+IF('Standard Profiles'!$G$18=$B$10,7,0)+IF('Standard Profiles'!$G$18=$B$17,14,0)+IF('Standard Profiles'!$G$18=$B$24,21,0),0)),0)</f>
        <v>27.875676015269743</v>
      </c>
      <c r="E810" cm="1">
        <f t="array" ref="E810">IFERROR(INDEX(Jesper!AI$2:AI$366,ROUNDDOWN($C810/24,0)+1,1)*INDEX($D$3:$AA$30,INDEX(Jesper!$R$2:$R$366,ROW(INDEX(Jesper!AI$2:AI$366,ROUNDDOWN($C810/24,0)+1,1))-1)+IF('Standard Profiles'!$G$19=$B$10,7,0)+IF('Standard Profiles'!$G$19=$B$17,14,0)+IF('Standard Profiles'!$G$19=$B$24,21,0),MOD($C810,24)+1)/SUM(INDEX($D$3:$AA$30,INDEX(Jesper!$R$2:$R$366,ROW(INDEX(Jesper!AI$2:AI$366,ROUNDDOWN($C810/24,0)+1,1))-1)+IF('Standard Profiles'!$G$19=$B$10,7,0)+IF('Standard Profiles'!$G$19=$B$17,14,0)+IF('Standard Profiles'!$G$19=$B$24,21,0),0)),0)</f>
        <v>33.325884998762888</v>
      </c>
      <c r="F810" cm="1">
        <f t="array" ref="F810">IFERROR(INDEX(Jesper!AJ$2:AJ$366,ROUNDDOWN($C810/24,0)+1,1)*INDEX($D$3:$AA$30,INDEX(Jesper!$R$2:$R$366,ROW(INDEX(Jesper!AJ$2:AJ$366,ROUNDDOWN($C810/24,0)+1,1))-1)+IF('Standard Profiles'!$G$20=$B$10,7,0)+IF('Standard Profiles'!$G$20=$B$17,14,0)+IF('Standard Profiles'!$G$20=$B$24,21,0),MOD($C810,24)+1)/SUM(INDEX($D$3:$AA$30,INDEX(Jesper!$R$2:$R$366,ROW(INDEX(Jesper!AJ$2:AJ$366,ROUNDDOWN($C810/24,0)+1,1))-1)+IF('Standard Profiles'!$G$20=$B$10,7,0)+IF('Standard Profiles'!$G$20=$B$17,14,0)+IF('Standard Profiles'!$G$20=$B$24,21,0),0)),0)</f>
        <v>0</v>
      </c>
      <c r="G810" cm="1">
        <f t="array" ref="G810">IFERROR(INDEX(Jesper!AK$2:AK$366,ROUNDDOWN($C810/24,0)+1,1)*INDEX($D$3:$AA$30,INDEX(Jesper!$R$2:$R$366,ROW(INDEX(Jesper!AK$2:AK$366,ROUNDDOWN($C810/24,0)+1,1))-1)+IF('Standard Profiles'!$G$21=$B$10,7,0)+IF('Standard Profiles'!$G$21=$B$17,14,0)+IF('Standard Profiles'!$G$21=$B$24,21,0),MOD($C810,24)+1)/SUM(INDEX($D$3:$AA$30,INDEX(Jesper!$R$2:$R$366,ROW(INDEX(Jesper!AK$2:AK$366,ROUNDDOWN($C810/24,0)+1,1))-1)+IF('Standard Profiles'!$G$21=$B$10,7,0)+IF('Standard Profiles'!$G$21=$B$17,14,0)+IF('Standard Profiles'!$G$21=$B$24,21,0),0)),0)</f>
        <v>28.411498299590058</v>
      </c>
      <c r="H810" cm="1">
        <f t="array" ref="H810">IFERROR(INDEX(Jesper!AL$2:AL$366,ROUNDDOWN($C810/24,0)+1,1)*INDEX($D$3:$AA$30,INDEX(Jesper!$R$2:$R$366,ROW(INDEX(Jesper!AL$2:AL$366,ROUNDDOWN($C810/24,0)+1,1))-1)+IF('Standard Profiles'!$G$22=$B$10,7,0)+IF('Standard Profiles'!$G$22=$B$17,14,0)+IF('Standard Profiles'!$G$22=$B$24,21,0),MOD($C810,24)+1)/SUM(INDEX($D$3:$AA$30,INDEX(Jesper!$R$2:$R$366,ROW(INDEX(Jesper!AL$2:AL$366,ROUNDDOWN($C810/24,0)+1,1))-1)+IF('Standard Profiles'!$G$22=$B$10,7,0)+IF('Standard Profiles'!$G$22=$B$17,14,0)+IF('Standard Profiles'!$G$22=$B$24,21,0),0)),0)</f>
        <v>0</v>
      </c>
      <c r="I810">
        <f t="shared" si="104"/>
        <v>13.637519183803221</v>
      </c>
      <c r="J810">
        <f t="shared" si="105"/>
        <v>71.515431967376315</v>
      </c>
      <c r="K810">
        <f t="shared" si="106"/>
        <v>2.9734054416287727</v>
      </c>
      <c r="L810">
        <f t="shared" si="107"/>
        <v>1.4867027208143864</v>
      </c>
      <c r="M810">
        <f t="shared" si="108"/>
        <v>0</v>
      </c>
      <c r="N810" s="45">
        <f t="shared" si="109"/>
        <v>44959.333333331451</v>
      </c>
    </row>
    <row r="811" spans="2:14" x14ac:dyDescent="0.25">
      <c r="B811">
        <f t="shared" si="103"/>
        <v>4</v>
      </c>
      <c r="C811" s="16">
        <v>777</v>
      </c>
      <c r="D811" cm="1">
        <f t="array" ref="D811">IFERROR(INDEX(Jesper!AH$2:AH$366,ROUNDDOWN($C811/24,0)+1,1)*INDEX($D$3:$AA$30,INDEX(Jesper!$R$2:$R$366,ROW(INDEX(Jesper!AH$2:AH$366,ROUNDDOWN($C811/24,0)+1,1))-1)+IF('Standard Profiles'!$G$18=$B$10,7,0)+IF('Standard Profiles'!$G$18=$B$17,14,0)+IF('Standard Profiles'!$G$18=$B$24,21,0),MOD($C811,24)+1)/SUM(INDEX($D$3:$AA$30,INDEX(Jesper!$R$2:$R$366,ROW(INDEX(Jesper!AH$2:AH$366,ROUNDDOWN($C811/24,0)+1,1))-1)+IF('Standard Profiles'!$G$18=$B$10,7,0)+IF('Standard Profiles'!$G$18=$B$17,14,0)+IF('Standard Profiles'!$G$18=$B$24,21,0),0)),0)</f>
        <v>30.768434847043025</v>
      </c>
      <c r="E811" cm="1">
        <f t="array" ref="E811">IFERROR(INDEX(Jesper!AI$2:AI$366,ROUNDDOWN($C811/24,0)+1,1)*INDEX($D$3:$AA$30,INDEX(Jesper!$R$2:$R$366,ROW(INDEX(Jesper!AI$2:AI$366,ROUNDDOWN($C811/24,0)+1,1))-1)+IF('Standard Profiles'!$G$19=$B$10,7,0)+IF('Standard Profiles'!$G$19=$B$17,14,0)+IF('Standard Profiles'!$G$19=$B$24,21,0),MOD($C811,24)+1)/SUM(INDEX($D$3:$AA$30,INDEX(Jesper!$R$2:$R$366,ROW(INDEX(Jesper!AI$2:AI$366,ROUNDDOWN($C811/24,0)+1,1))-1)+IF('Standard Profiles'!$G$19=$B$10,7,0)+IF('Standard Profiles'!$G$19=$B$17,14,0)+IF('Standard Profiles'!$G$19=$B$24,21,0),0)),0)</f>
        <v>36.784231555238286</v>
      </c>
      <c r="F811" cm="1">
        <f t="array" ref="F811">IFERROR(INDEX(Jesper!AJ$2:AJ$366,ROUNDDOWN($C811/24,0)+1,1)*INDEX($D$3:$AA$30,INDEX(Jesper!$R$2:$R$366,ROW(INDEX(Jesper!AJ$2:AJ$366,ROUNDDOWN($C811/24,0)+1,1))-1)+IF('Standard Profiles'!$G$20=$B$10,7,0)+IF('Standard Profiles'!$G$20=$B$17,14,0)+IF('Standard Profiles'!$G$20=$B$24,21,0),MOD($C811,24)+1)/SUM(INDEX($D$3:$AA$30,INDEX(Jesper!$R$2:$R$366,ROW(INDEX(Jesper!AJ$2:AJ$366,ROUNDDOWN($C811/24,0)+1,1))-1)+IF('Standard Profiles'!$G$20=$B$10,7,0)+IF('Standard Profiles'!$G$20=$B$17,14,0)+IF('Standard Profiles'!$G$20=$B$24,21,0),0)),0)</f>
        <v>0</v>
      </c>
      <c r="G811" cm="1">
        <f t="array" ref="G811">IFERROR(INDEX(Jesper!AK$2:AK$366,ROUNDDOWN($C811/24,0)+1,1)*INDEX($D$3:$AA$30,INDEX(Jesper!$R$2:$R$366,ROW(INDEX(Jesper!AK$2:AK$366,ROUNDDOWN($C811/24,0)+1,1))-1)+IF('Standard Profiles'!$G$21=$B$10,7,0)+IF('Standard Profiles'!$G$21=$B$17,14,0)+IF('Standard Profiles'!$G$21=$B$24,21,0),MOD($C811,24)+1)/SUM(INDEX($D$3:$AA$30,INDEX(Jesper!$R$2:$R$366,ROW(INDEX(Jesper!AK$2:AK$366,ROUNDDOWN($C811/24,0)+1,1))-1)+IF('Standard Profiles'!$G$21=$B$10,7,0)+IF('Standard Profiles'!$G$21=$B$17,14,0)+IF('Standard Profiles'!$G$21=$B$24,21,0),0)),0)</f>
        <v>31.359861330679596</v>
      </c>
      <c r="H811" cm="1">
        <f t="array" ref="H811">IFERROR(INDEX(Jesper!AL$2:AL$366,ROUNDDOWN($C811/24,0)+1,1)*INDEX($D$3:$AA$30,INDEX(Jesper!$R$2:$R$366,ROW(INDEX(Jesper!AL$2:AL$366,ROUNDDOWN($C811/24,0)+1,1))-1)+IF('Standard Profiles'!$G$22=$B$10,7,0)+IF('Standard Profiles'!$G$22=$B$17,14,0)+IF('Standard Profiles'!$G$22=$B$24,21,0),MOD($C811,24)+1)/SUM(INDEX($D$3:$AA$30,INDEX(Jesper!$R$2:$R$366,ROW(INDEX(Jesper!AL$2:AL$366,ROUNDDOWN($C811/24,0)+1,1))-1)+IF('Standard Profiles'!$G$22=$B$10,7,0)+IF('Standard Profiles'!$G$22=$B$17,14,0)+IF('Standard Profiles'!$G$22=$B$24,21,0),0)),0)</f>
        <v>0</v>
      </c>
      <c r="I811">
        <f t="shared" si="104"/>
        <v>15.052733438726198</v>
      </c>
      <c r="J811">
        <f t="shared" si="105"/>
        <v>78.936844718707817</v>
      </c>
      <c r="K811">
        <f t="shared" si="106"/>
        <v>3.2819663836845896</v>
      </c>
      <c r="L811">
        <f t="shared" si="107"/>
        <v>1.6409831918422948</v>
      </c>
      <c r="M811">
        <f t="shared" si="108"/>
        <v>0</v>
      </c>
      <c r="N811" s="45">
        <f t="shared" si="109"/>
        <v>44959.374999998116</v>
      </c>
    </row>
    <row r="812" spans="2:14" x14ac:dyDescent="0.25">
      <c r="B812">
        <f t="shared" si="103"/>
        <v>4</v>
      </c>
      <c r="C812" s="16">
        <v>778</v>
      </c>
      <c r="D812" cm="1">
        <f t="array" ref="D812">IFERROR(INDEX(Jesper!AH$2:AH$366,ROUNDDOWN($C812/24,0)+1,1)*INDEX($D$3:$AA$30,INDEX(Jesper!$R$2:$R$366,ROW(INDEX(Jesper!AH$2:AH$366,ROUNDDOWN($C812/24,0)+1,1))-1)+IF('Standard Profiles'!$G$18=$B$10,7,0)+IF('Standard Profiles'!$G$18=$B$17,14,0)+IF('Standard Profiles'!$G$18=$B$24,21,0),MOD($C812,24)+1)/SUM(INDEX($D$3:$AA$30,INDEX(Jesper!$R$2:$R$366,ROW(INDEX(Jesper!AH$2:AH$366,ROUNDDOWN($C812/24,0)+1,1))-1)+IF('Standard Profiles'!$G$18=$B$10,7,0)+IF('Standard Profiles'!$G$18=$B$17,14,0)+IF('Standard Profiles'!$G$18=$B$24,21,0),0)),0)</f>
        <v>30.768434847043025</v>
      </c>
      <c r="E812" cm="1">
        <f t="array" ref="E812">IFERROR(INDEX(Jesper!AI$2:AI$366,ROUNDDOWN($C812/24,0)+1,1)*INDEX($D$3:$AA$30,INDEX(Jesper!$R$2:$R$366,ROW(INDEX(Jesper!AI$2:AI$366,ROUNDDOWN($C812/24,0)+1,1))-1)+IF('Standard Profiles'!$G$19=$B$10,7,0)+IF('Standard Profiles'!$G$19=$B$17,14,0)+IF('Standard Profiles'!$G$19=$B$24,21,0),MOD($C812,24)+1)/SUM(INDEX($D$3:$AA$30,INDEX(Jesper!$R$2:$R$366,ROW(INDEX(Jesper!AI$2:AI$366,ROUNDDOWN($C812/24,0)+1,1))-1)+IF('Standard Profiles'!$G$19=$B$10,7,0)+IF('Standard Profiles'!$G$19=$B$17,14,0)+IF('Standard Profiles'!$G$19=$B$24,21,0),0)),0)</f>
        <v>36.784231555238286</v>
      </c>
      <c r="F812" cm="1">
        <f t="array" ref="F812">IFERROR(INDEX(Jesper!AJ$2:AJ$366,ROUNDDOWN($C812/24,0)+1,1)*INDEX($D$3:$AA$30,INDEX(Jesper!$R$2:$R$366,ROW(INDEX(Jesper!AJ$2:AJ$366,ROUNDDOWN($C812/24,0)+1,1))-1)+IF('Standard Profiles'!$G$20=$B$10,7,0)+IF('Standard Profiles'!$G$20=$B$17,14,0)+IF('Standard Profiles'!$G$20=$B$24,21,0),MOD($C812,24)+1)/SUM(INDEX($D$3:$AA$30,INDEX(Jesper!$R$2:$R$366,ROW(INDEX(Jesper!AJ$2:AJ$366,ROUNDDOWN($C812/24,0)+1,1))-1)+IF('Standard Profiles'!$G$20=$B$10,7,0)+IF('Standard Profiles'!$G$20=$B$17,14,0)+IF('Standard Profiles'!$G$20=$B$24,21,0),0)),0)</f>
        <v>0</v>
      </c>
      <c r="G812" cm="1">
        <f t="array" ref="G812">IFERROR(INDEX(Jesper!AK$2:AK$366,ROUNDDOWN($C812/24,0)+1,1)*INDEX($D$3:$AA$30,INDEX(Jesper!$R$2:$R$366,ROW(INDEX(Jesper!AK$2:AK$366,ROUNDDOWN($C812/24,0)+1,1))-1)+IF('Standard Profiles'!$G$21=$B$10,7,0)+IF('Standard Profiles'!$G$21=$B$17,14,0)+IF('Standard Profiles'!$G$21=$B$24,21,0),MOD($C812,24)+1)/SUM(INDEX($D$3:$AA$30,INDEX(Jesper!$R$2:$R$366,ROW(INDEX(Jesper!AK$2:AK$366,ROUNDDOWN($C812/24,0)+1,1))-1)+IF('Standard Profiles'!$G$21=$B$10,7,0)+IF('Standard Profiles'!$G$21=$B$17,14,0)+IF('Standard Profiles'!$G$21=$B$24,21,0),0)),0)</f>
        <v>31.359861330679596</v>
      </c>
      <c r="H812" cm="1">
        <f t="array" ref="H812">IFERROR(INDEX(Jesper!AL$2:AL$366,ROUNDDOWN($C812/24,0)+1,1)*INDEX($D$3:$AA$30,INDEX(Jesper!$R$2:$R$366,ROW(INDEX(Jesper!AL$2:AL$366,ROUNDDOWN($C812/24,0)+1,1))-1)+IF('Standard Profiles'!$G$22=$B$10,7,0)+IF('Standard Profiles'!$G$22=$B$17,14,0)+IF('Standard Profiles'!$G$22=$B$24,21,0),MOD($C812,24)+1)/SUM(INDEX($D$3:$AA$30,INDEX(Jesper!$R$2:$R$366,ROW(INDEX(Jesper!AL$2:AL$366,ROUNDDOWN($C812/24,0)+1,1))-1)+IF('Standard Profiles'!$G$22=$B$10,7,0)+IF('Standard Profiles'!$G$22=$B$17,14,0)+IF('Standard Profiles'!$G$22=$B$24,21,0),0)),0)</f>
        <v>0</v>
      </c>
      <c r="I812">
        <f t="shared" si="104"/>
        <v>15.052733438726198</v>
      </c>
      <c r="J812">
        <f t="shared" si="105"/>
        <v>78.936844718707817</v>
      </c>
      <c r="K812">
        <f t="shared" si="106"/>
        <v>3.2819663836845896</v>
      </c>
      <c r="L812">
        <f t="shared" si="107"/>
        <v>1.6409831918422948</v>
      </c>
      <c r="M812">
        <f t="shared" si="108"/>
        <v>0</v>
      </c>
      <c r="N812" s="45">
        <f t="shared" si="109"/>
        <v>44959.41666666478</v>
      </c>
    </row>
    <row r="813" spans="2:14" x14ac:dyDescent="0.25">
      <c r="B813">
        <f t="shared" si="103"/>
        <v>4</v>
      </c>
      <c r="C813" s="16">
        <v>779</v>
      </c>
      <c r="D813" cm="1">
        <f t="array" ref="D813">IFERROR(INDEX(Jesper!AH$2:AH$366,ROUNDDOWN($C813/24,0)+1,1)*INDEX($D$3:$AA$30,INDEX(Jesper!$R$2:$R$366,ROW(INDEX(Jesper!AH$2:AH$366,ROUNDDOWN($C813/24,0)+1,1))-1)+IF('Standard Profiles'!$G$18=$B$10,7,0)+IF('Standard Profiles'!$G$18=$B$17,14,0)+IF('Standard Profiles'!$G$18=$B$24,21,0),MOD($C813,24)+1)/SUM(INDEX($D$3:$AA$30,INDEX(Jesper!$R$2:$R$366,ROW(INDEX(Jesper!AH$2:AH$366,ROUNDDOWN($C813/24,0)+1,1))-1)+IF('Standard Profiles'!$G$18=$B$10,7,0)+IF('Standard Profiles'!$G$18=$B$17,14,0)+IF('Standard Profiles'!$G$18=$B$24,21,0),0)),0)</f>
        <v>36.816930586205324</v>
      </c>
      <c r="E813" cm="1">
        <f t="array" ref="E813">IFERROR(INDEX(Jesper!AI$2:AI$366,ROUNDDOWN($C813/24,0)+1,1)*INDEX($D$3:$AA$30,INDEX(Jesper!$R$2:$R$366,ROW(INDEX(Jesper!AI$2:AI$366,ROUNDDOWN($C813/24,0)+1,1))-1)+IF('Standard Profiles'!$G$19=$B$10,7,0)+IF('Standard Profiles'!$G$19=$B$17,14,0)+IF('Standard Profiles'!$G$19=$B$24,21,0),MOD($C813,24)+1)/SUM(INDEX($D$3:$AA$30,INDEX(Jesper!$R$2:$R$366,ROW(INDEX(Jesper!AI$2:AI$366,ROUNDDOWN($C813/24,0)+1,1))-1)+IF('Standard Profiles'!$G$19=$B$10,7,0)+IF('Standard Profiles'!$G$19=$B$17,14,0)+IF('Standard Profiles'!$G$19=$B$24,21,0),0)),0)</f>
        <v>44.015319809686837</v>
      </c>
      <c r="F813" cm="1">
        <f t="array" ref="F813">IFERROR(INDEX(Jesper!AJ$2:AJ$366,ROUNDDOWN($C813/24,0)+1,1)*INDEX($D$3:$AA$30,INDEX(Jesper!$R$2:$R$366,ROW(INDEX(Jesper!AJ$2:AJ$366,ROUNDDOWN($C813/24,0)+1,1))-1)+IF('Standard Profiles'!$G$20=$B$10,7,0)+IF('Standard Profiles'!$G$20=$B$17,14,0)+IF('Standard Profiles'!$G$20=$B$24,21,0),MOD($C813,24)+1)/SUM(INDEX($D$3:$AA$30,INDEX(Jesper!$R$2:$R$366,ROW(INDEX(Jesper!AJ$2:AJ$366,ROUNDDOWN($C813/24,0)+1,1))-1)+IF('Standard Profiles'!$G$20=$B$10,7,0)+IF('Standard Profiles'!$G$20=$B$17,14,0)+IF('Standard Profiles'!$G$20=$B$24,21,0),0)),0)</f>
        <v>0</v>
      </c>
      <c r="G813" cm="1">
        <f t="array" ref="G813">IFERROR(INDEX(Jesper!AK$2:AK$366,ROUNDDOWN($C813/24,0)+1,1)*INDEX($D$3:$AA$30,INDEX(Jesper!$R$2:$R$366,ROW(INDEX(Jesper!AK$2:AK$366,ROUNDDOWN($C813/24,0)+1,1))-1)+IF('Standard Profiles'!$G$21=$B$10,7,0)+IF('Standard Profiles'!$G$21=$B$17,14,0)+IF('Standard Profiles'!$G$21=$B$24,21,0),MOD($C813,24)+1)/SUM(INDEX($D$3:$AA$30,INDEX(Jesper!$R$2:$R$366,ROW(INDEX(Jesper!AK$2:AK$366,ROUNDDOWN($C813/24,0)+1,1))-1)+IF('Standard Profiles'!$G$21=$B$10,7,0)+IF('Standard Profiles'!$G$21=$B$17,14,0)+IF('Standard Profiles'!$G$21=$B$24,21,0),0)),0)</f>
        <v>37.524620395684984</v>
      </c>
      <c r="H813" cm="1">
        <f t="array" ref="H813">IFERROR(INDEX(Jesper!AL$2:AL$366,ROUNDDOWN($C813/24,0)+1,1)*INDEX($D$3:$AA$30,INDEX(Jesper!$R$2:$R$366,ROW(INDEX(Jesper!AL$2:AL$366,ROUNDDOWN($C813/24,0)+1,1))-1)+IF('Standard Profiles'!$G$22=$B$10,7,0)+IF('Standard Profiles'!$G$22=$B$17,14,0)+IF('Standard Profiles'!$G$22=$B$24,21,0),MOD($C813,24)+1)/SUM(INDEX($D$3:$AA$30,INDEX(Jesper!$R$2:$R$366,ROW(INDEX(Jesper!AL$2:AL$366,ROUNDDOWN($C813/24,0)+1,1))-1)+IF('Standard Profiles'!$G$22=$B$10,7,0)+IF('Standard Profiles'!$G$22=$B$17,14,0)+IF('Standard Profiles'!$G$22=$B$24,21,0),0)),0)</f>
        <v>0</v>
      </c>
      <c r="I813">
        <f t="shared" si="104"/>
        <v>18.011817789928784</v>
      </c>
      <c r="J813">
        <f t="shared" si="105"/>
        <v>94.454344107855519</v>
      </c>
      <c r="K813">
        <f t="shared" si="106"/>
        <v>3.9271392625285682</v>
      </c>
      <c r="L813">
        <f t="shared" si="107"/>
        <v>1.9635696312642841</v>
      </c>
      <c r="M813">
        <f t="shared" si="108"/>
        <v>0</v>
      </c>
      <c r="N813" s="45">
        <f t="shared" si="109"/>
        <v>44959.458333331444</v>
      </c>
    </row>
    <row r="814" spans="2:14" x14ac:dyDescent="0.25">
      <c r="B814">
        <f t="shared" si="103"/>
        <v>4</v>
      </c>
      <c r="C814" s="16">
        <v>780</v>
      </c>
      <c r="D814" cm="1">
        <f t="array" ref="D814">IFERROR(INDEX(Jesper!AH$2:AH$366,ROUNDDOWN($C814/24,0)+1,1)*INDEX($D$3:$AA$30,INDEX(Jesper!$R$2:$R$366,ROW(INDEX(Jesper!AH$2:AH$366,ROUNDDOWN($C814/24,0)+1,1))-1)+IF('Standard Profiles'!$G$18=$B$10,7,0)+IF('Standard Profiles'!$G$18=$B$17,14,0)+IF('Standard Profiles'!$G$18=$B$24,21,0),MOD($C814,24)+1)/SUM(INDEX($D$3:$AA$30,INDEX(Jesper!$R$2:$R$366,ROW(INDEX(Jesper!AH$2:AH$366,ROUNDDOWN($C814/24,0)+1,1))-1)+IF('Standard Profiles'!$G$18=$B$10,7,0)+IF('Standard Profiles'!$G$18=$B$17,14,0)+IF('Standard Profiles'!$G$18=$B$24,21,0),0)),0)</f>
        <v>36.816930586205324</v>
      </c>
      <c r="E814" cm="1">
        <f t="array" ref="E814">IFERROR(INDEX(Jesper!AI$2:AI$366,ROUNDDOWN($C814/24,0)+1,1)*INDEX($D$3:$AA$30,INDEX(Jesper!$R$2:$R$366,ROW(INDEX(Jesper!AI$2:AI$366,ROUNDDOWN($C814/24,0)+1,1))-1)+IF('Standard Profiles'!$G$19=$B$10,7,0)+IF('Standard Profiles'!$G$19=$B$17,14,0)+IF('Standard Profiles'!$G$19=$B$24,21,0),MOD($C814,24)+1)/SUM(INDEX($D$3:$AA$30,INDEX(Jesper!$R$2:$R$366,ROW(INDEX(Jesper!AI$2:AI$366,ROUNDDOWN($C814/24,0)+1,1))-1)+IF('Standard Profiles'!$G$19=$B$10,7,0)+IF('Standard Profiles'!$G$19=$B$17,14,0)+IF('Standard Profiles'!$G$19=$B$24,21,0),0)),0)</f>
        <v>44.015319809686837</v>
      </c>
      <c r="F814" cm="1">
        <f t="array" ref="F814">IFERROR(INDEX(Jesper!AJ$2:AJ$366,ROUNDDOWN($C814/24,0)+1,1)*INDEX($D$3:$AA$30,INDEX(Jesper!$R$2:$R$366,ROW(INDEX(Jesper!AJ$2:AJ$366,ROUNDDOWN($C814/24,0)+1,1))-1)+IF('Standard Profiles'!$G$20=$B$10,7,0)+IF('Standard Profiles'!$G$20=$B$17,14,0)+IF('Standard Profiles'!$G$20=$B$24,21,0),MOD($C814,24)+1)/SUM(INDEX($D$3:$AA$30,INDEX(Jesper!$R$2:$R$366,ROW(INDEX(Jesper!AJ$2:AJ$366,ROUNDDOWN($C814/24,0)+1,1))-1)+IF('Standard Profiles'!$G$20=$B$10,7,0)+IF('Standard Profiles'!$G$20=$B$17,14,0)+IF('Standard Profiles'!$G$20=$B$24,21,0),0)),0)</f>
        <v>0</v>
      </c>
      <c r="G814" cm="1">
        <f t="array" ref="G814">IFERROR(INDEX(Jesper!AK$2:AK$366,ROUNDDOWN($C814/24,0)+1,1)*INDEX($D$3:$AA$30,INDEX(Jesper!$R$2:$R$366,ROW(INDEX(Jesper!AK$2:AK$366,ROUNDDOWN($C814/24,0)+1,1))-1)+IF('Standard Profiles'!$G$21=$B$10,7,0)+IF('Standard Profiles'!$G$21=$B$17,14,0)+IF('Standard Profiles'!$G$21=$B$24,21,0),MOD($C814,24)+1)/SUM(INDEX($D$3:$AA$30,INDEX(Jesper!$R$2:$R$366,ROW(INDEX(Jesper!AK$2:AK$366,ROUNDDOWN($C814/24,0)+1,1))-1)+IF('Standard Profiles'!$G$21=$B$10,7,0)+IF('Standard Profiles'!$G$21=$B$17,14,0)+IF('Standard Profiles'!$G$21=$B$24,21,0),0)),0)</f>
        <v>37.524620395684984</v>
      </c>
      <c r="H814" cm="1">
        <f t="array" ref="H814">IFERROR(INDEX(Jesper!AL$2:AL$366,ROUNDDOWN($C814/24,0)+1,1)*INDEX($D$3:$AA$30,INDEX(Jesper!$R$2:$R$366,ROW(INDEX(Jesper!AL$2:AL$366,ROUNDDOWN($C814/24,0)+1,1))-1)+IF('Standard Profiles'!$G$22=$B$10,7,0)+IF('Standard Profiles'!$G$22=$B$17,14,0)+IF('Standard Profiles'!$G$22=$B$24,21,0),MOD($C814,24)+1)/SUM(INDEX($D$3:$AA$30,INDEX(Jesper!$R$2:$R$366,ROW(INDEX(Jesper!AL$2:AL$366,ROUNDDOWN($C814/24,0)+1,1))-1)+IF('Standard Profiles'!$G$22=$B$10,7,0)+IF('Standard Profiles'!$G$22=$B$17,14,0)+IF('Standard Profiles'!$G$22=$B$24,21,0),0)),0)</f>
        <v>0</v>
      </c>
      <c r="I814">
        <f t="shared" si="104"/>
        <v>18.011817789928784</v>
      </c>
      <c r="J814">
        <f t="shared" si="105"/>
        <v>94.454344107855519</v>
      </c>
      <c r="K814">
        <f t="shared" si="106"/>
        <v>3.9271392625285682</v>
      </c>
      <c r="L814">
        <f t="shared" si="107"/>
        <v>1.9635696312642841</v>
      </c>
      <c r="M814">
        <f t="shared" si="108"/>
        <v>0</v>
      </c>
      <c r="N814" s="45">
        <f t="shared" si="109"/>
        <v>44959.499999998108</v>
      </c>
    </row>
    <row r="815" spans="2:14" x14ac:dyDescent="0.25">
      <c r="B815">
        <f t="shared" si="103"/>
        <v>4</v>
      </c>
      <c r="C815" s="16">
        <v>781</v>
      </c>
      <c r="D815" cm="1">
        <f t="array" ref="D815">IFERROR(INDEX(Jesper!AH$2:AH$366,ROUNDDOWN($C815/24,0)+1,1)*INDEX($D$3:$AA$30,INDEX(Jesper!$R$2:$R$366,ROW(INDEX(Jesper!AH$2:AH$366,ROUNDDOWN($C815/24,0)+1,1))-1)+IF('Standard Profiles'!$G$18=$B$10,7,0)+IF('Standard Profiles'!$G$18=$B$17,14,0)+IF('Standard Profiles'!$G$18=$B$24,21,0),MOD($C815,24)+1)/SUM(INDEX($D$3:$AA$30,INDEX(Jesper!$R$2:$R$366,ROW(INDEX(Jesper!AH$2:AH$366,ROUNDDOWN($C815/24,0)+1,1))-1)+IF('Standard Profiles'!$G$18=$B$10,7,0)+IF('Standard Profiles'!$G$18=$B$17,14,0)+IF('Standard Profiles'!$G$18=$B$24,21,0),0)),0)</f>
        <v>24.456961032264967</v>
      </c>
      <c r="E815" cm="1">
        <f t="array" ref="E815">IFERROR(INDEX(Jesper!AI$2:AI$366,ROUNDDOWN($C815/24,0)+1,1)*INDEX($D$3:$AA$30,INDEX(Jesper!$R$2:$R$366,ROW(INDEX(Jesper!AI$2:AI$366,ROUNDDOWN($C815/24,0)+1,1))-1)+IF('Standard Profiles'!$G$19=$B$10,7,0)+IF('Standard Profiles'!$G$19=$B$17,14,0)+IF('Standard Profiles'!$G$19=$B$24,21,0),MOD($C815,24)+1)/SUM(INDEX($D$3:$AA$30,INDEX(Jesper!$R$2:$R$366,ROW(INDEX(Jesper!AI$2:AI$366,ROUNDDOWN($C815/24,0)+1,1))-1)+IF('Standard Profiles'!$G$19=$B$10,7,0)+IF('Standard Profiles'!$G$19=$B$17,14,0)+IF('Standard Profiles'!$G$19=$B$24,21,0),0)),0)</f>
        <v>29.238748159291969</v>
      </c>
      <c r="F815" cm="1">
        <f t="array" ref="F815">IFERROR(INDEX(Jesper!AJ$2:AJ$366,ROUNDDOWN($C815/24,0)+1,1)*INDEX($D$3:$AA$30,INDEX(Jesper!$R$2:$R$366,ROW(INDEX(Jesper!AJ$2:AJ$366,ROUNDDOWN($C815/24,0)+1,1))-1)+IF('Standard Profiles'!$G$20=$B$10,7,0)+IF('Standard Profiles'!$G$20=$B$17,14,0)+IF('Standard Profiles'!$G$20=$B$24,21,0),MOD($C815,24)+1)/SUM(INDEX($D$3:$AA$30,INDEX(Jesper!$R$2:$R$366,ROW(INDEX(Jesper!AJ$2:AJ$366,ROUNDDOWN($C815/24,0)+1,1))-1)+IF('Standard Profiles'!$G$20=$B$10,7,0)+IF('Standard Profiles'!$G$20=$B$17,14,0)+IF('Standard Profiles'!$G$20=$B$24,21,0),0)),0)</f>
        <v>0</v>
      </c>
      <c r="G815" cm="1">
        <f t="array" ref="G815">IFERROR(INDEX(Jesper!AK$2:AK$366,ROUNDDOWN($C815/24,0)+1,1)*INDEX($D$3:$AA$30,INDEX(Jesper!$R$2:$R$366,ROW(INDEX(Jesper!AK$2:AK$366,ROUNDDOWN($C815/24,0)+1,1))-1)+IF('Standard Profiles'!$G$21=$B$10,7,0)+IF('Standard Profiles'!$G$21=$B$17,14,0)+IF('Standard Profiles'!$G$21=$B$24,21,0),MOD($C815,24)+1)/SUM(INDEX($D$3:$AA$30,INDEX(Jesper!$R$2:$R$366,ROW(INDEX(Jesper!AK$2:AK$366,ROUNDDOWN($C815/24,0)+1,1))-1)+IF('Standard Profiles'!$G$21=$B$10,7,0)+IF('Standard Profiles'!$G$21=$B$17,14,0)+IF('Standard Profiles'!$G$21=$B$24,21,0),0)),0)</f>
        <v>24.92706926284788</v>
      </c>
      <c r="H815" cm="1">
        <f t="array" ref="H815">IFERROR(INDEX(Jesper!AL$2:AL$366,ROUNDDOWN($C815/24,0)+1,1)*INDEX($D$3:$AA$30,INDEX(Jesper!$R$2:$R$366,ROW(INDEX(Jesper!AL$2:AL$366,ROUNDDOWN($C815/24,0)+1,1))-1)+IF('Standard Profiles'!$G$22=$B$10,7,0)+IF('Standard Profiles'!$G$22=$B$17,14,0)+IF('Standard Profiles'!$G$22=$B$24,21,0),MOD($C815,24)+1)/SUM(INDEX($D$3:$AA$30,INDEX(Jesper!$R$2:$R$366,ROW(INDEX(Jesper!AL$2:AL$366,ROUNDDOWN($C815/24,0)+1,1))-1)+IF('Standard Profiles'!$G$22=$B$10,7,0)+IF('Standard Profiles'!$G$22=$B$17,14,0)+IF('Standard Profiles'!$G$22=$B$24,21,0),0)),0)</f>
        <v>0</v>
      </c>
      <c r="I815">
        <f t="shared" si="104"/>
        <v>11.964993246166976</v>
      </c>
      <c r="J815">
        <f t="shared" si="105"/>
        <v>62.74467144307544</v>
      </c>
      <c r="K815">
        <f t="shared" si="106"/>
        <v>2.6087425101082635</v>
      </c>
      <c r="L815">
        <f t="shared" si="107"/>
        <v>1.3043712550541318</v>
      </c>
      <c r="M815">
        <f t="shared" si="108"/>
        <v>0</v>
      </c>
      <c r="N815" s="45">
        <f t="shared" si="109"/>
        <v>44959.541666664772</v>
      </c>
    </row>
    <row r="816" spans="2:14" x14ac:dyDescent="0.25">
      <c r="B816">
        <f t="shared" si="103"/>
        <v>4</v>
      </c>
      <c r="C816" s="16">
        <v>782</v>
      </c>
      <c r="D816" cm="1">
        <f t="array" ref="D816">IFERROR(INDEX(Jesper!AH$2:AH$366,ROUNDDOWN($C816/24,0)+1,1)*INDEX($D$3:$AA$30,INDEX(Jesper!$R$2:$R$366,ROW(INDEX(Jesper!AH$2:AH$366,ROUNDDOWN($C816/24,0)+1,1))-1)+IF('Standard Profiles'!$G$18=$B$10,7,0)+IF('Standard Profiles'!$G$18=$B$17,14,0)+IF('Standard Profiles'!$G$18=$B$24,21,0),MOD($C816,24)+1)/SUM(INDEX($D$3:$AA$30,INDEX(Jesper!$R$2:$R$366,ROW(INDEX(Jesper!AH$2:AH$366,ROUNDDOWN($C816/24,0)+1,1))-1)+IF('Standard Profiles'!$G$18=$B$10,7,0)+IF('Standard Profiles'!$G$18=$B$17,14,0)+IF('Standard Profiles'!$G$18=$B$24,21,0),0)),0)</f>
        <v>36.816930586205324</v>
      </c>
      <c r="E816" cm="1">
        <f t="array" ref="E816">IFERROR(INDEX(Jesper!AI$2:AI$366,ROUNDDOWN($C816/24,0)+1,1)*INDEX($D$3:$AA$30,INDEX(Jesper!$R$2:$R$366,ROW(INDEX(Jesper!AI$2:AI$366,ROUNDDOWN($C816/24,0)+1,1))-1)+IF('Standard Profiles'!$G$19=$B$10,7,0)+IF('Standard Profiles'!$G$19=$B$17,14,0)+IF('Standard Profiles'!$G$19=$B$24,21,0),MOD($C816,24)+1)/SUM(INDEX($D$3:$AA$30,INDEX(Jesper!$R$2:$R$366,ROW(INDEX(Jesper!AI$2:AI$366,ROUNDDOWN($C816/24,0)+1,1))-1)+IF('Standard Profiles'!$G$19=$B$10,7,0)+IF('Standard Profiles'!$G$19=$B$17,14,0)+IF('Standard Profiles'!$G$19=$B$24,21,0),0)),0)</f>
        <v>44.015319809686837</v>
      </c>
      <c r="F816" cm="1">
        <f t="array" ref="F816">IFERROR(INDEX(Jesper!AJ$2:AJ$366,ROUNDDOWN($C816/24,0)+1,1)*INDEX($D$3:$AA$30,INDEX(Jesper!$R$2:$R$366,ROW(INDEX(Jesper!AJ$2:AJ$366,ROUNDDOWN($C816/24,0)+1,1))-1)+IF('Standard Profiles'!$G$20=$B$10,7,0)+IF('Standard Profiles'!$G$20=$B$17,14,0)+IF('Standard Profiles'!$G$20=$B$24,21,0),MOD($C816,24)+1)/SUM(INDEX($D$3:$AA$30,INDEX(Jesper!$R$2:$R$366,ROW(INDEX(Jesper!AJ$2:AJ$366,ROUNDDOWN($C816/24,0)+1,1))-1)+IF('Standard Profiles'!$G$20=$B$10,7,0)+IF('Standard Profiles'!$G$20=$B$17,14,0)+IF('Standard Profiles'!$G$20=$B$24,21,0),0)),0)</f>
        <v>0</v>
      </c>
      <c r="G816" cm="1">
        <f t="array" ref="G816">IFERROR(INDEX(Jesper!AK$2:AK$366,ROUNDDOWN($C816/24,0)+1,1)*INDEX($D$3:$AA$30,INDEX(Jesper!$R$2:$R$366,ROW(INDEX(Jesper!AK$2:AK$366,ROUNDDOWN($C816/24,0)+1,1))-1)+IF('Standard Profiles'!$G$21=$B$10,7,0)+IF('Standard Profiles'!$G$21=$B$17,14,0)+IF('Standard Profiles'!$G$21=$B$24,21,0),MOD($C816,24)+1)/SUM(INDEX($D$3:$AA$30,INDEX(Jesper!$R$2:$R$366,ROW(INDEX(Jesper!AK$2:AK$366,ROUNDDOWN($C816/24,0)+1,1))-1)+IF('Standard Profiles'!$G$21=$B$10,7,0)+IF('Standard Profiles'!$G$21=$B$17,14,0)+IF('Standard Profiles'!$G$21=$B$24,21,0),0)),0)</f>
        <v>37.524620395684984</v>
      </c>
      <c r="H816" cm="1">
        <f t="array" ref="H816">IFERROR(INDEX(Jesper!AL$2:AL$366,ROUNDDOWN($C816/24,0)+1,1)*INDEX($D$3:$AA$30,INDEX(Jesper!$R$2:$R$366,ROW(INDEX(Jesper!AL$2:AL$366,ROUNDDOWN($C816/24,0)+1,1))-1)+IF('Standard Profiles'!$G$22=$B$10,7,0)+IF('Standard Profiles'!$G$22=$B$17,14,0)+IF('Standard Profiles'!$G$22=$B$24,21,0),MOD($C816,24)+1)/SUM(INDEX($D$3:$AA$30,INDEX(Jesper!$R$2:$R$366,ROW(INDEX(Jesper!AL$2:AL$366,ROUNDDOWN($C816/24,0)+1,1))-1)+IF('Standard Profiles'!$G$22=$B$10,7,0)+IF('Standard Profiles'!$G$22=$B$17,14,0)+IF('Standard Profiles'!$G$22=$B$24,21,0),0)),0)</f>
        <v>0</v>
      </c>
      <c r="I816">
        <f t="shared" si="104"/>
        <v>18.011817789928784</v>
      </c>
      <c r="J816">
        <f t="shared" si="105"/>
        <v>94.454344107855519</v>
      </c>
      <c r="K816">
        <f t="shared" si="106"/>
        <v>3.9271392625285682</v>
      </c>
      <c r="L816">
        <f t="shared" si="107"/>
        <v>1.9635696312642841</v>
      </c>
      <c r="M816">
        <f t="shared" si="108"/>
        <v>0</v>
      </c>
      <c r="N816" s="45">
        <f t="shared" si="109"/>
        <v>44959.583333331437</v>
      </c>
    </row>
    <row r="817" spans="2:14" x14ac:dyDescent="0.25">
      <c r="B817">
        <f t="shared" si="103"/>
        <v>4</v>
      </c>
      <c r="C817" s="16">
        <v>783</v>
      </c>
      <c r="D817" cm="1">
        <f t="array" ref="D817">IFERROR(INDEX(Jesper!AH$2:AH$366,ROUNDDOWN($C817/24,0)+1,1)*INDEX($D$3:$AA$30,INDEX(Jesper!$R$2:$R$366,ROW(INDEX(Jesper!AH$2:AH$366,ROUNDDOWN($C817/24,0)+1,1))-1)+IF('Standard Profiles'!$G$18=$B$10,7,0)+IF('Standard Profiles'!$G$18=$B$17,14,0)+IF('Standard Profiles'!$G$18=$B$24,21,0),MOD($C817,24)+1)/SUM(INDEX($D$3:$AA$30,INDEX(Jesper!$R$2:$R$366,ROW(INDEX(Jesper!AH$2:AH$366,ROUNDDOWN($C817/24,0)+1,1))-1)+IF('Standard Profiles'!$G$18=$B$10,7,0)+IF('Standard Profiles'!$G$18=$B$17,14,0)+IF('Standard Profiles'!$G$18=$B$24,21,0),0)),0)</f>
        <v>36.816930586205324</v>
      </c>
      <c r="E817" cm="1">
        <f t="array" ref="E817">IFERROR(INDEX(Jesper!AI$2:AI$366,ROUNDDOWN($C817/24,0)+1,1)*INDEX($D$3:$AA$30,INDEX(Jesper!$R$2:$R$366,ROW(INDEX(Jesper!AI$2:AI$366,ROUNDDOWN($C817/24,0)+1,1))-1)+IF('Standard Profiles'!$G$19=$B$10,7,0)+IF('Standard Profiles'!$G$19=$B$17,14,0)+IF('Standard Profiles'!$G$19=$B$24,21,0),MOD($C817,24)+1)/SUM(INDEX($D$3:$AA$30,INDEX(Jesper!$R$2:$R$366,ROW(INDEX(Jesper!AI$2:AI$366,ROUNDDOWN($C817/24,0)+1,1))-1)+IF('Standard Profiles'!$G$19=$B$10,7,0)+IF('Standard Profiles'!$G$19=$B$17,14,0)+IF('Standard Profiles'!$G$19=$B$24,21,0),0)),0)</f>
        <v>44.015319809686837</v>
      </c>
      <c r="F817" cm="1">
        <f t="array" ref="F817">IFERROR(INDEX(Jesper!AJ$2:AJ$366,ROUNDDOWN($C817/24,0)+1,1)*INDEX($D$3:$AA$30,INDEX(Jesper!$R$2:$R$366,ROW(INDEX(Jesper!AJ$2:AJ$366,ROUNDDOWN($C817/24,0)+1,1))-1)+IF('Standard Profiles'!$G$20=$B$10,7,0)+IF('Standard Profiles'!$G$20=$B$17,14,0)+IF('Standard Profiles'!$G$20=$B$24,21,0),MOD($C817,24)+1)/SUM(INDEX($D$3:$AA$30,INDEX(Jesper!$R$2:$R$366,ROW(INDEX(Jesper!AJ$2:AJ$366,ROUNDDOWN($C817/24,0)+1,1))-1)+IF('Standard Profiles'!$G$20=$B$10,7,0)+IF('Standard Profiles'!$G$20=$B$17,14,0)+IF('Standard Profiles'!$G$20=$B$24,21,0),0)),0)</f>
        <v>0</v>
      </c>
      <c r="G817" cm="1">
        <f t="array" ref="G817">IFERROR(INDEX(Jesper!AK$2:AK$366,ROUNDDOWN($C817/24,0)+1,1)*INDEX($D$3:$AA$30,INDEX(Jesper!$R$2:$R$366,ROW(INDEX(Jesper!AK$2:AK$366,ROUNDDOWN($C817/24,0)+1,1))-1)+IF('Standard Profiles'!$G$21=$B$10,7,0)+IF('Standard Profiles'!$G$21=$B$17,14,0)+IF('Standard Profiles'!$G$21=$B$24,21,0),MOD($C817,24)+1)/SUM(INDEX($D$3:$AA$30,INDEX(Jesper!$R$2:$R$366,ROW(INDEX(Jesper!AK$2:AK$366,ROUNDDOWN($C817/24,0)+1,1))-1)+IF('Standard Profiles'!$G$21=$B$10,7,0)+IF('Standard Profiles'!$G$21=$B$17,14,0)+IF('Standard Profiles'!$G$21=$B$24,21,0),0)),0)</f>
        <v>37.524620395684984</v>
      </c>
      <c r="H817" cm="1">
        <f t="array" ref="H817">IFERROR(INDEX(Jesper!AL$2:AL$366,ROUNDDOWN($C817/24,0)+1,1)*INDEX($D$3:$AA$30,INDEX(Jesper!$R$2:$R$366,ROW(INDEX(Jesper!AL$2:AL$366,ROUNDDOWN($C817/24,0)+1,1))-1)+IF('Standard Profiles'!$G$22=$B$10,7,0)+IF('Standard Profiles'!$G$22=$B$17,14,0)+IF('Standard Profiles'!$G$22=$B$24,21,0),MOD($C817,24)+1)/SUM(INDEX($D$3:$AA$30,INDEX(Jesper!$R$2:$R$366,ROW(INDEX(Jesper!AL$2:AL$366,ROUNDDOWN($C817/24,0)+1,1))-1)+IF('Standard Profiles'!$G$22=$B$10,7,0)+IF('Standard Profiles'!$G$22=$B$17,14,0)+IF('Standard Profiles'!$G$22=$B$24,21,0),0)),0)</f>
        <v>0</v>
      </c>
      <c r="I817">
        <f t="shared" si="104"/>
        <v>18.011817789928784</v>
      </c>
      <c r="J817">
        <f t="shared" si="105"/>
        <v>94.454344107855519</v>
      </c>
      <c r="K817">
        <f t="shared" si="106"/>
        <v>3.9271392625285682</v>
      </c>
      <c r="L817">
        <f t="shared" si="107"/>
        <v>1.9635696312642841</v>
      </c>
      <c r="M817">
        <f t="shared" si="108"/>
        <v>0</v>
      </c>
      <c r="N817" s="45">
        <f t="shared" si="109"/>
        <v>44959.624999998101</v>
      </c>
    </row>
    <row r="818" spans="2:14" x14ac:dyDescent="0.25">
      <c r="B818">
        <f t="shared" si="103"/>
        <v>4</v>
      </c>
      <c r="C818" s="16">
        <v>784</v>
      </c>
      <c r="D818" cm="1">
        <f t="array" ref="D818">IFERROR(INDEX(Jesper!AH$2:AH$366,ROUNDDOWN($C818/24,0)+1,1)*INDEX($D$3:$AA$30,INDEX(Jesper!$R$2:$R$366,ROW(INDEX(Jesper!AH$2:AH$366,ROUNDDOWN($C818/24,0)+1,1))-1)+IF('Standard Profiles'!$G$18=$B$10,7,0)+IF('Standard Profiles'!$G$18=$B$17,14,0)+IF('Standard Profiles'!$G$18=$B$24,21,0),MOD($C818,24)+1)/SUM(INDEX($D$3:$AA$30,INDEX(Jesper!$R$2:$R$366,ROW(INDEX(Jesper!AH$2:AH$366,ROUNDDOWN($C818/24,0)+1,1))-1)+IF('Standard Profiles'!$G$18=$B$10,7,0)+IF('Standard Profiles'!$G$18=$B$17,14,0)+IF('Standard Profiles'!$G$18=$B$24,21,0),0)),0)</f>
        <v>21.695691238299567</v>
      </c>
      <c r="E818" cm="1">
        <f t="array" ref="E818">IFERROR(INDEX(Jesper!AI$2:AI$366,ROUNDDOWN($C818/24,0)+1,1)*INDEX($D$3:$AA$30,INDEX(Jesper!$R$2:$R$366,ROW(INDEX(Jesper!AI$2:AI$366,ROUNDDOWN($C818/24,0)+1,1))-1)+IF('Standard Profiles'!$G$19=$B$10,7,0)+IF('Standard Profiles'!$G$19=$B$17,14,0)+IF('Standard Profiles'!$G$19=$B$24,21,0),MOD($C818,24)+1)/SUM(INDEX($D$3:$AA$30,INDEX(Jesper!$R$2:$R$366,ROW(INDEX(Jesper!AI$2:AI$366,ROUNDDOWN($C818/24,0)+1,1))-1)+IF('Standard Profiles'!$G$19=$B$10,7,0)+IF('Standard Profiles'!$G$19=$B$17,14,0)+IF('Standard Profiles'!$G$19=$B$24,21,0),0)),0)</f>
        <v>25.937599173565456</v>
      </c>
      <c r="F818" cm="1">
        <f t="array" ref="F818">IFERROR(INDEX(Jesper!AJ$2:AJ$366,ROUNDDOWN($C818/24,0)+1,1)*INDEX($D$3:$AA$30,INDEX(Jesper!$R$2:$R$366,ROW(INDEX(Jesper!AJ$2:AJ$366,ROUNDDOWN($C818/24,0)+1,1))-1)+IF('Standard Profiles'!$G$20=$B$10,7,0)+IF('Standard Profiles'!$G$20=$B$17,14,0)+IF('Standard Profiles'!$G$20=$B$24,21,0),MOD($C818,24)+1)/SUM(INDEX($D$3:$AA$30,INDEX(Jesper!$R$2:$R$366,ROW(INDEX(Jesper!AJ$2:AJ$366,ROUNDDOWN($C818/24,0)+1,1))-1)+IF('Standard Profiles'!$G$20=$B$10,7,0)+IF('Standard Profiles'!$G$20=$B$17,14,0)+IF('Standard Profiles'!$G$20=$B$24,21,0),0)),0)</f>
        <v>0</v>
      </c>
      <c r="G818" cm="1">
        <f t="array" ref="G818">IFERROR(INDEX(Jesper!AK$2:AK$366,ROUNDDOWN($C818/24,0)+1,1)*INDEX($D$3:$AA$30,INDEX(Jesper!$R$2:$R$366,ROW(INDEX(Jesper!AK$2:AK$366,ROUNDDOWN($C818/24,0)+1,1))-1)+IF('Standard Profiles'!$G$21=$B$10,7,0)+IF('Standard Profiles'!$G$21=$B$17,14,0)+IF('Standard Profiles'!$G$21=$B$24,21,0),MOD($C818,24)+1)/SUM(INDEX($D$3:$AA$30,INDEX(Jesper!$R$2:$R$366,ROW(INDEX(Jesper!AK$2:AK$366,ROUNDDOWN($C818/24,0)+1,1))-1)+IF('Standard Profiles'!$G$21=$B$10,7,0)+IF('Standard Profiles'!$G$21=$B$17,14,0)+IF('Standard Profiles'!$G$21=$B$24,21,0),0)),0)</f>
        <v>31.355240072010179</v>
      </c>
      <c r="H818" cm="1">
        <f t="array" ref="H818">IFERROR(INDEX(Jesper!AL$2:AL$366,ROUNDDOWN($C818/24,0)+1,1)*INDEX($D$3:$AA$30,INDEX(Jesper!$R$2:$R$366,ROW(INDEX(Jesper!AL$2:AL$366,ROUNDDOWN($C818/24,0)+1,1))-1)+IF('Standard Profiles'!$G$22=$B$10,7,0)+IF('Standard Profiles'!$G$22=$B$17,14,0)+IF('Standard Profiles'!$G$22=$B$24,21,0),MOD($C818,24)+1)/SUM(INDEX($D$3:$AA$30,INDEX(Jesper!$R$2:$R$366,ROW(INDEX(Jesper!AL$2:AL$366,ROUNDDOWN($C818/24,0)+1,1))-1)+IF('Standard Profiles'!$G$22=$B$10,7,0)+IF('Standard Profiles'!$G$22=$B$17,14,0)+IF('Standard Profiles'!$G$22=$B$24,21,0),0)),0)</f>
        <v>0</v>
      </c>
      <c r="I818">
        <f t="shared" si="104"/>
        <v>15.050515234564878</v>
      </c>
      <c r="J818">
        <f t="shared" si="105"/>
        <v>60.46670465118239</v>
      </c>
      <c r="K818">
        <f t="shared" si="106"/>
        <v>2.3142070654186204</v>
      </c>
      <c r="L818">
        <f t="shared" si="107"/>
        <v>1.1571035327093102</v>
      </c>
      <c r="M818">
        <f t="shared" si="108"/>
        <v>0</v>
      </c>
      <c r="N818" s="45">
        <f t="shared" si="109"/>
        <v>44959.666666664765</v>
      </c>
    </row>
    <row r="819" spans="2:14" x14ac:dyDescent="0.25">
      <c r="B819">
        <f t="shared" si="103"/>
        <v>4</v>
      </c>
      <c r="C819" s="16">
        <v>785</v>
      </c>
      <c r="D819" cm="1">
        <f t="array" ref="D819">IFERROR(INDEX(Jesper!AH$2:AH$366,ROUNDDOWN($C819/24,0)+1,1)*INDEX($D$3:$AA$30,INDEX(Jesper!$R$2:$R$366,ROW(INDEX(Jesper!AH$2:AH$366,ROUNDDOWN($C819/24,0)+1,1))-1)+IF('Standard Profiles'!$G$18=$B$10,7,0)+IF('Standard Profiles'!$G$18=$B$17,14,0)+IF('Standard Profiles'!$G$18=$B$24,21,0),MOD($C819,24)+1)/SUM(INDEX($D$3:$AA$30,INDEX(Jesper!$R$2:$R$366,ROW(INDEX(Jesper!AH$2:AH$366,ROUNDDOWN($C819/24,0)+1,1))-1)+IF('Standard Profiles'!$G$18=$B$10,7,0)+IF('Standard Profiles'!$G$18=$B$17,14,0)+IF('Standard Profiles'!$G$18=$B$24,21,0),0)),0)</f>
        <v>9.2597913949208568</v>
      </c>
      <c r="E819" cm="1">
        <f t="array" ref="E819">IFERROR(INDEX(Jesper!AI$2:AI$366,ROUNDDOWN($C819/24,0)+1,1)*INDEX($D$3:$AA$30,INDEX(Jesper!$R$2:$R$366,ROW(INDEX(Jesper!AI$2:AI$366,ROUNDDOWN($C819/24,0)+1,1))-1)+IF('Standard Profiles'!$G$19=$B$10,7,0)+IF('Standard Profiles'!$G$19=$B$17,14,0)+IF('Standard Profiles'!$G$19=$B$24,21,0),MOD($C819,24)+1)/SUM(INDEX($D$3:$AA$30,INDEX(Jesper!$R$2:$R$366,ROW(INDEX(Jesper!AI$2:AI$366,ROUNDDOWN($C819/24,0)+1,1))-1)+IF('Standard Profiles'!$G$19=$B$10,7,0)+IF('Standard Profiles'!$G$19=$B$17,14,0)+IF('Standard Profiles'!$G$19=$B$24,21,0),0)),0)</f>
        <v>11.070251461188843</v>
      </c>
      <c r="F819" cm="1">
        <f t="array" ref="F819">IFERROR(INDEX(Jesper!AJ$2:AJ$366,ROUNDDOWN($C819/24,0)+1,1)*INDEX($D$3:$AA$30,INDEX(Jesper!$R$2:$R$366,ROW(INDEX(Jesper!AJ$2:AJ$366,ROUNDDOWN($C819/24,0)+1,1))-1)+IF('Standard Profiles'!$G$20=$B$10,7,0)+IF('Standard Profiles'!$G$20=$B$17,14,0)+IF('Standard Profiles'!$G$20=$B$24,21,0),MOD($C819,24)+1)/SUM(INDEX($D$3:$AA$30,INDEX(Jesper!$R$2:$R$366,ROW(INDEX(Jesper!AJ$2:AJ$366,ROUNDDOWN($C819/24,0)+1,1))-1)+IF('Standard Profiles'!$G$20=$B$10,7,0)+IF('Standard Profiles'!$G$20=$B$17,14,0)+IF('Standard Profiles'!$G$20=$B$24,21,0),0)),0)</f>
        <v>0</v>
      </c>
      <c r="G819" cm="1">
        <f t="array" ref="G819">IFERROR(INDEX(Jesper!AK$2:AK$366,ROUNDDOWN($C819/24,0)+1,1)*INDEX($D$3:$AA$30,INDEX(Jesper!$R$2:$R$366,ROW(INDEX(Jesper!AK$2:AK$366,ROUNDDOWN($C819/24,0)+1,1))-1)+IF('Standard Profiles'!$G$21=$B$10,7,0)+IF('Standard Profiles'!$G$21=$B$17,14,0)+IF('Standard Profiles'!$G$21=$B$24,21,0),MOD($C819,24)+1)/SUM(INDEX($D$3:$AA$30,INDEX(Jesper!$R$2:$R$366,ROW(INDEX(Jesper!AK$2:AK$366,ROUNDDOWN($C819/24,0)+1,1))-1)+IF('Standard Profiles'!$G$21=$B$10,7,0)+IF('Standard Profiles'!$G$21=$B$17,14,0)+IF('Standard Profiles'!$G$21=$B$24,21,0),0)),0)</f>
        <v>24.931690521517304</v>
      </c>
      <c r="H819" cm="1">
        <f t="array" ref="H819">IFERROR(INDEX(Jesper!AL$2:AL$366,ROUNDDOWN($C819/24,0)+1,1)*INDEX($D$3:$AA$30,INDEX(Jesper!$R$2:$R$366,ROW(INDEX(Jesper!AL$2:AL$366,ROUNDDOWN($C819/24,0)+1,1))-1)+IF('Standard Profiles'!$G$22=$B$10,7,0)+IF('Standard Profiles'!$G$22=$B$17,14,0)+IF('Standard Profiles'!$G$22=$B$24,21,0),MOD($C819,24)+1)/SUM(INDEX($D$3:$AA$30,INDEX(Jesper!$R$2:$R$366,ROW(INDEX(Jesper!AL$2:AL$366,ROUNDDOWN($C819/24,0)+1,1))-1)+IF('Standard Profiles'!$G$22=$B$10,7,0)+IF('Standard Profiles'!$G$22=$B$17,14,0)+IF('Standard Profiles'!$G$22=$B$24,21,0),0)),0)</f>
        <v>0</v>
      </c>
      <c r="I819">
        <f t="shared" si="104"/>
        <v>11.9672114503283</v>
      </c>
      <c r="J819">
        <f t="shared" si="105"/>
        <v>31.812955304111366</v>
      </c>
      <c r="K819">
        <f t="shared" si="106"/>
        <v>0.98771108212489145</v>
      </c>
      <c r="L819">
        <f t="shared" si="107"/>
        <v>0.49385554106244572</v>
      </c>
      <c r="M819">
        <f t="shared" si="108"/>
        <v>0</v>
      </c>
      <c r="N819" s="45">
        <f t="shared" si="109"/>
        <v>44959.708333331429</v>
      </c>
    </row>
    <row r="820" spans="2:14" x14ac:dyDescent="0.25">
      <c r="B820">
        <f t="shared" si="103"/>
        <v>4</v>
      </c>
      <c r="C820" s="16">
        <v>786</v>
      </c>
      <c r="D820" cm="1">
        <f t="array" ref="D820">IFERROR(INDEX(Jesper!AH$2:AH$366,ROUNDDOWN($C820/24,0)+1,1)*INDEX($D$3:$AA$30,INDEX(Jesper!$R$2:$R$366,ROW(INDEX(Jesper!AH$2:AH$366,ROUNDDOWN($C820/24,0)+1,1))-1)+IF('Standard Profiles'!$G$18=$B$10,7,0)+IF('Standard Profiles'!$G$18=$B$17,14,0)+IF('Standard Profiles'!$G$18=$B$24,21,0),MOD($C820,24)+1)/SUM(INDEX($D$3:$AA$30,INDEX(Jesper!$R$2:$R$366,ROW(INDEX(Jesper!AH$2:AH$366,ROUNDDOWN($C820/24,0)+1,1))-1)+IF('Standard Profiles'!$G$18=$B$10,7,0)+IF('Standard Profiles'!$G$18=$B$17,14,0)+IF('Standard Profiles'!$G$18=$B$24,21,0),0)),0)</f>
        <v>6.1114623206477647</v>
      </c>
      <c r="E820" cm="1">
        <f t="array" ref="E820">IFERROR(INDEX(Jesper!AI$2:AI$366,ROUNDDOWN($C820/24,0)+1,1)*INDEX($D$3:$AA$30,INDEX(Jesper!$R$2:$R$366,ROW(INDEX(Jesper!AI$2:AI$366,ROUNDDOWN($C820/24,0)+1,1))-1)+IF('Standard Profiles'!$G$19=$B$10,7,0)+IF('Standard Profiles'!$G$19=$B$17,14,0)+IF('Standard Profiles'!$G$19=$B$24,21,0),MOD($C820,24)+1)/SUM(INDEX($D$3:$AA$30,INDEX(Jesper!$R$2:$R$366,ROW(INDEX(Jesper!AI$2:AI$366,ROUNDDOWN($C820/24,0)+1,1))-1)+IF('Standard Profiles'!$G$19=$B$10,7,0)+IF('Standard Profiles'!$G$19=$B$17,14,0)+IF('Standard Profiles'!$G$19=$B$24,21,0),0)),0)</f>
        <v>7.3063659643846357</v>
      </c>
      <c r="F820" cm="1">
        <f t="array" ref="F820">IFERROR(INDEX(Jesper!AJ$2:AJ$366,ROUNDDOWN($C820/24,0)+1,1)*INDEX($D$3:$AA$30,INDEX(Jesper!$R$2:$R$366,ROW(INDEX(Jesper!AJ$2:AJ$366,ROUNDDOWN($C820/24,0)+1,1))-1)+IF('Standard Profiles'!$G$20=$B$10,7,0)+IF('Standard Profiles'!$G$20=$B$17,14,0)+IF('Standard Profiles'!$G$20=$B$24,21,0),MOD($C820,24)+1)/SUM(INDEX($D$3:$AA$30,INDEX(Jesper!$R$2:$R$366,ROW(INDEX(Jesper!AJ$2:AJ$366,ROUNDDOWN($C820/24,0)+1,1))-1)+IF('Standard Profiles'!$G$20=$B$10,7,0)+IF('Standard Profiles'!$G$20=$B$17,14,0)+IF('Standard Profiles'!$G$20=$B$24,21,0),0)),0)</f>
        <v>0</v>
      </c>
      <c r="G820" cm="1">
        <f t="array" ref="G820">IFERROR(INDEX(Jesper!AK$2:AK$366,ROUNDDOWN($C820/24,0)+1,1)*INDEX($D$3:$AA$30,INDEX(Jesper!$R$2:$R$366,ROW(INDEX(Jesper!AK$2:AK$366,ROUNDDOWN($C820/24,0)+1,1))-1)+IF('Standard Profiles'!$G$21=$B$10,7,0)+IF('Standard Profiles'!$G$21=$B$17,14,0)+IF('Standard Profiles'!$G$21=$B$24,21,0),MOD($C820,24)+1)/SUM(INDEX($D$3:$AA$30,INDEX(Jesper!$R$2:$R$366,ROW(INDEX(Jesper!AK$2:AK$366,ROUNDDOWN($C820/24,0)+1,1))-1)+IF('Standard Profiles'!$G$21=$B$10,7,0)+IF('Standard Profiles'!$G$21=$B$17,14,0)+IF('Standard Profiles'!$G$21=$B$24,21,0),0)),0)</f>
        <v>9.2425173388386668</v>
      </c>
      <c r="H820" cm="1">
        <f t="array" ref="H820">IFERROR(INDEX(Jesper!AL$2:AL$366,ROUNDDOWN($C820/24,0)+1,1)*INDEX($D$3:$AA$30,INDEX(Jesper!$R$2:$R$366,ROW(INDEX(Jesper!AL$2:AL$366,ROUNDDOWN($C820/24,0)+1,1))-1)+IF('Standard Profiles'!$G$22=$B$10,7,0)+IF('Standard Profiles'!$G$22=$B$17,14,0)+IF('Standard Profiles'!$G$22=$B$24,21,0),MOD($C820,24)+1)/SUM(INDEX($D$3:$AA$30,INDEX(Jesper!$R$2:$R$366,ROW(INDEX(Jesper!AL$2:AL$366,ROUNDDOWN($C820/24,0)+1,1))-1)+IF('Standard Profiles'!$G$22=$B$10,7,0)+IF('Standard Profiles'!$G$22=$B$17,14,0)+IF('Standard Profiles'!$G$22=$B$24,21,0),0)),0)</f>
        <v>0</v>
      </c>
      <c r="I820">
        <f t="shared" si="104"/>
        <v>4.4364083226425581</v>
      </c>
      <c r="J820">
        <f t="shared" si="105"/>
        <v>17.246103329924864</v>
      </c>
      <c r="K820">
        <f t="shared" si="106"/>
        <v>0.65188931420242824</v>
      </c>
      <c r="L820">
        <f t="shared" si="107"/>
        <v>0.32594465710121412</v>
      </c>
      <c r="M820">
        <f t="shared" si="108"/>
        <v>0</v>
      </c>
      <c r="N820" s="45">
        <f t="shared" si="109"/>
        <v>44959.749999998094</v>
      </c>
    </row>
    <row r="821" spans="2:14" x14ac:dyDescent="0.25">
      <c r="B821">
        <f t="shared" si="103"/>
        <v>4</v>
      </c>
      <c r="C821" s="16">
        <v>787</v>
      </c>
      <c r="D821" cm="1">
        <f t="array" ref="D821">IFERROR(INDEX(Jesper!AH$2:AH$366,ROUNDDOWN($C821/24,0)+1,1)*INDEX($D$3:$AA$30,INDEX(Jesper!$R$2:$R$366,ROW(INDEX(Jesper!AH$2:AH$366,ROUNDDOWN($C821/24,0)+1,1))-1)+IF('Standard Profiles'!$G$18=$B$10,7,0)+IF('Standard Profiles'!$G$18=$B$17,14,0)+IF('Standard Profiles'!$G$18=$B$24,21,0),MOD($C821,24)+1)/SUM(INDEX($D$3:$AA$30,INDEX(Jesper!$R$2:$R$366,ROW(INDEX(Jesper!AH$2:AH$366,ROUNDDOWN($C821/24,0)+1,1))-1)+IF('Standard Profiles'!$G$18=$B$10,7,0)+IF('Standard Profiles'!$G$18=$B$17,14,0)+IF('Standard Profiles'!$G$18=$B$24,21,0),0)),0)</f>
        <v>6.1114623206477647</v>
      </c>
      <c r="E821" cm="1">
        <f t="array" ref="E821">IFERROR(INDEX(Jesper!AI$2:AI$366,ROUNDDOWN($C821/24,0)+1,1)*INDEX($D$3:$AA$30,INDEX(Jesper!$R$2:$R$366,ROW(INDEX(Jesper!AI$2:AI$366,ROUNDDOWN($C821/24,0)+1,1))-1)+IF('Standard Profiles'!$G$19=$B$10,7,0)+IF('Standard Profiles'!$G$19=$B$17,14,0)+IF('Standard Profiles'!$G$19=$B$24,21,0),MOD($C821,24)+1)/SUM(INDEX($D$3:$AA$30,INDEX(Jesper!$R$2:$R$366,ROW(INDEX(Jesper!AI$2:AI$366,ROUNDDOWN($C821/24,0)+1,1))-1)+IF('Standard Profiles'!$G$19=$B$10,7,0)+IF('Standard Profiles'!$G$19=$B$17,14,0)+IF('Standard Profiles'!$G$19=$B$24,21,0),0)),0)</f>
        <v>7.3063659643846357</v>
      </c>
      <c r="F821" cm="1">
        <f t="array" ref="F821">IFERROR(INDEX(Jesper!AJ$2:AJ$366,ROUNDDOWN($C821/24,0)+1,1)*INDEX($D$3:$AA$30,INDEX(Jesper!$R$2:$R$366,ROW(INDEX(Jesper!AJ$2:AJ$366,ROUNDDOWN($C821/24,0)+1,1))-1)+IF('Standard Profiles'!$G$20=$B$10,7,0)+IF('Standard Profiles'!$G$20=$B$17,14,0)+IF('Standard Profiles'!$G$20=$B$24,21,0),MOD($C821,24)+1)/SUM(INDEX($D$3:$AA$30,INDEX(Jesper!$R$2:$R$366,ROW(INDEX(Jesper!AJ$2:AJ$366,ROUNDDOWN($C821/24,0)+1,1))-1)+IF('Standard Profiles'!$G$20=$B$10,7,0)+IF('Standard Profiles'!$G$20=$B$17,14,0)+IF('Standard Profiles'!$G$20=$B$24,21,0),0)),0)</f>
        <v>0</v>
      </c>
      <c r="G821" cm="1">
        <f t="array" ref="G821">IFERROR(INDEX(Jesper!AK$2:AK$366,ROUNDDOWN($C821/24,0)+1,1)*INDEX($D$3:$AA$30,INDEX(Jesper!$R$2:$R$366,ROW(INDEX(Jesper!AK$2:AK$366,ROUNDDOWN($C821/24,0)+1,1))-1)+IF('Standard Profiles'!$G$21=$B$10,7,0)+IF('Standard Profiles'!$G$21=$B$17,14,0)+IF('Standard Profiles'!$G$21=$B$24,21,0),MOD($C821,24)+1)/SUM(INDEX($D$3:$AA$30,INDEX(Jesper!$R$2:$R$366,ROW(INDEX(Jesper!AK$2:AK$366,ROUNDDOWN($C821/24,0)+1,1))-1)+IF('Standard Profiles'!$G$21=$B$10,7,0)+IF('Standard Profiles'!$G$21=$B$17,14,0)+IF('Standard Profiles'!$G$21=$B$24,21,0),0)),0)</f>
        <v>9.2425173388386668</v>
      </c>
      <c r="H821" cm="1">
        <f t="array" ref="H821">IFERROR(INDEX(Jesper!AL$2:AL$366,ROUNDDOWN($C821/24,0)+1,1)*INDEX($D$3:$AA$30,INDEX(Jesper!$R$2:$R$366,ROW(INDEX(Jesper!AL$2:AL$366,ROUNDDOWN($C821/24,0)+1,1))-1)+IF('Standard Profiles'!$G$22=$B$10,7,0)+IF('Standard Profiles'!$G$22=$B$17,14,0)+IF('Standard Profiles'!$G$22=$B$24,21,0),MOD($C821,24)+1)/SUM(INDEX($D$3:$AA$30,INDEX(Jesper!$R$2:$R$366,ROW(INDEX(Jesper!AL$2:AL$366,ROUNDDOWN($C821/24,0)+1,1))-1)+IF('Standard Profiles'!$G$22=$B$10,7,0)+IF('Standard Profiles'!$G$22=$B$17,14,0)+IF('Standard Profiles'!$G$22=$B$24,21,0),0)),0)</f>
        <v>0</v>
      </c>
      <c r="I821">
        <f t="shared" si="104"/>
        <v>4.4364083226425581</v>
      </c>
      <c r="J821">
        <f t="shared" si="105"/>
        <v>17.246103329924864</v>
      </c>
      <c r="K821">
        <f t="shared" si="106"/>
        <v>0.65188931420242824</v>
      </c>
      <c r="L821">
        <f t="shared" si="107"/>
        <v>0.32594465710121412</v>
      </c>
      <c r="M821">
        <f t="shared" si="108"/>
        <v>0</v>
      </c>
      <c r="N821" s="45">
        <f t="shared" si="109"/>
        <v>44959.791666664758</v>
      </c>
    </row>
    <row r="822" spans="2:14" x14ac:dyDescent="0.25">
      <c r="B822">
        <f t="shared" si="103"/>
        <v>4</v>
      </c>
      <c r="C822" s="16">
        <v>788</v>
      </c>
      <c r="D822" cm="1">
        <f t="array" ref="D822">IFERROR(INDEX(Jesper!AH$2:AH$366,ROUNDDOWN($C822/24,0)+1,1)*INDEX($D$3:$AA$30,INDEX(Jesper!$R$2:$R$366,ROW(INDEX(Jesper!AH$2:AH$366,ROUNDDOWN($C822/24,0)+1,1))-1)+IF('Standard Profiles'!$G$18=$B$10,7,0)+IF('Standard Profiles'!$G$18=$B$17,14,0)+IF('Standard Profiles'!$G$18=$B$24,21,0),MOD($C822,24)+1)/SUM(INDEX($D$3:$AA$30,INDEX(Jesper!$R$2:$R$366,ROW(INDEX(Jesper!AH$2:AH$366,ROUNDDOWN($C822/24,0)+1,1))-1)+IF('Standard Profiles'!$G$18=$B$10,7,0)+IF('Standard Profiles'!$G$18=$B$17,14,0)+IF('Standard Profiles'!$G$18=$B$24,21,0),0)),0)</f>
        <v>6.1114623206477647</v>
      </c>
      <c r="E822" cm="1">
        <f t="array" ref="E822">IFERROR(INDEX(Jesper!AI$2:AI$366,ROUNDDOWN($C822/24,0)+1,1)*INDEX($D$3:$AA$30,INDEX(Jesper!$R$2:$R$366,ROW(INDEX(Jesper!AI$2:AI$366,ROUNDDOWN($C822/24,0)+1,1))-1)+IF('Standard Profiles'!$G$19=$B$10,7,0)+IF('Standard Profiles'!$G$19=$B$17,14,0)+IF('Standard Profiles'!$G$19=$B$24,21,0),MOD($C822,24)+1)/SUM(INDEX($D$3:$AA$30,INDEX(Jesper!$R$2:$R$366,ROW(INDEX(Jesper!AI$2:AI$366,ROUNDDOWN($C822/24,0)+1,1))-1)+IF('Standard Profiles'!$G$19=$B$10,7,0)+IF('Standard Profiles'!$G$19=$B$17,14,0)+IF('Standard Profiles'!$G$19=$B$24,21,0),0)),0)</f>
        <v>7.3063659643846357</v>
      </c>
      <c r="F822" cm="1">
        <f t="array" ref="F822">IFERROR(INDEX(Jesper!AJ$2:AJ$366,ROUNDDOWN($C822/24,0)+1,1)*INDEX($D$3:$AA$30,INDEX(Jesper!$R$2:$R$366,ROW(INDEX(Jesper!AJ$2:AJ$366,ROUNDDOWN($C822/24,0)+1,1))-1)+IF('Standard Profiles'!$G$20=$B$10,7,0)+IF('Standard Profiles'!$G$20=$B$17,14,0)+IF('Standard Profiles'!$G$20=$B$24,21,0),MOD($C822,24)+1)/SUM(INDEX($D$3:$AA$30,INDEX(Jesper!$R$2:$R$366,ROW(INDEX(Jesper!AJ$2:AJ$366,ROUNDDOWN($C822/24,0)+1,1))-1)+IF('Standard Profiles'!$G$20=$B$10,7,0)+IF('Standard Profiles'!$G$20=$B$17,14,0)+IF('Standard Profiles'!$G$20=$B$24,21,0),0)),0)</f>
        <v>0</v>
      </c>
      <c r="G822" cm="1">
        <f t="array" ref="G822">IFERROR(INDEX(Jesper!AK$2:AK$366,ROUNDDOWN($C822/24,0)+1,1)*INDEX($D$3:$AA$30,INDEX(Jesper!$R$2:$R$366,ROW(INDEX(Jesper!AK$2:AK$366,ROUNDDOWN($C822/24,0)+1,1))-1)+IF('Standard Profiles'!$G$21=$B$10,7,0)+IF('Standard Profiles'!$G$21=$B$17,14,0)+IF('Standard Profiles'!$G$21=$B$24,21,0),MOD($C822,24)+1)/SUM(INDEX($D$3:$AA$30,INDEX(Jesper!$R$2:$R$366,ROW(INDEX(Jesper!AK$2:AK$366,ROUNDDOWN($C822/24,0)+1,1))-1)+IF('Standard Profiles'!$G$21=$B$10,7,0)+IF('Standard Profiles'!$G$21=$B$17,14,0)+IF('Standard Profiles'!$G$21=$B$24,21,0),0)),0)</f>
        <v>9.2425173388386668</v>
      </c>
      <c r="H822" cm="1">
        <f t="array" ref="H822">IFERROR(INDEX(Jesper!AL$2:AL$366,ROUNDDOWN($C822/24,0)+1,1)*INDEX($D$3:$AA$30,INDEX(Jesper!$R$2:$R$366,ROW(INDEX(Jesper!AL$2:AL$366,ROUNDDOWN($C822/24,0)+1,1))-1)+IF('Standard Profiles'!$G$22=$B$10,7,0)+IF('Standard Profiles'!$G$22=$B$17,14,0)+IF('Standard Profiles'!$G$22=$B$24,21,0),MOD($C822,24)+1)/SUM(INDEX($D$3:$AA$30,INDEX(Jesper!$R$2:$R$366,ROW(INDEX(Jesper!AL$2:AL$366,ROUNDDOWN($C822/24,0)+1,1))-1)+IF('Standard Profiles'!$G$22=$B$10,7,0)+IF('Standard Profiles'!$G$22=$B$17,14,0)+IF('Standard Profiles'!$G$22=$B$24,21,0),0)),0)</f>
        <v>0</v>
      </c>
      <c r="I822">
        <f t="shared" si="104"/>
        <v>4.4364083226425581</v>
      </c>
      <c r="J822">
        <f t="shared" si="105"/>
        <v>17.246103329924864</v>
      </c>
      <c r="K822">
        <f t="shared" si="106"/>
        <v>0.65188931420242824</v>
      </c>
      <c r="L822">
        <f t="shared" si="107"/>
        <v>0.32594465710121412</v>
      </c>
      <c r="M822">
        <f t="shared" si="108"/>
        <v>0</v>
      </c>
      <c r="N822" s="45">
        <f t="shared" si="109"/>
        <v>44959.833333331422</v>
      </c>
    </row>
    <row r="823" spans="2:14" x14ac:dyDescent="0.25">
      <c r="B823">
        <f t="shared" si="103"/>
        <v>4</v>
      </c>
      <c r="C823" s="16">
        <v>789</v>
      </c>
      <c r="D823" cm="1">
        <f t="array" ref="D823">IFERROR(INDEX(Jesper!AH$2:AH$366,ROUNDDOWN($C823/24,0)+1,1)*INDEX($D$3:$AA$30,INDEX(Jesper!$R$2:$R$366,ROW(INDEX(Jesper!AH$2:AH$366,ROUNDDOWN($C823/24,0)+1,1))-1)+IF('Standard Profiles'!$G$18=$B$10,7,0)+IF('Standard Profiles'!$G$18=$B$17,14,0)+IF('Standard Profiles'!$G$18=$B$24,21,0),MOD($C823,24)+1)/SUM(INDEX($D$3:$AA$30,INDEX(Jesper!$R$2:$R$366,ROW(INDEX(Jesper!AH$2:AH$366,ROUNDDOWN($C823/24,0)+1,1))-1)+IF('Standard Profiles'!$G$18=$B$10,7,0)+IF('Standard Profiles'!$G$18=$B$17,14,0)+IF('Standard Profiles'!$G$18=$B$24,21,0),0)),0)</f>
        <v>6.1114623206477647</v>
      </c>
      <c r="E823" cm="1">
        <f t="array" ref="E823">IFERROR(INDEX(Jesper!AI$2:AI$366,ROUNDDOWN($C823/24,0)+1,1)*INDEX($D$3:$AA$30,INDEX(Jesper!$R$2:$R$366,ROW(INDEX(Jesper!AI$2:AI$366,ROUNDDOWN($C823/24,0)+1,1))-1)+IF('Standard Profiles'!$G$19=$B$10,7,0)+IF('Standard Profiles'!$G$19=$B$17,14,0)+IF('Standard Profiles'!$G$19=$B$24,21,0),MOD($C823,24)+1)/SUM(INDEX($D$3:$AA$30,INDEX(Jesper!$R$2:$R$366,ROW(INDEX(Jesper!AI$2:AI$366,ROUNDDOWN($C823/24,0)+1,1))-1)+IF('Standard Profiles'!$G$19=$B$10,7,0)+IF('Standard Profiles'!$G$19=$B$17,14,0)+IF('Standard Profiles'!$G$19=$B$24,21,0),0)),0)</f>
        <v>7.3063659643846357</v>
      </c>
      <c r="F823" cm="1">
        <f t="array" ref="F823">IFERROR(INDEX(Jesper!AJ$2:AJ$366,ROUNDDOWN($C823/24,0)+1,1)*INDEX($D$3:$AA$30,INDEX(Jesper!$R$2:$R$366,ROW(INDEX(Jesper!AJ$2:AJ$366,ROUNDDOWN($C823/24,0)+1,1))-1)+IF('Standard Profiles'!$G$20=$B$10,7,0)+IF('Standard Profiles'!$G$20=$B$17,14,0)+IF('Standard Profiles'!$G$20=$B$24,21,0),MOD($C823,24)+1)/SUM(INDEX($D$3:$AA$30,INDEX(Jesper!$R$2:$R$366,ROW(INDEX(Jesper!AJ$2:AJ$366,ROUNDDOWN($C823/24,0)+1,1))-1)+IF('Standard Profiles'!$G$20=$B$10,7,0)+IF('Standard Profiles'!$G$20=$B$17,14,0)+IF('Standard Profiles'!$G$20=$B$24,21,0),0)),0)</f>
        <v>0</v>
      </c>
      <c r="G823" cm="1">
        <f t="array" ref="G823">IFERROR(INDEX(Jesper!AK$2:AK$366,ROUNDDOWN($C823/24,0)+1,1)*INDEX($D$3:$AA$30,INDEX(Jesper!$R$2:$R$366,ROW(INDEX(Jesper!AK$2:AK$366,ROUNDDOWN($C823/24,0)+1,1))-1)+IF('Standard Profiles'!$G$21=$B$10,7,0)+IF('Standard Profiles'!$G$21=$B$17,14,0)+IF('Standard Profiles'!$G$21=$B$24,21,0),MOD($C823,24)+1)/SUM(INDEX($D$3:$AA$30,INDEX(Jesper!$R$2:$R$366,ROW(INDEX(Jesper!AK$2:AK$366,ROUNDDOWN($C823/24,0)+1,1))-1)+IF('Standard Profiles'!$G$21=$B$10,7,0)+IF('Standard Profiles'!$G$21=$B$17,14,0)+IF('Standard Profiles'!$G$21=$B$24,21,0),0)),0)</f>
        <v>9.2425173388386668</v>
      </c>
      <c r="H823" cm="1">
        <f t="array" ref="H823">IFERROR(INDEX(Jesper!AL$2:AL$366,ROUNDDOWN($C823/24,0)+1,1)*INDEX($D$3:$AA$30,INDEX(Jesper!$R$2:$R$366,ROW(INDEX(Jesper!AL$2:AL$366,ROUNDDOWN($C823/24,0)+1,1))-1)+IF('Standard Profiles'!$G$22=$B$10,7,0)+IF('Standard Profiles'!$G$22=$B$17,14,0)+IF('Standard Profiles'!$G$22=$B$24,21,0),MOD($C823,24)+1)/SUM(INDEX($D$3:$AA$30,INDEX(Jesper!$R$2:$R$366,ROW(INDEX(Jesper!AL$2:AL$366,ROUNDDOWN($C823/24,0)+1,1))-1)+IF('Standard Profiles'!$G$22=$B$10,7,0)+IF('Standard Profiles'!$G$22=$B$17,14,0)+IF('Standard Profiles'!$G$22=$B$24,21,0),0)),0)</f>
        <v>0</v>
      </c>
      <c r="I823">
        <f t="shared" si="104"/>
        <v>4.4364083226425581</v>
      </c>
      <c r="J823">
        <f t="shared" si="105"/>
        <v>17.246103329924864</v>
      </c>
      <c r="K823">
        <f t="shared" si="106"/>
        <v>0.65188931420242824</v>
      </c>
      <c r="L823">
        <f t="shared" si="107"/>
        <v>0.32594465710121412</v>
      </c>
      <c r="M823">
        <f t="shared" si="108"/>
        <v>0</v>
      </c>
      <c r="N823" s="45">
        <f t="shared" si="109"/>
        <v>44959.874999998086</v>
      </c>
    </row>
    <row r="824" spans="2:14" x14ac:dyDescent="0.25">
      <c r="B824">
        <f t="shared" si="103"/>
        <v>4</v>
      </c>
      <c r="C824" s="16">
        <v>790</v>
      </c>
      <c r="D824" cm="1">
        <f t="array" ref="D824">IFERROR(INDEX(Jesper!AH$2:AH$366,ROUNDDOWN($C824/24,0)+1,1)*INDEX($D$3:$AA$30,INDEX(Jesper!$R$2:$R$366,ROW(INDEX(Jesper!AH$2:AH$366,ROUNDDOWN($C824/24,0)+1,1))-1)+IF('Standard Profiles'!$G$18=$B$10,7,0)+IF('Standard Profiles'!$G$18=$B$17,14,0)+IF('Standard Profiles'!$G$18=$B$24,21,0),MOD($C824,24)+1)/SUM(INDEX($D$3:$AA$30,INDEX(Jesper!$R$2:$R$366,ROW(INDEX(Jesper!AH$2:AH$366,ROUNDDOWN($C824/24,0)+1,1))-1)+IF('Standard Profiles'!$G$18=$B$10,7,0)+IF('Standard Profiles'!$G$18=$B$17,14,0)+IF('Standard Profiles'!$G$18=$B$24,21,0),0)),0)</f>
        <v>6.1114623206477647</v>
      </c>
      <c r="E824" cm="1">
        <f t="array" ref="E824">IFERROR(INDEX(Jesper!AI$2:AI$366,ROUNDDOWN($C824/24,0)+1,1)*INDEX($D$3:$AA$30,INDEX(Jesper!$R$2:$R$366,ROW(INDEX(Jesper!AI$2:AI$366,ROUNDDOWN($C824/24,0)+1,1))-1)+IF('Standard Profiles'!$G$19=$B$10,7,0)+IF('Standard Profiles'!$G$19=$B$17,14,0)+IF('Standard Profiles'!$G$19=$B$24,21,0),MOD($C824,24)+1)/SUM(INDEX($D$3:$AA$30,INDEX(Jesper!$R$2:$R$366,ROW(INDEX(Jesper!AI$2:AI$366,ROUNDDOWN($C824/24,0)+1,1))-1)+IF('Standard Profiles'!$G$19=$B$10,7,0)+IF('Standard Profiles'!$G$19=$B$17,14,0)+IF('Standard Profiles'!$G$19=$B$24,21,0),0)),0)</f>
        <v>7.3063659643846357</v>
      </c>
      <c r="F824" cm="1">
        <f t="array" ref="F824">IFERROR(INDEX(Jesper!AJ$2:AJ$366,ROUNDDOWN($C824/24,0)+1,1)*INDEX($D$3:$AA$30,INDEX(Jesper!$R$2:$R$366,ROW(INDEX(Jesper!AJ$2:AJ$366,ROUNDDOWN($C824/24,0)+1,1))-1)+IF('Standard Profiles'!$G$20=$B$10,7,0)+IF('Standard Profiles'!$G$20=$B$17,14,0)+IF('Standard Profiles'!$G$20=$B$24,21,0),MOD($C824,24)+1)/SUM(INDEX($D$3:$AA$30,INDEX(Jesper!$R$2:$R$366,ROW(INDEX(Jesper!AJ$2:AJ$366,ROUNDDOWN($C824/24,0)+1,1))-1)+IF('Standard Profiles'!$G$20=$B$10,7,0)+IF('Standard Profiles'!$G$20=$B$17,14,0)+IF('Standard Profiles'!$G$20=$B$24,21,0),0)),0)</f>
        <v>0</v>
      </c>
      <c r="G824" cm="1">
        <f t="array" ref="G824">IFERROR(INDEX(Jesper!AK$2:AK$366,ROUNDDOWN($C824/24,0)+1,1)*INDEX($D$3:$AA$30,INDEX(Jesper!$R$2:$R$366,ROW(INDEX(Jesper!AK$2:AK$366,ROUNDDOWN($C824/24,0)+1,1))-1)+IF('Standard Profiles'!$G$21=$B$10,7,0)+IF('Standard Profiles'!$G$21=$B$17,14,0)+IF('Standard Profiles'!$G$21=$B$24,21,0),MOD($C824,24)+1)/SUM(INDEX($D$3:$AA$30,INDEX(Jesper!$R$2:$R$366,ROW(INDEX(Jesper!AK$2:AK$366,ROUNDDOWN($C824/24,0)+1,1))-1)+IF('Standard Profiles'!$G$21=$B$10,7,0)+IF('Standard Profiles'!$G$21=$B$17,14,0)+IF('Standard Profiles'!$G$21=$B$24,21,0),0)),0)</f>
        <v>9.2425173388386668</v>
      </c>
      <c r="H824" cm="1">
        <f t="array" ref="H824">IFERROR(INDEX(Jesper!AL$2:AL$366,ROUNDDOWN($C824/24,0)+1,1)*INDEX($D$3:$AA$30,INDEX(Jesper!$R$2:$R$366,ROW(INDEX(Jesper!AL$2:AL$366,ROUNDDOWN($C824/24,0)+1,1))-1)+IF('Standard Profiles'!$G$22=$B$10,7,0)+IF('Standard Profiles'!$G$22=$B$17,14,0)+IF('Standard Profiles'!$G$22=$B$24,21,0),MOD($C824,24)+1)/SUM(INDEX($D$3:$AA$30,INDEX(Jesper!$R$2:$R$366,ROW(INDEX(Jesper!AL$2:AL$366,ROUNDDOWN($C824/24,0)+1,1))-1)+IF('Standard Profiles'!$G$22=$B$10,7,0)+IF('Standard Profiles'!$G$22=$B$17,14,0)+IF('Standard Profiles'!$G$22=$B$24,21,0),0)),0)</f>
        <v>0</v>
      </c>
      <c r="I824">
        <f t="shared" si="104"/>
        <v>4.4364083226425581</v>
      </c>
      <c r="J824">
        <f t="shared" si="105"/>
        <v>17.246103329924864</v>
      </c>
      <c r="K824">
        <f t="shared" si="106"/>
        <v>0.65188931420242824</v>
      </c>
      <c r="L824">
        <f t="shared" si="107"/>
        <v>0.32594465710121412</v>
      </c>
      <c r="M824">
        <f t="shared" si="108"/>
        <v>0</v>
      </c>
      <c r="N824" s="45">
        <f t="shared" si="109"/>
        <v>44959.916666664751</v>
      </c>
    </row>
    <row r="825" spans="2:14" x14ac:dyDescent="0.25">
      <c r="B825">
        <f t="shared" si="103"/>
        <v>4</v>
      </c>
      <c r="C825" s="16">
        <v>791</v>
      </c>
      <c r="D825" cm="1">
        <f t="array" ref="D825">IFERROR(INDEX(Jesper!AH$2:AH$366,ROUNDDOWN($C825/24,0)+1,1)*INDEX($D$3:$AA$30,INDEX(Jesper!$R$2:$R$366,ROW(INDEX(Jesper!AH$2:AH$366,ROUNDDOWN($C825/24,0)+1,1))-1)+IF('Standard Profiles'!$G$18=$B$10,7,0)+IF('Standard Profiles'!$G$18=$B$17,14,0)+IF('Standard Profiles'!$G$18=$B$24,21,0),MOD($C825,24)+1)/SUM(INDEX($D$3:$AA$30,INDEX(Jesper!$R$2:$R$366,ROW(INDEX(Jesper!AH$2:AH$366,ROUNDDOWN($C825/24,0)+1,1))-1)+IF('Standard Profiles'!$G$18=$B$10,7,0)+IF('Standard Profiles'!$G$18=$B$17,14,0)+IF('Standard Profiles'!$G$18=$B$24,21,0),0)),0)</f>
        <v>6.1114623206477647</v>
      </c>
      <c r="E825" cm="1">
        <f t="array" ref="E825">IFERROR(INDEX(Jesper!AI$2:AI$366,ROUNDDOWN($C825/24,0)+1,1)*INDEX($D$3:$AA$30,INDEX(Jesper!$R$2:$R$366,ROW(INDEX(Jesper!AI$2:AI$366,ROUNDDOWN($C825/24,0)+1,1))-1)+IF('Standard Profiles'!$G$19=$B$10,7,0)+IF('Standard Profiles'!$G$19=$B$17,14,0)+IF('Standard Profiles'!$G$19=$B$24,21,0),MOD($C825,24)+1)/SUM(INDEX($D$3:$AA$30,INDEX(Jesper!$R$2:$R$366,ROW(INDEX(Jesper!AI$2:AI$366,ROUNDDOWN($C825/24,0)+1,1))-1)+IF('Standard Profiles'!$G$19=$B$10,7,0)+IF('Standard Profiles'!$G$19=$B$17,14,0)+IF('Standard Profiles'!$G$19=$B$24,21,0),0)),0)</f>
        <v>7.3063659643846357</v>
      </c>
      <c r="F825" cm="1">
        <f t="array" ref="F825">IFERROR(INDEX(Jesper!AJ$2:AJ$366,ROUNDDOWN($C825/24,0)+1,1)*INDEX($D$3:$AA$30,INDEX(Jesper!$R$2:$R$366,ROW(INDEX(Jesper!AJ$2:AJ$366,ROUNDDOWN($C825/24,0)+1,1))-1)+IF('Standard Profiles'!$G$20=$B$10,7,0)+IF('Standard Profiles'!$G$20=$B$17,14,0)+IF('Standard Profiles'!$G$20=$B$24,21,0),MOD($C825,24)+1)/SUM(INDEX($D$3:$AA$30,INDEX(Jesper!$R$2:$R$366,ROW(INDEX(Jesper!AJ$2:AJ$366,ROUNDDOWN($C825/24,0)+1,1))-1)+IF('Standard Profiles'!$G$20=$B$10,7,0)+IF('Standard Profiles'!$G$20=$B$17,14,0)+IF('Standard Profiles'!$G$20=$B$24,21,0),0)),0)</f>
        <v>0</v>
      </c>
      <c r="G825" cm="1">
        <f t="array" ref="G825">IFERROR(INDEX(Jesper!AK$2:AK$366,ROUNDDOWN($C825/24,0)+1,1)*INDEX($D$3:$AA$30,INDEX(Jesper!$R$2:$R$366,ROW(INDEX(Jesper!AK$2:AK$366,ROUNDDOWN($C825/24,0)+1,1))-1)+IF('Standard Profiles'!$G$21=$B$10,7,0)+IF('Standard Profiles'!$G$21=$B$17,14,0)+IF('Standard Profiles'!$G$21=$B$24,21,0),MOD($C825,24)+1)/SUM(INDEX($D$3:$AA$30,INDEX(Jesper!$R$2:$R$366,ROW(INDEX(Jesper!AK$2:AK$366,ROUNDDOWN($C825/24,0)+1,1))-1)+IF('Standard Profiles'!$G$21=$B$10,7,0)+IF('Standard Profiles'!$G$21=$B$17,14,0)+IF('Standard Profiles'!$G$21=$B$24,21,0),0)),0)</f>
        <v>9.2425173388386668</v>
      </c>
      <c r="H825" cm="1">
        <f t="array" ref="H825">IFERROR(INDEX(Jesper!AL$2:AL$366,ROUNDDOWN($C825/24,0)+1,1)*INDEX($D$3:$AA$30,INDEX(Jesper!$R$2:$R$366,ROW(INDEX(Jesper!AL$2:AL$366,ROUNDDOWN($C825/24,0)+1,1))-1)+IF('Standard Profiles'!$G$22=$B$10,7,0)+IF('Standard Profiles'!$G$22=$B$17,14,0)+IF('Standard Profiles'!$G$22=$B$24,21,0),MOD($C825,24)+1)/SUM(INDEX($D$3:$AA$30,INDEX(Jesper!$R$2:$R$366,ROW(INDEX(Jesper!AL$2:AL$366,ROUNDDOWN($C825/24,0)+1,1))-1)+IF('Standard Profiles'!$G$22=$B$10,7,0)+IF('Standard Profiles'!$G$22=$B$17,14,0)+IF('Standard Profiles'!$G$22=$B$24,21,0),0)),0)</f>
        <v>0</v>
      </c>
      <c r="I825">
        <f t="shared" si="104"/>
        <v>4.4364083226425581</v>
      </c>
      <c r="J825">
        <f t="shared" si="105"/>
        <v>17.246103329924864</v>
      </c>
      <c r="K825">
        <f t="shared" si="106"/>
        <v>0.65188931420242824</v>
      </c>
      <c r="L825">
        <f t="shared" si="107"/>
        <v>0.32594465710121412</v>
      </c>
      <c r="M825">
        <f t="shared" si="108"/>
        <v>0</v>
      </c>
      <c r="N825" s="45">
        <f t="shared" si="109"/>
        <v>44959.958333331415</v>
      </c>
    </row>
    <row r="826" spans="2:14" x14ac:dyDescent="0.25">
      <c r="B826">
        <f t="shared" si="103"/>
        <v>5</v>
      </c>
      <c r="C826" s="16">
        <v>792</v>
      </c>
      <c r="D826" cm="1">
        <f t="array" ref="D826">IFERROR(INDEX(Jesper!AH$2:AH$366,ROUNDDOWN($C826/24,0)+1,1)*INDEX($D$3:$AA$30,INDEX(Jesper!$R$2:$R$366,ROW(INDEX(Jesper!AH$2:AH$366,ROUNDDOWN($C826/24,0)+1,1))-1)+IF('Standard Profiles'!$G$18=$B$10,7,0)+IF('Standard Profiles'!$G$18=$B$17,14,0)+IF('Standard Profiles'!$G$18=$B$24,21,0),MOD($C826,24)+1)/SUM(INDEX($D$3:$AA$30,INDEX(Jesper!$R$2:$R$366,ROW(INDEX(Jesper!AH$2:AH$366,ROUNDDOWN($C826/24,0)+1,1))-1)+IF('Standard Profiles'!$G$18=$B$10,7,0)+IF('Standard Profiles'!$G$18=$B$17,14,0)+IF('Standard Profiles'!$G$18=$B$24,21,0),0)),0)</f>
        <v>9.2585322738914506</v>
      </c>
      <c r="E826" cm="1">
        <f t="array" ref="E826">IFERROR(INDEX(Jesper!AI$2:AI$366,ROUNDDOWN($C826/24,0)+1,1)*INDEX($D$3:$AA$30,INDEX(Jesper!$R$2:$R$366,ROW(INDEX(Jesper!AI$2:AI$366,ROUNDDOWN($C826/24,0)+1,1))-1)+IF('Standard Profiles'!$G$19=$B$10,7,0)+IF('Standard Profiles'!$G$19=$B$17,14,0)+IF('Standard Profiles'!$G$19=$B$24,21,0),MOD($C826,24)+1)/SUM(INDEX($D$3:$AA$30,INDEX(Jesper!$R$2:$R$366,ROW(INDEX(Jesper!AI$2:AI$366,ROUNDDOWN($C826/24,0)+1,1))-1)+IF('Standard Profiles'!$G$19=$B$10,7,0)+IF('Standard Profiles'!$G$19=$B$17,14,0)+IF('Standard Profiles'!$G$19=$B$24,21,0),0)),0)</f>
        <v>10.477437236822919</v>
      </c>
      <c r="F826" cm="1">
        <f t="array" ref="F826">IFERROR(INDEX(Jesper!AJ$2:AJ$366,ROUNDDOWN($C826/24,0)+1,1)*INDEX($D$3:$AA$30,INDEX(Jesper!$R$2:$R$366,ROW(INDEX(Jesper!AJ$2:AJ$366,ROUNDDOWN($C826/24,0)+1,1))-1)+IF('Standard Profiles'!$G$20=$B$10,7,0)+IF('Standard Profiles'!$G$20=$B$17,14,0)+IF('Standard Profiles'!$G$20=$B$24,21,0),MOD($C826,24)+1)/SUM(INDEX($D$3:$AA$30,INDEX(Jesper!$R$2:$R$366,ROW(INDEX(Jesper!AJ$2:AJ$366,ROUNDDOWN($C826/24,0)+1,1))-1)+IF('Standard Profiles'!$G$20=$B$10,7,0)+IF('Standard Profiles'!$G$20=$B$17,14,0)+IF('Standard Profiles'!$G$20=$B$24,21,0),0)),0)</f>
        <v>0</v>
      </c>
      <c r="G826" cm="1">
        <f t="array" ref="G826">IFERROR(INDEX(Jesper!AK$2:AK$366,ROUNDDOWN($C826/24,0)+1,1)*INDEX($D$3:$AA$30,INDEX(Jesper!$R$2:$R$366,ROW(INDEX(Jesper!AK$2:AK$366,ROUNDDOWN($C826/24,0)+1,1))-1)+IF('Standard Profiles'!$G$21=$B$10,7,0)+IF('Standard Profiles'!$G$21=$B$17,14,0)+IF('Standard Profiles'!$G$21=$B$24,21,0),MOD($C826,24)+1)/SUM(INDEX($D$3:$AA$30,INDEX(Jesper!$R$2:$R$366,ROW(INDEX(Jesper!AK$2:AK$366,ROUNDDOWN($C826/24,0)+1,1))-1)+IF('Standard Profiles'!$G$21=$B$10,7,0)+IF('Standard Profiles'!$G$21=$B$17,14,0)+IF('Standard Profiles'!$G$21=$B$24,21,0),0)),0)</f>
        <v>7.7917418764297226</v>
      </c>
      <c r="H826" cm="1">
        <f t="array" ref="H826">IFERROR(INDEX(Jesper!AL$2:AL$366,ROUNDDOWN($C826/24,0)+1,1)*INDEX($D$3:$AA$30,INDEX(Jesper!$R$2:$R$366,ROW(INDEX(Jesper!AL$2:AL$366,ROUNDDOWN($C826/24,0)+1,1))-1)+IF('Standard Profiles'!$G$22=$B$10,7,0)+IF('Standard Profiles'!$G$22=$B$17,14,0)+IF('Standard Profiles'!$G$22=$B$24,21,0),MOD($C826,24)+1)/SUM(INDEX($D$3:$AA$30,INDEX(Jesper!$R$2:$R$366,ROW(INDEX(Jesper!AL$2:AL$366,ROUNDDOWN($C826/24,0)+1,1))-1)+IF('Standard Profiles'!$G$22=$B$10,7,0)+IF('Standard Profiles'!$G$22=$B$17,14,0)+IF('Standard Profiles'!$G$22=$B$24,21,0),0)),0)</f>
        <v>0</v>
      </c>
      <c r="I826">
        <f t="shared" si="104"/>
        <v>3.740036100686265</v>
      </c>
      <c r="J826">
        <f t="shared" si="105"/>
        <v>22.306310122635196</v>
      </c>
      <c r="K826">
        <f t="shared" si="106"/>
        <v>0.98757677588175474</v>
      </c>
      <c r="L826">
        <f t="shared" si="107"/>
        <v>0.49378838794087737</v>
      </c>
      <c r="M826">
        <f t="shared" si="108"/>
        <v>0</v>
      </c>
      <c r="N826" s="45">
        <f t="shared" si="109"/>
        <v>44959.999999998079</v>
      </c>
    </row>
    <row r="827" spans="2:14" x14ac:dyDescent="0.25">
      <c r="B827">
        <f t="shared" si="103"/>
        <v>5</v>
      </c>
      <c r="C827" s="16">
        <v>793</v>
      </c>
      <c r="D827" cm="1">
        <f t="array" ref="D827">IFERROR(INDEX(Jesper!AH$2:AH$366,ROUNDDOWN($C827/24,0)+1,1)*INDEX($D$3:$AA$30,INDEX(Jesper!$R$2:$R$366,ROW(INDEX(Jesper!AH$2:AH$366,ROUNDDOWN($C827/24,0)+1,1))-1)+IF('Standard Profiles'!$G$18=$B$10,7,0)+IF('Standard Profiles'!$G$18=$B$17,14,0)+IF('Standard Profiles'!$G$18=$B$24,21,0),MOD($C827,24)+1)/SUM(INDEX($D$3:$AA$30,INDEX(Jesper!$R$2:$R$366,ROW(INDEX(Jesper!AH$2:AH$366,ROUNDDOWN($C827/24,0)+1,1))-1)+IF('Standard Profiles'!$G$18=$B$10,7,0)+IF('Standard Profiles'!$G$18=$B$17,14,0)+IF('Standard Profiles'!$G$18=$B$24,21,0),0)),0)</f>
        <v>5.6112316811463332</v>
      </c>
      <c r="E827" cm="1">
        <f t="array" ref="E827">IFERROR(INDEX(Jesper!AI$2:AI$366,ROUNDDOWN($C827/24,0)+1,1)*INDEX($D$3:$AA$30,INDEX(Jesper!$R$2:$R$366,ROW(INDEX(Jesper!AI$2:AI$366,ROUNDDOWN($C827/24,0)+1,1))-1)+IF('Standard Profiles'!$G$19=$B$10,7,0)+IF('Standard Profiles'!$G$19=$B$17,14,0)+IF('Standard Profiles'!$G$19=$B$24,21,0),MOD($C827,24)+1)/SUM(INDEX($D$3:$AA$30,INDEX(Jesper!$R$2:$R$366,ROW(INDEX(Jesper!AI$2:AI$366,ROUNDDOWN($C827/24,0)+1,1))-1)+IF('Standard Profiles'!$G$19=$B$10,7,0)+IF('Standard Profiles'!$G$19=$B$17,14,0)+IF('Standard Profiles'!$G$19=$B$24,21,0),0)),0)</f>
        <v>6.3499619617108598</v>
      </c>
      <c r="F827" cm="1">
        <f t="array" ref="F827">IFERROR(INDEX(Jesper!AJ$2:AJ$366,ROUNDDOWN($C827/24,0)+1,1)*INDEX($D$3:$AA$30,INDEX(Jesper!$R$2:$R$366,ROW(INDEX(Jesper!AJ$2:AJ$366,ROUNDDOWN($C827/24,0)+1,1))-1)+IF('Standard Profiles'!$G$20=$B$10,7,0)+IF('Standard Profiles'!$G$20=$B$17,14,0)+IF('Standard Profiles'!$G$20=$B$24,21,0),MOD($C827,24)+1)/SUM(INDEX($D$3:$AA$30,INDEX(Jesper!$R$2:$R$366,ROW(INDEX(Jesper!AJ$2:AJ$366,ROUNDDOWN($C827/24,0)+1,1))-1)+IF('Standard Profiles'!$G$20=$B$10,7,0)+IF('Standard Profiles'!$G$20=$B$17,14,0)+IF('Standard Profiles'!$G$20=$B$24,21,0),0)),0)</f>
        <v>0</v>
      </c>
      <c r="G827" cm="1">
        <f t="array" ref="G827">IFERROR(INDEX(Jesper!AK$2:AK$366,ROUNDDOWN($C827/24,0)+1,1)*INDEX($D$3:$AA$30,INDEX(Jesper!$R$2:$R$366,ROW(INDEX(Jesper!AK$2:AK$366,ROUNDDOWN($C827/24,0)+1,1))-1)+IF('Standard Profiles'!$G$21=$B$10,7,0)+IF('Standard Profiles'!$G$21=$B$17,14,0)+IF('Standard Profiles'!$G$21=$B$24,21,0),MOD($C827,24)+1)/SUM(INDEX($D$3:$AA$30,INDEX(Jesper!$R$2:$R$366,ROW(INDEX(Jesper!AK$2:AK$366,ROUNDDOWN($C827/24,0)+1,1))-1)+IF('Standard Profiles'!$G$21=$B$10,7,0)+IF('Standard Profiles'!$G$21=$B$17,14,0)+IF('Standard Profiles'!$G$21=$B$24,21,0),0)),0)</f>
        <v>7.7917418764297226</v>
      </c>
      <c r="H827" cm="1">
        <f t="array" ref="H827">IFERROR(INDEX(Jesper!AL$2:AL$366,ROUNDDOWN($C827/24,0)+1,1)*INDEX($D$3:$AA$30,INDEX(Jesper!$R$2:$R$366,ROW(INDEX(Jesper!AL$2:AL$366,ROUNDDOWN($C827/24,0)+1,1))-1)+IF('Standard Profiles'!$G$22=$B$10,7,0)+IF('Standard Profiles'!$G$22=$B$17,14,0)+IF('Standard Profiles'!$G$22=$B$24,21,0),MOD($C827,24)+1)/SUM(INDEX($D$3:$AA$30,INDEX(Jesper!$R$2:$R$366,ROW(INDEX(Jesper!AL$2:AL$366,ROUNDDOWN($C827/24,0)+1,1))-1)+IF('Standard Profiles'!$G$22=$B$10,7,0)+IF('Standard Profiles'!$G$22=$B$17,14,0)+IF('Standard Profiles'!$G$22=$B$24,21,0),0)),0)</f>
        <v>0</v>
      </c>
      <c r="I827">
        <f t="shared" si="104"/>
        <v>3.740036100686265</v>
      </c>
      <c r="J827">
        <f t="shared" si="105"/>
        <v>15.115102349617239</v>
      </c>
      <c r="K827">
        <f t="shared" si="106"/>
        <v>0.59853137932227563</v>
      </c>
      <c r="L827">
        <f t="shared" si="107"/>
        <v>0.29926568966113781</v>
      </c>
      <c r="M827">
        <f t="shared" si="108"/>
        <v>0</v>
      </c>
      <c r="N827" s="45">
        <f t="shared" si="109"/>
        <v>44960.041666664743</v>
      </c>
    </row>
    <row r="828" spans="2:14" x14ac:dyDescent="0.25">
      <c r="B828">
        <f t="shared" si="103"/>
        <v>5</v>
      </c>
      <c r="C828" s="16">
        <v>794</v>
      </c>
      <c r="D828" cm="1">
        <f t="array" ref="D828">IFERROR(INDEX(Jesper!AH$2:AH$366,ROUNDDOWN($C828/24,0)+1,1)*INDEX($D$3:$AA$30,INDEX(Jesper!$R$2:$R$366,ROW(INDEX(Jesper!AH$2:AH$366,ROUNDDOWN($C828/24,0)+1,1))-1)+IF('Standard Profiles'!$G$18=$B$10,7,0)+IF('Standard Profiles'!$G$18=$B$17,14,0)+IF('Standard Profiles'!$G$18=$B$24,21,0),MOD($C828,24)+1)/SUM(INDEX($D$3:$AA$30,INDEX(Jesper!$R$2:$R$366,ROW(INDEX(Jesper!AH$2:AH$366,ROUNDDOWN($C828/24,0)+1,1))-1)+IF('Standard Profiles'!$G$18=$B$10,7,0)+IF('Standard Profiles'!$G$18=$B$17,14,0)+IF('Standard Profiles'!$G$18=$B$24,21,0),0)),0)</f>
        <v>5.6112316811463332</v>
      </c>
      <c r="E828" cm="1">
        <f t="array" ref="E828">IFERROR(INDEX(Jesper!AI$2:AI$366,ROUNDDOWN($C828/24,0)+1,1)*INDEX($D$3:$AA$30,INDEX(Jesper!$R$2:$R$366,ROW(INDEX(Jesper!AI$2:AI$366,ROUNDDOWN($C828/24,0)+1,1))-1)+IF('Standard Profiles'!$G$19=$B$10,7,0)+IF('Standard Profiles'!$G$19=$B$17,14,0)+IF('Standard Profiles'!$G$19=$B$24,21,0),MOD($C828,24)+1)/SUM(INDEX($D$3:$AA$30,INDEX(Jesper!$R$2:$R$366,ROW(INDEX(Jesper!AI$2:AI$366,ROUNDDOWN($C828/24,0)+1,1))-1)+IF('Standard Profiles'!$G$19=$B$10,7,0)+IF('Standard Profiles'!$G$19=$B$17,14,0)+IF('Standard Profiles'!$G$19=$B$24,21,0),0)),0)</f>
        <v>6.3499619617108598</v>
      </c>
      <c r="F828" cm="1">
        <f t="array" ref="F828">IFERROR(INDEX(Jesper!AJ$2:AJ$366,ROUNDDOWN($C828/24,0)+1,1)*INDEX($D$3:$AA$30,INDEX(Jesper!$R$2:$R$366,ROW(INDEX(Jesper!AJ$2:AJ$366,ROUNDDOWN($C828/24,0)+1,1))-1)+IF('Standard Profiles'!$G$20=$B$10,7,0)+IF('Standard Profiles'!$G$20=$B$17,14,0)+IF('Standard Profiles'!$G$20=$B$24,21,0),MOD($C828,24)+1)/SUM(INDEX($D$3:$AA$30,INDEX(Jesper!$R$2:$R$366,ROW(INDEX(Jesper!AJ$2:AJ$366,ROUNDDOWN($C828/24,0)+1,1))-1)+IF('Standard Profiles'!$G$20=$B$10,7,0)+IF('Standard Profiles'!$G$20=$B$17,14,0)+IF('Standard Profiles'!$G$20=$B$24,21,0),0)),0)</f>
        <v>0</v>
      </c>
      <c r="G828" cm="1">
        <f t="array" ref="G828">IFERROR(INDEX(Jesper!AK$2:AK$366,ROUNDDOWN($C828/24,0)+1,1)*INDEX($D$3:$AA$30,INDEX(Jesper!$R$2:$R$366,ROW(INDEX(Jesper!AK$2:AK$366,ROUNDDOWN($C828/24,0)+1,1))-1)+IF('Standard Profiles'!$G$21=$B$10,7,0)+IF('Standard Profiles'!$G$21=$B$17,14,0)+IF('Standard Profiles'!$G$21=$B$24,21,0),MOD($C828,24)+1)/SUM(INDEX($D$3:$AA$30,INDEX(Jesper!$R$2:$R$366,ROW(INDEX(Jesper!AK$2:AK$366,ROUNDDOWN($C828/24,0)+1,1))-1)+IF('Standard Profiles'!$G$21=$B$10,7,0)+IF('Standard Profiles'!$G$21=$B$17,14,0)+IF('Standard Profiles'!$G$21=$B$24,21,0),0)),0)</f>
        <v>7.7917418764297226</v>
      </c>
      <c r="H828" cm="1">
        <f t="array" ref="H828">IFERROR(INDEX(Jesper!AL$2:AL$366,ROUNDDOWN($C828/24,0)+1,1)*INDEX($D$3:$AA$30,INDEX(Jesper!$R$2:$R$366,ROW(INDEX(Jesper!AL$2:AL$366,ROUNDDOWN($C828/24,0)+1,1))-1)+IF('Standard Profiles'!$G$22=$B$10,7,0)+IF('Standard Profiles'!$G$22=$B$17,14,0)+IF('Standard Profiles'!$G$22=$B$24,21,0),MOD($C828,24)+1)/SUM(INDEX($D$3:$AA$30,INDEX(Jesper!$R$2:$R$366,ROW(INDEX(Jesper!AL$2:AL$366,ROUNDDOWN($C828/24,0)+1,1))-1)+IF('Standard Profiles'!$G$22=$B$10,7,0)+IF('Standard Profiles'!$G$22=$B$17,14,0)+IF('Standard Profiles'!$G$22=$B$24,21,0),0)),0)</f>
        <v>0</v>
      </c>
      <c r="I828">
        <f t="shared" si="104"/>
        <v>3.740036100686265</v>
      </c>
      <c r="J828">
        <f t="shared" si="105"/>
        <v>15.115102349617239</v>
      </c>
      <c r="K828">
        <f t="shared" si="106"/>
        <v>0.59853137932227563</v>
      </c>
      <c r="L828">
        <f t="shared" si="107"/>
        <v>0.29926568966113781</v>
      </c>
      <c r="M828">
        <f t="shared" si="108"/>
        <v>0</v>
      </c>
      <c r="N828" s="45">
        <f t="shared" si="109"/>
        <v>44960.083333331408</v>
      </c>
    </row>
    <row r="829" spans="2:14" x14ac:dyDescent="0.25">
      <c r="B829">
        <f t="shared" si="103"/>
        <v>5</v>
      </c>
      <c r="C829" s="16">
        <v>795</v>
      </c>
      <c r="D829" cm="1">
        <f t="array" ref="D829">IFERROR(INDEX(Jesper!AH$2:AH$366,ROUNDDOWN($C829/24,0)+1,1)*INDEX($D$3:$AA$30,INDEX(Jesper!$R$2:$R$366,ROW(INDEX(Jesper!AH$2:AH$366,ROUNDDOWN($C829/24,0)+1,1))-1)+IF('Standard Profiles'!$G$18=$B$10,7,0)+IF('Standard Profiles'!$G$18=$B$17,14,0)+IF('Standard Profiles'!$G$18=$B$24,21,0),MOD($C829,24)+1)/SUM(INDEX($D$3:$AA$30,INDEX(Jesper!$R$2:$R$366,ROW(INDEX(Jesper!AH$2:AH$366,ROUNDDOWN($C829/24,0)+1,1))-1)+IF('Standard Profiles'!$G$18=$B$10,7,0)+IF('Standard Profiles'!$G$18=$B$17,14,0)+IF('Standard Profiles'!$G$18=$B$24,21,0),0)),0)</f>
        <v>5.6112316811463332</v>
      </c>
      <c r="E829" cm="1">
        <f t="array" ref="E829">IFERROR(INDEX(Jesper!AI$2:AI$366,ROUNDDOWN($C829/24,0)+1,1)*INDEX($D$3:$AA$30,INDEX(Jesper!$R$2:$R$366,ROW(INDEX(Jesper!AI$2:AI$366,ROUNDDOWN($C829/24,0)+1,1))-1)+IF('Standard Profiles'!$G$19=$B$10,7,0)+IF('Standard Profiles'!$G$19=$B$17,14,0)+IF('Standard Profiles'!$G$19=$B$24,21,0),MOD($C829,24)+1)/SUM(INDEX($D$3:$AA$30,INDEX(Jesper!$R$2:$R$366,ROW(INDEX(Jesper!AI$2:AI$366,ROUNDDOWN($C829/24,0)+1,1))-1)+IF('Standard Profiles'!$G$19=$B$10,7,0)+IF('Standard Profiles'!$G$19=$B$17,14,0)+IF('Standard Profiles'!$G$19=$B$24,21,0),0)),0)</f>
        <v>6.3499619617108598</v>
      </c>
      <c r="F829" cm="1">
        <f t="array" ref="F829">IFERROR(INDEX(Jesper!AJ$2:AJ$366,ROUNDDOWN($C829/24,0)+1,1)*INDEX($D$3:$AA$30,INDEX(Jesper!$R$2:$R$366,ROW(INDEX(Jesper!AJ$2:AJ$366,ROUNDDOWN($C829/24,0)+1,1))-1)+IF('Standard Profiles'!$G$20=$B$10,7,0)+IF('Standard Profiles'!$G$20=$B$17,14,0)+IF('Standard Profiles'!$G$20=$B$24,21,0),MOD($C829,24)+1)/SUM(INDEX($D$3:$AA$30,INDEX(Jesper!$R$2:$R$366,ROW(INDEX(Jesper!AJ$2:AJ$366,ROUNDDOWN($C829/24,0)+1,1))-1)+IF('Standard Profiles'!$G$20=$B$10,7,0)+IF('Standard Profiles'!$G$20=$B$17,14,0)+IF('Standard Profiles'!$G$20=$B$24,21,0),0)),0)</f>
        <v>0</v>
      </c>
      <c r="G829" cm="1">
        <f t="array" ref="G829">IFERROR(INDEX(Jesper!AK$2:AK$366,ROUNDDOWN($C829/24,0)+1,1)*INDEX($D$3:$AA$30,INDEX(Jesper!$R$2:$R$366,ROW(INDEX(Jesper!AK$2:AK$366,ROUNDDOWN($C829/24,0)+1,1))-1)+IF('Standard Profiles'!$G$21=$B$10,7,0)+IF('Standard Profiles'!$G$21=$B$17,14,0)+IF('Standard Profiles'!$G$21=$B$24,21,0),MOD($C829,24)+1)/SUM(INDEX($D$3:$AA$30,INDEX(Jesper!$R$2:$R$366,ROW(INDEX(Jesper!AK$2:AK$366,ROUNDDOWN($C829/24,0)+1,1))-1)+IF('Standard Profiles'!$G$21=$B$10,7,0)+IF('Standard Profiles'!$G$21=$B$17,14,0)+IF('Standard Profiles'!$G$21=$B$24,21,0),0)),0)</f>
        <v>7.7917418764297226</v>
      </c>
      <c r="H829" cm="1">
        <f t="array" ref="H829">IFERROR(INDEX(Jesper!AL$2:AL$366,ROUNDDOWN($C829/24,0)+1,1)*INDEX($D$3:$AA$30,INDEX(Jesper!$R$2:$R$366,ROW(INDEX(Jesper!AL$2:AL$366,ROUNDDOWN($C829/24,0)+1,1))-1)+IF('Standard Profiles'!$G$22=$B$10,7,0)+IF('Standard Profiles'!$G$22=$B$17,14,0)+IF('Standard Profiles'!$G$22=$B$24,21,0),MOD($C829,24)+1)/SUM(INDEX($D$3:$AA$30,INDEX(Jesper!$R$2:$R$366,ROW(INDEX(Jesper!AL$2:AL$366,ROUNDDOWN($C829/24,0)+1,1))-1)+IF('Standard Profiles'!$G$22=$B$10,7,0)+IF('Standard Profiles'!$G$22=$B$17,14,0)+IF('Standard Profiles'!$G$22=$B$24,21,0),0)),0)</f>
        <v>0</v>
      </c>
      <c r="I829">
        <f t="shared" si="104"/>
        <v>3.740036100686265</v>
      </c>
      <c r="J829">
        <f t="shared" si="105"/>
        <v>15.115102349617239</v>
      </c>
      <c r="K829">
        <f t="shared" si="106"/>
        <v>0.59853137932227563</v>
      </c>
      <c r="L829">
        <f t="shared" si="107"/>
        <v>0.29926568966113781</v>
      </c>
      <c r="M829">
        <f t="shared" si="108"/>
        <v>0</v>
      </c>
      <c r="N829" s="45">
        <f t="shared" si="109"/>
        <v>44960.124999998072</v>
      </c>
    </row>
    <row r="830" spans="2:14" x14ac:dyDescent="0.25">
      <c r="B830">
        <f t="shared" si="103"/>
        <v>5</v>
      </c>
      <c r="C830" s="16">
        <v>796</v>
      </c>
      <c r="D830" cm="1">
        <f t="array" ref="D830">IFERROR(INDEX(Jesper!AH$2:AH$366,ROUNDDOWN($C830/24,0)+1,1)*INDEX($D$3:$AA$30,INDEX(Jesper!$R$2:$R$366,ROW(INDEX(Jesper!AH$2:AH$366,ROUNDDOWN($C830/24,0)+1,1))-1)+IF('Standard Profiles'!$G$18=$B$10,7,0)+IF('Standard Profiles'!$G$18=$B$17,14,0)+IF('Standard Profiles'!$G$18=$B$24,21,0),MOD($C830,24)+1)/SUM(INDEX($D$3:$AA$30,INDEX(Jesper!$R$2:$R$366,ROW(INDEX(Jesper!AH$2:AH$366,ROUNDDOWN($C830/24,0)+1,1))-1)+IF('Standard Profiles'!$G$18=$B$10,7,0)+IF('Standard Profiles'!$G$18=$B$17,14,0)+IF('Standard Profiles'!$G$18=$B$24,21,0),0)),0)</f>
        <v>5.6112316811463332</v>
      </c>
      <c r="E830" cm="1">
        <f t="array" ref="E830">IFERROR(INDEX(Jesper!AI$2:AI$366,ROUNDDOWN($C830/24,0)+1,1)*INDEX($D$3:$AA$30,INDEX(Jesper!$R$2:$R$366,ROW(INDEX(Jesper!AI$2:AI$366,ROUNDDOWN($C830/24,0)+1,1))-1)+IF('Standard Profiles'!$G$19=$B$10,7,0)+IF('Standard Profiles'!$G$19=$B$17,14,0)+IF('Standard Profiles'!$G$19=$B$24,21,0),MOD($C830,24)+1)/SUM(INDEX($D$3:$AA$30,INDEX(Jesper!$R$2:$R$366,ROW(INDEX(Jesper!AI$2:AI$366,ROUNDDOWN($C830/24,0)+1,1))-1)+IF('Standard Profiles'!$G$19=$B$10,7,0)+IF('Standard Profiles'!$G$19=$B$17,14,0)+IF('Standard Profiles'!$G$19=$B$24,21,0),0)),0)</f>
        <v>6.3499619617108598</v>
      </c>
      <c r="F830" cm="1">
        <f t="array" ref="F830">IFERROR(INDEX(Jesper!AJ$2:AJ$366,ROUNDDOWN($C830/24,0)+1,1)*INDEX($D$3:$AA$30,INDEX(Jesper!$R$2:$R$366,ROW(INDEX(Jesper!AJ$2:AJ$366,ROUNDDOWN($C830/24,0)+1,1))-1)+IF('Standard Profiles'!$G$20=$B$10,7,0)+IF('Standard Profiles'!$G$20=$B$17,14,0)+IF('Standard Profiles'!$G$20=$B$24,21,0),MOD($C830,24)+1)/SUM(INDEX($D$3:$AA$30,INDEX(Jesper!$R$2:$R$366,ROW(INDEX(Jesper!AJ$2:AJ$366,ROUNDDOWN($C830/24,0)+1,1))-1)+IF('Standard Profiles'!$G$20=$B$10,7,0)+IF('Standard Profiles'!$G$20=$B$17,14,0)+IF('Standard Profiles'!$G$20=$B$24,21,0),0)),0)</f>
        <v>0</v>
      </c>
      <c r="G830" cm="1">
        <f t="array" ref="G830">IFERROR(INDEX(Jesper!AK$2:AK$366,ROUNDDOWN($C830/24,0)+1,1)*INDEX($D$3:$AA$30,INDEX(Jesper!$R$2:$R$366,ROW(INDEX(Jesper!AK$2:AK$366,ROUNDDOWN($C830/24,0)+1,1))-1)+IF('Standard Profiles'!$G$21=$B$10,7,0)+IF('Standard Profiles'!$G$21=$B$17,14,0)+IF('Standard Profiles'!$G$21=$B$24,21,0),MOD($C830,24)+1)/SUM(INDEX($D$3:$AA$30,INDEX(Jesper!$R$2:$R$366,ROW(INDEX(Jesper!AK$2:AK$366,ROUNDDOWN($C830/24,0)+1,1))-1)+IF('Standard Profiles'!$G$21=$B$10,7,0)+IF('Standard Profiles'!$G$21=$B$17,14,0)+IF('Standard Profiles'!$G$21=$B$24,21,0),0)),0)</f>
        <v>7.7917418764297226</v>
      </c>
      <c r="H830" cm="1">
        <f t="array" ref="H830">IFERROR(INDEX(Jesper!AL$2:AL$366,ROUNDDOWN($C830/24,0)+1,1)*INDEX($D$3:$AA$30,INDEX(Jesper!$R$2:$R$366,ROW(INDEX(Jesper!AL$2:AL$366,ROUNDDOWN($C830/24,0)+1,1))-1)+IF('Standard Profiles'!$G$22=$B$10,7,0)+IF('Standard Profiles'!$G$22=$B$17,14,0)+IF('Standard Profiles'!$G$22=$B$24,21,0),MOD($C830,24)+1)/SUM(INDEX($D$3:$AA$30,INDEX(Jesper!$R$2:$R$366,ROW(INDEX(Jesper!AL$2:AL$366,ROUNDDOWN($C830/24,0)+1,1))-1)+IF('Standard Profiles'!$G$22=$B$10,7,0)+IF('Standard Profiles'!$G$22=$B$17,14,0)+IF('Standard Profiles'!$G$22=$B$24,21,0),0)),0)</f>
        <v>0</v>
      </c>
      <c r="I830">
        <f t="shared" si="104"/>
        <v>3.740036100686265</v>
      </c>
      <c r="J830">
        <f t="shared" si="105"/>
        <v>15.115102349617239</v>
      </c>
      <c r="K830">
        <f t="shared" si="106"/>
        <v>0.59853137932227563</v>
      </c>
      <c r="L830">
        <f t="shared" si="107"/>
        <v>0.29926568966113781</v>
      </c>
      <c r="M830">
        <f t="shared" si="108"/>
        <v>0</v>
      </c>
      <c r="N830" s="45">
        <f t="shared" si="109"/>
        <v>44960.166666664736</v>
      </c>
    </row>
    <row r="831" spans="2:14" x14ac:dyDescent="0.25">
      <c r="B831">
        <f t="shared" si="103"/>
        <v>5</v>
      </c>
      <c r="C831" s="16">
        <v>797</v>
      </c>
      <c r="D831" cm="1">
        <f t="array" ref="D831">IFERROR(INDEX(Jesper!AH$2:AH$366,ROUNDDOWN($C831/24,0)+1,1)*INDEX($D$3:$AA$30,INDEX(Jesper!$R$2:$R$366,ROW(INDEX(Jesper!AH$2:AH$366,ROUNDDOWN($C831/24,0)+1,1))-1)+IF('Standard Profiles'!$G$18=$B$10,7,0)+IF('Standard Profiles'!$G$18=$B$17,14,0)+IF('Standard Profiles'!$G$18=$B$24,21,0),MOD($C831,24)+1)/SUM(INDEX($D$3:$AA$30,INDEX(Jesper!$R$2:$R$366,ROW(INDEX(Jesper!AH$2:AH$366,ROUNDDOWN($C831/24,0)+1,1))-1)+IF('Standard Profiles'!$G$18=$B$10,7,0)+IF('Standard Profiles'!$G$18=$B$17,14,0)+IF('Standard Profiles'!$G$18=$B$24,21,0),0)),0)</f>
        <v>5.6112316811463332</v>
      </c>
      <c r="E831" cm="1">
        <f t="array" ref="E831">IFERROR(INDEX(Jesper!AI$2:AI$366,ROUNDDOWN($C831/24,0)+1,1)*INDEX($D$3:$AA$30,INDEX(Jesper!$R$2:$R$366,ROW(INDEX(Jesper!AI$2:AI$366,ROUNDDOWN($C831/24,0)+1,1))-1)+IF('Standard Profiles'!$G$19=$B$10,7,0)+IF('Standard Profiles'!$G$19=$B$17,14,0)+IF('Standard Profiles'!$G$19=$B$24,21,0),MOD($C831,24)+1)/SUM(INDEX($D$3:$AA$30,INDEX(Jesper!$R$2:$R$366,ROW(INDEX(Jesper!AI$2:AI$366,ROUNDDOWN($C831/24,0)+1,1))-1)+IF('Standard Profiles'!$G$19=$B$10,7,0)+IF('Standard Profiles'!$G$19=$B$17,14,0)+IF('Standard Profiles'!$G$19=$B$24,21,0),0)),0)</f>
        <v>6.3499619617108598</v>
      </c>
      <c r="F831" cm="1">
        <f t="array" ref="F831">IFERROR(INDEX(Jesper!AJ$2:AJ$366,ROUNDDOWN($C831/24,0)+1,1)*INDEX($D$3:$AA$30,INDEX(Jesper!$R$2:$R$366,ROW(INDEX(Jesper!AJ$2:AJ$366,ROUNDDOWN($C831/24,0)+1,1))-1)+IF('Standard Profiles'!$G$20=$B$10,7,0)+IF('Standard Profiles'!$G$20=$B$17,14,0)+IF('Standard Profiles'!$G$20=$B$24,21,0),MOD($C831,24)+1)/SUM(INDEX($D$3:$AA$30,INDEX(Jesper!$R$2:$R$366,ROW(INDEX(Jesper!AJ$2:AJ$366,ROUNDDOWN($C831/24,0)+1,1))-1)+IF('Standard Profiles'!$G$20=$B$10,7,0)+IF('Standard Profiles'!$G$20=$B$17,14,0)+IF('Standard Profiles'!$G$20=$B$24,21,0),0)),0)</f>
        <v>0</v>
      </c>
      <c r="G831" cm="1">
        <f t="array" ref="G831">IFERROR(INDEX(Jesper!AK$2:AK$366,ROUNDDOWN($C831/24,0)+1,1)*INDEX($D$3:$AA$30,INDEX(Jesper!$R$2:$R$366,ROW(INDEX(Jesper!AK$2:AK$366,ROUNDDOWN($C831/24,0)+1,1))-1)+IF('Standard Profiles'!$G$21=$B$10,7,0)+IF('Standard Profiles'!$G$21=$B$17,14,0)+IF('Standard Profiles'!$G$21=$B$24,21,0),MOD($C831,24)+1)/SUM(INDEX($D$3:$AA$30,INDEX(Jesper!$R$2:$R$366,ROW(INDEX(Jesper!AK$2:AK$366,ROUNDDOWN($C831/24,0)+1,1))-1)+IF('Standard Profiles'!$G$21=$B$10,7,0)+IF('Standard Profiles'!$G$21=$B$17,14,0)+IF('Standard Profiles'!$G$21=$B$24,21,0),0)),0)</f>
        <v>7.7917418764297226</v>
      </c>
      <c r="H831" cm="1">
        <f t="array" ref="H831">IFERROR(INDEX(Jesper!AL$2:AL$366,ROUNDDOWN($C831/24,0)+1,1)*INDEX($D$3:$AA$30,INDEX(Jesper!$R$2:$R$366,ROW(INDEX(Jesper!AL$2:AL$366,ROUNDDOWN($C831/24,0)+1,1))-1)+IF('Standard Profiles'!$G$22=$B$10,7,0)+IF('Standard Profiles'!$G$22=$B$17,14,0)+IF('Standard Profiles'!$G$22=$B$24,21,0),MOD($C831,24)+1)/SUM(INDEX($D$3:$AA$30,INDEX(Jesper!$R$2:$R$366,ROW(INDEX(Jesper!AL$2:AL$366,ROUNDDOWN($C831/24,0)+1,1))-1)+IF('Standard Profiles'!$G$22=$B$10,7,0)+IF('Standard Profiles'!$G$22=$B$17,14,0)+IF('Standard Profiles'!$G$22=$B$24,21,0),0)),0)</f>
        <v>0</v>
      </c>
      <c r="I831">
        <f t="shared" si="104"/>
        <v>3.740036100686265</v>
      </c>
      <c r="J831">
        <f t="shared" si="105"/>
        <v>15.115102349617239</v>
      </c>
      <c r="K831">
        <f t="shared" si="106"/>
        <v>0.59853137932227563</v>
      </c>
      <c r="L831">
        <f t="shared" si="107"/>
        <v>0.29926568966113781</v>
      </c>
      <c r="M831">
        <f t="shared" si="108"/>
        <v>0</v>
      </c>
      <c r="N831" s="45">
        <f t="shared" si="109"/>
        <v>44960.2083333314</v>
      </c>
    </row>
    <row r="832" spans="2:14" x14ac:dyDescent="0.25">
      <c r="B832">
        <f t="shared" si="103"/>
        <v>5</v>
      </c>
      <c r="C832" s="16">
        <v>798</v>
      </c>
      <c r="D832" cm="1">
        <f t="array" ref="D832">IFERROR(INDEX(Jesper!AH$2:AH$366,ROUNDDOWN($C832/24,0)+1,1)*INDEX($D$3:$AA$30,INDEX(Jesper!$R$2:$R$366,ROW(INDEX(Jesper!AH$2:AH$366,ROUNDDOWN($C832/24,0)+1,1))-1)+IF('Standard Profiles'!$G$18=$B$10,7,0)+IF('Standard Profiles'!$G$18=$B$17,14,0)+IF('Standard Profiles'!$G$18=$B$24,21,0),MOD($C832,24)+1)/SUM(INDEX($D$3:$AA$30,INDEX(Jesper!$R$2:$R$366,ROW(INDEX(Jesper!AH$2:AH$366,ROUNDDOWN($C832/24,0)+1,1))-1)+IF('Standard Profiles'!$G$18=$B$10,7,0)+IF('Standard Profiles'!$G$18=$B$17,14,0)+IF('Standard Profiles'!$G$18=$B$24,21,0),0)),0)</f>
        <v>5.6112316811463332</v>
      </c>
      <c r="E832" cm="1">
        <f t="array" ref="E832">IFERROR(INDEX(Jesper!AI$2:AI$366,ROUNDDOWN($C832/24,0)+1,1)*INDEX($D$3:$AA$30,INDEX(Jesper!$R$2:$R$366,ROW(INDEX(Jesper!AI$2:AI$366,ROUNDDOWN($C832/24,0)+1,1))-1)+IF('Standard Profiles'!$G$19=$B$10,7,0)+IF('Standard Profiles'!$G$19=$B$17,14,0)+IF('Standard Profiles'!$G$19=$B$24,21,0),MOD($C832,24)+1)/SUM(INDEX($D$3:$AA$30,INDEX(Jesper!$R$2:$R$366,ROW(INDEX(Jesper!AI$2:AI$366,ROUNDDOWN($C832/24,0)+1,1))-1)+IF('Standard Profiles'!$G$19=$B$10,7,0)+IF('Standard Profiles'!$G$19=$B$17,14,0)+IF('Standard Profiles'!$G$19=$B$24,21,0),0)),0)</f>
        <v>6.3499619617108598</v>
      </c>
      <c r="F832" cm="1">
        <f t="array" ref="F832">IFERROR(INDEX(Jesper!AJ$2:AJ$366,ROUNDDOWN($C832/24,0)+1,1)*INDEX($D$3:$AA$30,INDEX(Jesper!$R$2:$R$366,ROW(INDEX(Jesper!AJ$2:AJ$366,ROUNDDOWN($C832/24,0)+1,1))-1)+IF('Standard Profiles'!$G$20=$B$10,7,0)+IF('Standard Profiles'!$G$20=$B$17,14,0)+IF('Standard Profiles'!$G$20=$B$24,21,0),MOD($C832,24)+1)/SUM(INDEX($D$3:$AA$30,INDEX(Jesper!$R$2:$R$366,ROW(INDEX(Jesper!AJ$2:AJ$366,ROUNDDOWN($C832/24,0)+1,1))-1)+IF('Standard Profiles'!$G$20=$B$10,7,0)+IF('Standard Profiles'!$G$20=$B$17,14,0)+IF('Standard Profiles'!$G$20=$B$24,21,0),0)),0)</f>
        <v>0</v>
      </c>
      <c r="G832" cm="1">
        <f t="array" ref="G832">IFERROR(INDEX(Jesper!AK$2:AK$366,ROUNDDOWN($C832/24,0)+1,1)*INDEX($D$3:$AA$30,INDEX(Jesper!$R$2:$R$366,ROW(INDEX(Jesper!AK$2:AK$366,ROUNDDOWN($C832/24,0)+1,1))-1)+IF('Standard Profiles'!$G$21=$B$10,7,0)+IF('Standard Profiles'!$G$21=$B$17,14,0)+IF('Standard Profiles'!$G$21=$B$24,21,0),MOD($C832,24)+1)/SUM(INDEX($D$3:$AA$30,INDEX(Jesper!$R$2:$R$366,ROW(INDEX(Jesper!AK$2:AK$366,ROUNDDOWN($C832/24,0)+1,1))-1)+IF('Standard Profiles'!$G$21=$B$10,7,0)+IF('Standard Profiles'!$G$21=$B$17,14,0)+IF('Standard Profiles'!$G$21=$B$24,21,0),0)),0)</f>
        <v>7.7917418764297226</v>
      </c>
      <c r="H832" cm="1">
        <f t="array" ref="H832">IFERROR(INDEX(Jesper!AL$2:AL$366,ROUNDDOWN($C832/24,0)+1,1)*INDEX($D$3:$AA$30,INDEX(Jesper!$R$2:$R$366,ROW(INDEX(Jesper!AL$2:AL$366,ROUNDDOWN($C832/24,0)+1,1))-1)+IF('Standard Profiles'!$G$22=$B$10,7,0)+IF('Standard Profiles'!$G$22=$B$17,14,0)+IF('Standard Profiles'!$G$22=$B$24,21,0),MOD($C832,24)+1)/SUM(INDEX($D$3:$AA$30,INDEX(Jesper!$R$2:$R$366,ROW(INDEX(Jesper!AL$2:AL$366,ROUNDDOWN($C832/24,0)+1,1))-1)+IF('Standard Profiles'!$G$22=$B$10,7,0)+IF('Standard Profiles'!$G$22=$B$17,14,0)+IF('Standard Profiles'!$G$22=$B$24,21,0),0)),0)</f>
        <v>0</v>
      </c>
      <c r="I832">
        <f t="shared" si="104"/>
        <v>3.740036100686265</v>
      </c>
      <c r="J832">
        <f t="shared" si="105"/>
        <v>15.115102349617239</v>
      </c>
      <c r="K832">
        <f t="shared" si="106"/>
        <v>0.59853137932227563</v>
      </c>
      <c r="L832">
        <f t="shared" si="107"/>
        <v>0.29926568966113781</v>
      </c>
      <c r="M832">
        <f t="shared" si="108"/>
        <v>0</v>
      </c>
      <c r="N832" s="45">
        <f t="shared" si="109"/>
        <v>44960.249999998065</v>
      </c>
    </row>
    <row r="833" spans="2:14" x14ac:dyDescent="0.25">
      <c r="B833">
        <f t="shared" si="103"/>
        <v>5</v>
      </c>
      <c r="C833" s="16">
        <v>799</v>
      </c>
      <c r="D833" cm="1">
        <f t="array" ref="D833">IFERROR(INDEX(Jesper!AH$2:AH$366,ROUNDDOWN($C833/24,0)+1,1)*INDEX($D$3:$AA$30,INDEX(Jesper!$R$2:$R$366,ROW(INDEX(Jesper!AH$2:AH$366,ROUNDDOWN($C833/24,0)+1,1))-1)+IF('Standard Profiles'!$G$18=$B$10,7,0)+IF('Standard Profiles'!$G$18=$B$17,14,0)+IF('Standard Profiles'!$G$18=$B$24,21,0),MOD($C833,24)+1)/SUM(INDEX($D$3:$AA$30,INDEX(Jesper!$R$2:$R$366,ROW(INDEX(Jesper!AH$2:AH$366,ROUNDDOWN($C833/24,0)+1,1))-1)+IF('Standard Profiles'!$G$18=$B$10,7,0)+IF('Standard Profiles'!$G$18=$B$17,14,0)+IF('Standard Profiles'!$G$18=$B$24,21,0),0)),0)</f>
        <v>23.903846961683382</v>
      </c>
      <c r="E833" cm="1">
        <f t="array" ref="E833">IFERROR(INDEX(Jesper!AI$2:AI$366,ROUNDDOWN($C833/24,0)+1,1)*INDEX($D$3:$AA$30,INDEX(Jesper!$R$2:$R$366,ROW(INDEX(Jesper!AI$2:AI$366,ROUNDDOWN($C833/24,0)+1,1))-1)+IF('Standard Profiles'!$G$19=$B$10,7,0)+IF('Standard Profiles'!$G$19=$B$17,14,0)+IF('Standard Profiles'!$G$19=$B$24,21,0),MOD($C833,24)+1)/SUM(INDEX($D$3:$AA$30,INDEX(Jesper!$R$2:$R$366,ROW(INDEX(Jesper!AI$2:AI$366,ROUNDDOWN($C833/24,0)+1,1))-1)+IF('Standard Profiles'!$G$19=$B$10,7,0)+IF('Standard Profiles'!$G$19=$B$17,14,0)+IF('Standard Profiles'!$G$19=$B$24,21,0),0)),0)</f>
        <v>27.050837956888262</v>
      </c>
      <c r="F833" cm="1">
        <f t="array" ref="F833">IFERROR(INDEX(Jesper!AJ$2:AJ$366,ROUNDDOWN($C833/24,0)+1,1)*INDEX($D$3:$AA$30,INDEX(Jesper!$R$2:$R$366,ROW(INDEX(Jesper!AJ$2:AJ$366,ROUNDDOWN($C833/24,0)+1,1))-1)+IF('Standard Profiles'!$G$20=$B$10,7,0)+IF('Standard Profiles'!$G$20=$B$17,14,0)+IF('Standard Profiles'!$G$20=$B$24,21,0),MOD($C833,24)+1)/SUM(INDEX($D$3:$AA$30,INDEX(Jesper!$R$2:$R$366,ROW(INDEX(Jesper!AJ$2:AJ$366,ROUNDDOWN($C833/24,0)+1,1))-1)+IF('Standard Profiles'!$G$20=$B$10,7,0)+IF('Standard Profiles'!$G$20=$B$17,14,0)+IF('Standard Profiles'!$G$20=$B$24,21,0),0)),0)</f>
        <v>0</v>
      </c>
      <c r="G833" cm="1">
        <f t="array" ref="G833">IFERROR(INDEX(Jesper!AK$2:AK$366,ROUNDDOWN($C833/24,0)+1,1)*INDEX($D$3:$AA$30,INDEX(Jesper!$R$2:$R$366,ROW(INDEX(Jesper!AK$2:AK$366,ROUNDDOWN($C833/24,0)+1,1))-1)+IF('Standard Profiles'!$G$21=$B$10,7,0)+IF('Standard Profiles'!$G$21=$B$17,14,0)+IF('Standard Profiles'!$G$21=$B$24,21,0),MOD($C833,24)+1)/SUM(INDEX($D$3:$AA$30,INDEX(Jesper!$R$2:$R$366,ROW(INDEX(Jesper!AK$2:AK$366,ROUNDDOWN($C833/24,0)+1,1))-1)+IF('Standard Profiles'!$G$21=$B$10,7,0)+IF('Standard Profiles'!$G$21=$B$17,14,0)+IF('Standard Profiles'!$G$21=$B$24,21,0),0)),0)</f>
        <v>21.11310702000312</v>
      </c>
      <c r="H833" cm="1">
        <f t="array" ref="H833">IFERROR(INDEX(Jesper!AL$2:AL$366,ROUNDDOWN($C833/24,0)+1,1)*INDEX($D$3:$AA$30,INDEX(Jesper!$R$2:$R$366,ROW(INDEX(Jesper!AL$2:AL$366,ROUNDDOWN($C833/24,0)+1,1))-1)+IF('Standard Profiles'!$G$22=$B$10,7,0)+IF('Standard Profiles'!$G$22=$B$17,14,0)+IF('Standard Profiles'!$G$22=$B$24,21,0),MOD($C833,24)+1)/SUM(INDEX($D$3:$AA$30,INDEX(Jesper!$R$2:$R$366,ROW(INDEX(Jesper!AL$2:AL$366,ROUNDDOWN($C833/24,0)+1,1))-1)+IF('Standard Profiles'!$G$22=$B$10,7,0)+IF('Standard Profiles'!$G$22=$B$17,14,0)+IF('Standard Profiles'!$G$22=$B$24,21,0),0)),0)</f>
        <v>0</v>
      </c>
      <c r="I833">
        <f t="shared" si="104"/>
        <v>10.134291369601494</v>
      </c>
      <c r="J833">
        <f t="shared" si="105"/>
        <v>58.108885055103926</v>
      </c>
      <c r="K833">
        <f t="shared" si="106"/>
        <v>2.5497436759128944</v>
      </c>
      <c r="L833">
        <f t="shared" si="107"/>
        <v>1.2748718379564472</v>
      </c>
      <c r="M833">
        <f t="shared" si="108"/>
        <v>0</v>
      </c>
      <c r="N833" s="45">
        <f t="shared" si="109"/>
        <v>44960.291666664729</v>
      </c>
    </row>
    <row r="834" spans="2:14" x14ac:dyDescent="0.25">
      <c r="B834">
        <f t="shared" si="103"/>
        <v>5</v>
      </c>
      <c r="C834" s="16">
        <v>800</v>
      </c>
      <c r="D834" cm="1">
        <f t="array" ref="D834">IFERROR(INDEX(Jesper!AH$2:AH$366,ROUNDDOWN($C834/24,0)+1,1)*INDEX($D$3:$AA$30,INDEX(Jesper!$R$2:$R$366,ROW(INDEX(Jesper!AH$2:AH$366,ROUNDDOWN($C834/24,0)+1,1))-1)+IF('Standard Profiles'!$G$18=$B$10,7,0)+IF('Standard Profiles'!$G$18=$B$17,14,0)+IF('Standard Profiles'!$G$18=$B$24,21,0),MOD($C834,24)+1)/SUM(INDEX($D$3:$AA$30,INDEX(Jesper!$R$2:$R$366,ROW(INDEX(Jesper!AH$2:AH$366,ROUNDDOWN($C834/24,0)+1,1))-1)+IF('Standard Profiles'!$G$18=$B$10,7,0)+IF('Standard Profiles'!$G$18=$B$17,14,0)+IF('Standard Profiles'!$G$18=$B$24,21,0),0)),0)</f>
        <v>29.879808702104228</v>
      </c>
      <c r="E834" cm="1">
        <f t="array" ref="E834">IFERROR(INDEX(Jesper!AI$2:AI$366,ROUNDDOWN($C834/24,0)+1,1)*INDEX($D$3:$AA$30,INDEX(Jesper!$R$2:$R$366,ROW(INDEX(Jesper!AI$2:AI$366,ROUNDDOWN($C834/24,0)+1,1))-1)+IF('Standard Profiles'!$G$19=$B$10,7,0)+IF('Standard Profiles'!$G$19=$B$17,14,0)+IF('Standard Profiles'!$G$19=$B$24,21,0),MOD($C834,24)+1)/SUM(INDEX($D$3:$AA$30,INDEX(Jesper!$R$2:$R$366,ROW(INDEX(Jesper!AI$2:AI$366,ROUNDDOWN($C834/24,0)+1,1))-1)+IF('Standard Profiles'!$G$19=$B$10,7,0)+IF('Standard Profiles'!$G$19=$B$17,14,0)+IF('Standard Profiles'!$G$19=$B$24,21,0),0)),0)</f>
        <v>33.813547446110327</v>
      </c>
      <c r="F834" cm="1">
        <f t="array" ref="F834">IFERROR(INDEX(Jesper!AJ$2:AJ$366,ROUNDDOWN($C834/24,0)+1,1)*INDEX($D$3:$AA$30,INDEX(Jesper!$R$2:$R$366,ROW(INDEX(Jesper!AJ$2:AJ$366,ROUNDDOWN($C834/24,0)+1,1))-1)+IF('Standard Profiles'!$G$20=$B$10,7,0)+IF('Standard Profiles'!$G$20=$B$17,14,0)+IF('Standard Profiles'!$G$20=$B$24,21,0),MOD($C834,24)+1)/SUM(INDEX($D$3:$AA$30,INDEX(Jesper!$R$2:$R$366,ROW(INDEX(Jesper!AJ$2:AJ$366,ROUNDDOWN($C834/24,0)+1,1))-1)+IF('Standard Profiles'!$G$20=$B$10,7,0)+IF('Standard Profiles'!$G$20=$B$17,14,0)+IF('Standard Profiles'!$G$20=$B$24,21,0),0)),0)</f>
        <v>0</v>
      </c>
      <c r="G834" cm="1">
        <f t="array" ref="G834">IFERROR(INDEX(Jesper!AK$2:AK$366,ROUNDDOWN($C834/24,0)+1,1)*INDEX($D$3:$AA$30,INDEX(Jesper!$R$2:$R$366,ROW(INDEX(Jesper!AK$2:AK$366,ROUNDDOWN($C834/24,0)+1,1))-1)+IF('Standard Profiles'!$G$21=$B$10,7,0)+IF('Standard Profiles'!$G$21=$B$17,14,0)+IF('Standard Profiles'!$G$21=$B$24,21,0),MOD($C834,24)+1)/SUM(INDEX($D$3:$AA$30,INDEX(Jesper!$R$2:$R$366,ROW(INDEX(Jesper!AK$2:AK$366,ROUNDDOWN($C834/24,0)+1,1))-1)+IF('Standard Profiles'!$G$21=$B$10,7,0)+IF('Standard Profiles'!$G$21=$B$17,14,0)+IF('Standard Profiles'!$G$21=$B$24,21,0),0)),0)</f>
        <v>26.391383775003899</v>
      </c>
      <c r="H834" cm="1">
        <f t="array" ref="H834">IFERROR(INDEX(Jesper!AL$2:AL$366,ROUNDDOWN($C834/24,0)+1,1)*INDEX($D$3:$AA$30,INDEX(Jesper!$R$2:$R$366,ROW(INDEX(Jesper!AL$2:AL$366,ROUNDDOWN($C834/24,0)+1,1))-1)+IF('Standard Profiles'!$G$22=$B$10,7,0)+IF('Standard Profiles'!$G$22=$B$17,14,0)+IF('Standard Profiles'!$G$22=$B$24,21,0),MOD($C834,24)+1)/SUM(INDEX($D$3:$AA$30,INDEX(Jesper!$R$2:$R$366,ROW(INDEX(Jesper!AL$2:AL$366,ROUNDDOWN($C834/24,0)+1,1))-1)+IF('Standard Profiles'!$G$22=$B$10,7,0)+IF('Standard Profiles'!$G$22=$B$17,14,0)+IF('Standard Profiles'!$G$22=$B$24,21,0),0)),0)</f>
        <v>0</v>
      </c>
      <c r="I834">
        <f t="shared" si="104"/>
        <v>12.667864212001865</v>
      </c>
      <c r="J834">
        <f t="shared" si="105"/>
        <v>72.636106318879911</v>
      </c>
      <c r="K834">
        <f t="shared" si="106"/>
        <v>3.1871795948911177</v>
      </c>
      <c r="L834">
        <f t="shared" si="107"/>
        <v>1.5935897974455588</v>
      </c>
      <c r="M834">
        <f t="shared" si="108"/>
        <v>0</v>
      </c>
      <c r="N834" s="45">
        <f t="shared" si="109"/>
        <v>44960.333333331393</v>
      </c>
    </row>
    <row r="835" spans="2:14" x14ac:dyDescent="0.25">
      <c r="B835">
        <f t="shared" si="103"/>
        <v>5</v>
      </c>
      <c r="C835" s="16">
        <v>801</v>
      </c>
      <c r="D835" cm="1">
        <f t="array" ref="D835">IFERROR(INDEX(Jesper!AH$2:AH$366,ROUNDDOWN($C835/24,0)+1,1)*INDEX($D$3:$AA$30,INDEX(Jesper!$R$2:$R$366,ROW(INDEX(Jesper!AH$2:AH$366,ROUNDDOWN($C835/24,0)+1,1))-1)+IF('Standard Profiles'!$G$18=$B$10,7,0)+IF('Standard Profiles'!$G$18=$B$17,14,0)+IF('Standard Profiles'!$G$18=$B$24,21,0),MOD($C835,24)+1)/SUM(INDEX($D$3:$AA$30,INDEX(Jesper!$R$2:$R$366,ROW(INDEX(Jesper!AH$2:AH$366,ROUNDDOWN($C835/24,0)+1,1))-1)+IF('Standard Profiles'!$G$18=$B$10,7,0)+IF('Standard Profiles'!$G$18=$B$17,14,0)+IF('Standard Profiles'!$G$18=$B$24,21,0),0)),0)</f>
        <v>32.867789572314649</v>
      </c>
      <c r="E835" cm="1">
        <f t="array" ref="E835">IFERROR(INDEX(Jesper!AI$2:AI$366,ROUNDDOWN($C835/24,0)+1,1)*INDEX($D$3:$AA$30,INDEX(Jesper!$R$2:$R$366,ROW(INDEX(Jesper!AI$2:AI$366,ROUNDDOWN($C835/24,0)+1,1))-1)+IF('Standard Profiles'!$G$19=$B$10,7,0)+IF('Standard Profiles'!$G$19=$B$17,14,0)+IF('Standard Profiles'!$G$19=$B$24,21,0),MOD($C835,24)+1)/SUM(INDEX($D$3:$AA$30,INDEX(Jesper!$R$2:$R$366,ROW(INDEX(Jesper!AI$2:AI$366,ROUNDDOWN($C835/24,0)+1,1))-1)+IF('Standard Profiles'!$G$19=$B$10,7,0)+IF('Standard Profiles'!$G$19=$B$17,14,0)+IF('Standard Profiles'!$G$19=$B$24,21,0),0)),0)</f>
        <v>37.194902190721365</v>
      </c>
      <c r="F835" cm="1">
        <f t="array" ref="F835">IFERROR(INDEX(Jesper!AJ$2:AJ$366,ROUNDDOWN($C835/24,0)+1,1)*INDEX($D$3:$AA$30,INDEX(Jesper!$R$2:$R$366,ROW(INDEX(Jesper!AJ$2:AJ$366,ROUNDDOWN($C835/24,0)+1,1))-1)+IF('Standard Profiles'!$G$20=$B$10,7,0)+IF('Standard Profiles'!$G$20=$B$17,14,0)+IF('Standard Profiles'!$G$20=$B$24,21,0),MOD($C835,24)+1)/SUM(INDEX($D$3:$AA$30,INDEX(Jesper!$R$2:$R$366,ROW(INDEX(Jesper!AJ$2:AJ$366,ROUNDDOWN($C835/24,0)+1,1))-1)+IF('Standard Profiles'!$G$20=$B$10,7,0)+IF('Standard Profiles'!$G$20=$B$17,14,0)+IF('Standard Profiles'!$G$20=$B$24,21,0),0)),0)</f>
        <v>0</v>
      </c>
      <c r="G835" cm="1">
        <f t="array" ref="G835">IFERROR(INDEX(Jesper!AK$2:AK$366,ROUNDDOWN($C835/24,0)+1,1)*INDEX($D$3:$AA$30,INDEX(Jesper!$R$2:$R$366,ROW(INDEX(Jesper!AK$2:AK$366,ROUNDDOWN($C835/24,0)+1,1))-1)+IF('Standard Profiles'!$G$21=$B$10,7,0)+IF('Standard Profiles'!$G$21=$B$17,14,0)+IF('Standard Profiles'!$G$21=$B$24,21,0),MOD($C835,24)+1)/SUM(INDEX($D$3:$AA$30,INDEX(Jesper!$R$2:$R$366,ROW(INDEX(Jesper!AK$2:AK$366,ROUNDDOWN($C835/24,0)+1,1))-1)+IF('Standard Profiles'!$G$21=$B$10,7,0)+IF('Standard Profiles'!$G$21=$B$17,14,0)+IF('Standard Profiles'!$G$21=$B$24,21,0),0)),0)</f>
        <v>29.030522152504286</v>
      </c>
      <c r="H835" cm="1">
        <f t="array" ref="H835">IFERROR(INDEX(Jesper!AL$2:AL$366,ROUNDDOWN($C835/24,0)+1,1)*INDEX($D$3:$AA$30,INDEX(Jesper!$R$2:$R$366,ROW(INDEX(Jesper!AL$2:AL$366,ROUNDDOWN($C835/24,0)+1,1))-1)+IF('Standard Profiles'!$G$22=$B$10,7,0)+IF('Standard Profiles'!$G$22=$B$17,14,0)+IF('Standard Profiles'!$G$22=$B$24,21,0),MOD($C835,24)+1)/SUM(INDEX($D$3:$AA$30,INDEX(Jesper!$R$2:$R$366,ROW(INDEX(Jesper!AL$2:AL$366,ROUNDDOWN($C835/24,0)+1,1))-1)+IF('Standard Profiles'!$G$22=$B$10,7,0)+IF('Standard Profiles'!$G$22=$B$17,14,0)+IF('Standard Profiles'!$G$22=$B$24,21,0),0)),0)</f>
        <v>0</v>
      </c>
      <c r="I835">
        <f t="shared" si="104"/>
        <v>13.93465063320205</v>
      </c>
      <c r="J835">
        <f t="shared" si="105"/>
        <v>79.89971695076791</v>
      </c>
      <c r="K835">
        <f t="shared" si="106"/>
        <v>3.5058975543802293</v>
      </c>
      <c r="L835">
        <f t="shared" si="107"/>
        <v>1.7529487771901147</v>
      </c>
      <c r="M835">
        <f t="shared" si="108"/>
        <v>0</v>
      </c>
      <c r="N835" s="45">
        <f t="shared" si="109"/>
        <v>44960.374999998057</v>
      </c>
    </row>
    <row r="836" spans="2:14" x14ac:dyDescent="0.25">
      <c r="B836">
        <f t="shared" si="103"/>
        <v>5</v>
      </c>
      <c r="C836" s="16">
        <v>802</v>
      </c>
      <c r="D836" cm="1">
        <f t="array" ref="D836">IFERROR(INDEX(Jesper!AH$2:AH$366,ROUNDDOWN($C836/24,0)+1,1)*INDEX($D$3:$AA$30,INDEX(Jesper!$R$2:$R$366,ROW(INDEX(Jesper!AH$2:AH$366,ROUNDDOWN($C836/24,0)+1,1))-1)+IF('Standard Profiles'!$G$18=$B$10,7,0)+IF('Standard Profiles'!$G$18=$B$17,14,0)+IF('Standard Profiles'!$G$18=$B$24,21,0),MOD($C836,24)+1)/SUM(INDEX($D$3:$AA$30,INDEX(Jesper!$R$2:$R$366,ROW(INDEX(Jesper!AH$2:AH$366,ROUNDDOWN($C836/24,0)+1,1))-1)+IF('Standard Profiles'!$G$18=$B$10,7,0)+IF('Standard Profiles'!$G$18=$B$17,14,0)+IF('Standard Profiles'!$G$18=$B$24,21,0),0)),0)</f>
        <v>32.867789572314649</v>
      </c>
      <c r="E836" cm="1">
        <f t="array" ref="E836">IFERROR(INDEX(Jesper!AI$2:AI$366,ROUNDDOWN($C836/24,0)+1,1)*INDEX($D$3:$AA$30,INDEX(Jesper!$R$2:$R$366,ROW(INDEX(Jesper!AI$2:AI$366,ROUNDDOWN($C836/24,0)+1,1))-1)+IF('Standard Profiles'!$G$19=$B$10,7,0)+IF('Standard Profiles'!$G$19=$B$17,14,0)+IF('Standard Profiles'!$G$19=$B$24,21,0),MOD($C836,24)+1)/SUM(INDEX($D$3:$AA$30,INDEX(Jesper!$R$2:$R$366,ROW(INDEX(Jesper!AI$2:AI$366,ROUNDDOWN($C836/24,0)+1,1))-1)+IF('Standard Profiles'!$G$19=$B$10,7,0)+IF('Standard Profiles'!$G$19=$B$17,14,0)+IF('Standard Profiles'!$G$19=$B$24,21,0),0)),0)</f>
        <v>37.194902190721365</v>
      </c>
      <c r="F836" cm="1">
        <f t="array" ref="F836">IFERROR(INDEX(Jesper!AJ$2:AJ$366,ROUNDDOWN($C836/24,0)+1,1)*INDEX($D$3:$AA$30,INDEX(Jesper!$R$2:$R$366,ROW(INDEX(Jesper!AJ$2:AJ$366,ROUNDDOWN($C836/24,0)+1,1))-1)+IF('Standard Profiles'!$G$20=$B$10,7,0)+IF('Standard Profiles'!$G$20=$B$17,14,0)+IF('Standard Profiles'!$G$20=$B$24,21,0),MOD($C836,24)+1)/SUM(INDEX($D$3:$AA$30,INDEX(Jesper!$R$2:$R$366,ROW(INDEX(Jesper!AJ$2:AJ$366,ROUNDDOWN($C836/24,0)+1,1))-1)+IF('Standard Profiles'!$G$20=$B$10,7,0)+IF('Standard Profiles'!$G$20=$B$17,14,0)+IF('Standard Profiles'!$G$20=$B$24,21,0),0)),0)</f>
        <v>0</v>
      </c>
      <c r="G836" cm="1">
        <f t="array" ref="G836">IFERROR(INDEX(Jesper!AK$2:AK$366,ROUNDDOWN($C836/24,0)+1,1)*INDEX($D$3:$AA$30,INDEX(Jesper!$R$2:$R$366,ROW(INDEX(Jesper!AK$2:AK$366,ROUNDDOWN($C836/24,0)+1,1))-1)+IF('Standard Profiles'!$G$21=$B$10,7,0)+IF('Standard Profiles'!$G$21=$B$17,14,0)+IF('Standard Profiles'!$G$21=$B$24,21,0),MOD($C836,24)+1)/SUM(INDEX($D$3:$AA$30,INDEX(Jesper!$R$2:$R$366,ROW(INDEX(Jesper!AK$2:AK$366,ROUNDDOWN($C836/24,0)+1,1))-1)+IF('Standard Profiles'!$G$21=$B$10,7,0)+IF('Standard Profiles'!$G$21=$B$17,14,0)+IF('Standard Profiles'!$G$21=$B$24,21,0),0)),0)</f>
        <v>29.030522152504286</v>
      </c>
      <c r="H836" cm="1">
        <f t="array" ref="H836">IFERROR(INDEX(Jesper!AL$2:AL$366,ROUNDDOWN($C836/24,0)+1,1)*INDEX($D$3:$AA$30,INDEX(Jesper!$R$2:$R$366,ROW(INDEX(Jesper!AL$2:AL$366,ROUNDDOWN($C836/24,0)+1,1))-1)+IF('Standard Profiles'!$G$22=$B$10,7,0)+IF('Standard Profiles'!$G$22=$B$17,14,0)+IF('Standard Profiles'!$G$22=$B$24,21,0),MOD($C836,24)+1)/SUM(INDEX($D$3:$AA$30,INDEX(Jesper!$R$2:$R$366,ROW(INDEX(Jesper!AL$2:AL$366,ROUNDDOWN($C836/24,0)+1,1))-1)+IF('Standard Profiles'!$G$22=$B$10,7,0)+IF('Standard Profiles'!$G$22=$B$17,14,0)+IF('Standard Profiles'!$G$22=$B$24,21,0),0)),0)</f>
        <v>0</v>
      </c>
      <c r="I836">
        <f t="shared" si="104"/>
        <v>13.93465063320205</v>
      </c>
      <c r="J836">
        <f t="shared" si="105"/>
        <v>79.89971695076791</v>
      </c>
      <c r="K836">
        <f t="shared" si="106"/>
        <v>3.5058975543802293</v>
      </c>
      <c r="L836">
        <f t="shared" si="107"/>
        <v>1.7529487771901147</v>
      </c>
      <c r="M836">
        <f t="shared" si="108"/>
        <v>0</v>
      </c>
      <c r="N836" s="45">
        <f t="shared" si="109"/>
        <v>44960.416666664722</v>
      </c>
    </row>
    <row r="837" spans="2:14" x14ac:dyDescent="0.25">
      <c r="B837">
        <f t="shared" si="103"/>
        <v>5</v>
      </c>
      <c r="C837" s="16">
        <v>803</v>
      </c>
      <c r="D837" cm="1">
        <f t="array" ref="D837">IFERROR(INDEX(Jesper!AH$2:AH$366,ROUNDDOWN($C837/24,0)+1,1)*INDEX($D$3:$AA$30,INDEX(Jesper!$R$2:$R$366,ROW(INDEX(Jesper!AH$2:AH$366,ROUNDDOWN($C837/24,0)+1,1))-1)+IF('Standard Profiles'!$G$18=$B$10,7,0)+IF('Standard Profiles'!$G$18=$B$17,14,0)+IF('Standard Profiles'!$G$18=$B$24,21,0),MOD($C837,24)+1)/SUM(INDEX($D$3:$AA$30,INDEX(Jesper!$R$2:$R$366,ROW(INDEX(Jesper!AH$2:AH$366,ROUNDDOWN($C837/24,0)+1,1))-1)+IF('Standard Profiles'!$G$18=$B$10,7,0)+IF('Standard Profiles'!$G$18=$B$17,14,0)+IF('Standard Profiles'!$G$18=$B$24,21,0),0)),0)</f>
        <v>38.843751312735492</v>
      </c>
      <c r="E837" cm="1">
        <f t="array" ref="E837">IFERROR(INDEX(Jesper!AI$2:AI$366,ROUNDDOWN($C837/24,0)+1,1)*INDEX($D$3:$AA$30,INDEX(Jesper!$R$2:$R$366,ROW(INDEX(Jesper!AI$2:AI$366,ROUNDDOWN($C837/24,0)+1,1))-1)+IF('Standard Profiles'!$G$19=$B$10,7,0)+IF('Standard Profiles'!$G$19=$B$17,14,0)+IF('Standard Profiles'!$G$19=$B$24,21,0),MOD($C837,24)+1)/SUM(INDEX($D$3:$AA$30,INDEX(Jesper!$R$2:$R$366,ROW(INDEX(Jesper!AI$2:AI$366,ROUNDDOWN($C837/24,0)+1,1))-1)+IF('Standard Profiles'!$G$19=$B$10,7,0)+IF('Standard Profiles'!$G$19=$B$17,14,0)+IF('Standard Profiles'!$G$19=$B$24,21,0),0)),0)</f>
        <v>43.957611679943426</v>
      </c>
      <c r="F837" cm="1">
        <f t="array" ref="F837">IFERROR(INDEX(Jesper!AJ$2:AJ$366,ROUNDDOWN($C837/24,0)+1,1)*INDEX($D$3:$AA$30,INDEX(Jesper!$R$2:$R$366,ROW(INDEX(Jesper!AJ$2:AJ$366,ROUNDDOWN($C837/24,0)+1,1))-1)+IF('Standard Profiles'!$G$20=$B$10,7,0)+IF('Standard Profiles'!$G$20=$B$17,14,0)+IF('Standard Profiles'!$G$20=$B$24,21,0),MOD($C837,24)+1)/SUM(INDEX($D$3:$AA$30,INDEX(Jesper!$R$2:$R$366,ROW(INDEX(Jesper!AJ$2:AJ$366,ROUNDDOWN($C837/24,0)+1,1))-1)+IF('Standard Profiles'!$G$20=$B$10,7,0)+IF('Standard Profiles'!$G$20=$B$17,14,0)+IF('Standard Profiles'!$G$20=$B$24,21,0),0)),0)</f>
        <v>0</v>
      </c>
      <c r="G837" cm="1">
        <f t="array" ref="G837">IFERROR(INDEX(Jesper!AK$2:AK$366,ROUNDDOWN($C837/24,0)+1,1)*INDEX($D$3:$AA$30,INDEX(Jesper!$R$2:$R$366,ROW(INDEX(Jesper!AK$2:AK$366,ROUNDDOWN($C837/24,0)+1,1))-1)+IF('Standard Profiles'!$G$21=$B$10,7,0)+IF('Standard Profiles'!$G$21=$B$17,14,0)+IF('Standard Profiles'!$G$21=$B$24,21,0),MOD($C837,24)+1)/SUM(INDEX($D$3:$AA$30,INDEX(Jesper!$R$2:$R$366,ROW(INDEX(Jesper!AK$2:AK$366,ROUNDDOWN($C837/24,0)+1,1))-1)+IF('Standard Profiles'!$G$21=$B$10,7,0)+IF('Standard Profiles'!$G$21=$B$17,14,0)+IF('Standard Profiles'!$G$21=$B$24,21,0),0)),0)</f>
        <v>34.308798907505064</v>
      </c>
      <c r="H837" cm="1">
        <f t="array" ref="H837">IFERROR(INDEX(Jesper!AL$2:AL$366,ROUNDDOWN($C837/24,0)+1,1)*INDEX($D$3:$AA$30,INDEX(Jesper!$R$2:$R$366,ROW(INDEX(Jesper!AL$2:AL$366,ROUNDDOWN($C837/24,0)+1,1))-1)+IF('Standard Profiles'!$G$22=$B$10,7,0)+IF('Standard Profiles'!$G$22=$B$17,14,0)+IF('Standard Profiles'!$G$22=$B$24,21,0),MOD($C837,24)+1)/SUM(INDEX($D$3:$AA$30,INDEX(Jesper!$R$2:$R$366,ROW(INDEX(Jesper!AL$2:AL$366,ROUNDDOWN($C837/24,0)+1,1))-1)+IF('Standard Profiles'!$G$22=$B$10,7,0)+IF('Standard Profiles'!$G$22=$B$17,14,0)+IF('Standard Profiles'!$G$22=$B$24,21,0),0)),0)</f>
        <v>0</v>
      </c>
      <c r="I837">
        <f t="shared" si="104"/>
        <v>16.468223475602422</v>
      </c>
      <c r="J837">
        <f t="shared" si="105"/>
        <v>94.426938214543867</v>
      </c>
      <c r="K837">
        <f t="shared" si="106"/>
        <v>4.143333473358453</v>
      </c>
      <c r="L837">
        <f t="shared" si="107"/>
        <v>2.0716667366792265</v>
      </c>
      <c r="M837">
        <f t="shared" si="108"/>
        <v>0</v>
      </c>
      <c r="N837" s="45">
        <f t="shared" si="109"/>
        <v>44960.458333331386</v>
      </c>
    </row>
    <row r="838" spans="2:14" x14ac:dyDescent="0.25">
      <c r="B838">
        <f t="shared" si="103"/>
        <v>5</v>
      </c>
      <c r="C838" s="16">
        <v>804</v>
      </c>
      <c r="D838" cm="1">
        <f t="array" ref="D838">IFERROR(INDEX(Jesper!AH$2:AH$366,ROUNDDOWN($C838/24,0)+1,1)*INDEX($D$3:$AA$30,INDEX(Jesper!$R$2:$R$366,ROW(INDEX(Jesper!AH$2:AH$366,ROUNDDOWN($C838/24,0)+1,1))-1)+IF('Standard Profiles'!$G$18=$B$10,7,0)+IF('Standard Profiles'!$G$18=$B$17,14,0)+IF('Standard Profiles'!$G$18=$B$24,21,0),MOD($C838,24)+1)/SUM(INDEX($D$3:$AA$30,INDEX(Jesper!$R$2:$R$366,ROW(INDEX(Jesper!AH$2:AH$366,ROUNDDOWN($C838/24,0)+1,1))-1)+IF('Standard Profiles'!$G$18=$B$10,7,0)+IF('Standard Profiles'!$G$18=$B$17,14,0)+IF('Standard Profiles'!$G$18=$B$24,21,0),0)),0)</f>
        <v>38.843751312735492</v>
      </c>
      <c r="E838" cm="1">
        <f t="array" ref="E838">IFERROR(INDEX(Jesper!AI$2:AI$366,ROUNDDOWN($C838/24,0)+1,1)*INDEX($D$3:$AA$30,INDEX(Jesper!$R$2:$R$366,ROW(INDEX(Jesper!AI$2:AI$366,ROUNDDOWN($C838/24,0)+1,1))-1)+IF('Standard Profiles'!$G$19=$B$10,7,0)+IF('Standard Profiles'!$G$19=$B$17,14,0)+IF('Standard Profiles'!$G$19=$B$24,21,0),MOD($C838,24)+1)/SUM(INDEX($D$3:$AA$30,INDEX(Jesper!$R$2:$R$366,ROW(INDEX(Jesper!AI$2:AI$366,ROUNDDOWN($C838/24,0)+1,1))-1)+IF('Standard Profiles'!$G$19=$B$10,7,0)+IF('Standard Profiles'!$G$19=$B$17,14,0)+IF('Standard Profiles'!$G$19=$B$24,21,0),0)),0)</f>
        <v>43.957611679943426</v>
      </c>
      <c r="F838" cm="1">
        <f t="array" ref="F838">IFERROR(INDEX(Jesper!AJ$2:AJ$366,ROUNDDOWN($C838/24,0)+1,1)*INDEX($D$3:$AA$30,INDEX(Jesper!$R$2:$R$366,ROW(INDEX(Jesper!AJ$2:AJ$366,ROUNDDOWN($C838/24,0)+1,1))-1)+IF('Standard Profiles'!$G$20=$B$10,7,0)+IF('Standard Profiles'!$G$20=$B$17,14,0)+IF('Standard Profiles'!$G$20=$B$24,21,0),MOD($C838,24)+1)/SUM(INDEX($D$3:$AA$30,INDEX(Jesper!$R$2:$R$366,ROW(INDEX(Jesper!AJ$2:AJ$366,ROUNDDOWN($C838/24,0)+1,1))-1)+IF('Standard Profiles'!$G$20=$B$10,7,0)+IF('Standard Profiles'!$G$20=$B$17,14,0)+IF('Standard Profiles'!$G$20=$B$24,21,0),0)),0)</f>
        <v>0</v>
      </c>
      <c r="G838" cm="1">
        <f t="array" ref="G838">IFERROR(INDEX(Jesper!AK$2:AK$366,ROUNDDOWN($C838/24,0)+1,1)*INDEX($D$3:$AA$30,INDEX(Jesper!$R$2:$R$366,ROW(INDEX(Jesper!AK$2:AK$366,ROUNDDOWN($C838/24,0)+1,1))-1)+IF('Standard Profiles'!$G$21=$B$10,7,0)+IF('Standard Profiles'!$G$21=$B$17,14,0)+IF('Standard Profiles'!$G$21=$B$24,21,0),MOD($C838,24)+1)/SUM(INDEX($D$3:$AA$30,INDEX(Jesper!$R$2:$R$366,ROW(INDEX(Jesper!AK$2:AK$366,ROUNDDOWN($C838/24,0)+1,1))-1)+IF('Standard Profiles'!$G$21=$B$10,7,0)+IF('Standard Profiles'!$G$21=$B$17,14,0)+IF('Standard Profiles'!$G$21=$B$24,21,0),0)),0)</f>
        <v>34.308798907505064</v>
      </c>
      <c r="H838" cm="1">
        <f t="array" ref="H838">IFERROR(INDEX(Jesper!AL$2:AL$366,ROUNDDOWN($C838/24,0)+1,1)*INDEX($D$3:$AA$30,INDEX(Jesper!$R$2:$R$366,ROW(INDEX(Jesper!AL$2:AL$366,ROUNDDOWN($C838/24,0)+1,1))-1)+IF('Standard Profiles'!$G$22=$B$10,7,0)+IF('Standard Profiles'!$G$22=$B$17,14,0)+IF('Standard Profiles'!$G$22=$B$24,21,0),MOD($C838,24)+1)/SUM(INDEX($D$3:$AA$30,INDEX(Jesper!$R$2:$R$366,ROW(INDEX(Jesper!AL$2:AL$366,ROUNDDOWN($C838/24,0)+1,1))-1)+IF('Standard Profiles'!$G$22=$B$10,7,0)+IF('Standard Profiles'!$G$22=$B$17,14,0)+IF('Standard Profiles'!$G$22=$B$24,21,0),0)),0)</f>
        <v>0</v>
      </c>
      <c r="I838">
        <f t="shared" si="104"/>
        <v>16.468223475602422</v>
      </c>
      <c r="J838">
        <f t="shared" si="105"/>
        <v>94.426938214543867</v>
      </c>
      <c r="K838">
        <f t="shared" si="106"/>
        <v>4.143333473358453</v>
      </c>
      <c r="L838">
        <f t="shared" si="107"/>
        <v>2.0716667366792265</v>
      </c>
      <c r="M838">
        <f t="shared" si="108"/>
        <v>0</v>
      </c>
      <c r="N838" s="45">
        <f t="shared" si="109"/>
        <v>44960.49999999805</v>
      </c>
    </row>
    <row r="839" spans="2:14" x14ac:dyDescent="0.25">
      <c r="B839">
        <f t="shared" si="103"/>
        <v>5</v>
      </c>
      <c r="C839" s="16">
        <v>805</v>
      </c>
      <c r="D839" cm="1">
        <f t="array" ref="D839">IFERROR(INDEX(Jesper!AH$2:AH$366,ROUNDDOWN($C839/24,0)+1,1)*INDEX($D$3:$AA$30,INDEX(Jesper!$R$2:$R$366,ROW(INDEX(Jesper!AH$2:AH$366,ROUNDDOWN($C839/24,0)+1,1))-1)+IF('Standard Profiles'!$G$18=$B$10,7,0)+IF('Standard Profiles'!$G$18=$B$17,14,0)+IF('Standard Profiles'!$G$18=$B$24,21,0),MOD($C839,24)+1)/SUM(INDEX($D$3:$AA$30,INDEX(Jesper!$R$2:$R$366,ROW(INDEX(Jesper!AH$2:AH$366,ROUNDDOWN($C839/24,0)+1,1))-1)+IF('Standard Profiles'!$G$18=$B$10,7,0)+IF('Standard Profiles'!$G$18=$B$17,14,0)+IF('Standard Profiles'!$G$18=$B$24,21,0),0)),0)</f>
        <v>26.891827831893803</v>
      </c>
      <c r="E839" cm="1">
        <f t="array" ref="E839">IFERROR(INDEX(Jesper!AI$2:AI$366,ROUNDDOWN($C839/24,0)+1,1)*INDEX($D$3:$AA$30,INDEX(Jesper!$R$2:$R$366,ROW(INDEX(Jesper!AI$2:AI$366,ROUNDDOWN($C839/24,0)+1,1))-1)+IF('Standard Profiles'!$G$19=$B$10,7,0)+IF('Standard Profiles'!$G$19=$B$17,14,0)+IF('Standard Profiles'!$G$19=$B$24,21,0),MOD($C839,24)+1)/SUM(INDEX($D$3:$AA$30,INDEX(Jesper!$R$2:$R$366,ROW(INDEX(Jesper!AI$2:AI$366,ROUNDDOWN($C839/24,0)+1,1))-1)+IF('Standard Profiles'!$G$19=$B$10,7,0)+IF('Standard Profiles'!$G$19=$B$17,14,0)+IF('Standard Profiles'!$G$19=$B$24,21,0),0)),0)</f>
        <v>30.432192701499297</v>
      </c>
      <c r="F839" cm="1">
        <f t="array" ref="F839">IFERROR(INDEX(Jesper!AJ$2:AJ$366,ROUNDDOWN($C839/24,0)+1,1)*INDEX($D$3:$AA$30,INDEX(Jesper!$R$2:$R$366,ROW(INDEX(Jesper!AJ$2:AJ$366,ROUNDDOWN($C839/24,0)+1,1))-1)+IF('Standard Profiles'!$G$20=$B$10,7,0)+IF('Standard Profiles'!$G$20=$B$17,14,0)+IF('Standard Profiles'!$G$20=$B$24,21,0),MOD($C839,24)+1)/SUM(INDEX($D$3:$AA$30,INDEX(Jesper!$R$2:$R$366,ROW(INDEX(Jesper!AJ$2:AJ$366,ROUNDDOWN($C839/24,0)+1,1))-1)+IF('Standard Profiles'!$G$20=$B$10,7,0)+IF('Standard Profiles'!$G$20=$B$17,14,0)+IF('Standard Profiles'!$G$20=$B$24,21,0),0)),0)</f>
        <v>0</v>
      </c>
      <c r="G839" cm="1">
        <f t="array" ref="G839">IFERROR(INDEX(Jesper!AK$2:AK$366,ROUNDDOWN($C839/24,0)+1,1)*INDEX($D$3:$AA$30,INDEX(Jesper!$R$2:$R$366,ROW(INDEX(Jesper!AK$2:AK$366,ROUNDDOWN($C839/24,0)+1,1))-1)+IF('Standard Profiles'!$G$21=$B$10,7,0)+IF('Standard Profiles'!$G$21=$B$17,14,0)+IF('Standard Profiles'!$G$21=$B$24,21,0),MOD($C839,24)+1)/SUM(INDEX($D$3:$AA$30,INDEX(Jesper!$R$2:$R$366,ROW(INDEX(Jesper!AK$2:AK$366,ROUNDDOWN($C839/24,0)+1,1))-1)+IF('Standard Profiles'!$G$21=$B$10,7,0)+IF('Standard Profiles'!$G$21=$B$17,14,0)+IF('Standard Profiles'!$G$21=$B$24,21,0),0)),0)</f>
        <v>23.752245397503508</v>
      </c>
      <c r="H839" cm="1">
        <f t="array" ref="H839">IFERROR(INDEX(Jesper!AL$2:AL$366,ROUNDDOWN($C839/24,0)+1,1)*INDEX($D$3:$AA$30,INDEX(Jesper!$R$2:$R$366,ROW(INDEX(Jesper!AL$2:AL$366,ROUNDDOWN($C839/24,0)+1,1))-1)+IF('Standard Profiles'!$G$22=$B$10,7,0)+IF('Standard Profiles'!$G$22=$B$17,14,0)+IF('Standard Profiles'!$G$22=$B$24,21,0),MOD($C839,24)+1)/SUM(INDEX($D$3:$AA$30,INDEX(Jesper!$R$2:$R$366,ROW(INDEX(Jesper!AL$2:AL$366,ROUNDDOWN($C839/24,0)+1,1))-1)+IF('Standard Profiles'!$G$22=$B$10,7,0)+IF('Standard Profiles'!$G$22=$B$17,14,0)+IF('Standard Profiles'!$G$22=$B$24,21,0),0)),0)</f>
        <v>0</v>
      </c>
      <c r="I839">
        <f t="shared" si="104"/>
        <v>11.401077790801677</v>
      </c>
      <c r="J839">
        <f t="shared" si="105"/>
        <v>65.372495686991925</v>
      </c>
      <c r="K839">
        <f t="shared" si="106"/>
        <v>2.8684616354020056</v>
      </c>
      <c r="L839">
        <f t="shared" si="107"/>
        <v>1.4342308177010028</v>
      </c>
      <c r="M839">
        <f t="shared" si="108"/>
        <v>0</v>
      </c>
      <c r="N839" s="45">
        <f t="shared" si="109"/>
        <v>44960.541666664714</v>
      </c>
    </row>
    <row r="840" spans="2:14" x14ac:dyDescent="0.25">
      <c r="B840">
        <f t="shared" si="103"/>
        <v>5</v>
      </c>
      <c r="C840" s="16">
        <v>806</v>
      </c>
      <c r="D840" cm="1">
        <f t="array" ref="D840">IFERROR(INDEX(Jesper!AH$2:AH$366,ROUNDDOWN($C840/24,0)+1,1)*INDEX($D$3:$AA$30,INDEX(Jesper!$R$2:$R$366,ROW(INDEX(Jesper!AH$2:AH$366,ROUNDDOWN($C840/24,0)+1,1))-1)+IF('Standard Profiles'!$G$18=$B$10,7,0)+IF('Standard Profiles'!$G$18=$B$17,14,0)+IF('Standard Profiles'!$G$18=$B$24,21,0),MOD($C840,24)+1)/SUM(INDEX($D$3:$AA$30,INDEX(Jesper!$R$2:$R$366,ROW(INDEX(Jesper!AH$2:AH$366,ROUNDDOWN($C840/24,0)+1,1))-1)+IF('Standard Profiles'!$G$18=$B$10,7,0)+IF('Standard Profiles'!$G$18=$B$17,14,0)+IF('Standard Profiles'!$G$18=$B$24,21,0),0)),0)</f>
        <v>38.843751312735492</v>
      </c>
      <c r="E840" cm="1">
        <f t="array" ref="E840">IFERROR(INDEX(Jesper!AI$2:AI$366,ROUNDDOWN($C840/24,0)+1,1)*INDEX($D$3:$AA$30,INDEX(Jesper!$R$2:$R$366,ROW(INDEX(Jesper!AI$2:AI$366,ROUNDDOWN($C840/24,0)+1,1))-1)+IF('Standard Profiles'!$G$19=$B$10,7,0)+IF('Standard Profiles'!$G$19=$B$17,14,0)+IF('Standard Profiles'!$G$19=$B$24,21,0),MOD($C840,24)+1)/SUM(INDEX($D$3:$AA$30,INDEX(Jesper!$R$2:$R$366,ROW(INDEX(Jesper!AI$2:AI$366,ROUNDDOWN($C840/24,0)+1,1))-1)+IF('Standard Profiles'!$G$19=$B$10,7,0)+IF('Standard Profiles'!$G$19=$B$17,14,0)+IF('Standard Profiles'!$G$19=$B$24,21,0),0)),0)</f>
        <v>43.957611679943426</v>
      </c>
      <c r="F840" cm="1">
        <f t="array" ref="F840">IFERROR(INDEX(Jesper!AJ$2:AJ$366,ROUNDDOWN($C840/24,0)+1,1)*INDEX($D$3:$AA$30,INDEX(Jesper!$R$2:$R$366,ROW(INDEX(Jesper!AJ$2:AJ$366,ROUNDDOWN($C840/24,0)+1,1))-1)+IF('Standard Profiles'!$G$20=$B$10,7,0)+IF('Standard Profiles'!$G$20=$B$17,14,0)+IF('Standard Profiles'!$G$20=$B$24,21,0),MOD($C840,24)+1)/SUM(INDEX($D$3:$AA$30,INDEX(Jesper!$R$2:$R$366,ROW(INDEX(Jesper!AJ$2:AJ$366,ROUNDDOWN($C840/24,0)+1,1))-1)+IF('Standard Profiles'!$G$20=$B$10,7,0)+IF('Standard Profiles'!$G$20=$B$17,14,0)+IF('Standard Profiles'!$G$20=$B$24,21,0),0)),0)</f>
        <v>0</v>
      </c>
      <c r="G840" cm="1">
        <f t="array" ref="G840">IFERROR(INDEX(Jesper!AK$2:AK$366,ROUNDDOWN($C840/24,0)+1,1)*INDEX($D$3:$AA$30,INDEX(Jesper!$R$2:$R$366,ROW(INDEX(Jesper!AK$2:AK$366,ROUNDDOWN($C840/24,0)+1,1))-1)+IF('Standard Profiles'!$G$21=$B$10,7,0)+IF('Standard Profiles'!$G$21=$B$17,14,0)+IF('Standard Profiles'!$G$21=$B$24,21,0),MOD($C840,24)+1)/SUM(INDEX($D$3:$AA$30,INDEX(Jesper!$R$2:$R$366,ROW(INDEX(Jesper!AK$2:AK$366,ROUNDDOWN($C840/24,0)+1,1))-1)+IF('Standard Profiles'!$G$21=$B$10,7,0)+IF('Standard Profiles'!$G$21=$B$17,14,0)+IF('Standard Profiles'!$G$21=$B$24,21,0),0)),0)</f>
        <v>34.308798907505064</v>
      </c>
      <c r="H840" cm="1">
        <f t="array" ref="H840">IFERROR(INDEX(Jesper!AL$2:AL$366,ROUNDDOWN($C840/24,0)+1,1)*INDEX($D$3:$AA$30,INDEX(Jesper!$R$2:$R$366,ROW(INDEX(Jesper!AL$2:AL$366,ROUNDDOWN($C840/24,0)+1,1))-1)+IF('Standard Profiles'!$G$22=$B$10,7,0)+IF('Standard Profiles'!$G$22=$B$17,14,0)+IF('Standard Profiles'!$G$22=$B$24,21,0),MOD($C840,24)+1)/SUM(INDEX($D$3:$AA$30,INDEX(Jesper!$R$2:$R$366,ROW(INDEX(Jesper!AL$2:AL$366,ROUNDDOWN($C840/24,0)+1,1))-1)+IF('Standard Profiles'!$G$22=$B$10,7,0)+IF('Standard Profiles'!$G$22=$B$17,14,0)+IF('Standard Profiles'!$G$22=$B$24,21,0),0)),0)</f>
        <v>0</v>
      </c>
      <c r="I840">
        <f t="shared" si="104"/>
        <v>16.468223475602422</v>
      </c>
      <c r="J840">
        <f t="shared" si="105"/>
        <v>94.426938214543867</v>
      </c>
      <c r="K840">
        <f t="shared" si="106"/>
        <v>4.143333473358453</v>
      </c>
      <c r="L840">
        <f t="shared" si="107"/>
        <v>2.0716667366792265</v>
      </c>
      <c r="M840">
        <f t="shared" si="108"/>
        <v>0</v>
      </c>
      <c r="N840" s="45">
        <f t="shared" si="109"/>
        <v>44960.583333331379</v>
      </c>
    </row>
    <row r="841" spans="2:14" x14ac:dyDescent="0.25">
      <c r="B841">
        <f t="shared" si="103"/>
        <v>5</v>
      </c>
      <c r="C841" s="16">
        <v>807</v>
      </c>
      <c r="D841" cm="1">
        <f t="array" ref="D841">IFERROR(INDEX(Jesper!AH$2:AH$366,ROUNDDOWN($C841/24,0)+1,1)*INDEX($D$3:$AA$30,INDEX(Jesper!$R$2:$R$366,ROW(INDEX(Jesper!AH$2:AH$366,ROUNDDOWN($C841/24,0)+1,1))-1)+IF('Standard Profiles'!$G$18=$B$10,7,0)+IF('Standard Profiles'!$G$18=$B$17,14,0)+IF('Standard Profiles'!$G$18=$B$24,21,0),MOD($C841,24)+1)/SUM(INDEX($D$3:$AA$30,INDEX(Jesper!$R$2:$R$366,ROW(INDEX(Jesper!AH$2:AH$366,ROUNDDOWN($C841/24,0)+1,1))-1)+IF('Standard Profiles'!$G$18=$B$10,7,0)+IF('Standard Profiles'!$G$18=$B$17,14,0)+IF('Standard Profiles'!$G$18=$B$24,21,0),0)),0)</f>
        <v>29.879808702104228</v>
      </c>
      <c r="E841" cm="1">
        <f t="array" ref="E841">IFERROR(INDEX(Jesper!AI$2:AI$366,ROUNDDOWN($C841/24,0)+1,1)*INDEX($D$3:$AA$30,INDEX(Jesper!$R$2:$R$366,ROW(INDEX(Jesper!AI$2:AI$366,ROUNDDOWN($C841/24,0)+1,1))-1)+IF('Standard Profiles'!$G$19=$B$10,7,0)+IF('Standard Profiles'!$G$19=$B$17,14,0)+IF('Standard Profiles'!$G$19=$B$24,21,0),MOD($C841,24)+1)/SUM(INDEX($D$3:$AA$30,INDEX(Jesper!$R$2:$R$366,ROW(INDEX(Jesper!AI$2:AI$366,ROUNDDOWN($C841/24,0)+1,1))-1)+IF('Standard Profiles'!$G$19=$B$10,7,0)+IF('Standard Profiles'!$G$19=$B$17,14,0)+IF('Standard Profiles'!$G$19=$B$24,21,0),0)),0)</f>
        <v>33.813547446110327</v>
      </c>
      <c r="F841" cm="1">
        <f t="array" ref="F841">IFERROR(INDEX(Jesper!AJ$2:AJ$366,ROUNDDOWN($C841/24,0)+1,1)*INDEX($D$3:$AA$30,INDEX(Jesper!$R$2:$R$366,ROW(INDEX(Jesper!AJ$2:AJ$366,ROUNDDOWN($C841/24,0)+1,1))-1)+IF('Standard Profiles'!$G$20=$B$10,7,0)+IF('Standard Profiles'!$G$20=$B$17,14,0)+IF('Standard Profiles'!$G$20=$B$24,21,0),MOD($C841,24)+1)/SUM(INDEX($D$3:$AA$30,INDEX(Jesper!$R$2:$R$366,ROW(INDEX(Jesper!AJ$2:AJ$366,ROUNDDOWN($C841/24,0)+1,1))-1)+IF('Standard Profiles'!$G$20=$B$10,7,0)+IF('Standard Profiles'!$G$20=$B$17,14,0)+IF('Standard Profiles'!$G$20=$B$24,21,0),0)),0)</f>
        <v>0</v>
      </c>
      <c r="G841" cm="1">
        <f t="array" ref="G841">IFERROR(INDEX(Jesper!AK$2:AK$366,ROUNDDOWN($C841/24,0)+1,1)*INDEX($D$3:$AA$30,INDEX(Jesper!$R$2:$R$366,ROW(INDEX(Jesper!AK$2:AK$366,ROUNDDOWN($C841/24,0)+1,1))-1)+IF('Standard Profiles'!$G$21=$B$10,7,0)+IF('Standard Profiles'!$G$21=$B$17,14,0)+IF('Standard Profiles'!$G$21=$B$24,21,0),MOD($C841,24)+1)/SUM(INDEX($D$3:$AA$30,INDEX(Jesper!$R$2:$R$366,ROW(INDEX(Jesper!AK$2:AK$366,ROUNDDOWN($C841/24,0)+1,1))-1)+IF('Standard Profiles'!$G$21=$B$10,7,0)+IF('Standard Profiles'!$G$21=$B$17,14,0)+IF('Standard Profiles'!$G$21=$B$24,21,0),0)),0)</f>
        <v>29.030522152504286</v>
      </c>
      <c r="H841" cm="1">
        <f t="array" ref="H841">IFERROR(INDEX(Jesper!AL$2:AL$366,ROUNDDOWN($C841/24,0)+1,1)*INDEX($D$3:$AA$30,INDEX(Jesper!$R$2:$R$366,ROW(INDEX(Jesper!AL$2:AL$366,ROUNDDOWN($C841/24,0)+1,1))-1)+IF('Standard Profiles'!$G$22=$B$10,7,0)+IF('Standard Profiles'!$G$22=$B$17,14,0)+IF('Standard Profiles'!$G$22=$B$24,21,0),MOD($C841,24)+1)/SUM(INDEX($D$3:$AA$30,INDEX(Jesper!$R$2:$R$366,ROW(INDEX(Jesper!AL$2:AL$366,ROUNDDOWN($C841/24,0)+1,1))-1)+IF('Standard Profiles'!$G$22=$B$10,7,0)+IF('Standard Profiles'!$G$22=$B$17,14,0)+IF('Standard Profiles'!$G$22=$B$24,21,0),0)),0)</f>
        <v>0</v>
      </c>
      <c r="I841">
        <f t="shared" si="104"/>
        <v>13.93465063320205</v>
      </c>
      <c r="J841">
        <f t="shared" si="105"/>
        <v>74.008458275180118</v>
      </c>
      <c r="K841">
        <f t="shared" si="106"/>
        <v>3.1871795948911177</v>
      </c>
      <c r="L841">
        <f t="shared" si="107"/>
        <v>1.5935897974455588</v>
      </c>
      <c r="M841">
        <f t="shared" si="108"/>
        <v>0</v>
      </c>
      <c r="N841" s="45">
        <f t="shared" si="109"/>
        <v>44960.624999998043</v>
      </c>
    </row>
    <row r="842" spans="2:14" x14ac:dyDescent="0.25">
      <c r="B842">
        <f t="shared" si="103"/>
        <v>5</v>
      </c>
      <c r="C842" s="16">
        <v>808</v>
      </c>
      <c r="D842" cm="1">
        <f t="array" ref="D842">IFERROR(INDEX(Jesper!AH$2:AH$366,ROUNDDOWN($C842/24,0)+1,1)*INDEX($D$3:$AA$30,INDEX(Jesper!$R$2:$R$366,ROW(INDEX(Jesper!AH$2:AH$366,ROUNDDOWN($C842/24,0)+1,1))-1)+IF('Standard Profiles'!$G$18=$B$10,7,0)+IF('Standard Profiles'!$G$18=$B$17,14,0)+IF('Standard Profiles'!$G$18=$B$24,21,0),MOD($C842,24)+1)/SUM(INDEX($D$3:$AA$30,INDEX(Jesper!$R$2:$R$366,ROW(INDEX(Jesper!AH$2:AH$366,ROUNDDOWN($C842/24,0)+1,1))-1)+IF('Standard Profiles'!$G$18=$B$10,7,0)+IF('Standard Profiles'!$G$18=$B$17,14,0)+IF('Standard Profiles'!$G$18=$B$24,21,0),0)),0)</f>
        <v>14.028079202865834</v>
      </c>
      <c r="E842" cm="1">
        <f t="array" ref="E842">IFERROR(INDEX(Jesper!AI$2:AI$366,ROUNDDOWN($C842/24,0)+1,1)*INDEX($D$3:$AA$30,INDEX(Jesper!$R$2:$R$366,ROW(INDEX(Jesper!AI$2:AI$366,ROUNDDOWN($C842/24,0)+1,1))-1)+IF('Standard Profiles'!$G$19=$B$10,7,0)+IF('Standard Profiles'!$G$19=$B$17,14,0)+IF('Standard Profiles'!$G$19=$B$24,21,0),MOD($C842,24)+1)/SUM(INDEX($D$3:$AA$30,INDEX(Jesper!$R$2:$R$366,ROW(INDEX(Jesper!AI$2:AI$366,ROUNDDOWN($C842/24,0)+1,1))-1)+IF('Standard Profiles'!$G$19=$B$10,7,0)+IF('Standard Profiles'!$G$19=$B$17,14,0)+IF('Standard Profiles'!$G$19=$B$24,21,0),0)),0)</f>
        <v>15.87490490427715</v>
      </c>
      <c r="F842" cm="1">
        <f t="array" ref="F842">IFERROR(INDEX(Jesper!AJ$2:AJ$366,ROUNDDOWN($C842/24,0)+1,1)*INDEX($D$3:$AA$30,INDEX(Jesper!$R$2:$R$366,ROW(INDEX(Jesper!AJ$2:AJ$366,ROUNDDOWN($C842/24,0)+1,1))-1)+IF('Standard Profiles'!$G$20=$B$10,7,0)+IF('Standard Profiles'!$G$20=$B$17,14,0)+IF('Standard Profiles'!$G$20=$B$24,21,0),MOD($C842,24)+1)/SUM(INDEX($D$3:$AA$30,INDEX(Jesper!$R$2:$R$366,ROW(INDEX(Jesper!AJ$2:AJ$366,ROUNDDOWN($C842/24,0)+1,1))-1)+IF('Standard Profiles'!$G$20=$B$10,7,0)+IF('Standard Profiles'!$G$20=$B$17,14,0)+IF('Standard Profiles'!$G$20=$B$24,21,0),0)),0)</f>
        <v>0</v>
      </c>
      <c r="G842" cm="1">
        <f t="array" ref="G842">IFERROR(INDEX(Jesper!AK$2:AK$366,ROUNDDOWN($C842/24,0)+1,1)*INDEX($D$3:$AA$30,INDEX(Jesper!$R$2:$R$366,ROW(INDEX(Jesper!AK$2:AK$366,ROUNDDOWN($C842/24,0)+1,1))-1)+IF('Standard Profiles'!$G$21=$B$10,7,0)+IF('Standard Profiles'!$G$21=$B$17,14,0)+IF('Standard Profiles'!$G$21=$B$24,21,0),MOD($C842,24)+1)/SUM(INDEX($D$3:$AA$30,INDEX(Jesper!$R$2:$R$366,ROW(INDEX(Jesper!AK$2:AK$366,ROUNDDOWN($C842/24,0)+1,1))-1)+IF('Standard Profiles'!$G$21=$B$10,7,0)+IF('Standard Profiles'!$G$21=$B$17,14,0)+IF('Standard Profiles'!$G$21=$B$24,21,0),0)),0)</f>
        <v>25.13465121428943</v>
      </c>
      <c r="H842" cm="1">
        <f t="array" ref="H842">IFERROR(INDEX(Jesper!AL$2:AL$366,ROUNDDOWN($C842/24,0)+1,1)*INDEX($D$3:$AA$30,INDEX(Jesper!$R$2:$R$366,ROW(INDEX(Jesper!AL$2:AL$366,ROUNDDOWN($C842/24,0)+1,1))-1)+IF('Standard Profiles'!$G$22=$B$10,7,0)+IF('Standard Profiles'!$G$22=$B$17,14,0)+IF('Standard Profiles'!$G$22=$B$24,21,0),MOD($C842,24)+1)/SUM(INDEX($D$3:$AA$30,INDEX(Jesper!$R$2:$R$366,ROW(INDEX(Jesper!AL$2:AL$366,ROUNDDOWN($C842/24,0)+1,1))-1)+IF('Standard Profiles'!$G$22=$B$10,7,0)+IF('Standard Profiles'!$G$22=$B$17,14,0)+IF('Standard Profiles'!$G$22=$B$24,21,0),0)),0)</f>
        <v>0</v>
      </c>
      <c r="I842">
        <f t="shared" si="104"/>
        <v>12.06463258285892</v>
      </c>
      <c r="J842">
        <f t="shared" si="105"/>
        <v>40.728510066114964</v>
      </c>
      <c r="K842">
        <f t="shared" si="106"/>
        <v>1.4963284483056891</v>
      </c>
      <c r="L842">
        <f t="shared" si="107"/>
        <v>0.74816422415284456</v>
      </c>
      <c r="M842">
        <f t="shared" si="108"/>
        <v>0</v>
      </c>
      <c r="N842" s="45">
        <f t="shared" si="109"/>
        <v>44960.666666664707</v>
      </c>
    </row>
    <row r="843" spans="2:14" x14ac:dyDescent="0.25">
      <c r="B843">
        <f t="shared" si="103"/>
        <v>5</v>
      </c>
      <c r="C843" s="16">
        <v>809</v>
      </c>
      <c r="D843" cm="1">
        <f t="array" ref="D843">IFERROR(INDEX(Jesper!AH$2:AH$366,ROUNDDOWN($C843/24,0)+1,1)*INDEX($D$3:$AA$30,INDEX(Jesper!$R$2:$R$366,ROW(INDEX(Jesper!AH$2:AH$366,ROUNDDOWN($C843/24,0)+1,1))-1)+IF('Standard Profiles'!$G$18=$B$10,7,0)+IF('Standard Profiles'!$G$18=$B$17,14,0)+IF('Standard Profiles'!$G$18=$B$24,21,0),MOD($C843,24)+1)/SUM(INDEX($D$3:$AA$30,INDEX(Jesper!$R$2:$R$366,ROW(INDEX(Jesper!AH$2:AH$366,ROUNDDOWN($C843/24,0)+1,1))-1)+IF('Standard Profiles'!$G$18=$B$10,7,0)+IF('Standard Profiles'!$G$18=$B$17,14,0)+IF('Standard Profiles'!$G$18=$B$24,21,0),0)),0)</f>
        <v>9.2585322738914506</v>
      </c>
      <c r="E843" cm="1">
        <f t="array" ref="E843">IFERROR(INDEX(Jesper!AI$2:AI$366,ROUNDDOWN($C843/24,0)+1,1)*INDEX($D$3:$AA$30,INDEX(Jesper!$R$2:$R$366,ROW(INDEX(Jesper!AI$2:AI$366,ROUNDDOWN($C843/24,0)+1,1))-1)+IF('Standard Profiles'!$G$19=$B$10,7,0)+IF('Standard Profiles'!$G$19=$B$17,14,0)+IF('Standard Profiles'!$G$19=$B$24,21,0),MOD($C843,24)+1)/SUM(INDEX($D$3:$AA$30,INDEX(Jesper!$R$2:$R$366,ROW(INDEX(Jesper!AI$2:AI$366,ROUNDDOWN($C843/24,0)+1,1))-1)+IF('Standard Profiles'!$G$19=$B$10,7,0)+IF('Standard Profiles'!$G$19=$B$17,14,0)+IF('Standard Profiles'!$G$19=$B$24,21,0),0)),0)</f>
        <v>10.477437236822919</v>
      </c>
      <c r="F843" cm="1">
        <f t="array" ref="F843">IFERROR(INDEX(Jesper!AJ$2:AJ$366,ROUNDDOWN($C843/24,0)+1,1)*INDEX($D$3:$AA$30,INDEX(Jesper!$R$2:$R$366,ROW(INDEX(Jesper!AJ$2:AJ$366,ROUNDDOWN($C843/24,0)+1,1))-1)+IF('Standard Profiles'!$G$20=$B$10,7,0)+IF('Standard Profiles'!$G$20=$B$17,14,0)+IF('Standard Profiles'!$G$20=$B$24,21,0),MOD($C843,24)+1)/SUM(INDEX($D$3:$AA$30,INDEX(Jesper!$R$2:$R$366,ROW(INDEX(Jesper!AJ$2:AJ$366,ROUNDDOWN($C843/24,0)+1,1))-1)+IF('Standard Profiles'!$G$20=$B$10,7,0)+IF('Standard Profiles'!$G$20=$B$17,14,0)+IF('Standard Profiles'!$G$20=$B$24,21,0),0)),0)</f>
        <v>0</v>
      </c>
      <c r="G843" cm="1">
        <f t="array" ref="G843">IFERROR(INDEX(Jesper!AK$2:AK$366,ROUNDDOWN($C843/24,0)+1,1)*INDEX($D$3:$AA$30,INDEX(Jesper!$R$2:$R$366,ROW(INDEX(Jesper!AK$2:AK$366,ROUNDDOWN($C843/24,0)+1,1))-1)+IF('Standard Profiles'!$G$21=$B$10,7,0)+IF('Standard Profiles'!$G$21=$B$17,14,0)+IF('Standard Profiles'!$G$21=$B$24,21,0),MOD($C843,24)+1)/SUM(INDEX($D$3:$AA$30,INDEX(Jesper!$R$2:$R$366,ROW(INDEX(Jesper!AK$2:AK$366,ROUNDDOWN($C843/24,0)+1,1))-1)+IF('Standard Profiles'!$G$21=$B$10,7,0)+IF('Standard Profiles'!$G$21=$B$17,14,0)+IF('Standard Profiles'!$G$21=$B$24,21,0),0)),0)</f>
        <v>21.11310702000312</v>
      </c>
      <c r="H843" cm="1">
        <f t="array" ref="H843">IFERROR(INDEX(Jesper!AL$2:AL$366,ROUNDDOWN($C843/24,0)+1,1)*INDEX($D$3:$AA$30,INDEX(Jesper!$R$2:$R$366,ROW(INDEX(Jesper!AL$2:AL$366,ROUNDDOWN($C843/24,0)+1,1))-1)+IF('Standard Profiles'!$G$22=$B$10,7,0)+IF('Standard Profiles'!$G$22=$B$17,14,0)+IF('Standard Profiles'!$G$22=$B$24,21,0),MOD($C843,24)+1)/SUM(INDEX($D$3:$AA$30,INDEX(Jesper!$R$2:$R$366,ROW(INDEX(Jesper!AL$2:AL$366,ROUNDDOWN($C843/24,0)+1,1))-1)+IF('Standard Profiles'!$G$22=$B$10,7,0)+IF('Standard Profiles'!$G$22=$B$17,14,0)+IF('Standard Profiles'!$G$22=$B$24,21,0),0)),0)</f>
        <v>0</v>
      </c>
      <c r="I843">
        <f t="shared" si="104"/>
        <v>10.134291369601494</v>
      </c>
      <c r="J843">
        <f t="shared" si="105"/>
        <v>29.233419997293367</v>
      </c>
      <c r="K843">
        <f t="shared" si="106"/>
        <v>0.98757677588175474</v>
      </c>
      <c r="L843">
        <f t="shared" si="107"/>
        <v>0.49378838794087737</v>
      </c>
      <c r="M843">
        <f t="shared" si="108"/>
        <v>0</v>
      </c>
      <c r="N843" s="45">
        <f t="shared" si="109"/>
        <v>44960.708333331371</v>
      </c>
    </row>
    <row r="844" spans="2:14" x14ac:dyDescent="0.25">
      <c r="B844">
        <f t="shared" si="103"/>
        <v>5</v>
      </c>
      <c r="C844" s="16">
        <v>810</v>
      </c>
      <c r="D844" cm="1">
        <f t="array" ref="D844">IFERROR(INDEX(Jesper!AH$2:AH$366,ROUNDDOWN($C844/24,0)+1,1)*INDEX($D$3:$AA$30,INDEX(Jesper!$R$2:$R$366,ROW(INDEX(Jesper!AH$2:AH$366,ROUNDDOWN($C844/24,0)+1,1))-1)+IF('Standard Profiles'!$G$18=$B$10,7,0)+IF('Standard Profiles'!$G$18=$B$17,14,0)+IF('Standard Profiles'!$G$18=$B$24,21,0),MOD($C844,24)+1)/SUM(INDEX($D$3:$AA$30,INDEX(Jesper!$R$2:$R$366,ROW(INDEX(Jesper!AH$2:AH$366,ROUNDDOWN($C844/24,0)+1,1))-1)+IF('Standard Profiles'!$G$18=$B$10,7,0)+IF('Standard Profiles'!$G$18=$B$17,14,0)+IF('Standard Profiles'!$G$18=$B$24,21,0),0)),0)</f>
        <v>5.89179326520365</v>
      </c>
      <c r="E844" cm="1">
        <f t="array" ref="E844">IFERROR(INDEX(Jesper!AI$2:AI$366,ROUNDDOWN($C844/24,0)+1,1)*INDEX($D$3:$AA$30,INDEX(Jesper!$R$2:$R$366,ROW(INDEX(Jesper!AI$2:AI$366,ROUNDDOWN($C844/24,0)+1,1))-1)+IF('Standard Profiles'!$G$19=$B$10,7,0)+IF('Standard Profiles'!$G$19=$B$17,14,0)+IF('Standard Profiles'!$G$19=$B$24,21,0),MOD($C844,24)+1)/SUM(INDEX($D$3:$AA$30,INDEX(Jesper!$R$2:$R$366,ROW(INDEX(Jesper!AI$2:AI$366,ROUNDDOWN($C844/24,0)+1,1))-1)+IF('Standard Profiles'!$G$19=$B$10,7,0)+IF('Standard Profiles'!$G$19=$B$17,14,0)+IF('Standard Profiles'!$G$19=$B$24,21,0),0)),0)</f>
        <v>6.6674600597964027</v>
      </c>
      <c r="F844" cm="1">
        <f t="array" ref="F844">IFERROR(INDEX(Jesper!AJ$2:AJ$366,ROUNDDOWN($C844/24,0)+1,1)*INDEX($D$3:$AA$30,INDEX(Jesper!$R$2:$R$366,ROW(INDEX(Jesper!AJ$2:AJ$366,ROUNDDOWN($C844/24,0)+1,1))-1)+IF('Standard Profiles'!$G$20=$B$10,7,0)+IF('Standard Profiles'!$G$20=$B$17,14,0)+IF('Standard Profiles'!$G$20=$B$24,21,0),MOD($C844,24)+1)/SUM(INDEX($D$3:$AA$30,INDEX(Jesper!$R$2:$R$366,ROW(INDEX(Jesper!AJ$2:AJ$366,ROUNDDOWN($C844/24,0)+1,1))-1)+IF('Standard Profiles'!$G$20=$B$10,7,0)+IF('Standard Profiles'!$G$20=$B$17,14,0)+IF('Standard Profiles'!$G$20=$B$24,21,0),0)),0)</f>
        <v>0</v>
      </c>
      <c r="G844" cm="1">
        <f t="array" ref="G844">IFERROR(INDEX(Jesper!AK$2:AK$366,ROUNDDOWN($C844/24,0)+1,1)*INDEX($D$3:$AA$30,INDEX(Jesper!$R$2:$R$366,ROW(INDEX(Jesper!AK$2:AK$366,ROUNDDOWN($C844/24,0)+1,1))-1)+IF('Standard Profiles'!$G$21=$B$10,7,0)+IF('Standard Profiles'!$G$21=$B$17,14,0)+IF('Standard Profiles'!$G$21=$B$24,21,0),MOD($C844,24)+1)/SUM(INDEX($D$3:$AA$30,INDEX(Jesper!$R$2:$R$366,ROW(INDEX(Jesper!AK$2:AK$366,ROUNDDOWN($C844/24,0)+1,1))-1)+IF('Standard Profiles'!$G$21=$B$10,7,0)+IF('Standard Profiles'!$G$21=$B$17,14,0)+IF('Standard Profiles'!$G$21=$B$24,21,0),0)),0)</f>
        <v>7.7917418764297226</v>
      </c>
      <c r="H844" cm="1">
        <f t="array" ref="H844">IFERROR(INDEX(Jesper!AL$2:AL$366,ROUNDDOWN($C844/24,0)+1,1)*INDEX($D$3:$AA$30,INDEX(Jesper!$R$2:$R$366,ROW(INDEX(Jesper!AL$2:AL$366,ROUNDDOWN($C844/24,0)+1,1))-1)+IF('Standard Profiles'!$G$22=$B$10,7,0)+IF('Standard Profiles'!$G$22=$B$17,14,0)+IF('Standard Profiles'!$G$22=$B$24,21,0),MOD($C844,24)+1)/SUM(INDEX($D$3:$AA$30,INDEX(Jesper!$R$2:$R$366,ROW(INDEX(Jesper!AL$2:AL$366,ROUNDDOWN($C844/24,0)+1,1))-1)+IF('Standard Profiles'!$G$22=$B$10,7,0)+IF('Standard Profiles'!$G$22=$B$17,14,0)+IF('Standard Profiles'!$G$22=$B$24,21,0),0)),0)</f>
        <v>0</v>
      </c>
      <c r="I844">
        <f t="shared" si="104"/>
        <v>3.740036100686265</v>
      </c>
      <c r="J844">
        <f t="shared" si="105"/>
        <v>15.668272178310925</v>
      </c>
      <c r="K844">
        <f t="shared" si="106"/>
        <v>0.62845794828838941</v>
      </c>
      <c r="L844">
        <f t="shared" si="107"/>
        <v>0.31422897414419471</v>
      </c>
      <c r="M844">
        <f t="shared" si="108"/>
        <v>0</v>
      </c>
      <c r="N844" s="45">
        <f t="shared" si="109"/>
        <v>44960.749999998035</v>
      </c>
    </row>
    <row r="845" spans="2:14" x14ac:dyDescent="0.25">
      <c r="B845">
        <f t="shared" si="103"/>
        <v>5</v>
      </c>
      <c r="C845" s="16">
        <v>811</v>
      </c>
      <c r="D845" cm="1">
        <f t="array" ref="D845">IFERROR(INDEX(Jesper!AH$2:AH$366,ROUNDDOWN($C845/24,0)+1,1)*INDEX($D$3:$AA$30,INDEX(Jesper!$R$2:$R$366,ROW(INDEX(Jesper!AH$2:AH$366,ROUNDDOWN($C845/24,0)+1,1))-1)+IF('Standard Profiles'!$G$18=$B$10,7,0)+IF('Standard Profiles'!$G$18=$B$17,14,0)+IF('Standard Profiles'!$G$18=$B$24,21,0),MOD($C845,24)+1)/SUM(INDEX($D$3:$AA$30,INDEX(Jesper!$R$2:$R$366,ROW(INDEX(Jesper!AH$2:AH$366,ROUNDDOWN($C845/24,0)+1,1))-1)+IF('Standard Profiles'!$G$18=$B$10,7,0)+IF('Standard Profiles'!$G$18=$B$17,14,0)+IF('Standard Profiles'!$G$18=$B$24,21,0),0)),0)</f>
        <v>5.6112316811463332</v>
      </c>
      <c r="E845" cm="1">
        <f t="array" ref="E845">IFERROR(INDEX(Jesper!AI$2:AI$366,ROUNDDOWN($C845/24,0)+1,1)*INDEX($D$3:$AA$30,INDEX(Jesper!$R$2:$R$366,ROW(INDEX(Jesper!AI$2:AI$366,ROUNDDOWN($C845/24,0)+1,1))-1)+IF('Standard Profiles'!$G$19=$B$10,7,0)+IF('Standard Profiles'!$G$19=$B$17,14,0)+IF('Standard Profiles'!$G$19=$B$24,21,0),MOD($C845,24)+1)/SUM(INDEX($D$3:$AA$30,INDEX(Jesper!$R$2:$R$366,ROW(INDEX(Jesper!AI$2:AI$366,ROUNDDOWN($C845/24,0)+1,1))-1)+IF('Standard Profiles'!$G$19=$B$10,7,0)+IF('Standard Profiles'!$G$19=$B$17,14,0)+IF('Standard Profiles'!$G$19=$B$24,21,0),0)),0)</f>
        <v>6.3499619617108598</v>
      </c>
      <c r="F845" cm="1">
        <f t="array" ref="F845">IFERROR(INDEX(Jesper!AJ$2:AJ$366,ROUNDDOWN($C845/24,0)+1,1)*INDEX($D$3:$AA$30,INDEX(Jesper!$R$2:$R$366,ROW(INDEX(Jesper!AJ$2:AJ$366,ROUNDDOWN($C845/24,0)+1,1))-1)+IF('Standard Profiles'!$G$20=$B$10,7,0)+IF('Standard Profiles'!$G$20=$B$17,14,0)+IF('Standard Profiles'!$G$20=$B$24,21,0),MOD($C845,24)+1)/SUM(INDEX($D$3:$AA$30,INDEX(Jesper!$R$2:$R$366,ROW(INDEX(Jesper!AJ$2:AJ$366,ROUNDDOWN($C845/24,0)+1,1))-1)+IF('Standard Profiles'!$G$20=$B$10,7,0)+IF('Standard Profiles'!$G$20=$B$17,14,0)+IF('Standard Profiles'!$G$20=$B$24,21,0),0)),0)</f>
        <v>0</v>
      </c>
      <c r="G845" cm="1">
        <f t="array" ref="G845">IFERROR(INDEX(Jesper!AK$2:AK$366,ROUNDDOWN($C845/24,0)+1,1)*INDEX($D$3:$AA$30,INDEX(Jesper!$R$2:$R$366,ROW(INDEX(Jesper!AK$2:AK$366,ROUNDDOWN($C845/24,0)+1,1))-1)+IF('Standard Profiles'!$G$21=$B$10,7,0)+IF('Standard Profiles'!$G$21=$B$17,14,0)+IF('Standard Profiles'!$G$21=$B$24,21,0),MOD($C845,24)+1)/SUM(INDEX($D$3:$AA$30,INDEX(Jesper!$R$2:$R$366,ROW(INDEX(Jesper!AK$2:AK$366,ROUNDDOWN($C845/24,0)+1,1))-1)+IF('Standard Profiles'!$G$21=$B$10,7,0)+IF('Standard Profiles'!$G$21=$B$17,14,0)+IF('Standard Profiles'!$G$21=$B$24,21,0),0)),0)</f>
        <v>7.7917418764297226</v>
      </c>
      <c r="H845" cm="1">
        <f t="array" ref="H845">IFERROR(INDEX(Jesper!AL$2:AL$366,ROUNDDOWN($C845/24,0)+1,1)*INDEX($D$3:$AA$30,INDEX(Jesper!$R$2:$R$366,ROW(INDEX(Jesper!AL$2:AL$366,ROUNDDOWN($C845/24,0)+1,1))-1)+IF('Standard Profiles'!$G$22=$B$10,7,0)+IF('Standard Profiles'!$G$22=$B$17,14,0)+IF('Standard Profiles'!$G$22=$B$24,21,0),MOD($C845,24)+1)/SUM(INDEX($D$3:$AA$30,INDEX(Jesper!$R$2:$R$366,ROW(INDEX(Jesper!AL$2:AL$366,ROUNDDOWN($C845/24,0)+1,1))-1)+IF('Standard Profiles'!$G$22=$B$10,7,0)+IF('Standard Profiles'!$G$22=$B$17,14,0)+IF('Standard Profiles'!$G$22=$B$24,21,0),0)),0)</f>
        <v>0</v>
      </c>
      <c r="I845">
        <f t="shared" si="104"/>
        <v>3.740036100686265</v>
      </c>
      <c r="J845">
        <f t="shared" si="105"/>
        <v>15.115102349617239</v>
      </c>
      <c r="K845">
        <f t="shared" si="106"/>
        <v>0.59853137932227563</v>
      </c>
      <c r="L845">
        <f t="shared" si="107"/>
        <v>0.29926568966113781</v>
      </c>
      <c r="M845">
        <f t="shared" si="108"/>
        <v>0</v>
      </c>
      <c r="N845" s="45">
        <f t="shared" si="109"/>
        <v>44960.7916666647</v>
      </c>
    </row>
    <row r="846" spans="2:14" x14ac:dyDescent="0.25">
      <c r="B846">
        <f t="shared" si="103"/>
        <v>5</v>
      </c>
      <c r="C846" s="16">
        <v>812</v>
      </c>
      <c r="D846" cm="1">
        <f t="array" ref="D846">IFERROR(INDEX(Jesper!AH$2:AH$366,ROUNDDOWN($C846/24,0)+1,1)*INDEX($D$3:$AA$30,INDEX(Jesper!$R$2:$R$366,ROW(INDEX(Jesper!AH$2:AH$366,ROUNDDOWN($C846/24,0)+1,1))-1)+IF('Standard Profiles'!$G$18=$B$10,7,0)+IF('Standard Profiles'!$G$18=$B$17,14,0)+IF('Standard Profiles'!$G$18=$B$24,21,0),MOD($C846,24)+1)/SUM(INDEX($D$3:$AA$30,INDEX(Jesper!$R$2:$R$366,ROW(INDEX(Jesper!AH$2:AH$366,ROUNDDOWN($C846/24,0)+1,1))-1)+IF('Standard Profiles'!$G$18=$B$10,7,0)+IF('Standard Profiles'!$G$18=$B$17,14,0)+IF('Standard Profiles'!$G$18=$B$24,21,0),0)),0)</f>
        <v>5.6112316811463332</v>
      </c>
      <c r="E846" cm="1">
        <f t="array" ref="E846">IFERROR(INDEX(Jesper!AI$2:AI$366,ROUNDDOWN($C846/24,0)+1,1)*INDEX($D$3:$AA$30,INDEX(Jesper!$R$2:$R$366,ROW(INDEX(Jesper!AI$2:AI$366,ROUNDDOWN($C846/24,0)+1,1))-1)+IF('Standard Profiles'!$G$19=$B$10,7,0)+IF('Standard Profiles'!$G$19=$B$17,14,0)+IF('Standard Profiles'!$G$19=$B$24,21,0),MOD($C846,24)+1)/SUM(INDEX($D$3:$AA$30,INDEX(Jesper!$R$2:$R$366,ROW(INDEX(Jesper!AI$2:AI$366,ROUNDDOWN($C846/24,0)+1,1))-1)+IF('Standard Profiles'!$G$19=$B$10,7,0)+IF('Standard Profiles'!$G$19=$B$17,14,0)+IF('Standard Profiles'!$G$19=$B$24,21,0),0)),0)</f>
        <v>6.3499619617108598</v>
      </c>
      <c r="F846" cm="1">
        <f t="array" ref="F846">IFERROR(INDEX(Jesper!AJ$2:AJ$366,ROUNDDOWN($C846/24,0)+1,1)*INDEX($D$3:$AA$30,INDEX(Jesper!$R$2:$R$366,ROW(INDEX(Jesper!AJ$2:AJ$366,ROUNDDOWN($C846/24,0)+1,1))-1)+IF('Standard Profiles'!$G$20=$B$10,7,0)+IF('Standard Profiles'!$G$20=$B$17,14,0)+IF('Standard Profiles'!$G$20=$B$24,21,0),MOD($C846,24)+1)/SUM(INDEX($D$3:$AA$30,INDEX(Jesper!$R$2:$R$366,ROW(INDEX(Jesper!AJ$2:AJ$366,ROUNDDOWN($C846/24,0)+1,1))-1)+IF('Standard Profiles'!$G$20=$B$10,7,0)+IF('Standard Profiles'!$G$20=$B$17,14,0)+IF('Standard Profiles'!$G$20=$B$24,21,0),0)),0)</f>
        <v>0</v>
      </c>
      <c r="G846" cm="1">
        <f t="array" ref="G846">IFERROR(INDEX(Jesper!AK$2:AK$366,ROUNDDOWN($C846/24,0)+1,1)*INDEX($D$3:$AA$30,INDEX(Jesper!$R$2:$R$366,ROW(INDEX(Jesper!AK$2:AK$366,ROUNDDOWN($C846/24,0)+1,1))-1)+IF('Standard Profiles'!$G$21=$B$10,7,0)+IF('Standard Profiles'!$G$21=$B$17,14,0)+IF('Standard Profiles'!$G$21=$B$24,21,0),MOD($C846,24)+1)/SUM(INDEX($D$3:$AA$30,INDEX(Jesper!$R$2:$R$366,ROW(INDEX(Jesper!AK$2:AK$366,ROUNDDOWN($C846/24,0)+1,1))-1)+IF('Standard Profiles'!$G$21=$B$10,7,0)+IF('Standard Profiles'!$G$21=$B$17,14,0)+IF('Standard Profiles'!$G$21=$B$24,21,0),0)),0)</f>
        <v>7.7917418764297226</v>
      </c>
      <c r="H846" cm="1">
        <f t="array" ref="H846">IFERROR(INDEX(Jesper!AL$2:AL$366,ROUNDDOWN($C846/24,0)+1,1)*INDEX($D$3:$AA$30,INDEX(Jesper!$R$2:$R$366,ROW(INDEX(Jesper!AL$2:AL$366,ROUNDDOWN($C846/24,0)+1,1))-1)+IF('Standard Profiles'!$G$22=$B$10,7,0)+IF('Standard Profiles'!$G$22=$B$17,14,0)+IF('Standard Profiles'!$G$22=$B$24,21,0),MOD($C846,24)+1)/SUM(INDEX($D$3:$AA$30,INDEX(Jesper!$R$2:$R$366,ROW(INDEX(Jesper!AL$2:AL$366,ROUNDDOWN($C846/24,0)+1,1))-1)+IF('Standard Profiles'!$G$22=$B$10,7,0)+IF('Standard Profiles'!$G$22=$B$17,14,0)+IF('Standard Profiles'!$G$22=$B$24,21,0),0)),0)</f>
        <v>0</v>
      </c>
      <c r="I846">
        <f t="shared" si="104"/>
        <v>3.740036100686265</v>
      </c>
      <c r="J846">
        <f t="shared" si="105"/>
        <v>15.115102349617239</v>
      </c>
      <c r="K846">
        <f t="shared" si="106"/>
        <v>0.59853137932227563</v>
      </c>
      <c r="L846">
        <f t="shared" si="107"/>
        <v>0.29926568966113781</v>
      </c>
      <c r="M846">
        <f t="shared" si="108"/>
        <v>0</v>
      </c>
      <c r="N846" s="45">
        <f t="shared" si="109"/>
        <v>44960.833333331364</v>
      </c>
    </row>
    <row r="847" spans="2:14" x14ac:dyDescent="0.25">
      <c r="B847">
        <f t="shared" si="103"/>
        <v>5</v>
      </c>
      <c r="C847" s="16">
        <v>813</v>
      </c>
      <c r="D847" cm="1">
        <f t="array" ref="D847">IFERROR(INDEX(Jesper!AH$2:AH$366,ROUNDDOWN($C847/24,0)+1,1)*INDEX($D$3:$AA$30,INDEX(Jesper!$R$2:$R$366,ROW(INDEX(Jesper!AH$2:AH$366,ROUNDDOWN($C847/24,0)+1,1))-1)+IF('Standard Profiles'!$G$18=$B$10,7,0)+IF('Standard Profiles'!$G$18=$B$17,14,0)+IF('Standard Profiles'!$G$18=$B$24,21,0),MOD($C847,24)+1)/SUM(INDEX($D$3:$AA$30,INDEX(Jesper!$R$2:$R$366,ROW(INDEX(Jesper!AH$2:AH$366,ROUNDDOWN($C847/24,0)+1,1))-1)+IF('Standard Profiles'!$G$18=$B$10,7,0)+IF('Standard Profiles'!$G$18=$B$17,14,0)+IF('Standard Profiles'!$G$18=$B$24,21,0),0)),0)</f>
        <v>5.6112316811463332</v>
      </c>
      <c r="E847" cm="1">
        <f t="array" ref="E847">IFERROR(INDEX(Jesper!AI$2:AI$366,ROUNDDOWN($C847/24,0)+1,1)*INDEX($D$3:$AA$30,INDEX(Jesper!$R$2:$R$366,ROW(INDEX(Jesper!AI$2:AI$366,ROUNDDOWN($C847/24,0)+1,1))-1)+IF('Standard Profiles'!$G$19=$B$10,7,0)+IF('Standard Profiles'!$G$19=$B$17,14,0)+IF('Standard Profiles'!$G$19=$B$24,21,0),MOD($C847,24)+1)/SUM(INDEX($D$3:$AA$30,INDEX(Jesper!$R$2:$R$366,ROW(INDEX(Jesper!AI$2:AI$366,ROUNDDOWN($C847/24,0)+1,1))-1)+IF('Standard Profiles'!$G$19=$B$10,7,0)+IF('Standard Profiles'!$G$19=$B$17,14,0)+IF('Standard Profiles'!$G$19=$B$24,21,0),0)),0)</f>
        <v>6.3499619617108598</v>
      </c>
      <c r="F847" cm="1">
        <f t="array" ref="F847">IFERROR(INDEX(Jesper!AJ$2:AJ$366,ROUNDDOWN($C847/24,0)+1,1)*INDEX($D$3:$AA$30,INDEX(Jesper!$R$2:$R$366,ROW(INDEX(Jesper!AJ$2:AJ$366,ROUNDDOWN($C847/24,0)+1,1))-1)+IF('Standard Profiles'!$G$20=$B$10,7,0)+IF('Standard Profiles'!$G$20=$B$17,14,0)+IF('Standard Profiles'!$G$20=$B$24,21,0),MOD($C847,24)+1)/SUM(INDEX($D$3:$AA$30,INDEX(Jesper!$R$2:$R$366,ROW(INDEX(Jesper!AJ$2:AJ$366,ROUNDDOWN($C847/24,0)+1,1))-1)+IF('Standard Profiles'!$G$20=$B$10,7,0)+IF('Standard Profiles'!$G$20=$B$17,14,0)+IF('Standard Profiles'!$G$20=$B$24,21,0),0)),0)</f>
        <v>0</v>
      </c>
      <c r="G847" cm="1">
        <f t="array" ref="G847">IFERROR(INDEX(Jesper!AK$2:AK$366,ROUNDDOWN($C847/24,0)+1,1)*INDEX($D$3:$AA$30,INDEX(Jesper!$R$2:$R$366,ROW(INDEX(Jesper!AK$2:AK$366,ROUNDDOWN($C847/24,0)+1,1))-1)+IF('Standard Profiles'!$G$21=$B$10,7,0)+IF('Standard Profiles'!$G$21=$B$17,14,0)+IF('Standard Profiles'!$G$21=$B$24,21,0),MOD($C847,24)+1)/SUM(INDEX($D$3:$AA$30,INDEX(Jesper!$R$2:$R$366,ROW(INDEX(Jesper!AK$2:AK$366,ROUNDDOWN($C847/24,0)+1,1))-1)+IF('Standard Profiles'!$G$21=$B$10,7,0)+IF('Standard Profiles'!$G$21=$B$17,14,0)+IF('Standard Profiles'!$G$21=$B$24,21,0),0)),0)</f>
        <v>7.7917418764297226</v>
      </c>
      <c r="H847" cm="1">
        <f t="array" ref="H847">IFERROR(INDEX(Jesper!AL$2:AL$366,ROUNDDOWN($C847/24,0)+1,1)*INDEX($D$3:$AA$30,INDEX(Jesper!$R$2:$R$366,ROW(INDEX(Jesper!AL$2:AL$366,ROUNDDOWN($C847/24,0)+1,1))-1)+IF('Standard Profiles'!$G$22=$B$10,7,0)+IF('Standard Profiles'!$G$22=$B$17,14,0)+IF('Standard Profiles'!$G$22=$B$24,21,0),MOD($C847,24)+1)/SUM(INDEX($D$3:$AA$30,INDEX(Jesper!$R$2:$R$366,ROW(INDEX(Jesper!AL$2:AL$366,ROUNDDOWN($C847/24,0)+1,1))-1)+IF('Standard Profiles'!$G$22=$B$10,7,0)+IF('Standard Profiles'!$G$22=$B$17,14,0)+IF('Standard Profiles'!$G$22=$B$24,21,0),0)),0)</f>
        <v>0</v>
      </c>
      <c r="I847">
        <f t="shared" si="104"/>
        <v>3.740036100686265</v>
      </c>
      <c r="J847">
        <f t="shared" si="105"/>
        <v>15.115102349617239</v>
      </c>
      <c r="K847">
        <f t="shared" si="106"/>
        <v>0.59853137932227563</v>
      </c>
      <c r="L847">
        <f t="shared" si="107"/>
        <v>0.29926568966113781</v>
      </c>
      <c r="M847">
        <f t="shared" si="108"/>
        <v>0</v>
      </c>
      <c r="N847" s="45">
        <f t="shared" si="109"/>
        <v>44960.874999998028</v>
      </c>
    </row>
    <row r="848" spans="2:14" x14ac:dyDescent="0.25">
      <c r="B848">
        <f t="shared" si="103"/>
        <v>5</v>
      </c>
      <c r="C848" s="16">
        <v>814</v>
      </c>
      <c r="D848" cm="1">
        <f t="array" ref="D848">IFERROR(INDEX(Jesper!AH$2:AH$366,ROUNDDOWN($C848/24,0)+1,1)*INDEX($D$3:$AA$30,INDEX(Jesper!$R$2:$R$366,ROW(INDEX(Jesper!AH$2:AH$366,ROUNDDOWN($C848/24,0)+1,1))-1)+IF('Standard Profiles'!$G$18=$B$10,7,0)+IF('Standard Profiles'!$G$18=$B$17,14,0)+IF('Standard Profiles'!$G$18=$B$24,21,0),MOD($C848,24)+1)/SUM(INDEX($D$3:$AA$30,INDEX(Jesper!$R$2:$R$366,ROW(INDEX(Jesper!AH$2:AH$366,ROUNDDOWN($C848/24,0)+1,1))-1)+IF('Standard Profiles'!$G$18=$B$10,7,0)+IF('Standard Profiles'!$G$18=$B$17,14,0)+IF('Standard Profiles'!$G$18=$B$24,21,0),0)),0)</f>
        <v>5.6112316811463332</v>
      </c>
      <c r="E848" cm="1">
        <f t="array" ref="E848">IFERROR(INDEX(Jesper!AI$2:AI$366,ROUNDDOWN($C848/24,0)+1,1)*INDEX($D$3:$AA$30,INDEX(Jesper!$R$2:$R$366,ROW(INDEX(Jesper!AI$2:AI$366,ROUNDDOWN($C848/24,0)+1,1))-1)+IF('Standard Profiles'!$G$19=$B$10,7,0)+IF('Standard Profiles'!$G$19=$B$17,14,0)+IF('Standard Profiles'!$G$19=$B$24,21,0),MOD($C848,24)+1)/SUM(INDEX($D$3:$AA$30,INDEX(Jesper!$R$2:$R$366,ROW(INDEX(Jesper!AI$2:AI$366,ROUNDDOWN($C848/24,0)+1,1))-1)+IF('Standard Profiles'!$G$19=$B$10,7,0)+IF('Standard Profiles'!$G$19=$B$17,14,0)+IF('Standard Profiles'!$G$19=$B$24,21,0),0)),0)</f>
        <v>6.3499619617108598</v>
      </c>
      <c r="F848" cm="1">
        <f t="array" ref="F848">IFERROR(INDEX(Jesper!AJ$2:AJ$366,ROUNDDOWN($C848/24,0)+1,1)*INDEX($D$3:$AA$30,INDEX(Jesper!$R$2:$R$366,ROW(INDEX(Jesper!AJ$2:AJ$366,ROUNDDOWN($C848/24,0)+1,1))-1)+IF('Standard Profiles'!$G$20=$B$10,7,0)+IF('Standard Profiles'!$G$20=$B$17,14,0)+IF('Standard Profiles'!$G$20=$B$24,21,0),MOD($C848,24)+1)/SUM(INDEX($D$3:$AA$30,INDEX(Jesper!$R$2:$R$366,ROW(INDEX(Jesper!AJ$2:AJ$366,ROUNDDOWN($C848/24,0)+1,1))-1)+IF('Standard Profiles'!$G$20=$B$10,7,0)+IF('Standard Profiles'!$G$20=$B$17,14,0)+IF('Standard Profiles'!$G$20=$B$24,21,0),0)),0)</f>
        <v>0</v>
      </c>
      <c r="G848" cm="1">
        <f t="array" ref="G848">IFERROR(INDEX(Jesper!AK$2:AK$366,ROUNDDOWN($C848/24,0)+1,1)*INDEX($D$3:$AA$30,INDEX(Jesper!$R$2:$R$366,ROW(INDEX(Jesper!AK$2:AK$366,ROUNDDOWN($C848/24,0)+1,1))-1)+IF('Standard Profiles'!$G$21=$B$10,7,0)+IF('Standard Profiles'!$G$21=$B$17,14,0)+IF('Standard Profiles'!$G$21=$B$24,21,0),MOD($C848,24)+1)/SUM(INDEX($D$3:$AA$30,INDEX(Jesper!$R$2:$R$366,ROW(INDEX(Jesper!AK$2:AK$366,ROUNDDOWN($C848/24,0)+1,1))-1)+IF('Standard Profiles'!$G$21=$B$10,7,0)+IF('Standard Profiles'!$G$21=$B$17,14,0)+IF('Standard Profiles'!$G$21=$B$24,21,0),0)),0)</f>
        <v>7.7917418764297226</v>
      </c>
      <c r="H848" cm="1">
        <f t="array" ref="H848">IFERROR(INDEX(Jesper!AL$2:AL$366,ROUNDDOWN($C848/24,0)+1,1)*INDEX($D$3:$AA$30,INDEX(Jesper!$R$2:$R$366,ROW(INDEX(Jesper!AL$2:AL$366,ROUNDDOWN($C848/24,0)+1,1))-1)+IF('Standard Profiles'!$G$22=$B$10,7,0)+IF('Standard Profiles'!$G$22=$B$17,14,0)+IF('Standard Profiles'!$G$22=$B$24,21,0),MOD($C848,24)+1)/SUM(INDEX($D$3:$AA$30,INDEX(Jesper!$R$2:$R$366,ROW(INDEX(Jesper!AL$2:AL$366,ROUNDDOWN($C848/24,0)+1,1))-1)+IF('Standard Profiles'!$G$22=$B$10,7,0)+IF('Standard Profiles'!$G$22=$B$17,14,0)+IF('Standard Profiles'!$G$22=$B$24,21,0),0)),0)</f>
        <v>0</v>
      </c>
      <c r="I848">
        <f t="shared" si="104"/>
        <v>3.740036100686265</v>
      </c>
      <c r="J848">
        <f t="shared" si="105"/>
        <v>15.115102349617239</v>
      </c>
      <c r="K848">
        <f t="shared" si="106"/>
        <v>0.59853137932227563</v>
      </c>
      <c r="L848">
        <f t="shared" si="107"/>
        <v>0.29926568966113781</v>
      </c>
      <c r="M848">
        <f t="shared" si="108"/>
        <v>0</v>
      </c>
      <c r="N848" s="45">
        <f t="shared" si="109"/>
        <v>44960.916666664692</v>
      </c>
    </row>
    <row r="849" spans="2:14" x14ac:dyDescent="0.25">
      <c r="B849">
        <f t="shared" si="103"/>
        <v>5</v>
      </c>
      <c r="C849" s="16">
        <v>815</v>
      </c>
      <c r="D849" cm="1">
        <f t="array" ref="D849">IFERROR(INDEX(Jesper!AH$2:AH$366,ROUNDDOWN($C849/24,0)+1,1)*INDEX($D$3:$AA$30,INDEX(Jesper!$R$2:$R$366,ROW(INDEX(Jesper!AH$2:AH$366,ROUNDDOWN($C849/24,0)+1,1))-1)+IF('Standard Profiles'!$G$18=$B$10,7,0)+IF('Standard Profiles'!$G$18=$B$17,14,0)+IF('Standard Profiles'!$G$18=$B$24,21,0),MOD($C849,24)+1)/SUM(INDEX($D$3:$AA$30,INDEX(Jesper!$R$2:$R$366,ROW(INDEX(Jesper!AH$2:AH$366,ROUNDDOWN($C849/24,0)+1,1))-1)+IF('Standard Profiles'!$G$18=$B$10,7,0)+IF('Standard Profiles'!$G$18=$B$17,14,0)+IF('Standard Profiles'!$G$18=$B$24,21,0),0)),0)</f>
        <v>5.6112316811463332</v>
      </c>
      <c r="E849" cm="1">
        <f t="array" ref="E849">IFERROR(INDEX(Jesper!AI$2:AI$366,ROUNDDOWN($C849/24,0)+1,1)*INDEX($D$3:$AA$30,INDEX(Jesper!$R$2:$R$366,ROW(INDEX(Jesper!AI$2:AI$366,ROUNDDOWN($C849/24,0)+1,1))-1)+IF('Standard Profiles'!$G$19=$B$10,7,0)+IF('Standard Profiles'!$G$19=$B$17,14,0)+IF('Standard Profiles'!$G$19=$B$24,21,0),MOD($C849,24)+1)/SUM(INDEX($D$3:$AA$30,INDEX(Jesper!$R$2:$R$366,ROW(INDEX(Jesper!AI$2:AI$366,ROUNDDOWN($C849/24,0)+1,1))-1)+IF('Standard Profiles'!$G$19=$B$10,7,0)+IF('Standard Profiles'!$G$19=$B$17,14,0)+IF('Standard Profiles'!$G$19=$B$24,21,0),0)),0)</f>
        <v>6.3499619617108598</v>
      </c>
      <c r="F849" cm="1">
        <f t="array" ref="F849">IFERROR(INDEX(Jesper!AJ$2:AJ$366,ROUNDDOWN($C849/24,0)+1,1)*INDEX($D$3:$AA$30,INDEX(Jesper!$R$2:$R$366,ROW(INDEX(Jesper!AJ$2:AJ$366,ROUNDDOWN($C849/24,0)+1,1))-1)+IF('Standard Profiles'!$G$20=$B$10,7,0)+IF('Standard Profiles'!$G$20=$B$17,14,0)+IF('Standard Profiles'!$G$20=$B$24,21,0),MOD($C849,24)+1)/SUM(INDEX($D$3:$AA$30,INDEX(Jesper!$R$2:$R$366,ROW(INDEX(Jesper!AJ$2:AJ$366,ROUNDDOWN($C849/24,0)+1,1))-1)+IF('Standard Profiles'!$G$20=$B$10,7,0)+IF('Standard Profiles'!$G$20=$B$17,14,0)+IF('Standard Profiles'!$G$20=$B$24,21,0),0)),0)</f>
        <v>0</v>
      </c>
      <c r="G849" cm="1">
        <f t="array" ref="G849">IFERROR(INDEX(Jesper!AK$2:AK$366,ROUNDDOWN($C849/24,0)+1,1)*INDEX($D$3:$AA$30,INDEX(Jesper!$R$2:$R$366,ROW(INDEX(Jesper!AK$2:AK$366,ROUNDDOWN($C849/24,0)+1,1))-1)+IF('Standard Profiles'!$G$21=$B$10,7,0)+IF('Standard Profiles'!$G$21=$B$17,14,0)+IF('Standard Profiles'!$G$21=$B$24,21,0),MOD($C849,24)+1)/SUM(INDEX($D$3:$AA$30,INDEX(Jesper!$R$2:$R$366,ROW(INDEX(Jesper!AK$2:AK$366,ROUNDDOWN($C849/24,0)+1,1))-1)+IF('Standard Profiles'!$G$21=$B$10,7,0)+IF('Standard Profiles'!$G$21=$B$17,14,0)+IF('Standard Profiles'!$G$21=$B$24,21,0),0)),0)</f>
        <v>7.7917418764297226</v>
      </c>
      <c r="H849" cm="1">
        <f t="array" ref="H849">IFERROR(INDEX(Jesper!AL$2:AL$366,ROUNDDOWN($C849/24,0)+1,1)*INDEX($D$3:$AA$30,INDEX(Jesper!$R$2:$R$366,ROW(INDEX(Jesper!AL$2:AL$366,ROUNDDOWN($C849/24,0)+1,1))-1)+IF('Standard Profiles'!$G$22=$B$10,7,0)+IF('Standard Profiles'!$G$22=$B$17,14,0)+IF('Standard Profiles'!$G$22=$B$24,21,0),MOD($C849,24)+1)/SUM(INDEX($D$3:$AA$30,INDEX(Jesper!$R$2:$R$366,ROW(INDEX(Jesper!AL$2:AL$366,ROUNDDOWN($C849/24,0)+1,1))-1)+IF('Standard Profiles'!$G$22=$B$10,7,0)+IF('Standard Profiles'!$G$22=$B$17,14,0)+IF('Standard Profiles'!$G$22=$B$24,21,0),0)),0)</f>
        <v>0</v>
      </c>
      <c r="I849">
        <f t="shared" si="104"/>
        <v>3.740036100686265</v>
      </c>
      <c r="J849">
        <f t="shared" si="105"/>
        <v>15.115102349617239</v>
      </c>
      <c r="K849">
        <f t="shared" si="106"/>
        <v>0.59853137932227563</v>
      </c>
      <c r="L849">
        <f t="shared" si="107"/>
        <v>0.29926568966113781</v>
      </c>
      <c r="M849">
        <f t="shared" si="108"/>
        <v>0</v>
      </c>
      <c r="N849" s="45">
        <f t="shared" si="109"/>
        <v>44960.958333331357</v>
      </c>
    </row>
    <row r="850" spans="2:14" x14ac:dyDescent="0.25">
      <c r="B850">
        <f t="shared" si="103"/>
        <v>6</v>
      </c>
      <c r="C850" s="16">
        <v>816</v>
      </c>
      <c r="D850" cm="1">
        <f t="array" ref="D850">IFERROR(INDEX(Jesper!AH$2:AH$366,ROUNDDOWN($C850/24,0)+1,1)*INDEX($D$3:$AA$30,INDEX(Jesper!$R$2:$R$366,ROW(INDEX(Jesper!AH$2:AH$366,ROUNDDOWN($C850/24,0)+1,1))-1)+IF('Standard Profiles'!$G$18=$B$10,7,0)+IF('Standard Profiles'!$G$18=$B$17,14,0)+IF('Standard Profiles'!$G$18=$B$24,21,0),MOD($C850,24)+1)/SUM(INDEX($D$3:$AA$30,INDEX(Jesper!$R$2:$R$366,ROW(INDEX(Jesper!AH$2:AH$366,ROUNDDOWN($C850/24,0)+1,1))-1)+IF('Standard Profiles'!$G$18=$B$10,7,0)+IF('Standard Profiles'!$G$18=$B$17,14,0)+IF('Standard Profiles'!$G$18=$B$24,21,0),0)),0)</f>
        <v>0</v>
      </c>
      <c r="E850" cm="1">
        <f t="array" ref="E850">IFERROR(INDEX(Jesper!AI$2:AI$366,ROUNDDOWN($C850/24,0)+1,1)*INDEX($D$3:$AA$30,INDEX(Jesper!$R$2:$R$366,ROW(INDEX(Jesper!AI$2:AI$366,ROUNDDOWN($C850/24,0)+1,1))-1)+IF('Standard Profiles'!$G$19=$B$10,7,0)+IF('Standard Profiles'!$G$19=$B$17,14,0)+IF('Standard Profiles'!$G$19=$B$24,21,0),MOD($C850,24)+1)/SUM(INDEX($D$3:$AA$30,INDEX(Jesper!$R$2:$R$366,ROW(INDEX(Jesper!AI$2:AI$366,ROUNDDOWN($C850/24,0)+1,1))-1)+IF('Standard Profiles'!$G$19=$B$10,7,0)+IF('Standard Profiles'!$G$19=$B$17,14,0)+IF('Standard Profiles'!$G$19=$B$24,21,0),0)),0)</f>
        <v>5.5798188989903306</v>
      </c>
      <c r="F850" cm="1">
        <f t="array" ref="F850">IFERROR(INDEX(Jesper!AJ$2:AJ$366,ROUNDDOWN($C850/24,0)+1,1)*INDEX($D$3:$AA$30,INDEX(Jesper!$R$2:$R$366,ROW(INDEX(Jesper!AJ$2:AJ$366,ROUNDDOWN($C850/24,0)+1,1))-1)+IF('Standard Profiles'!$G$20=$B$10,7,0)+IF('Standard Profiles'!$G$20=$B$17,14,0)+IF('Standard Profiles'!$G$20=$B$24,21,0),MOD($C850,24)+1)/SUM(INDEX($D$3:$AA$30,INDEX(Jesper!$R$2:$R$366,ROW(INDEX(Jesper!AJ$2:AJ$366,ROUNDDOWN($C850/24,0)+1,1))-1)+IF('Standard Profiles'!$G$20=$B$10,7,0)+IF('Standard Profiles'!$G$20=$B$17,14,0)+IF('Standard Profiles'!$G$20=$B$24,21,0),0)),0)</f>
        <v>4.7151812561500259</v>
      </c>
      <c r="G850" cm="1">
        <f t="array" ref="G850">IFERROR(INDEX(Jesper!AK$2:AK$366,ROUNDDOWN($C850/24,0)+1,1)*INDEX($D$3:$AA$30,INDEX(Jesper!$R$2:$R$366,ROW(INDEX(Jesper!AK$2:AK$366,ROUNDDOWN($C850/24,0)+1,1))-1)+IF('Standard Profiles'!$G$21=$B$10,7,0)+IF('Standard Profiles'!$G$21=$B$17,14,0)+IF('Standard Profiles'!$G$21=$B$24,21,0),MOD($C850,24)+1)/SUM(INDEX($D$3:$AA$30,INDEX(Jesper!$R$2:$R$366,ROW(INDEX(Jesper!AK$2:AK$366,ROUNDDOWN($C850/24,0)+1,1))-1)+IF('Standard Profiles'!$G$21=$B$10,7,0)+IF('Standard Profiles'!$G$21=$B$17,14,0)+IF('Standard Profiles'!$G$21=$B$24,21,0),0)),0)</f>
        <v>6.9228904768836452</v>
      </c>
      <c r="H850" cm="1">
        <f t="array" ref="H850">IFERROR(INDEX(Jesper!AL$2:AL$366,ROUNDDOWN($C850/24,0)+1,1)*INDEX($D$3:$AA$30,INDEX(Jesper!$R$2:$R$366,ROW(INDEX(Jesper!AL$2:AL$366,ROUNDDOWN($C850/24,0)+1,1))-1)+IF('Standard Profiles'!$G$22=$B$10,7,0)+IF('Standard Profiles'!$G$22=$B$17,14,0)+IF('Standard Profiles'!$G$22=$B$24,21,0),MOD($C850,24)+1)/SUM(INDEX($D$3:$AA$30,INDEX(Jesper!$R$2:$R$366,ROW(INDEX(Jesper!AL$2:AL$366,ROUNDDOWN($C850/24,0)+1,1))-1)+IF('Standard Profiles'!$G$22=$B$10,7,0)+IF('Standard Profiles'!$G$22=$B$17,14,0)+IF('Standard Profiles'!$G$22=$B$24,21,0),0)),0)</f>
        <v>1.9523527697238785</v>
      </c>
      <c r="I850">
        <f t="shared" si="104"/>
        <v>1.8742586589349244</v>
      </c>
      <c r="J850">
        <f t="shared" si="105"/>
        <v>16.626406474934114</v>
      </c>
      <c r="K850">
        <f t="shared" si="106"/>
        <v>0.44638551191922643</v>
      </c>
      <c r="L850">
        <f t="shared" si="107"/>
        <v>0.22319275595961321</v>
      </c>
      <c r="M850">
        <f t="shared" si="108"/>
        <v>0</v>
      </c>
      <c r="N850" s="45">
        <f t="shared" si="109"/>
        <v>44960.999999998021</v>
      </c>
    </row>
    <row r="851" spans="2:14" x14ac:dyDescent="0.25">
      <c r="B851">
        <f t="shared" si="103"/>
        <v>6</v>
      </c>
      <c r="C851" s="16">
        <v>817</v>
      </c>
      <c r="D851" cm="1">
        <f t="array" ref="D851">IFERROR(INDEX(Jesper!AH$2:AH$366,ROUNDDOWN($C851/24,0)+1,1)*INDEX($D$3:$AA$30,INDEX(Jesper!$R$2:$R$366,ROW(INDEX(Jesper!AH$2:AH$366,ROUNDDOWN($C851/24,0)+1,1))-1)+IF('Standard Profiles'!$G$18=$B$10,7,0)+IF('Standard Profiles'!$G$18=$B$17,14,0)+IF('Standard Profiles'!$G$18=$B$24,21,0),MOD($C851,24)+1)/SUM(INDEX($D$3:$AA$30,INDEX(Jesper!$R$2:$R$366,ROW(INDEX(Jesper!AH$2:AH$366,ROUNDDOWN($C851/24,0)+1,1))-1)+IF('Standard Profiles'!$G$18=$B$10,7,0)+IF('Standard Profiles'!$G$18=$B$17,14,0)+IF('Standard Profiles'!$G$18=$B$24,21,0),0)),0)</f>
        <v>0</v>
      </c>
      <c r="E851" cm="1">
        <f t="array" ref="E851">IFERROR(INDEX(Jesper!AI$2:AI$366,ROUNDDOWN($C851/24,0)+1,1)*INDEX($D$3:$AA$30,INDEX(Jesper!$R$2:$R$366,ROW(INDEX(Jesper!AI$2:AI$366,ROUNDDOWN($C851/24,0)+1,1))-1)+IF('Standard Profiles'!$G$19=$B$10,7,0)+IF('Standard Profiles'!$G$19=$B$17,14,0)+IF('Standard Profiles'!$G$19=$B$24,21,0),MOD($C851,24)+1)/SUM(INDEX($D$3:$AA$30,INDEX(Jesper!$R$2:$R$366,ROW(INDEX(Jesper!AI$2:AI$366,ROUNDDOWN($C851/24,0)+1,1))-1)+IF('Standard Profiles'!$G$19=$B$10,7,0)+IF('Standard Profiles'!$G$19=$B$17,14,0)+IF('Standard Profiles'!$G$19=$B$24,21,0),0)),0)</f>
        <v>5.021837009091298</v>
      </c>
      <c r="F851" cm="1">
        <f t="array" ref="F851">IFERROR(INDEX(Jesper!AJ$2:AJ$366,ROUNDDOWN($C851/24,0)+1,1)*INDEX($D$3:$AA$30,INDEX(Jesper!$R$2:$R$366,ROW(INDEX(Jesper!AJ$2:AJ$366,ROUNDDOWN($C851/24,0)+1,1))-1)+IF('Standard Profiles'!$G$20=$B$10,7,0)+IF('Standard Profiles'!$G$20=$B$17,14,0)+IF('Standard Profiles'!$G$20=$B$24,21,0),MOD($C851,24)+1)/SUM(INDEX($D$3:$AA$30,INDEX(Jesper!$R$2:$R$366,ROW(INDEX(Jesper!AJ$2:AJ$366,ROUNDDOWN($C851/24,0)+1,1))-1)+IF('Standard Profiles'!$G$20=$B$10,7,0)+IF('Standard Profiles'!$G$20=$B$17,14,0)+IF('Standard Profiles'!$G$20=$B$24,21,0),0)),0)</f>
        <v>4.2436631305350234</v>
      </c>
      <c r="G851" cm="1">
        <f t="array" ref="G851">IFERROR(INDEX(Jesper!AK$2:AK$366,ROUNDDOWN($C851/24,0)+1,1)*INDEX($D$3:$AA$30,INDEX(Jesper!$R$2:$R$366,ROW(INDEX(Jesper!AK$2:AK$366,ROUNDDOWN($C851/24,0)+1,1))-1)+IF('Standard Profiles'!$G$21=$B$10,7,0)+IF('Standard Profiles'!$G$21=$B$17,14,0)+IF('Standard Profiles'!$G$21=$B$24,21,0),MOD($C851,24)+1)/SUM(INDEX($D$3:$AA$30,INDEX(Jesper!$R$2:$R$366,ROW(INDEX(Jesper!AK$2:AK$366,ROUNDDOWN($C851/24,0)+1,1))-1)+IF('Standard Profiles'!$G$21=$B$10,7,0)+IF('Standard Profiles'!$G$21=$B$17,14,0)+IF('Standard Profiles'!$G$21=$B$24,21,0),0)),0)</f>
        <v>6.9228904768836452</v>
      </c>
      <c r="H851" cm="1">
        <f t="array" ref="H851">IFERROR(INDEX(Jesper!AL$2:AL$366,ROUNDDOWN($C851/24,0)+1,1)*INDEX($D$3:$AA$30,INDEX(Jesper!$R$2:$R$366,ROW(INDEX(Jesper!AL$2:AL$366,ROUNDDOWN($C851/24,0)+1,1))-1)+IF('Standard Profiles'!$G$22=$B$10,7,0)+IF('Standard Profiles'!$G$22=$B$17,14,0)+IF('Standard Profiles'!$G$22=$B$24,21,0),MOD($C851,24)+1)/SUM(INDEX($D$3:$AA$30,INDEX(Jesper!$R$2:$R$366,ROW(INDEX(Jesper!AL$2:AL$366,ROUNDDOWN($C851/24,0)+1,1))-1)+IF('Standard Profiles'!$G$22=$B$10,7,0)+IF('Standard Profiles'!$G$22=$B$17,14,0)+IF('Standard Profiles'!$G$22=$B$24,21,0),0)),0)</f>
        <v>3.8117363599370973</v>
      </c>
      <c r="I851">
        <f t="shared" si="104"/>
        <v>3.6592669055396154</v>
      </c>
      <c r="J851">
        <f t="shared" si="105"/>
        <v>15.738239629816492</v>
      </c>
      <c r="K851">
        <f t="shared" si="106"/>
        <v>0.40174696072730387</v>
      </c>
      <c r="L851">
        <f t="shared" si="107"/>
        <v>0.20087348036365194</v>
      </c>
      <c r="M851">
        <f t="shared" si="108"/>
        <v>0</v>
      </c>
      <c r="N851" s="45">
        <f t="shared" si="109"/>
        <v>44961.041666664685</v>
      </c>
    </row>
    <row r="852" spans="2:14" x14ac:dyDescent="0.25">
      <c r="B852">
        <f t="shared" si="103"/>
        <v>6</v>
      </c>
      <c r="C852" s="16">
        <v>818</v>
      </c>
      <c r="D852" cm="1">
        <f t="array" ref="D852">IFERROR(INDEX(Jesper!AH$2:AH$366,ROUNDDOWN($C852/24,0)+1,1)*INDEX($D$3:$AA$30,INDEX(Jesper!$R$2:$R$366,ROW(INDEX(Jesper!AH$2:AH$366,ROUNDDOWN($C852/24,0)+1,1))-1)+IF('Standard Profiles'!$G$18=$B$10,7,0)+IF('Standard Profiles'!$G$18=$B$17,14,0)+IF('Standard Profiles'!$G$18=$B$24,21,0),MOD($C852,24)+1)/SUM(INDEX($D$3:$AA$30,INDEX(Jesper!$R$2:$R$366,ROW(INDEX(Jesper!AH$2:AH$366,ROUNDDOWN($C852/24,0)+1,1))-1)+IF('Standard Profiles'!$G$18=$B$10,7,0)+IF('Standard Profiles'!$G$18=$B$17,14,0)+IF('Standard Profiles'!$G$18=$B$24,21,0),0)),0)</f>
        <v>0</v>
      </c>
      <c r="E852" cm="1">
        <f t="array" ref="E852">IFERROR(INDEX(Jesper!AI$2:AI$366,ROUNDDOWN($C852/24,0)+1,1)*INDEX($D$3:$AA$30,INDEX(Jesper!$R$2:$R$366,ROW(INDEX(Jesper!AI$2:AI$366,ROUNDDOWN($C852/24,0)+1,1))-1)+IF('Standard Profiles'!$G$19=$B$10,7,0)+IF('Standard Profiles'!$G$19=$B$17,14,0)+IF('Standard Profiles'!$G$19=$B$24,21,0),MOD($C852,24)+1)/SUM(INDEX($D$3:$AA$30,INDEX(Jesper!$R$2:$R$366,ROW(INDEX(Jesper!AI$2:AI$366,ROUNDDOWN($C852/24,0)+1,1))-1)+IF('Standard Profiles'!$G$19=$B$10,7,0)+IF('Standard Profiles'!$G$19=$B$17,14,0)+IF('Standard Profiles'!$G$19=$B$24,21,0),0)),0)</f>
        <v>5.021837009091298</v>
      </c>
      <c r="F852" cm="1">
        <f t="array" ref="F852">IFERROR(INDEX(Jesper!AJ$2:AJ$366,ROUNDDOWN($C852/24,0)+1,1)*INDEX($D$3:$AA$30,INDEX(Jesper!$R$2:$R$366,ROW(INDEX(Jesper!AJ$2:AJ$366,ROUNDDOWN($C852/24,0)+1,1))-1)+IF('Standard Profiles'!$G$20=$B$10,7,0)+IF('Standard Profiles'!$G$20=$B$17,14,0)+IF('Standard Profiles'!$G$20=$B$24,21,0),MOD($C852,24)+1)/SUM(INDEX($D$3:$AA$30,INDEX(Jesper!$R$2:$R$366,ROW(INDEX(Jesper!AJ$2:AJ$366,ROUNDDOWN($C852/24,0)+1,1))-1)+IF('Standard Profiles'!$G$20=$B$10,7,0)+IF('Standard Profiles'!$G$20=$B$17,14,0)+IF('Standard Profiles'!$G$20=$B$24,21,0),0)),0)</f>
        <v>4.2436631305350234</v>
      </c>
      <c r="G852" cm="1">
        <f t="array" ref="G852">IFERROR(INDEX(Jesper!AK$2:AK$366,ROUNDDOWN($C852/24,0)+1,1)*INDEX($D$3:$AA$30,INDEX(Jesper!$R$2:$R$366,ROW(INDEX(Jesper!AK$2:AK$366,ROUNDDOWN($C852/24,0)+1,1))-1)+IF('Standard Profiles'!$G$21=$B$10,7,0)+IF('Standard Profiles'!$G$21=$B$17,14,0)+IF('Standard Profiles'!$G$21=$B$24,21,0),MOD($C852,24)+1)/SUM(INDEX($D$3:$AA$30,INDEX(Jesper!$R$2:$R$366,ROW(INDEX(Jesper!AK$2:AK$366,ROUNDDOWN($C852/24,0)+1,1))-1)+IF('Standard Profiles'!$G$21=$B$10,7,0)+IF('Standard Profiles'!$G$21=$B$17,14,0)+IF('Standard Profiles'!$G$21=$B$24,21,0),0)),0)</f>
        <v>6.9228904768836452</v>
      </c>
      <c r="H852" cm="1">
        <f t="array" ref="H852">IFERROR(INDEX(Jesper!AL$2:AL$366,ROUNDDOWN($C852/24,0)+1,1)*INDEX($D$3:$AA$30,INDEX(Jesper!$R$2:$R$366,ROW(INDEX(Jesper!AL$2:AL$366,ROUNDDOWN($C852/24,0)+1,1))-1)+IF('Standard Profiles'!$G$22=$B$10,7,0)+IF('Standard Profiles'!$G$22=$B$17,14,0)+IF('Standard Profiles'!$G$22=$B$24,21,0),MOD($C852,24)+1)/SUM(INDEX($D$3:$AA$30,INDEX(Jesper!$R$2:$R$366,ROW(INDEX(Jesper!AL$2:AL$366,ROUNDDOWN($C852/24,0)+1,1))-1)+IF('Standard Profiles'!$G$22=$B$10,7,0)+IF('Standard Profiles'!$G$22=$B$17,14,0)+IF('Standard Profiles'!$G$22=$B$24,21,0),0)),0)</f>
        <v>3.8117363599370973</v>
      </c>
      <c r="I852">
        <f t="shared" si="104"/>
        <v>3.6592669055396154</v>
      </c>
      <c r="J852">
        <f t="shared" si="105"/>
        <v>15.738239629816492</v>
      </c>
      <c r="K852">
        <f t="shared" si="106"/>
        <v>0.40174696072730387</v>
      </c>
      <c r="L852">
        <f t="shared" si="107"/>
        <v>0.20087348036365194</v>
      </c>
      <c r="M852">
        <f t="shared" si="108"/>
        <v>0</v>
      </c>
      <c r="N852" s="45">
        <f t="shared" si="109"/>
        <v>44961.083333331349</v>
      </c>
    </row>
    <row r="853" spans="2:14" x14ac:dyDescent="0.25">
      <c r="B853">
        <f t="shared" si="103"/>
        <v>6</v>
      </c>
      <c r="C853" s="16">
        <v>819</v>
      </c>
      <c r="D853" cm="1">
        <f t="array" ref="D853">IFERROR(INDEX(Jesper!AH$2:AH$366,ROUNDDOWN($C853/24,0)+1,1)*INDEX($D$3:$AA$30,INDEX(Jesper!$R$2:$R$366,ROW(INDEX(Jesper!AH$2:AH$366,ROUNDDOWN($C853/24,0)+1,1))-1)+IF('Standard Profiles'!$G$18=$B$10,7,0)+IF('Standard Profiles'!$G$18=$B$17,14,0)+IF('Standard Profiles'!$G$18=$B$24,21,0),MOD($C853,24)+1)/SUM(INDEX($D$3:$AA$30,INDEX(Jesper!$R$2:$R$366,ROW(INDEX(Jesper!AH$2:AH$366,ROUNDDOWN($C853/24,0)+1,1))-1)+IF('Standard Profiles'!$G$18=$B$10,7,0)+IF('Standard Profiles'!$G$18=$B$17,14,0)+IF('Standard Profiles'!$G$18=$B$24,21,0),0)),0)</f>
        <v>0</v>
      </c>
      <c r="E853" cm="1">
        <f t="array" ref="E853">IFERROR(INDEX(Jesper!AI$2:AI$366,ROUNDDOWN($C853/24,0)+1,1)*INDEX($D$3:$AA$30,INDEX(Jesper!$R$2:$R$366,ROW(INDEX(Jesper!AI$2:AI$366,ROUNDDOWN($C853/24,0)+1,1))-1)+IF('Standard Profiles'!$G$19=$B$10,7,0)+IF('Standard Profiles'!$G$19=$B$17,14,0)+IF('Standard Profiles'!$G$19=$B$24,21,0),MOD($C853,24)+1)/SUM(INDEX($D$3:$AA$30,INDEX(Jesper!$R$2:$R$366,ROW(INDEX(Jesper!AI$2:AI$366,ROUNDDOWN($C853/24,0)+1,1))-1)+IF('Standard Profiles'!$G$19=$B$10,7,0)+IF('Standard Profiles'!$G$19=$B$17,14,0)+IF('Standard Profiles'!$G$19=$B$24,21,0),0)),0)</f>
        <v>5.021837009091298</v>
      </c>
      <c r="F853" cm="1">
        <f t="array" ref="F853">IFERROR(INDEX(Jesper!AJ$2:AJ$366,ROUNDDOWN($C853/24,0)+1,1)*INDEX($D$3:$AA$30,INDEX(Jesper!$R$2:$R$366,ROW(INDEX(Jesper!AJ$2:AJ$366,ROUNDDOWN($C853/24,0)+1,1))-1)+IF('Standard Profiles'!$G$20=$B$10,7,0)+IF('Standard Profiles'!$G$20=$B$17,14,0)+IF('Standard Profiles'!$G$20=$B$24,21,0),MOD($C853,24)+1)/SUM(INDEX($D$3:$AA$30,INDEX(Jesper!$R$2:$R$366,ROW(INDEX(Jesper!AJ$2:AJ$366,ROUNDDOWN($C853/24,0)+1,1))-1)+IF('Standard Profiles'!$G$20=$B$10,7,0)+IF('Standard Profiles'!$G$20=$B$17,14,0)+IF('Standard Profiles'!$G$20=$B$24,21,0),0)),0)</f>
        <v>4.2436631305350234</v>
      </c>
      <c r="G853" cm="1">
        <f t="array" ref="G853">IFERROR(INDEX(Jesper!AK$2:AK$366,ROUNDDOWN($C853/24,0)+1,1)*INDEX($D$3:$AA$30,INDEX(Jesper!$R$2:$R$366,ROW(INDEX(Jesper!AK$2:AK$366,ROUNDDOWN($C853/24,0)+1,1))-1)+IF('Standard Profiles'!$G$21=$B$10,7,0)+IF('Standard Profiles'!$G$21=$B$17,14,0)+IF('Standard Profiles'!$G$21=$B$24,21,0),MOD($C853,24)+1)/SUM(INDEX($D$3:$AA$30,INDEX(Jesper!$R$2:$R$366,ROW(INDEX(Jesper!AK$2:AK$366,ROUNDDOWN($C853/24,0)+1,1))-1)+IF('Standard Profiles'!$G$21=$B$10,7,0)+IF('Standard Profiles'!$G$21=$B$17,14,0)+IF('Standard Profiles'!$G$21=$B$24,21,0),0)),0)</f>
        <v>6.9228904768836452</v>
      </c>
      <c r="H853" cm="1">
        <f t="array" ref="H853">IFERROR(INDEX(Jesper!AL$2:AL$366,ROUNDDOWN($C853/24,0)+1,1)*INDEX($D$3:$AA$30,INDEX(Jesper!$R$2:$R$366,ROW(INDEX(Jesper!AL$2:AL$366,ROUNDDOWN($C853/24,0)+1,1))-1)+IF('Standard Profiles'!$G$22=$B$10,7,0)+IF('Standard Profiles'!$G$22=$B$17,14,0)+IF('Standard Profiles'!$G$22=$B$24,21,0),MOD($C853,24)+1)/SUM(INDEX($D$3:$AA$30,INDEX(Jesper!$R$2:$R$366,ROW(INDEX(Jesper!AL$2:AL$366,ROUNDDOWN($C853/24,0)+1,1))-1)+IF('Standard Profiles'!$G$22=$B$10,7,0)+IF('Standard Profiles'!$G$22=$B$17,14,0)+IF('Standard Profiles'!$G$22=$B$24,21,0),0)),0)</f>
        <v>3.8117363599370973</v>
      </c>
      <c r="I853">
        <f t="shared" si="104"/>
        <v>3.6592669055396154</v>
      </c>
      <c r="J853">
        <f t="shared" si="105"/>
        <v>15.738239629816492</v>
      </c>
      <c r="K853">
        <f t="shared" si="106"/>
        <v>0.40174696072730387</v>
      </c>
      <c r="L853">
        <f t="shared" si="107"/>
        <v>0.20087348036365194</v>
      </c>
      <c r="M853">
        <f t="shared" si="108"/>
        <v>0</v>
      </c>
      <c r="N853" s="45">
        <f t="shared" si="109"/>
        <v>44961.124999998014</v>
      </c>
    </row>
    <row r="854" spans="2:14" x14ac:dyDescent="0.25">
      <c r="B854">
        <f t="shared" si="103"/>
        <v>6</v>
      </c>
      <c r="C854" s="16">
        <v>820</v>
      </c>
      <c r="D854" cm="1">
        <f t="array" ref="D854">IFERROR(INDEX(Jesper!AH$2:AH$366,ROUNDDOWN($C854/24,0)+1,1)*INDEX($D$3:$AA$30,INDEX(Jesper!$R$2:$R$366,ROW(INDEX(Jesper!AH$2:AH$366,ROUNDDOWN($C854/24,0)+1,1))-1)+IF('Standard Profiles'!$G$18=$B$10,7,0)+IF('Standard Profiles'!$G$18=$B$17,14,0)+IF('Standard Profiles'!$G$18=$B$24,21,0),MOD($C854,24)+1)/SUM(INDEX($D$3:$AA$30,INDEX(Jesper!$R$2:$R$366,ROW(INDEX(Jesper!AH$2:AH$366,ROUNDDOWN($C854/24,0)+1,1))-1)+IF('Standard Profiles'!$G$18=$B$10,7,0)+IF('Standard Profiles'!$G$18=$B$17,14,0)+IF('Standard Profiles'!$G$18=$B$24,21,0),0)),0)</f>
        <v>0</v>
      </c>
      <c r="E854" cm="1">
        <f t="array" ref="E854">IFERROR(INDEX(Jesper!AI$2:AI$366,ROUNDDOWN($C854/24,0)+1,1)*INDEX($D$3:$AA$30,INDEX(Jesper!$R$2:$R$366,ROW(INDEX(Jesper!AI$2:AI$366,ROUNDDOWN($C854/24,0)+1,1))-1)+IF('Standard Profiles'!$G$19=$B$10,7,0)+IF('Standard Profiles'!$G$19=$B$17,14,0)+IF('Standard Profiles'!$G$19=$B$24,21,0),MOD($C854,24)+1)/SUM(INDEX($D$3:$AA$30,INDEX(Jesper!$R$2:$R$366,ROW(INDEX(Jesper!AI$2:AI$366,ROUNDDOWN($C854/24,0)+1,1))-1)+IF('Standard Profiles'!$G$19=$B$10,7,0)+IF('Standard Profiles'!$G$19=$B$17,14,0)+IF('Standard Profiles'!$G$19=$B$24,21,0),0)),0)</f>
        <v>5.021837009091298</v>
      </c>
      <c r="F854" cm="1">
        <f t="array" ref="F854">IFERROR(INDEX(Jesper!AJ$2:AJ$366,ROUNDDOWN($C854/24,0)+1,1)*INDEX($D$3:$AA$30,INDEX(Jesper!$R$2:$R$366,ROW(INDEX(Jesper!AJ$2:AJ$366,ROUNDDOWN($C854/24,0)+1,1))-1)+IF('Standard Profiles'!$G$20=$B$10,7,0)+IF('Standard Profiles'!$G$20=$B$17,14,0)+IF('Standard Profiles'!$G$20=$B$24,21,0),MOD($C854,24)+1)/SUM(INDEX($D$3:$AA$30,INDEX(Jesper!$R$2:$R$366,ROW(INDEX(Jesper!AJ$2:AJ$366,ROUNDDOWN($C854/24,0)+1,1))-1)+IF('Standard Profiles'!$G$20=$B$10,7,0)+IF('Standard Profiles'!$G$20=$B$17,14,0)+IF('Standard Profiles'!$G$20=$B$24,21,0),0)),0)</f>
        <v>4.2436631305350234</v>
      </c>
      <c r="G854" cm="1">
        <f t="array" ref="G854">IFERROR(INDEX(Jesper!AK$2:AK$366,ROUNDDOWN($C854/24,0)+1,1)*INDEX($D$3:$AA$30,INDEX(Jesper!$R$2:$R$366,ROW(INDEX(Jesper!AK$2:AK$366,ROUNDDOWN($C854/24,0)+1,1))-1)+IF('Standard Profiles'!$G$21=$B$10,7,0)+IF('Standard Profiles'!$G$21=$B$17,14,0)+IF('Standard Profiles'!$G$21=$B$24,21,0),MOD($C854,24)+1)/SUM(INDEX($D$3:$AA$30,INDEX(Jesper!$R$2:$R$366,ROW(INDEX(Jesper!AK$2:AK$366,ROUNDDOWN($C854/24,0)+1,1))-1)+IF('Standard Profiles'!$G$21=$B$10,7,0)+IF('Standard Profiles'!$G$21=$B$17,14,0)+IF('Standard Profiles'!$G$21=$B$24,21,0),0)),0)</f>
        <v>6.9228904768836452</v>
      </c>
      <c r="H854" cm="1">
        <f t="array" ref="H854">IFERROR(INDEX(Jesper!AL$2:AL$366,ROUNDDOWN($C854/24,0)+1,1)*INDEX($D$3:$AA$30,INDEX(Jesper!$R$2:$R$366,ROW(INDEX(Jesper!AL$2:AL$366,ROUNDDOWN($C854/24,0)+1,1))-1)+IF('Standard Profiles'!$G$22=$B$10,7,0)+IF('Standard Profiles'!$G$22=$B$17,14,0)+IF('Standard Profiles'!$G$22=$B$24,21,0),MOD($C854,24)+1)/SUM(INDEX($D$3:$AA$30,INDEX(Jesper!$R$2:$R$366,ROW(INDEX(Jesper!AL$2:AL$366,ROUNDDOWN($C854/24,0)+1,1))-1)+IF('Standard Profiles'!$G$22=$B$10,7,0)+IF('Standard Profiles'!$G$22=$B$17,14,0)+IF('Standard Profiles'!$G$22=$B$24,21,0),0)),0)</f>
        <v>3.8117363599370973</v>
      </c>
      <c r="I854">
        <f t="shared" si="104"/>
        <v>3.6592669055396154</v>
      </c>
      <c r="J854">
        <f t="shared" si="105"/>
        <v>15.738239629816492</v>
      </c>
      <c r="K854">
        <f t="shared" si="106"/>
        <v>0.40174696072730387</v>
      </c>
      <c r="L854">
        <f t="shared" si="107"/>
        <v>0.20087348036365194</v>
      </c>
      <c r="M854">
        <f t="shared" si="108"/>
        <v>0</v>
      </c>
      <c r="N854" s="45">
        <f t="shared" si="109"/>
        <v>44961.166666664678</v>
      </c>
    </row>
    <row r="855" spans="2:14" x14ac:dyDescent="0.25">
      <c r="B855">
        <f t="shared" si="103"/>
        <v>6</v>
      </c>
      <c r="C855" s="16">
        <v>821</v>
      </c>
      <c r="D855" cm="1">
        <f t="array" ref="D855">IFERROR(INDEX(Jesper!AH$2:AH$366,ROUNDDOWN($C855/24,0)+1,1)*INDEX($D$3:$AA$30,INDEX(Jesper!$R$2:$R$366,ROW(INDEX(Jesper!AH$2:AH$366,ROUNDDOWN($C855/24,0)+1,1))-1)+IF('Standard Profiles'!$G$18=$B$10,7,0)+IF('Standard Profiles'!$G$18=$B$17,14,0)+IF('Standard Profiles'!$G$18=$B$24,21,0),MOD($C855,24)+1)/SUM(INDEX($D$3:$AA$30,INDEX(Jesper!$R$2:$R$366,ROW(INDEX(Jesper!AH$2:AH$366,ROUNDDOWN($C855/24,0)+1,1))-1)+IF('Standard Profiles'!$G$18=$B$10,7,0)+IF('Standard Profiles'!$G$18=$B$17,14,0)+IF('Standard Profiles'!$G$18=$B$24,21,0),0)),0)</f>
        <v>0</v>
      </c>
      <c r="E855" cm="1">
        <f t="array" ref="E855">IFERROR(INDEX(Jesper!AI$2:AI$366,ROUNDDOWN($C855/24,0)+1,1)*INDEX($D$3:$AA$30,INDEX(Jesper!$R$2:$R$366,ROW(INDEX(Jesper!AI$2:AI$366,ROUNDDOWN($C855/24,0)+1,1))-1)+IF('Standard Profiles'!$G$19=$B$10,7,0)+IF('Standard Profiles'!$G$19=$B$17,14,0)+IF('Standard Profiles'!$G$19=$B$24,21,0),MOD($C855,24)+1)/SUM(INDEX($D$3:$AA$30,INDEX(Jesper!$R$2:$R$366,ROW(INDEX(Jesper!AI$2:AI$366,ROUNDDOWN($C855/24,0)+1,1))-1)+IF('Standard Profiles'!$G$19=$B$10,7,0)+IF('Standard Profiles'!$G$19=$B$17,14,0)+IF('Standard Profiles'!$G$19=$B$24,21,0),0)),0)</f>
        <v>5.021837009091298</v>
      </c>
      <c r="F855" cm="1">
        <f t="array" ref="F855">IFERROR(INDEX(Jesper!AJ$2:AJ$366,ROUNDDOWN($C855/24,0)+1,1)*INDEX($D$3:$AA$30,INDEX(Jesper!$R$2:$R$366,ROW(INDEX(Jesper!AJ$2:AJ$366,ROUNDDOWN($C855/24,0)+1,1))-1)+IF('Standard Profiles'!$G$20=$B$10,7,0)+IF('Standard Profiles'!$G$20=$B$17,14,0)+IF('Standard Profiles'!$G$20=$B$24,21,0),MOD($C855,24)+1)/SUM(INDEX($D$3:$AA$30,INDEX(Jesper!$R$2:$R$366,ROW(INDEX(Jesper!AJ$2:AJ$366,ROUNDDOWN($C855/24,0)+1,1))-1)+IF('Standard Profiles'!$G$20=$B$10,7,0)+IF('Standard Profiles'!$G$20=$B$17,14,0)+IF('Standard Profiles'!$G$20=$B$24,21,0),0)),0)</f>
        <v>4.2436631305350234</v>
      </c>
      <c r="G855" cm="1">
        <f t="array" ref="G855">IFERROR(INDEX(Jesper!AK$2:AK$366,ROUNDDOWN($C855/24,0)+1,1)*INDEX($D$3:$AA$30,INDEX(Jesper!$R$2:$R$366,ROW(INDEX(Jesper!AK$2:AK$366,ROUNDDOWN($C855/24,0)+1,1))-1)+IF('Standard Profiles'!$G$21=$B$10,7,0)+IF('Standard Profiles'!$G$21=$B$17,14,0)+IF('Standard Profiles'!$G$21=$B$24,21,0),MOD($C855,24)+1)/SUM(INDEX($D$3:$AA$30,INDEX(Jesper!$R$2:$R$366,ROW(INDEX(Jesper!AK$2:AK$366,ROUNDDOWN($C855/24,0)+1,1))-1)+IF('Standard Profiles'!$G$21=$B$10,7,0)+IF('Standard Profiles'!$G$21=$B$17,14,0)+IF('Standard Profiles'!$G$21=$B$24,21,0),0)),0)</f>
        <v>6.9228904768836452</v>
      </c>
      <c r="H855" cm="1">
        <f t="array" ref="H855">IFERROR(INDEX(Jesper!AL$2:AL$366,ROUNDDOWN($C855/24,0)+1,1)*INDEX($D$3:$AA$30,INDEX(Jesper!$R$2:$R$366,ROW(INDEX(Jesper!AL$2:AL$366,ROUNDDOWN($C855/24,0)+1,1))-1)+IF('Standard Profiles'!$G$22=$B$10,7,0)+IF('Standard Profiles'!$G$22=$B$17,14,0)+IF('Standard Profiles'!$G$22=$B$24,21,0),MOD($C855,24)+1)/SUM(INDEX($D$3:$AA$30,INDEX(Jesper!$R$2:$R$366,ROW(INDEX(Jesper!AL$2:AL$366,ROUNDDOWN($C855/24,0)+1,1))-1)+IF('Standard Profiles'!$G$22=$B$10,7,0)+IF('Standard Profiles'!$G$22=$B$17,14,0)+IF('Standard Profiles'!$G$22=$B$24,21,0),0)),0)</f>
        <v>4.7414281550437058</v>
      </c>
      <c r="I855">
        <f t="shared" si="104"/>
        <v>4.5517710288419604</v>
      </c>
      <c r="J855">
        <f t="shared" si="105"/>
        <v>15.775427301620757</v>
      </c>
      <c r="K855">
        <f t="shared" si="106"/>
        <v>0.40174696072730387</v>
      </c>
      <c r="L855">
        <f t="shared" si="107"/>
        <v>0.20087348036365194</v>
      </c>
      <c r="M855">
        <f t="shared" si="108"/>
        <v>0</v>
      </c>
      <c r="N855" s="45">
        <f t="shared" si="109"/>
        <v>44961.208333331342</v>
      </c>
    </row>
    <row r="856" spans="2:14" x14ac:dyDescent="0.25">
      <c r="B856">
        <f t="shared" si="103"/>
        <v>6</v>
      </c>
      <c r="C856" s="16">
        <v>822</v>
      </c>
      <c r="D856" cm="1">
        <f t="array" ref="D856">IFERROR(INDEX(Jesper!AH$2:AH$366,ROUNDDOWN($C856/24,0)+1,1)*INDEX($D$3:$AA$30,INDEX(Jesper!$R$2:$R$366,ROW(INDEX(Jesper!AH$2:AH$366,ROUNDDOWN($C856/24,0)+1,1))-1)+IF('Standard Profiles'!$G$18=$B$10,7,0)+IF('Standard Profiles'!$G$18=$B$17,14,0)+IF('Standard Profiles'!$G$18=$B$24,21,0),MOD($C856,24)+1)/SUM(INDEX($D$3:$AA$30,INDEX(Jesper!$R$2:$R$366,ROW(INDEX(Jesper!AH$2:AH$366,ROUNDDOWN($C856/24,0)+1,1))-1)+IF('Standard Profiles'!$G$18=$B$10,7,0)+IF('Standard Profiles'!$G$18=$B$17,14,0)+IF('Standard Profiles'!$G$18=$B$24,21,0),0)),0)</f>
        <v>0</v>
      </c>
      <c r="E856" cm="1">
        <f t="array" ref="E856">IFERROR(INDEX(Jesper!AI$2:AI$366,ROUNDDOWN($C856/24,0)+1,1)*INDEX($D$3:$AA$30,INDEX(Jesper!$R$2:$R$366,ROW(INDEX(Jesper!AI$2:AI$366,ROUNDDOWN($C856/24,0)+1,1))-1)+IF('Standard Profiles'!$G$19=$B$10,7,0)+IF('Standard Profiles'!$G$19=$B$17,14,0)+IF('Standard Profiles'!$G$19=$B$24,21,0),MOD($C856,24)+1)/SUM(INDEX($D$3:$AA$30,INDEX(Jesper!$R$2:$R$366,ROW(INDEX(Jesper!AI$2:AI$366,ROUNDDOWN($C856/24,0)+1,1))-1)+IF('Standard Profiles'!$G$19=$B$10,7,0)+IF('Standard Profiles'!$G$19=$B$17,14,0)+IF('Standard Profiles'!$G$19=$B$24,21,0),0)),0)</f>
        <v>5.021837009091298</v>
      </c>
      <c r="F856" cm="1">
        <f t="array" ref="F856">IFERROR(INDEX(Jesper!AJ$2:AJ$366,ROUNDDOWN($C856/24,0)+1,1)*INDEX($D$3:$AA$30,INDEX(Jesper!$R$2:$R$366,ROW(INDEX(Jesper!AJ$2:AJ$366,ROUNDDOWN($C856/24,0)+1,1))-1)+IF('Standard Profiles'!$G$20=$B$10,7,0)+IF('Standard Profiles'!$G$20=$B$17,14,0)+IF('Standard Profiles'!$G$20=$B$24,21,0),MOD($C856,24)+1)/SUM(INDEX($D$3:$AA$30,INDEX(Jesper!$R$2:$R$366,ROW(INDEX(Jesper!AJ$2:AJ$366,ROUNDDOWN($C856/24,0)+1,1))-1)+IF('Standard Profiles'!$G$20=$B$10,7,0)+IF('Standard Profiles'!$G$20=$B$17,14,0)+IF('Standard Profiles'!$G$20=$B$24,21,0),0)),0)</f>
        <v>4.2436631305350234</v>
      </c>
      <c r="G856" cm="1">
        <f t="array" ref="G856">IFERROR(INDEX(Jesper!AK$2:AK$366,ROUNDDOWN($C856/24,0)+1,1)*INDEX($D$3:$AA$30,INDEX(Jesper!$R$2:$R$366,ROW(INDEX(Jesper!AK$2:AK$366,ROUNDDOWN($C856/24,0)+1,1))-1)+IF('Standard Profiles'!$G$21=$B$10,7,0)+IF('Standard Profiles'!$G$21=$B$17,14,0)+IF('Standard Profiles'!$G$21=$B$24,21,0),MOD($C856,24)+1)/SUM(INDEX($D$3:$AA$30,INDEX(Jesper!$R$2:$R$366,ROW(INDEX(Jesper!AK$2:AK$366,ROUNDDOWN($C856/24,0)+1,1))-1)+IF('Standard Profiles'!$G$21=$B$10,7,0)+IF('Standard Profiles'!$G$21=$B$17,14,0)+IF('Standard Profiles'!$G$21=$B$24,21,0),0)),0)</f>
        <v>6.9228904768836452</v>
      </c>
      <c r="H856" cm="1">
        <f t="array" ref="H856">IFERROR(INDEX(Jesper!AL$2:AL$366,ROUNDDOWN($C856/24,0)+1,1)*INDEX($D$3:$AA$30,INDEX(Jesper!$R$2:$R$366,ROW(INDEX(Jesper!AL$2:AL$366,ROUNDDOWN($C856/24,0)+1,1))-1)+IF('Standard Profiles'!$G$22=$B$10,7,0)+IF('Standard Profiles'!$G$22=$B$17,14,0)+IF('Standard Profiles'!$G$22=$B$24,21,0),MOD($C856,24)+1)/SUM(INDEX($D$3:$AA$30,INDEX(Jesper!$R$2:$R$366,ROW(INDEX(Jesper!AL$2:AL$366,ROUNDDOWN($C856/24,0)+1,1))-1)+IF('Standard Profiles'!$G$22=$B$10,7,0)+IF('Standard Profiles'!$G$22=$B$17,14,0)+IF('Standard Profiles'!$G$22=$B$24,21,0),0)),0)</f>
        <v>5.9500274886822977</v>
      </c>
      <c r="I856">
        <f t="shared" si="104"/>
        <v>5.7120263891350085</v>
      </c>
      <c r="J856">
        <f t="shared" si="105"/>
        <v>15.823771274966299</v>
      </c>
      <c r="K856">
        <f t="shared" si="106"/>
        <v>0.40174696072730387</v>
      </c>
      <c r="L856">
        <f t="shared" si="107"/>
        <v>0.20087348036365194</v>
      </c>
      <c r="M856">
        <f t="shared" si="108"/>
        <v>0</v>
      </c>
      <c r="N856" s="45">
        <f t="shared" si="109"/>
        <v>44961.249999998006</v>
      </c>
    </row>
    <row r="857" spans="2:14" x14ac:dyDescent="0.25">
      <c r="B857">
        <f t="shared" si="103"/>
        <v>6</v>
      </c>
      <c r="C857" s="16">
        <v>823</v>
      </c>
      <c r="D857" cm="1">
        <f t="array" ref="D857">IFERROR(INDEX(Jesper!AH$2:AH$366,ROUNDDOWN($C857/24,0)+1,1)*INDEX($D$3:$AA$30,INDEX(Jesper!$R$2:$R$366,ROW(INDEX(Jesper!AH$2:AH$366,ROUNDDOWN($C857/24,0)+1,1))-1)+IF('Standard Profiles'!$G$18=$B$10,7,0)+IF('Standard Profiles'!$G$18=$B$17,14,0)+IF('Standard Profiles'!$G$18=$B$24,21,0),MOD($C857,24)+1)/SUM(INDEX($D$3:$AA$30,INDEX(Jesper!$R$2:$R$366,ROW(INDEX(Jesper!AH$2:AH$366,ROUNDDOWN($C857/24,0)+1,1))-1)+IF('Standard Profiles'!$G$18=$B$10,7,0)+IF('Standard Profiles'!$G$18=$B$17,14,0)+IF('Standard Profiles'!$G$18=$B$24,21,0),0)),0)</f>
        <v>0</v>
      </c>
      <c r="E857" cm="1">
        <f t="array" ref="E857">IFERROR(INDEX(Jesper!AI$2:AI$366,ROUNDDOWN($C857/24,0)+1,1)*INDEX($D$3:$AA$30,INDEX(Jesper!$R$2:$R$366,ROW(INDEX(Jesper!AI$2:AI$366,ROUNDDOWN($C857/24,0)+1,1))-1)+IF('Standard Profiles'!$G$19=$B$10,7,0)+IF('Standard Profiles'!$G$19=$B$17,14,0)+IF('Standard Profiles'!$G$19=$B$24,21,0),MOD($C857,24)+1)/SUM(INDEX($D$3:$AA$30,INDEX(Jesper!$R$2:$R$366,ROW(INDEX(Jesper!AI$2:AI$366,ROUNDDOWN($C857/24,0)+1,1))-1)+IF('Standard Profiles'!$G$19=$B$10,7,0)+IF('Standard Profiles'!$G$19=$B$17,14,0)+IF('Standard Profiles'!$G$19=$B$24,21,0),0)),0)</f>
        <v>5.021837009091298</v>
      </c>
      <c r="F857" cm="1">
        <f t="array" ref="F857">IFERROR(INDEX(Jesper!AJ$2:AJ$366,ROUNDDOWN($C857/24,0)+1,1)*INDEX($D$3:$AA$30,INDEX(Jesper!$R$2:$R$366,ROW(INDEX(Jesper!AJ$2:AJ$366,ROUNDDOWN($C857/24,0)+1,1))-1)+IF('Standard Profiles'!$G$20=$B$10,7,0)+IF('Standard Profiles'!$G$20=$B$17,14,0)+IF('Standard Profiles'!$G$20=$B$24,21,0),MOD($C857,24)+1)/SUM(INDEX($D$3:$AA$30,INDEX(Jesper!$R$2:$R$366,ROW(INDEX(Jesper!AJ$2:AJ$366,ROUNDDOWN($C857/24,0)+1,1))-1)+IF('Standard Profiles'!$G$20=$B$10,7,0)+IF('Standard Profiles'!$G$20=$B$17,14,0)+IF('Standard Profiles'!$G$20=$B$24,21,0),0)),0)</f>
        <v>4.2436631305350234</v>
      </c>
      <c r="G857" cm="1">
        <f t="array" ref="G857">IFERROR(INDEX(Jesper!AK$2:AK$366,ROUNDDOWN($C857/24,0)+1,1)*INDEX($D$3:$AA$30,INDEX(Jesper!$R$2:$R$366,ROW(INDEX(Jesper!AK$2:AK$366,ROUNDDOWN($C857/24,0)+1,1))-1)+IF('Standard Profiles'!$G$21=$B$10,7,0)+IF('Standard Profiles'!$G$21=$B$17,14,0)+IF('Standard Profiles'!$G$21=$B$24,21,0),MOD($C857,24)+1)/SUM(INDEX($D$3:$AA$30,INDEX(Jesper!$R$2:$R$366,ROW(INDEX(Jesper!AK$2:AK$366,ROUNDDOWN($C857/24,0)+1,1))-1)+IF('Standard Profiles'!$G$21=$B$10,7,0)+IF('Standard Profiles'!$G$21=$B$17,14,0)+IF('Standard Profiles'!$G$21=$B$24,21,0),0)),0)</f>
        <v>6.9228904768836452</v>
      </c>
      <c r="H857" cm="1">
        <f t="array" ref="H857">IFERROR(INDEX(Jesper!AL$2:AL$366,ROUNDDOWN($C857/24,0)+1,1)*INDEX($D$3:$AA$30,INDEX(Jesper!$R$2:$R$366,ROW(INDEX(Jesper!AL$2:AL$366,ROUNDDOWN($C857/24,0)+1,1))-1)+IF('Standard Profiles'!$G$22=$B$10,7,0)+IF('Standard Profiles'!$G$22=$B$17,14,0)+IF('Standard Profiles'!$G$22=$B$24,21,0),MOD($C857,24)+1)/SUM(INDEX($D$3:$AA$30,INDEX(Jesper!$R$2:$R$366,ROW(INDEX(Jesper!AL$2:AL$366,ROUNDDOWN($C857/24,0)+1,1))-1)+IF('Standard Profiles'!$G$22=$B$10,7,0)+IF('Standard Profiles'!$G$22=$B$17,14,0)+IF('Standard Profiles'!$G$22=$B$24,21,0),0)),0)</f>
        <v>6.7867501042782461</v>
      </c>
      <c r="I857">
        <f t="shared" si="104"/>
        <v>6.5152801001071197</v>
      </c>
      <c r="J857">
        <f t="shared" si="105"/>
        <v>15.857240179590137</v>
      </c>
      <c r="K857">
        <f t="shared" si="106"/>
        <v>0.40174696072730387</v>
      </c>
      <c r="L857">
        <f t="shared" si="107"/>
        <v>0.20087348036365194</v>
      </c>
      <c r="M857">
        <f t="shared" si="108"/>
        <v>0</v>
      </c>
      <c r="N857" s="45">
        <f t="shared" si="109"/>
        <v>44961.291666664671</v>
      </c>
    </row>
    <row r="858" spans="2:14" x14ac:dyDescent="0.25">
      <c r="B858">
        <f t="shared" si="103"/>
        <v>6</v>
      </c>
      <c r="C858" s="16">
        <v>824</v>
      </c>
      <c r="D858" cm="1">
        <f t="array" ref="D858">IFERROR(INDEX(Jesper!AH$2:AH$366,ROUNDDOWN($C858/24,0)+1,1)*INDEX($D$3:$AA$30,INDEX(Jesper!$R$2:$R$366,ROW(INDEX(Jesper!AH$2:AH$366,ROUNDDOWN($C858/24,0)+1,1))-1)+IF('Standard Profiles'!$G$18=$B$10,7,0)+IF('Standard Profiles'!$G$18=$B$17,14,0)+IF('Standard Profiles'!$G$18=$B$24,21,0),MOD($C858,24)+1)/SUM(INDEX($D$3:$AA$30,INDEX(Jesper!$R$2:$R$366,ROW(INDEX(Jesper!AH$2:AH$366,ROUNDDOWN($C858/24,0)+1,1))-1)+IF('Standard Profiles'!$G$18=$B$10,7,0)+IF('Standard Profiles'!$G$18=$B$17,14,0)+IF('Standard Profiles'!$G$18=$B$24,21,0),0)),0)</f>
        <v>0</v>
      </c>
      <c r="E858" cm="1">
        <f t="array" ref="E858">IFERROR(INDEX(Jesper!AI$2:AI$366,ROUNDDOWN($C858/24,0)+1,1)*INDEX($D$3:$AA$30,INDEX(Jesper!$R$2:$R$366,ROW(INDEX(Jesper!AI$2:AI$366,ROUNDDOWN($C858/24,0)+1,1))-1)+IF('Standard Profiles'!$G$19=$B$10,7,0)+IF('Standard Profiles'!$G$19=$B$17,14,0)+IF('Standard Profiles'!$G$19=$B$24,21,0),MOD($C858,24)+1)/SUM(INDEX($D$3:$AA$30,INDEX(Jesper!$R$2:$R$366,ROW(INDEX(Jesper!AI$2:AI$366,ROUNDDOWN($C858/24,0)+1,1))-1)+IF('Standard Profiles'!$G$19=$B$10,7,0)+IF('Standard Profiles'!$G$19=$B$17,14,0)+IF('Standard Profiles'!$G$19=$B$24,21,0),0)),0)</f>
        <v>5.021837009091298</v>
      </c>
      <c r="F858" cm="1">
        <f t="array" ref="F858">IFERROR(INDEX(Jesper!AJ$2:AJ$366,ROUNDDOWN($C858/24,0)+1,1)*INDEX($D$3:$AA$30,INDEX(Jesper!$R$2:$R$366,ROW(INDEX(Jesper!AJ$2:AJ$366,ROUNDDOWN($C858/24,0)+1,1))-1)+IF('Standard Profiles'!$G$20=$B$10,7,0)+IF('Standard Profiles'!$G$20=$B$17,14,0)+IF('Standard Profiles'!$G$20=$B$24,21,0),MOD($C858,24)+1)/SUM(INDEX($D$3:$AA$30,INDEX(Jesper!$R$2:$R$366,ROW(INDEX(Jesper!AJ$2:AJ$366,ROUNDDOWN($C858/24,0)+1,1))-1)+IF('Standard Profiles'!$G$20=$B$10,7,0)+IF('Standard Profiles'!$G$20=$B$17,14,0)+IF('Standard Profiles'!$G$20=$B$24,21,0),0)),0)</f>
        <v>4.2436631305350234</v>
      </c>
      <c r="G858" cm="1">
        <f t="array" ref="G858">IFERROR(INDEX(Jesper!AK$2:AK$366,ROUNDDOWN($C858/24,0)+1,1)*INDEX($D$3:$AA$30,INDEX(Jesper!$R$2:$R$366,ROW(INDEX(Jesper!AK$2:AK$366,ROUNDDOWN($C858/24,0)+1,1))-1)+IF('Standard Profiles'!$G$21=$B$10,7,0)+IF('Standard Profiles'!$G$21=$B$17,14,0)+IF('Standard Profiles'!$G$21=$B$24,21,0),MOD($C858,24)+1)/SUM(INDEX($D$3:$AA$30,INDEX(Jesper!$R$2:$R$366,ROW(INDEX(Jesper!AK$2:AK$366,ROUNDDOWN($C858/24,0)+1,1))-1)+IF('Standard Profiles'!$G$21=$B$10,7,0)+IF('Standard Profiles'!$G$21=$B$17,14,0)+IF('Standard Profiles'!$G$21=$B$24,21,0),0)),0)</f>
        <v>6.9228904768836452</v>
      </c>
      <c r="H858" cm="1">
        <f t="array" ref="H858">IFERROR(INDEX(Jesper!AL$2:AL$366,ROUNDDOWN($C858/24,0)+1,1)*INDEX($D$3:$AA$30,INDEX(Jesper!$R$2:$R$366,ROW(INDEX(Jesper!AL$2:AL$366,ROUNDDOWN($C858/24,0)+1,1))-1)+IF('Standard Profiles'!$G$22=$B$10,7,0)+IF('Standard Profiles'!$G$22=$B$17,14,0)+IF('Standard Profiles'!$G$22=$B$24,21,0),MOD($C858,24)+1)/SUM(INDEX($D$3:$AA$30,INDEX(Jesper!$R$2:$R$366,ROW(INDEX(Jesper!AL$2:AL$366,ROUNDDOWN($C858/24,0)+1,1))-1)+IF('Standard Profiles'!$G$22=$B$10,7,0)+IF('Standard Profiles'!$G$22=$B$17,14,0)+IF('Standard Profiles'!$G$22=$B$24,21,0),0)),0)</f>
        <v>6.7867501042782461</v>
      </c>
      <c r="I858">
        <f t="shared" si="104"/>
        <v>6.5152801001071197</v>
      </c>
      <c r="J858">
        <f t="shared" si="105"/>
        <v>15.857240179590137</v>
      </c>
      <c r="K858">
        <f t="shared" si="106"/>
        <v>0.40174696072730387</v>
      </c>
      <c r="L858">
        <f t="shared" si="107"/>
        <v>0.20087348036365194</v>
      </c>
      <c r="M858">
        <f t="shared" si="108"/>
        <v>0</v>
      </c>
      <c r="N858" s="45">
        <f t="shared" si="109"/>
        <v>44961.333333331335</v>
      </c>
    </row>
    <row r="859" spans="2:14" x14ac:dyDescent="0.25">
      <c r="B859">
        <f t="shared" si="103"/>
        <v>6</v>
      </c>
      <c r="C859" s="16">
        <v>825</v>
      </c>
      <c r="D859" cm="1">
        <f t="array" ref="D859">IFERROR(INDEX(Jesper!AH$2:AH$366,ROUNDDOWN($C859/24,0)+1,1)*INDEX($D$3:$AA$30,INDEX(Jesper!$R$2:$R$366,ROW(INDEX(Jesper!AH$2:AH$366,ROUNDDOWN($C859/24,0)+1,1))-1)+IF('Standard Profiles'!$G$18=$B$10,7,0)+IF('Standard Profiles'!$G$18=$B$17,14,0)+IF('Standard Profiles'!$G$18=$B$24,21,0),MOD($C859,24)+1)/SUM(INDEX($D$3:$AA$30,INDEX(Jesper!$R$2:$R$366,ROW(INDEX(Jesper!AH$2:AH$366,ROUNDDOWN($C859/24,0)+1,1))-1)+IF('Standard Profiles'!$G$18=$B$10,7,0)+IF('Standard Profiles'!$G$18=$B$17,14,0)+IF('Standard Profiles'!$G$18=$B$24,21,0),0)),0)</f>
        <v>0</v>
      </c>
      <c r="E859" cm="1">
        <f t="array" ref="E859">IFERROR(INDEX(Jesper!AI$2:AI$366,ROUNDDOWN($C859/24,0)+1,1)*INDEX($D$3:$AA$30,INDEX(Jesper!$R$2:$R$366,ROW(INDEX(Jesper!AI$2:AI$366,ROUNDDOWN($C859/24,0)+1,1))-1)+IF('Standard Profiles'!$G$19=$B$10,7,0)+IF('Standard Profiles'!$G$19=$B$17,14,0)+IF('Standard Profiles'!$G$19=$B$24,21,0),MOD($C859,24)+1)/SUM(INDEX($D$3:$AA$30,INDEX(Jesper!$R$2:$R$366,ROW(INDEX(Jesper!AI$2:AI$366,ROUNDDOWN($C859/24,0)+1,1))-1)+IF('Standard Profiles'!$G$19=$B$10,7,0)+IF('Standard Profiles'!$G$19=$B$17,14,0)+IF('Standard Profiles'!$G$19=$B$24,21,0),0)),0)</f>
        <v>5.021837009091298</v>
      </c>
      <c r="F859" cm="1">
        <f t="array" ref="F859">IFERROR(INDEX(Jesper!AJ$2:AJ$366,ROUNDDOWN($C859/24,0)+1,1)*INDEX($D$3:$AA$30,INDEX(Jesper!$R$2:$R$366,ROW(INDEX(Jesper!AJ$2:AJ$366,ROUNDDOWN($C859/24,0)+1,1))-1)+IF('Standard Profiles'!$G$20=$B$10,7,0)+IF('Standard Profiles'!$G$20=$B$17,14,0)+IF('Standard Profiles'!$G$20=$B$24,21,0),MOD($C859,24)+1)/SUM(INDEX($D$3:$AA$30,INDEX(Jesper!$R$2:$R$366,ROW(INDEX(Jesper!AJ$2:AJ$366,ROUNDDOWN($C859/24,0)+1,1))-1)+IF('Standard Profiles'!$G$20=$B$10,7,0)+IF('Standard Profiles'!$G$20=$B$17,14,0)+IF('Standard Profiles'!$G$20=$B$24,21,0),0)),0)</f>
        <v>4.2436631305350234</v>
      </c>
      <c r="G859" cm="1">
        <f t="array" ref="G859">IFERROR(INDEX(Jesper!AK$2:AK$366,ROUNDDOWN($C859/24,0)+1,1)*INDEX($D$3:$AA$30,INDEX(Jesper!$R$2:$R$366,ROW(INDEX(Jesper!AK$2:AK$366,ROUNDDOWN($C859/24,0)+1,1))-1)+IF('Standard Profiles'!$G$21=$B$10,7,0)+IF('Standard Profiles'!$G$21=$B$17,14,0)+IF('Standard Profiles'!$G$21=$B$24,21,0),MOD($C859,24)+1)/SUM(INDEX($D$3:$AA$30,INDEX(Jesper!$R$2:$R$366,ROW(INDEX(Jesper!AK$2:AK$366,ROUNDDOWN($C859/24,0)+1,1))-1)+IF('Standard Profiles'!$G$21=$B$10,7,0)+IF('Standard Profiles'!$G$21=$B$17,14,0)+IF('Standard Profiles'!$G$21=$B$24,21,0),0)),0)</f>
        <v>6.9228904768836452</v>
      </c>
      <c r="H859" cm="1">
        <f t="array" ref="H859">IFERROR(INDEX(Jesper!AL$2:AL$366,ROUNDDOWN($C859/24,0)+1,1)*INDEX($D$3:$AA$30,INDEX(Jesper!$R$2:$R$366,ROW(INDEX(Jesper!AL$2:AL$366,ROUNDDOWN($C859/24,0)+1,1))-1)+IF('Standard Profiles'!$G$22=$B$10,7,0)+IF('Standard Profiles'!$G$22=$B$17,14,0)+IF('Standard Profiles'!$G$22=$B$24,21,0),MOD($C859,24)+1)/SUM(INDEX($D$3:$AA$30,INDEX(Jesper!$R$2:$R$366,ROW(INDEX(Jesper!AL$2:AL$366,ROUNDDOWN($C859/24,0)+1,1))-1)+IF('Standard Profiles'!$G$22=$B$10,7,0)+IF('Standard Profiles'!$G$22=$B$17,14,0)+IF('Standard Profiles'!$G$22=$B$24,21,0),0)),0)</f>
        <v>6.7867501042782461</v>
      </c>
      <c r="I859">
        <f t="shared" si="104"/>
        <v>6.5152801001071197</v>
      </c>
      <c r="J859">
        <f t="shared" si="105"/>
        <v>15.857240179590137</v>
      </c>
      <c r="K859">
        <f t="shared" si="106"/>
        <v>0.40174696072730387</v>
      </c>
      <c r="L859">
        <f t="shared" si="107"/>
        <v>0.20087348036365194</v>
      </c>
      <c r="M859">
        <f t="shared" si="108"/>
        <v>0</v>
      </c>
      <c r="N859" s="45">
        <f t="shared" si="109"/>
        <v>44961.374999997999</v>
      </c>
    </row>
    <row r="860" spans="2:14" x14ac:dyDescent="0.25">
      <c r="B860">
        <f t="shared" si="103"/>
        <v>6</v>
      </c>
      <c r="C860" s="16">
        <v>826</v>
      </c>
      <c r="D860" cm="1">
        <f t="array" ref="D860">IFERROR(INDEX(Jesper!AH$2:AH$366,ROUNDDOWN($C860/24,0)+1,1)*INDEX($D$3:$AA$30,INDEX(Jesper!$R$2:$R$366,ROW(INDEX(Jesper!AH$2:AH$366,ROUNDDOWN($C860/24,0)+1,1))-1)+IF('Standard Profiles'!$G$18=$B$10,7,0)+IF('Standard Profiles'!$G$18=$B$17,14,0)+IF('Standard Profiles'!$G$18=$B$24,21,0),MOD($C860,24)+1)/SUM(INDEX($D$3:$AA$30,INDEX(Jesper!$R$2:$R$366,ROW(INDEX(Jesper!AH$2:AH$366,ROUNDDOWN($C860/24,0)+1,1))-1)+IF('Standard Profiles'!$G$18=$B$10,7,0)+IF('Standard Profiles'!$G$18=$B$17,14,0)+IF('Standard Profiles'!$G$18=$B$24,21,0),0)),0)</f>
        <v>0</v>
      </c>
      <c r="E860" cm="1">
        <f t="array" ref="E860">IFERROR(INDEX(Jesper!AI$2:AI$366,ROUNDDOWN($C860/24,0)+1,1)*INDEX($D$3:$AA$30,INDEX(Jesper!$R$2:$R$366,ROW(INDEX(Jesper!AI$2:AI$366,ROUNDDOWN($C860/24,0)+1,1))-1)+IF('Standard Profiles'!$G$19=$B$10,7,0)+IF('Standard Profiles'!$G$19=$B$17,14,0)+IF('Standard Profiles'!$G$19=$B$24,21,0),MOD($C860,24)+1)/SUM(INDEX($D$3:$AA$30,INDEX(Jesper!$R$2:$R$366,ROW(INDEX(Jesper!AI$2:AI$366,ROUNDDOWN($C860/24,0)+1,1))-1)+IF('Standard Profiles'!$G$19=$B$10,7,0)+IF('Standard Profiles'!$G$19=$B$17,14,0)+IF('Standard Profiles'!$G$19=$B$24,21,0),0)),0)</f>
        <v>5.021837009091298</v>
      </c>
      <c r="F860" cm="1">
        <f t="array" ref="F860">IFERROR(INDEX(Jesper!AJ$2:AJ$366,ROUNDDOWN($C860/24,0)+1,1)*INDEX($D$3:$AA$30,INDEX(Jesper!$R$2:$R$366,ROW(INDEX(Jesper!AJ$2:AJ$366,ROUNDDOWN($C860/24,0)+1,1))-1)+IF('Standard Profiles'!$G$20=$B$10,7,0)+IF('Standard Profiles'!$G$20=$B$17,14,0)+IF('Standard Profiles'!$G$20=$B$24,21,0),MOD($C860,24)+1)/SUM(INDEX($D$3:$AA$30,INDEX(Jesper!$R$2:$R$366,ROW(INDEX(Jesper!AJ$2:AJ$366,ROUNDDOWN($C860/24,0)+1,1))-1)+IF('Standard Profiles'!$G$20=$B$10,7,0)+IF('Standard Profiles'!$G$20=$B$17,14,0)+IF('Standard Profiles'!$G$20=$B$24,21,0),0)),0)</f>
        <v>4.2436631305350234</v>
      </c>
      <c r="G860" cm="1">
        <f t="array" ref="G860">IFERROR(INDEX(Jesper!AK$2:AK$366,ROUNDDOWN($C860/24,0)+1,1)*INDEX($D$3:$AA$30,INDEX(Jesper!$R$2:$R$366,ROW(INDEX(Jesper!AK$2:AK$366,ROUNDDOWN($C860/24,0)+1,1))-1)+IF('Standard Profiles'!$G$21=$B$10,7,0)+IF('Standard Profiles'!$G$21=$B$17,14,0)+IF('Standard Profiles'!$G$21=$B$24,21,0),MOD($C860,24)+1)/SUM(INDEX($D$3:$AA$30,INDEX(Jesper!$R$2:$R$366,ROW(INDEX(Jesper!AK$2:AK$366,ROUNDDOWN($C860/24,0)+1,1))-1)+IF('Standard Profiles'!$G$21=$B$10,7,0)+IF('Standard Profiles'!$G$21=$B$17,14,0)+IF('Standard Profiles'!$G$21=$B$24,21,0),0)),0)</f>
        <v>6.9228904768836452</v>
      </c>
      <c r="H860" cm="1">
        <f t="array" ref="H860">IFERROR(INDEX(Jesper!AL$2:AL$366,ROUNDDOWN($C860/24,0)+1,1)*INDEX($D$3:$AA$30,INDEX(Jesper!$R$2:$R$366,ROW(INDEX(Jesper!AL$2:AL$366,ROUNDDOWN($C860/24,0)+1,1))-1)+IF('Standard Profiles'!$G$22=$B$10,7,0)+IF('Standard Profiles'!$G$22=$B$17,14,0)+IF('Standard Profiles'!$G$22=$B$24,21,0),MOD($C860,24)+1)/SUM(INDEX($D$3:$AA$30,INDEX(Jesper!$R$2:$R$366,ROW(INDEX(Jesper!AL$2:AL$366,ROUNDDOWN($C860/24,0)+1,1))-1)+IF('Standard Profiles'!$G$22=$B$10,7,0)+IF('Standard Profiles'!$G$22=$B$17,14,0)+IF('Standard Profiles'!$G$22=$B$24,21,0),0)),0)</f>
        <v>6.7867501042782461</v>
      </c>
      <c r="I860">
        <f t="shared" si="104"/>
        <v>6.5152801001071197</v>
      </c>
      <c r="J860">
        <f t="shared" si="105"/>
        <v>15.857240179590137</v>
      </c>
      <c r="K860">
        <f t="shared" si="106"/>
        <v>0.40174696072730387</v>
      </c>
      <c r="L860">
        <f t="shared" si="107"/>
        <v>0.20087348036365194</v>
      </c>
      <c r="M860">
        <f t="shared" si="108"/>
        <v>0</v>
      </c>
      <c r="N860" s="45">
        <f t="shared" si="109"/>
        <v>44961.416666664663</v>
      </c>
    </row>
    <row r="861" spans="2:14" x14ac:dyDescent="0.25">
      <c r="B861">
        <f t="shared" si="103"/>
        <v>6</v>
      </c>
      <c r="C861" s="16">
        <v>827</v>
      </c>
      <c r="D861" cm="1">
        <f t="array" ref="D861">IFERROR(INDEX(Jesper!AH$2:AH$366,ROUNDDOWN($C861/24,0)+1,1)*INDEX($D$3:$AA$30,INDEX(Jesper!$R$2:$R$366,ROW(INDEX(Jesper!AH$2:AH$366,ROUNDDOWN($C861/24,0)+1,1))-1)+IF('Standard Profiles'!$G$18=$B$10,7,0)+IF('Standard Profiles'!$G$18=$B$17,14,0)+IF('Standard Profiles'!$G$18=$B$24,21,0),MOD($C861,24)+1)/SUM(INDEX($D$3:$AA$30,INDEX(Jesper!$R$2:$R$366,ROW(INDEX(Jesper!AH$2:AH$366,ROUNDDOWN($C861/24,0)+1,1))-1)+IF('Standard Profiles'!$G$18=$B$10,7,0)+IF('Standard Profiles'!$G$18=$B$17,14,0)+IF('Standard Profiles'!$G$18=$B$24,21,0),0)),0)</f>
        <v>0</v>
      </c>
      <c r="E861" cm="1">
        <f t="array" ref="E861">IFERROR(INDEX(Jesper!AI$2:AI$366,ROUNDDOWN($C861/24,0)+1,1)*INDEX($D$3:$AA$30,INDEX(Jesper!$R$2:$R$366,ROW(INDEX(Jesper!AI$2:AI$366,ROUNDDOWN($C861/24,0)+1,1))-1)+IF('Standard Profiles'!$G$19=$B$10,7,0)+IF('Standard Profiles'!$G$19=$B$17,14,0)+IF('Standard Profiles'!$G$19=$B$24,21,0),MOD($C861,24)+1)/SUM(INDEX($D$3:$AA$30,INDEX(Jesper!$R$2:$R$366,ROW(INDEX(Jesper!AI$2:AI$366,ROUNDDOWN($C861/24,0)+1,1))-1)+IF('Standard Profiles'!$G$19=$B$10,7,0)+IF('Standard Profiles'!$G$19=$B$17,14,0)+IF('Standard Profiles'!$G$19=$B$24,21,0),0)),0)</f>
        <v>5.021837009091298</v>
      </c>
      <c r="F861" cm="1">
        <f t="array" ref="F861">IFERROR(INDEX(Jesper!AJ$2:AJ$366,ROUNDDOWN($C861/24,0)+1,1)*INDEX($D$3:$AA$30,INDEX(Jesper!$R$2:$R$366,ROW(INDEX(Jesper!AJ$2:AJ$366,ROUNDDOWN($C861/24,0)+1,1))-1)+IF('Standard Profiles'!$G$20=$B$10,7,0)+IF('Standard Profiles'!$G$20=$B$17,14,0)+IF('Standard Profiles'!$G$20=$B$24,21,0),MOD($C861,24)+1)/SUM(INDEX($D$3:$AA$30,INDEX(Jesper!$R$2:$R$366,ROW(INDEX(Jesper!AJ$2:AJ$366,ROUNDDOWN($C861/24,0)+1,1))-1)+IF('Standard Profiles'!$G$20=$B$10,7,0)+IF('Standard Profiles'!$G$20=$B$17,14,0)+IF('Standard Profiles'!$G$20=$B$24,21,0),0)),0)</f>
        <v>4.2436631305350234</v>
      </c>
      <c r="G861" cm="1">
        <f t="array" ref="G861">IFERROR(INDEX(Jesper!AK$2:AK$366,ROUNDDOWN($C861/24,0)+1,1)*INDEX($D$3:$AA$30,INDEX(Jesper!$R$2:$R$366,ROW(INDEX(Jesper!AK$2:AK$366,ROUNDDOWN($C861/24,0)+1,1))-1)+IF('Standard Profiles'!$G$21=$B$10,7,0)+IF('Standard Profiles'!$G$21=$B$17,14,0)+IF('Standard Profiles'!$G$21=$B$24,21,0),MOD($C861,24)+1)/SUM(INDEX($D$3:$AA$30,INDEX(Jesper!$R$2:$R$366,ROW(INDEX(Jesper!AK$2:AK$366,ROUNDDOWN($C861/24,0)+1,1))-1)+IF('Standard Profiles'!$G$21=$B$10,7,0)+IF('Standard Profiles'!$G$21=$B$17,14,0)+IF('Standard Profiles'!$G$21=$B$24,21,0),0)),0)</f>
        <v>6.9228904768836452</v>
      </c>
      <c r="H861" cm="1">
        <f t="array" ref="H861">IFERROR(INDEX(Jesper!AL$2:AL$366,ROUNDDOWN($C861/24,0)+1,1)*INDEX($D$3:$AA$30,INDEX(Jesper!$R$2:$R$366,ROW(INDEX(Jesper!AL$2:AL$366,ROUNDDOWN($C861/24,0)+1,1))-1)+IF('Standard Profiles'!$G$22=$B$10,7,0)+IF('Standard Profiles'!$G$22=$B$17,14,0)+IF('Standard Profiles'!$G$22=$B$24,21,0),MOD($C861,24)+1)/SUM(INDEX($D$3:$AA$30,INDEX(Jesper!$R$2:$R$366,ROW(INDEX(Jesper!AL$2:AL$366,ROUNDDOWN($C861/24,0)+1,1))-1)+IF('Standard Profiles'!$G$22=$B$10,7,0)+IF('Standard Profiles'!$G$22=$B$17,14,0)+IF('Standard Profiles'!$G$22=$B$24,21,0),0)),0)</f>
        <v>6.7867501042782461</v>
      </c>
      <c r="I861">
        <f t="shared" si="104"/>
        <v>6.5152801001071197</v>
      </c>
      <c r="J861">
        <f t="shared" si="105"/>
        <v>15.857240179590137</v>
      </c>
      <c r="K861">
        <f t="shared" si="106"/>
        <v>0.40174696072730387</v>
      </c>
      <c r="L861">
        <f t="shared" si="107"/>
        <v>0.20087348036365194</v>
      </c>
      <c r="M861">
        <f t="shared" si="108"/>
        <v>0</v>
      </c>
      <c r="N861" s="45">
        <f t="shared" si="109"/>
        <v>44961.458333331328</v>
      </c>
    </row>
    <row r="862" spans="2:14" x14ac:dyDescent="0.25">
      <c r="B862">
        <f t="shared" si="103"/>
        <v>6</v>
      </c>
      <c r="C862" s="16">
        <v>828</v>
      </c>
      <c r="D862" cm="1">
        <f t="array" ref="D862">IFERROR(INDEX(Jesper!AH$2:AH$366,ROUNDDOWN($C862/24,0)+1,1)*INDEX($D$3:$AA$30,INDEX(Jesper!$R$2:$R$366,ROW(INDEX(Jesper!AH$2:AH$366,ROUNDDOWN($C862/24,0)+1,1))-1)+IF('Standard Profiles'!$G$18=$B$10,7,0)+IF('Standard Profiles'!$G$18=$B$17,14,0)+IF('Standard Profiles'!$G$18=$B$24,21,0),MOD($C862,24)+1)/SUM(INDEX($D$3:$AA$30,INDEX(Jesper!$R$2:$R$366,ROW(INDEX(Jesper!AH$2:AH$366,ROUNDDOWN($C862/24,0)+1,1))-1)+IF('Standard Profiles'!$G$18=$B$10,7,0)+IF('Standard Profiles'!$G$18=$B$17,14,0)+IF('Standard Profiles'!$G$18=$B$24,21,0),0)),0)</f>
        <v>0</v>
      </c>
      <c r="E862" cm="1">
        <f t="array" ref="E862">IFERROR(INDEX(Jesper!AI$2:AI$366,ROUNDDOWN($C862/24,0)+1,1)*INDEX($D$3:$AA$30,INDEX(Jesper!$R$2:$R$366,ROW(INDEX(Jesper!AI$2:AI$366,ROUNDDOWN($C862/24,0)+1,1))-1)+IF('Standard Profiles'!$G$19=$B$10,7,0)+IF('Standard Profiles'!$G$19=$B$17,14,0)+IF('Standard Profiles'!$G$19=$B$24,21,0),MOD($C862,24)+1)/SUM(INDEX($D$3:$AA$30,INDEX(Jesper!$R$2:$R$366,ROW(INDEX(Jesper!AI$2:AI$366,ROUNDDOWN($C862/24,0)+1,1))-1)+IF('Standard Profiles'!$G$19=$B$10,7,0)+IF('Standard Profiles'!$G$19=$B$17,14,0)+IF('Standard Profiles'!$G$19=$B$24,21,0),0)),0)</f>
        <v>5.021837009091298</v>
      </c>
      <c r="F862" cm="1">
        <f t="array" ref="F862">IFERROR(INDEX(Jesper!AJ$2:AJ$366,ROUNDDOWN($C862/24,0)+1,1)*INDEX($D$3:$AA$30,INDEX(Jesper!$R$2:$R$366,ROW(INDEX(Jesper!AJ$2:AJ$366,ROUNDDOWN($C862/24,0)+1,1))-1)+IF('Standard Profiles'!$G$20=$B$10,7,0)+IF('Standard Profiles'!$G$20=$B$17,14,0)+IF('Standard Profiles'!$G$20=$B$24,21,0),MOD($C862,24)+1)/SUM(INDEX($D$3:$AA$30,INDEX(Jesper!$R$2:$R$366,ROW(INDEX(Jesper!AJ$2:AJ$366,ROUNDDOWN($C862/24,0)+1,1))-1)+IF('Standard Profiles'!$G$20=$B$10,7,0)+IF('Standard Profiles'!$G$20=$B$17,14,0)+IF('Standard Profiles'!$G$20=$B$24,21,0),0)),0)</f>
        <v>4.2436631305350234</v>
      </c>
      <c r="G862" cm="1">
        <f t="array" ref="G862">IFERROR(INDEX(Jesper!AK$2:AK$366,ROUNDDOWN($C862/24,0)+1,1)*INDEX($D$3:$AA$30,INDEX(Jesper!$R$2:$R$366,ROW(INDEX(Jesper!AK$2:AK$366,ROUNDDOWN($C862/24,0)+1,1))-1)+IF('Standard Profiles'!$G$21=$B$10,7,0)+IF('Standard Profiles'!$G$21=$B$17,14,0)+IF('Standard Profiles'!$G$21=$B$24,21,0),MOD($C862,24)+1)/SUM(INDEX($D$3:$AA$30,INDEX(Jesper!$R$2:$R$366,ROW(INDEX(Jesper!AK$2:AK$366,ROUNDDOWN($C862/24,0)+1,1))-1)+IF('Standard Profiles'!$G$21=$B$10,7,0)+IF('Standard Profiles'!$G$21=$B$17,14,0)+IF('Standard Profiles'!$G$21=$B$24,21,0),0)),0)</f>
        <v>6.9228904768836452</v>
      </c>
      <c r="H862" cm="1">
        <f t="array" ref="H862">IFERROR(INDEX(Jesper!AL$2:AL$366,ROUNDDOWN($C862/24,0)+1,1)*INDEX($D$3:$AA$30,INDEX(Jesper!$R$2:$R$366,ROW(INDEX(Jesper!AL$2:AL$366,ROUNDDOWN($C862/24,0)+1,1))-1)+IF('Standard Profiles'!$G$22=$B$10,7,0)+IF('Standard Profiles'!$G$22=$B$17,14,0)+IF('Standard Profiles'!$G$22=$B$24,21,0),MOD($C862,24)+1)/SUM(INDEX($D$3:$AA$30,INDEX(Jesper!$R$2:$R$366,ROW(INDEX(Jesper!AL$2:AL$366,ROUNDDOWN($C862/24,0)+1,1))-1)+IF('Standard Profiles'!$G$22=$B$10,7,0)+IF('Standard Profiles'!$G$22=$B$17,14,0)+IF('Standard Profiles'!$G$22=$B$24,21,0),0)),0)</f>
        <v>6.7867501042782461</v>
      </c>
      <c r="I862">
        <f t="shared" si="104"/>
        <v>6.5152801001071197</v>
      </c>
      <c r="J862">
        <f t="shared" si="105"/>
        <v>15.857240179590137</v>
      </c>
      <c r="K862">
        <f t="shared" si="106"/>
        <v>0.40174696072730387</v>
      </c>
      <c r="L862">
        <f t="shared" si="107"/>
        <v>0.20087348036365194</v>
      </c>
      <c r="M862">
        <f t="shared" si="108"/>
        <v>0</v>
      </c>
      <c r="N862" s="45">
        <f t="shared" si="109"/>
        <v>44961.499999997992</v>
      </c>
    </row>
    <row r="863" spans="2:14" x14ac:dyDescent="0.25">
      <c r="B863">
        <f t="shared" si="103"/>
        <v>6</v>
      </c>
      <c r="C863" s="16">
        <v>829</v>
      </c>
      <c r="D863" cm="1">
        <f t="array" ref="D863">IFERROR(INDEX(Jesper!AH$2:AH$366,ROUNDDOWN($C863/24,0)+1,1)*INDEX($D$3:$AA$30,INDEX(Jesper!$R$2:$R$366,ROW(INDEX(Jesper!AH$2:AH$366,ROUNDDOWN($C863/24,0)+1,1))-1)+IF('Standard Profiles'!$G$18=$B$10,7,0)+IF('Standard Profiles'!$G$18=$B$17,14,0)+IF('Standard Profiles'!$G$18=$B$24,21,0),MOD($C863,24)+1)/SUM(INDEX($D$3:$AA$30,INDEX(Jesper!$R$2:$R$366,ROW(INDEX(Jesper!AH$2:AH$366,ROUNDDOWN($C863/24,0)+1,1))-1)+IF('Standard Profiles'!$G$18=$B$10,7,0)+IF('Standard Profiles'!$G$18=$B$17,14,0)+IF('Standard Profiles'!$G$18=$B$24,21,0),0)),0)</f>
        <v>0</v>
      </c>
      <c r="E863" cm="1">
        <f t="array" ref="E863">IFERROR(INDEX(Jesper!AI$2:AI$366,ROUNDDOWN($C863/24,0)+1,1)*INDEX($D$3:$AA$30,INDEX(Jesper!$R$2:$R$366,ROW(INDEX(Jesper!AI$2:AI$366,ROUNDDOWN($C863/24,0)+1,1))-1)+IF('Standard Profiles'!$G$19=$B$10,7,0)+IF('Standard Profiles'!$G$19=$B$17,14,0)+IF('Standard Profiles'!$G$19=$B$24,21,0),MOD($C863,24)+1)/SUM(INDEX($D$3:$AA$30,INDEX(Jesper!$R$2:$R$366,ROW(INDEX(Jesper!AI$2:AI$366,ROUNDDOWN($C863/24,0)+1,1))-1)+IF('Standard Profiles'!$G$19=$B$10,7,0)+IF('Standard Profiles'!$G$19=$B$17,14,0)+IF('Standard Profiles'!$G$19=$B$24,21,0),0)),0)</f>
        <v>5.021837009091298</v>
      </c>
      <c r="F863" cm="1">
        <f t="array" ref="F863">IFERROR(INDEX(Jesper!AJ$2:AJ$366,ROUNDDOWN($C863/24,0)+1,1)*INDEX($D$3:$AA$30,INDEX(Jesper!$R$2:$R$366,ROW(INDEX(Jesper!AJ$2:AJ$366,ROUNDDOWN($C863/24,0)+1,1))-1)+IF('Standard Profiles'!$G$20=$B$10,7,0)+IF('Standard Profiles'!$G$20=$B$17,14,0)+IF('Standard Profiles'!$G$20=$B$24,21,0),MOD($C863,24)+1)/SUM(INDEX($D$3:$AA$30,INDEX(Jesper!$R$2:$R$366,ROW(INDEX(Jesper!AJ$2:AJ$366,ROUNDDOWN($C863/24,0)+1,1))-1)+IF('Standard Profiles'!$G$20=$B$10,7,0)+IF('Standard Profiles'!$G$20=$B$17,14,0)+IF('Standard Profiles'!$G$20=$B$24,21,0),0)),0)</f>
        <v>4.2436631305350234</v>
      </c>
      <c r="G863" cm="1">
        <f t="array" ref="G863">IFERROR(INDEX(Jesper!AK$2:AK$366,ROUNDDOWN($C863/24,0)+1,1)*INDEX($D$3:$AA$30,INDEX(Jesper!$R$2:$R$366,ROW(INDEX(Jesper!AK$2:AK$366,ROUNDDOWN($C863/24,0)+1,1))-1)+IF('Standard Profiles'!$G$21=$B$10,7,0)+IF('Standard Profiles'!$G$21=$B$17,14,0)+IF('Standard Profiles'!$G$21=$B$24,21,0),MOD($C863,24)+1)/SUM(INDEX($D$3:$AA$30,INDEX(Jesper!$R$2:$R$366,ROW(INDEX(Jesper!AK$2:AK$366,ROUNDDOWN($C863/24,0)+1,1))-1)+IF('Standard Profiles'!$G$21=$B$10,7,0)+IF('Standard Profiles'!$G$21=$B$17,14,0)+IF('Standard Profiles'!$G$21=$B$24,21,0),0)),0)</f>
        <v>6.9228904768836452</v>
      </c>
      <c r="H863" cm="1">
        <f t="array" ref="H863">IFERROR(INDEX(Jesper!AL$2:AL$366,ROUNDDOWN($C863/24,0)+1,1)*INDEX($D$3:$AA$30,INDEX(Jesper!$R$2:$R$366,ROW(INDEX(Jesper!AL$2:AL$366,ROUNDDOWN($C863/24,0)+1,1))-1)+IF('Standard Profiles'!$G$22=$B$10,7,0)+IF('Standard Profiles'!$G$22=$B$17,14,0)+IF('Standard Profiles'!$G$22=$B$24,21,0),MOD($C863,24)+1)/SUM(INDEX($D$3:$AA$30,INDEX(Jesper!$R$2:$R$366,ROW(INDEX(Jesper!AL$2:AL$366,ROUNDDOWN($C863/24,0)+1,1))-1)+IF('Standard Profiles'!$G$22=$B$10,7,0)+IF('Standard Profiles'!$G$22=$B$17,14,0)+IF('Standard Profiles'!$G$22=$B$24,21,0),0)),0)</f>
        <v>6.7867501042782461</v>
      </c>
      <c r="I863">
        <f t="shared" si="104"/>
        <v>6.5152801001071197</v>
      </c>
      <c r="J863">
        <f t="shared" si="105"/>
        <v>15.857240179590137</v>
      </c>
      <c r="K863">
        <f t="shared" si="106"/>
        <v>0.40174696072730387</v>
      </c>
      <c r="L863">
        <f t="shared" si="107"/>
        <v>0.20087348036365194</v>
      </c>
      <c r="M863">
        <f t="shared" si="108"/>
        <v>0</v>
      </c>
      <c r="N863" s="45">
        <f t="shared" si="109"/>
        <v>44961.541666664656</v>
      </c>
    </row>
    <row r="864" spans="2:14" x14ac:dyDescent="0.25">
      <c r="B864">
        <f t="shared" si="103"/>
        <v>6</v>
      </c>
      <c r="C864" s="16">
        <v>830</v>
      </c>
      <c r="D864" cm="1">
        <f t="array" ref="D864">IFERROR(INDEX(Jesper!AH$2:AH$366,ROUNDDOWN($C864/24,0)+1,1)*INDEX($D$3:$AA$30,INDEX(Jesper!$R$2:$R$366,ROW(INDEX(Jesper!AH$2:AH$366,ROUNDDOWN($C864/24,0)+1,1))-1)+IF('Standard Profiles'!$G$18=$B$10,7,0)+IF('Standard Profiles'!$G$18=$B$17,14,0)+IF('Standard Profiles'!$G$18=$B$24,21,0),MOD($C864,24)+1)/SUM(INDEX($D$3:$AA$30,INDEX(Jesper!$R$2:$R$366,ROW(INDEX(Jesper!AH$2:AH$366,ROUNDDOWN($C864/24,0)+1,1))-1)+IF('Standard Profiles'!$G$18=$B$10,7,0)+IF('Standard Profiles'!$G$18=$B$17,14,0)+IF('Standard Profiles'!$G$18=$B$24,21,0),0)),0)</f>
        <v>0</v>
      </c>
      <c r="E864" cm="1">
        <f t="array" ref="E864">IFERROR(INDEX(Jesper!AI$2:AI$366,ROUNDDOWN($C864/24,0)+1,1)*INDEX($D$3:$AA$30,INDEX(Jesper!$R$2:$R$366,ROW(INDEX(Jesper!AI$2:AI$366,ROUNDDOWN($C864/24,0)+1,1))-1)+IF('Standard Profiles'!$G$19=$B$10,7,0)+IF('Standard Profiles'!$G$19=$B$17,14,0)+IF('Standard Profiles'!$G$19=$B$24,21,0),MOD($C864,24)+1)/SUM(INDEX($D$3:$AA$30,INDEX(Jesper!$R$2:$R$366,ROW(INDEX(Jesper!AI$2:AI$366,ROUNDDOWN($C864/24,0)+1,1))-1)+IF('Standard Profiles'!$G$19=$B$10,7,0)+IF('Standard Profiles'!$G$19=$B$17,14,0)+IF('Standard Profiles'!$G$19=$B$24,21,0),0)),0)</f>
        <v>5.021837009091298</v>
      </c>
      <c r="F864" cm="1">
        <f t="array" ref="F864">IFERROR(INDEX(Jesper!AJ$2:AJ$366,ROUNDDOWN($C864/24,0)+1,1)*INDEX($D$3:$AA$30,INDEX(Jesper!$R$2:$R$366,ROW(INDEX(Jesper!AJ$2:AJ$366,ROUNDDOWN($C864/24,0)+1,1))-1)+IF('Standard Profiles'!$G$20=$B$10,7,0)+IF('Standard Profiles'!$G$20=$B$17,14,0)+IF('Standard Profiles'!$G$20=$B$24,21,0),MOD($C864,24)+1)/SUM(INDEX($D$3:$AA$30,INDEX(Jesper!$R$2:$R$366,ROW(INDEX(Jesper!AJ$2:AJ$366,ROUNDDOWN($C864/24,0)+1,1))-1)+IF('Standard Profiles'!$G$20=$B$10,7,0)+IF('Standard Profiles'!$G$20=$B$17,14,0)+IF('Standard Profiles'!$G$20=$B$24,21,0),0)),0)</f>
        <v>4.2436631305350234</v>
      </c>
      <c r="G864" cm="1">
        <f t="array" ref="G864">IFERROR(INDEX(Jesper!AK$2:AK$366,ROUNDDOWN($C864/24,0)+1,1)*INDEX($D$3:$AA$30,INDEX(Jesper!$R$2:$R$366,ROW(INDEX(Jesper!AK$2:AK$366,ROUNDDOWN($C864/24,0)+1,1))-1)+IF('Standard Profiles'!$G$21=$B$10,7,0)+IF('Standard Profiles'!$G$21=$B$17,14,0)+IF('Standard Profiles'!$G$21=$B$24,21,0),MOD($C864,24)+1)/SUM(INDEX($D$3:$AA$30,INDEX(Jesper!$R$2:$R$366,ROW(INDEX(Jesper!AK$2:AK$366,ROUNDDOWN($C864/24,0)+1,1))-1)+IF('Standard Profiles'!$G$21=$B$10,7,0)+IF('Standard Profiles'!$G$21=$B$17,14,0)+IF('Standard Profiles'!$G$21=$B$24,21,0),0)),0)</f>
        <v>6.9228904768836452</v>
      </c>
      <c r="H864" cm="1">
        <f t="array" ref="H864">IFERROR(INDEX(Jesper!AL$2:AL$366,ROUNDDOWN($C864/24,0)+1,1)*INDEX($D$3:$AA$30,INDEX(Jesper!$R$2:$R$366,ROW(INDEX(Jesper!AL$2:AL$366,ROUNDDOWN($C864/24,0)+1,1))-1)+IF('Standard Profiles'!$G$22=$B$10,7,0)+IF('Standard Profiles'!$G$22=$B$17,14,0)+IF('Standard Profiles'!$G$22=$B$24,21,0),MOD($C864,24)+1)/SUM(INDEX($D$3:$AA$30,INDEX(Jesper!$R$2:$R$366,ROW(INDEX(Jesper!AL$2:AL$366,ROUNDDOWN($C864/24,0)+1,1))-1)+IF('Standard Profiles'!$G$22=$B$10,7,0)+IF('Standard Profiles'!$G$22=$B$17,14,0)+IF('Standard Profiles'!$G$22=$B$24,21,0),0)),0)</f>
        <v>6.7867501042782461</v>
      </c>
      <c r="I864">
        <f t="shared" si="104"/>
        <v>6.5152801001071197</v>
      </c>
      <c r="J864">
        <f t="shared" si="105"/>
        <v>15.857240179590137</v>
      </c>
      <c r="K864">
        <f t="shared" si="106"/>
        <v>0.40174696072730387</v>
      </c>
      <c r="L864">
        <f t="shared" si="107"/>
        <v>0.20087348036365194</v>
      </c>
      <c r="M864">
        <f t="shared" si="108"/>
        <v>0</v>
      </c>
      <c r="N864" s="45">
        <f t="shared" si="109"/>
        <v>44961.58333333132</v>
      </c>
    </row>
    <row r="865" spans="2:14" x14ac:dyDescent="0.25">
      <c r="B865">
        <f t="shared" si="103"/>
        <v>6</v>
      </c>
      <c r="C865" s="16">
        <v>831</v>
      </c>
      <c r="D865" cm="1">
        <f t="array" ref="D865">IFERROR(INDEX(Jesper!AH$2:AH$366,ROUNDDOWN($C865/24,0)+1,1)*INDEX($D$3:$AA$30,INDEX(Jesper!$R$2:$R$366,ROW(INDEX(Jesper!AH$2:AH$366,ROUNDDOWN($C865/24,0)+1,1))-1)+IF('Standard Profiles'!$G$18=$B$10,7,0)+IF('Standard Profiles'!$G$18=$B$17,14,0)+IF('Standard Profiles'!$G$18=$B$24,21,0),MOD($C865,24)+1)/SUM(INDEX($D$3:$AA$30,INDEX(Jesper!$R$2:$R$366,ROW(INDEX(Jesper!AH$2:AH$366,ROUNDDOWN($C865/24,0)+1,1))-1)+IF('Standard Profiles'!$G$18=$B$10,7,0)+IF('Standard Profiles'!$G$18=$B$17,14,0)+IF('Standard Profiles'!$G$18=$B$24,21,0),0)),0)</f>
        <v>0</v>
      </c>
      <c r="E865" cm="1">
        <f t="array" ref="E865">IFERROR(INDEX(Jesper!AI$2:AI$366,ROUNDDOWN($C865/24,0)+1,1)*INDEX($D$3:$AA$30,INDEX(Jesper!$R$2:$R$366,ROW(INDEX(Jesper!AI$2:AI$366,ROUNDDOWN($C865/24,0)+1,1))-1)+IF('Standard Profiles'!$G$19=$B$10,7,0)+IF('Standard Profiles'!$G$19=$B$17,14,0)+IF('Standard Profiles'!$G$19=$B$24,21,0),MOD($C865,24)+1)/SUM(INDEX($D$3:$AA$30,INDEX(Jesper!$R$2:$R$366,ROW(INDEX(Jesper!AI$2:AI$366,ROUNDDOWN($C865/24,0)+1,1))-1)+IF('Standard Profiles'!$G$19=$B$10,7,0)+IF('Standard Profiles'!$G$19=$B$17,14,0)+IF('Standard Profiles'!$G$19=$B$24,21,0),0)),0)</f>
        <v>5.021837009091298</v>
      </c>
      <c r="F865" cm="1">
        <f t="array" ref="F865">IFERROR(INDEX(Jesper!AJ$2:AJ$366,ROUNDDOWN($C865/24,0)+1,1)*INDEX($D$3:$AA$30,INDEX(Jesper!$R$2:$R$366,ROW(INDEX(Jesper!AJ$2:AJ$366,ROUNDDOWN($C865/24,0)+1,1))-1)+IF('Standard Profiles'!$G$20=$B$10,7,0)+IF('Standard Profiles'!$G$20=$B$17,14,0)+IF('Standard Profiles'!$G$20=$B$24,21,0),MOD($C865,24)+1)/SUM(INDEX($D$3:$AA$30,INDEX(Jesper!$R$2:$R$366,ROW(INDEX(Jesper!AJ$2:AJ$366,ROUNDDOWN($C865/24,0)+1,1))-1)+IF('Standard Profiles'!$G$20=$B$10,7,0)+IF('Standard Profiles'!$G$20=$B$17,14,0)+IF('Standard Profiles'!$G$20=$B$24,21,0),0)),0)</f>
        <v>4.2436631305350234</v>
      </c>
      <c r="G865" cm="1">
        <f t="array" ref="G865">IFERROR(INDEX(Jesper!AK$2:AK$366,ROUNDDOWN($C865/24,0)+1,1)*INDEX($D$3:$AA$30,INDEX(Jesper!$R$2:$R$366,ROW(INDEX(Jesper!AK$2:AK$366,ROUNDDOWN($C865/24,0)+1,1))-1)+IF('Standard Profiles'!$G$21=$B$10,7,0)+IF('Standard Profiles'!$G$21=$B$17,14,0)+IF('Standard Profiles'!$G$21=$B$24,21,0),MOD($C865,24)+1)/SUM(INDEX($D$3:$AA$30,INDEX(Jesper!$R$2:$R$366,ROW(INDEX(Jesper!AK$2:AK$366,ROUNDDOWN($C865/24,0)+1,1))-1)+IF('Standard Profiles'!$G$21=$B$10,7,0)+IF('Standard Profiles'!$G$21=$B$17,14,0)+IF('Standard Profiles'!$G$21=$B$24,21,0),0)),0)</f>
        <v>6.9228904768836452</v>
      </c>
      <c r="H865" cm="1">
        <f t="array" ref="H865">IFERROR(INDEX(Jesper!AL$2:AL$366,ROUNDDOWN($C865/24,0)+1,1)*INDEX($D$3:$AA$30,INDEX(Jesper!$R$2:$R$366,ROW(INDEX(Jesper!AL$2:AL$366,ROUNDDOWN($C865/24,0)+1,1))-1)+IF('Standard Profiles'!$G$22=$B$10,7,0)+IF('Standard Profiles'!$G$22=$B$17,14,0)+IF('Standard Profiles'!$G$22=$B$24,21,0),MOD($C865,24)+1)/SUM(INDEX($D$3:$AA$30,INDEX(Jesper!$R$2:$R$366,ROW(INDEX(Jesper!AL$2:AL$366,ROUNDDOWN($C865/24,0)+1,1))-1)+IF('Standard Profiles'!$G$22=$B$10,7,0)+IF('Standard Profiles'!$G$22=$B$17,14,0)+IF('Standard Profiles'!$G$22=$B$24,21,0),0)),0)</f>
        <v>6.135965847703619</v>
      </c>
      <c r="I865">
        <f t="shared" si="104"/>
        <v>5.8905272137954778</v>
      </c>
      <c r="J865">
        <f t="shared" si="105"/>
        <v>15.831208809327153</v>
      </c>
      <c r="K865">
        <f t="shared" si="106"/>
        <v>0.40174696072730387</v>
      </c>
      <c r="L865">
        <f t="shared" si="107"/>
        <v>0.20087348036365194</v>
      </c>
      <c r="M865">
        <f t="shared" si="108"/>
        <v>0</v>
      </c>
      <c r="N865" s="45">
        <f t="shared" si="109"/>
        <v>44961.624999997985</v>
      </c>
    </row>
    <row r="866" spans="2:14" x14ac:dyDescent="0.25">
      <c r="B866">
        <f t="shared" si="103"/>
        <v>6</v>
      </c>
      <c r="C866" s="16">
        <v>832</v>
      </c>
      <c r="D866" cm="1">
        <f t="array" ref="D866">IFERROR(INDEX(Jesper!AH$2:AH$366,ROUNDDOWN($C866/24,0)+1,1)*INDEX($D$3:$AA$30,INDEX(Jesper!$R$2:$R$366,ROW(INDEX(Jesper!AH$2:AH$366,ROUNDDOWN($C866/24,0)+1,1))-1)+IF('Standard Profiles'!$G$18=$B$10,7,0)+IF('Standard Profiles'!$G$18=$B$17,14,0)+IF('Standard Profiles'!$G$18=$B$24,21,0),MOD($C866,24)+1)/SUM(INDEX($D$3:$AA$30,INDEX(Jesper!$R$2:$R$366,ROW(INDEX(Jesper!AH$2:AH$366,ROUNDDOWN($C866/24,0)+1,1))-1)+IF('Standard Profiles'!$G$18=$B$10,7,0)+IF('Standard Profiles'!$G$18=$B$17,14,0)+IF('Standard Profiles'!$G$18=$B$24,21,0),0)),0)</f>
        <v>0</v>
      </c>
      <c r="E866" cm="1">
        <f t="array" ref="E866">IFERROR(INDEX(Jesper!AI$2:AI$366,ROUNDDOWN($C866/24,0)+1,1)*INDEX($D$3:$AA$30,INDEX(Jesper!$R$2:$R$366,ROW(INDEX(Jesper!AI$2:AI$366,ROUNDDOWN($C866/24,0)+1,1))-1)+IF('Standard Profiles'!$G$19=$B$10,7,0)+IF('Standard Profiles'!$G$19=$B$17,14,0)+IF('Standard Profiles'!$G$19=$B$24,21,0),MOD($C866,24)+1)/SUM(INDEX($D$3:$AA$30,INDEX(Jesper!$R$2:$R$366,ROW(INDEX(Jesper!AI$2:AI$366,ROUNDDOWN($C866/24,0)+1,1))-1)+IF('Standard Profiles'!$G$19=$B$10,7,0)+IF('Standard Profiles'!$G$19=$B$17,14,0)+IF('Standard Profiles'!$G$19=$B$24,21,0),0)),0)</f>
        <v>5.021837009091298</v>
      </c>
      <c r="F866" cm="1">
        <f t="array" ref="F866">IFERROR(INDEX(Jesper!AJ$2:AJ$366,ROUNDDOWN($C866/24,0)+1,1)*INDEX($D$3:$AA$30,INDEX(Jesper!$R$2:$R$366,ROW(INDEX(Jesper!AJ$2:AJ$366,ROUNDDOWN($C866/24,0)+1,1))-1)+IF('Standard Profiles'!$G$20=$B$10,7,0)+IF('Standard Profiles'!$G$20=$B$17,14,0)+IF('Standard Profiles'!$G$20=$B$24,21,0),MOD($C866,24)+1)/SUM(INDEX($D$3:$AA$30,INDEX(Jesper!$R$2:$R$366,ROW(INDEX(Jesper!AJ$2:AJ$366,ROUNDDOWN($C866/24,0)+1,1))-1)+IF('Standard Profiles'!$G$20=$B$10,7,0)+IF('Standard Profiles'!$G$20=$B$17,14,0)+IF('Standard Profiles'!$G$20=$B$24,21,0),0)),0)</f>
        <v>4.2436631305350234</v>
      </c>
      <c r="G866" cm="1">
        <f t="array" ref="G866">IFERROR(INDEX(Jesper!AK$2:AK$366,ROUNDDOWN($C866/24,0)+1,1)*INDEX($D$3:$AA$30,INDEX(Jesper!$R$2:$R$366,ROW(INDEX(Jesper!AK$2:AK$366,ROUNDDOWN($C866/24,0)+1,1))-1)+IF('Standard Profiles'!$G$21=$B$10,7,0)+IF('Standard Profiles'!$G$21=$B$17,14,0)+IF('Standard Profiles'!$G$21=$B$24,21,0),MOD($C866,24)+1)/SUM(INDEX($D$3:$AA$30,INDEX(Jesper!$R$2:$R$366,ROW(INDEX(Jesper!AK$2:AK$366,ROUNDDOWN($C866/24,0)+1,1))-1)+IF('Standard Profiles'!$G$21=$B$10,7,0)+IF('Standard Profiles'!$G$21=$B$17,14,0)+IF('Standard Profiles'!$G$21=$B$24,21,0),0)),0)</f>
        <v>6.9228904768836452</v>
      </c>
      <c r="H866" cm="1">
        <f t="array" ref="H866">IFERROR(INDEX(Jesper!AL$2:AL$366,ROUNDDOWN($C866/24,0)+1,1)*INDEX($D$3:$AA$30,INDEX(Jesper!$R$2:$R$366,ROW(INDEX(Jesper!AL$2:AL$366,ROUNDDOWN($C866/24,0)+1,1))-1)+IF('Standard Profiles'!$G$22=$B$10,7,0)+IF('Standard Profiles'!$G$22=$B$17,14,0)+IF('Standard Profiles'!$G$22=$B$24,21,0),MOD($C866,24)+1)/SUM(INDEX($D$3:$AA$30,INDEX(Jesper!$R$2:$R$366,ROW(INDEX(Jesper!AL$2:AL$366,ROUNDDOWN($C866/24,0)+1,1))-1)+IF('Standard Profiles'!$G$22=$B$10,7,0)+IF('Standard Profiles'!$G$22=$B$17,14,0)+IF('Standard Profiles'!$G$22=$B$24,21,0),0)),0)</f>
        <v>5.5781507706396543</v>
      </c>
      <c r="I866">
        <f t="shared" si="104"/>
        <v>5.3550247398140707</v>
      </c>
      <c r="J866">
        <f t="shared" si="105"/>
        <v>15.808896206244594</v>
      </c>
      <c r="K866">
        <f t="shared" si="106"/>
        <v>0.40174696072730387</v>
      </c>
      <c r="L866">
        <f t="shared" si="107"/>
        <v>0.20087348036365194</v>
      </c>
      <c r="M866">
        <f t="shared" si="108"/>
        <v>0</v>
      </c>
      <c r="N866" s="45">
        <f t="shared" si="109"/>
        <v>44961.666666664649</v>
      </c>
    </row>
    <row r="867" spans="2:14" x14ac:dyDescent="0.25">
      <c r="B867">
        <f t="shared" ref="B867:B930" si="110">WEEKDAY(N867,2)</f>
        <v>6</v>
      </c>
      <c r="C867" s="16">
        <v>833</v>
      </c>
      <c r="D867" cm="1">
        <f t="array" ref="D867">IFERROR(INDEX(Jesper!AH$2:AH$366,ROUNDDOWN($C867/24,0)+1,1)*INDEX($D$3:$AA$30,INDEX(Jesper!$R$2:$R$366,ROW(INDEX(Jesper!AH$2:AH$366,ROUNDDOWN($C867/24,0)+1,1))-1)+IF('Standard Profiles'!$G$18=$B$10,7,0)+IF('Standard Profiles'!$G$18=$B$17,14,0)+IF('Standard Profiles'!$G$18=$B$24,21,0),MOD($C867,24)+1)/SUM(INDEX($D$3:$AA$30,INDEX(Jesper!$R$2:$R$366,ROW(INDEX(Jesper!AH$2:AH$366,ROUNDDOWN($C867/24,0)+1,1))-1)+IF('Standard Profiles'!$G$18=$B$10,7,0)+IF('Standard Profiles'!$G$18=$B$17,14,0)+IF('Standard Profiles'!$G$18=$B$24,21,0),0)),0)</f>
        <v>0</v>
      </c>
      <c r="E867" cm="1">
        <f t="array" ref="E867">IFERROR(INDEX(Jesper!AI$2:AI$366,ROUNDDOWN($C867/24,0)+1,1)*INDEX($D$3:$AA$30,INDEX(Jesper!$R$2:$R$366,ROW(INDEX(Jesper!AI$2:AI$366,ROUNDDOWN($C867/24,0)+1,1))-1)+IF('Standard Profiles'!$G$19=$B$10,7,0)+IF('Standard Profiles'!$G$19=$B$17,14,0)+IF('Standard Profiles'!$G$19=$B$24,21,0),MOD($C867,24)+1)/SUM(INDEX($D$3:$AA$30,INDEX(Jesper!$R$2:$R$366,ROW(INDEX(Jesper!AI$2:AI$366,ROUNDDOWN($C867/24,0)+1,1))-1)+IF('Standard Profiles'!$G$19=$B$10,7,0)+IF('Standard Profiles'!$G$19=$B$17,14,0)+IF('Standard Profiles'!$G$19=$B$24,21,0),0)),0)</f>
        <v>5.021837009091298</v>
      </c>
      <c r="F867" cm="1">
        <f t="array" ref="F867">IFERROR(INDEX(Jesper!AJ$2:AJ$366,ROUNDDOWN($C867/24,0)+1,1)*INDEX($D$3:$AA$30,INDEX(Jesper!$R$2:$R$366,ROW(INDEX(Jesper!AJ$2:AJ$366,ROUNDDOWN($C867/24,0)+1,1))-1)+IF('Standard Profiles'!$G$20=$B$10,7,0)+IF('Standard Profiles'!$G$20=$B$17,14,0)+IF('Standard Profiles'!$G$20=$B$24,21,0),MOD($C867,24)+1)/SUM(INDEX($D$3:$AA$30,INDEX(Jesper!$R$2:$R$366,ROW(INDEX(Jesper!AJ$2:AJ$366,ROUNDDOWN($C867/24,0)+1,1))-1)+IF('Standard Profiles'!$G$20=$B$10,7,0)+IF('Standard Profiles'!$G$20=$B$17,14,0)+IF('Standard Profiles'!$G$20=$B$24,21,0),0)),0)</f>
        <v>4.2436631305350234</v>
      </c>
      <c r="G867" cm="1">
        <f t="array" ref="G867">IFERROR(INDEX(Jesper!AK$2:AK$366,ROUNDDOWN($C867/24,0)+1,1)*INDEX($D$3:$AA$30,INDEX(Jesper!$R$2:$R$366,ROW(INDEX(Jesper!AK$2:AK$366,ROUNDDOWN($C867/24,0)+1,1))-1)+IF('Standard Profiles'!$G$21=$B$10,7,0)+IF('Standard Profiles'!$G$21=$B$17,14,0)+IF('Standard Profiles'!$G$21=$B$24,21,0),MOD($C867,24)+1)/SUM(INDEX($D$3:$AA$30,INDEX(Jesper!$R$2:$R$366,ROW(INDEX(Jesper!AK$2:AK$366,ROUNDDOWN($C867/24,0)+1,1))-1)+IF('Standard Profiles'!$G$21=$B$10,7,0)+IF('Standard Profiles'!$G$21=$B$17,14,0)+IF('Standard Profiles'!$G$21=$B$24,21,0),0)),0)</f>
        <v>6.9228904768836452</v>
      </c>
      <c r="H867" cm="1">
        <f t="array" ref="H867">IFERROR(INDEX(Jesper!AL$2:AL$366,ROUNDDOWN($C867/24,0)+1,1)*INDEX($D$3:$AA$30,INDEX(Jesper!$R$2:$R$366,ROW(INDEX(Jesper!AL$2:AL$366,ROUNDDOWN($C867/24,0)+1,1))-1)+IF('Standard Profiles'!$G$22=$B$10,7,0)+IF('Standard Profiles'!$G$22=$B$17,14,0)+IF('Standard Profiles'!$G$22=$B$24,21,0),MOD($C867,24)+1)/SUM(INDEX($D$3:$AA$30,INDEX(Jesper!$R$2:$R$366,ROW(INDEX(Jesper!AL$2:AL$366,ROUNDDOWN($C867/24,0)+1,1))-1)+IF('Standard Profiles'!$G$22=$B$10,7,0)+IF('Standard Profiles'!$G$22=$B$17,14,0)+IF('Standard Profiles'!$G$22=$B$24,21,0),0)),0)</f>
        <v>5.0203356935756887</v>
      </c>
      <c r="I867">
        <f t="shared" ref="I867:I930" si="111">IF($B867&lt;6,AC$37*$D867+AC$38*$E867+AC$39*$F867+AC$40*$G867,AC$46*$D867+AC$47*$E867+AC$48*$F867+AC$49*$G867+AC$50*$H867)</f>
        <v>4.8195222658326635</v>
      </c>
      <c r="J867">
        <f t="shared" ref="J867:J930" si="112">IF($B867&lt;6,AD$37*$D867+AD$38*$E867+AD$39*$F867+AD$40*$G867,AD$46*$D867+AD$47*$E867+AD$48*$F867+AD$49*$G867+AD$50*$H867)</f>
        <v>15.786583603162036</v>
      </c>
      <c r="K867">
        <f t="shared" ref="K867:K930" si="113">IF($B867&lt;6,AE$37*$D867+AE$38*$E867+AE$39*$F867+AE$40*$G867,AE$46*$D867+AE$47*$E867+AE$48*$F867+AE$49*$G867+AE$50*$H867)</f>
        <v>0.40174696072730387</v>
      </c>
      <c r="L867">
        <f t="shared" ref="L867:L930" si="114">IF($B867&lt;6,AF$37*$D867+AF$38*$E867+AF$39*$F867+AF$40*$G867,AF$46*$D867+AF$47*$E867+AF$48*$F867+AF$49*$G867+AF$50*$H867)</f>
        <v>0.20087348036365194</v>
      </c>
      <c r="M867">
        <f t="shared" ref="M867:M930" si="115">IF($B867&lt;6,AG$37*$D867+AG$38*$E867+AG$39*$F867+AG$40*$G867,AG$46*$D867+AG$47*$E867+AG$48*$F867+AG$49*$G867+AG$50*$H867)</f>
        <v>0</v>
      </c>
      <c r="N867" s="45">
        <f t="shared" si="109"/>
        <v>44961.708333331313</v>
      </c>
    </row>
    <row r="868" spans="2:14" x14ac:dyDescent="0.25">
      <c r="B868">
        <f t="shared" si="110"/>
        <v>6</v>
      </c>
      <c r="C868" s="16">
        <v>834</v>
      </c>
      <c r="D868" cm="1">
        <f t="array" ref="D868">IFERROR(INDEX(Jesper!AH$2:AH$366,ROUNDDOWN($C868/24,0)+1,1)*INDEX($D$3:$AA$30,INDEX(Jesper!$R$2:$R$366,ROW(INDEX(Jesper!AH$2:AH$366,ROUNDDOWN($C868/24,0)+1,1))-1)+IF('Standard Profiles'!$G$18=$B$10,7,0)+IF('Standard Profiles'!$G$18=$B$17,14,0)+IF('Standard Profiles'!$G$18=$B$24,21,0),MOD($C868,24)+1)/SUM(INDEX($D$3:$AA$30,INDEX(Jesper!$R$2:$R$366,ROW(INDEX(Jesper!AH$2:AH$366,ROUNDDOWN($C868/24,0)+1,1))-1)+IF('Standard Profiles'!$G$18=$B$10,7,0)+IF('Standard Profiles'!$G$18=$B$17,14,0)+IF('Standard Profiles'!$G$18=$B$24,21,0),0)),0)</f>
        <v>0</v>
      </c>
      <c r="E868" cm="1">
        <f t="array" ref="E868">IFERROR(INDEX(Jesper!AI$2:AI$366,ROUNDDOWN($C868/24,0)+1,1)*INDEX($D$3:$AA$30,INDEX(Jesper!$R$2:$R$366,ROW(INDEX(Jesper!AI$2:AI$366,ROUNDDOWN($C868/24,0)+1,1))-1)+IF('Standard Profiles'!$G$19=$B$10,7,0)+IF('Standard Profiles'!$G$19=$B$17,14,0)+IF('Standard Profiles'!$G$19=$B$24,21,0),MOD($C868,24)+1)/SUM(INDEX($D$3:$AA$30,INDEX(Jesper!$R$2:$R$366,ROW(INDEX(Jesper!AI$2:AI$366,ROUNDDOWN($C868/24,0)+1,1))-1)+IF('Standard Profiles'!$G$19=$B$10,7,0)+IF('Standard Profiles'!$G$19=$B$17,14,0)+IF('Standard Profiles'!$G$19=$B$24,21,0),0)),0)</f>
        <v>5.021837009091298</v>
      </c>
      <c r="F868" cm="1">
        <f t="array" ref="F868">IFERROR(INDEX(Jesper!AJ$2:AJ$366,ROUNDDOWN($C868/24,0)+1,1)*INDEX($D$3:$AA$30,INDEX(Jesper!$R$2:$R$366,ROW(INDEX(Jesper!AJ$2:AJ$366,ROUNDDOWN($C868/24,0)+1,1))-1)+IF('Standard Profiles'!$G$20=$B$10,7,0)+IF('Standard Profiles'!$G$20=$B$17,14,0)+IF('Standard Profiles'!$G$20=$B$24,21,0),MOD($C868,24)+1)/SUM(INDEX($D$3:$AA$30,INDEX(Jesper!$R$2:$R$366,ROW(INDEX(Jesper!AJ$2:AJ$366,ROUNDDOWN($C868/24,0)+1,1))-1)+IF('Standard Profiles'!$G$20=$B$10,7,0)+IF('Standard Profiles'!$G$20=$B$17,14,0)+IF('Standard Profiles'!$G$20=$B$24,21,0),0)),0)</f>
        <v>4.2436631305350234</v>
      </c>
      <c r="G868" cm="1">
        <f t="array" ref="G868">IFERROR(INDEX(Jesper!AK$2:AK$366,ROUNDDOWN($C868/24,0)+1,1)*INDEX($D$3:$AA$30,INDEX(Jesper!$R$2:$R$366,ROW(INDEX(Jesper!AK$2:AK$366,ROUNDDOWN($C868/24,0)+1,1))-1)+IF('Standard Profiles'!$G$21=$B$10,7,0)+IF('Standard Profiles'!$G$21=$B$17,14,0)+IF('Standard Profiles'!$G$21=$B$24,21,0),MOD($C868,24)+1)/SUM(INDEX($D$3:$AA$30,INDEX(Jesper!$R$2:$R$366,ROW(INDEX(Jesper!AK$2:AK$366,ROUNDDOWN($C868/24,0)+1,1))-1)+IF('Standard Profiles'!$G$21=$B$10,7,0)+IF('Standard Profiles'!$G$21=$B$17,14,0)+IF('Standard Profiles'!$G$21=$B$24,21,0),0)),0)</f>
        <v>6.9228904768836452</v>
      </c>
      <c r="H868" cm="1">
        <f t="array" ref="H868">IFERROR(INDEX(Jesper!AL$2:AL$366,ROUNDDOWN($C868/24,0)+1,1)*INDEX($D$3:$AA$30,INDEX(Jesper!$R$2:$R$366,ROW(INDEX(Jesper!AL$2:AL$366,ROUNDDOWN($C868/24,0)+1,1))-1)+IF('Standard Profiles'!$G$22=$B$10,7,0)+IF('Standard Profiles'!$G$22=$B$17,14,0)+IF('Standard Profiles'!$G$22=$B$24,21,0),MOD($C868,24)+1)/SUM(INDEX($D$3:$AA$30,INDEX(Jesper!$R$2:$R$366,ROW(INDEX(Jesper!AL$2:AL$366,ROUNDDOWN($C868/24,0)+1,1))-1)+IF('Standard Profiles'!$G$22=$B$10,7,0)+IF('Standard Profiles'!$G$22=$B$17,14,0)+IF('Standard Profiles'!$G$22=$B$24,21,0),0)),0)</f>
        <v>4.8343973345543665</v>
      </c>
      <c r="I868">
        <f t="shared" si="111"/>
        <v>4.6410214411721942</v>
      </c>
      <c r="J868">
        <f t="shared" si="112"/>
        <v>15.779146068801182</v>
      </c>
      <c r="K868">
        <f t="shared" si="113"/>
        <v>0.40174696072730387</v>
      </c>
      <c r="L868">
        <f t="shared" si="114"/>
        <v>0.20087348036365194</v>
      </c>
      <c r="M868">
        <f t="shared" si="115"/>
        <v>0</v>
      </c>
      <c r="N868" s="45">
        <f t="shared" ref="N868:N931" si="116">N867+1/24</f>
        <v>44961.749999997977</v>
      </c>
    </row>
    <row r="869" spans="2:14" x14ac:dyDescent="0.25">
      <c r="B869">
        <f t="shared" si="110"/>
        <v>6</v>
      </c>
      <c r="C869" s="16">
        <v>835</v>
      </c>
      <c r="D869" cm="1">
        <f t="array" ref="D869">IFERROR(INDEX(Jesper!AH$2:AH$366,ROUNDDOWN($C869/24,0)+1,1)*INDEX($D$3:$AA$30,INDEX(Jesper!$R$2:$R$366,ROW(INDEX(Jesper!AH$2:AH$366,ROUNDDOWN($C869/24,0)+1,1))-1)+IF('Standard Profiles'!$G$18=$B$10,7,0)+IF('Standard Profiles'!$G$18=$B$17,14,0)+IF('Standard Profiles'!$G$18=$B$24,21,0),MOD($C869,24)+1)/SUM(INDEX($D$3:$AA$30,INDEX(Jesper!$R$2:$R$366,ROW(INDEX(Jesper!AH$2:AH$366,ROUNDDOWN($C869/24,0)+1,1))-1)+IF('Standard Profiles'!$G$18=$B$10,7,0)+IF('Standard Profiles'!$G$18=$B$17,14,0)+IF('Standard Profiles'!$G$18=$B$24,21,0),0)),0)</f>
        <v>0</v>
      </c>
      <c r="E869" cm="1">
        <f t="array" ref="E869">IFERROR(INDEX(Jesper!AI$2:AI$366,ROUNDDOWN($C869/24,0)+1,1)*INDEX($D$3:$AA$30,INDEX(Jesper!$R$2:$R$366,ROW(INDEX(Jesper!AI$2:AI$366,ROUNDDOWN($C869/24,0)+1,1))-1)+IF('Standard Profiles'!$G$19=$B$10,7,0)+IF('Standard Profiles'!$G$19=$B$17,14,0)+IF('Standard Profiles'!$G$19=$B$24,21,0),MOD($C869,24)+1)/SUM(INDEX($D$3:$AA$30,INDEX(Jesper!$R$2:$R$366,ROW(INDEX(Jesper!AI$2:AI$366,ROUNDDOWN($C869/24,0)+1,1))-1)+IF('Standard Profiles'!$G$19=$B$10,7,0)+IF('Standard Profiles'!$G$19=$B$17,14,0)+IF('Standard Profiles'!$G$19=$B$24,21,0),0)),0)</f>
        <v>5.021837009091298</v>
      </c>
      <c r="F869" cm="1">
        <f t="array" ref="F869">IFERROR(INDEX(Jesper!AJ$2:AJ$366,ROUNDDOWN($C869/24,0)+1,1)*INDEX($D$3:$AA$30,INDEX(Jesper!$R$2:$R$366,ROW(INDEX(Jesper!AJ$2:AJ$366,ROUNDDOWN($C869/24,0)+1,1))-1)+IF('Standard Profiles'!$G$20=$B$10,7,0)+IF('Standard Profiles'!$G$20=$B$17,14,0)+IF('Standard Profiles'!$G$20=$B$24,21,0),MOD($C869,24)+1)/SUM(INDEX($D$3:$AA$30,INDEX(Jesper!$R$2:$R$366,ROW(INDEX(Jesper!AJ$2:AJ$366,ROUNDDOWN($C869/24,0)+1,1))-1)+IF('Standard Profiles'!$G$20=$B$10,7,0)+IF('Standard Profiles'!$G$20=$B$17,14,0)+IF('Standard Profiles'!$G$20=$B$24,21,0),0)),0)</f>
        <v>4.2436631305350234</v>
      </c>
      <c r="G869" cm="1">
        <f t="array" ref="G869">IFERROR(INDEX(Jesper!AK$2:AK$366,ROUNDDOWN($C869/24,0)+1,1)*INDEX($D$3:$AA$30,INDEX(Jesper!$R$2:$R$366,ROW(INDEX(Jesper!AK$2:AK$366,ROUNDDOWN($C869/24,0)+1,1))-1)+IF('Standard Profiles'!$G$21=$B$10,7,0)+IF('Standard Profiles'!$G$21=$B$17,14,0)+IF('Standard Profiles'!$G$21=$B$24,21,0),MOD($C869,24)+1)/SUM(INDEX($D$3:$AA$30,INDEX(Jesper!$R$2:$R$366,ROW(INDEX(Jesper!AK$2:AK$366,ROUNDDOWN($C869/24,0)+1,1))-1)+IF('Standard Profiles'!$G$21=$B$10,7,0)+IF('Standard Profiles'!$G$21=$B$17,14,0)+IF('Standard Profiles'!$G$21=$B$24,21,0),0)),0)</f>
        <v>6.9228904768836452</v>
      </c>
      <c r="H869" cm="1">
        <f t="array" ref="H869">IFERROR(INDEX(Jesper!AL$2:AL$366,ROUNDDOWN($C869/24,0)+1,1)*INDEX($D$3:$AA$30,INDEX(Jesper!$R$2:$R$366,ROW(INDEX(Jesper!AL$2:AL$366,ROUNDDOWN($C869/24,0)+1,1))-1)+IF('Standard Profiles'!$G$22=$B$10,7,0)+IF('Standard Profiles'!$G$22=$B$17,14,0)+IF('Standard Profiles'!$G$22=$B$24,21,0),MOD($C869,24)+1)/SUM(INDEX($D$3:$AA$30,INDEX(Jesper!$R$2:$R$366,ROW(INDEX(Jesper!AL$2:AL$366,ROUNDDOWN($C869/24,0)+1,1))-1)+IF('Standard Profiles'!$G$22=$B$10,7,0)+IF('Standard Profiles'!$G$22=$B$17,14,0)+IF('Standard Profiles'!$G$22=$B$24,21,0),0)),0)</f>
        <v>3.904705539447757</v>
      </c>
      <c r="I869">
        <f t="shared" si="111"/>
        <v>3.7485173178698488</v>
      </c>
      <c r="J869">
        <f t="shared" si="112"/>
        <v>15.741958396996919</v>
      </c>
      <c r="K869">
        <f t="shared" si="113"/>
        <v>0.40174696072730387</v>
      </c>
      <c r="L869">
        <f t="shared" si="114"/>
        <v>0.20087348036365194</v>
      </c>
      <c r="M869">
        <f t="shared" si="115"/>
        <v>0</v>
      </c>
      <c r="N869" s="45">
        <f t="shared" si="116"/>
        <v>44961.791666664642</v>
      </c>
    </row>
    <row r="870" spans="2:14" x14ac:dyDescent="0.25">
      <c r="B870">
        <f t="shared" si="110"/>
        <v>6</v>
      </c>
      <c r="C870" s="16">
        <v>836</v>
      </c>
      <c r="D870" cm="1">
        <f t="array" ref="D870">IFERROR(INDEX(Jesper!AH$2:AH$366,ROUNDDOWN($C870/24,0)+1,1)*INDEX($D$3:$AA$30,INDEX(Jesper!$R$2:$R$366,ROW(INDEX(Jesper!AH$2:AH$366,ROUNDDOWN($C870/24,0)+1,1))-1)+IF('Standard Profiles'!$G$18=$B$10,7,0)+IF('Standard Profiles'!$G$18=$B$17,14,0)+IF('Standard Profiles'!$G$18=$B$24,21,0),MOD($C870,24)+1)/SUM(INDEX($D$3:$AA$30,INDEX(Jesper!$R$2:$R$366,ROW(INDEX(Jesper!AH$2:AH$366,ROUNDDOWN($C870/24,0)+1,1))-1)+IF('Standard Profiles'!$G$18=$B$10,7,0)+IF('Standard Profiles'!$G$18=$B$17,14,0)+IF('Standard Profiles'!$G$18=$B$24,21,0),0)),0)</f>
        <v>0</v>
      </c>
      <c r="E870" cm="1">
        <f t="array" ref="E870">IFERROR(INDEX(Jesper!AI$2:AI$366,ROUNDDOWN($C870/24,0)+1,1)*INDEX($D$3:$AA$30,INDEX(Jesper!$R$2:$R$366,ROW(INDEX(Jesper!AI$2:AI$366,ROUNDDOWN($C870/24,0)+1,1))-1)+IF('Standard Profiles'!$G$19=$B$10,7,0)+IF('Standard Profiles'!$G$19=$B$17,14,0)+IF('Standard Profiles'!$G$19=$B$24,21,0),MOD($C870,24)+1)/SUM(INDEX($D$3:$AA$30,INDEX(Jesper!$R$2:$R$366,ROW(INDEX(Jesper!AI$2:AI$366,ROUNDDOWN($C870/24,0)+1,1))-1)+IF('Standard Profiles'!$G$19=$B$10,7,0)+IF('Standard Profiles'!$G$19=$B$17,14,0)+IF('Standard Profiles'!$G$19=$B$24,21,0),0)),0)</f>
        <v>5.021837009091298</v>
      </c>
      <c r="F870" cm="1">
        <f t="array" ref="F870">IFERROR(INDEX(Jesper!AJ$2:AJ$366,ROUNDDOWN($C870/24,0)+1,1)*INDEX($D$3:$AA$30,INDEX(Jesper!$R$2:$R$366,ROW(INDEX(Jesper!AJ$2:AJ$366,ROUNDDOWN($C870/24,0)+1,1))-1)+IF('Standard Profiles'!$G$20=$B$10,7,0)+IF('Standard Profiles'!$G$20=$B$17,14,0)+IF('Standard Profiles'!$G$20=$B$24,21,0),MOD($C870,24)+1)/SUM(INDEX($D$3:$AA$30,INDEX(Jesper!$R$2:$R$366,ROW(INDEX(Jesper!AJ$2:AJ$366,ROUNDDOWN($C870/24,0)+1,1))-1)+IF('Standard Profiles'!$G$20=$B$10,7,0)+IF('Standard Profiles'!$G$20=$B$17,14,0)+IF('Standard Profiles'!$G$20=$B$24,21,0),0)),0)</f>
        <v>4.2436631305350234</v>
      </c>
      <c r="G870" cm="1">
        <f t="array" ref="G870">IFERROR(INDEX(Jesper!AK$2:AK$366,ROUNDDOWN($C870/24,0)+1,1)*INDEX($D$3:$AA$30,INDEX(Jesper!$R$2:$R$366,ROW(INDEX(Jesper!AK$2:AK$366,ROUNDDOWN($C870/24,0)+1,1))-1)+IF('Standard Profiles'!$G$21=$B$10,7,0)+IF('Standard Profiles'!$G$21=$B$17,14,0)+IF('Standard Profiles'!$G$21=$B$24,21,0),MOD($C870,24)+1)/SUM(INDEX($D$3:$AA$30,INDEX(Jesper!$R$2:$R$366,ROW(INDEX(Jesper!AK$2:AK$366,ROUNDDOWN($C870/24,0)+1,1))-1)+IF('Standard Profiles'!$G$21=$B$10,7,0)+IF('Standard Profiles'!$G$21=$B$17,14,0)+IF('Standard Profiles'!$G$21=$B$24,21,0),0)),0)</f>
        <v>6.9228904768836452</v>
      </c>
      <c r="H870" cm="1">
        <f t="array" ref="H870">IFERROR(INDEX(Jesper!AL$2:AL$366,ROUNDDOWN($C870/24,0)+1,1)*INDEX($D$3:$AA$30,INDEX(Jesper!$R$2:$R$366,ROW(INDEX(Jesper!AL$2:AL$366,ROUNDDOWN($C870/24,0)+1,1))-1)+IF('Standard Profiles'!$G$22=$B$10,7,0)+IF('Standard Profiles'!$G$22=$B$17,14,0)+IF('Standard Profiles'!$G$22=$B$24,21,0),MOD($C870,24)+1)/SUM(INDEX($D$3:$AA$30,INDEX(Jesper!$R$2:$R$366,ROW(INDEX(Jesper!AL$2:AL$366,ROUNDDOWN($C870/24,0)+1,1))-1)+IF('Standard Profiles'!$G$22=$B$10,7,0)+IF('Standard Profiles'!$G$22=$B$17,14,0)+IF('Standard Profiles'!$G$22=$B$24,21,0),0)),0)</f>
        <v>2.8820445648304878</v>
      </c>
      <c r="I870">
        <f t="shared" si="111"/>
        <v>2.7667627822372696</v>
      </c>
      <c r="J870">
        <f t="shared" si="112"/>
        <v>15.701051958012229</v>
      </c>
      <c r="K870">
        <f t="shared" si="113"/>
        <v>0.40174696072730387</v>
      </c>
      <c r="L870">
        <f t="shared" si="114"/>
        <v>0.20087348036365194</v>
      </c>
      <c r="M870">
        <f t="shared" si="115"/>
        <v>0</v>
      </c>
      <c r="N870" s="45">
        <f t="shared" si="116"/>
        <v>44961.833333331306</v>
      </c>
    </row>
    <row r="871" spans="2:14" x14ac:dyDescent="0.25">
      <c r="B871">
        <f t="shared" si="110"/>
        <v>6</v>
      </c>
      <c r="C871" s="16">
        <v>837</v>
      </c>
      <c r="D871" cm="1">
        <f t="array" ref="D871">IFERROR(INDEX(Jesper!AH$2:AH$366,ROUNDDOWN($C871/24,0)+1,1)*INDEX($D$3:$AA$30,INDEX(Jesper!$R$2:$R$366,ROW(INDEX(Jesper!AH$2:AH$366,ROUNDDOWN($C871/24,0)+1,1))-1)+IF('Standard Profiles'!$G$18=$B$10,7,0)+IF('Standard Profiles'!$G$18=$B$17,14,0)+IF('Standard Profiles'!$G$18=$B$24,21,0),MOD($C871,24)+1)/SUM(INDEX($D$3:$AA$30,INDEX(Jesper!$R$2:$R$366,ROW(INDEX(Jesper!AH$2:AH$366,ROUNDDOWN($C871/24,0)+1,1))-1)+IF('Standard Profiles'!$G$18=$B$10,7,0)+IF('Standard Profiles'!$G$18=$B$17,14,0)+IF('Standard Profiles'!$G$18=$B$24,21,0),0)),0)</f>
        <v>0</v>
      </c>
      <c r="E871" cm="1">
        <f t="array" ref="E871">IFERROR(INDEX(Jesper!AI$2:AI$366,ROUNDDOWN($C871/24,0)+1,1)*INDEX($D$3:$AA$30,INDEX(Jesper!$R$2:$R$366,ROW(INDEX(Jesper!AI$2:AI$366,ROUNDDOWN($C871/24,0)+1,1))-1)+IF('Standard Profiles'!$G$19=$B$10,7,0)+IF('Standard Profiles'!$G$19=$B$17,14,0)+IF('Standard Profiles'!$G$19=$B$24,21,0),MOD($C871,24)+1)/SUM(INDEX($D$3:$AA$30,INDEX(Jesper!$R$2:$R$366,ROW(INDEX(Jesper!AI$2:AI$366,ROUNDDOWN($C871/24,0)+1,1))-1)+IF('Standard Profiles'!$G$19=$B$10,7,0)+IF('Standard Profiles'!$G$19=$B$17,14,0)+IF('Standard Profiles'!$G$19=$B$24,21,0),0)),0)</f>
        <v>5.021837009091298</v>
      </c>
      <c r="F871" cm="1">
        <f t="array" ref="F871">IFERROR(INDEX(Jesper!AJ$2:AJ$366,ROUNDDOWN($C871/24,0)+1,1)*INDEX($D$3:$AA$30,INDEX(Jesper!$R$2:$R$366,ROW(INDEX(Jesper!AJ$2:AJ$366,ROUNDDOWN($C871/24,0)+1,1))-1)+IF('Standard Profiles'!$G$20=$B$10,7,0)+IF('Standard Profiles'!$G$20=$B$17,14,0)+IF('Standard Profiles'!$G$20=$B$24,21,0),MOD($C871,24)+1)/SUM(INDEX($D$3:$AA$30,INDEX(Jesper!$R$2:$R$366,ROW(INDEX(Jesper!AJ$2:AJ$366,ROUNDDOWN($C871/24,0)+1,1))-1)+IF('Standard Profiles'!$G$20=$B$10,7,0)+IF('Standard Profiles'!$G$20=$B$17,14,0)+IF('Standard Profiles'!$G$20=$B$24,21,0),0)),0)</f>
        <v>4.2436631305350234</v>
      </c>
      <c r="G871" cm="1">
        <f t="array" ref="G871">IFERROR(INDEX(Jesper!AK$2:AK$366,ROUNDDOWN($C871/24,0)+1,1)*INDEX($D$3:$AA$30,INDEX(Jesper!$R$2:$R$366,ROW(INDEX(Jesper!AK$2:AK$366,ROUNDDOWN($C871/24,0)+1,1))-1)+IF('Standard Profiles'!$G$21=$B$10,7,0)+IF('Standard Profiles'!$G$21=$B$17,14,0)+IF('Standard Profiles'!$G$21=$B$24,21,0),MOD($C871,24)+1)/SUM(INDEX($D$3:$AA$30,INDEX(Jesper!$R$2:$R$366,ROW(INDEX(Jesper!AK$2:AK$366,ROUNDDOWN($C871/24,0)+1,1))-1)+IF('Standard Profiles'!$G$21=$B$10,7,0)+IF('Standard Profiles'!$G$21=$B$17,14,0)+IF('Standard Profiles'!$G$21=$B$24,21,0),0)),0)</f>
        <v>6.9228904768836452</v>
      </c>
      <c r="H871" cm="1">
        <f t="array" ref="H871">IFERROR(INDEX(Jesper!AL$2:AL$366,ROUNDDOWN($C871/24,0)+1,1)*INDEX($D$3:$AA$30,INDEX(Jesper!$R$2:$R$366,ROW(INDEX(Jesper!AL$2:AL$366,ROUNDDOWN($C871/24,0)+1,1))-1)+IF('Standard Profiles'!$G$22=$B$10,7,0)+IF('Standard Profiles'!$G$22=$B$17,14,0)+IF('Standard Profiles'!$G$22=$B$24,21,0),MOD($C871,24)+1)/SUM(INDEX($D$3:$AA$30,INDEX(Jesper!$R$2:$R$366,ROW(INDEX(Jesper!AL$2:AL$366,ROUNDDOWN($C871/24,0)+1,1))-1)+IF('Standard Profiles'!$G$22=$B$10,7,0)+IF('Standard Profiles'!$G$22=$B$17,14,0)+IF('Standard Profiles'!$G$22=$B$24,21,0),0)),0)</f>
        <v>2.8820445648304878</v>
      </c>
      <c r="I871">
        <f t="shared" si="111"/>
        <v>2.7667627822372696</v>
      </c>
      <c r="J871">
        <f t="shared" si="112"/>
        <v>15.701051958012229</v>
      </c>
      <c r="K871">
        <f t="shared" si="113"/>
        <v>0.40174696072730387</v>
      </c>
      <c r="L871">
        <f t="shared" si="114"/>
        <v>0.20087348036365194</v>
      </c>
      <c r="M871">
        <f t="shared" si="115"/>
        <v>0</v>
      </c>
      <c r="N871" s="45">
        <f t="shared" si="116"/>
        <v>44961.87499999797</v>
      </c>
    </row>
    <row r="872" spans="2:14" x14ac:dyDescent="0.25">
      <c r="B872">
        <f t="shared" si="110"/>
        <v>6</v>
      </c>
      <c r="C872" s="16">
        <v>838</v>
      </c>
      <c r="D872" cm="1">
        <f t="array" ref="D872">IFERROR(INDEX(Jesper!AH$2:AH$366,ROUNDDOWN($C872/24,0)+1,1)*INDEX($D$3:$AA$30,INDEX(Jesper!$R$2:$R$366,ROW(INDEX(Jesper!AH$2:AH$366,ROUNDDOWN($C872/24,0)+1,1))-1)+IF('Standard Profiles'!$G$18=$B$10,7,0)+IF('Standard Profiles'!$G$18=$B$17,14,0)+IF('Standard Profiles'!$G$18=$B$24,21,0),MOD($C872,24)+1)/SUM(INDEX($D$3:$AA$30,INDEX(Jesper!$R$2:$R$366,ROW(INDEX(Jesper!AH$2:AH$366,ROUNDDOWN($C872/24,0)+1,1))-1)+IF('Standard Profiles'!$G$18=$B$10,7,0)+IF('Standard Profiles'!$G$18=$B$17,14,0)+IF('Standard Profiles'!$G$18=$B$24,21,0),0)),0)</f>
        <v>0</v>
      </c>
      <c r="E872" cm="1">
        <f t="array" ref="E872">IFERROR(INDEX(Jesper!AI$2:AI$366,ROUNDDOWN($C872/24,0)+1,1)*INDEX($D$3:$AA$30,INDEX(Jesper!$R$2:$R$366,ROW(INDEX(Jesper!AI$2:AI$366,ROUNDDOWN($C872/24,0)+1,1))-1)+IF('Standard Profiles'!$G$19=$B$10,7,0)+IF('Standard Profiles'!$G$19=$B$17,14,0)+IF('Standard Profiles'!$G$19=$B$24,21,0),MOD($C872,24)+1)/SUM(INDEX($D$3:$AA$30,INDEX(Jesper!$R$2:$R$366,ROW(INDEX(Jesper!AI$2:AI$366,ROUNDDOWN($C872/24,0)+1,1))-1)+IF('Standard Profiles'!$G$19=$B$10,7,0)+IF('Standard Profiles'!$G$19=$B$17,14,0)+IF('Standard Profiles'!$G$19=$B$24,21,0),0)),0)</f>
        <v>5.021837009091298</v>
      </c>
      <c r="F872" cm="1">
        <f t="array" ref="F872">IFERROR(INDEX(Jesper!AJ$2:AJ$366,ROUNDDOWN($C872/24,0)+1,1)*INDEX($D$3:$AA$30,INDEX(Jesper!$R$2:$R$366,ROW(INDEX(Jesper!AJ$2:AJ$366,ROUNDDOWN($C872/24,0)+1,1))-1)+IF('Standard Profiles'!$G$20=$B$10,7,0)+IF('Standard Profiles'!$G$20=$B$17,14,0)+IF('Standard Profiles'!$G$20=$B$24,21,0),MOD($C872,24)+1)/SUM(INDEX($D$3:$AA$30,INDEX(Jesper!$R$2:$R$366,ROW(INDEX(Jesper!AJ$2:AJ$366,ROUNDDOWN($C872/24,0)+1,1))-1)+IF('Standard Profiles'!$G$20=$B$10,7,0)+IF('Standard Profiles'!$G$20=$B$17,14,0)+IF('Standard Profiles'!$G$20=$B$24,21,0),0)),0)</f>
        <v>4.2436631305350234</v>
      </c>
      <c r="G872" cm="1">
        <f t="array" ref="G872">IFERROR(INDEX(Jesper!AK$2:AK$366,ROUNDDOWN($C872/24,0)+1,1)*INDEX($D$3:$AA$30,INDEX(Jesper!$R$2:$R$366,ROW(INDEX(Jesper!AK$2:AK$366,ROUNDDOWN($C872/24,0)+1,1))-1)+IF('Standard Profiles'!$G$21=$B$10,7,0)+IF('Standard Profiles'!$G$21=$B$17,14,0)+IF('Standard Profiles'!$G$21=$B$24,21,0),MOD($C872,24)+1)/SUM(INDEX($D$3:$AA$30,INDEX(Jesper!$R$2:$R$366,ROW(INDEX(Jesper!AK$2:AK$366,ROUNDDOWN($C872/24,0)+1,1))-1)+IF('Standard Profiles'!$G$21=$B$10,7,0)+IF('Standard Profiles'!$G$21=$B$17,14,0)+IF('Standard Profiles'!$G$21=$B$24,21,0),0)),0)</f>
        <v>6.9228904768836452</v>
      </c>
      <c r="H872" cm="1">
        <f t="array" ref="H872">IFERROR(INDEX(Jesper!AL$2:AL$366,ROUNDDOWN($C872/24,0)+1,1)*INDEX($D$3:$AA$30,INDEX(Jesper!$R$2:$R$366,ROW(INDEX(Jesper!AL$2:AL$366,ROUNDDOWN($C872/24,0)+1,1))-1)+IF('Standard Profiles'!$G$22=$B$10,7,0)+IF('Standard Profiles'!$G$22=$B$17,14,0)+IF('Standard Profiles'!$G$22=$B$24,21,0),MOD($C872,24)+1)/SUM(INDEX($D$3:$AA$30,INDEX(Jesper!$R$2:$R$366,ROW(INDEX(Jesper!AL$2:AL$366,ROUNDDOWN($C872/24,0)+1,1))-1)+IF('Standard Profiles'!$G$22=$B$10,7,0)+IF('Standard Profiles'!$G$22=$B$17,14,0)+IF('Standard Profiles'!$G$22=$B$24,21,0),0)),0)</f>
        <v>2.8820445648304878</v>
      </c>
      <c r="I872">
        <f t="shared" si="111"/>
        <v>2.7667627822372696</v>
      </c>
      <c r="J872">
        <f t="shared" si="112"/>
        <v>15.701051958012229</v>
      </c>
      <c r="K872">
        <f t="shared" si="113"/>
        <v>0.40174696072730387</v>
      </c>
      <c r="L872">
        <f t="shared" si="114"/>
        <v>0.20087348036365194</v>
      </c>
      <c r="M872">
        <f t="shared" si="115"/>
        <v>0</v>
      </c>
      <c r="N872" s="45">
        <f t="shared" si="116"/>
        <v>44961.916666664634</v>
      </c>
    </row>
    <row r="873" spans="2:14" x14ac:dyDescent="0.25">
      <c r="B873">
        <f t="shared" si="110"/>
        <v>6</v>
      </c>
      <c r="C873" s="16">
        <v>839</v>
      </c>
      <c r="D873" cm="1">
        <f t="array" ref="D873">IFERROR(INDEX(Jesper!AH$2:AH$366,ROUNDDOWN($C873/24,0)+1,1)*INDEX($D$3:$AA$30,INDEX(Jesper!$R$2:$R$366,ROW(INDEX(Jesper!AH$2:AH$366,ROUNDDOWN($C873/24,0)+1,1))-1)+IF('Standard Profiles'!$G$18=$B$10,7,0)+IF('Standard Profiles'!$G$18=$B$17,14,0)+IF('Standard Profiles'!$G$18=$B$24,21,0),MOD($C873,24)+1)/SUM(INDEX($D$3:$AA$30,INDEX(Jesper!$R$2:$R$366,ROW(INDEX(Jesper!AH$2:AH$366,ROUNDDOWN($C873/24,0)+1,1))-1)+IF('Standard Profiles'!$G$18=$B$10,7,0)+IF('Standard Profiles'!$G$18=$B$17,14,0)+IF('Standard Profiles'!$G$18=$B$24,21,0),0)),0)</f>
        <v>0</v>
      </c>
      <c r="E873" cm="1">
        <f t="array" ref="E873">IFERROR(INDEX(Jesper!AI$2:AI$366,ROUNDDOWN($C873/24,0)+1,1)*INDEX($D$3:$AA$30,INDEX(Jesper!$R$2:$R$366,ROW(INDEX(Jesper!AI$2:AI$366,ROUNDDOWN($C873/24,0)+1,1))-1)+IF('Standard Profiles'!$G$19=$B$10,7,0)+IF('Standard Profiles'!$G$19=$B$17,14,0)+IF('Standard Profiles'!$G$19=$B$24,21,0),MOD($C873,24)+1)/SUM(INDEX($D$3:$AA$30,INDEX(Jesper!$R$2:$R$366,ROW(INDEX(Jesper!AI$2:AI$366,ROUNDDOWN($C873/24,0)+1,1))-1)+IF('Standard Profiles'!$G$19=$B$10,7,0)+IF('Standard Profiles'!$G$19=$B$17,14,0)+IF('Standard Profiles'!$G$19=$B$24,21,0),0)),0)</f>
        <v>5.021837009091298</v>
      </c>
      <c r="F873" cm="1">
        <f t="array" ref="F873">IFERROR(INDEX(Jesper!AJ$2:AJ$366,ROUNDDOWN($C873/24,0)+1,1)*INDEX($D$3:$AA$30,INDEX(Jesper!$R$2:$R$366,ROW(INDEX(Jesper!AJ$2:AJ$366,ROUNDDOWN($C873/24,0)+1,1))-1)+IF('Standard Profiles'!$G$20=$B$10,7,0)+IF('Standard Profiles'!$G$20=$B$17,14,0)+IF('Standard Profiles'!$G$20=$B$24,21,0),MOD($C873,24)+1)/SUM(INDEX($D$3:$AA$30,INDEX(Jesper!$R$2:$R$366,ROW(INDEX(Jesper!AJ$2:AJ$366,ROUNDDOWN($C873/24,0)+1,1))-1)+IF('Standard Profiles'!$G$20=$B$10,7,0)+IF('Standard Profiles'!$G$20=$B$17,14,0)+IF('Standard Profiles'!$G$20=$B$24,21,0),0)),0)</f>
        <v>4.2436631305350234</v>
      </c>
      <c r="G873" cm="1">
        <f t="array" ref="G873">IFERROR(INDEX(Jesper!AK$2:AK$366,ROUNDDOWN($C873/24,0)+1,1)*INDEX($D$3:$AA$30,INDEX(Jesper!$R$2:$R$366,ROW(INDEX(Jesper!AK$2:AK$366,ROUNDDOWN($C873/24,0)+1,1))-1)+IF('Standard Profiles'!$G$21=$B$10,7,0)+IF('Standard Profiles'!$G$21=$B$17,14,0)+IF('Standard Profiles'!$G$21=$B$24,21,0),MOD($C873,24)+1)/SUM(INDEX($D$3:$AA$30,INDEX(Jesper!$R$2:$R$366,ROW(INDEX(Jesper!AK$2:AK$366,ROUNDDOWN($C873/24,0)+1,1))-1)+IF('Standard Profiles'!$G$21=$B$10,7,0)+IF('Standard Profiles'!$G$21=$B$17,14,0)+IF('Standard Profiles'!$G$21=$B$24,21,0),0)),0)</f>
        <v>6.9228904768836452</v>
      </c>
      <c r="H873" cm="1">
        <f t="array" ref="H873">IFERROR(INDEX(Jesper!AL$2:AL$366,ROUNDDOWN($C873/24,0)+1,1)*INDEX($D$3:$AA$30,INDEX(Jesper!$R$2:$R$366,ROW(INDEX(Jesper!AL$2:AL$366,ROUNDDOWN($C873/24,0)+1,1))-1)+IF('Standard Profiles'!$G$22=$B$10,7,0)+IF('Standard Profiles'!$G$22=$B$17,14,0)+IF('Standard Profiles'!$G$22=$B$24,21,0),MOD($C873,24)+1)/SUM(INDEX($D$3:$AA$30,INDEX(Jesper!$R$2:$R$366,ROW(INDEX(Jesper!AL$2:AL$366,ROUNDDOWN($C873/24,0)+1,1))-1)+IF('Standard Profiles'!$G$22=$B$10,7,0)+IF('Standard Profiles'!$G$22=$B$17,14,0)+IF('Standard Profiles'!$G$22=$B$24,21,0),0)),0)</f>
        <v>2.8820445648304878</v>
      </c>
      <c r="I873">
        <f t="shared" si="111"/>
        <v>2.7667627822372696</v>
      </c>
      <c r="J873">
        <f t="shared" si="112"/>
        <v>15.701051958012229</v>
      </c>
      <c r="K873">
        <f t="shared" si="113"/>
        <v>0.40174696072730387</v>
      </c>
      <c r="L873">
        <f t="shared" si="114"/>
        <v>0.20087348036365194</v>
      </c>
      <c r="M873">
        <f t="shared" si="115"/>
        <v>0</v>
      </c>
      <c r="N873" s="45">
        <f t="shared" si="116"/>
        <v>44961.958333331298</v>
      </c>
    </row>
    <row r="874" spans="2:14" x14ac:dyDescent="0.25">
      <c r="B874">
        <f t="shared" si="110"/>
        <v>7</v>
      </c>
      <c r="C874" s="16">
        <v>840</v>
      </c>
      <c r="D874" cm="1">
        <f t="array" ref="D874">IFERROR(INDEX(Jesper!AH$2:AH$366,ROUNDDOWN($C874/24,0)+1,1)*INDEX($D$3:$AA$30,INDEX(Jesper!$R$2:$R$366,ROW(INDEX(Jesper!AH$2:AH$366,ROUNDDOWN($C874/24,0)+1,1))-1)+IF('Standard Profiles'!$G$18=$B$10,7,0)+IF('Standard Profiles'!$G$18=$B$17,14,0)+IF('Standard Profiles'!$G$18=$B$24,21,0),MOD($C874,24)+1)/SUM(INDEX($D$3:$AA$30,INDEX(Jesper!$R$2:$R$366,ROW(INDEX(Jesper!AH$2:AH$366,ROUNDDOWN($C874/24,0)+1,1))-1)+IF('Standard Profiles'!$G$18=$B$10,7,0)+IF('Standard Profiles'!$G$18=$B$17,14,0)+IF('Standard Profiles'!$G$18=$B$24,21,0),0)),0)</f>
        <v>0</v>
      </c>
      <c r="E874" cm="1">
        <f t="array" ref="E874">IFERROR(INDEX(Jesper!AI$2:AI$366,ROUNDDOWN($C874/24,0)+1,1)*INDEX($D$3:$AA$30,INDEX(Jesper!$R$2:$R$366,ROW(INDEX(Jesper!AI$2:AI$366,ROUNDDOWN($C874/24,0)+1,1))-1)+IF('Standard Profiles'!$G$19=$B$10,7,0)+IF('Standard Profiles'!$G$19=$B$17,14,0)+IF('Standard Profiles'!$G$19=$B$24,21,0),MOD($C874,24)+1)/SUM(INDEX($D$3:$AA$30,INDEX(Jesper!$R$2:$R$366,ROW(INDEX(Jesper!AI$2:AI$366,ROUNDDOWN($C874/24,0)+1,1))-1)+IF('Standard Profiles'!$G$19=$B$10,7,0)+IF('Standard Profiles'!$G$19=$B$17,14,0)+IF('Standard Profiles'!$G$19=$B$24,21,0),0)),0)</f>
        <v>5.9536564868488489</v>
      </c>
      <c r="F874" cm="1">
        <f t="array" ref="F874">IFERROR(INDEX(Jesper!AJ$2:AJ$366,ROUNDDOWN($C874/24,0)+1,1)*INDEX($D$3:$AA$30,INDEX(Jesper!$R$2:$R$366,ROW(INDEX(Jesper!AJ$2:AJ$366,ROUNDDOWN($C874/24,0)+1,1))-1)+IF('Standard Profiles'!$G$20=$B$10,7,0)+IF('Standard Profiles'!$G$20=$B$17,14,0)+IF('Standard Profiles'!$G$20=$B$24,21,0),MOD($C874,24)+1)/SUM(INDEX($D$3:$AA$30,INDEX(Jesper!$R$2:$R$366,ROW(INDEX(Jesper!AJ$2:AJ$366,ROUNDDOWN($C874/24,0)+1,1))-1)+IF('Standard Profiles'!$G$20=$B$10,7,0)+IF('Standard Profiles'!$G$20=$B$17,14,0)+IF('Standard Profiles'!$G$20=$B$24,21,0),0)),0)</f>
        <v>5.3988216788772938</v>
      </c>
      <c r="G874" cm="1">
        <f t="array" ref="G874">IFERROR(INDEX(Jesper!AK$2:AK$366,ROUNDDOWN($C874/24,0)+1,1)*INDEX($D$3:$AA$30,INDEX(Jesper!$R$2:$R$366,ROW(INDEX(Jesper!AK$2:AK$366,ROUNDDOWN($C874/24,0)+1,1))-1)+IF('Standard Profiles'!$G$21=$B$10,7,0)+IF('Standard Profiles'!$G$21=$B$17,14,0)+IF('Standard Profiles'!$G$21=$B$24,21,0),MOD($C874,24)+1)/SUM(INDEX($D$3:$AA$30,INDEX(Jesper!$R$2:$R$366,ROW(INDEX(Jesper!AK$2:AK$366,ROUNDDOWN($C874/24,0)+1,1))-1)+IF('Standard Profiles'!$G$21=$B$10,7,0)+IF('Standard Profiles'!$G$21=$B$17,14,0)+IF('Standard Profiles'!$G$21=$B$24,21,0),0)),0)</f>
        <v>9.509592750321147</v>
      </c>
      <c r="H874" cm="1">
        <f t="array" ref="H874">IFERROR(INDEX(Jesper!AL$2:AL$366,ROUNDDOWN($C874/24,0)+1,1)*INDEX($D$3:$AA$30,INDEX(Jesper!$R$2:$R$366,ROW(INDEX(Jesper!AL$2:AL$366,ROUNDDOWN($C874/24,0)+1,1))-1)+IF('Standard Profiles'!$G$22=$B$10,7,0)+IF('Standard Profiles'!$G$22=$B$17,14,0)+IF('Standard Profiles'!$G$22=$B$24,21,0),MOD($C874,24)+1)/SUM(INDEX($D$3:$AA$30,INDEX(Jesper!$R$2:$R$366,ROW(INDEX(Jesper!AL$2:AL$366,ROUNDDOWN($C874/24,0)+1,1))-1)+IF('Standard Profiles'!$G$22=$B$10,7,0)+IF('Standard Profiles'!$G$22=$B$17,14,0)+IF('Standard Profiles'!$G$22=$B$24,21,0),0)),0)</f>
        <v>4.6354563695235829</v>
      </c>
      <c r="I874">
        <f t="shared" si="111"/>
        <v>4.4500381147426422</v>
      </c>
      <c r="J874">
        <f t="shared" si="112"/>
        <v>20.333050392406371</v>
      </c>
      <c r="K874">
        <f t="shared" si="113"/>
        <v>0.47629251894790792</v>
      </c>
      <c r="L874">
        <f t="shared" si="114"/>
        <v>0.23814625947395396</v>
      </c>
      <c r="M874">
        <f t="shared" si="115"/>
        <v>0</v>
      </c>
      <c r="N874" s="45">
        <f t="shared" si="116"/>
        <v>44961.999999997963</v>
      </c>
    </row>
    <row r="875" spans="2:14" x14ac:dyDescent="0.25">
      <c r="B875">
        <f t="shared" si="110"/>
        <v>7</v>
      </c>
      <c r="C875" s="16">
        <v>841</v>
      </c>
      <c r="D875" cm="1">
        <f t="array" ref="D875">IFERROR(INDEX(Jesper!AH$2:AH$366,ROUNDDOWN($C875/24,0)+1,1)*INDEX($D$3:$AA$30,INDEX(Jesper!$R$2:$R$366,ROW(INDEX(Jesper!AH$2:AH$366,ROUNDDOWN($C875/24,0)+1,1))-1)+IF('Standard Profiles'!$G$18=$B$10,7,0)+IF('Standard Profiles'!$G$18=$B$17,14,0)+IF('Standard Profiles'!$G$18=$B$24,21,0),MOD($C875,24)+1)/SUM(INDEX($D$3:$AA$30,INDEX(Jesper!$R$2:$R$366,ROW(INDEX(Jesper!AH$2:AH$366,ROUNDDOWN($C875/24,0)+1,1))-1)+IF('Standard Profiles'!$G$18=$B$10,7,0)+IF('Standard Profiles'!$G$18=$B$17,14,0)+IF('Standard Profiles'!$G$18=$B$24,21,0),0)),0)</f>
        <v>0</v>
      </c>
      <c r="E875" cm="1">
        <f t="array" ref="E875">IFERROR(INDEX(Jesper!AI$2:AI$366,ROUNDDOWN($C875/24,0)+1,1)*INDEX($D$3:$AA$30,INDEX(Jesper!$R$2:$R$366,ROW(INDEX(Jesper!AI$2:AI$366,ROUNDDOWN($C875/24,0)+1,1))-1)+IF('Standard Profiles'!$G$19=$B$10,7,0)+IF('Standard Profiles'!$G$19=$B$17,14,0)+IF('Standard Profiles'!$G$19=$B$24,21,0),MOD($C875,24)+1)/SUM(INDEX($D$3:$AA$30,INDEX(Jesper!$R$2:$R$366,ROW(INDEX(Jesper!AI$2:AI$366,ROUNDDOWN($C875/24,0)+1,1))-1)+IF('Standard Profiles'!$G$19=$B$10,7,0)+IF('Standard Profiles'!$G$19=$B$17,14,0)+IF('Standard Profiles'!$G$19=$B$24,21,0),0)),0)</f>
        <v>5.9536564868488489</v>
      </c>
      <c r="F875" cm="1">
        <f t="array" ref="F875">IFERROR(INDEX(Jesper!AJ$2:AJ$366,ROUNDDOWN($C875/24,0)+1,1)*INDEX($D$3:$AA$30,INDEX(Jesper!$R$2:$R$366,ROW(INDEX(Jesper!AJ$2:AJ$366,ROUNDDOWN($C875/24,0)+1,1))-1)+IF('Standard Profiles'!$G$20=$B$10,7,0)+IF('Standard Profiles'!$G$20=$B$17,14,0)+IF('Standard Profiles'!$G$20=$B$24,21,0),MOD($C875,24)+1)/SUM(INDEX($D$3:$AA$30,INDEX(Jesper!$R$2:$R$366,ROW(INDEX(Jesper!AJ$2:AJ$366,ROUNDDOWN($C875/24,0)+1,1))-1)+IF('Standard Profiles'!$G$20=$B$10,7,0)+IF('Standard Profiles'!$G$20=$B$17,14,0)+IF('Standard Profiles'!$G$20=$B$24,21,0),0)),0)</f>
        <v>5.3988216788772938</v>
      </c>
      <c r="G875" cm="1">
        <f t="array" ref="G875">IFERROR(INDEX(Jesper!AK$2:AK$366,ROUNDDOWN($C875/24,0)+1,1)*INDEX($D$3:$AA$30,INDEX(Jesper!$R$2:$R$366,ROW(INDEX(Jesper!AK$2:AK$366,ROUNDDOWN($C875/24,0)+1,1))-1)+IF('Standard Profiles'!$G$21=$B$10,7,0)+IF('Standard Profiles'!$G$21=$B$17,14,0)+IF('Standard Profiles'!$G$21=$B$24,21,0),MOD($C875,24)+1)/SUM(INDEX($D$3:$AA$30,INDEX(Jesper!$R$2:$R$366,ROW(INDEX(Jesper!AK$2:AK$366,ROUNDDOWN($C875/24,0)+1,1))-1)+IF('Standard Profiles'!$G$21=$B$10,7,0)+IF('Standard Profiles'!$G$21=$B$17,14,0)+IF('Standard Profiles'!$G$21=$B$24,21,0),0)),0)</f>
        <v>9.509592750321147</v>
      </c>
      <c r="H875" cm="1">
        <f t="array" ref="H875">IFERROR(INDEX(Jesper!AL$2:AL$366,ROUNDDOWN($C875/24,0)+1,1)*INDEX($D$3:$AA$30,INDEX(Jesper!$R$2:$R$366,ROW(INDEX(Jesper!AL$2:AL$366,ROUNDDOWN($C875/24,0)+1,1))-1)+IF('Standard Profiles'!$G$22=$B$10,7,0)+IF('Standard Profiles'!$G$22=$B$17,14,0)+IF('Standard Profiles'!$G$22=$B$24,21,0),MOD($C875,24)+1)/SUM(INDEX($D$3:$AA$30,INDEX(Jesper!$R$2:$R$366,ROW(INDEX(Jesper!AL$2:AL$366,ROUNDDOWN($C875/24,0)+1,1))-1)+IF('Standard Profiles'!$G$22=$B$10,7,0)+IF('Standard Profiles'!$G$22=$B$17,14,0)+IF('Standard Profiles'!$G$22=$B$24,21,0),0)),0)</f>
        <v>5.3831106226725476</v>
      </c>
      <c r="I875">
        <f t="shared" si="111"/>
        <v>5.1677861977656487</v>
      </c>
      <c r="J875">
        <f t="shared" si="112"/>
        <v>20.362956562532329</v>
      </c>
      <c r="K875">
        <f t="shared" si="113"/>
        <v>0.47629251894790792</v>
      </c>
      <c r="L875">
        <f t="shared" si="114"/>
        <v>0.23814625947395396</v>
      </c>
      <c r="M875">
        <f t="shared" si="115"/>
        <v>0</v>
      </c>
      <c r="N875" s="45">
        <f t="shared" si="116"/>
        <v>44962.041666664627</v>
      </c>
    </row>
    <row r="876" spans="2:14" x14ac:dyDescent="0.25">
      <c r="B876">
        <f t="shared" si="110"/>
        <v>7</v>
      </c>
      <c r="C876" s="16">
        <v>842</v>
      </c>
      <c r="D876" cm="1">
        <f t="array" ref="D876">IFERROR(INDEX(Jesper!AH$2:AH$366,ROUNDDOWN($C876/24,0)+1,1)*INDEX($D$3:$AA$30,INDEX(Jesper!$R$2:$R$366,ROW(INDEX(Jesper!AH$2:AH$366,ROUNDDOWN($C876/24,0)+1,1))-1)+IF('Standard Profiles'!$G$18=$B$10,7,0)+IF('Standard Profiles'!$G$18=$B$17,14,0)+IF('Standard Profiles'!$G$18=$B$24,21,0),MOD($C876,24)+1)/SUM(INDEX($D$3:$AA$30,INDEX(Jesper!$R$2:$R$366,ROW(INDEX(Jesper!AH$2:AH$366,ROUNDDOWN($C876/24,0)+1,1))-1)+IF('Standard Profiles'!$G$18=$B$10,7,0)+IF('Standard Profiles'!$G$18=$B$17,14,0)+IF('Standard Profiles'!$G$18=$B$24,21,0),0)),0)</f>
        <v>0</v>
      </c>
      <c r="E876" cm="1">
        <f t="array" ref="E876">IFERROR(INDEX(Jesper!AI$2:AI$366,ROUNDDOWN($C876/24,0)+1,1)*INDEX($D$3:$AA$30,INDEX(Jesper!$R$2:$R$366,ROW(INDEX(Jesper!AI$2:AI$366,ROUNDDOWN($C876/24,0)+1,1))-1)+IF('Standard Profiles'!$G$19=$B$10,7,0)+IF('Standard Profiles'!$G$19=$B$17,14,0)+IF('Standard Profiles'!$G$19=$B$24,21,0),MOD($C876,24)+1)/SUM(INDEX($D$3:$AA$30,INDEX(Jesper!$R$2:$R$366,ROW(INDEX(Jesper!AI$2:AI$366,ROUNDDOWN($C876/24,0)+1,1))-1)+IF('Standard Profiles'!$G$19=$B$10,7,0)+IF('Standard Profiles'!$G$19=$B$17,14,0)+IF('Standard Profiles'!$G$19=$B$24,21,0),0)),0)</f>
        <v>5.9536564868488489</v>
      </c>
      <c r="F876" cm="1">
        <f t="array" ref="F876">IFERROR(INDEX(Jesper!AJ$2:AJ$366,ROUNDDOWN($C876/24,0)+1,1)*INDEX($D$3:$AA$30,INDEX(Jesper!$R$2:$R$366,ROW(INDEX(Jesper!AJ$2:AJ$366,ROUNDDOWN($C876/24,0)+1,1))-1)+IF('Standard Profiles'!$G$20=$B$10,7,0)+IF('Standard Profiles'!$G$20=$B$17,14,0)+IF('Standard Profiles'!$G$20=$B$24,21,0),MOD($C876,24)+1)/SUM(INDEX($D$3:$AA$30,INDEX(Jesper!$R$2:$R$366,ROW(INDEX(Jesper!AJ$2:AJ$366,ROUNDDOWN($C876/24,0)+1,1))-1)+IF('Standard Profiles'!$G$20=$B$10,7,0)+IF('Standard Profiles'!$G$20=$B$17,14,0)+IF('Standard Profiles'!$G$20=$B$24,21,0),0)),0)</f>
        <v>5.3988216788772938</v>
      </c>
      <c r="G876" cm="1">
        <f t="array" ref="G876">IFERROR(INDEX(Jesper!AK$2:AK$366,ROUNDDOWN($C876/24,0)+1,1)*INDEX($D$3:$AA$30,INDEX(Jesper!$R$2:$R$366,ROW(INDEX(Jesper!AK$2:AK$366,ROUNDDOWN($C876/24,0)+1,1))-1)+IF('Standard Profiles'!$G$21=$B$10,7,0)+IF('Standard Profiles'!$G$21=$B$17,14,0)+IF('Standard Profiles'!$G$21=$B$24,21,0),MOD($C876,24)+1)/SUM(INDEX($D$3:$AA$30,INDEX(Jesper!$R$2:$R$366,ROW(INDEX(Jesper!AK$2:AK$366,ROUNDDOWN($C876/24,0)+1,1))-1)+IF('Standard Profiles'!$G$21=$B$10,7,0)+IF('Standard Profiles'!$G$21=$B$17,14,0)+IF('Standard Profiles'!$G$21=$B$24,21,0),0)),0)</f>
        <v>9.509592750321147</v>
      </c>
      <c r="H876" cm="1">
        <f t="array" ref="H876">IFERROR(INDEX(Jesper!AL$2:AL$366,ROUNDDOWN($C876/24,0)+1,1)*INDEX($D$3:$AA$30,INDEX(Jesper!$R$2:$R$366,ROW(INDEX(Jesper!AL$2:AL$366,ROUNDDOWN($C876/24,0)+1,1))-1)+IF('Standard Profiles'!$G$22=$B$10,7,0)+IF('Standard Profiles'!$G$22=$B$17,14,0)+IF('Standard Profiles'!$G$22=$B$24,21,0),MOD($C876,24)+1)/SUM(INDEX($D$3:$AA$30,INDEX(Jesper!$R$2:$R$366,ROW(INDEX(Jesper!AL$2:AL$366,ROUNDDOWN($C876/24,0)+1,1))-1)+IF('Standard Profiles'!$G$22=$B$10,7,0)+IF('Standard Profiles'!$G$22=$B$17,14,0)+IF('Standard Profiles'!$G$22=$B$24,21,0),0)),0)</f>
        <v>5.3831106226725476</v>
      </c>
      <c r="I876">
        <f t="shared" si="111"/>
        <v>5.1677861977656487</v>
      </c>
      <c r="J876">
        <f t="shared" si="112"/>
        <v>20.362956562532329</v>
      </c>
      <c r="K876">
        <f t="shared" si="113"/>
        <v>0.47629251894790792</v>
      </c>
      <c r="L876">
        <f t="shared" si="114"/>
        <v>0.23814625947395396</v>
      </c>
      <c r="M876">
        <f t="shared" si="115"/>
        <v>0</v>
      </c>
      <c r="N876" s="45">
        <f t="shared" si="116"/>
        <v>44962.083333331291</v>
      </c>
    </row>
    <row r="877" spans="2:14" x14ac:dyDescent="0.25">
      <c r="B877">
        <f t="shared" si="110"/>
        <v>7</v>
      </c>
      <c r="C877" s="16">
        <v>843</v>
      </c>
      <c r="D877" cm="1">
        <f t="array" ref="D877">IFERROR(INDEX(Jesper!AH$2:AH$366,ROUNDDOWN($C877/24,0)+1,1)*INDEX($D$3:$AA$30,INDEX(Jesper!$R$2:$R$366,ROW(INDEX(Jesper!AH$2:AH$366,ROUNDDOWN($C877/24,0)+1,1))-1)+IF('Standard Profiles'!$G$18=$B$10,7,0)+IF('Standard Profiles'!$G$18=$B$17,14,0)+IF('Standard Profiles'!$G$18=$B$24,21,0),MOD($C877,24)+1)/SUM(INDEX($D$3:$AA$30,INDEX(Jesper!$R$2:$R$366,ROW(INDEX(Jesper!AH$2:AH$366,ROUNDDOWN($C877/24,0)+1,1))-1)+IF('Standard Profiles'!$G$18=$B$10,7,0)+IF('Standard Profiles'!$G$18=$B$17,14,0)+IF('Standard Profiles'!$G$18=$B$24,21,0),0)),0)</f>
        <v>0</v>
      </c>
      <c r="E877" cm="1">
        <f t="array" ref="E877">IFERROR(INDEX(Jesper!AI$2:AI$366,ROUNDDOWN($C877/24,0)+1,1)*INDEX($D$3:$AA$30,INDEX(Jesper!$R$2:$R$366,ROW(INDEX(Jesper!AI$2:AI$366,ROUNDDOWN($C877/24,0)+1,1))-1)+IF('Standard Profiles'!$G$19=$B$10,7,0)+IF('Standard Profiles'!$G$19=$B$17,14,0)+IF('Standard Profiles'!$G$19=$B$24,21,0),MOD($C877,24)+1)/SUM(INDEX($D$3:$AA$30,INDEX(Jesper!$R$2:$R$366,ROW(INDEX(Jesper!AI$2:AI$366,ROUNDDOWN($C877/24,0)+1,1))-1)+IF('Standard Profiles'!$G$19=$B$10,7,0)+IF('Standard Profiles'!$G$19=$B$17,14,0)+IF('Standard Profiles'!$G$19=$B$24,21,0),0)),0)</f>
        <v>5.9536564868488489</v>
      </c>
      <c r="F877" cm="1">
        <f t="array" ref="F877">IFERROR(INDEX(Jesper!AJ$2:AJ$366,ROUNDDOWN($C877/24,0)+1,1)*INDEX($D$3:$AA$30,INDEX(Jesper!$R$2:$R$366,ROW(INDEX(Jesper!AJ$2:AJ$366,ROUNDDOWN($C877/24,0)+1,1))-1)+IF('Standard Profiles'!$G$20=$B$10,7,0)+IF('Standard Profiles'!$G$20=$B$17,14,0)+IF('Standard Profiles'!$G$20=$B$24,21,0),MOD($C877,24)+1)/SUM(INDEX($D$3:$AA$30,INDEX(Jesper!$R$2:$R$366,ROW(INDEX(Jesper!AJ$2:AJ$366,ROUNDDOWN($C877/24,0)+1,1))-1)+IF('Standard Profiles'!$G$20=$B$10,7,0)+IF('Standard Profiles'!$G$20=$B$17,14,0)+IF('Standard Profiles'!$G$20=$B$24,21,0),0)),0)</f>
        <v>5.3988216788772938</v>
      </c>
      <c r="G877" cm="1">
        <f t="array" ref="G877">IFERROR(INDEX(Jesper!AK$2:AK$366,ROUNDDOWN($C877/24,0)+1,1)*INDEX($D$3:$AA$30,INDEX(Jesper!$R$2:$R$366,ROW(INDEX(Jesper!AK$2:AK$366,ROUNDDOWN($C877/24,0)+1,1))-1)+IF('Standard Profiles'!$G$21=$B$10,7,0)+IF('Standard Profiles'!$G$21=$B$17,14,0)+IF('Standard Profiles'!$G$21=$B$24,21,0),MOD($C877,24)+1)/SUM(INDEX($D$3:$AA$30,INDEX(Jesper!$R$2:$R$366,ROW(INDEX(Jesper!AK$2:AK$366,ROUNDDOWN($C877/24,0)+1,1))-1)+IF('Standard Profiles'!$G$21=$B$10,7,0)+IF('Standard Profiles'!$G$21=$B$17,14,0)+IF('Standard Profiles'!$G$21=$B$24,21,0),0)),0)</f>
        <v>9.509592750321147</v>
      </c>
      <c r="H877" cm="1">
        <f t="array" ref="H877">IFERROR(INDEX(Jesper!AL$2:AL$366,ROUNDDOWN($C877/24,0)+1,1)*INDEX($D$3:$AA$30,INDEX(Jesper!$R$2:$R$366,ROW(INDEX(Jesper!AL$2:AL$366,ROUNDDOWN($C877/24,0)+1,1))-1)+IF('Standard Profiles'!$G$22=$B$10,7,0)+IF('Standard Profiles'!$G$22=$B$17,14,0)+IF('Standard Profiles'!$G$22=$B$24,21,0),MOD($C877,24)+1)/SUM(INDEX($D$3:$AA$30,INDEX(Jesper!$R$2:$R$366,ROW(INDEX(Jesper!AL$2:AL$366,ROUNDDOWN($C877/24,0)+1,1))-1)+IF('Standard Profiles'!$G$22=$B$10,7,0)+IF('Standard Profiles'!$G$22=$B$17,14,0)+IF('Standard Profiles'!$G$22=$B$24,21,0),0)),0)</f>
        <v>5.3831106226725476</v>
      </c>
      <c r="I877">
        <f t="shared" si="111"/>
        <v>5.1677861977656487</v>
      </c>
      <c r="J877">
        <f t="shared" si="112"/>
        <v>20.362956562532329</v>
      </c>
      <c r="K877">
        <f t="shared" si="113"/>
        <v>0.47629251894790792</v>
      </c>
      <c r="L877">
        <f t="shared" si="114"/>
        <v>0.23814625947395396</v>
      </c>
      <c r="M877">
        <f t="shared" si="115"/>
        <v>0</v>
      </c>
      <c r="N877" s="45">
        <f t="shared" si="116"/>
        <v>44962.124999997955</v>
      </c>
    </row>
    <row r="878" spans="2:14" x14ac:dyDescent="0.25">
      <c r="B878">
        <f t="shared" si="110"/>
        <v>7</v>
      </c>
      <c r="C878" s="16">
        <v>844</v>
      </c>
      <c r="D878" cm="1">
        <f t="array" ref="D878">IFERROR(INDEX(Jesper!AH$2:AH$366,ROUNDDOWN($C878/24,0)+1,1)*INDEX($D$3:$AA$30,INDEX(Jesper!$R$2:$R$366,ROW(INDEX(Jesper!AH$2:AH$366,ROUNDDOWN($C878/24,0)+1,1))-1)+IF('Standard Profiles'!$G$18=$B$10,7,0)+IF('Standard Profiles'!$G$18=$B$17,14,0)+IF('Standard Profiles'!$G$18=$B$24,21,0),MOD($C878,24)+1)/SUM(INDEX($D$3:$AA$30,INDEX(Jesper!$R$2:$R$366,ROW(INDEX(Jesper!AH$2:AH$366,ROUNDDOWN($C878/24,0)+1,1))-1)+IF('Standard Profiles'!$G$18=$B$10,7,0)+IF('Standard Profiles'!$G$18=$B$17,14,0)+IF('Standard Profiles'!$G$18=$B$24,21,0),0)),0)</f>
        <v>0</v>
      </c>
      <c r="E878" cm="1">
        <f t="array" ref="E878">IFERROR(INDEX(Jesper!AI$2:AI$366,ROUNDDOWN($C878/24,0)+1,1)*INDEX($D$3:$AA$30,INDEX(Jesper!$R$2:$R$366,ROW(INDEX(Jesper!AI$2:AI$366,ROUNDDOWN($C878/24,0)+1,1))-1)+IF('Standard Profiles'!$G$19=$B$10,7,0)+IF('Standard Profiles'!$G$19=$B$17,14,0)+IF('Standard Profiles'!$G$19=$B$24,21,0),MOD($C878,24)+1)/SUM(INDEX($D$3:$AA$30,INDEX(Jesper!$R$2:$R$366,ROW(INDEX(Jesper!AI$2:AI$366,ROUNDDOWN($C878/24,0)+1,1))-1)+IF('Standard Profiles'!$G$19=$B$10,7,0)+IF('Standard Profiles'!$G$19=$B$17,14,0)+IF('Standard Profiles'!$G$19=$B$24,21,0),0)),0)</f>
        <v>5.9536564868488489</v>
      </c>
      <c r="F878" cm="1">
        <f t="array" ref="F878">IFERROR(INDEX(Jesper!AJ$2:AJ$366,ROUNDDOWN($C878/24,0)+1,1)*INDEX($D$3:$AA$30,INDEX(Jesper!$R$2:$R$366,ROW(INDEX(Jesper!AJ$2:AJ$366,ROUNDDOWN($C878/24,0)+1,1))-1)+IF('Standard Profiles'!$G$20=$B$10,7,0)+IF('Standard Profiles'!$G$20=$B$17,14,0)+IF('Standard Profiles'!$G$20=$B$24,21,0),MOD($C878,24)+1)/SUM(INDEX($D$3:$AA$30,INDEX(Jesper!$R$2:$R$366,ROW(INDEX(Jesper!AJ$2:AJ$366,ROUNDDOWN($C878/24,0)+1,1))-1)+IF('Standard Profiles'!$G$20=$B$10,7,0)+IF('Standard Profiles'!$G$20=$B$17,14,0)+IF('Standard Profiles'!$G$20=$B$24,21,0),0)),0)</f>
        <v>5.3988216788772938</v>
      </c>
      <c r="G878" cm="1">
        <f t="array" ref="G878">IFERROR(INDEX(Jesper!AK$2:AK$366,ROUNDDOWN($C878/24,0)+1,1)*INDEX($D$3:$AA$30,INDEX(Jesper!$R$2:$R$366,ROW(INDEX(Jesper!AK$2:AK$366,ROUNDDOWN($C878/24,0)+1,1))-1)+IF('Standard Profiles'!$G$21=$B$10,7,0)+IF('Standard Profiles'!$G$21=$B$17,14,0)+IF('Standard Profiles'!$G$21=$B$24,21,0),MOD($C878,24)+1)/SUM(INDEX($D$3:$AA$30,INDEX(Jesper!$R$2:$R$366,ROW(INDEX(Jesper!AK$2:AK$366,ROUNDDOWN($C878/24,0)+1,1))-1)+IF('Standard Profiles'!$G$21=$B$10,7,0)+IF('Standard Profiles'!$G$21=$B$17,14,0)+IF('Standard Profiles'!$G$21=$B$24,21,0),0)),0)</f>
        <v>9.509592750321147</v>
      </c>
      <c r="H878" cm="1">
        <f t="array" ref="H878">IFERROR(INDEX(Jesper!AL$2:AL$366,ROUNDDOWN($C878/24,0)+1,1)*INDEX($D$3:$AA$30,INDEX(Jesper!$R$2:$R$366,ROW(INDEX(Jesper!AL$2:AL$366,ROUNDDOWN($C878/24,0)+1,1))-1)+IF('Standard Profiles'!$G$22=$B$10,7,0)+IF('Standard Profiles'!$G$22=$B$17,14,0)+IF('Standard Profiles'!$G$22=$B$24,21,0),MOD($C878,24)+1)/SUM(INDEX($D$3:$AA$30,INDEX(Jesper!$R$2:$R$366,ROW(INDEX(Jesper!AL$2:AL$366,ROUNDDOWN($C878/24,0)+1,1))-1)+IF('Standard Profiles'!$G$22=$B$10,7,0)+IF('Standard Profiles'!$G$22=$B$17,14,0)+IF('Standard Profiles'!$G$22=$B$24,21,0),0)),0)</f>
        <v>5.3831106226725476</v>
      </c>
      <c r="I878">
        <f t="shared" si="111"/>
        <v>5.1677861977656487</v>
      </c>
      <c r="J878">
        <f t="shared" si="112"/>
        <v>20.362956562532329</v>
      </c>
      <c r="K878">
        <f t="shared" si="113"/>
        <v>0.47629251894790792</v>
      </c>
      <c r="L878">
        <f t="shared" si="114"/>
        <v>0.23814625947395396</v>
      </c>
      <c r="M878">
        <f t="shared" si="115"/>
        <v>0</v>
      </c>
      <c r="N878" s="45">
        <f t="shared" si="116"/>
        <v>44962.16666666462</v>
      </c>
    </row>
    <row r="879" spans="2:14" x14ac:dyDescent="0.25">
      <c r="B879">
        <f t="shared" si="110"/>
        <v>7</v>
      </c>
      <c r="C879" s="16">
        <v>845</v>
      </c>
      <c r="D879" cm="1">
        <f t="array" ref="D879">IFERROR(INDEX(Jesper!AH$2:AH$366,ROUNDDOWN($C879/24,0)+1,1)*INDEX($D$3:$AA$30,INDEX(Jesper!$R$2:$R$366,ROW(INDEX(Jesper!AH$2:AH$366,ROUNDDOWN($C879/24,0)+1,1))-1)+IF('Standard Profiles'!$G$18=$B$10,7,0)+IF('Standard Profiles'!$G$18=$B$17,14,0)+IF('Standard Profiles'!$G$18=$B$24,21,0),MOD($C879,24)+1)/SUM(INDEX($D$3:$AA$30,INDEX(Jesper!$R$2:$R$366,ROW(INDEX(Jesper!AH$2:AH$366,ROUNDDOWN($C879/24,0)+1,1))-1)+IF('Standard Profiles'!$G$18=$B$10,7,0)+IF('Standard Profiles'!$G$18=$B$17,14,0)+IF('Standard Profiles'!$G$18=$B$24,21,0),0)),0)</f>
        <v>0</v>
      </c>
      <c r="E879" cm="1">
        <f t="array" ref="E879">IFERROR(INDEX(Jesper!AI$2:AI$366,ROUNDDOWN($C879/24,0)+1,1)*INDEX($D$3:$AA$30,INDEX(Jesper!$R$2:$R$366,ROW(INDEX(Jesper!AI$2:AI$366,ROUNDDOWN($C879/24,0)+1,1))-1)+IF('Standard Profiles'!$G$19=$B$10,7,0)+IF('Standard Profiles'!$G$19=$B$17,14,0)+IF('Standard Profiles'!$G$19=$B$24,21,0),MOD($C879,24)+1)/SUM(INDEX($D$3:$AA$30,INDEX(Jesper!$R$2:$R$366,ROW(INDEX(Jesper!AI$2:AI$366,ROUNDDOWN($C879/24,0)+1,1))-1)+IF('Standard Profiles'!$G$19=$B$10,7,0)+IF('Standard Profiles'!$G$19=$B$17,14,0)+IF('Standard Profiles'!$G$19=$B$24,21,0),0)),0)</f>
        <v>5.9536564868488489</v>
      </c>
      <c r="F879" cm="1">
        <f t="array" ref="F879">IFERROR(INDEX(Jesper!AJ$2:AJ$366,ROUNDDOWN($C879/24,0)+1,1)*INDEX($D$3:$AA$30,INDEX(Jesper!$R$2:$R$366,ROW(INDEX(Jesper!AJ$2:AJ$366,ROUNDDOWN($C879/24,0)+1,1))-1)+IF('Standard Profiles'!$G$20=$B$10,7,0)+IF('Standard Profiles'!$G$20=$B$17,14,0)+IF('Standard Profiles'!$G$20=$B$24,21,0),MOD($C879,24)+1)/SUM(INDEX($D$3:$AA$30,INDEX(Jesper!$R$2:$R$366,ROW(INDEX(Jesper!AJ$2:AJ$366,ROUNDDOWN($C879/24,0)+1,1))-1)+IF('Standard Profiles'!$G$20=$B$10,7,0)+IF('Standard Profiles'!$G$20=$B$17,14,0)+IF('Standard Profiles'!$G$20=$B$24,21,0),0)),0)</f>
        <v>5.3988216788772938</v>
      </c>
      <c r="G879" cm="1">
        <f t="array" ref="G879">IFERROR(INDEX(Jesper!AK$2:AK$366,ROUNDDOWN($C879/24,0)+1,1)*INDEX($D$3:$AA$30,INDEX(Jesper!$R$2:$R$366,ROW(INDEX(Jesper!AK$2:AK$366,ROUNDDOWN($C879/24,0)+1,1))-1)+IF('Standard Profiles'!$G$21=$B$10,7,0)+IF('Standard Profiles'!$G$21=$B$17,14,0)+IF('Standard Profiles'!$G$21=$B$24,21,0),MOD($C879,24)+1)/SUM(INDEX($D$3:$AA$30,INDEX(Jesper!$R$2:$R$366,ROW(INDEX(Jesper!AK$2:AK$366,ROUNDDOWN($C879/24,0)+1,1))-1)+IF('Standard Profiles'!$G$21=$B$10,7,0)+IF('Standard Profiles'!$G$21=$B$17,14,0)+IF('Standard Profiles'!$G$21=$B$24,21,0),0)),0)</f>
        <v>9.509592750321147</v>
      </c>
      <c r="H879" cm="1">
        <f t="array" ref="H879">IFERROR(INDEX(Jesper!AL$2:AL$366,ROUNDDOWN($C879/24,0)+1,1)*INDEX($D$3:$AA$30,INDEX(Jesper!$R$2:$R$366,ROW(INDEX(Jesper!AL$2:AL$366,ROUNDDOWN($C879/24,0)+1,1))-1)+IF('Standard Profiles'!$G$22=$B$10,7,0)+IF('Standard Profiles'!$G$22=$B$17,14,0)+IF('Standard Profiles'!$G$22=$B$24,21,0),MOD($C879,24)+1)/SUM(INDEX($D$3:$AA$30,INDEX(Jesper!$R$2:$R$366,ROW(INDEX(Jesper!AL$2:AL$366,ROUNDDOWN($C879/24,0)+1,1))-1)+IF('Standard Profiles'!$G$22=$B$10,7,0)+IF('Standard Profiles'!$G$22=$B$17,14,0)+IF('Standard Profiles'!$G$22=$B$24,21,0),0)),0)</f>
        <v>6.7288882783406843</v>
      </c>
      <c r="I879">
        <f t="shared" si="111"/>
        <v>6.4597327472070605</v>
      </c>
      <c r="J879">
        <f t="shared" si="112"/>
        <v>20.416787668759053</v>
      </c>
      <c r="K879">
        <f t="shared" si="113"/>
        <v>0.47629251894790792</v>
      </c>
      <c r="L879">
        <f t="shared" si="114"/>
        <v>0.23814625947395396</v>
      </c>
      <c r="M879">
        <f t="shared" si="115"/>
        <v>0</v>
      </c>
      <c r="N879" s="45">
        <f t="shared" si="116"/>
        <v>44962.208333331284</v>
      </c>
    </row>
    <row r="880" spans="2:14" x14ac:dyDescent="0.25">
      <c r="B880">
        <f t="shared" si="110"/>
        <v>7</v>
      </c>
      <c r="C880" s="16">
        <v>846</v>
      </c>
      <c r="D880" cm="1">
        <f t="array" ref="D880">IFERROR(INDEX(Jesper!AH$2:AH$366,ROUNDDOWN($C880/24,0)+1,1)*INDEX($D$3:$AA$30,INDEX(Jesper!$R$2:$R$366,ROW(INDEX(Jesper!AH$2:AH$366,ROUNDDOWN($C880/24,0)+1,1))-1)+IF('Standard Profiles'!$G$18=$B$10,7,0)+IF('Standard Profiles'!$G$18=$B$17,14,0)+IF('Standard Profiles'!$G$18=$B$24,21,0),MOD($C880,24)+1)/SUM(INDEX($D$3:$AA$30,INDEX(Jesper!$R$2:$R$366,ROW(INDEX(Jesper!AH$2:AH$366,ROUNDDOWN($C880/24,0)+1,1))-1)+IF('Standard Profiles'!$G$18=$B$10,7,0)+IF('Standard Profiles'!$G$18=$B$17,14,0)+IF('Standard Profiles'!$G$18=$B$24,21,0),0)),0)</f>
        <v>0</v>
      </c>
      <c r="E880" cm="1">
        <f t="array" ref="E880">IFERROR(INDEX(Jesper!AI$2:AI$366,ROUNDDOWN($C880/24,0)+1,1)*INDEX($D$3:$AA$30,INDEX(Jesper!$R$2:$R$366,ROW(INDEX(Jesper!AI$2:AI$366,ROUNDDOWN($C880/24,0)+1,1))-1)+IF('Standard Profiles'!$G$19=$B$10,7,0)+IF('Standard Profiles'!$G$19=$B$17,14,0)+IF('Standard Profiles'!$G$19=$B$24,21,0),MOD($C880,24)+1)/SUM(INDEX($D$3:$AA$30,INDEX(Jesper!$R$2:$R$366,ROW(INDEX(Jesper!AI$2:AI$366,ROUNDDOWN($C880/24,0)+1,1))-1)+IF('Standard Profiles'!$G$19=$B$10,7,0)+IF('Standard Profiles'!$G$19=$B$17,14,0)+IF('Standard Profiles'!$G$19=$B$24,21,0),0)),0)</f>
        <v>5.9536564868488489</v>
      </c>
      <c r="F880" cm="1">
        <f t="array" ref="F880">IFERROR(INDEX(Jesper!AJ$2:AJ$366,ROUNDDOWN($C880/24,0)+1,1)*INDEX($D$3:$AA$30,INDEX(Jesper!$R$2:$R$366,ROW(INDEX(Jesper!AJ$2:AJ$366,ROUNDDOWN($C880/24,0)+1,1))-1)+IF('Standard Profiles'!$G$20=$B$10,7,0)+IF('Standard Profiles'!$G$20=$B$17,14,0)+IF('Standard Profiles'!$G$20=$B$24,21,0),MOD($C880,24)+1)/SUM(INDEX($D$3:$AA$30,INDEX(Jesper!$R$2:$R$366,ROW(INDEX(Jesper!AJ$2:AJ$366,ROUNDDOWN($C880/24,0)+1,1))-1)+IF('Standard Profiles'!$G$20=$B$10,7,0)+IF('Standard Profiles'!$G$20=$B$17,14,0)+IF('Standard Profiles'!$G$20=$B$24,21,0),0)),0)</f>
        <v>5.3988216788772938</v>
      </c>
      <c r="G880" cm="1">
        <f t="array" ref="G880">IFERROR(INDEX(Jesper!AK$2:AK$366,ROUNDDOWN($C880/24,0)+1,1)*INDEX($D$3:$AA$30,INDEX(Jesper!$R$2:$R$366,ROW(INDEX(Jesper!AK$2:AK$366,ROUNDDOWN($C880/24,0)+1,1))-1)+IF('Standard Profiles'!$G$21=$B$10,7,0)+IF('Standard Profiles'!$G$21=$B$17,14,0)+IF('Standard Profiles'!$G$21=$B$24,21,0),MOD($C880,24)+1)/SUM(INDEX($D$3:$AA$30,INDEX(Jesper!$R$2:$R$366,ROW(INDEX(Jesper!AK$2:AK$366,ROUNDDOWN($C880/24,0)+1,1))-1)+IF('Standard Profiles'!$G$21=$B$10,7,0)+IF('Standard Profiles'!$G$21=$B$17,14,0)+IF('Standard Profiles'!$G$21=$B$24,21,0),0)),0)</f>
        <v>9.509592750321147</v>
      </c>
      <c r="H880" cm="1">
        <f t="array" ref="H880">IFERROR(INDEX(Jesper!AL$2:AL$366,ROUNDDOWN($C880/24,0)+1,1)*INDEX($D$3:$AA$30,INDEX(Jesper!$R$2:$R$366,ROW(INDEX(Jesper!AL$2:AL$366,ROUNDDOWN($C880/24,0)+1,1))-1)+IF('Standard Profiles'!$G$22=$B$10,7,0)+IF('Standard Profiles'!$G$22=$B$17,14,0)+IF('Standard Profiles'!$G$22=$B$24,21,0),MOD($C880,24)+1)/SUM(INDEX($D$3:$AA$30,INDEX(Jesper!$R$2:$R$366,ROW(INDEX(Jesper!AL$2:AL$366,ROUNDDOWN($C880/24,0)+1,1))-1)+IF('Standard Profiles'!$G$22=$B$10,7,0)+IF('Standard Profiles'!$G$22=$B$17,14,0)+IF('Standard Profiles'!$G$22=$B$24,21,0),0)),0)</f>
        <v>7.9251350833790291</v>
      </c>
      <c r="I880">
        <f t="shared" si="111"/>
        <v>7.6081296800438718</v>
      </c>
      <c r="J880">
        <f t="shared" si="112"/>
        <v>20.464637540960585</v>
      </c>
      <c r="K880">
        <f t="shared" si="113"/>
        <v>0.47629251894790792</v>
      </c>
      <c r="L880">
        <f t="shared" si="114"/>
        <v>0.23814625947395396</v>
      </c>
      <c r="M880">
        <f t="shared" si="115"/>
        <v>0</v>
      </c>
      <c r="N880" s="45">
        <f t="shared" si="116"/>
        <v>44962.249999997948</v>
      </c>
    </row>
    <row r="881" spans="2:14" x14ac:dyDescent="0.25">
      <c r="B881">
        <f t="shared" si="110"/>
        <v>7</v>
      </c>
      <c r="C881" s="16">
        <v>847</v>
      </c>
      <c r="D881" cm="1">
        <f t="array" ref="D881">IFERROR(INDEX(Jesper!AH$2:AH$366,ROUNDDOWN($C881/24,0)+1,1)*INDEX($D$3:$AA$30,INDEX(Jesper!$R$2:$R$366,ROW(INDEX(Jesper!AH$2:AH$366,ROUNDDOWN($C881/24,0)+1,1))-1)+IF('Standard Profiles'!$G$18=$B$10,7,0)+IF('Standard Profiles'!$G$18=$B$17,14,0)+IF('Standard Profiles'!$G$18=$B$24,21,0),MOD($C881,24)+1)/SUM(INDEX($D$3:$AA$30,INDEX(Jesper!$R$2:$R$366,ROW(INDEX(Jesper!AH$2:AH$366,ROUNDDOWN($C881/24,0)+1,1))-1)+IF('Standard Profiles'!$G$18=$B$10,7,0)+IF('Standard Profiles'!$G$18=$B$17,14,0)+IF('Standard Profiles'!$G$18=$B$24,21,0),0)),0)</f>
        <v>0</v>
      </c>
      <c r="E881" cm="1">
        <f t="array" ref="E881">IFERROR(INDEX(Jesper!AI$2:AI$366,ROUNDDOWN($C881/24,0)+1,1)*INDEX($D$3:$AA$30,INDEX(Jesper!$R$2:$R$366,ROW(INDEX(Jesper!AI$2:AI$366,ROUNDDOWN($C881/24,0)+1,1))-1)+IF('Standard Profiles'!$G$19=$B$10,7,0)+IF('Standard Profiles'!$G$19=$B$17,14,0)+IF('Standard Profiles'!$G$19=$B$24,21,0),MOD($C881,24)+1)/SUM(INDEX($D$3:$AA$30,INDEX(Jesper!$R$2:$R$366,ROW(INDEX(Jesper!AI$2:AI$366,ROUNDDOWN($C881/24,0)+1,1))-1)+IF('Standard Profiles'!$G$19=$B$10,7,0)+IF('Standard Profiles'!$G$19=$B$17,14,0)+IF('Standard Profiles'!$G$19=$B$24,21,0),0)),0)</f>
        <v>5.9536564868488489</v>
      </c>
      <c r="F881" cm="1">
        <f t="array" ref="F881">IFERROR(INDEX(Jesper!AJ$2:AJ$366,ROUNDDOWN($C881/24,0)+1,1)*INDEX($D$3:$AA$30,INDEX(Jesper!$R$2:$R$366,ROW(INDEX(Jesper!AJ$2:AJ$366,ROUNDDOWN($C881/24,0)+1,1))-1)+IF('Standard Profiles'!$G$20=$B$10,7,0)+IF('Standard Profiles'!$G$20=$B$17,14,0)+IF('Standard Profiles'!$G$20=$B$24,21,0),MOD($C881,24)+1)/SUM(INDEX($D$3:$AA$30,INDEX(Jesper!$R$2:$R$366,ROW(INDEX(Jesper!AJ$2:AJ$366,ROUNDDOWN($C881/24,0)+1,1))-1)+IF('Standard Profiles'!$G$20=$B$10,7,0)+IF('Standard Profiles'!$G$20=$B$17,14,0)+IF('Standard Profiles'!$G$20=$B$24,21,0),0)),0)</f>
        <v>5.3988216788772938</v>
      </c>
      <c r="G881" cm="1">
        <f t="array" ref="G881">IFERROR(INDEX(Jesper!AK$2:AK$366,ROUNDDOWN($C881/24,0)+1,1)*INDEX($D$3:$AA$30,INDEX(Jesper!$R$2:$R$366,ROW(INDEX(Jesper!AK$2:AK$366,ROUNDDOWN($C881/24,0)+1,1))-1)+IF('Standard Profiles'!$G$21=$B$10,7,0)+IF('Standard Profiles'!$G$21=$B$17,14,0)+IF('Standard Profiles'!$G$21=$B$24,21,0),MOD($C881,24)+1)/SUM(INDEX($D$3:$AA$30,INDEX(Jesper!$R$2:$R$366,ROW(INDEX(Jesper!AK$2:AK$366,ROUNDDOWN($C881/24,0)+1,1))-1)+IF('Standard Profiles'!$G$21=$B$10,7,0)+IF('Standard Profiles'!$G$21=$B$17,14,0)+IF('Standard Profiles'!$G$21=$B$24,21,0),0)),0)</f>
        <v>9.509592750321147</v>
      </c>
      <c r="H881" cm="1">
        <f t="array" ref="H881">IFERROR(INDEX(Jesper!AL$2:AL$366,ROUNDDOWN($C881/24,0)+1,1)*INDEX($D$3:$AA$30,INDEX(Jesper!$R$2:$R$366,ROW(INDEX(Jesper!AL$2:AL$366,ROUNDDOWN($C881/24,0)+1,1))-1)+IF('Standard Profiles'!$G$22=$B$10,7,0)+IF('Standard Profiles'!$G$22=$B$17,14,0)+IF('Standard Profiles'!$G$22=$B$24,21,0),MOD($C881,24)+1)/SUM(INDEX($D$3:$AA$30,INDEX(Jesper!$R$2:$R$366,ROW(INDEX(Jesper!AL$2:AL$366,ROUNDDOWN($C881/24,0)+1,1))-1)+IF('Standard Profiles'!$G$22=$B$10,7,0)+IF('Standard Profiles'!$G$22=$B$17,14,0)+IF('Standard Profiles'!$G$22=$B$24,21,0),0)),0)</f>
        <v>9.4204435896769585</v>
      </c>
      <c r="I881">
        <f t="shared" si="111"/>
        <v>9.0436258460898848</v>
      </c>
      <c r="J881">
        <f t="shared" si="112"/>
        <v>20.524449881212501</v>
      </c>
      <c r="K881">
        <f t="shared" si="113"/>
        <v>0.47629251894790792</v>
      </c>
      <c r="L881">
        <f t="shared" si="114"/>
        <v>0.23814625947395396</v>
      </c>
      <c r="M881">
        <f t="shared" si="115"/>
        <v>0</v>
      </c>
      <c r="N881" s="45">
        <f t="shared" si="116"/>
        <v>44962.291666664612</v>
      </c>
    </row>
    <row r="882" spans="2:14" x14ac:dyDescent="0.25">
      <c r="B882">
        <f t="shared" si="110"/>
        <v>7</v>
      </c>
      <c r="C882" s="16">
        <v>848</v>
      </c>
      <c r="D882" cm="1">
        <f t="array" ref="D882">IFERROR(INDEX(Jesper!AH$2:AH$366,ROUNDDOWN($C882/24,0)+1,1)*INDEX($D$3:$AA$30,INDEX(Jesper!$R$2:$R$366,ROW(INDEX(Jesper!AH$2:AH$366,ROUNDDOWN($C882/24,0)+1,1))-1)+IF('Standard Profiles'!$G$18=$B$10,7,0)+IF('Standard Profiles'!$G$18=$B$17,14,0)+IF('Standard Profiles'!$G$18=$B$24,21,0),MOD($C882,24)+1)/SUM(INDEX($D$3:$AA$30,INDEX(Jesper!$R$2:$R$366,ROW(INDEX(Jesper!AH$2:AH$366,ROUNDDOWN($C882/24,0)+1,1))-1)+IF('Standard Profiles'!$G$18=$B$10,7,0)+IF('Standard Profiles'!$G$18=$B$17,14,0)+IF('Standard Profiles'!$G$18=$B$24,21,0),0)),0)</f>
        <v>0</v>
      </c>
      <c r="E882" cm="1">
        <f t="array" ref="E882">IFERROR(INDEX(Jesper!AI$2:AI$366,ROUNDDOWN($C882/24,0)+1,1)*INDEX($D$3:$AA$30,INDEX(Jesper!$R$2:$R$366,ROW(INDEX(Jesper!AI$2:AI$366,ROUNDDOWN($C882/24,0)+1,1))-1)+IF('Standard Profiles'!$G$19=$B$10,7,0)+IF('Standard Profiles'!$G$19=$B$17,14,0)+IF('Standard Profiles'!$G$19=$B$24,21,0),MOD($C882,24)+1)/SUM(INDEX($D$3:$AA$30,INDEX(Jesper!$R$2:$R$366,ROW(INDEX(Jesper!AI$2:AI$366,ROUNDDOWN($C882/24,0)+1,1))-1)+IF('Standard Profiles'!$G$19=$B$10,7,0)+IF('Standard Profiles'!$G$19=$B$17,14,0)+IF('Standard Profiles'!$G$19=$B$24,21,0),0)),0)</f>
        <v>5.9536564868488489</v>
      </c>
      <c r="F882" cm="1">
        <f t="array" ref="F882">IFERROR(INDEX(Jesper!AJ$2:AJ$366,ROUNDDOWN($C882/24,0)+1,1)*INDEX($D$3:$AA$30,INDEX(Jesper!$R$2:$R$366,ROW(INDEX(Jesper!AJ$2:AJ$366,ROUNDDOWN($C882/24,0)+1,1))-1)+IF('Standard Profiles'!$G$20=$B$10,7,0)+IF('Standard Profiles'!$G$20=$B$17,14,0)+IF('Standard Profiles'!$G$20=$B$24,21,0),MOD($C882,24)+1)/SUM(INDEX($D$3:$AA$30,INDEX(Jesper!$R$2:$R$366,ROW(INDEX(Jesper!AJ$2:AJ$366,ROUNDDOWN($C882/24,0)+1,1))-1)+IF('Standard Profiles'!$G$20=$B$10,7,0)+IF('Standard Profiles'!$G$20=$B$17,14,0)+IF('Standard Profiles'!$G$20=$B$24,21,0),0)),0)</f>
        <v>5.3988216788772938</v>
      </c>
      <c r="G882" cm="1">
        <f t="array" ref="G882">IFERROR(INDEX(Jesper!AK$2:AK$366,ROUNDDOWN($C882/24,0)+1,1)*INDEX($D$3:$AA$30,INDEX(Jesper!$R$2:$R$366,ROW(INDEX(Jesper!AK$2:AK$366,ROUNDDOWN($C882/24,0)+1,1))-1)+IF('Standard Profiles'!$G$21=$B$10,7,0)+IF('Standard Profiles'!$G$21=$B$17,14,0)+IF('Standard Profiles'!$G$21=$B$24,21,0),MOD($C882,24)+1)/SUM(INDEX($D$3:$AA$30,INDEX(Jesper!$R$2:$R$366,ROW(INDEX(Jesper!AK$2:AK$366,ROUNDDOWN($C882/24,0)+1,1))-1)+IF('Standard Profiles'!$G$21=$B$10,7,0)+IF('Standard Profiles'!$G$21=$B$17,14,0)+IF('Standard Profiles'!$G$21=$B$24,21,0),0)),0)</f>
        <v>9.509592750321147</v>
      </c>
      <c r="H882" cm="1">
        <f t="array" ref="H882">IFERROR(INDEX(Jesper!AL$2:AL$366,ROUNDDOWN($C882/24,0)+1,1)*INDEX($D$3:$AA$30,INDEX(Jesper!$R$2:$R$366,ROW(INDEX(Jesper!AL$2:AL$366,ROUNDDOWN($C882/24,0)+1,1))-1)+IF('Standard Profiles'!$G$22=$B$10,7,0)+IF('Standard Profiles'!$G$22=$B$17,14,0)+IF('Standard Profiles'!$G$22=$B$24,21,0),MOD($C882,24)+1)/SUM(INDEX($D$3:$AA$30,INDEX(Jesper!$R$2:$R$366,ROW(INDEX(Jesper!AL$2:AL$366,ROUNDDOWN($C882/24,0)+1,1))-1)+IF('Standard Profiles'!$G$22=$B$10,7,0)+IF('Standard Profiles'!$G$22=$B$17,14,0)+IF('Standard Profiles'!$G$22=$B$24,21,0),0)),0)</f>
        <v>9.4204435896769585</v>
      </c>
      <c r="I882">
        <f t="shared" si="111"/>
        <v>9.0436258460898848</v>
      </c>
      <c r="J882">
        <f t="shared" si="112"/>
        <v>20.524449881212501</v>
      </c>
      <c r="K882">
        <f t="shared" si="113"/>
        <v>0.47629251894790792</v>
      </c>
      <c r="L882">
        <f t="shared" si="114"/>
        <v>0.23814625947395396</v>
      </c>
      <c r="M882">
        <f t="shared" si="115"/>
        <v>0</v>
      </c>
      <c r="N882" s="45">
        <f t="shared" si="116"/>
        <v>44962.333333331277</v>
      </c>
    </row>
    <row r="883" spans="2:14" x14ac:dyDescent="0.25">
      <c r="B883">
        <f t="shared" si="110"/>
        <v>7</v>
      </c>
      <c r="C883" s="16">
        <v>849</v>
      </c>
      <c r="D883" cm="1">
        <f t="array" ref="D883">IFERROR(INDEX(Jesper!AH$2:AH$366,ROUNDDOWN($C883/24,0)+1,1)*INDEX($D$3:$AA$30,INDEX(Jesper!$R$2:$R$366,ROW(INDEX(Jesper!AH$2:AH$366,ROUNDDOWN($C883/24,0)+1,1))-1)+IF('Standard Profiles'!$G$18=$B$10,7,0)+IF('Standard Profiles'!$G$18=$B$17,14,0)+IF('Standard Profiles'!$G$18=$B$24,21,0),MOD($C883,24)+1)/SUM(INDEX($D$3:$AA$30,INDEX(Jesper!$R$2:$R$366,ROW(INDEX(Jesper!AH$2:AH$366,ROUNDDOWN($C883/24,0)+1,1))-1)+IF('Standard Profiles'!$G$18=$B$10,7,0)+IF('Standard Profiles'!$G$18=$B$17,14,0)+IF('Standard Profiles'!$G$18=$B$24,21,0),0)),0)</f>
        <v>0</v>
      </c>
      <c r="E883" cm="1">
        <f t="array" ref="E883">IFERROR(INDEX(Jesper!AI$2:AI$366,ROUNDDOWN($C883/24,0)+1,1)*INDEX($D$3:$AA$30,INDEX(Jesper!$R$2:$R$366,ROW(INDEX(Jesper!AI$2:AI$366,ROUNDDOWN($C883/24,0)+1,1))-1)+IF('Standard Profiles'!$G$19=$B$10,7,0)+IF('Standard Profiles'!$G$19=$B$17,14,0)+IF('Standard Profiles'!$G$19=$B$24,21,0),MOD($C883,24)+1)/SUM(INDEX($D$3:$AA$30,INDEX(Jesper!$R$2:$R$366,ROW(INDEX(Jesper!AI$2:AI$366,ROUNDDOWN($C883/24,0)+1,1))-1)+IF('Standard Profiles'!$G$19=$B$10,7,0)+IF('Standard Profiles'!$G$19=$B$17,14,0)+IF('Standard Profiles'!$G$19=$B$24,21,0),0)),0)</f>
        <v>5.9536564868488489</v>
      </c>
      <c r="F883" cm="1">
        <f t="array" ref="F883">IFERROR(INDEX(Jesper!AJ$2:AJ$366,ROUNDDOWN($C883/24,0)+1,1)*INDEX($D$3:$AA$30,INDEX(Jesper!$R$2:$R$366,ROW(INDEX(Jesper!AJ$2:AJ$366,ROUNDDOWN($C883/24,0)+1,1))-1)+IF('Standard Profiles'!$G$20=$B$10,7,0)+IF('Standard Profiles'!$G$20=$B$17,14,0)+IF('Standard Profiles'!$G$20=$B$24,21,0),MOD($C883,24)+1)/SUM(INDEX($D$3:$AA$30,INDEX(Jesper!$R$2:$R$366,ROW(INDEX(Jesper!AJ$2:AJ$366,ROUNDDOWN($C883/24,0)+1,1))-1)+IF('Standard Profiles'!$G$20=$B$10,7,0)+IF('Standard Profiles'!$G$20=$B$17,14,0)+IF('Standard Profiles'!$G$20=$B$24,21,0),0)),0)</f>
        <v>5.3988216788772938</v>
      </c>
      <c r="G883" cm="1">
        <f t="array" ref="G883">IFERROR(INDEX(Jesper!AK$2:AK$366,ROUNDDOWN($C883/24,0)+1,1)*INDEX($D$3:$AA$30,INDEX(Jesper!$R$2:$R$366,ROW(INDEX(Jesper!AK$2:AK$366,ROUNDDOWN($C883/24,0)+1,1))-1)+IF('Standard Profiles'!$G$21=$B$10,7,0)+IF('Standard Profiles'!$G$21=$B$17,14,0)+IF('Standard Profiles'!$G$21=$B$24,21,0),MOD($C883,24)+1)/SUM(INDEX($D$3:$AA$30,INDEX(Jesper!$R$2:$R$366,ROW(INDEX(Jesper!AK$2:AK$366,ROUNDDOWN($C883/24,0)+1,1))-1)+IF('Standard Profiles'!$G$21=$B$10,7,0)+IF('Standard Profiles'!$G$21=$B$17,14,0)+IF('Standard Profiles'!$G$21=$B$24,21,0),0)),0)</f>
        <v>9.509592750321147</v>
      </c>
      <c r="H883" cm="1">
        <f t="array" ref="H883">IFERROR(INDEX(Jesper!AL$2:AL$366,ROUNDDOWN($C883/24,0)+1,1)*INDEX($D$3:$AA$30,INDEX(Jesper!$R$2:$R$366,ROW(INDEX(Jesper!AL$2:AL$366,ROUNDDOWN($C883/24,0)+1,1))-1)+IF('Standard Profiles'!$G$22=$B$10,7,0)+IF('Standard Profiles'!$G$22=$B$17,14,0)+IF('Standard Profiles'!$G$22=$B$24,21,0),MOD($C883,24)+1)/SUM(INDEX($D$3:$AA$30,INDEX(Jesper!$R$2:$R$366,ROW(INDEX(Jesper!AL$2:AL$366,ROUNDDOWN($C883/24,0)+1,1))-1)+IF('Standard Profiles'!$G$22=$B$10,7,0)+IF('Standard Profiles'!$G$22=$B$17,14,0)+IF('Standard Profiles'!$G$22=$B$24,21,0),0)),0)</f>
        <v>9.4204435896769585</v>
      </c>
      <c r="I883">
        <f t="shared" si="111"/>
        <v>9.0436258460898848</v>
      </c>
      <c r="J883">
        <f t="shared" si="112"/>
        <v>20.524449881212501</v>
      </c>
      <c r="K883">
        <f t="shared" si="113"/>
        <v>0.47629251894790792</v>
      </c>
      <c r="L883">
        <f t="shared" si="114"/>
        <v>0.23814625947395396</v>
      </c>
      <c r="M883">
        <f t="shared" si="115"/>
        <v>0</v>
      </c>
      <c r="N883" s="45">
        <f t="shared" si="116"/>
        <v>44962.374999997941</v>
      </c>
    </row>
    <row r="884" spans="2:14" x14ac:dyDescent="0.25">
      <c r="B884">
        <f t="shared" si="110"/>
        <v>7</v>
      </c>
      <c r="C884" s="16">
        <v>850</v>
      </c>
      <c r="D884" cm="1">
        <f t="array" ref="D884">IFERROR(INDEX(Jesper!AH$2:AH$366,ROUNDDOWN($C884/24,0)+1,1)*INDEX($D$3:$AA$30,INDEX(Jesper!$R$2:$R$366,ROW(INDEX(Jesper!AH$2:AH$366,ROUNDDOWN($C884/24,0)+1,1))-1)+IF('Standard Profiles'!$G$18=$B$10,7,0)+IF('Standard Profiles'!$G$18=$B$17,14,0)+IF('Standard Profiles'!$G$18=$B$24,21,0),MOD($C884,24)+1)/SUM(INDEX($D$3:$AA$30,INDEX(Jesper!$R$2:$R$366,ROW(INDEX(Jesper!AH$2:AH$366,ROUNDDOWN($C884/24,0)+1,1))-1)+IF('Standard Profiles'!$G$18=$B$10,7,0)+IF('Standard Profiles'!$G$18=$B$17,14,0)+IF('Standard Profiles'!$G$18=$B$24,21,0),0)),0)</f>
        <v>0</v>
      </c>
      <c r="E884" cm="1">
        <f t="array" ref="E884">IFERROR(INDEX(Jesper!AI$2:AI$366,ROUNDDOWN($C884/24,0)+1,1)*INDEX($D$3:$AA$30,INDEX(Jesper!$R$2:$R$366,ROW(INDEX(Jesper!AI$2:AI$366,ROUNDDOWN($C884/24,0)+1,1))-1)+IF('Standard Profiles'!$G$19=$B$10,7,0)+IF('Standard Profiles'!$G$19=$B$17,14,0)+IF('Standard Profiles'!$G$19=$B$24,21,0),MOD($C884,24)+1)/SUM(INDEX($D$3:$AA$30,INDEX(Jesper!$R$2:$R$366,ROW(INDEX(Jesper!AI$2:AI$366,ROUNDDOWN($C884/24,0)+1,1))-1)+IF('Standard Profiles'!$G$19=$B$10,7,0)+IF('Standard Profiles'!$G$19=$B$17,14,0)+IF('Standard Profiles'!$G$19=$B$24,21,0),0)),0)</f>
        <v>5.9536564868488489</v>
      </c>
      <c r="F884" cm="1">
        <f t="array" ref="F884">IFERROR(INDEX(Jesper!AJ$2:AJ$366,ROUNDDOWN($C884/24,0)+1,1)*INDEX($D$3:$AA$30,INDEX(Jesper!$R$2:$R$366,ROW(INDEX(Jesper!AJ$2:AJ$366,ROUNDDOWN($C884/24,0)+1,1))-1)+IF('Standard Profiles'!$G$20=$B$10,7,0)+IF('Standard Profiles'!$G$20=$B$17,14,0)+IF('Standard Profiles'!$G$20=$B$24,21,0),MOD($C884,24)+1)/SUM(INDEX($D$3:$AA$30,INDEX(Jesper!$R$2:$R$366,ROW(INDEX(Jesper!AJ$2:AJ$366,ROUNDDOWN($C884/24,0)+1,1))-1)+IF('Standard Profiles'!$G$20=$B$10,7,0)+IF('Standard Profiles'!$G$20=$B$17,14,0)+IF('Standard Profiles'!$G$20=$B$24,21,0),0)),0)</f>
        <v>5.3988216788772938</v>
      </c>
      <c r="G884" cm="1">
        <f t="array" ref="G884">IFERROR(INDEX(Jesper!AK$2:AK$366,ROUNDDOWN($C884/24,0)+1,1)*INDEX($D$3:$AA$30,INDEX(Jesper!$R$2:$R$366,ROW(INDEX(Jesper!AK$2:AK$366,ROUNDDOWN($C884/24,0)+1,1))-1)+IF('Standard Profiles'!$G$21=$B$10,7,0)+IF('Standard Profiles'!$G$21=$B$17,14,0)+IF('Standard Profiles'!$G$21=$B$24,21,0),MOD($C884,24)+1)/SUM(INDEX($D$3:$AA$30,INDEX(Jesper!$R$2:$R$366,ROW(INDEX(Jesper!AK$2:AK$366,ROUNDDOWN($C884/24,0)+1,1))-1)+IF('Standard Profiles'!$G$21=$B$10,7,0)+IF('Standard Profiles'!$G$21=$B$17,14,0)+IF('Standard Profiles'!$G$21=$B$24,21,0),0)),0)</f>
        <v>9.509592750321147</v>
      </c>
      <c r="H884" cm="1">
        <f t="array" ref="H884">IFERROR(INDEX(Jesper!AL$2:AL$366,ROUNDDOWN($C884/24,0)+1,1)*INDEX($D$3:$AA$30,INDEX(Jesper!$R$2:$R$366,ROW(INDEX(Jesper!AL$2:AL$366,ROUNDDOWN($C884/24,0)+1,1))-1)+IF('Standard Profiles'!$G$22=$B$10,7,0)+IF('Standard Profiles'!$G$22=$B$17,14,0)+IF('Standard Profiles'!$G$22=$B$24,21,0),MOD($C884,24)+1)/SUM(INDEX($D$3:$AA$30,INDEX(Jesper!$R$2:$R$366,ROW(INDEX(Jesper!AL$2:AL$366,ROUNDDOWN($C884/24,0)+1,1))-1)+IF('Standard Profiles'!$G$22=$B$10,7,0)+IF('Standard Profiles'!$G$22=$B$17,14,0)+IF('Standard Profiles'!$G$22=$B$24,21,0),0)),0)</f>
        <v>9.4204435896769585</v>
      </c>
      <c r="I884">
        <f t="shared" si="111"/>
        <v>9.0436258460898848</v>
      </c>
      <c r="J884">
        <f t="shared" si="112"/>
        <v>20.524449881212501</v>
      </c>
      <c r="K884">
        <f t="shared" si="113"/>
        <v>0.47629251894790792</v>
      </c>
      <c r="L884">
        <f t="shared" si="114"/>
        <v>0.23814625947395396</v>
      </c>
      <c r="M884">
        <f t="shared" si="115"/>
        <v>0</v>
      </c>
      <c r="N884" s="45">
        <f t="shared" si="116"/>
        <v>44962.416666664605</v>
      </c>
    </row>
    <row r="885" spans="2:14" x14ac:dyDescent="0.25">
      <c r="B885">
        <f t="shared" si="110"/>
        <v>7</v>
      </c>
      <c r="C885" s="16">
        <v>851</v>
      </c>
      <c r="D885" cm="1">
        <f t="array" ref="D885">IFERROR(INDEX(Jesper!AH$2:AH$366,ROUNDDOWN($C885/24,0)+1,1)*INDEX($D$3:$AA$30,INDEX(Jesper!$R$2:$R$366,ROW(INDEX(Jesper!AH$2:AH$366,ROUNDDOWN($C885/24,0)+1,1))-1)+IF('Standard Profiles'!$G$18=$B$10,7,0)+IF('Standard Profiles'!$G$18=$B$17,14,0)+IF('Standard Profiles'!$G$18=$B$24,21,0),MOD($C885,24)+1)/SUM(INDEX($D$3:$AA$30,INDEX(Jesper!$R$2:$R$366,ROW(INDEX(Jesper!AH$2:AH$366,ROUNDDOWN($C885/24,0)+1,1))-1)+IF('Standard Profiles'!$G$18=$B$10,7,0)+IF('Standard Profiles'!$G$18=$B$17,14,0)+IF('Standard Profiles'!$G$18=$B$24,21,0),0)),0)</f>
        <v>0</v>
      </c>
      <c r="E885" cm="1">
        <f t="array" ref="E885">IFERROR(INDEX(Jesper!AI$2:AI$366,ROUNDDOWN($C885/24,0)+1,1)*INDEX($D$3:$AA$30,INDEX(Jesper!$R$2:$R$366,ROW(INDEX(Jesper!AI$2:AI$366,ROUNDDOWN($C885/24,0)+1,1))-1)+IF('Standard Profiles'!$G$19=$B$10,7,0)+IF('Standard Profiles'!$G$19=$B$17,14,0)+IF('Standard Profiles'!$G$19=$B$24,21,0),MOD($C885,24)+1)/SUM(INDEX($D$3:$AA$30,INDEX(Jesper!$R$2:$R$366,ROW(INDEX(Jesper!AI$2:AI$366,ROUNDDOWN($C885/24,0)+1,1))-1)+IF('Standard Profiles'!$G$19=$B$10,7,0)+IF('Standard Profiles'!$G$19=$B$17,14,0)+IF('Standard Profiles'!$G$19=$B$24,21,0),0)),0)</f>
        <v>5.9536564868488489</v>
      </c>
      <c r="F885" cm="1">
        <f t="array" ref="F885">IFERROR(INDEX(Jesper!AJ$2:AJ$366,ROUNDDOWN($C885/24,0)+1,1)*INDEX($D$3:$AA$30,INDEX(Jesper!$R$2:$R$366,ROW(INDEX(Jesper!AJ$2:AJ$366,ROUNDDOWN($C885/24,0)+1,1))-1)+IF('Standard Profiles'!$G$20=$B$10,7,0)+IF('Standard Profiles'!$G$20=$B$17,14,0)+IF('Standard Profiles'!$G$20=$B$24,21,0),MOD($C885,24)+1)/SUM(INDEX($D$3:$AA$30,INDEX(Jesper!$R$2:$R$366,ROW(INDEX(Jesper!AJ$2:AJ$366,ROUNDDOWN($C885/24,0)+1,1))-1)+IF('Standard Profiles'!$G$20=$B$10,7,0)+IF('Standard Profiles'!$G$20=$B$17,14,0)+IF('Standard Profiles'!$G$20=$B$24,21,0),0)),0)</f>
        <v>5.3988216788772938</v>
      </c>
      <c r="G885" cm="1">
        <f t="array" ref="G885">IFERROR(INDEX(Jesper!AK$2:AK$366,ROUNDDOWN($C885/24,0)+1,1)*INDEX($D$3:$AA$30,INDEX(Jesper!$R$2:$R$366,ROW(INDEX(Jesper!AK$2:AK$366,ROUNDDOWN($C885/24,0)+1,1))-1)+IF('Standard Profiles'!$G$21=$B$10,7,0)+IF('Standard Profiles'!$G$21=$B$17,14,0)+IF('Standard Profiles'!$G$21=$B$24,21,0),MOD($C885,24)+1)/SUM(INDEX($D$3:$AA$30,INDEX(Jesper!$R$2:$R$366,ROW(INDEX(Jesper!AK$2:AK$366,ROUNDDOWN($C885/24,0)+1,1))-1)+IF('Standard Profiles'!$G$21=$B$10,7,0)+IF('Standard Profiles'!$G$21=$B$17,14,0)+IF('Standard Profiles'!$G$21=$B$24,21,0),0)),0)</f>
        <v>9.509592750321147</v>
      </c>
      <c r="H885" cm="1">
        <f t="array" ref="H885">IFERROR(INDEX(Jesper!AL$2:AL$366,ROUNDDOWN($C885/24,0)+1,1)*INDEX($D$3:$AA$30,INDEX(Jesper!$R$2:$R$366,ROW(INDEX(Jesper!AL$2:AL$366,ROUNDDOWN($C885/24,0)+1,1))-1)+IF('Standard Profiles'!$G$22=$B$10,7,0)+IF('Standard Profiles'!$G$22=$B$17,14,0)+IF('Standard Profiles'!$G$22=$B$24,21,0),MOD($C885,24)+1)/SUM(INDEX($D$3:$AA$30,INDEX(Jesper!$R$2:$R$366,ROW(INDEX(Jesper!AL$2:AL$366,ROUNDDOWN($C885/24,0)+1,1))-1)+IF('Standard Profiles'!$G$22=$B$10,7,0)+IF('Standard Profiles'!$G$22=$B$17,14,0)+IF('Standard Profiles'!$G$22=$B$24,21,0),0)),0)</f>
        <v>9.4204435896769585</v>
      </c>
      <c r="I885">
        <f t="shared" si="111"/>
        <v>9.0436258460898848</v>
      </c>
      <c r="J885">
        <f t="shared" si="112"/>
        <v>20.524449881212501</v>
      </c>
      <c r="K885">
        <f t="shared" si="113"/>
        <v>0.47629251894790792</v>
      </c>
      <c r="L885">
        <f t="shared" si="114"/>
        <v>0.23814625947395396</v>
      </c>
      <c r="M885">
        <f t="shared" si="115"/>
        <v>0</v>
      </c>
      <c r="N885" s="45">
        <f t="shared" si="116"/>
        <v>44962.458333331269</v>
      </c>
    </row>
    <row r="886" spans="2:14" x14ac:dyDescent="0.25">
      <c r="B886">
        <f t="shared" si="110"/>
        <v>7</v>
      </c>
      <c r="C886" s="16">
        <v>852</v>
      </c>
      <c r="D886" cm="1">
        <f t="array" ref="D886">IFERROR(INDEX(Jesper!AH$2:AH$366,ROUNDDOWN($C886/24,0)+1,1)*INDEX($D$3:$AA$30,INDEX(Jesper!$R$2:$R$366,ROW(INDEX(Jesper!AH$2:AH$366,ROUNDDOWN($C886/24,0)+1,1))-1)+IF('Standard Profiles'!$G$18=$B$10,7,0)+IF('Standard Profiles'!$G$18=$B$17,14,0)+IF('Standard Profiles'!$G$18=$B$24,21,0),MOD($C886,24)+1)/SUM(INDEX($D$3:$AA$30,INDEX(Jesper!$R$2:$R$366,ROW(INDEX(Jesper!AH$2:AH$366,ROUNDDOWN($C886/24,0)+1,1))-1)+IF('Standard Profiles'!$G$18=$B$10,7,0)+IF('Standard Profiles'!$G$18=$B$17,14,0)+IF('Standard Profiles'!$G$18=$B$24,21,0),0)),0)</f>
        <v>0</v>
      </c>
      <c r="E886" cm="1">
        <f t="array" ref="E886">IFERROR(INDEX(Jesper!AI$2:AI$366,ROUNDDOWN($C886/24,0)+1,1)*INDEX($D$3:$AA$30,INDEX(Jesper!$R$2:$R$366,ROW(INDEX(Jesper!AI$2:AI$366,ROUNDDOWN($C886/24,0)+1,1))-1)+IF('Standard Profiles'!$G$19=$B$10,7,0)+IF('Standard Profiles'!$G$19=$B$17,14,0)+IF('Standard Profiles'!$G$19=$B$24,21,0),MOD($C886,24)+1)/SUM(INDEX($D$3:$AA$30,INDEX(Jesper!$R$2:$R$366,ROW(INDEX(Jesper!AI$2:AI$366,ROUNDDOWN($C886/24,0)+1,1))-1)+IF('Standard Profiles'!$G$19=$B$10,7,0)+IF('Standard Profiles'!$G$19=$B$17,14,0)+IF('Standard Profiles'!$G$19=$B$24,21,0),0)),0)</f>
        <v>5.9536564868488489</v>
      </c>
      <c r="F886" cm="1">
        <f t="array" ref="F886">IFERROR(INDEX(Jesper!AJ$2:AJ$366,ROUNDDOWN($C886/24,0)+1,1)*INDEX($D$3:$AA$30,INDEX(Jesper!$R$2:$R$366,ROW(INDEX(Jesper!AJ$2:AJ$366,ROUNDDOWN($C886/24,0)+1,1))-1)+IF('Standard Profiles'!$G$20=$B$10,7,0)+IF('Standard Profiles'!$G$20=$B$17,14,0)+IF('Standard Profiles'!$G$20=$B$24,21,0),MOD($C886,24)+1)/SUM(INDEX($D$3:$AA$30,INDEX(Jesper!$R$2:$R$366,ROW(INDEX(Jesper!AJ$2:AJ$366,ROUNDDOWN($C886/24,0)+1,1))-1)+IF('Standard Profiles'!$G$20=$B$10,7,0)+IF('Standard Profiles'!$G$20=$B$17,14,0)+IF('Standard Profiles'!$G$20=$B$24,21,0),0)),0)</f>
        <v>5.3988216788772938</v>
      </c>
      <c r="G886" cm="1">
        <f t="array" ref="G886">IFERROR(INDEX(Jesper!AK$2:AK$366,ROUNDDOWN($C886/24,0)+1,1)*INDEX($D$3:$AA$30,INDEX(Jesper!$R$2:$R$366,ROW(INDEX(Jesper!AK$2:AK$366,ROUNDDOWN($C886/24,0)+1,1))-1)+IF('Standard Profiles'!$G$21=$B$10,7,0)+IF('Standard Profiles'!$G$21=$B$17,14,0)+IF('Standard Profiles'!$G$21=$B$24,21,0),MOD($C886,24)+1)/SUM(INDEX($D$3:$AA$30,INDEX(Jesper!$R$2:$R$366,ROW(INDEX(Jesper!AK$2:AK$366,ROUNDDOWN($C886/24,0)+1,1))-1)+IF('Standard Profiles'!$G$21=$B$10,7,0)+IF('Standard Profiles'!$G$21=$B$17,14,0)+IF('Standard Profiles'!$G$21=$B$24,21,0),0)),0)</f>
        <v>9.509592750321147</v>
      </c>
      <c r="H886" cm="1">
        <f t="array" ref="H886">IFERROR(INDEX(Jesper!AL$2:AL$366,ROUNDDOWN($C886/24,0)+1,1)*INDEX($D$3:$AA$30,INDEX(Jesper!$R$2:$R$366,ROW(INDEX(Jesper!AL$2:AL$366,ROUNDDOWN($C886/24,0)+1,1))-1)+IF('Standard Profiles'!$G$22=$B$10,7,0)+IF('Standard Profiles'!$G$22=$B$17,14,0)+IF('Standard Profiles'!$G$22=$B$24,21,0),MOD($C886,24)+1)/SUM(INDEX($D$3:$AA$30,INDEX(Jesper!$R$2:$R$366,ROW(INDEX(Jesper!AL$2:AL$366,ROUNDDOWN($C886/24,0)+1,1))-1)+IF('Standard Profiles'!$G$22=$B$10,7,0)+IF('Standard Profiles'!$G$22=$B$17,14,0)+IF('Standard Profiles'!$G$22=$B$24,21,0),0)),0)</f>
        <v>9.4204435896769585</v>
      </c>
      <c r="I886">
        <f t="shared" si="111"/>
        <v>9.0436258460898848</v>
      </c>
      <c r="J886">
        <f t="shared" si="112"/>
        <v>20.524449881212501</v>
      </c>
      <c r="K886">
        <f t="shared" si="113"/>
        <v>0.47629251894790792</v>
      </c>
      <c r="L886">
        <f t="shared" si="114"/>
        <v>0.23814625947395396</v>
      </c>
      <c r="M886">
        <f t="shared" si="115"/>
        <v>0</v>
      </c>
      <c r="N886" s="45">
        <f t="shared" si="116"/>
        <v>44962.499999997934</v>
      </c>
    </row>
    <row r="887" spans="2:14" x14ac:dyDescent="0.25">
      <c r="B887">
        <f t="shared" si="110"/>
        <v>7</v>
      </c>
      <c r="C887" s="16">
        <v>853</v>
      </c>
      <c r="D887" cm="1">
        <f t="array" ref="D887">IFERROR(INDEX(Jesper!AH$2:AH$366,ROUNDDOWN($C887/24,0)+1,1)*INDEX($D$3:$AA$30,INDEX(Jesper!$R$2:$R$366,ROW(INDEX(Jesper!AH$2:AH$366,ROUNDDOWN($C887/24,0)+1,1))-1)+IF('Standard Profiles'!$G$18=$B$10,7,0)+IF('Standard Profiles'!$G$18=$B$17,14,0)+IF('Standard Profiles'!$G$18=$B$24,21,0),MOD($C887,24)+1)/SUM(INDEX($D$3:$AA$30,INDEX(Jesper!$R$2:$R$366,ROW(INDEX(Jesper!AH$2:AH$366,ROUNDDOWN($C887/24,0)+1,1))-1)+IF('Standard Profiles'!$G$18=$B$10,7,0)+IF('Standard Profiles'!$G$18=$B$17,14,0)+IF('Standard Profiles'!$G$18=$B$24,21,0),0)),0)</f>
        <v>0</v>
      </c>
      <c r="E887" cm="1">
        <f t="array" ref="E887">IFERROR(INDEX(Jesper!AI$2:AI$366,ROUNDDOWN($C887/24,0)+1,1)*INDEX($D$3:$AA$30,INDEX(Jesper!$R$2:$R$366,ROW(INDEX(Jesper!AI$2:AI$366,ROUNDDOWN($C887/24,0)+1,1))-1)+IF('Standard Profiles'!$G$19=$B$10,7,0)+IF('Standard Profiles'!$G$19=$B$17,14,0)+IF('Standard Profiles'!$G$19=$B$24,21,0),MOD($C887,24)+1)/SUM(INDEX($D$3:$AA$30,INDEX(Jesper!$R$2:$R$366,ROW(INDEX(Jesper!AI$2:AI$366,ROUNDDOWN($C887/24,0)+1,1))-1)+IF('Standard Profiles'!$G$19=$B$10,7,0)+IF('Standard Profiles'!$G$19=$B$17,14,0)+IF('Standard Profiles'!$G$19=$B$24,21,0),0)),0)</f>
        <v>5.9536564868488489</v>
      </c>
      <c r="F887" cm="1">
        <f t="array" ref="F887">IFERROR(INDEX(Jesper!AJ$2:AJ$366,ROUNDDOWN($C887/24,0)+1,1)*INDEX($D$3:$AA$30,INDEX(Jesper!$R$2:$R$366,ROW(INDEX(Jesper!AJ$2:AJ$366,ROUNDDOWN($C887/24,0)+1,1))-1)+IF('Standard Profiles'!$G$20=$B$10,7,0)+IF('Standard Profiles'!$G$20=$B$17,14,0)+IF('Standard Profiles'!$G$20=$B$24,21,0),MOD($C887,24)+1)/SUM(INDEX($D$3:$AA$30,INDEX(Jesper!$R$2:$R$366,ROW(INDEX(Jesper!AJ$2:AJ$366,ROUNDDOWN($C887/24,0)+1,1))-1)+IF('Standard Profiles'!$G$20=$B$10,7,0)+IF('Standard Profiles'!$G$20=$B$17,14,0)+IF('Standard Profiles'!$G$20=$B$24,21,0),0)),0)</f>
        <v>5.3988216788772938</v>
      </c>
      <c r="G887" cm="1">
        <f t="array" ref="G887">IFERROR(INDEX(Jesper!AK$2:AK$366,ROUNDDOWN($C887/24,0)+1,1)*INDEX($D$3:$AA$30,INDEX(Jesper!$R$2:$R$366,ROW(INDEX(Jesper!AK$2:AK$366,ROUNDDOWN($C887/24,0)+1,1))-1)+IF('Standard Profiles'!$G$21=$B$10,7,0)+IF('Standard Profiles'!$G$21=$B$17,14,0)+IF('Standard Profiles'!$G$21=$B$24,21,0),MOD($C887,24)+1)/SUM(INDEX($D$3:$AA$30,INDEX(Jesper!$R$2:$R$366,ROW(INDEX(Jesper!AK$2:AK$366,ROUNDDOWN($C887/24,0)+1,1))-1)+IF('Standard Profiles'!$G$21=$B$10,7,0)+IF('Standard Profiles'!$G$21=$B$17,14,0)+IF('Standard Profiles'!$G$21=$B$24,21,0),0)),0)</f>
        <v>9.509592750321147</v>
      </c>
      <c r="H887" cm="1">
        <f t="array" ref="H887">IFERROR(INDEX(Jesper!AL$2:AL$366,ROUNDDOWN($C887/24,0)+1,1)*INDEX($D$3:$AA$30,INDEX(Jesper!$R$2:$R$366,ROW(INDEX(Jesper!AL$2:AL$366,ROUNDDOWN($C887/24,0)+1,1))-1)+IF('Standard Profiles'!$G$22=$B$10,7,0)+IF('Standard Profiles'!$G$22=$B$17,14,0)+IF('Standard Profiles'!$G$22=$B$24,21,0),MOD($C887,24)+1)/SUM(INDEX($D$3:$AA$30,INDEX(Jesper!$R$2:$R$366,ROW(INDEX(Jesper!AL$2:AL$366,ROUNDDOWN($C887/24,0)+1,1))-1)+IF('Standard Profiles'!$G$22=$B$10,7,0)+IF('Standard Profiles'!$G$22=$B$17,14,0)+IF('Standard Profiles'!$G$22=$B$24,21,0),0)),0)</f>
        <v>9.4204435896769585</v>
      </c>
      <c r="I887">
        <f t="shared" si="111"/>
        <v>9.0436258460898848</v>
      </c>
      <c r="J887">
        <f t="shared" si="112"/>
        <v>20.524449881212501</v>
      </c>
      <c r="K887">
        <f t="shared" si="113"/>
        <v>0.47629251894790792</v>
      </c>
      <c r="L887">
        <f t="shared" si="114"/>
        <v>0.23814625947395396</v>
      </c>
      <c r="M887">
        <f t="shared" si="115"/>
        <v>0</v>
      </c>
      <c r="N887" s="45">
        <f t="shared" si="116"/>
        <v>44962.541666664598</v>
      </c>
    </row>
    <row r="888" spans="2:14" x14ac:dyDescent="0.25">
      <c r="B888">
        <f t="shared" si="110"/>
        <v>7</v>
      </c>
      <c r="C888" s="16">
        <v>854</v>
      </c>
      <c r="D888" cm="1">
        <f t="array" ref="D888">IFERROR(INDEX(Jesper!AH$2:AH$366,ROUNDDOWN($C888/24,0)+1,1)*INDEX($D$3:$AA$30,INDEX(Jesper!$R$2:$R$366,ROW(INDEX(Jesper!AH$2:AH$366,ROUNDDOWN($C888/24,0)+1,1))-1)+IF('Standard Profiles'!$G$18=$B$10,7,0)+IF('Standard Profiles'!$G$18=$B$17,14,0)+IF('Standard Profiles'!$G$18=$B$24,21,0),MOD($C888,24)+1)/SUM(INDEX($D$3:$AA$30,INDEX(Jesper!$R$2:$R$366,ROW(INDEX(Jesper!AH$2:AH$366,ROUNDDOWN($C888/24,0)+1,1))-1)+IF('Standard Profiles'!$G$18=$B$10,7,0)+IF('Standard Profiles'!$G$18=$B$17,14,0)+IF('Standard Profiles'!$G$18=$B$24,21,0),0)),0)</f>
        <v>0</v>
      </c>
      <c r="E888" cm="1">
        <f t="array" ref="E888">IFERROR(INDEX(Jesper!AI$2:AI$366,ROUNDDOWN($C888/24,0)+1,1)*INDEX($D$3:$AA$30,INDEX(Jesper!$R$2:$R$366,ROW(INDEX(Jesper!AI$2:AI$366,ROUNDDOWN($C888/24,0)+1,1))-1)+IF('Standard Profiles'!$G$19=$B$10,7,0)+IF('Standard Profiles'!$G$19=$B$17,14,0)+IF('Standard Profiles'!$G$19=$B$24,21,0),MOD($C888,24)+1)/SUM(INDEX($D$3:$AA$30,INDEX(Jesper!$R$2:$R$366,ROW(INDEX(Jesper!AI$2:AI$366,ROUNDDOWN($C888/24,0)+1,1))-1)+IF('Standard Profiles'!$G$19=$B$10,7,0)+IF('Standard Profiles'!$G$19=$B$17,14,0)+IF('Standard Profiles'!$G$19=$B$24,21,0),0)),0)</f>
        <v>5.9536564868488489</v>
      </c>
      <c r="F888" cm="1">
        <f t="array" ref="F888">IFERROR(INDEX(Jesper!AJ$2:AJ$366,ROUNDDOWN($C888/24,0)+1,1)*INDEX($D$3:$AA$30,INDEX(Jesper!$R$2:$R$366,ROW(INDEX(Jesper!AJ$2:AJ$366,ROUNDDOWN($C888/24,0)+1,1))-1)+IF('Standard Profiles'!$G$20=$B$10,7,0)+IF('Standard Profiles'!$G$20=$B$17,14,0)+IF('Standard Profiles'!$G$20=$B$24,21,0),MOD($C888,24)+1)/SUM(INDEX($D$3:$AA$30,INDEX(Jesper!$R$2:$R$366,ROW(INDEX(Jesper!AJ$2:AJ$366,ROUNDDOWN($C888/24,0)+1,1))-1)+IF('Standard Profiles'!$G$20=$B$10,7,0)+IF('Standard Profiles'!$G$20=$B$17,14,0)+IF('Standard Profiles'!$G$20=$B$24,21,0),0)),0)</f>
        <v>5.3988216788772938</v>
      </c>
      <c r="G888" cm="1">
        <f t="array" ref="G888">IFERROR(INDEX(Jesper!AK$2:AK$366,ROUNDDOWN($C888/24,0)+1,1)*INDEX($D$3:$AA$30,INDEX(Jesper!$R$2:$R$366,ROW(INDEX(Jesper!AK$2:AK$366,ROUNDDOWN($C888/24,0)+1,1))-1)+IF('Standard Profiles'!$G$21=$B$10,7,0)+IF('Standard Profiles'!$G$21=$B$17,14,0)+IF('Standard Profiles'!$G$21=$B$24,21,0),MOD($C888,24)+1)/SUM(INDEX($D$3:$AA$30,INDEX(Jesper!$R$2:$R$366,ROW(INDEX(Jesper!AK$2:AK$366,ROUNDDOWN($C888/24,0)+1,1))-1)+IF('Standard Profiles'!$G$21=$B$10,7,0)+IF('Standard Profiles'!$G$21=$B$17,14,0)+IF('Standard Profiles'!$G$21=$B$24,21,0),0)),0)</f>
        <v>9.509592750321147</v>
      </c>
      <c r="H888" cm="1">
        <f t="array" ref="H888">IFERROR(INDEX(Jesper!AL$2:AL$366,ROUNDDOWN($C888/24,0)+1,1)*INDEX($D$3:$AA$30,INDEX(Jesper!$R$2:$R$366,ROW(INDEX(Jesper!AL$2:AL$366,ROUNDDOWN($C888/24,0)+1,1))-1)+IF('Standard Profiles'!$G$22=$B$10,7,0)+IF('Standard Profiles'!$G$22=$B$17,14,0)+IF('Standard Profiles'!$G$22=$B$24,21,0),MOD($C888,24)+1)/SUM(INDEX($D$3:$AA$30,INDEX(Jesper!$R$2:$R$366,ROW(INDEX(Jesper!AL$2:AL$366,ROUNDDOWN($C888/24,0)+1,1))-1)+IF('Standard Profiles'!$G$22=$B$10,7,0)+IF('Standard Profiles'!$G$22=$B$17,14,0)+IF('Standard Profiles'!$G$22=$B$24,21,0),0)),0)</f>
        <v>9.4204435896769585</v>
      </c>
      <c r="I888">
        <f t="shared" si="111"/>
        <v>9.0436258460898848</v>
      </c>
      <c r="J888">
        <f t="shared" si="112"/>
        <v>20.524449881212501</v>
      </c>
      <c r="K888">
        <f t="shared" si="113"/>
        <v>0.47629251894790792</v>
      </c>
      <c r="L888">
        <f t="shared" si="114"/>
        <v>0.23814625947395396</v>
      </c>
      <c r="M888">
        <f t="shared" si="115"/>
        <v>0</v>
      </c>
      <c r="N888" s="45">
        <f t="shared" si="116"/>
        <v>44962.583333331262</v>
      </c>
    </row>
    <row r="889" spans="2:14" x14ac:dyDescent="0.25">
      <c r="B889">
        <f t="shared" si="110"/>
        <v>7</v>
      </c>
      <c r="C889" s="16">
        <v>855</v>
      </c>
      <c r="D889" cm="1">
        <f t="array" ref="D889">IFERROR(INDEX(Jesper!AH$2:AH$366,ROUNDDOWN($C889/24,0)+1,1)*INDEX($D$3:$AA$30,INDEX(Jesper!$R$2:$R$366,ROW(INDEX(Jesper!AH$2:AH$366,ROUNDDOWN($C889/24,0)+1,1))-1)+IF('Standard Profiles'!$G$18=$B$10,7,0)+IF('Standard Profiles'!$G$18=$B$17,14,0)+IF('Standard Profiles'!$G$18=$B$24,21,0),MOD($C889,24)+1)/SUM(INDEX($D$3:$AA$30,INDEX(Jesper!$R$2:$R$366,ROW(INDEX(Jesper!AH$2:AH$366,ROUNDDOWN($C889/24,0)+1,1))-1)+IF('Standard Profiles'!$G$18=$B$10,7,0)+IF('Standard Profiles'!$G$18=$B$17,14,0)+IF('Standard Profiles'!$G$18=$B$24,21,0),0)),0)</f>
        <v>0</v>
      </c>
      <c r="E889" cm="1">
        <f t="array" ref="E889">IFERROR(INDEX(Jesper!AI$2:AI$366,ROUNDDOWN($C889/24,0)+1,1)*INDEX($D$3:$AA$30,INDEX(Jesper!$R$2:$R$366,ROW(INDEX(Jesper!AI$2:AI$366,ROUNDDOWN($C889/24,0)+1,1))-1)+IF('Standard Profiles'!$G$19=$B$10,7,0)+IF('Standard Profiles'!$G$19=$B$17,14,0)+IF('Standard Profiles'!$G$19=$B$24,21,0),MOD($C889,24)+1)/SUM(INDEX($D$3:$AA$30,INDEX(Jesper!$R$2:$R$366,ROW(INDEX(Jesper!AI$2:AI$366,ROUNDDOWN($C889/24,0)+1,1))-1)+IF('Standard Profiles'!$G$19=$B$10,7,0)+IF('Standard Profiles'!$G$19=$B$17,14,0)+IF('Standard Profiles'!$G$19=$B$24,21,0),0)),0)</f>
        <v>5.9536564868488489</v>
      </c>
      <c r="F889" cm="1">
        <f t="array" ref="F889">IFERROR(INDEX(Jesper!AJ$2:AJ$366,ROUNDDOWN($C889/24,0)+1,1)*INDEX($D$3:$AA$30,INDEX(Jesper!$R$2:$R$366,ROW(INDEX(Jesper!AJ$2:AJ$366,ROUNDDOWN($C889/24,0)+1,1))-1)+IF('Standard Profiles'!$G$20=$B$10,7,0)+IF('Standard Profiles'!$G$20=$B$17,14,0)+IF('Standard Profiles'!$G$20=$B$24,21,0),MOD($C889,24)+1)/SUM(INDEX($D$3:$AA$30,INDEX(Jesper!$R$2:$R$366,ROW(INDEX(Jesper!AJ$2:AJ$366,ROUNDDOWN($C889/24,0)+1,1))-1)+IF('Standard Profiles'!$G$20=$B$10,7,0)+IF('Standard Profiles'!$G$20=$B$17,14,0)+IF('Standard Profiles'!$G$20=$B$24,21,0),0)),0)</f>
        <v>5.3988216788772938</v>
      </c>
      <c r="G889" cm="1">
        <f t="array" ref="G889">IFERROR(INDEX(Jesper!AK$2:AK$366,ROUNDDOWN($C889/24,0)+1,1)*INDEX($D$3:$AA$30,INDEX(Jesper!$R$2:$R$366,ROW(INDEX(Jesper!AK$2:AK$366,ROUNDDOWN($C889/24,0)+1,1))-1)+IF('Standard Profiles'!$G$21=$B$10,7,0)+IF('Standard Profiles'!$G$21=$B$17,14,0)+IF('Standard Profiles'!$G$21=$B$24,21,0),MOD($C889,24)+1)/SUM(INDEX($D$3:$AA$30,INDEX(Jesper!$R$2:$R$366,ROW(INDEX(Jesper!AK$2:AK$366,ROUNDDOWN($C889/24,0)+1,1))-1)+IF('Standard Profiles'!$G$21=$B$10,7,0)+IF('Standard Profiles'!$G$21=$B$17,14,0)+IF('Standard Profiles'!$G$21=$B$24,21,0),0)),0)</f>
        <v>9.509592750321147</v>
      </c>
      <c r="H889" cm="1">
        <f t="array" ref="H889">IFERROR(INDEX(Jesper!AL$2:AL$366,ROUNDDOWN($C889/24,0)+1,1)*INDEX($D$3:$AA$30,INDEX(Jesper!$R$2:$R$366,ROW(INDEX(Jesper!AL$2:AL$366,ROUNDDOWN($C889/24,0)+1,1))-1)+IF('Standard Profiles'!$G$22=$B$10,7,0)+IF('Standard Profiles'!$G$22=$B$17,14,0)+IF('Standard Profiles'!$G$22=$B$24,21,0),MOD($C889,24)+1)/SUM(INDEX($D$3:$AA$30,INDEX(Jesper!$R$2:$R$366,ROW(INDEX(Jesper!AL$2:AL$366,ROUNDDOWN($C889/24,0)+1,1))-1)+IF('Standard Profiles'!$G$22=$B$10,7,0)+IF('Standard Profiles'!$G$22=$B$17,14,0)+IF('Standard Profiles'!$G$22=$B$24,21,0),0)),0)</f>
        <v>8.3737276352684074</v>
      </c>
      <c r="I889">
        <f t="shared" si="111"/>
        <v>8.0387785298576748</v>
      </c>
      <c r="J889">
        <f t="shared" si="112"/>
        <v>20.482581243036162</v>
      </c>
      <c r="K889">
        <f t="shared" si="113"/>
        <v>0.47629251894790792</v>
      </c>
      <c r="L889">
        <f t="shared" si="114"/>
        <v>0.23814625947395396</v>
      </c>
      <c r="M889">
        <f t="shared" si="115"/>
        <v>0</v>
      </c>
      <c r="N889" s="45">
        <f t="shared" si="116"/>
        <v>44962.624999997926</v>
      </c>
    </row>
    <row r="890" spans="2:14" x14ac:dyDescent="0.25">
      <c r="B890">
        <f t="shared" si="110"/>
        <v>7</v>
      </c>
      <c r="C890" s="16">
        <v>856</v>
      </c>
      <c r="D890" cm="1">
        <f t="array" ref="D890">IFERROR(INDEX(Jesper!AH$2:AH$366,ROUNDDOWN($C890/24,0)+1,1)*INDEX($D$3:$AA$30,INDEX(Jesper!$R$2:$R$366,ROW(INDEX(Jesper!AH$2:AH$366,ROUNDDOWN($C890/24,0)+1,1))-1)+IF('Standard Profiles'!$G$18=$B$10,7,0)+IF('Standard Profiles'!$G$18=$B$17,14,0)+IF('Standard Profiles'!$G$18=$B$24,21,0),MOD($C890,24)+1)/SUM(INDEX($D$3:$AA$30,INDEX(Jesper!$R$2:$R$366,ROW(INDEX(Jesper!AH$2:AH$366,ROUNDDOWN($C890/24,0)+1,1))-1)+IF('Standard Profiles'!$G$18=$B$10,7,0)+IF('Standard Profiles'!$G$18=$B$17,14,0)+IF('Standard Profiles'!$G$18=$B$24,21,0),0)),0)</f>
        <v>0</v>
      </c>
      <c r="E890" cm="1">
        <f t="array" ref="E890">IFERROR(INDEX(Jesper!AI$2:AI$366,ROUNDDOWN($C890/24,0)+1,1)*INDEX($D$3:$AA$30,INDEX(Jesper!$R$2:$R$366,ROW(INDEX(Jesper!AI$2:AI$366,ROUNDDOWN($C890/24,0)+1,1))-1)+IF('Standard Profiles'!$G$19=$B$10,7,0)+IF('Standard Profiles'!$G$19=$B$17,14,0)+IF('Standard Profiles'!$G$19=$B$24,21,0),MOD($C890,24)+1)/SUM(INDEX($D$3:$AA$30,INDEX(Jesper!$R$2:$R$366,ROW(INDEX(Jesper!AI$2:AI$366,ROUNDDOWN($C890/24,0)+1,1))-1)+IF('Standard Profiles'!$G$19=$B$10,7,0)+IF('Standard Profiles'!$G$19=$B$17,14,0)+IF('Standard Profiles'!$G$19=$B$24,21,0),0)),0)</f>
        <v>5.9536564868488489</v>
      </c>
      <c r="F890" cm="1">
        <f t="array" ref="F890">IFERROR(INDEX(Jesper!AJ$2:AJ$366,ROUNDDOWN($C890/24,0)+1,1)*INDEX($D$3:$AA$30,INDEX(Jesper!$R$2:$R$366,ROW(INDEX(Jesper!AJ$2:AJ$366,ROUNDDOWN($C890/24,0)+1,1))-1)+IF('Standard Profiles'!$G$20=$B$10,7,0)+IF('Standard Profiles'!$G$20=$B$17,14,0)+IF('Standard Profiles'!$G$20=$B$24,21,0),MOD($C890,24)+1)/SUM(INDEX($D$3:$AA$30,INDEX(Jesper!$R$2:$R$366,ROW(INDEX(Jesper!AJ$2:AJ$366,ROUNDDOWN($C890/24,0)+1,1))-1)+IF('Standard Profiles'!$G$20=$B$10,7,0)+IF('Standard Profiles'!$G$20=$B$17,14,0)+IF('Standard Profiles'!$G$20=$B$24,21,0),0)),0)</f>
        <v>5.3988216788772938</v>
      </c>
      <c r="G890" cm="1">
        <f t="array" ref="G890">IFERROR(INDEX(Jesper!AK$2:AK$366,ROUNDDOWN($C890/24,0)+1,1)*INDEX($D$3:$AA$30,INDEX(Jesper!$R$2:$R$366,ROW(INDEX(Jesper!AK$2:AK$366,ROUNDDOWN($C890/24,0)+1,1))-1)+IF('Standard Profiles'!$G$21=$B$10,7,0)+IF('Standard Profiles'!$G$21=$B$17,14,0)+IF('Standard Profiles'!$G$21=$B$24,21,0),MOD($C890,24)+1)/SUM(INDEX($D$3:$AA$30,INDEX(Jesper!$R$2:$R$366,ROW(INDEX(Jesper!AK$2:AK$366,ROUNDDOWN($C890/24,0)+1,1))-1)+IF('Standard Profiles'!$G$21=$B$10,7,0)+IF('Standard Profiles'!$G$21=$B$17,14,0)+IF('Standard Profiles'!$G$21=$B$24,21,0),0)),0)</f>
        <v>9.509592750321147</v>
      </c>
      <c r="H890" cm="1">
        <f t="array" ref="H890">IFERROR(INDEX(Jesper!AL$2:AL$366,ROUNDDOWN($C890/24,0)+1,1)*INDEX($D$3:$AA$30,INDEX(Jesper!$R$2:$R$366,ROW(INDEX(Jesper!AL$2:AL$366,ROUNDDOWN($C890/24,0)+1,1))-1)+IF('Standard Profiles'!$G$22=$B$10,7,0)+IF('Standard Profiles'!$G$22=$B$17,14,0)+IF('Standard Profiles'!$G$22=$B$24,21,0),MOD($C890,24)+1)/SUM(INDEX($D$3:$AA$30,INDEX(Jesper!$R$2:$R$366,ROW(INDEX(Jesper!AL$2:AL$366,ROUNDDOWN($C890/24,0)+1,1))-1)+IF('Standard Profiles'!$G$22=$B$10,7,0)+IF('Standard Profiles'!$G$22=$B$17,14,0)+IF('Standard Profiles'!$G$22=$B$24,21,0),0)),0)</f>
        <v>8.2241967846386146</v>
      </c>
      <c r="I890">
        <f t="shared" si="111"/>
        <v>7.8952289132530744</v>
      </c>
      <c r="J890">
        <f t="shared" si="112"/>
        <v>20.476600009010969</v>
      </c>
      <c r="K890">
        <f t="shared" si="113"/>
        <v>0.47629251894790792</v>
      </c>
      <c r="L890">
        <f t="shared" si="114"/>
        <v>0.23814625947395396</v>
      </c>
      <c r="M890">
        <f t="shared" si="115"/>
        <v>0</v>
      </c>
      <c r="N890" s="45">
        <f t="shared" si="116"/>
        <v>44962.666666664591</v>
      </c>
    </row>
    <row r="891" spans="2:14" x14ac:dyDescent="0.25">
      <c r="B891">
        <f t="shared" si="110"/>
        <v>7</v>
      </c>
      <c r="C891" s="16">
        <v>857</v>
      </c>
      <c r="D891" cm="1">
        <f t="array" ref="D891">IFERROR(INDEX(Jesper!AH$2:AH$366,ROUNDDOWN($C891/24,0)+1,1)*INDEX($D$3:$AA$30,INDEX(Jesper!$R$2:$R$366,ROW(INDEX(Jesper!AH$2:AH$366,ROUNDDOWN($C891/24,0)+1,1))-1)+IF('Standard Profiles'!$G$18=$B$10,7,0)+IF('Standard Profiles'!$G$18=$B$17,14,0)+IF('Standard Profiles'!$G$18=$B$24,21,0),MOD($C891,24)+1)/SUM(INDEX($D$3:$AA$30,INDEX(Jesper!$R$2:$R$366,ROW(INDEX(Jesper!AH$2:AH$366,ROUNDDOWN($C891/24,0)+1,1))-1)+IF('Standard Profiles'!$G$18=$B$10,7,0)+IF('Standard Profiles'!$G$18=$B$17,14,0)+IF('Standard Profiles'!$G$18=$B$24,21,0),0)),0)</f>
        <v>0</v>
      </c>
      <c r="E891" cm="1">
        <f t="array" ref="E891">IFERROR(INDEX(Jesper!AI$2:AI$366,ROUNDDOWN($C891/24,0)+1,1)*INDEX($D$3:$AA$30,INDEX(Jesper!$R$2:$R$366,ROW(INDEX(Jesper!AI$2:AI$366,ROUNDDOWN($C891/24,0)+1,1))-1)+IF('Standard Profiles'!$G$19=$B$10,7,0)+IF('Standard Profiles'!$G$19=$B$17,14,0)+IF('Standard Profiles'!$G$19=$B$24,21,0),MOD($C891,24)+1)/SUM(INDEX($D$3:$AA$30,INDEX(Jesper!$R$2:$R$366,ROW(INDEX(Jesper!AI$2:AI$366,ROUNDDOWN($C891/24,0)+1,1))-1)+IF('Standard Profiles'!$G$19=$B$10,7,0)+IF('Standard Profiles'!$G$19=$B$17,14,0)+IF('Standard Profiles'!$G$19=$B$24,21,0),0)),0)</f>
        <v>5.9536564868488489</v>
      </c>
      <c r="F891" cm="1">
        <f t="array" ref="F891">IFERROR(INDEX(Jesper!AJ$2:AJ$366,ROUNDDOWN($C891/24,0)+1,1)*INDEX($D$3:$AA$30,INDEX(Jesper!$R$2:$R$366,ROW(INDEX(Jesper!AJ$2:AJ$366,ROUNDDOWN($C891/24,0)+1,1))-1)+IF('Standard Profiles'!$G$20=$B$10,7,0)+IF('Standard Profiles'!$G$20=$B$17,14,0)+IF('Standard Profiles'!$G$20=$B$24,21,0),MOD($C891,24)+1)/SUM(INDEX($D$3:$AA$30,INDEX(Jesper!$R$2:$R$366,ROW(INDEX(Jesper!AJ$2:AJ$366,ROUNDDOWN($C891/24,0)+1,1))-1)+IF('Standard Profiles'!$G$20=$B$10,7,0)+IF('Standard Profiles'!$G$20=$B$17,14,0)+IF('Standard Profiles'!$G$20=$B$24,21,0),0)),0)</f>
        <v>5.3988216788772938</v>
      </c>
      <c r="G891" cm="1">
        <f t="array" ref="G891">IFERROR(INDEX(Jesper!AK$2:AK$366,ROUNDDOWN($C891/24,0)+1,1)*INDEX($D$3:$AA$30,INDEX(Jesper!$R$2:$R$366,ROW(INDEX(Jesper!AK$2:AK$366,ROUNDDOWN($C891/24,0)+1,1))-1)+IF('Standard Profiles'!$G$21=$B$10,7,0)+IF('Standard Profiles'!$G$21=$B$17,14,0)+IF('Standard Profiles'!$G$21=$B$24,21,0),MOD($C891,24)+1)/SUM(INDEX($D$3:$AA$30,INDEX(Jesper!$R$2:$R$366,ROW(INDEX(Jesper!AK$2:AK$366,ROUNDDOWN($C891/24,0)+1,1))-1)+IF('Standard Profiles'!$G$21=$B$10,7,0)+IF('Standard Profiles'!$G$21=$B$17,14,0)+IF('Standard Profiles'!$G$21=$B$24,21,0),0)),0)</f>
        <v>9.509592750321147</v>
      </c>
      <c r="H891" cm="1">
        <f t="array" ref="H891">IFERROR(INDEX(Jesper!AL$2:AL$366,ROUNDDOWN($C891/24,0)+1,1)*INDEX($D$3:$AA$30,INDEX(Jesper!$R$2:$R$366,ROW(INDEX(Jesper!AL$2:AL$366,ROUNDDOWN($C891/24,0)+1,1))-1)+IF('Standard Profiles'!$G$22=$B$10,7,0)+IF('Standard Profiles'!$G$22=$B$17,14,0)+IF('Standard Profiles'!$G$22=$B$24,21,0),MOD($C891,24)+1)/SUM(INDEX($D$3:$AA$30,INDEX(Jesper!$R$2:$R$366,ROW(INDEX(Jesper!AL$2:AL$366,ROUNDDOWN($C891/24,0)+1,1))-1)+IF('Standard Profiles'!$G$22=$B$10,7,0)+IF('Standard Profiles'!$G$22=$B$17,14,0)+IF('Standard Profiles'!$G$22=$B$24,21,0),0)),0)</f>
        <v>7.0279499796002716</v>
      </c>
      <c r="I891">
        <f t="shared" si="111"/>
        <v>6.746831980416264</v>
      </c>
      <c r="J891">
        <f t="shared" si="112"/>
        <v>20.428750136809438</v>
      </c>
      <c r="K891">
        <f t="shared" si="113"/>
        <v>0.47629251894790792</v>
      </c>
      <c r="L891">
        <f t="shared" si="114"/>
        <v>0.23814625947395396</v>
      </c>
      <c r="M891">
        <f t="shared" si="115"/>
        <v>0</v>
      </c>
      <c r="N891" s="45">
        <f t="shared" si="116"/>
        <v>44962.708333331255</v>
      </c>
    </row>
    <row r="892" spans="2:14" x14ac:dyDescent="0.25">
      <c r="B892">
        <f t="shared" si="110"/>
        <v>7</v>
      </c>
      <c r="C892" s="16">
        <v>858</v>
      </c>
      <c r="D892" cm="1">
        <f t="array" ref="D892">IFERROR(INDEX(Jesper!AH$2:AH$366,ROUNDDOWN($C892/24,0)+1,1)*INDEX($D$3:$AA$30,INDEX(Jesper!$R$2:$R$366,ROW(INDEX(Jesper!AH$2:AH$366,ROUNDDOWN($C892/24,0)+1,1))-1)+IF('Standard Profiles'!$G$18=$B$10,7,0)+IF('Standard Profiles'!$G$18=$B$17,14,0)+IF('Standard Profiles'!$G$18=$B$24,21,0),MOD($C892,24)+1)/SUM(INDEX($D$3:$AA$30,INDEX(Jesper!$R$2:$R$366,ROW(INDEX(Jesper!AH$2:AH$366,ROUNDDOWN($C892/24,0)+1,1))-1)+IF('Standard Profiles'!$G$18=$B$10,7,0)+IF('Standard Profiles'!$G$18=$B$17,14,0)+IF('Standard Profiles'!$G$18=$B$24,21,0),0)),0)</f>
        <v>0</v>
      </c>
      <c r="E892" cm="1">
        <f t="array" ref="E892">IFERROR(INDEX(Jesper!AI$2:AI$366,ROUNDDOWN($C892/24,0)+1,1)*INDEX($D$3:$AA$30,INDEX(Jesper!$R$2:$R$366,ROW(INDEX(Jesper!AI$2:AI$366,ROUNDDOWN($C892/24,0)+1,1))-1)+IF('Standard Profiles'!$G$19=$B$10,7,0)+IF('Standard Profiles'!$G$19=$B$17,14,0)+IF('Standard Profiles'!$G$19=$B$24,21,0),MOD($C892,24)+1)/SUM(INDEX($D$3:$AA$30,INDEX(Jesper!$R$2:$R$366,ROW(INDEX(Jesper!AI$2:AI$366,ROUNDDOWN($C892/24,0)+1,1))-1)+IF('Standard Profiles'!$G$19=$B$10,7,0)+IF('Standard Profiles'!$G$19=$B$17,14,0)+IF('Standard Profiles'!$G$19=$B$24,21,0),0)),0)</f>
        <v>5.9536564868488489</v>
      </c>
      <c r="F892" cm="1">
        <f t="array" ref="F892">IFERROR(INDEX(Jesper!AJ$2:AJ$366,ROUNDDOWN($C892/24,0)+1,1)*INDEX($D$3:$AA$30,INDEX(Jesper!$R$2:$R$366,ROW(INDEX(Jesper!AJ$2:AJ$366,ROUNDDOWN($C892/24,0)+1,1))-1)+IF('Standard Profiles'!$G$20=$B$10,7,0)+IF('Standard Profiles'!$G$20=$B$17,14,0)+IF('Standard Profiles'!$G$20=$B$24,21,0),MOD($C892,24)+1)/SUM(INDEX($D$3:$AA$30,INDEX(Jesper!$R$2:$R$366,ROW(INDEX(Jesper!AJ$2:AJ$366,ROUNDDOWN($C892/24,0)+1,1))-1)+IF('Standard Profiles'!$G$20=$B$10,7,0)+IF('Standard Profiles'!$G$20=$B$17,14,0)+IF('Standard Profiles'!$G$20=$B$24,21,0),0)),0)</f>
        <v>5.3988216788772938</v>
      </c>
      <c r="G892" cm="1">
        <f t="array" ref="G892">IFERROR(INDEX(Jesper!AK$2:AK$366,ROUNDDOWN($C892/24,0)+1,1)*INDEX($D$3:$AA$30,INDEX(Jesper!$R$2:$R$366,ROW(INDEX(Jesper!AK$2:AK$366,ROUNDDOWN($C892/24,0)+1,1))-1)+IF('Standard Profiles'!$G$21=$B$10,7,0)+IF('Standard Profiles'!$G$21=$B$17,14,0)+IF('Standard Profiles'!$G$21=$B$24,21,0),MOD($C892,24)+1)/SUM(INDEX($D$3:$AA$30,INDEX(Jesper!$R$2:$R$366,ROW(INDEX(Jesper!AK$2:AK$366,ROUNDDOWN($C892/24,0)+1,1))-1)+IF('Standard Profiles'!$G$21=$B$10,7,0)+IF('Standard Profiles'!$G$21=$B$17,14,0)+IF('Standard Profiles'!$G$21=$B$24,21,0),0)),0)</f>
        <v>9.509592750321147</v>
      </c>
      <c r="H892" cm="1">
        <f t="array" ref="H892">IFERROR(INDEX(Jesper!AL$2:AL$366,ROUNDDOWN($C892/24,0)+1,1)*INDEX($D$3:$AA$30,INDEX(Jesper!$R$2:$R$366,ROW(INDEX(Jesper!AL$2:AL$366,ROUNDDOWN($C892/24,0)+1,1))-1)+IF('Standard Profiles'!$G$22=$B$10,7,0)+IF('Standard Profiles'!$G$22=$B$17,14,0)+IF('Standard Profiles'!$G$22=$B$24,21,0),MOD($C892,24)+1)/SUM(INDEX($D$3:$AA$30,INDEX(Jesper!$R$2:$R$366,ROW(INDEX(Jesper!AL$2:AL$366,ROUNDDOWN($C892/24,0)+1,1))-1)+IF('Standard Profiles'!$G$22=$B$10,7,0)+IF('Standard Profiles'!$G$22=$B$17,14,0)+IF('Standard Profiles'!$G$22=$B$24,21,0),0)),0)</f>
        <v>6.5793574277108924</v>
      </c>
      <c r="I892">
        <f t="shared" si="111"/>
        <v>6.3161831306024601</v>
      </c>
      <c r="J892">
        <f t="shared" si="112"/>
        <v>20.41080643473386</v>
      </c>
      <c r="K892">
        <f t="shared" si="113"/>
        <v>0.47629251894790792</v>
      </c>
      <c r="L892">
        <f t="shared" si="114"/>
        <v>0.23814625947395396</v>
      </c>
      <c r="M892">
        <f t="shared" si="115"/>
        <v>0</v>
      </c>
      <c r="N892" s="45">
        <f t="shared" si="116"/>
        <v>44962.749999997919</v>
      </c>
    </row>
    <row r="893" spans="2:14" x14ac:dyDescent="0.25">
      <c r="B893">
        <f t="shared" si="110"/>
        <v>7</v>
      </c>
      <c r="C893" s="16">
        <v>859</v>
      </c>
      <c r="D893" cm="1">
        <f t="array" ref="D893">IFERROR(INDEX(Jesper!AH$2:AH$366,ROUNDDOWN($C893/24,0)+1,1)*INDEX($D$3:$AA$30,INDEX(Jesper!$R$2:$R$366,ROW(INDEX(Jesper!AH$2:AH$366,ROUNDDOWN($C893/24,0)+1,1))-1)+IF('Standard Profiles'!$G$18=$B$10,7,0)+IF('Standard Profiles'!$G$18=$B$17,14,0)+IF('Standard Profiles'!$G$18=$B$24,21,0),MOD($C893,24)+1)/SUM(INDEX($D$3:$AA$30,INDEX(Jesper!$R$2:$R$366,ROW(INDEX(Jesper!AH$2:AH$366,ROUNDDOWN($C893/24,0)+1,1))-1)+IF('Standard Profiles'!$G$18=$B$10,7,0)+IF('Standard Profiles'!$G$18=$B$17,14,0)+IF('Standard Profiles'!$G$18=$B$24,21,0),0)),0)</f>
        <v>0</v>
      </c>
      <c r="E893" cm="1">
        <f t="array" ref="E893">IFERROR(INDEX(Jesper!AI$2:AI$366,ROUNDDOWN($C893/24,0)+1,1)*INDEX($D$3:$AA$30,INDEX(Jesper!$R$2:$R$366,ROW(INDEX(Jesper!AI$2:AI$366,ROUNDDOWN($C893/24,0)+1,1))-1)+IF('Standard Profiles'!$G$19=$B$10,7,0)+IF('Standard Profiles'!$G$19=$B$17,14,0)+IF('Standard Profiles'!$G$19=$B$24,21,0),MOD($C893,24)+1)/SUM(INDEX($D$3:$AA$30,INDEX(Jesper!$R$2:$R$366,ROW(INDEX(Jesper!AI$2:AI$366,ROUNDDOWN($C893/24,0)+1,1))-1)+IF('Standard Profiles'!$G$19=$B$10,7,0)+IF('Standard Profiles'!$G$19=$B$17,14,0)+IF('Standard Profiles'!$G$19=$B$24,21,0),0)),0)</f>
        <v>5.9536564868488489</v>
      </c>
      <c r="F893" cm="1">
        <f t="array" ref="F893">IFERROR(INDEX(Jesper!AJ$2:AJ$366,ROUNDDOWN($C893/24,0)+1,1)*INDEX($D$3:$AA$30,INDEX(Jesper!$R$2:$R$366,ROW(INDEX(Jesper!AJ$2:AJ$366,ROUNDDOWN($C893/24,0)+1,1))-1)+IF('Standard Profiles'!$G$20=$B$10,7,0)+IF('Standard Profiles'!$G$20=$B$17,14,0)+IF('Standard Profiles'!$G$20=$B$24,21,0),MOD($C893,24)+1)/SUM(INDEX($D$3:$AA$30,INDEX(Jesper!$R$2:$R$366,ROW(INDEX(Jesper!AJ$2:AJ$366,ROUNDDOWN($C893/24,0)+1,1))-1)+IF('Standard Profiles'!$G$20=$B$10,7,0)+IF('Standard Profiles'!$G$20=$B$17,14,0)+IF('Standard Profiles'!$G$20=$B$24,21,0),0)),0)</f>
        <v>5.3988216788772938</v>
      </c>
      <c r="G893" cm="1">
        <f t="array" ref="G893">IFERROR(INDEX(Jesper!AK$2:AK$366,ROUNDDOWN($C893/24,0)+1,1)*INDEX($D$3:$AA$30,INDEX(Jesper!$R$2:$R$366,ROW(INDEX(Jesper!AK$2:AK$366,ROUNDDOWN($C893/24,0)+1,1))-1)+IF('Standard Profiles'!$G$21=$B$10,7,0)+IF('Standard Profiles'!$G$21=$B$17,14,0)+IF('Standard Profiles'!$G$21=$B$24,21,0),MOD($C893,24)+1)/SUM(INDEX($D$3:$AA$30,INDEX(Jesper!$R$2:$R$366,ROW(INDEX(Jesper!AK$2:AK$366,ROUNDDOWN($C893/24,0)+1,1))-1)+IF('Standard Profiles'!$G$21=$B$10,7,0)+IF('Standard Profiles'!$G$21=$B$17,14,0)+IF('Standard Profiles'!$G$21=$B$24,21,0),0)),0)</f>
        <v>9.509592750321147</v>
      </c>
      <c r="H893" cm="1">
        <f t="array" ref="H893">IFERROR(INDEX(Jesper!AL$2:AL$366,ROUNDDOWN($C893/24,0)+1,1)*INDEX($D$3:$AA$30,INDEX(Jesper!$R$2:$R$366,ROW(INDEX(Jesper!AL$2:AL$366,ROUNDDOWN($C893/24,0)+1,1))-1)+IF('Standard Profiles'!$G$22=$B$10,7,0)+IF('Standard Profiles'!$G$22=$B$17,14,0)+IF('Standard Profiles'!$G$22=$B$24,21,0),MOD($C893,24)+1)/SUM(INDEX($D$3:$AA$30,INDEX(Jesper!$R$2:$R$366,ROW(INDEX(Jesper!AL$2:AL$366,ROUNDDOWN($C893/24,0)+1,1))-1)+IF('Standard Profiles'!$G$22=$B$10,7,0)+IF('Standard Profiles'!$G$22=$B$17,14,0)+IF('Standard Profiles'!$G$22=$B$24,21,0),0)),0)</f>
        <v>5.5326414733023404</v>
      </c>
      <c r="I893">
        <f t="shared" si="111"/>
        <v>5.31133581437025</v>
      </c>
      <c r="J893">
        <f t="shared" si="112"/>
        <v>20.368937796557521</v>
      </c>
      <c r="K893">
        <f t="shared" si="113"/>
        <v>0.47629251894790792</v>
      </c>
      <c r="L893">
        <f t="shared" si="114"/>
        <v>0.23814625947395396</v>
      </c>
      <c r="M893">
        <f t="shared" si="115"/>
        <v>0</v>
      </c>
      <c r="N893" s="45">
        <f t="shared" si="116"/>
        <v>44962.791666664583</v>
      </c>
    </row>
    <row r="894" spans="2:14" x14ac:dyDescent="0.25">
      <c r="B894">
        <f t="shared" si="110"/>
        <v>7</v>
      </c>
      <c r="C894" s="16">
        <v>860</v>
      </c>
      <c r="D894" cm="1">
        <f t="array" ref="D894">IFERROR(INDEX(Jesper!AH$2:AH$366,ROUNDDOWN($C894/24,0)+1,1)*INDEX($D$3:$AA$30,INDEX(Jesper!$R$2:$R$366,ROW(INDEX(Jesper!AH$2:AH$366,ROUNDDOWN($C894/24,0)+1,1))-1)+IF('Standard Profiles'!$G$18=$B$10,7,0)+IF('Standard Profiles'!$G$18=$B$17,14,0)+IF('Standard Profiles'!$G$18=$B$24,21,0),MOD($C894,24)+1)/SUM(INDEX($D$3:$AA$30,INDEX(Jesper!$R$2:$R$366,ROW(INDEX(Jesper!AH$2:AH$366,ROUNDDOWN($C894/24,0)+1,1))-1)+IF('Standard Profiles'!$G$18=$B$10,7,0)+IF('Standard Profiles'!$G$18=$B$17,14,0)+IF('Standard Profiles'!$G$18=$B$24,21,0),0)),0)</f>
        <v>0</v>
      </c>
      <c r="E894" cm="1">
        <f t="array" ref="E894">IFERROR(INDEX(Jesper!AI$2:AI$366,ROUNDDOWN($C894/24,0)+1,1)*INDEX($D$3:$AA$30,INDEX(Jesper!$R$2:$R$366,ROW(INDEX(Jesper!AI$2:AI$366,ROUNDDOWN($C894/24,0)+1,1))-1)+IF('Standard Profiles'!$G$19=$B$10,7,0)+IF('Standard Profiles'!$G$19=$B$17,14,0)+IF('Standard Profiles'!$G$19=$B$24,21,0),MOD($C894,24)+1)/SUM(INDEX($D$3:$AA$30,INDEX(Jesper!$R$2:$R$366,ROW(INDEX(Jesper!AI$2:AI$366,ROUNDDOWN($C894/24,0)+1,1))-1)+IF('Standard Profiles'!$G$19=$B$10,7,0)+IF('Standard Profiles'!$G$19=$B$17,14,0)+IF('Standard Profiles'!$G$19=$B$24,21,0),0)),0)</f>
        <v>5.9536564868488489</v>
      </c>
      <c r="F894" cm="1">
        <f t="array" ref="F894">IFERROR(INDEX(Jesper!AJ$2:AJ$366,ROUNDDOWN($C894/24,0)+1,1)*INDEX($D$3:$AA$30,INDEX(Jesper!$R$2:$R$366,ROW(INDEX(Jesper!AJ$2:AJ$366,ROUNDDOWN($C894/24,0)+1,1))-1)+IF('Standard Profiles'!$G$20=$B$10,7,0)+IF('Standard Profiles'!$G$20=$B$17,14,0)+IF('Standard Profiles'!$G$20=$B$24,21,0),MOD($C894,24)+1)/SUM(INDEX($D$3:$AA$30,INDEX(Jesper!$R$2:$R$366,ROW(INDEX(Jesper!AJ$2:AJ$366,ROUNDDOWN($C894/24,0)+1,1))-1)+IF('Standard Profiles'!$G$20=$B$10,7,0)+IF('Standard Profiles'!$G$20=$B$17,14,0)+IF('Standard Profiles'!$G$20=$B$24,21,0),0)),0)</f>
        <v>5.3988216788772938</v>
      </c>
      <c r="G894" cm="1">
        <f t="array" ref="G894">IFERROR(INDEX(Jesper!AK$2:AK$366,ROUNDDOWN($C894/24,0)+1,1)*INDEX($D$3:$AA$30,INDEX(Jesper!$R$2:$R$366,ROW(INDEX(Jesper!AK$2:AK$366,ROUNDDOWN($C894/24,0)+1,1))-1)+IF('Standard Profiles'!$G$21=$B$10,7,0)+IF('Standard Profiles'!$G$21=$B$17,14,0)+IF('Standard Profiles'!$G$21=$B$24,21,0),MOD($C894,24)+1)/SUM(INDEX($D$3:$AA$30,INDEX(Jesper!$R$2:$R$366,ROW(INDEX(Jesper!AK$2:AK$366,ROUNDDOWN($C894/24,0)+1,1))-1)+IF('Standard Profiles'!$G$21=$B$10,7,0)+IF('Standard Profiles'!$G$21=$B$17,14,0)+IF('Standard Profiles'!$G$21=$B$24,21,0),0)),0)</f>
        <v>9.509592750321147</v>
      </c>
      <c r="H894" cm="1">
        <f t="array" ref="H894">IFERROR(INDEX(Jesper!AL$2:AL$366,ROUNDDOWN($C894/24,0)+1,1)*INDEX($D$3:$AA$30,INDEX(Jesper!$R$2:$R$366,ROW(INDEX(Jesper!AL$2:AL$366,ROUNDDOWN($C894/24,0)+1,1))-1)+IF('Standard Profiles'!$G$22=$B$10,7,0)+IF('Standard Profiles'!$G$22=$B$17,14,0)+IF('Standard Profiles'!$G$22=$B$24,21,0),MOD($C894,24)+1)/SUM(INDEX($D$3:$AA$30,INDEX(Jesper!$R$2:$R$366,ROW(INDEX(Jesper!AL$2:AL$366,ROUNDDOWN($C894/24,0)+1,1))-1)+IF('Standard Profiles'!$G$22=$B$10,7,0)+IF('Standard Profiles'!$G$22=$B$17,14,0)+IF('Standard Profiles'!$G$22=$B$24,21,0),0)),0)</f>
        <v>4.6354563695235829</v>
      </c>
      <c r="I894">
        <f t="shared" si="111"/>
        <v>4.4500381147426422</v>
      </c>
      <c r="J894">
        <f t="shared" si="112"/>
        <v>20.333050392406371</v>
      </c>
      <c r="K894">
        <f t="shared" si="113"/>
        <v>0.47629251894790792</v>
      </c>
      <c r="L894">
        <f t="shared" si="114"/>
        <v>0.23814625947395396</v>
      </c>
      <c r="M894">
        <f t="shared" si="115"/>
        <v>0</v>
      </c>
      <c r="N894" s="45">
        <f t="shared" si="116"/>
        <v>44962.833333331248</v>
      </c>
    </row>
    <row r="895" spans="2:14" x14ac:dyDescent="0.25">
      <c r="B895">
        <f t="shared" si="110"/>
        <v>7</v>
      </c>
      <c r="C895" s="16">
        <v>861</v>
      </c>
      <c r="D895" cm="1">
        <f t="array" ref="D895">IFERROR(INDEX(Jesper!AH$2:AH$366,ROUNDDOWN($C895/24,0)+1,1)*INDEX($D$3:$AA$30,INDEX(Jesper!$R$2:$R$366,ROW(INDEX(Jesper!AH$2:AH$366,ROUNDDOWN($C895/24,0)+1,1))-1)+IF('Standard Profiles'!$G$18=$B$10,7,0)+IF('Standard Profiles'!$G$18=$B$17,14,0)+IF('Standard Profiles'!$G$18=$B$24,21,0),MOD($C895,24)+1)/SUM(INDEX($D$3:$AA$30,INDEX(Jesper!$R$2:$R$366,ROW(INDEX(Jesper!AH$2:AH$366,ROUNDDOWN($C895/24,0)+1,1))-1)+IF('Standard Profiles'!$G$18=$B$10,7,0)+IF('Standard Profiles'!$G$18=$B$17,14,0)+IF('Standard Profiles'!$G$18=$B$24,21,0),0)),0)</f>
        <v>0</v>
      </c>
      <c r="E895" cm="1">
        <f t="array" ref="E895">IFERROR(INDEX(Jesper!AI$2:AI$366,ROUNDDOWN($C895/24,0)+1,1)*INDEX($D$3:$AA$30,INDEX(Jesper!$R$2:$R$366,ROW(INDEX(Jesper!AI$2:AI$366,ROUNDDOWN($C895/24,0)+1,1))-1)+IF('Standard Profiles'!$G$19=$B$10,7,0)+IF('Standard Profiles'!$G$19=$B$17,14,0)+IF('Standard Profiles'!$G$19=$B$24,21,0),MOD($C895,24)+1)/SUM(INDEX($D$3:$AA$30,INDEX(Jesper!$R$2:$R$366,ROW(INDEX(Jesper!AI$2:AI$366,ROUNDDOWN($C895/24,0)+1,1))-1)+IF('Standard Profiles'!$G$19=$B$10,7,0)+IF('Standard Profiles'!$G$19=$B$17,14,0)+IF('Standard Profiles'!$G$19=$B$24,21,0),0)),0)</f>
        <v>5.9536564868488489</v>
      </c>
      <c r="F895" cm="1">
        <f t="array" ref="F895">IFERROR(INDEX(Jesper!AJ$2:AJ$366,ROUNDDOWN($C895/24,0)+1,1)*INDEX($D$3:$AA$30,INDEX(Jesper!$R$2:$R$366,ROW(INDEX(Jesper!AJ$2:AJ$366,ROUNDDOWN($C895/24,0)+1,1))-1)+IF('Standard Profiles'!$G$20=$B$10,7,0)+IF('Standard Profiles'!$G$20=$B$17,14,0)+IF('Standard Profiles'!$G$20=$B$24,21,0),MOD($C895,24)+1)/SUM(INDEX($D$3:$AA$30,INDEX(Jesper!$R$2:$R$366,ROW(INDEX(Jesper!AJ$2:AJ$366,ROUNDDOWN($C895/24,0)+1,1))-1)+IF('Standard Profiles'!$G$20=$B$10,7,0)+IF('Standard Profiles'!$G$20=$B$17,14,0)+IF('Standard Profiles'!$G$20=$B$24,21,0),0)),0)</f>
        <v>5.3988216788772938</v>
      </c>
      <c r="G895" cm="1">
        <f t="array" ref="G895">IFERROR(INDEX(Jesper!AK$2:AK$366,ROUNDDOWN($C895/24,0)+1,1)*INDEX($D$3:$AA$30,INDEX(Jesper!$R$2:$R$366,ROW(INDEX(Jesper!AK$2:AK$366,ROUNDDOWN($C895/24,0)+1,1))-1)+IF('Standard Profiles'!$G$21=$B$10,7,0)+IF('Standard Profiles'!$G$21=$B$17,14,0)+IF('Standard Profiles'!$G$21=$B$24,21,0),MOD($C895,24)+1)/SUM(INDEX($D$3:$AA$30,INDEX(Jesper!$R$2:$R$366,ROW(INDEX(Jesper!AK$2:AK$366,ROUNDDOWN($C895/24,0)+1,1))-1)+IF('Standard Profiles'!$G$21=$B$10,7,0)+IF('Standard Profiles'!$G$21=$B$17,14,0)+IF('Standard Profiles'!$G$21=$B$24,21,0),0)),0)</f>
        <v>9.509592750321147</v>
      </c>
      <c r="H895" cm="1">
        <f t="array" ref="H895">IFERROR(INDEX(Jesper!AL$2:AL$366,ROUNDDOWN($C895/24,0)+1,1)*INDEX($D$3:$AA$30,INDEX(Jesper!$R$2:$R$366,ROW(INDEX(Jesper!AL$2:AL$366,ROUNDDOWN($C895/24,0)+1,1))-1)+IF('Standard Profiles'!$G$22=$B$10,7,0)+IF('Standard Profiles'!$G$22=$B$17,14,0)+IF('Standard Profiles'!$G$22=$B$24,21,0),MOD($C895,24)+1)/SUM(INDEX($D$3:$AA$30,INDEX(Jesper!$R$2:$R$366,ROW(INDEX(Jesper!AL$2:AL$366,ROUNDDOWN($C895/24,0)+1,1))-1)+IF('Standard Profiles'!$G$22=$B$10,7,0)+IF('Standard Profiles'!$G$22=$B$17,14,0)+IF('Standard Profiles'!$G$22=$B$24,21,0),0)),0)</f>
        <v>4.0373329670044109</v>
      </c>
      <c r="I895">
        <f t="shared" si="111"/>
        <v>3.8758396483242366</v>
      </c>
      <c r="J895">
        <f t="shared" si="112"/>
        <v>20.309125456305605</v>
      </c>
      <c r="K895">
        <f t="shared" si="113"/>
        <v>0.47629251894790792</v>
      </c>
      <c r="L895">
        <f t="shared" si="114"/>
        <v>0.23814625947395396</v>
      </c>
      <c r="M895">
        <f t="shared" si="115"/>
        <v>0</v>
      </c>
      <c r="N895" s="45">
        <f t="shared" si="116"/>
        <v>44962.874999997912</v>
      </c>
    </row>
    <row r="896" spans="2:14" x14ac:dyDescent="0.25">
      <c r="B896">
        <f t="shared" si="110"/>
        <v>7</v>
      </c>
      <c r="C896" s="16">
        <v>862</v>
      </c>
      <c r="D896" cm="1">
        <f t="array" ref="D896">IFERROR(INDEX(Jesper!AH$2:AH$366,ROUNDDOWN($C896/24,0)+1,1)*INDEX($D$3:$AA$30,INDEX(Jesper!$R$2:$R$366,ROW(INDEX(Jesper!AH$2:AH$366,ROUNDDOWN($C896/24,0)+1,1))-1)+IF('Standard Profiles'!$G$18=$B$10,7,0)+IF('Standard Profiles'!$G$18=$B$17,14,0)+IF('Standard Profiles'!$G$18=$B$24,21,0),MOD($C896,24)+1)/SUM(INDEX($D$3:$AA$30,INDEX(Jesper!$R$2:$R$366,ROW(INDEX(Jesper!AH$2:AH$366,ROUNDDOWN($C896/24,0)+1,1))-1)+IF('Standard Profiles'!$G$18=$B$10,7,0)+IF('Standard Profiles'!$G$18=$B$17,14,0)+IF('Standard Profiles'!$G$18=$B$24,21,0),0)),0)</f>
        <v>0</v>
      </c>
      <c r="E896" cm="1">
        <f t="array" ref="E896">IFERROR(INDEX(Jesper!AI$2:AI$366,ROUNDDOWN($C896/24,0)+1,1)*INDEX($D$3:$AA$30,INDEX(Jesper!$R$2:$R$366,ROW(INDEX(Jesper!AI$2:AI$366,ROUNDDOWN($C896/24,0)+1,1))-1)+IF('Standard Profiles'!$G$19=$B$10,7,0)+IF('Standard Profiles'!$G$19=$B$17,14,0)+IF('Standard Profiles'!$G$19=$B$24,21,0),MOD($C896,24)+1)/SUM(INDEX($D$3:$AA$30,INDEX(Jesper!$R$2:$R$366,ROW(INDEX(Jesper!AI$2:AI$366,ROUNDDOWN($C896/24,0)+1,1))-1)+IF('Standard Profiles'!$G$19=$B$10,7,0)+IF('Standard Profiles'!$G$19=$B$17,14,0)+IF('Standard Profiles'!$G$19=$B$24,21,0),0)),0)</f>
        <v>5.9536564868488489</v>
      </c>
      <c r="F896" cm="1">
        <f t="array" ref="F896">IFERROR(INDEX(Jesper!AJ$2:AJ$366,ROUNDDOWN($C896/24,0)+1,1)*INDEX($D$3:$AA$30,INDEX(Jesper!$R$2:$R$366,ROW(INDEX(Jesper!AJ$2:AJ$366,ROUNDDOWN($C896/24,0)+1,1))-1)+IF('Standard Profiles'!$G$20=$B$10,7,0)+IF('Standard Profiles'!$G$20=$B$17,14,0)+IF('Standard Profiles'!$G$20=$B$24,21,0),MOD($C896,24)+1)/SUM(INDEX($D$3:$AA$30,INDEX(Jesper!$R$2:$R$366,ROW(INDEX(Jesper!AJ$2:AJ$366,ROUNDDOWN($C896/24,0)+1,1))-1)+IF('Standard Profiles'!$G$20=$B$10,7,0)+IF('Standard Profiles'!$G$20=$B$17,14,0)+IF('Standard Profiles'!$G$20=$B$24,21,0),0)),0)</f>
        <v>5.3988216788772938</v>
      </c>
      <c r="G896" cm="1">
        <f t="array" ref="G896">IFERROR(INDEX(Jesper!AK$2:AK$366,ROUNDDOWN($C896/24,0)+1,1)*INDEX($D$3:$AA$30,INDEX(Jesper!$R$2:$R$366,ROW(INDEX(Jesper!AK$2:AK$366,ROUNDDOWN($C896/24,0)+1,1))-1)+IF('Standard Profiles'!$G$21=$B$10,7,0)+IF('Standard Profiles'!$G$21=$B$17,14,0)+IF('Standard Profiles'!$G$21=$B$24,21,0),MOD($C896,24)+1)/SUM(INDEX($D$3:$AA$30,INDEX(Jesper!$R$2:$R$366,ROW(INDEX(Jesper!AK$2:AK$366,ROUNDDOWN($C896/24,0)+1,1))-1)+IF('Standard Profiles'!$G$21=$B$10,7,0)+IF('Standard Profiles'!$G$21=$B$17,14,0)+IF('Standard Profiles'!$G$21=$B$24,21,0),0)),0)</f>
        <v>9.509592750321147</v>
      </c>
      <c r="H896" cm="1">
        <f t="array" ref="H896">IFERROR(INDEX(Jesper!AL$2:AL$366,ROUNDDOWN($C896/24,0)+1,1)*INDEX($D$3:$AA$30,INDEX(Jesper!$R$2:$R$366,ROW(INDEX(Jesper!AL$2:AL$366,ROUNDDOWN($C896/24,0)+1,1))-1)+IF('Standard Profiles'!$G$22=$B$10,7,0)+IF('Standard Profiles'!$G$22=$B$17,14,0)+IF('Standard Profiles'!$G$22=$B$24,21,0),MOD($C896,24)+1)/SUM(INDEX($D$3:$AA$30,INDEX(Jesper!$R$2:$R$366,ROW(INDEX(Jesper!AL$2:AL$366,ROUNDDOWN($C896/24,0)+1,1))-1)+IF('Standard Profiles'!$G$22=$B$10,7,0)+IF('Standard Profiles'!$G$22=$B$17,14,0)+IF('Standard Profiles'!$G$22=$B$24,21,0),0)),0)</f>
        <v>4.0373329670044109</v>
      </c>
      <c r="I896">
        <f t="shared" si="111"/>
        <v>3.8758396483242366</v>
      </c>
      <c r="J896">
        <f t="shared" si="112"/>
        <v>20.309125456305605</v>
      </c>
      <c r="K896">
        <f t="shared" si="113"/>
        <v>0.47629251894790792</v>
      </c>
      <c r="L896">
        <f t="shared" si="114"/>
        <v>0.23814625947395396</v>
      </c>
      <c r="M896">
        <f t="shared" si="115"/>
        <v>0</v>
      </c>
      <c r="N896" s="45">
        <f t="shared" si="116"/>
        <v>44962.916666664576</v>
      </c>
    </row>
    <row r="897" spans="2:14" x14ac:dyDescent="0.25">
      <c r="B897">
        <f t="shared" si="110"/>
        <v>7</v>
      </c>
      <c r="C897" s="16">
        <v>863</v>
      </c>
      <c r="D897" cm="1">
        <f t="array" ref="D897">IFERROR(INDEX(Jesper!AH$2:AH$366,ROUNDDOWN($C897/24,0)+1,1)*INDEX($D$3:$AA$30,INDEX(Jesper!$R$2:$R$366,ROW(INDEX(Jesper!AH$2:AH$366,ROUNDDOWN($C897/24,0)+1,1))-1)+IF('Standard Profiles'!$G$18=$B$10,7,0)+IF('Standard Profiles'!$G$18=$B$17,14,0)+IF('Standard Profiles'!$G$18=$B$24,21,0),MOD($C897,24)+1)/SUM(INDEX($D$3:$AA$30,INDEX(Jesper!$R$2:$R$366,ROW(INDEX(Jesper!AH$2:AH$366,ROUNDDOWN($C897/24,0)+1,1))-1)+IF('Standard Profiles'!$G$18=$B$10,7,0)+IF('Standard Profiles'!$G$18=$B$17,14,0)+IF('Standard Profiles'!$G$18=$B$24,21,0),0)),0)</f>
        <v>0</v>
      </c>
      <c r="E897" cm="1">
        <f t="array" ref="E897">IFERROR(INDEX(Jesper!AI$2:AI$366,ROUNDDOWN($C897/24,0)+1,1)*INDEX($D$3:$AA$30,INDEX(Jesper!$R$2:$R$366,ROW(INDEX(Jesper!AI$2:AI$366,ROUNDDOWN($C897/24,0)+1,1))-1)+IF('Standard Profiles'!$G$19=$B$10,7,0)+IF('Standard Profiles'!$G$19=$B$17,14,0)+IF('Standard Profiles'!$G$19=$B$24,21,0),MOD($C897,24)+1)/SUM(INDEX($D$3:$AA$30,INDEX(Jesper!$R$2:$R$366,ROW(INDEX(Jesper!AI$2:AI$366,ROUNDDOWN($C897/24,0)+1,1))-1)+IF('Standard Profiles'!$G$19=$B$10,7,0)+IF('Standard Profiles'!$G$19=$B$17,14,0)+IF('Standard Profiles'!$G$19=$B$24,21,0),0)),0)</f>
        <v>5.9536564868488489</v>
      </c>
      <c r="F897" cm="1">
        <f t="array" ref="F897">IFERROR(INDEX(Jesper!AJ$2:AJ$366,ROUNDDOWN($C897/24,0)+1,1)*INDEX($D$3:$AA$30,INDEX(Jesper!$R$2:$R$366,ROW(INDEX(Jesper!AJ$2:AJ$366,ROUNDDOWN($C897/24,0)+1,1))-1)+IF('Standard Profiles'!$G$20=$B$10,7,0)+IF('Standard Profiles'!$G$20=$B$17,14,0)+IF('Standard Profiles'!$G$20=$B$24,21,0),MOD($C897,24)+1)/SUM(INDEX($D$3:$AA$30,INDEX(Jesper!$R$2:$R$366,ROW(INDEX(Jesper!AJ$2:AJ$366,ROUNDDOWN($C897/24,0)+1,1))-1)+IF('Standard Profiles'!$G$20=$B$10,7,0)+IF('Standard Profiles'!$G$20=$B$17,14,0)+IF('Standard Profiles'!$G$20=$B$24,21,0),0)),0)</f>
        <v>5.3988216788772938</v>
      </c>
      <c r="G897" cm="1">
        <f t="array" ref="G897">IFERROR(INDEX(Jesper!AK$2:AK$366,ROUNDDOWN($C897/24,0)+1,1)*INDEX($D$3:$AA$30,INDEX(Jesper!$R$2:$R$366,ROW(INDEX(Jesper!AK$2:AK$366,ROUNDDOWN($C897/24,0)+1,1))-1)+IF('Standard Profiles'!$G$21=$B$10,7,0)+IF('Standard Profiles'!$G$21=$B$17,14,0)+IF('Standard Profiles'!$G$21=$B$24,21,0),MOD($C897,24)+1)/SUM(INDEX($D$3:$AA$30,INDEX(Jesper!$R$2:$R$366,ROW(INDEX(Jesper!AK$2:AK$366,ROUNDDOWN($C897/24,0)+1,1))-1)+IF('Standard Profiles'!$G$21=$B$10,7,0)+IF('Standard Profiles'!$G$21=$B$17,14,0)+IF('Standard Profiles'!$G$21=$B$24,21,0),0)),0)</f>
        <v>9.509592750321147</v>
      </c>
      <c r="H897" cm="1">
        <f t="array" ref="H897">IFERROR(INDEX(Jesper!AL$2:AL$366,ROUNDDOWN($C897/24,0)+1,1)*INDEX($D$3:$AA$30,INDEX(Jesper!$R$2:$R$366,ROW(INDEX(Jesper!AL$2:AL$366,ROUNDDOWN($C897/24,0)+1,1))-1)+IF('Standard Profiles'!$G$22=$B$10,7,0)+IF('Standard Profiles'!$G$22=$B$17,14,0)+IF('Standard Profiles'!$G$22=$B$24,21,0),MOD($C897,24)+1)/SUM(INDEX($D$3:$AA$30,INDEX(Jesper!$R$2:$R$366,ROW(INDEX(Jesper!AL$2:AL$366,ROUNDDOWN($C897/24,0)+1,1))-1)+IF('Standard Profiles'!$G$22=$B$10,7,0)+IF('Standard Profiles'!$G$22=$B$17,14,0)+IF('Standard Profiles'!$G$22=$B$24,21,0),0)),0)</f>
        <v>4.0373329670044109</v>
      </c>
      <c r="I897">
        <f t="shared" si="111"/>
        <v>3.8758396483242366</v>
      </c>
      <c r="J897">
        <f t="shared" si="112"/>
        <v>20.309125456305605</v>
      </c>
      <c r="K897">
        <f t="shared" si="113"/>
        <v>0.47629251894790792</v>
      </c>
      <c r="L897">
        <f t="shared" si="114"/>
        <v>0.23814625947395396</v>
      </c>
      <c r="M897">
        <f t="shared" si="115"/>
        <v>0</v>
      </c>
      <c r="N897" s="45">
        <f t="shared" si="116"/>
        <v>44962.95833333124</v>
      </c>
    </row>
    <row r="898" spans="2:14" x14ac:dyDescent="0.25">
      <c r="B898">
        <f t="shared" si="110"/>
        <v>1</v>
      </c>
      <c r="C898" s="16">
        <v>864</v>
      </c>
      <c r="D898" cm="1">
        <f t="array" ref="D898">IFERROR(INDEX(Jesper!AH$2:AH$366,ROUNDDOWN($C898/24,0)+1,1)*INDEX($D$3:$AA$30,INDEX(Jesper!$R$2:$R$366,ROW(INDEX(Jesper!AH$2:AH$366,ROUNDDOWN($C898/24,0)+1,1))-1)+IF('Standard Profiles'!$G$18=$B$10,7,0)+IF('Standard Profiles'!$G$18=$B$17,14,0)+IF('Standard Profiles'!$G$18=$B$24,21,0),MOD($C898,24)+1)/SUM(INDEX($D$3:$AA$30,INDEX(Jesper!$R$2:$R$366,ROW(INDEX(Jesper!AH$2:AH$366,ROUNDDOWN($C898/24,0)+1,1))-1)+IF('Standard Profiles'!$G$18=$B$10,7,0)+IF('Standard Profiles'!$G$18=$B$17,14,0)+IF('Standard Profiles'!$G$18=$B$24,21,0),0)),0)</f>
        <v>6.3297359359924164</v>
      </c>
      <c r="E898" cm="1">
        <f t="array" ref="E898">IFERROR(INDEX(Jesper!AI$2:AI$366,ROUNDDOWN($C898/24,0)+1,1)*INDEX($D$3:$AA$30,INDEX(Jesper!$R$2:$R$366,ROW(INDEX(Jesper!AI$2:AI$366,ROUNDDOWN($C898/24,0)+1,1))-1)+IF('Standard Profiles'!$G$19=$B$10,7,0)+IF('Standard Profiles'!$G$19=$B$17,14,0)+IF('Standard Profiles'!$G$19=$B$24,21,0),MOD($C898,24)+1)/SUM(INDEX($D$3:$AA$30,INDEX(Jesper!$R$2:$R$366,ROW(INDEX(Jesper!AI$2:AI$366,ROUNDDOWN($C898/24,0)+1,1))-1)+IF('Standard Profiles'!$G$19=$B$10,7,0)+IF('Standard Profiles'!$G$19=$B$17,14,0)+IF('Standard Profiles'!$G$19=$B$24,21,0),0)),0)</f>
        <v>8.979944162843152</v>
      </c>
      <c r="F898" cm="1">
        <f t="array" ref="F898">IFERROR(INDEX(Jesper!AJ$2:AJ$366,ROUNDDOWN($C898/24,0)+1,1)*INDEX($D$3:$AA$30,INDEX(Jesper!$R$2:$R$366,ROW(INDEX(Jesper!AJ$2:AJ$366,ROUNDDOWN($C898/24,0)+1,1))-1)+IF('Standard Profiles'!$G$20=$B$10,7,0)+IF('Standard Profiles'!$G$20=$B$17,14,0)+IF('Standard Profiles'!$G$20=$B$24,21,0),MOD($C898,24)+1)/SUM(INDEX($D$3:$AA$30,INDEX(Jesper!$R$2:$R$366,ROW(INDEX(Jesper!AJ$2:AJ$366,ROUNDDOWN($C898/24,0)+1,1))-1)+IF('Standard Profiles'!$G$20=$B$10,7,0)+IF('Standard Profiles'!$G$20=$B$17,14,0)+IF('Standard Profiles'!$G$20=$B$24,21,0),0)),0)</f>
        <v>0</v>
      </c>
      <c r="G898" cm="1">
        <f t="array" ref="G898">IFERROR(INDEX(Jesper!AK$2:AK$366,ROUNDDOWN($C898/24,0)+1,1)*INDEX($D$3:$AA$30,INDEX(Jesper!$R$2:$R$366,ROW(INDEX(Jesper!AK$2:AK$366,ROUNDDOWN($C898/24,0)+1,1))-1)+IF('Standard Profiles'!$G$21=$B$10,7,0)+IF('Standard Profiles'!$G$21=$B$17,14,0)+IF('Standard Profiles'!$G$21=$B$24,21,0),MOD($C898,24)+1)/SUM(INDEX($D$3:$AA$30,INDEX(Jesper!$R$2:$R$366,ROW(INDEX(Jesper!AK$2:AK$366,ROUNDDOWN($C898/24,0)+1,1))-1)+IF('Standard Profiles'!$G$21=$B$10,7,0)+IF('Standard Profiles'!$G$21=$B$17,14,0)+IF('Standard Profiles'!$G$21=$B$24,21,0),0)),0)</f>
        <v>9.6010197348149333</v>
      </c>
      <c r="H898" cm="1">
        <f t="array" ref="H898">IFERROR(INDEX(Jesper!AL$2:AL$366,ROUNDDOWN($C898/24,0)+1,1)*INDEX($D$3:$AA$30,INDEX(Jesper!$R$2:$R$366,ROW(INDEX(Jesper!AL$2:AL$366,ROUNDDOWN($C898/24,0)+1,1))-1)+IF('Standard Profiles'!$G$22=$B$10,7,0)+IF('Standard Profiles'!$G$22=$B$17,14,0)+IF('Standard Profiles'!$G$22=$B$24,21,0),MOD($C898,24)+1)/SUM(INDEX($D$3:$AA$30,INDEX(Jesper!$R$2:$R$366,ROW(INDEX(Jesper!AL$2:AL$366,ROUNDDOWN($C898/24,0)+1,1))-1)+IF('Standard Profiles'!$G$22=$B$10,7,0)+IF('Standard Profiles'!$G$22=$B$17,14,0)+IF('Standard Profiles'!$G$22=$B$24,21,0),0)),0)</f>
        <v>0</v>
      </c>
      <c r="I898">
        <f t="shared" si="111"/>
        <v>4.6084894727111658</v>
      </c>
      <c r="J898">
        <f t="shared" si="112"/>
        <v>19.289452611180547</v>
      </c>
      <c r="K898">
        <f t="shared" si="113"/>
        <v>0.67517183317252449</v>
      </c>
      <c r="L898">
        <f t="shared" si="114"/>
        <v>0.33758591658626225</v>
      </c>
      <c r="M898">
        <f t="shared" si="115"/>
        <v>0</v>
      </c>
      <c r="N898" s="45">
        <f t="shared" si="116"/>
        <v>44962.999999997905</v>
      </c>
    </row>
    <row r="899" spans="2:14" x14ac:dyDescent="0.25">
      <c r="B899">
        <f t="shared" si="110"/>
        <v>1</v>
      </c>
      <c r="C899" s="16">
        <v>865</v>
      </c>
      <c r="D899" cm="1">
        <f t="array" ref="D899">IFERROR(INDEX(Jesper!AH$2:AH$366,ROUNDDOWN($C899/24,0)+1,1)*INDEX($D$3:$AA$30,INDEX(Jesper!$R$2:$R$366,ROW(INDEX(Jesper!AH$2:AH$366,ROUNDDOWN($C899/24,0)+1,1))-1)+IF('Standard Profiles'!$G$18=$B$10,7,0)+IF('Standard Profiles'!$G$18=$B$17,14,0)+IF('Standard Profiles'!$G$18=$B$24,21,0),MOD($C899,24)+1)/SUM(INDEX($D$3:$AA$30,INDEX(Jesper!$R$2:$R$366,ROW(INDEX(Jesper!AH$2:AH$366,ROUNDDOWN($C899/24,0)+1,1))-1)+IF('Standard Profiles'!$G$18=$B$10,7,0)+IF('Standard Profiles'!$G$18=$B$17,14,0)+IF('Standard Profiles'!$G$18=$B$24,21,0),0)),0)</f>
        <v>6.3297359359924164</v>
      </c>
      <c r="E899" cm="1">
        <f t="array" ref="E899">IFERROR(INDEX(Jesper!AI$2:AI$366,ROUNDDOWN($C899/24,0)+1,1)*INDEX($D$3:$AA$30,INDEX(Jesper!$R$2:$R$366,ROW(INDEX(Jesper!AI$2:AI$366,ROUNDDOWN($C899/24,0)+1,1))-1)+IF('Standard Profiles'!$G$19=$B$10,7,0)+IF('Standard Profiles'!$G$19=$B$17,14,0)+IF('Standard Profiles'!$G$19=$B$24,21,0),MOD($C899,24)+1)/SUM(INDEX($D$3:$AA$30,INDEX(Jesper!$R$2:$R$366,ROW(INDEX(Jesper!AI$2:AI$366,ROUNDDOWN($C899/24,0)+1,1))-1)+IF('Standard Profiles'!$G$19=$B$10,7,0)+IF('Standard Profiles'!$G$19=$B$17,14,0)+IF('Standard Profiles'!$G$19=$B$24,21,0),0)),0)</f>
        <v>8.979944162843152</v>
      </c>
      <c r="F899" cm="1">
        <f t="array" ref="F899">IFERROR(INDEX(Jesper!AJ$2:AJ$366,ROUNDDOWN($C899/24,0)+1,1)*INDEX($D$3:$AA$30,INDEX(Jesper!$R$2:$R$366,ROW(INDEX(Jesper!AJ$2:AJ$366,ROUNDDOWN($C899/24,0)+1,1))-1)+IF('Standard Profiles'!$G$20=$B$10,7,0)+IF('Standard Profiles'!$G$20=$B$17,14,0)+IF('Standard Profiles'!$G$20=$B$24,21,0),MOD($C899,24)+1)/SUM(INDEX($D$3:$AA$30,INDEX(Jesper!$R$2:$R$366,ROW(INDEX(Jesper!AJ$2:AJ$366,ROUNDDOWN($C899/24,0)+1,1))-1)+IF('Standard Profiles'!$G$20=$B$10,7,0)+IF('Standard Profiles'!$G$20=$B$17,14,0)+IF('Standard Profiles'!$G$20=$B$24,21,0),0)),0)</f>
        <v>0</v>
      </c>
      <c r="G899" cm="1">
        <f t="array" ref="G899">IFERROR(INDEX(Jesper!AK$2:AK$366,ROUNDDOWN($C899/24,0)+1,1)*INDEX($D$3:$AA$30,INDEX(Jesper!$R$2:$R$366,ROW(INDEX(Jesper!AK$2:AK$366,ROUNDDOWN($C899/24,0)+1,1))-1)+IF('Standard Profiles'!$G$21=$B$10,7,0)+IF('Standard Profiles'!$G$21=$B$17,14,0)+IF('Standard Profiles'!$G$21=$B$24,21,0),MOD($C899,24)+1)/SUM(INDEX($D$3:$AA$30,INDEX(Jesper!$R$2:$R$366,ROW(INDEX(Jesper!AK$2:AK$366,ROUNDDOWN($C899/24,0)+1,1))-1)+IF('Standard Profiles'!$G$21=$B$10,7,0)+IF('Standard Profiles'!$G$21=$B$17,14,0)+IF('Standard Profiles'!$G$21=$B$24,21,0),0)),0)</f>
        <v>9.6010197348149333</v>
      </c>
      <c r="H899" cm="1">
        <f t="array" ref="H899">IFERROR(INDEX(Jesper!AL$2:AL$366,ROUNDDOWN($C899/24,0)+1,1)*INDEX($D$3:$AA$30,INDEX(Jesper!$R$2:$R$366,ROW(INDEX(Jesper!AL$2:AL$366,ROUNDDOWN($C899/24,0)+1,1))-1)+IF('Standard Profiles'!$G$22=$B$10,7,0)+IF('Standard Profiles'!$G$22=$B$17,14,0)+IF('Standard Profiles'!$G$22=$B$24,21,0),MOD($C899,24)+1)/SUM(INDEX($D$3:$AA$30,INDEX(Jesper!$R$2:$R$366,ROW(INDEX(Jesper!AL$2:AL$366,ROUNDDOWN($C899/24,0)+1,1))-1)+IF('Standard Profiles'!$G$22=$B$10,7,0)+IF('Standard Profiles'!$G$22=$B$17,14,0)+IF('Standard Profiles'!$G$22=$B$24,21,0),0)),0)</f>
        <v>0</v>
      </c>
      <c r="I899">
        <f t="shared" si="111"/>
        <v>4.6084894727111658</v>
      </c>
      <c r="J899">
        <f t="shared" si="112"/>
        <v>19.289452611180547</v>
      </c>
      <c r="K899">
        <f t="shared" si="113"/>
        <v>0.67517183317252449</v>
      </c>
      <c r="L899">
        <f t="shared" si="114"/>
        <v>0.33758591658626225</v>
      </c>
      <c r="M899">
        <f t="shared" si="115"/>
        <v>0</v>
      </c>
      <c r="N899" s="45">
        <f t="shared" si="116"/>
        <v>44963.041666664569</v>
      </c>
    </row>
    <row r="900" spans="2:14" x14ac:dyDescent="0.25">
      <c r="B900">
        <f t="shared" si="110"/>
        <v>1</v>
      </c>
      <c r="C900" s="16">
        <v>866</v>
      </c>
      <c r="D900" cm="1">
        <f t="array" ref="D900">IFERROR(INDEX(Jesper!AH$2:AH$366,ROUNDDOWN($C900/24,0)+1,1)*INDEX($D$3:$AA$30,INDEX(Jesper!$R$2:$R$366,ROW(INDEX(Jesper!AH$2:AH$366,ROUNDDOWN($C900/24,0)+1,1))-1)+IF('Standard Profiles'!$G$18=$B$10,7,0)+IF('Standard Profiles'!$G$18=$B$17,14,0)+IF('Standard Profiles'!$G$18=$B$24,21,0),MOD($C900,24)+1)/SUM(INDEX($D$3:$AA$30,INDEX(Jesper!$R$2:$R$366,ROW(INDEX(Jesper!AH$2:AH$366,ROUNDDOWN($C900/24,0)+1,1))-1)+IF('Standard Profiles'!$G$18=$B$10,7,0)+IF('Standard Profiles'!$G$18=$B$17,14,0)+IF('Standard Profiles'!$G$18=$B$24,21,0),0)),0)</f>
        <v>6.3297359359924164</v>
      </c>
      <c r="E900" cm="1">
        <f t="array" ref="E900">IFERROR(INDEX(Jesper!AI$2:AI$366,ROUNDDOWN($C900/24,0)+1,1)*INDEX($D$3:$AA$30,INDEX(Jesper!$R$2:$R$366,ROW(INDEX(Jesper!AI$2:AI$366,ROUNDDOWN($C900/24,0)+1,1))-1)+IF('Standard Profiles'!$G$19=$B$10,7,0)+IF('Standard Profiles'!$G$19=$B$17,14,0)+IF('Standard Profiles'!$G$19=$B$24,21,0),MOD($C900,24)+1)/SUM(INDEX($D$3:$AA$30,INDEX(Jesper!$R$2:$R$366,ROW(INDEX(Jesper!AI$2:AI$366,ROUNDDOWN($C900/24,0)+1,1))-1)+IF('Standard Profiles'!$G$19=$B$10,7,0)+IF('Standard Profiles'!$G$19=$B$17,14,0)+IF('Standard Profiles'!$G$19=$B$24,21,0),0)),0)</f>
        <v>8.979944162843152</v>
      </c>
      <c r="F900" cm="1">
        <f t="array" ref="F900">IFERROR(INDEX(Jesper!AJ$2:AJ$366,ROUNDDOWN($C900/24,0)+1,1)*INDEX($D$3:$AA$30,INDEX(Jesper!$R$2:$R$366,ROW(INDEX(Jesper!AJ$2:AJ$366,ROUNDDOWN($C900/24,0)+1,1))-1)+IF('Standard Profiles'!$G$20=$B$10,7,0)+IF('Standard Profiles'!$G$20=$B$17,14,0)+IF('Standard Profiles'!$G$20=$B$24,21,0),MOD($C900,24)+1)/SUM(INDEX($D$3:$AA$30,INDEX(Jesper!$R$2:$R$366,ROW(INDEX(Jesper!AJ$2:AJ$366,ROUNDDOWN($C900/24,0)+1,1))-1)+IF('Standard Profiles'!$G$20=$B$10,7,0)+IF('Standard Profiles'!$G$20=$B$17,14,0)+IF('Standard Profiles'!$G$20=$B$24,21,0),0)),0)</f>
        <v>0</v>
      </c>
      <c r="G900" cm="1">
        <f t="array" ref="G900">IFERROR(INDEX(Jesper!AK$2:AK$366,ROUNDDOWN($C900/24,0)+1,1)*INDEX($D$3:$AA$30,INDEX(Jesper!$R$2:$R$366,ROW(INDEX(Jesper!AK$2:AK$366,ROUNDDOWN($C900/24,0)+1,1))-1)+IF('Standard Profiles'!$G$21=$B$10,7,0)+IF('Standard Profiles'!$G$21=$B$17,14,0)+IF('Standard Profiles'!$G$21=$B$24,21,0),MOD($C900,24)+1)/SUM(INDEX($D$3:$AA$30,INDEX(Jesper!$R$2:$R$366,ROW(INDEX(Jesper!AK$2:AK$366,ROUNDDOWN($C900/24,0)+1,1))-1)+IF('Standard Profiles'!$G$21=$B$10,7,0)+IF('Standard Profiles'!$G$21=$B$17,14,0)+IF('Standard Profiles'!$G$21=$B$24,21,0),0)),0)</f>
        <v>9.6010197348149333</v>
      </c>
      <c r="H900" cm="1">
        <f t="array" ref="H900">IFERROR(INDEX(Jesper!AL$2:AL$366,ROUNDDOWN($C900/24,0)+1,1)*INDEX($D$3:$AA$30,INDEX(Jesper!$R$2:$R$366,ROW(INDEX(Jesper!AL$2:AL$366,ROUNDDOWN($C900/24,0)+1,1))-1)+IF('Standard Profiles'!$G$22=$B$10,7,0)+IF('Standard Profiles'!$G$22=$B$17,14,0)+IF('Standard Profiles'!$G$22=$B$24,21,0),MOD($C900,24)+1)/SUM(INDEX($D$3:$AA$30,INDEX(Jesper!$R$2:$R$366,ROW(INDEX(Jesper!AL$2:AL$366,ROUNDDOWN($C900/24,0)+1,1))-1)+IF('Standard Profiles'!$G$22=$B$10,7,0)+IF('Standard Profiles'!$G$22=$B$17,14,0)+IF('Standard Profiles'!$G$22=$B$24,21,0),0)),0)</f>
        <v>0</v>
      </c>
      <c r="I900">
        <f t="shared" si="111"/>
        <v>4.6084894727111658</v>
      </c>
      <c r="J900">
        <f t="shared" si="112"/>
        <v>19.289452611180547</v>
      </c>
      <c r="K900">
        <f t="shared" si="113"/>
        <v>0.67517183317252449</v>
      </c>
      <c r="L900">
        <f t="shared" si="114"/>
        <v>0.33758591658626225</v>
      </c>
      <c r="M900">
        <f t="shared" si="115"/>
        <v>0</v>
      </c>
      <c r="N900" s="45">
        <f t="shared" si="116"/>
        <v>44963.083333331233</v>
      </c>
    </row>
    <row r="901" spans="2:14" x14ac:dyDescent="0.25">
      <c r="B901">
        <f t="shared" si="110"/>
        <v>1</v>
      </c>
      <c r="C901" s="16">
        <v>867</v>
      </c>
      <c r="D901" cm="1">
        <f t="array" ref="D901">IFERROR(INDEX(Jesper!AH$2:AH$366,ROUNDDOWN($C901/24,0)+1,1)*INDEX($D$3:$AA$30,INDEX(Jesper!$R$2:$R$366,ROW(INDEX(Jesper!AH$2:AH$366,ROUNDDOWN($C901/24,0)+1,1))-1)+IF('Standard Profiles'!$G$18=$B$10,7,0)+IF('Standard Profiles'!$G$18=$B$17,14,0)+IF('Standard Profiles'!$G$18=$B$24,21,0),MOD($C901,24)+1)/SUM(INDEX($D$3:$AA$30,INDEX(Jesper!$R$2:$R$366,ROW(INDEX(Jesper!AH$2:AH$366,ROUNDDOWN($C901/24,0)+1,1))-1)+IF('Standard Profiles'!$G$18=$B$10,7,0)+IF('Standard Profiles'!$G$18=$B$17,14,0)+IF('Standard Profiles'!$G$18=$B$24,21,0),0)),0)</f>
        <v>6.3297359359924164</v>
      </c>
      <c r="E901" cm="1">
        <f t="array" ref="E901">IFERROR(INDEX(Jesper!AI$2:AI$366,ROUNDDOWN($C901/24,0)+1,1)*INDEX($D$3:$AA$30,INDEX(Jesper!$R$2:$R$366,ROW(INDEX(Jesper!AI$2:AI$366,ROUNDDOWN($C901/24,0)+1,1))-1)+IF('Standard Profiles'!$G$19=$B$10,7,0)+IF('Standard Profiles'!$G$19=$B$17,14,0)+IF('Standard Profiles'!$G$19=$B$24,21,0),MOD($C901,24)+1)/SUM(INDEX($D$3:$AA$30,INDEX(Jesper!$R$2:$R$366,ROW(INDEX(Jesper!AI$2:AI$366,ROUNDDOWN($C901/24,0)+1,1))-1)+IF('Standard Profiles'!$G$19=$B$10,7,0)+IF('Standard Profiles'!$G$19=$B$17,14,0)+IF('Standard Profiles'!$G$19=$B$24,21,0),0)),0)</f>
        <v>8.979944162843152</v>
      </c>
      <c r="F901" cm="1">
        <f t="array" ref="F901">IFERROR(INDEX(Jesper!AJ$2:AJ$366,ROUNDDOWN($C901/24,0)+1,1)*INDEX($D$3:$AA$30,INDEX(Jesper!$R$2:$R$366,ROW(INDEX(Jesper!AJ$2:AJ$366,ROUNDDOWN($C901/24,0)+1,1))-1)+IF('Standard Profiles'!$G$20=$B$10,7,0)+IF('Standard Profiles'!$G$20=$B$17,14,0)+IF('Standard Profiles'!$G$20=$B$24,21,0),MOD($C901,24)+1)/SUM(INDEX($D$3:$AA$30,INDEX(Jesper!$R$2:$R$366,ROW(INDEX(Jesper!AJ$2:AJ$366,ROUNDDOWN($C901/24,0)+1,1))-1)+IF('Standard Profiles'!$G$20=$B$10,7,0)+IF('Standard Profiles'!$G$20=$B$17,14,0)+IF('Standard Profiles'!$G$20=$B$24,21,0),0)),0)</f>
        <v>0</v>
      </c>
      <c r="G901" cm="1">
        <f t="array" ref="G901">IFERROR(INDEX(Jesper!AK$2:AK$366,ROUNDDOWN($C901/24,0)+1,1)*INDEX($D$3:$AA$30,INDEX(Jesper!$R$2:$R$366,ROW(INDEX(Jesper!AK$2:AK$366,ROUNDDOWN($C901/24,0)+1,1))-1)+IF('Standard Profiles'!$G$21=$B$10,7,0)+IF('Standard Profiles'!$G$21=$B$17,14,0)+IF('Standard Profiles'!$G$21=$B$24,21,0),MOD($C901,24)+1)/SUM(INDEX($D$3:$AA$30,INDEX(Jesper!$R$2:$R$366,ROW(INDEX(Jesper!AK$2:AK$366,ROUNDDOWN($C901/24,0)+1,1))-1)+IF('Standard Profiles'!$G$21=$B$10,7,0)+IF('Standard Profiles'!$G$21=$B$17,14,0)+IF('Standard Profiles'!$G$21=$B$24,21,0),0)),0)</f>
        <v>9.6010197348149333</v>
      </c>
      <c r="H901" cm="1">
        <f t="array" ref="H901">IFERROR(INDEX(Jesper!AL$2:AL$366,ROUNDDOWN($C901/24,0)+1,1)*INDEX($D$3:$AA$30,INDEX(Jesper!$R$2:$R$366,ROW(INDEX(Jesper!AL$2:AL$366,ROUNDDOWN($C901/24,0)+1,1))-1)+IF('Standard Profiles'!$G$22=$B$10,7,0)+IF('Standard Profiles'!$G$22=$B$17,14,0)+IF('Standard Profiles'!$G$22=$B$24,21,0),MOD($C901,24)+1)/SUM(INDEX($D$3:$AA$30,INDEX(Jesper!$R$2:$R$366,ROW(INDEX(Jesper!AL$2:AL$366,ROUNDDOWN($C901/24,0)+1,1))-1)+IF('Standard Profiles'!$G$22=$B$10,7,0)+IF('Standard Profiles'!$G$22=$B$17,14,0)+IF('Standard Profiles'!$G$22=$B$24,21,0),0)),0)</f>
        <v>0</v>
      </c>
      <c r="I901">
        <f t="shared" si="111"/>
        <v>4.6084894727111658</v>
      </c>
      <c r="J901">
        <f t="shared" si="112"/>
        <v>19.289452611180547</v>
      </c>
      <c r="K901">
        <f t="shared" si="113"/>
        <v>0.67517183317252449</v>
      </c>
      <c r="L901">
        <f t="shared" si="114"/>
        <v>0.33758591658626225</v>
      </c>
      <c r="M901">
        <f t="shared" si="115"/>
        <v>0</v>
      </c>
      <c r="N901" s="45">
        <f t="shared" si="116"/>
        <v>44963.124999997897</v>
      </c>
    </row>
    <row r="902" spans="2:14" x14ac:dyDescent="0.25">
      <c r="B902">
        <f t="shared" si="110"/>
        <v>1</v>
      </c>
      <c r="C902" s="16">
        <v>868</v>
      </c>
      <c r="D902" cm="1">
        <f t="array" ref="D902">IFERROR(INDEX(Jesper!AH$2:AH$366,ROUNDDOWN($C902/24,0)+1,1)*INDEX($D$3:$AA$30,INDEX(Jesper!$R$2:$R$366,ROW(INDEX(Jesper!AH$2:AH$366,ROUNDDOWN($C902/24,0)+1,1))-1)+IF('Standard Profiles'!$G$18=$B$10,7,0)+IF('Standard Profiles'!$G$18=$B$17,14,0)+IF('Standard Profiles'!$G$18=$B$24,21,0),MOD($C902,24)+1)/SUM(INDEX($D$3:$AA$30,INDEX(Jesper!$R$2:$R$366,ROW(INDEX(Jesper!AH$2:AH$366,ROUNDDOWN($C902/24,0)+1,1))-1)+IF('Standard Profiles'!$G$18=$B$10,7,0)+IF('Standard Profiles'!$G$18=$B$17,14,0)+IF('Standard Profiles'!$G$18=$B$24,21,0),0)),0)</f>
        <v>6.3297359359924164</v>
      </c>
      <c r="E902" cm="1">
        <f t="array" ref="E902">IFERROR(INDEX(Jesper!AI$2:AI$366,ROUNDDOWN($C902/24,0)+1,1)*INDEX($D$3:$AA$30,INDEX(Jesper!$R$2:$R$366,ROW(INDEX(Jesper!AI$2:AI$366,ROUNDDOWN($C902/24,0)+1,1))-1)+IF('Standard Profiles'!$G$19=$B$10,7,0)+IF('Standard Profiles'!$G$19=$B$17,14,0)+IF('Standard Profiles'!$G$19=$B$24,21,0),MOD($C902,24)+1)/SUM(INDEX($D$3:$AA$30,INDEX(Jesper!$R$2:$R$366,ROW(INDEX(Jesper!AI$2:AI$366,ROUNDDOWN($C902/24,0)+1,1))-1)+IF('Standard Profiles'!$G$19=$B$10,7,0)+IF('Standard Profiles'!$G$19=$B$17,14,0)+IF('Standard Profiles'!$G$19=$B$24,21,0),0)),0)</f>
        <v>8.979944162843152</v>
      </c>
      <c r="F902" cm="1">
        <f t="array" ref="F902">IFERROR(INDEX(Jesper!AJ$2:AJ$366,ROUNDDOWN($C902/24,0)+1,1)*INDEX($D$3:$AA$30,INDEX(Jesper!$R$2:$R$366,ROW(INDEX(Jesper!AJ$2:AJ$366,ROUNDDOWN($C902/24,0)+1,1))-1)+IF('Standard Profiles'!$G$20=$B$10,7,0)+IF('Standard Profiles'!$G$20=$B$17,14,0)+IF('Standard Profiles'!$G$20=$B$24,21,0),MOD($C902,24)+1)/SUM(INDEX($D$3:$AA$30,INDEX(Jesper!$R$2:$R$366,ROW(INDEX(Jesper!AJ$2:AJ$366,ROUNDDOWN($C902/24,0)+1,1))-1)+IF('Standard Profiles'!$G$20=$B$10,7,0)+IF('Standard Profiles'!$G$20=$B$17,14,0)+IF('Standard Profiles'!$G$20=$B$24,21,0),0)),0)</f>
        <v>0</v>
      </c>
      <c r="G902" cm="1">
        <f t="array" ref="G902">IFERROR(INDEX(Jesper!AK$2:AK$366,ROUNDDOWN($C902/24,0)+1,1)*INDEX($D$3:$AA$30,INDEX(Jesper!$R$2:$R$366,ROW(INDEX(Jesper!AK$2:AK$366,ROUNDDOWN($C902/24,0)+1,1))-1)+IF('Standard Profiles'!$G$21=$B$10,7,0)+IF('Standard Profiles'!$G$21=$B$17,14,0)+IF('Standard Profiles'!$G$21=$B$24,21,0),MOD($C902,24)+1)/SUM(INDEX($D$3:$AA$30,INDEX(Jesper!$R$2:$R$366,ROW(INDEX(Jesper!AK$2:AK$366,ROUNDDOWN($C902/24,0)+1,1))-1)+IF('Standard Profiles'!$G$21=$B$10,7,0)+IF('Standard Profiles'!$G$21=$B$17,14,0)+IF('Standard Profiles'!$G$21=$B$24,21,0),0)),0)</f>
        <v>9.6010197348149333</v>
      </c>
      <c r="H902" cm="1">
        <f t="array" ref="H902">IFERROR(INDEX(Jesper!AL$2:AL$366,ROUNDDOWN($C902/24,0)+1,1)*INDEX($D$3:$AA$30,INDEX(Jesper!$R$2:$R$366,ROW(INDEX(Jesper!AL$2:AL$366,ROUNDDOWN($C902/24,0)+1,1))-1)+IF('Standard Profiles'!$G$22=$B$10,7,0)+IF('Standard Profiles'!$G$22=$B$17,14,0)+IF('Standard Profiles'!$G$22=$B$24,21,0),MOD($C902,24)+1)/SUM(INDEX($D$3:$AA$30,INDEX(Jesper!$R$2:$R$366,ROW(INDEX(Jesper!AL$2:AL$366,ROUNDDOWN($C902/24,0)+1,1))-1)+IF('Standard Profiles'!$G$22=$B$10,7,0)+IF('Standard Profiles'!$G$22=$B$17,14,0)+IF('Standard Profiles'!$G$22=$B$24,21,0),0)),0)</f>
        <v>0</v>
      </c>
      <c r="I902">
        <f t="shared" si="111"/>
        <v>4.6084894727111658</v>
      </c>
      <c r="J902">
        <f t="shared" si="112"/>
        <v>19.289452611180547</v>
      </c>
      <c r="K902">
        <f t="shared" si="113"/>
        <v>0.67517183317252449</v>
      </c>
      <c r="L902">
        <f t="shared" si="114"/>
        <v>0.33758591658626225</v>
      </c>
      <c r="M902">
        <f t="shared" si="115"/>
        <v>0</v>
      </c>
      <c r="N902" s="45">
        <f t="shared" si="116"/>
        <v>44963.166666664561</v>
      </c>
    </row>
    <row r="903" spans="2:14" x14ac:dyDescent="0.25">
      <c r="B903">
        <f t="shared" si="110"/>
        <v>1</v>
      </c>
      <c r="C903" s="16">
        <v>869</v>
      </c>
      <c r="D903" cm="1">
        <f t="array" ref="D903">IFERROR(INDEX(Jesper!AH$2:AH$366,ROUNDDOWN($C903/24,0)+1,1)*INDEX($D$3:$AA$30,INDEX(Jesper!$R$2:$R$366,ROW(INDEX(Jesper!AH$2:AH$366,ROUNDDOWN($C903/24,0)+1,1))-1)+IF('Standard Profiles'!$G$18=$B$10,7,0)+IF('Standard Profiles'!$G$18=$B$17,14,0)+IF('Standard Profiles'!$G$18=$B$24,21,0),MOD($C903,24)+1)/SUM(INDEX($D$3:$AA$30,INDEX(Jesper!$R$2:$R$366,ROW(INDEX(Jesper!AH$2:AH$366,ROUNDDOWN($C903/24,0)+1,1))-1)+IF('Standard Profiles'!$G$18=$B$10,7,0)+IF('Standard Profiles'!$G$18=$B$17,14,0)+IF('Standard Profiles'!$G$18=$B$24,21,0),0)),0)</f>
        <v>6.3297359359924164</v>
      </c>
      <c r="E903" cm="1">
        <f t="array" ref="E903">IFERROR(INDEX(Jesper!AI$2:AI$366,ROUNDDOWN($C903/24,0)+1,1)*INDEX($D$3:$AA$30,INDEX(Jesper!$R$2:$R$366,ROW(INDEX(Jesper!AI$2:AI$366,ROUNDDOWN($C903/24,0)+1,1))-1)+IF('Standard Profiles'!$G$19=$B$10,7,0)+IF('Standard Profiles'!$G$19=$B$17,14,0)+IF('Standard Profiles'!$G$19=$B$24,21,0),MOD($C903,24)+1)/SUM(INDEX($D$3:$AA$30,INDEX(Jesper!$R$2:$R$366,ROW(INDEX(Jesper!AI$2:AI$366,ROUNDDOWN($C903/24,0)+1,1))-1)+IF('Standard Profiles'!$G$19=$B$10,7,0)+IF('Standard Profiles'!$G$19=$B$17,14,0)+IF('Standard Profiles'!$G$19=$B$24,21,0),0)),0)</f>
        <v>8.979944162843152</v>
      </c>
      <c r="F903" cm="1">
        <f t="array" ref="F903">IFERROR(INDEX(Jesper!AJ$2:AJ$366,ROUNDDOWN($C903/24,0)+1,1)*INDEX($D$3:$AA$30,INDEX(Jesper!$R$2:$R$366,ROW(INDEX(Jesper!AJ$2:AJ$366,ROUNDDOWN($C903/24,0)+1,1))-1)+IF('Standard Profiles'!$G$20=$B$10,7,0)+IF('Standard Profiles'!$G$20=$B$17,14,0)+IF('Standard Profiles'!$G$20=$B$24,21,0),MOD($C903,24)+1)/SUM(INDEX($D$3:$AA$30,INDEX(Jesper!$R$2:$R$366,ROW(INDEX(Jesper!AJ$2:AJ$366,ROUNDDOWN($C903/24,0)+1,1))-1)+IF('Standard Profiles'!$G$20=$B$10,7,0)+IF('Standard Profiles'!$G$20=$B$17,14,0)+IF('Standard Profiles'!$G$20=$B$24,21,0),0)),0)</f>
        <v>0</v>
      </c>
      <c r="G903" cm="1">
        <f t="array" ref="G903">IFERROR(INDEX(Jesper!AK$2:AK$366,ROUNDDOWN($C903/24,0)+1,1)*INDEX($D$3:$AA$30,INDEX(Jesper!$R$2:$R$366,ROW(INDEX(Jesper!AK$2:AK$366,ROUNDDOWN($C903/24,0)+1,1))-1)+IF('Standard Profiles'!$G$21=$B$10,7,0)+IF('Standard Profiles'!$G$21=$B$17,14,0)+IF('Standard Profiles'!$G$21=$B$24,21,0),MOD($C903,24)+1)/SUM(INDEX($D$3:$AA$30,INDEX(Jesper!$R$2:$R$366,ROW(INDEX(Jesper!AK$2:AK$366,ROUNDDOWN($C903/24,0)+1,1))-1)+IF('Standard Profiles'!$G$21=$B$10,7,0)+IF('Standard Profiles'!$G$21=$B$17,14,0)+IF('Standard Profiles'!$G$21=$B$24,21,0),0)),0)</f>
        <v>9.6010197348149333</v>
      </c>
      <c r="H903" cm="1">
        <f t="array" ref="H903">IFERROR(INDEX(Jesper!AL$2:AL$366,ROUNDDOWN($C903/24,0)+1,1)*INDEX($D$3:$AA$30,INDEX(Jesper!$R$2:$R$366,ROW(INDEX(Jesper!AL$2:AL$366,ROUNDDOWN($C903/24,0)+1,1))-1)+IF('Standard Profiles'!$G$22=$B$10,7,0)+IF('Standard Profiles'!$G$22=$B$17,14,0)+IF('Standard Profiles'!$G$22=$B$24,21,0),MOD($C903,24)+1)/SUM(INDEX($D$3:$AA$30,INDEX(Jesper!$R$2:$R$366,ROW(INDEX(Jesper!AL$2:AL$366,ROUNDDOWN($C903/24,0)+1,1))-1)+IF('Standard Profiles'!$G$22=$B$10,7,0)+IF('Standard Profiles'!$G$22=$B$17,14,0)+IF('Standard Profiles'!$G$22=$B$24,21,0),0)),0)</f>
        <v>0</v>
      </c>
      <c r="I903">
        <f t="shared" si="111"/>
        <v>4.6084894727111658</v>
      </c>
      <c r="J903">
        <f t="shared" si="112"/>
        <v>19.289452611180547</v>
      </c>
      <c r="K903">
        <f t="shared" si="113"/>
        <v>0.67517183317252449</v>
      </c>
      <c r="L903">
        <f t="shared" si="114"/>
        <v>0.33758591658626225</v>
      </c>
      <c r="M903">
        <f t="shared" si="115"/>
        <v>0</v>
      </c>
      <c r="N903" s="45">
        <f t="shared" si="116"/>
        <v>44963.208333331226</v>
      </c>
    </row>
    <row r="904" spans="2:14" x14ac:dyDescent="0.25">
      <c r="B904">
        <f t="shared" si="110"/>
        <v>1</v>
      </c>
      <c r="C904" s="16">
        <v>870</v>
      </c>
      <c r="D904" cm="1">
        <f t="array" ref="D904">IFERROR(INDEX(Jesper!AH$2:AH$366,ROUNDDOWN($C904/24,0)+1,1)*INDEX($D$3:$AA$30,INDEX(Jesper!$R$2:$R$366,ROW(INDEX(Jesper!AH$2:AH$366,ROUNDDOWN($C904/24,0)+1,1))-1)+IF('Standard Profiles'!$G$18=$B$10,7,0)+IF('Standard Profiles'!$G$18=$B$17,14,0)+IF('Standard Profiles'!$G$18=$B$24,21,0),MOD($C904,24)+1)/SUM(INDEX($D$3:$AA$30,INDEX(Jesper!$R$2:$R$366,ROW(INDEX(Jesper!AH$2:AH$366,ROUNDDOWN($C904/24,0)+1,1))-1)+IF('Standard Profiles'!$G$18=$B$10,7,0)+IF('Standard Profiles'!$G$18=$B$17,14,0)+IF('Standard Profiles'!$G$18=$B$24,21,0),0)),0)</f>
        <v>6.3297359359924164</v>
      </c>
      <c r="E904" cm="1">
        <f t="array" ref="E904">IFERROR(INDEX(Jesper!AI$2:AI$366,ROUNDDOWN($C904/24,0)+1,1)*INDEX($D$3:$AA$30,INDEX(Jesper!$R$2:$R$366,ROW(INDEX(Jesper!AI$2:AI$366,ROUNDDOWN($C904/24,0)+1,1))-1)+IF('Standard Profiles'!$G$19=$B$10,7,0)+IF('Standard Profiles'!$G$19=$B$17,14,0)+IF('Standard Profiles'!$G$19=$B$24,21,0),MOD($C904,24)+1)/SUM(INDEX($D$3:$AA$30,INDEX(Jesper!$R$2:$R$366,ROW(INDEX(Jesper!AI$2:AI$366,ROUNDDOWN($C904/24,0)+1,1))-1)+IF('Standard Profiles'!$G$19=$B$10,7,0)+IF('Standard Profiles'!$G$19=$B$17,14,0)+IF('Standard Profiles'!$G$19=$B$24,21,0),0)),0)</f>
        <v>8.979944162843152</v>
      </c>
      <c r="F904" cm="1">
        <f t="array" ref="F904">IFERROR(INDEX(Jesper!AJ$2:AJ$366,ROUNDDOWN($C904/24,0)+1,1)*INDEX($D$3:$AA$30,INDEX(Jesper!$R$2:$R$366,ROW(INDEX(Jesper!AJ$2:AJ$366,ROUNDDOWN($C904/24,0)+1,1))-1)+IF('Standard Profiles'!$G$20=$B$10,7,0)+IF('Standard Profiles'!$G$20=$B$17,14,0)+IF('Standard Profiles'!$G$20=$B$24,21,0),MOD($C904,24)+1)/SUM(INDEX($D$3:$AA$30,INDEX(Jesper!$R$2:$R$366,ROW(INDEX(Jesper!AJ$2:AJ$366,ROUNDDOWN($C904/24,0)+1,1))-1)+IF('Standard Profiles'!$G$20=$B$10,7,0)+IF('Standard Profiles'!$G$20=$B$17,14,0)+IF('Standard Profiles'!$G$20=$B$24,21,0),0)),0)</f>
        <v>0</v>
      </c>
      <c r="G904" cm="1">
        <f t="array" ref="G904">IFERROR(INDEX(Jesper!AK$2:AK$366,ROUNDDOWN($C904/24,0)+1,1)*INDEX($D$3:$AA$30,INDEX(Jesper!$R$2:$R$366,ROW(INDEX(Jesper!AK$2:AK$366,ROUNDDOWN($C904/24,0)+1,1))-1)+IF('Standard Profiles'!$G$21=$B$10,7,0)+IF('Standard Profiles'!$G$21=$B$17,14,0)+IF('Standard Profiles'!$G$21=$B$24,21,0),MOD($C904,24)+1)/SUM(INDEX($D$3:$AA$30,INDEX(Jesper!$R$2:$R$366,ROW(INDEX(Jesper!AK$2:AK$366,ROUNDDOWN($C904/24,0)+1,1))-1)+IF('Standard Profiles'!$G$21=$B$10,7,0)+IF('Standard Profiles'!$G$21=$B$17,14,0)+IF('Standard Profiles'!$G$21=$B$24,21,0),0)),0)</f>
        <v>9.6010197348149333</v>
      </c>
      <c r="H904" cm="1">
        <f t="array" ref="H904">IFERROR(INDEX(Jesper!AL$2:AL$366,ROUNDDOWN($C904/24,0)+1,1)*INDEX($D$3:$AA$30,INDEX(Jesper!$R$2:$R$366,ROW(INDEX(Jesper!AL$2:AL$366,ROUNDDOWN($C904/24,0)+1,1))-1)+IF('Standard Profiles'!$G$22=$B$10,7,0)+IF('Standard Profiles'!$G$22=$B$17,14,0)+IF('Standard Profiles'!$G$22=$B$24,21,0),MOD($C904,24)+1)/SUM(INDEX($D$3:$AA$30,INDEX(Jesper!$R$2:$R$366,ROW(INDEX(Jesper!AL$2:AL$366,ROUNDDOWN($C904/24,0)+1,1))-1)+IF('Standard Profiles'!$G$22=$B$10,7,0)+IF('Standard Profiles'!$G$22=$B$17,14,0)+IF('Standard Profiles'!$G$22=$B$24,21,0),0)),0)</f>
        <v>0</v>
      </c>
      <c r="I904">
        <f t="shared" si="111"/>
        <v>4.6084894727111658</v>
      </c>
      <c r="J904">
        <f t="shared" si="112"/>
        <v>19.289452611180547</v>
      </c>
      <c r="K904">
        <f t="shared" si="113"/>
        <v>0.67517183317252449</v>
      </c>
      <c r="L904">
        <f t="shared" si="114"/>
        <v>0.33758591658626225</v>
      </c>
      <c r="M904">
        <f t="shared" si="115"/>
        <v>0</v>
      </c>
      <c r="N904" s="45">
        <f t="shared" si="116"/>
        <v>44963.24999999789</v>
      </c>
    </row>
    <row r="905" spans="2:14" x14ac:dyDescent="0.25">
      <c r="B905">
        <f t="shared" si="110"/>
        <v>1</v>
      </c>
      <c r="C905" s="16">
        <v>871</v>
      </c>
      <c r="D905" cm="1">
        <f t="array" ref="D905">IFERROR(INDEX(Jesper!AH$2:AH$366,ROUNDDOWN($C905/24,0)+1,1)*INDEX($D$3:$AA$30,INDEX(Jesper!$R$2:$R$366,ROW(INDEX(Jesper!AH$2:AH$366,ROUNDDOWN($C905/24,0)+1,1))-1)+IF('Standard Profiles'!$G$18=$B$10,7,0)+IF('Standard Profiles'!$G$18=$B$17,14,0)+IF('Standard Profiles'!$G$18=$B$24,21,0),MOD($C905,24)+1)/SUM(INDEX($D$3:$AA$30,INDEX(Jesper!$R$2:$R$366,ROW(INDEX(Jesper!AH$2:AH$366,ROUNDDOWN($C905/24,0)+1,1))-1)+IF('Standard Profiles'!$G$18=$B$10,7,0)+IF('Standard Profiles'!$G$18=$B$17,14,0)+IF('Standard Profiles'!$G$18=$B$24,21,0),0)),0)</f>
        <v>26.964675087327691</v>
      </c>
      <c r="E905" cm="1">
        <f t="array" ref="E905">IFERROR(INDEX(Jesper!AI$2:AI$366,ROUNDDOWN($C905/24,0)+1,1)*INDEX($D$3:$AA$30,INDEX(Jesper!$R$2:$R$366,ROW(INDEX(Jesper!AI$2:AI$366,ROUNDDOWN($C905/24,0)+1,1))-1)+IF('Standard Profiles'!$G$19=$B$10,7,0)+IF('Standard Profiles'!$G$19=$B$17,14,0)+IF('Standard Profiles'!$G$19=$B$24,21,0),MOD($C905,24)+1)/SUM(INDEX($D$3:$AA$30,INDEX(Jesper!$R$2:$R$366,ROW(INDEX(Jesper!AI$2:AI$366,ROUNDDOWN($C905/24,0)+1,1))-1)+IF('Standard Profiles'!$G$19=$B$10,7,0)+IF('Standard Profiles'!$G$19=$B$17,14,0)+IF('Standard Profiles'!$G$19=$B$24,21,0),0)),0)</f>
        <v>38.254562133711829</v>
      </c>
      <c r="F905" cm="1">
        <f t="array" ref="F905">IFERROR(INDEX(Jesper!AJ$2:AJ$366,ROUNDDOWN($C905/24,0)+1,1)*INDEX($D$3:$AA$30,INDEX(Jesper!$R$2:$R$366,ROW(INDEX(Jesper!AJ$2:AJ$366,ROUNDDOWN($C905/24,0)+1,1))-1)+IF('Standard Profiles'!$G$20=$B$10,7,0)+IF('Standard Profiles'!$G$20=$B$17,14,0)+IF('Standard Profiles'!$G$20=$B$24,21,0),MOD($C905,24)+1)/SUM(INDEX($D$3:$AA$30,INDEX(Jesper!$R$2:$R$366,ROW(INDEX(Jesper!AJ$2:AJ$366,ROUNDDOWN($C905/24,0)+1,1))-1)+IF('Standard Profiles'!$G$20=$B$10,7,0)+IF('Standard Profiles'!$G$20=$B$17,14,0)+IF('Standard Profiles'!$G$20=$B$24,21,0),0)),0)</f>
        <v>0</v>
      </c>
      <c r="G905" cm="1">
        <f t="array" ref="G905">IFERROR(INDEX(Jesper!AK$2:AK$366,ROUNDDOWN($C905/24,0)+1,1)*INDEX($D$3:$AA$30,INDEX(Jesper!$R$2:$R$366,ROW(INDEX(Jesper!AK$2:AK$366,ROUNDDOWN($C905/24,0)+1,1))-1)+IF('Standard Profiles'!$G$21=$B$10,7,0)+IF('Standard Profiles'!$G$21=$B$17,14,0)+IF('Standard Profiles'!$G$21=$B$24,21,0),MOD($C905,24)+1)/SUM(INDEX($D$3:$AA$30,INDEX(Jesper!$R$2:$R$366,ROW(INDEX(Jesper!AK$2:AK$366,ROUNDDOWN($C905/24,0)+1,1))-1)+IF('Standard Profiles'!$G$21=$B$10,7,0)+IF('Standard Profiles'!$G$21=$B$17,14,0)+IF('Standard Profiles'!$G$21=$B$24,21,0),0)),0)</f>
        <v>41.764435846444954</v>
      </c>
      <c r="H905" cm="1">
        <f t="array" ref="H905">IFERROR(INDEX(Jesper!AL$2:AL$366,ROUNDDOWN($C905/24,0)+1,1)*INDEX($D$3:$AA$30,INDEX(Jesper!$R$2:$R$366,ROW(INDEX(Jesper!AL$2:AL$366,ROUNDDOWN($C905/24,0)+1,1))-1)+IF('Standard Profiles'!$G$22=$B$10,7,0)+IF('Standard Profiles'!$G$22=$B$17,14,0)+IF('Standard Profiles'!$G$22=$B$24,21,0),MOD($C905,24)+1)/SUM(INDEX($D$3:$AA$30,INDEX(Jesper!$R$2:$R$366,ROW(INDEX(Jesper!AL$2:AL$366,ROUNDDOWN($C905/24,0)+1,1))-1)+IF('Standard Profiles'!$G$22=$B$10,7,0)+IF('Standard Profiles'!$G$22=$B$17,14,0)+IF('Standard Profiles'!$G$22=$B$24,21,0),0)),0)</f>
        <v>0</v>
      </c>
      <c r="I905">
        <f t="shared" si="111"/>
        <v>20.046929206293569</v>
      </c>
      <c r="J905">
        <f t="shared" si="112"/>
        <v>82.622395847218471</v>
      </c>
      <c r="K905">
        <f t="shared" si="113"/>
        <v>2.876232009314954</v>
      </c>
      <c r="L905">
        <f t="shared" si="114"/>
        <v>1.438116004657477</v>
      </c>
      <c r="M905">
        <f t="shared" si="115"/>
        <v>0</v>
      </c>
      <c r="N905" s="45">
        <f t="shared" si="116"/>
        <v>44963.291666664554</v>
      </c>
    </row>
    <row r="906" spans="2:14" x14ac:dyDescent="0.25">
      <c r="B906">
        <f t="shared" si="110"/>
        <v>1</v>
      </c>
      <c r="C906" s="16">
        <v>872</v>
      </c>
      <c r="D906" cm="1">
        <f t="array" ref="D906">IFERROR(INDEX(Jesper!AH$2:AH$366,ROUNDDOWN($C906/24,0)+1,1)*INDEX($D$3:$AA$30,INDEX(Jesper!$R$2:$R$366,ROW(INDEX(Jesper!AH$2:AH$366,ROUNDDOWN($C906/24,0)+1,1))-1)+IF('Standard Profiles'!$G$18=$B$10,7,0)+IF('Standard Profiles'!$G$18=$B$17,14,0)+IF('Standard Profiles'!$G$18=$B$24,21,0),MOD($C906,24)+1)/SUM(INDEX($D$3:$AA$30,INDEX(Jesper!$R$2:$R$366,ROW(INDEX(Jesper!AH$2:AH$366,ROUNDDOWN($C906/24,0)+1,1))-1)+IF('Standard Profiles'!$G$18=$B$10,7,0)+IF('Standard Profiles'!$G$18=$B$17,14,0)+IF('Standard Profiles'!$G$18=$B$24,21,0),0)),0)</f>
        <v>30.335259473243653</v>
      </c>
      <c r="E906" cm="1">
        <f t="array" ref="E906">IFERROR(INDEX(Jesper!AI$2:AI$366,ROUNDDOWN($C906/24,0)+1,1)*INDEX($D$3:$AA$30,INDEX(Jesper!$R$2:$R$366,ROW(INDEX(Jesper!AI$2:AI$366,ROUNDDOWN($C906/24,0)+1,1))-1)+IF('Standard Profiles'!$G$19=$B$10,7,0)+IF('Standard Profiles'!$G$19=$B$17,14,0)+IF('Standard Profiles'!$G$19=$B$24,21,0),MOD($C906,24)+1)/SUM(INDEX($D$3:$AA$30,INDEX(Jesper!$R$2:$R$366,ROW(INDEX(Jesper!AI$2:AI$366,ROUNDDOWN($C906/24,0)+1,1))-1)+IF('Standard Profiles'!$G$19=$B$10,7,0)+IF('Standard Profiles'!$G$19=$B$17,14,0)+IF('Standard Profiles'!$G$19=$B$24,21,0),0)),0)</f>
        <v>43.036382400425801</v>
      </c>
      <c r="F906" cm="1">
        <f t="array" ref="F906">IFERROR(INDEX(Jesper!AJ$2:AJ$366,ROUNDDOWN($C906/24,0)+1,1)*INDEX($D$3:$AA$30,INDEX(Jesper!$R$2:$R$366,ROW(INDEX(Jesper!AJ$2:AJ$366,ROUNDDOWN($C906/24,0)+1,1))-1)+IF('Standard Profiles'!$G$20=$B$10,7,0)+IF('Standard Profiles'!$G$20=$B$17,14,0)+IF('Standard Profiles'!$G$20=$B$24,21,0),MOD($C906,24)+1)/SUM(INDEX($D$3:$AA$30,INDEX(Jesper!$R$2:$R$366,ROW(INDEX(Jesper!AJ$2:AJ$366,ROUNDDOWN($C906/24,0)+1,1))-1)+IF('Standard Profiles'!$G$20=$B$10,7,0)+IF('Standard Profiles'!$G$20=$B$17,14,0)+IF('Standard Profiles'!$G$20=$B$24,21,0),0)),0)</f>
        <v>0</v>
      </c>
      <c r="G906" cm="1">
        <f t="array" ref="G906">IFERROR(INDEX(Jesper!AK$2:AK$366,ROUNDDOWN($C906/24,0)+1,1)*INDEX($D$3:$AA$30,INDEX(Jesper!$R$2:$R$366,ROW(INDEX(Jesper!AK$2:AK$366,ROUNDDOWN($C906/24,0)+1,1))-1)+IF('Standard Profiles'!$G$21=$B$10,7,0)+IF('Standard Profiles'!$G$21=$B$17,14,0)+IF('Standard Profiles'!$G$21=$B$24,21,0),MOD($C906,24)+1)/SUM(INDEX($D$3:$AA$30,INDEX(Jesper!$R$2:$R$366,ROW(INDEX(Jesper!AK$2:AK$366,ROUNDDOWN($C906/24,0)+1,1))-1)+IF('Standard Profiles'!$G$21=$B$10,7,0)+IF('Standard Profiles'!$G$21=$B$17,14,0)+IF('Standard Profiles'!$G$21=$B$24,21,0),0)),0)</f>
        <v>46.984990327250578</v>
      </c>
      <c r="H906" cm="1">
        <f t="array" ref="H906">IFERROR(INDEX(Jesper!AL$2:AL$366,ROUNDDOWN($C906/24,0)+1,1)*INDEX($D$3:$AA$30,INDEX(Jesper!$R$2:$R$366,ROW(INDEX(Jesper!AL$2:AL$366,ROUNDDOWN($C906/24,0)+1,1))-1)+IF('Standard Profiles'!$G$22=$B$10,7,0)+IF('Standard Profiles'!$G$22=$B$17,14,0)+IF('Standard Profiles'!$G$22=$B$24,21,0),MOD($C906,24)+1)/SUM(INDEX($D$3:$AA$30,INDEX(Jesper!$R$2:$R$366,ROW(INDEX(Jesper!AL$2:AL$366,ROUNDDOWN($C906/24,0)+1,1))-1)+IF('Standard Profiles'!$G$22=$B$10,7,0)+IF('Standard Profiles'!$G$22=$B$17,14,0)+IF('Standard Profiles'!$G$22=$B$24,21,0),0)),0)</f>
        <v>0</v>
      </c>
      <c r="I906">
        <f t="shared" si="111"/>
        <v>22.552795357080267</v>
      </c>
      <c r="J906">
        <f t="shared" si="112"/>
        <v>92.950195328120785</v>
      </c>
      <c r="K906">
        <f t="shared" si="113"/>
        <v>3.2357610104793233</v>
      </c>
      <c r="L906">
        <f t="shared" si="114"/>
        <v>1.6178805052396616</v>
      </c>
      <c r="M906">
        <f t="shared" si="115"/>
        <v>0</v>
      </c>
      <c r="N906" s="45">
        <f t="shared" si="116"/>
        <v>44963.333333331218</v>
      </c>
    </row>
    <row r="907" spans="2:14" x14ac:dyDescent="0.25">
      <c r="B907">
        <f t="shared" si="110"/>
        <v>1</v>
      </c>
      <c r="C907" s="16">
        <v>873</v>
      </c>
      <c r="D907" cm="1">
        <f t="array" ref="D907">IFERROR(INDEX(Jesper!AH$2:AH$366,ROUNDDOWN($C907/24,0)+1,1)*INDEX($D$3:$AA$30,INDEX(Jesper!$R$2:$R$366,ROW(INDEX(Jesper!AH$2:AH$366,ROUNDDOWN($C907/24,0)+1,1))-1)+IF('Standard Profiles'!$G$18=$B$10,7,0)+IF('Standard Profiles'!$G$18=$B$17,14,0)+IF('Standard Profiles'!$G$18=$B$24,21,0),MOD($C907,24)+1)/SUM(INDEX($D$3:$AA$30,INDEX(Jesper!$R$2:$R$366,ROW(INDEX(Jesper!AH$2:AH$366,ROUNDDOWN($C907/24,0)+1,1))-1)+IF('Standard Profiles'!$G$18=$B$10,7,0)+IF('Standard Profiles'!$G$18=$B$17,14,0)+IF('Standard Profiles'!$G$18=$B$24,21,0),0)),0)</f>
        <v>33.705843859159614</v>
      </c>
      <c r="E907" cm="1">
        <f t="array" ref="E907">IFERROR(INDEX(Jesper!AI$2:AI$366,ROUNDDOWN($C907/24,0)+1,1)*INDEX($D$3:$AA$30,INDEX(Jesper!$R$2:$R$366,ROW(INDEX(Jesper!AI$2:AI$366,ROUNDDOWN($C907/24,0)+1,1))-1)+IF('Standard Profiles'!$G$19=$B$10,7,0)+IF('Standard Profiles'!$G$19=$B$17,14,0)+IF('Standard Profiles'!$G$19=$B$24,21,0),MOD($C907,24)+1)/SUM(INDEX($D$3:$AA$30,INDEX(Jesper!$R$2:$R$366,ROW(INDEX(Jesper!AI$2:AI$366,ROUNDDOWN($C907/24,0)+1,1))-1)+IF('Standard Profiles'!$G$19=$B$10,7,0)+IF('Standard Profiles'!$G$19=$B$17,14,0)+IF('Standard Profiles'!$G$19=$B$24,21,0),0)),0)</f>
        <v>47.818202667139786</v>
      </c>
      <c r="F907" cm="1">
        <f t="array" ref="F907">IFERROR(INDEX(Jesper!AJ$2:AJ$366,ROUNDDOWN($C907/24,0)+1,1)*INDEX($D$3:$AA$30,INDEX(Jesper!$R$2:$R$366,ROW(INDEX(Jesper!AJ$2:AJ$366,ROUNDDOWN($C907/24,0)+1,1))-1)+IF('Standard Profiles'!$G$20=$B$10,7,0)+IF('Standard Profiles'!$G$20=$B$17,14,0)+IF('Standard Profiles'!$G$20=$B$24,21,0),MOD($C907,24)+1)/SUM(INDEX($D$3:$AA$30,INDEX(Jesper!$R$2:$R$366,ROW(INDEX(Jesper!AJ$2:AJ$366,ROUNDDOWN($C907/24,0)+1,1))-1)+IF('Standard Profiles'!$G$20=$B$10,7,0)+IF('Standard Profiles'!$G$20=$B$17,14,0)+IF('Standard Profiles'!$G$20=$B$24,21,0),0)),0)</f>
        <v>0</v>
      </c>
      <c r="G907" cm="1">
        <f t="array" ref="G907">IFERROR(INDEX(Jesper!AK$2:AK$366,ROUNDDOWN($C907/24,0)+1,1)*INDEX($D$3:$AA$30,INDEX(Jesper!$R$2:$R$366,ROW(INDEX(Jesper!AK$2:AK$366,ROUNDDOWN($C907/24,0)+1,1))-1)+IF('Standard Profiles'!$G$21=$B$10,7,0)+IF('Standard Profiles'!$G$21=$B$17,14,0)+IF('Standard Profiles'!$G$21=$B$24,21,0),MOD($C907,24)+1)/SUM(INDEX($D$3:$AA$30,INDEX(Jesper!$R$2:$R$366,ROW(INDEX(Jesper!AK$2:AK$366,ROUNDDOWN($C907/24,0)+1,1))-1)+IF('Standard Profiles'!$G$21=$B$10,7,0)+IF('Standard Profiles'!$G$21=$B$17,14,0)+IF('Standard Profiles'!$G$21=$B$24,21,0),0)),0)</f>
        <v>52.205544808056196</v>
      </c>
      <c r="H907" cm="1">
        <f t="array" ref="H907">IFERROR(INDEX(Jesper!AL$2:AL$366,ROUNDDOWN($C907/24,0)+1,1)*INDEX($D$3:$AA$30,INDEX(Jesper!$R$2:$R$366,ROW(INDEX(Jesper!AL$2:AL$366,ROUNDDOWN($C907/24,0)+1,1))-1)+IF('Standard Profiles'!$G$22=$B$10,7,0)+IF('Standard Profiles'!$G$22=$B$17,14,0)+IF('Standard Profiles'!$G$22=$B$24,21,0),MOD($C907,24)+1)/SUM(INDEX($D$3:$AA$30,INDEX(Jesper!$R$2:$R$366,ROW(INDEX(Jesper!AL$2:AL$366,ROUNDDOWN($C907/24,0)+1,1))-1)+IF('Standard Profiles'!$G$22=$B$10,7,0)+IF('Standard Profiles'!$G$22=$B$17,14,0)+IF('Standard Profiles'!$G$22=$B$24,21,0),0)),0)</f>
        <v>0</v>
      </c>
      <c r="I907">
        <f t="shared" si="111"/>
        <v>25.058661507866962</v>
      </c>
      <c r="J907">
        <f t="shared" si="112"/>
        <v>103.2779948090231</v>
      </c>
      <c r="K907">
        <f t="shared" si="113"/>
        <v>3.5952900116436926</v>
      </c>
      <c r="L907">
        <f t="shared" si="114"/>
        <v>1.7976450058218463</v>
      </c>
      <c r="M907">
        <f t="shared" si="115"/>
        <v>0</v>
      </c>
      <c r="N907" s="45">
        <f t="shared" si="116"/>
        <v>44963.374999997883</v>
      </c>
    </row>
    <row r="908" spans="2:14" x14ac:dyDescent="0.25">
      <c r="B908">
        <f t="shared" si="110"/>
        <v>1</v>
      </c>
      <c r="C908" s="16">
        <v>874</v>
      </c>
      <c r="D908" cm="1">
        <f t="array" ref="D908">IFERROR(INDEX(Jesper!AH$2:AH$366,ROUNDDOWN($C908/24,0)+1,1)*INDEX($D$3:$AA$30,INDEX(Jesper!$R$2:$R$366,ROW(INDEX(Jesper!AH$2:AH$366,ROUNDDOWN($C908/24,0)+1,1))-1)+IF('Standard Profiles'!$G$18=$B$10,7,0)+IF('Standard Profiles'!$G$18=$B$17,14,0)+IF('Standard Profiles'!$G$18=$B$24,21,0),MOD($C908,24)+1)/SUM(INDEX($D$3:$AA$30,INDEX(Jesper!$R$2:$R$366,ROW(INDEX(Jesper!AH$2:AH$366,ROUNDDOWN($C908/24,0)+1,1))-1)+IF('Standard Profiles'!$G$18=$B$10,7,0)+IF('Standard Profiles'!$G$18=$B$17,14,0)+IF('Standard Profiles'!$G$18=$B$24,21,0),0)),0)</f>
        <v>33.705843859159614</v>
      </c>
      <c r="E908" cm="1">
        <f t="array" ref="E908">IFERROR(INDEX(Jesper!AI$2:AI$366,ROUNDDOWN($C908/24,0)+1,1)*INDEX($D$3:$AA$30,INDEX(Jesper!$R$2:$R$366,ROW(INDEX(Jesper!AI$2:AI$366,ROUNDDOWN($C908/24,0)+1,1))-1)+IF('Standard Profiles'!$G$19=$B$10,7,0)+IF('Standard Profiles'!$G$19=$B$17,14,0)+IF('Standard Profiles'!$G$19=$B$24,21,0),MOD($C908,24)+1)/SUM(INDEX($D$3:$AA$30,INDEX(Jesper!$R$2:$R$366,ROW(INDEX(Jesper!AI$2:AI$366,ROUNDDOWN($C908/24,0)+1,1))-1)+IF('Standard Profiles'!$G$19=$B$10,7,0)+IF('Standard Profiles'!$G$19=$B$17,14,0)+IF('Standard Profiles'!$G$19=$B$24,21,0),0)),0)</f>
        <v>47.818202667139786</v>
      </c>
      <c r="F908" cm="1">
        <f t="array" ref="F908">IFERROR(INDEX(Jesper!AJ$2:AJ$366,ROUNDDOWN($C908/24,0)+1,1)*INDEX($D$3:$AA$30,INDEX(Jesper!$R$2:$R$366,ROW(INDEX(Jesper!AJ$2:AJ$366,ROUNDDOWN($C908/24,0)+1,1))-1)+IF('Standard Profiles'!$G$20=$B$10,7,0)+IF('Standard Profiles'!$G$20=$B$17,14,0)+IF('Standard Profiles'!$G$20=$B$24,21,0),MOD($C908,24)+1)/SUM(INDEX($D$3:$AA$30,INDEX(Jesper!$R$2:$R$366,ROW(INDEX(Jesper!AJ$2:AJ$366,ROUNDDOWN($C908/24,0)+1,1))-1)+IF('Standard Profiles'!$G$20=$B$10,7,0)+IF('Standard Profiles'!$G$20=$B$17,14,0)+IF('Standard Profiles'!$G$20=$B$24,21,0),0)),0)</f>
        <v>0</v>
      </c>
      <c r="G908" cm="1">
        <f t="array" ref="G908">IFERROR(INDEX(Jesper!AK$2:AK$366,ROUNDDOWN($C908/24,0)+1,1)*INDEX($D$3:$AA$30,INDEX(Jesper!$R$2:$R$366,ROW(INDEX(Jesper!AK$2:AK$366,ROUNDDOWN($C908/24,0)+1,1))-1)+IF('Standard Profiles'!$G$21=$B$10,7,0)+IF('Standard Profiles'!$G$21=$B$17,14,0)+IF('Standard Profiles'!$G$21=$B$24,21,0),MOD($C908,24)+1)/SUM(INDEX($D$3:$AA$30,INDEX(Jesper!$R$2:$R$366,ROW(INDEX(Jesper!AK$2:AK$366,ROUNDDOWN($C908/24,0)+1,1))-1)+IF('Standard Profiles'!$G$21=$B$10,7,0)+IF('Standard Profiles'!$G$21=$B$17,14,0)+IF('Standard Profiles'!$G$21=$B$24,21,0),0)),0)</f>
        <v>52.205544808056196</v>
      </c>
      <c r="H908" cm="1">
        <f t="array" ref="H908">IFERROR(INDEX(Jesper!AL$2:AL$366,ROUNDDOWN($C908/24,0)+1,1)*INDEX($D$3:$AA$30,INDEX(Jesper!$R$2:$R$366,ROW(INDEX(Jesper!AL$2:AL$366,ROUNDDOWN($C908/24,0)+1,1))-1)+IF('Standard Profiles'!$G$22=$B$10,7,0)+IF('Standard Profiles'!$G$22=$B$17,14,0)+IF('Standard Profiles'!$G$22=$B$24,21,0),MOD($C908,24)+1)/SUM(INDEX($D$3:$AA$30,INDEX(Jesper!$R$2:$R$366,ROW(INDEX(Jesper!AL$2:AL$366,ROUNDDOWN($C908/24,0)+1,1))-1)+IF('Standard Profiles'!$G$22=$B$10,7,0)+IF('Standard Profiles'!$G$22=$B$17,14,0)+IF('Standard Profiles'!$G$22=$B$24,21,0),0)),0)</f>
        <v>0</v>
      </c>
      <c r="I908">
        <f t="shared" si="111"/>
        <v>25.058661507866962</v>
      </c>
      <c r="J908">
        <f t="shared" si="112"/>
        <v>103.2779948090231</v>
      </c>
      <c r="K908">
        <f t="shared" si="113"/>
        <v>3.5952900116436926</v>
      </c>
      <c r="L908">
        <f t="shared" si="114"/>
        <v>1.7976450058218463</v>
      </c>
      <c r="M908">
        <f t="shared" si="115"/>
        <v>0</v>
      </c>
      <c r="N908" s="45">
        <f t="shared" si="116"/>
        <v>44963.416666664547</v>
      </c>
    </row>
    <row r="909" spans="2:14" x14ac:dyDescent="0.25">
      <c r="B909">
        <f t="shared" si="110"/>
        <v>1</v>
      </c>
      <c r="C909" s="16">
        <v>875</v>
      </c>
      <c r="D909" cm="1">
        <f t="array" ref="D909">IFERROR(INDEX(Jesper!AH$2:AH$366,ROUNDDOWN($C909/24,0)+1,1)*INDEX($D$3:$AA$30,INDEX(Jesper!$R$2:$R$366,ROW(INDEX(Jesper!AH$2:AH$366,ROUNDDOWN($C909/24,0)+1,1))-1)+IF('Standard Profiles'!$G$18=$B$10,7,0)+IF('Standard Profiles'!$G$18=$B$17,14,0)+IF('Standard Profiles'!$G$18=$B$24,21,0),MOD($C909,24)+1)/SUM(INDEX($D$3:$AA$30,INDEX(Jesper!$R$2:$R$366,ROW(INDEX(Jesper!AH$2:AH$366,ROUNDDOWN($C909/24,0)+1,1))-1)+IF('Standard Profiles'!$G$18=$B$10,7,0)+IF('Standard Profiles'!$G$18=$B$17,14,0)+IF('Standard Profiles'!$G$18=$B$24,21,0),0)),0)</f>
        <v>40.447012630991537</v>
      </c>
      <c r="E909" cm="1">
        <f t="array" ref="E909">IFERROR(INDEX(Jesper!AI$2:AI$366,ROUNDDOWN($C909/24,0)+1,1)*INDEX($D$3:$AA$30,INDEX(Jesper!$R$2:$R$366,ROW(INDEX(Jesper!AI$2:AI$366,ROUNDDOWN($C909/24,0)+1,1))-1)+IF('Standard Profiles'!$G$19=$B$10,7,0)+IF('Standard Profiles'!$G$19=$B$17,14,0)+IF('Standard Profiles'!$G$19=$B$24,21,0),MOD($C909,24)+1)/SUM(INDEX($D$3:$AA$30,INDEX(Jesper!$R$2:$R$366,ROW(INDEX(Jesper!AI$2:AI$366,ROUNDDOWN($C909/24,0)+1,1))-1)+IF('Standard Profiles'!$G$19=$B$10,7,0)+IF('Standard Profiles'!$G$19=$B$17,14,0)+IF('Standard Profiles'!$G$19=$B$24,21,0),0)),0)</f>
        <v>57.381843200567729</v>
      </c>
      <c r="F909" cm="1">
        <f t="array" ref="F909">IFERROR(INDEX(Jesper!AJ$2:AJ$366,ROUNDDOWN($C909/24,0)+1,1)*INDEX($D$3:$AA$30,INDEX(Jesper!$R$2:$R$366,ROW(INDEX(Jesper!AJ$2:AJ$366,ROUNDDOWN($C909/24,0)+1,1))-1)+IF('Standard Profiles'!$G$20=$B$10,7,0)+IF('Standard Profiles'!$G$20=$B$17,14,0)+IF('Standard Profiles'!$G$20=$B$24,21,0),MOD($C909,24)+1)/SUM(INDEX($D$3:$AA$30,INDEX(Jesper!$R$2:$R$366,ROW(INDEX(Jesper!AJ$2:AJ$366,ROUNDDOWN($C909/24,0)+1,1))-1)+IF('Standard Profiles'!$G$20=$B$10,7,0)+IF('Standard Profiles'!$G$20=$B$17,14,0)+IF('Standard Profiles'!$G$20=$B$24,21,0),0)),0)</f>
        <v>0</v>
      </c>
      <c r="G909" cm="1">
        <f t="array" ref="G909">IFERROR(INDEX(Jesper!AK$2:AK$366,ROUNDDOWN($C909/24,0)+1,1)*INDEX($D$3:$AA$30,INDEX(Jesper!$R$2:$R$366,ROW(INDEX(Jesper!AK$2:AK$366,ROUNDDOWN($C909/24,0)+1,1))-1)+IF('Standard Profiles'!$G$21=$B$10,7,0)+IF('Standard Profiles'!$G$21=$B$17,14,0)+IF('Standard Profiles'!$G$21=$B$24,21,0),MOD($C909,24)+1)/SUM(INDEX($D$3:$AA$30,INDEX(Jesper!$R$2:$R$366,ROW(INDEX(Jesper!AK$2:AK$366,ROUNDDOWN($C909/24,0)+1,1))-1)+IF('Standard Profiles'!$G$21=$B$10,7,0)+IF('Standard Profiles'!$G$21=$B$17,14,0)+IF('Standard Profiles'!$G$21=$B$24,21,0),0)),0)</f>
        <v>62.646653769667431</v>
      </c>
      <c r="H909" cm="1">
        <f t="array" ref="H909">IFERROR(INDEX(Jesper!AL$2:AL$366,ROUNDDOWN($C909/24,0)+1,1)*INDEX($D$3:$AA$30,INDEX(Jesper!$R$2:$R$366,ROW(INDEX(Jesper!AL$2:AL$366,ROUNDDOWN($C909/24,0)+1,1))-1)+IF('Standard Profiles'!$G$22=$B$10,7,0)+IF('Standard Profiles'!$G$22=$B$17,14,0)+IF('Standard Profiles'!$G$22=$B$24,21,0),MOD($C909,24)+1)/SUM(INDEX($D$3:$AA$30,INDEX(Jesper!$R$2:$R$366,ROW(INDEX(Jesper!AL$2:AL$366,ROUNDDOWN($C909/24,0)+1,1))-1)+IF('Standard Profiles'!$G$22=$B$10,7,0)+IF('Standard Profiles'!$G$22=$B$17,14,0)+IF('Standard Profiles'!$G$22=$B$24,21,0),0)),0)</f>
        <v>0</v>
      </c>
      <c r="I909">
        <f t="shared" si="111"/>
        <v>30.07039380944035</v>
      </c>
      <c r="J909">
        <f t="shared" si="112"/>
        <v>123.9335937708277</v>
      </c>
      <c r="K909">
        <f t="shared" si="113"/>
        <v>4.3143480139724311</v>
      </c>
      <c r="L909">
        <f t="shared" si="114"/>
        <v>2.1571740069862155</v>
      </c>
      <c r="M909">
        <f t="shared" si="115"/>
        <v>0</v>
      </c>
      <c r="N909" s="45">
        <f t="shared" si="116"/>
        <v>44963.458333331211</v>
      </c>
    </row>
    <row r="910" spans="2:14" x14ac:dyDescent="0.25">
      <c r="B910">
        <f t="shared" si="110"/>
        <v>1</v>
      </c>
      <c r="C910" s="16">
        <v>876</v>
      </c>
      <c r="D910" cm="1">
        <f t="array" ref="D910">IFERROR(INDEX(Jesper!AH$2:AH$366,ROUNDDOWN($C910/24,0)+1,1)*INDEX($D$3:$AA$30,INDEX(Jesper!$R$2:$R$366,ROW(INDEX(Jesper!AH$2:AH$366,ROUNDDOWN($C910/24,0)+1,1))-1)+IF('Standard Profiles'!$G$18=$B$10,7,0)+IF('Standard Profiles'!$G$18=$B$17,14,0)+IF('Standard Profiles'!$G$18=$B$24,21,0),MOD($C910,24)+1)/SUM(INDEX($D$3:$AA$30,INDEX(Jesper!$R$2:$R$366,ROW(INDEX(Jesper!AH$2:AH$366,ROUNDDOWN($C910/24,0)+1,1))-1)+IF('Standard Profiles'!$G$18=$B$10,7,0)+IF('Standard Profiles'!$G$18=$B$17,14,0)+IF('Standard Profiles'!$G$18=$B$24,21,0),0)),0)</f>
        <v>40.447012630991537</v>
      </c>
      <c r="E910" cm="1">
        <f t="array" ref="E910">IFERROR(INDEX(Jesper!AI$2:AI$366,ROUNDDOWN($C910/24,0)+1,1)*INDEX($D$3:$AA$30,INDEX(Jesper!$R$2:$R$366,ROW(INDEX(Jesper!AI$2:AI$366,ROUNDDOWN($C910/24,0)+1,1))-1)+IF('Standard Profiles'!$G$19=$B$10,7,0)+IF('Standard Profiles'!$G$19=$B$17,14,0)+IF('Standard Profiles'!$G$19=$B$24,21,0),MOD($C910,24)+1)/SUM(INDEX($D$3:$AA$30,INDEX(Jesper!$R$2:$R$366,ROW(INDEX(Jesper!AI$2:AI$366,ROUNDDOWN($C910/24,0)+1,1))-1)+IF('Standard Profiles'!$G$19=$B$10,7,0)+IF('Standard Profiles'!$G$19=$B$17,14,0)+IF('Standard Profiles'!$G$19=$B$24,21,0),0)),0)</f>
        <v>57.381843200567729</v>
      </c>
      <c r="F910" cm="1">
        <f t="array" ref="F910">IFERROR(INDEX(Jesper!AJ$2:AJ$366,ROUNDDOWN($C910/24,0)+1,1)*INDEX($D$3:$AA$30,INDEX(Jesper!$R$2:$R$366,ROW(INDEX(Jesper!AJ$2:AJ$366,ROUNDDOWN($C910/24,0)+1,1))-1)+IF('Standard Profiles'!$G$20=$B$10,7,0)+IF('Standard Profiles'!$G$20=$B$17,14,0)+IF('Standard Profiles'!$G$20=$B$24,21,0),MOD($C910,24)+1)/SUM(INDEX($D$3:$AA$30,INDEX(Jesper!$R$2:$R$366,ROW(INDEX(Jesper!AJ$2:AJ$366,ROUNDDOWN($C910/24,0)+1,1))-1)+IF('Standard Profiles'!$G$20=$B$10,7,0)+IF('Standard Profiles'!$G$20=$B$17,14,0)+IF('Standard Profiles'!$G$20=$B$24,21,0),0)),0)</f>
        <v>0</v>
      </c>
      <c r="G910" cm="1">
        <f t="array" ref="G910">IFERROR(INDEX(Jesper!AK$2:AK$366,ROUNDDOWN($C910/24,0)+1,1)*INDEX($D$3:$AA$30,INDEX(Jesper!$R$2:$R$366,ROW(INDEX(Jesper!AK$2:AK$366,ROUNDDOWN($C910/24,0)+1,1))-1)+IF('Standard Profiles'!$G$21=$B$10,7,0)+IF('Standard Profiles'!$G$21=$B$17,14,0)+IF('Standard Profiles'!$G$21=$B$24,21,0),MOD($C910,24)+1)/SUM(INDEX($D$3:$AA$30,INDEX(Jesper!$R$2:$R$366,ROW(INDEX(Jesper!AK$2:AK$366,ROUNDDOWN($C910/24,0)+1,1))-1)+IF('Standard Profiles'!$G$21=$B$10,7,0)+IF('Standard Profiles'!$G$21=$B$17,14,0)+IF('Standard Profiles'!$G$21=$B$24,21,0),0)),0)</f>
        <v>62.646653769667431</v>
      </c>
      <c r="H910" cm="1">
        <f t="array" ref="H910">IFERROR(INDEX(Jesper!AL$2:AL$366,ROUNDDOWN($C910/24,0)+1,1)*INDEX($D$3:$AA$30,INDEX(Jesper!$R$2:$R$366,ROW(INDEX(Jesper!AL$2:AL$366,ROUNDDOWN($C910/24,0)+1,1))-1)+IF('Standard Profiles'!$G$22=$B$10,7,0)+IF('Standard Profiles'!$G$22=$B$17,14,0)+IF('Standard Profiles'!$G$22=$B$24,21,0),MOD($C910,24)+1)/SUM(INDEX($D$3:$AA$30,INDEX(Jesper!$R$2:$R$366,ROW(INDEX(Jesper!AL$2:AL$366,ROUNDDOWN($C910/24,0)+1,1))-1)+IF('Standard Profiles'!$G$22=$B$10,7,0)+IF('Standard Profiles'!$G$22=$B$17,14,0)+IF('Standard Profiles'!$G$22=$B$24,21,0),0)),0)</f>
        <v>0</v>
      </c>
      <c r="I910">
        <f t="shared" si="111"/>
        <v>30.07039380944035</v>
      </c>
      <c r="J910">
        <f t="shared" si="112"/>
        <v>123.9335937708277</v>
      </c>
      <c r="K910">
        <f t="shared" si="113"/>
        <v>4.3143480139724311</v>
      </c>
      <c r="L910">
        <f t="shared" si="114"/>
        <v>2.1571740069862155</v>
      </c>
      <c r="M910">
        <f t="shared" si="115"/>
        <v>0</v>
      </c>
      <c r="N910" s="45">
        <f t="shared" si="116"/>
        <v>44963.499999997875</v>
      </c>
    </row>
    <row r="911" spans="2:14" x14ac:dyDescent="0.25">
      <c r="B911">
        <f t="shared" si="110"/>
        <v>1</v>
      </c>
      <c r="C911" s="16">
        <v>877</v>
      </c>
      <c r="D911" cm="1">
        <f t="array" ref="D911">IFERROR(INDEX(Jesper!AH$2:AH$366,ROUNDDOWN($C911/24,0)+1,1)*INDEX($D$3:$AA$30,INDEX(Jesper!$R$2:$R$366,ROW(INDEX(Jesper!AH$2:AH$366,ROUNDDOWN($C911/24,0)+1,1))-1)+IF('Standard Profiles'!$G$18=$B$10,7,0)+IF('Standard Profiles'!$G$18=$B$17,14,0)+IF('Standard Profiles'!$G$18=$B$24,21,0),MOD($C911,24)+1)/SUM(INDEX($D$3:$AA$30,INDEX(Jesper!$R$2:$R$366,ROW(INDEX(Jesper!AH$2:AH$366,ROUNDDOWN($C911/24,0)+1,1))-1)+IF('Standard Profiles'!$G$18=$B$10,7,0)+IF('Standard Profiles'!$G$18=$B$17,14,0)+IF('Standard Profiles'!$G$18=$B$24,21,0),0)),0)</f>
        <v>26.964675087327691</v>
      </c>
      <c r="E911" cm="1">
        <f t="array" ref="E911">IFERROR(INDEX(Jesper!AI$2:AI$366,ROUNDDOWN($C911/24,0)+1,1)*INDEX($D$3:$AA$30,INDEX(Jesper!$R$2:$R$366,ROW(INDEX(Jesper!AI$2:AI$366,ROUNDDOWN($C911/24,0)+1,1))-1)+IF('Standard Profiles'!$G$19=$B$10,7,0)+IF('Standard Profiles'!$G$19=$B$17,14,0)+IF('Standard Profiles'!$G$19=$B$24,21,0),MOD($C911,24)+1)/SUM(INDEX($D$3:$AA$30,INDEX(Jesper!$R$2:$R$366,ROW(INDEX(Jesper!AI$2:AI$366,ROUNDDOWN($C911/24,0)+1,1))-1)+IF('Standard Profiles'!$G$19=$B$10,7,0)+IF('Standard Profiles'!$G$19=$B$17,14,0)+IF('Standard Profiles'!$G$19=$B$24,21,0),0)),0)</f>
        <v>38.254562133711829</v>
      </c>
      <c r="F911" cm="1">
        <f t="array" ref="F911">IFERROR(INDEX(Jesper!AJ$2:AJ$366,ROUNDDOWN($C911/24,0)+1,1)*INDEX($D$3:$AA$30,INDEX(Jesper!$R$2:$R$366,ROW(INDEX(Jesper!AJ$2:AJ$366,ROUNDDOWN($C911/24,0)+1,1))-1)+IF('Standard Profiles'!$G$20=$B$10,7,0)+IF('Standard Profiles'!$G$20=$B$17,14,0)+IF('Standard Profiles'!$G$20=$B$24,21,0),MOD($C911,24)+1)/SUM(INDEX($D$3:$AA$30,INDEX(Jesper!$R$2:$R$366,ROW(INDEX(Jesper!AJ$2:AJ$366,ROUNDDOWN($C911/24,0)+1,1))-1)+IF('Standard Profiles'!$G$20=$B$10,7,0)+IF('Standard Profiles'!$G$20=$B$17,14,0)+IF('Standard Profiles'!$G$20=$B$24,21,0),0)),0)</f>
        <v>0</v>
      </c>
      <c r="G911" cm="1">
        <f t="array" ref="G911">IFERROR(INDEX(Jesper!AK$2:AK$366,ROUNDDOWN($C911/24,0)+1,1)*INDEX($D$3:$AA$30,INDEX(Jesper!$R$2:$R$366,ROW(INDEX(Jesper!AK$2:AK$366,ROUNDDOWN($C911/24,0)+1,1))-1)+IF('Standard Profiles'!$G$21=$B$10,7,0)+IF('Standard Profiles'!$G$21=$B$17,14,0)+IF('Standard Profiles'!$G$21=$B$24,21,0),MOD($C911,24)+1)/SUM(INDEX($D$3:$AA$30,INDEX(Jesper!$R$2:$R$366,ROW(INDEX(Jesper!AK$2:AK$366,ROUNDDOWN($C911/24,0)+1,1))-1)+IF('Standard Profiles'!$G$21=$B$10,7,0)+IF('Standard Profiles'!$G$21=$B$17,14,0)+IF('Standard Profiles'!$G$21=$B$24,21,0),0)),0)</f>
        <v>41.764435846444954</v>
      </c>
      <c r="H911" cm="1">
        <f t="array" ref="H911">IFERROR(INDEX(Jesper!AL$2:AL$366,ROUNDDOWN($C911/24,0)+1,1)*INDEX($D$3:$AA$30,INDEX(Jesper!$R$2:$R$366,ROW(INDEX(Jesper!AL$2:AL$366,ROUNDDOWN($C911/24,0)+1,1))-1)+IF('Standard Profiles'!$G$22=$B$10,7,0)+IF('Standard Profiles'!$G$22=$B$17,14,0)+IF('Standard Profiles'!$G$22=$B$24,21,0),MOD($C911,24)+1)/SUM(INDEX($D$3:$AA$30,INDEX(Jesper!$R$2:$R$366,ROW(INDEX(Jesper!AL$2:AL$366,ROUNDDOWN($C911/24,0)+1,1))-1)+IF('Standard Profiles'!$G$22=$B$10,7,0)+IF('Standard Profiles'!$G$22=$B$17,14,0)+IF('Standard Profiles'!$G$22=$B$24,21,0),0)),0)</f>
        <v>0</v>
      </c>
      <c r="I911">
        <f t="shared" si="111"/>
        <v>20.046929206293569</v>
      </c>
      <c r="J911">
        <f t="shared" si="112"/>
        <v>82.622395847218471</v>
      </c>
      <c r="K911">
        <f t="shared" si="113"/>
        <v>2.876232009314954</v>
      </c>
      <c r="L911">
        <f t="shared" si="114"/>
        <v>1.438116004657477</v>
      </c>
      <c r="M911">
        <f t="shared" si="115"/>
        <v>0</v>
      </c>
      <c r="N911" s="45">
        <f t="shared" si="116"/>
        <v>44963.54166666454</v>
      </c>
    </row>
    <row r="912" spans="2:14" x14ac:dyDescent="0.25">
      <c r="B912">
        <f t="shared" si="110"/>
        <v>1</v>
      </c>
      <c r="C912" s="16">
        <v>878</v>
      </c>
      <c r="D912" cm="1">
        <f t="array" ref="D912">IFERROR(INDEX(Jesper!AH$2:AH$366,ROUNDDOWN($C912/24,0)+1,1)*INDEX($D$3:$AA$30,INDEX(Jesper!$R$2:$R$366,ROW(INDEX(Jesper!AH$2:AH$366,ROUNDDOWN($C912/24,0)+1,1))-1)+IF('Standard Profiles'!$G$18=$B$10,7,0)+IF('Standard Profiles'!$G$18=$B$17,14,0)+IF('Standard Profiles'!$G$18=$B$24,21,0),MOD($C912,24)+1)/SUM(INDEX($D$3:$AA$30,INDEX(Jesper!$R$2:$R$366,ROW(INDEX(Jesper!AH$2:AH$366,ROUNDDOWN($C912/24,0)+1,1))-1)+IF('Standard Profiles'!$G$18=$B$10,7,0)+IF('Standard Profiles'!$G$18=$B$17,14,0)+IF('Standard Profiles'!$G$18=$B$24,21,0),0)),0)</f>
        <v>40.447012630991537</v>
      </c>
      <c r="E912" cm="1">
        <f t="array" ref="E912">IFERROR(INDEX(Jesper!AI$2:AI$366,ROUNDDOWN($C912/24,0)+1,1)*INDEX($D$3:$AA$30,INDEX(Jesper!$R$2:$R$366,ROW(INDEX(Jesper!AI$2:AI$366,ROUNDDOWN($C912/24,0)+1,1))-1)+IF('Standard Profiles'!$G$19=$B$10,7,0)+IF('Standard Profiles'!$G$19=$B$17,14,0)+IF('Standard Profiles'!$G$19=$B$24,21,0),MOD($C912,24)+1)/SUM(INDEX($D$3:$AA$30,INDEX(Jesper!$R$2:$R$366,ROW(INDEX(Jesper!AI$2:AI$366,ROUNDDOWN($C912/24,0)+1,1))-1)+IF('Standard Profiles'!$G$19=$B$10,7,0)+IF('Standard Profiles'!$G$19=$B$17,14,0)+IF('Standard Profiles'!$G$19=$B$24,21,0),0)),0)</f>
        <v>57.381843200567729</v>
      </c>
      <c r="F912" cm="1">
        <f t="array" ref="F912">IFERROR(INDEX(Jesper!AJ$2:AJ$366,ROUNDDOWN($C912/24,0)+1,1)*INDEX($D$3:$AA$30,INDEX(Jesper!$R$2:$R$366,ROW(INDEX(Jesper!AJ$2:AJ$366,ROUNDDOWN($C912/24,0)+1,1))-1)+IF('Standard Profiles'!$G$20=$B$10,7,0)+IF('Standard Profiles'!$G$20=$B$17,14,0)+IF('Standard Profiles'!$G$20=$B$24,21,0),MOD($C912,24)+1)/SUM(INDEX($D$3:$AA$30,INDEX(Jesper!$R$2:$R$366,ROW(INDEX(Jesper!AJ$2:AJ$366,ROUNDDOWN($C912/24,0)+1,1))-1)+IF('Standard Profiles'!$G$20=$B$10,7,0)+IF('Standard Profiles'!$G$20=$B$17,14,0)+IF('Standard Profiles'!$G$20=$B$24,21,0),0)),0)</f>
        <v>0</v>
      </c>
      <c r="G912" cm="1">
        <f t="array" ref="G912">IFERROR(INDEX(Jesper!AK$2:AK$366,ROUNDDOWN($C912/24,0)+1,1)*INDEX($D$3:$AA$30,INDEX(Jesper!$R$2:$R$366,ROW(INDEX(Jesper!AK$2:AK$366,ROUNDDOWN($C912/24,0)+1,1))-1)+IF('Standard Profiles'!$G$21=$B$10,7,0)+IF('Standard Profiles'!$G$21=$B$17,14,0)+IF('Standard Profiles'!$G$21=$B$24,21,0),MOD($C912,24)+1)/SUM(INDEX($D$3:$AA$30,INDEX(Jesper!$R$2:$R$366,ROW(INDEX(Jesper!AK$2:AK$366,ROUNDDOWN($C912/24,0)+1,1))-1)+IF('Standard Profiles'!$G$21=$B$10,7,0)+IF('Standard Profiles'!$G$21=$B$17,14,0)+IF('Standard Profiles'!$G$21=$B$24,21,0),0)),0)</f>
        <v>62.646653769667431</v>
      </c>
      <c r="H912" cm="1">
        <f t="array" ref="H912">IFERROR(INDEX(Jesper!AL$2:AL$366,ROUNDDOWN($C912/24,0)+1,1)*INDEX($D$3:$AA$30,INDEX(Jesper!$R$2:$R$366,ROW(INDEX(Jesper!AL$2:AL$366,ROUNDDOWN($C912/24,0)+1,1))-1)+IF('Standard Profiles'!$G$22=$B$10,7,0)+IF('Standard Profiles'!$G$22=$B$17,14,0)+IF('Standard Profiles'!$G$22=$B$24,21,0),MOD($C912,24)+1)/SUM(INDEX($D$3:$AA$30,INDEX(Jesper!$R$2:$R$366,ROW(INDEX(Jesper!AL$2:AL$366,ROUNDDOWN($C912/24,0)+1,1))-1)+IF('Standard Profiles'!$G$22=$B$10,7,0)+IF('Standard Profiles'!$G$22=$B$17,14,0)+IF('Standard Profiles'!$G$22=$B$24,21,0),0)),0)</f>
        <v>0</v>
      </c>
      <c r="I912">
        <f t="shared" si="111"/>
        <v>30.07039380944035</v>
      </c>
      <c r="J912">
        <f t="shared" si="112"/>
        <v>123.9335937708277</v>
      </c>
      <c r="K912">
        <f t="shared" si="113"/>
        <v>4.3143480139724311</v>
      </c>
      <c r="L912">
        <f t="shared" si="114"/>
        <v>2.1571740069862155</v>
      </c>
      <c r="M912">
        <f t="shared" si="115"/>
        <v>0</v>
      </c>
      <c r="N912" s="45">
        <f t="shared" si="116"/>
        <v>44963.583333331204</v>
      </c>
    </row>
    <row r="913" spans="2:14" x14ac:dyDescent="0.25">
      <c r="B913">
        <f t="shared" si="110"/>
        <v>1</v>
      </c>
      <c r="C913" s="16">
        <v>879</v>
      </c>
      <c r="D913" cm="1">
        <f t="array" ref="D913">IFERROR(INDEX(Jesper!AH$2:AH$366,ROUNDDOWN($C913/24,0)+1,1)*INDEX($D$3:$AA$30,INDEX(Jesper!$R$2:$R$366,ROW(INDEX(Jesper!AH$2:AH$366,ROUNDDOWN($C913/24,0)+1,1))-1)+IF('Standard Profiles'!$G$18=$B$10,7,0)+IF('Standard Profiles'!$G$18=$B$17,14,0)+IF('Standard Profiles'!$G$18=$B$24,21,0),MOD($C913,24)+1)/SUM(INDEX($D$3:$AA$30,INDEX(Jesper!$R$2:$R$366,ROW(INDEX(Jesper!AH$2:AH$366,ROUNDDOWN($C913/24,0)+1,1))-1)+IF('Standard Profiles'!$G$18=$B$10,7,0)+IF('Standard Profiles'!$G$18=$B$17,14,0)+IF('Standard Profiles'!$G$18=$B$24,21,0),0)),0)</f>
        <v>40.447012630991537</v>
      </c>
      <c r="E913" cm="1">
        <f t="array" ref="E913">IFERROR(INDEX(Jesper!AI$2:AI$366,ROUNDDOWN($C913/24,0)+1,1)*INDEX($D$3:$AA$30,INDEX(Jesper!$R$2:$R$366,ROW(INDEX(Jesper!AI$2:AI$366,ROUNDDOWN($C913/24,0)+1,1))-1)+IF('Standard Profiles'!$G$19=$B$10,7,0)+IF('Standard Profiles'!$G$19=$B$17,14,0)+IF('Standard Profiles'!$G$19=$B$24,21,0),MOD($C913,24)+1)/SUM(INDEX($D$3:$AA$30,INDEX(Jesper!$R$2:$R$366,ROW(INDEX(Jesper!AI$2:AI$366,ROUNDDOWN($C913/24,0)+1,1))-1)+IF('Standard Profiles'!$G$19=$B$10,7,0)+IF('Standard Profiles'!$G$19=$B$17,14,0)+IF('Standard Profiles'!$G$19=$B$24,21,0),0)),0)</f>
        <v>57.381843200567729</v>
      </c>
      <c r="F913" cm="1">
        <f t="array" ref="F913">IFERROR(INDEX(Jesper!AJ$2:AJ$366,ROUNDDOWN($C913/24,0)+1,1)*INDEX($D$3:$AA$30,INDEX(Jesper!$R$2:$R$366,ROW(INDEX(Jesper!AJ$2:AJ$366,ROUNDDOWN($C913/24,0)+1,1))-1)+IF('Standard Profiles'!$G$20=$B$10,7,0)+IF('Standard Profiles'!$G$20=$B$17,14,0)+IF('Standard Profiles'!$G$20=$B$24,21,0),MOD($C913,24)+1)/SUM(INDEX($D$3:$AA$30,INDEX(Jesper!$R$2:$R$366,ROW(INDEX(Jesper!AJ$2:AJ$366,ROUNDDOWN($C913/24,0)+1,1))-1)+IF('Standard Profiles'!$G$20=$B$10,7,0)+IF('Standard Profiles'!$G$20=$B$17,14,0)+IF('Standard Profiles'!$G$20=$B$24,21,0),0)),0)</f>
        <v>0</v>
      </c>
      <c r="G913" cm="1">
        <f t="array" ref="G913">IFERROR(INDEX(Jesper!AK$2:AK$366,ROUNDDOWN($C913/24,0)+1,1)*INDEX($D$3:$AA$30,INDEX(Jesper!$R$2:$R$366,ROW(INDEX(Jesper!AK$2:AK$366,ROUNDDOWN($C913/24,0)+1,1))-1)+IF('Standard Profiles'!$G$21=$B$10,7,0)+IF('Standard Profiles'!$G$21=$B$17,14,0)+IF('Standard Profiles'!$G$21=$B$24,21,0),MOD($C913,24)+1)/SUM(INDEX($D$3:$AA$30,INDEX(Jesper!$R$2:$R$366,ROW(INDEX(Jesper!AK$2:AK$366,ROUNDDOWN($C913/24,0)+1,1))-1)+IF('Standard Profiles'!$G$21=$B$10,7,0)+IF('Standard Profiles'!$G$21=$B$17,14,0)+IF('Standard Profiles'!$G$21=$B$24,21,0),0)),0)</f>
        <v>62.646653769667431</v>
      </c>
      <c r="H913" cm="1">
        <f t="array" ref="H913">IFERROR(INDEX(Jesper!AL$2:AL$366,ROUNDDOWN($C913/24,0)+1,1)*INDEX($D$3:$AA$30,INDEX(Jesper!$R$2:$R$366,ROW(INDEX(Jesper!AL$2:AL$366,ROUNDDOWN($C913/24,0)+1,1))-1)+IF('Standard Profiles'!$G$22=$B$10,7,0)+IF('Standard Profiles'!$G$22=$B$17,14,0)+IF('Standard Profiles'!$G$22=$B$24,21,0),MOD($C913,24)+1)/SUM(INDEX($D$3:$AA$30,INDEX(Jesper!$R$2:$R$366,ROW(INDEX(Jesper!AL$2:AL$366,ROUNDDOWN($C913/24,0)+1,1))-1)+IF('Standard Profiles'!$G$22=$B$10,7,0)+IF('Standard Profiles'!$G$22=$B$17,14,0)+IF('Standard Profiles'!$G$22=$B$24,21,0),0)),0)</f>
        <v>0</v>
      </c>
      <c r="I913">
        <f t="shared" si="111"/>
        <v>30.07039380944035</v>
      </c>
      <c r="J913">
        <f t="shared" si="112"/>
        <v>123.9335937708277</v>
      </c>
      <c r="K913">
        <f t="shared" si="113"/>
        <v>4.3143480139724311</v>
      </c>
      <c r="L913">
        <f t="shared" si="114"/>
        <v>2.1571740069862155</v>
      </c>
      <c r="M913">
        <f t="shared" si="115"/>
        <v>0</v>
      </c>
      <c r="N913" s="45">
        <f t="shared" si="116"/>
        <v>44963.624999997868</v>
      </c>
    </row>
    <row r="914" spans="2:14" x14ac:dyDescent="0.25">
      <c r="B914">
        <f t="shared" si="110"/>
        <v>1</v>
      </c>
      <c r="C914" s="16">
        <v>880</v>
      </c>
      <c r="D914" cm="1">
        <f t="array" ref="D914">IFERROR(INDEX(Jesper!AH$2:AH$366,ROUNDDOWN($C914/24,0)+1,1)*INDEX($D$3:$AA$30,INDEX(Jesper!$R$2:$R$366,ROW(INDEX(Jesper!AH$2:AH$366,ROUNDDOWN($C914/24,0)+1,1))-1)+IF('Standard Profiles'!$G$18=$B$10,7,0)+IF('Standard Profiles'!$G$18=$B$17,14,0)+IF('Standard Profiles'!$G$18=$B$24,21,0),MOD($C914,24)+1)/SUM(INDEX($D$3:$AA$30,INDEX(Jesper!$R$2:$R$366,ROW(INDEX(Jesper!AH$2:AH$366,ROUNDDOWN($C914/24,0)+1,1))-1)+IF('Standard Profiles'!$G$18=$B$10,7,0)+IF('Standard Profiles'!$G$18=$B$17,14,0)+IF('Standard Profiles'!$G$18=$B$24,21,0),0)),0)</f>
        <v>23.59409070141173</v>
      </c>
      <c r="E914" cm="1">
        <f t="array" ref="E914">IFERROR(INDEX(Jesper!AI$2:AI$366,ROUNDDOWN($C914/24,0)+1,1)*INDEX($D$3:$AA$30,INDEX(Jesper!$R$2:$R$366,ROW(INDEX(Jesper!AI$2:AI$366,ROUNDDOWN($C914/24,0)+1,1))-1)+IF('Standard Profiles'!$G$19=$B$10,7,0)+IF('Standard Profiles'!$G$19=$B$17,14,0)+IF('Standard Profiles'!$G$19=$B$24,21,0),MOD($C914,24)+1)/SUM(INDEX($D$3:$AA$30,INDEX(Jesper!$R$2:$R$366,ROW(INDEX(Jesper!AI$2:AI$366,ROUNDDOWN($C914/24,0)+1,1))-1)+IF('Standard Profiles'!$G$19=$B$10,7,0)+IF('Standard Profiles'!$G$19=$B$17,14,0)+IF('Standard Profiles'!$G$19=$B$24,21,0),0)),0)</f>
        <v>33.472741866997843</v>
      </c>
      <c r="F914" cm="1">
        <f t="array" ref="F914">IFERROR(INDEX(Jesper!AJ$2:AJ$366,ROUNDDOWN($C914/24,0)+1,1)*INDEX($D$3:$AA$30,INDEX(Jesper!$R$2:$R$366,ROW(INDEX(Jesper!AJ$2:AJ$366,ROUNDDOWN($C914/24,0)+1,1))-1)+IF('Standard Profiles'!$G$20=$B$10,7,0)+IF('Standard Profiles'!$G$20=$B$17,14,0)+IF('Standard Profiles'!$G$20=$B$24,21,0),MOD($C914,24)+1)/SUM(INDEX($D$3:$AA$30,INDEX(Jesper!$R$2:$R$366,ROW(INDEX(Jesper!AJ$2:AJ$366,ROUNDDOWN($C914/24,0)+1,1))-1)+IF('Standard Profiles'!$G$20=$B$10,7,0)+IF('Standard Profiles'!$G$20=$B$17,14,0)+IF('Standard Profiles'!$G$20=$B$24,21,0),0)),0)</f>
        <v>0</v>
      </c>
      <c r="G914" cm="1">
        <f t="array" ref="G914">IFERROR(INDEX(Jesper!AK$2:AK$366,ROUNDDOWN($C914/24,0)+1,1)*INDEX($D$3:$AA$30,INDEX(Jesper!$R$2:$R$366,ROW(INDEX(Jesper!AK$2:AK$366,ROUNDDOWN($C914/24,0)+1,1))-1)+IF('Standard Profiles'!$G$21=$B$10,7,0)+IF('Standard Profiles'!$G$21=$B$17,14,0)+IF('Standard Profiles'!$G$21=$B$24,21,0),MOD($C914,24)+1)/SUM(INDEX($D$3:$AA$30,INDEX(Jesper!$R$2:$R$366,ROW(INDEX(Jesper!AK$2:AK$366,ROUNDDOWN($C914/24,0)+1,1))-1)+IF('Standard Profiles'!$G$21=$B$10,7,0)+IF('Standard Profiles'!$G$21=$B$17,14,0)+IF('Standard Profiles'!$G$21=$B$24,21,0),0)),0)</f>
        <v>52.205544808056196</v>
      </c>
      <c r="H914" cm="1">
        <f t="array" ref="H914">IFERROR(INDEX(Jesper!AL$2:AL$366,ROUNDDOWN($C914/24,0)+1,1)*INDEX($D$3:$AA$30,INDEX(Jesper!$R$2:$R$366,ROW(INDEX(Jesper!AL$2:AL$366,ROUNDDOWN($C914/24,0)+1,1))-1)+IF('Standard Profiles'!$G$22=$B$10,7,0)+IF('Standard Profiles'!$G$22=$B$17,14,0)+IF('Standard Profiles'!$G$22=$B$24,21,0),MOD($C914,24)+1)/SUM(INDEX($D$3:$AA$30,INDEX(Jesper!$R$2:$R$366,ROW(INDEX(Jesper!AL$2:AL$366,ROUNDDOWN($C914/24,0)+1,1))-1)+IF('Standard Profiles'!$G$22=$B$10,7,0)+IF('Standard Profiles'!$G$22=$B$17,14,0)+IF('Standard Profiles'!$G$22=$B$24,21,0),0)),0)</f>
        <v>0</v>
      </c>
      <c r="I914">
        <f t="shared" si="111"/>
        <v>25.058661507866962</v>
      </c>
      <c r="J914">
        <f t="shared" si="112"/>
        <v>80.438661356372933</v>
      </c>
      <c r="K914">
        <f t="shared" si="113"/>
        <v>2.5167030081505848</v>
      </c>
      <c r="L914">
        <f t="shared" si="114"/>
        <v>1.2583515040752924</v>
      </c>
      <c r="M914">
        <f t="shared" si="115"/>
        <v>0</v>
      </c>
      <c r="N914" s="45">
        <f t="shared" si="116"/>
        <v>44963.666666664532</v>
      </c>
    </row>
    <row r="915" spans="2:14" x14ac:dyDescent="0.25">
      <c r="B915">
        <f t="shared" si="110"/>
        <v>1</v>
      </c>
      <c r="C915" s="16">
        <v>881</v>
      </c>
      <c r="D915" cm="1">
        <f t="array" ref="D915">IFERROR(INDEX(Jesper!AH$2:AH$366,ROUNDDOWN($C915/24,0)+1,1)*INDEX($D$3:$AA$30,INDEX(Jesper!$R$2:$R$366,ROW(INDEX(Jesper!AH$2:AH$366,ROUNDDOWN($C915/24,0)+1,1))-1)+IF('Standard Profiles'!$G$18=$B$10,7,0)+IF('Standard Profiles'!$G$18=$B$17,14,0)+IF('Standard Profiles'!$G$18=$B$24,21,0),MOD($C915,24)+1)/SUM(INDEX($D$3:$AA$30,INDEX(Jesper!$R$2:$R$366,ROW(INDEX(Jesper!AH$2:AH$366,ROUNDDOWN($C915/24,0)+1,1))-1)+IF('Standard Profiles'!$G$18=$B$10,7,0)+IF('Standard Profiles'!$G$18=$B$17,14,0)+IF('Standard Profiles'!$G$18=$B$24,21,0),0)),0)</f>
        <v>6.7411687718319229</v>
      </c>
      <c r="E915" cm="1">
        <f t="array" ref="E915">IFERROR(INDEX(Jesper!AI$2:AI$366,ROUNDDOWN($C915/24,0)+1,1)*INDEX($D$3:$AA$30,INDEX(Jesper!$R$2:$R$366,ROW(INDEX(Jesper!AI$2:AI$366,ROUNDDOWN($C915/24,0)+1,1))-1)+IF('Standard Profiles'!$G$19=$B$10,7,0)+IF('Standard Profiles'!$G$19=$B$17,14,0)+IF('Standard Profiles'!$G$19=$B$24,21,0),MOD($C915,24)+1)/SUM(INDEX($D$3:$AA$30,INDEX(Jesper!$R$2:$R$366,ROW(INDEX(Jesper!AI$2:AI$366,ROUNDDOWN($C915/24,0)+1,1))-1)+IF('Standard Profiles'!$G$19=$B$10,7,0)+IF('Standard Profiles'!$G$19=$B$17,14,0)+IF('Standard Profiles'!$G$19=$B$24,21,0),0)),0)</f>
        <v>9.5636405334279573</v>
      </c>
      <c r="F915" cm="1">
        <f t="array" ref="F915">IFERROR(INDEX(Jesper!AJ$2:AJ$366,ROUNDDOWN($C915/24,0)+1,1)*INDEX($D$3:$AA$30,INDEX(Jesper!$R$2:$R$366,ROW(INDEX(Jesper!AJ$2:AJ$366,ROUNDDOWN($C915/24,0)+1,1))-1)+IF('Standard Profiles'!$G$20=$B$10,7,0)+IF('Standard Profiles'!$G$20=$B$17,14,0)+IF('Standard Profiles'!$G$20=$B$24,21,0),MOD($C915,24)+1)/SUM(INDEX($D$3:$AA$30,INDEX(Jesper!$R$2:$R$366,ROW(INDEX(Jesper!AJ$2:AJ$366,ROUNDDOWN($C915/24,0)+1,1))-1)+IF('Standard Profiles'!$G$20=$B$10,7,0)+IF('Standard Profiles'!$G$20=$B$17,14,0)+IF('Standard Profiles'!$G$20=$B$24,21,0),0)),0)</f>
        <v>0</v>
      </c>
      <c r="G915" cm="1">
        <f t="array" ref="G915">IFERROR(INDEX(Jesper!AK$2:AK$366,ROUNDDOWN($C915/24,0)+1,1)*INDEX($D$3:$AA$30,INDEX(Jesper!$R$2:$R$366,ROW(INDEX(Jesper!AK$2:AK$366,ROUNDDOWN($C915/24,0)+1,1))-1)+IF('Standard Profiles'!$G$21=$B$10,7,0)+IF('Standard Profiles'!$G$21=$B$17,14,0)+IF('Standard Profiles'!$G$21=$B$24,21,0),MOD($C915,24)+1)/SUM(INDEX($D$3:$AA$30,INDEX(Jesper!$R$2:$R$366,ROW(INDEX(Jesper!AK$2:AK$366,ROUNDDOWN($C915/24,0)+1,1))-1)+IF('Standard Profiles'!$G$21=$B$10,7,0)+IF('Standard Profiles'!$G$21=$B$17,14,0)+IF('Standard Profiles'!$G$21=$B$24,21,0),0)),0)</f>
        <v>42.004461339815329</v>
      </c>
      <c r="H915" cm="1">
        <f t="array" ref="H915">IFERROR(INDEX(Jesper!AL$2:AL$366,ROUNDDOWN($C915/24,0)+1,1)*INDEX($D$3:$AA$30,INDEX(Jesper!$R$2:$R$366,ROW(INDEX(Jesper!AL$2:AL$366,ROUNDDOWN($C915/24,0)+1,1))-1)+IF('Standard Profiles'!$G$22=$B$10,7,0)+IF('Standard Profiles'!$G$22=$B$17,14,0)+IF('Standard Profiles'!$G$22=$B$24,21,0),MOD($C915,24)+1)/SUM(INDEX($D$3:$AA$30,INDEX(Jesper!$R$2:$R$366,ROW(INDEX(Jesper!AL$2:AL$366,ROUNDDOWN($C915/24,0)+1,1))-1)+IF('Standard Profiles'!$G$22=$B$10,7,0)+IF('Standard Profiles'!$G$22=$B$17,14,0)+IF('Standard Profiles'!$G$22=$B$24,21,0),0)),0)</f>
        <v>0</v>
      </c>
      <c r="I915">
        <f t="shared" si="111"/>
        <v>20.162141443111349</v>
      </c>
      <c r="J915">
        <f t="shared" si="112"/>
        <v>37.068542198470752</v>
      </c>
      <c r="K915">
        <f t="shared" si="113"/>
        <v>0.71905800232873851</v>
      </c>
      <c r="L915">
        <f t="shared" si="114"/>
        <v>0.35952900116436926</v>
      </c>
      <c r="M915">
        <f t="shared" si="115"/>
        <v>0</v>
      </c>
      <c r="N915" s="45">
        <f t="shared" si="116"/>
        <v>44963.708333331197</v>
      </c>
    </row>
    <row r="916" spans="2:14" x14ac:dyDescent="0.25">
      <c r="B916">
        <f t="shared" si="110"/>
        <v>1</v>
      </c>
      <c r="C916" s="16">
        <v>882</v>
      </c>
      <c r="D916" cm="1">
        <f t="array" ref="D916">IFERROR(INDEX(Jesper!AH$2:AH$366,ROUNDDOWN($C916/24,0)+1,1)*INDEX($D$3:$AA$30,INDEX(Jesper!$R$2:$R$366,ROW(INDEX(Jesper!AH$2:AH$366,ROUNDDOWN($C916/24,0)+1,1))-1)+IF('Standard Profiles'!$G$18=$B$10,7,0)+IF('Standard Profiles'!$G$18=$B$17,14,0)+IF('Standard Profiles'!$G$18=$B$24,21,0),MOD($C916,24)+1)/SUM(INDEX($D$3:$AA$30,INDEX(Jesper!$R$2:$R$366,ROW(INDEX(Jesper!AH$2:AH$366,ROUNDDOWN($C916/24,0)+1,1))-1)+IF('Standard Profiles'!$G$18=$B$10,7,0)+IF('Standard Profiles'!$G$18=$B$17,14,0)+IF('Standard Profiles'!$G$18=$B$24,21,0),0)),0)</f>
        <v>6.6462227327920367</v>
      </c>
      <c r="E916" cm="1">
        <f t="array" ref="E916">IFERROR(INDEX(Jesper!AI$2:AI$366,ROUNDDOWN($C916/24,0)+1,1)*INDEX($D$3:$AA$30,INDEX(Jesper!$R$2:$R$366,ROW(INDEX(Jesper!AI$2:AI$366,ROUNDDOWN($C916/24,0)+1,1))-1)+IF('Standard Profiles'!$G$19=$B$10,7,0)+IF('Standard Profiles'!$G$19=$B$17,14,0)+IF('Standard Profiles'!$G$19=$B$24,21,0),MOD($C916,24)+1)/SUM(INDEX($D$3:$AA$30,INDEX(Jesper!$R$2:$R$366,ROW(INDEX(Jesper!AI$2:AI$366,ROUNDDOWN($C916/24,0)+1,1))-1)+IF('Standard Profiles'!$G$19=$B$10,7,0)+IF('Standard Profiles'!$G$19=$B$17,14,0)+IF('Standard Profiles'!$G$19=$B$24,21,0),0)),0)</f>
        <v>9.4289413709853083</v>
      </c>
      <c r="F916" cm="1">
        <f t="array" ref="F916">IFERROR(INDEX(Jesper!AJ$2:AJ$366,ROUNDDOWN($C916/24,0)+1,1)*INDEX($D$3:$AA$30,INDEX(Jesper!$R$2:$R$366,ROW(INDEX(Jesper!AJ$2:AJ$366,ROUNDDOWN($C916/24,0)+1,1))-1)+IF('Standard Profiles'!$G$20=$B$10,7,0)+IF('Standard Profiles'!$G$20=$B$17,14,0)+IF('Standard Profiles'!$G$20=$B$24,21,0),MOD($C916,24)+1)/SUM(INDEX($D$3:$AA$30,INDEX(Jesper!$R$2:$R$366,ROW(INDEX(Jesper!AJ$2:AJ$366,ROUNDDOWN($C916/24,0)+1,1))-1)+IF('Standard Profiles'!$G$20=$B$10,7,0)+IF('Standard Profiles'!$G$20=$B$17,14,0)+IF('Standard Profiles'!$G$20=$B$24,21,0),0)),0)</f>
        <v>0</v>
      </c>
      <c r="G916" cm="1">
        <f t="array" ref="G916">IFERROR(INDEX(Jesper!AK$2:AK$366,ROUNDDOWN($C916/24,0)+1,1)*INDEX($D$3:$AA$30,INDEX(Jesper!$R$2:$R$366,ROW(INDEX(Jesper!AK$2:AK$366,ROUNDDOWN($C916/24,0)+1,1))-1)+IF('Standard Profiles'!$G$21=$B$10,7,0)+IF('Standard Profiles'!$G$21=$B$17,14,0)+IF('Standard Profiles'!$G$21=$B$24,21,0),MOD($C916,24)+1)/SUM(INDEX($D$3:$AA$30,INDEX(Jesper!$R$2:$R$366,ROW(INDEX(Jesper!AK$2:AK$366,ROUNDDOWN($C916/24,0)+1,1))-1)+IF('Standard Profiles'!$G$21=$B$10,7,0)+IF('Standard Profiles'!$G$21=$B$17,14,0)+IF('Standard Profiles'!$G$21=$B$24,21,0),0)),0)</f>
        <v>15.001593335648334</v>
      </c>
      <c r="H916" cm="1">
        <f t="array" ref="H916">IFERROR(INDEX(Jesper!AL$2:AL$366,ROUNDDOWN($C916/24,0)+1,1)*INDEX($D$3:$AA$30,INDEX(Jesper!$R$2:$R$366,ROW(INDEX(Jesper!AL$2:AL$366,ROUNDDOWN($C916/24,0)+1,1))-1)+IF('Standard Profiles'!$G$22=$B$10,7,0)+IF('Standard Profiles'!$G$22=$B$17,14,0)+IF('Standard Profiles'!$G$22=$B$24,21,0),MOD($C916,24)+1)/SUM(INDEX($D$3:$AA$30,INDEX(Jesper!$R$2:$R$366,ROW(INDEX(Jesper!AL$2:AL$366,ROUNDDOWN($C916/24,0)+1,1))-1)+IF('Standard Profiles'!$G$22=$B$10,7,0)+IF('Standard Profiles'!$G$22=$B$17,14,0)+IF('Standard Profiles'!$G$22=$B$24,21,0),0)),0)</f>
        <v>0</v>
      </c>
      <c r="I916">
        <f t="shared" si="111"/>
        <v>7.2007648011111964</v>
      </c>
      <c r="J916">
        <f t="shared" si="112"/>
        <v>22.812597001067758</v>
      </c>
      <c r="K916">
        <f t="shared" si="113"/>
        <v>0.70893042483115065</v>
      </c>
      <c r="L916">
        <f t="shared" si="114"/>
        <v>0.35446521241557533</v>
      </c>
      <c r="M916">
        <f t="shared" si="115"/>
        <v>0</v>
      </c>
      <c r="N916" s="45">
        <f t="shared" si="116"/>
        <v>44963.749999997861</v>
      </c>
    </row>
    <row r="917" spans="2:14" x14ac:dyDescent="0.25">
      <c r="B917">
        <f t="shared" si="110"/>
        <v>1</v>
      </c>
      <c r="C917" s="16">
        <v>883</v>
      </c>
      <c r="D917" cm="1">
        <f t="array" ref="D917">IFERROR(INDEX(Jesper!AH$2:AH$366,ROUNDDOWN($C917/24,0)+1,1)*INDEX($D$3:$AA$30,INDEX(Jesper!$R$2:$R$366,ROW(INDEX(Jesper!AH$2:AH$366,ROUNDDOWN($C917/24,0)+1,1))-1)+IF('Standard Profiles'!$G$18=$B$10,7,0)+IF('Standard Profiles'!$G$18=$B$17,14,0)+IF('Standard Profiles'!$G$18=$B$24,21,0),MOD($C917,24)+1)/SUM(INDEX($D$3:$AA$30,INDEX(Jesper!$R$2:$R$366,ROW(INDEX(Jesper!AH$2:AH$366,ROUNDDOWN($C917/24,0)+1,1))-1)+IF('Standard Profiles'!$G$18=$B$10,7,0)+IF('Standard Profiles'!$G$18=$B$17,14,0)+IF('Standard Profiles'!$G$18=$B$24,21,0),0)),0)</f>
        <v>6.6462227327920367</v>
      </c>
      <c r="E917" cm="1">
        <f t="array" ref="E917">IFERROR(INDEX(Jesper!AI$2:AI$366,ROUNDDOWN($C917/24,0)+1,1)*INDEX($D$3:$AA$30,INDEX(Jesper!$R$2:$R$366,ROW(INDEX(Jesper!AI$2:AI$366,ROUNDDOWN($C917/24,0)+1,1))-1)+IF('Standard Profiles'!$G$19=$B$10,7,0)+IF('Standard Profiles'!$G$19=$B$17,14,0)+IF('Standard Profiles'!$G$19=$B$24,21,0),MOD($C917,24)+1)/SUM(INDEX($D$3:$AA$30,INDEX(Jesper!$R$2:$R$366,ROW(INDEX(Jesper!AI$2:AI$366,ROUNDDOWN($C917/24,0)+1,1))-1)+IF('Standard Profiles'!$G$19=$B$10,7,0)+IF('Standard Profiles'!$G$19=$B$17,14,0)+IF('Standard Profiles'!$G$19=$B$24,21,0),0)),0)</f>
        <v>9.4289413709853083</v>
      </c>
      <c r="F917" cm="1">
        <f t="array" ref="F917">IFERROR(INDEX(Jesper!AJ$2:AJ$366,ROUNDDOWN($C917/24,0)+1,1)*INDEX($D$3:$AA$30,INDEX(Jesper!$R$2:$R$366,ROW(INDEX(Jesper!AJ$2:AJ$366,ROUNDDOWN($C917/24,0)+1,1))-1)+IF('Standard Profiles'!$G$20=$B$10,7,0)+IF('Standard Profiles'!$G$20=$B$17,14,0)+IF('Standard Profiles'!$G$20=$B$24,21,0),MOD($C917,24)+1)/SUM(INDEX($D$3:$AA$30,INDEX(Jesper!$R$2:$R$366,ROW(INDEX(Jesper!AJ$2:AJ$366,ROUNDDOWN($C917/24,0)+1,1))-1)+IF('Standard Profiles'!$G$20=$B$10,7,0)+IF('Standard Profiles'!$G$20=$B$17,14,0)+IF('Standard Profiles'!$G$20=$B$24,21,0),0)),0)</f>
        <v>0</v>
      </c>
      <c r="G917" cm="1">
        <f t="array" ref="G917">IFERROR(INDEX(Jesper!AK$2:AK$366,ROUNDDOWN($C917/24,0)+1,1)*INDEX($D$3:$AA$30,INDEX(Jesper!$R$2:$R$366,ROW(INDEX(Jesper!AK$2:AK$366,ROUNDDOWN($C917/24,0)+1,1))-1)+IF('Standard Profiles'!$G$21=$B$10,7,0)+IF('Standard Profiles'!$G$21=$B$17,14,0)+IF('Standard Profiles'!$G$21=$B$24,21,0),MOD($C917,24)+1)/SUM(INDEX($D$3:$AA$30,INDEX(Jesper!$R$2:$R$366,ROW(INDEX(Jesper!AK$2:AK$366,ROUNDDOWN($C917/24,0)+1,1))-1)+IF('Standard Profiles'!$G$21=$B$10,7,0)+IF('Standard Profiles'!$G$21=$B$17,14,0)+IF('Standard Profiles'!$G$21=$B$24,21,0),0)),0)</f>
        <v>15.001593335648334</v>
      </c>
      <c r="H917" cm="1">
        <f t="array" ref="H917">IFERROR(INDEX(Jesper!AL$2:AL$366,ROUNDDOWN($C917/24,0)+1,1)*INDEX($D$3:$AA$30,INDEX(Jesper!$R$2:$R$366,ROW(INDEX(Jesper!AL$2:AL$366,ROUNDDOWN($C917/24,0)+1,1))-1)+IF('Standard Profiles'!$G$22=$B$10,7,0)+IF('Standard Profiles'!$G$22=$B$17,14,0)+IF('Standard Profiles'!$G$22=$B$24,21,0),MOD($C917,24)+1)/SUM(INDEX($D$3:$AA$30,INDEX(Jesper!$R$2:$R$366,ROW(INDEX(Jesper!AL$2:AL$366,ROUNDDOWN($C917/24,0)+1,1))-1)+IF('Standard Profiles'!$G$22=$B$10,7,0)+IF('Standard Profiles'!$G$22=$B$17,14,0)+IF('Standard Profiles'!$G$22=$B$24,21,0),0)),0)</f>
        <v>0</v>
      </c>
      <c r="I917">
        <f t="shared" si="111"/>
        <v>7.2007648011111964</v>
      </c>
      <c r="J917">
        <f t="shared" si="112"/>
        <v>22.812597001067758</v>
      </c>
      <c r="K917">
        <f t="shared" si="113"/>
        <v>0.70893042483115065</v>
      </c>
      <c r="L917">
        <f t="shared" si="114"/>
        <v>0.35446521241557533</v>
      </c>
      <c r="M917">
        <f t="shared" si="115"/>
        <v>0</v>
      </c>
      <c r="N917" s="45">
        <f t="shared" si="116"/>
        <v>44963.791666664525</v>
      </c>
    </row>
    <row r="918" spans="2:14" x14ac:dyDescent="0.25">
      <c r="B918">
        <f t="shared" si="110"/>
        <v>1</v>
      </c>
      <c r="C918" s="16">
        <v>884</v>
      </c>
      <c r="D918" cm="1">
        <f t="array" ref="D918">IFERROR(INDEX(Jesper!AH$2:AH$366,ROUNDDOWN($C918/24,0)+1,1)*INDEX($D$3:$AA$30,INDEX(Jesper!$R$2:$R$366,ROW(INDEX(Jesper!AH$2:AH$366,ROUNDDOWN($C918/24,0)+1,1))-1)+IF('Standard Profiles'!$G$18=$B$10,7,0)+IF('Standard Profiles'!$G$18=$B$17,14,0)+IF('Standard Profiles'!$G$18=$B$24,21,0),MOD($C918,24)+1)/SUM(INDEX($D$3:$AA$30,INDEX(Jesper!$R$2:$R$366,ROW(INDEX(Jesper!AH$2:AH$366,ROUNDDOWN($C918/24,0)+1,1))-1)+IF('Standard Profiles'!$G$18=$B$10,7,0)+IF('Standard Profiles'!$G$18=$B$17,14,0)+IF('Standard Profiles'!$G$18=$B$24,21,0),0)),0)</f>
        <v>6.6462227327920367</v>
      </c>
      <c r="E918" cm="1">
        <f t="array" ref="E918">IFERROR(INDEX(Jesper!AI$2:AI$366,ROUNDDOWN($C918/24,0)+1,1)*INDEX($D$3:$AA$30,INDEX(Jesper!$R$2:$R$366,ROW(INDEX(Jesper!AI$2:AI$366,ROUNDDOWN($C918/24,0)+1,1))-1)+IF('Standard Profiles'!$G$19=$B$10,7,0)+IF('Standard Profiles'!$G$19=$B$17,14,0)+IF('Standard Profiles'!$G$19=$B$24,21,0),MOD($C918,24)+1)/SUM(INDEX($D$3:$AA$30,INDEX(Jesper!$R$2:$R$366,ROW(INDEX(Jesper!AI$2:AI$366,ROUNDDOWN($C918/24,0)+1,1))-1)+IF('Standard Profiles'!$G$19=$B$10,7,0)+IF('Standard Profiles'!$G$19=$B$17,14,0)+IF('Standard Profiles'!$G$19=$B$24,21,0),0)),0)</f>
        <v>9.4289413709853083</v>
      </c>
      <c r="F918" cm="1">
        <f t="array" ref="F918">IFERROR(INDEX(Jesper!AJ$2:AJ$366,ROUNDDOWN($C918/24,0)+1,1)*INDEX($D$3:$AA$30,INDEX(Jesper!$R$2:$R$366,ROW(INDEX(Jesper!AJ$2:AJ$366,ROUNDDOWN($C918/24,0)+1,1))-1)+IF('Standard Profiles'!$G$20=$B$10,7,0)+IF('Standard Profiles'!$G$20=$B$17,14,0)+IF('Standard Profiles'!$G$20=$B$24,21,0),MOD($C918,24)+1)/SUM(INDEX($D$3:$AA$30,INDEX(Jesper!$R$2:$R$366,ROW(INDEX(Jesper!AJ$2:AJ$366,ROUNDDOWN($C918/24,0)+1,1))-1)+IF('Standard Profiles'!$G$20=$B$10,7,0)+IF('Standard Profiles'!$G$20=$B$17,14,0)+IF('Standard Profiles'!$G$20=$B$24,21,0),0)),0)</f>
        <v>0</v>
      </c>
      <c r="G918" cm="1">
        <f t="array" ref="G918">IFERROR(INDEX(Jesper!AK$2:AK$366,ROUNDDOWN($C918/24,0)+1,1)*INDEX($D$3:$AA$30,INDEX(Jesper!$R$2:$R$366,ROW(INDEX(Jesper!AK$2:AK$366,ROUNDDOWN($C918/24,0)+1,1))-1)+IF('Standard Profiles'!$G$21=$B$10,7,0)+IF('Standard Profiles'!$G$21=$B$17,14,0)+IF('Standard Profiles'!$G$21=$B$24,21,0),MOD($C918,24)+1)/SUM(INDEX($D$3:$AA$30,INDEX(Jesper!$R$2:$R$366,ROW(INDEX(Jesper!AK$2:AK$366,ROUNDDOWN($C918/24,0)+1,1))-1)+IF('Standard Profiles'!$G$21=$B$10,7,0)+IF('Standard Profiles'!$G$21=$B$17,14,0)+IF('Standard Profiles'!$G$21=$B$24,21,0),0)),0)</f>
        <v>15.001593335648334</v>
      </c>
      <c r="H918" cm="1">
        <f t="array" ref="H918">IFERROR(INDEX(Jesper!AL$2:AL$366,ROUNDDOWN($C918/24,0)+1,1)*INDEX($D$3:$AA$30,INDEX(Jesper!$R$2:$R$366,ROW(INDEX(Jesper!AL$2:AL$366,ROUNDDOWN($C918/24,0)+1,1))-1)+IF('Standard Profiles'!$G$22=$B$10,7,0)+IF('Standard Profiles'!$G$22=$B$17,14,0)+IF('Standard Profiles'!$G$22=$B$24,21,0),MOD($C918,24)+1)/SUM(INDEX($D$3:$AA$30,INDEX(Jesper!$R$2:$R$366,ROW(INDEX(Jesper!AL$2:AL$366,ROUNDDOWN($C918/24,0)+1,1))-1)+IF('Standard Profiles'!$G$22=$B$10,7,0)+IF('Standard Profiles'!$G$22=$B$17,14,0)+IF('Standard Profiles'!$G$22=$B$24,21,0),0)),0)</f>
        <v>0</v>
      </c>
      <c r="I918">
        <f t="shared" si="111"/>
        <v>7.2007648011111964</v>
      </c>
      <c r="J918">
        <f t="shared" si="112"/>
        <v>22.812597001067758</v>
      </c>
      <c r="K918">
        <f t="shared" si="113"/>
        <v>0.70893042483115065</v>
      </c>
      <c r="L918">
        <f t="shared" si="114"/>
        <v>0.35446521241557533</v>
      </c>
      <c r="M918">
        <f t="shared" si="115"/>
        <v>0</v>
      </c>
      <c r="N918" s="45">
        <f t="shared" si="116"/>
        <v>44963.833333331189</v>
      </c>
    </row>
    <row r="919" spans="2:14" x14ac:dyDescent="0.25">
      <c r="B919">
        <f t="shared" si="110"/>
        <v>1</v>
      </c>
      <c r="C919" s="16">
        <v>885</v>
      </c>
      <c r="D919" cm="1">
        <f t="array" ref="D919">IFERROR(INDEX(Jesper!AH$2:AH$366,ROUNDDOWN($C919/24,0)+1,1)*INDEX($D$3:$AA$30,INDEX(Jesper!$R$2:$R$366,ROW(INDEX(Jesper!AH$2:AH$366,ROUNDDOWN($C919/24,0)+1,1))-1)+IF('Standard Profiles'!$G$18=$B$10,7,0)+IF('Standard Profiles'!$G$18=$B$17,14,0)+IF('Standard Profiles'!$G$18=$B$24,21,0),MOD($C919,24)+1)/SUM(INDEX($D$3:$AA$30,INDEX(Jesper!$R$2:$R$366,ROW(INDEX(Jesper!AH$2:AH$366,ROUNDDOWN($C919/24,0)+1,1))-1)+IF('Standard Profiles'!$G$18=$B$10,7,0)+IF('Standard Profiles'!$G$18=$B$17,14,0)+IF('Standard Profiles'!$G$18=$B$24,21,0),0)),0)</f>
        <v>6.6462227327920367</v>
      </c>
      <c r="E919" cm="1">
        <f t="array" ref="E919">IFERROR(INDEX(Jesper!AI$2:AI$366,ROUNDDOWN($C919/24,0)+1,1)*INDEX($D$3:$AA$30,INDEX(Jesper!$R$2:$R$366,ROW(INDEX(Jesper!AI$2:AI$366,ROUNDDOWN($C919/24,0)+1,1))-1)+IF('Standard Profiles'!$G$19=$B$10,7,0)+IF('Standard Profiles'!$G$19=$B$17,14,0)+IF('Standard Profiles'!$G$19=$B$24,21,0),MOD($C919,24)+1)/SUM(INDEX($D$3:$AA$30,INDEX(Jesper!$R$2:$R$366,ROW(INDEX(Jesper!AI$2:AI$366,ROUNDDOWN($C919/24,0)+1,1))-1)+IF('Standard Profiles'!$G$19=$B$10,7,0)+IF('Standard Profiles'!$G$19=$B$17,14,0)+IF('Standard Profiles'!$G$19=$B$24,21,0),0)),0)</f>
        <v>9.4289413709853083</v>
      </c>
      <c r="F919" cm="1">
        <f t="array" ref="F919">IFERROR(INDEX(Jesper!AJ$2:AJ$366,ROUNDDOWN($C919/24,0)+1,1)*INDEX($D$3:$AA$30,INDEX(Jesper!$R$2:$R$366,ROW(INDEX(Jesper!AJ$2:AJ$366,ROUNDDOWN($C919/24,0)+1,1))-1)+IF('Standard Profiles'!$G$20=$B$10,7,0)+IF('Standard Profiles'!$G$20=$B$17,14,0)+IF('Standard Profiles'!$G$20=$B$24,21,0),MOD($C919,24)+1)/SUM(INDEX($D$3:$AA$30,INDEX(Jesper!$R$2:$R$366,ROW(INDEX(Jesper!AJ$2:AJ$366,ROUNDDOWN($C919/24,0)+1,1))-1)+IF('Standard Profiles'!$G$20=$B$10,7,0)+IF('Standard Profiles'!$G$20=$B$17,14,0)+IF('Standard Profiles'!$G$20=$B$24,21,0),0)),0)</f>
        <v>0</v>
      </c>
      <c r="G919" cm="1">
        <f t="array" ref="G919">IFERROR(INDEX(Jesper!AK$2:AK$366,ROUNDDOWN($C919/24,0)+1,1)*INDEX($D$3:$AA$30,INDEX(Jesper!$R$2:$R$366,ROW(INDEX(Jesper!AK$2:AK$366,ROUNDDOWN($C919/24,0)+1,1))-1)+IF('Standard Profiles'!$G$21=$B$10,7,0)+IF('Standard Profiles'!$G$21=$B$17,14,0)+IF('Standard Profiles'!$G$21=$B$24,21,0),MOD($C919,24)+1)/SUM(INDEX($D$3:$AA$30,INDEX(Jesper!$R$2:$R$366,ROW(INDEX(Jesper!AK$2:AK$366,ROUNDDOWN($C919/24,0)+1,1))-1)+IF('Standard Profiles'!$G$21=$B$10,7,0)+IF('Standard Profiles'!$G$21=$B$17,14,0)+IF('Standard Profiles'!$G$21=$B$24,21,0),0)),0)</f>
        <v>15.001593335648334</v>
      </c>
      <c r="H919" cm="1">
        <f t="array" ref="H919">IFERROR(INDEX(Jesper!AL$2:AL$366,ROUNDDOWN($C919/24,0)+1,1)*INDEX($D$3:$AA$30,INDEX(Jesper!$R$2:$R$366,ROW(INDEX(Jesper!AL$2:AL$366,ROUNDDOWN($C919/24,0)+1,1))-1)+IF('Standard Profiles'!$G$22=$B$10,7,0)+IF('Standard Profiles'!$G$22=$B$17,14,0)+IF('Standard Profiles'!$G$22=$B$24,21,0),MOD($C919,24)+1)/SUM(INDEX($D$3:$AA$30,INDEX(Jesper!$R$2:$R$366,ROW(INDEX(Jesper!AL$2:AL$366,ROUNDDOWN($C919/24,0)+1,1))-1)+IF('Standard Profiles'!$G$22=$B$10,7,0)+IF('Standard Profiles'!$G$22=$B$17,14,0)+IF('Standard Profiles'!$G$22=$B$24,21,0),0)),0)</f>
        <v>0</v>
      </c>
      <c r="I919">
        <f t="shared" si="111"/>
        <v>7.2007648011111964</v>
      </c>
      <c r="J919">
        <f t="shared" si="112"/>
        <v>22.812597001067758</v>
      </c>
      <c r="K919">
        <f t="shared" si="113"/>
        <v>0.70893042483115065</v>
      </c>
      <c r="L919">
        <f t="shared" si="114"/>
        <v>0.35446521241557533</v>
      </c>
      <c r="M919">
        <f t="shared" si="115"/>
        <v>0</v>
      </c>
      <c r="N919" s="45">
        <f t="shared" si="116"/>
        <v>44963.874999997854</v>
      </c>
    </row>
    <row r="920" spans="2:14" x14ac:dyDescent="0.25">
      <c r="B920">
        <f t="shared" si="110"/>
        <v>1</v>
      </c>
      <c r="C920" s="16">
        <v>886</v>
      </c>
      <c r="D920" cm="1">
        <f t="array" ref="D920">IFERROR(INDEX(Jesper!AH$2:AH$366,ROUNDDOWN($C920/24,0)+1,1)*INDEX($D$3:$AA$30,INDEX(Jesper!$R$2:$R$366,ROW(INDEX(Jesper!AH$2:AH$366,ROUNDDOWN($C920/24,0)+1,1))-1)+IF('Standard Profiles'!$G$18=$B$10,7,0)+IF('Standard Profiles'!$G$18=$B$17,14,0)+IF('Standard Profiles'!$G$18=$B$24,21,0),MOD($C920,24)+1)/SUM(INDEX($D$3:$AA$30,INDEX(Jesper!$R$2:$R$366,ROW(INDEX(Jesper!AH$2:AH$366,ROUNDDOWN($C920/24,0)+1,1))-1)+IF('Standard Profiles'!$G$18=$B$10,7,0)+IF('Standard Profiles'!$G$18=$B$17,14,0)+IF('Standard Profiles'!$G$18=$B$24,21,0),0)),0)</f>
        <v>6.6462227327920367</v>
      </c>
      <c r="E920" cm="1">
        <f t="array" ref="E920">IFERROR(INDEX(Jesper!AI$2:AI$366,ROUNDDOWN($C920/24,0)+1,1)*INDEX($D$3:$AA$30,INDEX(Jesper!$R$2:$R$366,ROW(INDEX(Jesper!AI$2:AI$366,ROUNDDOWN($C920/24,0)+1,1))-1)+IF('Standard Profiles'!$G$19=$B$10,7,0)+IF('Standard Profiles'!$G$19=$B$17,14,0)+IF('Standard Profiles'!$G$19=$B$24,21,0),MOD($C920,24)+1)/SUM(INDEX($D$3:$AA$30,INDEX(Jesper!$R$2:$R$366,ROW(INDEX(Jesper!AI$2:AI$366,ROUNDDOWN($C920/24,0)+1,1))-1)+IF('Standard Profiles'!$G$19=$B$10,7,0)+IF('Standard Profiles'!$G$19=$B$17,14,0)+IF('Standard Profiles'!$G$19=$B$24,21,0),0)),0)</f>
        <v>9.4289413709853083</v>
      </c>
      <c r="F920" cm="1">
        <f t="array" ref="F920">IFERROR(INDEX(Jesper!AJ$2:AJ$366,ROUNDDOWN($C920/24,0)+1,1)*INDEX($D$3:$AA$30,INDEX(Jesper!$R$2:$R$366,ROW(INDEX(Jesper!AJ$2:AJ$366,ROUNDDOWN($C920/24,0)+1,1))-1)+IF('Standard Profiles'!$G$20=$B$10,7,0)+IF('Standard Profiles'!$G$20=$B$17,14,0)+IF('Standard Profiles'!$G$20=$B$24,21,0),MOD($C920,24)+1)/SUM(INDEX($D$3:$AA$30,INDEX(Jesper!$R$2:$R$366,ROW(INDEX(Jesper!AJ$2:AJ$366,ROUNDDOWN($C920/24,0)+1,1))-1)+IF('Standard Profiles'!$G$20=$B$10,7,0)+IF('Standard Profiles'!$G$20=$B$17,14,0)+IF('Standard Profiles'!$G$20=$B$24,21,0),0)),0)</f>
        <v>0</v>
      </c>
      <c r="G920" cm="1">
        <f t="array" ref="G920">IFERROR(INDEX(Jesper!AK$2:AK$366,ROUNDDOWN($C920/24,0)+1,1)*INDEX($D$3:$AA$30,INDEX(Jesper!$R$2:$R$366,ROW(INDEX(Jesper!AK$2:AK$366,ROUNDDOWN($C920/24,0)+1,1))-1)+IF('Standard Profiles'!$G$21=$B$10,7,0)+IF('Standard Profiles'!$G$21=$B$17,14,0)+IF('Standard Profiles'!$G$21=$B$24,21,0),MOD($C920,24)+1)/SUM(INDEX($D$3:$AA$30,INDEX(Jesper!$R$2:$R$366,ROW(INDEX(Jesper!AK$2:AK$366,ROUNDDOWN($C920/24,0)+1,1))-1)+IF('Standard Profiles'!$G$21=$B$10,7,0)+IF('Standard Profiles'!$G$21=$B$17,14,0)+IF('Standard Profiles'!$G$21=$B$24,21,0),0)),0)</f>
        <v>15.001593335648334</v>
      </c>
      <c r="H920" cm="1">
        <f t="array" ref="H920">IFERROR(INDEX(Jesper!AL$2:AL$366,ROUNDDOWN($C920/24,0)+1,1)*INDEX($D$3:$AA$30,INDEX(Jesper!$R$2:$R$366,ROW(INDEX(Jesper!AL$2:AL$366,ROUNDDOWN($C920/24,0)+1,1))-1)+IF('Standard Profiles'!$G$22=$B$10,7,0)+IF('Standard Profiles'!$G$22=$B$17,14,0)+IF('Standard Profiles'!$G$22=$B$24,21,0),MOD($C920,24)+1)/SUM(INDEX($D$3:$AA$30,INDEX(Jesper!$R$2:$R$366,ROW(INDEX(Jesper!AL$2:AL$366,ROUNDDOWN($C920/24,0)+1,1))-1)+IF('Standard Profiles'!$G$22=$B$10,7,0)+IF('Standard Profiles'!$G$22=$B$17,14,0)+IF('Standard Profiles'!$G$22=$B$24,21,0),0)),0)</f>
        <v>0</v>
      </c>
      <c r="I920">
        <f t="shared" si="111"/>
        <v>7.2007648011111964</v>
      </c>
      <c r="J920">
        <f t="shared" si="112"/>
        <v>22.812597001067758</v>
      </c>
      <c r="K920">
        <f t="shared" si="113"/>
        <v>0.70893042483115065</v>
      </c>
      <c r="L920">
        <f t="shared" si="114"/>
        <v>0.35446521241557533</v>
      </c>
      <c r="M920">
        <f t="shared" si="115"/>
        <v>0</v>
      </c>
      <c r="N920" s="45">
        <f t="shared" si="116"/>
        <v>44963.916666664518</v>
      </c>
    </row>
    <row r="921" spans="2:14" x14ac:dyDescent="0.25">
      <c r="B921">
        <f t="shared" si="110"/>
        <v>1</v>
      </c>
      <c r="C921" s="16">
        <v>887</v>
      </c>
      <c r="D921" cm="1">
        <f t="array" ref="D921">IFERROR(INDEX(Jesper!AH$2:AH$366,ROUNDDOWN($C921/24,0)+1,1)*INDEX($D$3:$AA$30,INDEX(Jesper!$R$2:$R$366,ROW(INDEX(Jesper!AH$2:AH$366,ROUNDDOWN($C921/24,0)+1,1))-1)+IF('Standard Profiles'!$G$18=$B$10,7,0)+IF('Standard Profiles'!$G$18=$B$17,14,0)+IF('Standard Profiles'!$G$18=$B$24,21,0),MOD($C921,24)+1)/SUM(INDEX($D$3:$AA$30,INDEX(Jesper!$R$2:$R$366,ROW(INDEX(Jesper!AH$2:AH$366,ROUNDDOWN($C921/24,0)+1,1))-1)+IF('Standard Profiles'!$G$18=$B$10,7,0)+IF('Standard Profiles'!$G$18=$B$17,14,0)+IF('Standard Profiles'!$G$18=$B$24,21,0),0)),0)</f>
        <v>6.6462227327920367</v>
      </c>
      <c r="E921" cm="1">
        <f t="array" ref="E921">IFERROR(INDEX(Jesper!AI$2:AI$366,ROUNDDOWN($C921/24,0)+1,1)*INDEX($D$3:$AA$30,INDEX(Jesper!$R$2:$R$366,ROW(INDEX(Jesper!AI$2:AI$366,ROUNDDOWN($C921/24,0)+1,1))-1)+IF('Standard Profiles'!$G$19=$B$10,7,0)+IF('Standard Profiles'!$G$19=$B$17,14,0)+IF('Standard Profiles'!$G$19=$B$24,21,0),MOD($C921,24)+1)/SUM(INDEX($D$3:$AA$30,INDEX(Jesper!$R$2:$R$366,ROW(INDEX(Jesper!AI$2:AI$366,ROUNDDOWN($C921/24,0)+1,1))-1)+IF('Standard Profiles'!$G$19=$B$10,7,0)+IF('Standard Profiles'!$G$19=$B$17,14,0)+IF('Standard Profiles'!$G$19=$B$24,21,0),0)),0)</f>
        <v>9.4289413709853083</v>
      </c>
      <c r="F921" cm="1">
        <f t="array" ref="F921">IFERROR(INDEX(Jesper!AJ$2:AJ$366,ROUNDDOWN($C921/24,0)+1,1)*INDEX($D$3:$AA$30,INDEX(Jesper!$R$2:$R$366,ROW(INDEX(Jesper!AJ$2:AJ$366,ROUNDDOWN($C921/24,0)+1,1))-1)+IF('Standard Profiles'!$G$20=$B$10,7,0)+IF('Standard Profiles'!$G$20=$B$17,14,0)+IF('Standard Profiles'!$G$20=$B$24,21,0),MOD($C921,24)+1)/SUM(INDEX($D$3:$AA$30,INDEX(Jesper!$R$2:$R$366,ROW(INDEX(Jesper!AJ$2:AJ$366,ROUNDDOWN($C921/24,0)+1,1))-1)+IF('Standard Profiles'!$G$20=$B$10,7,0)+IF('Standard Profiles'!$G$20=$B$17,14,0)+IF('Standard Profiles'!$G$20=$B$24,21,0),0)),0)</f>
        <v>0</v>
      </c>
      <c r="G921" cm="1">
        <f t="array" ref="G921">IFERROR(INDEX(Jesper!AK$2:AK$366,ROUNDDOWN($C921/24,0)+1,1)*INDEX($D$3:$AA$30,INDEX(Jesper!$R$2:$R$366,ROW(INDEX(Jesper!AK$2:AK$366,ROUNDDOWN($C921/24,0)+1,1))-1)+IF('Standard Profiles'!$G$21=$B$10,7,0)+IF('Standard Profiles'!$G$21=$B$17,14,0)+IF('Standard Profiles'!$G$21=$B$24,21,0),MOD($C921,24)+1)/SUM(INDEX($D$3:$AA$30,INDEX(Jesper!$R$2:$R$366,ROW(INDEX(Jesper!AK$2:AK$366,ROUNDDOWN($C921/24,0)+1,1))-1)+IF('Standard Profiles'!$G$21=$B$10,7,0)+IF('Standard Profiles'!$G$21=$B$17,14,0)+IF('Standard Profiles'!$G$21=$B$24,21,0),0)),0)</f>
        <v>15.001593335648334</v>
      </c>
      <c r="H921" cm="1">
        <f t="array" ref="H921">IFERROR(INDEX(Jesper!AL$2:AL$366,ROUNDDOWN($C921/24,0)+1,1)*INDEX($D$3:$AA$30,INDEX(Jesper!$R$2:$R$366,ROW(INDEX(Jesper!AL$2:AL$366,ROUNDDOWN($C921/24,0)+1,1))-1)+IF('Standard Profiles'!$G$22=$B$10,7,0)+IF('Standard Profiles'!$G$22=$B$17,14,0)+IF('Standard Profiles'!$G$22=$B$24,21,0),MOD($C921,24)+1)/SUM(INDEX($D$3:$AA$30,INDEX(Jesper!$R$2:$R$366,ROW(INDEX(Jesper!AL$2:AL$366,ROUNDDOWN($C921/24,0)+1,1))-1)+IF('Standard Profiles'!$G$22=$B$10,7,0)+IF('Standard Profiles'!$G$22=$B$17,14,0)+IF('Standard Profiles'!$G$22=$B$24,21,0),0)),0)</f>
        <v>0</v>
      </c>
      <c r="I921">
        <f t="shared" si="111"/>
        <v>7.2007648011111964</v>
      </c>
      <c r="J921">
        <f t="shared" si="112"/>
        <v>22.812597001067758</v>
      </c>
      <c r="K921">
        <f t="shared" si="113"/>
        <v>0.70893042483115065</v>
      </c>
      <c r="L921">
        <f t="shared" si="114"/>
        <v>0.35446521241557533</v>
      </c>
      <c r="M921">
        <f t="shared" si="115"/>
        <v>0</v>
      </c>
      <c r="N921" s="45">
        <f t="shared" si="116"/>
        <v>44963.958333331182</v>
      </c>
    </row>
    <row r="922" spans="2:14" x14ac:dyDescent="0.25">
      <c r="B922">
        <f t="shared" si="110"/>
        <v>2</v>
      </c>
      <c r="C922" s="16">
        <v>888</v>
      </c>
      <c r="D922" cm="1">
        <f t="array" ref="D922">IFERROR(INDEX(Jesper!AH$2:AH$366,ROUNDDOWN($C922/24,0)+1,1)*INDEX($D$3:$AA$30,INDEX(Jesper!$R$2:$R$366,ROW(INDEX(Jesper!AH$2:AH$366,ROUNDDOWN($C922/24,0)+1,1))-1)+IF('Standard Profiles'!$G$18=$B$10,7,0)+IF('Standard Profiles'!$G$18=$B$17,14,0)+IF('Standard Profiles'!$G$18=$B$24,21,0),MOD($C922,24)+1)/SUM(INDEX($D$3:$AA$30,INDEX(Jesper!$R$2:$R$366,ROW(INDEX(Jesper!AH$2:AH$366,ROUNDDOWN($C922/24,0)+1,1))-1)+IF('Standard Profiles'!$G$18=$B$10,7,0)+IF('Standard Profiles'!$G$18=$B$17,14,0)+IF('Standard Profiles'!$G$18=$B$24,21,0),0)),0)</f>
        <v>4.233264881025792</v>
      </c>
      <c r="E922" cm="1">
        <f t="array" ref="E922">IFERROR(INDEX(Jesper!AI$2:AI$366,ROUNDDOWN($C922/24,0)+1,1)*INDEX($D$3:$AA$30,INDEX(Jesper!$R$2:$R$366,ROW(INDEX(Jesper!AI$2:AI$366,ROUNDDOWN($C922/24,0)+1,1))-1)+IF('Standard Profiles'!$G$19=$B$10,7,0)+IF('Standard Profiles'!$G$19=$B$17,14,0)+IF('Standard Profiles'!$G$19=$B$24,21,0),MOD($C922,24)+1)/SUM(INDEX($D$3:$AA$30,INDEX(Jesper!$R$2:$R$366,ROW(INDEX(Jesper!AI$2:AI$366,ROUNDDOWN($C922/24,0)+1,1))-1)+IF('Standard Profiles'!$G$19=$B$10,7,0)+IF('Standard Profiles'!$G$19=$B$17,14,0)+IF('Standard Profiles'!$G$19=$B$24,21,0),0)),0)</f>
        <v>6.0056979694803516</v>
      </c>
      <c r="F922" cm="1">
        <f t="array" ref="F922">IFERROR(INDEX(Jesper!AJ$2:AJ$366,ROUNDDOWN($C922/24,0)+1,1)*INDEX($D$3:$AA$30,INDEX(Jesper!$R$2:$R$366,ROW(INDEX(Jesper!AJ$2:AJ$366,ROUNDDOWN($C922/24,0)+1,1))-1)+IF('Standard Profiles'!$G$20=$B$10,7,0)+IF('Standard Profiles'!$G$20=$B$17,14,0)+IF('Standard Profiles'!$G$20=$B$24,21,0),MOD($C922,24)+1)/SUM(INDEX($D$3:$AA$30,INDEX(Jesper!$R$2:$R$366,ROW(INDEX(Jesper!AJ$2:AJ$366,ROUNDDOWN($C922/24,0)+1,1))-1)+IF('Standard Profiles'!$G$20=$B$10,7,0)+IF('Standard Profiles'!$G$20=$B$17,14,0)+IF('Standard Profiles'!$G$20=$B$24,21,0),0)),0)</f>
        <v>0</v>
      </c>
      <c r="G922" cm="1">
        <f t="array" ref="G922">IFERROR(INDEX(Jesper!AK$2:AK$366,ROUNDDOWN($C922/24,0)+1,1)*INDEX($D$3:$AA$30,INDEX(Jesper!$R$2:$R$366,ROW(INDEX(Jesper!AK$2:AK$366,ROUNDDOWN($C922/24,0)+1,1))-1)+IF('Standard Profiles'!$G$21=$B$10,7,0)+IF('Standard Profiles'!$G$21=$B$17,14,0)+IF('Standard Profiles'!$G$21=$B$24,21,0),MOD($C922,24)+1)/SUM(INDEX($D$3:$AA$30,INDEX(Jesper!$R$2:$R$366,ROW(INDEX(Jesper!AK$2:AK$366,ROUNDDOWN($C922/24,0)+1,1))-1)+IF('Standard Profiles'!$G$21=$B$10,7,0)+IF('Standard Profiles'!$G$21=$B$17,14,0)+IF('Standard Profiles'!$G$21=$B$24,21,0),0)),0)</f>
        <v>14.074798167499667</v>
      </c>
      <c r="H922" cm="1">
        <f t="array" ref="H922">IFERROR(INDEX(Jesper!AL$2:AL$366,ROUNDDOWN($C922/24,0)+1,1)*INDEX($D$3:$AA$30,INDEX(Jesper!$R$2:$R$366,ROW(INDEX(Jesper!AL$2:AL$366,ROUNDDOWN($C922/24,0)+1,1))-1)+IF('Standard Profiles'!$G$22=$B$10,7,0)+IF('Standard Profiles'!$G$22=$B$17,14,0)+IF('Standard Profiles'!$G$22=$B$24,21,0),MOD($C922,24)+1)/SUM(INDEX($D$3:$AA$30,INDEX(Jesper!$R$2:$R$366,ROW(INDEX(Jesper!AL$2:AL$366,ROUNDDOWN($C922/24,0)+1,1))-1)+IF('Standard Profiles'!$G$22=$B$10,7,0)+IF('Standard Profiles'!$G$22=$B$17,14,0)+IF('Standard Profiles'!$G$22=$B$24,21,0),0)),0)</f>
        <v>0</v>
      </c>
      <c r="I922">
        <f t="shared" si="111"/>
        <v>6.7559031203998368</v>
      </c>
      <c r="J922">
        <f t="shared" si="112"/>
        <v>16.880535516641846</v>
      </c>
      <c r="K922">
        <f t="shared" si="113"/>
        <v>0.4515482539760845</v>
      </c>
      <c r="L922">
        <f t="shared" si="114"/>
        <v>0.22577412698804225</v>
      </c>
      <c r="M922">
        <f t="shared" si="115"/>
        <v>0</v>
      </c>
      <c r="N922" s="45">
        <f t="shared" si="116"/>
        <v>44963.999999997846</v>
      </c>
    </row>
    <row r="923" spans="2:14" x14ac:dyDescent="0.25">
      <c r="B923">
        <f t="shared" si="110"/>
        <v>2</v>
      </c>
      <c r="C923" s="16">
        <v>889</v>
      </c>
      <c r="D923" cm="1">
        <f t="array" ref="D923">IFERROR(INDEX(Jesper!AH$2:AH$366,ROUNDDOWN($C923/24,0)+1,1)*INDEX($D$3:$AA$30,INDEX(Jesper!$R$2:$R$366,ROW(INDEX(Jesper!AH$2:AH$366,ROUNDDOWN($C923/24,0)+1,1))-1)+IF('Standard Profiles'!$G$18=$B$10,7,0)+IF('Standard Profiles'!$G$18=$B$17,14,0)+IF('Standard Profiles'!$G$18=$B$24,21,0),MOD($C923,24)+1)/SUM(INDEX($D$3:$AA$30,INDEX(Jesper!$R$2:$R$366,ROW(INDEX(Jesper!AH$2:AH$366,ROUNDDOWN($C923/24,0)+1,1))-1)+IF('Standard Profiles'!$G$18=$B$10,7,0)+IF('Standard Profiles'!$G$18=$B$17,14,0)+IF('Standard Profiles'!$G$18=$B$24,21,0),0)),0)</f>
        <v>6.450689342515493</v>
      </c>
      <c r="E923" cm="1">
        <f t="array" ref="E923">IFERROR(INDEX(Jesper!AI$2:AI$366,ROUNDDOWN($C923/24,0)+1,1)*INDEX($D$3:$AA$30,INDEX(Jesper!$R$2:$R$366,ROW(INDEX(Jesper!AI$2:AI$366,ROUNDDOWN($C923/24,0)+1,1))-1)+IF('Standard Profiles'!$G$19=$B$10,7,0)+IF('Standard Profiles'!$G$19=$B$17,14,0)+IF('Standard Profiles'!$G$19=$B$24,21,0),MOD($C923,24)+1)/SUM(INDEX($D$3:$AA$30,INDEX(Jesper!$R$2:$R$366,ROW(INDEX(Jesper!AI$2:AI$366,ROUNDDOWN($C923/24,0)+1,1))-1)+IF('Standard Profiles'!$G$19=$B$10,7,0)+IF('Standard Profiles'!$G$19=$B$17,14,0)+IF('Standard Profiles'!$G$19=$B$24,21,0),0)),0)</f>
        <v>9.1515397630176807</v>
      </c>
      <c r="F923" cm="1">
        <f t="array" ref="F923">IFERROR(INDEX(Jesper!AJ$2:AJ$366,ROUNDDOWN($C923/24,0)+1,1)*INDEX($D$3:$AA$30,INDEX(Jesper!$R$2:$R$366,ROW(INDEX(Jesper!AJ$2:AJ$366,ROUNDDOWN($C923/24,0)+1,1))-1)+IF('Standard Profiles'!$G$20=$B$10,7,0)+IF('Standard Profiles'!$G$20=$B$17,14,0)+IF('Standard Profiles'!$G$20=$B$24,21,0),MOD($C923,24)+1)/SUM(INDEX($D$3:$AA$30,INDEX(Jesper!$R$2:$R$366,ROW(INDEX(Jesper!AJ$2:AJ$366,ROUNDDOWN($C923/24,0)+1,1))-1)+IF('Standard Profiles'!$G$20=$B$10,7,0)+IF('Standard Profiles'!$G$20=$B$17,14,0)+IF('Standard Profiles'!$G$20=$B$24,21,0),0)),0)</f>
        <v>0</v>
      </c>
      <c r="G923" cm="1">
        <f t="array" ref="G923">IFERROR(INDEX(Jesper!AK$2:AK$366,ROUNDDOWN($C923/24,0)+1,1)*INDEX($D$3:$AA$30,INDEX(Jesper!$R$2:$R$366,ROW(INDEX(Jesper!AK$2:AK$366,ROUNDDOWN($C923/24,0)+1,1))-1)+IF('Standard Profiles'!$G$21=$B$10,7,0)+IF('Standard Profiles'!$G$21=$B$17,14,0)+IF('Standard Profiles'!$G$21=$B$24,21,0),MOD($C923,24)+1)/SUM(INDEX($D$3:$AA$30,INDEX(Jesper!$R$2:$R$366,ROW(INDEX(Jesper!AK$2:AK$366,ROUNDDOWN($C923/24,0)+1,1))-1)+IF('Standard Profiles'!$G$21=$B$10,7,0)+IF('Standard Profiles'!$G$21=$B$17,14,0)+IF('Standard Profiles'!$G$21=$B$24,21,0),0)),0)</f>
        <v>14.074798167499667</v>
      </c>
      <c r="H923" cm="1">
        <f t="array" ref="H923">IFERROR(INDEX(Jesper!AL$2:AL$366,ROUNDDOWN($C923/24,0)+1,1)*INDEX($D$3:$AA$30,INDEX(Jesper!$R$2:$R$366,ROW(INDEX(Jesper!AL$2:AL$366,ROUNDDOWN($C923/24,0)+1,1))-1)+IF('Standard Profiles'!$G$22=$B$10,7,0)+IF('Standard Profiles'!$G$22=$B$17,14,0)+IF('Standard Profiles'!$G$22=$B$24,21,0),MOD($C923,24)+1)/SUM(INDEX($D$3:$AA$30,INDEX(Jesper!$R$2:$R$366,ROW(INDEX(Jesper!AL$2:AL$366,ROUNDDOWN($C923/24,0)+1,1))-1)+IF('Standard Profiles'!$G$22=$B$10,7,0)+IF('Standard Profiles'!$G$22=$B$17,14,0)+IF('Standard Profiles'!$G$22=$B$24,21,0),0)),0)</f>
        <v>0</v>
      </c>
      <c r="I923">
        <f t="shared" si="111"/>
        <v>6.7559031203998368</v>
      </c>
      <c r="J923">
        <f t="shared" si="112"/>
        <v>21.889013857830523</v>
      </c>
      <c r="K923">
        <f t="shared" si="113"/>
        <v>0.68807352986831927</v>
      </c>
      <c r="L923">
        <f t="shared" si="114"/>
        <v>0.34403676493415963</v>
      </c>
      <c r="M923">
        <f t="shared" si="115"/>
        <v>0</v>
      </c>
      <c r="N923" s="45">
        <f t="shared" si="116"/>
        <v>44964.041666664511</v>
      </c>
    </row>
    <row r="924" spans="2:14" x14ac:dyDescent="0.25">
      <c r="B924">
        <f t="shared" si="110"/>
        <v>2</v>
      </c>
      <c r="C924" s="16">
        <v>890</v>
      </c>
      <c r="D924" cm="1">
        <f t="array" ref="D924">IFERROR(INDEX(Jesper!AH$2:AH$366,ROUNDDOWN($C924/24,0)+1,1)*INDEX($D$3:$AA$30,INDEX(Jesper!$R$2:$R$366,ROW(INDEX(Jesper!AH$2:AH$366,ROUNDDOWN($C924/24,0)+1,1))-1)+IF('Standard Profiles'!$G$18=$B$10,7,0)+IF('Standard Profiles'!$G$18=$B$17,14,0)+IF('Standard Profiles'!$G$18=$B$24,21,0),MOD($C924,24)+1)/SUM(INDEX($D$3:$AA$30,INDEX(Jesper!$R$2:$R$366,ROW(INDEX(Jesper!AH$2:AH$366,ROUNDDOWN($C924/24,0)+1,1))-1)+IF('Standard Profiles'!$G$18=$B$10,7,0)+IF('Standard Profiles'!$G$18=$B$17,14,0)+IF('Standard Profiles'!$G$18=$B$24,21,0),0)),0)</f>
        <v>6.450689342515493</v>
      </c>
      <c r="E924" cm="1">
        <f t="array" ref="E924">IFERROR(INDEX(Jesper!AI$2:AI$366,ROUNDDOWN($C924/24,0)+1,1)*INDEX($D$3:$AA$30,INDEX(Jesper!$R$2:$R$366,ROW(INDEX(Jesper!AI$2:AI$366,ROUNDDOWN($C924/24,0)+1,1))-1)+IF('Standard Profiles'!$G$19=$B$10,7,0)+IF('Standard Profiles'!$G$19=$B$17,14,0)+IF('Standard Profiles'!$G$19=$B$24,21,0),MOD($C924,24)+1)/SUM(INDEX($D$3:$AA$30,INDEX(Jesper!$R$2:$R$366,ROW(INDEX(Jesper!AI$2:AI$366,ROUNDDOWN($C924/24,0)+1,1))-1)+IF('Standard Profiles'!$G$19=$B$10,7,0)+IF('Standard Profiles'!$G$19=$B$17,14,0)+IF('Standard Profiles'!$G$19=$B$24,21,0),0)),0)</f>
        <v>9.1515397630176807</v>
      </c>
      <c r="F924" cm="1">
        <f t="array" ref="F924">IFERROR(INDEX(Jesper!AJ$2:AJ$366,ROUNDDOWN($C924/24,0)+1,1)*INDEX($D$3:$AA$30,INDEX(Jesper!$R$2:$R$366,ROW(INDEX(Jesper!AJ$2:AJ$366,ROUNDDOWN($C924/24,0)+1,1))-1)+IF('Standard Profiles'!$G$20=$B$10,7,0)+IF('Standard Profiles'!$G$20=$B$17,14,0)+IF('Standard Profiles'!$G$20=$B$24,21,0),MOD($C924,24)+1)/SUM(INDEX($D$3:$AA$30,INDEX(Jesper!$R$2:$R$366,ROW(INDEX(Jesper!AJ$2:AJ$366,ROUNDDOWN($C924/24,0)+1,1))-1)+IF('Standard Profiles'!$G$20=$B$10,7,0)+IF('Standard Profiles'!$G$20=$B$17,14,0)+IF('Standard Profiles'!$G$20=$B$24,21,0),0)),0)</f>
        <v>0</v>
      </c>
      <c r="G924" cm="1">
        <f t="array" ref="G924">IFERROR(INDEX(Jesper!AK$2:AK$366,ROUNDDOWN($C924/24,0)+1,1)*INDEX($D$3:$AA$30,INDEX(Jesper!$R$2:$R$366,ROW(INDEX(Jesper!AK$2:AK$366,ROUNDDOWN($C924/24,0)+1,1))-1)+IF('Standard Profiles'!$G$21=$B$10,7,0)+IF('Standard Profiles'!$G$21=$B$17,14,0)+IF('Standard Profiles'!$G$21=$B$24,21,0),MOD($C924,24)+1)/SUM(INDEX($D$3:$AA$30,INDEX(Jesper!$R$2:$R$366,ROW(INDEX(Jesper!AK$2:AK$366,ROUNDDOWN($C924/24,0)+1,1))-1)+IF('Standard Profiles'!$G$21=$B$10,7,0)+IF('Standard Profiles'!$G$21=$B$17,14,0)+IF('Standard Profiles'!$G$21=$B$24,21,0),0)),0)</f>
        <v>14.074798167499667</v>
      </c>
      <c r="H924" cm="1">
        <f t="array" ref="H924">IFERROR(INDEX(Jesper!AL$2:AL$366,ROUNDDOWN($C924/24,0)+1,1)*INDEX($D$3:$AA$30,INDEX(Jesper!$R$2:$R$366,ROW(INDEX(Jesper!AL$2:AL$366,ROUNDDOWN($C924/24,0)+1,1))-1)+IF('Standard Profiles'!$G$22=$B$10,7,0)+IF('Standard Profiles'!$G$22=$B$17,14,0)+IF('Standard Profiles'!$G$22=$B$24,21,0),MOD($C924,24)+1)/SUM(INDEX($D$3:$AA$30,INDEX(Jesper!$R$2:$R$366,ROW(INDEX(Jesper!AL$2:AL$366,ROUNDDOWN($C924/24,0)+1,1))-1)+IF('Standard Profiles'!$G$22=$B$10,7,0)+IF('Standard Profiles'!$G$22=$B$17,14,0)+IF('Standard Profiles'!$G$22=$B$24,21,0),0)),0)</f>
        <v>0</v>
      </c>
      <c r="I924">
        <f t="shared" si="111"/>
        <v>6.7559031203998368</v>
      </c>
      <c r="J924">
        <f t="shared" si="112"/>
        <v>21.889013857830523</v>
      </c>
      <c r="K924">
        <f t="shared" si="113"/>
        <v>0.68807352986831927</v>
      </c>
      <c r="L924">
        <f t="shared" si="114"/>
        <v>0.34403676493415963</v>
      </c>
      <c r="M924">
        <f t="shared" si="115"/>
        <v>0</v>
      </c>
      <c r="N924" s="45">
        <f t="shared" si="116"/>
        <v>44964.083333331175</v>
      </c>
    </row>
    <row r="925" spans="2:14" x14ac:dyDescent="0.25">
      <c r="B925">
        <f t="shared" si="110"/>
        <v>2</v>
      </c>
      <c r="C925" s="16">
        <v>891</v>
      </c>
      <c r="D925" cm="1">
        <f t="array" ref="D925">IFERROR(INDEX(Jesper!AH$2:AH$366,ROUNDDOWN($C925/24,0)+1,1)*INDEX($D$3:$AA$30,INDEX(Jesper!$R$2:$R$366,ROW(INDEX(Jesper!AH$2:AH$366,ROUNDDOWN($C925/24,0)+1,1))-1)+IF('Standard Profiles'!$G$18=$B$10,7,0)+IF('Standard Profiles'!$G$18=$B$17,14,0)+IF('Standard Profiles'!$G$18=$B$24,21,0),MOD($C925,24)+1)/SUM(INDEX($D$3:$AA$30,INDEX(Jesper!$R$2:$R$366,ROW(INDEX(Jesper!AH$2:AH$366,ROUNDDOWN($C925/24,0)+1,1))-1)+IF('Standard Profiles'!$G$18=$B$10,7,0)+IF('Standard Profiles'!$G$18=$B$17,14,0)+IF('Standard Profiles'!$G$18=$B$24,21,0),0)),0)</f>
        <v>6.450689342515493</v>
      </c>
      <c r="E925" cm="1">
        <f t="array" ref="E925">IFERROR(INDEX(Jesper!AI$2:AI$366,ROUNDDOWN($C925/24,0)+1,1)*INDEX($D$3:$AA$30,INDEX(Jesper!$R$2:$R$366,ROW(INDEX(Jesper!AI$2:AI$366,ROUNDDOWN($C925/24,0)+1,1))-1)+IF('Standard Profiles'!$G$19=$B$10,7,0)+IF('Standard Profiles'!$G$19=$B$17,14,0)+IF('Standard Profiles'!$G$19=$B$24,21,0),MOD($C925,24)+1)/SUM(INDEX($D$3:$AA$30,INDEX(Jesper!$R$2:$R$366,ROW(INDEX(Jesper!AI$2:AI$366,ROUNDDOWN($C925/24,0)+1,1))-1)+IF('Standard Profiles'!$G$19=$B$10,7,0)+IF('Standard Profiles'!$G$19=$B$17,14,0)+IF('Standard Profiles'!$G$19=$B$24,21,0),0)),0)</f>
        <v>9.1515397630176807</v>
      </c>
      <c r="F925" cm="1">
        <f t="array" ref="F925">IFERROR(INDEX(Jesper!AJ$2:AJ$366,ROUNDDOWN($C925/24,0)+1,1)*INDEX($D$3:$AA$30,INDEX(Jesper!$R$2:$R$366,ROW(INDEX(Jesper!AJ$2:AJ$366,ROUNDDOWN($C925/24,0)+1,1))-1)+IF('Standard Profiles'!$G$20=$B$10,7,0)+IF('Standard Profiles'!$G$20=$B$17,14,0)+IF('Standard Profiles'!$G$20=$B$24,21,0),MOD($C925,24)+1)/SUM(INDEX($D$3:$AA$30,INDEX(Jesper!$R$2:$R$366,ROW(INDEX(Jesper!AJ$2:AJ$366,ROUNDDOWN($C925/24,0)+1,1))-1)+IF('Standard Profiles'!$G$20=$B$10,7,0)+IF('Standard Profiles'!$G$20=$B$17,14,0)+IF('Standard Profiles'!$G$20=$B$24,21,0),0)),0)</f>
        <v>0</v>
      </c>
      <c r="G925" cm="1">
        <f t="array" ref="G925">IFERROR(INDEX(Jesper!AK$2:AK$366,ROUNDDOWN($C925/24,0)+1,1)*INDEX($D$3:$AA$30,INDEX(Jesper!$R$2:$R$366,ROW(INDEX(Jesper!AK$2:AK$366,ROUNDDOWN($C925/24,0)+1,1))-1)+IF('Standard Profiles'!$G$21=$B$10,7,0)+IF('Standard Profiles'!$G$21=$B$17,14,0)+IF('Standard Profiles'!$G$21=$B$24,21,0),MOD($C925,24)+1)/SUM(INDEX($D$3:$AA$30,INDEX(Jesper!$R$2:$R$366,ROW(INDEX(Jesper!AK$2:AK$366,ROUNDDOWN($C925/24,0)+1,1))-1)+IF('Standard Profiles'!$G$21=$B$10,7,0)+IF('Standard Profiles'!$G$21=$B$17,14,0)+IF('Standard Profiles'!$G$21=$B$24,21,0),0)),0)</f>
        <v>14.074798167499667</v>
      </c>
      <c r="H925" cm="1">
        <f t="array" ref="H925">IFERROR(INDEX(Jesper!AL$2:AL$366,ROUNDDOWN($C925/24,0)+1,1)*INDEX($D$3:$AA$30,INDEX(Jesper!$R$2:$R$366,ROW(INDEX(Jesper!AL$2:AL$366,ROUNDDOWN($C925/24,0)+1,1))-1)+IF('Standard Profiles'!$G$22=$B$10,7,0)+IF('Standard Profiles'!$G$22=$B$17,14,0)+IF('Standard Profiles'!$G$22=$B$24,21,0),MOD($C925,24)+1)/SUM(INDEX($D$3:$AA$30,INDEX(Jesper!$R$2:$R$366,ROW(INDEX(Jesper!AL$2:AL$366,ROUNDDOWN($C925/24,0)+1,1))-1)+IF('Standard Profiles'!$G$22=$B$10,7,0)+IF('Standard Profiles'!$G$22=$B$17,14,0)+IF('Standard Profiles'!$G$22=$B$24,21,0),0)),0)</f>
        <v>0</v>
      </c>
      <c r="I925">
        <f t="shared" si="111"/>
        <v>6.7559031203998368</v>
      </c>
      <c r="J925">
        <f t="shared" si="112"/>
        <v>21.889013857830523</v>
      </c>
      <c r="K925">
        <f t="shared" si="113"/>
        <v>0.68807352986831927</v>
      </c>
      <c r="L925">
        <f t="shared" si="114"/>
        <v>0.34403676493415963</v>
      </c>
      <c r="M925">
        <f t="shared" si="115"/>
        <v>0</v>
      </c>
      <c r="N925" s="45">
        <f t="shared" si="116"/>
        <v>44964.124999997839</v>
      </c>
    </row>
    <row r="926" spans="2:14" x14ac:dyDescent="0.25">
      <c r="B926">
        <f t="shared" si="110"/>
        <v>2</v>
      </c>
      <c r="C926" s="16">
        <v>892</v>
      </c>
      <c r="D926" cm="1">
        <f t="array" ref="D926">IFERROR(INDEX(Jesper!AH$2:AH$366,ROUNDDOWN($C926/24,0)+1,1)*INDEX($D$3:$AA$30,INDEX(Jesper!$R$2:$R$366,ROW(INDEX(Jesper!AH$2:AH$366,ROUNDDOWN($C926/24,0)+1,1))-1)+IF('Standard Profiles'!$G$18=$B$10,7,0)+IF('Standard Profiles'!$G$18=$B$17,14,0)+IF('Standard Profiles'!$G$18=$B$24,21,0),MOD($C926,24)+1)/SUM(INDEX($D$3:$AA$30,INDEX(Jesper!$R$2:$R$366,ROW(INDEX(Jesper!AH$2:AH$366,ROUNDDOWN($C926/24,0)+1,1))-1)+IF('Standard Profiles'!$G$18=$B$10,7,0)+IF('Standard Profiles'!$G$18=$B$17,14,0)+IF('Standard Profiles'!$G$18=$B$24,21,0),0)),0)</f>
        <v>6.450689342515493</v>
      </c>
      <c r="E926" cm="1">
        <f t="array" ref="E926">IFERROR(INDEX(Jesper!AI$2:AI$366,ROUNDDOWN($C926/24,0)+1,1)*INDEX($D$3:$AA$30,INDEX(Jesper!$R$2:$R$366,ROW(INDEX(Jesper!AI$2:AI$366,ROUNDDOWN($C926/24,0)+1,1))-1)+IF('Standard Profiles'!$G$19=$B$10,7,0)+IF('Standard Profiles'!$G$19=$B$17,14,0)+IF('Standard Profiles'!$G$19=$B$24,21,0),MOD($C926,24)+1)/SUM(INDEX($D$3:$AA$30,INDEX(Jesper!$R$2:$R$366,ROW(INDEX(Jesper!AI$2:AI$366,ROUNDDOWN($C926/24,0)+1,1))-1)+IF('Standard Profiles'!$G$19=$B$10,7,0)+IF('Standard Profiles'!$G$19=$B$17,14,0)+IF('Standard Profiles'!$G$19=$B$24,21,0),0)),0)</f>
        <v>9.1515397630176807</v>
      </c>
      <c r="F926" cm="1">
        <f t="array" ref="F926">IFERROR(INDEX(Jesper!AJ$2:AJ$366,ROUNDDOWN($C926/24,0)+1,1)*INDEX($D$3:$AA$30,INDEX(Jesper!$R$2:$R$366,ROW(INDEX(Jesper!AJ$2:AJ$366,ROUNDDOWN($C926/24,0)+1,1))-1)+IF('Standard Profiles'!$G$20=$B$10,7,0)+IF('Standard Profiles'!$G$20=$B$17,14,0)+IF('Standard Profiles'!$G$20=$B$24,21,0),MOD($C926,24)+1)/SUM(INDEX($D$3:$AA$30,INDEX(Jesper!$R$2:$R$366,ROW(INDEX(Jesper!AJ$2:AJ$366,ROUNDDOWN($C926/24,0)+1,1))-1)+IF('Standard Profiles'!$G$20=$B$10,7,0)+IF('Standard Profiles'!$G$20=$B$17,14,0)+IF('Standard Profiles'!$G$20=$B$24,21,0),0)),0)</f>
        <v>0</v>
      </c>
      <c r="G926" cm="1">
        <f t="array" ref="G926">IFERROR(INDEX(Jesper!AK$2:AK$366,ROUNDDOWN($C926/24,0)+1,1)*INDEX($D$3:$AA$30,INDEX(Jesper!$R$2:$R$366,ROW(INDEX(Jesper!AK$2:AK$366,ROUNDDOWN($C926/24,0)+1,1))-1)+IF('Standard Profiles'!$G$21=$B$10,7,0)+IF('Standard Profiles'!$G$21=$B$17,14,0)+IF('Standard Profiles'!$G$21=$B$24,21,0),MOD($C926,24)+1)/SUM(INDEX($D$3:$AA$30,INDEX(Jesper!$R$2:$R$366,ROW(INDEX(Jesper!AK$2:AK$366,ROUNDDOWN($C926/24,0)+1,1))-1)+IF('Standard Profiles'!$G$21=$B$10,7,0)+IF('Standard Profiles'!$G$21=$B$17,14,0)+IF('Standard Profiles'!$G$21=$B$24,21,0),0)),0)</f>
        <v>14.074798167499667</v>
      </c>
      <c r="H926" cm="1">
        <f t="array" ref="H926">IFERROR(INDEX(Jesper!AL$2:AL$366,ROUNDDOWN($C926/24,0)+1,1)*INDEX($D$3:$AA$30,INDEX(Jesper!$R$2:$R$366,ROW(INDEX(Jesper!AL$2:AL$366,ROUNDDOWN($C926/24,0)+1,1))-1)+IF('Standard Profiles'!$G$22=$B$10,7,0)+IF('Standard Profiles'!$G$22=$B$17,14,0)+IF('Standard Profiles'!$G$22=$B$24,21,0),MOD($C926,24)+1)/SUM(INDEX($D$3:$AA$30,INDEX(Jesper!$R$2:$R$366,ROW(INDEX(Jesper!AL$2:AL$366,ROUNDDOWN($C926/24,0)+1,1))-1)+IF('Standard Profiles'!$G$22=$B$10,7,0)+IF('Standard Profiles'!$G$22=$B$17,14,0)+IF('Standard Profiles'!$G$22=$B$24,21,0),0)),0)</f>
        <v>0</v>
      </c>
      <c r="I926">
        <f t="shared" si="111"/>
        <v>6.7559031203998368</v>
      </c>
      <c r="J926">
        <f t="shared" si="112"/>
        <v>21.889013857830523</v>
      </c>
      <c r="K926">
        <f t="shared" si="113"/>
        <v>0.68807352986831927</v>
      </c>
      <c r="L926">
        <f t="shared" si="114"/>
        <v>0.34403676493415963</v>
      </c>
      <c r="M926">
        <f t="shared" si="115"/>
        <v>0</v>
      </c>
      <c r="N926" s="45">
        <f t="shared" si="116"/>
        <v>44964.166666664503</v>
      </c>
    </row>
    <row r="927" spans="2:14" x14ac:dyDescent="0.25">
      <c r="B927">
        <f t="shared" si="110"/>
        <v>2</v>
      </c>
      <c r="C927" s="16">
        <v>893</v>
      </c>
      <c r="D927" cm="1">
        <f t="array" ref="D927">IFERROR(INDEX(Jesper!AH$2:AH$366,ROUNDDOWN($C927/24,0)+1,1)*INDEX($D$3:$AA$30,INDEX(Jesper!$R$2:$R$366,ROW(INDEX(Jesper!AH$2:AH$366,ROUNDDOWN($C927/24,0)+1,1))-1)+IF('Standard Profiles'!$G$18=$B$10,7,0)+IF('Standard Profiles'!$G$18=$B$17,14,0)+IF('Standard Profiles'!$G$18=$B$24,21,0),MOD($C927,24)+1)/SUM(INDEX($D$3:$AA$30,INDEX(Jesper!$R$2:$R$366,ROW(INDEX(Jesper!AH$2:AH$366,ROUNDDOWN($C927/24,0)+1,1))-1)+IF('Standard Profiles'!$G$18=$B$10,7,0)+IF('Standard Profiles'!$G$18=$B$17,14,0)+IF('Standard Profiles'!$G$18=$B$24,21,0),0)),0)</f>
        <v>6.450689342515493</v>
      </c>
      <c r="E927" cm="1">
        <f t="array" ref="E927">IFERROR(INDEX(Jesper!AI$2:AI$366,ROUNDDOWN($C927/24,0)+1,1)*INDEX($D$3:$AA$30,INDEX(Jesper!$R$2:$R$366,ROW(INDEX(Jesper!AI$2:AI$366,ROUNDDOWN($C927/24,0)+1,1))-1)+IF('Standard Profiles'!$G$19=$B$10,7,0)+IF('Standard Profiles'!$G$19=$B$17,14,0)+IF('Standard Profiles'!$G$19=$B$24,21,0),MOD($C927,24)+1)/SUM(INDEX($D$3:$AA$30,INDEX(Jesper!$R$2:$R$366,ROW(INDEX(Jesper!AI$2:AI$366,ROUNDDOWN($C927/24,0)+1,1))-1)+IF('Standard Profiles'!$G$19=$B$10,7,0)+IF('Standard Profiles'!$G$19=$B$17,14,0)+IF('Standard Profiles'!$G$19=$B$24,21,0),0)),0)</f>
        <v>9.1515397630176807</v>
      </c>
      <c r="F927" cm="1">
        <f t="array" ref="F927">IFERROR(INDEX(Jesper!AJ$2:AJ$366,ROUNDDOWN($C927/24,0)+1,1)*INDEX($D$3:$AA$30,INDEX(Jesper!$R$2:$R$366,ROW(INDEX(Jesper!AJ$2:AJ$366,ROUNDDOWN($C927/24,0)+1,1))-1)+IF('Standard Profiles'!$G$20=$B$10,7,0)+IF('Standard Profiles'!$G$20=$B$17,14,0)+IF('Standard Profiles'!$G$20=$B$24,21,0),MOD($C927,24)+1)/SUM(INDEX($D$3:$AA$30,INDEX(Jesper!$R$2:$R$366,ROW(INDEX(Jesper!AJ$2:AJ$366,ROUNDDOWN($C927/24,0)+1,1))-1)+IF('Standard Profiles'!$G$20=$B$10,7,0)+IF('Standard Profiles'!$G$20=$B$17,14,0)+IF('Standard Profiles'!$G$20=$B$24,21,0),0)),0)</f>
        <v>0</v>
      </c>
      <c r="G927" cm="1">
        <f t="array" ref="G927">IFERROR(INDEX(Jesper!AK$2:AK$366,ROUNDDOWN($C927/24,0)+1,1)*INDEX($D$3:$AA$30,INDEX(Jesper!$R$2:$R$366,ROW(INDEX(Jesper!AK$2:AK$366,ROUNDDOWN($C927/24,0)+1,1))-1)+IF('Standard Profiles'!$G$21=$B$10,7,0)+IF('Standard Profiles'!$G$21=$B$17,14,0)+IF('Standard Profiles'!$G$21=$B$24,21,0),MOD($C927,24)+1)/SUM(INDEX($D$3:$AA$30,INDEX(Jesper!$R$2:$R$366,ROW(INDEX(Jesper!AK$2:AK$366,ROUNDDOWN($C927/24,0)+1,1))-1)+IF('Standard Profiles'!$G$21=$B$10,7,0)+IF('Standard Profiles'!$G$21=$B$17,14,0)+IF('Standard Profiles'!$G$21=$B$24,21,0),0)),0)</f>
        <v>14.074798167499667</v>
      </c>
      <c r="H927" cm="1">
        <f t="array" ref="H927">IFERROR(INDEX(Jesper!AL$2:AL$366,ROUNDDOWN($C927/24,0)+1,1)*INDEX($D$3:$AA$30,INDEX(Jesper!$R$2:$R$366,ROW(INDEX(Jesper!AL$2:AL$366,ROUNDDOWN($C927/24,0)+1,1))-1)+IF('Standard Profiles'!$G$22=$B$10,7,0)+IF('Standard Profiles'!$G$22=$B$17,14,0)+IF('Standard Profiles'!$G$22=$B$24,21,0),MOD($C927,24)+1)/SUM(INDEX($D$3:$AA$30,INDEX(Jesper!$R$2:$R$366,ROW(INDEX(Jesper!AL$2:AL$366,ROUNDDOWN($C927/24,0)+1,1))-1)+IF('Standard Profiles'!$G$22=$B$10,7,0)+IF('Standard Profiles'!$G$22=$B$17,14,0)+IF('Standard Profiles'!$G$22=$B$24,21,0),0)),0)</f>
        <v>0</v>
      </c>
      <c r="I927">
        <f t="shared" si="111"/>
        <v>6.7559031203998368</v>
      </c>
      <c r="J927">
        <f t="shared" si="112"/>
        <v>21.889013857830523</v>
      </c>
      <c r="K927">
        <f t="shared" si="113"/>
        <v>0.68807352986831927</v>
      </c>
      <c r="L927">
        <f t="shared" si="114"/>
        <v>0.34403676493415963</v>
      </c>
      <c r="M927">
        <f t="shared" si="115"/>
        <v>0</v>
      </c>
      <c r="N927" s="45">
        <f t="shared" si="116"/>
        <v>44964.208333331168</v>
      </c>
    </row>
    <row r="928" spans="2:14" x14ac:dyDescent="0.25">
      <c r="B928">
        <f t="shared" si="110"/>
        <v>2</v>
      </c>
      <c r="C928" s="16">
        <v>894</v>
      </c>
      <c r="D928" cm="1">
        <f t="array" ref="D928">IFERROR(INDEX(Jesper!AH$2:AH$366,ROUNDDOWN($C928/24,0)+1,1)*INDEX($D$3:$AA$30,INDEX(Jesper!$R$2:$R$366,ROW(INDEX(Jesper!AH$2:AH$366,ROUNDDOWN($C928/24,0)+1,1))-1)+IF('Standard Profiles'!$G$18=$B$10,7,0)+IF('Standard Profiles'!$G$18=$B$17,14,0)+IF('Standard Profiles'!$G$18=$B$24,21,0),MOD($C928,24)+1)/SUM(INDEX($D$3:$AA$30,INDEX(Jesper!$R$2:$R$366,ROW(INDEX(Jesper!AH$2:AH$366,ROUNDDOWN($C928/24,0)+1,1))-1)+IF('Standard Profiles'!$G$18=$B$10,7,0)+IF('Standard Profiles'!$G$18=$B$17,14,0)+IF('Standard Profiles'!$G$18=$B$24,21,0),0)),0)</f>
        <v>6.450689342515493</v>
      </c>
      <c r="E928" cm="1">
        <f t="array" ref="E928">IFERROR(INDEX(Jesper!AI$2:AI$366,ROUNDDOWN($C928/24,0)+1,1)*INDEX($D$3:$AA$30,INDEX(Jesper!$R$2:$R$366,ROW(INDEX(Jesper!AI$2:AI$366,ROUNDDOWN($C928/24,0)+1,1))-1)+IF('Standard Profiles'!$G$19=$B$10,7,0)+IF('Standard Profiles'!$G$19=$B$17,14,0)+IF('Standard Profiles'!$G$19=$B$24,21,0),MOD($C928,24)+1)/SUM(INDEX($D$3:$AA$30,INDEX(Jesper!$R$2:$R$366,ROW(INDEX(Jesper!AI$2:AI$366,ROUNDDOWN($C928/24,0)+1,1))-1)+IF('Standard Profiles'!$G$19=$B$10,7,0)+IF('Standard Profiles'!$G$19=$B$17,14,0)+IF('Standard Profiles'!$G$19=$B$24,21,0),0)),0)</f>
        <v>9.1515397630176807</v>
      </c>
      <c r="F928" cm="1">
        <f t="array" ref="F928">IFERROR(INDEX(Jesper!AJ$2:AJ$366,ROUNDDOWN($C928/24,0)+1,1)*INDEX($D$3:$AA$30,INDEX(Jesper!$R$2:$R$366,ROW(INDEX(Jesper!AJ$2:AJ$366,ROUNDDOWN($C928/24,0)+1,1))-1)+IF('Standard Profiles'!$G$20=$B$10,7,0)+IF('Standard Profiles'!$G$20=$B$17,14,0)+IF('Standard Profiles'!$G$20=$B$24,21,0),MOD($C928,24)+1)/SUM(INDEX($D$3:$AA$30,INDEX(Jesper!$R$2:$R$366,ROW(INDEX(Jesper!AJ$2:AJ$366,ROUNDDOWN($C928/24,0)+1,1))-1)+IF('Standard Profiles'!$G$20=$B$10,7,0)+IF('Standard Profiles'!$G$20=$B$17,14,0)+IF('Standard Profiles'!$G$20=$B$24,21,0),0)),0)</f>
        <v>0</v>
      </c>
      <c r="G928" cm="1">
        <f t="array" ref="G928">IFERROR(INDEX(Jesper!AK$2:AK$366,ROUNDDOWN($C928/24,0)+1,1)*INDEX($D$3:$AA$30,INDEX(Jesper!$R$2:$R$366,ROW(INDEX(Jesper!AK$2:AK$366,ROUNDDOWN($C928/24,0)+1,1))-1)+IF('Standard Profiles'!$G$21=$B$10,7,0)+IF('Standard Profiles'!$G$21=$B$17,14,0)+IF('Standard Profiles'!$G$21=$B$24,21,0),MOD($C928,24)+1)/SUM(INDEX($D$3:$AA$30,INDEX(Jesper!$R$2:$R$366,ROW(INDEX(Jesper!AK$2:AK$366,ROUNDDOWN($C928/24,0)+1,1))-1)+IF('Standard Profiles'!$G$21=$B$10,7,0)+IF('Standard Profiles'!$G$21=$B$17,14,0)+IF('Standard Profiles'!$G$21=$B$24,21,0),0)),0)</f>
        <v>14.074798167499667</v>
      </c>
      <c r="H928" cm="1">
        <f t="array" ref="H928">IFERROR(INDEX(Jesper!AL$2:AL$366,ROUNDDOWN($C928/24,0)+1,1)*INDEX($D$3:$AA$30,INDEX(Jesper!$R$2:$R$366,ROW(INDEX(Jesper!AL$2:AL$366,ROUNDDOWN($C928/24,0)+1,1))-1)+IF('Standard Profiles'!$G$22=$B$10,7,0)+IF('Standard Profiles'!$G$22=$B$17,14,0)+IF('Standard Profiles'!$G$22=$B$24,21,0),MOD($C928,24)+1)/SUM(INDEX($D$3:$AA$30,INDEX(Jesper!$R$2:$R$366,ROW(INDEX(Jesper!AL$2:AL$366,ROUNDDOWN($C928/24,0)+1,1))-1)+IF('Standard Profiles'!$G$22=$B$10,7,0)+IF('Standard Profiles'!$G$22=$B$17,14,0)+IF('Standard Profiles'!$G$22=$B$24,21,0),0)),0)</f>
        <v>0</v>
      </c>
      <c r="I928">
        <f t="shared" si="111"/>
        <v>6.7559031203998368</v>
      </c>
      <c r="J928">
        <f t="shared" si="112"/>
        <v>21.889013857830523</v>
      </c>
      <c r="K928">
        <f t="shared" si="113"/>
        <v>0.68807352986831927</v>
      </c>
      <c r="L928">
        <f t="shared" si="114"/>
        <v>0.34403676493415963</v>
      </c>
      <c r="M928">
        <f t="shared" si="115"/>
        <v>0</v>
      </c>
      <c r="N928" s="45">
        <f t="shared" si="116"/>
        <v>44964.249999997832</v>
      </c>
    </row>
    <row r="929" spans="2:14" x14ac:dyDescent="0.25">
      <c r="B929">
        <f t="shared" si="110"/>
        <v>2</v>
      </c>
      <c r="C929" s="16">
        <v>895</v>
      </c>
      <c r="D929" cm="1">
        <f t="array" ref="D929">IFERROR(INDEX(Jesper!AH$2:AH$366,ROUNDDOWN($C929/24,0)+1,1)*INDEX($D$3:$AA$30,INDEX(Jesper!$R$2:$R$366,ROW(INDEX(Jesper!AH$2:AH$366,ROUNDDOWN($C929/24,0)+1,1))-1)+IF('Standard Profiles'!$G$18=$B$10,7,0)+IF('Standard Profiles'!$G$18=$B$17,14,0)+IF('Standard Profiles'!$G$18=$B$24,21,0),MOD($C929,24)+1)/SUM(INDEX($D$3:$AA$30,INDEX(Jesper!$R$2:$R$366,ROW(INDEX(Jesper!AH$2:AH$366,ROUNDDOWN($C929/24,0)+1,1))-1)+IF('Standard Profiles'!$G$18=$B$10,7,0)+IF('Standard Profiles'!$G$18=$B$17,14,0)+IF('Standard Profiles'!$G$18=$B$24,21,0),0)),0)</f>
        <v>27.193687259541868</v>
      </c>
      <c r="E929" cm="1">
        <f t="array" ref="E929">IFERROR(INDEX(Jesper!AI$2:AI$366,ROUNDDOWN($C929/24,0)+1,1)*INDEX($D$3:$AA$30,INDEX(Jesper!$R$2:$R$366,ROW(INDEX(Jesper!AI$2:AI$366,ROUNDDOWN($C929/24,0)+1,1))-1)+IF('Standard Profiles'!$G$19=$B$10,7,0)+IF('Standard Profiles'!$G$19=$B$17,14,0)+IF('Standard Profiles'!$G$19=$B$24,21,0),MOD($C929,24)+1)/SUM(INDEX($D$3:$AA$30,INDEX(Jesper!$R$2:$R$366,ROW(INDEX(Jesper!AI$2:AI$366,ROUNDDOWN($C929/24,0)+1,1))-1)+IF('Standard Profiles'!$G$19=$B$10,7,0)+IF('Standard Profiles'!$G$19=$B$17,14,0)+IF('Standard Profiles'!$G$19=$B$24,21,0),0)),0)</f>
        <v>38.579459813471402</v>
      </c>
      <c r="F929" cm="1">
        <f t="array" ref="F929">IFERROR(INDEX(Jesper!AJ$2:AJ$366,ROUNDDOWN($C929/24,0)+1,1)*INDEX($D$3:$AA$30,INDEX(Jesper!$R$2:$R$366,ROW(INDEX(Jesper!AJ$2:AJ$366,ROUNDDOWN($C929/24,0)+1,1))-1)+IF('Standard Profiles'!$G$20=$B$10,7,0)+IF('Standard Profiles'!$G$20=$B$17,14,0)+IF('Standard Profiles'!$G$20=$B$24,21,0),MOD($C929,24)+1)/SUM(INDEX($D$3:$AA$30,INDEX(Jesper!$R$2:$R$366,ROW(INDEX(Jesper!AJ$2:AJ$366,ROUNDDOWN($C929/24,0)+1,1))-1)+IF('Standard Profiles'!$G$20=$B$10,7,0)+IF('Standard Profiles'!$G$20=$B$17,14,0)+IF('Standard Profiles'!$G$20=$B$24,21,0),0)),0)</f>
        <v>0</v>
      </c>
      <c r="G929" cm="1">
        <f t="array" ref="G929">IFERROR(INDEX(Jesper!AK$2:AK$366,ROUNDDOWN($C929/24,0)+1,1)*INDEX($D$3:$AA$30,INDEX(Jesper!$R$2:$R$366,ROW(INDEX(Jesper!AK$2:AK$366,ROUNDDOWN($C929/24,0)+1,1))-1)+IF('Standard Profiles'!$G$21=$B$10,7,0)+IF('Standard Profiles'!$G$21=$B$17,14,0)+IF('Standard Profiles'!$G$21=$B$24,21,0),MOD($C929,24)+1)/SUM(INDEX($D$3:$AA$30,INDEX(Jesper!$R$2:$R$366,ROW(INDEX(Jesper!AK$2:AK$366,ROUNDDOWN($C929/24,0)+1,1))-1)+IF('Standard Profiles'!$G$21=$B$10,7,0)+IF('Standard Profiles'!$G$21=$B$17,14,0)+IF('Standard Profiles'!$G$21=$B$24,21,0),0)),0)</f>
        <v>40.544499237345811</v>
      </c>
      <c r="H929" cm="1">
        <f t="array" ref="H929">IFERROR(INDEX(Jesper!AL$2:AL$366,ROUNDDOWN($C929/24,0)+1,1)*INDEX($D$3:$AA$30,INDEX(Jesper!$R$2:$R$366,ROW(INDEX(Jesper!AL$2:AL$366,ROUNDDOWN($C929/24,0)+1,1))-1)+IF('Standard Profiles'!$G$22=$B$10,7,0)+IF('Standard Profiles'!$G$22=$B$17,14,0)+IF('Standard Profiles'!$G$22=$B$24,21,0),MOD($C929,24)+1)/SUM(INDEX($D$3:$AA$30,INDEX(Jesper!$R$2:$R$366,ROW(INDEX(Jesper!AL$2:AL$366,ROUNDDOWN($C929/24,0)+1,1))-1)+IF('Standard Profiles'!$G$22=$B$10,7,0)+IF('Standard Profiles'!$G$22=$B$17,14,0)+IF('Standard Profiles'!$G$22=$B$24,21,0),0)),0)</f>
        <v>0</v>
      </c>
      <c r="I929">
        <f t="shared" si="111"/>
        <v>19.46135963392598</v>
      </c>
      <c r="J929">
        <f t="shared" si="112"/>
        <v>82.505296714906393</v>
      </c>
      <c r="K929">
        <f t="shared" si="113"/>
        <v>2.9006599743511328</v>
      </c>
      <c r="L929">
        <f t="shared" si="114"/>
        <v>1.4503299871755664</v>
      </c>
      <c r="M929">
        <f t="shared" si="115"/>
        <v>0</v>
      </c>
      <c r="N929" s="45">
        <f t="shared" si="116"/>
        <v>44964.291666664496</v>
      </c>
    </row>
    <row r="930" spans="2:14" x14ac:dyDescent="0.25">
      <c r="B930">
        <f t="shared" si="110"/>
        <v>2</v>
      </c>
      <c r="C930" s="16">
        <v>896</v>
      </c>
      <c r="D930" cm="1">
        <f t="array" ref="D930">IFERROR(INDEX(Jesper!AH$2:AH$366,ROUNDDOWN($C930/24,0)+1,1)*INDEX($D$3:$AA$30,INDEX(Jesper!$R$2:$R$366,ROW(INDEX(Jesper!AH$2:AH$366,ROUNDDOWN($C930/24,0)+1,1))-1)+IF('Standard Profiles'!$G$18=$B$10,7,0)+IF('Standard Profiles'!$G$18=$B$17,14,0)+IF('Standard Profiles'!$G$18=$B$24,21,0),MOD($C930,24)+1)/SUM(INDEX($D$3:$AA$30,INDEX(Jesper!$R$2:$R$366,ROW(INDEX(Jesper!AH$2:AH$366,ROUNDDOWN($C930/24,0)+1,1))-1)+IF('Standard Profiles'!$G$18=$B$10,7,0)+IF('Standard Profiles'!$G$18=$B$17,14,0)+IF('Standard Profiles'!$G$18=$B$24,21,0),0)),0)</f>
        <v>30.342429994857245</v>
      </c>
      <c r="E930" cm="1">
        <f t="array" ref="E930">IFERROR(INDEX(Jesper!AI$2:AI$366,ROUNDDOWN($C930/24,0)+1,1)*INDEX($D$3:$AA$30,INDEX(Jesper!$R$2:$R$366,ROW(INDEX(Jesper!AI$2:AI$366,ROUNDDOWN($C930/24,0)+1,1))-1)+IF('Standard Profiles'!$G$19=$B$10,7,0)+IF('Standard Profiles'!$G$19=$B$17,14,0)+IF('Standard Profiles'!$G$19=$B$24,21,0),MOD($C930,24)+1)/SUM(INDEX($D$3:$AA$30,INDEX(Jesper!$R$2:$R$366,ROW(INDEX(Jesper!AI$2:AI$366,ROUNDDOWN($C930/24,0)+1,1))-1)+IF('Standard Profiles'!$G$19=$B$10,7,0)+IF('Standard Profiles'!$G$19=$B$17,14,0)+IF('Standard Profiles'!$G$19=$B$24,21,0),0)),0)</f>
        <v>43.046555160294403</v>
      </c>
      <c r="F930" cm="1">
        <f t="array" ref="F930">IFERROR(INDEX(Jesper!AJ$2:AJ$366,ROUNDDOWN($C930/24,0)+1,1)*INDEX($D$3:$AA$30,INDEX(Jesper!$R$2:$R$366,ROW(INDEX(Jesper!AJ$2:AJ$366,ROUNDDOWN($C930/24,0)+1,1))-1)+IF('Standard Profiles'!$G$20=$B$10,7,0)+IF('Standard Profiles'!$G$20=$B$17,14,0)+IF('Standard Profiles'!$G$20=$B$24,21,0),MOD($C930,24)+1)/SUM(INDEX($D$3:$AA$30,INDEX(Jesper!$R$2:$R$366,ROW(INDEX(Jesper!AJ$2:AJ$366,ROUNDDOWN($C930/24,0)+1,1))-1)+IF('Standard Profiles'!$G$20=$B$10,7,0)+IF('Standard Profiles'!$G$20=$B$17,14,0)+IF('Standard Profiles'!$G$20=$B$24,21,0),0)),0)</f>
        <v>0</v>
      </c>
      <c r="G930" cm="1">
        <f t="array" ref="G930">IFERROR(INDEX(Jesper!AK$2:AK$366,ROUNDDOWN($C930/24,0)+1,1)*INDEX($D$3:$AA$30,INDEX(Jesper!$R$2:$R$366,ROW(INDEX(Jesper!AK$2:AK$366,ROUNDDOWN($C930/24,0)+1,1))-1)+IF('Standard Profiles'!$G$21=$B$10,7,0)+IF('Standard Profiles'!$G$21=$B$17,14,0)+IF('Standard Profiles'!$G$21=$B$24,21,0),MOD($C930,24)+1)/SUM(INDEX($D$3:$AA$30,INDEX(Jesper!$R$2:$R$366,ROW(INDEX(Jesper!AK$2:AK$366,ROUNDDOWN($C930/24,0)+1,1))-1)+IF('Standard Profiles'!$G$21=$B$10,7,0)+IF('Standard Profiles'!$G$21=$B$17,14,0)+IF('Standard Profiles'!$G$21=$B$24,21,0),0)),0)</f>
        <v>45.239125464827957</v>
      </c>
      <c r="H930" cm="1">
        <f t="array" ref="H930">IFERROR(INDEX(Jesper!AL$2:AL$366,ROUNDDOWN($C930/24,0)+1,1)*INDEX($D$3:$AA$30,INDEX(Jesper!$R$2:$R$366,ROW(INDEX(Jesper!AL$2:AL$366,ROUNDDOWN($C930/24,0)+1,1))-1)+IF('Standard Profiles'!$G$22=$B$10,7,0)+IF('Standard Profiles'!$G$22=$B$17,14,0)+IF('Standard Profiles'!$G$22=$B$24,21,0),MOD($C930,24)+1)/SUM(INDEX($D$3:$AA$30,INDEX(Jesper!$R$2:$R$366,ROW(INDEX(Jesper!AL$2:AL$366,ROUNDDOWN($C930/24,0)+1,1))-1)+IF('Standard Profiles'!$G$22=$B$10,7,0)+IF('Standard Profiles'!$G$22=$B$17,14,0)+IF('Standard Profiles'!$G$22=$B$24,21,0),0)),0)</f>
        <v>0</v>
      </c>
      <c r="I930">
        <f t="shared" si="111"/>
        <v>21.714780223117408</v>
      </c>
      <c r="J930">
        <f t="shared" si="112"/>
        <v>92.058541597685036</v>
      </c>
      <c r="K930">
        <f t="shared" si="113"/>
        <v>3.2365258661181064</v>
      </c>
      <c r="L930">
        <f t="shared" si="114"/>
        <v>1.6182629330590532</v>
      </c>
      <c r="M930">
        <f t="shared" si="115"/>
        <v>0</v>
      </c>
      <c r="N930" s="45">
        <f t="shared" si="116"/>
        <v>44964.33333333116</v>
      </c>
    </row>
    <row r="931" spans="2:14" x14ac:dyDescent="0.25">
      <c r="B931">
        <f t="shared" ref="B931:B994" si="117">WEEKDAY(N931,2)</f>
        <v>2</v>
      </c>
      <c r="C931" s="16">
        <v>897</v>
      </c>
      <c r="D931" cm="1">
        <f t="array" ref="D931">IFERROR(INDEX(Jesper!AH$2:AH$366,ROUNDDOWN($C931/24,0)+1,1)*INDEX($D$3:$AA$30,INDEX(Jesper!$R$2:$R$366,ROW(INDEX(Jesper!AH$2:AH$366,ROUNDDOWN($C931/24,0)+1,1))-1)+IF('Standard Profiles'!$G$18=$B$10,7,0)+IF('Standard Profiles'!$G$18=$B$17,14,0)+IF('Standard Profiles'!$G$18=$B$24,21,0),MOD($C931,24)+1)/SUM(INDEX($D$3:$AA$30,INDEX(Jesper!$R$2:$R$366,ROW(INDEX(Jesper!AH$2:AH$366,ROUNDDOWN($C931/24,0)+1,1))-1)+IF('Standard Profiles'!$G$18=$B$10,7,0)+IF('Standard Profiles'!$G$18=$B$17,14,0)+IF('Standard Profiles'!$G$18=$B$24,21,0),0)),0)</f>
        <v>33.491172730172622</v>
      </c>
      <c r="E931" cm="1">
        <f t="array" ref="E931">IFERROR(INDEX(Jesper!AI$2:AI$366,ROUNDDOWN($C931/24,0)+1,1)*INDEX($D$3:$AA$30,INDEX(Jesper!$R$2:$R$366,ROW(INDEX(Jesper!AI$2:AI$366,ROUNDDOWN($C931/24,0)+1,1))-1)+IF('Standard Profiles'!$G$19=$B$10,7,0)+IF('Standard Profiles'!$G$19=$B$17,14,0)+IF('Standard Profiles'!$G$19=$B$24,21,0),MOD($C931,24)+1)/SUM(INDEX($D$3:$AA$30,INDEX(Jesper!$R$2:$R$366,ROW(INDEX(Jesper!AI$2:AI$366,ROUNDDOWN($C931/24,0)+1,1))-1)+IF('Standard Profiles'!$G$19=$B$10,7,0)+IF('Standard Profiles'!$G$19=$B$17,14,0)+IF('Standard Profiles'!$G$19=$B$24,21,0),0)),0)</f>
        <v>47.513650507117411</v>
      </c>
      <c r="F931" cm="1">
        <f t="array" ref="F931">IFERROR(INDEX(Jesper!AJ$2:AJ$366,ROUNDDOWN($C931/24,0)+1,1)*INDEX($D$3:$AA$30,INDEX(Jesper!$R$2:$R$366,ROW(INDEX(Jesper!AJ$2:AJ$366,ROUNDDOWN($C931/24,0)+1,1))-1)+IF('Standard Profiles'!$G$20=$B$10,7,0)+IF('Standard Profiles'!$G$20=$B$17,14,0)+IF('Standard Profiles'!$G$20=$B$24,21,0),MOD($C931,24)+1)/SUM(INDEX($D$3:$AA$30,INDEX(Jesper!$R$2:$R$366,ROW(INDEX(Jesper!AJ$2:AJ$366,ROUNDDOWN($C931/24,0)+1,1))-1)+IF('Standard Profiles'!$G$20=$B$10,7,0)+IF('Standard Profiles'!$G$20=$B$17,14,0)+IF('Standard Profiles'!$G$20=$B$24,21,0),0)),0)</f>
        <v>0</v>
      </c>
      <c r="G931" cm="1">
        <f t="array" ref="G931">IFERROR(INDEX(Jesper!AK$2:AK$366,ROUNDDOWN($C931/24,0)+1,1)*INDEX($D$3:$AA$30,INDEX(Jesper!$R$2:$R$366,ROW(INDEX(Jesper!AK$2:AK$366,ROUNDDOWN($C931/24,0)+1,1))-1)+IF('Standard Profiles'!$G$21=$B$10,7,0)+IF('Standard Profiles'!$G$21=$B$17,14,0)+IF('Standard Profiles'!$G$21=$B$24,21,0),MOD($C931,24)+1)/SUM(INDEX($D$3:$AA$30,INDEX(Jesper!$R$2:$R$366,ROW(INDEX(Jesper!AK$2:AK$366,ROUNDDOWN($C931/24,0)+1,1))-1)+IF('Standard Profiles'!$G$21=$B$10,7,0)+IF('Standard Profiles'!$G$21=$B$17,14,0)+IF('Standard Profiles'!$G$21=$B$24,21,0),0)),0)</f>
        <v>49.933751692310103</v>
      </c>
      <c r="H931" cm="1">
        <f t="array" ref="H931">IFERROR(INDEX(Jesper!AL$2:AL$366,ROUNDDOWN($C931/24,0)+1,1)*INDEX($D$3:$AA$30,INDEX(Jesper!$R$2:$R$366,ROW(INDEX(Jesper!AL$2:AL$366,ROUNDDOWN($C931/24,0)+1,1))-1)+IF('Standard Profiles'!$G$22=$B$10,7,0)+IF('Standard Profiles'!$G$22=$B$17,14,0)+IF('Standard Profiles'!$G$22=$B$24,21,0),MOD($C931,24)+1)/SUM(INDEX($D$3:$AA$30,INDEX(Jesper!$R$2:$R$366,ROW(INDEX(Jesper!AL$2:AL$366,ROUNDDOWN($C931/24,0)+1,1))-1)+IF('Standard Profiles'!$G$22=$B$10,7,0)+IF('Standard Profiles'!$G$22=$B$17,14,0)+IF('Standard Profiles'!$G$22=$B$24,21,0),0)),0)</f>
        <v>0</v>
      </c>
      <c r="I931">
        <f t="shared" ref="I931:I994" si="118">IF($B931&lt;6,AC$37*$D931+AC$38*$E931+AC$39*$F931+AC$40*$G931,AC$46*$D931+AC$47*$E931+AC$48*$F931+AC$49*$G931+AC$50*$H931)</f>
        <v>23.968200812308837</v>
      </c>
      <c r="J931">
        <f t="shared" ref="J931:J994" si="119">IF($B931&lt;6,AD$37*$D931+AD$38*$E931+AD$39*$F931+AD$40*$G931,AD$46*$D931+AD$47*$E931+AD$48*$F931+AD$49*$G931+AD$50*$H931)</f>
        <v>101.61178648046368</v>
      </c>
      <c r="K931">
        <f t="shared" ref="K931:K994" si="120">IF($B931&lt;6,AE$37*$D931+AE$38*$E931+AE$39*$F931+AE$40*$G931,AE$46*$D931+AE$47*$E931+AE$48*$F931+AE$49*$G931+AE$50*$H931)</f>
        <v>3.5723917578850797</v>
      </c>
      <c r="L931">
        <f t="shared" ref="L931:L994" si="121">IF($B931&lt;6,AF$37*$D931+AF$38*$E931+AF$39*$F931+AF$40*$G931,AF$46*$D931+AF$47*$E931+AF$48*$F931+AF$49*$G931+AF$50*$H931)</f>
        <v>1.7861958789425398</v>
      </c>
      <c r="M931">
        <f t="shared" ref="M931:M994" si="122">IF($B931&lt;6,AG$37*$D931+AG$38*$E931+AG$39*$F931+AG$40*$G931,AG$46*$D931+AG$47*$E931+AG$48*$F931+AG$49*$G931+AG$50*$H931)</f>
        <v>0</v>
      </c>
      <c r="N931" s="45">
        <f t="shared" si="116"/>
        <v>44964.374999997824</v>
      </c>
    </row>
    <row r="932" spans="2:14" x14ac:dyDescent="0.25">
      <c r="B932">
        <f t="shared" si="117"/>
        <v>2</v>
      </c>
      <c r="C932" s="16">
        <v>898</v>
      </c>
      <c r="D932" cm="1">
        <f t="array" ref="D932">IFERROR(INDEX(Jesper!AH$2:AH$366,ROUNDDOWN($C932/24,0)+1,1)*INDEX($D$3:$AA$30,INDEX(Jesper!$R$2:$R$366,ROW(INDEX(Jesper!AH$2:AH$366,ROUNDDOWN($C932/24,0)+1,1))-1)+IF('Standard Profiles'!$G$18=$B$10,7,0)+IF('Standard Profiles'!$G$18=$B$17,14,0)+IF('Standard Profiles'!$G$18=$B$24,21,0),MOD($C932,24)+1)/SUM(INDEX($D$3:$AA$30,INDEX(Jesper!$R$2:$R$366,ROW(INDEX(Jesper!AH$2:AH$366,ROUNDDOWN($C932/24,0)+1,1))-1)+IF('Standard Profiles'!$G$18=$B$10,7,0)+IF('Standard Profiles'!$G$18=$B$17,14,0)+IF('Standard Profiles'!$G$18=$B$24,21,0),0)),0)</f>
        <v>33.491172730172622</v>
      </c>
      <c r="E932" cm="1">
        <f t="array" ref="E932">IFERROR(INDEX(Jesper!AI$2:AI$366,ROUNDDOWN($C932/24,0)+1,1)*INDEX($D$3:$AA$30,INDEX(Jesper!$R$2:$R$366,ROW(INDEX(Jesper!AI$2:AI$366,ROUNDDOWN($C932/24,0)+1,1))-1)+IF('Standard Profiles'!$G$19=$B$10,7,0)+IF('Standard Profiles'!$G$19=$B$17,14,0)+IF('Standard Profiles'!$G$19=$B$24,21,0),MOD($C932,24)+1)/SUM(INDEX($D$3:$AA$30,INDEX(Jesper!$R$2:$R$366,ROW(INDEX(Jesper!AI$2:AI$366,ROUNDDOWN($C932/24,0)+1,1))-1)+IF('Standard Profiles'!$G$19=$B$10,7,0)+IF('Standard Profiles'!$G$19=$B$17,14,0)+IF('Standard Profiles'!$G$19=$B$24,21,0),0)),0)</f>
        <v>47.513650507117411</v>
      </c>
      <c r="F932" cm="1">
        <f t="array" ref="F932">IFERROR(INDEX(Jesper!AJ$2:AJ$366,ROUNDDOWN($C932/24,0)+1,1)*INDEX($D$3:$AA$30,INDEX(Jesper!$R$2:$R$366,ROW(INDEX(Jesper!AJ$2:AJ$366,ROUNDDOWN($C932/24,0)+1,1))-1)+IF('Standard Profiles'!$G$20=$B$10,7,0)+IF('Standard Profiles'!$G$20=$B$17,14,0)+IF('Standard Profiles'!$G$20=$B$24,21,0),MOD($C932,24)+1)/SUM(INDEX($D$3:$AA$30,INDEX(Jesper!$R$2:$R$366,ROW(INDEX(Jesper!AJ$2:AJ$366,ROUNDDOWN($C932/24,0)+1,1))-1)+IF('Standard Profiles'!$G$20=$B$10,7,0)+IF('Standard Profiles'!$G$20=$B$17,14,0)+IF('Standard Profiles'!$G$20=$B$24,21,0),0)),0)</f>
        <v>0</v>
      </c>
      <c r="G932" cm="1">
        <f t="array" ref="G932">IFERROR(INDEX(Jesper!AK$2:AK$366,ROUNDDOWN($C932/24,0)+1,1)*INDEX($D$3:$AA$30,INDEX(Jesper!$R$2:$R$366,ROW(INDEX(Jesper!AK$2:AK$366,ROUNDDOWN($C932/24,0)+1,1))-1)+IF('Standard Profiles'!$G$21=$B$10,7,0)+IF('Standard Profiles'!$G$21=$B$17,14,0)+IF('Standard Profiles'!$G$21=$B$24,21,0),MOD($C932,24)+1)/SUM(INDEX($D$3:$AA$30,INDEX(Jesper!$R$2:$R$366,ROW(INDEX(Jesper!AK$2:AK$366,ROUNDDOWN($C932/24,0)+1,1))-1)+IF('Standard Profiles'!$G$21=$B$10,7,0)+IF('Standard Profiles'!$G$21=$B$17,14,0)+IF('Standard Profiles'!$G$21=$B$24,21,0),0)),0)</f>
        <v>49.933751692310103</v>
      </c>
      <c r="H932" cm="1">
        <f t="array" ref="H932">IFERROR(INDEX(Jesper!AL$2:AL$366,ROUNDDOWN($C932/24,0)+1,1)*INDEX($D$3:$AA$30,INDEX(Jesper!$R$2:$R$366,ROW(INDEX(Jesper!AL$2:AL$366,ROUNDDOWN($C932/24,0)+1,1))-1)+IF('Standard Profiles'!$G$22=$B$10,7,0)+IF('Standard Profiles'!$G$22=$B$17,14,0)+IF('Standard Profiles'!$G$22=$B$24,21,0),MOD($C932,24)+1)/SUM(INDEX($D$3:$AA$30,INDEX(Jesper!$R$2:$R$366,ROW(INDEX(Jesper!AL$2:AL$366,ROUNDDOWN($C932/24,0)+1,1))-1)+IF('Standard Profiles'!$G$22=$B$10,7,0)+IF('Standard Profiles'!$G$22=$B$17,14,0)+IF('Standard Profiles'!$G$22=$B$24,21,0),0)),0)</f>
        <v>0</v>
      </c>
      <c r="I932">
        <f t="shared" si="118"/>
        <v>23.968200812308837</v>
      </c>
      <c r="J932">
        <f t="shared" si="119"/>
        <v>101.61178648046368</v>
      </c>
      <c r="K932">
        <f t="shared" si="120"/>
        <v>3.5723917578850797</v>
      </c>
      <c r="L932">
        <f t="shared" si="121"/>
        <v>1.7861958789425398</v>
      </c>
      <c r="M932">
        <f t="shared" si="122"/>
        <v>0</v>
      </c>
      <c r="N932" s="45">
        <f t="shared" ref="N932:N995" si="123">N931+1/24</f>
        <v>44964.416666664489</v>
      </c>
    </row>
    <row r="933" spans="2:14" x14ac:dyDescent="0.25">
      <c r="B933">
        <f t="shared" si="117"/>
        <v>2</v>
      </c>
      <c r="C933" s="16">
        <v>899</v>
      </c>
      <c r="D933" cm="1">
        <f t="array" ref="D933">IFERROR(INDEX(Jesper!AH$2:AH$366,ROUNDDOWN($C933/24,0)+1,1)*INDEX($D$3:$AA$30,INDEX(Jesper!$R$2:$R$366,ROW(INDEX(Jesper!AH$2:AH$366,ROUNDDOWN($C933/24,0)+1,1))-1)+IF('Standard Profiles'!$G$18=$B$10,7,0)+IF('Standard Profiles'!$G$18=$B$17,14,0)+IF('Standard Profiles'!$G$18=$B$24,21,0),MOD($C933,24)+1)/SUM(INDEX($D$3:$AA$30,INDEX(Jesper!$R$2:$R$366,ROW(INDEX(Jesper!AH$2:AH$366,ROUNDDOWN($C933/24,0)+1,1))-1)+IF('Standard Profiles'!$G$18=$B$10,7,0)+IF('Standard Profiles'!$G$18=$B$17,14,0)+IF('Standard Profiles'!$G$18=$B$24,21,0),0)),0)</f>
        <v>40.074907540377495</v>
      </c>
      <c r="E933" cm="1">
        <f t="array" ref="E933">IFERROR(INDEX(Jesper!AI$2:AI$366,ROUNDDOWN($C933/24,0)+1,1)*INDEX($D$3:$AA$30,INDEX(Jesper!$R$2:$R$366,ROW(INDEX(Jesper!AI$2:AI$366,ROUNDDOWN($C933/24,0)+1,1))-1)+IF('Standard Profiles'!$G$19=$B$10,7,0)+IF('Standard Profiles'!$G$19=$B$17,14,0)+IF('Standard Profiles'!$G$19=$B$24,21,0),MOD($C933,24)+1)/SUM(INDEX($D$3:$AA$30,INDEX(Jesper!$R$2:$R$366,ROW(INDEX(Jesper!AI$2:AI$366,ROUNDDOWN($C933/24,0)+1,1))-1)+IF('Standard Profiles'!$G$19=$B$10,7,0)+IF('Standard Profiles'!$G$19=$B$17,14,0)+IF('Standard Profiles'!$G$19=$B$24,21,0),0)),0)</f>
        <v>56.853940777747326</v>
      </c>
      <c r="F933" cm="1">
        <f t="array" ref="F933">IFERROR(INDEX(Jesper!AJ$2:AJ$366,ROUNDDOWN($C933/24,0)+1,1)*INDEX($D$3:$AA$30,INDEX(Jesper!$R$2:$R$366,ROW(INDEX(Jesper!AJ$2:AJ$366,ROUNDDOWN($C933/24,0)+1,1))-1)+IF('Standard Profiles'!$G$20=$B$10,7,0)+IF('Standard Profiles'!$G$20=$B$17,14,0)+IF('Standard Profiles'!$G$20=$B$24,21,0),MOD($C933,24)+1)/SUM(INDEX($D$3:$AA$30,INDEX(Jesper!$R$2:$R$366,ROW(INDEX(Jesper!AJ$2:AJ$366,ROUNDDOWN($C933/24,0)+1,1))-1)+IF('Standard Profiles'!$G$20=$B$10,7,0)+IF('Standard Profiles'!$G$20=$B$17,14,0)+IF('Standard Profiles'!$G$20=$B$24,21,0),0)),0)</f>
        <v>0</v>
      </c>
      <c r="G933" cm="1">
        <f t="array" ref="G933">IFERROR(INDEX(Jesper!AK$2:AK$366,ROUNDDOWN($C933/24,0)+1,1)*INDEX($D$3:$AA$30,INDEX(Jesper!$R$2:$R$366,ROW(INDEX(Jesper!AK$2:AK$366,ROUNDDOWN($C933/24,0)+1,1))-1)+IF('Standard Profiles'!$G$21=$B$10,7,0)+IF('Standard Profiles'!$G$21=$B$17,14,0)+IF('Standard Profiles'!$G$21=$B$24,21,0),MOD($C933,24)+1)/SUM(INDEX($D$3:$AA$30,INDEX(Jesper!$R$2:$R$366,ROW(INDEX(Jesper!AK$2:AK$366,ROUNDDOWN($C933/24,0)+1,1))-1)+IF('Standard Profiles'!$G$21=$B$10,7,0)+IF('Standard Profiles'!$G$21=$B$17,14,0)+IF('Standard Profiles'!$G$21=$B$24,21,0),0)),0)</f>
        <v>59.749788349772786</v>
      </c>
      <c r="H933" cm="1">
        <f t="array" ref="H933">IFERROR(INDEX(Jesper!AL$2:AL$366,ROUNDDOWN($C933/24,0)+1,1)*INDEX($D$3:$AA$30,INDEX(Jesper!$R$2:$R$366,ROW(INDEX(Jesper!AL$2:AL$366,ROUNDDOWN($C933/24,0)+1,1))-1)+IF('Standard Profiles'!$G$22=$B$10,7,0)+IF('Standard Profiles'!$G$22=$B$17,14,0)+IF('Standard Profiles'!$G$22=$B$24,21,0),MOD($C933,24)+1)/SUM(INDEX($D$3:$AA$30,INDEX(Jesper!$R$2:$R$366,ROW(INDEX(Jesper!AL$2:AL$366,ROUNDDOWN($C933/24,0)+1,1))-1)+IF('Standard Profiles'!$G$22=$B$10,7,0)+IF('Standard Profiles'!$G$22=$B$17,14,0)+IF('Standard Profiles'!$G$22=$B$24,21,0),0)),0)</f>
        <v>0</v>
      </c>
      <c r="I933">
        <f t="shared" si="118"/>
        <v>28.679898407890924</v>
      </c>
      <c r="J933">
        <f t="shared" si="119"/>
        <v>121.58675305354629</v>
      </c>
      <c r="K933">
        <f t="shared" si="120"/>
        <v>4.2746568043069333</v>
      </c>
      <c r="L933">
        <f t="shared" si="121"/>
        <v>2.1373284021534666</v>
      </c>
      <c r="M933">
        <f t="shared" si="122"/>
        <v>0</v>
      </c>
      <c r="N933" s="45">
        <f t="shared" si="123"/>
        <v>44964.458333331153</v>
      </c>
    </row>
    <row r="934" spans="2:14" x14ac:dyDescent="0.25">
      <c r="B934">
        <f t="shared" si="117"/>
        <v>2</v>
      </c>
      <c r="C934" s="16">
        <v>900</v>
      </c>
      <c r="D934" cm="1">
        <f t="array" ref="D934">IFERROR(INDEX(Jesper!AH$2:AH$366,ROUNDDOWN($C934/24,0)+1,1)*INDEX($D$3:$AA$30,INDEX(Jesper!$R$2:$R$366,ROW(INDEX(Jesper!AH$2:AH$366,ROUNDDOWN($C934/24,0)+1,1))-1)+IF('Standard Profiles'!$G$18=$B$10,7,0)+IF('Standard Profiles'!$G$18=$B$17,14,0)+IF('Standard Profiles'!$G$18=$B$24,21,0),MOD($C934,24)+1)/SUM(INDEX($D$3:$AA$30,INDEX(Jesper!$R$2:$R$366,ROW(INDEX(Jesper!AH$2:AH$366,ROUNDDOWN($C934/24,0)+1,1))-1)+IF('Standard Profiles'!$G$18=$B$10,7,0)+IF('Standard Profiles'!$G$18=$B$17,14,0)+IF('Standard Profiles'!$G$18=$B$24,21,0),0)),0)</f>
        <v>40.074907540377495</v>
      </c>
      <c r="E934" cm="1">
        <f t="array" ref="E934">IFERROR(INDEX(Jesper!AI$2:AI$366,ROUNDDOWN($C934/24,0)+1,1)*INDEX($D$3:$AA$30,INDEX(Jesper!$R$2:$R$366,ROW(INDEX(Jesper!AI$2:AI$366,ROUNDDOWN($C934/24,0)+1,1))-1)+IF('Standard Profiles'!$G$19=$B$10,7,0)+IF('Standard Profiles'!$G$19=$B$17,14,0)+IF('Standard Profiles'!$G$19=$B$24,21,0),MOD($C934,24)+1)/SUM(INDEX($D$3:$AA$30,INDEX(Jesper!$R$2:$R$366,ROW(INDEX(Jesper!AI$2:AI$366,ROUNDDOWN($C934/24,0)+1,1))-1)+IF('Standard Profiles'!$G$19=$B$10,7,0)+IF('Standard Profiles'!$G$19=$B$17,14,0)+IF('Standard Profiles'!$G$19=$B$24,21,0),0)),0)</f>
        <v>56.853940777747326</v>
      </c>
      <c r="F934" cm="1">
        <f t="array" ref="F934">IFERROR(INDEX(Jesper!AJ$2:AJ$366,ROUNDDOWN($C934/24,0)+1,1)*INDEX($D$3:$AA$30,INDEX(Jesper!$R$2:$R$366,ROW(INDEX(Jesper!AJ$2:AJ$366,ROUNDDOWN($C934/24,0)+1,1))-1)+IF('Standard Profiles'!$G$20=$B$10,7,0)+IF('Standard Profiles'!$G$20=$B$17,14,0)+IF('Standard Profiles'!$G$20=$B$24,21,0),MOD($C934,24)+1)/SUM(INDEX($D$3:$AA$30,INDEX(Jesper!$R$2:$R$366,ROW(INDEX(Jesper!AJ$2:AJ$366,ROUNDDOWN($C934/24,0)+1,1))-1)+IF('Standard Profiles'!$G$20=$B$10,7,0)+IF('Standard Profiles'!$G$20=$B$17,14,0)+IF('Standard Profiles'!$G$20=$B$24,21,0),0)),0)</f>
        <v>0</v>
      </c>
      <c r="G934" cm="1">
        <f t="array" ref="G934">IFERROR(INDEX(Jesper!AK$2:AK$366,ROUNDDOWN($C934/24,0)+1,1)*INDEX($D$3:$AA$30,INDEX(Jesper!$R$2:$R$366,ROW(INDEX(Jesper!AK$2:AK$366,ROUNDDOWN($C934/24,0)+1,1))-1)+IF('Standard Profiles'!$G$21=$B$10,7,0)+IF('Standard Profiles'!$G$21=$B$17,14,0)+IF('Standard Profiles'!$G$21=$B$24,21,0),MOD($C934,24)+1)/SUM(INDEX($D$3:$AA$30,INDEX(Jesper!$R$2:$R$366,ROW(INDEX(Jesper!AK$2:AK$366,ROUNDDOWN($C934/24,0)+1,1))-1)+IF('Standard Profiles'!$G$21=$B$10,7,0)+IF('Standard Profiles'!$G$21=$B$17,14,0)+IF('Standard Profiles'!$G$21=$B$24,21,0),0)),0)</f>
        <v>59.749788349772786</v>
      </c>
      <c r="H934" cm="1">
        <f t="array" ref="H934">IFERROR(INDEX(Jesper!AL$2:AL$366,ROUNDDOWN($C934/24,0)+1,1)*INDEX($D$3:$AA$30,INDEX(Jesper!$R$2:$R$366,ROW(INDEX(Jesper!AL$2:AL$366,ROUNDDOWN($C934/24,0)+1,1))-1)+IF('Standard Profiles'!$G$22=$B$10,7,0)+IF('Standard Profiles'!$G$22=$B$17,14,0)+IF('Standard Profiles'!$G$22=$B$24,21,0),MOD($C934,24)+1)/SUM(INDEX($D$3:$AA$30,INDEX(Jesper!$R$2:$R$366,ROW(INDEX(Jesper!AL$2:AL$366,ROUNDDOWN($C934/24,0)+1,1))-1)+IF('Standard Profiles'!$G$22=$B$10,7,0)+IF('Standard Profiles'!$G$22=$B$17,14,0)+IF('Standard Profiles'!$G$22=$B$24,21,0),0)),0)</f>
        <v>0</v>
      </c>
      <c r="I934">
        <f t="shared" si="118"/>
        <v>28.679898407890924</v>
      </c>
      <c r="J934">
        <f t="shared" si="119"/>
        <v>121.58675305354629</v>
      </c>
      <c r="K934">
        <f t="shared" si="120"/>
        <v>4.2746568043069333</v>
      </c>
      <c r="L934">
        <f t="shared" si="121"/>
        <v>2.1373284021534666</v>
      </c>
      <c r="M934">
        <f t="shared" si="122"/>
        <v>0</v>
      </c>
      <c r="N934" s="45">
        <f t="shared" si="123"/>
        <v>44964.499999997817</v>
      </c>
    </row>
    <row r="935" spans="2:14" x14ac:dyDescent="0.25">
      <c r="B935">
        <f t="shared" si="117"/>
        <v>2</v>
      </c>
      <c r="C935" s="16">
        <v>901</v>
      </c>
      <c r="D935" cm="1">
        <f t="array" ref="D935">IFERROR(INDEX(Jesper!AH$2:AH$366,ROUNDDOWN($C935/24,0)+1,1)*INDEX($D$3:$AA$30,INDEX(Jesper!$R$2:$R$366,ROW(INDEX(Jesper!AH$2:AH$366,ROUNDDOWN($C935/24,0)+1,1))-1)+IF('Standard Profiles'!$G$18=$B$10,7,0)+IF('Standard Profiles'!$G$18=$B$17,14,0)+IF('Standard Profiles'!$G$18=$B$24,21,0),MOD($C935,24)+1)/SUM(INDEX($D$3:$AA$30,INDEX(Jesper!$R$2:$R$366,ROW(INDEX(Jesper!AH$2:AH$366,ROUNDDOWN($C935/24,0)+1,1))-1)+IF('Standard Profiles'!$G$18=$B$10,7,0)+IF('Standard Profiles'!$G$18=$B$17,14,0)+IF('Standard Profiles'!$G$18=$B$24,21,0),0)),0)</f>
        <v>26.621188580393621</v>
      </c>
      <c r="E935" cm="1">
        <f t="array" ref="E935">IFERROR(INDEX(Jesper!AI$2:AI$366,ROUNDDOWN($C935/24,0)+1,1)*INDEX($D$3:$AA$30,INDEX(Jesper!$R$2:$R$366,ROW(INDEX(Jesper!AI$2:AI$366,ROUNDDOWN($C935/24,0)+1,1))-1)+IF('Standard Profiles'!$G$19=$B$10,7,0)+IF('Standard Profiles'!$G$19=$B$17,14,0)+IF('Standard Profiles'!$G$19=$B$24,21,0),MOD($C935,24)+1)/SUM(INDEX($D$3:$AA$30,INDEX(Jesper!$R$2:$R$366,ROW(INDEX(Jesper!AI$2:AI$366,ROUNDDOWN($C935/24,0)+1,1))-1)+IF('Standard Profiles'!$G$19=$B$10,7,0)+IF('Standard Profiles'!$G$19=$B$17,14,0)+IF('Standard Profiles'!$G$19=$B$24,21,0),0)),0)</f>
        <v>37.767260659503584</v>
      </c>
      <c r="F935" cm="1">
        <f t="array" ref="F935">IFERROR(INDEX(Jesper!AJ$2:AJ$366,ROUNDDOWN($C935/24,0)+1,1)*INDEX($D$3:$AA$30,INDEX(Jesper!$R$2:$R$366,ROW(INDEX(Jesper!AJ$2:AJ$366,ROUNDDOWN($C935/24,0)+1,1))-1)+IF('Standard Profiles'!$G$20=$B$10,7,0)+IF('Standard Profiles'!$G$20=$B$17,14,0)+IF('Standard Profiles'!$G$20=$B$24,21,0),MOD($C935,24)+1)/SUM(INDEX($D$3:$AA$30,INDEX(Jesper!$R$2:$R$366,ROW(INDEX(Jesper!AJ$2:AJ$366,ROUNDDOWN($C935/24,0)+1,1))-1)+IF('Standard Profiles'!$G$20=$B$10,7,0)+IF('Standard Profiles'!$G$20=$B$17,14,0)+IF('Standard Profiles'!$G$20=$B$24,21,0),0)),0)</f>
        <v>0</v>
      </c>
      <c r="G935" cm="1">
        <f t="array" ref="G935">IFERROR(INDEX(Jesper!AK$2:AK$366,ROUNDDOWN($C935/24,0)+1,1)*INDEX($D$3:$AA$30,INDEX(Jesper!$R$2:$R$366,ROW(INDEX(Jesper!AK$2:AK$366,ROUNDDOWN($C935/24,0)+1,1))-1)+IF('Standard Profiles'!$G$21=$B$10,7,0)+IF('Standard Profiles'!$G$21=$B$17,14,0)+IF('Standard Profiles'!$G$21=$B$24,21,0),MOD($C935,24)+1)/SUM(INDEX($D$3:$AA$30,INDEX(Jesper!$R$2:$R$366,ROW(INDEX(Jesper!AK$2:AK$366,ROUNDDOWN($C935/24,0)+1,1))-1)+IF('Standard Profiles'!$G$21=$B$10,7,0)+IF('Standard Profiles'!$G$21=$B$17,14,0)+IF('Standard Profiles'!$G$21=$B$24,21,0),0)),0)</f>
        <v>39.690930832349054</v>
      </c>
      <c r="H935" cm="1">
        <f t="array" ref="H935">IFERROR(INDEX(Jesper!AL$2:AL$366,ROUNDDOWN($C935/24,0)+1,1)*INDEX($D$3:$AA$30,INDEX(Jesper!$R$2:$R$366,ROW(INDEX(Jesper!AL$2:AL$366,ROUNDDOWN($C935/24,0)+1,1))-1)+IF('Standard Profiles'!$G$22=$B$10,7,0)+IF('Standard Profiles'!$G$22=$B$17,14,0)+IF('Standard Profiles'!$G$22=$B$24,21,0),MOD($C935,24)+1)/SUM(INDEX($D$3:$AA$30,INDEX(Jesper!$R$2:$R$366,ROW(INDEX(Jesper!AL$2:AL$366,ROUNDDOWN($C935/24,0)+1,1))-1)+IF('Standard Profiles'!$G$22=$B$10,7,0)+IF('Standard Profiles'!$G$22=$B$17,14,0)+IF('Standard Profiles'!$G$22=$B$24,21,0),0)),0)</f>
        <v>0</v>
      </c>
      <c r="I935">
        <f t="shared" si="118"/>
        <v>19.051646799527536</v>
      </c>
      <c r="J935">
        <f t="shared" si="119"/>
        <v>80.768343099855741</v>
      </c>
      <c r="K935">
        <f t="shared" si="120"/>
        <v>2.8395934485753198</v>
      </c>
      <c r="L935">
        <f t="shared" si="121"/>
        <v>1.4197967242876599</v>
      </c>
      <c r="M935">
        <f t="shared" si="122"/>
        <v>0</v>
      </c>
      <c r="N935" s="45">
        <f t="shared" si="123"/>
        <v>44964.541666664481</v>
      </c>
    </row>
    <row r="936" spans="2:14" x14ac:dyDescent="0.25">
      <c r="B936">
        <f t="shared" si="117"/>
        <v>2</v>
      </c>
      <c r="C936" s="16">
        <v>902</v>
      </c>
      <c r="D936" cm="1">
        <f t="array" ref="D936">IFERROR(INDEX(Jesper!AH$2:AH$366,ROUNDDOWN($C936/24,0)+1,1)*INDEX($D$3:$AA$30,INDEX(Jesper!$R$2:$R$366,ROW(INDEX(Jesper!AH$2:AH$366,ROUNDDOWN($C936/24,0)+1,1))-1)+IF('Standard Profiles'!$G$18=$B$10,7,0)+IF('Standard Profiles'!$G$18=$B$17,14,0)+IF('Standard Profiles'!$G$18=$B$24,21,0),MOD($C936,24)+1)/SUM(INDEX($D$3:$AA$30,INDEX(Jesper!$R$2:$R$366,ROW(INDEX(Jesper!AH$2:AH$366,ROUNDDOWN($C936/24,0)+1,1))-1)+IF('Standard Profiles'!$G$18=$B$10,7,0)+IF('Standard Profiles'!$G$18=$B$17,14,0)+IF('Standard Profiles'!$G$18=$B$24,21,0),0)),0)</f>
        <v>40.074907540377495</v>
      </c>
      <c r="E936" cm="1">
        <f t="array" ref="E936">IFERROR(INDEX(Jesper!AI$2:AI$366,ROUNDDOWN($C936/24,0)+1,1)*INDEX($D$3:$AA$30,INDEX(Jesper!$R$2:$R$366,ROW(INDEX(Jesper!AI$2:AI$366,ROUNDDOWN($C936/24,0)+1,1))-1)+IF('Standard Profiles'!$G$19=$B$10,7,0)+IF('Standard Profiles'!$G$19=$B$17,14,0)+IF('Standard Profiles'!$G$19=$B$24,21,0),MOD($C936,24)+1)/SUM(INDEX($D$3:$AA$30,INDEX(Jesper!$R$2:$R$366,ROW(INDEX(Jesper!AI$2:AI$366,ROUNDDOWN($C936/24,0)+1,1))-1)+IF('Standard Profiles'!$G$19=$B$10,7,0)+IF('Standard Profiles'!$G$19=$B$17,14,0)+IF('Standard Profiles'!$G$19=$B$24,21,0),0)),0)</f>
        <v>56.853940777747326</v>
      </c>
      <c r="F936" cm="1">
        <f t="array" ref="F936">IFERROR(INDEX(Jesper!AJ$2:AJ$366,ROUNDDOWN($C936/24,0)+1,1)*INDEX($D$3:$AA$30,INDEX(Jesper!$R$2:$R$366,ROW(INDEX(Jesper!AJ$2:AJ$366,ROUNDDOWN($C936/24,0)+1,1))-1)+IF('Standard Profiles'!$G$20=$B$10,7,0)+IF('Standard Profiles'!$G$20=$B$17,14,0)+IF('Standard Profiles'!$G$20=$B$24,21,0),MOD($C936,24)+1)/SUM(INDEX($D$3:$AA$30,INDEX(Jesper!$R$2:$R$366,ROW(INDEX(Jesper!AJ$2:AJ$366,ROUNDDOWN($C936/24,0)+1,1))-1)+IF('Standard Profiles'!$G$20=$B$10,7,0)+IF('Standard Profiles'!$G$20=$B$17,14,0)+IF('Standard Profiles'!$G$20=$B$24,21,0),0)),0)</f>
        <v>0</v>
      </c>
      <c r="G936" cm="1">
        <f t="array" ref="G936">IFERROR(INDEX(Jesper!AK$2:AK$366,ROUNDDOWN($C936/24,0)+1,1)*INDEX($D$3:$AA$30,INDEX(Jesper!$R$2:$R$366,ROW(INDEX(Jesper!AK$2:AK$366,ROUNDDOWN($C936/24,0)+1,1))-1)+IF('Standard Profiles'!$G$21=$B$10,7,0)+IF('Standard Profiles'!$G$21=$B$17,14,0)+IF('Standard Profiles'!$G$21=$B$24,21,0),MOD($C936,24)+1)/SUM(INDEX($D$3:$AA$30,INDEX(Jesper!$R$2:$R$366,ROW(INDEX(Jesper!AK$2:AK$366,ROUNDDOWN($C936/24,0)+1,1))-1)+IF('Standard Profiles'!$G$21=$B$10,7,0)+IF('Standard Profiles'!$G$21=$B$17,14,0)+IF('Standard Profiles'!$G$21=$B$24,21,0),0)),0)</f>
        <v>59.749788349772786</v>
      </c>
      <c r="H936" cm="1">
        <f t="array" ref="H936">IFERROR(INDEX(Jesper!AL$2:AL$366,ROUNDDOWN($C936/24,0)+1,1)*INDEX($D$3:$AA$30,INDEX(Jesper!$R$2:$R$366,ROW(INDEX(Jesper!AL$2:AL$366,ROUNDDOWN($C936/24,0)+1,1))-1)+IF('Standard Profiles'!$G$22=$B$10,7,0)+IF('Standard Profiles'!$G$22=$B$17,14,0)+IF('Standard Profiles'!$G$22=$B$24,21,0),MOD($C936,24)+1)/SUM(INDEX($D$3:$AA$30,INDEX(Jesper!$R$2:$R$366,ROW(INDEX(Jesper!AL$2:AL$366,ROUNDDOWN($C936/24,0)+1,1))-1)+IF('Standard Profiles'!$G$22=$B$10,7,0)+IF('Standard Profiles'!$G$22=$B$17,14,0)+IF('Standard Profiles'!$G$22=$B$24,21,0),0)),0)</f>
        <v>0</v>
      </c>
      <c r="I936">
        <f t="shared" si="118"/>
        <v>28.679898407890924</v>
      </c>
      <c r="J936">
        <f t="shared" si="119"/>
        <v>121.58675305354629</v>
      </c>
      <c r="K936">
        <f t="shared" si="120"/>
        <v>4.2746568043069333</v>
      </c>
      <c r="L936">
        <f t="shared" si="121"/>
        <v>2.1373284021534666</v>
      </c>
      <c r="M936">
        <f t="shared" si="122"/>
        <v>0</v>
      </c>
      <c r="N936" s="45">
        <f t="shared" si="123"/>
        <v>44964.583333331146</v>
      </c>
    </row>
    <row r="937" spans="2:14" x14ac:dyDescent="0.25">
      <c r="B937">
        <f t="shared" si="117"/>
        <v>2</v>
      </c>
      <c r="C937" s="16">
        <v>903</v>
      </c>
      <c r="D937" cm="1">
        <f t="array" ref="D937">IFERROR(INDEX(Jesper!AH$2:AH$366,ROUNDDOWN($C937/24,0)+1,1)*INDEX($D$3:$AA$30,INDEX(Jesper!$R$2:$R$366,ROW(INDEX(Jesper!AH$2:AH$366,ROUNDDOWN($C937/24,0)+1,1))-1)+IF('Standard Profiles'!$G$18=$B$10,7,0)+IF('Standard Profiles'!$G$18=$B$17,14,0)+IF('Standard Profiles'!$G$18=$B$24,21,0),MOD($C937,24)+1)/SUM(INDEX($D$3:$AA$30,INDEX(Jesper!$R$2:$R$366,ROW(INDEX(Jesper!AH$2:AH$366,ROUNDDOWN($C937/24,0)+1,1))-1)+IF('Standard Profiles'!$G$18=$B$10,7,0)+IF('Standard Profiles'!$G$18=$B$17,14,0)+IF('Standard Profiles'!$G$18=$B$24,21,0),0)),0)</f>
        <v>40.074907540377495</v>
      </c>
      <c r="E937" cm="1">
        <f t="array" ref="E937">IFERROR(INDEX(Jesper!AI$2:AI$366,ROUNDDOWN($C937/24,0)+1,1)*INDEX($D$3:$AA$30,INDEX(Jesper!$R$2:$R$366,ROW(INDEX(Jesper!AI$2:AI$366,ROUNDDOWN($C937/24,0)+1,1))-1)+IF('Standard Profiles'!$G$19=$B$10,7,0)+IF('Standard Profiles'!$G$19=$B$17,14,0)+IF('Standard Profiles'!$G$19=$B$24,21,0),MOD($C937,24)+1)/SUM(INDEX($D$3:$AA$30,INDEX(Jesper!$R$2:$R$366,ROW(INDEX(Jesper!AI$2:AI$366,ROUNDDOWN($C937/24,0)+1,1))-1)+IF('Standard Profiles'!$G$19=$B$10,7,0)+IF('Standard Profiles'!$G$19=$B$17,14,0)+IF('Standard Profiles'!$G$19=$B$24,21,0),0)),0)</f>
        <v>56.853940777747326</v>
      </c>
      <c r="F937" cm="1">
        <f t="array" ref="F937">IFERROR(INDEX(Jesper!AJ$2:AJ$366,ROUNDDOWN($C937/24,0)+1,1)*INDEX($D$3:$AA$30,INDEX(Jesper!$R$2:$R$366,ROW(INDEX(Jesper!AJ$2:AJ$366,ROUNDDOWN($C937/24,0)+1,1))-1)+IF('Standard Profiles'!$G$20=$B$10,7,0)+IF('Standard Profiles'!$G$20=$B$17,14,0)+IF('Standard Profiles'!$G$20=$B$24,21,0),MOD($C937,24)+1)/SUM(INDEX($D$3:$AA$30,INDEX(Jesper!$R$2:$R$366,ROW(INDEX(Jesper!AJ$2:AJ$366,ROUNDDOWN($C937/24,0)+1,1))-1)+IF('Standard Profiles'!$G$20=$B$10,7,0)+IF('Standard Profiles'!$G$20=$B$17,14,0)+IF('Standard Profiles'!$G$20=$B$24,21,0),0)),0)</f>
        <v>0</v>
      </c>
      <c r="G937" cm="1">
        <f t="array" ref="G937">IFERROR(INDEX(Jesper!AK$2:AK$366,ROUNDDOWN($C937/24,0)+1,1)*INDEX($D$3:$AA$30,INDEX(Jesper!$R$2:$R$366,ROW(INDEX(Jesper!AK$2:AK$366,ROUNDDOWN($C937/24,0)+1,1))-1)+IF('Standard Profiles'!$G$21=$B$10,7,0)+IF('Standard Profiles'!$G$21=$B$17,14,0)+IF('Standard Profiles'!$G$21=$B$24,21,0),MOD($C937,24)+1)/SUM(INDEX($D$3:$AA$30,INDEX(Jesper!$R$2:$R$366,ROW(INDEX(Jesper!AK$2:AK$366,ROUNDDOWN($C937/24,0)+1,1))-1)+IF('Standard Profiles'!$G$21=$B$10,7,0)+IF('Standard Profiles'!$G$21=$B$17,14,0)+IF('Standard Profiles'!$G$21=$B$24,21,0),0)),0)</f>
        <v>59.749788349772786</v>
      </c>
      <c r="H937" cm="1">
        <f t="array" ref="H937">IFERROR(INDEX(Jesper!AL$2:AL$366,ROUNDDOWN($C937/24,0)+1,1)*INDEX($D$3:$AA$30,INDEX(Jesper!$R$2:$R$366,ROW(INDEX(Jesper!AL$2:AL$366,ROUNDDOWN($C937/24,0)+1,1))-1)+IF('Standard Profiles'!$G$22=$B$10,7,0)+IF('Standard Profiles'!$G$22=$B$17,14,0)+IF('Standard Profiles'!$G$22=$B$24,21,0),MOD($C937,24)+1)/SUM(INDEX($D$3:$AA$30,INDEX(Jesper!$R$2:$R$366,ROW(INDEX(Jesper!AL$2:AL$366,ROUNDDOWN($C937/24,0)+1,1))-1)+IF('Standard Profiles'!$G$22=$B$10,7,0)+IF('Standard Profiles'!$G$22=$B$17,14,0)+IF('Standard Profiles'!$G$22=$B$24,21,0),0)),0)</f>
        <v>0</v>
      </c>
      <c r="I937">
        <f t="shared" si="118"/>
        <v>28.679898407890924</v>
      </c>
      <c r="J937">
        <f t="shared" si="119"/>
        <v>121.58675305354629</v>
      </c>
      <c r="K937">
        <f t="shared" si="120"/>
        <v>4.2746568043069333</v>
      </c>
      <c r="L937">
        <f t="shared" si="121"/>
        <v>2.1373284021534666</v>
      </c>
      <c r="M937">
        <f t="shared" si="122"/>
        <v>0</v>
      </c>
      <c r="N937" s="45">
        <f t="shared" si="123"/>
        <v>44964.62499999781</v>
      </c>
    </row>
    <row r="938" spans="2:14" x14ac:dyDescent="0.25">
      <c r="B938">
        <f t="shared" si="117"/>
        <v>2</v>
      </c>
      <c r="C938" s="16">
        <v>904</v>
      </c>
      <c r="D938" cm="1">
        <f t="array" ref="D938">IFERROR(INDEX(Jesper!AH$2:AH$366,ROUNDDOWN($C938/24,0)+1,1)*INDEX($D$3:$AA$30,INDEX(Jesper!$R$2:$R$366,ROW(INDEX(Jesper!AH$2:AH$366,ROUNDDOWN($C938/24,0)+1,1))-1)+IF('Standard Profiles'!$G$18=$B$10,7,0)+IF('Standard Profiles'!$G$18=$B$17,14,0)+IF('Standard Profiles'!$G$18=$B$24,21,0),MOD($C938,24)+1)/SUM(INDEX($D$3:$AA$30,INDEX(Jesper!$R$2:$R$366,ROW(INDEX(Jesper!AH$2:AH$366,ROUNDDOWN($C938/24,0)+1,1))-1)+IF('Standard Profiles'!$G$18=$B$10,7,0)+IF('Standard Profiles'!$G$18=$B$17,14,0)+IF('Standard Profiles'!$G$18=$B$24,21,0),0)),0)</f>
        <v>23.615570514865311</v>
      </c>
      <c r="E938" cm="1">
        <f t="array" ref="E938">IFERROR(INDEX(Jesper!AI$2:AI$366,ROUNDDOWN($C938/24,0)+1,1)*INDEX($D$3:$AA$30,INDEX(Jesper!$R$2:$R$366,ROW(INDEX(Jesper!AI$2:AI$366,ROUNDDOWN($C938/24,0)+1,1))-1)+IF('Standard Profiles'!$G$19=$B$10,7,0)+IF('Standard Profiles'!$G$19=$B$17,14,0)+IF('Standard Profiles'!$G$19=$B$24,21,0),MOD($C938,24)+1)/SUM(INDEX($D$3:$AA$30,INDEX(Jesper!$R$2:$R$366,ROW(INDEX(Jesper!AI$2:AI$366,ROUNDDOWN($C938/24,0)+1,1))-1)+IF('Standard Profiles'!$G$19=$B$10,7,0)+IF('Standard Profiles'!$G$19=$B$17,14,0)+IF('Standard Profiles'!$G$19=$B$24,21,0),0)),0)</f>
        <v>33.503215101172536</v>
      </c>
      <c r="F938" cm="1">
        <f t="array" ref="F938">IFERROR(INDEX(Jesper!AJ$2:AJ$366,ROUNDDOWN($C938/24,0)+1,1)*INDEX($D$3:$AA$30,INDEX(Jesper!$R$2:$R$366,ROW(INDEX(Jesper!AJ$2:AJ$366,ROUNDDOWN($C938/24,0)+1,1))-1)+IF('Standard Profiles'!$G$20=$B$10,7,0)+IF('Standard Profiles'!$G$20=$B$17,14,0)+IF('Standard Profiles'!$G$20=$B$24,21,0),MOD($C938,24)+1)/SUM(INDEX($D$3:$AA$30,INDEX(Jesper!$R$2:$R$366,ROW(INDEX(Jesper!AJ$2:AJ$366,ROUNDDOWN($C938/24,0)+1,1))-1)+IF('Standard Profiles'!$G$20=$B$10,7,0)+IF('Standard Profiles'!$G$20=$B$17,14,0)+IF('Standard Profiles'!$G$20=$B$24,21,0),0)),0)</f>
        <v>0</v>
      </c>
      <c r="G938" cm="1">
        <f t="array" ref="G938">IFERROR(INDEX(Jesper!AK$2:AK$366,ROUNDDOWN($C938/24,0)+1,1)*INDEX($D$3:$AA$30,INDEX(Jesper!$R$2:$R$366,ROW(INDEX(Jesper!AK$2:AK$366,ROUNDDOWN($C938/24,0)+1,1))-1)+IF('Standard Profiles'!$G$21=$B$10,7,0)+IF('Standard Profiles'!$G$21=$B$17,14,0)+IF('Standard Profiles'!$G$21=$B$24,21,0),MOD($C938,24)+1)/SUM(INDEX($D$3:$AA$30,INDEX(Jesper!$R$2:$R$366,ROW(INDEX(Jesper!AK$2:AK$366,ROUNDDOWN($C938/24,0)+1,1))-1)+IF('Standard Profiles'!$G$21=$B$10,7,0)+IF('Standard Profiles'!$G$21=$B$17,14,0)+IF('Standard Profiles'!$G$21=$B$24,21,0),0)),0)</f>
        <v>49.942832207256885</v>
      </c>
      <c r="H938" cm="1">
        <f t="array" ref="H938">IFERROR(INDEX(Jesper!AL$2:AL$366,ROUNDDOWN($C938/24,0)+1,1)*INDEX($D$3:$AA$30,INDEX(Jesper!$R$2:$R$366,ROW(INDEX(Jesper!AL$2:AL$366,ROUNDDOWN($C938/24,0)+1,1))-1)+IF('Standard Profiles'!$G$22=$B$10,7,0)+IF('Standard Profiles'!$G$22=$B$17,14,0)+IF('Standard Profiles'!$G$22=$B$24,21,0),MOD($C938,24)+1)/SUM(INDEX($D$3:$AA$30,INDEX(Jesper!$R$2:$R$366,ROW(INDEX(Jesper!AL$2:AL$366,ROUNDDOWN($C938/24,0)+1,1))-1)+IF('Standard Profiles'!$G$22=$B$10,7,0)+IF('Standard Profiles'!$G$22=$B$17,14,0)+IF('Standard Profiles'!$G$22=$B$24,21,0),0)),0)</f>
        <v>0</v>
      </c>
      <c r="I938">
        <f t="shared" si="118"/>
        <v>23.972559459483293</v>
      </c>
      <c r="J938">
        <f t="shared" si="119"/>
        <v>79.310567081432993</v>
      </c>
      <c r="K938">
        <f t="shared" si="120"/>
        <v>2.5189941882523001</v>
      </c>
      <c r="L938">
        <f t="shared" si="121"/>
        <v>1.2594970941261501</v>
      </c>
      <c r="M938">
        <f t="shared" si="122"/>
        <v>0</v>
      </c>
      <c r="N938" s="45">
        <f t="shared" si="123"/>
        <v>44964.666666664474</v>
      </c>
    </row>
    <row r="939" spans="2:14" x14ac:dyDescent="0.25">
      <c r="B939">
        <f t="shared" si="117"/>
        <v>2</v>
      </c>
      <c r="C939" s="16">
        <v>905</v>
      </c>
      <c r="D939" cm="1">
        <f t="array" ref="D939">IFERROR(INDEX(Jesper!AH$2:AH$366,ROUNDDOWN($C939/24,0)+1,1)*INDEX($D$3:$AA$30,INDEX(Jesper!$R$2:$R$366,ROW(INDEX(Jesper!AH$2:AH$366,ROUNDDOWN($C939/24,0)+1,1))-1)+IF('Standard Profiles'!$G$18=$B$10,7,0)+IF('Standard Profiles'!$G$18=$B$17,14,0)+IF('Standard Profiles'!$G$18=$B$24,21,0),MOD($C939,24)+1)/SUM(INDEX($D$3:$AA$30,INDEX(Jesper!$R$2:$R$366,ROW(INDEX(Jesper!AH$2:AH$366,ROUNDDOWN($C939/24,0)+1,1))-1)+IF('Standard Profiles'!$G$18=$B$10,7,0)+IF('Standard Profiles'!$G$18=$B$17,14,0)+IF('Standard Profiles'!$G$18=$B$24,21,0),0)),0)</f>
        <v>10.079202097680458</v>
      </c>
      <c r="E939" cm="1">
        <f t="array" ref="E939">IFERROR(INDEX(Jesper!AI$2:AI$366,ROUNDDOWN($C939/24,0)+1,1)*INDEX($D$3:$AA$30,INDEX(Jesper!$R$2:$R$366,ROW(INDEX(Jesper!AI$2:AI$366,ROUNDDOWN($C939/24,0)+1,1))-1)+IF('Standard Profiles'!$G$19=$B$10,7,0)+IF('Standard Profiles'!$G$19=$B$17,14,0)+IF('Standard Profiles'!$G$19=$B$24,21,0),MOD($C939,24)+1)/SUM(INDEX($D$3:$AA$30,INDEX(Jesper!$R$2:$R$366,ROW(INDEX(Jesper!AI$2:AI$366,ROUNDDOWN($C939/24,0)+1,1))-1)+IF('Standard Profiles'!$G$19=$B$10,7,0)+IF('Standard Profiles'!$G$19=$B$17,14,0)+IF('Standard Profiles'!$G$19=$B$24,21,0),0)),0)</f>
        <v>14.299280879715125</v>
      </c>
      <c r="F939" cm="1">
        <f t="array" ref="F939">IFERROR(INDEX(Jesper!AJ$2:AJ$366,ROUNDDOWN($C939/24,0)+1,1)*INDEX($D$3:$AA$30,INDEX(Jesper!$R$2:$R$366,ROW(INDEX(Jesper!AJ$2:AJ$366,ROUNDDOWN($C939/24,0)+1,1))-1)+IF('Standard Profiles'!$G$20=$B$10,7,0)+IF('Standard Profiles'!$G$20=$B$17,14,0)+IF('Standard Profiles'!$G$20=$B$24,21,0),MOD($C939,24)+1)/SUM(INDEX($D$3:$AA$30,INDEX(Jesper!$R$2:$R$366,ROW(INDEX(Jesper!AJ$2:AJ$366,ROUNDDOWN($C939/24,0)+1,1))-1)+IF('Standard Profiles'!$G$20=$B$10,7,0)+IF('Standard Profiles'!$G$20=$B$17,14,0)+IF('Standard Profiles'!$G$20=$B$24,21,0),0)),0)</f>
        <v>0</v>
      </c>
      <c r="G939" cm="1">
        <f t="array" ref="G939">IFERROR(INDEX(Jesper!AK$2:AK$366,ROUNDDOWN($C939/24,0)+1,1)*INDEX($D$3:$AA$30,INDEX(Jesper!$R$2:$R$366,ROW(INDEX(Jesper!AK$2:AK$366,ROUNDDOWN($C939/24,0)+1,1))-1)+IF('Standard Profiles'!$G$21=$B$10,7,0)+IF('Standard Profiles'!$G$21=$B$17,14,0)+IF('Standard Profiles'!$G$21=$B$24,21,0),MOD($C939,24)+1)/SUM(INDEX($D$3:$AA$30,INDEX(Jesper!$R$2:$R$366,ROW(INDEX(Jesper!AK$2:AK$366,ROUNDDOWN($C939/24,0)+1,1))-1)+IF('Standard Profiles'!$G$21=$B$10,7,0)+IF('Standard Profiles'!$G$21=$B$17,14,0)+IF('Standard Profiles'!$G$21=$B$24,21,0),0)),0)</f>
        <v>39.681850317402287</v>
      </c>
      <c r="H939" cm="1">
        <f t="array" ref="H939">IFERROR(INDEX(Jesper!AL$2:AL$366,ROUNDDOWN($C939/24,0)+1,1)*INDEX($D$3:$AA$30,INDEX(Jesper!$R$2:$R$366,ROW(INDEX(Jesper!AL$2:AL$366,ROUNDDOWN($C939/24,0)+1,1))-1)+IF('Standard Profiles'!$G$22=$B$10,7,0)+IF('Standard Profiles'!$G$22=$B$17,14,0)+IF('Standard Profiles'!$G$22=$B$24,21,0),MOD($C939,24)+1)/SUM(INDEX($D$3:$AA$30,INDEX(Jesper!$R$2:$R$366,ROW(INDEX(Jesper!AL$2:AL$366,ROUNDDOWN($C939/24,0)+1,1))-1)+IF('Standard Profiles'!$G$22=$B$10,7,0)+IF('Standard Profiles'!$G$22=$B$17,14,0)+IF('Standard Profiles'!$G$22=$B$24,21,0),0)),0)</f>
        <v>0</v>
      </c>
      <c r="I939">
        <f t="shared" si="118"/>
        <v>19.047288152353087</v>
      </c>
      <c r="J939">
        <f t="shared" si="119"/>
        <v>43.400372806815909</v>
      </c>
      <c r="K939">
        <f t="shared" si="120"/>
        <v>1.0751148904192489</v>
      </c>
      <c r="L939">
        <f t="shared" si="121"/>
        <v>0.53755744520962445</v>
      </c>
      <c r="M939">
        <f t="shared" si="122"/>
        <v>0</v>
      </c>
      <c r="N939" s="45">
        <f t="shared" si="123"/>
        <v>44964.708333331138</v>
      </c>
    </row>
    <row r="940" spans="2:14" x14ac:dyDescent="0.25">
      <c r="B940">
        <f t="shared" si="117"/>
        <v>2</v>
      </c>
      <c r="C940" s="16">
        <v>906</v>
      </c>
      <c r="D940" cm="1">
        <f t="array" ref="D940">IFERROR(INDEX(Jesper!AH$2:AH$366,ROUNDDOWN($C940/24,0)+1,1)*INDEX($D$3:$AA$30,INDEX(Jesper!$R$2:$R$366,ROW(INDEX(Jesper!AH$2:AH$366,ROUNDDOWN($C940/24,0)+1,1))-1)+IF('Standard Profiles'!$G$18=$B$10,7,0)+IF('Standard Profiles'!$G$18=$B$17,14,0)+IF('Standard Profiles'!$G$18=$B$24,21,0),MOD($C940,24)+1)/SUM(INDEX($D$3:$AA$30,INDEX(Jesper!$R$2:$R$366,ROW(INDEX(Jesper!AH$2:AH$366,ROUNDDOWN($C940/24,0)+1,1))-1)+IF('Standard Profiles'!$G$18=$B$10,7,0)+IF('Standard Profiles'!$G$18=$B$17,14,0)+IF('Standard Profiles'!$G$18=$B$24,21,0),0)),0)</f>
        <v>6.652273384469102</v>
      </c>
      <c r="E940" cm="1">
        <f t="array" ref="E940">IFERROR(INDEX(Jesper!AI$2:AI$366,ROUNDDOWN($C940/24,0)+1,1)*INDEX($D$3:$AA$30,INDEX(Jesper!$R$2:$R$366,ROW(INDEX(Jesper!AI$2:AI$366,ROUNDDOWN($C940/24,0)+1,1))-1)+IF('Standard Profiles'!$G$19=$B$10,7,0)+IF('Standard Profiles'!$G$19=$B$17,14,0)+IF('Standard Profiles'!$G$19=$B$24,21,0),MOD($C940,24)+1)/SUM(INDEX($D$3:$AA$30,INDEX(Jesper!$R$2:$R$366,ROW(INDEX(Jesper!AI$2:AI$366,ROUNDDOWN($C940/24,0)+1,1))-1)+IF('Standard Profiles'!$G$19=$B$10,7,0)+IF('Standard Profiles'!$G$19=$B$17,14,0)+IF('Standard Profiles'!$G$19=$B$24,21,0),0)),0)</f>
        <v>9.4375253806119819</v>
      </c>
      <c r="F940" cm="1">
        <f t="array" ref="F940">IFERROR(INDEX(Jesper!AJ$2:AJ$366,ROUNDDOWN($C940/24,0)+1,1)*INDEX($D$3:$AA$30,INDEX(Jesper!$R$2:$R$366,ROW(INDEX(Jesper!AJ$2:AJ$366,ROUNDDOWN($C940/24,0)+1,1))-1)+IF('Standard Profiles'!$G$20=$B$10,7,0)+IF('Standard Profiles'!$G$20=$B$17,14,0)+IF('Standard Profiles'!$G$20=$B$24,21,0),MOD($C940,24)+1)/SUM(INDEX($D$3:$AA$30,INDEX(Jesper!$R$2:$R$366,ROW(INDEX(Jesper!AJ$2:AJ$366,ROUNDDOWN($C940/24,0)+1,1))-1)+IF('Standard Profiles'!$G$20=$B$10,7,0)+IF('Standard Profiles'!$G$20=$B$17,14,0)+IF('Standard Profiles'!$G$20=$B$24,21,0),0)),0)</f>
        <v>0</v>
      </c>
      <c r="G940" cm="1">
        <f t="array" ref="G940">IFERROR(INDEX(Jesper!AK$2:AK$366,ROUNDDOWN($C940/24,0)+1,1)*INDEX($D$3:$AA$30,INDEX(Jesper!$R$2:$R$366,ROW(INDEX(Jesper!AK$2:AK$366,ROUNDDOWN($C940/24,0)+1,1))-1)+IF('Standard Profiles'!$G$21=$B$10,7,0)+IF('Standard Profiles'!$G$21=$B$17,14,0)+IF('Standard Profiles'!$G$21=$B$24,21,0),MOD($C940,24)+1)/SUM(INDEX($D$3:$AA$30,INDEX(Jesper!$R$2:$R$366,ROW(INDEX(Jesper!AK$2:AK$366,ROUNDDOWN($C940/24,0)+1,1))-1)+IF('Standard Profiles'!$G$21=$B$10,7,0)+IF('Standard Profiles'!$G$21=$B$17,14,0)+IF('Standard Profiles'!$G$21=$B$24,21,0),0)),0)</f>
        <v>14.074798167499667</v>
      </c>
      <c r="H940" cm="1">
        <f t="array" ref="H940">IFERROR(INDEX(Jesper!AL$2:AL$366,ROUNDDOWN($C940/24,0)+1,1)*INDEX($D$3:$AA$30,INDEX(Jesper!$R$2:$R$366,ROW(INDEX(Jesper!AL$2:AL$366,ROUNDDOWN($C940/24,0)+1,1))-1)+IF('Standard Profiles'!$G$22=$B$10,7,0)+IF('Standard Profiles'!$G$22=$B$17,14,0)+IF('Standard Profiles'!$G$22=$B$24,21,0),MOD($C940,24)+1)/SUM(INDEX($D$3:$AA$30,INDEX(Jesper!$R$2:$R$366,ROW(INDEX(Jesper!AL$2:AL$366,ROUNDDOWN($C940/24,0)+1,1))-1)+IF('Standard Profiles'!$G$22=$B$10,7,0)+IF('Standard Profiles'!$G$22=$B$17,14,0)+IF('Standard Profiles'!$G$22=$B$24,21,0),0)),0)</f>
        <v>0</v>
      </c>
      <c r="I940">
        <f t="shared" si="118"/>
        <v>6.7559031203998368</v>
      </c>
      <c r="J940">
        <f t="shared" si="119"/>
        <v>22.344330070665858</v>
      </c>
      <c r="K940">
        <f t="shared" si="120"/>
        <v>0.70957582767670424</v>
      </c>
      <c r="L940">
        <f t="shared" si="121"/>
        <v>0.35478791383835212</v>
      </c>
      <c r="M940">
        <f t="shared" si="122"/>
        <v>0</v>
      </c>
      <c r="N940" s="45">
        <f t="shared" si="123"/>
        <v>44964.749999997803</v>
      </c>
    </row>
    <row r="941" spans="2:14" x14ac:dyDescent="0.25">
      <c r="B941">
        <f t="shared" si="117"/>
        <v>2</v>
      </c>
      <c r="C941" s="16">
        <v>907</v>
      </c>
      <c r="D941" cm="1">
        <f t="array" ref="D941">IFERROR(INDEX(Jesper!AH$2:AH$366,ROUNDDOWN($C941/24,0)+1,1)*INDEX($D$3:$AA$30,INDEX(Jesper!$R$2:$R$366,ROW(INDEX(Jesper!AH$2:AH$366,ROUNDDOWN($C941/24,0)+1,1))-1)+IF('Standard Profiles'!$G$18=$B$10,7,0)+IF('Standard Profiles'!$G$18=$B$17,14,0)+IF('Standard Profiles'!$G$18=$B$24,21,0),MOD($C941,24)+1)/SUM(INDEX($D$3:$AA$30,INDEX(Jesper!$R$2:$R$366,ROW(INDEX(Jesper!AH$2:AH$366,ROUNDDOWN($C941/24,0)+1,1))-1)+IF('Standard Profiles'!$G$18=$B$10,7,0)+IF('Standard Profiles'!$G$18=$B$17,14,0)+IF('Standard Profiles'!$G$18=$B$24,21,0),0)),0)</f>
        <v>6.652273384469102</v>
      </c>
      <c r="E941" cm="1">
        <f t="array" ref="E941">IFERROR(INDEX(Jesper!AI$2:AI$366,ROUNDDOWN($C941/24,0)+1,1)*INDEX($D$3:$AA$30,INDEX(Jesper!$R$2:$R$366,ROW(INDEX(Jesper!AI$2:AI$366,ROUNDDOWN($C941/24,0)+1,1))-1)+IF('Standard Profiles'!$G$19=$B$10,7,0)+IF('Standard Profiles'!$G$19=$B$17,14,0)+IF('Standard Profiles'!$G$19=$B$24,21,0),MOD($C941,24)+1)/SUM(INDEX($D$3:$AA$30,INDEX(Jesper!$R$2:$R$366,ROW(INDEX(Jesper!AI$2:AI$366,ROUNDDOWN($C941/24,0)+1,1))-1)+IF('Standard Profiles'!$G$19=$B$10,7,0)+IF('Standard Profiles'!$G$19=$B$17,14,0)+IF('Standard Profiles'!$G$19=$B$24,21,0),0)),0)</f>
        <v>9.4375253806119819</v>
      </c>
      <c r="F941" cm="1">
        <f t="array" ref="F941">IFERROR(INDEX(Jesper!AJ$2:AJ$366,ROUNDDOWN($C941/24,0)+1,1)*INDEX($D$3:$AA$30,INDEX(Jesper!$R$2:$R$366,ROW(INDEX(Jesper!AJ$2:AJ$366,ROUNDDOWN($C941/24,0)+1,1))-1)+IF('Standard Profiles'!$G$20=$B$10,7,0)+IF('Standard Profiles'!$G$20=$B$17,14,0)+IF('Standard Profiles'!$G$20=$B$24,21,0),MOD($C941,24)+1)/SUM(INDEX($D$3:$AA$30,INDEX(Jesper!$R$2:$R$366,ROW(INDEX(Jesper!AJ$2:AJ$366,ROUNDDOWN($C941/24,0)+1,1))-1)+IF('Standard Profiles'!$G$20=$B$10,7,0)+IF('Standard Profiles'!$G$20=$B$17,14,0)+IF('Standard Profiles'!$G$20=$B$24,21,0),0)),0)</f>
        <v>0</v>
      </c>
      <c r="G941" cm="1">
        <f t="array" ref="G941">IFERROR(INDEX(Jesper!AK$2:AK$366,ROUNDDOWN($C941/24,0)+1,1)*INDEX($D$3:$AA$30,INDEX(Jesper!$R$2:$R$366,ROW(INDEX(Jesper!AK$2:AK$366,ROUNDDOWN($C941/24,0)+1,1))-1)+IF('Standard Profiles'!$G$21=$B$10,7,0)+IF('Standard Profiles'!$G$21=$B$17,14,0)+IF('Standard Profiles'!$G$21=$B$24,21,0),MOD($C941,24)+1)/SUM(INDEX($D$3:$AA$30,INDEX(Jesper!$R$2:$R$366,ROW(INDEX(Jesper!AK$2:AK$366,ROUNDDOWN($C941/24,0)+1,1))-1)+IF('Standard Profiles'!$G$21=$B$10,7,0)+IF('Standard Profiles'!$G$21=$B$17,14,0)+IF('Standard Profiles'!$G$21=$B$24,21,0),0)),0)</f>
        <v>14.074798167499667</v>
      </c>
      <c r="H941" cm="1">
        <f t="array" ref="H941">IFERROR(INDEX(Jesper!AL$2:AL$366,ROUNDDOWN($C941/24,0)+1,1)*INDEX($D$3:$AA$30,INDEX(Jesper!$R$2:$R$366,ROW(INDEX(Jesper!AL$2:AL$366,ROUNDDOWN($C941/24,0)+1,1))-1)+IF('Standard Profiles'!$G$22=$B$10,7,0)+IF('Standard Profiles'!$G$22=$B$17,14,0)+IF('Standard Profiles'!$G$22=$B$24,21,0),MOD($C941,24)+1)/SUM(INDEX($D$3:$AA$30,INDEX(Jesper!$R$2:$R$366,ROW(INDEX(Jesper!AL$2:AL$366,ROUNDDOWN($C941/24,0)+1,1))-1)+IF('Standard Profiles'!$G$22=$B$10,7,0)+IF('Standard Profiles'!$G$22=$B$17,14,0)+IF('Standard Profiles'!$G$22=$B$24,21,0),0)),0)</f>
        <v>0</v>
      </c>
      <c r="I941">
        <f t="shared" si="118"/>
        <v>6.7559031203998368</v>
      </c>
      <c r="J941">
        <f t="shared" si="119"/>
        <v>22.344330070665858</v>
      </c>
      <c r="K941">
        <f t="shared" si="120"/>
        <v>0.70957582767670424</v>
      </c>
      <c r="L941">
        <f t="shared" si="121"/>
        <v>0.35478791383835212</v>
      </c>
      <c r="M941">
        <f t="shared" si="122"/>
        <v>0</v>
      </c>
      <c r="N941" s="45">
        <f t="shared" si="123"/>
        <v>44964.791666664467</v>
      </c>
    </row>
    <row r="942" spans="2:14" x14ac:dyDescent="0.25">
      <c r="B942">
        <f t="shared" si="117"/>
        <v>2</v>
      </c>
      <c r="C942" s="16">
        <v>908</v>
      </c>
      <c r="D942" cm="1">
        <f t="array" ref="D942">IFERROR(INDEX(Jesper!AH$2:AH$366,ROUNDDOWN($C942/24,0)+1,1)*INDEX($D$3:$AA$30,INDEX(Jesper!$R$2:$R$366,ROW(INDEX(Jesper!AH$2:AH$366,ROUNDDOWN($C942/24,0)+1,1))-1)+IF('Standard Profiles'!$G$18=$B$10,7,0)+IF('Standard Profiles'!$G$18=$B$17,14,0)+IF('Standard Profiles'!$G$18=$B$24,21,0),MOD($C942,24)+1)/SUM(INDEX($D$3:$AA$30,INDEX(Jesper!$R$2:$R$366,ROW(INDEX(Jesper!AH$2:AH$366,ROUNDDOWN($C942/24,0)+1,1))-1)+IF('Standard Profiles'!$G$18=$B$10,7,0)+IF('Standard Profiles'!$G$18=$B$17,14,0)+IF('Standard Profiles'!$G$18=$B$24,21,0),0)),0)</f>
        <v>6.652273384469102</v>
      </c>
      <c r="E942" cm="1">
        <f t="array" ref="E942">IFERROR(INDEX(Jesper!AI$2:AI$366,ROUNDDOWN($C942/24,0)+1,1)*INDEX($D$3:$AA$30,INDEX(Jesper!$R$2:$R$366,ROW(INDEX(Jesper!AI$2:AI$366,ROUNDDOWN($C942/24,0)+1,1))-1)+IF('Standard Profiles'!$G$19=$B$10,7,0)+IF('Standard Profiles'!$G$19=$B$17,14,0)+IF('Standard Profiles'!$G$19=$B$24,21,0),MOD($C942,24)+1)/SUM(INDEX($D$3:$AA$30,INDEX(Jesper!$R$2:$R$366,ROW(INDEX(Jesper!AI$2:AI$366,ROUNDDOWN($C942/24,0)+1,1))-1)+IF('Standard Profiles'!$G$19=$B$10,7,0)+IF('Standard Profiles'!$G$19=$B$17,14,0)+IF('Standard Profiles'!$G$19=$B$24,21,0),0)),0)</f>
        <v>9.4375253806119819</v>
      </c>
      <c r="F942" cm="1">
        <f t="array" ref="F942">IFERROR(INDEX(Jesper!AJ$2:AJ$366,ROUNDDOWN($C942/24,0)+1,1)*INDEX($D$3:$AA$30,INDEX(Jesper!$R$2:$R$366,ROW(INDEX(Jesper!AJ$2:AJ$366,ROUNDDOWN($C942/24,0)+1,1))-1)+IF('Standard Profiles'!$G$20=$B$10,7,0)+IF('Standard Profiles'!$G$20=$B$17,14,0)+IF('Standard Profiles'!$G$20=$B$24,21,0),MOD($C942,24)+1)/SUM(INDEX($D$3:$AA$30,INDEX(Jesper!$R$2:$R$366,ROW(INDEX(Jesper!AJ$2:AJ$366,ROUNDDOWN($C942/24,0)+1,1))-1)+IF('Standard Profiles'!$G$20=$B$10,7,0)+IF('Standard Profiles'!$G$20=$B$17,14,0)+IF('Standard Profiles'!$G$20=$B$24,21,0),0)),0)</f>
        <v>0</v>
      </c>
      <c r="G942" cm="1">
        <f t="array" ref="G942">IFERROR(INDEX(Jesper!AK$2:AK$366,ROUNDDOWN($C942/24,0)+1,1)*INDEX($D$3:$AA$30,INDEX(Jesper!$R$2:$R$366,ROW(INDEX(Jesper!AK$2:AK$366,ROUNDDOWN($C942/24,0)+1,1))-1)+IF('Standard Profiles'!$G$21=$B$10,7,0)+IF('Standard Profiles'!$G$21=$B$17,14,0)+IF('Standard Profiles'!$G$21=$B$24,21,0),MOD($C942,24)+1)/SUM(INDEX($D$3:$AA$30,INDEX(Jesper!$R$2:$R$366,ROW(INDEX(Jesper!AK$2:AK$366,ROUNDDOWN($C942/24,0)+1,1))-1)+IF('Standard Profiles'!$G$21=$B$10,7,0)+IF('Standard Profiles'!$G$21=$B$17,14,0)+IF('Standard Profiles'!$G$21=$B$24,21,0),0)),0)</f>
        <v>14.074798167499667</v>
      </c>
      <c r="H942" cm="1">
        <f t="array" ref="H942">IFERROR(INDEX(Jesper!AL$2:AL$366,ROUNDDOWN($C942/24,0)+1,1)*INDEX($D$3:$AA$30,INDEX(Jesper!$R$2:$R$366,ROW(INDEX(Jesper!AL$2:AL$366,ROUNDDOWN($C942/24,0)+1,1))-1)+IF('Standard Profiles'!$G$22=$B$10,7,0)+IF('Standard Profiles'!$G$22=$B$17,14,0)+IF('Standard Profiles'!$G$22=$B$24,21,0),MOD($C942,24)+1)/SUM(INDEX($D$3:$AA$30,INDEX(Jesper!$R$2:$R$366,ROW(INDEX(Jesper!AL$2:AL$366,ROUNDDOWN($C942/24,0)+1,1))-1)+IF('Standard Profiles'!$G$22=$B$10,7,0)+IF('Standard Profiles'!$G$22=$B$17,14,0)+IF('Standard Profiles'!$G$22=$B$24,21,0),0)),0)</f>
        <v>0</v>
      </c>
      <c r="I942">
        <f t="shared" si="118"/>
        <v>6.7559031203998368</v>
      </c>
      <c r="J942">
        <f t="shared" si="119"/>
        <v>22.344330070665858</v>
      </c>
      <c r="K942">
        <f t="shared" si="120"/>
        <v>0.70957582767670424</v>
      </c>
      <c r="L942">
        <f t="shared" si="121"/>
        <v>0.35478791383835212</v>
      </c>
      <c r="M942">
        <f t="shared" si="122"/>
        <v>0</v>
      </c>
      <c r="N942" s="45">
        <f t="shared" si="123"/>
        <v>44964.833333331131</v>
      </c>
    </row>
    <row r="943" spans="2:14" x14ac:dyDescent="0.25">
      <c r="B943">
        <f t="shared" si="117"/>
        <v>2</v>
      </c>
      <c r="C943" s="16">
        <v>909</v>
      </c>
      <c r="D943" cm="1">
        <f t="array" ref="D943">IFERROR(INDEX(Jesper!AH$2:AH$366,ROUNDDOWN($C943/24,0)+1,1)*INDEX($D$3:$AA$30,INDEX(Jesper!$R$2:$R$366,ROW(INDEX(Jesper!AH$2:AH$366,ROUNDDOWN($C943/24,0)+1,1))-1)+IF('Standard Profiles'!$G$18=$B$10,7,0)+IF('Standard Profiles'!$G$18=$B$17,14,0)+IF('Standard Profiles'!$G$18=$B$24,21,0),MOD($C943,24)+1)/SUM(INDEX($D$3:$AA$30,INDEX(Jesper!$R$2:$R$366,ROW(INDEX(Jesper!AH$2:AH$366,ROUNDDOWN($C943/24,0)+1,1))-1)+IF('Standard Profiles'!$G$18=$B$10,7,0)+IF('Standard Profiles'!$G$18=$B$17,14,0)+IF('Standard Profiles'!$G$18=$B$24,21,0),0)),0)</f>
        <v>6.652273384469102</v>
      </c>
      <c r="E943" cm="1">
        <f t="array" ref="E943">IFERROR(INDEX(Jesper!AI$2:AI$366,ROUNDDOWN($C943/24,0)+1,1)*INDEX($D$3:$AA$30,INDEX(Jesper!$R$2:$R$366,ROW(INDEX(Jesper!AI$2:AI$366,ROUNDDOWN($C943/24,0)+1,1))-1)+IF('Standard Profiles'!$G$19=$B$10,7,0)+IF('Standard Profiles'!$G$19=$B$17,14,0)+IF('Standard Profiles'!$G$19=$B$24,21,0),MOD($C943,24)+1)/SUM(INDEX($D$3:$AA$30,INDEX(Jesper!$R$2:$R$366,ROW(INDEX(Jesper!AI$2:AI$366,ROUNDDOWN($C943/24,0)+1,1))-1)+IF('Standard Profiles'!$G$19=$B$10,7,0)+IF('Standard Profiles'!$G$19=$B$17,14,0)+IF('Standard Profiles'!$G$19=$B$24,21,0),0)),0)</f>
        <v>9.4375253806119819</v>
      </c>
      <c r="F943" cm="1">
        <f t="array" ref="F943">IFERROR(INDEX(Jesper!AJ$2:AJ$366,ROUNDDOWN($C943/24,0)+1,1)*INDEX($D$3:$AA$30,INDEX(Jesper!$R$2:$R$366,ROW(INDEX(Jesper!AJ$2:AJ$366,ROUNDDOWN($C943/24,0)+1,1))-1)+IF('Standard Profiles'!$G$20=$B$10,7,0)+IF('Standard Profiles'!$G$20=$B$17,14,0)+IF('Standard Profiles'!$G$20=$B$24,21,0),MOD($C943,24)+1)/SUM(INDEX($D$3:$AA$30,INDEX(Jesper!$R$2:$R$366,ROW(INDEX(Jesper!AJ$2:AJ$366,ROUNDDOWN($C943/24,0)+1,1))-1)+IF('Standard Profiles'!$G$20=$B$10,7,0)+IF('Standard Profiles'!$G$20=$B$17,14,0)+IF('Standard Profiles'!$G$20=$B$24,21,0),0)),0)</f>
        <v>0</v>
      </c>
      <c r="G943" cm="1">
        <f t="array" ref="G943">IFERROR(INDEX(Jesper!AK$2:AK$366,ROUNDDOWN($C943/24,0)+1,1)*INDEX($D$3:$AA$30,INDEX(Jesper!$R$2:$R$366,ROW(INDEX(Jesper!AK$2:AK$366,ROUNDDOWN($C943/24,0)+1,1))-1)+IF('Standard Profiles'!$G$21=$B$10,7,0)+IF('Standard Profiles'!$G$21=$B$17,14,0)+IF('Standard Profiles'!$G$21=$B$24,21,0),MOD($C943,24)+1)/SUM(INDEX($D$3:$AA$30,INDEX(Jesper!$R$2:$R$366,ROW(INDEX(Jesper!AK$2:AK$366,ROUNDDOWN($C943/24,0)+1,1))-1)+IF('Standard Profiles'!$G$21=$B$10,7,0)+IF('Standard Profiles'!$G$21=$B$17,14,0)+IF('Standard Profiles'!$G$21=$B$24,21,0),0)),0)</f>
        <v>14.074798167499667</v>
      </c>
      <c r="H943" cm="1">
        <f t="array" ref="H943">IFERROR(INDEX(Jesper!AL$2:AL$366,ROUNDDOWN($C943/24,0)+1,1)*INDEX($D$3:$AA$30,INDEX(Jesper!$R$2:$R$366,ROW(INDEX(Jesper!AL$2:AL$366,ROUNDDOWN($C943/24,0)+1,1))-1)+IF('Standard Profiles'!$G$22=$B$10,7,0)+IF('Standard Profiles'!$G$22=$B$17,14,0)+IF('Standard Profiles'!$G$22=$B$24,21,0),MOD($C943,24)+1)/SUM(INDEX($D$3:$AA$30,INDEX(Jesper!$R$2:$R$366,ROW(INDEX(Jesper!AL$2:AL$366,ROUNDDOWN($C943/24,0)+1,1))-1)+IF('Standard Profiles'!$G$22=$B$10,7,0)+IF('Standard Profiles'!$G$22=$B$17,14,0)+IF('Standard Profiles'!$G$22=$B$24,21,0),0)),0)</f>
        <v>0</v>
      </c>
      <c r="I943">
        <f t="shared" si="118"/>
        <v>6.7559031203998368</v>
      </c>
      <c r="J943">
        <f t="shared" si="119"/>
        <v>22.344330070665858</v>
      </c>
      <c r="K943">
        <f t="shared" si="120"/>
        <v>0.70957582767670424</v>
      </c>
      <c r="L943">
        <f t="shared" si="121"/>
        <v>0.35478791383835212</v>
      </c>
      <c r="M943">
        <f t="shared" si="122"/>
        <v>0</v>
      </c>
      <c r="N943" s="45">
        <f t="shared" si="123"/>
        <v>44964.874999997795</v>
      </c>
    </row>
    <row r="944" spans="2:14" x14ac:dyDescent="0.25">
      <c r="B944">
        <f t="shared" si="117"/>
        <v>2</v>
      </c>
      <c r="C944" s="16">
        <v>910</v>
      </c>
      <c r="D944" cm="1">
        <f t="array" ref="D944">IFERROR(INDEX(Jesper!AH$2:AH$366,ROUNDDOWN($C944/24,0)+1,1)*INDEX($D$3:$AA$30,INDEX(Jesper!$R$2:$R$366,ROW(INDEX(Jesper!AH$2:AH$366,ROUNDDOWN($C944/24,0)+1,1))-1)+IF('Standard Profiles'!$G$18=$B$10,7,0)+IF('Standard Profiles'!$G$18=$B$17,14,0)+IF('Standard Profiles'!$G$18=$B$24,21,0),MOD($C944,24)+1)/SUM(INDEX($D$3:$AA$30,INDEX(Jesper!$R$2:$R$366,ROW(INDEX(Jesper!AH$2:AH$366,ROUNDDOWN($C944/24,0)+1,1))-1)+IF('Standard Profiles'!$G$18=$B$10,7,0)+IF('Standard Profiles'!$G$18=$B$17,14,0)+IF('Standard Profiles'!$G$18=$B$24,21,0),0)),0)</f>
        <v>6.652273384469102</v>
      </c>
      <c r="E944" cm="1">
        <f t="array" ref="E944">IFERROR(INDEX(Jesper!AI$2:AI$366,ROUNDDOWN($C944/24,0)+1,1)*INDEX($D$3:$AA$30,INDEX(Jesper!$R$2:$R$366,ROW(INDEX(Jesper!AI$2:AI$366,ROUNDDOWN($C944/24,0)+1,1))-1)+IF('Standard Profiles'!$G$19=$B$10,7,0)+IF('Standard Profiles'!$G$19=$B$17,14,0)+IF('Standard Profiles'!$G$19=$B$24,21,0),MOD($C944,24)+1)/SUM(INDEX($D$3:$AA$30,INDEX(Jesper!$R$2:$R$366,ROW(INDEX(Jesper!AI$2:AI$366,ROUNDDOWN($C944/24,0)+1,1))-1)+IF('Standard Profiles'!$G$19=$B$10,7,0)+IF('Standard Profiles'!$G$19=$B$17,14,0)+IF('Standard Profiles'!$G$19=$B$24,21,0),0)),0)</f>
        <v>9.4375253806119819</v>
      </c>
      <c r="F944" cm="1">
        <f t="array" ref="F944">IFERROR(INDEX(Jesper!AJ$2:AJ$366,ROUNDDOWN($C944/24,0)+1,1)*INDEX($D$3:$AA$30,INDEX(Jesper!$R$2:$R$366,ROW(INDEX(Jesper!AJ$2:AJ$366,ROUNDDOWN($C944/24,0)+1,1))-1)+IF('Standard Profiles'!$G$20=$B$10,7,0)+IF('Standard Profiles'!$G$20=$B$17,14,0)+IF('Standard Profiles'!$G$20=$B$24,21,0),MOD($C944,24)+1)/SUM(INDEX($D$3:$AA$30,INDEX(Jesper!$R$2:$R$366,ROW(INDEX(Jesper!AJ$2:AJ$366,ROUNDDOWN($C944/24,0)+1,1))-1)+IF('Standard Profiles'!$G$20=$B$10,7,0)+IF('Standard Profiles'!$G$20=$B$17,14,0)+IF('Standard Profiles'!$G$20=$B$24,21,0),0)),0)</f>
        <v>0</v>
      </c>
      <c r="G944" cm="1">
        <f t="array" ref="G944">IFERROR(INDEX(Jesper!AK$2:AK$366,ROUNDDOWN($C944/24,0)+1,1)*INDEX($D$3:$AA$30,INDEX(Jesper!$R$2:$R$366,ROW(INDEX(Jesper!AK$2:AK$366,ROUNDDOWN($C944/24,0)+1,1))-1)+IF('Standard Profiles'!$G$21=$B$10,7,0)+IF('Standard Profiles'!$G$21=$B$17,14,0)+IF('Standard Profiles'!$G$21=$B$24,21,0),MOD($C944,24)+1)/SUM(INDEX($D$3:$AA$30,INDEX(Jesper!$R$2:$R$366,ROW(INDEX(Jesper!AK$2:AK$366,ROUNDDOWN($C944/24,0)+1,1))-1)+IF('Standard Profiles'!$G$21=$B$10,7,0)+IF('Standard Profiles'!$G$21=$B$17,14,0)+IF('Standard Profiles'!$G$21=$B$24,21,0),0)),0)</f>
        <v>14.074798167499667</v>
      </c>
      <c r="H944" cm="1">
        <f t="array" ref="H944">IFERROR(INDEX(Jesper!AL$2:AL$366,ROUNDDOWN($C944/24,0)+1,1)*INDEX($D$3:$AA$30,INDEX(Jesper!$R$2:$R$366,ROW(INDEX(Jesper!AL$2:AL$366,ROUNDDOWN($C944/24,0)+1,1))-1)+IF('Standard Profiles'!$G$22=$B$10,7,0)+IF('Standard Profiles'!$G$22=$B$17,14,0)+IF('Standard Profiles'!$G$22=$B$24,21,0),MOD($C944,24)+1)/SUM(INDEX($D$3:$AA$30,INDEX(Jesper!$R$2:$R$366,ROW(INDEX(Jesper!AL$2:AL$366,ROUNDDOWN($C944/24,0)+1,1))-1)+IF('Standard Profiles'!$G$22=$B$10,7,0)+IF('Standard Profiles'!$G$22=$B$17,14,0)+IF('Standard Profiles'!$G$22=$B$24,21,0),0)),0)</f>
        <v>0</v>
      </c>
      <c r="I944">
        <f t="shared" si="118"/>
        <v>6.7559031203998368</v>
      </c>
      <c r="J944">
        <f t="shared" si="119"/>
        <v>22.344330070665858</v>
      </c>
      <c r="K944">
        <f t="shared" si="120"/>
        <v>0.70957582767670424</v>
      </c>
      <c r="L944">
        <f t="shared" si="121"/>
        <v>0.35478791383835212</v>
      </c>
      <c r="M944">
        <f t="shared" si="122"/>
        <v>0</v>
      </c>
      <c r="N944" s="45">
        <f t="shared" si="123"/>
        <v>44964.91666666446</v>
      </c>
    </row>
    <row r="945" spans="2:14" x14ac:dyDescent="0.25">
      <c r="B945">
        <f t="shared" si="117"/>
        <v>2</v>
      </c>
      <c r="C945" s="16">
        <v>911</v>
      </c>
      <c r="D945" cm="1">
        <f t="array" ref="D945">IFERROR(INDEX(Jesper!AH$2:AH$366,ROUNDDOWN($C945/24,0)+1,1)*INDEX($D$3:$AA$30,INDEX(Jesper!$R$2:$R$366,ROW(INDEX(Jesper!AH$2:AH$366,ROUNDDOWN($C945/24,0)+1,1))-1)+IF('Standard Profiles'!$G$18=$B$10,7,0)+IF('Standard Profiles'!$G$18=$B$17,14,0)+IF('Standard Profiles'!$G$18=$B$24,21,0),MOD($C945,24)+1)/SUM(INDEX($D$3:$AA$30,INDEX(Jesper!$R$2:$R$366,ROW(INDEX(Jesper!AH$2:AH$366,ROUNDDOWN($C945/24,0)+1,1))-1)+IF('Standard Profiles'!$G$18=$B$10,7,0)+IF('Standard Profiles'!$G$18=$B$17,14,0)+IF('Standard Profiles'!$G$18=$B$24,21,0),0)),0)</f>
        <v>6.652273384469102</v>
      </c>
      <c r="E945" cm="1">
        <f t="array" ref="E945">IFERROR(INDEX(Jesper!AI$2:AI$366,ROUNDDOWN($C945/24,0)+1,1)*INDEX($D$3:$AA$30,INDEX(Jesper!$R$2:$R$366,ROW(INDEX(Jesper!AI$2:AI$366,ROUNDDOWN($C945/24,0)+1,1))-1)+IF('Standard Profiles'!$G$19=$B$10,7,0)+IF('Standard Profiles'!$G$19=$B$17,14,0)+IF('Standard Profiles'!$G$19=$B$24,21,0),MOD($C945,24)+1)/SUM(INDEX($D$3:$AA$30,INDEX(Jesper!$R$2:$R$366,ROW(INDEX(Jesper!AI$2:AI$366,ROUNDDOWN($C945/24,0)+1,1))-1)+IF('Standard Profiles'!$G$19=$B$10,7,0)+IF('Standard Profiles'!$G$19=$B$17,14,0)+IF('Standard Profiles'!$G$19=$B$24,21,0),0)),0)</f>
        <v>9.4375253806119819</v>
      </c>
      <c r="F945" cm="1">
        <f t="array" ref="F945">IFERROR(INDEX(Jesper!AJ$2:AJ$366,ROUNDDOWN($C945/24,0)+1,1)*INDEX($D$3:$AA$30,INDEX(Jesper!$R$2:$R$366,ROW(INDEX(Jesper!AJ$2:AJ$366,ROUNDDOWN($C945/24,0)+1,1))-1)+IF('Standard Profiles'!$G$20=$B$10,7,0)+IF('Standard Profiles'!$G$20=$B$17,14,0)+IF('Standard Profiles'!$G$20=$B$24,21,0),MOD($C945,24)+1)/SUM(INDEX($D$3:$AA$30,INDEX(Jesper!$R$2:$R$366,ROW(INDEX(Jesper!AJ$2:AJ$366,ROUNDDOWN($C945/24,0)+1,1))-1)+IF('Standard Profiles'!$G$20=$B$10,7,0)+IF('Standard Profiles'!$G$20=$B$17,14,0)+IF('Standard Profiles'!$G$20=$B$24,21,0),0)),0)</f>
        <v>0</v>
      </c>
      <c r="G945" cm="1">
        <f t="array" ref="G945">IFERROR(INDEX(Jesper!AK$2:AK$366,ROUNDDOWN($C945/24,0)+1,1)*INDEX($D$3:$AA$30,INDEX(Jesper!$R$2:$R$366,ROW(INDEX(Jesper!AK$2:AK$366,ROUNDDOWN($C945/24,0)+1,1))-1)+IF('Standard Profiles'!$G$21=$B$10,7,0)+IF('Standard Profiles'!$G$21=$B$17,14,0)+IF('Standard Profiles'!$G$21=$B$24,21,0),MOD($C945,24)+1)/SUM(INDEX($D$3:$AA$30,INDEX(Jesper!$R$2:$R$366,ROW(INDEX(Jesper!AK$2:AK$366,ROUNDDOWN($C945/24,0)+1,1))-1)+IF('Standard Profiles'!$G$21=$B$10,7,0)+IF('Standard Profiles'!$G$21=$B$17,14,0)+IF('Standard Profiles'!$G$21=$B$24,21,0),0)),0)</f>
        <v>14.074798167499667</v>
      </c>
      <c r="H945" cm="1">
        <f t="array" ref="H945">IFERROR(INDEX(Jesper!AL$2:AL$366,ROUNDDOWN($C945/24,0)+1,1)*INDEX($D$3:$AA$30,INDEX(Jesper!$R$2:$R$366,ROW(INDEX(Jesper!AL$2:AL$366,ROUNDDOWN($C945/24,0)+1,1))-1)+IF('Standard Profiles'!$G$22=$B$10,7,0)+IF('Standard Profiles'!$G$22=$B$17,14,0)+IF('Standard Profiles'!$G$22=$B$24,21,0),MOD($C945,24)+1)/SUM(INDEX($D$3:$AA$30,INDEX(Jesper!$R$2:$R$366,ROW(INDEX(Jesper!AL$2:AL$366,ROUNDDOWN($C945/24,0)+1,1))-1)+IF('Standard Profiles'!$G$22=$B$10,7,0)+IF('Standard Profiles'!$G$22=$B$17,14,0)+IF('Standard Profiles'!$G$22=$B$24,21,0),0)),0)</f>
        <v>0</v>
      </c>
      <c r="I945">
        <f t="shared" si="118"/>
        <v>6.7559031203998368</v>
      </c>
      <c r="J945">
        <f t="shared" si="119"/>
        <v>22.344330070665858</v>
      </c>
      <c r="K945">
        <f t="shared" si="120"/>
        <v>0.70957582767670424</v>
      </c>
      <c r="L945">
        <f t="shared" si="121"/>
        <v>0.35478791383835212</v>
      </c>
      <c r="M945">
        <f t="shared" si="122"/>
        <v>0</v>
      </c>
      <c r="N945" s="45">
        <f t="shared" si="123"/>
        <v>44964.958333331124</v>
      </c>
    </row>
    <row r="946" spans="2:14" x14ac:dyDescent="0.25">
      <c r="B946">
        <f t="shared" si="117"/>
        <v>3</v>
      </c>
      <c r="C946" s="16">
        <v>912</v>
      </c>
      <c r="D946" cm="1">
        <f t="array" ref="D946">IFERROR(INDEX(Jesper!AH$2:AH$366,ROUNDDOWN($C946/24,0)+1,1)*INDEX($D$3:$AA$30,INDEX(Jesper!$R$2:$R$366,ROW(INDEX(Jesper!AH$2:AH$366,ROUNDDOWN($C946/24,0)+1,1))-1)+IF('Standard Profiles'!$G$18=$B$10,7,0)+IF('Standard Profiles'!$G$18=$B$17,14,0)+IF('Standard Profiles'!$G$18=$B$24,21,0),MOD($C946,24)+1)/SUM(INDEX($D$3:$AA$30,INDEX(Jesper!$R$2:$R$366,ROW(INDEX(Jesper!AH$2:AH$366,ROUNDDOWN($C946/24,0)+1,1))-1)+IF('Standard Profiles'!$G$18=$B$10,7,0)+IF('Standard Profiles'!$G$18=$B$17,14,0)+IF('Standard Profiles'!$G$18=$B$24,21,0),0)),0)</f>
        <v>6.5232331317291008</v>
      </c>
      <c r="E946" cm="1">
        <f t="array" ref="E946">IFERROR(INDEX(Jesper!AI$2:AI$366,ROUNDDOWN($C946/24,0)+1,1)*INDEX($D$3:$AA$30,INDEX(Jesper!$R$2:$R$366,ROW(INDEX(Jesper!AI$2:AI$366,ROUNDDOWN($C946/24,0)+1,1))-1)+IF('Standard Profiles'!$G$19=$B$10,7,0)+IF('Standard Profiles'!$G$19=$B$17,14,0)+IF('Standard Profiles'!$G$19=$B$24,21,0),MOD($C946,24)+1)/SUM(INDEX($D$3:$AA$30,INDEX(Jesper!$R$2:$R$366,ROW(INDEX(Jesper!AI$2:AI$366,ROUNDDOWN($C946/24,0)+1,1))-1)+IF('Standard Profiles'!$G$19=$B$10,7,0)+IF('Standard Profiles'!$G$19=$B$17,14,0)+IF('Standard Profiles'!$G$19=$B$24,21,0),0)),0)</f>
        <v>9.0799726634142868</v>
      </c>
      <c r="F946" cm="1">
        <f t="array" ref="F946">IFERROR(INDEX(Jesper!AJ$2:AJ$366,ROUNDDOWN($C946/24,0)+1,1)*INDEX($D$3:$AA$30,INDEX(Jesper!$R$2:$R$366,ROW(INDEX(Jesper!AJ$2:AJ$366,ROUNDDOWN($C946/24,0)+1,1))-1)+IF('Standard Profiles'!$G$20=$B$10,7,0)+IF('Standard Profiles'!$G$20=$B$17,14,0)+IF('Standard Profiles'!$G$20=$B$24,21,0),MOD($C946,24)+1)/SUM(INDEX($D$3:$AA$30,INDEX(Jesper!$R$2:$R$366,ROW(INDEX(Jesper!AJ$2:AJ$366,ROUNDDOWN($C946/24,0)+1,1))-1)+IF('Standard Profiles'!$G$20=$B$10,7,0)+IF('Standard Profiles'!$G$20=$B$17,14,0)+IF('Standard Profiles'!$G$20=$B$24,21,0),0)),0)</f>
        <v>0</v>
      </c>
      <c r="G946" cm="1">
        <f t="array" ref="G946">IFERROR(INDEX(Jesper!AK$2:AK$366,ROUNDDOWN($C946/24,0)+1,1)*INDEX($D$3:$AA$30,INDEX(Jesper!$R$2:$R$366,ROW(INDEX(Jesper!AK$2:AK$366,ROUNDDOWN($C946/24,0)+1,1))-1)+IF('Standard Profiles'!$G$21=$B$10,7,0)+IF('Standard Profiles'!$G$21=$B$17,14,0)+IF('Standard Profiles'!$G$21=$B$24,21,0),MOD($C946,24)+1)/SUM(INDEX($D$3:$AA$30,INDEX(Jesper!$R$2:$R$366,ROW(INDEX(Jesper!AK$2:AK$366,ROUNDDOWN($C946/24,0)+1,1))-1)+IF('Standard Profiles'!$G$21=$B$10,7,0)+IF('Standard Profiles'!$G$21=$B$17,14,0)+IF('Standard Profiles'!$G$21=$B$24,21,0),0)),0)</f>
        <v>13.83199994331347</v>
      </c>
      <c r="H946" cm="1">
        <f t="array" ref="H946">IFERROR(INDEX(Jesper!AL$2:AL$366,ROUNDDOWN($C946/24,0)+1,1)*INDEX($D$3:$AA$30,INDEX(Jesper!$R$2:$R$366,ROW(INDEX(Jesper!AL$2:AL$366,ROUNDDOWN($C946/24,0)+1,1))-1)+IF('Standard Profiles'!$G$22=$B$10,7,0)+IF('Standard Profiles'!$G$22=$B$17,14,0)+IF('Standard Profiles'!$G$22=$B$24,21,0),MOD($C946,24)+1)/SUM(INDEX($D$3:$AA$30,INDEX(Jesper!$R$2:$R$366,ROW(INDEX(Jesper!AL$2:AL$366,ROUNDDOWN($C946/24,0)+1,1))-1)+IF('Standard Profiles'!$G$22=$B$10,7,0)+IF('Standard Profiles'!$G$22=$B$17,14,0)+IF('Standard Profiles'!$G$22=$B$24,21,0),0)),0)</f>
        <v>0</v>
      </c>
      <c r="I946">
        <f t="shared" si="118"/>
        <v>6.6393599727904622</v>
      </c>
      <c r="J946">
        <f t="shared" si="119"/>
        <v>21.752128464589738</v>
      </c>
      <c r="K946">
        <f t="shared" si="120"/>
        <v>0.69581153405110407</v>
      </c>
      <c r="L946">
        <f t="shared" si="121"/>
        <v>0.34790576702555204</v>
      </c>
      <c r="M946">
        <f t="shared" si="122"/>
        <v>0</v>
      </c>
      <c r="N946" s="45">
        <f t="shared" si="123"/>
        <v>44964.999999997788</v>
      </c>
    </row>
    <row r="947" spans="2:14" x14ac:dyDescent="0.25">
      <c r="B947">
        <f t="shared" si="117"/>
        <v>3</v>
      </c>
      <c r="C947" s="16">
        <v>913</v>
      </c>
      <c r="D947" cm="1">
        <f t="array" ref="D947">IFERROR(INDEX(Jesper!AH$2:AH$366,ROUNDDOWN($C947/24,0)+1,1)*INDEX($D$3:$AA$30,INDEX(Jesper!$R$2:$R$366,ROW(INDEX(Jesper!AH$2:AH$366,ROUNDDOWN($C947/24,0)+1,1))-1)+IF('Standard Profiles'!$G$18=$B$10,7,0)+IF('Standard Profiles'!$G$18=$B$17,14,0)+IF('Standard Profiles'!$G$18=$B$24,21,0),MOD($C947,24)+1)/SUM(INDEX($D$3:$AA$30,INDEX(Jesper!$R$2:$R$366,ROW(INDEX(Jesper!AH$2:AH$366,ROUNDDOWN($C947/24,0)+1,1))-1)+IF('Standard Profiles'!$G$18=$B$10,7,0)+IF('Standard Profiles'!$G$18=$B$17,14,0)+IF('Standard Profiles'!$G$18=$B$24,21,0),0)),0)</f>
        <v>6.5232331317291008</v>
      </c>
      <c r="E947" cm="1">
        <f t="array" ref="E947">IFERROR(INDEX(Jesper!AI$2:AI$366,ROUNDDOWN($C947/24,0)+1,1)*INDEX($D$3:$AA$30,INDEX(Jesper!$R$2:$R$366,ROW(INDEX(Jesper!AI$2:AI$366,ROUNDDOWN($C947/24,0)+1,1))-1)+IF('Standard Profiles'!$G$19=$B$10,7,0)+IF('Standard Profiles'!$G$19=$B$17,14,0)+IF('Standard Profiles'!$G$19=$B$24,21,0),MOD($C947,24)+1)/SUM(INDEX($D$3:$AA$30,INDEX(Jesper!$R$2:$R$366,ROW(INDEX(Jesper!AI$2:AI$366,ROUNDDOWN($C947/24,0)+1,1))-1)+IF('Standard Profiles'!$G$19=$B$10,7,0)+IF('Standard Profiles'!$G$19=$B$17,14,0)+IF('Standard Profiles'!$G$19=$B$24,21,0),0)),0)</f>
        <v>9.0799726634142868</v>
      </c>
      <c r="F947" cm="1">
        <f t="array" ref="F947">IFERROR(INDEX(Jesper!AJ$2:AJ$366,ROUNDDOWN($C947/24,0)+1,1)*INDEX($D$3:$AA$30,INDEX(Jesper!$R$2:$R$366,ROW(INDEX(Jesper!AJ$2:AJ$366,ROUNDDOWN($C947/24,0)+1,1))-1)+IF('Standard Profiles'!$G$20=$B$10,7,0)+IF('Standard Profiles'!$G$20=$B$17,14,0)+IF('Standard Profiles'!$G$20=$B$24,21,0),MOD($C947,24)+1)/SUM(INDEX($D$3:$AA$30,INDEX(Jesper!$R$2:$R$366,ROW(INDEX(Jesper!AJ$2:AJ$366,ROUNDDOWN($C947/24,0)+1,1))-1)+IF('Standard Profiles'!$G$20=$B$10,7,0)+IF('Standard Profiles'!$G$20=$B$17,14,0)+IF('Standard Profiles'!$G$20=$B$24,21,0),0)),0)</f>
        <v>0</v>
      </c>
      <c r="G947" cm="1">
        <f t="array" ref="G947">IFERROR(INDEX(Jesper!AK$2:AK$366,ROUNDDOWN($C947/24,0)+1,1)*INDEX($D$3:$AA$30,INDEX(Jesper!$R$2:$R$366,ROW(INDEX(Jesper!AK$2:AK$366,ROUNDDOWN($C947/24,0)+1,1))-1)+IF('Standard Profiles'!$G$21=$B$10,7,0)+IF('Standard Profiles'!$G$21=$B$17,14,0)+IF('Standard Profiles'!$G$21=$B$24,21,0),MOD($C947,24)+1)/SUM(INDEX($D$3:$AA$30,INDEX(Jesper!$R$2:$R$366,ROW(INDEX(Jesper!AK$2:AK$366,ROUNDDOWN($C947/24,0)+1,1))-1)+IF('Standard Profiles'!$G$21=$B$10,7,0)+IF('Standard Profiles'!$G$21=$B$17,14,0)+IF('Standard Profiles'!$G$21=$B$24,21,0),0)),0)</f>
        <v>13.83199994331347</v>
      </c>
      <c r="H947" cm="1">
        <f t="array" ref="H947">IFERROR(INDEX(Jesper!AL$2:AL$366,ROUNDDOWN($C947/24,0)+1,1)*INDEX($D$3:$AA$30,INDEX(Jesper!$R$2:$R$366,ROW(INDEX(Jesper!AL$2:AL$366,ROUNDDOWN($C947/24,0)+1,1))-1)+IF('Standard Profiles'!$G$22=$B$10,7,0)+IF('Standard Profiles'!$G$22=$B$17,14,0)+IF('Standard Profiles'!$G$22=$B$24,21,0),MOD($C947,24)+1)/SUM(INDEX($D$3:$AA$30,INDEX(Jesper!$R$2:$R$366,ROW(INDEX(Jesper!AL$2:AL$366,ROUNDDOWN($C947/24,0)+1,1))-1)+IF('Standard Profiles'!$G$22=$B$10,7,0)+IF('Standard Profiles'!$G$22=$B$17,14,0)+IF('Standard Profiles'!$G$22=$B$24,21,0),0)),0)</f>
        <v>0</v>
      </c>
      <c r="I947">
        <f t="shared" si="118"/>
        <v>6.6393599727904622</v>
      </c>
      <c r="J947">
        <f t="shared" si="119"/>
        <v>21.752128464589738</v>
      </c>
      <c r="K947">
        <f t="shared" si="120"/>
        <v>0.69581153405110407</v>
      </c>
      <c r="L947">
        <f t="shared" si="121"/>
        <v>0.34790576702555204</v>
      </c>
      <c r="M947">
        <f t="shared" si="122"/>
        <v>0</v>
      </c>
      <c r="N947" s="45">
        <f t="shared" si="123"/>
        <v>44965.041666664452</v>
      </c>
    </row>
    <row r="948" spans="2:14" x14ac:dyDescent="0.25">
      <c r="B948">
        <f t="shared" si="117"/>
        <v>3</v>
      </c>
      <c r="C948" s="16">
        <v>914</v>
      </c>
      <c r="D948" cm="1">
        <f t="array" ref="D948">IFERROR(INDEX(Jesper!AH$2:AH$366,ROUNDDOWN($C948/24,0)+1,1)*INDEX($D$3:$AA$30,INDEX(Jesper!$R$2:$R$366,ROW(INDEX(Jesper!AH$2:AH$366,ROUNDDOWN($C948/24,0)+1,1))-1)+IF('Standard Profiles'!$G$18=$B$10,7,0)+IF('Standard Profiles'!$G$18=$B$17,14,0)+IF('Standard Profiles'!$G$18=$B$24,21,0),MOD($C948,24)+1)/SUM(INDEX($D$3:$AA$30,INDEX(Jesper!$R$2:$R$366,ROW(INDEX(Jesper!AH$2:AH$366,ROUNDDOWN($C948/24,0)+1,1))-1)+IF('Standard Profiles'!$G$18=$B$10,7,0)+IF('Standard Profiles'!$G$18=$B$17,14,0)+IF('Standard Profiles'!$G$18=$B$24,21,0),0)),0)</f>
        <v>6.5232331317291008</v>
      </c>
      <c r="E948" cm="1">
        <f t="array" ref="E948">IFERROR(INDEX(Jesper!AI$2:AI$366,ROUNDDOWN($C948/24,0)+1,1)*INDEX($D$3:$AA$30,INDEX(Jesper!$R$2:$R$366,ROW(INDEX(Jesper!AI$2:AI$366,ROUNDDOWN($C948/24,0)+1,1))-1)+IF('Standard Profiles'!$G$19=$B$10,7,0)+IF('Standard Profiles'!$G$19=$B$17,14,0)+IF('Standard Profiles'!$G$19=$B$24,21,0),MOD($C948,24)+1)/SUM(INDEX($D$3:$AA$30,INDEX(Jesper!$R$2:$R$366,ROW(INDEX(Jesper!AI$2:AI$366,ROUNDDOWN($C948/24,0)+1,1))-1)+IF('Standard Profiles'!$G$19=$B$10,7,0)+IF('Standard Profiles'!$G$19=$B$17,14,0)+IF('Standard Profiles'!$G$19=$B$24,21,0),0)),0)</f>
        <v>9.0799726634142868</v>
      </c>
      <c r="F948" cm="1">
        <f t="array" ref="F948">IFERROR(INDEX(Jesper!AJ$2:AJ$366,ROUNDDOWN($C948/24,0)+1,1)*INDEX($D$3:$AA$30,INDEX(Jesper!$R$2:$R$366,ROW(INDEX(Jesper!AJ$2:AJ$366,ROUNDDOWN($C948/24,0)+1,1))-1)+IF('Standard Profiles'!$G$20=$B$10,7,0)+IF('Standard Profiles'!$G$20=$B$17,14,0)+IF('Standard Profiles'!$G$20=$B$24,21,0),MOD($C948,24)+1)/SUM(INDEX($D$3:$AA$30,INDEX(Jesper!$R$2:$R$366,ROW(INDEX(Jesper!AJ$2:AJ$366,ROUNDDOWN($C948/24,0)+1,1))-1)+IF('Standard Profiles'!$G$20=$B$10,7,0)+IF('Standard Profiles'!$G$20=$B$17,14,0)+IF('Standard Profiles'!$G$20=$B$24,21,0),0)),0)</f>
        <v>0</v>
      </c>
      <c r="G948" cm="1">
        <f t="array" ref="G948">IFERROR(INDEX(Jesper!AK$2:AK$366,ROUNDDOWN($C948/24,0)+1,1)*INDEX($D$3:$AA$30,INDEX(Jesper!$R$2:$R$366,ROW(INDEX(Jesper!AK$2:AK$366,ROUNDDOWN($C948/24,0)+1,1))-1)+IF('Standard Profiles'!$G$21=$B$10,7,0)+IF('Standard Profiles'!$G$21=$B$17,14,0)+IF('Standard Profiles'!$G$21=$B$24,21,0),MOD($C948,24)+1)/SUM(INDEX($D$3:$AA$30,INDEX(Jesper!$R$2:$R$366,ROW(INDEX(Jesper!AK$2:AK$366,ROUNDDOWN($C948/24,0)+1,1))-1)+IF('Standard Profiles'!$G$21=$B$10,7,0)+IF('Standard Profiles'!$G$21=$B$17,14,0)+IF('Standard Profiles'!$G$21=$B$24,21,0),0)),0)</f>
        <v>13.83199994331347</v>
      </c>
      <c r="H948" cm="1">
        <f t="array" ref="H948">IFERROR(INDEX(Jesper!AL$2:AL$366,ROUNDDOWN($C948/24,0)+1,1)*INDEX($D$3:$AA$30,INDEX(Jesper!$R$2:$R$366,ROW(INDEX(Jesper!AL$2:AL$366,ROUNDDOWN($C948/24,0)+1,1))-1)+IF('Standard Profiles'!$G$22=$B$10,7,0)+IF('Standard Profiles'!$G$22=$B$17,14,0)+IF('Standard Profiles'!$G$22=$B$24,21,0),MOD($C948,24)+1)/SUM(INDEX($D$3:$AA$30,INDEX(Jesper!$R$2:$R$366,ROW(INDEX(Jesper!AL$2:AL$366,ROUNDDOWN($C948/24,0)+1,1))-1)+IF('Standard Profiles'!$G$22=$B$10,7,0)+IF('Standard Profiles'!$G$22=$B$17,14,0)+IF('Standard Profiles'!$G$22=$B$24,21,0),0)),0)</f>
        <v>0</v>
      </c>
      <c r="I948">
        <f t="shared" si="118"/>
        <v>6.6393599727904622</v>
      </c>
      <c r="J948">
        <f t="shared" si="119"/>
        <v>21.752128464589738</v>
      </c>
      <c r="K948">
        <f t="shared" si="120"/>
        <v>0.69581153405110407</v>
      </c>
      <c r="L948">
        <f t="shared" si="121"/>
        <v>0.34790576702555204</v>
      </c>
      <c r="M948">
        <f t="shared" si="122"/>
        <v>0</v>
      </c>
      <c r="N948" s="45">
        <f t="shared" si="123"/>
        <v>44965.083333331117</v>
      </c>
    </row>
    <row r="949" spans="2:14" x14ac:dyDescent="0.25">
      <c r="B949">
        <f t="shared" si="117"/>
        <v>3</v>
      </c>
      <c r="C949" s="16">
        <v>915</v>
      </c>
      <c r="D949" cm="1">
        <f t="array" ref="D949">IFERROR(INDEX(Jesper!AH$2:AH$366,ROUNDDOWN($C949/24,0)+1,1)*INDEX($D$3:$AA$30,INDEX(Jesper!$R$2:$R$366,ROW(INDEX(Jesper!AH$2:AH$366,ROUNDDOWN($C949/24,0)+1,1))-1)+IF('Standard Profiles'!$G$18=$B$10,7,0)+IF('Standard Profiles'!$G$18=$B$17,14,0)+IF('Standard Profiles'!$G$18=$B$24,21,0),MOD($C949,24)+1)/SUM(INDEX($D$3:$AA$30,INDEX(Jesper!$R$2:$R$366,ROW(INDEX(Jesper!AH$2:AH$366,ROUNDDOWN($C949/24,0)+1,1))-1)+IF('Standard Profiles'!$G$18=$B$10,7,0)+IF('Standard Profiles'!$G$18=$B$17,14,0)+IF('Standard Profiles'!$G$18=$B$24,21,0),0)),0)</f>
        <v>6.5232331317291008</v>
      </c>
      <c r="E949" cm="1">
        <f t="array" ref="E949">IFERROR(INDEX(Jesper!AI$2:AI$366,ROUNDDOWN($C949/24,0)+1,1)*INDEX($D$3:$AA$30,INDEX(Jesper!$R$2:$R$366,ROW(INDEX(Jesper!AI$2:AI$366,ROUNDDOWN($C949/24,0)+1,1))-1)+IF('Standard Profiles'!$G$19=$B$10,7,0)+IF('Standard Profiles'!$G$19=$B$17,14,0)+IF('Standard Profiles'!$G$19=$B$24,21,0),MOD($C949,24)+1)/SUM(INDEX($D$3:$AA$30,INDEX(Jesper!$R$2:$R$366,ROW(INDEX(Jesper!AI$2:AI$366,ROUNDDOWN($C949/24,0)+1,1))-1)+IF('Standard Profiles'!$G$19=$B$10,7,0)+IF('Standard Profiles'!$G$19=$B$17,14,0)+IF('Standard Profiles'!$G$19=$B$24,21,0),0)),0)</f>
        <v>9.0799726634142868</v>
      </c>
      <c r="F949" cm="1">
        <f t="array" ref="F949">IFERROR(INDEX(Jesper!AJ$2:AJ$366,ROUNDDOWN($C949/24,0)+1,1)*INDEX($D$3:$AA$30,INDEX(Jesper!$R$2:$R$366,ROW(INDEX(Jesper!AJ$2:AJ$366,ROUNDDOWN($C949/24,0)+1,1))-1)+IF('Standard Profiles'!$G$20=$B$10,7,0)+IF('Standard Profiles'!$G$20=$B$17,14,0)+IF('Standard Profiles'!$G$20=$B$24,21,0),MOD($C949,24)+1)/SUM(INDEX($D$3:$AA$30,INDEX(Jesper!$R$2:$R$366,ROW(INDEX(Jesper!AJ$2:AJ$366,ROUNDDOWN($C949/24,0)+1,1))-1)+IF('Standard Profiles'!$G$20=$B$10,7,0)+IF('Standard Profiles'!$G$20=$B$17,14,0)+IF('Standard Profiles'!$G$20=$B$24,21,0),0)),0)</f>
        <v>0</v>
      </c>
      <c r="G949" cm="1">
        <f t="array" ref="G949">IFERROR(INDEX(Jesper!AK$2:AK$366,ROUNDDOWN($C949/24,0)+1,1)*INDEX($D$3:$AA$30,INDEX(Jesper!$R$2:$R$366,ROW(INDEX(Jesper!AK$2:AK$366,ROUNDDOWN($C949/24,0)+1,1))-1)+IF('Standard Profiles'!$G$21=$B$10,7,0)+IF('Standard Profiles'!$G$21=$B$17,14,0)+IF('Standard Profiles'!$G$21=$B$24,21,0),MOD($C949,24)+1)/SUM(INDEX($D$3:$AA$30,INDEX(Jesper!$R$2:$R$366,ROW(INDEX(Jesper!AK$2:AK$366,ROUNDDOWN($C949/24,0)+1,1))-1)+IF('Standard Profiles'!$G$21=$B$10,7,0)+IF('Standard Profiles'!$G$21=$B$17,14,0)+IF('Standard Profiles'!$G$21=$B$24,21,0),0)),0)</f>
        <v>13.83199994331347</v>
      </c>
      <c r="H949" cm="1">
        <f t="array" ref="H949">IFERROR(INDEX(Jesper!AL$2:AL$366,ROUNDDOWN($C949/24,0)+1,1)*INDEX($D$3:$AA$30,INDEX(Jesper!$R$2:$R$366,ROW(INDEX(Jesper!AL$2:AL$366,ROUNDDOWN($C949/24,0)+1,1))-1)+IF('Standard Profiles'!$G$22=$B$10,7,0)+IF('Standard Profiles'!$G$22=$B$17,14,0)+IF('Standard Profiles'!$G$22=$B$24,21,0),MOD($C949,24)+1)/SUM(INDEX($D$3:$AA$30,INDEX(Jesper!$R$2:$R$366,ROW(INDEX(Jesper!AL$2:AL$366,ROUNDDOWN($C949/24,0)+1,1))-1)+IF('Standard Profiles'!$G$22=$B$10,7,0)+IF('Standard Profiles'!$G$22=$B$17,14,0)+IF('Standard Profiles'!$G$22=$B$24,21,0),0)),0)</f>
        <v>0</v>
      </c>
      <c r="I949">
        <f t="shared" si="118"/>
        <v>6.6393599727904622</v>
      </c>
      <c r="J949">
        <f t="shared" si="119"/>
        <v>21.752128464589738</v>
      </c>
      <c r="K949">
        <f t="shared" si="120"/>
        <v>0.69581153405110407</v>
      </c>
      <c r="L949">
        <f t="shared" si="121"/>
        <v>0.34790576702555204</v>
      </c>
      <c r="M949">
        <f t="shared" si="122"/>
        <v>0</v>
      </c>
      <c r="N949" s="45">
        <f t="shared" si="123"/>
        <v>44965.124999997781</v>
      </c>
    </row>
    <row r="950" spans="2:14" x14ac:dyDescent="0.25">
      <c r="B950">
        <f t="shared" si="117"/>
        <v>3</v>
      </c>
      <c r="C950" s="16">
        <v>916</v>
      </c>
      <c r="D950" cm="1">
        <f t="array" ref="D950">IFERROR(INDEX(Jesper!AH$2:AH$366,ROUNDDOWN($C950/24,0)+1,1)*INDEX($D$3:$AA$30,INDEX(Jesper!$R$2:$R$366,ROW(INDEX(Jesper!AH$2:AH$366,ROUNDDOWN($C950/24,0)+1,1))-1)+IF('Standard Profiles'!$G$18=$B$10,7,0)+IF('Standard Profiles'!$G$18=$B$17,14,0)+IF('Standard Profiles'!$G$18=$B$24,21,0),MOD($C950,24)+1)/SUM(INDEX($D$3:$AA$30,INDEX(Jesper!$R$2:$R$366,ROW(INDEX(Jesper!AH$2:AH$366,ROUNDDOWN($C950/24,0)+1,1))-1)+IF('Standard Profiles'!$G$18=$B$10,7,0)+IF('Standard Profiles'!$G$18=$B$17,14,0)+IF('Standard Profiles'!$G$18=$B$24,21,0),0)),0)</f>
        <v>6.5232331317291008</v>
      </c>
      <c r="E950" cm="1">
        <f t="array" ref="E950">IFERROR(INDEX(Jesper!AI$2:AI$366,ROUNDDOWN($C950/24,0)+1,1)*INDEX($D$3:$AA$30,INDEX(Jesper!$R$2:$R$366,ROW(INDEX(Jesper!AI$2:AI$366,ROUNDDOWN($C950/24,0)+1,1))-1)+IF('Standard Profiles'!$G$19=$B$10,7,0)+IF('Standard Profiles'!$G$19=$B$17,14,0)+IF('Standard Profiles'!$G$19=$B$24,21,0),MOD($C950,24)+1)/SUM(INDEX($D$3:$AA$30,INDEX(Jesper!$R$2:$R$366,ROW(INDEX(Jesper!AI$2:AI$366,ROUNDDOWN($C950/24,0)+1,1))-1)+IF('Standard Profiles'!$G$19=$B$10,7,0)+IF('Standard Profiles'!$G$19=$B$17,14,0)+IF('Standard Profiles'!$G$19=$B$24,21,0),0)),0)</f>
        <v>9.0799726634142868</v>
      </c>
      <c r="F950" cm="1">
        <f t="array" ref="F950">IFERROR(INDEX(Jesper!AJ$2:AJ$366,ROUNDDOWN($C950/24,0)+1,1)*INDEX($D$3:$AA$30,INDEX(Jesper!$R$2:$R$366,ROW(INDEX(Jesper!AJ$2:AJ$366,ROUNDDOWN($C950/24,0)+1,1))-1)+IF('Standard Profiles'!$G$20=$B$10,7,0)+IF('Standard Profiles'!$G$20=$B$17,14,0)+IF('Standard Profiles'!$G$20=$B$24,21,0),MOD($C950,24)+1)/SUM(INDEX($D$3:$AA$30,INDEX(Jesper!$R$2:$R$366,ROW(INDEX(Jesper!AJ$2:AJ$366,ROUNDDOWN($C950/24,0)+1,1))-1)+IF('Standard Profiles'!$G$20=$B$10,7,0)+IF('Standard Profiles'!$G$20=$B$17,14,0)+IF('Standard Profiles'!$G$20=$B$24,21,0),0)),0)</f>
        <v>0</v>
      </c>
      <c r="G950" cm="1">
        <f t="array" ref="G950">IFERROR(INDEX(Jesper!AK$2:AK$366,ROUNDDOWN($C950/24,0)+1,1)*INDEX($D$3:$AA$30,INDEX(Jesper!$R$2:$R$366,ROW(INDEX(Jesper!AK$2:AK$366,ROUNDDOWN($C950/24,0)+1,1))-1)+IF('Standard Profiles'!$G$21=$B$10,7,0)+IF('Standard Profiles'!$G$21=$B$17,14,0)+IF('Standard Profiles'!$G$21=$B$24,21,0),MOD($C950,24)+1)/SUM(INDEX($D$3:$AA$30,INDEX(Jesper!$R$2:$R$366,ROW(INDEX(Jesper!AK$2:AK$366,ROUNDDOWN($C950/24,0)+1,1))-1)+IF('Standard Profiles'!$G$21=$B$10,7,0)+IF('Standard Profiles'!$G$21=$B$17,14,0)+IF('Standard Profiles'!$G$21=$B$24,21,0),0)),0)</f>
        <v>13.83199994331347</v>
      </c>
      <c r="H950" cm="1">
        <f t="array" ref="H950">IFERROR(INDEX(Jesper!AL$2:AL$366,ROUNDDOWN($C950/24,0)+1,1)*INDEX($D$3:$AA$30,INDEX(Jesper!$R$2:$R$366,ROW(INDEX(Jesper!AL$2:AL$366,ROUNDDOWN($C950/24,0)+1,1))-1)+IF('Standard Profiles'!$G$22=$B$10,7,0)+IF('Standard Profiles'!$G$22=$B$17,14,0)+IF('Standard Profiles'!$G$22=$B$24,21,0),MOD($C950,24)+1)/SUM(INDEX($D$3:$AA$30,INDEX(Jesper!$R$2:$R$366,ROW(INDEX(Jesper!AL$2:AL$366,ROUNDDOWN($C950/24,0)+1,1))-1)+IF('Standard Profiles'!$G$22=$B$10,7,0)+IF('Standard Profiles'!$G$22=$B$17,14,0)+IF('Standard Profiles'!$G$22=$B$24,21,0),0)),0)</f>
        <v>0</v>
      </c>
      <c r="I950">
        <f t="shared" si="118"/>
        <v>6.6393599727904622</v>
      </c>
      <c r="J950">
        <f t="shared" si="119"/>
        <v>21.752128464589738</v>
      </c>
      <c r="K950">
        <f t="shared" si="120"/>
        <v>0.69581153405110407</v>
      </c>
      <c r="L950">
        <f t="shared" si="121"/>
        <v>0.34790576702555204</v>
      </c>
      <c r="M950">
        <f t="shared" si="122"/>
        <v>0</v>
      </c>
      <c r="N950" s="45">
        <f t="shared" si="123"/>
        <v>44965.166666664445</v>
      </c>
    </row>
    <row r="951" spans="2:14" x14ac:dyDescent="0.25">
      <c r="B951">
        <f t="shared" si="117"/>
        <v>3</v>
      </c>
      <c r="C951" s="16">
        <v>917</v>
      </c>
      <c r="D951" cm="1">
        <f t="array" ref="D951">IFERROR(INDEX(Jesper!AH$2:AH$366,ROUNDDOWN($C951/24,0)+1,1)*INDEX($D$3:$AA$30,INDEX(Jesper!$R$2:$R$366,ROW(INDEX(Jesper!AH$2:AH$366,ROUNDDOWN($C951/24,0)+1,1))-1)+IF('Standard Profiles'!$G$18=$B$10,7,0)+IF('Standard Profiles'!$G$18=$B$17,14,0)+IF('Standard Profiles'!$G$18=$B$24,21,0),MOD($C951,24)+1)/SUM(INDEX($D$3:$AA$30,INDEX(Jesper!$R$2:$R$366,ROW(INDEX(Jesper!AH$2:AH$366,ROUNDDOWN($C951/24,0)+1,1))-1)+IF('Standard Profiles'!$G$18=$B$10,7,0)+IF('Standard Profiles'!$G$18=$B$17,14,0)+IF('Standard Profiles'!$G$18=$B$24,21,0),0)),0)</f>
        <v>6.5232331317291008</v>
      </c>
      <c r="E951" cm="1">
        <f t="array" ref="E951">IFERROR(INDEX(Jesper!AI$2:AI$366,ROUNDDOWN($C951/24,0)+1,1)*INDEX($D$3:$AA$30,INDEX(Jesper!$R$2:$R$366,ROW(INDEX(Jesper!AI$2:AI$366,ROUNDDOWN($C951/24,0)+1,1))-1)+IF('Standard Profiles'!$G$19=$B$10,7,0)+IF('Standard Profiles'!$G$19=$B$17,14,0)+IF('Standard Profiles'!$G$19=$B$24,21,0),MOD($C951,24)+1)/SUM(INDEX($D$3:$AA$30,INDEX(Jesper!$R$2:$R$366,ROW(INDEX(Jesper!AI$2:AI$366,ROUNDDOWN($C951/24,0)+1,1))-1)+IF('Standard Profiles'!$G$19=$B$10,7,0)+IF('Standard Profiles'!$G$19=$B$17,14,0)+IF('Standard Profiles'!$G$19=$B$24,21,0),0)),0)</f>
        <v>9.0799726634142868</v>
      </c>
      <c r="F951" cm="1">
        <f t="array" ref="F951">IFERROR(INDEX(Jesper!AJ$2:AJ$366,ROUNDDOWN($C951/24,0)+1,1)*INDEX($D$3:$AA$30,INDEX(Jesper!$R$2:$R$366,ROW(INDEX(Jesper!AJ$2:AJ$366,ROUNDDOWN($C951/24,0)+1,1))-1)+IF('Standard Profiles'!$G$20=$B$10,7,0)+IF('Standard Profiles'!$G$20=$B$17,14,0)+IF('Standard Profiles'!$G$20=$B$24,21,0),MOD($C951,24)+1)/SUM(INDEX($D$3:$AA$30,INDEX(Jesper!$R$2:$R$366,ROW(INDEX(Jesper!AJ$2:AJ$366,ROUNDDOWN($C951/24,0)+1,1))-1)+IF('Standard Profiles'!$G$20=$B$10,7,0)+IF('Standard Profiles'!$G$20=$B$17,14,0)+IF('Standard Profiles'!$G$20=$B$24,21,0),0)),0)</f>
        <v>0</v>
      </c>
      <c r="G951" cm="1">
        <f t="array" ref="G951">IFERROR(INDEX(Jesper!AK$2:AK$366,ROUNDDOWN($C951/24,0)+1,1)*INDEX($D$3:$AA$30,INDEX(Jesper!$R$2:$R$366,ROW(INDEX(Jesper!AK$2:AK$366,ROUNDDOWN($C951/24,0)+1,1))-1)+IF('Standard Profiles'!$G$21=$B$10,7,0)+IF('Standard Profiles'!$G$21=$B$17,14,0)+IF('Standard Profiles'!$G$21=$B$24,21,0),MOD($C951,24)+1)/SUM(INDEX($D$3:$AA$30,INDEX(Jesper!$R$2:$R$366,ROW(INDEX(Jesper!AK$2:AK$366,ROUNDDOWN($C951/24,0)+1,1))-1)+IF('Standard Profiles'!$G$21=$B$10,7,0)+IF('Standard Profiles'!$G$21=$B$17,14,0)+IF('Standard Profiles'!$G$21=$B$24,21,0),0)),0)</f>
        <v>13.83199994331347</v>
      </c>
      <c r="H951" cm="1">
        <f t="array" ref="H951">IFERROR(INDEX(Jesper!AL$2:AL$366,ROUNDDOWN($C951/24,0)+1,1)*INDEX($D$3:$AA$30,INDEX(Jesper!$R$2:$R$366,ROW(INDEX(Jesper!AL$2:AL$366,ROUNDDOWN($C951/24,0)+1,1))-1)+IF('Standard Profiles'!$G$22=$B$10,7,0)+IF('Standard Profiles'!$G$22=$B$17,14,0)+IF('Standard Profiles'!$G$22=$B$24,21,0),MOD($C951,24)+1)/SUM(INDEX($D$3:$AA$30,INDEX(Jesper!$R$2:$R$366,ROW(INDEX(Jesper!AL$2:AL$366,ROUNDDOWN($C951/24,0)+1,1))-1)+IF('Standard Profiles'!$G$22=$B$10,7,0)+IF('Standard Profiles'!$G$22=$B$17,14,0)+IF('Standard Profiles'!$G$22=$B$24,21,0),0)),0)</f>
        <v>0</v>
      </c>
      <c r="I951">
        <f t="shared" si="118"/>
        <v>6.6393599727904622</v>
      </c>
      <c r="J951">
        <f t="shared" si="119"/>
        <v>21.752128464589738</v>
      </c>
      <c r="K951">
        <f t="shared" si="120"/>
        <v>0.69581153405110407</v>
      </c>
      <c r="L951">
        <f t="shared" si="121"/>
        <v>0.34790576702555204</v>
      </c>
      <c r="M951">
        <f t="shared" si="122"/>
        <v>0</v>
      </c>
      <c r="N951" s="45">
        <f t="shared" si="123"/>
        <v>44965.208333331109</v>
      </c>
    </row>
    <row r="952" spans="2:14" x14ac:dyDescent="0.25">
      <c r="B952">
        <f t="shared" si="117"/>
        <v>3</v>
      </c>
      <c r="C952" s="16">
        <v>918</v>
      </c>
      <c r="D952" cm="1">
        <f t="array" ref="D952">IFERROR(INDEX(Jesper!AH$2:AH$366,ROUNDDOWN($C952/24,0)+1,1)*INDEX($D$3:$AA$30,INDEX(Jesper!$R$2:$R$366,ROW(INDEX(Jesper!AH$2:AH$366,ROUNDDOWN($C952/24,0)+1,1))-1)+IF('Standard Profiles'!$G$18=$B$10,7,0)+IF('Standard Profiles'!$G$18=$B$17,14,0)+IF('Standard Profiles'!$G$18=$B$24,21,0),MOD($C952,24)+1)/SUM(INDEX($D$3:$AA$30,INDEX(Jesper!$R$2:$R$366,ROW(INDEX(Jesper!AH$2:AH$366,ROUNDDOWN($C952/24,0)+1,1))-1)+IF('Standard Profiles'!$G$18=$B$10,7,0)+IF('Standard Profiles'!$G$18=$B$17,14,0)+IF('Standard Profiles'!$G$18=$B$24,21,0),0)),0)</f>
        <v>6.5232331317291008</v>
      </c>
      <c r="E952" cm="1">
        <f t="array" ref="E952">IFERROR(INDEX(Jesper!AI$2:AI$366,ROUNDDOWN($C952/24,0)+1,1)*INDEX($D$3:$AA$30,INDEX(Jesper!$R$2:$R$366,ROW(INDEX(Jesper!AI$2:AI$366,ROUNDDOWN($C952/24,0)+1,1))-1)+IF('Standard Profiles'!$G$19=$B$10,7,0)+IF('Standard Profiles'!$G$19=$B$17,14,0)+IF('Standard Profiles'!$G$19=$B$24,21,0),MOD($C952,24)+1)/SUM(INDEX($D$3:$AA$30,INDEX(Jesper!$R$2:$R$366,ROW(INDEX(Jesper!AI$2:AI$366,ROUNDDOWN($C952/24,0)+1,1))-1)+IF('Standard Profiles'!$G$19=$B$10,7,0)+IF('Standard Profiles'!$G$19=$B$17,14,0)+IF('Standard Profiles'!$G$19=$B$24,21,0),0)),0)</f>
        <v>9.0799726634142868</v>
      </c>
      <c r="F952" cm="1">
        <f t="array" ref="F952">IFERROR(INDEX(Jesper!AJ$2:AJ$366,ROUNDDOWN($C952/24,0)+1,1)*INDEX($D$3:$AA$30,INDEX(Jesper!$R$2:$R$366,ROW(INDEX(Jesper!AJ$2:AJ$366,ROUNDDOWN($C952/24,0)+1,1))-1)+IF('Standard Profiles'!$G$20=$B$10,7,0)+IF('Standard Profiles'!$G$20=$B$17,14,0)+IF('Standard Profiles'!$G$20=$B$24,21,0),MOD($C952,24)+1)/SUM(INDEX($D$3:$AA$30,INDEX(Jesper!$R$2:$R$366,ROW(INDEX(Jesper!AJ$2:AJ$366,ROUNDDOWN($C952/24,0)+1,1))-1)+IF('Standard Profiles'!$G$20=$B$10,7,0)+IF('Standard Profiles'!$G$20=$B$17,14,0)+IF('Standard Profiles'!$G$20=$B$24,21,0),0)),0)</f>
        <v>0</v>
      </c>
      <c r="G952" cm="1">
        <f t="array" ref="G952">IFERROR(INDEX(Jesper!AK$2:AK$366,ROUNDDOWN($C952/24,0)+1,1)*INDEX($D$3:$AA$30,INDEX(Jesper!$R$2:$R$366,ROW(INDEX(Jesper!AK$2:AK$366,ROUNDDOWN($C952/24,0)+1,1))-1)+IF('Standard Profiles'!$G$21=$B$10,7,0)+IF('Standard Profiles'!$G$21=$B$17,14,0)+IF('Standard Profiles'!$G$21=$B$24,21,0),MOD($C952,24)+1)/SUM(INDEX($D$3:$AA$30,INDEX(Jesper!$R$2:$R$366,ROW(INDEX(Jesper!AK$2:AK$366,ROUNDDOWN($C952/24,0)+1,1))-1)+IF('Standard Profiles'!$G$21=$B$10,7,0)+IF('Standard Profiles'!$G$21=$B$17,14,0)+IF('Standard Profiles'!$G$21=$B$24,21,0),0)),0)</f>
        <v>13.83199994331347</v>
      </c>
      <c r="H952" cm="1">
        <f t="array" ref="H952">IFERROR(INDEX(Jesper!AL$2:AL$366,ROUNDDOWN($C952/24,0)+1,1)*INDEX($D$3:$AA$30,INDEX(Jesper!$R$2:$R$366,ROW(INDEX(Jesper!AL$2:AL$366,ROUNDDOWN($C952/24,0)+1,1))-1)+IF('Standard Profiles'!$G$22=$B$10,7,0)+IF('Standard Profiles'!$G$22=$B$17,14,0)+IF('Standard Profiles'!$G$22=$B$24,21,0),MOD($C952,24)+1)/SUM(INDEX($D$3:$AA$30,INDEX(Jesper!$R$2:$R$366,ROW(INDEX(Jesper!AL$2:AL$366,ROUNDDOWN($C952/24,0)+1,1))-1)+IF('Standard Profiles'!$G$22=$B$10,7,0)+IF('Standard Profiles'!$G$22=$B$17,14,0)+IF('Standard Profiles'!$G$22=$B$24,21,0),0)),0)</f>
        <v>0</v>
      </c>
      <c r="I952">
        <f t="shared" si="118"/>
        <v>6.6393599727904622</v>
      </c>
      <c r="J952">
        <f t="shared" si="119"/>
        <v>21.752128464589738</v>
      </c>
      <c r="K952">
        <f t="shared" si="120"/>
        <v>0.69581153405110407</v>
      </c>
      <c r="L952">
        <f t="shared" si="121"/>
        <v>0.34790576702555204</v>
      </c>
      <c r="M952">
        <f t="shared" si="122"/>
        <v>0</v>
      </c>
      <c r="N952" s="45">
        <f t="shared" si="123"/>
        <v>44965.249999997774</v>
      </c>
    </row>
    <row r="953" spans="2:14" x14ac:dyDescent="0.25">
      <c r="B953">
        <f t="shared" si="117"/>
        <v>3</v>
      </c>
      <c r="C953" s="16">
        <v>919</v>
      </c>
      <c r="D953" cm="1">
        <f t="array" ref="D953">IFERROR(INDEX(Jesper!AH$2:AH$366,ROUNDDOWN($C953/24,0)+1,1)*INDEX($D$3:$AA$30,INDEX(Jesper!$R$2:$R$366,ROW(INDEX(Jesper!AH$2:AH$366,ROUNDDOWN($C953/24,0)+1,1))-1)+IF('Standard Profiles'!$G$18=$B$10,7,0)+IF('Standard Profiles'!$G$18=$B$17,14,0)+IF('Standard Profiles'!$G$18=$B$24,21,0),MOD($C953,24)+1)/SUM(INDEX($D$3:$AA$30,INDEX(Jesper!$R$2:$R$366,ROW(INDEX(Jesper!AH$2:AH$366,ROUNDDOWN($C953/24,0)+1,1))-1)+IF('Standard Profiles'!$G$18=$B$10,7,0)+IF('Standard Profiles'!$G$18=$B$17,14,0)+IF('Standard Profiles'!$G$18=$B$24,21,0),0)),0)</f>
        <v>26.666186347583501</v>
      </c>
      <c r="E953" cm="1">
        <f t="array" ref="E953">IFERROR(INDEX(Jesper!AI$2:AI$366,ROUNDDOWN($C953/24,0)+1,1)*INDEX($D$3:$AA$30,INDEX(Jesper!$R$2:$R$366,ROW(INDEX(Jesper!AI$2:AI$366,ROUNDDOWN($C953/24,0)+1,1))-1)+IF('Standard Profiles'!$G$19=$B$10,7,0)+IF('Standard Profiles'!$G$19=$B$17,14,0)+IF('Standard Profiles'!$G$19=$B$24,21,0),MOD($C953,24)+1)/SUM(INDEX($D$3:$AA$30,INDEX(Jesper!$R$2:$R$366,ROW(INDEX(Jesper!AI$2:AI$366,ROUNDDOWN($C953/24,0)+1,1))-1)+IF('Standard Profiles'!$G$19=$B$10,7,0)+IF('Standard Profiles'!$G$19=$B$17,14,0)+IF('Standard Profiles'!$G$19=$B$24,21,0),0)),0)</f>
        <v>37.117827645290518</v>
      </c>
      <c r="F953" cm="1">
        <f t="array" ref="F953">IFERROR(INDEX(Jesper!AJ$2:AJ$366,ROUNDDOWN($C953/24,0)+1,1)*INDEX($D$3:$AA$30,INDEX(Jesper!$R$2:$R$366,ROW(INDEX(Jesper!AJ$2:AJ$366,ROUNDDOWN($C953/24,0)+1,1))-1)+IF('Standard Profiles'!$G$20=$B$10,7,0)+IF('Standard Profiles'!$G$20=$B$17,14,0)+IF('Standard Profiles'!$G$20=$B$24,21,0),MOD($C953,24)+1)/SUM(INDEX($D$3:$AA$30,INDEX(Jesper!$R$2:$R$366,ROW(INDEX(Jesper!AJ$2:AJ$366,ROUNDDOWN($C953/24,0)+1,1))-1)+IF('Standard Profiles'!$G$20=$B$10,7,0)+IF('Standard Profiles'!$G$20=$B$17,14,0)+IF('Standard Profiles'!$G$20=$B$24,21,0),0)),0)</f>
        <v>0</v>
      </c>
      <c r="G953" cm="1">
        <f t="array" ref="G953">IFERROR(INDEX(Jesper!AK$2:AK$366,ROUNDDOWN($C953/24,0)+1,1)*INDEX($D$3:$AA$30,INDEX(Jesper!$R$2:$R$366,ROW(INDEX(Jesper!AK$2:AK$366,ROUNDDOWN($C953/24,0)+1,1))-1)+IF('Standard Profiles'!$G$21=$B$10,7,0)+IF('Standard Profiles'!$G$21=$B$17,14,0)+IF('Standard Profiles'!$G$21=$B$24,21,0),MOD($C953,24)+1)/SUM(INDEX($D$3:$AA$30,INDEX(Jesper!$R$2:$R$366,ROW(INDEX(Jesper!AK$2:AK$366,ROUNDDOWN($C953/24,0)+1,1))-1)+IF('Standard Profiles'!$G$21=$B$10,7,0)+IF('Standard Profiles'!$G$21=$B$17,14,0)+IF('Standard Profiles'!$G$21=$B$24,21,0),0)),0)</f>
        <v>38.107159843828605</v>
      </c>
      <c r="H953" cm="1">
        <f t="array" ref="H953">IFERROR(INDEX(Jesper!AL$2:AL$366,ROUNDDOWN($C953/24,0)+1,1)*INDEX($D$3:$AA$30,INDEX(Jesper!$R$2:$R$366,ROW(INDEX(Jesper!AL$2:AL$366,ROUNDDOWN($C953/24,0)+1,1))-1)+IF('Standard Profiles'!$G$22=$B$10,7,0)+IF('Standard Profiles'!$G$22=$B$17,14,0)+IF('Standard Profiles'!$G$22=$B$24,21,0),MOD($C953,24)+1)/SUM(INDEX($D$3:$AA$30,INDEX(Jesper!$R$2:$R$366,ROW(INDEX(Jesper!AL$2:AL$366,ROUNDDOWN($C953/24,0)+1,1))-1)+IF('Standard Profiles'!$G$22=$B$10,7,0)+IF('Standard Profiles'!$G$22=$B$17,14,0)+IF('Standard Profiles'!$G$22=$B$24,21,0),0)),0)</f>
        <v>0</v>
      </c>
      <c r="I953">
        <f t="shared" si="118"/>
        <v>18.29143672503772</v>
      </c>
      <c r="J953">
        <f t="shared" si="119"/>
        <v>79.33314729605155</v>
      </c>
      <c r="K953">
        <f t="shared" si="120"/>
        <v>2.8443932104089069</v>
      </c>
      <c r="L953">
        <f t="shared" si="121"/>
        <v>1.4221966052044535</v>
      </c>
      <c r="M953">
        <f t="shared" si="122"/>
        <v>0</v>
      </c>
      <c r="N953" s="45">
        <f t="shared" si="123"/>
        <v>44965.291666664438</v>
      </c>
    </row>
    <row r="954" spans="2:14" x14ac:dyDescent="0.25">
      <c r="B954">
        <f t="shared" si="117"/>
        <v>3</v>
      </c>
      <c r="C954" s="16">
        <v>920</v>
      </c>
      <c r="D954" cm="1">
        <f t="array" ref="D954">IFERROR(INDEX(Jesper!AH$2:AH$366,ROUNDDOWN($C954/24,0)+1,1)*INDEX($D$3:$AA$30,INDEX(Jesper!$R$2:$R$366,ROW(INDEX(Jesper!AH$2:AH$366,ROUNDDOWN($C954/24,0)+1,1))-1)+IF('Standard Profiles'!$G$18=$B$10,7,0)+IF('Standard Profiles'!$G$18=$B$17,14,0)+IF('Standard Profiles'!$G$18=$B$24,21,0),MOD($C954,24)+1)/SUM(INDEX($D$3:$AA$30,INDEX(Jesper!$R$2:$R$366,ROW(INDEX(Jesper!AH$2:AH$366,ROUNDDOWN($C954/24,0)+1,1))-1)+IF('Standard Profiles'!$G$18=$B$10,7,0)+IF('Standard Profiles'!$G$18=$B$17,14,0)+IF('Standard Profiles'!$G$18=$B$24,21,0),0)),0)</f>
        <v>29.753850029935279</v>
      </c>
      <c r="E954" cm="1">
        <f t="array" ref="E954">IFERROR(INDEX(Jesper!AI$2:AI$366,ROUNDDOWN($C954/24,0)+1,1)*INDEX($D$3:$AA$30,INDEX(Jesper!$R$2:$R$366,ROW(INDEX(Jesper!AI$2:AI$366,ROUNDDOWN($C954/24,0)+1,1))-1)+IF('Standard Profiles'!$G$19=$B$10,7,0)+IF('Standard Profiles'!$G$19=$B$17,14,0)+IF('Standard Profiles'!$G$19=$B$24,21,0),MOD($C954,24)+1)/SUM(INDEX($D$3:$AA$30,INDEX(Jesper!$R$2:$R$366,ROW(INDEX(Jesper!AI$2:AI$366,ROUNDDOWN($C954/24,0)+1,1))-1)+IF('Standard Profiles'!$G$19=$B$10,7,0)+IF('Standard Profiles'!$G$19=$B$17,14,0)+IF('Standard Profiles'!$G$19=$B$24,21,0),0)),0)</f>
        <v>41.415681372639952</v>
      </c>
      <c r="F954" cm="1">
        <f t="array" ref="F954">IFERROR(INDEX(Jesper!AJ$2:AJ$366,ROUNDDOWN($C954/24,0)+1,1)*INDEX($D$3:$AA$30,INDEX(Jesper!$R$2:$R$366,ROW(INDEX(Jesper!AJ$2:AJ$366,ROUNDDOWN($C954/24,0)+1,1))-1)+IF('Standard Profiles'!$G$20=$B$10,7,0)+IF('Standard Profiles'!$G$20=$B$17,14,0)+IF('Standard Profiles'!$G$20=$B$24,21,0),MOD($C954,24)+1)/SUM(INDEX($D$3:$AA$30,INDEX(Jesper!$R$2:$R$366,ROW(INDEX(Jesper!AJ$2:AJ$366,ROUNDDOWN($C954/24,0)+1,1))-1)+IF('Standard Profiles'!$G$20=$B$10,7,0)+IF('Standard Profiles'!$G$20=$B$17,14,0)+IF('Standard Profiles'!$G$20=$B$24,21,0),0)),0)</f>
        <v>0</v>
      </c>
      <c r="G954" cm="1">
        <f t="array" ref="G954">IFERROR(INDEX(Jesper!AK$2:AK$366,ROUNDDOWN($C954/24,0)+1,1)*INDEX($D$3:$AA$30,INDEX(Jesper!$R$2:$R$366,ROW(INDEX(Jesper!AK$2:AK$366,ROUNDDOWN($C954/24,0)+1,1))-1)+IF('Standard Profiles'!$G$21=$B$10,7,0)+IF('Standard Profiles'!$G$21=$B$17,14,0)+IF('Standard Profiles'!$G$21=$B$24,21,0),MOD($C954,24)+1)/SUM(INDEX($D$3:$AA$30,INDEX(Jesper!$R$2:$R$366,ROW(INDEX(Jesper!AK$2:AK$366,ROUNDDOWN($C954/24,0)+1,1))-1)+IF('Standard Profiles'!$G$21=$B$10,7,0)+IF('Standard Profiles'!$G$21=$B$17,14,0)+IF('Standard Profiles'!$G$21=$B$24,21,0),0)),0)</f>
        <v>42.519567825745604</v>
      </c>
      <c r="H954" cm="1">
        <f t="array" ref="H954">IFERROR(INDEX(Jesper!AL$2:AL$366,ROUNDDOWN($C954/24,0)+1,1)*INDEX($D$3:$AA$30,INDEX(Jesper!$R$2:$R$366,ROW(INDEX(Jesper!AL$2:AL$366,ROUNDDOWN($C954/24,0)+1,1))-1)+IF('Standard Profiles'!$G$22=$B$10,7,0)+IF('Standard Profiles'!$G$22=$B$17,14,0)+IF('Standard Profiles'!$G$22=$B$24,21,0),MOD($C954,24)+1)/SUM(INDEX($D$3:$AA$30,INDEX(Jesper!$R$2:$R$366,ROW(INDEX(Jesper!AL$2:AL$366,ROUNDDOWN($C954/24,0)+1,1))-1)+IF('Standard Profiles'!$G$22=$B$10,7,0)+IF('Standard Profiles'!$G$22=$B$17,14,0)+IF('Standard Profiles'!$G$22=$B$24,21,0),0)),0)</f>
        <v>0</v>
      </c>
      <c r="I954">
        <f t="shared" si="118"/>
        <v>20.409392556357879</v>
      </c>
      <c r="J954">
        <f t="shared" si="119"/>
        <v>88.519090667173316</v>
      </c>
      <c r="K954">
        <f t="shared" si="120"/>
        <v>3.1737440031930966</v>
      </c>
      <c r="L954">
        <f t="shared" si="121"/>
        <v>1.5868720015965483</v>
      </c>
      <c r="M954">
        <f t="shared" si="122"/>
        <v>0</v>
      </c>
      <c r="N954" s="45">
        <f t="shared" si="123"/>
        <v>44965.333333331102</v>
      </c>
    </row>
    <row r="955" spans="2:14" x14ac:dyDescent="0.25">
      <c r="B955">
        <f t="shared" si="117"/>
        <v>3</v>
      </c>
      <c r="C955" s="16">
        <v>921</v>
      </c>
      <c r="D955" cm="1">
        <f t="array" ref="D955">IFERROR(INDEX(Jesper!AH$2:AH$366,ROUNDDOWN($C955/24,0)+1,1)*INDEX($D$3:$AA$30,INDEX(Jesper!$R$2:$R$366,ROW(INDEX(Jesper!AH$2:AH$366,ROUNDDOWN($C955/24,0)+1,1))-1)+IF('Standard Profiles'!$G$18=$B$10,7,0)+IF('Standard Profiles'!$G$18=$B$17,14,0)+IF('Standard Profiles'!$G$18=$B$24,21,0),MOD($C955,24)+1)/SUM(INDEX($D$3:$AA$30,INDEX(Jesper!$R$2:$R$366,ROW(INDEX(Jesper!AH$2:AH$366,ROUNDDOWN($C955/24,0)+1,1))-1)+IF('Standard Profiles'!$G$18=$B$10,7,0)+IF('Standard Profiles'!$G$18=$B$17,14,0)+IF('Standard Profiles'!$G$18=$B$24,21,0),0)),0)</f>
        <v>32.841513712287053</v>
      </c>
      <c r="E955" cm="1">
        <f t="array" ref="E955">IFERROR(INDEX(Jesper!AI$2:AI$366,ROUNDDOWN($C955/24,0)+1,1)*INDEX($D$3:$AA$30,INDEX(Jesper!$R$2:$R$366,ROW(INDEX(Jesper!AI$2:AI$366,ROUNDDOWN($C955/24,0)+1,1))-1)+IF('Standard Profiles'!$G$19=$B$10,7,0)+IF('Standard Profiles'!$G$19=$B$17,14,0)+IF('Standard Profiles'!$G$19=$B$24,21,0),MOD($C955,24)+1)/SUM(INDEX($D$3:$AA$30,INDEX(Jesper!$R$2:$R$366,ROW(INDEX(Jesper!AI$2:AI$366,ROUNDDOWN($C955/24,0)+1,1))-1)+IF('Standard Profiles'!$G$19=$B$10,7,0)+IF('Standard Profiles'!$G$19=$B$17,14,0)+IF('Standard Profiles'!$G$19=$B$24,21,0),0)),0)</f>
        <v>45.713535099989386</v>
      </c>
      <c r="F955" cm="1">
        <f t="array" ref="F955">IFERROR(INDEX(Jesper!AJ$2:AJ$366,ROUNDDOWN($C955/24,0)+1,1)*INDEX($D$3:$AA$30,INDEX(Jesper!$R$2:$R$366,ROW(INDEX(Jesper!AJ$2:AJ$366,ROUNDDOWN($C955/24,0)+1,1))-1)+IF('Standard Profiles'!$G$20=$B$10,7,0)+IF('Standard Profiles'!$G$20=$B$17,14,0)+IF('Standard Profiles'!$G$20=$B$24,21,0),MOD($C955,24)+1)/SUM(INDEX($D$3:$AA$30,INDEX(Jesper!$R$2:$R$366,ROW(INDEX(Jesper!AJ$2:AJ$366,ROUNDDOWN($C955/24,0)+1,1))-1)+IF('Standard Profiles'!$G$20=$B$10,7,0)+IF('Standard Profiles'!$G$20=$B$17,14,0)+IF('Standard Profiles'!$G$20=$B$24,21,0),0)),0)</f>
        <v>0</v>
      </c>
      <c r="G955" cm="1">
        <f t="array" ref="G955">IFERROR(INDEX(Jesper!AK$2:AK$366,ROUNDDOWN($C955/24,0)+1,1)*INDEX($D$3:$AA$30,INDEX(Jesper!$R$2:$R$366,ROW(INDEX(Jesper!AK$2:AK$366,ROUNDDOWN($C955/24,0)+1,1))-1)+IF('Standard Profiles'!$G$21=$B$10,7,0)+IF('Standard Profiles'!$G$21=$B$17,14,0)+IF('Standard Profiles'!$G$21=$B$24,21,0),MOD($C955,24)+1)/SUM(INDEX($D$3:$AA$30,INDEX(Jesper!$R$2:$R$366,ROW(INDEX(Jesper!AK$2:AK$366,ROUNDDOWN($C955/24,0)+1,1))-1)+IF('Standard Profiles'!$G$21=$B$10,7,0)+IF('Standard Profiles'!$G$21=$B$17,14,0)+IF('Standard Profiles'!$G$21=$B$24,21,0),0)),0)</f>
        <v>46.931975807662596</v>
      </c>
      <c r="H955" cm="1">
        <f t="array" ref="H955">IFERROR(INDEX(Jesper!AL$2:AL$366,ROUNDDOWN($C955/24,0)+1,1)*INDEX($D$3:$AA$30,INDEX(Jesper!$R$2:$R$366,ROW(INDEX(Jesper!AL$2:AL$366,ROUNDDOWN($C955/24,0)+1,1))-1)+IF('Standard Profiles'!$G$22=$B$10,7,0)+IF('Standard Profiles'!$G$22=$B$17,14,0)+IF('Standard Profiles'!$G$22=$B$24,21,0),MOD($C955,24)+1)/SUM(INDEX($D$3:$AA$30,INDEX(Jesper!$R$2:$R$366,ROW(INDEX(Jesper!AL$2:AL$366,ROUNDDOWN($C955/24,0)+1,1))-1)+IF('Standard Profiles'!$G$22=$B$10,7,0)+IF('Standard Profiles'!$G$22=$B$17,14,0)+IF('Standard Profiles'!$G$22=$B$24,21,0),0)),0)</f>
        <v>0</v>
      </c>
      <c r="I955">
        <f t="shared" si="118"/>
        <v>22.527348387678035</v>
      </c>
      <c r="J955">
        <f t="shared" si="119"/>
        <v>97.705034038295082</v>
      </c>
      <c r="K955">
        <f t="shared" si="120"/>
        <v>3.5030947959772858</v>
      </c>
      <c r="L955">
        <f t="shared" si="121"/>
        <v>1.7515473979886429</v>
      </c>
      <c r="M955">
        <f t="shared" si="122"/>
        <v>0</v>
      </c>
      <c r="N955" s="45">
        <f t="shared" si="123"/>
        <v>44965.374999997766</v>
      </c>
    </row>
    <row r="956" spans="2:14" x14ac:dyDescent="0.25">
      <c r="B956">
        <f t="shared" si="117"/>
        <v>3</v>
      </c>
      <c r="C956" s="16">
        <v>922</v>
      </c>
      <c r="D956" cm="1">
        <f t="array" ref="D956">IFERROR(INDEX(Jesper!AH$2:AH$366,ROUNDDOWN($C956/24,0)+1,1)*INDEX($D$3:$AA$30,INDEX(Jesper!$R$2:$R$366,ROW(INDEX(Jesper!AH$2:AH$366,ROUNDDOWN($C956/24,0)+1,1))-1)+IF('Standard Profiles'!$G$18=$B$10,7,0)+IF('Standard Profiles'!$G$18=$B$17,14,0)+IF('Standard Profiles'!$G$18=$B$24,21,0),MOD($C956,24)+1)/SUM(INDEX($D$3:$AA$30,INDEX(Jesper!$R$2:$R$366,ROW(INDEX(Jesper!AH$2:AH$366,ROUNDDOWN($C956/24,0)+1,1))-1)+IF('Standard Profiles'!$G$18=$B$10,7,0)+IF('Standard Profiles'!$G$18=$B$17,14,0)+IF('Standard Profiles'!$G$18=$B$24,21,0),0)),0)</f>
        <v>32.841513712287053</v>
      </c>
      <c r="E956" cm="1">
        <f t="array" ref="E956">IFERROR(INDEX(Jesper!AI$2:AI$366,ROUNDDOWN($C956/24,0)+1,1)*INDEX($D$3:$AA$30,INDEX(Jesper!$R$2:$R$366,ROW(INDEX(Jesper!AI$2:AI$366,ROUNDDOWN($C956/24,0)+1,1))-1)+IF('Standard Profiles'!$G$19=$B$10,7,0)+IF('Standard Profiles'!$G$19=$B$17,14,0)+IF('Standard Profiles'!$G$19=$B$24,21,0),MOD($C956,24)+1)/SUM(INDEX($D$3:$AA$30,INDEX(Jesper!$R$2:$R$366,ROW(INDEX(Jesper!AI$2:AI$366,ROUNDDOWN($C956/24,0)+1,1))-1)+IF('Standard Profiles'!$G$19=$B$10,7,0)+IF('Standard Profiles'!$G$19=$B$17,14,0)+IF('Standard Profiles'!$G$19=$B$24,21,0),0)),0)</f>
        <v>45.713535099989386</v>
      </c>
      <c r="F956" cm="1">
        <f t="array" ref="F956">IFERROR(INDEX(Jesper!AJ$2:AJ$366,ROUNDDOWN($C956/24,0)+1,1)*INDEX($D$3:$AA$30,INDEX(Jesper!$R$2:$R$366,ROW(INDEX(Jesper!AJ$2:AJ$366,ROUNDDOWN($C956/24,0)+1,1))-1)+IF('Standard Profiles'!$G$20=$B$10,7,0)+IF('Standard Profiles'!$G$20=$B$17,14,0)+IF('Standard Profiles'!$G$20=$B$24,21,0),MOD($C956,24)+1)/SUM(INDEX($D$3:$AA$30,INDEX(Jesper!$R$2:$R$366,ROW(INDEX(Jesper!AJ$2:AJ$366,ROUNDDOWN($C956/24,0)+1,1))-1)+IF('Standard Profiles'!$G$20=$B$10,7,0)+IF('Standard Profiles'!$G$20=$B$17,14,0)+IF('Standard Profiles'!$G$20=$B$24,21,0),0)),0)</f>
        <v>0</v>
      </c>
      <c r="G956" cm="1">
        <f t="array" ref="G956">IFERROR(INDEX(Jesper!AK$2:AK$366,ROUNDDOWN($C956/24,0)+1,1)*INDEX($D$3:$AA$30,INDEX(Jesper!$R$2:$R$366,ROW(INDEX(Jesper!AK$2:AK$366,ROUNDDOWN($C956/24,0)+1,1))-1)+IF('Standard Profiles'!$G$21=$B$10,7,0)+IF('Standard Profiles'!$G$21=$B$17,14,0)+IF('Standard Profiles'!$G$21=$B$24,21,0),MOD($C956,24)+1)/SUM(INDEX($D$3:$AA$30,INDEX(Jesper!$R$2:$R$366,ROW(INDEX(Jesper!AK$2:AK$366,ROUNDDOWN($C956/24,0)+1,1))-1)+IF('Standard Profiles'!$G$21=$B$10,7,0)+IF('Standard Profiles'!$G$21=$B$17,14,0)+IF('Standard Profiles'!$G$21=$B$24,21,0),0)),0)</f>
        <v>46.931975807662596</v>
      </c>
      <c r="H956" cm="1">
        <f t="array" ref="H956">IFERROR(INDEX(Jesper!AL$2:AL$366,ROUNDDOWN($C956/24,0)+1,1)*INDEX($D$3:$AA$30,INDEX(Jesper!$R$2:$R$366,ROW(INDEX(Jesper!AL$2:AL$366,ROUNDDOWN($C956/24,0)+1,1))-1)+IF('Standard Profiles'!$G$22=$B$10,7,0)+IF('Standard Profiles'!$G$22=$B$17,14,0)+IF('Standard Profiles'!$G$22=$B$24,21,0),MOD($C956,24)+1)/SUM(INDEX($D$3:$AA$30,INDEX(Jesper!$R$2:$R$366,ROW(INDEX(Jesper!AL$2:AL$366,ROUNDDOWN($C956/24,0)+1,1))-1)+IF('Standard Profiles'!$G$22=$B$10,7,0)+IF('Standard Profiles'!$G$22=$B$17,14,0)+IF('Standard Profiles'!$G$22=$B$24,21,0),0)),0)</f>
        <v>0</v>
      </c>
      <c r="I956">
        <f t="shared" si="118"/>
        <v>22.527348387678035</v>
      </c>
      <c r="J956">
        <f t="shared" si="119"/>
        <v>97.705034038295082</v>
      </c>
      <c r="K956">
        <f t="shared" si="120"/>
        <v>3.5030947959772858</v>
      </c>
      <c r="L956">
        <f t="shared" si="121"/>
        <v>1.7515473979886429</v>
      </c>
      <c r="M956">
        <f t="shared" si="122"/>
        <v>0</v>
      </c>
      <c r="N956" s="45">
        <f t="shared" si="123"/>
        <v>44965.416666664431</v>
      </c>
    </row>
    <row r="957" spans="2:14" x14ac:dyDescent="0.25">
      <c r="B957">
        <f t="shared" si="117"/>
        <v>3</v>
      </c>
      <c r="C957" s="16">
        <v>923</v>
      </c>
      <c r="D957" cm="1">
        <f t="array" ref="D957">IFERROR(INDEX(Jesper!AH$2:AH$366,ROUNDDOWN($C957/24,0)+1,1)*INDEX($D$3:$AA$30,INDEX(Jesper!$R$2:$R$366,ROW(INDEX(Jesper!AH$2:AH$366,ROUNDDOWN($C957/24,0)+1,1))-1)+IF('Standard Profiles'!$G$18=$B$10,7,0)+IF('Standard Profiles'!$G$18=$B$17,14,0)+IF('Standard Profiles'!$G$18=$B$24,21,0),MOD($C957,24)+1)/SUM(INDEX($D$3:$AA$30,INDEX(Jesper!$R$2:$R$366,ROW(INDEX(Jesper!AH$2:AH$366,ROUNDDOWN($C957/24,0)+1,1))-1)+IF('Standard Profiles'!$G$18=$B$10,7,0)+IF('Standard Profiles'!$G$18=$B$17,14,0)+IF('Standard Profiles'!$G$18=$B$24,21,0),0)),0)</f>
        <v>39.297537775386211</v>
      </c>
      <c r="E957" cm="1">
        <f t="array" ref="E957">IFERROR(INDEX(Jesper!AI$2:AI$366,ROUNDDOWN($C957/24,0)+1,1)*INDEX($D$3:$AA$30,INDEX(Jesper!$R$2:$R$366,ROW(INDEX(Jesper!AI$2:AI$366,ROUNDDOWN($C957/24,0)+1,1))-1)+IF('Standard Profiles'!$G$19=$B$10,7,0)+IF('Standard Profiles'!$G$19=$B$17,14,0)+IF('Standard Profiles'!$G$19=$B$24,21,0),MOD($C957,24)+1)/SUM(INDEX($D$3:$AA$30,INDEX(Jesper!$R$2:$R$366,ROW(INDEX(Jesper!AI$2:AI$366,ROUNDDOWN($C957/24,0)+1,1))-1)+IF('Standard Profiles'!$G$19=$B$10,7,0)+IF('Standard Profiles'!$G$19=$B$17,14,0)+IF('Standard Profiles'!$G$19=$B$24,21,0),0)),0)</f>
        <v>54.699956529901819</v>
      </c>
      <c r="F957" cm="1">
        <f t="array" ref="F957">IFERROR(INDEX(Jesper!AJ$2:AJ$366,ROUNDDOWN($C957/24,0)+1,1)*INDEX($D$3:$AA$30,INDEX(Jesper!$R$2:$R$366,ROW(INDEX(Jesper!AJ$2:AJ$366,ROUNDDOWN($C957/24,0)+1,1))-1)+IF('Standard Profiles'!$G$20=$B$10,7,0)+IF('Standard Profiles'!$G$20=$B$17,14,0)+IF('Standard Profiles'!$G$20=$B$24,21,0),MOD($C957,24)+1)/SUM(INDEX($D$3:$AA$30,INDEX(Jesper!$R$2:$R$366,ROW(INDEX(Jesper!AJ$2:AJ$366,ROUNDDOWN($C957/24,0)+1,1))-1)+IF('Standard Profiles'!$G$20=$B$10,7,0)+IF('Standard Profiles'!$G$20=$B$17,14,0)+IF('Standard Profiles'!$G$20=$B$24,21,0),0)),0)</f>
        <v>0</v>
      </c>
      <c r="G957" cm="1">
        <f t="array" ref="G957">IFERROR(INDEX(Jesper!AK$2:AK$366,ROUNDDOWN($C957/24,0)+1,1)*INDEX($D$3:$AA$30,INDEX(Jesper!$R$2:$R$366,ROW(INDEX(Jesper!AK$2:AK$366,ROUNDDOWN($C957/24,0)+1,1))-1)+IF('Standard Profiles'!$G$21=$B$10,7,0)+IF('Standard Profiles'!$G$21=$B$17,14,0)+IF('Standard Profiles'!$G$21=$B$24,21,0),MOD($C957,24)+1)/SUM(INDEX($D$3:$AA$30,INDEX(Jesper!$R$2:$R$366,ROW(INDEX(Jesper!AK$2:AK$366,ROUNDDOWN($C957/24,0)+1,1))-1)+IF('Standard Profiles'!$G$21=$B$10,7,0)+IF('Standard Profiles'!$G$21=$B$17,14,0)+IF('Standard Profiles'!$G$21=$B$24,21,0),0)),0)</f>
        <v>56.157919769852676</v>
      </c>
      <c r="H957" cm="1">
        <f t="array" ref="H957">IFERROR(INDEX(Jesper!AL$2:AL$366,ROUNDDOWN($C957/24,0)+1,1)*INDEX($D$3:$AA$30,INDEX(Jesper!$R$2:$R$366,ROW(INDEX(Jesper!AL$2:AL$366,ROUNDDOWN($C957/24,0)+1,1))-1)+IF('Standard Profiles'!$G$22=$B$10,7,0)+IF('Standard Profiles'!$G$22=$B$17,14,0)+IF('Standard Profiles'!$G$22=$B$24,21,0),MOD($C957,24)+1)/SUM(INDEX($D$3:$AA$30,INDEX(Jesper!$R$2:$R$366,ROW(INDEX(Jesper!AL$2:AL$366,ROUNDDOWN($C957/24,0)+1,1))-1)+IF('Standard Profiles'!$G$22=$B$10,7,0)+IF('Standard Profiles'!$G$22=$B$17,14,0)+IF('Standard Profiles'!$G$22=$B$24,21,0),0)),0)</f>
        <v>0</v>
      </c>
      <c r="I957">
        <f t="shared" si="118"/>
        <v>26.955801489529271</v>
      </c>
      <c r="J957">
        <f t="shared" si="119"/>
        <v>116.91200654154964</v>
      </c>
      <c r="K957">
        <f t="shared" si="120"/>
        <v>4.1917373627078627</v>
      </c>
      <c r="L957">
        <f t="shared" si="121"/>
        <v>2.0958686813539313</v>
      </c>
      <c r="M957">
        <f t="shared" si="122"/>
        <v>0</v>
      </c>
      <c r="N957" s="45">
        <f t="shared" si="123"/>
        <v>44965.458333331095</v>
      </c>
    </row>
    <row r="958" spans="2:14" x14ac:dyDescent="0.25">
      <c r="B958">
        <f t="shared" si="117"/>
        <v>3</v>
      </c>
      <c r="C958" s="16">
        <v>924</v>
      </c>
      <c r="D958" cm="1">
        <f t="array" ref="D958">IFERROR(INDEX(Jesper!AH$2:AH$366,ROUNDDOWN($C958/24,0)+1,1)*INDEX($D$3:$AA$30,INDEX(Jesper!$R$2:$R$366,ROW(INDEX(Jesper!AH$2:AH$366,ROUNDDOWN($C958/24,0)+1,1))-1)+IF('Standard Profiles'!$G$18=$B$10,7,0)+IF('Standard Profiles'!$G$18=$B$17,14,0)+IF('Standard Profiles'!$G$18=$B$24,21,0),MOD($C958,24)+1)/SUM(INDEX($D$3:$AA$30,INDEX(Jesper!$R$2:$R$366,ROW(INDEX(Jesper!AH$2:AH$366,ROUNDDOWN($C958/24,0)+1,1))-1)+IF('Standard Profiles'!$G$18=$B$10,7,0)+IF('Standard Profiles'!$G$18=$B$17,14,0)+IF('Standard Profiles'!$G$18=$B$24,21,0),0)),0)</f>
        <v>39.297537775386211</v>
      </c>
      <c r="E958" cm="1">
        <f t="array" ref="E958">IFERROR(INDEX(Jesper!AI$2:AI$366,ROUNDDOWN($C958/24,0)+1,1)*INDEX($D$3:$AA$30,INDEX(Jesper!$R$2:$R$366,ROW(INDEX(Jesper!AI$2:AI$366,ROUNDDOWN($C958/24,0)+1,1))-1)+IF('Standard Profiles'!$G$19=$B$10,7,0)+IF('Standard Profiles'!$G$19=$B$17,14,0)+IF('Standard Profiles'!$G$19=$B$24,21,0),MOD($C958,24)+1)/SUM(INDEX($D$3:$AA$30,INDEX(Jesper!$R$2:$R$366,ROW(INDEX(Jesper!AI$2:AI$366,ROUNDDOWN($C958/24,0)+1,1))-1)+IF('Standard Profiles'!$G$19=$B$10,7,0)+IF('Standard Profiles'!$G$19=$B$17,14,0)+IF('Standard Profiles'!$G$19=$B$24,21,0),0)),0)</f>
        <v>54.699956529901819</v>
      </c>
      <c r="F958" cm="1">
        <f t="array" ref="F958">IFERROR(INDEX(Jesper!AJ$2:AJ$366,ROUNDDOWN($C958/24,0)+1,1)*INDEX($D$3:$AA$30,INDEX(Jesper!$R$2:$R$366,ROW(INDEX(Jesper!AJ$2:AJ$366,ROUNDDOWN($C958/24,0)+1,1))-1)+IF('Standard Profiles'!$G$20=$B$10,7,0)+IF('Standard Profiles'!$G$20=$B$17,14,0)+IF('Standard Profiles'!$G$20=$B$24,21,0),MOD($C958,24)+1)/SUM(INDEX($D$3:$AA$30,INDEX(Jesper!$R$2:$R$366,ROW(INDEX(Jesper!AJ$2:AJ$366,ROUNDDOWN($C958/24,0)+1,1))-1)+IF('Standard Profiles'!$G$20=$B$10,7,0)+IF('Standard Profiles'!$G$20=$B$17,14,0)+IF('Standard Profiles'!$G$20=$B$24,21,0),0)),0)</f>
        <v>0</v>
      </c>
      <c r="G958" cm="1">
        <f t="array" ref="G958">IFERROR(INDEX(Jesper!AK$2:AK$366,ROUNDDOWN($C958/24,0)+1,1)*INDEX($D$3:$AA$30,INDEX(Jesper!$R$2:$R$366,ROW(INDEX(Jesper!AK$2:AK$366,ROUNDDOWN($C958/24,0)+1,1))-1)+IF('Standard Profiles'!$G$21=$B$10,7,0)+IF('Standard Profiles'!$G$21=$B$17,14,0)+IF('Standard Profiles'!$G$21=$B$24,21,0),MOD($C958,24)+1)/SUM(INDEX($D$3:$AA$30,INDEX(Jesper!$R$2:$R$366,ROW(INDEX(Jesper!AK$2:AK$366,ROUNDDOWN($C958/24,0)+1,1))-1)+IF('Standard Profiles'!$G$21=$B$10,7,0)+IF('Standard Profiles'!$G$21=$B$17,14,0)+IF('Standard Profiles'!$G$21=$B$24,21,0),0)),0)</f>
        <v>56.157919769852676</v>
      </c>
      <c r="H958" cm="1">
        <f t="array" ref="H958">IFERROR(INDEX(Jesper!AL$2:AL$366,ROUNDDOWN($C958/24,0)+1,1)*INDEX($D$3:$AA$30,INDEX(Jesper!$R$2:$R$366,ROW(INDEX(Jesper!AL$2:AL$366,ROUNDDOWN($C958/24,0)+1,1))-1)+IF('Standard Profiles'!$G$22=$B$10,7,0)+IF('Standard Profiles'!$G$22=$B$17,14,0)+IF('Standard Profiles'!$G$22=$B$24,21,0),MOD($C958,24)+1)/SUM(INDEX($D$3:$AA$30,INDEX(Jesper!$R$2:$R$366,ROW(INDEX(Jesper!AL$2:AL$366,ROUNDDOWN($C958/24,0)+1,1))-1)+IF('Standard Profiles'!$G$22=$B$10,7,0)+IF('Standard Profiles'!$G$22=$B$17,14,0)+IF('Standard Profiles'!$G$22=$B$24,21,0),0)),0)</f>
        <v>0</v>
      </c>
      <c r="I958">
        <f t="shared" si="118"/>
        <v>26.955801489529271</v>
      </c>
      <c r="J958">
        <f t="shared" si="119"/>
        <v>116.91200654154964</v>
      </c>
      <c r="K958">
        <f t="shared" si="120"/>
        <v>4.1917373627078627</v>
      </c>
      <c r="L958">
        <f t="shared" si="121"/>
        <v>2.0958686813539313</v>
      </c>
      <c r="M958">
        <f t="shared" si="122"/>
        <v>0</v>
      </c>
      <c r="N958" s="45">
        <f t="shared" si="123"/>
        <v>44965.499999997759</v>
      </c>
    </row>
    <row r="959" spans="2:14" x14ac:dyDescent="0.25">
      <c r="B959">
        <f t="shared" si="117"/>
        <v>3</v>
      </c>
      <c r="C959" s="16">
        <v>925</v>
      </c>
      <c r="D959" cm="1">
        <f t="array" ref="D959">IFERROR(INDEX(Jesper!AH$2:AH$366,ROUNDDOWN($C959/24,0)+1,1)*INDEX($D$3:$AA$30,INDEX(Jesper!$R$2:$R$366,ROW(INDEX(Jesper!AH$2:AH$366,ROUNDDOWN($C959/24,0)+1,1))-1)+IF('Standard Profiles'!$G$18=$B$10,7,0)+IF('Standard Profiles'!$G$18=$B$17,14,0)+IF('Standard Profiles'!$G$18=$B$24,21,0),MOD($C959,24)+1)/SUM(INDEX($D$3:$AA$30,INDEX(Jesper!$R$2:$R$366,ROW(INDEX(Jesper!AH$2:AH$366,ROUNDDOWN($C959/24,0)+1,1))-1)+IF('Standard Profiles'!$G$18=$B$10,7,0)+IF('Standard Profiles'!$G$18=$B$17,14,0)+IF('Standard Profiles'!$G$18=$B$24,21,0),0)),0)</f>
        <v>26.10479295079227</v>
      </c>
      <c r="E959" cm="1">
        <f t="array" ref="E959">IFERROR(INDEX(Jesper!AI$2:AI$366,ROUNDDOWN($C959/24,0)+1,1)*INDEX($D$3:$AA$30,INDEX(Jesper!$R$2:$R$366,ROW(INDEX(Jesper!AI$2:AI$366,ROUNDDOWN($C959/24,0)+1,1))-1)+IF('Standard Profiles'!$G$19=$B$10,7,0)+IF('Standard Profiles'!$G$19=$B$17,14,0)+IF('Standard Profiles'!$G$19=$B$24,21,0),MOD($C959,24)+1)/SUM(INDEX($D$3:$AA$30,INDEX(Jesper!$R$2:$R$366,ROW(INDEX(Jesper!AI$2:AI$366,ROUNDDOWN($C959/24,0)+1,1))-1)+IF('Standard Profiles'!$G$19=$B$10,7,0)+IF('Standard Profiles'!$G$19=$B$17,14,0)+IF('Standard Profiles'!$G$19=$B$24,21,0),0)),0)</f>
        <v>36.336399694863353</v>
      </c>
      <c r="F959" cm="1">
        <f t="array" ref="F959">IFERROR(INDEX(Jesper!AJ$2:AJ$366,ROUNDDOWN($C959/24,0)+1,1)*INDEX($D$3:$AA$30,INDEX(Jesper!$R$2:$R$366,ROW(INDEX(Jesper!AJ$2:AJ$366,ROUNDDOWN($C959/24,0)+1,1))-1)+IF('Standard Profiles'!$G$20=$B$10,7,0)+IF('Standard Profiles'!$G$20=$B$17,14,0)+IF('Standard Profiles'!$G$20=$B$24,21,0),MOD($C959,24)+1)/SUM(INDEX($D$3:$AA$30,INDEX(Jesper!$R$2:$R$366,ROW(INDEX(Jesper!AJ$2:AJ$366,ROUNDDOWN($C959/24,0)+1,1))-1)+IF('Standard Profiles'!$G$20=$B$10,7,0)+IF('Standard Profiles'!$G$20=$B$17,14,0)+IF('Standard Profiles'!$G$20=$B$24,21,0),0)),0)</f>
        <v>0</v>
      </c>
      <c r="G959" cm="1">
        <f t="array" ref="G959">IFERROR(INDEX(Jesper!AK$2:AK$366,ROUNDDOWN($C959/24,0)+1,1)*INDEX($D$3:$AA$30,INDEX(Jesper!$R$2:$R$366,ROW(INDEX(Jesper!AK$2:AK$366,ROUNDDOWN($C959/24,0)+1,1))-1)+IF('Standard Profiles'!$G$21=$B$10,7,0)+IF('Standard Profiles'!$G$21=$B$17,14,0)+IF('Standard Profiles'!$G$21=$B$24,21,0),MOD($C959,24)+1)/SUM(INDEX($D$3:$AA$30,INDEX(Jesper!$R$2:$R$366,ROW(INDEX(Jesper!AK$2:AK$366,ROUNDDOWN($C959/24,0)+1,1))-1)+IF('Standard Profiles'!$G$21=$B$10,7,0)+IF('Standard Profiles'!$G$21=$B$17,14,0)+IF('Standard Profiles'!$G$21=$B$24,21,0),0)),0)</f>
        <v>37.304903847116421</v>
      </c>
      <c r="H959" cm="1">
        <f t="array" ref="H959">IFERROR(INDEX(Jesper!AL$2:AL$366,ROUNDDOWN($C959/24,0)+1,1)*INDEX($D$3:$AA$30,INDEX(Jesper!$R$2:$R$366,ROW(INDEX(Jesper!AL$2:AL$366,ROUNDDOWN($C959/24,0)+1,1))-1)+IF('Standard Profiles'!$G$22=$B$10,7,0)+IF('Standard Profiles'!$G$22=$B$17,14,0)+IF('Standard Profiles'!$G$22=$B$24,21,0),MOD($C959,24)+1)/SUM(INDEX($D$3:$AA$30,INDEX(Jesper!$R$2:$R$366,ROW(INDEX(Jesper!AL$2:AL$366,ROUNDDOWN($C959/24,0)+1,1))-1)+IF('Standard Profiles'!$G$22=$B$10,7,0)+IF('Standard Profiles'!$G$22=$B$17,14,0)+IF('Standard Profiles'!$G$22=$B$24,21,0),0)),0)</f>
        <v>0</v>
      </c>
      <c r="I959">
        <f t="shared" si="118"/>
        <v>17.906353846615872</v>
      </c>
      <c r="J959">
        <f t="shared" si="119"/>
        <v>77.662975774029405</v>
      </c>
      <c r="K959">
        <f t="shared" si="120"/>
        <v>2.7845112480845091</v>
      </c>
      <c r="L959">
        <f t="shared" si="121"/>
        <v>1.3922556240422546</v>
      </c>
      <c r="M959">
        <f t="shared" si="122"/>
        <v>0</v>
      </c>
      <c r="N959" s="45">
        <f t="shared" si="123"/>
        <v>44965.541666664423</v>
      </c>
    </row>
    <row r="960" spans="2:14" x14ac:dyDescent="0.25">
      <c r="B960">
        <f t="shared" si="117"/>
        <v>3</v>
      </c>
      <c r="C960" s="16">
        <v>926</v>
      </c>
      <c r="D960" cm="1">
        <f t="array" ref="D960">IFERROR(INDEX(Jesper!AH$2:AH$366,ROUNDDOWN($C960/24,0)+1,1)*INDEX($D$3:$AA$30,INDEX(Jesper!$R$2:$R$366,ROW(INDEX(Jesper!AH$2:AH$366,ROUNDDOWN($C960/24,0)+1,1))-1)+IF('Standard Profiles'!$G$18=$B$10,7,0)+IF('Standard Profiles'!$G$18=$B$17,14,0)+IF('Standard Profiles'!$G$18=$B$24,21,0),MOD($C960,24)+1)/SUM(INDEX($D$3:$AA$30,INDEX(Jesper!$R$2:$R$366,ROW(INDEX(Jesper!AH$2:AH$366,ROUNDDOWN($C960/24,0)+1,1))-1)+IF('Standard Profiles'!$G$18=$B$10,7,0)+IF('Standard Profiles'!$G$18=$B$17,14,0)+IF('Standard Profiles'!$G$18=$B$24,21,0),0)),0)</f>
        <v>39.297537775386211</v>
      </c>
      <c r="E960" cm="1">
        <f t="array" ref="E960">IFERROR(INDEX(Jesper!AI$2:AI$366,ROUNDDOWN($C960/24,0)+1,1)*INDEX($D$3:$AA$30,INDEX(Jesper!$R$2:$R$366,ROW(INDEX(Jesper!AI$2:AI$366,ROUNDDOWN($C960/24,0)+1,1))-1)+IF('Standard Profiles'!$G$19=$B$10,7,0)+IF('Standard Profiles'!$G$19=$B$17,14,0)+IF('Standard Profiles'!$G$19=$B$24,21,0),MOD($C960,24)+1)/SUM(INDEX($D$3:$AA$30,INDEX(Jesper!$R$2:$R$366,ROW(INDEX(Jesper!AI$2:AI$366,ROUNDDOWN($C960/24,0)+1,1))-1)+IF('Standard Profiles'!$G$19=$B$10,7,0)+IF('Standard Profiles'!$G$19=$B$17,14,0)+IF('Standard Profiles'!$G$19=$B$24,21,0),0)),0)</f>
        <v>54.699956529901819</v>
      </c>
      <c r="F960" cm="1">
        <f t="array" ref="F960">IFERROR(INDEX(Jesper!AJ$2:AJ$366,ROUNDDOWN($C960/24,0)+1,1)*INDEX($D$3:$AA$30,INDEX(Jesper!$R$2:$R$366,ROW(INDEX(Jesper!AJ$2:AJ$366,ROUNDDOWN($C960/24,0)+1,1))-1)+IF('Standard Profiles'!$G$20=$B$10,7,0)+IF('Standard Profiles'!$G$20=$B$17,14,0)+IF('Standard Profiles'!$G$20=$B$24,21,0),MOD($C960,24)+1)/SUM(INDEX($D$3:$AA$30,INDEX(Jesper!$R$2:$R$366,ROW(INDEX(Jesper!AJ$2:AJ$366,ROUNDDOWN($C960/24,0)+1,1))-1)+IF('Standard Profiles'!$G$20=$B$10,7,0)+IF('Standard Profiles'!$G$20=$B$17,14,0)+IF('Standard Profiles'!$G$20=$B$24,21,0),0)),0)</f>
        <v>0</v>
      </c>
      <c r="G960" cm="1">
        <f t="array" ref="G960">IFERROR(INDEX(Jesper!AK$2:AK$366,ROUNDDOWN($C960/24,0)+1,1)*INDEX($D$3:$AA$30,INDEX(Jesper!$R$2:$R$366,ROW(INDEX(Jesper!AK$2:AK$366,ROUNDDOWN($C960/24,0)+1,1))-1)+IF('Standard Profiles'!$G$21=$B$10,7,0)+IF('Standard Profiles'!$G$21=$B$17,14,0)+IF('Standard Profiles'!$G$21=$B$24,21,0),MOD($C960,24)+1)/SUM(INDEX($D$3:$AA$30,INDEX(Jesper!$R$2:$R$366,ROW(INDEX(Jesper!AK$2:AK$366,ROUNDDOWN($C960/24,0)+1,1))-1)+IF('Standard Profiles'!$G$21=$B$10,7,0)+IF('Standard Profiles'!$G$21=$B$17,14,0)+IF('Standard Profiles'!$G$21=$B$24,21,0),0)),0)</f>
        <v>56.157919769852676</v>
      </c>
      <c r="H960" cm="1">
        <f t="array" ref="H960">IFERROR(INDEX(Jesper!AL$2:AL$366,ROUNDDOWN($C960/24,0)+1,1)*INDEX($D$3:$AA$30,INDEX(Jesper!$R$2:$R$366,ROW(INDEX(Jesper!AL$2:AL$366,ROUNDDOWN($C960/24,0)+1,1))-1)+IF('Standard Profiles'!$G$22=$B$10,7,0)+IF('Standard Profiles'!$G$22=$B$17,14,0)+IF('Standard Profiles'!$G$22=$B$24,21,0),MOD($C960,24)+1)/SUM(INDEX($D$3:$AA$30,INDEX(Jesper!$R$2:$R$366,ROW(INDEX(Jesper!AL$2:AL$366,ROUNDDOWN($C960/24,0)+1,1))-1)+IF('Standard Profiles'!$G$22=$B$10,7,0)+IF('Standard Profiles'!$G$22=$B$17,14,0)+IF('Standard Profiles'!$G$22=$B$24,21,0),0)),0)</f>
        <v>0</v>
      </c>
      <c r="I960">
        <f t="shared" si="118"/>
        <v>26.955801489529271</v>
      </c>
      <c r="J960">
        <f t="shared" si="119"/>
        <v>116.91200654154964</v>
      </c>
      <c r="K960">
        <f t="shared" si="120"/>
        <v>4.1917373627078627</v>
      </c>
      <c r="L960">
        <f t="shared" si="121"/>
        <v>2.0958686813539313</v>
      </c>
      <c r="M960">
        <f t="shared" si="122"/>
        <v>0</v>
      </c>
      <c r="N960" s="45">
        <f t="shared" si="123"/>
        <v>44965.583333331087</v>
      </c>
    </row>
    <row r="961" spans="2:14" x14ac:dyDescent="0.25">
      <c r="B961">
        <f t="shared" si="117"/>
        <v>3</v>
      </c>
      <c r="C961" s="16">
        <v>927</v>
      </c>
      <c r="D961" cm="1">
        <f t="array" ref="D961">IFERROR(INDEX(Jesper!AH$2:AH$366,ROUNDDOWN($C961/24,0)+1,1)*INDEX($D$3:$AA$30,INDEX(Jesper!$R$2:$R$366,ROW(INDEX(Jesper!AH$2:AH$366,ROUNDDOWN($C961/24,0)+1,1))-1)+IF('Standard Profiles'!$G$18=$B$10,7,0)+IF('Standard Profiles'!$G$18=$B$17,14,0)+IF('Standard Profiles'!$G$18=$B$24,21,0),MOD($C961,24)+1)/SUM(INDEX($D$3:$AA$30,INDEX(Jesper!$R$2:$R$366,ROW(INDEX(Jesper!AH$2:AH$366,ROUNDDOWN($C961/24,0)+1,1))-1)+IF('Standard Profiles'!$G$18=$B$10,7,0)+IF('Standard Profiles'!$G$18=$B$17,14,0)+IF('Standard Profiles'!$G$18=$B$24,21,0),0)),0)</f>
        <v>39.297537775386211</v>
      </c>
      <c r="E961" cm="1">
        <f t="array" ref="E961">IFERROR(INDEX(Jesper!AI$2:AI$366,ROUNDDOWN($C961/24,0)+1,1)*INDEX($D$3:$AA$30,INDEX(Jesper!$R$2:$R$366,ROW(INDEX(Jesper!AI$2:AI$366,ROUNDDOWN($C961/24,0)+1,1))-1)+IF('Standard Profiles'!$G$19=$B$10,7,0)+IF('Standard Profiles'!$G$19=$B$17,14,0)+IF('Standard Profiles'!$G$19=$B$24,21,0),MOD($C961,24)+1)/SUM(INDEX($D$3:$AA$30,INDEX(Jesper!$R$2:$R$366,ROW(INDEX(Jesper!AI$2:AI$366,ROUNDDOWN($C961/24,0)+1,1))-1)+IF('Standard Profiles'!$G$19=$B$10,7,0)+IF('Standard Profiles'!$G$19=$B$17,14,0)+IF('Standard Profiles'!$G$19=$B$24,21,0),0)),0)</f>
        <v>54.699956529901819</v>
      </c>
      <c r="F961" cm="1">
        <f t="array" ref="F961">IFERROR(INDEX(Jesper!AJ$2:AJ$366,ROUNDDOWN($C961/24,0)+1,1)*INDEX($D$3:$AA$30,INDEX(Jesper!$R$2:$R$366,ROW(INDEX(Jesper!AJ$2:AJ$366,ROUNDDOWN($C961/24,0)+1,1))-1)+IF('Standard Profiles'!$G$20=$B$10,7,0)+IF('Standard Profiles'!$G$20=$B$17,14,0)+IF('Standard Profiles'!$G$20=$B$24,21,0),MOD($C961,24)+1)/SUM(INDEX($D$3:$AA$30,INDEX(Jesper!$R$2:$R$366,ROW(INDEX(Jesper!AJ$2:AJ$366,ROUNDDOWN($C961/24,0)+1,1))-1)+IF('Standard Profiles'!$G$20=$B$10,7,0)+IF('Standard Profiles'!$G$20=$B$17,14,0)+IF('Standard Profiles'!$G$20=$B$24,21,0),0)),0)</f>
        <v>0</v>
      </c>
      <c r="G961" cm="1">
        <f t="array" ref="G961">IFERROR(INDEX(Jesper!AK$2:AK$366,ROUNDDOWN($C961/24,0)+1,1)*INDEX($D$3:$AA$30,INDEX(Jesper!$R$2:$R$366,ROW(INDEX(Jesper!AK$2:AK$366,ROUNDDOWN($C961/24,0)+1,1))-1)+IF('Standard Profiles'!$G$21=$B$10,7,0)+IF('Standard Profiles'!$G$21=$B$17,14,0)+IF('Standard Profiles'!$G$21=$B$24,21,0),MOD($C961,24)+1)/SUM(INDEX($D$3:$AA$30,INDEX(Jesper!$R$2:$R$366,ROW(INDEX(Jesper!AK$2:AK$366,ROUNDDOWN($C961/24,0)+1,1))-1)+IF('Standard Profiles'!$G$21=$B$10,7,0)+IF('Standard Profiles'!$G$21=$B$17,14,0)+IF('Standard Profiles'!$G$21=$B$24,21,0),0)),0)</f>
        <v>56.157919769852676</v>
      </c>
      <c r="H961" cm="1">
        <f t="array" ref="H961">IFERROR(INDEX(Jesper!AL$2:AL$366,ROUNDDOWN($C961/24,0)+1,1)*INDEX($D$3:$AA$30,INDEX(Jesper!$R$2:$R$366,ROW(INDEX(Jesper!AL$2:AL$366,ROUNDDOWN($C961/24,0)+1,1))-1)+IF('Standard Profiles'!$G$22=$B$10,7,0)+IF('Standard Profiles'!$G$22=$B$17,14,0)+IF('Standard Profiles'!$G$22=$B$24,21,0),MOD($C961,24)+1)/SUM(INDEX($D$3:$AA$30,INDEX(Jesper!$R$2:$R$366,ROW(INDEX(Jesper!AL$2:AL$366,ROUNDDOWN($C961/24,0)+1,1))-1)+IF('Standard Profiles'!$G$22=$B$10,7,0)+IF('Standard Profiles'!$G$22=$B$17,14,0)+IF('Standard Profiles'!$G$22=$B$24,21,0),0)),0)</f>
        <v>0</v>
      </c>
      <c r="I961">
        <f t="shared" si="118"/>
        <v>26.955801489529271</v>
      </c>
      <c r="J961">
        <f t="shared" si="119"/>
        <v>116.91200654154964</v>
      </c>
      <c r="K961">
        <f t="shared" si="120"/>
        <v>4.1917373627078627</v>
      </c>
      <c r="L961">
        <f t="shared" si="121"/>
        <v>2.0958686813539313</v>
      </c>
      <c r="M961">
        <f t="shared" si="122"/>
        <v>0</v>
      </c>
      <c r="N961" s="45">
        <f t="shared" si="123"/>
        <v>44965.624999997752</v>
      </c>
    </row>
    <row r="962" spans="2:14" x14ac:dyDescent="0.25">
      <c r="B962">
        <f t="shared" si="117"/>
        <v>3</v>
      </c>
      <c r="C962" s="16">
        <v>928</v>
      </c>
      <c r="D962" cm="1">
        <f t="array" ref="D962">IFERROR(INDEX(Jesper!AH$2:AH$366,ROUNDDOWN($C962/24,0)+1,1)*INDEX($D$3:$AA$30,INDEX(Jesper!$R$2:$R$366,ROW(INDEX(Jesper!AH$2:AH$366,ROUNDDOWN($C962/24,0)+1,1))-1)+IF('Standard Profiles'!$G$18=$B$10,7,0)+IF('Standard Profiles'!$G$18=$B$17,14,0)+IF('Standard Profiles'!$G$18=$B$24,21,0),MOD($C962,24)+1)/SUM(INDEX($D$3:$AA$30,INDEX(Jesper!$R$2:$R$366,ROW(INDEX(Jesper!AH$2:AH$366,ROUNDDOWN($C962/24,0)+1,1))-1)+IF('Standard Profiles'!$G$18=$B$10,7,0)+IF('Standard Profiles'!$G$18=$B$17,14,0)+IF('Standard Profiles'!$G$18=$B$24,21,0),0)),0)</f>
        <v>23.157477617638307</v>
      </c>
      <c r="E962" cm="1">
        <f t="array" ref="E962">IFERROR(INDEX(Jesper!AI$2:AI$366,ROUNDDOWN($C962/24,0)+1,1)*INDEX($D$3:$AA$30,INDEX(Jesper!$R$2:$R$366,ROW(INDEX(Jesper!AI$2:AI$366,ROUNDDOWN($C962/24,0)+1,1))-1)+IF('Standard Profiles'!$G$19=$B$10,7,0)+IF('Standard Profiles'!$G$19=$B$17,14,0)+IF('Standard Profiles'!$G$19=$B$24,21,0),MOD($C962,24)+1)/SUM(INDEX($D$3:$AA$30,INDEX(Jesper!$R$2:$R$366,ROW(INDEX(Jesper!AI$2:AI$366,ROUNDDOWN($C962/24,0)+1,1))-1)+IF('Standard Profiles'!$G$19=$B$10,7,0)+IF('Standard Profiles'!$G$19=$B$17,14,0)+IF('Standard Profiles'!$G$19=$B$24,21,0),0)),0)</f>
        <v>32.233902955120719</v>
      </c>
      <c r="F962" cm="1">
        <f t="array" ref="F962">IFERROR(INDEX(Jesper!AJ$2:AJ$366,ROUNDDOWN($C962/24,0)+1,1)*INDEX($D$3:$AA$30,INDEX(Jesper!$R$2:$R$366,ROW(INDEX(Jesper!AJ$2:AJ$366,ROUNDDOWN($C962/24,0)+1,1))-1)+IF('Standard Profiles'!$G$20=$B$10,7,0)+IF('Standard Profiles'!$G$20=$B$17,14,0)+IF('Standard Profiles'!$G$20=$B$24,21,0),MOD($C962,24)+1)/SUM(INDEX($D$3:$AA$30,INDEX(Jesper!$R$2:$R$366,ROW(INDEX(Jesper!AJ$2:AJ$366,ROUNDDOWN($C962/24,0)+1,1))-1)+IF('Standard Profiles'!$G$20=$B$10,7,0)+IF('Standard Profiles'!$G$20=$B$17,14,0)+IF('Standard Profiles'!$G$20=$B$24,21,0),0)),0)</f>
        <v>0</v>
      </c>
      <c r="G962" cm="1">
        <f t="array" ref="G962">IFERROR(INDEX(Jesper!AK$2:AK$366,ROUNDDOWN($C962/24,0)+1,1)*INDEX($D$3:$AA$30,INDEX(Jesper!$R$2:$R$366,ROW(INDEX(Jesper!AK$2:AK$366,ROUNDDOWN($C962/24,0)+1,1))-1)+IF('Standard Profiles'!$G$21=$B$10,7,0)+IF('Standard Profiles'!$G$21=$B$17,14,0)+IF('Standard Profiles'!$G$21=$B$24,21,0),MOD($C962,24)+1)/SUM(INDEX($D$3:$AA$30,INDEX(Jesper!$R$2:$R$366,ROW(INDEX(Jesper!AK$2:AK$366,ROUNDDOWN($C962/24,0)+1,1))-1)+IF('Standard Profiles'!$G$21=$B$10,7,0)+IF('Standard Profiles'!$G$21=$B$17,14,0)+IF('Standard Profiles'!$G$21=$B$24,21,0),0)),0)</f>
        <v>46.925059807690943</v>
      </c>
      <c r="H962" cm="1">
        <f t="array" ref="H962">IFERROR(INDEX(Jesper!AL$2:AL$366,ROUNDDOWN($C962/24,0)+1,1)*INDEX($D$3:$AA$30,INDEX(Jesper!$R$2:$R$366,ROW(INDEX(Jesper!AL$2:AL$366,ROUNDDOWN($C962/24,0)+1,1))-1)+IF('Standard Profiles'!$G$22=$B$10,7,0)+IF('Standard Profiles'!$G$22=$B$17,14,0)+IF('Standard Profiles'!$G$22=$B$24,21,0),MOD($C962,24)+1)/SUM(INDEX($D$3:$AA$30,INDEX(Jesper!$R$2:$R$366,ROW(INDEX(Jesper!AL$2:AL$366,ROUNDDOWN($C962/24,0)+1,1))-1)+IF('Standard Profiles'!$G$22=$B$10,7,0)+IF('Standard Profiles'!$G$22=$B$17,14,0)+IF('Standard Profiles'!$G$22=$B$24,21,0),0)),0)</f>
        <v>0</v>
      </c>
      <c r="I962">
        <f t="shared" si="118"/>
        <v>22.524028707691642</v>
      </c>
      <c r="J962">
        <f t="shared" si="119"/>
        <v>76.087215253936193</v>
      </c>
      <c r="K962">
        <f t="shared" si="120"/>
        <v>2.4701309458814196</v>
      </c>
      <c r="L962">
        <f t="shared" si="121"/>
        <v>1.2350654729407098</v>
      </c>
      <c r="M962">
        <f t="shared" si="122"/>
        <v>0</v>
      </c>
      <c r="N962" s="45">
        <f t="shared" si="123"/>
        <v>44965.666666664416</v>
      </c>
    </row>
    <row r="963" spans="2:14" x14ac:dyDescent="0.25">
      <c r="B963">
        <f t="shared" si="117"/>
        <v>3</v>
      </c>
      <c r="C963" s="16">
        <v>929</v>
      </c>
      <c r="D963" cm="1">
        <f t="array" ref="D963">IFERROR(INDEX(Jesper!AH$2:AH$366,ROUNDDOWN($C963/24,0)+1,1)*INDEX($D$3:$AA$30,INDEX(Jesper!$R$2:$R$366,ROW(INDEX(Jesper!AH$2:AH$366,ROUNDDOWN($C963/24,0)+1,1))-1)+IF('Standard Profiles'!$G$18=$B$10,7,0)+IF('Standard Profiles'!$G$18=$B$17,14,0)+IF('Standard Profiles'!$G$18=$B$24,21,0),MOD($C963,24)+1)/SUM(INDEX($D$3:$AA$30,INDEX(Jesper!$R$2:$R$366,ROW(INDEX(Jesper!AH$2:AH$366,ROUNDDOWN($C963/24,0)+1,1))-1)+IF('Standard Profiles'!$G$18=$B$10,7,0)+IF('Standard Profiles'!$G$18=$B$17,14,0)+IF('Standard Profiles'!$G$18=$B$24,21,0),0)),0)</f>
        <v>9.8836865632259112</v>
      </c>
      <c r="E963" cm="1">
        <f t="array" ref="E963">IFERROR(INDEX(Jesper!AI$2:AI$366,ROUNDDOWN($C963/24,0)+1,1)*INDEX($D$3:$AA$30,INDEX(Jesper!$R$2:$R$366,ROW(INDEX(Jesper!AI$2:AI$366,ROUNDDOWN($C963/24,0)+1,1))-1)+IF('Standard Profiles'!$G$19=$B$10,7,0)+IF('Standard Profiles'!$G$19=$B$17,14,0)+IF('Standard Profiles'!$G$19=$B$24,21,0),MOD($C963,24)+1)/SUM(INDEX($D$3:$AA$30,INDEX(Jesper!$R$2:$R$366,ROW(INDEX(Jesper!AI$2:AI$366,ROUNDDOWN($C963/24,0)+1,1))-1)+IF('Standard Profiles'!$G$19=$B$10,7,0)+IF('Standard Profiles'!$G$19=$B$17,14,0)+IF('Standard Profiles'!$G$19=$B$24,21,0),0)),0)</f>
        <v>13.757534338506495</v>
      </c>
      <c r="F963" cm="1">
        <f t="array" ref="F963">IFERROR(INDEX(Jesper!AJ$2:AJ$366,ROUNDDOWN($C963/24,0)+1,1)*INDEX($D$3:$AA$30,INDEX(Jesper!$R$2:$R$366,ROW(INDEX(Jesper!AJ$2:AJ$366,ROUNDDOWN($C963/24,0)+1,1))-1)+IF('Standard Profiles'!$G$20=$B$10,7,0)+IF('Standard Profiles'!$G$20=$B$17,14,0)+IF('Standard Profiles'!$G$20=$B$24,21,0),MOD($C963,24)+1)/SUM(INDEX($D$3:$AA$30,INDEX(Jesper!$R$2:$R$366,ROW(INDEX(Jesper!AJ$2:AJ$366,ROUNDDOWN($C963/24,0)+1,1))-1)+IF('Standard Profiles'!$G$20=$B$10,7,0)+IF('Standard Profiles'!$G$20=$B$17,14,0)+IF('Standard Profiles'!$G$20=$B$24,21,0),0)),0)</f>
        <v>0</v>
      </c>
      <c r="G963" cm="1">
        <f t="array" ref="G963">IFERROR(INDEX(Jesper!AK$2:AK$366,ROUNDDOWN($C963/24,0)+1,1)*INDEX($D$3:$AA$30,INDEX(Jesper!$R$2:$R$366,ROW(INDEX(Jesper!AK$2:AK$366,ROUNDDOWN($C963/24,0)+1,1))-1)+IF('Standard Profiles'!$G$21=$B$10,7,0)+IF('Standard Profiles'!$G$21=$B$17,14,0)+IF('Standard Profiles'!$G$21=$B$24,21,0),MOD($C963,24)+1)/SUM(INDEX($D$3:$AA$30,INDEX(Jesper!$R$2:$R$366,ROW(INDEX(Jesper!AK$2:AK$366,ROUNDDOWN($C963/24,0)+1,1))-1)+IF('Standard Profiles'!$G$21=$B$10,7,0)+IF('Standard Profiles'!$G$21=$B$17,14,0)+IF('Standard Profiles'!$G$21=$B$24,21,0),0)),0)</f>
        <v>37.311819847088081</v>
      </c>
      <c r="H963" cm="1">
        <f t="array" ref="H963">IFERROR(INDEX(Jesper!AL$2:AL$366,ROUNDDOWN($C963/24,0)+1,1)*INDEX($D$3:$AA$30,INDEX(Jesper!$R$2:$R$366,ROW(INDEX(Jesper!AL$2:AL$366,ROUNDDOWN($C963/24,0)+1,1))-1)+IF('Standard Profiles'!$G$22=$B$10,7,0)+IF('Standard Profiles'!$G$22=$B$17,14,0)+IF('Standard Profiles'!$G$22=$B$24,21,0),MOD($C963,24)+1)/SUM(INDEX($D$3:$AA$30,INDEX(Jesper!$R$2:$R$366,ROW(INDEX(Jesper!AL$2:AL$366,ROUNDDOWN($C963/24,0)+1,1))-1)+IF('Standard Profiles'!$G$22=$B$10,7,0)+IF('Standard Profiles'!$G$22=$B$17,14,0)+IF('Standard Profiles'!$G$22=$B$24,21,0),0)),0)</f>
        <v>0</v>
      </c>
      <c r="I963">
        <f t="shared" si="118"/>
        <v>17.909673526602269</v>
      </c>
      <c r="J963">
        <f t="shared" si="119"/>
        <v>41.461977372102069</v>
      </c>
      <c r="K963">
        <f t="shared" si="120"/>
        <v>1.0542599000774306</v>
      </c>
      <c r="L963">
        <f t="shared" si="121"/>
        <v>0.52712995003871532</v>
      </c>
      <c r="M963">
        <f t="shared" si="122"/>
        <v>0</v>
      </c>
      <c r="N963" s="45">
        <f t="shared" si="123"/>
        <v>44965.70833333108</v>
      </c>
    </row>
    <row r="964" spans="2:14" x14ac:dyDescent="0.25">
      <c r="B964">
        <f t="shared" si="117"/>
        <v>3</v>
      </c>
      <c r="C964" s="16">
        <v>930</v>
      </c>
      <c r="D964" cm="1">
        <f t="array" ref="D964">IFERROR(INDEX(Jesper!AH$2:AH$366,ROUNDDOWN($C964/24,0)+1,1)*INDEX($D$3:$AA$30,INDEX(Jesper!$R$2:$R$366,ROW(INDEX(Jesper!AH$2:AH$366,ROUNDDOWN($C964/24,0)+1,1))-1)+IF('Standard Profiles'!$G$18=$B$10,7,0)+IF('Standard Profiles'!$G$18=$B$17,14,0)+IF('Standard Profiles'!$G$18=$B$24,21,0),MOD($C964,24)+1)/SUM(INDEX($D$3:$AA$30,INDEX(Jesper!$R$2:$R$366,ROW(INDEX(Jesper!AH$2:AH$366,ROUNDDOWN($C964/24,0)+1,1))-1)+IF('Standard Profiles'!$G$18=$B$10,7,0)+IF('Standard Profiles'!$G$18=$B$17,14,0)+IF('Standard Profiles'!$G$18=$B$24,21,0),0)),0)</f>
        <v>6.5232331317291008</v>
      </c>
      <c r="E964" cm="1">
        <f t="array" ref="E964">IFERROR(INDEX(Jesper!AI$2:AI$366,ROUNDDOWN($C964/24,0)+1,1)*INDEX($D$3:$AA$30,INDEX(Jesper!$R$2:$R$366,ROW(INDEX(Jesper!AI$2:AI$366,ROUNDDOWN($C964/24,0)+1,1))-1)+IF('Standard Profiles'!$G$19=$B$10,7,0)+IF('Standard Profiles'!$G$19=$B$17,14,0)+IF('Standard Profiles'!$G$19=$B$24,21,0),MOD($C964,24)+1)/SUM(INDEX($D$3:$AA$30,INDEX(Jesper!$R$2:$R$366,ROW(INDEX(Jesper!AI$2:AI$366,ROUNDDOWN($C964/24,0)+1,1))-1)+IF('Standard Profiles'!$G$19=$B$10,7,0)+IF('Standard Profiles'!$G$19=$B$17,14,0)+IF('Standard Profiles'!$G$19=$B$24,21,0),0)),0)</f>
        <v>9.0799726634142868</v>
      </c>
      <c r="F964" cm="1">
        <f t="array" ref="F964">IFERROR(INDEX(Jesper!AJ$2:AJ$366,ROUNDDOWN($C964/24,0)+1,1)*INDEX($D$3:$AA$30,INDEX(Jesper!$R$2:$R$366,ROW(INDEX(Jesper!AJ$2:AJ$366,ROUNDDOWN($C964/24,0)+1,1))-1)+IF('Standard Profiles'!$G$20=$B$10,7,0)+IF('Standard Profiles'!$G$20=$B$17,14,0)+IF('Standard Profiles'!$G$20=$B$24,21,0),MOD($C964,24)+1)/SUM(INDEX($D$3:$AA$30,INDEX(Jesper!$R$2:$R$366,ROW(INDEX(Jesper!AJ$2:AJ$366,ROUNDDOWN($C964/24,0)+1,1))-1)+IF('Standard Profiles'!$G$20=$B$10,7,0)+IF('Standard Profiles'!$G$20=$B$17,14,0)+IF('Standard Profiles'!$G$20=$B$24,21,0),0)),0)</f>
        <v>0</v>
      </c>
      <c r="G964" cm="1">
        <f t="array" ref="G964">IFERROR(INDEX(Jesper!AK$2:AK$366,ROUNDDOWN($C964/24,0)+1,1)*INDEX($D$3:$AA$30,INDEX(Jesper!$R$2:$R$366,ROW(INDEX(Jesper!AK$2:AK$366,ROUNDDOWN($C964/24,0)+1,1))-1)+IF('Standard Profiles'!$G$21=$B$10,7,0)+IF('Standard Profiles'!$G$21=$B$17,14,0)+IF('Standard Profiles'!$G$21=$B$24,21,0),MOD($C964,24)+1)/SUM(INDEX($D$3:$AA$30,INDEX(Jesper!$R$2:$R$366,ROW(INDEX(Jesper!AK$2:AK$366,ROUNDDOWN($C964/24,0)+1,1))-1)+IF('Standard Profiles'!$G$21=$B$10,7,0)+IF('Standard Profiles'!$G$21=$B$17,14,0)+IF('Standard Profiles'!$G$21=$B$24,21,0),0)),0)</f>
        <v>13.83199994331347</v>
      </c>
      <c r="H964" cm="1">
        <f t="array" ref="H964">IFERROR(INDEX(Jesper!AL$2:AL$366,ROUNDDOWN($C964/24,0)+1,1)*INDEX($D$3:$AA$30,INDEX(Jesper!$R$2:$R$366,ROW(INDEX(Jesper!AL$2:AL$366,ROUNDDOWN($C964/24,0)+1,1))-1)+IF('Standard Profiles'!$G$22=$B$10,7,0)+IF('Standard Profiles'!$G$22=$B$17,14,0)+IF('Standard Profiles'!$G$22=$B$24,21,0),MOD($C964,24)+1)/SUM(INDEX($D$3:$AA$30,INDEX(Jesper!$R$2:$R$366,ROW(INDEX(Jesper!AL$2:AL$366,ROUNDDOWN($C964/24,0)+1,1))-1)+IF('Standard Profiles'!$G$22=$B$10,7,0)+IF('Standard Profiles'!$G$22=$B$17,14,0)+IF('Standard Profiles'!$G$22=$B$24,21,0),0)),0)</f>
        <v>0</v>
      </c>
      <c r="I964">
        <f t="shared" si="118"/>
        <v>6.6393599727904622</v>
      </c>
      <c r="J964">
        <f t="shared" si="119"/>
        <v>21.752128464589738</v>
      </c>
      <c r="K964">
        <f t="shared" si="120"/>
        <v>0.69581153405110407</v>
      </c>
      <c r="L964">
        <f t="shared" si="121"/>
        <v>0.34790576702555204</v>
      </c>
      <c r="M964">
        <f t="shared" si="122"/>
        <v>0</v>
      </c>
      <c r="N964" s="45">
        <f t="shared" si="123"/>
        <v>44965.749999997744</v>
      </c>
    </row>
    <row r="965" spans="2:14" x14ac:dyDescent="0.25">
      <c r="B965">
        <f t="shared" si="117"/>
        <v>3</v>
      </c>
      <c r="C965" s="16">
        <v>931</v>
      </c>
      <c r="D965" cm="1">
        <f t="array" ref="D965">IFERROR(INDEX(Jesper!AH$2:AH$366,ROUNDDOWN($C965/24,0)+1,1)*INDEX($D$3:$AA$30,INDEX(Jesper!$R$2:$R$366,ROW(INDEX(Jesper!AH$2:AH$366,ROUNDDOWN($C965/24,0)+1,1))-1)+IF('Standard Profiles'!$G$18=$B$10,7,0)+IF('Standard Profiles'!$G$18=$B$17,14,0)+IF('Standard Profiles'!$G$18=$B$24,21,0),MOD($C965,24)+1)/SUM(INDEX($D$3:$AA$30,INDEX(Jesper!$R$2:$R$366,ROW(INDEX(Jesper!AH$2:AH$366,ROUNDDOWN($C965/24,0)+1,1))-1)+IF('Standard Profiles'!$G$18=$B$10,7,0)+IF('Standard Profiles'!$G$18=$B$17,14,0)+IF('Standard Profiles'!$G$18=$B$24,21,0),0)),0)</f>
        <v>6.5232331317291008</v>
      </c>
      <c r="E965" cm="1">
        <f t="array" ref="E965">IFERROR(INDEX(Jesper!AI$2:AI$366,ROUNDDOWN($C965/24,0)+1,1)*INDEX($D$3:$AA$30,INDEX(Jesper!$R$2:$R$366,ROW(INDEX(Jesper!AI$2:AI$366,ROUNDDOWN($C965/24,0)+1,1))-1)+IF('Standard Profiles'!$G$19=$B$10,7,0)+IF('Standard Profiles'!$G$19=$B$17,14,0)+IF('Standard Profiles'!$G$19=$B$24,21,0),MOD($C965,24)+1)/SUM(INDEX($D$3:$AA$30,INDEX(Jesper!$R$2:$R$366,ROW(INDEX(Jesper!AI$2:AI$366,ROUNDDOWN($C965/24,0)+1,1))-1)+IF('Standard Profiles'!$G$19=$B$10,7,0)+IF('Standard Profiles'!$G$19=$B$17,14,0)+IF('Standard Profiles'!$G$19=$B$24,21,0),0)),0)</f>
        <v>9.0799726634142868</v>
      </c>
      <c r="F965" cm="1">
        <f t="array" ref="F965">IFERROR(INDEX(Jesper!AJ$2:AJ$366,ROUNDDOWN($C965/24,0)+1,1)*INDEX($D$3:$AA$30,INDEX(Jesper!$R$2:$R$366,ROW(INDEX(Jesper!AJ$2:AJ$366,ROUNDDOWN($C965/24,0)+1,1))-1)+IF('Standard Profiles'!$G$20=$B$10,7,0)+IF('Standard Profiles'!$G$20=$B$17,14,0)+IF('Standard Profiles'!$G$20=$B$24,21,0),MOD($C965,24)+1)/SUM(INDEX($D$3:$AA$30,INDEX(Jesper!$R$2:$R$366,ROW(INDEX(Jesper!AJ$2:AJ$366,ROUNDDOWN($C965/24,0)+1,1))-1)+IF('Standard Profiles'!$G$20=$B$10,7,0)+IF('Standard Profiles'!$G$20=$B$17,14,0)+IF('Standard Profiles'!$G$20=$B$24,21,0),0)),0)</f>
        <v>0</v>
      </c>
      <c r="G965" cm="1">
        <f t="array" ref="G965">IFERROR(INDEX(Jesper!AK$2:AK$366,ROUNDDOWN($C965/24,0)+1,1)*INDEX($D$3:$AA$30,INDEX(Jesper!$R$2:$R$366,ROW(INDEX(Jesper!AK$2:AK$366,ROUNDDOWN($C965/24,0)+1,1))-1)+IF('Standard Profiles'!$G$21=$B$10,7,0)+IF('Standard Profiles'!$G$21=$B$17,14,0)+IF('Standard Profiles'!$G$21=$B$24,21,0),MOD($C965,24)+1)/SUM(INDEX($D$3:$AA$30,INDEX(Jesper!$R$2:$R$366,ROW(INDEX(Jesper!AK$2:AK$366,ROUNDDOWN($C965/24,0)+1,1))-1)+IF('Standard Profiles'!$G$21=$B$10,7,0)+IF('Standard Profiles'!$G$21=$B$17,14,0)+IF('Standard Profiles'!$G$21=$B$24,21,0),0)),0)</f>
        <v>13.83199994331347</v>
      </c>
      <c r="H965" cm="1">
        <f t="array" ref="H965">IFERROR(INDEX(Jesper!AL$2:AL$366,ROUNDDOWN($C965/24,0)+1,1)*INDEX($D$3:$AA$30,INDEX(Jesper!$R$2:$R$366,ROW(INDEX(Jesper!AL$2:AL$366,ROUNDDOWN($C965/24,0)+1,1))-1)+IF('Standard Profiles'!$G$22=$B$10,7,0)+IF('Standard Profiles'!$G$22=$B$17,14,0)+IF('Standard Profiles'!$G$22=$B$24,21,0),MOD($C965,24)+1)/SUM(INDEX($D$3:$AA$30,INDEX(Jesper!$R$2:$R$366,ROW(INDEX(Jesper!AL$2:AL$366,ROUNDDOWN($C965/24,0)+1,1))-1)+IF('Standard Profiles'!$G$22=$B$10,7,0)+IF('Standard Profiles'!$G$22=$B$17,14,0)+IF('Standard Profiles'!$G$22=$B$24,21,0),0)),0)</f>
        <v>0</v>
      </c>
      <c r="I965">
        <f t="shared" si="118"/>
        <v>6.6393599727904622</v>
      </c>
      <c r="J965">
        <f t="shared" si="119"/>
        <v>21.752128464589738</v>
      </c>
      <c r="K965">
        <f t="shared" si="120"/>
        <v>0.69581153405110407</v>
      </c>
      <c r="L965">
        <f t="shared" si="121"/>
        <v>0.34790576702555204</v>
      </c>
      <c r="M965">
        <f t="shared" si="122"/>
        <v>0</v>
      </c>
      <c r="N965" s="45">
        <f t="shared" si="123"/>
        <v>44965.791666664409</v>
      </c>
    </row>
    <row r="966" spans="2:14" x14ac:dyDescent="0.25">
      <c r="B966">
        <f t="shared" si="117"/>
        <v>3</v>
      </c>
      <c r="C966" s="16">
        <v>932</v>
      </c>
      <c r="D966" cm="1">
        <f t="array" ref="D966">IFERROR(INDEX(Jesper!AH$2:AH$366,ROUNDDOWN($C966/24,0)+1,1)*INDEX($D$3:$AA$30,INDEX(Jesper!$R$2:$R$366,ROW(INDEX(Jesper!AH$2:AH$366,ROUNDDOWN($C966/24,0)+1,1))-1)+IF('Standard Profiles'!$G$18=$B$10,7,0)+IF('Standard Profiles'!$G$18=$B$17,14,0)+IF('Standard Profiles'!$G$18=$B$24,21,0),MOD($C966,24)+1)/SUM(INDEX($D$3:$AA$30,INDEX(Jesper!$R$2:$R$366,ROW(INDEX(Jesper!AH$2:AH$366,ROUNDDOWN($C966/24,0)+1,1))-1)+IF('Standard Profiles'!$G$18=$B$10,7,0)+IF('Standard Profiles'!$G$18=$B$17,14,0)+IF('Standard Profiles'!$G$18=$B$24,21,0),0)),0)</f>
        <v>6.5232331317291008</v>
      </c>
      <c r="E966" cm="1">
        <f t="array" ref="E966">IFERROR(INDEX(Jesper!AI$2:AI$366,ROUNDDOWN($C966/24,0)+1,1)*INDEX($D$3:$AA$30,INDEX(Jesper!$R$2:$R$366,ROW(INDEX(Jesper!AI$2:AI$366,ROUNDDOWN($C966/24,0)+1,1))-1)+IF('Standard Profiles'!$G$19=$B$10,7,0)+IF('Standard Profiles'!$G$19=$B$17,14,0)+IF('Standard Profiles'!$G$19=$B$24,21,0),MOD($C966,24)+1)/SUM(INDEX($D$3:$AA$30,INDEX(Jesper!$R$2:$R$366,ROW(INDEX(Jesper!AI$2:AI$366,ROUNDDOWN($C966/24,0)+1,1))-1)+IF('Standard Profiles'!$G$19=$B$10,7,0)+IF('Standard Profiles'!$G$19=$B$17,14,0)+IF('Standard Profiles'!$G$19=$B$24,21,0),0)),0)</f>
        <v>9.0799726634142868</v>
      </c>
      <c r="F966" cm="1">
        <f t="array" ref="F966">IFERROR(INDEX(Jesper!AJ$2:AJ$366,ROUNDDOWN($C966/24,0)+1,1)*INDEX($D$3:$AA$30,INDEX(Jesper!$R$2:$R$366,ROW(INDEX(Jesper!AJ$2:AJ$366,ROUNDDOWN($C966/24,0)+1,1))-1)+IF('Standard Profiles'!$G$20=$B$10,7,0)+IF('Standard Profiles'!$G$20=$B$17,14,0)+IF('Standard Profiles'!$G$20=$B$24,21,0),MOD($C966,24)+1)/SUM(INDEX($D$3:$AA$30,INDEX(Jesper!$R$2:$R$366,ROW(INDEX(Jesper!AJ$2:AJ$366,ROUNDDOWN($C966/24,0)+1,1))-1)+IF('Standard Profiles'!$G$20=$B$10,7,0)+IF('Standard Profiles'!$G$20=$B$17,14,0)+IF('Standard Profiles'!$G$20=$B$24,21,0),0)),0)</f>
        <v>0</v>
      </c>
      <c r="G966" cm="1">
        <f t="array" ref="G966">IFERROR(INDEX(Jesper!AK$2:AK$366,ROUNDDOWN($C966/24,0)+1,1)*INDEX($D$3:$AA$30,INDEX(Jesper!$R$2:$R$366,ROW(INDEX(Jesper!AK$2:AK$366,ROUNDDOWN($C966/24,0)+1,1))-1)+IF('Standard Profiles'!$G$21=$B$10,7,0)+IF('Standard Profiles'!$G$21=$B$17,14,0)+IF('Standard Profiles'!$G$21=$B$24,21,0),MOD($C966,24)+1)/SUM(INDEX($D$3:$AA$30,INDEX(Jesper!$R$2:$R$366,ROW(INDEX(Jesper!AK$2:AK$366,ROUNDDOWN($C966/24,0)+1,1))-1)+IF('Standard Profiles'!$G$21=$B$10,7,0)+IF('Standard Profiles'!$G$21=$B$17,14,0)+IF('Standard Profiles'!$G$21=$B$24,21,0),0)),0)</f>
        <v>13.83199994331347</v>
      </c>
      <c r="H966" cm="1">
        <f t="array" ref="H966">IFERROR(INDEX(Jesper!AL$2:AL$366,ROUNDDOWN($C966/24,0)+1,1)*INDEX($D$3:$AA$30,INDEX(Jesper!$R$2:$R$366,ROW(INDEX(Jesper!AL$2:AL$366,ROUNDDOWN($C966/24,0)+1,1))-1)+IF('Standard Profiles'!$G$22=$B$10,7,0)+IF('Standard Profiles'!$G$22=$B$17,14,0)+IF('Standard Profiles'!$G$22=$B$24,21,0),MOD($C966,24)+1)/SUM(INDEX($D$3:$AA$30,INDEX(Jesper!$R$2:$R$366,ROW(INDEX(Jesper!AL$2:AL$366,ROUNDDOWN($C966/24,0)+1,1))-1)+IF('Standard Profiles'!$G$22=$B$10,7,0)+IF('Standard Profiles'!$G$22=$B$17,14,0)+IF('Standard Profiles'!$G$22=$B$24,21,0),0)),0)</f>
        <v>0</v>
      </c>
      <c r="I966">
        <f t="shared" si="118"/>
        <v>6.6393599727904622</v>
      </c>
      <c r="J966">
        <f t="shared" si="119"/>
        <v>21.752128464589738</v>
      </c>
      <c r="K966">
        <f t="shared" si="120"/>
        <v>0.69581153405110407</v>
      </c>
      <c r="L966">
        <f t="shared" si="121"/>
        <v>0.34790576702555204</v>
      </c>
      <c r="M966">
        <f t="shared" si="122"/>
        <v>0</v>
      </c>
      <c r="N966" s="45">
        <f t="shared" si="123"/>
        <v>44965.833333331073</v>
      </c>
    </row>
    <row r="967" spans="2:14" x14ac:dyDescent="0.25">
      <c r="B967">
        <f t="shared" si="117"/>
        <v>3</v>
      </c>
      <c r="C967" s="16">
        <v>933</v>
      </c>
      <c r="D967" cm="1">
        <f t="array" ref="D967">IFERROR(INDEX(Jesper!AH$2:AH$366,ROUNDDOWN($C967/24,0)+1,1)*INDEX($D$3:$AA$30,INDEX(Jesper!$R$2:$R$366,ROW(INDEX(Jesper!AH$2:AH$366,ROUNDDOWN($C967/24,0)+1,1))-1)+IF('Standard Profiles'!$G$18=$B$10,7,0)+IF('Standard Profiles'!$G$18=$B$17,14,0)+IF('Standard Profiles'!$G$18=$B$24,21,0),MOD($C967,24)+1)/SUM(INDEX($D$3:$AA$30,INDEX(Jesper!$R$2:$R$366,ROW(INDEX(Jesper!AH$2:AH$366,ROUNDDOWN($C967/24,0)+1,1))-1)+IF('Standard Profiles'!$G$18=$B$10,7,0)+IF('Standard Profiles'!$G$18=$B$17,14,0)+IF('Standard Profiles'!$G$18=$B$24,21,0),0)),0)</f>
        <v>6.5232331317291008</v>
      </c>
      <c r="E967" cm="1">
        <f t="array" ref="E967">IFERROR(INDEX(Jesper!AI$2:AI$366,ROUNDDOWN($C967/24,0)+1,1)*INDEX($D$3:$AA$30,INDEX(Jesper!$R$2:$R$366,ROW(INDEX(Jesper!AI$2:AI$366,ROUNDDOWN($C967/24,0)+1,1))-1)+IF('Standard Profiles'!$G$19=$B$10,7,0)+IF('Standard Profiles'!$G$19=$B$17,14,0)+IF('Standard Profiles'!$G$19=$B$24,21,0),MOD($C967,24)+1)/SUM(INDEX($D$3:$AA$30,INDEX(Jesper!$R$2:$R$366,ROW(INDEX(Jesper!AI$2:AI$366,ROUNDDOWN($C967/24,0)+1,1))-1)+IF('Standard Profiles'!$G$19=$B$10,7,0)+IF('Standard Profiles'!$G$19=$B$17,14,0)+IF('Standard Profiles'!$G$19=$B$24,21,0),0)),0)</f>
        <v>9.0799726634142868</v>
      </c>
      <c r="F967" cm="1">
        <f t="array" ref="F967">IFERROR(INDEX(Jesper!AJ$2:AJ$366,ROUNDDOWN($C967/24,0)+1,1)*INDEX($D$3:$AA$30,INDEX(Jesper!$R$2:$R$366,ROW(INDEX(Jesper!AJ$2:AJ$366,ROUNDDOWN($C967/24,0)+1,1))-1)+IF('Standard Profiles'!$G$20=$B$10,7,0)+IF('Standard Profiles'!$G$20=$B$17,14,0)+IF('Standard Profiles'!$G$20=$B$24,21,0),MOD($C967,24)+1)/SUM(INDEX($D$3:$AA$30,INDEX(Jesper!$R$2:$R$366,ROW(INDEX(Jesper!AJ$2:AJ$366,ROUNDDOWN($C967/24,0)+1,1))-1)+IF('Standard Profiles'!$G$20=$B$10,7,0)+IF('Standard Profiles'!$G$20=$B$17,14,0)+IF('Standard Profiles'!$G$20=$B$24,21,0),0)),0)</f>
        <v>0</v>
      </c>
      <c r="G967" cm="1">
        <f t="array" ref="G967">IFERROR(INDEX(Jesper!AK$2:AK$366,ROUNDDOWN($C967/24,0)+1,1)*INDEX($D$3:$AA$30,INDEX(Jesper!$R$2:$R$366,ROW(INDEX(Jesper!AK$2:AK$366,ROUNDDOWN($C967/24,0)+1,1))-1)+IF('Standard Profiles'!$G$21=$B$10,7,0)+IF('Standard Profiles'!$G$21=$B$17,14,0)+IF('Standard Profiles'!$G$21=$B$24,21,0),MOD($C967,24)+1)/SUM(INDEX($D$3:$AA$30,INDEX(Jesper!$R$2:$R$366,ROW(INDEX(Jesper!AK$2:AK$366,ROUNDDOWN($C967/24,0)+1,1))-1)+IF('Standard Profiles'!$G$21=$B$10,7,0)+IF('Standard Profiles'!$G$21=$B$17,14,0)+IF('Standard Profiles'!$G$21=$B$24,21,0),0)),0)</f>
        <v>13.83199994331347</v>
      </c>
      <c r="H967" cm="1">
        <f t="array" ref="H967">IFERROR(INDEX(Jesper!AL$2:AL$366,ROUNDDOWN($C967/24,0)+1,1)*INDEX($D$3:$AA$30,INDEX(Jesper!$R$2:$R$366,ROW(INDEX(Jesper!AL$2:AL$366,ROUNDDOWN($C967/24,0)+1,1))-1)+IF('Standard Profiles'!$G$22=$B$10,7,0)+IF('Standard Profiles'!$G$22=$B$17,14,0)+IF('Standard Profiles'!$G$22=$B$24,21,0),MOD($C967,24)+1)/SUM(INDEX($D$3:$AA$30,INDEX(Jesper!$R$2:$R$366,ROW(INDEX(Jesper!AL$2:AL$366,ROUNDDOWN($C967/24,0)+1,1))-1)+IF('Standard Profiles'!$G$22=$B$10,7,0)+IF('Standard Profiles'!$G$22=$B$17,14,0)+IF('Standard Profiles'!$G$22=$B$24,21,0),0)),0)</f>
        <v>0</v>
      </c>
      <c r="I967">
        <f t="shared" si="118"/>
        <v>6.6393599727904622</v>
      </c>
      <c r="J967">
        <f t="shared" si="119"/>
        <v>21.752128464589738</v>
      </c>
      <c r="K967">
        <f t="shared" si="120"/>
        <v>0.69581153405110407</v>
      </c>
      <c r="L967">
        <f t="shared" si="121"/>
        <v>0.34790576702555204</v>
      </c>
      <c r="M967">
        <f t="shared" si="122"/>
        <v>0</v>
      </c>
      <c r="N967" s="45">
        <f t="shared" si="123"/>
        <v>44965.874999997737</v>
      </c>
    </row>
    <row r="968" spans="2:14" x14ac:dyDescent="0.25">
      <c r="B968">
        <f t="shared" si="117"/>
        <v>3</v>
      </c>
      <c r="C968" s="16">
        <v>934</v>
      </c>
      <c r="D968" cm="1">
        <f t="array" ref="D968">IFERROR(INDEX(Jesper!AH$2:AH$366,ROUNDDOWN($C968/24,0)+1,1)*INDEX($D$3:$AA$30,INDEX(Jesper!$R$2:$R$366,ROW(INDEX(Jesper!AH$2:AH$366,ROUNDDOWN($C968/24,0)+1,1))-1)+IF('Standard Profiles'!$G$18=$B$10,7,0)+IF('Standard Profiles'!$G$18=$B$17,14,0)+IF('Standard Profiles'!$G$18=$B$24,21,0),MOD($C968,24)+1)/SUM(INDEX($D$3:$AA$30,INDEX(Jesper!$R$2:$R$366,ROW(INDEX(Jesper!AH$2:AH$366,ROUNDDOWN($C968/24,0)+1,1))-1)+IF('Standard Profiles'!$G$18=$B$10,7,0)+IF('Standard Profiles'!$G$18=$B$17,14,0)+IF('Standard Profiles'!$G$18=$B$24,21,0),0)),0)</f>
        <v>6.5232331317291008</v>
      </c>
      <c r="E968" cm="1">
        <f t="array" ref="E968">IFERROR(INDEX(Jesper!AI$2:AI$366,ROUNDDOWN($C968/24,0)+1,1)*INDEX($D$3:$AA$30,INDEX(Jesper!$R$2:$R$366,ROW(INDEX(Jesper!AI$2:AI$366,ROUNDDOWN($C968/24,0)+1,1))-1)+IF('Standard Profiles'!$G$19=$B$10,7,0)+IF('Standard Profiles'!$G$19=$B$17,14,0)+IF('Standard Profiles'!$G$19=$B$24,21,0),MOD($C968,24)+1)/SUM(INDEX($D$3:$AA$30,INDEX(Jesper!$R$2:$R$366,ROW(INDEX(Jesper!AI$2:AI$366,ROUNDDOWN($C968/24,0)+1,1))-1)+IF('Standard Profiles'!$G$19=$B$10,7,0)+IF('Standard Profiles'!$G$19=$B$17,14,0)+IF('Standard Profiles'!$G$19=$B$24,21,0),0)),0)</f>
        <v>9.0799726634142868</v>
      </c>
      <c r="F968" cm="1">
        <f t="array" ref="F968">IFERROR(INDEX(Jesper!AJ$2:AJ$366,ROUNDDOWN($C968/24,0)+1,1)*INDEX($D$3:$AA$30,INDEX(Jesper!$R$2:$R$366,ROW(INDEX(Jesper!AJ$2:AJ$366,ROUNDDOWN($C968/24,0)+1,1))-1)+IF('Standard Profiles'!$G$20=$B$10,7,0)+IF('Standard Profiles'!$G$20=$B$17,14,0)+IF('Standard Profiles'!$G$20=$B$24,21,0),MOD($C968,24)+1)/SUM(INDEX($D$3:$AA$30,INDEX(Jesper!$R$2:$R$366,ROW(INDEX(Jesper!AJ$2:AJ$366,ROUNDDOWN($C968/24,0)+1,1))-1)+IF('Standard Profiles'!$G$20=$B$10,7,0)+IF('Standard Profiles'!$G$20=$B$17,14,0)+IF('Standard Profiles'!$G$20=$B$24,21,0),0)),0)</f>
        <v>0</v>
      </c>
      <c r="G968" cm="1">
        <f t="array" ref="G968">IFERROR(INDEX(Jesper!AK$2:AK$366,ROUNDDOWN($C968/24,0)+1,1)*INDEX($D$3:$AA$30,INDEX(Jesper!$R$2:$R$366,ROW(INDEX(Jesper!AK$2:AK$366,ROUNDDOWN($C968/24,0)+1,1))-1)+IF('Standard Profiles'!$G$21=$B$10,7,0)+IF('Standard Profiles'!$G$21=$B$17,14,0)+IF('Standard Profiles'!$G$21=$B$24,21,0),MOD($C968,24)+1)/SUM(INDEX($D$3:$AA$30,INDEX(Jesper!$R$2:$R$366,ROW(INDEX(Jesper!AK$2:AK$366,ROUNDDOWN($C968/24,0)+1,1))-1)+IF('Standard Profiles'!$G$21=$B$10,7,0)+IF('Standard Profiles'!$G$21=$B$17,14,0)+IF('Standard Profiles'!$G$21=$B$24,21,0),0)),0)</f>
        <v>13.83199994331347</v>
      </c>
      <c r="H968" cm="1">
        <f t="array" ref="H968">IFERROR(INDEX(Jesper!AL$2:AL$366,ROUNDDOWN($C968/24,0)+1,1)*INDEX($D$3:$AA$30,INDEX(Jesper!$R$2:$R$366,ROW(INDEX(Jesper!AL$2:AL$366,ROUNDDOWN($C968/24,0)+1,1))-1)+IF('Standard Profiles'!$G$22=$B$10,7,0)+IF('Standard Profiles'!$G$22=$B$17,14,0)+IF('Standard Profiles'!$G$22=$B$24,21,0),MOD($C968,24)+1)/SUM(INDEX($D$3:$AA$30,INDEX(Jesper!$R$2:$R$366,ROW(INDEX(Jesper!AL$2:AL$366,ROUNDDOWN($C968/24,0)+1,1))-1)+IF('Standard Profiles'!$G$22=$B$10,7,0)+IF('Standard Profiles'!$G$22=$B$17,14,0)+IF('Standard Profiles'!$G$22=$B$24,21,0),0)),0)</f>
        <v>0</v>
      </c>
      <c r="I968">
        <f t="shared" si="118"/>
        <v>6.6393599727904622</v>
      </c>
      <c r="J968">
        <f t="shared" si="119"/>
        <v>21.752128464589738</v>
      </c>
      <c r="K968">
        <f t="shared" si="120"/>
        <v>0.69581153405110407</v>
      </c>
      <c r="L968">
        <f t="shared" si="121"/>
        <v>0.34790576702555204</v>
      </c>
      <c r="M968">
        <f t="shared" si="122"/>
        <v>0</v>
      </c>
      <c r="N968" s="45">
        <f t="shared" si="123"/>
        <v>44965.916666664401</v>
      </c>
    </row>
    <row r="969" spans="2:14" x14ac:dyDescent="0.25">
      <c r="B969">
        <f t="shared" si="117"/>
        <v>3</v>
      </c>
      <c r="C969" s="16">
        <v>935</v>
      </c>
      <c r="D969" cm="1">
        <f t="array" ref="D969">IFERROR(INDEX(Jesper!AH$2:AH$366,ROUNDDOWN($C969/24,0)+1,1)*INDEX($D$3:$AA$30,INDEX(Jesper!$R$2:$R$366,ROW(INDEX(Jesper!AH$2:AH$366,ROUNDDOWN($C969/24,0)+1,1))-1)+IF('Standard Profiles'!$G$18=$B$10,7,0)+IF('Standard Profiles'!$G$18=$B$17,14,0)+IF('Standard Profiles'!$G$18=$B$24,21,0),MOD($C969,24)+1)/SUM(INDEX($D$3:$AA$30,INDEX(Jesper!$R$2:$R$366,ROW(INDEX(Jesper!AH$2:AH$366,ROUNDDOWN($C969/24,0)+1,1))-1)+IF('Standard Profiles'!$G$18=$B$10,7,0)+IF('Standard Profiles'!$G$18=$B$17,14,0)+IF('Standard Profiles'!$G$18=$B$24,21,0),0)),0)</f>
        <v>6.5232331317291008</v>
      </c>
      <c r="E969" cm="1">
        <f t="array" ref="E969">IFERROR(INDEX(Jesper!AI$2:AI$366,ROUNDDOWN($C969/24,0)+1,1)*INDEX($D$3:$AA$30,INDEX(Jesper!$R$2:$R$366,ROW(INDEX(Jesper!AI$2:AI$366,ROUNDDOWN($C969/24,0)+1,1))-1)+IF('Standard Profiles'!$G$19=$B$10,7,0)+IF('Standard Profiles'!$G$19=$B$17,14,0)+IF('Standard Profiles'!$G$19=$B$24,21,0),MOD($C969,24)+1)/SUM(INDEX($D$3:$AA$30,INDEX(Jesper!$R$2:$R$366,ROW(INDEX(Jesper!AI$2:AI$366,ROUNDDOWN($C969/24,0)+1,1))-1)+IF('Standard Profiles'!$G$19=$B$10,7,0)+IF('Standard Profiles'!$G$19=$B$17,14,0)+IF('Standard Profiles'!$G$19=$B$24,21,0),0)),0)</f>
        <v>9.0799726634142868</v>
      </c>
      <c r="F969" cm="1">
        <f t="array" ref="F969">IFERROR(INDEX(Jesper!AJ$2:AJ$366,ROUNDDOWN($C969/24,0)+1,1)*INDEX($D$3:$AA$30,INDEX(Jesper!$R$2:$R$366,ROW(INDEX(Jesper!AJ$2:AJ$366,ROUNDDOWN($C969/24,0)+1,1))-1)+IF('Standard Profiles'!$G$20=$B$10,7,0)+IF('Standard Profiles'!$G$20=$B$17,14,0)+IF('Standard Profiles'!$G$20=$B$24,21,0),MOD($C969,24)+1)/SUM(INDEX($D$3:$AA$30,INDEX(Jesper!$R$2:$R$366,ROW(INDEX(Jesper!AJ$2:AJ$366,ROUNDDOWN($C969/24,0)+1,1))-1)+IF('Standard Profiles'!$G$20=$B$10,7,0)+IF('Standard Profiles'!$G$20=$B$17,14,0)+IF('Standard Profiles'!$G$20=$B$24,21,0),0)),0)</f>
        <v>0</v>
      </c>
      <c r="G969" cm="1">
        <f t="array" ref="G969">IFERROR(INDEX(Jesper!AK$2:AK$366,ROUNDDOWN($C969/24,0)+1,1)*INDEX($D$3:$AA$30,INDEX(Jesper!$R$2:$R$366,ROW(INDEX(Jesper!AK$2:AK$366,ROUNDDOWN($C969/24,0)+1,1))-1)+IF('Standard Profiles'!$G$21=$B$10,7,0)+IF('Standard Profiles'!$G$21=$B$17,14,0)+IF('Standard Profiles'!$G$21=$B$24,21,0),MOD($C969,24)+1)/SUM(INDEX($D$3:$AA$30,INDEX(Jesper!$R$2:$R$366,ROW(INDEX(Jesper!AK$2:AK$366,ROUNDDOWN($C969/24,0)+1,1))-1)+IF('Standard Profiles'!$G$21=$B$10,7,0)+IF('Standard Profiles'!$G$21=$B$17,14,0)+IF('Standard Profiles'!$G$21=$B$24,21,0),0)),0)</f>
        <v>13.83199994331347</v>
      </c>
      <c r="H969" cm="1">
        <f t="array" ref="H969">IFERROR(INDEX(Jesper!AL$2:AL$366,ROUNDDOWN($C969/24,0)+1,1)*INDEX($D$3:$AA$30,INDEX(Jesper!$R$2:$R$366,ROW(INDEX(Jesper!AL$2:AL$366,ROUNDDOWN($C969/24,0)+1,1))-1)+IF('Standard Profiles'!$G$22=$B$10,7,0)+IF('Standard Profiles'!$G$22=$B$17,14,0)+IF('Standard Profiles'!$G$22=$B$24,21,0),MOD($C969,24)+1)/SUM(INDEX($D$3:$AA$30,INDEX(Jesper!$R$2:$R$366,ROW(INDEX(Jesper!AL$2:AL$366,ROUNDDOWN($C969/24,0)+1,1))-1)+IF('Standard Profiles'!$G$22=$B$10,7,0)+IF('Standard Profiles'!$G$22=$B$17,14,0)+IF('Standard Profiles'!$G$22=$B$24,21,0),0)),0)</f>
        <v>0</v>
      </c>
      <c r="I969">
        <f t="shared" si="118"/>
        <v>6.6393599727904622</v>
      </c>
      <c r="J969">
        <f t="shared" si="119"/>
        <v>21.752128464589738</v>
      </c>
      <c r="K969">
        <f t="shared" si="120"/>
        <v>0.69581153405110407</v>
      </c>
      <c r="L969">
        <f t="shared" si="121"/>
        <v>0.34790576702555204</v>
      </c>
      <c r="M969">
        <f t="shared" si="122"/>
        <v>0</v>
      </c>
      <c r="N969" s="45">
        <f t="shared" si="123"/>
        <v>44965.958333331066</v>
      </c>
    </row>
    <row r="970" spans="2:14" x14ac:dyDescent="0.25">
      <c r="B970">
        <f t="shared" si="117"/>
        <v>4</v>
      </c>
      <c r="C970" s="16">
        <v>936</v>
      </c>
      <c r="D970" cm="1">
        <f t="array" ref="D970">IFERROR(INDEX(Jesper!AH$2:AH$366,ROUNDDOWN($C970/24,0)+1,1)*INDEX($D$3:$AA$30,INDEX(Jesper!$R$2:$R$366,ROW(INDEX(Jesper!AH$2:AH$366,ROUNDDOWN($C970/24,0)+1,1))-1)+IF('Standard Profiles'!$G$18=$B$10,7,0)+IF('Standard Profiles'!$G$18=$B$17,14,0)+IF('Standard Profiles'!$G$18=$B$24,21,0),MOD($C970,24)+1)/SUM(INDEX($D$3:$AA$30,INDEX(Jesper!$R$2:$R$366,ROW(INDEX(Jesper!AH$2:AH$366,ROUNDDOWN($C970/24,0)+1,1))-1)+IF('Standard Profiles'!$G$18=$B$10,7,0)+IF('Standard Profiles'!$G$18=$B$17,14,0)+IF('Standard Profiles'!$G$18=$B$24,21,0),0)),0)</f>
        <v>6.3861414585224745</v>
      </c>
      <c r="E970" cm="1">
        <f t="array" ref="E970">IFERROR(INDEX(Jesper!AI$2:AI$366,ROUNDDOWN($C970/24,0)+1,1)*INDEX($D$3:$AA$30,INDEX(Jesper!$R$2:$R$366,ROW(INDEX(Jesper!AI$2:AI$366,ROUNDDOWN($C970/24,0)+1,1))-1)+IF('Standard Profiles'!$G$19=$B$10,7,0)+IF('Standard Profiles'!$G$19=$B$17,14,0)+IF('Standard Profiles'!$G$19=$B$24,21,0),MOD($C970,24)+1)/SUM(INDEX($D$3:$AA$30,INDEX(Jesper!$R$2:$R$366,ROW(INDEX(Jesper!AI$2:AI$366,ROUNDDOWN($C970/24,0)+1,1))-1)+IF('Standard Profiles'!$G$19=$B$10,7,0)+IF('Standard Profiles'!$G$19=$B$17,14,0)+IF('Standard Profiles'!$G$19=$B$24,21,0),0)),0)</f>
        <v>8.5583236342879196</v>
      </c>
      <c r="F970" cm="1">
        <f t="array" ref="F970">IFERROR(INDEX(Jesper!AJ$2:AJ$366,ROUNDDOWN($C970/24,0)+1,1)*INDEX($D$3:$AA$30,INDEX(Jesper!$R$2:$R$366,ROW(INDEX(Jesper!AJ$2:AJ$366,ROUNDDOWN($C970/24,0)+1,1))-1)+IF('Standard Profiles'!$G$20=$B$10,7,0)+IF('Standard Profiles'!$G$20=$B$17,14,0)+IF('Standard Profiles'!$G$20=$B$24,21,0),MOD($C970,24)+1)/SUM(INDEX($D$3:$AA$30,INDEX(Jesper!$R$2:$R$366,ROW(INDEX(Jesper!AJ$2:AJ$366,ROUNDDOWN($C970/24,0)+1,1))-1)+IF('Standard Profiles'!$G$20=$B$10,7,0)+IF('Standard Profiles'!$G$20=$B$17,14,0)+IF('Standard Profiles'!$G$20=$B$24,21,0),0)),0)</f>
        <v>0</v>
      </c>
      <c r="G970" cm="1">
        <f t="array" ref="G970">IFERROR(INDEX(Jesper!AK$2:AK$366,ROUNDDOWN($C970/24,0)+1,1)*INDEX($D$3:$AA$30,INDEX(Jesper!$R$2:$R$366,ROW(INDEX(Jesper!AK$2:AK$366,ROUNDDOWN($C970/24,0)+1,1))-1)+IF('Standard Profiles'!$G$21=$B$10,7,0)+IF('Standard Profiles'!$G$21=$B$17,14,0)+IF('Standard Profiles'!$G$21=$B$24,21,0),MOD($C970,24)+1)/SUM(INDEX($D$3:$AA$30,INDEX(Jesper!$R$2:$R$366,ROW(INDEX(Jesper!AK$2:AK$366,ROUNDDOWN($C970/24,0)+1,1))-1)+IF('Standard Profiles'!$G$21=$B$10,7,0)+IF('Standard Profiles'!$G$21=$B$17,14,0)+IF('Standard Profiles'!$G$21=$B$24,21,0),0)),0)</f>
        <v>12.48215211846794</v>
      </c>
      <c r="H970" cm="1">
        <f t="array" ref="H970">IFERROR(INDEX(Jesper!AL$2:AL$366,ROUNDDOWN($C970/24,0)+1,1)*INDEX($D$3:$AA$30,INDEX(Jesper!$R$2:$R$366,ROW(INDEX(Jesper!AL$2:AL$366,ROUNDDOWN($C970/24,0)+1,1))-1)+IF('Standard Profiles'!$G$22=$B$10,7,0)+IF('Standard Profiles'!$G$22=$B$17,14,0)+IF('Standard Profiles'!$G$22=$B$24,21,0),MOD($C970,24)+1)/SUM(INDEX($D$3:$AA$30,INDEX(Jesper!$R$2:$R$366,ROW(INDEX(Jesper!AL$2:AL$366,ROUNDDOWN($C970/24,0)+1,1))-1)+IF('Standard Profiles'!$G$22=$B$10,7,0)+IF('Standard Profiles'!$G$22=$B$17,14,0)+IF('Standard Profiles'!$G$22=$B$24,21,0),0)),0)</f>
        <v>0</v>
      </c>
      <c r="I970">
        <f t="shared" si="118"/>
        <v>5.9914330168646082</v>
      </c>
      <c r="J970">
        <f t="shared" si="119"/>
        <v>20.413401561050129</v>
      </c>
      <c r="K970">
        <f t="shared" si="120"/>
        <v>0.68118842224239728</v>
      </c>
      <c r="L970">
        <f t="shared" si="121"/>
        <v>0.34059421112119864</v>
      </c>
      <c r="M970">
        <f t="shared" si="122"/>
        <v>0</v>
      </c>
      <c r="N970" s="45">
        <f t="shared" si="123"/>
        <v>44965.99999999773</v>
      </c>
    </row>
    <row r="971" spans="2:14" x14ac:dyDescent="0.25">
      <c r="B971">
        <f t="shared" si="117"/>
        <v>4</v>
      </c>
      <c r="C971" s="16">
        <v>937</v>
      </c>
      <c r="D971" cm="1">
        <f t="array" ref="D971">IFERROR(INDEX(Jesper!AH$2:AH$366,ROUNDDOWN($C971/24,0)+1,1)*INDEX($D$3:$AA$30,INDEX(Jesper!$R$2:$R$366,ROW(INDEX(Jesper!AH$2:AH$366,ROUNDDOWN($C971/24,0)+1,1))-1)+IF('Standard Profiles'!$G$18=$B$10,7,0)+IF('Standard Profiles'!$G$18=$B$17,14,0)+IF('Standard Profiles'!$G$18=$B$24,21,0),MOD($C971,24)+1)/SUM(INDEX($D$3:$AA$30,INDEX(Jesper!$R$2:$R$366,ROW(INDEX(Jesper!AH$2:AH$366,ROUNDDOWN($C971/24,0)+1,1))-1)+IF('Standard Profiles'!$G$18=$B$10,7,0)+IF('Standard Profiles'!$G$18=$B$17,14,0)+IF('Standard Profiles'!$G$18=$B$24,21,0),0)),0)</f>
        <v>6.3861414585224745</v>
      </c>
      <c r="E971" cm="1">
        <f t="array" ref="E971">IFERROR(INDEX(Jesper!AI$2:AI$366,ROUNDDOWN($C971/24,0)+1,1)*INDEX($D$3:$AA$30,INDEX(Jesper!$R$2:$R$366,ROW(INDEX(Jesper!AI$2:AI$366,ROUNDDOWN($C971/24,0)+1,1))-1)+IF('Standard Profiles'!$G$19=$B$10,7,0)+IF('Standard Profiles'!$G$19=$B$17,14,0)+IF('Standard Profiles'!$G$19=$B$24,21,0),MOD($C971,24)+1)/SUM(INDEX($D$3:$AA$30,INDEX(Jesper!$R$2:$R$366,ROW(INDEX(Jesper!AI$2:AI$366,ROUNDDOWN($C971/24,0)+1,1))-1)+IF('Standard Profiles'!$G$19=$B$10,7,0)+IF('Standard Profiles'!$G$19=$B$17,14,0)+IF('Standard Profiles'!$G$19=$B$24,21,0),0)),0)</f>
        <v>8.5583236342879196</v>
      </c>
      <c r="F971" cm="1">
        <f t="array" ref="F971">IFERROR(INDEX(Jesper!AJ$2:AJ$366,ROUNDDOWN($C971/24,0)+1,1)*INDEX($D$3:$AA$30,INDEX(Jesper!$R$2:$R$366,ROW(INDEX(Jesper!AJ$2:AJ$366,ROUNDDOWN($C971/24,0)+1,1))-1)+IF('Standard Profiles'!$G$20=$B$10,7,0)+IF('Standard Profiles'!$G$20=$B$17,14,0)+IF('Standard Profiles'!$G$20=$B$24,21,0),MOD($C971,24)+1)/SUM(INDEX($D$3:$AA$30,INDEX(Jesper!$R$2:$R$366,ROW(INDEX(Jesper!AJ$2:AJ$366,ROUNDDOWN($C971/24,0)+1,1))-1)+IF('Standard Profiles'!$G$20=$B$10,7,0)+IF('Standard Profiles'!$G$20=$B$17,14,0)+IF('Standard Profiles'!$G$20=$B$24,21,0),0)),0)</f>
        <v>0</v>
      </c>
      <c r="G971" cm="1">
        <f t="array" ref="G971">IFERROR(INDEX(Jesper!AK$2:AK$366,ROUNDDOWN($C971/24,0)+1,1)*INDEX($D$3:$AA$30,INDEX(Jesper!$R$2:$R$366,ROW(INDEX(Jesper!AK$2:AK$366,ROUNDDOWN($C971/24,0)+1,1))-1)+IF('Standard Profiles'!$G$21=$B$10,7,0)+IF('Standard Profiles'!$G$21=$B$17,14,0)+IF('Standard Profiles'!$G$21=$B$24,21,0),MOD($C971,24)+1)/SUM(INDEX($D$3:$AA$30,INDEX(Jesper!$R$2:$R$366,ROW(INDEX(Jesper!AK$2:AK$366,ROUNDDOWN($C971/24,0)+1,1))-1)+IF('Standard Profiles'!$G$21=$B$10,7,0)+IF('Standard Profiles'!$G$21=$B$17,14,0)+IF('Standard Profiles'!$G$21=$B$24,21,0),0)),0)</f>
        <v>12.48215211846794</v>
      </c>
      <c r="H971" cm="1">
        <f t="array" ref="H971">IFERROR(INDEX(Jesper!AL$2:AL$366,ROUNDDOWN($C971/24,0)+1,1)*INDEX($D$3:$AA$30,INDEX(Jesper!$R$2:$R$366,ROW(INDEX(Jesper!AL$2:AL$366,ROUNDDOWN($C971/24,0)+1,1))-1)+IF('Standard Profiles'!$G$22=$B$10,7,0)+IF('Standard Profiles'!$G$22=$B$17,14,0)+IF('Standard Profiles'!$G$22=$B$24,21,0),MOD($C971,24)+1)/SUM(INDEX($D$3:$AA$30,INDEX(Jesper!$R$2:$R$366,ROW(INDEX(Jesper!AL$2:AL$366,ROUNDDOWN($C971/24,0)+1,1))-1)+IF('Standard Profiles'!$G$22=$B$10,7,0)+IF('Standard Profiles'!$G$22=$B$17,14,0)+IF('Standard Profiles'!$G$22=$B$24,21,0),0)),0)</f>
        <v>0</v>
      </c>
      <c r="I971">
        <f t="shared" si="118"/>
        <v>5.9914330168646082</v>
      </c>
      <c r="J971">
        <f t="shared" si="119"/>
        <v>20.413401561050129</v>
      </c>
      <c r="K971">
        <f t="shared" si="120"/>
        <v>0.68118842224239728</v>
      </c>
      <c r="L971">
        <f t="shared" si="121"/>
        <v>0.34059421112119864</v>
      </c>
      <c r="M971">
        <f t="shared" si="122"/>
        <v>0</v>
      </c>
      <c r="N971" s="45">
        <f t="shared" si="123"/>
        <v>44966.041666664394</v>
      </c>
    </row>
    <row r="972" spans="2:14" x14ac:dyDescent="0.25">
      <c r="B972">
        <f t="shared" si="117"/>
        <v>4</v>
      </c>
      <c r="C972" s="16">
        <v>938</v>
      </c>
      <c r="D972" cm="1">
        <f t="array" ref="D972">IFERROR(INDEX(Jesper!AH$2:AH$366,ROUNDDOWN($C972/24,0)+1,1)*INDEX($D$3:$AA$30,INDEX(Jesper!$R$2:$R$366,ROW(INDEX(Jesper!AH$2:AH$366,ROUNDDOWN($C972/24,0)+1,1))-1)+IF('Standard Profiles'!$G$18=$B$10,7,0)+IF('Standard Profiles'!$G$18=$B$17,14,0)+IF('Standard Profiles'!$G$18=$B$24,21,0),MOD($C972,24)+1)/SUM(INDEX($D$3:$AA$30,INDEX(Jesper!$R$2:$R$366,ROW(INDEX(Jesper!AH$2:AH$366,ROUNDDOWN($C972/24,0)+1,1))-1)+IF('Standard Profiles'!$G$18=$B$10,7,0)+IF('Standard Profiles'!$G$18=$B$17,14,0)+IF('Standard Profiles'!$G$18=$B$24,21,0),0)),0)</f>
        <v>6.3861414585224745</v>
      </c>
      <c r="E972" cm="1">
        <f t="array" ref="E972">IFERROR(INDEX(Jesper!AI$2:AI$366,ROUNDDOWN($C972/24,0)+1,1)*INDEX($D$3:$AA$30,INDEX(Jesper!$R$2:$R$366,ROW(INDEX(Jesper!AI$2:AI$366,ROUNDDOWN($C972/24,0)+1,1))-1)+IF('Standard Profiles'!$G$19=$B$10,7,0)+IF('Standard Profiles'!$G$19=$B$17,14,0)+IF('Standard Profiles'!$G$19=$B$24,21,0),MOD($C972,24)+1)/SUM(INDEX($D$3:$AA$30,INDEX(Jesper!$R$2:$R$366,ROW(INDEX(Jesper!AI$2:AI$366,ROUNDDOWN($C972/24,0)+1,1))-1)+IF('Standard Profiles'!$G$19=$B$10,7,0)+IF('Standard Profiles'!$G$19=$B$17,14,0)+IF('Standard Profiles'!$G$19=$B$24,21,0),0)),0)</f>
        <v>8.5583236342879196</v>
      </c>
      <c r="F972" cm="1">
        <f t="array" ref="F972">IFERROR(INDEX(Jesper!AJ$2:AJ$366,ROUNDDOWN($C972/24,0)+1,1)*INDEX($D$3:$AA$30,INDEX(Jesper!$R$2:$R$366,ROW(INDEX(Jesper!AJ$2:AJ$366,ROUNDDOWN($C972/24,0)+1,1))-1)+IF('Standard Profiles'!$G$20=$B$10,7,0)+IF('Standard Profiles'!$G$20=$B$17,14,0)+IF('Standard Profiles'!$G$20=$B$24,21,0),MOD($C972,24)+1)/SUM(INDEX($D$3:$AA$30,INDEX(Jesper!$R$2:$R$366,ROW(INDEX(Jesper!AJ$2:AJ$366,ROUNDDOWN($C972/24,0)+1,1))-1)+IF('Standard Profiles'!$G$20=$B$10,7,0)+IF('Standard Profiles'!$G$20=$B$17,14,0)+IF('Standard Profiles'!$G$20=$B$24,21,0),0)),0)</f>
        <v>0</v>
      </c>
      <c r="G972" cm="1">
        <f t="array" ref="G972">IFERROR(INDEX(Jesper!AK$2:AK$366,ROUNDDOWN($C972/24,0)+1,1)*INDEX($D$3:$AA$30,INDEX(Jesper!$R$2:$R$366,ROW(INDEX(Jesper!AK$2:AK$366,ROUNDDOWN($C972/24,0)+1,1))-1)+IF('Standard Profiles'!$G$21=$B$10,7,0)+IF('Standard Profiles'!$G$21=$B$17,14,0)+IF('Standard Profiles'!$G$21=$B$24,21,0),MOD($C972,24)+1)/SUM(INDEX($D$3:$AA$30,INDEX(Jesper!$R$2:$R$366,ROW(INDEX(Jesper!AK$2:AK$366,ROUNDDOWN($C972/24,0)+1,1))-1)+IF('Standard Profiles'!$G$21=$B$10,7,0)+IF('Standard Profiles'!$G$21=$B$17,14,0)+IF('Standard Profiles'!$G$21=$B$24,21,0),0)),0)</f>
        <v>12.48215211846794</v>
      </c>
      <c r="H972" cm="1">
        <f t="array" ref="H972">IFERROR(INDEX(Jesper!AL$2:AL$366,ROUNDDOWN($C972/24,0)+1,1)*INDEX($D$3:$AA$30,INDEX(Jesper!$R$2:$R$366,ROW(INDEX(Jesper!AL$2:AL$366,ROUNDDOWN($C972/24,0)+1,1))-1)+IF('Standard Profiles'!$G$22=$B$10,7,0)+IF('Standard Profiles'!$G$22=$B$17,14,0)+IF('Standard Profiles'!$G$22=$B$24,21,0),MOD($C972,24)+1)/SUM(INDEX($D$3:$AA$30,INDEX(Jesper!$R$2:$R$366,ROW(INDEX(Jesper!AL$2:AL$366,ROUNDDOWN($C972/24,0)+1,1))-1)+IF('Standard Profiles'!$G$22=$B$10,7,0)+IF('Standard Profiles'!$G$22=$B$17,14,0)+IF('Standard Profiles'!$G$22=$B$24,21,0),0)),0)</f>
        <v>0</v>
      </c>
      <c r="I972">
        <f t="shared" si="118"/>
        <v>5.9914330168646082</v>
      </c>
      <c r="J972">
        <f t="shared" si="119"/>
        <v>20.413401561050129</v>
      </c>
      <c r="K972">
        <f t="shared" si="120"/>
        <v>0.68118842224239728</v>
      </c>
      <c r="L972">
        <f t="shared" si="121"/>
        <v>0.34059421112119864</v>
      </c>
      <c r="M972">
        <f t="shared" si="122"/>
        <v>0</v>
      </c>
      <c r="N972" s="45">
        <f t="shared" si="123"/>
        <v>44966.083333331058</v>
      </c>
    </row>
    <row r="973" spans="2:14" x14ac:dyDescent="0.25">
      <c r="B973">
        <f t="shared" si="117"/>
        <v>4</v>
      </c>
      <c r="C973" s="16">
        <v>939</v>
      </c>
      <c r="D973" cm="1">
        <f t="array" ref="D973">IFERROR(INDEX(Jesper!AH$2:AH$366,ROUNDDOWN($C973/24,0)+1,1)*INDEX($D$3:$AA$30,INDEX(Jesper!$R$2:$R$366,ROW(INDEX(Jesper!AH$2:AH$366,ROUNDDOWN($C973/24,0)+1,1))-1)+IF('Standard Profiles'!$G$18=$B$10,7,0)+IF('Standard Profiles'!$G$18=$B$17,14,0)+IF('Standard Profiles'!$G$18=$B$24,21,0),MOD($C973,24)+1)/SUM(INDEX($D$3:$AA$30,INDEX(Jesper!$R$2:$R$366,ROW(INDEX(Jesper!AH$2:AH$366,ROUNDDOWN($C973/24,0)+1,1))-1)+IF('Standard Profiles'!$G$18=$B$10,7,0)+IF('Standard Profiles'!$G$18=$B$17,14,0)+IF('Standard Profiles'!$G$18=$B$24,21,0),0)),0)</f>
        <v>6.3861414585224745</v>
      </c>
      <c r="E973" cm="1">
        <f t="array" ref="E973">IFERROR(INDEX(Jesper!AI$2:AI$366,ROUNDDOWN($C973/24,0)+1,1)*INDEX($D$3:$AA$30,INDEX(Jesper!$R$2:$R$366,ROW(INDEX(Jesper!AI$2:AI$366,ROUNDDOWN($C973/24,0)+1,1))-1)+IF('Standard Profiles'!$G$19=$B$10,7,0)+IF('Standard Profiles'!$G$19=$B$17,14,0)+IF('Standard Profiles'!$G$19=$B$24,21,0),MOD($C973,24)+1)/SUM(INDEX($D$3:$AA$30,INDEX(Jesper!$R$2:$R$366,ROW(INDEX(Jesper!AI$2:AI$366,ROUNDDOWN($C973/24,0)+1,1))-1)+IF('Standard Profiles'!$G$19=$B$10,7,0)+IF('Standard Profiles'!$G$19=$B$17,14,0)+IF('Standard Profiles'!$G$19=$B$24,21,0),0)),0)</f>
        <v>8.5583236342879196</v>
      </c>
      <c r="F973" cm="1">
        <f t="array" ref="F973">IFERROR(INDEX(Jesper!AJ$2:AJ$366,ROUNDDOWN($C973/24,0)+1,1)*INDEX($D$3:$AA$30,INDEX(Jesper!$R$2:$R$366,ROW(INDEX(Jesper!AJ$2:AJ$366,ROUNDDOWN($C973/24,0)+1,1))-1)+IF('Standard Profiles'!$G$20=$B$10,7,0)+IF('Standard Profiles'!$G$20=$B$17,14,0)+IF('Standard Profiles'!$G$20=$B$24,21,0),MOD($C973,24)+1)/SUM(INDEX($D$3:$AA$30,INDEX(Jesper!$R$2:$R$366,ROW(INDEX(Jesper!AJ$2:AJ$366,ROUNDDOWN($C973/24,0)+1,1))-1)+IF('Standard Profiles'!$G$20=$B$10,7,0)+IF('Standard Profiles'!$G$20=$B$17,14,0)+IF('Standard Profiles'!$G$20=$B$24,21,0),0)),0)</f>
        <v>0</v>
      </c>
      <c r="G973" cm="1">
        <f t="array" ref="G973">IFERROR(INDEX(Jesper!AK$2:AK$366,ROUNDDOWN($C973/24,0)+1,1)*INDEX($D$3:$AA$30,INDEX(Jesper!$R$2:$R$366,ROW(INDEX(Jesper!AK$2:AK$366,ROUNDDOWN($C973/24,0)+1,1))-1)+IF('Standard Profiles'!$G$21=$B$10,7,0)+IF('Standard Profiles'!$G$21=$B$17,14,0)+IF('Standard Profiles'!$G$21=$B$24,21,0),MOD($C973,24)+1)/SUM(INDEX($D$3:$AA$30,INDEX(Jesper!$R$2:$R$366,ROW(INDEX(Jesper!AK$2:AK$366,ROUNDDOWN($C973/24,0)+1,1))-1)+IF('Standard Profiles'!$G$21=$B$10,7,0)+IF('Standard Profiles'!$G$21=$B$17,14,0)+IF('Standard Profiles'!$G$21=$B$24,21,0),0)),0)</f>
        <v>12.48215211846794</v>
      </c>
      <c r="H973" cm="1">
        <f t="array" ref="H973">IFERROR(INDEX(Jesper!AL$2:AL$366,ROUNDDOWN($C973/24,0)+1,1)*INDEX($D$3:$AA$30,INDEX(Jesper!$R$2:$R$366,ROW(INDEX(Jesper!AL$2:AL$366,ROUNDDOWN($C973/24,0)+1,1))-1)+IF('Standard Profiles'!$G$22=$B$10,7,0)+IF('Standard Profiles'!$G$22=$B$17,14,0)+IF('Standard Profiles'!$G$22=$B$24,21,0),MOD($C973,24)+1)/SUM(INDEX($D$3:$AA$30,INDEX(Jesper!$R$2:$R$366,ROW(INDEX(Jesper!AL$2:AL$366,ROUNDDOWN($C973/24,0)+1,1))-1)+IF('Standard Profiles'!$G$22=$B$10,7,0)+IF('Standard Profiles'!$G$22=$B$17,14,0)+IF('Standard Profiles'!$G$22=$B$24,21,0),0)),0)</f>
        <v>0</v>
      </c>
      <c r="I973">
        <f t="shared" si="118"/>
        <v>5.9914330168646082</v>
      </c>
      <c r="J973">
        <f t="shared" si="119"/>
        <v>20.413401561050129</v>
      </c>
      <c r="K973">
        <f t="shared" si="120"/>
        <v>0.68118842224239728</v>
      </c>
      <c r="L973">
        <f t="shared" si="121"/>
        <v>0.34059421112119864</v>
      </c>
      <c r="M973">
        <f t="shared" si="122"/>
        <v>0</v>
      </c>
      <c r="N973" s="45">
        <f t="shared" si="123"/>
        <v>44966.124999997723</v>
      </c>
    </row>
    <row r="974" spans="2:14" x14ac:dyDescent="0.25">
      <c r="B974">
        <f t="shared" si="117"/>
        <v>4</v>
      </c>
      <c r="C974" s="16">
        <v>940</v>
      </c>
      <c r="D974" cm="1">
        <f t="array" ref="D974">IFERROR(INDEX(Jesper!AH$2:AH$366,ROUNDDOWN($C974/24,0)+1,1)*INDEX($D$3:$AA$30,INDEX(Jesper!$R$2:$R$366,ROW(INDEX(Jesper!AH$2:AH$366,ROUNDDOWN($C974/24,0)+1,1))-1)+IF('Standard Profiles'!$G$18=$B$10,7,0)+IF('Standard Profiles'!$G$18=$B$17,14,0)+IF('Standard Profiles'!$G$18=$B$24,21,0),MOD($C974,24)+1)/SUM(INDEX($D$3:$AA$30,INDEX(Jesper!$R$2:$R$366,ROW(INDEX(Jesper!AH$2:AH$366,ROUNDDOWN($C974/24,0)+1,1))-1)+IF('Standard Profiles'!$G$18=$B$10,7,0)+IF('Standard Profiles'!$G$18=$B$17,14,0)+IF('Standard Profiles'!$G$18=$B$24,21,0),0)),0)</f>
        <v>6.3861414585224745</v>
      </c>
      <c r="E974" cm="1">
        <f t="array" ref="E974">IFERROR(INDEX(Jesper!AI$2:AI$366,ROUNDDOWN($C974/24,0)+1,1)*INDEX($D$3:$AA$30,INDEX(Jesper!$R$2:$R$366,ROW(INDEX(Jesper!AI$2:AI$366,ROUNDDOWN($C974/24,0)+1,1))-1)+IF('Standard Profiles'!$G$19=$B$10,7,0)+IF('Standard Profiles'!$G$19=$B$17,14,0)+IF('Standard Profiles'!$G$19=$B$24,21,0),MOD($C974,24)+1)/SUM(INDEX($D$3:$AA$30,INDEX(Jesper!$R$2:$R$366,ROW(INDEX(Jesper!AI$2:AI$366,ROUNDDOWN($C974/24,0)+1,1))-1)+IF('Standard Profiles'!$G$19=$B$10,7,0)+IF('Standard Profiles'!$G$19=$B$17,14,0)+IF('Standard Profiles'!$G$19=$B$24,21,0),0)),0)</f>
        <v>8.5583236342879196</v>
      </c>
      <c r="F974" cm="1">
        <f t="array" ref="F974">IFERROR(INDEX(Jesper!AJ$2:AJ$366,ROUNDDOWN($C974/24,0)+1,1)*INDEX($D$3:$AA$30,INDEX(Jesper!$R$2:$R$366,ROW(INDEX(Jesper!AJ$2:AJ$366,ROUNDDOWN($C974/24,0)+1,1))-1)+IF('Standard Profiles'!$G$20=$B$10,7,0)+IF('Standard Profiles'!$G$20=$B$17,14,0)+IF('Standard Profiles'!$G$20=$B$24,21,0),MOD($C974,24)+1)/SUM(INDEX($D$3:$AA$30,INDEX(Jesper!$R$2:$R$366,ROW(INDEX(Jesper!AJ$2:AJ$366,ROUNDDOWN($C974/24,0)+1,1))-1)+IF('Standard Profiles'!$G$20=$B$10,7,0)+IF('Standard Profiles'!$G$20=$B$17,14,0)+IF('Standard Profiles'!$G$20=$B$24,21,0),0)),0)</f>
        <v>0</v>
      </c>
      <c r="G974" cm="1">
        <f t="array" ref="G974">IFERROR(INDEX(Jesper!AK$2:AK$366,ROUNDDOWN($C974/24,0)+1,1)*INDEX($D$3:$AA$30,INDEX(Jesper!$R$2:$R$366,ROW(INDEX(Jesper!AK$2:AK$366,ROUNDDOWN($C974/24,0)+1,1))-1)+IF('Standard Profiles'!$G$21=$B$10,7,0)+IF('Standard Profiles'!$G$21=$B$17,14,0)+IF('Standard Profiles'!$G$21=$B$24,21,0),MOD($C974,24)+1)/SUM(INDEX($D$3:$AA$30,INDEX(Jesper!$R$2:$R$366,ROW(INDEX(Jesper!AK$2:AK$366,ROUNDDOWN($C974/24,0)+1,1))-1)+IF('Standard Profiles'!$G$21=$B$10,7,0)+IF('Standard Profiles'!$G$21=$B$17,14,0)+IF('Standard Profiles'!$G$21=$B$24,21,0),0)),0)</f>
        <v>12.48215211846794</v>
      </c>
      <c r="H974" cm="1">
        <f t="array" ref="H974">IFERROR(INDEX(Jesper!AL$2:AL$366,ROUNDDOWN($C974/24,0)+1,1)*INDEX($D$3:$AA$30,INDEX(Jesper!$R$2:$R$366,ROW(INDEX(Jesper!AL$2:AL$366,ROUNDDOWN($C974/24,0)+1,1))-1)+IF('Standard Profiles'!$G$22=$B$10,7,0)+IF('Standard Profiles'!$G$22=$B$17,14,0)+IF('Standard Profiles'!$G$22=$B$24,21,0),MOD($C974,24)+1)/SUM(INDEX($D$3:$AA$30,INDEX(Jesper!$R$2:$R$366,ROW(INDEX(Jesper!AL$2:AL$366,ROUNDDOWN($C974/24,0)+1,1))-1)+IF('Standard Profiles'!$G$22=$B$10,7,0)+IF('Standard Profiles'!$G$22=$B$17,14,0)+IF('Standard Profiles'!$G$22=$B$24,21,0),0)),0)</f>
        <v>0</v>
      </c>
      <c r="I974">
        <f t="shared" si="118"/>
        <v>5.9914330168646082</v>
      </c>
      <c r="J974">
        <f t="shared" si="119"/>
        <v>20.413401561050129</v>
      </c>
      <c r="K974">
        <f t="shared" si="120"/>
        <v>0.68118842224239728</v>
      </c>
      <c r="L974">
        <f t="shared" si="121"/>
        <v>0.34059421112119864</v>
      </c>
      <c r="M974">
        <f t="shared" si="122"/>
        <v>0</v>
      </c>
      <c r="N974" s="45">
        <f t="shared" si="123"/>
        <v>44966.166666664387</v>
      </c>
    </row>
    <row r="975" spans="2:14" x14ac:dyDescent="0.25">
      <c r="B975">
        <f t="shared" si="117"/>
        <v>4</v>
      </c>
      <c r="C975" s="16">
        <v>941</v>
      </c>
      <c r="D975" cm="1">
        <f t="array" ref="D975">IFERROR(INDEX(Jesper!AH$2:AH$366,ROUNDDOWN($C975/24,0)+1,1)*INDEX($D$3:$AA$30,INDEX(Jesper!$R$2:$R$366,ROW(INDEX(Jesper!AH$2:AH$366,ROUNDDOWN($C975/24,0)+1,1))-1)+IF('Standard Profiles'!$G$18=$B$10,7,0)+IF('Standard Profiles'!$G$18=$B$17,14,0)+IF('Standard Profiles'!$G$18=$B$24,21,0),MOD($C975,24)+1)/SUM(INDEX($D$3:$AA$30,INDEX(Jesper!$R$2:$R$366,ROW(INDEX(Jesper!AH$2:AH$366,ROUNDDOWN($C975/24,0)+1,1))-1)+IF('Standard Profiles'!$G$18=$B$10,7,0)+IF('Standard Profiles'!$G$18=$B$17,14,0)+IF('Standard Profiles'!$G$18=$B$24,21,0),0)),0)</f>
        <v>6.3861414585224745</v>
      </c>
      <c r="E975" cm="1">
        <f t="array" ref="E975">IFERROR(INDEX(Jesper!AI$2:AI$366,ROUNDDOWN($C975/24,0)+1,1)*INDEX($D$3:$AA$30,INDEX(Jesper!$R$2:$R$366,ROW(INDEX(Jesper!AI$2:AI$366,ROUNDDOWN($C975/24,0)+1,1))-1)+IF('Standard Profiles'!$G$19=$B$10,7,0)+IF('Standard Profiles'!$G$19=$B$17,14,0)+IF('Standard Profiles'!$G$19=$B$24,21,0),MOD($C975,24)+1)/SUM(INDEX($D$3:$AA$30,INDEX(Jesper!$R$2:$R$366,ROW(INDEX(Jesper!AI$2:AI$366,ROUNDDOWN($C975/24,0)+1,1))-1)+IF('Standard Profiles'!$G$19=$B$10,7,0)+IF('Standard Profiles'!$G$19=$B$17,14,0)+IF('Standard Profiles'!$G$19=$B$24,21,0),0)),0)</f>
        <v>8.5583236342879196</v>
      </c>
      <c r="F975" cm="1">
        <f t="array" ref="F975">IFERROR(INDEX(Jesper!AJ$2:AJ$366,ROUNDDOWN($C975/24,0)+1,1)*INDEX($D$3:$AA$30,INDEX(Jesper!$R$2:$R$366,ROW(INDEX(Jesper!AJ$2:AJ$366,ROUNDDOWN($C975/24,0)+1,1))-1)+IF('Standard Profiles'!$G$20=$B$10,7,0)+IF('Standard Profiles'!$G$20=$B$17,14,0)+IF('Standard Profiles'!$G$20=$B$24,21,0),MOD($C975,24)+1)/SUM(INDEX($D$3:$AA$30,INDEX(Jesper!$R$2:$R$366,ROW(INDEX(Jesper!AJ$2:AJ$366,ROUNDDOWN($C975/24,0)+1,1))-1)+IF('Standard Profiles'!$G$20=$B$10,7,0)+IF('Standard Profiles'!$G$20=$B$17,14,0)+IF('Standard Profiles'!$G$20=$B$24,21,0),0)),0)</f>
        <v>0</v>
      </c>
      <c r="G975" cm="1">
        <f t="array" ref="G975">IFERROR(INDEX(Jesper!AK$2:AK$366,ROUNDDOWN($C975/24,0)+1,1)*INDEX($D$3:$AA$30,INDEX(Jesper!$R$2:$R$366,ROW(INDEX(Jesper!AK$2:AK$366,ROUNDDOWN($C975/24,0)+1,1))-1)+IF('Standard Profiles'!$G$21=$B$10,7,0)+IF('Standard Profiles'!$G$21=$B$17,14,0)+IF('Standard Profiles'!$G$21=$B$24,21,0),MOD($C975,24)+1)/SUM(INDEX($D$3:$AA$30,INDEX(Jesper!$R$2:$R$366,ROW(INDEX(Jesper!AK$2:AK$366,ROUNDDOWN($C975/24,0)+1,1))-1)+IF('Standard Profiles'!$G$21=$B$10,7,0)+IF('Standard Profiles'!$G$21=$B$17,14,0)+IF('Standard Profiles'!$G$21=$B$24,21,0),0)),0)</f>
        <v>12.48215211846794</v>
      </c>
      <c r="H975" cm="1">
        <f t="array" ref="H975">IFERROR(INDEX(Jesper!AL$2:AL$366,ROUNDDOWN($C975/24,0)+1,1)*INDEX($D$3:$AA$30,INDEX(Jesper!$R$2:$R$366,ROW(INDEX(Jesper!AL$2:AL$366,ROUNDDOWN($C975/24,0)+1,1))-1)+IF('Standard Profiles'!$G$22=$B$10,7,0)+IF('Standard Profiles'!$G$22=$B$17,14,0)+IF('Standard Profiles'!$G$22=$B$24,21,0),MOD($C975,24)+1)/SUM(INDEX($D$3:$AA$30,INDEX(Jesper!$R$2:$R$366,ROW(INDEX(Jesper!AL$2:AL$366,ROUNDDOWN($C975/24,0)+1,1))-1)+IF('Standard Profiles'!$G$22=$B$10,7,0)+IF('Standard Profiles'!$G$22=$B$17,14,0)+IF('Standard Profiles'!$G$22=$B$24,21,0),0)),0)</f>
        <v>0</v>
      </c>
      <c r="I975">
        <f t="shared" si="118"/>
        <v>5.9914330168646082</v>
      </c>
      <c r="J975">
        <f t="shared" si="119"/>
        <v>20.413401561050129</v>
      </c>
      <c r="K975">
        <f t="shared" si="120"/>
        <v>0.68118842224239728</v>
      </c>
      <c r="L975">
        <f t="shared" si="121"/>
        <v>0.34059421112119864</v>
      </c>
      <c r="M975">
        <f t="shared" si="122"/>
        <v>0</v>
      </c>
      <c r="N975" s="45">
        <f t="shared" si="123"/>
        <v>44966.208333331051</v>
      </c>
    </row>
    <row r="976" spans="2:14" x14ac:dyDescent="0.25">
      <c r="B976">
        <f t="shared" si="117"/>
        <v>4</v>
      </c>
      <c r="C976" s="16">
        <v>942</v>
      </c>
      <c r="D976" cm="1">
        <f t="array" ref="D976">IFERROR(INDEX(Jesper!AH$2:AH$366,ROUNDDOWN($C976/24,0)+1,1)*INDEX($D$3:$AA$30,INDEX(Jesper!$R$2:$R$366,ROW(INDEX(Jesper!AH$2:AH$366,ROUNDDOWN($C976/24,0)+1,1))-1)+IF('Standard Profiles'!$G$18=$B$10,7,0)+IF('Standard Profiles'!$G$18=$B$17,14,0)+IF('Standard Profiles'!$G$18=$B$24,21,0),MOD($C976,24)+1)/SUM(INDEX($D$3:$AA$30,INDEX(Jesper!$R$2:$R$366,ROW(INDEX(Jesper!AH$2:AH$366,ROUNDDOWN($C976/24,0)+1,1))-1)+IF('Standard Profiles'!$G$18=$B$10,7,0)+IF('Standard Profiles'!$G$18=$B$17,14,0)+IF('Standard Profiles'!$G$18=$B$24,21,0),0)),0)</f>
        <v>6.3861414585224745</v>
      </c>
      <c r="E976" cm="1">
        <f t="array" ref="E976">IFERROR(INDEX(Jesper!AI$2:AI$366,ROUNDDOWN($C976/24,0)+1,1)*INDEX($D$3:$AA$30,INDEX(Jesper!$R$2:$R$366,ROW(INDEX(Jesper!AI$2:AI$366,ROUNDDOWN($C976/24,0)+1,1))-1)+IF('Standard Profiles'!$G$19=$B$10,7,0)+IF('Standard Profiles'!$G$19=$B$17,14,0)+IF('Standard Profiles'!$G$19=$B$24,21,0),MOD($C976,24)+1)/SUM(INDEX($D$3:$AA$30,INDEX(Jesper!$R$2:$R$366,ROW(INDEX(Jesper!AI$2:AI$366,ROUNDDOWN($C976/24,0)+1,1))-1)+IF('Standard Profiles'!$G$19=$B$10,7,0)+IF('Standard Profiles'!$G$19=$B$17,14,0)+IF('Standard Profiles'!$G$19=$B$24,21,0),0)),0)</f>
        <v>8.5583236342879196</v>
      </c>
      <c r="F976" cm="1">
        <f t="array" ref="F976">IFERROR(INDEX(Jesper!AJ$2:AJ$366,ROUNDDOWN($C976/24,0)+1,1)*INDEX($D$3:$AA$30,INDEX(Jesper!$R$2:$R$366,ROW(INDEX(Jesper!AJ$2:AJ$366,ROUNDDOWN($C976/24,0)+1,1))-1)+IF('Standard Profiles'!$G$20=$B$10,7,0)+IF('Standard Profiles'!$G$20=$B$17,14,0)+IF('Standard Profiles'!$G$20=$B$24,21,0),MOD($C976,24)+1)/SUM(INDEX($D$3:$AA$30,INDEX(Jesper!$R$2:$R$366,ROW(INDEX(Jesper!AJ$2:AJ$366,ROUNDDOWN($C976/24,0)+1,1))-1)+IF('Standard Profiles'!$G$20=$B$10,7,0)+IF('Standard Profiles'!$G$20=$B$17,14,0)+IF('Standard Profiles'!$G$20=$B$24,21,0),0)),0)</f>
        <v>0</v>
      </c>
      <c r="G976" cm="1">
        <f t="array" ref="G976">IFERROR(INDEX(Jesper!AK$2:AK$366,ROUNDDOWN($C976/24,0)+1,1)*INDEX($D$3:$AA$30,INDEX(Jesper!$R$2:$R$366,ROW(INDEX(Jesper!AK$2:AK$366,ROUNDDOWN($C976/24,0)+1,1))-1)+IF('Standard Profiles'!$G$21=$B$10,7,0)+IF('Standard Profiles'!$G$21=$B$17,14,0)+IF('Standard Profiles'!$G$21=$B$24,21,0),MOD($C976,24)+1)/SUM(INDEX($D$3:$AA$30,INDEX(Jesper!$R$2:$R$366,ROW(INDEX(Jesper!AK$2:AK$366,ROUNDDOWN($C976/24,0)+1,1))-1)+IF('Standard Profiles'!$G$21=$B$10,7,0)+IF('Standard Profiles'!$G$21=$B$17,14,0)+IF('Standard Profiles'!$G$21=$B$24,21,0),0)),0)</f>
        <v>12.48215211846794</v>
      </c>
      <c r="H976" cm="1">
        <f t="array" ref="H976">IFERROR(INDEX(Jesper!AL$2:AL$366,ROUNDDOWN($C976/24,0)+1,1)*INDEX($D$3:$AA$30,INDEX(Jesper!$R$2:$R$366,ROW(INDEX(Jesper!AL$2:AL$366,ROUNDDOWN($C976/24,0)+1,1))-1)+IF('Standard Profiles'!$G$22=$B$10,7,0)+IF('Standard Profiles'!$G$22=$B$17,14,0)+IF('Standard Profiles'!$G$22=$B$24,21,0),MOD($C976,24)+1)/SUM(INDEX($D$3:$AA$30,INDEX(Jesper!$R$2:$R$366,ROW(INDEX(Jesper!AL$2:AL$366,ROUNDDOWN($C976/24,0)+1,1))-1)+IF('Standard Profiles'!$G$22=$B$10,7,0)+IF('Standard Profiles'!$G$22=$B$17,14,0)+IF('Standard Profiles'!$G$22=$B$24,21,0),0)),0)</f>
        <v>0</v>
      </c>
      <c r="I976">
        <f t="shared" si="118"/>
        <v>5.9914330168646082</v>
      </c>
      <c r="J976">
        <f t="shared" si="119"/>
        <v>20.413401561050129</v>
      </c>
      <c r="K976">
        <f t="shared" si="120"/>
        <v>0.68118842224239728</v>
      </c>
      <c r="L976">
        <f t="shared" si="121"/>
        <v>0.34059421112119864</v>
      </c>
      <c r="M976">
        <f t="shared" si="122"/>
        <v>0</v>
      </c>
      <c r="N976" s="45">
        <f t="shared" si="123"/>
        <v>44966.249999997715</v>
      </c>
    </row>
    <row r="977" spans="2:14" x14ac:dyDescent="0.25">
      <c r="B977">
        <f t="shared" si="117"/>
        <v>4</v>
      </c>
      <c r="C977" s="16">
        <v>943</v>
      </c>
      <c r="D977" cm="1">
        <f t="array" ref="D977">IFERROR(INDEX(Jesper!AH$2:AH$366,ROUNDDOWN($C977/24,0)+1,1)*INDEX($D$3:$AA$30,INDEX(Jesper!$R$2:$R$366,ROW(INDEX(Jesper!AH$2:AH$366,ROUNDDOWN($C977/24,0)+1,1))-1)+IF('Standard Profiles'!$G$18=$B$10,7,0)+IF('Standard Profiles'!$G$18=$B$17,14,0)+IF('Standard Profiles'!$G$18=$B$24,21,0),MOD($C977,24)+1)/SUM(INDEX($D$3:$AA$30,INDEX(Jesper!$R$2:$R$366,ROW(INDEX(Jesper!AH$2:AH$366,ROUNDDOWN($C977/24,0)+1,1))-1)+IF('Standard Profiles'!$G$18=$B$10,7,0)+IF('Standard Profiles'!$G$18=$B$17,14,0)+IF('Standard Profiles'!$G$18=$B$24,21,0),0)),0)</f>
        <v>26.10577220468733</v>
      </c>
      <c r="E977" cm="1">
        <f t="array" ref="E977">IFERROR(INDEX(Jesper!AI$2:AI$366,ROUNDDOWN($C977/24,0)+1,1)*INDEX($D$3:$AA$30,INDEX(Jesper!$R$2:$R$366,ROW(INDEX(Jesper!AI$2:AI$366,ROUNDDOWN($C977/24,0)+1,1))-1)+IF('Standard Profiles'!$G$19=$B$10,7,0)+IF('Standard Profiles'!$G$19=$B$17,14,0)+IF('Standard Profiles'!$G$19=$B$24,21,0),MOD($C977,24)+1)/SUM(INDEX($D$3:$AA$30,INDEX(Jesper!$R$2:$R$366,ROW(INDEX(Jesper!AI$2:AI$366,ROUNDDOWN($C977/24,0)+1,1))-1)+IF('Standard Profiles'!$G$19=$B$10,7,0)+IF('Standard Profiles'!$G$19=$B$17,14,0)+IF('Standard Profiles'!$G$19=$B$24,21,0),0)),0)</f>
        <v>34.985389644407277</v>
      </c>
      <c r="F977" cm="1">
        <f t="array" ref="F977">IFERROR(INDEX(Jesper!AJ$2:AJ$366,ROUNDDOWN($C977/24,0)+1,1)*INDEX($D$3:$AA$30,INDEX(Jesper!$R$2:$R$366,ROW(INDEX(Jesper!AJ$2:AJ$366,ROUNDDOWN($C977/24,0)+1,1))-1)+IF('Standard Profiles'!$G$20=$B$10,7,0)+IF('Standard Profiles'!$G$20=$B$17,14,0)+IF('Standard Profiles'!$G$20=$B$24,21,0),MOD($C977,24)+1)/SUM(INDEX($D$3:$AA$30,INDEX(Jesper!$R$2:$R$366,ROW(INDEX(Jesper!AJ$2:AJ$366,ROUNDDOWN($C977/24,0)+1,1))-1)+IF('Standard Profiles'!$G$20=$B$10,7,0)+IF('Standard Profiles'!$G$20=$B$17,14,0)+IF('Standard Profiles'!$G$20=$B$24,21,0),0)),0)</f>
        <v>0</v>
      </c>
      <c r="G977" cm="1">
        <f t="array" ref="G977">IFERROR(INDEX(Jesper!AK$2:AK$366,ROUNDDOWN($C977/24,0)+1,1)*INDEX($D$3:$AA$30,INDEX(Jesper!$R$2:$R$366,ROW(INDEX(Jesper!AK$2:AK$366,ROUNDDOWN($C977/24,0)+1,1))-1)+IF('Standard Profiles'!$G$21=$B$10,7,0)+IF('Standard Profiles'!$G$21=$B$17,14,0)+IF('Standard Profiles'!$G$21=$B$24,21,0),MOD($C977,24)+1)/SUM(INDEX($D$3:$AA$30,INDEX(Jesper!$R$2:$R$366,ROW(INDEX(Jesper!AK$2:AK$366,ROUNDDOWN($C977/24,0)+1,1))-1)+IF('Standard Profiles'!$G$21=$B$10,7,0)+IF('Standard Profiles'!$G$21=$B$17,14,0)+IF('Standard Profiles'!$G$21=$B$24,21,0),0)),0)</f>
        <v>34.388329086379173</v>
      </c>
      <c r="H977" cm="1">
        <f t="array" ref="H977">IFERROR(INDEX(Jesper!AL$2:AL$366,ROUNDDOWN($C977/24,0)+1,1)*INDEX($D$3:$AA$30,INDEX(Jesper!$R$2:$R$366,ROW(INDEX(Jesper!AL$2:AL$366,ROUNDDOWN($C977/24,0)+1,1))-1)+IF('Standard Profiles'!$G$22=$B$10,7,0)+IF('Standard Profiles'!$G$22=$B$17,14,0)+IF('Standard Profiles'!$G$22=$B$24,21,0),MOD($C977,24)+1)/SUM(INDEX($D$3:$AA$30,INDEX(Jesper!$R$2:$R$366,ROW(INDEX(Jesper!AL$2:AL$366,ROUNDDOWN($C977/24,0)+1,1))-1)+IF('Standard Profiles'!$G$22=$B$10,7,0)+IF('Standard Profiles'!$G$22=$B$17,14,0)+IF('Standard Profiles'!$G$22=$B$24,21,0),0)),0)</f>
        <v>0</v>
      </c>
      <c r="I977">
        <f t="shared" si="118"/>
        <v>16.506397961461996</v>
      </c>
      <c r="J977">
        <f t="shared" si="119"/>
        <v>74.796169421261808</v>
      </c>
      <c r="K977">
        <f t="shared" si="120"/>
        <v>2.7846157018333155</v>
      </c>
      <c r="L977">
        <f t="shared" si="121"/>
        <v>1.3923078509166578</v>
      </c>
      <c r="M977">
        <f t="shared" si="122"/>
        <v>0</v>
      </c>
      <c r="N977" s="45">
        <f t="shared" si="123"/>
        <v>44966.29166666438</v>
      </c>
    </row>
    <row r="978" spans="2:14" x14ac:dyDescent="0.25">
      <c r="B978">
        <f t="shared" si="117"/>
        <v>4</v>
      </c>
      <c r="C978" s="16">
        <v>944</v>
      </c>
      <c r="D978" cm="1">
        <f t="array" ref="D978">IFERROR(INDEX(Jesper!AH$2:AH$366,ROUNDDOWN($C978/24,0)+1,1)*INDEX($D$3:$AA$30,INDEX(Jesper!$R$2:$R$366,ROW(INDEX(Jesper!AH$2:AH$366,ROUNDDOWN($C978/24,0)+1,1))-1)+IF('Standard Profiles'!$G$18=$B$10,7,0)+IF('Standard Profiles'!$G$18=$B$17,14,0)+IF('Standard Profiles'!$G$18=$B$24,21,0),MOD($C978,24)+1)/SUM(INDEX($D$3:$AA$30,INDEX(Jesper!$R$2:$R$366,ROW(INDEX(Jesper!AH$2:AH$366,ROUNDDOWN($C978/24,0)+1,1))-1)+IF('Standard Profiles'!$G$18=$B$10,7,0)+IF('Standard Profiles'!$G$18=$B$17,14,0)+IF('Standard Profiles'!$G$18=$B$24,21,0),0)),0)</f>
        <v>29.128545828387967</v>
      </c>
      <c r="E978" cm="1">
        <f t="array" ref="E978">IFERROR(INDEX(Jesper!AI$2:AI$366,ROUNDDOWN($C978/24,0)+1,1)*INDEX($D$3:$AA$30,INDEX(Jesper!$R$2:$R$366,ROW(INDEX(Jesper!AI$2:AI$366,ROUNDDOWN($C978/24,0)+1,1))-1)+IF('Standard Profiles'!$G$19=$B$10,7,0)+IF('Standard Profiles'!$G$19=$B$17,14,0)+IF('Standard Profiles'!$G$19=$B$24,21,0),MOD($C978,24)+1)/SUM(INDEX($D$3:$AA$30,INDEX(Jesper!$R$2:$R$366,ROW(INDEX(Jesper!AI$2:AI$366,ROUNDDOWN($C978/24,0)+1,1))-1)+IF('Standard Profiles'!$G$19=$B$10,7,0)+IF('Standard Profiles'!$G$19=$B$17,14,0)+IF('Standard Profiles'!$G$19=$B$24,21,0),0)),0)</f>
        <v>39.036329497970229</v>
      </c>
      <c r="F978" cm="1">
        <f t="array" ref="F978">IFERROR(INDEX(Jesper!AJ$2:AJ$366,ROUNDDOWN($C978/24,0)+1,1)*INDEX($D$3:$AA$30,INDEX(Jesper!$R$2:$R$366,ROW(INDEX(Jesper!AJ$2:AJ$366,ROUNDDOWN($C978/24,0)+1,1))-1)+IF('Standard Profiles'!$G$20=$B$10,7,0)+IF('Standard Profiles'!$G$20=$B$17,14,0)+IF('Standard Profiles'!$G$20=$B$24,21,0),MOD($C978,24)+1)/SUM(INDEX($D$3:$AA$30,INDEX(Jesper!$R$2:$R$366,ROW(INDEX(Jesper!AJ$2:AJ$366,ROUNDDOWN($C978/24,0)+1,1))-1)+IF('Standard Profiles'!$G$20=$B$10,7,0)+IF('Standard Profiles'!$G$20=$B$17,14,0)+IF('Standard Profiles'!$G$20=$B$24,21,0),0)),0)</f>
        <v>0</v>
      </c>
      <c r="G978" cm="1">
        <f t="array" ref="G978">IFERROR(INDEX(Jesper!AK$2:AK$366,ROUNDDOWN($C978/24,0)+1,1)*INDEX($D$3:$AA$30,INDEX(Jesper!$R$2:$R$366,ROW(INDEX(Jesper!AK$2:AK$366,ROUNDDOWN($C978/24,0)+1,1))-1)+IF('Standard Profiles'!$G$21=$B$10,7,0)+IF('Standard Profiles'!$G$21=$B$17,14,0)+IF('Standard Profiles'!$G$21=$B$24,21,0),MOD($C978,24)+1)/SUM(INDEX($D$3:$AA$30,INDEX(Jesper!$R$2:$R$366,ROW(INDEX(Jesper!AK$2:AK$366,ROUNDDOWN($C978/24,0)+1,1))-1)+IF('Standard Profiles'!$G$21=$B$10,7,0)+IF('Standard Profiles'!$G$21=$B$17,14,0)+IF('Standard Profiles'!$G$21=$B$24,21,0),0)),0)</f>
        <v>38.370135612170451</v>
      </c>
      <c r="H978" cm="1">
        <f t="array" ref="H978">IFERROR(INDEX(Jesper!AL$2:AL$366,ROUNDDOWN($C978/24,0)+1,1)*INDEX($D$3:$AA$30,INDEX(Jesper!$R$2:$R$366,ROW(INDEX(Jesper!AL$2:AL$366,ROUNDDOWN($C978/24,0)+1,1))-1)+IF('Standard Profiles'!$G$22=$B$10,7,0)+IF('Standard Profiles'!$G$22=$B$17,14,0)+IF('Standard Profiles'!$G$22=$B$24,21,0),MOD($C978,24)+1)/SUM(INDEX($D$3:$AA$30,INDEX(Jesper!$R$2:$R$366,ROW(INDEX(Jesper!AL$2:AL$366,ROUNDDOWN($C978/24,0)+1,1))-1)+IF('Standard Profiles'!$G$22=$B$10,7,0)+IF('Standard Profiles'!$G$22=$B$17,14,0)+IF('Standard Profiles'!$G$22=$B$24,21,0),0)),0)</f>
        <v>0</v>
      </c>
      <c r="I978">
        <f t="shared" si="118"/>
        <v>18.417665093841808</v>
      </c>
      <c r="J978">
        <f t="shared" si="119"/>
        <v>83.456778512144766</v>
      </c>
      <c r="K978">
        <f t="shared" si="120"/>
        <v>3.1070448883613833</v>
      </c>
      <c r="L978">
        <f t="shared" si="121"/>
        <v>1.5535224441806916</v>
      </c>
      <c r="M978">
        <f t="shared" si="122"/>
        <v>0</v>
      </c>
      <c r="N978" s="45">
        <f t="shared" si="123"/>
        <v>44966.333333331044</v>
      </c>
    </row>
    <row r="979" spans="2:14" x14ac:dyDescent="0.25">
      <c r="B979">
        <f t="shared" si="117"/>
        <v>4</v>
      </c>
      <c r="C979" s="16">
        <v>945</v>
      </c>
      <c r="D979" cm="1">
        <f t="array" ref="D979">IFERROR(INDEX(Jesper!AH$2:AH$366,ROUNDDOWN($C979/24,0)+1,1)*INDEX($D$3:$AA$30,INDEX(Jesper!$R$2:$R$366,ROW(INDEX(Jesper!AH$2:AH$366,ROUNDDOWN($C979/24,0)+1,1))-1)+IF('Standard Profiles'!$G$18=$B$10,7,0)+IF('Standard Profiles'!$G$18=$B$17,14,0)+IF('Standard Profiles'!$G$18=$B$24,21,0),MOD($C979,24)+1)/SUM(INDEX($D$3:$AA$30,INDEX(Jesper!$R$2:$R$366,ROW(INDEX(Jesper!AH$2:AH$366,ROUNDDOWN($C979/24,0)+1,1))-1)+IF('Standard Profiles'!$G$18=$B$10,7,0)+IF('Standard Profiles'!$G$18=$B$17,14,0)+IF('Standard Profiles'!$G$18=$B$24,21,0),0)),0)</f>
        <v>32.151319452088607</v>
      </c>
      <c r="E979" cm="1">
        <f t="array" ref="E979">IFERROR(INDEX(Jesper!AI$2:AI$366,ROUNDDOWN($C979/24,0)+1,1)*INDEX($D$3:$AA$30,INDEX(Jesper!$R$2:$R$366,ROW(INDEX(Jesper!AI$2:AI$366,ROUNDDOWN($C979/24,0)+1,1))-1)+IF('Standard Profiles'!$G$19=$B$10,7,0)+IF('Standard Profiles'!$G$19=$B$17,14,0)+IF('Standard Profiles'!$G$19=$B$24,21,0),MOD($C979,24)+1)/SUM(INDEX($D$3:$AA$30,INDEX(Jesper!$R$2:$R$366,ROW(INDEX(Jesper!AI$2:AI$366,ROUNDDOWN($C979/24,0)+1,1))-1)+IF('Standard Profiles'!$G$19=$B$10,7,0)+IF('Standard Profiles'!$G$19=$B$17,14,0)+IF('Standard Profiles'!$G$19=$B$24,21,0),0)),0)</f>
        <v>43.087269351533173</v>
      </c>
      <c r="F979" cm="1">
        <f t="array" ref="F979">IFERROR(INDEX(Jesper!AJ$2:AJ$366,ROUNDDOWN($C979/24,0)+1,1)*INDEX($D$3:$AA$30,INDEX(Jesper!$R$2:$R$366,ROW(INDEX(Jesper!AJ$2:AJ$366,ROUNDDOWN($C979/24,0)+1,1))-1)+IF('Standard Profiles'!$G$20=$B$10,7,0)+IF('Standard Profiles'!$G$20=$B$17,14,0)+IF('Standard Profiles'!$G$20=$B$24,21,0),MOD($C979,24)+1)/SUM(INDEX($D$3:$AA$30,INDEX(Jesper!$R$2:$R$366,ROW(INDEX(Jesper!AJ$2:AJ$366,ROUNDDOWN($C979/24,0)+1,1))-1)+IF('Standard Profiles'!$G$20=$B$10,7,0)+IF('Standard Profiles'!$G$20=$B$17,14,0)+IF('Standard Profiles'!$G$20=$B$24,21,0),0)),0)</f>
        <v>0</v>
      </c>
      <c r="G979" cm="1">
        <f t="array" ref="G979">IFERROR(INDEX(Jesper!AK$2:AK$366,ROUNDDOWN($C979/24,0)+1,1)*INDEX($D$3:$AA$30,INDEX(Jesper!$R$2:$R$366,ROW(INDEX(Jesper!AK$2:AK$366,ROUNDDOWN($C979/24,0)+1,1))-1)+IF('Standard Profiles'!$G$21=$B$10,7,0)+IF('Standard Profiles'!$G$21=$B$17,14,0)+IF('Standard Profiles'!$G$21=$B$24,21,0),MOD($C979,24)+1)/SUM(INDEX($D$3:$AA$30,INDEX(Jesper!$R$2:$R$366,ROW(INDEX(Jesper!AK$2:AK$366,ROUNDDOWN($C979/24,0)+1,1))-1)+IF('Standard Profiles'!$G$21=$B$10,7,0)+IF('Standard Profiles'!$G$21=$B$17,14,0)+IF('Standard Profiles'!$G$21=$B$24,21,0),0)),0)</f>
        <v>42.351942137961721</v>
      </c>
      <c r="H979" cm="1">
        <f t="array" ref="H979">IFERROR(INDEX(Jesper!AL$2:AL$366,ROUNDDOWN($C979/24,0)+1,1)*INDEX($D$3:$AA$30,INDEX(Jesper!$R$2:$R$366,ROW(INDEX(Jesper!AL$2:AL$366,ROUNDDOWN($C979/24,0)+1,1))-1)+IF('Standard Profiles'!$G$22=$B$10,7,0)+IF('Standard Profiles'!$G$22=$B$17,14,0)+IF('Standard Profiles'!$G$22=$B$24,21,0),MOD($C979,24)+1)/SUM(INDEX($D$3:$AA$30,INDEX(Jesper!$R$2:$R$366,ROW(INDEX(Jesper!AL$2:AL$366,ROUNDDOWN($C979/24,0)+1,1))-1)+IF('Standard Profiles'!$G$22=$B$10,7,0)+IF('Standard Profiles'!$G$22=$B$17,14,0)+IF('Standard Profiles'!$G$22=$B$24,21,0),0)),0)</f>
        <v>0</v>
      </c>
      <c r="I979">
        <f t="shared" si="118"/>
        <v>20.328932226221617</v>
      </c>
      <c r="J979">
        <f t="shared" si="119"/>
        <v>92.117387603027709</v>
      </c>
      <c r="K979">
        <f t="shared" si="120"/>
        <v>3.4294740748894519</v>
      </c>
      <c r="L979">
        <f t="shared" si="121"/>
        <v>1.7147370374447259</v>
      </c>
      <c r="M979">
        <f t="shared" si="122"/>
        <v>0</v>
      </c>
      <c r="N979" s="45">
        <f t="shared" si="123"/>
        <v>44966.374999997708</v>
      </c>
    </row>
    <row r="980" spans="2:14" x14ac:dyDescent="0.25">
      <c r="B980">
        <f t="shared" si="117"/>
        <v>4</v>
      </c>
      <c r="C980" s="16">
        <v>946</v>
      </c>
      <c r="D980" cm="1">
        <f t="array" ref="D980">IFERROR(INDEX(Jesper!AH$2:AH$366,ROUNDDOWN($C980/24,0)+1,1)*INDEX($D$3:$AA$30,INDEX(Jesper!$R$2:$R$366,ROW(INDEX(Jesper!AH$2:AH$366,ROUNDDOWN($C980/24,0)+1,1))-1)+IF('Standard Profiles'!$G$18=$B$10,7,0)+IF('Standard Profiles'!$G$18=$B$17,14,0)+IF('Standard Profiles'!$G$18=$B$24,21,0),MOD($C980,24)+1)/SUM(INDEX($D$3:$AA$30,INDEX(Jesper!$R$2:$R$366,ROW(INDEX(Jesper!AH$2:AH$366,ROUNDDOWN($C980/24,0)+1,1))-1)+IF('Standard Profiles'!$G$18=$B$10,7,0)+IF('Standard Profiles'!$G$18=$B$17,14,0)+IF('Standard Profiles'!$G$18=$B$24,21,0),0)),0)</f>
        <v>32.151319452088607</v>
      </c>
      <c r="E980" cm="1">
        <f t="array" ref="E980">IFERROR(INDEX(Jesper!AI$2:AI$366,ROUNDDOWN($C980/24,0)+1,1)*INDEX($D$3:$AA$30,INDEX(Jesper!$R$2:$R$366,ROW(INDEX(Jesper!AI$2:AI$366,ROUNDDOWN($C980/24,0)+1,1))-1)+IF('Standard Profiles'!$G$19=$B$10,7,0)+IF('Standard Profiles'!$G$19=$B$17,14,0)+IF('Standard Profiles'!$G$19=$B$24,21,0),MOD($C980,24)+1)/SUM(INDEX($D$3:$AA$30,INDEX(Jesper!$R$2:$R$366,ROW(INDEX(Jesper!AI$2:AI$366,ROUNDDOWN($C980/24,0)+1,1))-1)+IF('Standard Profiles'!$G$19=$B$10,7,0)+IF('Standard Profiles'!$G$19=$B$17,14,0)+IF('Standard Profiles'!$G$19=$B$24,21,0),0)),0)</f>
        <v>43.087269351533173</v>
      </c>
      <c r="F980" cm="1">
        <f t="array" ref="F980">IFERROR(INDEX(Jesper!AJ$2:AJ$366,ROUNDDOWN($C980/24,0)+1,1)*INDEX($D$3:$AA$30,INDEX(Jesper!$R$2:$R$366,ROW(INDEX(Jesper!AJ$2:AJ$366,ROUNDDOWN($C980/24,0)+1,1))-1)+IF('Standard Profiles'!$G$20=$B$10,7,0)+IF('Standard Profiles'!$G$20=$B$17,14,0)+IF('Standard Profiles'!$G$20=$B$24,21,0),MOD($C980,24)+1)/SUM(INDEX($D$3:$AA$30,INDEX(Jesper!$R$2:$R$366,ROW(INDEX(Jesper!AJ$2:AJ$366,ROUNDDOWN($C980/24,0)+1,1))-1)+IF('Standard Profiles'!$G$20=$B$10,7,0)+IF('Standard Profiles'!$G$20=$B$17,14,0)+IF('Standard Profiles'!$G$20=$B$24,21,0),0)),0)</f>
        <v>0</v>
      </c>
      <c r="G980" cm="1">
        <f t="array" ref="G980">IFERROR(INDEX(Jesper!AK$2:AK$366,ROUNDDOWN($C980/24,0)+1,1)*INDEX($D$3:$AA$30,INDEX(Jesper!$R$2:$R$366,ROW(INDEX(Jesper!AK$2:AK$366,ROUNDDOWN($C980/24,0)+1,1))-1)+IF('Standard Profiles'!$G$21=$B$10,7,0)+IF('Standard Profiles'!$G$21=$B$17,14,0)+IF('Standard Profiles'!$G$21=$B$24,21,0),MOD($C980,24)+1)/SUM(INDEX($D$3:$AA$30,INDEX(Jesper!$R$2:$R$366,ROW(INDEX(Jesper!AK$2:AK$366,ROUNDDOWN($C980/24,0)+1,1))-1)+IF('Standard Profiles'!$G$21=$B$10,7,0)+IF('Standard Profiles'!$G$21=$B$17,14,0)+IF('Standard Profiles'!$G$21=$B$24,21,0),0)),0)</f>
        <v>42.351942137961721</v>
      </c>
      <c r="H980" cm="1">
        <f t="array" ref="H980">IFERROR(INDEX(Jesper!AL$2:AL$366,ROUNDDOWN($C980/24,0)+1,1)*INDEX($D$3:$AA$30,INDEX(Jesper!$R$2:$R$366,ROW(INDEX(Jesper!AL$2:AL$366,ROUNDDOWN($C980/24,0)+1,1))-1)+IF('Standard Profiles'!$G$22=$B$10,7,0)+IF('Standard Profiles'!$G$22=$B$17,14,0)+IF('Standard Profiles'!$G$22=$B$24,21,0),MOD($C980,24)+1)/SUM(INDEX($D$3:$AA$30,INDEX(Jesper!$R$2:$R$366,ROW(INDEX(Jesper!AL$2:AL$366,ROUNDDOWN($C980/24,0)+1,1))-1)+IF('Standard Profiles'!$G$22=$B$10,7,0)+IF('Standard Profiles'!$G$22=$B$17,14,0)+IF('Standard Profiles'!$G$22=$B$24,21,0),0)),0)</f>
        <v>0</v>
      </c>
      <c r="I980">
        <f t="shared" si="118"/>
        <v>20.328932226221617</v>
      </c>
      <c r="J980">
        <f t="shared" si="119"/>
        <v>92.117387603027709</v>
      </c>
      <c r="K980">
        <f t="shared" si="120"/>
        <v>3.4294740748894519</v>
      </c>
      <c r="L980">
        <f t="shared" si="121"/>
        <v>1.7147370374447259</v>
      </c>
      <c r="M980">
        <f t="shared" si="122"/>
        <v>0</v>
      </c>
      <c r="N980" s="45">
        <f t="shared" si="123"/>
        <v>44966.416666664372</v>
      </c>
    </row>
    <row r="981" spans="2:14" x14ac:dyDescent="0.25">
      <c r="B981">
        <f t="shared" si="117"/>
        <v>4</v>
      </c>
      <c r="C981" s="16">
        <v>947</v>
      </c>
      <c r="D981" cm="1">
        <f t="array" ref="D981">IFERROR(INDEX(Jesper!AH$2:AH$366,ROUNDDOWN($C981/24,0)+1,1)*INDEX($D$3:$AA$30,INDEX(Jesper!$R$2:$R$366,ROW(INDEX(Jesper!AH$2:AH$366,ROUNDDOWN($C981/24,0)+1,1))-1)+IF('Standard Profiles'!$G$18=$B$10,7,0)+IF('Standard Profiles'!$G$18=$B$17,14,0)+IF('Standard Profiles'!$G$18=$B$24,21,0),MOD($C981,24)+1)/SUM(INDEX($D$3:$AA$30,INDEX(Jesper!$R$2:$R$366,ROW(INDEX(Jesper!AH$2:AH$366,ROUNDDOWN($C981/24,0)+1,1))-1)+IF('Standard Profiles'!$G$18=$B$10,7,0)+IF('Standard Profiles'!$G$18=$B$17,14,0)+IF('Standard Profiles'!$G$18=$B$24,21,0),0)),0)</f>
        <v>38.471664301644481</v>
      </c>
      <c r="E981" cm="1">
        <f t="array" ref="E981">IFERROR(INDEX(Jesper!AI$2:AI$366,ROUNDDOWN($C981/24,0)+1,1)*INDEX($D$3:$AA$30,INDEX(Jesper!$R$2:$R$366,ROW(INDEX(Jesper!AI$2:AI$366,ROUNDDOWN($C981/24,0)+1,1))-1)+IF('Standard Profiles'!$G$19=$B$10,7,0)+IF('Standard Profiles'!$G$19=$B$17,14,0)+IF('Standard Profiles'!$G$19=$B$24,21,0),MOD($C981,24)+1)/SUM(INDEX($D$3:$AA$30,INDEX(Jesper!$R$2:$R$366,ROW(INDEX(Jesper!AI$2:AI$366,ROUNDDOWN($C981/24,0)+1,1))-1)+IF('Standard Profiles'!$G$19=$B$10,7,0)+IF('Standard Profiles'!$G$19=$B$17,14,0)+IF('Standard Profiles'!$G$19=$B$24,21,0),0)),0)</f>
        <v>51.557416318073884</v>
      </c>
      <c r="F981" cm="1">
        <f t="array" ref="F981">IFERROR(INDEX(Jesper!AJ$2:AJ$366,ROUNDDOWN($C981/24,0)+1,1)*INDEX($D$3:$AA$30,INDEX(Jesper!$R$2:$R$366,ROW(INDEX(Jesper!AJ$2:AJ$366,ROUNDDOWN($C981/24,0)+1,1))-1)+IF('Standard Profiles'!$G$20=$B$10,7,0)+IF('Standard Profiles'!$G$20=$B$17,14,0)+IF('Standard Profiles'!$G$20=$B$24,21,0),MOD($C981,24)+1)/SUM(INDEX($D$3:$AA$30,INDEX(Jesper!$R$2:$R$366,ROW(INDEX(Jesper!AJ$2:AJ$366,ROUNDDOWN($C981/24,0)+1,1))-1)+IF('Standard Profiles'!$G$20=$B$10,7,0)+IF('Standard Profiles'!$G$20=$B$17,14,0)+IF('Standard Profiles'!$G$20=$B$24,21,0),0)),0)</f>
        <v>0</v>
      </c>
      <c r="G981" cm="1">
        <f t="array" ref="G981">IFERROR(INDEX(Jesper!AK$2:AK$366,ROUNDDOWN($C981/24,0)+1,1)*INDEX($D$3:$AA$30,INDEX(Jesper!$R$2:$R$366,ROW(INDEX(Jesper!AK$2:AK$366,ROUNDDOWN($C981/24,0)+1,1))-1)+IF('Standard Profiles'!$G$21=$B$10,7,0)+IF('Standard Profiles'!$G$21=$B$17,14,0)+IF('Standard Profiles'!$G$21=$B$24,21,0),MOD($C981,24)+1)/SUM(INDEX($D$3:$AA$30,INDEX(Jesper!$R$2:$R$366,ROW(INDEX(Jesper!AK$2:AK$366,ROUNDDOWN($C981/24,0)+1,1))-1)+IF('Standard Profiles'!$G$21=$B$10,7,0)+IF('Standard Profiles'!$G$21=$B$17,14,0)+IF('Standard Profiles'!$G$21=$B$24,21,0),0)),0)</f>
        <v>50.677537600979832</v>
      </c>
      <c r="H981" cm="1">
        <f t="array" ref="H981">IFERROR(INDEX(Jesper!AL$2:AL$366,ROUNDDOWN($C981/24,0)+1,1)*INDEX($D$3:$AA$30,INDEX(Jesper!$R$2:$R$366,ROW(INDEX(Jesper!AL$2:AL$366,ROUNDDOWN($C981/24,0)+1,1))-1)+IF('Standard Profiles'!$G$22=$B$10,7,0)+IF('Standard Profiles'!$G$22=$B$17,14,0)+IF('Standard Profiles'!$G$22=$B$24,21,0),MOD($C981,24)+1)/SUM(INDEX($D$3:$AA$30,INDEX(Jesper!$R$2:$R$366,ROW(INDEX(Jesper!AL$2:AL$366,ROUNDDOWN($C981/24,0)+1,1))-1)+IF('Standard Profiles'!$G$22=$B$10,7,0)+IF('Standard Profiles'!$G$22=$B$17,14,0)+IF('Standard Profiles'!$G$22=$B$24,21,0),0)),0)</f>
        <v>0</v>
      </c>
      <c r="I981">
        <f t="shared" si="118"/>
        <v>24.325218048470308</v>
      </c>
      <c r="J981">
        <f t="shared" si="119"/>
        <v>110.22593388396477</v>
      </c>
      <c r="K981">
        <f t="shared" si="120"/>
        <v>4.1036441921754117</v>
      </c>
      <c r="L981">
        <f t="shared" si="121"/>
        <v>2.0518220960877058</v>
      </c>
      <c r="M981">
        <f t="shared" si="122"/>
        <v>0</v>
      </c>
      <c r="N981" s="45">
        <f t="shared" si="123"/>
        <v>44966.458333331037</v>
      </c>
    </row>
    <row r="982" spans="2:14" x14ac:dyDescent="0.25">
      <c r="B982">
        <f t="shared" si="117"/>
        <v>4</v>
      </c>
      <c r="C982" s="16">
        <v>948</v>
      </c>
      <c r="D982" cm="1">
        <f t="array" ref="D982">IFERROR(INDEX(Jesper!AH$2:AH$366,ROUNDDOWN($C982/24,0)+1,1)*INDEX($D$3:$AA$30,INDEX(Jesper!$R$2:$R$366,ROW(INDEX(Jesper!AH$2:AH$366,ROUNDDOWN($C982/24,0)+1,1))-1)+IF('Standard Profiles'!$G$18=$B$10,7,0)+IF('Standard Profiles'!$G$18=$B$17,14,0)+IF('Standard Profiles'!$G$18=$B$24,21,0),MOD($C982,24)+1)/SUM(INDEX($D$3:$AA$30,INDEX(Jesper!$R$2:$R$366,ROW(INDEX(Jesper!AH$2:AH$366,ROUNDDOWN($C982/24,0)+1,1))-1)+IF('Standard Profiles'!$G$18=$B$10,7,0)+IF('Standard Profiles'!$G$18=$B$17,14,0)+IF('Standard Profiles'!$G$18=$B$24,21,0),0)),0)</f>
        <v>38.471664301644481</v>
      </c>
      <c r="E982" cm="1">
        <f t="array" ref="E982">IFERROR(INDEX(Jesper!AI$2:AI$366,ROUNDDOWN($C982/24,0)+1,1)*INDEX($D$3:$AA$30,INDEX(Jesper!$R$2:$R$366,ROW(INDEX(Jesper!AI$2:AI$366,ROUNDDOWN($C982/24,0)+1,1))-1)+IF('Standard Profiles'!$G$19=$B$10,7,0)+IF('Standard Profiles'!$G$19=$B$17,14,0)+IF('Standard Profiles'!$G$19=$B$24,21,0),MOD($C982,24)+1)/SUM(INDEX($D$3:$AA$30,INDEX(Jesper!$R$2:$R$366,ROW(INDEX(Jesper!AI$2:AI$366,ROUNDDOWN($C982/24,0)+1,1))-1)+IF('Standard Profiles'!$G$19=$B$10,7,0)+IF('Standard Profiles'!$G$19=$B$17,14,0)+IF('Standard Profiles'!$G$19=$B$24,21,0),0)),0)</f>
        <v>51.557416318073884</v>
      </c>
      <c r="F982" cm="1">
        <f t="array" ref="F982">IFERROR(INDEX(Jesper!AJ$2:AJ$366,ROUNDDOWN($C982/24,0)+1,1)*INDEX($D$3:$AA$30,INDEX(Jesper!$R$2:$R$366,ROW(INDEX(Jesper!AJ$2:AJ$366,ROUNDDOWN($C982/24,0)+1,1))-1)+IF('Standard Profiles'!$G$20=$B$10,7,0)+IF('Standard Profiles'!$G$20=$B$17,14,0)+IF('Standard Profiles'!$G$20=$B$24,21,0),MOD($C982,24)+1)/SUM(INDEX($D$3:$AA$30,INDEX(Jesper!$R$2:$R$366,ROW(INDEX(Jesper!AJ$2:AJ$366,ROUNDDOWN($C982/24,0)+1,1))-1)+IF('Standard Profiles'!$G$20=$B$10,7,0)+IF('Standard Profiles'!$G$20=$B$17,14,0)+IF('Standard Profiles'!$G$20=$B$24,21,0),0)),0)</f>
        <v>0</v>
      </c>
      <c r="G982" cm="1">
        <f t="array" ref="G982">IFERROR(INDEX(Jesper!AK$2:AK$366,ROUNDDOWN($C982/24,0)+1,1)*INDEX($D$3:$AA$30,INDEX(Jesper!$R$2:$R$366,ROW(INDEX(Jesper!AK$2:AK$366,ROUNDDOWN($C982/24,0)+1,1))-1)+IF('Standard Profiles'!$G$21=$B$10,7,0)+IF('Standard Profiles'!$G$21=$B$17,14,0)+IF('Standard Profiles'!$G$21=$B$24,21,0),MOD($C982,24)+1)/SUM(INDEX($D$3:$AA$30,INDEX(Jesper!$R$2:$R$366,ROW(INDEX(Jesper!AK$2:AK$366,ROUNDDOWN($C982/24,0)+1,1))-1)+IF('Standard Profiles'!$G$21=$B$10,7,0)+IF('Standard Profiles'!$G$21=$B$17,14,0)+IF('Standard Profiles'!$G$21=$B$24,21,0),0)),0)</f>
        <v>50.677537600979832</v>
      </c>
      <c r="H982" cm="1">
        <f t="array" ref="H982">IFERROR(INDEX(Jesper!AL$2:AL$366,ROUNDDOWN($C982/24,0)+1,1)*INDEX($D$3:$AA$30,INDEX(Jesper!$R$2:$R$366,ROW(INDEX(Jesper!AL$2:AL$366,ROUNDDOWN($C982/24,0)+1,1))-1)+IF('Standard Profiles'!$G$22=$B$10,7,0)+IF('Standard Profiles'!$G$22=$B$17,14,0)+IF('Standard Profiles'!$G$22=$B$24,21,0),MOD($C982,24)+1)/SUM(INDEX($D$3:$AA$30,INDEX(Jesper!$R$2:$R$366,ROW(INDEX(Jesper!AL$2:AL$366,ROUNDDOWN($C982/24,0)+1,1))-1)+IF('Standard Profiles'!$G$22=$B$10,7,0)+IF('Standard Profiles'!$G$22=$B$17,14,0)+IF('Standard Profiles'!$G$22=$B$24,21,0),0)),0)</f>
        <v>0</v>
      </c>
      <c r="I982">
        <f t="shared" si="118"/>
        <v>24.325218048470308</v>
      </c>
      <c r="J982">
        <f t="shared" si="119"/>
        <v>110.22593388396477</v>
      </c>
      <c r="K982">
        <f t="shared" si="120"/>
        <v>4.1036441921754117</v>
      </c>
      <c r="L982">
        <f t="shared" si="121"/>
        <v>2.0518220960877058</v>
      </c>
      <c r="M982">
        <f t="shared" si="122"/>
        <v>0</v>
      </c>
      <c r="N982" s="45">
        <f t="shared" si="123"/>
        <v>44966.499999997701</v>
      </c>
    </row>
    <row r="983" spans="2:14" x14ac:dyDescent="0.25">
      <c r="B983">
        <f t="shared" si="117"/>
        <v>4</v>
      </c>
      <c r="C983" s="16">
        <v>949</v>
      </c>
      <c r="D983" cm="1">
        <f t="array" ref="D983">IFERROR(INDEX(Jesper!AH$2:AH$366,ROUNDDOWN($C983/24,0)+1,1)*INDEX($D$3:$AA$30,INDEX(Jesper!$R$2:$R$366,ROW(INDEX(Jesper!AH$2:AH$366,ROUNDDOWN($C983/24,0)+1,1))-1)+IF('Standard Profiles'!$G$18=$B$10,7,0)+IF('Standard Profiles'!$G$18=$B$17,14,0)+IF('Standard Profiles'!$G$18=$B$24,21,0),MOD($C983,24)+1)/SUM(INDEX($D$3:$AA$30,INDEX(Jesper!$R$2:$R$366,ROW(INDEX(Jesper!AH$2:AH$366,ROUNDDOWN($C983/24,0)+1,1))-1)+IF('Standard Profiles'!$G$18=$B$10,7,0)+IF('Standard Profiles'!$G$18=$B$17,14,0)+IF('Standard Profiles'!$G$18=$B$24,21,0),0)),0)</f>
        <v>25.556177000378124</v>
      </c>
      <c r="E983" cm="1">
        <f t="array" ref="E983">IFERROR(INDEX(Jesper!AI$2:AI$366,ROUNDDOWN($C983/24,0)+1,1)*INDEX($D$3:$AA$30,INDEX(Jesper!$R$2:$R$366,ROW(INDEX(Jesper!AI$2:AI$366,ROUNDDOWN($C983/24,0)+1,1))-1)+IF('Standard Profiles'!$G$19=$B$10,7,0)+IF('Standard Profiles'!$G$19=$B$17,14,0)+IF('Standard Profiles'!$G$19=$B$24,21,0),MOD($C983,24)+1)/SUM(INDEX($D$3:$AA$30,INDEX(Jesper!$R$2:$R$366,ROW(INDEX(Jesper!AI$2:AI$366,ROUNDDOWN($C983/24,0)+1,1))-1)+IF('Standard Profiles'!$G$19=$B$10,7,0)+IF('Standard Profiles'!$G$19=$B$17,14,0)+IF('Standard Profiles'!$G$19=$B$24,21,0),0)),0)</f>
        <v>34.248855125577656</v>
      </c>
      <c r="F983" cm="1">
        <f t="array" ref="F983">IFERROR(INDEX(Jesper!AJ$2:AJ$366,ROUNDDOWN($C983/24,0)+1,1)*INDEX($D$3:$AA$30,INDEX(Jesper!$R$2:$R$366,ROW(INDEX(Jesper!AJ$2:AJ$366,ROUNDDOWN($C983/24,0)+1,1))-1)+IF('Standard Profiles'!$G$20=$B$10,7,0)+IF('Standard Profiles'!$G$20=$B$17,14,0)+IF('Standard Profiles'!$G$20=$B$24,21,0),MOD($C983,24)+1)/SUM(INDEX($D$3:$AA$30,INDEX(Jesper!$R$2:$R$366,ROW(INDEX(Jesper!AJ$2:AJ$366,ROUNDDOWN($C983/24,0)+1,1))-1)+IF('Standard Profiles'!$G$20=$B$10,7,0)+IF('Standard Profiles'!$G$20=$B$17,14,0)+IF('Standard Profiles'!$G$20=$B$24,21,0),0)),0)</f>
        <v>0</v>
      </c>
      <c r="G983" cm="1">
        <f t="array" ref="G983">IFERROR(INDEX(Jesper!AK$2:AK$366,ROUNDDOWN($C983/24,0)+1,1)*INDEX($D$3:$AA$30,INDEX(Jesper!$R$2:$R$366,ROW(INDEX(Jesper!AK$2:AK$366,ROUNDDOWN($C983/24,0)+1,1))-1)+IF('Standard Profiles'!$G$21=$B$10,7,0)+IF('Standard Profiles'!$G$21=$B$17,14,0)+IF('Standard Profiles'!$G$21=$B$24,21,0),MOD($C983,24)+1)/SUM(INDEX($D$3:$AA$30,INDEX(Jesper!$R$2:$R$366,ROW(INDEX(Jesper!AK$2:AK$366,ROUNDDOWN($C983/24,0)+1,1))-1)+IF('Standard Profiles'!$G$21=$B$10,7,0)+IF('Standard Profiles'!$G$21=$B$17,14,0)+IF('Standard Profiles'!$G$21=$B$24,21,0),0)),0)</f>
        <v>33.664364263508034</v>
      </c>
      <c r="H983" cm="1">
        <f t="array" ref="H983">IFERROR(INDEX(Jesper!AL$2:AL$366,ROUNDDOWN($C983/24,0)+1,1)*INDEX($D$3:$AA$30,INDEX(Jesper!$R$2:$R$366,ROW(INDEX(Jesper!AL$2:AL$366,ROUNDDOWN($C983/24,0)+1,1))-1)+IF('Standard Profiles'!$G$22=$B$10,7,0)+IF('Standard Profiles'!$G$22=$B$17,14,0)+IF('Standard Profiles'!$G$22=$B$24,21,0),MOD($C983,24)+1)/SUM(INDEX($D$3:$AA$30,INDEX(Jesper!$R$2:$R$366,ROW(INDEX(Jesper!AL$2:AL$366,ROUNDDOWN($C983/24,0)+1,1))-1)+IF('Standard Profiles'!$G$22=$B$10,7,0)+IF('Standard Profiles'!$G$22=$B$17,14,0)+IF('Standard Profiles'!$G$22=$B$24,21,0),0)),0)</f>
        <v>0</v>
      </c>
      <c r="I983">
        <f t="shared" si="118"/>
        <v>16.158894846483847</v>
      </c>
      <c r="J983">
        <f t="shared" si="119"/>
        <v>73.221513222919469</v>
      </c>
      <c r="K983">
        <f t="shared" si="120"/>
        <v>2.7259922133736669</v>
      </c>
      <c r="L983">
        <f t="shared" si="121"/>
        <v>1.3629961066868335</v>
      </c>
      <c r="M983">
        <f t="shared" si="122"/>
        <v>0</v>
      </c>
      <c r="N983" s="45">
        <f t="shared" si="123"/>
        <v>44966.541666664365</v>
      </c>
    </row>
    <row r="984" spans="2:14" x14ac:dyDescent="0.25">
      <c r="B984">
        <f t="shared" si="117"/>
        <v>4</v>
      </c>
      <c r="C984" s="16">
        <v>950</v>
      </c>
      <c r="D984" cm="1">
        <f t="array" ref="D984">IFERROR(INDEX(Jesper!AH$2:AH$366,ROUNDDOWN($C984/24,0)+1,1)*INDEX($D$3:$AA$30,INDEX(Jesper!$R$2:$R$366,ROW(INDEX(Jesper!AH$2:AH$366,ROUNDDOWN($C984/24,0)+1,1))-1)+IF('Standard Profiles'!$G$18=$B$10,7,0)+IF('Standard Profiles'!$G$18=$B$17,14,0)+IF('Standard Profiles'!$G$18=$B$24,21,0),MOD($C984,24)+1)/SUM(INDEX($D$3:$AA$30,INDEX(Jesper!$R$2:$R$366,ROW(INDEX(Jesper!AH$2:AH$366,ROUNDDOWN($C984/24,0)+1,1))-1)+IF('Standard Profiles'!$G$18=$B$10,7,0)+IF('Standard Profiles'!$G$18=$B$17,14,0)+IF('Standard Profiles'!$G$18=$B$24,21,0),0)),0)</f>
        <v>38.471664301644481</v>
      </c>
      <c r="E984" cm="1">
        <f t="array" ref="E984">IFERROR(INDEX(Jesper!AI$2:AI$366,ROUNDDOWN($C984/24,0)+1,1)*INDEX($D$3:$AA$30,INDEX(Jesper!$R$2:$R$366,ROW(INDEX(Jesper!AI$2:AI$366,ROUNDDOWN($C984/24,0)+1,1))-1)+IF('Standard Profiles'!$G$19=$B$10,7,0)+IF('Standard Profiles'!$G$19=$B$17,14,0)+IF('Standard Profiles'!$G$19=$B$24,21,0),MOD($C984,24)+1)/SUM(INDEX($D$3:$AA$30,INDEX(Jesper!$R$2:$R$366,ROW(INDEX(Jesper!AI$2:AI$366,ROUNDDOWN($C984/24,0)+1,1))-1)+IF('Standard Profiles'!$G$19=$B$10,7,0)+IF('Standard Profiles'!$G$19=$B$17,14,0)+IF('Standard Profiles'!$G$19=$B$24,21,0),0)),0)</f>
        <v>51.557416318073884</v>
      </c>
      <c r="F984" cm="1">
        <f t="array" ref="F984">IFERROR(INDEX(Jesper!AJ$2:AJ$366,ROUNDDOWN($C984/24,0)+1,1)*INDEX($D$3:$AA$30,INDEX(Jesper!$R$2:$R$366,ROW(INDEX(Jesper!AJ$2:AJ$366,ROUNDDOWN($C984/24,0)+1,1))-1)+IF('Standard Profiles'!$G$20=$B$10,7,0)+IF('Standard Profiles'!$G$20=$B$17,14,0)+IF('Standard Profiles'!$G$20=$B$24,21,0),MOD($C984,24)+1)/SUM(INDEX($D$3:$AA$30,INDEX(Jesper!$R$2:$R$366,ROW(INDEX(Jesper!AJ$2:AJ$366,ROUNDDOWN($C984/24,0)+1,1))-1)+IF('Standard Profiles'!$G$20=$B$10,7,0)+IF('Standard Profiles'!$G$20=$B$17,14,0)+IF('Standard Profiles'!$G$20=$B$24,21,0),0)),0)</f>
        <v>0</v>
      </c>
      <c r="G984" cm="1">
        <f t="array" ref="G984">IFERROR(INDEX(Jesper!AK$2:AK$366,ROUNDDOWN($C984/24,0)+1,1)*INDEX($D$3:$AA$30,INDEX(Jesper!$R$2:$R$366,ROW(INDEX(Jesper!AK$2:AK$366,ROUNDDOWN($C984/24,0)+1,1))-1)+IF('Standard Profiles'!$G$21=$B$10,7,0)+IF('Standard Profiles'!$G$21=$B$17,14,0)+IF('Standard Profiles'!$G$21=$B$24,21,0),MOD($C984,24)+1)/SUM(INDEX($D$3:$AA$30,INDEX(Jesper!$R$2:$R$366,ROW(INDEX(Jesper!AK$2:AK$366,ROUNDDOWN($C984/24,0)+1,1))-1)+IF('Standard Profiles'!$G$21=$B$10,7,0)+IF('Standard Profiles'!$G$21=$B$17,14,0)+IF('Standard Profiles'!$G$21=$B$24,21,0),0)),0)</f>
        <v>50.677537600979832</v>
      </c>
      <c r="H984" cm="1">
        <f t="array" ref="H984">IFERROR(INDEX(Jesper!AL$2:AL$366,ROUNDDOWN($C984/24,0)+1,1)*INDEX($D$3:$AA$30,INDEX(Jesper!$R$2:$R$366,ROW(INDEX(Jesper!AL$2:AL$366,ROUNDDOWN($C984/24,0)+1,1))-1)+IF('Standard Profiles'!$G$22=$B$10,7,0)+IF('Standard Profiles'!$G$22=$B$17,14,0)+IF('Standard Profiles'!$G$22=$B$24,21,0),MOD($C984,24)+1)/SUM(INDEX($D$3:$AA$30,INDEX(Jesper!$R$2:$R$366,ROW(INDEX(Jesper!AL$2:AL$366,ROUNDDOWN($C984/24,0)+1,1))-1)+IF('Standard Profiles'!$G$22=$B$10,7,0)+IF('Standard Profiles'!$G$22=$B$17,14,0)+IF('Standard Profiles'!$G$22=$B$24,21,0),0)),0)</f>
        <v>0</v>
      </c>
      <c r="I984">
        <f t="shared" si="118"/>
        <v>24.325218048470308</v>
      </c>
      <c r="J984">
        <f t="shared" si="119"/>
        <v>110.22593388396477</v>
      </c>
      <c r="K984">
        <f t="shared" si="120"/>
        <v>4.1036441921754117</v>
      </c>
      <c r="L984">
        <f t="shared" si="121"/>
        <v>2.0518220960877058</v>
      </c>
      <c r="M984">
        <f t="shared" si="122"/>
        <v>0</v>
      </c>
      <c r="N984" s="45">
        <f t="shared" si="123"/>
        <v>44966.583333331029</v>
      </c>
    </row>
    <row r="985" spans="2:14" x14ac:dyDescent="0.25">
      <c r="B985">
        <f t="shared" si="117"/>
        <v>4</v>
      </c>
      <c r="C985" s="16">
        <v>951</v>
      </c>
      <c r="D985" cm="1">
        <f t="array" ref="D985">IFERROR(INDEX(Jesper!AH$2:AH$366,ROUNDDOWN($C985/24,0)+1,1)*INDEX($D$3:$AA$30,INDEX(Jesper!$R$2:$R$366,ROW(INDEX(Jesper!AH$2:AH$366,ROUNDDOWN($C985/24,0)+1,1))-1)+IF('Standard Profiles'!$G$18=$B$10,7,0)+IF('Standard Profiles'!$G$18=$B$17,14,0)+IF('Standard Profiles'!$G$18=$B$24,21,0),MOD($C985,24)+1)/SUM(INDEX($D$3:$AA$30,INDEX(Jesper!$R$2:$R$366,ROW(INDEX(Jesper!AH$2:AH$366,ROUNDDOWN($C985/24,0)+1,1))-1)+IF('Standard Profiles'!$G$18=$B$10,7,0)+IF('Standard Profiles'!$G$18=$B$17,14,0)+IF('Standard Profiles'!$G$18=$B$24,21,0),0)),0)</f>
        <v>38.471664301644481</v>
      </c>
      <c r="E985" cm="1">
        <f t="array" ref="E985">IFERROR(INDEX(Jesper!AI$2:AI$366,ROUNDDOWN($C985/24,0)+1,1)*INDEX($D$3:$AA$30,INDEX(Jesper!$R$2:$R$366,ROW(INDEX(Jesper!AI$2:AI$366,ROUNDDOWN($C985/24,0)+1,1))-1)+IF('Standard Profiles'!$G$19=$B$10,7,0)+IF('Standard Profiles'!$G$19=$B$17,14,0)+IF('Standard Profiles'!$G$19=$B$24,21,0),MOD($C985,24)+1)/SUM(INDEX($D$3:$AA$30,INDEX(Jesper!$R$2:$R$366,ROW(INDEX(Jesper!AI$2:AI$366,ROUNDDOWN($C985/24,0)+1,1))-1)+IF('Standard Profiles'!$G$19=$B$10,7,0)+IF('Standard Profiles'!$G$19=$B$17,14,0)+IF('Standard Profiles'!$G$19=$B$24,21,0),0)),0)</f>
        <v>51.557416318073884</v>
      </c>
      <c r="F985" cm="1">
        <f t="array" ref="F985">IFERROR(INDEX(Jesper!AJ$2:AJ$366,ROUNDDOWN($C985/24,0)+1,1)*INDEX($D$3:$AA$30,INDEX(Jesper!$R$2:$R$366,ROW(INDEX(Jesper!AJ$2:AJ$366,ROUNDDOWN($C985/24,0)+1,1))-1)+IF('Standard Profiles'!$G$20=$B$10,7,0)+IF('Standard Profiles'!$G$20=$B$17,14,0)+IF('Standard Profiles'!$G$20=$B$24,21,0),MOD($C985,24)+1)/SUM(INDEX($D$3:$AA$30,INDEX(Jesper!$R$2:$R$366,ROW(INDEX(Jesper!AJ$2:AJ$366,ROUNDDOWN($C985/24,0)+1,1))-1)+IF('Standard Profiles'!$G$20=$B$10,7,0)+IF('Standard Profiles'!$G$20=$B$17,14,0)+IF('Standard Profiles'!$G$20=$B$24,21,0),0)),0)</f>
        <v>0</v>
      </c>
      <c r="G985" cm="1">
        <f t="array" ref="G985">IFERROR(INDEX(Jesper!AK$2:AK$366,ROUNDDOWN($C985/24,0)+1,1)*INDEX($D$3:$AA$30,INDEX(Jesper!$R$2:$R$366,ROW(INDEX(Jesper!AK$2:AK$366,ROUNDDOWN($C985/24,0)+1,1))-1)+IF('Standard Profiles'!$G$21=$B$10,7,0)+IF('Standard Profiles'!$G$21=$B$17,14,0)+IF('Standard Profiles'!$G$21=$B$24,21,0),MOD($C985,24)+1)/SUM(INDEX($D$3:$AA$30,INDEX(Jesper!$R$2:$R$366,ROW(INDEX(Jesper!AK$2:AK$366,ROUNDDOWN($C985/24,0)+1,1))-1)+IF('Standard Profiles'!$G$21=$B$10,7,0)+IF('Standard Profiles'!$G$21=$B$17,14,0)+IF('Standard Profiles'!$G$21=$B$24,21,0),0)),0)</f>
        <v>50.677537600979832</v>
      </c>
      <c r="H985" cm="1">
        <f t="array" ref="H985">IFERROR(INDEX(Jesper!AL$2:AL$366,ROUNDDOWN($C985/24,0)+1,1)*INDEX($D$3:$AA$30,INDEX(Jesper!$R$2:$R$366,ROW(INDEX(Jesper!AL$2:AL$366,ROUNDDOWN($C985/24,0)+1,1))-1)+IF('Standard Profiles'!$G$22=$B$10,7,0)+IF('Standard Profiles'!$G$22=$B$17,14,0)+IF('Standard Profiles'!$G$22=$B$24,21,0),MOD($C985,24)+1)/SUM(INDEX($D$3:$AA$30,INDEX(Jesper!$R$2:$R$366,ROW(INDEX(Jesper!AL$2:AL$366,ROUNDDOWN($C985/24,0)+1,1))-1)+IF('Standard Profiles'!$G$22=$B$10,7,0)+IF('Standard Profiles'!$G$22=$B$17,14,0)+IF('Standard Profiles'!$G$22=$B$24,21,0),0)),0)</f>
        <v>0</v>
      </c>
      <c r="I985">
        <f t="shared" si="118"/>
        <v>24.325218048470308</v>
      </c>
      <c r="J985">
        <f t="shared" si="119"/>
        <v>110.22593388396477</v>
      </c>
      <c r="K985">
        <f t="shared" si="120"/>
        <v>4.1036441921754117</v>
      </c>
      <c r="L985">
        <f t="shared" si="121"/>
        <v>2.0518220960877058</v>
      </c>
      <c r="M985">
        <f t="shared" si="122"/>
        <v>0</v>
      </c>
      <c r="N985" s="45">
        <f t="shared" si="123"/>
        <v>44966.624999997694</v>
      </c>
    </row>
    <row r="986" spans="2:14" x14ac:dyDescent="0.25">
      <c r="B986">
        <f t="shared" si="117"/>
        <v>4</v>
      </c>
      <c r="C986" s="16">
        <v>952</v>
      </c>
      <c r="D986" cm="1">
        <f t="array" ref="D986">IFERROR(INDEX(Jesper!AH$2:AH$366,ROUNDDOWN($C986/24,0)+1,1)*INDEX($D$3:$AA$30,INDEX(Jesper!$R$2:$R$366,ROW(INDEX(Jesper!AH$2:AH$366,ROUNDDOWN($C986/24,0)+1,1))-1)+IF('Standard Profiles'!$G$18=$B$10,7,0)+IF('Standard Profiles'!$G$18=$B$17,14,0)+IF('Standard Profiles'!$G$18=$B$24,21,0),MOD($C986,24)+1)/SUM(INDEX($D$3:$AA$30,INDEX(Jesper!$R$2:$R$366,ROW(INDEX(Jesper!AH$2:AH$366,ROUNDDOWN($C986/24,0)+1,1))-1)+IF('Standard Profiles'!$G$18=$B$10,7,0)+IF('Standard Profiles'!$G$18=$B$17,14,0)+IF('Standard Profiles'!$G$18=$B$24,21,0),0)),0)</f>
        <v>22.670802177754783</v>
      </c>
      <c r="E986" cm="1">
        <f t="array" ref="E986">IFERROR(INDEX(Jesper!AI$2:AI$366,ROUNDDOWN($C986/24,0)+1,1)*INDEX($D$3:$AA$30,INDEX(Jesper!$R$2:$R$366,ROW(INDEX(Jesper!AI$2:AI$366,ROUNDDOWN($C986/24,0)+1,1))-1)+IF('Standard Profiles'!$G$19=$B$10,7,0)+IF('Standard Profiles'!$G$19=$B$17,14,0)+IF('Standard Profiles'!$G$19=$B$24,21,0),MOD($C986,24)+1)/SUM(INDEX($D$3:$AA$30,INDEX(Jesper!$R$2:$R$366,ROW(INDEX(Jesper!AI$2:AI$366,ROUNDDOWN($C986/24,0)+1,1))-1)+IF('Standard Profiles'!$G$19=$B$10,7,0)+IF('Standard Profiles'!$G$19=$B$17,14,0)+IF('Standard Profiles'!$G$19=$B$24,21,0),0)),0)</f>
        <v>30.382048901722111</v>
      </c>
      <c r="F986" cm="1">
        <f t="array" ref="F986">IFERROR(INDEX(Jesper!AJ$2:AJ$366,ROUNDDOWN($C986/24,0)+1,1)*INDEX($D$3:$AA$30,INDEX(Jesper!$R$2:$R$366,ROW(INDEX(Jesper!AJ$2:AJ$366,ROUNDDOWN($C986/24,0)+1,1))-1)+IF('Standard Profiles'!$G$20=$B$10,7,0)+IF('Standard Profiles'!$G$20=$B$17,14,0)+IF('Standard Profiles'!$G$20=$B$24,21,0),MOD($C986,24)+1)/SUM(INDEX($D$3:$AA$30,INDEX(Jesper!$R$2:$R$366,ROW(INDEX(Jesper!AJ$2:AJ$366,ROUNDDOWN($C986/24,0)+1,1))-1)+IF('Standard Profiles'!$G$20=$B$10,7,0)+IF('Standard Profiles'!$G$20=$B$17,14,0)+IF('Standard Profiles'!$G$20=$B$24,21,0),0)),0)</f>
        <v>0</v>
      </c>
      <c r="G986" cm="1">
        <f t="array" ref="G986">IFERROR(INDEX(Jesper!AK$2:AK$366,ROUNDDOWN($C986/24,0)+1,1)*INDEX($D$3:$AA$30,INDEX(Jesper!$R$2:$R$366,ROW(INDEX(Jesper!AK$2:AK$366,ROUNDDOWN($C986/24,0)+1,1))-1)+IF('Standard Profiles'!$G$21=$B$10,7,0)+IF('Standard Profiles'!$G$21=$B$17,14,0)+IF('Standard Profiles'!$G$21=$B$24,21,0),MOD($C986,24)+1)/SUM(INDEX($D$3:$AA$30,INDEX(Jesper!$R$2:$R$366,ROW(INDEX(Jesper!AK$2:AK$366,ROUNDDOWN($C986/24,0)+1,1))-1)+IF('Standard Profiles'!$G$21=$B$10,7,0)+IF('Standard Profiles'!$G$21=$B$17,14,0)+IF('Standard Profiles'!$G$21=$B$24,21,0),0)),0)</f>
        <v>42.345701061902489</v>
      </c>
      <c r="H986" cm="1">
        <f t="array" ref="H986">IFERROR(INDEX(Jesper!AL$2:AL$366,ROUNDDOWN($C986/24,0)+1,1)*INDEX($D$3:$AA$30,INDEX(Jesper!$R$2:$R$366,ROW(INDEX(Jesper!AL$2:AL$366,ROUNDDOWN($C986/24,0)+1,1))-1)+IF('Standard Profiles'!$G$22=$B$10,7,0)+IF('Standard Profiles'!$G$22=$B$17,14,0)+IF('Standard Profiles'!$G$22=$B$24,21,0),MOD($C986,24)+1)/SUM(INDEX($D$3:$AA$30,INDEX(Jesper!$R$2:$R$366,ROW(INDEX(Jesper!AL$2:AL$366,ROUNDDOWN($C986/24,0)+1,1))-1)+IF('Standard Profiles'!$G$22=$B$10,7,0)+IF('Standard Profiles'!$G$22=$B$17,14,0)+IF('Standard Profiles'!$G$22=$B$24,21,0),0)),0)</f>
        <v>0</v>
      </c>
      <c r="I986">
        <f t="shared" si="118"/>
        <v>20.325936509713184</v>
      </c>
      <c r="J986">
        <f t="shared" si="119"/>
        <v>71.445287283225426</v>
      </c>
      <c r="K986">
        <f t="shared" si="120"/>
        <v>2.4182188989605105</v>
      </c>
      <c r="L986">
        <f t="shared" si="121"/>
        <v>1.2091094494802552</v>
      </c>
      <c r="M986">
        <f t="shared" si="122"/>
        <v>0</v>
      </c>
      <c r="N986" s="45">
        <f t="shared" si="123"/>
        <v>44966.666666664358</v>
      </c>
    </row>
    <row r="987" spans="2:14" x14ac:dyDescent="0.25">
      <c r="B987">
        <f t="shared" si="117"/>
        <v>4</v>
      </c>
      <c r="C987" s="16">
        <v>953</v>
      </c>
      <c r="D987" cm="1">
        <f t="array" ref="D987">IFERROR(INDEX(Jesper!AH$2:AH$366,ROUNDDOWN($C987/24,0)+1,1)*INDEX($D$3:$AA$30,INDEX(Jesper!$R$2:$R$366,ROW(INDEX(Jesper!AH$2:AH$366,ROUNDDOWN($C987/24,0)+1,1))-1)+IF('Standard Profiles'!$G$18=$B$10,7,0)+IF('Standard Profiles'!$G$18=$B$17,14,0)+IF('Standard Profiles'!$G$18=$B$24,21,0),MOD($C987,24)+1)/SUM(INDEX($D$3:$AA$30,INDEX(Jesper!$R$2:$R$366,ROW(INDEX(Jesper!AH$2:AH$366,ROUNDDOWN($C987/24,0)+1,1))-1)+IF('Standard Profiles'!$G$18=$B$10,7,0)+IF('Standard Profiles'!$G$18=$B$17,14,0)+IF('Standard Profiles'!$G$18=$B$24,21,0),0)),0)</f>
        <v>9.6759719068522347</v>
      </c>
      <c r="E987" cm="1">
        <f t="array" ref="E987">IFERROR(INDEX(Jesper!AI$2:AI$366,ROUNDDOWN($C987/24,0)+1,1)*INDEX($D$3:$AA$30,INDEX(Jesper!$R$2:$R$366,ROW(INDEX(Jesper!AI$2:AI$366,ROUNDDOWN($C987/24,0)+1,1))-1)+IF('Standard Profiles'!$G$19=$B$10,7,0)+IF('Standard Profiles'!$G$19=$B$17,14,0)+IF('Standard Profiles'!$G$19=$B$24,21,0),MOD($C987,24)+1)/SUM(INDEX($D$3:$AA$30,INDEX(Jesper!$R$2:$R$366,ROW(INDEX(Jesper!AI$2:AI$366,ROUNDDOWN($C987/24,0)+1,1))-1)+IF('Standard Profiles'!$G$19=$B$10,7,0)+IF('Standard Profiles'!$G$19=$B$17,14,0)+IF('Standard Profiles'!$G$19=$B$24,21,0),0)),0)</f>
        <v>12.967157021648362</v>
      </c>
      <c r="F987" cm="1">
        <f t="array" ref="F987">IFERROR(INDEX(Jesper!AJ$2:AJ$366,ROUNDDOWN($C987/24,0)+1,1)*INDEX($D$3:$AA$30,INDEX(Jesper!$R$2:$R$366,ROW(INDEX(Jesper!AJ$2:AJ$366,ROUNDDOWN($C987/24,0)+1,1))-1)+IF('Standard Profiles'!$G$20=$B$10,7,0)+IF('Standard Profiles'!$G$20=$B$17,14,0)+IF('Standard Profiles'!$G$20=$B$24,21,0),MOD($C987,24)+1)/SUM(INDEX($D$3:$AA$30,INDEX(Jesper!$R$2:$R$366,ROW(INDEX(Jesper!AJ$2:AJ$366,ROUNDDOWN($C987/24,0)+1,1))-1)+IF('Standard Profiles'!$G$20=$B$10,7,0)+IF('Standard Profiles'!$G$20=$B$17,14,0)+IF('Standard Profiles'!$G$20=$B$24,21,0),0)),0)</f>
        <v>0</v>
      </c>
      <c r="G987" cm="1">
        <f t="array" ref="G987">IFERROR(INDEX(Jesper!AK$2:AK$366,ROUNDDOWN($C987/24,0)+1,1)*INDEX($D$3:$AA$30,INDEX(Jesper!$R$2:$R$366,ROW(INDEX(Jesper!AK$2:AK$366,ROUNDDOWN($C987/24,0)+1,1))-1)+IF('Standard Profiles'!$G$21=$B$10,7,0)+IF('Standard Profiles'!$G$21=$B$17,14,0)+IF('Standard Profiles'!$G$21=$B$24,21,0),MOD($C987,24)+1)/SUM(INDEX($D$3:$AA$30,INDEX(Jesper!$R$2:$R$366,ROW(INDEX(Jesper!AK$2:AK$366,ROUNDDOWN($C987/24,0)+1,1))-1)+IF('Standard Profiles'!$G$21=$B$10,7,0)+IF('Standard Profiles'!$G$21=$B$17,14,0)+IF('Standard Profiles'!$G$21=$B$24,21,0),0)),0)</f>
        <v>33.670605339567267</v>
      </c>
      <c r="H987" cm="1">
        <f t="array" ref="H987">IFERROR(INDEX(Jesper!AL$2:AL$366,ROUNDDOWN($C987/24,0)+1,1)*INDEX($D$3:$AA$30,INDEX(Jesper!$R$2:$R$366,ROW(INDEX(Jesper!AL$2:AL$366,ROUNDDOWN($C987/24,0)+1,1))-1)+IF('Standard Profiles'!$G$22=$B$10,7,0)+IF('Standard Profiles'!$G$22=$B$17,14,0)+IF('Standard Profiles'!$G$22=$B$24,21,0),MOD($C987,24)+1)/SUM(INDEX($D$3:$AA$30,INDEX(Jesper!$R$2:$R$366,ROW(INDEX(Jesper!AL$2:AL$366,ROUNDDOWN($C987/24,0)+1,1))-1)+IF('Standard Profiles'!$G$22=$B$10,7,0)+IF('Standard Profiles'!$G$22=$B$17,14,0)+IF('Standard Profiles'!$G$22=$B$24,21,0),0)),0)</f>
        <v>0</v>
      </c>
      <c r="I987">
        <f t="shared" si="118"/>
        <v>16.16189056299228</v>
      </c>
      <c r="J987">
        <f t="shared" si="119"/>
        <v>38.603688199979231</v>
      </c>
      <c r="K987">
        <f t="shared" si="120"/>
        <v>1.0321036700642385</v>
      </c>
      <c r="L987">
        <f t="shared" si="121"/>
        <v>0.51605183503211927</v>
      </c>
      <c r="M987">
        <f t="shared" si="122"/>
        <v>0</v>
      </c>
      <c r="N987" s="45">
        <f t="shared" si="123"/>
        <v>44966.708333331022</v>
      </c>
    </row>
    <row r="988" spans="2:14" x14ac:dyDescent="0.25">
      <c r="B988">
        <f t="shared" si="117"/>
        <v>4</v>
      </c>
      <c r="C988" s="16">
        <v>954</v>
      </c>
      <c r="D988" cm="1">
        <f t="array" ref="D988">IFERROR(INDEX(Jesper!AH$2:AH$366,ROUNDDOWN($C988/24,0)+1,1)*INDEX($D$3:$AA$30,INDEX(Jesper!$R$2:$R$366,ROW(INDEX(Jesper!AH$2:AH$366,ROUNDDOWN($C988/24,0)+1,1))-1)+IF('Standard Profiles'!$G$18=$B$10,7,0)+IF('Standard Profiles'!$G$18=$B$17,14,0)+IF('Standard Profiles'!$G$18=$B$24,21,0),MOD($C988,24)+1)/SUM(INDEX($D$3:$AA$30,INDEX(Jesper!$R$2:$R$366,ROW(INDEX(Jesper!AH$2:AH$366,ROUNDDOWN($C988/24,0)+1,1))-1)+IF('Standard Profiles'!$G$18=$B$10,7,0)+IF('Standard Profiles'!$G$18=$B$17,14,0)+IF('Standard Profiles'!$G$18=$B$24,21,0),0)),0)</f>
        <v>6.3861414585224745</v>
      </c>
      <c r="E988" cm="1">
        <f t="array" ref="E988">IFERROR(INDEX(Jesper!AI$2:AI$366,ROUNDDOWN($C988/24,0)+1,1)*INDEX($D$3:$AA$30,INDEX(Jesper!$R$2:$R$366,ROW(INDEX(Jesper!AI$2:AI$366,ROUNDDOWN($C988/24,0)+1,1))-1)+IF('Standard Profiles'!$G$19=$B$10,7,0)+IF('Standard Profiles'!$G$19=$B$17,14,0)+IF('Standard Profiles'!$G$19=$B$24,21,0),MOD($C988,24)+1)/SUM(INDEX($D$3:$AA$30,INDEX(Jesper!$R$2:$R$366,ROW(INDEX(Jesper!AI$2:AI$366,ROUNDDOWN($C988/24,0)+1,1))-1)+IF('Standard Profiles'!$G$19=$B$10,7,0)+IF('Standard Profiles'!$G$19=$B$17,14,0)+IF('Standard Profiles'!$G$19=$B$24,21,0),0)),0)</f>
        <v>8.5583236342879196</v>
      </c>
      <c r="F988" cm="1">
        <f t="array" ref="F988">IFERROR(INDEX(Jesper!AJ$2:AJ$366,ROUNDDOWN($C988/24,0)+1,1)*INDEX($D$3:$AA$30,INDEX(Jesper!$R$2:$R$366,ROW(INDEX(Jesper!AJ$2:AJ$366,ROUNDDOWN($C988/24,0)+1,1))-1)+IF('Standard Profiles'!$G$20=$B$10,7,0)+IF('Standard Profiles'!$G$20=$B$17,14,0)+IF('Standard Profiles'!$G$20=$B$24,21,0),MOD($C988,24)+1)/SUM(INDEX($D$3:$AA$30,INDEX(Jesper!$R$2:$R$366,ROW(INDEX(Jesper!AJ$2:AJ$366,ROUNDDOWN($C988/24,0)+1,1))-1)+IF('Standard Profiles'!$G$20=$B$10,7,0)+IF('Standard Profiles'!$G$20=$B$17,14,0)+IF('Standard Profiles'!$G$20=$B$24,21,0),0)),0)</f>
        <v>0</v>
      </c>
      <c r="G988" cm="1">
        <f t="array" ref="G988">IFERROR(INDEX(Jesper!AK$2:AK$366,ROUNDDOWN($C988/24,0)+1,1)*INDEX($D$3:$AA$30,INDEX(Jesper!$R$2:$R$366,ROW(INDEX(Jesper!AK$2:AK$366,ROUNDDOWN($C988/24,0)+1,1))-1)+IF('Standard Profiles'!$G$21=$B$10,7,0)+IF('Standard Profiles'!$G$21=$B$17,14,0)+IF('Standard Profiles'!$G$21=$B$24,21,0),MOD($C988,24)+1)/SUM(INDEX($D$3:$AA$30,INDEX(Jesper!$R$2:$R$366,ROW(INDEX(Jesper!AK$2:AK$366,ROUNDDOWN($C988/24,0)+1,1))-1)+IF('Standard Profiles'!$G$21=$B$10,7,0)+IF('Standard Profiles'!$G$21=$B$17,14,0)+IF('Standard Profiles'!$G$21=$B$24,21,0),0)),0)</f>
        <v>12.48215211846794</v>
      </c>
      <c r="H988" cm="1">
        <f t="array" ref="H988">IFERROR(INDEX(Jesper!AL$2:AL$366,ROUNDDOWN($C988/24,0)+1,1)*INDEX($D$3:$AA$30,INDEX(Jesper!$R$2:$R$366,ROW(INDEX(Jesper!AL$2:AL$366,ROUNDDOWN($C988/24,0)+1,1))-1)+IF('Standard Profiles'!$G$22=$B$10,7,0)+IF('Standard Profiles'!$G$22=$B$17,14,0)+IF('Standard Profiles'!$G$22=$B$24,21,0),MOD($C988,24)+1)/SUM(INDEX($D$3:$AA$30,INDEX(Jesper!$R$2:$R$366,ROW(INDEX(Jesper!AL$2:AL$366,ROUNDDOWN($C988/24,0)+1,1))-1)+IF('Standard Profiles'!$G$22=$B$10,7,0)+IF('Standard Profiles'!$G$22=$B$17,14,0)+IF('Standard Profiles'!$G$22=$B$24,21,0),0)),0)</f>
        <v>0</v>
      </c>
      <c r="I988">
        <f t="shared" si="118"/>
        <v>5.9914330168646082</v>
      </c>
      <c r="J988">
        <f t="shared" si="119"/>
        <v>20.413401561050129</v>
      </c>
      <c r="K988">
        <f t="shared" si="120"/>
        <v>0.68118842224239728</v>
      </c>
      <c r="L988">
        <f t="shared" si="121"/>
        <v>0.34059421112119864</v>
      </c>
      <c r="M988">
        <f t="shared" si="122"/>
        <v>0</v>
      </c>
      <c r="N988" s="45">
        <f t="shared" si="123"/>
        <v>44966.749999997686</v>
      </c>
    </row>
    <row r="989" spans="2:14" x14ac:dyDescent="0.25">
      <c r="B989">
        <f t="shared" si="117"/>
        <v>4</v>
      </c>
      <c r="C989" s="16">
        <v>955</v>
      </c>
      <c r="D989" cm="1">
        <f t="array" ref="D989">IFERROR(INDEX(Jesper!AH$2:AH$366,ROUNDDOWN($C989/24,0)+1,1)*INDEX($D$3:$AA$30,INDEX(Jesper!$R$2:$R$366,ROW(INDEX(Jesper!AH$2:AH$366,ROUNDDOWN($C989/24,0)+1,1))-1)+IF('Standard Profiles'!$G$18=$B$10,7,0)+IF('Standard Profiles'!$G$18=$B$17,14,0)+IF('Standard Profiles'!$G$18=$B$24,21,0),MOD($C989,24)+1)/SUM(INDEX($D$3:$AA$30,INDEX(Jesper!$R$2:$R$366,ROW(INDEX(Jesper!AH$2:AH$366,ROUNDDOWN($C989/24,0)+1,1))-1)+IF('Standard Profiles'!$G$18=$B$10,7,0)+IF('Standard Profiles'!$G$18=$B$17,14,0)+IF('Standard Profiles'!$G$18=$B$24,21,0),0)),0)</f>
        <v>6.3861414585224745</v>
      </c>
      <c r="E989" cm="1">
        <f t="array" ref="E989">IFERROR(INDEX(Jesper!AI$2:AI$366,ROUNDDOWN($C989/24,0)+1,1)*INDEX($D$3:$AA$30,INDEX(Jesper!$R$2:$R$366,ROW(INDEX(Jesper!AI$2:AI$366,ROUNDDOWN($C989/24,0)+1,1))-1)+IF('Standard Profiles'!$G$19=$B$10,7,0)+IF('Standard Profiles'!$G$19=$B$17,14,0)+IF('Standard Profiles'!$G$19=$B$24,21,0),MOD($C989,24)+1)/SUM(INDEX($D$3:$AA$30,INDEX(Jesper!$R$2:$R$366,ROW(INDEX(Jesper!AI$2:AI$366,ROUNDDOWN($C989/24,0)+1,1))-1)+IF('Standard Profiles'!$G$19=$B$10,7,0)+IF('Standard Profiles'!$G$19=$B$17,14,0)+IF('Standard Profiles'!$G$19=$B$24,21,0),0)),0)</f>
        <v>8.5583236342879196</v>
      </c>
      <c r="F989" cm="1">
        <f t="array" ref="F989">IFERROR(INDEX(Jesper!AJ$2:AJ$366,ROUNDDOWN($C989/24,0)+1,1)*INDEX($D$3:$AA$30,INDEX(Jesper!$R$2:$R$366,ROW(INDEX(Jesper!AJ$2:AJ$366,ROUNDDOWN($C989/24,0)+1,1))-1)+IF('Standard Profiles'!$G$20=$B$10,7,0)+IF('Standard Profiles'!$G$20=$B$17,14,0)+IF('Standard Profiles'!$G$20=$B$24,21,0),MOD($C989,24)+1)/SUM(INDEX($D$3:$AA$30,INDEX(Jesper!$R$2:$R$366,ROW(INDEX(Jesper!AJ$2:AJ$366,ROUNDDOWN($C989/24,0)+1,1))-1)+IF('Standard Profiles'!$G$20=$B$10,7,0)+IF('Standard Profiles'!$G$20=$B$17,14,0)+IF('Standard Profiles'!$G$20=$B$24,21,0),0)),0)</f>
        <v>0</v>
      </c>
      <c r="G989" cm="1">
        <f t="array" ref="G989">IFERROR(INDEX(Jesper!AK$2:AK$366,ROUNDDOWN($C989/24,0)+1,1)*INDEX($D$3:$AA$30,INDEX(Jesper!$R$2:$R$366,ROW(INDEX(Jesper!AK$2:AK$366,ROUNDDOWN($C989/24,0)+1,1))-1)+IF('Standard Profiles'!$G$21=$B$10,7,0)+IF('Standard Profiles'!$G$21=$B$17,14,0)+IF('Standard Profiles'!$G$21=$B$24,21,0),MOD($C989,24)+1)/SUM(INDEX($D$3:$AA$30,INDEX(Jesper!$R$2:$R$366,ROW(INDEX(Jesper!AK$2:AK$366,ROUNDDOWN($C989/24,0)+1,1))-1)+IF('Standard Profiles'!$G$21=$B$10,7,0)+IF('Standard Profiles'!$G$21=$B$17,14,0)+IF('Standard Profiles'!$G$21=$B$24,21,0),0)),0)</f>
        <v>12.48215211846794</v>
      </c>
      <c r="H989" cm="1">
        <f t="array" ref="H989">IFERROR(INDEX(Jesper!AL$2:AL$366,ROUNDDOWN($C989/24,0)+1,1)*INDEX($D$3:$AA$30,INDEX(Jesper!$R$2:$R$366,ROW(INDEX(Jesper!AL$2:AL$366,ROUNDDOWN($C989/24,0)+1,1))-1)+IF('Standard Profiles'!$G$22=$B$10,7,0)+IF('Standard Profiles'!$G$22=$B$17,14,0)+IF('Standard Profiles'!$G$22=$B$24,21,0),MOD($C989,24)+1)/SUM(INDEX($D$3:$AA$30,INDEX(Jesper!$R$2:$R$366,ROW(INDEX(Jesper!AL$2:AL$366,ROUNDDOWN($C989/24,0)+1,1))-1)+IF('Standard Profiles'!$G$22=$B$10,7,0)+IF('Standard Profiles'!$G$22=$B$17,14,0)+IF('Standard Profiles'!$G$22=$B$24,21,0),0)),0)</f>
        <v>0</v>
      </c>
      <c r="I989">
        <f t="shared" si="118"/>
        <v>5.9914330168646082</v>
      </c>
      <c r="J989">
        <f t="shared" si="119"/>
        <v>20.413401561050129</v>
      </c>
      <c r="K989">
        <f t="shared" si="120"/>
        <v>0.68118842224239728</v>
      </c>
      <c r="L989">
        <f t="shared" si="121"/>
        <v>0.34059421112119864</v>
      </c>
      <c r="M989">
        <f t="shared" si="122"/>
        <v>0</v>
      </c>
      <c r="N989" s="45">
        <f t="shared" si="123"/>
        <v>44966.79166666435</v>
      </c>
    </row>
    <row r="990" spans="2:14" x14ac:dyDescent="0.25">
      <c r="B990">
        <f t="shared" si="117"/>
        <v>4</v>
      </c>
      <c r="C990" s="16">
        <v>956</v>
      </c>
      <c r="D990" cm="1">
        <f t="array" ref="D990">IFERROR(INDEX(Jesper!AH$2:AH$366,ROUNDDOWN($C990/24,0)+1,1)*INDEX($D$3:$AA$30,INDEX(Jesper!$R$2:$R$366,ROW(INDEX(Jesper!AH$2:AH$366,ROUNDDOWN($C990/24,0)+1,1))-1)+IF('Standard Profiles'!$G$18=$B$10,7,0)+IF('Standard Profiles'!$G$18=$B$17,14,0)+IF('Standard Profiles'!$G$18=$B$24,21,0),MOD($C990,24)+1)/SUM(INDEX($D$3:$AA$30,INDEX(Jesper!$R$2:$R$366,ROW(INDEX(Jesper!AH$2:AH$366,ROUNDDOWN($C990/24,0)+1,1))-1)+IF('Standard Profiles'!$G$18=$B$10,7,0)+IF('Standard Profiles'!$G$18=$B$17,14,0)+IF('Standard Profiles'!$G$18=$B$24,21,0),0)),0)</f>
        <v>6.3861414585224745</v>
      </c>
      <c r="E990" cm="1">
        <f t="array" ref="E990">IFERROR(INDEX(Jesper!AI$2:AI$366,ROUNDDOWN($C990/24,0)+1,1)*INDEX($D$3:$AA$30,INDEX(Jesper!$R$2:$R$366,ROW(INDEX(Jesper!AI$2:AI$366,ROUNDDOWN($C990/24,0)+1,1))-1)+IF('Standard Profiles'!$G$19=$B$10,7,0)+IF('Standard Profiles'!$G$19=$B$17,14,0)+IF('Standard Profiles'!$G$19=$B$24,21,0),MOD($C990,24)+1)/SUM(INDEX($D$3:$AA$30,INDEX(Jesper!$R$2:$R$366,ROW(INDEX(Jesper!AI$2:AI$366,ROUNDDOWN($C990/24,0)+1,1))-1)+IF('Standard Profiles'!$G$19=$B$10,7,0)+IF('Standard Profiles'!$G$19=$B$17,14,0)+IF('Standard Profiles'!$G$19=$B$24,21,0),0)),0)</f>
        <v>8.5583236342879196</v>
      </c>
      <c r="F990" cm="1">
        <f t="array" ref="F990">IFERROR(INDEX(Jesper!AJ$2:AJ$366,ROUNDDOWN($C990/24,0)+1,1)*INDEX($D$3:$AA$30,INDEX(Jesper!$R$2:$R$366,ROW(INDEX(Jesper!AJ$2:AJ$366,ROUNDDOWN($C990/24,0)+1,1))-1)+IF('Standard Profiles'!$G$20=$B$10,7,0)+IF('Standard Profiles'!$G$20=$B$17,14,0)+IF('Standard Profiles'!$G$20=$B$24,21,0),MOD($C990,24)+1)/SUM(INDEX($D$3:$AA$30,INDEX(Jesper!$R$2:$R$366,ROW(INDEX(Jesper!AJ$2:AJ$366,ROUNDDOWN($C990/24,0)+1,1))-1)+IF('Standard Profiles'!$G$20=$B$10,7,0)+IF('Standard Profiles'!$G$20=$B$17,14,0)+IF('Standard Profiles'!$G$20=$B$24,21,0),0)),0)</f>
        <v>0</v>
      </c>
      <c r="G990" cm="1">
        <f t="array" ref="G990">IFERROR(INDEX(Jesper!AK$2:AK$366,ROUNDDOWN($C990/24,0)+1,1)*INDEX($D$3:$AA$30,INDEX(Jesper!$R$2:$R$366,ROW(INDEX(Jesper!AK$2:AK$366,ROUNDDOWN($C990/24,0)+1,1))-1)+IF('Standard Profiles'!$G$21=$B$10,7,0)+IF('Standard Profiles'!$G$21=$B$17,14,0)+IF('Standard Profiles'!$G$21=$B$24,21,0),MOD($C990,24)+1)/SUM(INDEX($D$3:$AA$30,INDEX(Jesper!$R$2:$R$366,ROW(INDEX(Jesper!AK$2:AK$366,ROUNDDOWN($C990/24,0)+1,1))-1)+IF('Standard Profiles'!$G$21=$B$10,7,0)+IF('Standard Profiles'!$G$21=$B$17,14,0)+IF('Standard Profiles'!$G$21=$B$24,21,0),0)),0)</f>
        <v>12.48215211846794</v>
      </c>
      <c r="H990" cm="1">
        <f t="array" ref="H990">IFERROR(INDEX(Jesper!AL$2:AL$366,ROUNDDOWN($C990/24,0)+1,1)*INDEX($D$3:$AA$30,INDEX(Jesper!$R$2:$R$366,ROW(INDEX(Jesper!AL$2:AL$366,ROUNDDOWN($C990/24,0)+1,1))-1)+IF('Standard Profiles'!$G$22=$B$10,7,0)+IF('Standard Profiles'!$G$22=$B$17,14,0)+IF('Standard Profiles'!$G$22=$B$24,21,0),MOD($C990,24)+1)/SUM(INDEX($D$3:$AA$30,INDEX(Jesper!$R$2:$R$366,ROW(INDEX(Jesper!AL$2:AL$366,ROUNDDOWN($C990/24,0)+1,1))-1)+IF('Standard Profiles'!$G$22=$B$10,7,0)+IF('Standard Profiles'!$G$22=$B$17,14,0)+IF('Standard Profiles'!$G$22=$B$24,21,0),0)),0)</f>
        <v>0</v>
      </c>
      <c r="I990">
        <f t="shared" si="118"/>
        <v>5.9914330168646082</v>
      </c>
      <c r="J990">
        <f t="shared" si="119"/>
        <v>20.413401561050129</v>
      </c>
      <c r="K990">
        <f t="shared" si="120"/>
        <v>0.68118842224239728</v>
      </c>
      <c r="L990">
        <f t="shared" si="121"/>
        <v>0.34059421112119864</v>
      </c>
      <c r="M990">
        <f t="shared" si="122"/>
        <v>0</v>
      </c>
      <c r="N990" s="45">
        <f t="shared" si="123"/>
        <v>44966.833333331015</v>
      </c>
    </row>
    <row r="991" spans="2:14" x14ac:dyDescent="0.25">
      <c r="B991">
        <f t="shared" si="117"/>
        <v>4</v>
      </c>
      <c r="C991" s="16">
        <v>957</v>
      </c>
      <c r="D991" cm="1">
        <f t="array" ref="D991">IFERROR(INDEX(Jesper!AH$2:AH$366,ROUNDDOWN($C991/24,0)+1,1)*INDEX($D$3:$AA$30,INDEX(Jesper!$R$2:$R$366,ROW(INDEX(Jesper!AH$2:AH$366,ROUNDDOWN($C991/24,0)+1,1))-1)+IF('Standard Profiles'!$G$18=$B$10,7,0)+IF('Standard Profiles'!$G$18=$B$17,14,0)+IF('Standard Profiles'!$G$18=$B$24,21,0),MOD($C991,24)+1)/SUM(INDEX($D$3:$AA$30,INDEX(Jesper!$R$2:$R$366,ROW(INDEX(Jesper!AH$2:AH$366,ROUNDDOWN($C991/24,0)+1,1))-1)+IF('Standard Profiles'!$G$18=$B$10,7,0)+IF('Standard Profiles'!$G$18=$B$17,14,0)+IF('Standard Profiles'!$G$18=$B$24,21,0),0)),0)</f>
        <v>6.3861414585224745</v>
      </c>
      <c r="E991" cm="1">
        <f t="array" ref="E991">IFERROR(INDEX(Jesper!AI$2:AI$366,ROUNDDOWN($C991/24,0)+1,1)*INDEX($D$3:$AA$30,INDEX(Jesper!$R$2:$R$366,ROW(INDEX(Jesper!AI$2:AI$366,ROUNDDOWN($C991/24,0)+1,1))-1)+IF('Standard Profiles'!$G$19=$B$10,7,0)+IF('Standard Profiles'!$G$19=$B$17,14,0)+IF('Standard Profiles'!$G$19=$B$24,21,0),MOD($C991,24)+1)/SUM(INDEX($D$3:$AA$30,INDEX(Jesper!$R$2:$R$366,ROW(INDEX(Jesper!AI$2:AI$366,ROUNDDOWN($C991/24,0)+1,1))-1)+IF('Standard Profiles'!$G$19=$B$10,7,0)+IF('Standard Profiles'!$G$19=$B$17,14,0)+IF('Standard Profiles'!$G$19=$B$24,21,0),0)),0)</f>
        <v>8.5583236342879196</v>
      </c>
      <c r="F991" cm="1">
        <f t="array" ref="F991">IFERROR(INDEX(Jesper!AJ$2:AJ$366,ROUNDDOWN($C991/24,0)+1,1)*INDEX($D$3:$AA$30,INDEX(Jesper!$R$2:$R$366,ROW(INDEX(Jesper!AJ$2:AJ$366,ROUNDDOWN($C991/24,0)+1,1))-1)+IF('Standard Profiles'!$G$20=$B$10,7,0)+IF('Standard Profiles'!$G$20=$B$17,14,0)+IF('Standard Profiles'!$G$20=$B$24,21,0),MOD($C991,24)+1)/SUM(INDEX($D$3:$AA$30,INDEX(Jesper!$R$2:$R$366,ROW(INDEX(Jesper!AJ$2:AJ$366,ROUNDDOWN($C991/24,0)+1,1))-1)+IF('Standard Profiles'!$G$20=$B$10,7,0)+IF('Standard Profiles'!$G$20=$B$17,14,0)+IF('Standard Profiles'!$G$20=$B$24,21,0),0)),0)</f>
        <v>0</v>
      </c>
      <c r="G991" cm="1">
        <f t="array" ref="G991">IFERROR(INDEX(Jesper!AK$2:AK$366,ROUNDDOWN($C991/24,0)+1,1)*INDEX($D$3:$AA$30,INDEX(Jesper!$R$2:$R$366,ROW(INDEX(Jesper!AK$2:AK$366,ROUNDDOWN($C991/24,0)+1,1))-1)+IF('Standard Profiles'!$G$21=$B$10,7,0)+IF('Standard Profiles'!$G$21=$B$17,14,0)+IF('Standard Profiles'!$G$21=$B$24,21,0),MOD($C991,24)+1)/SUM(INDEX($D$3:$AA$30,INDEX(Jesper!$R$2:$R$366,ROW(INDEX(Jesper!AK$2:AK$366,ROUNDDOWN($C991/24,0)+1,1))-1)+IF('Standard Profiles'!$G$21=$B$10,7,0)+IF('Standard Profiles'!$G$21=$B$17,14,0)+IF('Standard Profiles'!$G$21=$B$24,21,0),0)),0)</f>
        <v>12.48215211846794</v>
      </c>
      <c r="H991" cm="1">
        <f t="array" ref="H991">IFERROR(INDEX(Jesper!AL$2:AL$366,ROUNDDOWN($C991/24,0)+1,1)*INDEX($D$3:$AA$30,INDEX(Jesper!$R$2:$R$366,ROW(INDEX(Jesper!AL$2:AL$366,ROUNDDOWN($C991/24,0)+1,1))-1)+IF('Standard Profiles'!$G$22=$B$10,7,0)+IF('Standard Profiles'!$G$22=$B$17,14,0)+IF('Standard Profiles'!$G$22=$B$24,21,0),MOD($C991,24)+1)/SUM(INDEX($D$3:$AA$30,INDEX(Jesper!$R$2:$R$366,ROW(INDEX(Jesper!AL$2:AL$366,ROUNDDOWN($C991/24,0)+1,1))-1)+IF('Standard Profiles'!$G$22=$B$10,7,0)+IF('Standard Profiles'!$G$22=$B$17,14,0)+IF('Standard Profiles'!$G$22=$B$24,21,0),0)),0)</f>
        <v>0</v>
      </c>
      <c r="I991">
        <f t="shared" si="118"/>
        <v>5.9914330168646082</v>
      </c>
      <c r="J991">
        <f t="shared" si="119"/>
        <v>20.413401561050129</v>
      </c>
      <c r="K991">
        <f t="shared" si="120"/>
        <v>0.68118842224239728</v>
      </c>
      <c r="L991">
        <f t="shared" si="121"/>
        <v>0.34059421112119864</v>
      </c>
      <c r="M991">
        <f t="shared" si="122"/>
        <v>0</v>
      </c>
      <c r="N991" s="45">
        <f t="shared" si="123"/>
        <v>44966.874999997679</v>
      </c>
    </row>
    <row r="992" spans="2:14" x14ac:dyDescent="0.25">
      <c r="B992">
        <f t="shared" si="117"/>
        <v>4</v>
      </c>
      <c r="C992" s="16">
        <v>958</v>
      </c>
      <c r="D992" cm="1">
        <f t="array" ref="D992">IFERROR(INDEX(Jesper!AH$2:AH$366,ROUNDDOWN($C992/24,0)+1,1)*INDEX($D$3:$AA$30,INDEX(Jesper!$R$2:$R$366,ROW(INDEX(Jesper!AH$2:AH$366,ROUNDDOWN($C992/24,0)+1,1))-1)+IF('Standard Profiles'!$G$18=$B$10,7,0)+IF('Standard Profiles'!$G$18=$B$17,14,0)+IF('Standard Profiles'!$G$18=$B$24,21,0),MOD($C992,24)+1)/SUM(INDEX($D$3:$AA$30,INDEX(Jesper!$R$2:$R$366,ROW(INDEX(Jesper!AH$2:AH$366,ROUNDDOWN($C992/24,0)+1,1))-1)+IF('Standard Profiles'!$G$18=$B$10,7,0)+IF('Standard Profiles'!$G$18=$B$17,14,0)+IF('Standard Profiles'!$G$18=$B$24,21,0),0)),0)</f>
        <v>6.3861414585224745</v>
      </c>
      <c r="E992" cm="1">
        <f t="array" ref="E992">IFERROR(INDEX(Jesper!AI$2:AI$366,ROUNDDOWN($C992/24,0)+1,1)*INDEX($D$3:$AA$30,INDEX(Jesper!$R$2:$R$366,ROW(INDEX(Jesper!AI$2:AI$366,ROUNDDOWN($C992/24,0)+1,1))-1)+IF('Standard Profiles'!$G$19=$B$10,7,0)+IF('Standard Profiles'!$G$19=$B$17,14,0)+IF('Standard Profiles'!$G$19=$B$24,21,0),MOD($C992,24)+1)/SUM(INDEX($D$3:$AA$30,INDEX(Jesper!$R$2:$R$366,ROW(INDEX(Jesper!AI$2:AI$366,ROUNDDOWN($C992/24,0)+1,1))-1)+IF('Standard Profiles'!$G$19=$B$10,7,0)+IF('Standard Profiles'!$G$19=$B$17,14,0)+IF('Standard Profiles'!$G$19=$B$24,21,0),0)),0)</f>
        <v>8.5583236342879196</v>
      </c>
      <c r="F992" cm="1">
        <f t="array" ref="F992">IFERROR(INDEX(Jesper!AJ$2:AJ$366,ROUNDDOWN($C992/24,0)+1,1)*INDEX($D$3:$AA$30,INDEX(Jesper!$R$2:$R$366,ROW(INDEX(Jesper!AJ$2:AJ$366,ROUNDDOWN($C992/24,0)+1,1))-1)+IF('Standard Profiles'!$G$20=$B$10,7,0)+IF('Standard Profiles'!$G$20=$B$17,14,0)+IF('Standard Profiles'!$G$20=$B$24,21,0),MOD($C992,24)+1)/SUM(INDEX($D$3:$AA$30,INDEX(Jesper!$R$2:$R$366,ROW(INDEX(Jesper!AJ$2:AJ$366,ROUNDDOWN($C992/24,0)+1,1))-1)+IF('Standard Profiles'!$G$20=$B$10,7,0)+IF('Standard Profiles'!$G$20=$B$17,14,0)+IF('Standard Profiles'!$G$20=$B$24,21,0),0)),0)</f>
        <v>0</v>
      </c>
      <c r="G992" cm="1">
        <f t="array" ref="G992">IFERROR(INDEX(Jesper!AK$2:AK$366,ROUNDDOWN($C992/24,0)+1,1)*INDEX($D$3:$AA$30,INDEX(Jesper!$R$2:$R$366,ROW(INDEX(Jesper!AK$2:AK$366,ROUNDDOWN($C992/24,0)+1,1))-1)+IF('Standard Profiles'!$G$21=$B$10,7,0)+IF('Standard Profiles'!$G$21=$B$17,14,0)+IF('Standard Profiles'!$G$21=$B$24,21,0),MOD($C992,24)+1)/SUM(INDEX($D$3:$AA$30,INDEX(Jesper!$R$2:$R$366,ROW(INDEX(Jesper!AK$2:AK$366,ROUNDDOWN($C992/24,0)+1,1))-1)+IF('Standard Profiles'!$G$21=$B$10,7,0)+IF('Standard Profiles'!$G$21=$B$17,14,0)+IF('Standard Profiles'!$G$21=$B$24,21,0),0)),0)</f>
        <v>12.48215211846794</v>
      </c>
      <c r="H992" cm="1">
        <f t="array" ref="H992">IFERROR(INDEX(Jesper!AL$2:AL$366,ROUNDDOWN($C992/24,0)+1,1)*INDEX($D$3:$AA$30,INDEX(Jesper!$R$2:$R$366,ROW(INDEX(Jesper!AL$2:AL$366,ROUNDDOWN($C992/24,0)+1,1))-1)+IF('Standard Profiles'!$G$22=$B$10,7,0)+IF('Standard Profiles'!$G$22=$B$17,14,0)+IF('Standard Profiles'!$G$22=$B$24,21,0),MOD($C992,24)+1)/SUM(INDEX($D$3:$AA$30,INDEX(Jesper!$R$2:$R$366,ROW(INDEX(Jesper!AL$2:AL$366,ROUNDDOWN($C992/24,0)+1,1))-1)+IF('Standard Profiles'!$G$22=$B$10,7,0)+IF('Standard Profiles'!$G$22=$B$17,14,0)+IF('Standard Profiles'!$G$22=$B$24,21,0),0)),0)</f>
        <v>0</v>
      </c>
      <c r="I992">
        <f t="shared" si="118"/>
        <v>5.9914330168646082</v>
      </c>
      <c r="J992">
        <f t="shared" si="119"/>
        <v>20.413401561050129</v>
      </c>
      <c r="K992">
        <f t="shared" si="120"/>
        <v>0.68118842224239728</v>
      </c>
      <c r="L992">
        <f t="shared" si="121"/>
        <v>0.34059421112119864</v>
      </c>
      <c r="M992">
        <f t="shared" si="122"/>
        <v>0</v>
      </c>
      <c r="N992" s="45">
        <f t="shared" si="123"/>
        <v>44966.916666664343</v>
      </c>
    </row>
    <row r="993" spans="2:14" x14ac:dyDescent="0.25">
      <c r="B993">
        <f t="shared" si="117"/>
        <v>4</v>
      </c>
      <c r="C993" s="16">
        <v>959</v>
      </c>
      <c r="D993" cm="1">
        <f t="array" ref="D993">IFERROR(INDEX(Jesper!AH$2:AH$366,ROUNDDOWN($C993/24,0)+1,1)*INDEX($D$3:$AA$30,INDEX(Jesper!$R$2:$R$366,ROW(INDEX(Jesper!AH$2:AH$366,ROUNDDOWN($C993/24,0)+1,1))-1)+IF('Standard Profiles'!$G$18=$B$10,7,0)+IF('Standard Profiles'!$G$18=$B$17,14,0)+IF('Standard Profiles'!$G$18=$B$24,21,0),MOD($C993,24)+1)/SUM(INDEX($D$3:$AA$30,INDEX(Jesper!$R$2:$R$366,ROW(INDEX(Jesper!AH$2:AH$366,ROUNDDOWN($C993/24,0)+1,1))-1)+IF('Standard Profiles'!$G$18=$B$10,7,0)+IF('Standard Profiles'!$G$18=$B$17,14,0)+IF('Standard Profiles'!$G$18=$B$24,21,0),0)),0)</f>
        <v>6.3861414585224745</v>
      </c>
      <c r="E993" cm="1">
        <f t="array" ref="E993">IFERROR(INDEX(Jesper!AI$2:AI$366,ROUNDDOWN($C993/24,0)+1,1)*INDEX($D$3:$AA$30,INDEX(Jesper!$R$2:$R$366,ROW(INDEX(Jesper!AI$2:AI$366,ROUNDDOWN($C993/24,0)+1,1))-1)+IF('Standard Profiles'!$G$19=$B$10,7,0)+IF('Standard Profiles'!$G$19=$B$17,14,0)+IF('Standard Profiles'!$G$19=$B$24,21,0),MOD($C993,24)+1)/SUM(INDEX($D$3:$AA$30,INDEX(Jesper!$R$2:$R$366,ROW(INDEX(Jesper!AI$2:AI$366,ROUNDDOWN($C993/24,0)+1,1))-1)+IF('Standard Profiles'!$G$19=$B$10,7,0)+IF('Standard Profiles'!$G$19=$B$17,14,0)+IF('Standard Profiles'!$G$19=$B$24,21,0),0)),0)</f>
        <v>8.5583236342879196</v>
      </c>
      <c r="F993" cm="1">
        <f t="array" ref="F993">IFERROR(INDEX(Jesper!AJ$2:AJ$366,ROUNDDOWN($C993/24,0)+1,1)*INDEX($D$3:$AA$30,INDEX(Jesper!$R$2:$R$366,ROW(INDEX(Jesper!AJ$2:AJ$366,ROUNDDOWN($C993/24,0)+1,1))-1)+IF('Standard Profiles'!$G$20=$B$10,7,0)+IF('Standard Profiles'!$G$20=$B$17,14,0)+IF('Standard Profiles'!$G$20=$B$24,21,0),MOD($C993,24)+1)/SUM(INDEX($D$3:$AA$30,INDEX(Jesper!$R$2:$R$366,ROW(INDEX(Jesper!AJ$2:AJ$366,ROUNDDOWN($C993/24,0)+1,1))-1)+IF('Standard Profiles'!$G$20=$B$10,7,0)+IF('Standard Profiles'!$G$20=$B$17,14,0)+IF('Standard Profiles'!$G$20=$B$24,21,0),0)),0)</f>
        <v>0</v>
      </c>
      <c r="G993" cm="1">
        <f t="array" ref="G993">IFERROR(INDEX(Jesper!AK$2:AK$366,ROUNDDOWN($C993/24,0)+1,1)*INDEX($D$3:$AA$30,INDEX(Jesper!$R$2:$R$366,ROW(INDEX(Jesper!AK$2:AK$366,ROUNDDOWN($C993/24,0)+1,1))-1)+IF('Standard Profiles'!$G$21=$B$10,7,0)+IF('Standard Profiles'!$G$21=$B$17,14,0)+IF('Standard Profiles'!$G$21=$B$24,21,0),MOD($C993,24)+1)/SUM(INDEX($D$3:$AA$30,INDEX(Jesper!$R$2:$R$366,ROW(INDEX(Jesper!AK$2:AK$366,ROUNDDOWN($C993/24,0)+1,1))-1)+IF('Standard Profiles'!$G$21=$B$10,7,0)+IF('Standard Profiles'!$G$21=$B$17,14,0)+IF('Standard Profiles'!$G$21=$B$24,21,0),0)),0)</f>
        <v>12.48215211846794</v>
      </c>
      <c r="H993" cm="1">
        <f t="array" ref="H993">IFERROR(INDEX(Jesper!AL$2:AL$366,ROUNDDOWN($C993/24,0)+1,1)*INDEX($D$3:$AA$30,INDEX(Jesper!$R$2:$R$366,ROW(INDEX(Jesper!AL$2:AL$366,ROUNDDOWN($C993/24,0)+1,1))-1)+IF('Standard Profiles'!$G$22=$B$10,7,0)+IF('Standard Profiles'!$G$22=$B$17,14,0)+IF('Standard Profiles'!$G$22=$B$24,21,0),MOD($C993,24)+1)/SUM(INDEX($D$3:$AA$30,INDEX(Jesper!$R$2:$R$366,ROW(INDEX(Jesper!AL$2:AL$366,ROUNDDOWN($C993/24,0)+1,1))-1)+IF('Standard Profiles'!$G$22=$B$10,7,0)+IF('Standard Profiles'!$G$22=$B$17,14,0)+IF('Standard Profiles'!$G$22=$B$24,21,0),0)),0)</f>
        <v>0</v>
      </c>
      <c r="I993">
        <f t="shared" si="118"/>
        <v>5.9914330168646082</v>
      </c>
      <c r="J993">
        <f t="shared" si="119"/>
        <v>20.413401561050129</v>
      </c>
      <c r="K993">
        <f t="shared" si="120"/>
        <v>0.68118842224239728</v>
      </c>
      <c r="L993">
        <f t="shared" si="121"/>
        <v>0.34059421112119864</v>
      </c>
      <c r="M993">
        <f t="shared" si="122"/>
        <v>0</v>
      </c>
      <c r="N993" s="45">
        <f t="shared" si="123"/>
        <v>44966.958333331007</v>
      </c>
    </row>
    <row r="994" spans="2:14" x14ac:dyDescent="0.25">
      <c r="B994">
        <f t="shared" si="117"/>
        <v>5</v>
      </c>
      <c r="C994" s="16">
        <v>960</v>
      </c>
      <c r="D994" cm="1">
        <f t="array" ref="D994">IFERROR(INDEX(Jesper!AH$2:AH$366,ROUNDDOWN($C994/24,0)+1,1)*INDEX($D$3:$AA$30,INDEX(Jesper!$R$2:$R$366,ROW(INDEX(Jesper!AH$2:AH$366,ROUNDDOWN($C994/24,0)+1,1))-1)+IF('Standard Profiles'!$G$18=$B$10,7,0)+IF('Standard Profiles'!$G$18=$B$17,14,0)+IF('Standard Profiles'!$G$18=$B$24,21,0),MOD($C994,24)+1)/SUM(INDEX($D$3:$AA$30,INDEX(Jesper!$R$2:$R$366,ROW(INDEX(Jesper!AH$2:AH$366,ROUNDDOWN($C994/24,0)+1,1))-1)+IF('Standard Profiles'!$G$18=$B$10,7,0)+IF('Standard Profiles'!$G$18=$B$17,14,0)+IF('Standard Profiles'!$G$18=$B$24,21,0),0)),0)</f>
        <v>9.5383268572925353</v>
      </c>
      <c r="E994" cm="1">
        <f t="array" ref="E994">IFERROR(INDEX(Jesper!AI$2:AI$366,ROUNDDOWN($C994/24,0)+1,1)*INDEX($D$3:$AA$30,INDEX(Jesper!$R$2:$R$366,ROW(INDEX(Jesper!AI$2:AI$366,ROUNDDOWN($C994/24,0)+1,1))-1)+IF('Standard Profiles'!$G$19=$B$10,7,0)+IF('Standard Profiles'!$G$19=$B$17,14,0)+IF('Standard Profiles'!$G$19=$B$24,21,0),MOD($C994,24)+1)/SUM(INDEX($D$3:$AA$30,INDEX(Jesper!$R$2:$R$366,ROW(INDEX(Jesper!AI$2:AI$366,ROUNDDOWN($C994/24,0)+1,1))-1)+IF('Standard Profiles'!$G$19=$B$10,7,0)+IF('Standard Profiles'!$G$19=$B$17,14,0)+IF('Standard Profiles'!$G$19=$B$24,21,0),0)),0)</f>
        <v>12.231701173466076</v>
      </c>
      <c r="F994" cm="1">
        <f t="array" ref="F994">IFERROR(INDEX(Jesper!AJ$2:AJ$366,ROUNDDOWN($C994/24,0)+1,1)*INDEX($D$3:$AA$30,INDEX(Jesper!$R$2:$R$366,ROW(INDEX(Jesper!AJ$2:AJ$366,ROUNDDOWN($C994/24,0)+1,1))-1)+IF('Standard Profiles'!$G$20=$B$10,7,0)+IF('Standard Profiles'!$G$20=$B$17,14,0)+IF('Standard Profiles'!$G$20=$B$24,21,0),MOD($C994,24)+1)/SUM(INDEX($D$3:$AA$30,INDEX(Jesper!$R$2:$R$366,ROW(INDEX(Jesper!AJ$2:AJ$366,ROUNDDOWN($C994/24,0)+1,1))-1)+IF('Standard Profiles'!$G$20=$B$10,7,0)+IF('Standard Profiles'!$G$20=$B$17,14,0)+IF('Standard Profiles'!$G$20=$B$24,21,0),0)),0)</f>
        <v>0</v>
      </c>
      <c r="G994" cm="1">
        <f t="array" ref="G994">IFERROR(INDEX(Jesper!AK$2:AK$366,ROUNDDOWN($C994/24,0)+1,1)*INDEX($D$3:$AA$30,INDEX(Jesper!$R$2:$R$366,ROW(INDEX(Jesper!AK$2:AK$366,ROUNDDOWN($C994/24,0)+1,1))-1)+IF('Standard Profiles'!$G$21=$B$10,7,0)+IF('Standard Profiles'!$G$21=$B$17,14,0)+IF('Standard Profiles'!$G$21=$B$24,21,0),MOD($C994,24)+1)/SUM(INDEX($D$3:$AA$30,INDEX(Jesper!$R$2:$R$366,ROW(INDEX(Jesper!AK$2:AK$366,ROUNDDOWN($C994/24,0)+1,1))-1)+IF('Standard Profiles'!$G$21=$B$10,7,0)+IF('Standard Profiles'!$G$21=$B$17,14,0)+IF('Standard Profiles'!$G$21=$B$24,21,0),0)),0)</f>
        <v>10.65807040998363</v>
      </c>
      <c r="H994" cm="1">
        <f t="array" ref="H994">IFERROR(INDEX(Jesper!AL$2:AL$366,ROUNDDOWN($C994/24,0)+1,1)*INDEX($D$3:$AA$30,INDEX(Jesper!$R$2:$R$366,ROW(INDEX(Jesper!AL$2:AL$366,ROUNDDOWN($C994/24,0)+1,1))-1)+IF('Standard Profiles'!$G$22=$B$10,7,0)+IF('Standard Profiles'!$G$22=$B$17,14,0)+IF('Standard Profiles'!$G$22=$B$24,21,0),MOD($C994,24)+1)/SUM(INDEX($D$3:$AA$30,INDEX(Jesper!$R$2:$R$366,ROW(INDEX(Jesper!AL$2:AL$366,ROUNDDOWN($C994/24,0)+1,1))-1)+IF('Standard Profiles'!$G$22=$B$10,7,0)+IF('Standard Profiles'!$G$22=$B$17,14,0)+IF('Standard Profiles'!$G$22=$B$24,21,0),0)),0)</f>
        <v>0</v>
      </c>
      <c r="I994">
        <f t="shared" si="118"/>
        <v>5.1158737967921395</v>
      </c>
      <c r="J994">
        <f t="shared" si="119"/>
        <v>25.786092346783295</v>
      </c>
      <c r="K994">
        <f t="shared" si="120"/>
        <v>1.0174215314445372</v>
      </c>
      <c r="L994">
        <f t="shared" si="121"/>
        <v>0.50871076572226859</v>
      </c>
      <c r="M994">
        <f t="shared" si="122"/>
        <v>0</v>
      </c>
      <c r="N994" s="45">
        <f t="shared" si="123"/>
        <v>44966.999999997672</v>
      </c>
    </row>
    <row r="995" spans="2:14" x14ac:dyDescent="0.25">
      <c r="B995">
        <f t="shared" ref="B995:B1058" si="124">WEEKDAY(N995,2)</f>
        <v>5</v>
      </c>
      <c r="C995" s="16">
        <v>961</v>
      </c>
      <c r="D995" cm="1">
        <f t="array" ref="D995">IFERROR(INDEX(Jesper!AH$2:AH$366,ROUNDDOWN($C995/24,0)+1,1)*INDEX($D$3:$AA$30,INDEX(Jesper!$R$2:$R$366,ROW(INDEX(Jesper!AH$2:AH$366,ROUNDDOWN($C995/24,0)+1,1))-1)+IF('Standard Profiles'!$G$18=$B$10,7,0)+IF('Standard Profiles'!$G$18=$B$17,14,0)+IF('Standard Profiles'!$G$18=$B$24,21,0),MOD($C995,24)+1)/SUM(INDEX($D$3:$AA$30,INDEX(Jesper!$R$2:$R$366,ROW(INDEX(Jesper!AH$2:AH$366,ROUNDDOWN($C995/24,0)+1,1))-1)+IF('Standard Profiles'!$G$18=$B$10,7,0)+IF('Standard Profiles'!$G$18=$B$17,14,0)+IF('Standard Profiles'!$G$18=$B$24,21,0),0)),0)</f>
        <v>5.7808041559348702</v>
      </c>
      <c r="E995" cm="1">
        <f t="array" ref="E995">IFERROR(INDEX(Jesper!AI$2:AI$366,ROUNDDOWN($C995/24,0)+1,1)*INDEX($D$3:$AA$30,INDEX(Jesper!$R$2:$R$366,ROW(INDEX(Jesper!AI$2:AI$366,ROUNDDOWN($C995/24,0)+1,1))-1)+IF('Standard Profiles'!$G$19=$B$10,7,0)+IF('Standard Profiles'!$G$19=$B$17,14,0)+IF('Standard Profiles'!$G$19=$B$24,21,0),MOD($C995,24)+1)/SUM(INDEX($D$3:$AA$30,INDEX(Jesper!$R$2:$R$366,ROW(INDEX(Jesper!AI$2:AI$366,ROUNDDOWN($C995/24,0)+1,1))-1)+IF('Standard Profiles'!$G$19=$B$10,7,0)+IF('Standard Profiles'!$G$19=$B$17,14,0)+IF('Standard Profiles'!$G$19=$B$24,21,0),0)),0)</f>
        <v>7.4131522263430769</v>
      </c>
      <c r="F995" cm="1">
        <f t="array" ref="F995">IFERROR(INDEX(Jesper!AJ$2:AJ$366,ROUNDDOWN($C995/24,0)+1,1)*INDEX($D$3:$AA$30,INDEX(Jesper!$R$2:$R$366,ROW(INDEX(Jesper!AJ$2:AJ$366,ROUNDDOWN($C995/24,0)+1,1))-1)+IF('Standard Profiles'!$G$20=$B$10,7,0)+IF('Standard Profiles'!$G$20=$B$17,14,0)+IF('Standard Profiles'!$G$20=$B$24,21,0),MOD($C995,24)+1)/SUM(INDEX($D$3:$AA$30,INDEX(Jesper!$R$2:$R$366,ROW(INDEX(Jesper!AJ$2:AJ$366,ROUNDDOWN($C995/24,0)+1,1))-1)+IF('Standard Profiles'!$G$20=$B$10,7,0)+IF('Standard Profiles'!$G$20=$B$17,14,0)+IF('Standard Profiles'!$G$20=$B$24,21,0),0)),0)</f>
        <v>0</v>
      </c>
      <c r="G995" cm="1">
        <f t="array" ref="G995">IFERROR(INDEX(Jesper!AK$2:AK$366,ROUNDDOWN($C995/24,0)+1,1)*INDEX($D$3:$AA$30,INDEX(Jesper!$R$2:$R$366,ROW(INDEX(Jesper!AK$2:AK$366,ROUNDDOWN($C995/24,0)+1,1))-1)+IF('Standard Profiles'!$G$21=$B$10,7,0)+IF('Standard Profiles'!$G$21=$B$17,14,0)+IF('Standard Profiles'!$G$21=$B$24,21,0),MOD($C995,24)+1)/SUM(INDEX($D$3:$AA$30,INDEX(Jesper!$R$2:$R$366,ROW(INDEX(Jesper!AK$2:AK$366,ROUNDDOWN($C995/24,0)+1,1))-1)+IF('Standard Profiles'!$G$21=$B$10,7,0)+IF('Standard Profiles'!$G$21=$B$17,14,0)+IF('Standard Profiles'!$G$21=$B$24,21,0),0)),0)</f>
        <v>10.65807040998363</v>
      </c>
      <c r="H995" cm="1">
        <f t="array" ref="H995">IFERROR(INDEX(Jesper!AL$2:AL$366,ROUNDDOWN($C995/24,0)+1,1)*INDEX($D$3:$AA$30,INDEX(Jesper!$R$2:$R$366,ROW(INDEX(Jesper!AL$2:AL$366,ROUNDDOWN($C995/24,0)+1,1))-1)+IF('Standard Profiles'!$G$22=$B$10,7,0)+IF('Standard Profiles'!$G$22=$B$17,14,0)+IF('Standard Profiles'!$G$22=$B$24,21,0),MOD($C995,24)+1)/SUM(INDEX($D$3:$AA$30,INDEX(Jesper!$R$2:$R$366,ROW(INDEX(Jesper!AL$2:AL$366,ROUNDDOWN($C995/24,0)+1,1))-1)+IF('Standard Profiles'!$G$22=$B$10,7,0)+IF('Standard Profiles'!$G$22=$B$17,14,0)+IF('Standard Profiles'!$G$22=$B$24,21,0),0)),0)</f>
        <v>0</v>
      </c>
      <c r="I995">
        <f t="shared" ref="I995:I1058" si="125">IF($B995&lt;6,AC$37*$D995+AC$38*$E995+AC$39*$F995+AC$40*$G995,AC$46*$D995+AC$47*$E995+AC$48*$F995+AC$49*$G995+AC$50*$H995)</f>
        <v>5.1158737967921395</v>
      </c>
      <c r="J995">
        <f t="shared" ref="J995:J1058" si="126">IF($B995&lt;6,AD$37*$D995+AD$38*$E995+AD$39*$F995+AD$40*$G995,AD$46*$D995+AD$47*$E995+AD$48*$F995+AD$49*$G995+AD$50*$H995)</f>
        <v>17.811224330519856</v>
      </c>
      <c r="K995">
        <f t="shared" ref="K995:K1058" si="127">IF($B995&lt;6,AE$37*$D995+AE$38*$E995+AE$39*$F995+AE$40*$G995,AE$46*$D995+AE$47*$E995+AE$48*$F995+AE$49*$G995+AE$50*$H995)</f>
        <v>0.61661910996638625</v>
      </c>
      <c r="L995">
        <f t="shared" ref="L995:L1058" si="128">IF($B995&lt;6,AF$37*$D995+AF$38*$E995+AF$39*$F995+AF$40*$G995,AF$46*$D995+AF$47*$E995+AF$48*$F995+AF$49*$G995+AF$50*$H995)</f>
        <v>0.30830955498319312</v>
      </c>
      <c r="M995">
        <f t="shared" ref="M995:M1058" si="129">IF($B995&lt;6,AG$37*$D995+AG$38*$E995+AG$39*$F995+AG$40*$G995,AG$46*$D995+AG$47*$E995+AG$48*$F995+AG$49*$G995+AG$50*$H995)</f>
        <v>0</v>
      </c>
      <c r="N995" s="45">
        <f t="shared" si="123"/>
        <v>44967.041666664336</v>
      </c>
    </row>
    <row r="996" spans="2:14" x14ac:dyDescent="0.25">
      <c r="B996">
        <f t="shared" si="124"/>
        <v>5</v>
      </c>
      <c r="C996" s="16">
        <v>962</v>
      </c>
      <c r="D996" cm="1">
        <f t="array" ref="D996">IFERROR(INDEX(Jesper!AH$2:AH$366,ROUNDDOWN($C996/24,0)+1,1)*INDEX($D$3:$AA$30,INDEX(Jesper!$R$2:$R$366,ROW(INDEX(Jesper!AH$2:AH$366,ROUNDDOWN($C996/24,0)+1,1))-1)+IF('Standard Profiles'!$G$18=$B$10,7,0)+IF('Standard Profiles'!$G$18=$B$17,14,0)+IF('Standard Profiles'!$G$18=$B$24,21,0),MOD($C996,24)+1)/SUM(INDEX($D$3:$AA$30,INDEX(Jesper!$R$2:$R$366,ROW(INDEX(Jesper!AH$2:AH$366,ROUNDDOWN($C996/24,0)+1,1))-1)+IF('Standard Profiles'!$G$18=$B$10,7,0)+IF('Standard Profiles'!$G$18=$B$17,14,0)+IF('Standard Profiles'!$G$18=$B$24,21,0),0)),0)</f>
        <v>5.7808041559348702</v>
      </c>
      <c r="E996" cm="1">
        <f t="array" ref="E996">IFERROR(INDEX(Jesper!AI$2:AI$366,ROUNDDOWN($C996/24,0)+1,1)*INDEX($D$3:$AA$30,INDEX(Jesper!$R$2:$R$366,ROW(INDEX(Jesper!AI$2:AI$366,ROUNDDOWN($C996/24,0)+1,1))-1)+IF('Standard Profiles'!$G$19=$B$10,7,0)+IF('Standard Profiles'!$G$19=$B$17,14,0)+IF('Standard Profiles'!$G$19=$B$24,21,0),MOD($C996,24)+1)/SUM(INDEX($D$3:$AA$30,INDEX(Jesper!$R$2:$R$366,ROW(INDEX(Jesper!AI$2:AI$366,ROUNDDOWN($C996/24,0)+1,1))-1)+IF('Standard Profiles'!$G$19=$B$10,7,0)+IF('Standard Profiles'!$G$19=$B$17,14,0)+IF('Standard Profiles'!$G$19=$B$24,21,0),0)),0)</f>
        <v>7.4131522263430769</v>
      </c>
      <c r="F996" cm="1">
        <f t="array" ref="F996">IFERROR(INDEX(Jesper!AJ$2:AJ$366,ROUNDDOWN($C996/24,0)+1,1)*INDEX($D$3:$AA$30,INDEX(Jesper!$R$2:$R$366,ROW(INDEX(Jesper!AJ$2:AJ$366,ROUNDDOWN($C996/24,0)+1,1))-1)+IF('Standard Profiles'!$G$20=$B$10,7,0)+IF('Standard Profiles'!$G$20=$B$17,14,0)+IF('Standard Profiles'!$G$20=$B$24,21,0),MOD($C996,24)+1)/SUM(INDEX($D$3:$AA$30,INDEX(Jesper!$R$2:$R$366,ROW(INDEX(Jesper!AJ$2:AJ$366,ROUNDDOWN($C996/24,0)+1,1))-1)+IF('Standard Profiles'!$G$20=$B$10,7,0)+IF('Standard Profiles'!$G$20=$B$17,14,0)+IF('Standard Profiles'!$G$20=$B$24,21,0),0)),0)</f>
        <v>0</v>
      </c>
      <c r="G996" cm="1">
        <f t="array" ref="G996">IFERROR(INDEX(Jesper!AK$2:AK$366,ROUNDDOWN($C996/24,0)+1,1)*INDEX($D$3:$AA$30,INDEX(Jesper!$R$2:$R$366,ROW(INDEX(Jesper!AK$2:AK$366,ROUNDDOWN($C996/24,0)+1,1))-1)+IF('Standard Profiles'!$G$21=$B$10,7,0)+IF('Standard Profiles'!$G$21=$B$17,14,0)+IF('Standard Profiles'!$G$21=$B$24,21,0),MOD($C996,24)+1)/SUM(INDEX($D$3:$AA$30,INDEX(Jesper!$R$2:$R$366,ROW(INDEX(Jesper!AK$2:AK$366,ROUNDDOWN($C996/24,0)+1,1))-1)+IF('Standard Profiles'!$G$21=$B$10,7,0)+IF('Standard Profiles'!$G$21=$B$17,14,0)+IF('Standard Profiles'!$G$21=$B$24,21,0),0)),0)</f>
        <v>10.65807040998363</v>
      </c>
      <c r="H996" cm="1">
        <f t="array" ref="H996">IFERROR(INDEX(Jesper!AL$2:AL$366,ROUNDDOWN($C996/24,0)+1,1)*INDEX($D$3:$AA$30,INDEX(Jesper!$R$2:$R$366,ROW(INDEX(Jesper!AL$2:AL$366,ROUNDDOWN($C996/24,0)+1,1))-1)+IF('Standard Profiles'!$G$22=$B$10,7,0)+IF('Standard Profiles'!$G$22=$B$17,14,0)+IF('Standard Profiles'!$G$22=$B$24,21,0),MOD($C996,24)+1)/SUM(INDEX($D$3:$AA$30,INDEX(Jesper!$R$2:$R$366,ROW(INDEX(Jesper!AL$2:AL$366,ROUNDDOWN($C996/24,0)+1,1))-1)+IF('Standard Profiles'!$G$22=$B$10,7,0)+IF('Standard Profiles'!$G$22=$B$17,14,0)+IF('Standard Profiles'!$G$22=$B$24,21,0),0)),0)</f>
        <v>0</v>
      </c>
      <c r="I996">
        <f t="shared" si="125"/>
        <v>5.1158737967921395</v>
      </c>
      <c r="J996">
        <f t="shared" si="126"/>
        <v>17.811224330519856</v>
      </c>
      <c r="K996">
        <f t="shared" si="127"/>
        <v>0.61661910996638625</v>
      </c>
      <c r="L996">
        <f t="shared" si="128"/>
        <v>0.30830955498319312</v>
      </c>
      <c r="M996">
        <f t="shared" si="129"/>
        <v>0</v>
      </c>
      <c r="N996" s="45">
        <f t="shared" ref="N996:N1059" si="130">N995+1/24</f>
        <v>44967.083333331</v>
      </c>
    </row>
    <row r="997" spans="2:14" x14ac:dyDescent="0.25">
      <c r="B997">
        <f t="shared" si="124"/>
        <v>5</v>
      </c>
      <c r="C997" s="16">
        <v>963</v>
      </c>
      <c r="D997" cm="1">
        <f t="array" ref="D997">IFERROR(INDEX(Jesper!AH$2:AH$366,ROUNDDOWN($C997/24,0)+1,1)*INDEX($D$3:$AA$30,INDEX(Jesper!$R$2:$R$366,ROW(INDEX(Jesper!AH$2:AH$366,ROUNDDOWN($C997/24,0)+1,1))-1)+IF('Standard Profiles'!$G$18=$B$10,7,0)+IF('Standard Profiles'!$G$18=$B$17,14,0)+IF('Standard Profiles'!$G$18=$B$24,21,0),MOD($C997,24)+1)/SUM(INDEX($D$3:$AA$30,INDEX(Jesper!$R$2:$R$366,ROW(INDEX(Jesper!AH$2:AH$366,ROUNDDOWN($C997/24,0)+1,1))-1)+IF('Standard Profiles'!$G$18=$B$10,7,0)+IF('Standard Profiles'!$G$18=$B$17,14,0)+IF('Standard Profiles'!$G$18=$B$24,21,0),0)),0)</f>
        <v>5.7808041559348702</v>
      </c>
      <c r="E997" cm="1">
        <f t="array" ref="E997">IFERROR(INDEX(Jesper!AI$2:AI$366,ROUNDDOWN($C997/24,0)+1,1)*INDEX($D$3:$AA$30,INDEX(Jesper!$R$2:$R$366,ROW(INDEX(Jesper!AI$2:AI$366,ROUNDDOWN($C997/24,0)+1,1))-1)+IF('Standard Profiles'!$G$19=$B$10,7,0)+IF('Standard Profiles'!$G$19=$B$17,14,0)+IF('Standard Profiles'!$G$19=$B$24,21,0),MOD($C997,24)+1)/SUM(INDEX($D$3:$AA$30,INDEX(Jesper!$R$2:$R$366,ROW(INDEX(Jesper!AI$2:AI$366,ROUNDDOWN($C997/24,0)+1,1))-1)+IF('Standard Profiles'!$G$19=$B$10,7,0)+IF('Standard Profiles'!$G$19=$B$17,14,0)+IF('Standard Profiles'!$G$19=$B$24,21,0),0)),0)</f>
        <v>7.4131522263430769</v>
      </c>
      <c r="F997" cm="1">
        <f t="array" ref="F997">IFERROR(INDEX(Jesper!AJ$2:AJ$366,ROUNDDOWN($C997/24,0)+1,1)*INDEX($D$3:$AA$30,INDEX(Jesper!$R$2:$R$366,ROW(INDEX(Jesper!AJ$2:AJ$366,ROUNDDOWN($C997/24,0)+1,1))-1)+IF('Standard Profiles'!$G$20=$B$10,7,0)+IF('Standard Profiles'!$G$20=$B$17,14,0)+IF('Standard Profiles'!$G$20=$B$24,21,0),MOD($C997,24)+1)/SUM(INDEX($D$3:$AA$30,INDEX(Jesper!$R$2:$R$366,ROW(INDEX(Jesper!AJ$2:AJ$366,ROUNDDOWN($C997/24,0)+1,1))-1)+IF('Standard Profiles'!$G$20=$B$10,7,0)+IF('Standard Profiles'!$G$20=$B$17,14,0)+IF('Standard Profiles'!$G$20=$B$24,21,0),0)),0)</f>
        <v>0</v>
      </c>
      <c r="G997" cm="1">
        <f t="array" ref="G997">IFERROR(INDEX(Jesper!AK$2:AK$366,ROUNDDOWN($C997/24,0)+1,1)*INDEX($D$3:$AA$30,INDEX(Jesper!$R$2:$R$366,ROW(INDEX(Jesper!AK$2:AK$366,ROUNDDOWN($C997/24,0)+1,1))-1)+IF('Standard Profiles'!$G$21=$B$10,7,0)+IF('Standard Profiles'!$G$21=$B$17,14,0)+IF('Standard Profiles'!$G$21=$B$24,21,0),MOD($C997,24)+1)/SUM(INDEX($D$3:$AA$30,INDEX(Jesper!$R$2:$R$366,ROW(INDEX(Jesper!AK$2:AK$366,ROUNDDOWN($C997/24,0)+1,1))-1)+IF('Standard Profiles'!$G$21=$B$10,7,0)+IF('Standard Profiles'!$G$21=$B$17,14,0)+IF('Standard Profiles'!$G$21=$B$24,21,0),0)),0)</f>
        <v>10.65807040998363</v>
      </c>
      <c r="H997" cm="1">
        <f t="array" ref="H997">IFERROR(INDEX(Jesper!AL$2:AL$366,ROUNDDOWN($C997/24,0)+1,1)*INDEX($D$3:$AA$30,INDEX(Jesper!$R$2:$R$366,ROW(INDEX(Jesper!AL$2:AL$366,ROUNDDOWN($C997/24,0)+1,1))-1)+IF('Standard Profiles'!$G$22=$B$10,7,0)+IF('Standard Profiles'!$G$22=$B$17,14,0)+IF('Standard Profiles'!$G$22=$B$24,21,0),MOD($C997,24)+1)/SUM(INDEX($D$3:$AA$30,INDEX(Jesper!$R$2:$R$366,ROW(INDEX(Jesper!AL$2:AL$366,ROUNDDOWN($C997/24,0)+1,1))-1)+IF('Standard Profiles'!$G$22=$B$10,7,0)+IF('Standard Profiles'!$G$22=$B$17,14,0)+IF('Standard Profiles'!$G$22=$B$24,21,0),0)),0)</f>
        <v>0</v>
      </c>
      <c r="I997">
        <f t="shared" si="125"/>
        <v>5.1158737967921395</v>
      </c>
      <c r="J997">
        <f t="shared" si="126"/>
        <v>17.811224330519856</v>
      </c>
      <c r="K997">
        <f t="shared" si="127"/>
        <v>0.61661910996638625</v>
      </c>
      <c r="L997">
        <f t="shared" si="128"/>
        <v>0.30830955498319312</v>
      </c>
      <c r="M997">
        <f t="shared" si="129"/>
        <v>0</v>
      </c>
      <c r="N997" s="45">
        <f t="shared" si="130"/>
        <v>44967.124999997664</v>
      </c>
    </row>
    <row r="998" spans="2:14" x14ac:dyDescent="0.25">
      <c r="B998">
        <f t="shared" si="124"/>
        <v>5</v>
      </c>
      <c r="C998" s="16">
        <v>964</v>
      </c>
      <c r="D998" cm="1">
        <f t="array" ref="D998">IFERROR(INDEX(Jesper!AH$2:AH$366,ROUNDDOWN($C998/24,0)+1,1)*INDEX($D$3:$AA$30,INDEX(Jesper!$R$2:$R$366,ROW(INDEX(Jesper!AH$2:AH$366,ROUNDDOWN($C998/24,0)+1,1))-1)+IF('Standard Profiles'!$G$18=$B$10,7,0)+IF('Standard Profiles'!$G$18=$B$17,14,0)+IF('Standard Profiles'!$G$18=$B$24,21,0),MOD($C998,24)+1)/SUM(INDEX($D$3:$AA$30,INDEX(Jesper!$R$2:$R$366,ROW(INDEX(Jesper!AH$2:AH$366,ROUNDDOWN($C998/24,0)+1,1))-1)+IF('Standard Profiles'!$G$18=$B$10,7,0)+IF('Standard Profiles'!$G$18=$B$17,14,0)+IF('Standard Profiles'!$G$18=$B$24,21,0),0)),0)</f>
        <v>5.7808041559348702</v>
      </c>
      <c r="E998" cm="1">
        <f t="array" ref="E998">IFERROR(INDEX(Jesper!AI$2:AI$366,ROUNDDOWN($C998/24,0)+1,1)*INDEX($D$3:$AA$30,INDEX(Jesper!$R$2:$R$366,ROW(INDEX(Jesper!AI$2:AI$366,ROUNDDOWN($C998/24,0)+1,1))-1)+IF('Standard Profiles'!$G$19=$B$10,7,0)+IF('Standard Profiles'!$G$19=$B$17,14,0)+IF('Standard Profiles'!$G$19=$B$24,21,0),MOD($C998,24)+1)/SUM(INDEX($D$3:$AA$30,INDEX(Jesper!$R$2:$R$366,ROW(INDEX(Jesper!AI$2:AI$366,ROUNDDOWN($C998/24,0)+1,1))-1)+IF('Standard Profiles'!$G$19=$B$10,7,0)+IF('Standard Profiles'!$G$19=$B$17,14,0)+IF('Standard Profiles'!$G$19=$B$24,21,0),0)),0)</f>
        <v>7.4131522263430769</v>
      </c>
      <c r="F998" cm="1">
        <f t="array" ref="F998">IFERROR(INDEX(Jesper!AJ$2:AJ$366,ROUNDDOWN($C998/24,0)+1,1)*INDEX($D$3:$AA$30,INDEX(Jesper!$R$2:$R$366,ROW(INDEX(Jesper!AJ$2:AJ$366,ROUNDDOWN($C998/24,0)+1,1))-1)+IF('Standard Profiles'!$G$20=$B$10,7,0)+IF('Standard Profiles'!$G$20=$B$17,14,0)+IF('Standard Profiles'!$G$20=$B$24,21,0),MOD($C998,24)+1)/SUM(INDEX($D$3:$AA$30,INDEX(Jesper!$R$2:$R$366,ROW(INDEX(Jesper!AJ$2:AJ$366,ROUNDDOWN($C998/24,0)+1,1))-1)+IF('Standard Profiles'!$G$20=$B$10,7,0)+IF('Standard Profiles'!$G$20=$B$17,14,0)+IF('Standard Profiles'!$G$20=$B$24,21,0),0)),0)</f>
        <v>0</v>
      </c>
      <c r="G998" cm="1">
        <f t="array" ref="G998">IFERROR(INDEX(Jesper!AK$2:AK$366,ROUNDDOWN($C998/24,0)+1,1)*INDEX($D$3:$AA$30,INDEX(Jesper!$R$2:$R$366,ROW(INDEX(Jesper!AK$2:AK$366,ROUNDDOWN($C998/24,0)+1,1))-1)+IF('Standard Profiles'!$G$21=$B$10,7,0)+IF('Standard Profiles'!$G$21=$B$17,14,0)+IF('Standard Profiles'!$G$21=$B$24,21,0),MOD($C998,24)+1)/SUM(INDEX($D$3:$AA$30,INDEX(Jesper!$R$2:$R$366,ROW(INDEX(Jesper!AK$2:AK$366,ROUNDDOWN($C998/24,0)+1,1))-1)+IF('Standard Profiles'!$G$21=$B$10,7,0)+IF('Standard Profiles'!$G$21=$B$17,14,0)+IF('Standard Profiles'!$G$21=$B$24,21,0),0)),0)</f>
        <v>10.65807040998363</v>
      </c>
      <c r="H998" cm="1">
        <f t="array" ref="H998">IFERROR(INDEX(Jesper!AL$2:AL$366,ROUNDDOWN($C998/24,0)+1,1)*INDEX($D$3:$AA$30,INDEX(Jesper!$R$2:$R$366,ROW(INDEX(Jesper!AL$2:AL$366,ROUNDDOWN($C998/24,0)+1,1))-1)+IF('Standard Profiles'!$G$22=$B$10,7,0)+IF('Standard Profiles'!$G$22=$B$17,14,0)+IF('Standard Profiles'!$G$22=$B$24,21,0),MOD($C998,24)+1)/SUM(INDEX($D$3:$AA$30,INDEX(Jesper!$R$2:$R$366,ROW(INDEX(Jesper!AL$2:AL$366,ROUNDDOWN($C998/24,0)+1,1))-1)+IF('Standard Profiles'!$G$22=$B$10,7,0)+IF('Standard Profiles'!$G$22=$B$17,14,0)+IF('Standard Profiles'!$G$22=$B$24,21,0),0)),0)</f>
        <v>0</v>
      </c>
      <c r="I998">
        <f t="shared" si="125"/>
        <v>5.1158737967921395</v>
      </c>
      <c r="J998">
        <f t="shared" si="126"/>
        <v>17.811224330519856</v>
      </c>
      <c r="K998">
        <f t="shared" si="127"/>
        <v>0.61661910996638625</v>
      </c>
      <c r="L998">
        <f t="shared" si="128"/>
        <v>0.30830955498319312</v>
      </c>
      <c r="M998">
        <f t="shared" si="129"/>
        <v>0</v>
      </c>
      <c r="N998" s="45">
        <f t="shared" si="130"/>
        <v>44967.166666664329</v>
      </c>
    </row>
    <row r="999" spans="2:14" x14ac:dyDescent="0.25">
      <c r="B999">
        <f t="shared" si="124"/>
        <v>5</v>
      </c>
      <c r="C999" s="16">
        <v>965</v>
      </c>
      <c r="D999" cm="1">
        <f t="array" ref="D999">IFERROR(INDEX(Jesper!AH$2:AH$366,ROUNDDOWN($C999/24,0)+1,1)*INDEX($D$3:$AA$30,INDEX(Jesper!$R$2:$R$366,ROW(INDEX(Jesper!AH$2:AH$366,ROUNDDOWN($C999/24,0)+1,1))-1)+IF('Standard Profiles'!$G$18=$B$10,7,0)+IF('Standard Profiles'!$G$18=$B$17,14,0)+IF('Standard Profiles'!$G$18=$B$24,21,0),MOD($C999,24)+1)/SUM(INDEX($D$3:$AA$30,INDEX(Jesper!$R$2:$R$366,ROW(INDEX(Jesper!AH$2:AH$366,ROUNDDOWN($C999/24,0)+1,1))-1)+IF('Standard Profiles'!$G$18=$B$10,7,0)+IF('Standard Profiles'!$G$18=$B$17,14,0)+IF('Standard Profiles'!$G$18=$B$24,21,0),0)),0)</f>
        <v>5.7808041559348702</v>
      </c>
      <c r="E999" cm="1">
        <f t="array" ref="E999">IFERROR(INDEX(Jesper!AI$2:AI$366,ROUNDDOWN($C999/24,0)+1,1)*INDEX($D$3:$AA$30,INDEX(Jesper!$R$2:$R$366,ROW(INDEX(Jesper!AI$2:AI$366,ROUNDDOWN($C999/24,0)+1,1))-1)+IF('Standard Profiles'!$G$19=$B$10,7,0)+IF('Standard Profiles'!$G$19=$B$17,14,0)+IF('Standard Profiles'!$G$19=$B$24,21,0),MOD($C999,24)+1)/SUM(INDEX($D$3:$AA$30,INDEX(Jesper!$R$2:$R$366,ROW(INDEX(Jesper!AI$2:AI$366,ROUNDDOWN($C999/24,0)+1,1))-1)+IF('Standard Profiles'!$G$19=$B$10,7,0)+IF('Standard Profiles'!$G$19=$B$17,14,0)+IF('Standard Profiles'!$G$19=$B$24,21,0),0)),0)</f>
        <v>7.4131522263430769</v>
      </c>
      <c r="F999" cm="1">
        <f t="array" ref="F999">IFERROR(INDEX(Jesper!AJ$2:AJ$366,ROUNDDOWN($C999/24,0)+1,1)*INDEX($D$3:$AA$30,INDEX(Jesper!$R$2:$R$366,ROW(INDEX(Jesper!AJ$2:AJ$366,ROUNDDOWN($C999/24,0)+1,1))-1)+IF('Standard Profiles'!$G$20=$B$10,7,0)+IF('Standard Profiles'!$G$20=$B$17,14,0)+IF('Standard Profiles'!$G$20=$B$24,21,0),MOD($C999,24)+1)/SUM(INDEX($D$3:$AA$30,INDEX(Jesper!$R$2:$R$366,ROW(INDEX(Jesper!AJ$2:AJ$366,ROUNDDOWN($C999/24,0)+1,1))-1)+IF('Standard Profiles'!$G$20=$B$10,7,0)+IF('Standard Profiles'!$G$20=$B$17,14,0)+IF('Standard Profiles'!$G$20=$B$24,21,0),0)),0)</f>
        <v>0</v>
      </c>
      <c r="G999" cm="1">
        <f t="array" ref="G999">IFERROR(INDEX(Jesper!AK$2:AK$366,ROUNDDOWN($C999/24,0)+1,1)*INDEX($D$3:$AA$30,INDEX(Jesper!$R$2:$R$366,ROW(INDEX(Jesper!AK$2:AK$366,ROUNDDOWN($C999/24,0)+1,1))-1)+IF('Standard Profiles'!$G$21=$B$10,7,0)+IF('Standard Profiles'!$G$21=$B$17,14,0)+IF('Standard Profiles'!$G$21=$B$24,21,0),MOD($C999,24)+1)/SUM(INDEX($D$3:$AA$30,INDEX(Jesper!$R$2:$R$366,ROW(INDEX(Jesper!AK$2:AK$366,ROUNDDOWN($C999/24,0)+1,1))-1)+IF('Standard Profiles'!$G$21=$B$10,7,0)+IF('Standard Profiles'!$G$21=$B$17,14,0)+IF('Standard Profiles'!$G$21=$B$24,21,0),0)),0)</f>
        <v>10.65807040998363</v>
      </c>
      <c r="H999" cm="1">
        <f t="array" ref="H999">IFERROR(INDEX(Jesper!AL$2:AL$366,ROUNDDOWN($C999/24,0)+1,1)*INDEX($D$3:$AA$30,INDEX(Jesper!$R$2:$R$366,ROW(INDEX(Jesper!AL$2:AL$366,ROUNDDOWN($C999/24,0)+1,1))-1)+IF('Standard Profiles'!$G$22=$B$10,7,0)+IF('Standard Profiles'!$G$22=$B$17,14,0)+IF('Standard Profiles'!$G$22=$B$24,21,0),MOD($C999,24)+1)/SUM(INDEX($D$3:$AA$30,INDEX(Jesper!$R$2:$R$366,ROW(INDEX(Jesper!AL$2:AL$366,ROUNDDOWN($C999/24,0)+1,1))-1)+IF('Standard Profiles'!$G$22=$B$10,7,0)+IF('Standard Profiles'!$G$22=$B$17,14,0)+IF('Standard Profiles'!$G$22=$B$24,21,0),0)),0)</f>
        <v>0</v>
      </c>
      <c r="I999">
        <f t="shared" si="125"/>
        <v>5.1158737967921395</v>
      </c>
      <c r="J999">
        <f t="shared" si="126"/>
        <v>17.811224330519856</v>
      </c>
      <c r="K999">
        <f t="shared" si="127"/>
        <v>0.61661910996638625</v>
      </c>
      <c r="L999">
        <f t="shared" si="128"/>
        <v>0.30830955498319312</v>
      </c>
      <c r="M999">
        <f t="shared" si="129"/>
        <v>0</v>
      </c>
      <c r="N999" s="45">
        <f t="shared" si="130"/>
        <v>44967.208333330993</v>
      </c>
    </row>
    <row r="1000" spans="2:14" x14ac:dyDescent="0.25">
      <c r="B1000">
        <f t="shared" si="124"/>
        <v>5</v>
      </c>
      <c r="C1000" s="16">
        <v>966</v>
      </c>
      <c r="D1000" cm="1">
        <f t="array" ref="D1000">IFERROR(INDEX(Jesper!AH$2:AH$366,ROUNDDOWN($C1000/24,0)+1,1)*INDEX($D$3:$AA$30,INDEX(Jesper!$R$2:$R$366,ROW(INDEX(Jesper!AH$2:AH$366,ROUNDDOWN($C1000/24,0)+1,1))-1)+IF('Standard Profiles'!$G$18=$B$10,7,0)+IF('Standard Profiles'!$G$18=$B$17,14,0)+IF('Standard Profiles'!$G$18=$B$24,21,0),MOD($C1000,24)+1)/SUM(INDEX($D$3:$AA$30,INDEX(Jesper!$R$2:$R$366,ROW(INDEX(Jesper!AH$2:AH$366,ROUNDDOWN($C1000/24,0)+1,1))-1)+IF('Standard Profiles'!$G$18=$B$10,7,0)+IF('Standard Profiles'!$G$18=$B$17,14,0)+IF('Standard Profiles'!$G$18=$B$24,21,0),0)),0)</f>
        <v>5.7808041559348702</v>
      </c>
      <c r="E1000" cm="1">
        <f t="array" ref="E1000">IFERROR(INDEX(Jesper!AI$2:AI$366,ROUNDDOWN($C1000/24,0)+1,1)*INDEX($D$3:$AA$30,INDEX(Jesper!$R$2:$R$366,ROW(INDEX(Jesper!AI$2:AI$366,ROUNDDOWN($C1000/24,0)+1,1))-1)+IF('Standard Profiles'!$G$19=$B$10,7,0)+IF('Standard Profiles'!$G$19=$B$17,14,0)+IF('Standard Profiles'!$G$19=$B$24,21,0),MOD($C1000,24)+1)/SUM(INDEX($D$3:$AA$30,INDEX(Jesper!$R$2:$R$366,ROW(INDEX(Jesper!AI$2:AI$366,ROUNDDOWN($C1000/24,0)+1,1))-1)+IF('Standard Profiles'!$G$19=$B$10,7,0)+IF('Standard Profiles'!$G$19=$B$17,14,0)+IF('Standard Profiles'!$G$19=$B$24,21,0),0)),0)</f>
        <v>7.4131522263430769</v>
      </c>
      <c r="F1000" cm="1">
        <f t="array" ref="F1000">IFERROR(INDEX(Jesper!AJ$2:AJ$366,ROUNDDOWN($C1000/24,0)+1,1)*INDEX($D$3:$AA$30,INDEX(Jesper!$R$2:$R$366,ROW(INDEX(Jesper!AJ$2:AJ$366,ROUNDDOWN($C1000/24,0)+1,1))-1)+IF('Standard Profiles'!$G$20=$B$10,7,0)+IF('Standard Profiles'!$G$20=$B$17,14,0)+IF('Standard Profiles'!$G$20=$B$24,21,0),MOD($C1000,24)+1)/SUM(INDEX($D$3:$AA$30,INDEX(Jesper!$R$2:$R$366,ROW(INDEX(Jesper!AJ$2:AJ$366,ROUNDDOWN($C1000/24,0)+1,1))-1)+IF('Standard Profiles'!$G$20=$B$10,7,0)+IF('Standard Profiles'!$G$20=$B$17,14,0)+IF('Standard Profiles'!$G$20=$B$24,21,0),0)),0)</f>
        <v>0</v>
      </c>
      <c r="G1000" cm="1">
        <f t="array" ref="G1000">IFERROR(INDEX(Jesper!AK$2:AK$366,ROUNDDOWN($C1000/24,0)+1,1)*INDEX($D$3:$AA$30,INDEX(Jesper!$R$2:$R$366,ROW(INDEX(Jesper!AK$2:AK$366,ROUNDDOWN($C1000/24,0)+1,1))-1)+IF('Standard Profiles'!$G$21=$B$10,7,0)+IF('Standard Profiles'!$G$21=$B$17,14,0)+IF('Standard Profiles'!$G$21=$B$24,21,0),MOD($C1000,24)+1)/SUM(INDEX($D$3:$AA$30,INDEX(Jesper!$R$2:$R$366,ROW(INDEX(Jesper!AK$2:AK$366,ROUNDDOWN($C1000/24,0)+1,1))-1)+IF('Standard Profiles'!$G$21=$B$10,7,0)+IF('Standard Profiles'!$G$21=$B$17,14,0)+IF('Standard Profiles'!$G$21=$B$24,21,0),0)),0)</f>
        <v>10.65807040998363</v>
      </c>
      <c r="H1000" cm="1">
        <f t="array" ref="H1000">IFERROR(INDEX(Jesper!AL$2:AL$366,ROUNDDOWN($C1000/24,0)+1,1)*INDEX($D$3:$AA$30,INDEX(Jesper!$R$2:$R$366,ROW(INDEX(Jesper!AL$2:AL$366,ROUNDDOWN($C1000/24,0)+1,1))-1)+IF('Standard Profiles'!$G$22=$B$10,7,0)+IF('Standard Profiles'!$G$22=$B$17,14,0)+IF('Standard Profiles'!$G$22=$B$24,21,0),MOD($C1000,24)+1)/SUM(INDEX($D$3:$AA$30,INDEX(Jesper!$R$2:$R$366,ROW(INDEX(Jesper!AL$2:AL$366,ROUNDDOWN($C1000/24,0)+1,1))-1)+IF('Standard Profiles'!$G$22=$B$10,7,0)+IF('Standard Profiles'!$G$22=$B$17,14,0)+IF('Standard Profiles'!$G$22=$B$24,21,0),0)),0)</f>
        <v>0</v>
      </c>
      <c r="I1000">
        <f t="shared" si="125"/>
        <v>5.1158737967921395</v>
      </c>
      <c r="J1000">
        <f t="shared" si="126"/>
        <v>17.811224330519856</v>
      </c>
      <c r="K1000">
        <f t="shared" si="127"/>
        <v>0.61661910996638625</v>
      </c>
      <c r="L1000">
        <f t="shared" si="128"/>
        <v>0.30830955498319312</v>
      </c>
      <c r="M1000">
        <f t="shared" si="129"/>
        <v>0</v>
      </c>
      <c r="N1000" s="45">
        <f t="shared" si="130"/>
        <v>44967.249999997657</v>
      </c>
    </row>
    <row r="1001" spans="2:14" x14ac:dyDescent="0.25">
      <c r="B1001">
        <f t="shared" si="124"/>
        <v>5</v>
      </c>
      <c r="C1001" s="16">
        <v>967</v>
      </c>
      <c r="D1001" cm="1">
        <f t="array" ref="D1001">IFERROR(INDEX(Jesper!AH$2:AH$366,ROUNDDOWN($C1001/24,0)+1,1)*INDEX($D$3:$AA$30,INDEX(Jesper!$R$2:$R$366,ROW(INDEX(Jesper!AH$2:AH$366,ROUNDDOWN($C1001/24,0)+1,1))-1)+IF('Standard Profiles'!$G$18=$B$10,7,0)+IF('Standard Profiles'!$G$18=$B$17,14,0)+IF('Standard Profiles'!$G$18=$B$24,21,0),MOD($C1001,24)+1)/SUM(INDEX($D$3:$AA$30,INDEX(Jesper!$R$2:$R$366,ROW(INDEX(Jesper!AH$2:AH$366,ROUNDDOWN($C1001/24,0)+1,1))-1)+IF('Standard Profiles'!$G$18=$B$10,7,0)+IF('Standard Profiles'!$G$18=$B$17,14,0)+IF('Standard Profiles'!$G$18=$B$24,21,0),0)),0)</f>
        <v>24.626225704282547</v>
      </c>
      <c r="E1001" cm="1">
        <f t="array" ref="E1001">IFERROR(INDEX(Jesper!AI$2:AI$366,ROUNDDOWN($C1001/24,0)+1,1)*INDEX($D$3:$AA$30,INDEX(Jesper!$R$2:$R$366,ROW(INDEX(Jesper!AI$2:AI$366,ROUNDDOWN($C1001/24,0)+1,1))-1)+IF('Standard Profiles'!$G$19=$B$10,7,0)+IF('Standard Profiles'!$G$19=$B$17,14,0)+IF('Standard Profiles'!$G$19=$B$24,21,0),MOD($C1001,24)+1)/SUM(INDEX($D$3:$AA$30,INDEX(Jesper!$R$2:$R$366,ROW(INDEX(Jesper!AI$2:AI$366,ROUNDDOWN($C1001/24,0)+1,1))-1)+IF('Standard Profiles'!$G$19=$B$10,7,0)+IF('Standard Profiles'!$G$19=$B$17,14,0)+IF('Standard Profiles'!$G$19=$B$24,21,0),0)),0)</f>
        <v>31.580028484221508</v>
      </c>
      <c r="F1001" cm="1">
        <f t="array" ref="F1001">IFERROR(INDEX(Jesper!AJ$2:AJ$366,ROUNDDOWN($C1001/24,0)+1,1)*INDEX($D$3:$AA$30,INDEX(Jesper!$R$2:$R$366,ROW(INDEX(Jesper!AJ$2:AJ$366,ROUNDDOWN($C1001/24,0)+1,1))-1)+IF('Standard Profiles'!$G$20=$B$10,7,0)+IF('Standard Profiles'!$G$20=$B$17,14,0)+IF('Standard Profiles'!$G$20=$B$24,21,0),MOD($C1001,24)+1)/SUM(INDEX($D$3:$AA$30,INDEX(Jesper!$R$2:$R$366,ROW(INDEX(Jesper!AJ$2:AJ$366,ROUNDDOWN($C1001/24,0)+1,1))-1)+IF('Standard Profiles'!$G$20=$B$10,7,0)+IF('Standard Profiles'!$G$20=$B$17,14,0)+IF('Standard Profiles'!$G$20=$B$24,21,0),0)),0)</f>
        <v>0</v>
      </c>
      <c r="G1001" cm="1">
        <f t="array" ref="G1001">IFERROR(INDEX(Jesper!AK$2:AK$366,ROUNDDOWN($C1001/24,0)+1,1)*INDEX($D$3:$AA$30,INDEX(Jesper!$R$2:$R$366,ROW(INDEX(Jesper!AK$2:AK$366,ROUNDDOWN($C1001/24,0)+1,1))-1)+IF('Standard Profiles'!$G$21=$B$10,7,0)+IF('Standard Profiles'!$G$21=$B$17,14,0)+IF('Standard Profiles'!$G$21=$B$24,21,0),MOD($C1001,24)+1)/SUM(INDEX($D$3:$AA$30,INDEX(Jesper!$R$2:$R$366,ROW(INDEX(Jesper!AK$2:AK$366,ROUNDDOWN($C1001/24,0)+1,1))-1)+IF('Standard Profiles'!$G$21=$B$10,7,0)+IF('Standard Profiles'!$G$21=$B$17,14,0)+IF('Standard Profiles'!$G$21=$B$24,21,0),0)),0)</f>
        <v>28.879932723826609</v>
      </c>
      <c r="H1001" cm="1">
        <f t="array" ref="H1001">IFERROR(INDEX(Jesper!AL$2:AL$366,ROUNDDOWN($C1001/24,0)+1,1)*INDEX($D$3:$AA$30,INDEX(Jesper!$R$2:$R$366,ROW(INDEX(Jesper!AL$2:AL$366,ROUNDDOWN($C1001/24,0)+1,1))-1)+IF('Standard Profiles'!$G$22=$B$10,7,0)+IF('Standard Profiles'!$G$22=$B$17,14,0)+IF('Standard Profiles'!$G$22=$B$24,21,0),MOD($C1001,24)+1)/SUM(INDEX($D$3:$AA$30,INDEX(Jesper!$R$2:$R$366,ROW(INDEX(Jesper!AL$2:AL$366,ROUNDDOWN($C1001/24,0)+1,1))-1)+IF('Standard Profiles'!$G$22=$B$10,7,0)+IF('Standard Profiles'!$G$22=$B$17,14,0)+IF('Standard Profiles'!$G$22=$B$24,21,0),0)),0)</f>
        <v>0</v>
      </c>
      <c r="I1001">
        <f t="shared" si="125"/>
        <v>13.862367707436766</v>
      </c>
      <c r="J1001">
        <f t="shared" si="126"/>
        <v>67.283623092208686</v>
      </c>
      <c r="K1001">
        <f t="shared" si="127"/>
        <v>2.6267974084568051</v>
      </c>
      <c r="L1001">
        <f t="shared" si="128"/>
        <v>1.3133987042284025</v>
      </c>
      <c r="M1001">
        <f t="shared" si="129"/>
        <v>0</v>
      </c>
      <c r="N1001" s="45">
        <f t="shared" si="130"/>
        <v>44967.291666664321</v>
      </c>
    </row>
    <row r="1002" spans="2:14" x14ac:dyDescent="0.25">
      <c r="B1002">
        <f t="shared" si="124"/>
        <v>5</v>
      </c>
      <c r="C1002" s="16">
        <v>968</v>
      </c>
      <c r="D1002" cm="1">
        <f t="array" ref="D1002">IFERROR(INDEX(Jesper!AH$2:AH$366,ROUNDDOWN($C1002/24,0)+1,1)*INDEX($D$3:$AA$30,INDEX(Jesper!$R$2:$R$366,ROW(INDEX(Jesper!AH$2:AH$366,ROUNDDOWN($C1002/24,0)+1,1))-1)+IF('Standard Profiles'!$G$18=$B$10,7,0)+IF('Standard Profiles'!$G$18=$B$17,14,0)+IF('Standard Profiles'!$G$18=$B$24,21,0),MOD($C1002,24)+1)/SUM(INDEX($D$3:$AA$30,INDEX(Jesper!$R$2:$R$366,ROW(INDEX(Jesper!AH$2:AH$366,ROUNDDOWN($C1002/24,0)+1,1))-1)+IF('Standard Profiles'!$G$18=$B$10,7,0)+IF('Standard Profiles'!$G$18=$B$17,14,0)+IF('Standard Profiles'!$G$18=$B$24,21,0),0)),0)</f>
        <v>30.782782130353183</v>
      </c>
      <c r="E1002" cm="1">
        <f t="array" ref="E1002">IFERROR(INDEX(Jesper!AI$2:AI$366,ROUNDDOWN($C1002/24,0)+1,1)*INDEX($D$3:$AA$30,INDEX(Jesper!$R$2:$R$366,ROW(INDEX(Jesper!AI$2:AI$366,ROUNDDOWN($C1002/24,0)+1,1))-1)+IF('Standard Profiles'!$G$19=$B$10,7,0)+IF('Standard Profiles'!$G$19=$B$17,14,0)+IF('Standard Profiles'!$G$19=$B$24,21,0),MOD($C1002,24)+1)/SUM(INDEX($D$3:$AA$30,INDEX(Jesper!$R$2:$R$366,ROW(INDEX(Jesper!AI$2:AI$366,ROUNDDOWN($C1002/24,0)+1,1))-1)+IF('Standard Profiles'!$G$19=$B$10,7,0)+IF('Standard Profiles'!$G$19=$B$17,14,0)+IF('Standard Profiles'!$G$19=$B$24,21,0),0)),0)</f>
        <v>39.475035605276879</v>
      </c>
      <c r="F1002" cm="1">
        <f t="array" ref="F1002">IFERROR(INDEX(Jesper!AJ$2:AJ$366,ROUNDDOWN($C1002/24,0)+1,1)*INDEX($D$3:$AA$30,INDEX(Jesper!$R$2:$R$366,ROW(INDEX(Jesper!AJ$2:AJ$366,ROUNDDOWN($C1002/24,0)+1,1))-1)+IF('Standard Profiles'!$G$20=$B$10,7,0)+IF('Standard Profiles'!$G$20=$B$17,14,0)+IF('Standard Profiles'!$G$20=$B$24,21,0),MOD($C1002,24)+1)/SUM(INDEX($D$3:$AA$30,INDEX(Jesper!$R$2:$R$366,ROW(INDEX(Jesper!AJ$2:AJ$366,ROUNDDOWN($C1002/24,0)+1,1))-1)+IF('Standard Profiles'!$G$20=$B$10,7,0)+IF('Standard Profiles'!$G$20=$B$17,14,0)+IF('Standard Profiles'!$G$20=$B$24,21,0),0)),0)</f>
        <v>0</v>
      </c>
      <c r="G1002" cm="1">
        <f t="array" ref="G1002">IFERROR(INDEX(Jesper!AK$2:AK$366,ROUNDDOWN($C1002/24,0)+1,1)*INDEX($D$3:$AA$30,INDEX(Jesper!$R$2:$R$366,ROW(INDEX(Jesper!AK$2:AK$366,ROUNDDOWN($C1002/24,0)+1,1))-1)+IF('Standard Profiles'!$G$21=$B$10,7,0)+IF('Standard Profiles'!$G$21=$B$17,14,0)+IF('Standard Profiles'!$G$21=$B$24,21,0),MOD($C1002,24)+1)/SUM(INDEX($D$3:$AA$30,INDEX(Jesper!$R$2:$R$366,ROW(INDEX(Jesper!AK$2:AK$366,ROUNDDOWN($C1002/24,0)+1,1))-1)+IF('Standard Profiles'!$G$21=$B$10,7,0)+IF('Standard Profiles'!$G$21=$B$17,14,0)+IF('Standard Profiles'!$G$21=$B$24,21,0),0)),0)</f>
        <v>36.099915904783259</v>
      </c>
      <c r="H1002" cm="1">
        <f t="array" ref="H1002">IFERROR(INDEX(Jesper!AL$2:AL$366,ROUNDDOWN($C1002/24,0)+1,1)*INDEX($D$3:$AA$30,INDEX(Jesper!$R$2:$R$366,ROW(INDEX(Jesper!AL$2:AL$366,ROUNDDOWN($C1002/24,0)+1,1))-1)+IF('Standard Profiles'!$G$22=$B$10,7,0)+IF('Standard Profiles'!$G$22=$B$17,14,0)+IF('Standard Profiles'!$G$22=$B$24,21,0),MOD($C1002,24)+1)/SUM(INDEX($D$3:$AA$30,INDEX(Jesper!$R$2:$R$366,ROW(INDEX(Jesper!AL$2:AL$366,ROUNDDOWN($C1002/24,0)+1,1))-1)+IF('Standard Profiles'!$G$22=$B$10,7,0)+IF('Standard Profiles'!$G$22=$B$17,14,0)+IF('Standard Profiles'!$G$22=$B$24,21,0),0)),0)</f>
        <v>0</v>
      </c>
      <c r="I1002">
        <f t="shared" si="125"/>
        <v>17.327959634295954</v>
      </c>
      <c r="J1002">
        <f t="shared" si="126"/>
        <v>84.10452886526086</v>
      </c>
      <c r="K1002">
        <f t="shared" si="127"/>
        <v>3.2834967605710066</v>
      </c>
      <c r="L1002">
        <f t="shared" si="128"/>
        <v>1.6417483802855033</v>
      </c>
      <c r="M1002">
        <f t="shared" si="129"/>
        <v>0</v>
      </c>
      <c r="N1002" s="45">
        <f t="shared" si="130"/>
        <v>44967.333333330986</v>
      </c>
    </row>
    <row r="1003" spans="2:14" x14ac:dyDescent="0.25">
      <c r="B1003">
        <f t="shared" si="124"/>
        <v>5</v>
      </c>
      <c r="C1003" s="16">
        <v>969</v>
      </c>
      <c r="D1003" cm="1">
        <f t="array" ref="D1003">IFERROR(INDEX(Jesper!AH$2:AH$366,ROUNDDOWN($C1003/24,0)+1,1)*INDEX($D$3:$AA$30,INDEX(Jesper!$R$2:$R$366,ROW(INDEX(Jesper!AH$2:AH$366,ROUNDDOWN($C1003/24,0)+1,1))-1)+IF('Standard Profiles'!$G$18=$B$10,7,0)+IF('Standard Profiles'!$G$18=$B$17,14,0)+IF('Standard Profiles'!$G$18=$B$24,21,0),MOD($C1003,24)+1)/SUM(INDEX($D$3:$AA$30,INDEX(Jesper!$R$2:$R$366,ROW(INDEX(Jesper!AH$2:AH$366,ROUNDDOWN($C1003/24,0)+1,1))-1)+IF('Standard Profiles'!$G$18=$B$10,7,0)+IF('Standard Profiles'!$G$18=$B$17,14,0)+IF('Standard Profiles'!$G$18=$B$24,21,0),0)),0)</f>
        <v>33.861060343388502</v>
      </c>
      <c r="E1003" cm="1">
        <f t="array" ref="E1003">IFERROR(INDEX(Jesper!AI$2:AI$366,ROUNDDOWN($C1003/24,0)+1,1)*INDEX($D$3:$AA$30,INDEX(Jesper!$R$2:$R$366,ROW(INDEX(Jesper!AI$2:AI$366,ROUNDDOWN($C1003/24,0)+1,1))-1)+IF('Standard Profiles'!$G$19=$B$10,7,0)+IF('Standard Profiles'!$G$19=$B$17,14,0)+IF('Standard Profiles'!$G$19=$B$24,21,0),MOD($C1003,24)+1)/SUM(INDEX($D$3:$AA$30,INDEX(Jesper!$R$2:$R$366,ROW(INDEX(Jesper!AI$2:AI$366,ROUNDDOWN($C1003/24,0)+1,1))-1)+IF('Standard Profiles'!$G$19=$B$10,7,0)+IF('Standard Profiles'!$G$19=$B$17,14,0)+IF('Standard Profiles'!$G$19=$B$24,21,0),0)),0)</f>
        <v>43.422539165804565</v>
      </c>
      <c r="F1003" cm="1">
        <f t="array" ref="F1003">IFERROR(INDEX(Jesper!AJ$2:AJ$366,ROUNDDOWN($C1003/24,0)+1,1)*INDEX($D$3:$AA$30,INDEX(Jesper!$R$2:$R$366,ROW(INDEX(Jesper!AJ$2:AJ$366,ROUNDDOWN($C1003/24,0)+1,1))-1)+IF('Standard Profiles'!$G$20=$B$10,7,0)+IF('Standard Profiles'!$G$20=$B$17,14,0)+IF('Standard Profiles'!$G$20=$B$24,21,0),MOD($C1003,24)+1)/SUM(INDEX($D$3:$AA$30,INDEX(Jesper!$R$2:$R$366,ROW(INDEX(Jesper!AJ$2:AJ$366,ROUNDDOWN($C1003/24,0)+1,1))-1)+IF('Standard Profiles'!$G$20=$B$10,7,0)+IF('Standard Profiles'!$G$20=$B$17,14,0)+IF('Standard Profiles'!$G$20=$B$24,21,0),0)),0)</f>
        <v>0</v>
      </c>
      <c r="G1003" cm="1">
        <f t="array" ref="G1003">IFERROR(INDEX(Jesper!AK$2:AK$366,ROUNDDOWN($C1003/24,0)+1,1)*INDEX($D$3:$AA$30,INDEX(Jesper!$R$2:$R$366,ROW(INDEX(Jesper!AK$2:AK$366,ROUNDDOWN($C1003/24,0)+1,1))-1)+IF('Standard Profiles'!$G$21=$B$10,7,0)+IF('Standard Profiles'!$G$21=$B$17,14,0)+IF('Standard Profiles'!$G$21=$B$24,21,0),MOD($C1003,24)+1)/SUM(INDEX($D$3:$AA$30,INDEX(Jesper!$R$2:$R$366,ROW(INDEX(Jesper!AK$2:AK$366,ROUNDDOWN($C1003/24,0)+1,1))-1)+IF('Standard Profiles'!$G$21=$B$10,7,0)+IF('Standard Profiles'!$G$21=$B$17,14,0)+IF('Standard Profiles'!$G$21=$B$24,21,0),0)),0)</f>
        <v>39.709907495261582</v>
      </c>
      <c r="H1003" cm="1">
        <f t="array" ref="H1003">IFERROR(INDEX(Jesper!AL$2:AL$366,ROUNDDOWN($C1003/24,0)+1,1)*INDEX($D$3:$AA$30,INDEX(Jesper!$R$2:$R$366,ROW(INDEX(Jesper!AL$2:AL$366,ROUNDDOWN($C1003/24,0)+1,1))-1)+IF('Standard Profiles'!$G$22=$B$10,7,0)+IF('Standard Profiles'!$G$22=$B$17,14,0)+IF('Standard Profiles'!$G$22=$B$24,21,0),MOD($C1003,24)+1)/SUM(INDEX($D$3:$AA$30,INDEX(Jesper!$R$2:$R$366,ROW(INDEX(Jesper!AL$2:AL$366,ROUNDDOWN($C1003/24,0)+1,1))-1)+IF('Standard Profiles'!$G$22=$B$10,7,0)+IF('Standard Profiles'!$G$22=$B$17,14,0)+IF('Standard Profiles'!$G$22=$B$24,21,0),0)),0)</f>
        <v>0</v>
      </c>
      <c r="I1003">
        <f t="shared" si="125"/>
        <v>19.060755597725549</v>
      </c>
      <c r="J1003">
        <f t="shared" si="126"/>
        <v>92.514981751786934</v>
      </c>
      <c r="K1003">
        <f t="shared" si="127"/>
        <v>3.6118464366281069</v>
      </c>
      <c r="L1003">
        <f t="shared" si="128"/>
        <v>1.8059232183140534</v>
      </c>
      <c r="M1003">
        <f t="shared" si="129"/>
        <v>0</v>
      </c>
      <c r="N1003" s="45">
        <f t="shared" si="130"/>
        <v>44967.37499999765</v>
      </c>
    </row>
    <row r="1004" spans="2:14" x14ac:dyDescent="0.25">
      <c r="B1004">
        <f t="shared" si="124"/>
        <v>5</v>
      </c>
      <c r="C1004" s="16">
        <v>970</v>
      </c>
      <c r="D1004" cm="1">
        <f t="array" ref="D1004">IFERROR(INDEX(Jesper!AH$2:AH$366,ROUNDDOWN($C1004/24,0)+1,1)*INDEX($D$3:$AA$30,INDEX(Jesper!$R$2:$R$366,ROW(INDEX(Jesper!AH$2:AH$366,ROUNDDOWN($C1004/24,0)+1,1))-1)+IF('Standard Profiles'!$G$18=$B$10,7,0)+IF('Standard Profiles'!$G$18=$B$17,14,0)+IF('Standard Profiles'!$G$18=$B$24,21,0),MOD($C1004,24)+1)/SUM(INDEX($D$3:$AA$30,INDEX(Jesper!$R$2:$R$366,ROW(INDEX(Jesper!AH$2:AH$366,ROUNDDOWN($C1004/24,0)+1,1))-1)+IF('Standard Profiles'!$G$18=$B$10,7,0)+IF('Standard Profiles'!$G$18=$B$17,14,0)+IF('Standard Profiles'!$G$18=$B$24,21,0),0)),0)</f>
        <v>33.861060343388502</v>
      </c>
      <c r="E1004" cm="1">
        <f t="array" ref="E1004">IFERROR(INDEX(Jesper!AI$2:AI$366,ROUNDDOWN($C1004/24,0)+1,1)*INDEX($D$3:$AA$30,INDEX(Jesper!$R$2:$R$366,ROW(INDEX(Jesper!AI$2:AI$366,ROUNDDOWN($C1004/24,0)+1,1))-1)+IF('Standard Profiles'!$G$19=$B$10,7,0)+IF('Standard Profiles'!$G$19=$B$17,14,0)+IF('Standard Profiles'!$G$19=$B$24,21,0),MOD($C1004,24)+1)/SUM(INDEX($D$3:$AA$30,INDEX(Jesper!$R$2:$R$366,ROW(INDEX(Jesper!AI$2:AI$366,ROUNDDOWN($C1004/24,0)+1,1))-1)+IF('Standard Profiles'!$G$19=$B$10,7,0)+IF('Standard Profiles'!$G$19=$B$17,14,0)+IF('Standard Profiles'!$G$19=$B$24,21,0),0)),0)</f>
        <v>43.422539165804565</v>
      </c>
      <c r="F1004" cm="1">
        <f t="array" ref="F1004">IFERROR(INDEX(Jesper!AJ$2:AJ$366,ROUNDDOWN($C1004/24,0)+1,1)*INDEX($D$3:$AA$30,INDEX(Jesper!$R$2:$R$366,ROW(INDEX(Jesper!AJ$2:AJ$366,ROUNDDOWN($C1004/24,0)+1,1))-1)+IF('Standard Profiles'!$G$20=$B$10,7,0)+IF('Standard Profiles'!$G$20=$B$17,14,0)+IF('Standard Profiles'!$G$20=$B$24,21,0),MOD($C1004,24)+1)/SUM(INDEX($D$3:$AA$30,INDEX(Jesper!$R$2:$R$366,ROW(INDEX(Jesper!AJ$2:AJ$366,ROUNDDOWN($C1004/24,0)+1,1))-1)+IF('Standard Profiles'!$G$20=$B$10,7,0)+IF('Standard Profiles'!$G$20=$B$17,14,0)+IF('Standard Profiles'!$G$20=$B$24,21,0),0)),0)</f>
        <v>0</v>
      </c>
      <c r="G1004" cm="1">
        <f t="array" ref="G1004">IFERROR(INDEX(Jesper!AK$2:AK$366,ROUNDDOWN($C1004/24,0)+1,1)*INDEX($D$3:$AA$30,INDEX(Jesper!$R$2:$R$366,ROW(INDEX(Jesper!AK$2:AK$366,ROUNDDOWN($C1004/24,0)+1,1))-1)+IF('Standard Profiles'!$G$21=$B$10,7,0)+IF('Standard Profiles'!$G$21=$B$17,14,0)+IF('Standard Profiles'!$G$21=$B$24,21,0),MOD($C1004,24)+1)/SUM(INDEX($D$3:$AA$30,INDEX(Jesper!$R$2:$R$366,ROW(INDEX(Jesper!AK$2:AK$366,ROUNDDOWN($C1004/24,0)+1,1))-1)+IF('Standard Profiles'!$G$21=$B$10,7,0)+IF('Standard Profiles'!$G$21=$B$17,14,0)+IF('Standard Profiles'!$G$21=$B$24,21,0),0)),0)</f>
        <v>39.709907495261582</v>
      </c>
      <c r="H1004" cm="1">
        <f t="array" ref="H1004">IFERROR(INDEX(Jesper!AL$2:AL$366,ROUNDDOWN($C1004/24,0)+1,1)*INDEX($D$3:$AA$30,INDEX(Jesper!$R$2:$R$366,ROW(INDEX(Jesper!AL$2:AL$366,ROUNDDOWN($C1004/24,0)+1,1))-1)+IF('Standard Profiles'!$G$22=$B$10,7,0)+IF('Standard Profiles'!$G$22=$B$17,14,0)+IF('Standard Profiles'!$G$22=$B$24,21,0),MOD($C1004,24)+1)/SUM(INDEX($D$3:$AA$30,INDEX(Jesper!$R$2:$R$366,ROW(INDEX(Jesper!AL$2:AL$366,ROUNDDOWN($C1004/24,0)+1,1))-1)+IF('Standard Profiles'!$G$22=$B$10,7,0)+IF('Standard Profiles'!$G$22=$B$17,14,0)+IF('Standard Profiles'!$G$22=$B$24,21,0),0)),0)</f>
        <v>0</v>
      </c>
      <c r="I1004">
        <f t="shared" si="125"/>
        <v>19.060755597725549</v>
      </c>
      <c r="J1004">
        <f t="shared" si="126"/>
        <v>92.514981751786934</v>
      </c>
      <c r="K1004">
        <f t="shared" si="127"/>
        <v>3.6118464366281069</v>
      </c>
      <c r="L1004">
        <f t="shared" si="128"/>
        <v>1.8059232183140534</v>
      </c>
      <c r="M1004">
        <f t="shared" si="129"/>
        <v>0</v>
      </c>
      <c r="N1004" s="45">
        <f t="shared" si="130"/>
        <v>44967.416666664314</v>
      </c>
    </row>
    <row r="1005" spans="2:14" x14ac:dyDescent="0.25">
      <c r="B1005">
        <f t="shared" si="124"/>
        <v>5</v>
      </c>
      <c r="C1005" s="16">
        <v>971</v>
      </c>
      <c r="D1005" cm="1">
        <f t="array" ref="D1005">IFERROR(INDEX(Jesper!AH$2:AH$366,ROUNDDOWN($C1005/24,0)+1,1)*INDEX($D$3:$AA$30,INDEX(Jesper!$R$2:$R$366,ROW(INDEX(Jesper!AH$2:AH$366,ROUNDDOWN($C1005/24,0)+1,1))-1)+IF('Standard Profiles'!$G$18=$B$10,7,0)+IF('Standard Profiles'!$G$18=$B$17,14,0)+IF('Standard Profiles'!$G$18=$B$24,21,0),MOD($C1005,24)+1)/SUM(INDEX($D$3:$AA$30,INDEX(Jesper!$R$2:$R$366,ROW(INDEX(Jesper!AH$2:AH$366,ROUNDDOWN($C1005/24,0)+1,1))-1)+IF('Standard Profiles'!$G$18=$B$10,7,0)+IF('Standard Profiles'!$G$18=$B$17,14,0)+IF('Standard Profiles'!$G$18=$B$24,21,0),0)),0)</f>
        <v>40.017616769459138</v>
      </c>
      <c r="E1005" cm="1">
        <f t="array" ref="E1005">IFERROR(INDEX(Jesper!AI$2:AI$366,ROUNDDOWN($C1005/24,0)+1,1)*INDEX($D$3:$AA$30,INDEX(Jesper!$R$2:$R$366,ROW(INDEX(Jesper!AI$2:AI$366,ROUNDDOWN($C1005/24,0)+1,1))-1)+IF('Standard Profiles'!$G$19=$B$10,7,0)+IF('Standard Profiles'!$G$19=$B$17,14,0)+IF('Standard Profiles'!$G$19=$B$24,21,0),MOD($C1005,24)+1)/SUM(INDEX($D$3:$AA$30,INDEX(Jesper!$R$2:$R$366,ROW(INDEX(Jesper!AI$2:AI$366,ROUNDDOWN($C1005/24,0)+1,1))-1)+IF('Standard Profiles'!$G$19=$B$10,7,0)+IF('Standard Profiles'!$G$19=$B$17,14,0)+IF('Standard Profiles'!$G$19=$B$24,21,0),0)),0)</f>
        <v>51.317546286859944</v>
      </c>
      <c r="F1005" cm="1">
        <f t="array" ref="F1005">IFERROR(INDEX(Jesper!AJ$2:AJ$366,ROUNDDOWN($C1005/24,0)+1,1)*INDEX($D$3:$AA$30,INDEX(Jesper!$R$2:$R$366,ROW(INDEX(Jesper!AJ$2:AJ$366,ROUNDDOWN($C1005/24,0)+1,1))-1)+IF('Standard Profiles'!$G$20=$B$10,7,0)+IF('Standard Profiles'!$G$20=$B$17,14,0)+IF('Standard Profiles'!$G$20=$B$24,21,0),MOD($C1005,24)+1)/SUM(INDEX($D$3:$AA$30,INDEX(Jesper!$R$2:$R$366,ROW(INDEX(Jesper!AJ$2:AJ$366,ROUNDDOWN($C1005/24,0)+1,1))-1)+IF('Standard Profiles'!$G$20=$B$10,7,0)+IF('Standard Profiles'!$G$20=$B$17,14,0)+IF('Standard Profiles'!$G$20=$B$24,21,0),0)),0)</f>
        <v>0</v>
      </c>
      <c r="G1005" cm="1">
        <f t="array" ref="G1005">IFERROR(INDEX(Jesper!AK$2:AK$366,ROUNDDOWN($C1005/24,0)+1,1)*INDEX($D$3:$AA$30,INDEX(Jesper!$R$2:$R$366,ROW(INDEX(Jesper!AK$2:AK$366,ROUNDDOWN($C1005/24,0)+1,1))-1)+IF('Standard Profiles'!$G$21=$B$10,7,0)+IF('Standard Profiles'!$G$21=$B$17,14,0)+IF('Standard Profiles'!$G$21=$B$24,21,0),MOD($C1005,24)+1)/SUM(INDEX($D$3:$AA$30,INDEX(Jesper!$R$2:$R$366,ROW(INDEX(Jesper!AK$2:AK$366,ROUNDDOWN($C1005/24,0)+1,1))-1)+IF('Standard Profiles'!$G$21=$B$10,7,0)+IF('Standard Profiles'!$G$21=$B$17,14,0)+IF('Standard Profiles'!$G$21=$B$24,21,0),0)),0)</f>
        <v>46.929890676218236</v>
      </c>
      <c r="H1005" cm="1">
        <f t="array" ref="H1005">IFERROR(INDEX(Jesper!AL$2:AL$366,ROUNDDOWN($C1005/24,0)+1,1)*INDEX($D$3:$AA$30,INDEX(Jesper!$R$2:$R$366,ROW(INDEX(Jesper!AL$2:AL$366,ROUNDDOWN($C1005/24,0)+1,1))-1)+IF('Standard Profiles'!$G$22=$B$10,7,0)+IF('Standard Profiles'!$G$22=$B$17,14,0)+IF('Standard Profiles'!$G$22=$B$24,21,0),MOD($C1005,24)+1)/SUM(INDEX($D$3:$AA$30,INDEX(Jesper!$R$2:$R$366,ROW(INDEX(Jesper!AL$2:AL$366,ROUNDDOWN($C1005/24,0)+1,1))-1)+IF('Standard Profiles'!$G$22=$B$10,7,0)+IF('Standard Profiles'!$G$22=$B$17,14,0)+IF('Standard Profiles'!$G$22=$B$24,21,0),0)),0)</f>
        <v>0</v>
      </c>
      <c r="I1005">
        <f t="shared" si="125"/>
        <v>22.526347524584743</v>
      </c>
      <c r="J1005">
        <f t="shared" si="126"/>
        <v>109.33588752483911</v>
      </c>
      <c r="K1005">
        <f t="shared" si="127"/>
        <v>4.2685457887423084</v>
      </c>
      <c r="L1005">
        <f t="shared" si="128"/>
        <v>2.1342728943711542</v>
      </c>
      <c r="M1005">
        <f t="shared" si="129"/>
        <v>0</v>
      </c>
      <c r="N1005" s="45">
        <f t="shared" si="130"/>
        <v>44967.458333330978</v>
      </c>
    </row>
    <row r="1006" spans="2:14" x14ac:dyDescent="0.25">
      <c r="B1006">
        <f t="shared" si="124"/>
        <v>5</v>
      </c>
      <c r="C1006" s="16">
        <v>972</v>
      </c>
      <c r="D1006" cm="1">
        <f t="array" ref="D1006">IFERROR(INDEX(Jesper!AH$2:AH$366,ROUNDDOWN($C1006/24,0)+1,1)*INDEX($D$3:$AA$30,INDEX(Jesper!$R$2:$R$366,ROW(INDEX(Jesper!AH$2:AH$366,ROUNDDOWN($C1006/24,0)+1,1))-1)+IF('Standard Profiles'!$G$18=$B$10,7,0)+IF('Standard Profiles'!$G$18=$B$17,14,0)+IF('Standard Profiles'!$G$18=$B$24,21,0),MOD($C1006,24)+1)/SUM(INDEX($D$3:$AA$30,INDEX(Jesper!$R$2:$R$366,ROW(INDEX(Jesper!AH$2:AH$366,ROUNDDOWN($C1006/24,0)+1,1))-1)+IF('Standard Profiles'!$G$18=$B$10,7,0)+IF('Standard Profiles'!$G$18=$B$17,14,0)+IF('Standard Profiles'!$G$18=$B$24,21,0),0)),0)</f>
        <v>40.017616769459138</v>
      </c>
      <c r="E1006" cm="1">
        <f t="array" ref="E1006">IFERROR(INDEX(Jesper!AI$2:AI$366,ROUNDDOWN($C1006/24,0)+1,1)*INDEX($D$3:$AA$30,INDEX(Jesper!$R$2:$R$366,ROW(INDEX(Jesper!AI$2:AI$366,ROUNDDOWN($C1006/24,0)+1,1))-1)+IF('Standard Profiles'!$G$19=$B$10,7,0)+IF('Standard Profiles'!$G$19=$B$17,14,0)+IF('Standard Profiles'!$G$19=$B$24,21,0),MOD($C1006,24)+1)/SUM(INDEX($D$3:$AA$30,INDEX(Jesper!$R$2:$R$366,ROW(INDEX(Jesper!AI$2:AI$366,ROUNDDOWN($C1006/24,0)+1,1))-1)+IF('Standard Profiles'!$G$19=$B$10,7,0)+IF('Standard Profiles'!$G$19=$B$17,14,0)+IF('Standard Profiles'!$G$19=$B$24,21,0),0)),0)</f>
        <v>51.317546286859944</v>
      </c>
      <c r="F1006" cm="1">
        <f t="array" ref="F1006">IFERROR(INDEX(Jesper!AJ$2:AJ$366,ROUNDDOWN($C1006/24,0)+1,1)*INDEX($D$3:$AA$30,INDEX(Jesper!$R$2:$R$366,ROW(INDEX(Jesper!AJ$2:AJ$366,ROUNDDOWN($C1006/24,0)+1,1))-1)+IF('Standard Profiles'!$G$20=$B$10,7,0)+IF('Standard Profiles'!$G$20=$B$17,14,0)+IF('Standard Profiles'!$G$20=$B$24,21,0),MOD($C1006,24)+1)/SUM(INDEX($D$3:$AA$30,INDEX(Jesper!$R$2:$R$366,ROW(INDEX(Jesper!AJ$2:AJ$366,ROUNDDOWN($C1006/24,0)+1,1))-1)+IF('Standard Profiles'!$G$20=$B$10,7,0)+IF('Standard Profiles'!$G$20=$B$17,14,0)+IF('Standard Profiles'!$G$20=$B$24,21,0),0)),0)</f>
        <v>0</v>
      </c>
      <c r="G1006" cm="1">
        <f t="array" ref="G1006">IFERROR(INDEX(Jesper!AK$2:AK$366,ROUNDDOWN($C1006/24,0)+1,1)*INDEX($D$3:$AA$30,INDEX(Jesper!$R$2:$R$366,ROW(INDEX(Jesper!AK$2:AK$366,ROUNDDOWN($C1006/24,0)+1,1))-1)+IF('Standard Profiles'!$G$21=$B$10,7,0)+IF('Standard Profiles'!$G$21=$B$17,14,0)+IF('Standard Profiles'!$G$21=$B$24,21,0),MOD($C1006,24)+1)/SUM(INDEX($D$3:$AA$30,INDEX(Jesper!$R$2:$R$366,ROW(INDEX(Jesper!AK$2:AK$366,ROUNDDOWN($C1006/24,0)+1,1))-1)+IF('Standard Profiles'!$G$21=$B$10,7,0)+IF('Standard Profiles'!$G$21=$B$17,14,0)+IF('Standard Profiles'!$G$21=$B$24,21,0),0)),0)</f>
        <v>46.929890676218236</v>
      </c>
      <c r="H1006" cm="1">
        <f t="array" ref="H1006">IFERROR(INDEX(Jesper!AL$2:AL$366,ROUNDDOWN($C1006/24,0)+1,1)*INDEX($D$3:$AA$30,INDEX(Jesper!$R$2:$R$366,ROW(INDEX(Jesper!AL$2:AL$366,ROUNDDOWN($C1006/24,0)+1,1))-1)+IF('Standard Profiles'!$G$22=$B$10,7,0)+IF('Standard Profiles'!$G$22=$B$17,14,0)+IF('Standard Profiles'!$G$22=$B$24,21,0),MOD($C1006,24)+1)/SUM(INDEX($D$3:$AA$30,INDEX(Jesper!$R$2:$R$366,ROW(INDEX(Jesper!AL$2:AL$366,ROUNDDOWN($C1006/24,0)+1,1))-1)+IF('Standard Profiles'!$G$22=$B$10,7,0)+IF('Standard Profiles'!$G$22=$B$17,14,0)+IF('Standard Profiles'!$G$22=$B$24,21,0),0)),0)</f>
        <v>0</v>
      </c>
      <c r="I1006">
        <f t="shared" si="125"/>
        <v>22.526347524584743</v>
      </c>
      <c r="J1006">
        <f t="shared" si="126"/>
        <v>109.33588752483911</v>
      </c>
      <c r="K1006">
        <f t="shared" si="127"/>
        <v>4.2685457887423084</v>
      </c>
      <c r="L1006">
        <f t="shared" si="128"/>
        <v>2.1342728943711542</v>
      </c>
      <c r="M1006">
        <f t="shared" si="129"/>
        <v>0</v>
      </c>
      <c r="N1006" s="45">
        <f t="shared" si="130"/>
        <v>44967.499999997643</v>
      </c>
    </row>
    <row r="1007" spans="2:14" x14ac:dyDescent="0.25">
      <c r="B1007">
        <f t="shared" si="124"/>
        <v>5</v>
      </c>
      <c r="C1007" s="16">
        <v>973</v>
      </c>
      <c r="D1007" cm="1">
        <f t="array" ref="D1007">IFERROR(INDEX(Jesper!AH$2:AH$366,ROUNDDOWN($C1007/24,0)+1,1)*INDEX($D$3:$AA$30,INDEX(Jesper!$R$2:$R$366,ROW(INDEX(Jesper!AH$2:AH$366,ROUNDDOWN($C1007/24,0)+1,1))-1)+IF('Standard Profiles'!$G$18=$B$10,7,0)+IF('Standard Profiles'!$G$18=$B$17,14,0)+IF('Standard Profiles'!$G$18=$B$24,21,0),MOD($C1007,24)+1)/SUM(INDEX($D$3:$AA$30,INDEX(Jesper!$R$2:$R$366,ROW(INDEX(Jesper!AH$2:AH$366,ROUNDDOWN($C1007/24,0)+1,1))-1)+IF('Standard Profiles'!$G$18=$B$10,7,0)+IF('Standard Profiles'!$G$18=$B$17,14,0)+IF('Standard Profiles'!$G$18=$B$24,21,0),0)),0)</f>
        <v>27.704503917317865</v>
      </c>
      <c r="E1007" cm="1">
        <f t="array" ref="E1007">IFERROR(INDEX(Jesper!AI$2:AI$366,ROUNDDOWN($C1007/24,0)+1,1)*INDEX($D$3:$AA$30,INDEX(Jesper!$R$2:$R$366,ROW(INDEX(Jesper!AI$2:AI$366,ROUNDDOWN($C1007/24,0)+1,1))-1)+IF('Standard Profiles'!$G$19=$B$10,7,0)+IF('Standard Profiles'!$G$19=$B$17,14,0)+IF('Standard Profiles'!$G$19=$B$24,21,0),MOD($C1007,24)+1)/SUM(INDEX($D$3:$AA$30,INDEX(Jesper!$R$2:$R$366,ROW(INDEX(Jesper!AI$2:AI$366,ROUNDDOWN($C1007/24,0)+1,1))-1)+IF('Standard Profiles'!$G$19=$B$10,7,0)+IF('Standard Profiles'!$G$19=$B$17,14,0)+IF('Standard Profiles'!$G$19=$B$24,21,0),0)),0)</f>
        <v>35.527532044749194</v>
      </c>
      <c r="F1007" cm="1">
        <f t="array" ref="F1007">IFERROR(INDEX(Jesper!AJ$2:AJ$366,ROUNDDOWN($C1007/24,0)+1,1)*INDEX($D$3:$AA$30,INDEX(Jesper!$R$2:$R$366,ROW(INDEX(Jesper!AJ$2:AJ$366,ROUNDDOWN($C1007/24,0)+1,1))-1)+IF('Standard Profiles'!$G$20=$B$10,7,0)+IF('Standard Profiles'!$G$20=$B$17,14,0)+IF('Standard Profiles'!$G$20=$B$24,21,0),MOD($C1007,24)+1)/SUM(INDEX($D$3:$AA$30,INDEX(Jesper!$R$2:$R$366,ROW(INDEX(Jesper!AJ$2:AJ$366,ROUNDDOWN($C1007/24,0)+1,1))-1)+IF('Standard Profiles'!$G$20=$B$10,7,0)+IF('Standard Profiles'!$G$20=$B$17,14,0)+IF('Standard Profiles'!$G$20=$B$24,21,0),0)),0)</f>
        <v>0</v>
      </c>
      <c r="G1007" cm="1">
        <f t="array" ref="G1007">IFERROR(INDEX(Jesper!AK$2:AK$366,ROUNDDOWN($C1007/24,0)+1,1)*INDEX($D$3:$AA$30,INDEX(Jesper!$R$2:$R$366,ROW(INDEX(Jesper!AK$2:AK$366,ROUNDDOWN($C1007/24,0)+1,1))-1)+IF('Standard Profiles'!$G$21=$B$10,7,0)+IF('Standard Profiles'!$G$21=$B$17,14,0)+IF('Standard Profiles'!$G$21=$B$24,21,0),MOD($C1007,24)+1)/SUM(INDEX($D$3:$AA$30,INDEX(Jesper!$R$2:$R$366,ROW(INDEX(Jesper!AK$2:AK$366,ROUNDDOWN($C1007/24,0)+1,1))-1)+IF('Standard Profiles'!$G$21=$B$10,7,0)+IF('Standard Profiles'!$G$21=$B$17,14,0)+IF('Standard Profiles'!$G$21=$B$24,21,0),0)),0)</f>
        <v>32.489924314304936</v>
      </c>
      <c r="H1007" cm="1">
        <f t="array" ref="H1007">IFERROR(INDEX(Jesper!AL$2:AL$366,ROUNDDOWN($C1007/24,0)+1,1)*INDEX($D$3:$AA$30,INDEX(Jesper!$R$2:$R$366,ROW(INDEX(Jesper!AL$2:AL$366,ROUNDDOWN($C1007/24,0)+1,1))-1)+IF('Standard Profiles'!$G$22=$B$10,7,0)+IF('Standard Profiles'!$G$22=$B$17,14,0)+IF('Standard Profiles'!$G$22=$B$24,21,0),MOD($C1007,24)+1)/SUM(INDEX($D$3:$AA$30,INDEX(Jesper!$R$2:$R$366,ROW(INDEX(Jesper!AL$2:AL$366,ROUNDDOWN($C1007/24,0)+1,1))-1)+IF('Standard Profiles'!$G$22=$B$10,7,0)+IF('Standard Profiles'!$G$22=$B$17,14,0)+IF('Standard Profiles'!$G$22=$B$24,21,0),0)),0)</f>
        <v>0</v>
      </c>
      <c r="I1007">
        <f t="shared" si="125"/>
        <v>15.595163670866361</v>
      </c>
      <c r="J1007">
        <f t="shared" si="126"/>
        <v>75.694075978734773</v>
      </c>
      <c r="K1007">
        <f t="shared" si="127"/>
        <v>2.9551470845139058</v>
      </c>
      <c r="L1007">
        <f t="shared" si="128"/>
        <v>1.4775735422569529</v>
      </c>
      <c r="M1007">
        <f t="shared" si="129"/>
        <v>0</v>
      </c>
      <c r="N1007" s="45">
        <f t="shared" si="130"/>
        <v>44967.541666664307</v>
      </c>
    </row>
    <row r="1008" spans="2:14" x14ac:dyDescent="0.25">
      <c r="B1008">
        <f t="shared" si="124"/>
        <v>5</v>
      </c>
      <c r="C1008" s="16">
        <v>974</v>
      </c>
      <c r="D1008" cm="1">
        <f t="array" ref="D1008">IFERROR(INDEX(Jesper!AH$2:AH$366,ROUNDDOWN($C1008/24,0)+1,1)*INDEX($D$3:$AA$30,INDEX(Jesper!$R$2:$R$366,ROW(INDEX(Jesper!AH$2:AH$366,ROUNDDOWN($C1008/24,0)+1,1))-1)+IF('Standard Profiles'!$G$18=$B$10,7,0)+IF('Standard Profiles'!$G$18=$B$17,14,0)+IF('Standard Profiles'!$G$18=$B$24,21,0),MOD($C1008,24)+1)/SUM(INDEX($D$3:$AA$30,INDEX(Jesper!$R$2:$R$366,ROW(INDEX(Jesper!AH$2:AH$366,ROUNDDOWN($C1008/24,0)+1,1))-1)+IF('Standard Profiles'!$G$18=$B$10,7,0)+IF('Standard Profiles'!$G$18=$B$17,14,0)+IF('Standard Profiles'!$G$18=$B$24,21,0),0)),0)</f>
        <v>40.017616769459138</v>
      </c>
      <c r="E1008" cm="1">
        <f t="array" ref="E1008">IFERROR(INDEX(Jesper!AI$2:AI$366,ROUNDDOWN($C1008/24,0)+1,1)*INDEX($D$3:$AA$30,INDEX(Jesper!$R$2:$R$366,ROW(INDEX(Jesper!AI$2:AI$366,ROUNDDOWN($C1008/24,0)+1,1))-1)+IF('Standard Profiles'!$G$19=$B$10,7,0)+IF('Standard Profiles'!$G$19=$B$17,14,0)+IF('Standard Profiles'!$G$19=$B$24,21,0),MOD($C1008,24)+1)/SUM(INDEX($D$3:$AA$30,INDEX(Jesper!$R$2:$R$366,ROW(INDEX(Jesper!AI$2:AI$366,ROUNDDOWN($C1008/24,0)+1,1))-1)+IF('Standard Profiles'!$G$19=$B$10,7,0)+IF('Standard Profiles'!$G$19=$B$17,14,0)+IF('Standard Profiles'!$G$19=$B$24,21,0),0)),0)</f>
        <v>51.317546286859944</v>
      </c>
      <c r="F1008" cm="1">
        <f t="array" ref="F1008">IFERROR(INDEX(Jesper!AJ$2:AJ$366,ROUNDDOWN($C1008/24,0)+1,1)*INDEX($D$3:$AA$30,INDEX(Jesper!$R$2:$R$366,ROW(INDEX(Jesper!AJ$2:AJ$366,ROUNDDOWN($C1008/24,0)+1,1))-1)+IF('Standard Profiles'!$G$20=$B$10,7,0)+IF('Standard Profiles'!$G$20=$B$17,14,0)+IF('Standard Profiles'!$G$20=$B$24,21,0),MOD($C1008,24)+1)/SUM(INDEX($D$3:$AA$30,INDEX(Jesper!$R$2:$R$366,ROW(INDEX(Jesper!AJ$2:AJ$366,ROUNDDOWN($C1008/24,0)+1,1))-1)+IF('Standard Profiles'!$G$20=$B$10,7,0)+IF('Standard Profiles'!$G$20=$B$17,14,0)+IF('Standard Profiles'!$G$20=$B$24,21,0),0)),0)</f>
        <v>0</v>
      </c>
      <c r="G1008" cm="1">
        <f t="array" ref="G1008">IFERROR(INDEX(Jesper!AK$2:AK$366,ROUNDDOWN($C1008/24,0)+1,1)*INDEX($D$3:$AA$30,INDEX(Jesper!$R$2:$R$366,ROW(INDEX(Jesper!AK$2:AK$366,ROUNDDOWN($C1008/24,0)+1,1))-1)+IF('Standard Profiles'!$G$21=$B$10,7,0)+IF('Standard Profiles'!$G$21=$B$17,14,0)+IF('Standard Profiles'!$G$21=$B$24,21,0),MOD($C1008,24)+1)/SUM(INDEX($D$3:$AA$30,INDEX(Jesper!$R$2:$R$366,ROW(INDEX(Jesper!AK$2:AK$366,ROUNDDOWN($C1008/24,0)+1,1))-1)+IF('Standard Profiles'!$G$21=$B$10,7,0)+IF('Standard Profiles'!$G$21=$B$17,14,0)+IF('Standard Profiles'!$G$21=$B$24,21,0),0)),0)</f>
        <v>46.929890676218236</v>
      </c>
      <c r="H1008" cm="1">
        <f t="array" ref="H1008">IFERROR(INDEX(Jesper!AL$2:AL$366,ROUNDDOWN($C1008/24,0)+1,1)*INDEX($D$3:$AA$30,INDEX(Jesper!$R$2:$R$366,ROW(INDEX(Jesper!AL$2:AL$366,ROUNDDOWN($C1008/24,0)+1,1))-1)+IF('Standard Profiles'!$G$22=$B$10,7,0)+IF('Standard Profiles'!$G$22=$B$17,14,0)+IF('Standard Profiles'!$G$22=$B$24,21,0),MOD($C1008,24)+1)/SUM(INDEX($D$3:$AA$30,INDEX(Jesper!$R$2:$R$366,ROW(INDEX(Jesper!AL$2:AL$366,ROUNDDOWN($C1008/24,0)+1,1))-1)+IF('Standard Profiles'!$G$22=$B$10,7,0)+IF('Standard Profiles'!$G$22=$B$17,14,0)+IF('Standard Profiles'!$G$22=$B$24,21,0),0)),0)</f>
        <v>0</v>
      </c>
      <c r="I1008">
        <f t="shared" si="125"/>
        <v>22.526347524584743</v>
      </c>
      <c r="J1008">
        <f t="shared" si="126"/>
        <v>109.33588752483911</v>
      </c>
      <c r="K1008">
        <f t="shared" si="127"/>
        <v>4.2685457887423084</v>
      </c>
      <c r="L1008">
        <f t="shared" si="128"/>
        <v>2.1342728943711542</v>
      </c>
      <c r="M1008">
        <f t="shared" si="129"/>
        <v>0</v>
      </c>
      <c r="N1008" s="45">
        <f t="shared" si="130"/>
        <v>44967.583333330971</v>
      </c>
    </row>
    <row r="1009" spans="2:14" x14ac:dyDescent="0.25">
      <c r="B1009">
        <f t="shared" si="124"/>
        <v>5</v>
      </c>
      <c r="C1009" s="16">
        <v>975</v>
      </c>
      <c r="D1009" cm="1">
        <f t="array" ref="D1009">IFERROR(INDEX(Jesper!AH$2:AH$366,ROUNDDOWN($C1009/24,0)+1,1)*INDEX($D$3:$AA$30,INDEX(Jesper!$R$2:$R$366,ROW(INDEX(Jesper!AH$2:AH$366,ROUNDDOWN($C1009/24,0)+1,1))-1)+IF('Standard Profiles'!$G$18=$B$10,7,0)+IF('Standard Profiles'!$G$18=$B$17,14,0)+IF('Standard Profiles'!$G$18=$B$24,21,0),MOD($C1009,24)+1)/SUM(INDEX($D$3:$AA$30,INDEX(Jesper!$R$2:$R$366,ROW(INDEX(Jesper!AH$2:AH$366,ROUNDDOWN($C1009/24,0)+1,1))-1)+IF('Standard Profiles'!$G$18=$B$10,7,0)+IF('Standard Profiles'!$G$18=$B$17,14,0)+IF('Standard Profiles'!$G$18=$B$24,21,0),0)),0)</f>
        <v>30.782782130353183</v>
      </c>
      <c r="E1009" cm="1">
        <f t="array" ref="E1009">IFERROR(INDEX(Jesper!AI$2:AI$366,ROUNDDOWN($C1009/24,0)+1,1)*INDEX($D$3:$AA$30,INDEX(Jesper!$R$2:$R$366,ROW(INDEX(Jesper!AI$2:AI$366,ROUNDDOWN($C1009/24,0)+1,1))-1)+IF('Standard Profiles'!$G$19=$B$10,7,0)+IF('Standard Profiles'!$G$19=$B$17,14,0)+IF('Standard Profiles'!$G$19=$B$24,21,0),MOD($C1009,24)+1)/SUM(INDEX($D$3:$AA$30,INDEX(Jesper!$R$2:$R$366,ROW(INDEX(Jesper!AI$2:AI$366,ROUNDDOWN($C1009/24,0)+1,1))-1)+IF('Standard Profiles'!$G$19=$B$10,7,0)+IF('Standard Profiles'!$G$19=$B$17,14,0)+IF('Standard Profiles'!$G$19=$B$24,21,0),0)),0)</f>
        <v>39.475035605276879</v>
      </c>
      <c r="F1009" cm="1">
        <f t="array" ref="F1009">IFERROR(INDEX(Jesper!AJ$2:AJ$366,ROUNDDOWN($C1009/24,0)+1,1)*INDEX($D$3:$AA$30,INDEX(Jesper!$R$2:$R$366,ROW(INDEX(Jesper!AJ$2:AJ$366,ROUNDDOWN($C1009/24,0)+1,1))-1)+IF('Standard Profiles'!$G$20=$B$10,7,0)+IF('Standard Profiles'!$G$20=$B$17,14,0)+IF('Standard Profiles'!$G$20=$B$24,21,0),MOD($C1009,24)+1)/SUM(INDEX($D$3:$AA$30,INDEX(Jesper!$R$2:$R$366,ROW(INDEX(Jesper!AJ$2:AJ$366,ROUNDDOWN($C1009/24,0)+1,1))-1)+IF('Standard Profiles'!$G$20=$B$10,7,0)+IF('Standard Profiles'!$G$20=$B$17,14,0)+IF('Standard Profiles'!$G$20=$B$24,21,0),0)),0)</f>
        <v>0</v>
      </c>
      <c r="G1009" cm="1">
        <f t="array" ref="G1009">IFERROR(INDEX(Jesper!AK$2:AK$366,ROUNDDOWN($C1009/24,0)+1,1)*INDEX($D$3:$AA$30,INDEX(Jesper!$R$2:$R$366,ROW(INDEX(Jesper!AK$2:AK$366,ROUNDDOWN($C1009/24,0)+1,1))-1)+IF('Standard Profiles'!$G$21=$B$10,7,0)+IF('Standard Profiles'!$G$21=$B$17,14,0)+IF('Standard Profiles'!$G$21=$B$24,21,0),MOD($C1009,24)+1)/SUM(INDEX($D$3:$AA$30,INDEX(Jesper!$R$2:$R$366,ROW(INDEX(Jesper!AK$2:AK$366,ROUNDDOWN($C1009/24,0)+1,1))-1)+IF('Standard Profiles'!$G$21=$B$10,7,0)+IF('Standard Profiles'!$G$21=$B$17,14,0)+IF('Standard Profiles'!$G$21=$B$24,21,0),0)),0)</f>
        <v>39.709907495261582</v>
      </c>
      <c r="H1009" cm="1">
        <f t="array" ref="H1009">IFERROR(INDEX(Jesper!AL$2:AL$366,ROUNDDOWN($C1009/24,0)+1,1)*INDEX($D$3:$AA$30,INDEX(Jesper!$R$2:$R$366,ROW(INDEX(Jesper!AL$2:AL$366,ROUNDDOWN($C1009/24,0)+1,1))-1)+IF('Standard Profiles'!$G$22=$B$10,7,0)+IF('Standard Profiles'!$G$22=$B$17,14,0)+IF('Standard Profiles'!$G$22=$B$24,21,0),MOD($C1009,24)+1)/SUM(INDEX($D$3:$AA$30,INDEX(Jesper!$R$2:$R$366,ROW(INDEX(Jesper!AL$2:AL$366,ROUNDDOWN($C1009/24,0)+1,1))-1)+IF('Standard Profiles'!$G$22=$B$10,7,0)+IF('Standard Profiles'!$G$22=$B$17,14,0)+IF('Standard Profiles'!$G$22=$B$24,21,0),0)),0)</f>
        <v>0</v>
      </c>
      <c r="I1009">
        <f t="shared" si="125"/>
        <v>19.060755597725549</v>
      </c>
      <c r="J1009">
        <f t="shared" si="126"/>
        <v>85.981724492309581</v>
      </c>
      <c r="K1009">
        <f t="shared" si="127"/>
        <v>3.2834967605710066</v>
      </c>
      <c r="L1009">
        <f t="shared" si="128"/>
        <v>1.6417483802855033</v>
      </c>
      <c r="M1009">
        <f t="shared" si="129"/>
        <v>0</v>
      </c>
      <c r="N1009" s="45">
        <f t="shared" si="130"/>
        <v>44967.624999997635</v>
      </c>
    </row>
    <row r="1010" spans="2:14" x14ac:dyDescent="0.25">
      <c r="B1010">
        <f t="shared" si="124"/>
        <v>5</v>
      </c>
      <c r="C1010" s="16">
        <v>976</v>
      </c>
      <c r="D1010" cm="1">
        <f t="array" ref="D1010">IFERROR(INDEX(Jesper!AH$2:AH$366,ROUNDDOWN($C1010/24,0)+1,1)*INDEX($D$3:$AA$30,INDEX(Jesper!$R$2:$R$366,ROW(INDEX(Jesper!AH$2:AH$366,ROUNDDOWN($C1010/24,0)+1,1))-1)+IF('Standard Profiles'!$G$18=$B$10,7,0)+IF('Standard Profiles'!$G$18=$B$17,14,0)+IF('Standard Profiles'!$G$18=$B$24,21,0),MOD($C1010,24)+1)/SUM(INDEX($D$3:$AA$30,INDEX(Jesper!$R$2:$R$366,ROW(INDEX(Jesper!AH$2:AH$366,ROUNDDOWN($C1010/24,0)+1,1))-1)+IF('Standard Profiles'!$G$18=$B$10,7,0)+IF('Standard Profiles'!$G$18=$B$17,14,0)+IF('Standard Profiles'!$G$18=$B$24,21,0),0)),0)</f>
        <v>14.452010389837177</v>
      </c>
      <c r="E1010" cm="1">
        <f t="array" ref="E1010">IFERROR(INDEX(Jesper!AI$2:AI$366,ROUNDDOWN($C1010/24,0)+1,1)*INDEX($D$3:$AA$30,INDEX(Jesper!$R$2:$R$366,ROW(INDEX(Jesper!AI$2:AI$366,ROUNDDOWN($C1010/24,0)+1,1))-1)+IF('Standard Profiles'!$G$19=$B$10,7,0)+IF('Standard Profiles'!$G$19=$B$17,14,0)+IF('Standard Profiles'!$G$19=$B$24,21,0),MOD($C1010,24)+1)/SUM(INDEX($D$3:$AA$30,INDEX(Jesper!$R$2:$R$366,ROW(INDEX(Jesper!AI$2:AI$366,ROUNDDOWN($C1010/24,0)+1,1))-1)+IF('Standard Profiles'!$G$19=$B$10,7,0)+IF('Standard Profiles'!$G$19=$B$17,14,0)+IF('Standard Profiles'!$G$19=$B$24,21,0),0)),0)</f>
        <v>18.532880565857692</v>
      </c>
      <c r="F1010" cm="1">
        <f t="array" ref="F1010">IFERROR(INDEX(Jesper!AJ$2:AJ$366,ROUNDDOWN($C1010/24,0)+1,1)*INDEX($D$3:$AA$30,INDEX(Jesper!$R$2:$R$366,ROW(INDEX(Jesper!AJ$2:AJ$366,ROUNDDOWN($C1010/24,0)+1,1))-1)+IF('Standard Profiles'!$G$20=$B$10,7,0)+IF('Standard Profiles'!$G$20=$B$17,14,0)+IF('Standard Profiles'!$G$20=$B$24,21,0),MOD($C1010,24)+1)/SUM(INDEX($D$3:$AA$30,INDEX(Jesper!$R$2:$R$366,ROW(INDEX(Jesper!AJ$2:AJ$366,ROUNDDOWN($C1010/24,0)+1,1))-1)+IF('Standard Profiles'!$G$20=$B$10,7,0)+IF('Standard Profiles'!$G$20=$B$17,14,0)+IF('Standard Profiles'!$G$20=$B$24,21,0),0)),0)</f>
        <v>0</v>
      </c>
      <c r="G1010" cm="1">
        <f t="array" ref="G1010">IFERROR(INDEX(Jesper!AK$2:AK$366,ROUNDDOWN($C1010/24,0)+1,1)*INDEX($D$3:$AA$30,INDEX(Jesper!$R$2:$R$366,ROW(INDEX(Jesper!AK$2:AK$366,ROUNDDOWN($C1010/24,0)+1,1))-1)+IF('Standard Profiles'!$G$21=$B$10,7,0)+IF('Standard Profiles'!$G$21=$B$17,14,0)+IF('Standard Profiles'!$G$21=$B$24,21,0),MOD($C1010,24)+1)/SUM(INDEX($D$3:$AA$30,INDEX(Jesper!$R$2:$R$366,ROW(INDEX(Jesper!AK$2:AK$366,ROUNDDOWN($C1010/24,0)+1,1))-1)+IF('Standard Profiles'!$G$21=$B$10,7,0)+IF('Standard Profiles'!$G$21=$B$17,14,0)+IF('Standard Profiles'!$G$21=$B$24,21,0),0)),0)</f>
        <v>34.380872290269778</v>
      </c>
      <c r="H1010" cm="1">
        <f t="array" ref="H1010">IFERROR(INDEX(Jesper!AL$2:AL$366,ROUNDDOWN($C1010/24,0)+1,1)*INDEX($D$3:$AA$30,INDEX(Jesper!$R$2:$R$366,ROW(INDEX(Jesper!AL$2:AL$366,ROUNDDOWN($C1010/24,0)+1,1))-1)+IF('Standard Profiles'!$G$22=$B$10,7,0)+IF('Standard Profiles'!$G$22=$B$17,14,0)+IF('Standard Profiles'!$G$22=$B$24,21,0),MOD($C1010,24)+1)/SUM(INDEX($D$3:$AA$30,INDEX(Jesper!$R$2:$R$366,ROW(INDEX(Jesper!AL$2:AL$366,ROUNDDOWN($C1010/24,0)+1,1))-1)+IF('Standard Profiles'!$G$22=$B$10,7,0)+IF('Standard Profiles'!$G$22=$B$17,14,0)+IF('Standard Profiles'!$G$22=$B$24,21,0),0)),0)</f>
        <v>0</v>
      </c>
      <c r="I1010">
        <f t="shared" si="125"/>
        <v>16.502818699329485</v>
      </c>
      <c r="J1010">
        <f t="shared" si="126"/>
        <v>48.550622884261216</v>
      </c>
      <c r="K1010">
        <f t="shared" si="127"/>
        <v>1.5415477749159656</v>
      </c>
      <c r="L1010">
        <f t="shared" si="128"/>
        <v>0.77077388745798281</v>
      </c>
      <c r="M1010">
        <f t="shared" si="129"/>
        <v>0</v>
      </c>
      <c r="N1010" s="45">
        <f t="shared" si="130"/>
        <v>44967.6666666643</v>
      </c>
    </row>
    <row r="1011" spans="2:14" x14ac:dyDescent="0.25">
      <c r="B1011">
        <f t="shared" si="124"/>
        <v>5</v>
      </c>
      <c r="C1011" s="16">
        <v>977</v>
      </c>
      <c r="D1011" cm="1">
        <f t="array" ref="D1011">IFERROR(INDEX(Jesper!AH$2:AH$366,ROUNDDOWN($C1011/24,0)+1,1)*INDEX($D$3:$AA$30,INDEX(Jesper!$R$2:$R$366,ROW(INDEX(Jesper!AH$2:AH$366,ROUNDDOWN($C1011/24,0)+1,1))-1)+IF('Standard Profiles'!$G$18=$B$10,7,0)+IF('Standard Profiles'!$G$18=$B$17,14,0)+IF('Standard Profiles'!$G$18=$B$24,21,0),MOD($C1011,24)+1)/SUM(INDEX($D$3:$AA$30,INDEX(Jesper!$R$2:$R$366,ROW(INDEX(Jesper!AH$2:AH$366,ROUNDDOWN($C1011/24,0)+1,1))-1)+IF('Standard Profiles'!$G$18=$B$10,7,0)+IF('Standard Profiles'!$G$18=$B$17,14,0)+IF('Standard Profiles'!$G$18=$B$24,21,0),0)),0)</f>
        <v>9.5383268572925353</v>
      </c>
      <c r="E1011" cm="1">
        <f t="array" ref="E1011">IFERROR(INDEX(Jesper!AI$2:AI$366,ROUNDDOWN($C1011/24,0)+1,1)*INDEX($D$3:$AA$30,INDEX(Jesper!$R$2:$R$366,ROW(INDEX(Jesper!AI$2:AI$366,ROUNDDOWN($C1011/24,0)+1,1))-1)+IF('Standard Profiles'!$G$19=$B$10,7,0)+IF('Standard Profiles'!$G$19=$B$17,14,0)+IF('Standard Profiles'!$G$19=$B$24,21,0),MOD($C1011,24)+1)/SUM(INDEX($D$3:$AA$30,INDEX(Jesper!$R$2:$R$366,ROW(INDEX(Jesper!AI$2:AI$366,ROUNDDOWN($C1011/24,0)+1,1))-1)+IF('Standard Profiles'!$G$19=$B$10,7,0)+IF('Standard Profiles'!$G$19=$B$17,14,0)+IF('Standard Profiles'!$G$19=$B$24,21,0),0)),0)</f>
        <v>12.231701173466076</v>
      </c>
      <c r="F1011" cm="1">
        <f t="array" ref="F1011">IFERROR(INDEX(Jesper!AJ$2:AJ$366,ROUNDDOWN($C1011/24,0)+1,1)*INDEX($D$3:$AA$30,INDEX(Jesper!$R$2:$R$366,ROW(INDEX(Jesper!AJ$2:AJ$366,ROUNDDOWN($C1011/24,0)+1,1))-1)+IF('Standard Profiles'!$G$20=$B$10,7,0)+IF('Standard Profiles'!$G$20=$B$17,14,0)+IF('Standard Profiles'!$G$20=$B$24,21,0),MOD($C1011,24)+1)/SUM(INDEX($D$3:$AA$30,INDEX(Jesper!$R$2:$R$366,ROW(INDEX(Jesper!AJ$2:AJ$366,ROUNDDOWN($C1011/24,0)+1,1))-1)+IF('Standard Profiles'!$G$20=$B$10,7,0)+IF('Standard Profiles'!$G$20=$B$17,14,0)+IF('Standard Profiles'!$G$20=$B$24,21,0),0)),0)</f>
        <v>0</v>
      </c>
      <c r="G1011" cm="1">
        <f t="array" ref="G1011">IFERROR(INDEX(Jesper!AK$2:AK$366,ROUNDDOWN($C1011/24,0)+1,1)*INDEX($D$3:$AA$30,INDEX(Jesper!$R$2:$R$366,ROW(INDEX(Jesper!AK$2:AK$366,ROUNDDOWN($C1011/24,0)+1,1))-1)+IF('Standard Profiles'!$G$21=$B$10,7,0)+IF('Standard Profiles'!$G$21=$B$17,14,0)+IF('Standard Profiles'!$G$21=$B$24,21,0),MOD($C1011,24)+1)/SUM(INDEX($D$3:$AA$30,INDEX(Jesper!$R$2:$R$366,ROW(INDEX(Jesper!AK$2:AK$366,ROUNDDOWN($C1011/24,0)+1,1))-1)+IF('Standard Profiles'!$G$21=$B$10,7,0)+IF('Standard Profiles'!$G$21=$B$17,14,0)+IF('Standard Profiles'!$G$21=$B$24,21,0),0)),0)</f>
        <v>28.879932723826609</v>
      </c>
      <c r="H1011" cm="1">
        <f t="array" ref="H1011">IFERROR(INDEX(Jesper!AL$2:AL$366,ROUNDDOWN($C1011/24,0)+1,1)*INDEX($D$3:$AA$30,INDEX(Jesper!$R$2:$R$366,ROW(INDEX(Jesper!AL$2:AL$366,ROUNDDOWN($C1011/24,0)+1,1))-1)+IF('Standard Profiles'!$G$22=$B$10,7,0)+IF('Standard Profiles'!$G$22=$B$17,14,0)+IF('Standard Profiles'!$G$22=$B$24,21,0),MOD($C1011,24)+1)/SUM(INDEX($D$3:$AA$30,INDEX(Jesper!$R$2:$R$366,ROW(INDEX(Jesper!AL$2:AL$366,ROUNDDOWN($C1011/24,0)+1,1))-1)+IF('Standard Profiles'!$G$22=$B$10,7,0)+IF('Standard Profiles'!$G$22=$B$17,14,0)+IF('Standard Profiles'!$G$22=$B$24,21,0),0)),0)</f>
        <v>0</v>
      </c>
      <c r="I1011">
        <f t="shared" si="125"/>
        <v>13.862367707436766</v>
      </c>
      <c r="J1011">
        <f t="shared" si="126"/>
        <v>35.261460749981651</v>
      </c>
      <c r="K1011">
        <f t="shared" si="127"/>
        <v>1.0174215314445372</v>
      </c>
      <c r="L1011">
        <f t="shared" si="128"/>
        <v>0.50871076572226859</v>
      </c>
      <c r="M1011">
        <f t="shared" si="129"/>
        <v>0</v>
      </c>
      <c r="N1011" s="45">
        <f t="shared" si="130"/>
        <v>44967.708333330964</v>
      </c>
    </row>
    <row r="1012" spans="2:14" x14ac:dyDescent="0.25">
      <c r="B1012">
        <f t="shared" si="124"/>
        <v>5</v>
      </c>
      <c r="C1012" s="16">
        <v>978</v>
      </c>
      <c r="D1012" cm="1">
        <f t="array" ref="D1012">IFERROR(INDEX(Jesper!AH$2:AH$366,ROUNDDOWN($C1012/24,0)+1,1)*INDEX($D$3:$AA$30,INDEX(Jesper!$R$2:$R$366,ROW(INDEX(Jesper!AH$2:AH$366,ROUNDDOWN($C1012/24,0)+1,1))-1)+IF('Standard Profiles'!$G$18=$B$10,7,0)+IF('Standard Profiles'!$G$18=$B$17,14,0)+IF('Standard Profiles'!$G$18=$B$24,21,0),MOD($C1012,24)+1)/SUM(INDEX($D$3:$AA$30,INDEX(Jesper!$R$2:$R$366,ROW(INDEX(Jesper!AH$2:AH$366,ROUNDDOWN($C1012/24,0)+1,1))-1)+IF('Standard Profiles'!$G$18=$B$10,7,0)+IF('Standard Profiles'!$G$18=$B$17,14,0)+IF('Standard Profiles'!$G$18=$B$24,21,0),0)),0)</f>
        <v>6.0698443637316135</v>
      </c>
      <c r="E1012" cm="1">
        <f t="array" ref="E1012">IFERROR(INDEX(Jesper!AI$2:AI$366,ROUNDDOWN($C1012/24,0)+1,1)*INDEX($D$3:$AA$30,INDEX(Jesper!$R$2:$R$366,ROW(INDEX(Jesper!AI$2:AI$366,ROUNDDOWN($C1012/24,0)+1,1))-1)+IF('Standard Profiles'!$G$19=$B$10,7,0)+IF('Standard Profiles'!$G$19=$B$17,14,0)+IF('Standard Profiles'!$G$19=$B$24,21,0),MOD($C1012,24)+1)/SUM(INDEX($D$3:$AA$30,INDEX(Jesper!$R$2:$R$366,ROW(INDEX(Jesper!AI$2:AI$366,ROUNDDOWN($C1012/24,0)+1,1))-1)+IF('Standard Profiles'!$G$19=$B$10,7,0)+IF('Standard Profiles'!$G$19=$B$17,14,0)+IF('Standard Profiles'!$G$19=$B$24,21,0),0)),0)</f>
        <v>7.7838098376602289</v>
      </c>
      <c r="F1012" cm="1">
        <f t="array" ref="F1012">IFERROR(INDEX(Jesper!AJ$2:AJ$366,ROUNDDOWN($C1012/24,0)+1,1)*INDEX($D$3:$AA$30,INDEX(Jesper!$R$2:$R$366,ROW(INDEX(Jesper!AJ$2:AJ$366,ROUNDDOWN($C1012/24,0)+1,1))-1)+IF('Standard Profiles'!$G$20=$B$10,7,0)+IF('Standard Profiles'!$G$20=$B$17,14,0)+IF('Standard Profiles'!$G$20=$B$24,21,0),MOD($C1012,24)+1)/SUM(INDEX($D$3:$AA$30,INDEX(Jesper!$R$2:$R$366,ROW(INDEX(Jesper!AJ$2:AJ$366,ROUNDDOWN($C1012/24,0)+1,1))-1)+IF('Standard Profiles'!$G$20=$B$10,7,0)+IF('Standard Profiles'!$G$20=$B$17,14,0)+IF('Standard Profiles'!$G$20=$B$24,21,0),0)),0)</f>
        <v>0</v>
      </c>
      <c r="G1012" cm="1">
        <f t="array" ref="G1012">IFERROR(INDEX(Jesper!AK$2:AK$366,ROUNDDOWN($C1012/24,0)+1,1)*INDEX($D$3:$AA$30,INDEX(Jesper!$R$2:$R$366,ROW(INDEX(Jesper!AK$2:AK$366,ROUNDDOWN($C1012/24,0)+1,1))-1)+IF('Standard Profiles'!$G$21=$B$10,7,0)+IF('Standard Profiles'!$G$21=$B$17,14,0)+IF('Standard Profiles'!$G$21=$B$24,21,0),MOD($C1012,24)+1)/SUM(INDEX($D$3:$AA$30,INDEX(Jesper!$R$2:$R$366,ROW(INDEX(Jesper!AK$2:AK$366,ROUNDDOWN($C1012/24,0)+1,1))-1)+IF('Standard Profiles'!$G$21=$B$10,7,0)+IF('Standard Profiles'!$G$21=$B$17,14,0)+IF('Standard Profiles'!$G$21=$B$24,21,0),0)),0)</f>
        <v>10.65807040998363</v>
      </c>
      <c r="H1012" cm="1">
        <f t="array" ref="H1012">IFERROR(INDEX(Jesper!AL$2:AL$366,ROUNDDOWN($C1012/24,0)+1,1)*INDEX($D$3:$AA$30,INDEX(Jesper!$R$2:$R$366,ROW(INDEX(Jesper!AL$2:AL$366,ROUNDDOWN($C1012/24,0)+1,1))-1)+IF('Standard Profiles'!$G$22=$B$10,7,0)+IF('Standard Profiles'!$G$22=$B$17,14,0)+IF('Standard Profiles'!$G$22=$B$24,21,0),MOD($C1012,24)+1)/SUM(INDEX($D$3:$AA$30,INDEX(Jesper!$R$2:$R$366,ROW(INDEX(Jesper!AL$2:AL$366,ROUNDDOWN($C1012/24,0)+1,1))-1)+IF('Standard Profiles'!$G$22=$B$10,7,0)+IF('Standard Profiles'!$G$22=$B$17,14,0)+IF('Standard Profiles'!$G$22=$B$24,21,0),0)),0)</f>
        <v>0</v>
      </c>
      <c r="I1012">
        <f t="shared" si="125"/>
        <v>5.1158737967921395</v>
      </c>
      <c r="J1012">
        <f t="shared" si="126"/>
        <v>18.424675716386275</v>
      </c>
      <c r="K1012">
        <f t="shared" si="127"/>
        <v>0.64745006546470552</v>
      </c>
      <c r="L1012">
        <f t="shared" si="128"/>
        <v>0.32372503273235276</v>
      </c>
      <c r="M1012">
        <f t="shared" si="129"/>
        <v>0</v>
      </c>
      <c r="N1012" s="45">
        <f t="shared" si="130"/>
        <v>44967.749999997628</v>
      </c>
    </row>
    <row r="1013" spans="2:14" x14ac:dyDescent="0.25">
      <c r="B1013">
        <f t="shared" si="124"/>
        <v>5</v>
      </c>
      <c r="C1013" s="16">
        <v>979</v>
      </c>
      <c r="D1013" cm="1">
        <f t="array" ref="D1013">IFERROR(INDEX(Jesper!AH$2:AH$366,ROUNDDOWN($C1013/24,0)+1,1)*INDEX($D$3:$AA$30,INDEX(Jesper!$R$2:$R$366,ROW(INDEX(Jesper!AH$2:AH$366,ROUNDDOWN($C1013/24,0)+1,1))-1)+IF('Standard Profiles'!$G$18=$B$10,7,0)+IF('Standard Profiles'!$G$18=$B$17,14,0)+IF('Standard Profiles'!$G$18=$B$24,21,0),MOD($C1013,24)+1)/SUM(INDEX($D$3:$AA$30,INDEX(Jesper!$R$2:$R$366,ROW(INDEX(Jesper!AH$2:AH$366,ROUNDDOWN($C1013/24,0)+1,1))-1)+IF('Standard Profiles'!$G$18=$B$10,7,0)+IF('Standard Profiles'!$G$18=$B$17,14,0)+IF('Standard Profiles'!$G$18=$B$24,21,0),0)),0)</f>
        <v>5.7808041559348702</v>
      </c>
      <c r="E1013" cm="1">
        <f t="array" ref="E1013">IFERROR(INDEX(Jesper!AI$2:AI$366,ROUNDDOWN($C1013/24,0)+1,1)*INDEX($D$3:$AA$30,INDEX(Jesper!$R$2:$R$366,ROW(INDEX(Jesper!AI$2:AI$366,ROUNDDOWN($C1013/24,0)+1,1))-1)+IF('Standard Profiles'!$G$19=$B$10,7,0)+IF('Standard Profiles'!$G$19=$B$17,14,0)+IF('Standard Profiles'!$G$19=$B$24,21,0),MOD($C1013,24)+1)/SUM(INDEX($D$3:$AA$30,INDEX(Jesper!$R$2:$R$366,ROW(INDEX(Jesper!AI$2:AI$366,ROUNDDOWN($C1013/24,0)+1,1))-1)+IF('Standard Profiles'!$G$19=$B$10,7,0)+IF('Standard Profiles'!$G$19=$B$17,14,0)+IF('Standard Profiles'!$G$19=$B$24,21,0),0)),0)</f>
        <v>7.4131522263430769</v>
      </c>
      <c r="F1013" cm="1">
        <f t="array" ref="F1013">IFERROR(INDEX(Jesper!AJ$2:AJ$366,ROUNDDOWN($C1013/24,0)+1,1)*INDEX($D$3:$AA$30,INDEX(Jesper!$R$2:$R$366,ROW(INDEX(Jesper!AJ$2:AJ$366,ROUNDDOWN($C1013/24,0)+1,1))-1)+IF('Standard Profiles'!$G$20=$B$10,7,0)+IF('Standard Profiles'!$G$20=$B$17,14,0)+IF('Standard Profiles'!$G$20=$B$24,21,0),MOD($C1013,24)+1)/SUM(INDEX($D$3:$AA$30,INDEX(Jesper!$R$2:$R$366,ROW(INDEX(Jesper!AJ$2:AJ$366,ROUNDDOWN($C1013/24,0)+1,1))-1)+IF('Standard Profiles'!$G$20=$B$10,7,0)+IF('Standard Profiles'!$G$20=$B$17,14,0)+IF('Standard Profiles'!$G$20=$B$24,21,0),0)),0)</f>
        <v>0</v>
      </c>
      <c r="G1013" cm="1">
        <f t="array" ref="G1013">IFERROR(INDEX(Jesper!AK$2:AK$366,ROUNDDOWN($C1013/24,0)+1,1)*INDEX($D$3:$AA$30,INDEX(Jesper!$R$2:$R$366,ROW(INDEX(Jesper!AK$2:AK$366,ROUNDDOWN($C1013/24,0)+1,1))-1)+IF('Standard Profiles'!$G$21=$B$10,7,0)+IF('Standard Profiles'!$G$21=$B$17,14,0)+IF('Standard Profiles'!$G$21=$B$24,21,0),MOD($C1013,24)+1)/SUM(INDEX($D$3:$AA$30,INDEX(Jesper!$R$2:$R$366,ROW(INDEX(Jesper!AK$2:AK$366,ROUNDDOWN($C1013/24,0)+1,1))-1)+IF('Standard Profiles'!$G$21=$B$10,7,0)+IF('Standard Profiles'!$G$21=$B$17,14,0)+IF('Standard Profiles'!$G$21=$B$24,21,0),0)),0)</f>
        <v>10.65807040998363</v>
      </c>
      <c r="H1013" cm="1">
        <f t="array" ref="H1013">IFERROR(INDEX(Jesper!AL$2:AL$366,ROUNDDOWN($C1013/24,0)+1,1)*INDEX($D$3:$AA$30,INDEX(Jesper!$R$2:$R$366,ROW(INDEX(Jesper!AL$2:AL$366,ROUNDDOWN($C1013/24,0)+1,1))-1)+IF('Standard Profiles'!$G$22=$B$10,7,0)+IF('Standard Profiles'!$G$22=$B$17,14,0)+IF('Standard Profiles'!$G$22=$B$24,21,0),MOD($C1013,24)+1)/SUM(INDEX($D$3:$AA$30,INDEX(Jesper!$R$2:$R$366,ROW(INDEX(Jesper!AL$2:AL$366,ROUNDDOWN($C1013/24,0)+1,1))-1)+IF('Standard Profiles'!$G$22=$B$10,7,0)+IF('Standard Profiles'!$G$22=$B$17,14,0)+IF('Standard Profiles'!$G$22=$B$24,21,0),0)),0)</f>
        <v>0</v>
      </c>
      <c r="I1013">
        <f t="shared" si="125"/>
        <v>5.1158737967921395</v>
      </c>
      <c r="J1013">
        <f t="shared" si="126"/>
        <v>17.811224330519856</v>
      </c>
      <c r="K1013">
        <f t="shared" si="127"/>
        <v>0.61661910996638625</v>
      </c>
      <c r="L1013">
        <f t="shared" si="128"/>
        <v>0.30830955498319312</v>
      </c>
      <c r="M1013">
        <f t="shared" si="129"/>
        <v>0</v>
      </c>
      <c r="N1013" s="45">
        <f t="shared" si="130"/>
        <v>44967.791666664292</v>
      </c>
    </row>
    <row r="1014" spans="2:14" x14ac:dyDescent="0.25">
      <c r="B1014">
        <f t="shared" si="124"/>
        <v>5</v>
      </c>
      <c r="C1014" s="16">
        <v>980</v>
      </c>
      <c r="D1014" cm="1">
        <f t="array" ref="D1014">IFERROR(INDEX(Jesper!AH$2:AH$366,ROUNDDOWN($C1014/24,0)+1,1)*INDEX($D$3:$AA$30,INDEX(Jesper!$R$2:$R$366,ROW(INDEX(Jesper!AH$2:AH$366,ROUNDDOWN($C1014/24,0)+1,1))-1)+IF('Standard Profiles'!$G$18=$B$10,7,0)+IF('Standard Profiles'!$G$18=$B$17,14,0)+IF('Standard Profiles'!$G$18=$B$24,21,0),MOD($C1014,24)+1)/SUM(INDEX($D$3:$AA$30,INDEX(Jesper!$R$2:$R$366,ROW(INDEX(Jesper!AH$2:AH$366,ROUNDDOWN($C1014/24,0)+1,1))-1)+IF('Standard Profiles'!$G$18=$B$10,7,0)+IF('Standard Profiles'!$G$18=$B$17,14,0)+IF('Standard Profiles'!$G$18=$B$24,21,0),0)),0)</f>
        <v>5.7808041559348702</v>
      </c>
      <c r="E1014" cm="1">
        <f t="array" ref="E1014">IFERROR(INDEX(Jesper!AI$2:AI$366,ROUNDDOWN($C1014/24,0)+1,1)*INDEX($D$3:$AA$30,INDEX(Jesper!$R$2:$R$366,ROW(INDEX(Jesper!AI$2:AI$366,ROUNDDOWN($C1014/24,0)+1,1))-1)+IF('Standard Profiles'!$G$19=$B$10,7,0)+IF('Standard Profiles'!$G$19=$B$17,14,0)+IF('Standard Profiles'!$G$19=$B$24,21,0),MOD($C1014,24)+1)/SUM(INDEX($D$3:$AA$30,INDEX(Jesper!$R$2:$R$366,ROW(INDEX(Jesper!AI$2:AI$366,ROUNDDOWN($C1014/24,0)+1,1))-1)+IF('Standard Profiles'!$G$19=$B$10,7,0)+IF('Standard Profiles'!$G$19=$B$17,14,0)+IF('Standard Profiles'!$G$19=$B$24,21,0),0)),0)</f>
        <v>7.4131522263430769</v>
      </c>
      <c r="F1014" cm="1">
        <f t="array" ref="F1014">IFERROR(INDEX(Jesper!AJ$2:AJ$366,ROUNDDOWN($C1014/24,0)+1,1)*INDEX($D$3:$AA$30,INDEX(Jesper!$R$2:$R$366,ROW(INDEX(Jesper!AJ$2:AJ$366,ROUNDDOWN($C1014/24,0)+1,1))-1)+IF('Standard Profiles'!$G$20=$B$10,7,0)+IF('Standard Profiles'!$G$20=$B$17,14,0)+IF('Standard Profiles'!$G$20=$B$24,21,0),MOD($C1014,24)+1)/SUM(INDEX($D$3:$AA$30,INDEX(Jesper!$R$2:$R$366,ROW(INDEX(Jesper!AJ$2:AJ$366,ROUNDDOWN($C1014/24,0)+1,1))-1)+IF('Standard Profiles'!$G$20=$B$10,7,0)+IF('Standard Profiles'!$G$20=$B$17,14,0)+IF('Standard Profiles'!$G$20=$B$24,21,0),0)),0)</f>
        <v>0</v>
      </c>
      <c r="G1014" cm="1">
        <f t="array" ref="G1014">IFERROR(INDEX(Jesper!AK$2:AK$366,ROUNDDOWN($C1014/24,0)+1,1)*INDEX($D$3:$AA$30,INDEX(Jesper!$R$2:$R$366,ROW(INDEX(Jesper!AK$2:AK$366,ROUNDDOWN($C1014/24,0)+1,1))-1)+IF('Standard Profiles'!$G$21=$B$10,7,0)+IF('Standard Profiles'!$G$21=$B$17,14,0)+IF('Standard Profiles'!$G$21=$B$24,21,0),MOD($C1014,24)+1)/SUM(INDEX($D$3:$AA$30,INDEX(Jesper!$R$2:$R$366,ROW(INDEX(Jesper!AK$2:AK$366,ROUNDDOWN($C1014/24,0)+1,1))-1)+IF('Standard Profiles'!$G$21=$B$10,7,0)+IF('Standard Profiles'!$G$21=$B$17,14,0)+IF('Standard Profiles'!$G$21=$B$24,21,0),0)),0)</f>
        <v>10.65807040998363</v>
      </c>
      <c r="H1014" cm="1">
        <f t="array" ref="H1014">IFERROR(INDEX(Jesper!AL$2:AL$366,ROUNDDOWN($C1014/24,0)+1,1)*INDEX($D$3:$AA$30,INDEX(Jesper!$R$2:$R$366,ROW(INDEX(Jesper!AL$2:AL$366,ROUNDDOWN($C1014/24,0)+1,1))-1)+IF('Standard Profiles'!$G$22=$B$10,7,0)+IF('Standard Profiles'!$G$22=$B$17,14,0)+IF('Standard Profiles'!$G$22=$B$24,21,0),MOD($C1014,24)+1)/SUM(INDEX($D$3:$AA$30,INDEX(Jesper!$R$2:$R$366,ROW(INDEX(Jesper!AL$2:AL$366,ROUNDDOWN($C1014/24,0)+1,1))-1)+IF('Standard Profiles'!$G$22=$B$10,7,0)+IF('Standard Profiles'!$G$22=$B$17,14,0)+IF('Standard Profiles'!$G$22=$B$24,21,0),0)),0)</f>
        <v>0</v>
      </c>
      <c r="I1014">
        <f t="shared" si="125"/>
        <v>5.1158737967921395</v>
      </c>
      <c r="J1014">
        <f t="shared" si="126"/>
        <v>17.811224330519856</v>
      </c>
      <c r="K1014">
        <f t="shared" si="127"/>
        <v>0.61661910996638625</v>
      </c>
      <c r="L1014">
        <f t="shared" si="128"/>
        <v>0.30830955498319312</v>
      </c>
      <c r="M1014">
        <f t="shared" si="129"/>
        <v>0</v>
      </c>
      <c r="N1014" s="45">
        <f t="shared" si="130"/>
        <v>44967.833333330957</v>
      </c>
    </row>
    <row r="1015" spans="2:14" x14ac:dyDescent="0.25">
      <c r="B1015">
        <f t="shared" si="124"/>
        <v>5</v>
      </c>
      <c r="C1015" s="16">
        <v>981</v>
      </c>
      <c r="D1015" cm="1">
        <f t="array" ref="D1015">IFERROR(INDEX(Jesper!AH$2:AH$366,ROUNDDOWN($C1015/24,0)+1,1)*INDEX($D$3:$AA$30,INDEX(Jesper!$R$2:$R$366,ROW(INDEX(Jesper!AH$2:AH$366,ROUNDDOWN($C1015/24,0)+1,1))-1)+IF('Standard Profiles'!$G$18=$B$10,7,0)+IF('Standard Profiles'!$G$18=$B$17,14,0)+IF('Standard Profiles'!$G$18=$B$24,21,0),MOD($C1015,24)+1)/SUM(INDEX($D$3:$AA$30,INDEX(Jesper!$R$2:$R$366,ROW(INDEX(Jesper!AH$2:AH$366,ROUNDDOWN($C1015/24,0)+1,1))-1)+IF('Standard Profiles'!$G$18=$B$10,7,0)+IF('Standard Profiles'!$G$18=$B$17,14,0)+IF('Standard Profiles'!$G$18=$B$24,21,0),0)),0)</f>
        <v>5.7808041559348702</v>
      </c>
      <c r="E1015" cm="1">
        <f t="array" ref="E1015">IFERROR(INDEX(Jesper!AI$2:AI$366,ROUNDDOWN($C1015/24,0)+1,1)*INDEX($D$3:$AA$30,INDEX(Jesper!$R$2:$R$366,ROW(INDEX(Jesper!AI$2:AI$366,ROUNDDOWN($C1015/24,0)+1,1))-1)+IF('Standard Profiles'!$G$19=$B$10,7,0)+IF('Standard Profiles'!$G$19=$B$17,14,0)+IF('Standard Profiles'!$G$19=$B$24,21,0),MOD($C1015,24)+1)/SUM(INDEX($D$3:$AA$30,INDEX(Jesper!$R$2:$R$366,ROW(INDEX(Jesper!AI$2:AI$366,ROUNDDOWN($C1015/24,0)+1,1))-1)+IF('Standard Profiles'!$G$19=$B$10,7,0)+IF('Standard Profiles'!$G$19=$B$17,14,0)+IF('Standard Profiles'!$G$19=$B$24,21,0),0)),0)</f>
        <v>7.4131522263430769</v>
      </c>
      <c r="F1015" cm="1">
        <f t="array" ref="F1015">IFERROR(INDEX(Jesper!AJ$2:AJ$366,ROUNDDOWN($C1015/24,0)+1,1)*INDEX($D$3:$AA$30,INDEX(Jesper!$R$2:$R$366,ROW(INDEX(Jesper!AJ$2:AJ$366,ROUNDDOWN($C1015/24,0)+1,1))-1)+IF('Standard Profiles'!$G$20=$B$10,7,0)+IF('Standard Profiles'!$G$20=$B$17,14,0)+IF('Standard Profiles'!$G$20=$B$24,21,0),MOD($C1015,24)+1)/SUM(INDEX($D$3:$AA$30,INDEX(Jesper!$R$2:$R$366,ROW(INDEX(Jesper!AJ$2:AJ$366,ROUNDDOWN($C1015/24,0)+1,1))-1)+IF('Standard Profiles'!$G$20=$B$10,7,0)+IF('Standard Profiles'!$G$20=$B$17,14,0)+IF('Standard Profiles'!$G$20=$B$24,21,0),0)),0)</f>
        <v>0</v>
      </c>
      <c r="G1015" cm="1">
        <f t="array" ref="G1015">IFERROR(INDEX(Jesper!AK$2:AK$366,ROUNDDOWN($C1015/24,0)+1,1)*INDEX($D$3:$AA$30,INDEX(Jesper!$R$2:$R$366,ROW(INDEX(Jesper!AK$2:AK$366,ROUNDDOWN($C1015/24,0)+1,1))-1)+IF('Standard Profiles'!$G$21=$B$10,7,0)+IF('Standard Profiles'!$G$21=$B$17,14,0)+IF('Standard Profiles'!$G$21=$B$24,21,0),MOD($C1015,24)+1)/SUM(INDEX($D$3:$AA$30,INDEX(Jesper!$R$2:$R$366,ROW(INDEX(Jesper!AK$2:AK$366,ROUNDDOWN($C1015/24,0)+1,1))-1)+IF('Standard Profiles'!$G$21=$B$10,7,0)+IF('Standard Profiles'!$G$21=$B$17,14,0)+IF('Standard Profiles'!$G$21=$B$24,21,0),0)),0)</f>
        <v>10.65807040998363</v>
      </c>
      <c r="H1015" cm="1">
        <f t="array" ref="H1015">IFERROR(INDEX(Jesper!AL$2:AL$366,ROUNDDOWN($C1015/24,0)+1,1)*INDEX($D$3:$AA$30,INDEX(Jesper!$R$2:$R$366,ROW(INDEX(Jesper!AL$2:AL$366,ROUNDDOWN($C1015/24,0)+1,1))-1)+IF('Standard Profiles'!$G$22=$B$10,7,0)+IF('Standard Profiles'!$G$22=$B$17,14,0)+IF('Standard Profiles'!$G$22=$B$24,21,0),MOD($C1015,24)+1)/SUM(INDEX($D$3:$AA$30,INDEX(Jesper!$R$2:$R$366,ROW(INDEX(Jesper!AL$2:AL$366,ROUNDDOWN($C1015/24,0)+1,1))-1)+IF('Standard Profiles'!$G$22=$B$10,7,0)+IF('Standard Profiles'!$G$22=$B$17,14,0)+IF('Standard Profiles'!$G$22=$B$24,21,0),0)),0)</f>
        <v>0</v>
      </c>
      <c r="I1015">
        <f t="shared" si="125"/>
        <v>5.1158737967921395</v>
      </c>
      <c r="J1015">
        <f t="shared" si="126"/>
        <v>17.811224330519856</v>
      </c>
      <c r="K1015">
        <f t="shared" si="127"/>
        <v>0.61661910996638625</v>
      </c>
      <c r="L1015">
        <f t="shared" si="128"/>
        <v>0.30830955498319312</v>
      </c>
      <c r="M1015">
        <f t="shared" si="129"/>
        <v>0</v>
      </c>
      <c r="N1015" s="45">
        <f t="shared" si="130"/>
        <v>44967.874999997621</v>
      </c>
    </row>
    <row r="1016" spans="2:14" x14ac:dyDescent="0.25">
      <c r="B1016">
        <f t="shared" si="124"/>
        <v>5</v>
      </c>
      <c r="C1016" s="16">
        <v>982</v>
      </c>
      <c r="D1016" cm="1">
        <f t="array" ref="D1016">IFERROR(INDEX(Jesper!AH$2:AH$366,ROUNDDOWN($C1016/24,0)+1,1)*INDEX($D$3:$AA$30,INDEX(Jesper!$R$2:$R$366,ROW(INDEX(Jesper!AH$2:AH$366,ROUNDDOWN($C1016/24,0)+1,1))-1)+IF('Standard Profiles'!$G$18=$B$10,7,0)+IF('Standard Profiles'!$G$18=$B$17,14,0)+IF('Standard Profiles'!$G$18=$B$24,21,0),MOD($C1016,24)+1)/SUM(INDEX($D$3:$AA$30,INDEX(Jesper!$R$2:$R$366,ROW(INDEX(Jesper!AH$2:AH$366,ROUNDDOWN($C1016/24,0)+1,1))-1)+IF('Standard Profiles'!$G$18=$B$10,7,0)+IF('Standard Profiles'!$G$18=$B$17,14,0)+IF('Standard Profiles'!$G$18=$B$24,21,0),0)),0)</f>
        <v>5.7808041559348702</v>
      </c>
      <c r="E1016" cm="1">
        <f t="array" ref="E1016">IFERROR(INDEX(Jesper!AI$2:AI$366,ROUNDDOWN($C1016/24,0)+1,1)*INDEX($D$3:$AA$30,INDEX(Jesper!$R$2:$R$366,ROW(INDEX(Jesper!AI$2:AI$366,ROUNDDOWN($C1016/24,0)+1,1))-1)+IF('Standard Profiles'!$G$19=$B$10,7,0)+IF('Standard Profiles'!$G$19=$B$17,14,0)+IF('Standard Profiles'!$G$19=$B$24,21,0),MOD($C1016,24)+1)/SUM(INDEX($D$3:$AA$30,INDEX(Jesper!$R$2:$R$366,ROW(INDEX(Jesper!AI$2:AI$366,ROUNDDOWN($C1016/24,0)+1,1))-1)+IF('Standard Profiles'!$G$19=$B$10,7,0)+IF('Standard Profiles'!$G$19=$B$17,14,0)+IF('Standard Profiles'!$G$19=$B$24,21,0),0)),0)</f>
        <v>7.4131522263430769</v>
      </c>
      <c r="F1016" cm="1">
        <f t="array" ref="F1016">IFERROR(INDEX(Jesper!AJ$2:AJ$366,ROUNDDOWN($C1016/24,0)+1,1)*INDEX($D$3:$AA$30,INDEX(Jesper!$R$2:$R$366,ROW(INDEX(Jesper!AJ$2:AJ$366,ROUNDDOWN($C1016/24,0)+1,1))-1)+IF('Standard Profiles'!$G$20=$B$10,7,0)+IF('Standard Profiles'!$G$20=$B$17,14,0)+IF('Standard Profiles'!$G$20=$B$24,21,0),MOD($C1016,24)+1)/SUM(INDEX($D$3:$AA$30,INDEX(Jesper!$R$2:$R$366,ROW(INDEX(Jesper!AJ$2:AJ$366,ROUNDDOWN($C1016/24,0)+1,1))-1)+IF('Standard Profiles'!$G$20=$B$10,7,0)+IF('Standard Profiles'!$G$20=$B$17,14,0)+IF('Standard Profiles'!$G$20=$B$24,21,0),0)),0)</f>
        <v>0</v>
      </c>
      <c r="G1016" cm="1">
        <f t="array" ref="G1016">IFERROR(INDEX(Jesper!AK$2:AK$366,ROUNDDOWN($C1016/24,0)+1,1)*INDEX($D$3:$AA$30,INDEX(Jesper!$R$2:$R$366,ROW(INDEX(Jesper!AK$2:AK$366,ROUNDDOWN($C1016/24,0)+1,1))-1)+IF('Standard Profiles'!$G$21=$B$10,7,0)+IF('Standard Profiles'!$G$21=$B$17,14,0)+IF('Standard Profiles'!$G$21=$B$24,21,0),MOD($C1016,24)+1)/SUM(INDEX($D$3:$AA$30,INDEX(Jesper!$R$2:$R$366,ROW(INDEX(Jesper!AK$2:AK$366,ROUNDDOWN($C1016/24,0)+1,1))-1)+IF('Standard Profiles'!$G$21=$B$10,7,0)+IF('Standard Profiles'!$G$21=$B$17,14,0)+IF('Standard Profiles'!$G$21=$B$24,21,0),0)),0)</f>
        <v>10.65807040998363</v>
      </c>
      <c r="H1016" cm="1">
        <f t="array" ref="H1016">IFERROR(INDEX(Jesper!AL$2:AL$366,ROUNDDOWN($C1016/24,0)+1,1)*INDEX($D$3:$AA$30,INDEX(Jesper!$R$2:$R$366,ROW(INDEX(Jesper!AL$2:AL$366,ROUNDDOWN($C1016/24,0)+1,1))-1)+IF('Standard Profiles'!$G$22=$B$10,7,0)+IF('Standard Profiles'!$G$22=$B$17,14,0)+IF('Standard Profiles'!$G$22=$B$24,21,0),MOD($C1016,24)+1)/SUM(INDEX($D$3:$AA$30,INDEX(Jesper!$R$2:$R$366,ROW(INDEX(Jesper!AL$2:AL$366,ROUNDDOWN($C1016/24,0)+1,1))-1)+IF('Standard Profiles'!$G$22=$B$10,7,0)+IF('Standard Profiles'!$G$22=$B$17,14,0)+IF('Standard Profiles'!$G$22=$B$24,21,0),0)),0)</f>
        <v>0</v>
      </c>
      <c r="I1016">
        <f t="shared" si="125"/>
        <v>5.1158737967921395</v>
      </c>
      <c r="J1016">
        <f t="shared" si="126"/>
        <v>17.811224330519856</v>
      </c>
      <c r="K1016">
        <f t="shared" si="127"/>
        <v>0.61661910996638625</v>
      </c>
      <c r="L1016">
        <f t="shared" si="128"/>
        <v>0.30830955498319312</v>
      </c>
      <c r="M1016">
        <f t="shared" si="129"/>
        <v>0</v>
      </c>
      <c r="N1016" s="45">
        <f t="shared" si="130"/>
        <v>44967.916666664285</v>
      </c>
    </row>
    <row r="1017" spans="2:14" x14ac:dyDescent="0.25">
      <c r="B1017">
        <f t="shared" si="124"/>
        <v>5</v>
      </c>
      <c r="C1017" s="16">
        <v>983</v>
      </c>
      <c r="D1017" cm="1">
        <f t="array" ref="D1017">IFERROR(INDEX(Jesper!AH$2:AH$366,ROUNDDOWN($C1017/24,0)+1,1)*INDEX($D$3:$AA$30,INDEX(Jesper!$R$2:$R$366,ROW(INDEX(Jesper!AH$2:AH$366,ROUNDDOWN($C1017/24,0)+1,1))-1)+IF('Standard Profiles'!$G$18=$B$10,7,0)+IF('Standard Profiles'!$G$18=$B$17,14,0)+IF('Standard Profiles'!$G$18=$B$24,21,0),MOD($C1017,24)+1)/SUM(INDEX($D$3:$AA$30,INDEX(Jesper!$R$2:$R$366,ROW(INDEX(Jesper!AH$2:AH$366,ROUNDDOWN($C1017/24,0)+1,1))-1)+IF('Standard Profiles'!$G$18=$B$10,7,0)+IF('Standard Profiles'!$G$18=$B$17,14,0)+IF('Standard Profiles'!$G$18=$B$24,21,0),0)),0)</f>
        <v>5.7808041559348702</v>
      </c>
      <c r="E1017" cm="1">
        <f t="array" ref="E1017">IFERROR(INDEX(Jesper!AI$2:AI$366,ROUNDDOWN($C1017/24,0)+1,1)*INDEX($D$3:$AA$30,INDEX(Jesper!$R$2:$R$366,ROW(INDEX(Jesper!AI$2:AI$366,ROUNDDOWN($C1017/24,0)+1,1))-1)+IF('Standard Profiles'!$G$19=$B$10,7,0)+IF('Standard Profiles'!$G$19=$B$17,14,0)+IF('Standard Profiles'!$G$19=$B$24,21,0),MOD($C1017,24)+1)/SUM(INDEX($D$3:$AA$30,INDEX(Jesper!$R$2:$R$366,ROW(INDEX(Jesper!AI$2:AI$366,ROUNDDOWN($C1017/24,0)+1,1))-1)+IF('Standard Profiles'!$G$19=$B$10,7,0)+IF('Standard Profiles'!$G$19=$B$17,14,0)+IF('Standard Profiles'!$G$19=$B$24,21,0),0)),0)</f>
        <v>7.4131522263430769</v>
      </c>
      <c r="F1017" cm="1">
        <f t="array" ref="F1017">IFERROR(INDEX(Jesper!AJ$2:AJ$366,ROUNDDOWN($C1017/24,0)+1,1)*INDEX($D$3:$AA$30,INDEX(Jesper!$R$2:$R$366,ROW(INDEX(Jesper!AJ$2:AJ$366,ROUNDDOWN($C1017/24,0)+1,1))-1)+IF('Standard Profiles'!$G$20=$B$10,7,0)+IF('Standard Profiles'!$G$20=$B$17,14,0)+IF('Standard Profiles'!$G$20=$B$24,21,0),MOD($C1017,24)+1)/SUM(INDEX($D$3:$AA$30,INDEX(Jesper!$R$2:$R$366,ROW(INDEX(Jesper!AJ$2:AJ$366,ROUNDDOWN($C1017/24,0)+1,1))-1)+IF('Standard Profiles'!$G$20=$B$10,7,0)+IF('Standard Profiles'!$G$20=$B$17,14,0)+IF('Standard Profiles'!$G$20=$B$24,21,0),0)),0)</f>
        <v>0</v>
      </c>
      <c r="G1017" cm="1">
        <f t="array" ref="G1017">IFERROR(INDEX(Jesper!AK$2:AK$366,ROUNDDOWN($C1017/24,0)+1,1)*INDEX($D$3:$AA$30,INDEX(Jesper!$R$2:$R$366,ROW(INDEX(Jesper!AK$2:AK$366,ROUNDDOWN($C1017/24,0)+1,1))-1)+IF('Standard Profiles'!$G$21=$B$10,7,0)+IF('Standard Profiles'!$G$21=$B$17,14,0)+IF('Standard Profiles'!$G$21=$B$24,21,0),MOD($C1017,24)+1)/SUM(INDEX($D$3:$AA$30,INDEX(Jesper!$R$2:$R$366,ROW(INDEX(Jesper!AK$2:AK$366,ROUNDDOWN($C1017/24,0)+1,1))-1)+IF('Standard Profiles'!$G$21=$B$10,7,0)+IF('Standard Profiles'!$G$21=$B$17,14,0)+IF('Standard Profiles'!$G$21=$B$24,21,0),0)),0)</f>
        <v>10.65807040998363</v>
      </c>
      <c r="H1017" cm="1">
        <f t="array" ref="H1017">IFERROR(INDEX(Jesper!AL$2:AL$366,ROUNDDOWN($C1017/24,0)+1,1)*INDEX($D$3:$AA$30,INDEX(Jesper!$R$2:$R$366,ROW(INDEX(Jesper!AL$2:AL$366,ROUNDDOWN($C1017/24,0)+1,1))-1)+IF('Standard Profiles'!$G$22=$B$10,7,0)+IF('Standard Profiles'!$G$22=$B$17,14,0)+IF('Standard Profiles'!$G$22=$B$24,21,0),MOD($C1017,24)+1)/SUM(INDEX($D$3:$AA$30,INDEX(Jesper!$R$2:$R$366,ROW(INDEX(Jesper!AL$2:AL$366,ROUNDDOWN($C1017/24,0)+1,1))-1)+IF('Standard Profiles'!$G$22=$B$10,7,0)+IF('Standard Profiles'!$G$22=$B$17,14,0)+IF('Standard Profiles'!$G$22=$B$24,21,0),0)),0)</f>
        <v>0</v>
      </c>
      <c r="I1017">
        <f t="shared" si="125"/>
        <v>5.1158737967921395</v>
      </c>
      <c r="J1017">
        <f t="shared" si="126"/>
        <v>17.811224330519856</v>
      </c>
      <c r="K1017">
        <f t="shared" si="127"/>
        <v>0.61661910996638625</v>
      </c>
      <c r="L1017">
        <f t="shared" si="128"/>
        <v>0.30830955498319312</v>
      </c>
      <c r="M1017">
        <f t="shared" si="129"/>
        <v>0</v>
      </c>
      <c r="N1017" s="45">
        <f t="shared" si="130"/>
        <v>44967.958333330949</v>
      </c>
    </row>
    <row r="1018" spans="2:14" x14ac:dyDescent="0.25">
      <c r="B1018">
        <f t="shared" si="124"/>
        <v>6</v>
      </c>
      <c r="C1018" s="16">
        <v>984</v>
      </c>
      <c r="D1018" cm="1">
        <f t="array" ref="D1018">IFERROR(INDEX(Jesper!AH$2:AH$366,ROUNDDOWN($C1018/24,0)+1,1)*INDEX($D$3:$AA$30,INDEX(Jesper!$R$2:$R$366,ROW(INDEX(Jesper!AH$2:AH$366,ROUNDDOWN($C1018/24,0)+1,1))-1)+IF('Standard Profiles'!$G$18=$B$10,7,0)+IF('Standard Profiles'!$G$18=$B$17,14,0)+IF('Standard Profiles'!$G$18=$B$24,21,0),MOD($C1018,24)+1)/SUM(INDEX($D$3:$AA$30,INDEX(Jesper!$R$2:$R$366,ROW(INDEX(Jesper!AH$2:AH$366,ROUNDDOWN($C1018/24,0)+1,1))-1)+IF('Standard Profiles'!$G$18=$B$10,7,0)+IF('Standard Profiles'!$G$18=$B$17,14,0)+IF('Standard Profiles'!$G$18=$B$24,21,0),0)),0)</f>
        <v>0</v>
      </c>
      <c r="E1018" cm="1">
        <f t="array" ref="E1018">IFERROR(INDEX(Jesper!AI$2:AI$366,ROUNDDOWN($C1018/24,0)+1,1)*INDEX($D$3:$AA$30,INDEX(Jesper!$R$2:$R$366,ROW(INDEX(Jesper!AI$2:AI$366,ROUNDDOWN($C1018/24,0)+1,1))-1)+IF('Standard Profiles'!$G$19=$B$10,7,0)+IF('Standard Profiles'!$G$19=$B$17,14,0)+IF('Standard Profiles'!$G$19=$B$24,21,0),MOD($C1018,24)+1)/SUM(INDEX($D$3:$AA$30,INDEX(Jesper!$R$2:$R$366,ROW(INDEX(Jesper!AI$2:AI$366,ROUNDDOWN($C1018/24,0)+1,1))-1)+IF('Standard Profiles'!$G$19=$B$10,7,0)+IF('Standard Profiles'!$G$19=$B$17,14,0)+IF('Standard Profiles'!$G$19=$B$24,21,0),0)),0)</f>
        <v>5.6453539187547532</v>
      </c>
      <c r="F1018" cm="1">
        <f t="array" ref="F1018">IFERROR(INDEX(Jesper!AJ$2:AJ$366,ROUNDDOWN($C1018/24,0)+1,1)*INDEX($D$3:$AA$30,INDEX(Jesper!$R$2:$R$366,ROW(INDEX(Jesper!AJ$2:AJ$366,ROUNDDOWN($C1018/24,0)+1,1))-1)+IF('Standard Profiles'!$G$20=$B$10,7,0)+IF('Standard Profiles'!$G$20=$B$17,14,0)+IF('Standard Profiles'!$G$20=$B$24,21,0),MOD($C1018,24)+1)/SUM(INDEX($D$3:$AA$30,INDEX(Jesper!$R$2:$R$366,ROW(INDEX(Jesper!AJ$2:AJ$366,ROUNDDOWN($C1018/24,0)+1,1))-1)+IF('Standard Profiles'!$G$20=$B$10,7,0)+IF('Standard Profiles'!$G$20=$B$17,14,0)+IF('Standard Profiles'!$G$20=$B$24,21,0),0)),0)</f>
        <v>4.7970855449737071</v>
      </c>
      <c r="G1018" cm="1">
        <f t="array" ref="G1018">IFERROR(INDEX(Jesper!AK$2:AK$366,ROUNDDOWN($C1018/24,0)+1,1)*INDEX($D$3:$AA$30,INDEX(Jesper!$R$2:$R$366,ROW(INDEX(Jesper!AK$2:AK$366,ROUNDDOWN($C1018/24,0)+1,1))-1)+IF('Standard Profiles'!$G$21=$B$10,7,0)+IF('Standard Profiles'!$G$21=$B$17,14,0)+IF('Standard Profiles'!$G$21=$B$24,21,0),MOD($C1018,24)+1)/SUM(INDEX($D$3:$AA$30,INDEX(Jesper!$R$2:$R$366,ROW(INDEX(Jesper!AK$2:AK$366,ROUNDDOWN($C1018/24,0)+1,1))-1)+IF('Standard Profiles'!$G$21=$B$10,7,0)+IF('Standard Profiles'!$G$21=$B$17,14,0)+IF('Standard Profiles'!$G$21=$B$24,21,0),0)),0)</f>
        <v>7.0915884512382661</v>
      </c>
      <c r="H1018" cm="1">
        <f t="array" ref="H1018">IFERROR(INDEX(Jesper!AL$2:AL$366,ROUNDDOWN($C1018/24,0)+1,1)*INDEX($D$3:$AA$30,INDEX(Jesper!$R$2:$R$366,ROW(INDEX(Jesper!AL$2:AL$366,ROUNDDOWN($C1018/24,0)+1,1))-1)+IF('Standard Profiles'!$G$22=$B$10,7,0)+IF('Standard Profiles'!$G$22=$B$17,14,0)+IF('Standard Profiles'!$G$22=$B$24,21,0),MOD($C1018,24)+1)/SUM(INDEX($D$3:$AA$30,INDEX(Jesper!$R$2:$R$366,ROW(INDEX(Jesper!AL$2:AL$366,ROUNDDOWN($C1018/24,0)+1,1))-1)+IF('Standard Profiles'!$G$22=$B$10,7,0)+IF('Standard Profiles'!$G$22=$B$17,14,0)+IF('Standard Profiles'!$G$22=$B$24,21,0),0)),0)</f>
        <v>2.0052170377968213</v>
      </c>
      <c r="I1018">
        <f t="shared" si="125"/>
        <v>1.9250083562849494</v>
      </c>
      <c r="J1018">
        <f t="shared" si="126"/>
        <v>16.93679412622803</v>
      </c>
      <c r="K1018">
        <f t="shared" si="127"/>
        <v>0.45162831350038024</v>
      </c>
      <c r="L1018">
        <f t="shared" si="128"/>
        <v>0.22581415675019012</v>
      </c>
      <c r="M1018">
        <f t="shared" si="129"/>
        <v>0</v>
      </c>
      <c r="N1018" s="45">
        <f t="shared" si="130"/>
        <v>44967.999999997613</v>
      </c>
    </row>
    <row r="1019" spans="2:14" x14ac:dyDescent="0.25">
      <c r="B1019">
        <f t="shared" si="124"/>
        <v>6</v>
      </c>
      <c r="C1019" s="16">
        <v>985</v>
      </c>
      <c r="D1019" cm="1">
        <f t="array" ref="D1019">IFERROR(INDEX(Jesper!AH$2:AH$366,ROUNDDOWN($C1019/24,0)+1,1)*INDEX($D$3:$AA$30,INDEX(Jesper!$R$2:$R$366,ROW(INDEX(Jesper!AH$2:AH$366,ROUNDDOWN($C1019/24,0)+1,1))-1)+IF('Standard Profiles'!$G$18=$B$10,7,0)+IF('Standard Profiles'!$G$18=$B$17,14,0)+IF('Standard Profiles'!$G$18=$B$24,21,0),MOD($C1019,24)+1)/SUM(INDEX($D$3:$AA$30,INDEX(Jesper!$R$2:$R$366,ROW(INDEX(Jesper!AH$2:AH$366,ROUNDDOWN($C1019/24,0)+1,1))-1)+IF('Standard Profiles'!$G$18=$B$10,7,0)+IF('Standard Profiles'!$G$18=$B$17,14,0)+IF('Standard Profiles'!$G$18=$B$24,21,0),0)),0)</f>
        <v>0</v>
      </c>
      <c r="E1019" cm="1">
        <f t="array" ref="E1019">IFERROR(INDEX(Jesper!AI$2:AI$366,ROUNDDOWN($C1019/24,0)+1,1)*INDEX($D$3:$AA$30,INDEX(Jesper!$R$2:$R$366,ROW(INDEX(Jesper!AI$2:AI$366,ROUNDDOWN($C1019/24,0)+1,1))-1)+IF('Standard Profiles'!$G$19=$B$10,7,0)+IF('Standard Profiles'!$G$19=$B$17,14,0)+IF('Standard Profiles'!$G$19=$B$24,21,0),MOD($C1019,24)+1)/SUM(INDEX($D$3:$AA$30,INDEX(Jesper!$R$2:$R$366,ROW(INDEX(Jesper!AI$2:AI$366,ROUNDDOWN($C1019/24,0)+1,1))-1)+IF('Standard Profiles'!$G$19=$B$10,7,0)+IF('Standard Profiles'!$G$19=$B$17,14,0)+IF('Standard Profiles'!$G$19=$B$24,21,0),0)),0)</f>
        <v>5.0808185268792769</v>
      </c>
      <c r="F1019" cm="1">
        <f t="array" ref="F1019">IFERROR(INDEX(Jesper!AJ$2:AJ$366,ROUNDDOWN($C1019/24,0)+1,1)*INDEX($D$3:$AA$30,INDEX(Jesper!$R$2:$R$366,ROW(INDEX(Jesper!AJ$2:AJ$366,ROUNDDOWN($C1019/24,0)+1,1))-1)+IF('Standard Profiles'!$G$20=$B$10,7,0)+IF('Standard Profiles'!$G$20=$B$17,14,0)+IF('Standard Profiles'!$G$20=$B$24,21,0),MOD($C1019,24)+1)/SUM(INDEX($D$3:$AA$30,INDEX(Jesper!$R$2:$R$366,ROW(INDEX(Jesper!AJ$2:AJ$366,ROUNDDOWN($C1019/24,0)+1,1))-1)+IF('Standard Profiles'!$G$20=$B$10,7,0)+IF('Standard Profiles'!$G$20=$B$17,14,0)+IF('Standard Profiles'!$G$20=$B$24,21,0),0)),0)</f>
        <v>4.3173769904763368</v>
      </c>
      <c r="G1019" cm="1">
        <f t="array" ref="G1019">IFERROR(INDEX(Jesper!AK$2:AK$366,ROUNDDOWN($C1019/24,0)+1,1)*INDEX($D$3:$AA$30,INDEX(Jesper!$R$2:$R$366,ROW(INDEX(Jesper!AK$2:AK$366,ROUNDDOWN($C1019/24,0)+1,1))-1)+IF('Standard Profiles'!$G$21=$B$10,7,0)+IF('Standard Profiles'!$G$21=$B$17,14,0)+IF('Standard Profiles'!$G$21=$B$24,21,0),MOD($C1019,24)+1)/SUM(INDEX($D$3:$AA$30,INDEX(Jesper!$R$2:$R$366,ROW(INDEX(Jesper!AK$2:AK$366,ROUNDDOWN($C1019/24,0)+1,1))-1)+IF('Standard Profiles'!$G$21=$B$10,7,0)+IF('Standard Profiles'!$G$21=$B$17,14,0)+IF('Standard Profiles'!$G$21=$B$24,21,0),0)),0)</f>
        <v>7.0915884512382661</v>
      </c>
      <c r="H1019" cm="1">
        <f t="array" ref="H1019">IFERROR(INDEX(Jesper!AL$2:AL$366,ROUNDDOWN($C1019/24,0)+1,1)*INDEX($D$3:$AA$30,INDEX(Jesper!$R$2:$R$366,ROW(INDEX(Jesper!AL$2:AL$366,ROUNDDOWN($C1019/24,0)+1,1))-1)+IF('Standard Profiles'!$G$22=$B$10,7,0)+IF('Standard Profiles'!$G$22=$B$17,14,0)+IF('Standard Profiles'!$G$22=$B$24,21,0),MOD($C1019,24)+1)/SUM(INDEX($D$3:$AA$30,INDEX(Jesper!$R$2:$R$366,ROW(INDEX(Jesper!AL$2:AL$366,ROUNDDOWN($C1019/24,0)+1,1))-1)+IF('Standard Profiles'!$G$22=$B$10,7,0)+IF('Standard Profiles'!$G$22=$B$17,14,0)+IF('Standard Profiles'!$G$22=$B$24,21,0),0)),0)</f>
        <v>3.9149475499842703</v>
      </c>
      <c r="I1019">
        <f t="shared" si="125"/>
        <v>3.7583496479849017</v>
      </c>
      <c r="J1019">
        <f t="shared" si="126"/>
        <v>16.036683647367735</v>
      </c>
      <c r="K1019">
        <f t="shared" si="127"/>
        <v>0.40646548215034217</v>
      </c>
      <c r="L1019">
        <f t="shared" si="128"/>
        <v>0.20323274107517109</v>
      </c>
      <c r="M1019">
        <f t="shared" si="129"/>
        <v>0</v>
      </c>
      <c r="N1019" s="45">
        <f t="shared" si="130"/>
        <v>44968.041666664278</v>
      </c>
    </row>
    <row r="1020" spans="2:14" x14ac:dyDescent="0.25">
      <c r="B1020">
        <f t="shared" si="124"/>
        <v>6</v>
      </c>
      <c r="C1020" s="16">
        <v>986</v>
      </c>
      <c r="D1020" cm="1">
        <f t="array" ref="D1020">IFERROR(INDEX(Jesper!AH$2:AH$366,ROUNDDOWN($C1020/24,0)+1,1)*INDEX($D$3:$AA$30,INDEX(Jesper!$R$2:$R$366,ROW(INDEX(Jesper!AH$2:AH$366,ROUNDDOWN($C1020/24,0)+1,1))-1)+IF('Standard Profiles'!$G$18=$B$10,7,0)+IF('Standard Profiles'!$G$18=$B$17,14,0)+IF('Standard Profiles'!$G$18=$B$24,21,0),MOD($C1020,24)+1)/SUM(INDEX($D$3:$AA$30,INDEX(Jesper!$R$2:$R$366,ROW(INDEX(Jesper!AH$2:AH$366,ROUNDDOWN($C1020/24,0)+1,1))-1)+IF('Standard Profiles'!$G$18=$B$10,7,0)+IF('Standard Profiles'!$G$18=$B$17,14,0)+IF('Standard Profiles'!$G$18=$B$24,21,0),0)),0)</f>
        <v>0</v>
      </c>
      <c r="E1020" cm="1">
        <f t="array" ref="E1020">IFERROR(INDEX(Jesper!AI$2:AI$366,ROUNDDOWN($C1020/24,0)+1,1)*INDEX($D$3:$AA$30,INDEX(Jesper!$R$2:$R$366,ROW(INDEX(Jesper!AI$2:AI$366,ROUNDDOWN($C1020/24,0)+1,1))-1)+IF('Standard Profiles'!$G$19=$B$10,7,0)+IF('Standard Profiles'!$G$19=$B$17,14,0)+IF('Standard Profiles'!$G$19=$B$24,21,0),MOD($C1020,24)+1)/SUM(INDEX($D$3:$AA$30,INDEX(Jesper!$R$2:$R$366,ROW(INDEX(Jesper!AI$2:AI$366,ROUNDDOWN($C1020/24,0)+1,1))-1)+IF('Standard Profiles'!$G$19=$B$10,7,0)+IF('Standard Profiles'!$G$19=$B$17,14,0)+IF('Standard Profiles'!$G$19=$B$24,21,0),0)),0)</f>
        <v>5.0808185268792769</v>
      </c>
      <c r="F1020" cm="1">
        <f t="array" ref="F1020">IFERROR(INDEX(Jesper!AJ$2:AJ$366,ROUNDDOWN($C1020/24,0)+1,1)*INDEX($D$3:$AA$30,INDEX(Jesper!$R$2:$R$366,ROW(INDEX(Jesper!AJ$2:AJ$366,ROUNDDOWN($C1020/24,0)+1,1))-1)+IF('Standard Profiles'!$G$20=$B$10,7,0)+IF('Standard Profiles'!$G$20=$B$17,14,0)+IF('Standard Profiles'!$G$20=$B$24,21,0),MOD($C1020,24)+1)/SUM(INDEX($D$3:$AA$30,INDEX(Jesper!$R$2:$R$366,ROW(INDEX(Jesper!AJ$2:AJ$366,ROUNDDOWN($C1020/24,0)+1,1))-1)+IF('Standard Profiles'!$G$20=$B$10,7,0)+IF('Standard Profiles'!$G$20=$B$17,14,0)+IF('Standard Profiles'!$G$20=$B$24,21,0),0)),0)</f>
        <v>4.3173769904763368</v>
      </c>
      <c r="G1020" cm="1">
        <f t="array" ref="G1020">IFERROR(INDEX(Jesper!AK$2:AK$366,ROUNDDOWN($C1020/24,0)+1,1)*INDEX($D$3:$AA$30,INDEX(Jesper!$R$2:$R$366,ROW(INDEX(Jesper!AK$2:AK$366,ROUNDDOWN($C1020/24,0)+1,1))-1)+IF('Standard Profiles'!$G$21=$B$10,7,0)+IF('Standard Profiles'!$G$21=$B$17,14,0)+IF('Standard Profiles'!$G$21=$B$24,21,0),MOD($C1020,24)+1)/SUM(INDEX($D$3:$AA$30,INDEX(Jesper!$R$2:$R$366,ROW(INDEX(Jesper!AK$2:AK$366,ROUNDDOWN($C1020/24,0)+1,1))-1)+IF('Standard Profiles'!$G$21=$B$10,7,0)+IF('Standard Profiles'!$G$21=$B$17,14,0)+IF('Standard Profiles'!$G$21=$B$24,21,0),0)),0)</f>
        <v>7.0915884512382661</v>
      </c>
      <c r="H1020" cm="1">
        <f t="array" ref="H1020">IFERROR(INDEX(Jesper!AL$2:AL$366,ROUNDDOWN($C1020/24,0)+1,1)*INDEX($D$3:$AA$30,INDEX(Jesper!$R$2:$R$366,ROW(INDEX(Jesper!AL$2:AL$366,ROUNDDOWN($C1020/24,0)+1,1))-1)+IF('Standard Profiles'!$G$22=$B$10,7,0)+IF('Standard Profiles'!$G$22=$B$17,14,0)+IF('Standard Profiles'!$G$22=$B$24,21,0),MOD($C1020,24)+1)/SUM(INDEX($D$3:$AA$30,INDEX(Jesper!$R$2:$R$366,ROW(INDEX(Jesper!AL$2:AL$366,ROUNDDOWN($C1020/24,0)+1,1))-1)+IF('Standard Profiles'!$G$22=$B$10,7,0)+IF('Standard Profiles'!$G$22=$B$17,14,0)+IF('Standard Profiles'!$G$22=$B$24,21,0),0)),0)</f>
        <v>3.9149475499842703</v>
      </c>
      <c r="I1020">
        <f t="shared" si="125"/>
        <v>3.7583496479849017</v>
      </c>
      <c r="J1020">
        <f t="shared" si="126"/>
        <v>16.036683647367735</v>
      </c>
      <c r="K1020">
        <f t="shared" si="127"/>
        <v>0.40646548215034217</v>
      </c>
      <c r="L1020">
        <f t="shared" si="128"/>
        <v>0.20323274107517109</v>
      </c>
      <c r="M1020">
        <f t="shared" si="129"/>
        <v>0</v>
      </c>
      <c r="N1020" s="45">
        <f t="shared" si="130"/>
        <v>44968.083333330942</v>
      </c>
    </row>
    <row r="1021" spans="2:14" x14ac:dyDescent="0.25">
      <c r="B1021">
        <f t="shared" si="124"/>
        <v>6</v>
      </c>
      <c r="C1021" s="16">
        <v>987</v>
      </c>
      <c r="D1021" cm="1">
        <f t="array" ref="D1021">IFERROR(INDEX(Jesper!AH$2:AH$366,ROUNDDOWN($C1021/24,0)+1,1)*INDEX($D$3:$AA$30,INDEX(Jesper!$R$2:$R$366,ROW(INDEX(Jesper!AH$2:AH$366,ROUNDDOWN($C1021/24,0)+1,1))-1)+IF('Standard Profiles'!$G$18=$B$10,7,0)+IF('Standard Profiles'!$G$18=$B$17,14,0)+IF('Standard Profiles'!$G$18=$B$24,21,0),MOD($C1021,24)+1)/SUM(INDEX($D$3:$AA$30,INDEX(Jesper!$R$2:$R$366,ROW(INDEX(Jesper!AH$2:AH$366,ROUNDDOWN($C1021/24,0)+1,1))-1)+IF('Standard Profiles'!$G$18=$B$10,7,0)+IF('Standard Profiles'!$G$18=$B$17,14,0)+IF('Standard Profiles'!$G$18=$B$24,21,0),0)),0)</f>
        <v>0</v>
      </c>
      <c r="E1021" cm="1">
        <f t="array" ref="E1021">IFERROR(INDEX(Jesper!AI$2:AI$366,ROUNDDOWN($C1021/24,0)+1,1)*INDEX($D$3:$AA$30,INDEX(Jesper!$R$2:$R$366,ROW(INDEX(Jesper!AI$2:AI$366,ROUNDDOWN($C1021/24,0)+1,1))-1)+IF('Standard Profiles'!$G$19=$B$10,7,0)+IF('Standard Profiles'!$G$19=$B$17,14,0)+IF('Standard Profiles'!$G$19=$B$24,21,0),MOD($C1021,24)+1)/SUM(INDEX($D$3:$AA$30,INDEX(Jesper!$R$2:$R$366,ROW(INDEX(Jesper!AI$2:AI$366,ROUNDDOWN($C1021/24,0)+1,1))-1)+IF('Standard Profiles'!$G$19=$B$10,7,0)+IF('Standard Profiles'!$G$19=$B$17,14,0)+IF('Standard Profiles'!$G$19=$B$24,21,0),0)),0)</f>
        <v>5.0808185268792769</v>
      </c>
      <c r="F1021" cm="1">
        <f t="array" ref="F1021">IFERROR(INDEX(Jesper!AJ$2:AJ$366,ROUNDDOWN($C1021/24,0)+1,1)*INDEX($D$3:$AA$30,INDEX(Jesper!$R$2:$R$366,ROW(INDEX(Jesper!AJ$2:AJ$366,ROUNDDOWN($C1021/24,0)+1,1))-1)+IF('Standard Profiles'!$G$20=$B$10,7,0)+IF('Standard Profiles'!$G$20=$B$17,14,0)+IF('Standard Profiles'!$G$20=$B$24,21,0),MOD($C1021,24)+1)/SUM(INDEX($D$3:$AA$30,INDEX(Jesper!$R$2:$R$366,ROW(INDEX(Jesper!AJ$2:AJ$366,ROUNDDOWN($C1021/24,0)+1,1))-1)+IF('Standard Profiles'!$G$20=$B$10,7,0)+IF('Standard Profiles'!$G$20=$B$17,14,0)+IF('Standard Profiles'!$G$20=$B$24,21,0),0)),0)</f>
        <v>4.3173769904763368</v>
      </c>
      <c r="G1021" cm="1">
        <f t="array" ref="G1021">IFERROR(INDEX(Jesper!AK$2:AK$366,ROUNDDOWN($C1021/24,0)+1,1)*INDEX($D$3:$AA$30,INDEX(Jesper!$R$2:$R$366,ROW(INDEX(Jesper!AK$2:AK$366,ROUNDDOWN($C1021/24,0)+1,1))-1)+IF('Standard Profiles'!$G$21=$B$10,7,0)+IF('Standard Profiles'!$G$21=$B$17,14,0)+IF('Standard Profiles'!$G$21=$B$24,21,0),MOD($C1021,24)+1)/SUM(INDEX($D$3:$AA$30,INDEX(Jesper!$R$2:$R$366,ROW(INDEX(Jesper!AK$2:AK$366,ROUNDDOWN($C1021/24,0)+1,1))-1)+IF('Standard Profiles'!$G$21=$B$10,7,0)+IF('Standard Profiles'!$G$21=$B$17,14,0)+IF('Standard Profiles'!$G$21=$B$24,21,0),0)),0)</f>
        <v>7.0915884512382661</v>
      </c>
      <c r="H1021" cm="1">
        <f t="array" ref="H1021">IFERROR(INDEX(Jesper!AL$2:AL$366,ROUNDDOWN($C1021/24,0)+1,1)*INDEX($D$3:$AA$30,INDEX(Jesper!$R$2:$R$366,ROW(INDEX(Jesper!AL$2:AL$366,ROUNDDOWN($C1021/24,0)+1,1))-1)+IF('Standard Profiles'!$G$22=$B$10,7,0)+IF('Standard Profiles'!$G$22=$B$17,14,0)+IF('Standard Profiles'!$G$22=$B$24,21,0),MOD($C1021,24)+1)/SUM(INDEX($D$3:$AA$30,INDEX(Jesper!$R$2:$R$366,ROW(INDEX(Jesper!AL$2:AL$366,ROUNDDOWN($C1021/24,0)+1,1))-1)+IF('Standard Profiles'!$G$22=$B$10,7,0)+IF('Standard Profiles'!$G$22=$B$17,14,0)+IF('Standard Profiles'!$G$22=$B$24,21,0),0)),0)</f>
        <v>3.9149475499842703</v>
      </c>
      <c r="I1021">
        <f t="shared" si="125"/>
        <v>3.7583496479849017</v>
      </c>
      <c r="J1021">
        <f t="shared" si="126"/>
        <v>16.036683647367735</v>
      </c>
      <c r="K1021">
        <f t="shared" si="127"/>
        <v>0.40646548215034217</v>
      </c>
      <c r="L1021">
        <f t="shared" si="128"/>
        <v>0.20323274107517109</v>
      </c>
      <c r="M1021">
        <f t="shared" si="129"/>
        <v>0</v>
      </c>
      <c r="N1021" s="45">
        <f t="shared" si="130"/>
        <v>44968.124999997606</v>
      </c>
    </row>
    <row r="1022" spans="2:14" x14ac:dyDescent="0.25">
      <c r="B1022">
        <f t="shared" si="124"/>
        <v>6</v>
      </c>
      <c r="C1022" s="16">
        <v>988</v>
      </c>
      <c r="D1022" cm="1">
        <f t="array" ref="D1022">IFERROR(INDEX(Jesper!AH$2:AH$366,ROUNDDOWN($C1022/24,0)+1,1)*INDEX($D$3:$AA$30,INDEX(Jesper!$R$2:$R$366,ROW(INDEX(Jesper!AH$2:AH$366,ROUNDDOWN($C1022/24,0)+1,1))-1)+IF('Standard Profiles'!$G$18=$B$10,7,0)+IF('Standard Profiles'!$G$18=$B$17,14,0)+IF('Standard Profiles'!$G$18=$B$24,21,0),MOD($C1022,24)+1)/SUM(INDEX($D$3:$AA$30,INDEX(Jesper!$R$2:$R$366,ROW(INDEX(Jesper!AH$2:AH$366,ROUNDDOWN($C1022/24,0)+1,1))-1)+IF('Standard Profiles'!$G$18=$B$10,7,0)+IF('Standard Profiles'!$G$18=$B$17,14,0)+IF('Standard Profiles'!$G$18=$B$24,21,0),0)),0)</f>
        <v>0</v>
      </c>
      <c r="E1022" cm="1">
        <f t="array" ref="E1022">IFERROR(INDEX(Jesper!AI$2:AI$366,ROUNDDOWN($C1022/24,0)+1,1)*INDEX($D$3:$AA$30,INDEX(Jesper!$R$2:$R$366,ROW(INDEX(Jesper!AI$2:AI$366,ROUNDDOWN($C1022/24,0)+1,1))-1)+IF('Standard Profiles'!$G$19=$B$10,7,0)+IF('Standard Profiles'!$G$19=$B$17,14,0)+IF('Standard Profiles'!$G$19=$B$24,21,0),MOD($C1022,24)+1)/SUM(INDEX($D$3:$AA$30,INDEX(Jesper!$R$2:$R$366,ROW(INDEX(Jesper!AI$2:AI$366,ROUNDDOWN($C1022/24,0)+1,1))-1)+IF('Standard Profiles'!$G$19=$B$10,7,0)+IF('Standard Profiles'!$G$19=$B$17,14,0)+IF('Standard Profiles'!$G$19=$B$24,21,0),0)),0)</f>
        <v>5.0808185268792769</v>
      </c>
      <c r="F1022" cm="1">
        <f t="array" ref="F1022">IFERROR(INDEX(Jesper!AJ$2:AJ$366,ROUNDDOWN($C1022/24,0)+1,1)*INDEX($D$3:$AA$30,INDEX(Jesper!$R$2:$R$366,ROW(INDEX(Jesper!AJ$2:AJ$366,ROUNDDOWN($C1022/24,0)+1,1))-1)+IF('Standard Profiles'!$G$20=$B$10,7,0)+IF('Standard Profiles'!$G$20=$B$17,14,0)+IF('Standard Profiles'!$G$20=$B$24,21,0),MOD($C1022,24)+1)/SUM(INDEX($D$3:$AA$30,INDEX(Jesper!$R$2:$R$366,ROW(INDEX(Jesper!AJ$2:AJ$366,ROUNDDOWN($C1022/24,0)+1,1))-1)+IF('Standard Profiles'!$G$20=$B$10,7,0)+IF('Standard Profiles'!$G$20=$B$17,14,0)+IF('Standard Profiles'!$G$20=$B$24,21,0),0)),0)</f>
        <v>4.3173769904763368</v>
      </c>
      <c r="G1022" cm="1">
        <f t="array" ref="G1022">IFERROR(INDEX(Jesper!AK$2:AK$366,ROUNDDOWN($C1022/24,0)+1,1)*INDEX($D$3:$AA$30,INDEX(Jesper!$R$2:$R$366,ROW(INDEX(Jesper!AK$2:AK$366,ROUNDDOWN($C1022/24,0)+1,1))-1)+IF('Standard Profiles'!$G$21=$B$10,7,0)+IF('Standard Profiles'!$G$21=$B$17,14,0)+IF('Standard Profiles'!$G$21=$B$24,21,0),MOD($C1022,24)+1)/SUM(INDEX($D$3:$AA$30,INDEX(Jesper!$R$2:$R$366,ROW(INDEX(Jesper!AK$2:AK$366,ROUNDDOWN($C1022/24,0)+1,1))-1)+IF('Standard Profiles'!$G$21=$B$10,7,0)+IF('Standard Profiles'!$G$21=$B$17,14,0)+IF('Standard Profiles'!$G$21=$B$24,21,0),0)),0)</f>
        <v>7.0915884512382661</v>
      </c>
      <c r="H1022" cm="1">
        <f t="array" ref="H1022">IFERROR(INDEX(Jesper!AL$2:AL$366,ROUNDDOWN($C1022/24,0)+1,1)*INDEX($D$3:$AA$30,INDEX(Jesper!$R$2:$R$366,ROW(INDEX(Jesper!AL$2:AL$366,ROUNDDOWN($C1022/24,0)+1,1))-1)+IF('Standard Profiles'!$G$22=$B$10,7,0)+IF('Standard Profiles'!$G$22=$B$17,14,0)+IF('Standard Profiles'!$G$22=$B$24,21,0),MOD($C1022,24)+1)/SUM(INDEX($D$3:$AA$30,INDEX(Jesper!$R$2:$R$366,ROW(INDEX(Jesper!AL$2:AL$366,ROUNDDOWN($C1022/24,0)+1,1))-1)+IF('Standard Profiles'!$G$22=$B$10,7,0)+IF('Standard Profiles'!$G$22=$B$17,14,0)+IF('Standard Profiles'!$G$22=$B$24,21,0),0)),0)</f>
        <v>3.9149475499842703</v>
      </c>
      <c r="I1022">
        <f t="shared" si="125"/>
        <v>3.7583496479849017</v>
      </c>
      <c r="J1022">
        <f t="shared" si="126"/>
        <v>16.036683647367735</v>
      </c>
      <c r="K1022">
        <f t="shared" si="127"/>
        <v>0.40646548215034217</v>
      </c>
      <c r="L1022">
        <f t="shared" si="128"/>
        <v>0.20323274107517109</v>
      </c>
      <c r="M1022">
        <f t="shared" si="129"/>
        <v>0</v>
      </c>
      <c r="N1022" s="45">
        <f t="shared" si="130"/>
        <v>44968.16666666427</v>
      </c>
    </row>
    <row r="1023" spans="2:14" x14ac:dyDescent="0.25">
      <c r="B1023">
        <f t="shared" si="124"/>
        <v>6</v>
      </c>
      <c r="C1023" s="16">
        <v>989</v>
      </c>
      <c r="D1023" cm="1">
        <f t="array" ref="D1023">IFERROR(INDEX(Jesper!AH$2:AH$366,ROUNDDOWN($C1023/24,0)+1,1)*INDEX($D$3:$AA$30,INDEX(Jesper!$R$2:$R$366,ROW(INDEX(Jesper!AH$2:AH$366,ROUNDDOWN($C1023/24,0)+1,1))-1)+IF('Standard Profiles'!$G$18=$B$10,7,0)+IF('Standard Profiles'!$G$18=$B$17,14,0)+IF('Standard Profiles'!$G$18=$B$24,21,0),MOD($C1023,24)+1)/SUM(INDEX($D$3:$AA$30,INDEX(Jesper!$R$2:$R$366,ROW(INDEX(Jesper!AH$2:AH$366,ROUNDDOWN($C1023/24,0)+1,1))-1)+IF('Standard Profiles'!$G$18=$B$10,7,0)+IF('Standard Profiles'!$G$18=$B$17,14,0)+IF('Standard Profiles'!$G$18=$B$24,21,0),0)),0)</f>
        <v>0</v>
      </c>
      <c r="E1023" cm="1">
        <f t="array" ref="E1023">IFERROR(INDEX(Jesper!AI$2:AI$366,ROUNDDOWN($C1023/24,0)+1,1)*INDEX($D$3:$AA$30,INDEX(Jesper!$R$2:$R$366,ROW(INDEX(Jesper!AI$2:AI$366,ROUNDDOWN($C1023/24,0)+1,1))-1)+IF('Standard Profiles'!$G$19=$B$10,7,0)+IF('Standard Profiles'!$G$19=$B$17,14,0)+IF('Standard Profiles'!$G$19=$B$24,21,0),MOD($C1023,24)+1)/SUM(INDEX($D$3:$AA$30,INDEX(Jesper!$R$2:$R$366,ROW(INDEX(Jesper!AI$2:AI$366,ROUNDDOWN($C1023/24,0)+1,1))-1)+IF('Standard Profiles'!$G$19=$B$10,7,0)+IF('Standard Profiles'!$G$19=$B$17,14,0)+IF('Standard Profiles'!$G$19=$B$24,21,0),0)),0)</f>
        <v>5.0808185268792769</v>
      </c>
      <c r="F1023" cm="1">
        <f t="array" ref="F1023">IFERROR(INDEX(Jesper!AJ$2:AJ$366,ROUNDDOWN($C1023/24,0)+1,1)*INDEX($D$3:$AA$30,INDEX(Jesper!$R$2:$R$366,ROW(INDEX(Jesper!AJ$2:AJ$366,ROUNDDOWN($C1023/24,0)+1,1))-1)+IF('Standard Profiles'!$G$20=$B$10,7,0)+IF('Standard Profiles'!$G$20=$B$17,14,0)+IF('Standard Profiles'!$G$20=$B$24,21,0),MOD($C1023,24)+1)/SUM(INDEX($D$3:$AA$30,INDEX(Jesper!$R$2:$R$366,ROW(INDEX(Jesper!AJ$2:AJ$366,ROUNDDOWN($C1023/24,0)+1,1))-1)+IF('Standard Profiles'!$G$20=$B$10,7,0)+IF('Standard Profiles'!$G$20=$B$17,14,0)+IF('Standard Profiles'!$G$20=$B$24,21,0),0)),0)</f>
        <v>4.3173769904763368</v>
      </c>
      <c r="G1023" cm="1">
        <f t="array" ref="G1023">IFERROR(INDEX(Jesper!AK$2:AK$366,ROUNDDOWN($C1023/24,0)+1,1)*INDEX($D$3:$AA$30,INDEX(Jesper!$R$2:$R$366,ROW(INDEX(Jesper!AK$2:AK$366,ROUNDDOWN($C1023/24,0)+1,1))-1)+IF('Standard Profiles'!$G$21=$B$10,7,0)+IF('Standard Profiles'!$G$21=$B$17,14,0)+IF('Standard Profiles'!$G$21=$B$24,21,0),MOD($C1023,24)+1)/SUM(INDEX($D$3:$AA$30,INDEX(Jesper!$R$2:$R$366,ROW(INDEX(Jesper!AK$2:AK$366,ROUNDDOWN($C1023/24,0)+1,1))-1)+IF('Standard Profiles'!$G$21=$B$10,7,0)+IF('Standard Profiles'!$G$21=$B$17,14,0)+IF('Standard Profiles'!$G$21=$B$24,21,0),0)),0)</f>
        <v>7.0915884512382661</v>
      </c>
      <c r="H1023" cm="1">
        <f t="array" ref="H1023">IFERROR(INDEX(Jesper!AL$2:AL$366,ROUNDDOWN($C1023/24,0)+1,1)*INDEX($D$3:$AA$30,INDEX(Jesper!$R$2:$R$366,ROW(INDEX(Jesper!AL$2:AL$366,ROUNDDOWN($C1023/24,0)+1,1))-1)+IF('Standard Profiles'!$G$22=$B$10,7,0)+IF('Standard Profiles'!$G$22=$B$17,14,0)+IF('Standard Profiles'!$G$22=$B$24,21,0),MOD($C1023,24)+1)/SUM(INDEX($D$3:$AA$30,INDEX(Jesper!$R$2:$R$366,ROW(INDEX(Jesper!AL$2:AL$366,ROUNDDOWN($C1023/24,0)+1,1))-1)+IF('Standard Profiles'!$G$22=$B$10,7,0)+IF('Standard Profiles'!$G$22=$B$17,14,0)+IF('Standard Profiles'!$G$22=$B$24,21,0),0)),0)</f>
        <v>4.8698128060779942</v>
      </c>
      <c r="I1023">
        <f t="shared" si="125"/>
        <v>4.6750202938348773</v>
      </c>
      <c r="J1023">
        <f t="shared" si="126"/>
        <v>16.074878257611484</v>
      </c>
      <c r="K1023">
        <f t="shared" si="127"/>
        <v>0.40646548215034217</v>
      </c>
      <c r="L1023">
        <f t="shared" si="128"/>
        <v>0.20323274107517109</v>
      </c>
      <c r="M1023">
        <f t="shared" si="129"/>
        <v>0</v>
      </c>
      <c r="N1023" s="45">
        <f t="shared" si="130"/>
        <v>44968.208333330935</v>
      </c>
    </row>
    <row r="1024" spans="2:14" x14ac:dyDescent="0.25">
      <c r="B1024">
        <f t="shared" si="124"/>
        <v>6</v>
      </c>
      <c r="C1024" s="16">
        <v>990</v>
      </c>
      <c r="D1024" cm="1">
        <f t="array" ref="D1024">IFERROR(INDEX(Jesper!AH$2:AH$366,ROUNDDOWN($C1024/24,0)+1,1)*INDEX($D$3:$AA$30,INDEX(Jesper!$R$2:$R$366,ROW(INDEX(Jesper!AH$2:AH$366,ROUNDDOWN($C1024/24,0)+1,1))-1)+IF('Standard Profiles'!$G$18=$B$10,7,0)+IF('Standard Profiles'!$G$18=$B$17,14,0)+IF('Standard Profiles'!$G$18=$B$24,21,0),MOD($C1024,24)+1)/SUM(INDEX($D$3:$AA$30,INDEX(Jesper!$R$2:$R$366,ROW(INDEX(Jesper!AH$2:AH$366,ROUNDDOWN($C1024/24,0)+1,1))-1)+IF('Standard Profiles'!$G$18=$B$10,7,0)+IF('Standard Profiles'!$G$18=$B$17,14,0)+IF('Standard Profiles'!$G$18=$B$24,21,0),0)),0)</f>
        <v>0</v>
      </c>
      <c r="E1024" cm="1">
        <f t="array" ref="E1024">IFERROR(INDEX(Jesper!AI$2:AI$366,ROUNDDOWN($C1024/24,0)+1,1)*INDEX($D$3:$AA$30,INDEX(Jesper!$R$2:$R$366,ROW(INDEX(Jesper!AI$2:AI$366,ROUNDDOWN($C1024/24,0)+1,1))-1)+IF('Standard Profiles'!$G$19=$B$10,7,0)+IF('Standard Profiles'!$G$19=$B$17,14,0)+IF('Standard Profiles'!$G$19=$B$24,21,0),MOD($C1024,24)+1)/SUM(INDEX($D$3:$AA$30,INDEX(Jesper!$R$2:$R$366,ROW(INDEX(Jesper!AI$2:AI$366,ROUNDDOWN($C1024/24,0)+1,1))-1)+IF('Standard Profiles'!$G$19=$B$10,7,0)+IF('Standard Profiles'!$G$19=$B$17,14,0)+IF('Standard Profiles'!$G$19=$B$24,21,0),0)),0)</f>
        <v>5.0808185268792769</v>
      </c>
      <c r="F1024" cm="1">
        <f t="array" ref="F1024">IFERROR(INDEX(Jesper!AJ$2:AJ$366,ROUNDDOWN($C1024/24,0)+1,1)*INDEX($D$3:$AA$30,INDEX(Jesper!$R$2:$R$366,ROW(INDEX(Jesper!AJ$2:AJ$366,ROUNDDOWN($C1024/24,0)+1,1))-1)+IF('Standard Profiles'!$G$20=$B$10,7,0)+IF('Standard Profiles'!$G$20=$B$17,14,0)+IF('Standard Profiles'!$G$20=$B$24,21,0),MOD($C1024,24)+1)/SUM(INDEX($D$3:$AA$30,INDEX(Jesper!$R$2:$R$366,ROW(INDEX(Jesper!AJ$2:AJ$366,ROUNDDOWN($C1024/24,0)+1,1))-1)+IF('Standard Profiles'!$G$20=$B$10,7,0)+IF('Standard Profiles'!$G$20=$B$17,14,0)+IF('Standard Profiles'!$G$20=$B$24,21,0),0)),0)</f>
        <v>4.3173769904763368</v>
      </c>
      <c r="G1024" cm="1">
        <f t="array" ref="G1024">IFERROR(INDEX(Jesper!AK$2:AK$366,ROUNDDOWN($C1024/24,0)+1,1)*INDEX($D$3:$AA$30,INDEX(Jesper!$R$2:$R$366,ROW(INDEX(Jesper!AK$2:AK$366,ROUNDDOWN($C1024/24,0)+1,1))-1)+IF('Standard Profiles'!$G$21=$B$10,7,0)+IF('Standard Profiles'!$G$21=$B$17,14,0)+IF('Standard Profiles'!$G$21=$B$24,21,0),MOD($C1024,24)+1)/SUM(INDEX($D$3:$AA$30,INDEX(Jesper!$R$2:$R$366,ROW(INDEX(Jesper!AK$2:AK$366,ROUNDDOWN($C1024/24,0)+1,1))-1)+IF('Standard Profiles'!$G$21=$B$10,7,0)+IF('Standard Profiles'!$G$21=$B$17,14,0)+IF('Standard Profiles'!$G$21=$B$24,21,0),0)),0)</f>
        <v>7.0915884512382661</v>
      </c>
      <c r="H1024" cm="1">
        <f t="array" ref="H1024">IFERROR(INDEX(Jesper!AL$2:AL$366,ROUNDDOWN($C1024/24,0)+1,1)*INDEX($D$3:$AA$30,INDEX(Jesper!$R$2:$R$366,ROW(INDEX(Jesper!AL$2:AL$366,ROUNDDOWN($C1024/24,0)+1,1))-1)+IF('Standard Profiles'!$G$22=$B$10,7,0)+IF('Standard Profiles'!$G$22=$B$17,14,0)+IF('Standard Profiles'!$G$22=$B$24,21,0),MOD($C1024,24)+1)/SUM(INDEX($D$3:$AA$30,INDEX(Jesper!$R$2:$R$366,ROW(INDEX(Jesper!AL$2:AL$366,ROUNDDOWN($C1024/24,0)+1,1))-1)+IF('Standard Profiles'!$G$22=$B$10,7,0)+IF('Standard Profiles'!$G$22=$B$17,14,0)+IF('Standard Profiles'!$G$22=$B$24,21,0),0)),0)</f>
        <v>6.1111376389998364</v>
      </c>
      <c r="I1024">
        <f t="shared" si="125"/>
        <v>5.8666921334398463</v>
      </c>
      <c r="J1024">
        <f t="shared" si="126"/>
        <v>16.124531250928356</v>
      </c>
      <c r="K1024">
        <f t="shared" si="127"/>
        <v>0.40646548215034217</v>
      </c>
      <c r="L1024">
        <f t="shared" si="128"/>
        <v>0.20323274107517109</v>
      </c>
      <c r="M1024">
        <f t="shared" si="129"/>
        <v>0</v>
      </c>
      <c r="N1024" s="45">
        <f t="shared" si="130"/>
        <v>44968.249999997599</v>
      </c>
    </row>
    <row r="1025" spans="2:14" x14ac:dyDescent="0.25">
      <c r="B1025">
        <f t="shared" si="124"/>
        <v>6</v>
      </c>
      <c r="C1025" s="16">
        <v>991</v>
      </c>
      <c r="D1025" cm="1">
        <f t="array" ref="D1025">IFERROR(INDEX(Jesper!AH$2:AH$366,ROUNDDOWN($C1025/24,0)+1,1)*INDEX($D$3:$AA$30,INDEX(Jesper!$R$2:$R$366,ROW(INDEX(Jesper!AH$2:AH$366,ROUNDDOWN($C1025/24,0)+1,1))-1)+IF('Standard Profiles'!$G$18=$B$10,7,0)+IF('Standard Profiles'!$G$18=$B$17,14,0)+IF('Standard Profiles'!$G$18=$B$24,21,0),MOD($C1025,24)+1)/SUM(INDEX($D$3:$AA$30,INDEX(Jesper!$R$2:$R$366,ROW(INDEX(Jesper!AH$2:AH$366,ROUNDDOWN($C1025/24,0)+1,1))-1)+IF('Standard Profiles'!$G$18=$B$10,7,0)+IF('Standard Profiles'!$G$18=$B$17,14,0)+IF('Standard Profiles'!$G$18=$B$24,21,0),0)),0)</f>
        <v>0</v>
      </c>
      <c r="E1025" cm="1">
        <f t="array" ref="E1025">IFERROR(INDEX(Jesper!AI$2:AI$366,ROUNDDOWN($C1025/24,0)+1,1)*INDEX($D$3:$AA$30,INDEX(Jesper!$R$2:$R$366,ROW(INDEX(Jesper!AI$2:AI$366,ROUNDDOWN($C1025/24,0)+1,1))-1)+IF('Standard Profiles'!$G$19=$B$10,7,0)+IF('Standard Profiles'!$G$19=$B$17,14,0)+IF('Standard Profiles'!$G$19=$B$24,21,0),MOD($C1025,24)+1)/SUM(INDEX($D$3:$AA$30,INDEX(Jesper!$R$2:$R$366,ROW(INDEX(Jesper!AI$2:AI$366,ROUNDDOWN($C1025/24,0)+1,1))-1)+IF('Standard Profiles'!$G$19=$B$10,7,0)+IF('Standard Profiles'!$G$19=$B$17,14,0)+IF('Standard Profiles'!$G$19=$B$24,21,0),0)),0)</f>
        <v>5.0808185268792769</v>
      </c>
      <c r="F1025" cm="1">
        <f t="array" ref="F1025">IFERROR(INDEX(Jesper!AJ$2:AJ$366,ROUNDDOWN($C1025/24,0)+1,1)*INDEX($D$3:$AA$30,INDEX(Jesper!$R$2:$R$366,ROW(INDEX(Jesper!AJ$2:AJ$366,ROUNDDOWN($C1025/24,0)+1,1))-1)+IF('Standard Profiles'!$G$20=$B$10,7,0)+IF('Standard Profiles'!$G$20=$B$17,14,0)+IF('Standard Profiles'!$G$20=$B$24,21,0),MOD($C1025,24)+1)/SUM(INDEX($D$3:$AA$30,INDEX(Jesper!$R$2:$R$366,ROW(INDEX(Jesper!AJ$2:AJ$366,ROUNDDOWN($C1025/24,0)+1,1))-1)+IF('Standard Profiles'!$G$20=$B$10,7,0)+IF('Standard Profiles'!$G$20=$B$17,14,0)+IF('Standard Profiles'!$G$20=$B$24,21,0),0)),0)</f>
        <v>4.3173769904763368</v>
      </c>
      <c r="G1025" cm="1">
        <f t="array" ref="G1025">IFERROR(INDEX(Jesper!AK$2:AK$366,ROUNDDOWN($C1025/24,0)+1,1)*INDEX($D$3:$AA$30,INDEX(Jesper!$R$2:$R$366,ROW(INDEX(Jesper!AK$2:AK$366,ROUNDDOWN($C1025/24,0)+1,1))-1)+IF('Standard Profiles'!$G$21=$B$10,7,0)+IF('Standard Profiles'!$G$21=$B$17,14,0)+IF('Standard Profiles'!$G$21=$B$24,21,0),MOD($C1025,24)+1)/SUM(INDEX($D$3:$AA$30,INDEX(Jesper!$R$2:$R$366,ROW(INDEX(Jesper!AK$2:AK$366,ROUNDDOWN($C1025/24,0)+1,1))-1)+IF('Standard Profiles'!$G$21=$B$10,7,0)+IF('Standard Profiles'!$G$21=$B$17,14,0)+IF('Standard Profiles'!$G$21=$B$24,21,0),0)),0)</f>
        <v>7.0915884512382661</v>
      </c>
      <c r="H1025" cm="1">
        <f t="array" ref="H1025">IFERROR(INDEX(Jesper!AL$2:AL$366,ROUNDDOWN($C1025/24,0)+1,1)*INDEX($D$3:$AA$30,INDEX(Jesper!$R$2:$R$366,ROW(INDEX(Jesper!AL$2:AL$366,ROUNDDOWN($C1025/24,0)+1,1))-1)+IF('Standard Profiles'!$G$22=$B$10,7,0)+IF('Standard Profiles'!$G$22=$B$17,14,0)+IF('Standard Profiles'!$G$22=$B$24,21,0),MOD($C1025,24)+1)/SUM(INDEX($D$3:$AA$30,INDEX(Jesper!$R$2:$R$366,ROW(INDEX(Jesper!AL$2:AL$366,ROUNDDOWN($C1025/24,0)+1,1))-1)+IF('Standard Profiles'!$G$22=$B$10,7,0)+IF('Standard Profiles'!$G$22=$B$17,14,0)+IF('Standard Profiles'!$G$22=$B$24,21,0),0)),0)</f>
        <v>6.9705163694841881</v>
      </c>
      <c r="I1025">
        <f t="shared" si="125"/>
        <v>6.6916957147048244</v>
      </c>
      <c r="J1025">
        <f t="shared" si="126"/>
        <v>16.158906400147728</v>
      </c>
      <c r="K1025">
        <f t="shared" si="127"/>
        <v>0.40646548215034217</v>
      </c>
      <c r="L1025">
        <f t="shared" si="128"/>
        <v>0.20323274107517109</v>
      </c>
      <c r="M1025">
        <f t="shared" si="129"/>
        <v>0</v>
      </c>
      <c r="N1025" s="45">
        <f t="shared" si="130"/>
        <v>44968.291666664263</v>
      </c>
    </row>
    <row r="1026" spans="2:14" x14ac:dyDescent="0.25">
      <c r="B1026">
        <f t="shared" si="124"/>
        <v>6</v>
      </c>
      <c r="C1026" s="16">
        <v>992</v>
      </c>
      <c r="D1026" cm="1">
        <f t="array" ref="D1026">IFERROR(INDEX(Jesper!AH$2:AH$366,ROUNDDOWN($C1026/24,0)+1,1)*INDEX($D$3:$AA$30,INDEX(Jesper!$R$2:$R$366,ROW(INDEX(Jesper!AH$2:AH$366,ROUNDDOWN($C1026/24,0)+1,1))-1)+IF('Standard Profiles'!$G$18=$B$10,7,0)+IF('Standard Profiles'!$G$18=$B$17,14,0)+IF('Standard Profiles'!$G$18=$B$24,21,0),MOD($C1026,24)+1)/SUM(INDEX($D$3:$AA$30,INDEX(Jesper!$R$2:$R$366,ROW(INDEX(Jesper!AH$2:AH$366,ROUNDDOWN($C1026/24,0)+1,1))-1)+IF('Standard Profiles'!$G$18=$B$10,7,0)+IF('Standard Profiles'!$G$18=$B$17,14,0)+IF('Standard Profiles'!$G$18=$B$24,21,0),0)),0)</f>
        <v>0</v>
      </c>
      <c r="E1026" cm="1">
        <f t="array" ref="E1026">IFERROR(INDEX(Jesper!AI$2:AI$366,ROUNDDOWN($C1026/24,0)+1,1)*INDEX($D$3:$AA$30,INDEX(Jesper!$R$2:$R$366,ROW(INDEX(Jesper!AI$2:AI$366,ROUNDDOWN($C1026/24,0)+1,1))-1)+IF('Standard Profiles'!$G$19=$B$10,7,0)+IF('Standard Profiles'!$G$19=$B$17,14,0)+IF('Standard Profiles'!$G$19=$B$24,21,0),MOD($C1026,24)+1)/SUM(INDEX($D$3:$AA$30,INDEX(Jesper!$R$2:$R$366,ROW(INDEX(Jesper!AI$2:AI$366,ROUNDDOWN($C1026/24,0)+1,1))-1)+IF('Standard Profiles'!$G$19=$B$10,7,0)+IF('Standard Profiles'!$G$19=$B$17,14,0)+IF('Standard Profiles'!$G$19=$B$24,21,0),0)),0)</f>
        <v>5.0808185268792769</v>
      </c>
      <c r="F1026" cm="1">
        <f t="array" ref="F1026">IFERROR(INDEX(Jesper!AJ$2:AJ$366,ROUNDDOWN($C1026/24,0)+1,1)*INDEX($D$3:$AA$30,INDEX(Jesper!$R$2:$R$366,ROW(INDEX(Jesper!AJ$2:AJ$366,ROUNDDOWN($C1026/24,0)+1,1))-1)+IF('Standard Profiles'!$G$20=$B$10,7,0)+IF('Standard Profiles'!$G$20=$B$17,14,0)+IF('Standard Profiles'!$G$20=$B$24,21,0),MOD($C1026,24)+1)/SUM(INDEX($D$3:$AA$30,INDEX(Jesper!$R$2:$R$366,ROW(INDEX(Jesper!AJ$2:AJ$366,ROUNDDOWN($C1026/24,0)+1,1))-1)+IF('Standard Profiles'!$G$20=$B$10,7,0)+IF('Standard Profiles'!$G$20=$B$17,14,0)+IF('Standard Profiles'!$G$20=$B$24,21,0),0)),0)</f>
        <v>4.3173769904763368</v>
      </c>
      <c r="G1026" cm="1">
        <f t="array" ref="G1026">IFERROR(INDEX(Jesper!AK$2:AK$366,ROUNDDOWN($C1026/24,0)+1,1)*INDEX($D$3:$AA$30,INDEX(Jesper!$R$2:$R$366,ROW(INDEX(Jesper!AK$2:AK$366,ROUNDDOWN($C1026/24,0)+1,1))-1)+IF('Standard Profiles'!$G$21=$B$10,7,0)+IF('Standard Profiles'!$G$21=$B$17,14,0)+IF('Standard Profiles'!$G$21=$B$24,21,0),MOD($C1026,24)+1)/SUM(INDEX($D$3:$AA$30,INDEX(Jesper!$R$2:$R$366,ROW(INDEX(Jesper!AK$2:AK$366,ROUNDDOWN($C1026/24,0)+1,1))-1)+IF('Standard Profiles'!$G$21=$B$10,7,0)+IF('Standard Profiles'!$G$21=$B$17,14,0)+IF('Standard Profiles'!$G$21=$B$24,21,0),0)),0)</f>
        <v>7.0915884512382661</v>
      </c>
      <c r="H1026" cm="1">
        <f t="array" ref="H1026">IFERROR(INDEX(Jesper!AL$2:AL$366,ROUNDDOWN($C1026/24,0)+1,1)*INDEX($D$3:$AA$30,INDEX(Jesper!$R$2:$R$366,ROW(INDEX(Jesper!AL$2:AL$366,ROUNDDOWN($C1026/24,0)+1,1))-1)+IF('Standard Profiles'!$G$22=$B$10,7,0)+IF('Standard Profiles'!$G$22=$B$17,14,0)+IF('Standard Profiles'!$G$22=$B$24,21,0),MOD($C1026,24)+1)/SUM(INDEX($D$3:$AA$30,INDEX(Jesper!$R$2:$R$366,ROW(INDEX(Jesper!AL$2:AL$366,ROUNDDOWN($C1026/24,0)+1,1))-1)+IF('Standard Profiles'!$G$22=$B$10,7,0)+IF('Standard Profiles'!$G$22=$B$17,14,0)+IF('Standard Profiles'!$G$22=$B$24,21,0),0)),0)</f>
        <v>6.9705163694841881</v>
      </c>
      <c r="I1026">
        <f t="shared" si="125"/>
        <v>6.6916957147048244</v>
      </c>
      <c r="J1026">
        <f t="shared" si="126"/>
        <v>16.158906400147728</v>
      </c>
      <c r="K1026">
        <f t="shared" si="127"/>
        <v>0.40646548215034217</v>
      </c>
      <c r="L1026">
        <f t="shared" si="128"/>
        <v>0.20323274107517109</v>
      </c>
      <c r="M1026">
        <f t="shared" si="129"/>
        <v>0</v>
      </c>
      <c r="N1026" s="45">
        <f t="shared" si="130"/>
        <v>44968.333333330927</v>
      </c>
    </row>
    <row r="1027" spans="2:14" x14ac:dyDescent="0.25">
      <c r="B1027">
        <f t="shared" si="124"/>
        <v>6</v>
      </c>
      <c r="C1027" s="16">
        <v>993</v>
      </c>
      <c r="D1027" cm="1">
        <f t="array" ref="D1027">IFERROR(INDEX(Jesper!AH$2:AH$366,ROUNDDOWN($C1027/24,0)+1,1)*INDEX($D$3:$AA$30,INDEX(Jesper!$R$2:$R$366,ROW(INDEX(Jesper!AH$2:AH$366,ROUNDDOWN($C1027/24,0)+1,1))-1)+IF('Standard Profiles'!$G$18=$B$10,7,0)+IF('Standard Profiles'!$G$18=$B$17,14,0)+IF('Standard Profiles'!$G$18=$B$24,21,0),MOD($C1027,24)+1)/SUM(INDEX($D$3:$AA$30,INDEX(Jesper!$R$2:$R$366,ROW(INDEX(Jesper!AH$2:AH$366,ROUNDDOWN($C1027/24,0)+1,1))-1)+IF('Standard Profiles'!$G$18=$B$10,7,0)+IF('Standard Profiles'!$G$18=$B$17,14,0)+IF('Standard Profiles'!$G$18=$B$24,21,0),0)),0)</f>
        <v>0</v>
      </c>
      <c r="E1027" cm="1">
        <f t="array" ref="E1027">IFERROR(INDEX(Jesper!AI$2:AI$366,ROUNDDOWN($C1027/24,0)+1,1)*INDEX($D$3:$AA$30,INDEX(Jesper!$R$2:$R$366,ROW(INDEX(Jesper!AI$2:AI$366,ROUNDDOWN($C1027/24,0)+1,1))-1)+IF('Standard Profiles'!$G$19=$B$10,7,0)+IF('Standard Profiles'!$G$19=$B$17,14,0)+IF('Standard Profiles'!$G$19=$B$24,21,0),MOD($C1027,24)+1)/SUM(INDEX($D$3:$AA$30,INDEX(Jesper!$R$2:$R$366,ROW(INDEX(Jesper!AI$2:AI$366,ROUNDDOWN($C1027/24,0)+1,1))-1)+IF('Standard Profiles'!$G$19=$B$10,7,0)+IF('Standard Profiles'!$G$19=$B$17,14,0)+IF('Standard Profiles'!$G$19=$B$24,21,0),0)),0)</f>
        <v>5.0808185268792769</v>
      </c>
      <c r="F1027" cm="1">
        <f t="array" ref="F1027">IFERROR(INDEX(Jesper!AJ$2:AJ$366,ROUNDDOWN($C1027/24,0)+1,1)*INDEX($D$3:$AA$30,INDEX(Jesper!$R$2:$R$366,ROW(INDEX(Jesper!AJ$2:AJ$366,ROUNDDOWN($C1027/24,0)+1,1))-1)+IF('Standard Profiles'!$G$20=$B$10,7,0)+IF('Standard Profiles'!$G$20=$B$17,14,0)+IF('Standard Profiles'!$G$20=$B$24,21,0),MOD($C1027,24)+1)/SUM(INDEX($D$3:$AA$30,INDEX(Jesper!$R$2:$R$366,ROW(INDEX(Jesper!AJ$2:AJ$366,ROUNDDOWN($C1027/24,0)+1,1))-1)+IF('Standard Profiles'!$G$20=$B$10,7,0)+IF('Standard Profiles'!$G$20=$B$17,14,0)+IF('Standard Profiles'!$G$20=$B$24,21,0),0)),0)</f>
        <v>4.3173769904763368</v>
      </c>
      <c r="G1027" cm="1">
        <f t="array" ref="G1027">IFERROR(INDEX(Jesper!AK$2:AK$366,ROUNDDOWN($C1027/24,0)+1,1)*INDEX($D$3:$AA$30,INDEX(Jesper!$R$2:$R$366,ROW(INDEX(Jesper!AK$2:AK$366,ROUNDDOWN($C1027/24,0)+1,1))-1)+IF('Standard Profiles'!$G$21=$B$10,7,0)+IF('Standard Profiles'!$G$21=$B$17,14,0)+IF('Standard Profiles'!$G$21=$B$24,21,0),MOD($C1027,24)+1)/SUM(INDEX($D$3:$AA$30,INDEX(Jesper!$R$2:$R$366,ROW(INDEX(Jesper!AK$2:AK$366,ROUNDDOWN($C1027/24,0)+1,1))-1)+IF('Standard Profiles'!$G$21=$B$10,7,0)+IF('Standard Profiles'!$G$21=$B$17,14,0)+IF('Standard Profiles'!$G$21=$B$24,21,0),0)),0)</f>
        <v>7.0915884512382661</v>
      </c>
      <c r="H1027" cm="1">
        <f t="array" ref="H1027">IFERROR(INDEX(Jesper!AL$2:AL$366,ROUNDDOWN($C1027/24,0)+1,1)*INDEX($D$3:$AA$30,INDEX(Jesper!$R$2:$R$366,ROW(INDEX(Jesper!AL$2:AL$366,ROUNDDOWN($C1027/24,0)+1,1))-1)+IF('Standard Profiles'!$G$22=$B$10,7,0)+IF('Standard Profiles'!$G$22=$B$17,14,0)+IF('Standard Profiles'!$G$22=$B$24,21,0),MOD($C1027,24)+1)/SUM(INDEX($D$3:$AA$30,INDEX(Jesper!$R$2:$R$366,ROW(INDEX(Jesper!AL$2:AL$366,ROUNDDOWN($C1027/24,0)+1,1))-1)+IF('Standard Profiles'!$G$22=$B$10,7,0)+IF('Standard Profiles'!$G$22=$B$17,14,0)+IF('Standard Profiles'!$G$22=$B$24,21,0),0)),0)</f>
        <v>6.9705163694841881</v>
      </c>
      <c r="I1027">
        <f t="shared" si="125"/>
        <v>6.6916957147048244</v>
      </c>
      <c r="J1027">
        <f t="shared" si="126"/>
        <v>16.158906400147728</v>
      </c>
      <c r="K1027">
        <f t="shared" si="127"/>
        <v>0.40646548215034217</v>
      </c>
      <c r="L1027">
        <f t="shared" si="128"/>
        <v>0.20323274107517109</v>
      </c>
      <c r="M1027">
        <f t="shared" si="129"/>
        <v>0</v>
      </c>
      <c r="N1027" s="45">
        <f t="shared" si="130"/>
        <v>44968.374999997592</v>
      </c>
    </row>
    <row r="1028" spans="2:14" x14ac:dyDescent="0.25">
      <c r="B1028">
        <f t="shared" si="124"/>
        <v>6</v>
      </c>
      <c r="C1028" s="16">
        <v>994</v>
      </c>
      <c r="D1028" cm="1">
        <f t="array" ref="D1028">IFERROR(INDEX(Jesper!AH$2:AH$366,ROUNDDOWN($C1028/24,0)+1,1)*INDEX($D$3:$AA$30,INDEX(Jesper!$R$2:$R$366,ROW(INDEX(Jesper!AH$2:AH$366,ROUNDDOWN($C1028/24,0)+1,1))-1)+IF('Standard Profiles'!$G$18=$B$10,7,0)+IF('Standard Profiles'!$G$18=$B$17,14,0)+IF('Standard Profiles'!$G$18=$B$24,21,0),MOD($C1028,24)+1)/SUM(INDEX($D$3:$AA$30,INDEX(Jesper!$R$2:$R$366,ROW(INDEX(Jesper!AH$2:AH$366,ROUNDDOWN($C1028/24,0)+1,1))-1)+IF('Standard Profiles'!$G$18=$B$10,7,0)+IF('Standard Profiles'!$G$18=$B$17,14,0)+IF('Standard Profiles'!$G$18=$B$24,21,0),0)),0)</f>
        <v>0</v>
      </c>
      <c r="E1028" cm="1">
        <f t="array" ref="E1028">IFERROR(INDEX(Jesper!AI$2:AI$366,ROUNDDOWN($C1028/24,0)+1,1)*INDEX($D$3:$AA$30,INDEX(Jesper!$R$2:$R$366,ROW(INDEX(Jesper!AI$2:AI$366,ROUNDDOWN($C1028/24,0)+1,1))-1)+IF('Standard Profiles'!$G$19=$B$10,7,0)+IF('Standard Profiles'!$G$19=$B$17,14,0)+IF('Standard Profiles'!$G$19=$B$24,21,0),MOD($C1028,24)+1)/SUM(INDEX($D$3:$AA$30,INDEX(Jesper!$R$2:$R$366,ROW(INDEX(Jesper!AI$2:AI$366,ROUNDDOWN($C1028/24,0)+1,1))-1)+IF('Standard Profiles'!$G$19=$B$10,7,0)+IF('Standard Profiles'!$G$19=$B$17,14,0)+IF('Standard Profiles'!$G$19=$B$24,21,0),0)),0)</f>
        <v>5.0808185268792769</v>
      </c>
      <c r="F1028" cm="1">
        <f t="array" ref="F1028">IFERROR(INDEX(Jesper!AJ$2:AJ$366,ROUNDDOWN($C1028/24,0)+1,1)*INDEX($D$3:$AA$30,INDEX(Jesper!$R$2:$R$366,ROW(INDEX(Jesper!AJ$2:AJ$366,ROUNDDOWN($C1028/24,0)+1,1))-1)+IF('Standard Profiles'!$G$20=$B$10,7,0)+IF('Standard Profiles'!$G$20=$B$17,14,0)+IF('Standard Profiles'!$G$20=$B$24,21,0),MOD($C1028,24)+1)/SUM(INDEX($D$3:$AA$30,INDEX(Jesper!$R$2:$R$366,ROW(INDEX(Jesper!AJ$2:AJ$366,ROUNDDOWN($C1028/24,0)+1,1))-1)+IF('Standard Profiles'!$G$20=$B$10,7,0)+IF('Standard Profiles'!$G$20=$B$17,14,0)+IF('Standard Profiles'!$G$20=$B$24,21,0),0)),0)</f>
        <v>4.3173769904763368</v>
      </c>
      <c r="G1028" cm="1">
        <f t="array" ref="G1028">IFERROR(INDEX(Jesper!AK$2:AK$366,ROUNDDOWN($C1028/24,0)+1,1)*INDEX($D$3:$AA$30,INDEX(Jesper!$R$2:$R$366,ROW(INDEX(Jesper!AK$2:AK$366,ROUNDDOWN($C1028/24,0)+1,1))-1)+IF('Standard Profiles'!$G$21=$B$10,7,0)+IF('Standard Profiles'!$G$21=$B$17,14,0)+IF('Standard Profiles'!$G$21=$B$24,21,0),MOD($C1028,24)+1)/SUM(INDEX($D$3:$AA$30,INDEX(Jesper!$R$2:$R$366,ROW(INDEX(Jesper!AK$2:AK$366,ROUNDDOWN($C1028/24,0)+1,1))-1)+IF('Standard Profiles'!$G$21=$B$10,7,0)+IF('Standard Profiles'!$G$21=$B$17,14,0)+IF('Standard Profiles'!$G$21=$B$24,21,0),0)),0)</f>
        <v>7.0915884512382661</v>
      </c>
      <c r="H1028" cm="1">
        <f t="array" ref="H1028">IFERROR(INDEX(Jesper!AL$2:AL$366,ROUNDDOWN($C1028/24,0)+1,1)*INDEX($D$3:$AA$30,INDEX(Jesper!$R$2:$R$366,ROW(INDEX(Jesper!AL$2:AL$366,ROUNDDOWN($C1028/24,0)+1,1))-1)+IF('Standard Profiles'!$G$22=$B$10,7,0)+IF('Standard Profiles'!$G$22=$B$17,14,0)+IF('Standard Profiles'!$G$22=$B$24,21,0),MOD($C1028,24)+1)/SUM(INDEX($D$3:$AA$30,INDEX(Jesper!$R$2:$R$366,ROW(INDEX(Jesper!AL$2:AL$366,ROUNDDOWN($C1028/24,0)+1,1))-1)+IF('Standard Profiles'!$G$22=$B$10,7,0)+IF('Standard Profiles'!$G$22=$B$17,14,0)+IF('Standard Profiles'!$G$22=$B$24,21,0),0)),0)</f>
        <v>6.9705163694841881</v>
      </c>
      <c r="I1028">
        <f t="shared" si="125"/>
        <v>6.6916957147048244</v>
      </c>
      <c r="J1028">
        <f t="shared" si="126"/>
        <v>16.158906400147728</v>
      </c>
      <c r="K1028">
        <f t="shared" si="127"/>
        <v>0.40646548215034217</v>
      </c>
      <c r="L1028">
        <f t="shared" si="128"/>
        <v>0.20323274107517109</v>
      </c>
      <c r="M1028">
        <f t="shared" si="129"/>
        <v>0</v>
      </c>
      <c r="N1028" s="45">
        <f t="shared" si="130"/>
        <v>44968.416666664256</v>
      </c>
    </row>
    <row r="1029" spans="2:14" x14ac:dyDescent="0.25">
      <c r="B1029">
        <f t="shared" si="124"/>
        <v>6</v>
      </c>
      <c r="C1029" s="16">
        <v>995</v>
      </c>
      <c r="D1029" cm="1">
        <f t="array" ref="D1029">IFERROR(INDEX(Jesper!AH$2:AH$366,ROUNDDOWN($C1029/24,0)+1,1)*INDEX($D$3:$AA$30,INDEX(Jesper!$R$2:$R$366,ROW(INDEX(Jesper!AH$2:AH$366,ROUNDDOWN($C1029/24,0)+1,1))-1)+IF('Standard Profiles'!$G$18=$B$10,7,0)+IF('Standard Profiles'!$G$18=$B$17,14,0)+IF('Standard Profiles'!$G$18=$B$24,21,0),MOD($C1029,24)+1)/SUM(INDEX($D$3:$AA$30,INDEX(Jesper!$R$2:$R$366,ROW(INDEX(Jesper!AH$2:AH$366,ROUNDDOWN($C1029/24,0)+1,1))-1)+IF('Standard Profiles'!$G$18=$B$10,7,0)+IF('Standard Profiles'!$G$18=$B$17,14,0)+IF('Standard Profiles'!$G$18=$B$24,21,0),0)),0)</f>
        <v>0</v>
      </c>
      <c r="E1029" cm="1">
        <f t="array" ref="E1029">IFERROR(INDEX(Jesper!AI$2:AI$366,ROUNDDOWN($C1029/24,0)+1,1)*INDEX($D$3:$AA$30,INDEX(Jesper!$R$2:$R$366,ROW(INDEX(Jesper!AI$2:AI$366,ROUNDDOWN($C1029/24,0)+1,1))-1)+IF('Standard Profiles'!$G$19=$B$10,7,0)+IF('Standard Profiles'!$G$19=$B$17,14,0)+IF('Standard Profiles'!$G$19=$B$24,21,0),MOD($C1029,24)+1)/SUM(INDEX($D$3:$AA$30,INDEX(Jesper!$R$2:$R$366,ROW(INDEX(Jesper!AI$2:AI$366,ROUNDDOWN($C1029/24,0)+1,1))-1)+IF('Standard Profiles'!$G$19=$B$10,7,0)+IF('Standard Profiles'!$G$19=$B$17,14,0)+IF('Standard Profiles'!$G$19=$B$24,21,0),0)),0)</f>
        <v>5.0808185268792769</v>
      </c>
      <c r="F1029" cm="1">
        <f t="array" ref="F1029">IFERROR(INDEX(Jesper!AJ$2:AJ$366,ROUNDDOWN($C1029/24,0)+1,1)*INDEX($D$3:$AA$30,INDEX(Jesper!$R$2:$R$366,ROW(INDEX(Jesper!AJ$2:AJ$366,ROUNDDOWN($C1029/24,0)+1,1))-1)+IF('Standard Profiles'!$G$20=$B$10,7,0)+IF('Standard Profiles'!$G$20=$B$17,14,0)+IF('Standard Profiles'!$G$20=$B$24,21,0),MOD($C1029,24)+1)/SUM(INDEX($D$3:$AA$30,INDEX(Jesper!$R$2:$R$366,ROW(INDEX(Jesper!AJ$2:AJ$366,ROUNDDOWN($C1029/24,0)+1,1))-1)+IF('Standard Profiles'!$G$20=$B$10,7,0)+IF('Standard Profiles'!$G$20=$B$17,14,0)+IF('Standard Profiles'!$G$20=$B$24,21,0),0)),0)</f>
        <v>4.3173769904763368</v>
      </c>
      <c r="G1029" cm="1">
        <f t="array" ref="G1029">IFERROR(INDEX(Jesper!AK$2:AK$366,ROUNDDOWN($C1029/24,0)+1,1)*INDEX($D$3:$AA$30,INDEX(Jesper!$R$2:$R$366,ROW(INDEX(Jesper!AK$2:AK$366,ROUNDDOWN($C1029/24,0)+1,1))-1)+IF('Standard Profiles'!$G$21=$B$10,7,0)+IF('Standard Profiles'!$G$21=$B$17,14,0)+IF('Standard Profiles'!$G$21=$B$24,21,0),MOD($C1029,24)+1)/SUM(INDEX($D$3:$AA$30,INDEX(Jesper!$R$2:$R$366,ROW(INDEX(Jesper!AK$2:AK$366,ROUNDDOWN($C1029/24,0)+1,1))-1)+IF('Standard Profiles'!$G$21=$B$10,7,0)+IF('Standard Profiles'!$G$21=$B$17,14,0)+IF('Standard Profiles'!$G$21=$B$24,21,0),0)),0)</f>
        <v>7.0915884512382661</v>
      </c>
      <c r="H1029" cm="1">
        <f t="array" ref="H1029">IFERROR(INDEX(Jesper!AL$2:AL$366,ROUNDDOWN($C1029/24,0)+1,1)*INDEX($D$3:$AA$30,INDEX(Jesper!$R$2:$R$366,ROW(INDEX(Jesper!AL$2:AL$366,ROUNDDOWN($C1029/24,0)+1,1))-1)+IF('Standard Profiles'!$G$22=$B$10,7,0)+IF('Standard Profiles'!$G$22=$B$17,14,0)+IF('Standard Profiles'!$G$22=$B$24,21,0),MOD($C1029,24)+1)/SUM(INDEX($D$3:$AA$30,INDEX(Jesper!$R$2:$R$366,ROW(INDEX(Jesper!AL$2:AL$366,ROUNDDOWN($C1029/24,0)+1,1))-1)+IF('Standard Profiles'!$G$22=$B$10,7,0)+IF('Standard Profiles'!$G$22=$B$17,14,0)+IF('Standard Profiles'!$G$22=$B$24,21,0),0)),0)</f>
        <v>6.9705163694841881</v>
      </c>
      <c r="I1029">
        <f t="shared" si="125"/>
        <v>6.6916957147048244</v>
      </c>
      <c r="J1029">
        <f t="shared" si="126"/>
        <v>16.158906400147728</v>
      </c>
      <c r="K1029">
        <f t="shared" si="127"/>
        <v>0.40646548215034217</v>
      </c>
      <c r="L1029">
        <f t="shared" si="128"/>
        <v>0.20323274107517109</v>
      </c>
      <c r="M1029">
        <f t="shared" si="129"/>
        <v>0</v>
      </c>
      <c r="N1029" s="45">
        <f t="shared" si="130"/>
        <v>44968.45833333092</v>
      </c>
    </row>
    <row r="1030" spans="2:14" x14ac:dyDescent="0.25">
      <c r="B1030">
        <f t="shared" si="124"/>
        <v>6</v>
      </c>
      <c r="C1030" s="16">
        <v>996</v>
      </c>
      <c r="D1030" cm="1">
        <f t="array" ref="D1030">IFERROR(INDEX(Jesper!AH$2:AH$366,ROUNDDOWN($C1030/24,0)+1,1)*INDEX($D$3:$AA$30,INDEX(Jesper!$R$2:$R$366,ROW(INDEX(Jesper!AH$2:AH$366,ROUNDDOWN($C1030/24,0)+1,1))-1)+IF('Standard Profiles'!$G$18=$B$10,7,0)+IF('Standard Profiles'!$G$18=$B$17,14,0)+IF('Standard Profiles'!$G$18=$B$24,21,0),MOD($C1030,24)+1)/SUM(INDEX($D$3:$AA$30,INDEX(Jesper!$R$2:$R$366,ROW(INDEX(Jesper!AH$2:AH$366,ROUNDDOWN($C1030/24,0)+1,1))-1)+IF('Standard Profiles'!$G$18=$B$10,7,0)+IF('Standard Profiles'!$G$18=$B$17,14,0)+IF('Standard Profiles'!$G$18=$B$24,21,0),0)),0)</f>
        <v>0</v>
      </c>
      <c r="E1030" cm="1">
        <f t="array" ref="E1030">IFERROR(INDEX(Jesper!AI$2:AI$366,ROUNDDOWN($C1030/24,0)+1,1)*INDEX($D$3:$AA$30,INDEX(Jesper!$R$2:$R$366,ROW(INDEX(Jesper!AI$2:AI$366,ROUNDDOWN($C1030/24,0)+1,1))-1)+IF('Standard Profiles'!$G$19=$B$10,7,0)+IF('Standard Profiles'!$G$19=$B$17,14,0)+IF('Standard Profiles'!$G$19=$B$24,21,0),MOD($C1030,24)+1)/SUM(INDEX($D$3:$AA$30,INDEX(Jesper!$R$2:$R$366,ROW(INDEX(Jesper!AI$2:AI$366,ROUNDDOWN($C1030/24,0)+1,1))-1)+IF('Standard Profiles'!$G$19=$B$10,7,0)+IF('Standard Profiles'!$G$19=$B$17,14,0)+IF('Standard Profiles'!$G$19=$B$24,21,0),0)),0)</f>
        <v>5.0808185268792769</v>
      </c>
      <c r="F1030" cm="1">
        <f t="array" ref="F1030">IFERROR(INDEX(Jesper!AJ$2:AJ$366,ROUNDDOWN($C1030/24,0)+1,1)*INDEX($D$3:$AA$30,INDEX(Jesper!$R$2:$R$366,ROW(INDEX(Jesper!AJ$2:AJ$366,ROUNDDOWN($C1030/24,0)+1,1))-1)+IF('Standard Profiles'!$G$20=$B$10,7,0)+IF('Standard Profiles'!$G$20=$B$17,14,0)+IF('Standard Profiles'!$G$20=$B$24,21,0),MOD($C1030,24)+1)/SUM(INDEX($D$3:$AA$30,INDEX(Jesper!$R$2:$R$366,ROW(INDEX(Jesper!AJ$2:AJ$366,ROUNDDOWN($C1030/24,0)+1,1))-1)+IF('Standard Profiles'!$G$20=$B$10,7,0)+IF('Standard Profiles'!$G$20=$B$17,14,0)+IF('Standard Profiles'!$G$20=$B$24,21,0),0)),0)</f>
        <v>4.3173769904763368</v>
      </c>
      <c r="G1030" cm="1">
        <f t="array" ref="G1030">IFERROR(INDEX(Jesper!AK$2:AK$366,ROUNDDOWN($C1030/24,0)+1,1)*INDEX($D$3:$AA$30,INDEX(Jesper!$R$2:$R$366,ROW(INDEX(Jesper!AK$2:AK$366,ROUNDDOWN($C1030/24,0)+1,1))-1)+IF('Standard Profiles'!$G$21=$B$10,7,0)+IF('Standard Profiles'!$G$21=$B$17,14,0)+IF('Standard Profiles'!$G$21=$B$24,21,0),MOD($C1030,24)+1)/SUM(INDEX($D$3:$AA$30,INDEX(Jesper!$R$2:$R$366,ROW(INDEX(Jesper!AK$2:AK$366,ROUNDDOWN($C1030/24,0)+1,1))-1)+IF('Standard Profiles'!$G$21=$B$10,7,0)+IF('Standard Profiles'!$G$21=$B$17,14,0)+IF('Standard Profiles'!$G$21=$B$24,21,0),0)),0)</f>
        <v>7.0915884512382661</v>
      </c>
      <c r="H1030" cm="1">
        <f t="array" ref="H1030">IFERROR(INDEX(Jesper!AL$2:AL$366,ROUNDDOWN($C1030/24,0)+1,1)*INDEX($D$3:$AA$30,INDEX(Jesper!$R$2:$R$366,ROW(INDEX(Jesper!AL$2:AL$366,ROUNDDOWN($C1030/24,0)+1,1))-1)+IF('Standard Profiles'!$G$22=$B$10,7,0)+IF('Standard Profiles'!$G$22=$B$17,14,0)+IF('Standard Profiles'!$G$22=$B$24,21,0),MOD($C1030,24)+1)/SUM(INDEX($D$3:$AA$30,INDEX(Jesper!$R$2:$R$366,ROW(INDEX(Jesper!AL$2:AL$366,ROUNDDOWN($C1030/24,0)+1,1))-1)+IF('Standard Profiles'!$G$22=$B$10,7,0)+IF('Standard Profiles'!$G$22=$B$17,14,0)+IF('Standard Profiles'!$G$22=$B$24,21,0),0)),0)</f>
        <v>6.9705163694841881</v>
      </c>
      <c r="I1030">
        <f t="shared" si="125"/>
        <v>6.6916957147048244</v>
      </c>
      <c r="J1030">
        <f t="shared" si="126"/>
        <v>16.158906400147728</v>
      </c>
      <c r="K1030">
        <f t="shared" si="127"/>
        <v>0.40646548215034217</v>
      </c>
      <c r="L1030">
        <f t="shared" si="128"/>
        <v>0.20323274107517109</v>
      </c>
      <c r="M1030">
        <f t="shared" si="129"/>
        <v>0</v>
      </c>
      <c r="N1030" s="45">
        <f t="shared" si="130"/>
        <v>44968.499999997584</v>
      </c>
    </row>
    <row r="1031" spans="2:14" x14ac:dyDescent="0.25">
      <c r="B1031">
        <f t="shared" si="124"/>
        <v>6</v>
      </c>
      <c r="C1031" s="16">
        <v>997</v>
      </c>
      <c r="D1031" cm="1">
        <f t="array" ref="D1031">IFERROR(INDEX(Jesper!AH$2:AH$366,ROUNDDOWN($C1031/24,0)+1,1)*INDEX($D$3:$AA$30,INDEX(Jesper!$R$2:$R$366,ROW(INDEX(Jesper!AH$2:AH$366,ROUNDDOWN($C1031/24,0)+1,1))-1)+IF('Standard Profiles'!$G$18=$B$10,7,0)+IF('Standard Profiles'!$G$18=$B$17,14,0)+IF('Standard Profiles'!$G$18=$B$24,21,0),MOD($C1031,24)+1)/SUM(INDEX($D$3:$AA$30,INDEX(Jesper!$R$2:$R$366,ROW(INDEX(Jesper!AH$2:AH$366,ROUNDDOWN($C1031/24,0)+1,1))-1)+IF('Standard Profiles'!$G$18=$B$10,7,0)+IF('Standard Profiles'!$G$18=$B$17,14,0)+IF('Standard Profiles'!$G$18=$B$24,21,0),0)),0)</f>
        <v>0</v>
      </c>
      <c r="E1031" cm="1">
        <f t="array" ref="E1031">IFERROR(INDEX(Jesper!AI$2:AI$366,ROUNDDOWN($C1031/24,0)+1,1)*INDEX($D$3:$AA$30,INDEX(Jesper!$R$2:$R$366,ROW(INDEX(Jesper!AI$2:AI$366,ROUNDDOWN($C1031/24,0)+1,1))-1)+IF('Standard Profiles'!$G$19=$B$10,7,0)+IF('Standard Profiles'!$G$19=$B$17,14,0)+IF('Standard Profiles'!$G$19=$B$24,21,0),MOD($C1031,24)+1)/SUM(INDEX($D$3:$AA$30,INDEX(Jesper!$R$2:$R$366,ROW(INDEX(Jesper!AI$2:AI$366,ROUNDDOWN($C1031/24,0)+1,1))-1)+IF('Standard Profiles'!$G$19=$B$10,7,0)+IF('Standard Profiles'!$G$19=$B$17,14,0)+IF('Standard Profiles'!$G$19=$B$24,21,0),0)),0)</f>
        <v>5.0808185268792769</v>
      </c>
      <c r="F1031" cm="1">
        <f t="array" ref="F1031">IFERROR(INDEX(Jesper!AJ$2:AJ$366,ROUNDDOWN($C1031/24,0)+1,1)*INDEX($D$3:$AA$30,INDEX(Jesper!$R$2:$R$366,ROW(INDEX(Jesper!AJ$2:AJ$366,ROUNDDOWN($C1031/24,0)+1,1))-1)+IF('Standard Profiles'!$G$20=$B$10,7,0)+IF('Standard Profiles'!$G$20=$B$17,14,0)+IF('Standard Profiles'!$G$20=$B$24,21,0),MOD($C1031,24)+1)/SUM(INDEX($D$3:$AA$30,INDEX(Jesper!$R$2:$R$366,ROW(INDEX(Jesper!AJ$2:AJ$366,ROUNDDOWN($C1031/24,0)+1,1))-1)+IF('Standard Profiles'!$G$20=$B$10,7,0)+IF('Standard Profiles'!$G$20=$B$17,14,0)+IF('Standard Profiles'!$G$20=$B$24,21,0),0)),0)</f>
        <v>4.3173769904763368</v>
      </c>
      <c r="G1031" cm="1">
        <f t="array" ref="G1031">IFERROR(INDEX(Jesper!AK$2:AK$366,ROUNDDOWN($C1031/24,0)+1,1)*INDEX($D$3:$AA$30,INDEX(Jesper!$R$2:$R$366,ROW(INDEX(Jesper!AK$2:AK$366,ROUNDDOWN($C1031/24,0)+1,1))-1)+IF('Standard Profiles'!$G$21=$B$10,7,0)+IF('Standard Profiles'!$G$21=$B$17,14,0)+IF('Standard Profiles'!$G$21=$B$24,21,0),MOD($C1031,24)+1)/SUM(INDEX($D$3:$AA$30,INDEX(Jesper!$R$2:$R$366,ROW(INDEX(Jesper!AK$2:AK$366,ROUNDDOWN($C1031/24,0)+1,1))-1)+IF('Standard Profiles'!$G$21=$B$10,7,0)+IF('Standard Profiles'!$G$21=$B$17,14,0)+IF('Standard Profiles'!$G$21=$B$24,21,0),0)),0)</f>
        <v>7.0915884512382661</v>
      </c>
      <c r="H1031" cm="1">
        <f t="array" ref="H1031">IFERROR(INDEX(Jesper!AL$2:AL$366,ROUNDDOWN($C1031/24,0)+1,1)*INDEX($D$3:$AA$30,INDEX(Jesper!$R$2:$R$366,ROW(INDEX(Jesper!AL$2:AL$366,ROUNDDOWN($C1031/24,0)+1,1))-1)+IF('Standard Profiles'!$G$22=$B$10,7,0)+IF('Standard Profiles'!$G$22=$B$17,14,0)+IF('Standard Profiles'!$G$22=$B$24,21,0),MOD($C1031,24)+1)/SUM(INDEX($D$3:$AA$30,INDEX(Jesper!$R$2:$R$366,ROW(INDEX(Jesper!AL$2:AL$366,ROUNDDOWN($C1031/24,0)+1,1))-1)+IF('Standard Profiles'!$G$22=$B$10,7,0)+IF('Standard Profiles'!$G$22=$B$17,14,0)+IF('Standard Profiles'!$G$22=$B$24,21,0),0)),0)</f>
        <v>6.9705163694841881</v>
      </c>
      <c r="I1031">
        <f t="shared" si="125"/>
        <v>6.6916957147048244</v>
      </c>
      <c r="J1031">
        <f t="shared" si="126"/>
        <v>16.158906400147728</v>
      </c>
      <c r="K1031">
        <f t="shared" si="127"/>
        <v>0.40646548215034217</v>
      </c>
      <c r="L1031">
        <f t="shared" si="128"/>
        <v>0.20323274107517109</v>
      </c>
      <c r="M1031">
        <f t="shared" si="129"/>
        <v>0</v>
      </c>
      <c r="N1031" s="45">
        <f t="shared" si="130"/>
        <v>44968.541666664249</v>
      </c>
    </row>
    <row r="1032" spans="2:14" x14ac:dyDescent="0.25">
      <c r="B1032">
        <f t="shared" si="124"/>
        <v>6</v>
      </c>
      <c r="C1032" s="16">
        <v>998</v>
      </c>
      <c r="D1032" cm="1">
        <f t="array" ref="D1032">IFERROR(INDEX(Jesper!AH$2:AH$366,ROUNDDOWN($C1032/24,0)+1,1)*INDEX($D$3:$AA$30,INDEX(Jesper!$R$2:$R$366,ROW(INDEX(Jesper!AH$2:AH$366,ROUNDDOWN($C1032/24,0)+1,1))-1)+IF('Standard Profiles'!$G$18=$B$10,7,0)+IF('Standard Profiles'!$G$18=$B$17,14,0)+IF('Standard Profiles'!$G$18=$B$24,21,0),MOD($C1032,24)+1)/SUM(INDEX($D$3:$AA$30,INDEX(Jesper!$R$2:$R$366,ROW(INDEX(Jesper!AH$2:AH$366,ROUNDDOWN($C1032/24,0)+1,1))-1)+IF('Standard Profiles'!$G$18=$B$10,7,0)+IF('Standard Profiles'!$G$18=$B$17,14,0)+IF('Standard Profiles'!$G$18=$B$24,21,0),0)),0)</f>
        <v>0</v>
      </c>
      <c r="E1032" cm="1">
        <f t="array" ref="E1032">IFERROR(INDEX(Jesper!AI$2:AI$366,ROUNDDOWN($C1032/24,0)+1,1)*INDEX($D$3:$AA$30,INDEX(Jesper!$R$2:$R$366,ROW(INDEX(Jesper!AI$2:AI$366,ROUNDDOWN($C1032/24,0)+1,1))-1)+IF('Standard Profiles'!$G$19=$B$10,7,0)+IF('Standard Profiles'!$G$19=$B$17,14,0)+IF('Standard Profiles'!$G$19=$B$24,21,0),MOD($C1032,24)+1)/SUM(INDEX($D$3:$AA$30,INDEX(Jesper!$R$2:$R$366,ROW(INDEX(Jesper!AI$2:AI$366,ROUNDDOWN($C1032/24,0)+1,1))-1)+IF('Standard Profiles'!$G$19=$B$10,7,0)+IF('Standard Profiles'!$G$19=$B$17,14,0)+IF('Standard Profiles'!$G$19=$B$24,21,0),0)),0)</f>
        <v>5.0808185268792769</v>
      </c>
      <c r="F1032" cm="1">
        <f t="array" ref="F1032">IFERROR(INDEX(Jesper!AJ$2:AJ$366,ROUNDDOWN($C1032/24,0)+1,1)*INDEX($D$3:$AA$30,INDEX(Jesper!$R$2:$R$366,ROW(INDEX(Jesper!AJ$2:AJ$366,ROUNDDOWN($C1032/24,0)+1,1))-1)+IF('Standard Profiles'!$G$20=$B$10,7,0)+IF('Standard Profiles'!$G$20=$B$17,14,0)+IF('Standard Profiles'!$G$20=$B$24,21,0),MOD($C1032,24)+1)/SUM(INDEX($D$3:$AA$30,INDEX(Jesper!$R$2:$R$366,ROW(INDEX(Jesper!AJ$2:AJ$366,ROUNDDOWN($C1032/24,0)+1,1))-1)+IF('Standard Profiles'!$G$20=$B$10,7,0)+IF('Standard Profiles'!$G$20=$B$17,14,0)+IF('Standard Profiles'!$G$20=$B$24,21,0),0)),0)</f>
        <v>4.3173769904763368</v>
      </c>
      <c r="G1032" cm="1">
        <f t="array" ref="G1032">IFERROR(INDEX(Jesper!AK$2:AK$366,ROUNDDOWN($C1032/24,0)+1,1)*INDEX($D$3:$AA$30,INDEX(Jesper!$R$2:$R$366,ROW(INDEX(Jesper!AK$2:AK$366,ROUNDDOWN($C1032/24,0)+1,1))-1)+IF('Standard Profiles'!$G$21=$B$10,7,0)+IF('Standard Profiles'!$G$21=$B$17,14,0)+IF('Standard Profiles'!$G$21=$B$24,21,0),MOD($C1032,24)+1)/SUM(INDEX($D$3:$AA$30,INDEX(Jesper!$R$2:$R$366,ROW(INDEX(Jesper!AK$2:AK$366,ROUNDDOWN($C1032/24,0)+1,1))-1)+IF('Standard Profiles'!$G$21=$B$10,7,0)+IF('Standard Profiles'!$G$21=$B$17,14,0)+IF('Standard Profiles'!$G$21=$B$24,21,0),0)),0)</f>
        <v>7.0915884512382661</v>
      </c>
      <c r="H1032" cm="1">
        <f t="array" ref="H1032">IFERROR(INDEX(Jesper!AL$2:AL$366,ROUNDDOWN($C1032/24,0)+1,1)*INDEX($D$3:$AA$30,INDEX(Jesper!$R$2:$R$366,ROW(INDEX(Jesper!AL$2:AL$366,ROUNDDOWN($C1032/24,0)+1,1))-1)+IF('Standard Profiles'!$G$22=$B$10,7,0)+IF('Standard Profiles'!$G$22=$B$17,14,0)+IF('Standard Profiles'!$G$22=$B$24,21,0),MOD($C1032,24)+1)/SUM(INDEX($D$3:$AA$30,INDEX(Jesper!$R$2:$R$366,ROW(INDEX(Jesper!AL$2:AL$366,ROUNDDOWN($C1032/24,0)+1,1))-1)+IF('Standard Profiles'!$G$22=$B$10,7,0)+IF('Standard Profiles'!$G$22=$B$17,14,0)+IF('Standard Profiles'!$G$22=$B$24,21,0),0)),0)</f>
        <v>6.9705163694841881</v>
      </c>
      <c r="I1032">
        <f t="shared" si="125"/>
        <v>6.6916957147048244</v>
      </c>
      <c r="J1032">
        <f t="shared" si="126"/>
        <v>16.158906400147728</v>
      </c>
      <c r="K1032">
        <f t="shared" si="127"/>
        <v>0.40646548215034217</v>
      </c>
      <c r="L1032">
        <f t="shared" si="128"/>
        <v>0.20323274107517109</v>
      </c>
      <c r="M1032">
        <f t="shared" si="129"/>
        <v>0</v>
      </c>
      <c r="N1032" s="45">
        <f t="shared" si="130"/>
        <v>44968.583333330913</v>
      </c>
    </row>
    <row r="1033" spans="2:14" x14ac:dyDescent="0.25">
      <c r="B1033">
        <f t="shared" si="124"/>
        <v>6</v>
      </c>
      <c r="C1033" s="16">
        <v>999</v>
      </c>
      <c r="D1033" cm="1">
        <f t="array" ref="D1033">IFERROR(INDEX(Jesper!AH$2:AH$366,ROUNDDOWN($C1033/24,0)+1,1)*INDEX($D$3:$AA$30,INDEX(Jesper!$R$2:$R$366,ROW(INDEX(Jesper!AH$2:AH$366,ROUNDDOWN($C1033/24,0)+1,1))-1)+IF('Standard Profiles'!$G$18=$B$10,7,0)+IF('Standard Profiles'!$G$18=$B$17,14,0)+IF('Standard Profiles'!$G$18=$B$24,21,0),MOD($C1033,24)+1)/SUM(INDEX($D$3:$AA$30,INDEX(Jesper!$R$2:$R$366,ROW(INDEX(Jesper!AH$2:AH$366,ROUNDDOWN($C1033/24,0)+1,1))-1)+IF('Standard Profiles'!$G$18=$B$10,7,0)+IF('Standard Profiles'!$G$18=$B$17,14,0)+IF('Standard Profiles'!$G$18=$B$24,21,0),0)),0)</f>
        <v>0</v>
      </c>
      <c r="E1033" cm="1">
        <f t="array" ref="E1033">IFERROR(INDEX(Jesper!AI$2:AI$366,ROUNDDOWN($C1033/24,0)+1,1)*INDEX($D$3:$AA$30,INDEX(Jesper!$R$2:$R$366,ROW(INDEX(Jesper!AI$2:AI$366,ROUNDDOWN($C1033/24,0)+1,1))-1)+IF('Standard Profiles'!$G$19=$B$10,7,0)+IF('Standard Profiles'!$G$19=$B$17,14,0)+IF('Standard Profiles'!$G$19=$B$24,21,0),MOD($C1033,24)+1)/SUM(INDEX($D$3:$AA$30,INDEX(Jesper!$R$2:$R$366,ROW(INDEX(Jesper!AI$2:AI$366,ROUNDDOWN($C1033/24,0)+1,1))-1)+IF('Standard Profiles'!$G$19=$B$10,7,0)+IF('Standard Profiles'!$G$19=$B$17,14,0)+IF('Standard Profiles'!$G$19=$B$24,21,0),0)),0)</f>
        <v>5.0808185268792769</v>
      </c>
      <c r="F1033" cm="1">
        <f t="array" ref="F1033">IFERROR(INDEX(Jesper!AJ$2:AJ$366,ROUNDDOWN($C1033/24,0)+1,1)*INDEX($D$3:$AA$30,INDEX(Jesper!$R$2:$R$366,ROW(INDEX(Jesper!AJ$2:AJ$366,ROUNDDOWN($C1033/24,0)+1,1))-1)+IF('Standard Profiles'!$G$20=$B$10,7,0)+IF('Standard Profiles'!$G$20=$B$17,14,0)+IF('Standard Profiles'!$G$20=$B$24,21,0),MOD($C1033,24)+1)/SUM(INDEX($D$3:$AA$30,INDEX(Jesper!$R$2:$R$366,ROW(INDEX(Jesper!AJ$2:AJ$366,ROUNDDOWN($C1033/24,0)+1,1))-1)+IF('Standard Profiles'!$G$20=$B$10,7,0)+IF('Standard Profiles'!$G$20=$B$17,14,0)+IF('Standard Profiles'!$G$20=$B$24,21,0),0)),0)</f>
        <v>4.3173769904763368</v>
      </c>
      <c r="G1033" cm="1">
        <f t="array" ref="G1033">IFERROR(INDEX(Jesper!AK$2:AK$366,ROUNDDOWN($C1033/24,0)+1,1)*INDEX($D$3:$AA$30,INDEX(Jesper!$R$2:$R$366,ROW(INDEX(Jesper!AK$2:AK$366,ROUNDDOWN($C1033/24,0)+1,1))-1)+IF('Standard Profiles'!$G$21=$B$10,7,0)+IF('Standard Profiles'!$G$21=$B$17,14,0)+IF('Standard Profiles'!$G$21=$B$24,21,0),MOD($C1033,24)+1)/SUM(INDEX($D$3:$AA$30,INDEX(Jesper!$R$2:$R$366,ROW(INDEX(Jesper!AK$2:AK$366,ROUNDDOWN($C1033/24,0)+1,1))-1)+IF('Standard Profiles'!$G$21=$B$10,7,0)+IF('Standard Profiles'!$G$21=$B$17,14,0)+IF('Standard Profiles'!$G$21=$B$24,21,0),0)),0)</f>
        <v>7.0915884512382661</v>
      </c>
      <c r="H1033" cm="1">
        <f t="array" ref="H1033">IFERROR(INDEX(Jesper!AL$2:AL$366,ROUNDDOWN($C1033/24,0)+1,1)*INDEX($D$3:$AA$30,INDEX(Jesper!$R$2:$R$366,ROW(INDEX(Jesper!AL$2:AL$366,ROUNDDOWN($C1033/24,0)+1,1))-1)+IF('Standard Profiles'!$G$22=$B$10,7,0)+IF('Standard Profiles'!$G$22=$B$17,14,0)+IF('Standard Profiles'!$G$22=$B$24,21,0),MOD($C1033,24)+1)/SUM(INDEX($D$3:$AA$30,INDEX(Jesper!$R$2:$R$366,ROW(INDEX(Jesper!AL$2:AL$366,ROUNDDOWN($C1033/24,0)+1,1))-1)+IF('Standard Profiles'!$G$22=$B$10,7,0)+IF('Standard Profiles'!$G$22=$B$17,14,0)+IF('Standard Profiles'!$G$22=$B$24,21,0),0)),0)</f>
        <v>6.3021106902185808</v>
      </c>
      <c r="I1033">
        <f t="shared" si="125"/>
        <v>6.0500262626098404</v>
      </c>
      <c r="J1033">
        <f t="shared" si="126"/>
        <v>16.132170172977105</v>
      </c>
      <c r="K1033">
        <f t="shared" si="127"/>
        <v>0.40646548215034217</v>
      </c>
      <c r="L1033">
        <f t="shared" si="128"/>
        <v>0.20323274107517109</v>
      </c>
      <c r="M1033">
        <f t="shared" si="129"/>
        <v>0</v>
      </c>
      <c r="N1033" s="45">
        <f t="shared" si="130"/>
        <v>44968.624999997577</v>
      </c>
    </row>
    <row r="1034" spans="2:14" x14ac:dyDescent="0.25">
      <c r="B1034">
        <f t="shared" si="124"/>
        <v>6</v>
      </c>
      <c r="C1034" s="16">
        <v>1000</v>
      </c>
      <c r="D1034" cm="1">
        <f t="array" ref="D1034">IFERROR(INDEX(Jesper!AH$2:AH$366,ROUNDDOWN($C1034/24,0)+1,1)*INDEX($D$3:$AA$30,INDEX(Jesper!$R$2:$R$366,ROW(INDEX(Jesper!AH$2:AH$366,ROUNDDOWN($C1034/24,0)+1,1))-1)+IF('Standard Profiles'!$G$18=$B$10,7,0)+IF('Standard Profiles'!$G$18=$B$17,14,0)+IF('Standard Profiles'!$G$18=$B$24,21,0),MOD($C1034,24)+1)/SUM(INDEX($D$3:$AA$30,INDEX(Jesper!$R$2:$R$366,ROW(INDEX(Jesper!AH$2:AH$366,ROUNDDOWN($C1034/24,0)+1,1))-1)+IF('Standard Profiles'!$G$18=$B$10,7,0)+IF('Standard Profiles'!$G$18=$B$17,14,0)+IF('Standard Profiles'!$G$18=$B$24,21,0),0)),0)</f>
        <v>0</v>
      </c>
      <c r="E1034" cm="1">
        <f t="array" ref="E1034">IFERROR(INDEX(Jesper!AI$2:AI$366,ROUNDDOWN($C1034/24,0)+1,1)*INDEX($D$3:$AA$30,INDEX(Jesper!$R$2:$R$366,ROW(INDEX(Jesper!AI$2:AI$366,ROUNDDOWN($C1034/24,0)+1,1))-1)+IF('Standard Profiles'!$G$19=$B$10,7,0)+IF('Standard Profiles'!$G$19=$B$17,14,0)+IF('Standard Profiles'!$G$19=$B$24,21,0),MOD($C1034,24)+1)/SUM(INDEX($D$3:$AA$30,INDEX(Jesper!$R$2:$R$366,ROW(INDEX(Jesper!AI$2:AI$366,ROUNDDOWN($C1034/24,0)+1,1))-1)+IF('Standard Profiles'!$G$19=$B$10,7,0)+IF('Standard Profiles'!$G$19=$B$17,14,0)+IF('Standard Profiles'!$G$19=$B$24,21,0),0)),0)</f>
        <v>5.0808185268792769</v>
      </c>
      <c r="F1034" cm="1">
        <f t="array" ref="F1034">IFERROR(INDEX(Jesper!AJ$2:AJ$366,ROUNDDOWN($C1034/24,0)+1,1)*INDEX($D$3:$AA$30,INDEX(Jesper!$R$2:$R$366,ROW(INDEX(Jesper!AJ$2:AJ$366,ROUNDDOWN($C1034/24,0)+1,1))-1)+IF('Standard Profiles'!$G$20=$B$10,7,0)+IF('Standard Profiles'!$G$20=$B$17,14,0)+IF('Standard Profiles'!$G$20=$B$24,21,0),MOD($C1034,24)+1)/SUM(INDEX($D$3:$AA$30,INDEX(Jesper!$R$2:$R$366,ROW(INDEX(Jesper!AJ$2:AJ$366,ROUNDDOWN($C1034/24,0)+1,1))-1)+IF('Standard Profiles'!$G$20=$B$10,7,0)+IF('Standard Profiles'!$G$20=$B$17,14,0)+IF('Standard Profiles'!$G$20=$B$24,21,0),0)),0)</f>
        <v>4.3173769904763368</v>
      </c>
      <c r="G1034" cm="1">
        <f t="array" ref="G1034">IFERROR(INDEX(Jesper!AK$2:AK$366,ROUNDDOWN($C1034/24,0)+1,1)*INDEX($D$3:$AA$30,INDEX(Jesper!$R$2:$R$366,ROW(INDEX(Jesper!AK$2:AK$366,ROUNDDOWN($C1034/24,0)+1,1))-1)+IF('Standard Profiles'!$G$21=$B$10,7,0)+IF('Standard Profiles'!$G$21=$B$17,14,0)+IF('Standard Profiles'!$G$21=$B$24,21,0),MOD($C1034,24)+1)/SUM(INDEX($D$3:$AA$30,INDEX(Jesper!$R$2:$R$366,ROW(INDEX(Jesper!AK$2:AK$366,ROUNDDOWN($C1034/24,0)+1,1))-1)+IF('Standard Profiles'!$G$21=$B$10,7,0)+IF('Standard Profiles'!$G$21=$B$17,14,0)+IF('Standard Profiles'!$G$21=$B$24,21,0),0)),0)</f>
        <v>7.0915884512382661</v>
      </c>
      <c r="H1034" cm="1">
        <f t="array" ref="H1034">IFERROR(INDEX(Jesper!AL$2:AL$366,ROUNDDOWN($C1034/24,0)+1,1)*INDEX($D$3:$AA$30,INDEX(Jesper!$R$2:$R$366,ROW(INDEX(Jesper!AL$2:AL$366,ROUNDDOWN($C1034/24,0)+1,1))-1)+IF('Standard Profiles'!$G$22=$B$10,7,0)+IF('Standard Profiles'!$G$22=$B$17,14,0)+IF('Standard Profiles'!$G$22=$B$24,21,0),MOD($C1034,24)+1)/SUM(INDEX($D$3:$AA$30,INDEX(Jesper!$R$2:$R$366,ROW(INDEX(Jesper!AL$2:AL$366,ROUNDDOWN($C1034/24,0)+1,1))-1)+IF('Standard Profiles'!$G$22=$B$10,7,0)+IF('Standard Profiles'!$G$22=$B$17,14,0)+IF('Standard Profiles'!$G$22=$B$24,21,0),0)),0)</f>
        <v>5.7291915365623467</v>
      </c>
      <c r="I1034">
        <f t="shared" si="125"/>
        <v>5.5000238750998562</v>
      </c>
      <c r="J1034">
        <f t="shared" si="126"/>
        <v>16.109253406830856</v>
      </c>
      <c r="K1034">
        <f t="shared" si="127"/>
        <v>0.40646548215034217</v>
      </c>
      <c r="L1034">
        <f t="shared" si="128"/>
        <v>0.20323274107517109</v>
      </c>
      <c r="M1034">
        <f t="shared" si="129"/>
        <v>0</v>
      </c>
      <c r="N1034" s="45">
        <f t="shared" si="130"/>
        <v>44968.666666664241</v>
      </c>
    </row>
    <row r="1035" spans="2:14" x14ac:dyDescent="0.25">
      <c r="B1035">
        <f t="shared" si="124"/>
        <v>6</v>
      </c>
      <c r="C1035" s="16">
        <v>1001</v>
      </c>
      <c r="D1035" cm="1">
        <f t="array" ref="D1035">IFERROR(INDEX(Jesper!AH$2:AH$366,ROUNDDOWN($C1035/24,0)+1,1)*INDEX($D$3:$AA$30,INDEX(Jesper!$R$2:$R$366,ROW(INDEX(Jesper!AH$2:AH$366,ROUNDDOWN($C1035/24,0)+1,1))-1)+IF('Standard Profiles'!$G$18=$B$10,7,0)+IF('Standard Profiles'!$G$18=$B$17,14,0)+IF('Standard Profiles'!$G$18=$B$24,21,0),MOD($C1035,24)+1)/SUM(INDEX($D$3:$AA$30,INDEX(Jesper!$R$2:$R$366,ROW(INDEX(Jesper!AH$2:AH$366,ROUNDDOWN($C1035/24,0)+1,1))-1)+IF('Standard Profiles'!$G$18=$B$10,7,0)+IF('Standard Profiles'!$G$18=$B$17,14,0)+IF('Standard Profiles'!$G$18=$B$24,21,0),0)),0)</f>
        <v>0</v>
      </c>
      <c r="E1035" cm="1">
        <f t="array" ref="E1035">IFERROR(INDEX(Jesper!AI$2:AI$366,ROUNDDOWN($C1035/24,0)+1,1)*INDEX($D$3:$AA$30,INDEX(Jesper!$R$2:$R$366,ROW(INDEX(Jesper!AI$2:AI$366,ROUNDDOWN($C1035/24,0)+1,1))-1)+IF('Standard Profiles'!$G$19=$B$10,7,0)+IF('Standard Profiles'!$G$19=$B$17,14,0)+IF('Standard Profiles'!$G$19=$B$24,21,0),MOD($C1035,24)+1)/SUM(INDEX($D$3:$AA$30,INDEX(Jesper!$R$2:$R$366,ROW(INDEX(Jesper!AI$2:AI$366,ROUNDDOWN($C1035/24,0)+1,1))-1)+IF('Standard Profiles'!$G$19=$B$10,7,0)+IF('Standard Profiles'!$G$19=$B$17,14,0)+IF('Standard Profiles'!$G$19=$B$24,21,0),0)),0)</f>
        <v>5.0808185268792769</v>
      </c>
      <c r="F1035" cm="1">
        <f t="array" ref="F1035">IFERROR(INDEX(Jesper!AJ$2:AJ$366,ROUNDDOWN($C1035/24,0)+1,1)*INDEX($D$3:$AA$30,INDEX(Jesper!$R$2:$R$366,ROW(INDEX(Jesper!AJ$2:AJ$366,ROUNDDOWN($C1035/24,0)+1,1))-1)+IF('Standard Profiles'!$G$20=$B$10,7,0)+IF('Standard Profiles'!$G$20=$B$17,14,0)+IF('Standard Profiles'!$G$20=$B$24,21,0),MOD($C1035,24)+1)/SUM(INDEX($D$3:$AA$30,INDEX(Jesper!$R$2:$R$366,ROW(INDEX(Jesper!AJ$2:AJ$366,ROUNDDOWN($C1035/24,0)+1,1))-1)+IF('Standard Profiles'!$G$20=$B$10,7,0)+IF('Standard Profiles'!$G$20=$B$17,14,0)+IF('Standard Profiles'!$G$20=$B$24,21,0),0)),0)</f>
        <v>4.3173769904763368</v>
      </c>
      <c r="G1035" cm="1">
        <f t="array" ref="G1035">IFERROR(INDEX(Jesper!AK$2:AK$366,ROUNDDOWN($C1035/24,0)+1,1)*INDEX($D$3:$AA$30,INDEX(Jesper!$R$2:$R$366,ROW(INDEX(Jesper!AK$2:AK$366,ROUNDDOWN($C1035/24,0)+1,1))-1)+IF('Standard Profiles'!$G$21=$B$10,7,0)+IF('Standard Profiles'!$G$21=$B$17,14,0)+IF('Standard Profiles'!$G$21=$B$24,21,0),MOD($C1035,24)+1)/SUM(INDEX($D$3:$AA$30,INDEX(Jesper!$R$2:$R$366,ROW(INDEX(Jesper!AK$2:AK$366,ROUNDDOWN($C1035/24,0)+1,1))-1)+IF('Standard Profiles'!$G$21=$B$10,7,0)+IF('Standard Profiles'!$G$21=$B$17,14,0)+IF('Standard Profiles'!$G$21=$B$24,21,0),0)),0)</f>
        <v>7.0915884512382661</v>
      </c>
      <c r="H1035" cm="1">
        <f t="array" ref="H1035">IFERROR(INDEX(Jesper!AL$2:AL$366,ROUNDDOWN($C1035/24,0)+1,1)*INDEX($D$3:$AA$30,INDEX(Jesper!$R$2:$R$366,ROW(INDEX(Jesper!AL$2:AL$366,ROUNDDOWN($C1035/24,0)+1,1))-1)+IF('Standard Profiles'!$G$22=$B$10,7,0)+IF('Standard Profiles'!$G$22=$B$17,14,0)+IF('Standard Profiles'!$G$22=$B$24,21,0),MOD($C1035,24)+1)/SUM(INDEX($D$3:$AA$30,INDEX(Jesper!$R$2:$R$366,ROW(INDEX(Jesper!AL$2:AL$366,ROUNDDOWN($C1035/24,0)+1,1))-1)+IF('Standard Profiles'!$G$22=$B$10,7,0)+IF('Standard Profiles'!$G$22=$B$17,14,0)+IF('Standard Profiles'!$G$22=$B$24,21,0),0)),0)</f>
        <v>5.1562723829061117</v>
      </c>
      <c r="I1035">
        <f t="shared" si="125"/>
        <v>4.9500214875898703</v>
      </c>
      <c r="J1035">
        <f t="shared" si="126"/>
        <v>16.086336640684607</v>
      </c>
      <c r="K1035">
        <f t="shared" si="127"/>
        <v>0.40646548215034217</v>
      </c>
      <c r="L1035">
        <f t="shared" si="128"/>
        <v>0.20323274107517109</v>
      </c>
      <c r="M1035">
        <f t="shared" si="129"/>
        <v>0</v>
      </c>
      <c r="N1035" s="45">
        <f t="shared" si="130"/>
        <v>44968.708333330906</v>
      </c>
    </row>
    <row r="1036" spans="2:14" x14ac:dyDescent="0.25">
      <c r="B1036">
        <f t="shared" si="124"/>
        <v>6</v>
      </c>
      <c r="C1036" s="16">
        <v>1002</v>
      </c>
      <c r="D1036" cm="1">
        <f t="array" ref="D1036">IFERROR(INDEX(Jesper!AH$2:AH$366,ROUNDDOWN($C1036/24,0)+1,1)*INDEX($D$3:$AA$30,INDEX(Jesper!$R$2:$R$366,ROW(INDEX(Jesper!AH$2:AH$366,ROUNDDOWN($C1036/24,0)+1,1))-1)+IF('Standard Profiles'!$G$18=$B$10,7,0)+IF('Standard Profiles'!$G$18=$B$17,14,0)+IF('Standard Profiles'!$G$18=$B$24,21,0),MOD($C1036,24)+1)/SUM(INDEX($D$3:$AA$30,INDEX(Jesper!$R$2:$R$366,ROW(INDEX(Jesper!AH$2:AH$366,ROUNDDOWN($C1036/24,0)+1,1))-1)+IF('Standard Profiles'!$G$18=$B$10,7,0)+IF('Standard Profiles'!$G$18=$B$17,14,0)+IF('Standard Profiles'!$G$18=$B$24,21,0),0)),0)</f>
        <v>0</v>
      </c>
      <c r="E1036" cm="1">
        <f t="array" ref="E1036">IFERROR(INDEX(Jesper!AI$2:AI$366,ROUNDDOWN($C1036/24,0)+1,1)*INDEX($D$3:$AA$30,INDEX(Jesper!$R$2:$R$366,ROW(INDEX(Jesper!AI$2:AI$366,ROUNDDOWN($C1036/24,0)+1,1))-1)+IF('Standard Profiles'!$G$19=$B$10,7,0)+IF('Standard Profiles'!$G$19=$B$17,14,0)+IF('Standard Profiles'!$G$19=$B$24,21,0),MOD($C1036,24)+1)/SUM(INDEX($D$3:$AA$30,INDEX(Jesper!$R$2:$R$366,ROW(INDEX(Jesper!AI$2:AI$366,ROUNDDOWN($C1036/24,0)+1,1))-1)+IF('Standard Profiles'!$G$19=$B$10,7,0)+IF('Standard Profiles'!$G$19=$B$17,14,0)+IF('Standard Profiles'!$G$19=$B$24,21,0),0)),0)</f>
        <v>5.0808185268792769</v>
      </c>
      <c r="F1036" cm="1">
        <f t="array" ref="F1036">IFERROR(INDEX(Jesper!AJ$2:AJ$366,ROUNDDOWN($C1036/24,0)+1,1)*INDEX($D$3:$AA$30,INDEX(Jesper!$R$2:$R$366,ROW(INDEX(Jesper!AJ$2:AJ$366,ROUNDDOWN($C1036/24,0)+1,1))-1)+IF('Standard Profiles'!$G$20=$B$10,7,0)+IF('Standard Profiles'!$G$20=$B$17,14,0)+IF('Standard Profiles'!$G$20=$B$24,21,0),MOD($C1036,24)+1)/SUM(INDEX($D$3:$AA$30,INDEX(Jesper!$R$2:$R$366,ROW(INDEX(Jesper!AJ$2:AJ$366,ROUNDDOWN($C1036/24,0)+1,1))-1)+IF('Standard Profiles'!$G$20=$B$10,7,0)+IF('Standard Profiles'!$G$20=$B$17,14,0)+IF('Standard Profiles'!$G$20=$B$24,21,0),0)),0)</f>
        <v>4.3173769904763368</v>
      </c>
      <c r="G1036" cm="1">
        <f t="array" ref="G1036">IFERROR(INDEX(Jesper!AK$2:AK$366,ROUNDDOWN($C1036/24,0)+1,1)*INDEX($D$3:$AA$30,INDEX(Jesper!$R$2:$R$366,ROW(INDEX(Jesper!AK$2:AK$366,ROUNDDOWN($C1036/24,0)+1,1))-1)+IF('Standard Profiles'!$G$21=$B$10,7,0)+IF('Standard Profiles'!$G$21=$B$17,14,0)+IF('Standard Profiles'!$G$21=$B$24,21,0),MOD($C1036,24)+1)/SUM(INDEX($D$3:$AA$30,INDEX(Jesper!$R$2:$R$366,ROW(INDEX(Jesper!AK$2:AK$366,ROUNDDOWN($C1036/24,0)+1,1))-1)+IF('Standard Profiles'!$G$21=$B$10,7,0)+IF('Standard Profiles'!$G$21=$B$17,14,0)+IF('Standard Profiles'!$G$21=$B$24,21,0),0)),0)</f>
        <v>7.0915884512382661</v>
      </c>
      <c r="H1036" cm="1">
        <f t="array" ref="H1036">IFERROR(INDEX(Jesper!AL$2:AL$366,ROUNDDOWN($C1036/24,0)+1,1)*INDEX($D$3:$AA$30,INDEX(Jesper!$R$2:$R$366,ROW(INDEX(Jesper!AL$2:AL$366,ROUNDDOWN($C1036/24,0)+1,1))-1)+IF('Standard Profiles'!$G$22=$B$10,7,0)+IF('Standard Profiles'!$G$22=$B$17,14,0)+IF('Standard Profiles'!$G$22=$B$24,21,0),MOD($C1036,24)+1)/SUM(INDEX($D$3:$AA$30,INDEX(Jesper!$R$2:$R$366,ROW(INDEX(Jesper!AL$2:AL$366,ROUNDDOWN($C1036/24,0)+1,1))-1)+IF('Standard Profiles'!$G$22=$B$10,7,0)+IF('Standard Profiles'!$G$22=$B$17,14,0)+IF('Standard Profiles'!$G$22=$B$24,21,0),0)),0)</f>
        <v>4.9652993316873664</v>
      </c>
      <c r="I1036">
        <f t="shared" si="125"/>
        <v>4.7666873584198743</v>
      </c>
      <c r="J1036">
        <f t="shared" si="126"/>
        <v>16.078697718635858</v>
      </c>
      <c r="K1036">
        <f t="shared" si="127"/>
        <v>0.40646548215034217</v>
      </c>
      <c r="L1036">
        <f t="shared" si="128"/>
        <v>0.20323274107517109</v>
      </c>
      <c r="M1036">
        <f t="shared" si="129"/>
        <v>0</v>
      </c>
      <c r="N1036" s="45">
        <f t="shared" si="130"/>
        <v>44968.74999999757</v>
      </c>
    </row>
    <row r="1037" spans="2:14" x14ac:dyDescent="0.25">
      <c r="B1037">
        <f t="shared" si="124"/>
        <v>6</v>
      </c>
      <c r="C1037" s="16">
        <v>1003</v>
      </c>
      <c r="D1037" cm="1">
        <f t="array" ref="D1037">IFERROR(INDEX(Jesper!AH$2:AH$366,ROUNDDOWN($C1037/24,0)+1,1)*INDEX($D$3:$AA$30,INDEX(Jesper!$R$2:$R$366,ROW(INDEX(Jesper!AH$2:AH$366,ROUNDDOWN($C1037/24,0)+1,1))-1)+IF('Standard Profiles'!$G$18=$B$10,7,0)+IF('Standard Profiles'!$G$18=$B$17,14,0)+IF('Standard Profiles'!$G$18=$B$24,21,0),MOD($C1037,24)+1)/SUM(INDEX($D$3:$AA$30,INDEX(Jesper!$R$2:$R$366,ROW(INDEX(Jesper!AH$2:AH$366,ROUNDDOWN($C1037/24,0)+1,1))-1)+IF('Standard Profiles'!$G$18=$B$10,7,0)+IF('Standard Profiles'!$G$18=$B$17,14,0)+IF('Standard Profiles'!$G$18=$B$24,21,0),0)),0)</f>
        <v>0</v>
      </c>
      <c r="E1037" cm="1">
        <f t="array" ref="E1037">IFERROR(INDEX(Jesper!AI$2:AI$366,ROUNDDOWN($C1037/24,0)+1,1)*INDEX($D$3:$AA$30,INDEX(Jesper!$R$2:$R$366,ROW(INDEX(Jesper!AI$2:AI$366,ROUNDDOWN($C1037/24,0)+1,1))-1)+IF('Standard Profiles'!$G$19=$B$10,7,0)+IF('Standard Profiles'!$G$19=$B$17,14,0)+IF('Standard Profiles'!$G$19=$B$24,21,0),MOD($C1037,24)+1)/SUM(INDEX($D$3:$AA$30,INDEX(Jesper!$R$2:$R$366,ROW(INDEX(Jesper!AI$2:AI$366,ROUNDDOWN($C1037/24,0)+1,1))-1)+IF('Standard Profiles'!$G$19=$B$10,7,0)+IF('Standard Profiles'!$G$19=$B$17,14,0)+IF('Standard Profiles'!$G$19=$B$24,21,0),0)),0)</f>
        <v>5.0808185268792769</v>
      </c>
      <c r="F1037" cm="1">
        <f t="array" ref="F1037">IFERROR(INDEX(Jesper!AJ$2:AJ$366,ROUNDDOWN($C1037/24,0)+1,1)*INDEX($D$3:$AA$30,INDEX(Jesper!$R$2:$R$366,ROW(INDEX(Jesper!AJ$2:AJ$366,ROUNDDOWN($C1037/24,0)+1,1))-1)+IF('Standard Profiles'!$G$20=$B$10,7,0)+IF('Standard Profiles'!$G$20=$B$17,14,0)+IF('Standard Profiles'!$G$20=$B$24,21,0),MOD($C1037,24)+1)/SUM(INDEX($D$3:$AA$30,INDEX(Jesper!$R$2:$R$366,ROW(INDEX(Jesper!AJ$2:AJ$366,ROUNDDOWN($C1037/24,0)+1,1))-1)+IF('Standard Profiles'!$G$20=$B$10,7,0)+IF('Standard Profiles'!$G$20=$B$17,14,0)+IF('Standard Profiles'!$G$20=$B$24,21,0),0)),0)</f>
        <v>4.3173769904763368</v>
      </c>
      <c r="G1037" cm="1">
        <f t="array" ref="G1037">IFERROR(INDEX(Jesper!AK$2:AK$366,ROUNDDOWN($C1037/24,0)+1,1)*INDEX($D$3:$AA$30,INDEX(Jesper!$R$2:$R$366,ROW(INDEX(Jesper!AK$2:AK$366,ROUNDDOWN($C1037/24,0)+1,1))-1)+IF('Standard Profiles'!$G$21=$B$10,7,0)+IF('Standard Profiles'!$G$21=$B$17,14,0)+IF('Standard Profiles'!$G$21=$B$24,21,0),MOD($C1037,24)+1)/SUM(INDEX($D$3:$AA$30,INDEX(Jesper!$R$2:$R$366,ROW(INDEX(Jesper!AK$2:AK$366,ROUNDDOWN($C1037/24,0)+1,1))-1)+IF('Standard Profiles'!$G$21=$B$10,7,0)+IF('Standard Profiles'!$G$21=$B$17,14,0)+IF('Standard Profiles'!$G$21=$B$24,21,0),0)),0)</f>
        <v>7.0915884512382661</v>
      </c>
      <c r="H1037" cm="1">
        <f t="array" ref="H1037">IFERROR(INDEX(Jesper!AL$2:AL$366,ROUNDDOWN($C1037/24,0)+1,1)*INDEX($D$3:$AA$30,INDEX(Jesper!$R$2:$R$366,ROW(INDEX(Jesper!AL$2:AL$366,ROUNDDOWN($C1037/24,0)+1,1))-1)+IF('Standard Profiles'!$G$22=$B$10,7,0)+IF('Standard Profiles'!$G$22=$B$17,14,0)+IF('Standard Profiles'!$G$22=$B$24,21,0),MOD($C1037,24)+1)/SUM(INDEX($D$3:$AA$30,INDEX(Jesper!$R$2:$R$366,ROW(INDEX(Jesper!AL$2:AL$366,ROUNDDOWN($C1037/24,0)+1,1))-1)+IF('Standard Profiles'!$G$22=$B$10,7,0)+IF('Standard Profiles'!$G$22=$B$17,14,0)+IF('Standard Profiles'!$G$22=$B$24,21,0),0)),0)</f>
        <v>4.0104340755936425</v>
      </c>
      <c r="I1037">
        <f t="shared" si="125"/>
        <v>3.8500167125698987</v>
      </c>
      <c r="J1037">
        <f t="shared" si="126"/>
        <v>16.040503108392109</v>
      </c>
      <c r="K1037">
        <f t="shared" si="127"/>
        <v>0.40646548215034217</v>
      </c>
      <c r="L1037">
        <f t="shared" si="128"/>
        <v>0.20323274107517109</v>
      </c>
      <c r="M1037">
        <f t="shared" si="129"/>
        <v>0</v>
      </c>
      <c r="N1037" s="45">
        <f t="shared" si="130"/>
        <v>44968.791666664234</v>
      </c>
    </row>
    <row r="1038" spans="2:14" x14ac:dyDescent="0.25">
      <c r="B1038">
        <f t="shared" si="124"/>
        <v>6</v>
      </c>
      <c r="C1038" s="16">
        <v>1004</v>
      </c>
      <c r="D1038" cm="1">
        <f t="array" ref="D1038">IFERROR(INDEX(Jesper!AH$2:AH$366,ROUNDDOWN($C1038/24,0)+1,1)*INDEX($D$3:$AA$30,INDEX(Jesper!$R$2:$R$366,ROW(INDEX(Jesper!AH$2:AH$366,ROUNDDOWN($C1038/24,0)+1,1))-1)+IF('Standard Profiles'!$G$18=$B$10,7,0)+IF('Standard Profiles'!$G$18=$B$17,14,0)+IF('Standard Profiles'!$G$18=$B$24,21,0),MOD($C1038,24)+1)/SUM(INDEX($D$3:$AA$30,INDEX(Jesper!$R$2:$R$366,ROW(INDEX(Jesper!AH$2:AH$366,ROUNDDOWN($C1038/24,0)+1,1))-1)+IF('Standard Profiles'!$G$18=$B$10,7,0)+IF('Standard Profiles'!$G$18=$B$17,14,0)+IF('Standard Profiles'!$G$18=$B$24,21,0),0)),0)</f>
        <v>0</v>
      </c>
      <c r="E1038" cm="1">
        <f t="array" ref="E1038">IFERROR(INDEX(Jesper!AI$2:AI$366,ROUNDDOWN($C1038/24,0)+1,1)*INDEX($D$3:$AA$30,INDEX(Jesper!$R$2:$R$366,ROW(INDEX(Jesper!AI$2:AI$366,ROUNDDOWN($C1038/24,0)+1,1))-1)+IF('Standard Profiles'!$G$19=$B$10,7,0)+IF('Standard Profiles'!$G$19=$B$17,14,0)+IF('Standard Profiles'!$G$19=$B$24,21,0),MOD($C1038,24)+1)/SUM(INDEX($D$3:$AA$30,INDEX(Jesper!$R$2:$R$366,ROW(INDEX(Jesper!AI$2:AI$366,ROUNDDOWN($C1038/24,0)+1,1))-1)+IF('Standard Profiles'!$G$19=$B$10,7,0)+IF('Standard Profiles'!$G$19=$B$17,14,0)+IF('Standard Profiles'!$G$19=$B$24,21,0),0)),0)</f>
        <v>5.0808185268792769</v>
      </c>
      <c r="F1038" cm="1">
        <f t="array" ref="F1038">IFERROR(INDEX(Jesper!AJ$2:AJ$366,ROUNDDOWN($C1038/24,0)+1,1)*INDEX($D$3:$AA$30,INDEX(Jesper!$R$2:$R$366,ROW(INDEX(Jesper!AJ$2:AJ$366,ROUNDDOWN($C1038/24,0)+1,1))-1)+IF('Standard Profiles'!$G$20=$B$10,7,0)+IF('Standard Profiles'!$G$20=$B$17,14,0)+IF('Standard Profiles'!$G$20=$B$24,21,0),MOD($C1038,24)+1)/SUM(INDEX($D$3:$AA$30,INDEX(Jesper!$R$2:$R$366,ROW(INDEX(Jesper!AJ$2:AJ$366,ROUNDDOWN($C1038/24,0)+1,1))-1)+IF('Standard Profiles'!$G$20=$B$10,7,0)+IF('Standard Profiles'!$G$20=$B$17,14,0)+IF('Standard Profiles'!$G$20=$B$24,21,0),0)),0)</f>
        <v>4.3173769904763368</v>
      </c>
      <c r="G1038" cm="1">
        <f t="array" ref="G1038">IFERROR(INDEX(Jesper!AK$2:AK$366,ROUNDDOWN($C1038/24,0)+1,1)*INDEX($D$3:$AA$30,INDEX(Jesper!$R$2:$R$366,ROW(INDEX(Jesper!AK$2:AK$366,ROUNDDOWN($C1038/24,0)+1,1))-1)+IF('Standard Profiles'!$G$21=$B$10,7,0)+IF('Standard Profiles'!$G$21=$B$17,14,0)+IF('Standard Profiles'!$G$21=$B$24,21,0),MOD($C1038,24)+1)/SUM(INDEX($D$3:$AA$30,INDEX(Jesper!$R$2:$R$366,ROW(INDEX(Jesper!AK$2:AK$366,ROUNDDOWN($C1038/24,0)+1,1))-1)+IF('Standard Profiles'!$G$21=$B$10,7,0)+IF('Standard Profiles'!$G$21=$B$17,14,0)+IF('Standard Profiles'!$G$21=$B$24,21,0),0)),0)</f>
        <v>7.0915884512382661</v>
      </c>
      <c r="H1038" cm="1">
        <f t="array" ref="H1038">IFERROR(INDEX(Jesper!AL$2:AL$366,ROUNDDOWN($C1038/24,0)+1,1)*INDEX($D$3:$AA$30,INDEX(Jesper!$R$2:$R$366,ROW(INDEX(Jesper!AL$2:AL$366,ROUNDDOWN($C1038/24,0)+1,1))-1)+IF('Standard Profiles'!$G$22=$B$10,7,0)+IF('Standard Profiles'!$G$22=$B$17,14,0)+IF('Standard Profiles'!$G$22=$B$24,21,0),MOD($C1038,24)+1)/SUM(INDEX($D$3:$AA$30,INDEX(Jesper!$R$2:$R$366,ROW(INDEX(Jesper!AL$2:AL$366,ROUNDDOWN($C1038/24,0)+1,1))-1)+IF('Standard Profiles'!$G$22=$B$10,7,0)+IF('Standard Profiles'!$G$22=$B$17,14,0)+IF('Standard Profiles'!$G$22=$B$24,21,0),0)),0)</f>
        <v>2.9600822938905456</v>
      </c>
      <c r="I1038">
        <f t="shared" si="125"/>
        <v>2.8416790021349252</v>
      </c>
      <c r="J1038">
        <f t="shared" si="126"/>
        <v>15.998489037123985</v>
      </c>
      <c r="K1038">
        <f t="shared" si="127"/>
        <v>0.40646548215034217</v>
      </c>
      <c r="L1038">
        <f t="shared" si="128"/>
        <v>0.20323274107517109</v>
      </c>
      <c r="M1038">
        <f t="shared" si="129"/>
        <v>0</v>
      </c>
      <c r="N1038" s="45">
        <f t="shared" si="130"/>
        <v>44968.833333330898</v>
      </c>
    </row>
    <row r="1039" spans="2:14" x14ac:dyDescent="0.25">
      <c r="B1039">
        <f t="shared" si="124"/>
        <v>6</v>
      </c>
      <c r="C1039" s="16">
        <v>1005</v>
      </c>
      <c r="D1039" cm="1">
        <f t="array" ref="D1039">IFERROR(INDEX(Jesper!AH$2:AH$366,ROUNDDOWN($C1039/24,0)+1,1)*INDEX($D$3:$AA$30,INDEX(Jesper!$R$2:$R$366,ROW(INDEX(Jesper!AH$2:AH$366,ROUNDDOWN($C1039/24,0)+1,1))-1)+IF('Standard Profiles'!$G$18=$B$10,7,0)+IF('Standard Profiles'!$G$18=$B$17,14,0)+IF('Standard Profiles'!$G$18=$B$24,21,0),MOD($C1039,24)+1)/SUM(INDEX($D$3:$AA$30,INDEX(Jesper!$R$2:$R$366,ROW(INDEX(Jesper!AH$2:AH$366,ROUNDDOWN($C1039/24,0)+1,1))-1)+IF('Standard Profiles'!$G$18=$B$10,7,0)+IF('Standard Profiles'!$G$18=$B$17,14,0)+IF('Standard Profiles'!$G$18=$B$24,21,0),0)),0)</f>
        <v>0</v>
      </c>
      <c r="E1039" cm="1">
        <f t="array" ref="E1039">IFERROR(INDEX(Jesper!AI$2:AI$366,ROUNDDOWN($C1039/24,0)+1,1)*INDEX($D$3:$AA$30,INDEX(Jesper!$R$2:$R$366,ROW(INDEX(Jesper!AI$2:AI$366,ROUNDDOWN($C1039/24,0)+1,1))-1)+IF('Standard Profiles'!$G$19=$B$10,7,0)+IF('Standard Profiles'!$G$19=$B$17,14,0)+IF('Standard Profiles'!$G$19=$B$24,21,0),MOD($C1039,24)+1)/SUM(INDEX($D$3:$AA$30,INDEX(Jesper!$R$2:$R$366,ROW(INDEX(Jesper!AI$2:AI$366,ROUNDDOWN($C1039/24,0)+1,1))-1)+IF('Standard Profiles'!$G$19=$B$10,7,0)+IF('Standard Profiles'!$G$19=$B$17,14,0)+IF('Standard Profiles'!$G$19=$B$24,21,0),0)),0)</f>
        <v>5.0808185268792769</v>
      </c>
      <c r="F1039" cm="1">
        <f t="array" ref="F1039">IFERROR(INDEX(Jesper!AJ$2:AJ$366,ROUNDDOWN($C1039/24,0)+1,1)*INDEX($D$3:$AA$30,INDEX(Jesper!$R$2:$R$366,ROW(INDEX(Jesper!AJ$2:AJ$366,ROUNDDOWN($C1039/24,0)+1,1))-1)+IF('Standard Profiles'!$G$20=$B$10,7,0)+IF('Standard Profiles'!$G$20=$B$17,14,0)+IF('Standard Profiles'!$G$20=$B$24,21,0),MOD($C1039,24)+1)/SUM(INDEX($D$3:$AA$30,INDEX(Jesper!$R$2:$R$366,ROW(INDEX(Jesper!AJ$2:AJ$366,ROUNDDOWN($C1039/24,0)+1,1))-1)+IF('Standard Profiles'!$G$20=$B$10,7,0)+IF('Standard Profiles'!$G$20=$B$17,14,0)+IF('Standard Profiles'!$G$20=$B$24,21,0),0)),0)</f>
        <v>4.3173769904763368</v>
      </c>
      <c r="G1039" cm="1">
        <f t="array" ref="G1039">IFERROR(INDEX(Jesper!AK$2:AK$366,ROUNDDOWN($C1039/24,0)+1,1)*INDEX($D$3:$AA$30,INDEX(Jesper!$R$2:$R$366,ROW(INDEX(Jesper!AK$2:AK$366,ROUNDDOWN($C1039/24,0)+1,1))-1)+IF('Standard Profiles'!$G$21=$B$10,7,0)+IF('Standard Profiles'!$G$21=$B$17,14,0)+IF('Standard Profiles'!$G$21=$B$24,21,0),MOD($C1039,24)+1)/SUM(INDEX($D$3:$AA$30,INDEX(Jesper!$R$2:$R$366,ROW(INDEX(Jesper!AK$2:AK$366,ROUNDDOWN($C1039/24,0)+1,1))-1)+IF('Standard Profiles'!$G$21=$B$10,7,0)+IF('Standard Profiles'!$G$21=$B$17,14,0)+IF('Standard Profiles'!$G$21=$B$24,21,0),0)),0)</f>
        <v>7.0915884512382661</v>
      </c>
      <c r="H1039" cm="1">
        <f t="array" ref="H1039">IFERROR(INDEX(Jesper!AL$2:AL$366,ROUNDDOWN($C1039/24,0)+1,1)*INDEX($D$3:$AA$30,INDEX(Jesper!$R$2:$R$366,ROW(INDEX(Jesper!AL$2:AL$366,ROUNDDOWN($C1039/24,0)+1,1))-1)+IF('Standard Profiles'!$G$22=$B$10,7,0)+IF('Standard Profiles'!$G$22=$B$17,14,0)+IF('Standard Profiles'!$G$22=$B$24,21,0),MOD($C1039,24)+1)/SUM(INDEX($D$3:$AA$30,INDEX(Jesper!$R$2:$R$366,ROW(INDEX(Jesper!AL$2:AL$366,ROUNDDOWN($C1039/24,0)+1,1))-1)+IF('Standard Profiles'!$G$22=$B$10,7,0)+IF('Standard Profiles'!$G$22=$B$17,14,0)+IF('Standard Profiles'!$G$22=$B$24,21,0),0)),0)</f>
        <v>2.9600822938905456</v>
      </c>
      <c r="I1039">
        <f t="shared" si="125"/>
        <v>2.8416790021349252</v>
      </c>
      <c r="J1039">
        <f t="shared" si="126"/>
        <v>15.998489037123985</v>
      </c>
      <c r="K1039">
        <f t="shared" si="127"/>
        <v>0.40646548215034217</v>
      </c>
      <c r="L1039">
        <f t="shared" si="128"/>
        <v>0.20323274107517109</v>
      </c>
      <c r="M1039">
        <f t="shared" si="129"/>
        <v>0</v>
      </c>
      <c r="N1039" s="45">
        <f t="shared" si="130"/>
        <v>44968.874999997563</v>
      </c>
    </row>
    <row r="1040" spans="2:14" x14ac:dyDescent="0.25">
      <c r="B1040">
        <f t="shared" si="124"/>
        <v>6</v>
      </c>
      <c r="C1040" s="16">
        <v>1006</v>
      </c>
      <c r="D1040" cm="1">
        <f t="array" ref="D1040">IFERROR(INDEX(Jesper!AH$2:AH$366,ROUNDDOWN($C1040/24,0)+1,1)*INDEX($D$3:$AA$30,INDEX(Jesper!$R$2:$R$366,ROW(INDEX(Jesper!AH$2:AH$366,ROUNDDOWN($C1040/24,0)+1,1))-1)+IF('Standard Profiles'!$G$18=$B$10,7,0)+IF('Standard Profiles'!$G$18=$B$17,14,0)+IF('Standard Profiles'!$G$18=$B$24,21,0),MOD($C1040,24)+1)/SUM(INDEX($D$3:$AA$30,INDEX(Jesper!$R$2:$R$366,ROW(INDEX(Jesper!AH$2:AH$366,ROUNDDOWN($C1040/24,0)+1,1))-1)+IF('Standard Profiles'!$G$18=$B$10,7,0)+IF('Standard Profiles'!$G$18=$B$17,14,0)+IF('Standard Profiles'!$G$18=$B$24,21,0),0)),0)</f>
        <v>0</v>
      </c>
      <c r="E1040" cm="1">
        <f t="array" ref="E1040">IFERROR(INDEX(Jesper!AI$2:AI$366,ROUNDDOWN($C1040/24,0)+1,1)*INDEX($D$3:$AA$30,INDEX(Jesper!$R$2:$R$366,ROW(INDEX(Jesper!AI$2:AI$366,ROUNDDOWN($C1040/24,0)+1,1))-1)+IF('Standard Profiles'!$G$19=$B$10,7,0)+IF('Standard Profiles'!$G$19=$B$17,14,0)+IF('Standard Profiles'!$G$19=$B$24,21,0),MOD($C1040,24)+1)/SUM(INDEX($D$3:$AA$30,INDEX(Jesper!$R$2:$R$366,ROW(INDEX(Jesper!AI$2:AI$366,ROUNDDOWN($C1040/24,0)+1,1))-1)+IF('Standard Profiles'!$G$19=$B$10,7,0)+IF('Standard Profiles'!$G$19=$B$17,14,0)+IF('Standard Profiles'!$G$19=$B$24,21,0),0)),0)</f>
        <v>5.0808185268792769</v>
      </c>
      <c r="F1040" cm="1">
        <f t="array" ref="F1040">IFERROR(INDEX(Jesper!AJ$2:AJ$366,ROUNDDOWN($C1040/24,0)+1,1)*INDEX($D$3:$AA$30,INDEX(Jesper!$R$2:$R$366,ROW(INDEX(Jesper!AJ$2:AJ$366,ROUNDDOWN($C1040/24,0)+1,1))-1)+IF('Standard Profiles'!$G$20=$B$10,7,0)+IF('Standard Profiles'!$G$20=$B$17,14,0)+IF('Standard Profiles'!$G$20=$B$24,21,0),MOD($C1040,24)+1)/SUM(INDEX($D$3:$AA$30,INDEX(Jesper!$R$2:$R$366,ROW(INDEX(Jesper!AJ$2:AJ$366,ROUNDDOWN($C1040/24,0)+1,1))-1)+IF('Standard Profiles'!$G$20=$B$10,7,0)+IF('Standard Profiles'!$G$20=$B$17,14,0)+IF('Standard Profiles'!$G$20=$B$24,21,0),0)),0)</f>
        <v>4.3173769904763368</v>
      </c>
      <c r="G1040" cm="1">
        <f t="array" ref="G1040">IFERROR(INDEX(Jesper!AK$2:AK$366,ROUNDDOWN($C1040/24,0)+1,1)*INDEX($D$3:$AA$30,INDEX(Jesper!$R$2:$R$366,ROW(INDEX(Jesper!AK$2:AK$366,ROUNDDOWN($C1040/24,0)+1,1))-1)+IF('Standard Profiles'!$G$21=$B$10,7,0)+IF('Standard Profiles'!$G$21=$B$17,14,0)+IF('Standard Profiles'!$G$21=$B$24,21,0),MOD($C1040,24)+1)/SUM(INDEX($D$3:$AA$30,INDEX(Jesper!$R$2:$R$366,ROW(INDEX(Jesper!AK$2:AK$366,ROUNDDOWN($C1040/24,0)+1,1))-1)+IF('Standard Profiles'!$G$21=$B$10,7,0)+IF('Standard Profiles'!$G$21=$B$17,14,0)+IF('Standard Profiles'!$G$21=$B$24,21,0),0)),0)</f>
        <v>7.0915884512382661</v>
      </c>
      <c r="H1040" cm="1">
        <f t="array" ref="H1040">IFERROR(INDEX(Jesper!AL$2:AL$366,ROUNDDOWN($C1040/24,0)+1,1)*INDEX($D$3:$AA$30,INDEX(Jesper!$R$2:$R$366,ROW(INDEX(Jesper!AL$2:AL$366,ROUNDDOWN($C1040/24,0)+1,1))-1)+IF('Standard Profiles'!$G$22=$B$10,7,0)+IF('Standard Profiles'!$G$22=$B$17,14,0)+IF('Standard Profiles'!$G$22=$B$24,21,0),MOD($C1040,24)+1)/SUM(INDEX($D$3:$AA$30,INDEX(Jesper!$R$2:$R$366,ROW(INDEX(Jesper!AL$2:AL$366,ROUNDDOWN($C1040/24,0)+1,1))-1)+IF('Standard Profiles'!$G$22=$B$10,7,0)+IF('Standard Profiles'!$G$22=$B$17,14,0)+IF('Standard Profiles'!$G$22=$B$24,21,0),0)),0)</f>
        <v>2.9600822938905456</v>
      </c>
      <c r="I1040">
        <f t="shared" si="125"/>
        <v>2.8416790021349252</v>
      </c>
      <c r="J1040">
        <f t="shared" si="126"/>
        <v>15.998489037123985</v>
      </c>
      <c r="K1040">
        <f t="shared" si="127"/>
        <v>0.40646548215034217</v>
      </c>
      <c r="L1040">
        <f t="shared" si="128"/>
        <v>0.20323274107517109</v>
      </c>
      <c r="M1040">
        <f t="shared" si="129"/>
        <v>0</v>
      </c>
      <c r="N1040" s="45">
        <f t="shared" si="130"/>
        <v>44968.916666664227</v>
      </c>
    </row>
    <row r="1041" spans="2:14" x14ac:dyDescent="0.25">
      <c r="B1041">
        <f t="shared" si="124"/>
        <v>6</v>
      </c>
      <c r="C1041" s="16">
        <v>1007</v>
      </c>
      <c r="D1041" cm="1">
        <f t="array" ref="D1041">IFERROR(INDEX(Jesper!AH$2:AH$366,ROUNDDOWN($C1041/24,0)+1,1)*INDEX($D$3:$AA$30,INDEX(Jesper!$R$2:$R$366,ROW(INDEX(Jesper!AH$2:AH$366,ROUNDDOWN($C1041/24,0)+1,1))-1)+IF('Standard Profiles'!$G$18=$B$10,7,0)+IF('Standard Profiles'!$G$18=$B$17,14,0)+IF('Standard Profiles'!$G$18=$B$24,21,0),MOD($C1041,24)+1)/SUM(INDEX($D$3:$AA$30,INDEX(Jesper!$R$2:$R$366,ROW(INDEX(Jesper!AH$2:AH$366,ROUNDDOWN($C1041/24,0)+1,1))-1)+IF('Standard Profiles'!$G$18=$B$10,7,0)+IF('Standard Profiles'!$G$18=$B$17,14,0)+IF('Standard Profiles'!$G$18=$B$24,21,0),0)),0)</f>
        <v>0</v>
      </c>
      <c r="E1041" cm="1">
        <f t="array" ref="E1041">IFERROR(INDEX(Jesper!AI$2:AI$366,ROUNDDOWN($C1041/24,0)+1,1)*INDEX($D$3:$AA$30,INDEX(Jesper!$R$2:$R$366,ROW(INDEX(Jesper!AI$2:AI$366,ROUNDDOWN($C1041/24,0)+1,1))-1)+IF('Standard Profiles'!$G$19=$B$10,7,0)+IF('Standard Profiles'!$G$19=$B$17,14,0)+IF('Standard Profiles'!$G$19=$B$24,21,0),MOD($C1041,24)+1)/SUM(INDEX($D$3:$AA$30,INDEX(Jesper!$R$2:$R$366,ROW(INDEX(Jesper!AI$2:AI$366,ROUNDDOWN($C1041/24,0)+1,1))-1)+IF('Standard Profiles'!$G$19=$B$10,7,0)+IF('Standard Profiles'!$G$19=$B$17,14,0)+IF('Standard Profiles'!$G$19=$B$24,21,0),0)),0)</f>
        <v>5.0808185268792769</v>
      </c>
      <c r="F1041" cm="1">
        <f t="array" ref="F1041">IFERROR(INDEX(Jesper!AJ$2:AJ$366,ROUNDDOWN($C1041/24,0)+1,1)*INDEX($D$3:$AA$30,INDEX(Jesper!$R$2:$R$366,ROW(INDEX(Jesper!AJ$2:AJ$366,ROUNDDOWN($C1041/24,0)+1,1))-1)+IF('Standard Profiles'!$G$20=$B$10,7,0)+IF('Standard Profiles'!$G$20=$B$17,14,0)+IF('Standard Profiles'!$G$20=$B$24,21,0),MOD($C1041,24)+1)/SUM(INDEX($D$3:$AA$30,INDEX(Jesper!$R$2:$R$366,ROW(INDEX(Jesper!AJ$2:AJ$366,ROUNDDOWN($C1041/24,0)+1,1))-1)+IF('Standard Profiles'!$G$20=$B$10,7,0)+IF('Standard Profiles'!$G$20=$B$17,14,0)+IF('Standard Profiles'!$G$20=$B$24,21,0),0)),0)</f>
        <v>4.3173769904763368</v>
      </c>
      <c r="G1041" cm="1">
        <f t="array" ref="G1041">IFERROR(INDEX(Jesper!AK$2:AK$366,ROUNDDOWN($C1041/24,0)+1,1)*INDEX($D$3:$AA$30,INDEX(Jesper!$R$2:$R$366,ROW(INDEX(Jesper!AK$2:AK$366,ROUNDDOWN($C1041/24,0)+1,1))-1)+IF('Standard Profiles'!$G$21=$B$10,7,0)+IF('Standard Profiles'!$G$21=$B$17,14,0)+IF('Standard Profiles'!$G$21=$B$24,21,0),MOD($C1041,24)+1)/SUM(INDEX($D$3:$AA$30,INDEX(Jesper!$R$2:$R$366,ROW(INDEX(Jesper!AK$2:AK$366,ROUNDDOWN($C1041/24,0)+1,1))-1)+IF('Standard Profiles'!$G$21=$B$10,7,0)+IF('Standard Profiles'!$G$21=$B$17,14,0)+IF('Standard Profiles'!$G$21=$B$24,21,0),0)),0)</f>
        <v>7.0915884512382661</v>
      </c>
      <c r="H1041" cm="1">
        <f t="array" ref="H1041">IFERROR(INDEX(Jesper!AL$2:AL$366,ROUNDDOWN($C1041/24,0)+1,1)*INDEX($D$3:$AA$30,INDEX(Jesper!$R$2:$R$366,ROW(INDEX(Jesper!AL$2:AL$366,ROUNDDOWN($C1041/24,0)+1,1))-1)+IF('Standard Profiles'!$G$22=$B$10,7,0)+IF('Standard Profiles'!$G$22=$B$17,14,0)+IF('Standard Profiles'!$G$22=$B$24,21,0),MOD($C1041,24)+1)/SUM(INDEX($D$3:$AA$30,INDEX(Jesper!$R$2:$R$366,ROW(INDEX(Jesper!AL$2:AL$366,ROUNDDOWN($C1041/24,0)+1,1))-1)+IF('Standard Profiles'!$G$22=$B$10,7,0)+IF('Standard Profiles'!$G$22=$B$17,14,0)+IF('Standard Profiles'!$G$22=$B$24,21,0),0)),0)</f>
        <v>2.9600822938905456</v>
      </c>
      <c r="I1041">
        <f t="shared" si="125"/>
        <v>2.8416790021349252</v>
      </c>
      <c r="J1041">
        <f t="shared" si="126"/>
        <v>15.998489037123985</v>
      </c>
      <c r="K1041">
        <f t="shared" si="127"/>
        <v>0.40646548215034217</v>
      </c>
      <c r="L1041">
        <f t="shared" si="128"/>
        <v>0.20323274107517109</v>
      </c>
      <c r="M1041">
        <f t="shared" si="129"/>
        <v>0</v>
      </c>
      <c r="N1041" s="45">
        <f t="shared" si="130"/>
        <v>44968.958333330891</v>
      </c>
    </row>
    <row r="1042" spans="2:14" x14ac:dyDescent="0.25">
      <c r="B1042">
        <f t="shared" si="124"/>
        <v>7</v>
      </c>
      <c r="C1042" s="16">
        <v>1008</v>
      </c>
      <c r="D1042" cm="1">
        <f t="array" ref="D1042">IFERROR(INDEX(Jesper!AH$2:AH$366,ROUNDDOWN($C1042/24,0)+1,1)*INDEX($D$3:$AA$30,INDEX(Jesper!$R$2:$R$366,ROW(INDEX(Jesper!AH$2:AH$366,ROUNDDOWN($C1042/24,0)+1,1))-1)+IF('Standard Profiles'!$G$18=$B$10,7,0)+IF('Standard Profiles'!$G$18=$B$17,14,0)+IF('Standard Profiles'!$G$18=$B$24,21,0),MOD($C1042,24)+1)/SUM(INDEX($D$3:$AA$30,INDEX(Jesper!$R$2:$R$366,ROW(INDEX(Jesper!AH$2:AH$366,ROUNDDOWN($C1042/24,0)+1,1))-1)+IF('Standard Profiles'!$G$18=$B$10,7,0)+IF('Standard Profiles'!$G$18=$B$17,14,0)+IF('Standard Profiles'!$G$18=$B$24,21,0),0)),0)</f>
        <v>0</v>
      </c>
      <c r="E1042" cm="1">
        <f t="array" ref="E1042">IFERROR(INDEX(Jesper!AI$2:AI$366,ROUNDDOWN($C1042/24,0)+1,1)*INDEX($D$3:$AA$30,INDEX(Jesper!$R$2:$R$366,ROW(INDEX(Jesper!AI$2:AI$366,ROUNDDOWN($C1042/24,0)+1,1))-1)+IF('Standard Profiles'!$G$19=$B$10,7,0)+IF('Standard Profiles'!$G$19=$B$17,14,0)+IF('Standard Profiles'!$G$19=$B$24,21,0),MOD($C1042,24)+1)/SUM(INDEX($D$3:$AA$30,INDEX(Jesper!$R$2:$R$366,ROW(INDEX(Jesper!AI$2:AI$366,ROUNDDOWN($C1042/24,0)+1,1))-1)+IF('Standard Profiles'!$G$19=$B$10,7,0)+IF('Standard Profiles'!$G$19=$B$17,14,0)+IF('Standard Profiles'!$G$19=$B$24,21,0),0)),0)</f>
        <v>4.5117950311707684</v>
      </c>
      <c r="F1042" cm="1">
        <f t="array" ref="F1042">IFERROR(INDEX(Jesper!AJ$2:AJ$366,ROUNDDOWN($C1042/24,0)+1,1)*INDEX($D$3:$AA$30,INDEX(Jesper!$R$2:$R$366,ROW(INDEX(Jesper!AJ$2:AJ$366,ROUNDDOWN($C1042/24,0)+1,1))-1)+IF('Standard Profiles'!$G$20=$B$10,7,0)+IF('Standard Profiles'!$G$20=$B$17,14,0)+IF('Standard Profiles'!$G$20=$B$24,21,0),MOD($C1042,24)+1)/SUM(INDEX($D$3:$AA$30,INDEX(Jesper!$R$2:$R$366,ROW(INDEX(Jesper!AJ$2:AJ$366,ROUNDDOWN($C1042/24,0)+1,1))-1)+IF('Standard Profiles'!$G$20=$B$10,7,0)+IF('Standard Profiles'!$G$20=$B$17,14,0)+IF('Standard Profiles'!$G$20=$B$24,21,0),0)),0)</f>
        <v>3.5968135687996101</v>
      </c>
      <c r="G1042" cm="1">
        <f t="array" ref="G1042">IFERROR(INDEX(Jesper!AK$2:AK$366,ROUNDDOWN($C1042/24,0)+1,1)*INDEX($D$3:$AA$30,INDEX(Jesper!$R$2:$R$366,ROW(INDEX(Jesper!AK$2:AK$366,ROUNDDOWN($C1042/24,0)+1,1))-1)+IF('Standard Profiles'!$G$21=$B$10,7,0)+IF('Standard Profiles'!$G$21=$B$17,14,0)+IF('Standard Profiles'!$G$21=$B$24,21,0),MOD($C1042,24)+1)/SUM(INDEX($D$3:$AA$30,INDEX(Jesper!$R$2:$R$366,ROW(INDEX(Jesper!AK$2:AK$366,ROUNDDOWN($C1042/24,0)+1,1))-1)+IF('Standard Profiles'!$G$21=$B$10,7,0)+IF('Standard Profiles'!$G$21=$B$17,14,0)+IF('Standard Profiles'!$G$21=$B$24,21,0),0)),0)</f>
        <v>5.4046087076920708</v>
      </c>
      <c r="H1042" cm="1">
        <f t="array" ref="H1042">IFERROR(INDEX(Jesper!AL$2:AL$366,ROUNDDOWN($C1042/24,0)+1,1)*INDEX($D$3:$AA$30,INDEX(Jesper!$R$2:$R$366,ROW(INDEX(Jesper!AL$2:AL$366,ROUNDDOWN($C1042/24,0)+1,1))-1)+IF('Standard Profiles'!$G$22=$B$10,7,0)+IF('Standard Profiles'!$G$22=$B$17,14,0)+IF('Standard Profiles'!$G$22=$B$24,21,0),MOD($C1042,24)+1)/SUM(INDEX($D$3:$AA$30,INDEX(Jesper!$R$2:$R$366,ROW(INDEX(Jesper!AL$2:AL$366,ROUNDDOWN($C1042/24,0)+1,1))-1)+IF('Standard Profiles'!$G$22=$B$10,7,0)+IF('Standard Profiles'!$G$22=$B$17,14,0)+IF('Standard Profiles'!$G$22=$B$24,21,0),0)),0)</f>
        <v>2.4772888423916113</v>
      </c>
      <c r="I1042">
        <f t="shared" si="125"/>
        <v>2.3781972886959482</v>
      </c>
      <c r="J1042">
        <f t="shared" si="126"/>
        <v>13.07089345761762</v>
      </c>
      <c r="K1042">
        <f t="shared" si="127"/>
        <v>0.36094360249366148</v>
      </c>
      <c r="L1042">
        <f t="shared" si="128"/>
        <v>0.18047180124683074</v>
      </c>
      <c r="M1042">
        <f t="shared" si="129"/>
        <v>0</v>
      </c>
      <c r="N1042" s="45">
        <f t="shared" si="130"/>
        <v>44968.999999997555</v>
      </c>
    </row>
    <row r="1043" spans="2:14" x14ac:dyDescent="0.25">
      <c r="B1043">
        <f t="shared" si="124"/>
        <v>7</v>
      </c>
      <c r="C1043" s="16">
        <v>1009</v>
      </c>
      <c r="D1043" cm="1">
        <f t="array" ref="D1043">IFERROR(INDEX(Jesper!AH$2:AH$366,ROUNDDOWN($C1043/24,0)+1,1)*INDEX($D$3:$AA$30,INDEX(Jesper!$R$2:$R$366,ROW(INDEX(Jesper!AH$2:AH$366,ROUNDDOWN($C1043/24,0)+1,1))-1)+IF('Standard Profiles'!$G$18=$B$10,7,0)+IF('Standard Profiles'!$G$18=$B$17,14,0)+IF('Standard Profiles'!$G$18=$B$24,21,0),MOD($C1043,24)+1)/SUM(INDEX($D$3:$AA$30,INDEX(Jesper!$R$2:$R$366,ROW(INDEX(Jesper!AH$2:AH$366,ROUNDDOWN($C1043/24,0)+1,1))-1)+IF('Standard Profiles'!$G$18=$B$10,7,0)+IF('Standard Profiles'!$G$18=$B$17,14,0)+IF('Standard Profiles'!$G$18=$B$24,21,0),0)),0)</f>
        <v>0</v>
      </c>
      <c r="E1043" cm="1">
        <f t="array" ref="E1043">IFERROR(INDEX(Jesper!AI$2:AI$366,ROUNDDOWN($C1043/24,0)+1,1)*INDEX($D$3:$AA$30,INDEX(Jesper!$R$2:$R$366,ROW(INDEX(Jesper!AI$2:AI$366,ROUNDDOWN($C1043/24,0)+1,1))-1)+IF('Standard Profiles'!$G$19=$B$10,7,0)+IF('Standard Profiles'!$G$19=$B$17,14,0)+IF('Standard Profiles'!$G$19=$B$24,21,0),MOD($C1043,24)+1)/SUM(INDEX($D$3:$AA$30,INDEX(Jesper!$R$2:$R$366,ROW(INDEX(Jesper!AI$2:AI$366,ROUNDDOWN($C1043/24,0)+1,1))-1)+IF('Standard Profiles'!$G$19=$B$10,7,0)+IF('Standard Profiles'!$G$19=$B$17,14,0)+IF('Standard Profiles'!$G$19=$B$24,21,0),0)),0)</f>
        <v>4.5117950311707684</v>
      </c>
      <c r="F1043" cm="1">
        <f t="array" ref="F1043">IFERROR(INDEX(Jesper!AJ$2:AJ$366,ROUNDDOWN($C1043/24,0)+1,1)*INDEX($D$3:$AA$30,INDEX(Jesper!$R$2:$R$366,ROW(INDEX(Jesper!AJ$2:AJ$366,ROUNDDOWN($C1043/24,0)+1,1))-1)+IF('Standard Profiles'!$G$20=$B$10,7,0)+IF('Standard Profiles'!$G$20=$B$17,14,0)+IF('Standard Profiles'!$G$20=$B$24,21,0),MOD($C1043,24)+1)/SUM(INDEX($D$3:$AA$30,INDEX(Jesper!$R$2:$R$366,ROW(INDEX(Jesper!AJ$2:AJ$366,ROUNDDOWN($C1043/24,0)+1,1))-1)+IF('Standard Profiles'!$G$20=$B$10,7,0)+IF('Standard Profiles'!$G$20=$B$17,14,0)+IF('Standard Profiles'!$G$20=$B$24,21,0),0)),0)</f>
        <v>3.5968135687996101</v>
      </c>
      <c r="G1043" cm="1">
        <f t="array" ref="G1043">IFERROR(INDEX(Jesper!AK$2:AK$366,ROUNDDOWN($C1043/24,0)+1,1)*INDEX($D$3:$AA$30,INDEX(Jesper!$R$2:$R$366,ROW(INDEX(Jesper!AK$2:AK$366,ROUNDDOWN($C1043/24,0)+1,1))-1)+IF('Standard Profiles'!$G$21=$B$10,7,0)+IF('Standard Profiles'!$G$21=$B$17,14,0)+IF('Standard Profiles'!$G$21=$B$24,21,0),MOD($C1043,24)+1)/SUM(INDEX($D$3:$AA$30,INDEX(Jesper!$R$2:$R$366,ROW(INDEX(Jesper!AK$2:AK$366,ROUNDDOWN($C1043/24,0)+1,1))-1)+IF('Standard Profiles'!$G$21=$B$10,7,0)+IF('Standard Profiles'!$G$21=$B$17,14,0)+IF('Standard Profiles'!$G$21=$B$24,21,0),0)),0)</f>
        <v>5.4046087076920708</v>
      </c>
      <c r="H1043" cm="1">
        <f t="array" ref="H1043">IFERROR(INDEX(Jesper!AL$2:AL$366,ROUNDDOWN($C1043/24,0)+1,1)*INDEX($D$3:$AA$30,INDEX(Jesper!$R$2:$R$366,ROW(INDEX(Jesper!AL$2:AL$366,ROUNDDOWN($C1043/24,0)+1,1))-1)+IF('Standard Profiles'!$G$22=$B$10,7,0)+IF('Standard Profiles'!$G$22=$B$17,14,0)+IF('Standard Profiles'!$G$22=$B$24,21,0),MOD($C1043,24)+1)/SUM(INDEX($D$3:$AA$30,INDEX(Jesper!$R$2:$R$366,ROW(INDEX(Jesper!AL$2:AL$366,ROUNDDOWN($C1043/24,0)+1,1))-1)+IF('Standard Profiles'!$G$22=$B$10,7,0)+IF('Standard Profiles'!$G$22=$B$17,14,0)+IF('Standard Profiles'!$G$22=$B$24,21,0),0)),0)</f>
        <v>2.8768515589063872</v>
      </c>
      <c r="I1043">
        <f t="shared" si="125"/>
        <v>2.7617774965501334</v>
      </c>
      <c r="J1043">
        <f t="shared" si="126"/>
        <v>13.08687596627821</v>
      </c>
      <c r="K1043">
        <f t="shared" si="127"/>
        <v>0.36094360249366148</v>
      </c>
      <c r="L1043">
        <f t="shared" si="128"/>
        <v>0.18047180124683074</v>
      </c>
      <c r="M1043">
        <f t="shared" si="129"/>
        <v>0</v>
      </c>
      <c r="N1043" s="45">
        <f t="shared" si="130"/>
        <v>44969.04166666422</v>
      </c>
    </row>
    <row r="1044" spans="2:14" x14ac:dyDescent="0.25">
      <c r="B1044">
        <f t="shared" si="124"/>
        <v>7</v>
      </c>
      <c r="C1044" s="16">
        <v>1010</v>
      </c>
      <c r="D1044" cm="1">
        <f t="array" ref="D1044">IFERROR(INDEX(Jesper!AH$2:AH$366,ROUNDDOWN($C1044/24,0)+1,1)*INDEX($D$3:$AA$30,INDEX(Jesper!$R$2:$R$366,ROW(INDEX(Jesper!AH$2:AH$366,ROUNDDOWN($C1044/24,0)+1,1))-1)+IF('Standard Profiles'!$G$18=$B$10,7,0)+IF('Standard Profiles'!$G$18=$B$17,14,0)+IF('Standard Profiles'!$G$18=$B$24,21,0),MOD($C1044,24)+1)/SUM(INDEX($D$3:$AA$30,INDEX(Jesper!$R$2:$R$366,ROW(INDEX(Jesper!AH$2:AH$366,ROUNDDOWN($C1044/24,0)+1,1))-1)+IF('Standard Profiles'!$G$18=$B$10,7,0)+IF('Standard Profiles'!$G$18=$B$17,14,0)+IF('Standard Profiles'!$G$18=$B$24,21,0),0)),0)</f>
        <v>0</v>
      </c>
      <c r="E1044" cm="1">
        <f t="array" ref="E1044">IFERROR(INDEX(Jesper!AI$2:AI$366,ROUNDDOWN($C1044/24,0)+1,1)*INDEX($D$3:$AA$30,INDEX(Jesper!$R$2:$R$366,ROW(INDEX(Jesper!AI$2:AI$366,ROUNDDOWN($C1044/24,0)+1,1))-1)+IF('Standard Profiles'!$G$19=$B$10,7,0)+IF('Standard Profiles'!$G$19=$B$17,14,0)+IF('Standard Profiles'!$G$19=$B$24,21,0),MOD($C1044,24)+1)/SUM(INDEX($D$3:$AA$30,INDEX(Jesper!$R$2:$R$366,ROW(INDEX(Jesper!AI$2:AI$366,ROUNDDOWN($C1044/24,0)+1,1))-1)+IF('Standard Profiles'!$G$19=$B$10,7,0)+IF('Standard Profiles'!$G$19=$B$17,14,0)+IF('Standard Profiles'!$G$19=$B$24,21,0),0)),0)</f>
        <v>4.5117950311707684</v>
      </c>
      <c r="F1044" cm="1">
        <f t="array" ref="F1044">IFERROR(INDEX(Jesper!AJ$2:AJ$366,ROUNDDOWN($C1044/24,0)+1,1)*INDEX($D$3:$AA$30,INDEX(Jesper!$R$2:$R$366,ROW(INDEX(Jesper!AJ$2:AJ$366,ROUNDDOWN($C1044/24,0)+1,1))-1)+IF('Standard Profiles'!$G$20=$B$10,7,0)+IF('Standard Profiles'!$G$20=$B$17,14,0)+IF('Standard Profiles'!$G$20=$B$24,21,0),MOD($C1044,24)+1)/SUM(INDEX($D$3:$AA$30,INDEX(Jesper!$R$2:$R$366,ROW(INDEX(Jesper!AJ$2:AJ$366,ROUNDDOWN($C1044/24,0)+1,1))-1)+IF('Standard Profiles'!$G$20=$B$10,7,0)+IF('Standard Profiles'!$G$20=$B$17,14,0)+IF('Standard Profiles'!$G$20=$B$24,21,0),0)),0)</f>
        <v>3.5968135687996101</v>
      </c>
      <c r="G1044" cm="1">
        <f t="array" ref="G1044">IFERROR(INDEX(Jesper!AK$2:AK$366,ROUNDDOWN($C1044/24,0)+1,1)*INDEX($D$3:$AA$30,INDEX(Jesper!$R$2:$R$366,ROW(INDEX(Jesper!AK$2:AK$366,ROUNDDOWN($C1044/24,0)+1,1))-1)+IF('Standard Profiles'!$G$21=$B$10,7,0)+IF('Standard Profiles'!$G$21=$B$17,14,0)+IF('Standard Profiles'!$G$21=$B$24,21,0),MOD($C1044,24)+1)/SUM(INDEX($D$3:$AA$30,INDEX(Jesper!$R$2:$R$366,ROW(INDEX(Jesper!AK$2:AK$366,ROUNDDOWN($C1044/24,0)+1,1))-1)+IF('Standard Profiles'!$G$21=$B$10,7,0)+IF('Standard Profiles'!$G$21=$B$17,14,0)+IF('Standard Profiles'!$G$21=$B$24,21,0),0)),0)</f>
        <v>5.4046087076920708</v>
      </c>
      <c r="H1044" cm="1">
        <f t="array" ref="H1044">IFERROR(INDEX(Jesper!AL$2:AL$366,ROUNDDOWN($C1044/24,0)+1,1)*INDEX($D$3:$AA$30,INDEX(Jesper!$R$2:$R$366,ROW(INDEX(Jesper!AL$2:AL$366,ROUNDDOWN($C1044/24,0)+1,1))-1)+IF('Standard Profiles'!$G$22=$B$10,7,0)+IF('Standard Profiles'!$G$22=$B$17,14,0)+IF('Standard Profiles'!$G$22=$B$24,21,0),MOD($C1044,24)+1)/SUM(INDEX($D$3:$AA$30,INDEX(Jesper!$R$2:$R$366,ROW(INDEX(Jesper!AL$2:AL$366,ROUNDDOWN($C1044/24,0)+1,1))-1)+IF('Standard Profiles'!$G$22=$B$10,7,0)+IF('Standard Profiles'!$G$22=$B$17,14,0)+IF('Standard Profiles'!$G$22=$B$24,21,0),0)),0)</f>
        <v>2.8768515589063872</v>
      </c>
      <c r="I1044">
        <f t="shared" si="125"/>
        <v>2.7617774965501334</v>
      </c>
      <c r="J1044">
        <f t="shared" si="126"/>
        <v>13.08687596627821</v>
      </c>
      <c r="K1044">
        <f t="shared" si="127"/>
        <v>0.36094360249366148</v>
      </c>
      <c r="L1044">
        <f t="shared" si="128"/>
        <v>0.18047180124683074</v>
      </c>
      <c r="M1044">
        <f t="shared" si="129"/>
        <v>0</v>
      </c>
      <c r="N1044" s="45">
        <f t="shared" si="130"/>
        <v>44969.083333330884</v>
      </c>
    </row>
    <row r="1045" spans="2:14" x14ac:dyDescent="0.25">
      <c r="B1045">
        <f t="shared" si="124"/>
        <v>7</v>
      </c>
      <c r="C1045" s="16">
        <v>1011</v>
      </c>
      <c r="D1045" cm="1">
        <f t="array" ref="D1045">IFERROR(INDEX(Jesper!AH$2:AH$366,ROUNDDOWN($C1045/24,0)+1,1)*INDEX($D$3:$AA$30,INDEX(Jesper!$R$2:$R$366,ROW(INDEX(Jesper!AH$2:AH$366,ROUNDDOWN($C1045/24,0)+1,1))-1)+IF('Standard Profiles'!$G$18=$B$10,7,0)+IF('Standard Profiles'!$G$18=$B$17,14,0)+IF('Standard Profiles'!$G$18=$B$24,21,0),MOD($C1045,24)+1)/SUM(INDEX($D$3:$AA$30,INDEX(Jesper!$R$2:$R$366,ROW(INDEX(Jesper!AH$2:AH$366,ROUNDDOWN($C1045/24,0)+1,1))-1)+IF('Standard Profiles'!$G$18=$B$10,7,0)+IF('Standard Profiles'!$G$18=$B$17,14,0)+IF('Standard Profiles'!$G$18=$B$24,21,0),0)),0)</f>
        <v>0</v>
      </c>
      <c r="E1045" cm="1">
        <f t="array" ref="E1045">IFERROR(INDEX(Jesper!AI$2:AI$366,ROUNDDOWN($C1045/24,0)+1,1)*INDEX($D$3:$AA$30,INDEX(Jesper!$R$2:$R$366,ROW(INDEX(Jesper!AI$2:AI$366,ROUNDDOWN($C1045/24,0)+1,1))-1)+IF('Standard Profiles'!$G$19=$B$10,7,0)+IF('Standard Profiles'!$G$19=$B$17,14,0)+IF('Standard Profiles'!$G$19=$B$24,21,0),MOD($C1045,24)+1)/SUM(INDEX($D$3:$AA$30,INDEX(Jesper!$R$2:$R$366,ROW(INDEX(Jesper!AI$2:AI$366,ROUNDDOWN($C1045/24,0)+1,1))-1)+IF('Standard Profiles'!$G$19=$B$10,7,0)+IF('Standard Profiles'!$G$19=$B$17,14,0)+IF('Standard Profiles'!$G$19=$B$24,21,0),0)),0)</f>
        <v>4.5117950311707684</v>
      </c>
      <c r="F1045" cm="1">
        <f t="array" ref="F1045">IFERROR(INDEX(Jesper!AJ$2:AJ$366,ROUNDDOWN($C1045/24,0)+1,1)*INDEX($D$3:$AA$30,INDEX(Jesper!$R$2:$R$366,ROW(INDEX(Jesper!AJ$2:AJ$366,ROUNDDOWN($C1045/24,0)+1,1))-1)+IF('Standard Profiles'!$G$20=$B$10,7,0)+IF('Standard Profiles'!$G$20=$B$17,14,0)+IF('Standard Profiles'!$G$20=$B$24,21,0),MOD($C1045,24)+1)/SUM(INDEX($D$3:$AA$30,INDEX(Jesper!$R$2:$R$366,ROW(INDEX(Jesper!AJ$2:AJ$366,ROUNDDOWN($C1045/24,0)+1,1))-1)+IF('Standard Profiles'!$G$20=$B$10,7,0)+IF('Standard Profiles'!$G$20=$B$17,14,0)+IF('Standard Profiles'!$G$20=$B$24,21,0),0)),0)</f>
        <v>3.5968135687996101</v>
      </c>
      <c r="G1045" cm="1">
        <f t="array" ref="G1045">IFERROR(INDEX(Jesper!AK$2:AK$366,ROUNDDOWN($C1045/24,0)+1,1)*INDEX($D$3:$AA$30,INDEX(Jesper!$R$2:$R$366,ROW(INDEX(Jesper!AK$2:AK$366,ROUNDDOWN($C1045/24,0)+1,1))-1)+IF('Standard Profiles'!$G$21=$B$10,7,0)+IF('Standard Profiles'!$G$21=$B$17,14,0)+IF('Standard Profiles'!$G$21=$B$24,21,0),MOD($C1045,24)+1)/SUM(INDEX($D$3:$AA$30,INDEX(Jesper!$R$2:$R$366,ROW(INDEX(Jesper!AK$2:AK$366,ROUNDDOWN($C1045/24,0)+1,1))-1)+IF('Standard Profiles'!$G$21=$B$10,7,0)+IF('Standard Profiles'!$G$21=$B$17,14,0)+IF('Standard Profiles'!$G$21=$B$24,21,0),0)),0)</f>
        <v>5.4046087076920708</v>
      </c>
      <c r="H1045" cm="1">
        <f t="array" ref="H1045">IFERROR(INDEX(Jesper!AL$2:AL$366,ROUNDDOWN($C1045/24,0)+1,1)*INDEX($D$3:$AA$30,INDEX(Jesper!$R$2:$R$366,ROW(INDEX(Jesper!AL$2:AL$366,ROUNDDOWN($C1045/24,0)+1,1))-1)+IF('Standard Profiles'!$G$22=$B$10,7,0)+IF('Standard Profiles'!$G$22=$B$17,14,0)+IF('Standard Profiles'!$G$22=$B$24,21,0),MOD($C1045,24)+1)/SUM(INDEX($D$3:$AA$30,INDEX(Jesper!$R$2:$R$366,ROW(INDEX(Jesper!AL$2:AL$366,ROUNDDOWN($C1045/24,0)+1,1))-1)+IF('Standard Profiles'!$G$22=$B$10,7,0)+IF('Standard Profiles'!$G$22=$B$17,14,0)+IF('Standard Profiles'!$G$22=$B$24,21,0),0)),0)</f>
        <v>2.8768515589063872</v>
      </c>
      <c r="I1045">
        <f t="shared" si="125"/>
        <v>2.7617774965501334</v>
      </c>
      <c r="J1045">
        <f t="shared" si="126"/>
        <v>13.08687596627821</v>
      </c>
      <c r="K1045">
        <f t="shared" si="127"/>
        <v>0.36094360249366148</v>
      </c>
      <c r="L1045">
        <f t="shared" si="128"/>
        <v>0.18047180124683074</v>
      </c>
      <c r="M1045">
        <f t="shared" si="129"/>
        <v>0</v>
      </c>
      <c r="N1045" s="45">
        <f t="shared" si="130"/>
        <v>44969.124999997548</v>
      </c>
    </row>
    <row r="1046" spans="2:14" x14ac:dyDescent="0.25">
      <c r="B1046">
        <f t="shared" si="124"/>
        <v>7</v>
      </c>
      <c r="C1046" s="16">
        <v>1012</v>
      </c>
      <c r="D1046" cm="1">
        <f t="array" ref="D1046">IFERROR(INDEX(Jesper!AH$2:AH$366,ROUNDDOWN($C1046/24,0)+1,1)*INDEX($D$3:$AA$30,INDEX(Jesper!$R$2:$R$366,ROW(INDEX(Jesper!AH$2:AH$366,ROUNDDOWN($C1046/24,0)+1,1))-1)+IF('Standard Profiles'!$G$18=$B$10,7,0)+IF('Standard Profiles'!$G$18=$B$17,14,0)+IF('Standard Profiles'!$G$18=$B$24,21,0),MOD($C1046,24)+1)/SUM(INDEX($D$3:$AA$30,INDEX(Jesper!$R$2:$R$366,ROW(INDEX(Jesper!AH$2:AH$366,ROUNDDOWN($C1046/24,0)+1,1))-1)+IF('Standard Profiles'!$G$18=$B$10,7,0)+IF('Standard Profiles'!$G$18=$B$17,14,0)+IF('Standard Profiles'!$G$18=$B$24,21,0),0)),0)</f>
        <v>0</v>
      </c>
      <c r="E1046" cm="1">
        <f t="array" ref="E1046">IFERROR(INDEX(Jesper!AI$2:AI$366,ROUNDDOWN($C1046/24,0)+1,1)*INDEX($D$3:$AA$30,INDEX(Jesper!$R$2:$R$366,ROW(INDEX(Jesper!AI$2:AI$366,ROUNDDOWN($C1046/24,0)+1,1))-1)+IF('Standard Profiles'!$G$19=$B$10,7,0)+IF('Standard Profiles'!$G$19=$B$17,14,0)+IF('Standard Profiles'!$G$19=$B$24,21,0),MOD($C1046,24)+1)/SUM(INDEX($D$3:$AA$30,INDEX(Jesper!$R$2:$R$366,ROW(INDEX(Jesper!AI$2:AI$366,ROUNDDOWN($C1046/24,0)+1,1))-1)+IF('Standard Profiles'!$G$19=$B$10,7,0)+IF('Standard Profiles'!$G$19=$B$17,14,0)+IF('Standard Profiles'!$G$19=$B$24,21,0),0)),0)</f>
        <v>4.5117950311707684</v>
      </c>
      <c r="F1046" cm="1">
        <f t="array" ref="F1046">IFERROR(INDEX(Jesper!AJ$2:AJ$366,ROUNDDOWN($C1046/24,0)+1,1)*INDEX($D$3:$AA$30,INDEX(Jesper!$R$2:$R$366,ROW(INDEX(Jesper!AJ$2:AJ$366,ROUNDDOWN($C1046/24,0)+1,1))-1)+IF('Standard Profiles'!$G$20=$B$10,7,0)+IF('Standard Profiles'!$G$20=$B$17,14,0)+IF('Standard Profiles'!$G$20=$B$24,21,0),MOD($C1046,24)+1)/SUM(INDEX($D$3:$AA$30,INDEX(Jesper!$R$2:$R$366,ROW(INDEX(Jesper!AJ$2:AJ$366,ROUNDDOWN($C1046/24,0)+1,1))-1)+IF('Standard Profiles'!$G$20=$B$10,7,0)+IF('Standard Profiles'!$G$20=$B$17,14,0)+IF('Standard Profiles'!$G$20=$B$24,21,0),0)),0)</f>
        <v>3.5968135687996101</v>
      </c>
      <c r="G1046" cm="1">
        <f t="array" ref="G1046">IFERROR(INDEX(Jesper!AK$2:AK$366,ROUNDDOWN($C1046/24,0)+1,1)*INDEX($D$3:$AA$30,INDEX(Jesper!$R$2:$R$366,ROW(INDEX(Jesper!AK$2:AK$366,ROUNDDOWN($C1046/24,0)+1,1))-1)+IF('Standard Profiles'!$G$21=$B$10,7,0)+IF('Standard Profiles'!$G$21=$B$17,14,0)+IF('Standard Profiles'!$G$21=$B$24,21,0),MOD($C1046,24)+1)/SUM(INDEX($D$3:$AA$30,INDEX(Jesper!$R$2:$R$366,ROW(INDEX(Jesper!AK$2:AK$366,ROUNDDOWN($C1046/24,0)+1,1))-1)+IF('Standard Profiles'!$G$21=$B$10,7,0)+IF('Standard Profiles'!$G$21=$B$17,14,0)+IF('Standard Profiles'!$G$21=$B$24,21,0),0)),0)</f>
        <v>5.4046087076920708</v>
      </c>
      <c r="H1046" cm="1">
        <f t="array" ref="H1046">IFERROR(INDEX(Jesper!AL$2:AL$366,ROUNDDOWN($C1046/24,0)+1,1)*INDEX($D$3:$AA$30,INDEX(Jesper!$R$2:$R$366,ROW(INDEX(Jesper!AL$2:AL$366,ROUNDDOWN($C1046/24,0)+1,1))-1)+IF('Standard Profiles'!$G$22=$B$10,7,0)+IF('Standard Profiles'!$G$22=$B$17,14,0)+IF('Standard Profiles'!$G$22=$B$24,21,0),MOD($C1046,24)+1)/SUM(INDEX($D$3:$AA$30,INDEX(Jesper!$R$2:$R$366,ROW(INDEX(Jesper!AL$2:AL$366,ROUNDDOWN($C1046/24,0)+1,1))-1)+IF('Standard Profiles'!$G$22=$B$10,7,0)+IF('Standard Profiles'!$G$22=$B$17,14,0)+IF('Standard Profiles'!$G$22=$B$24,21,0),0)),0)</f>
        <v>2.8768515589063872</v>
      </c>
      <c r="I1046">
        <f t="shared" si="125"/>
        <v>2.7617774965501334</v>
      </c>
      <c r="J1046">
        <f t="shared" si="126"/>
        <v>13.08687596627821</v>
      </c>
      <c r="K1046">
        <f t="shared" si="127"/>
        <v>0.36094360249366148</v>
      </c>
      <c r="L1046">
        <f t="shared" si="128"/>
        <v>0.18047180124683074</v>
      </c>
      <c r="M1046">
        <f t="shared" si="129"/>
        <v>0</v>
      </c>
      <c r="N1046" s="45">
        <f t="shared" si="130"/>
        <v>44969.166666664212</v>
      </c>
    </row>
    <row r="1047" spans="2:14" x14ac:dyDescent="0.25">
      <c r="B1047">
        <f t="shared" si="124"/>
        <v>7</v>
      </c>
      <c r="C1047" s="16">
        <v>1013</v>
      </c>
      <c r="D1047" cm="1">
        <f t="array" ref="D1047">IFERROR(INDEX(Jesper!AH$2:AH$366,ROUNDDOWN($C1047/24,0)+1,1)*INDEX($D$3:$AA$30,INDEX(Jesper!$R$2:$R$366,ROW(INDEX(Jesper!AH$2:AH$366,ROUNDDOWN($C1047/24,0)+1,1))-1)+IF('Standard Profiles'!$G$18=$B$10,7,0)+IF('Standard Profiles'!$G$18=$B$17,14,0)+IF('Standard Profiles'!$G$18=$B$24,21,0),MOD($C1047,24)+1)/SUM(INDEX($D$3:$AA$30,INDEX(Jesper!$R$2:$R$366,ROW(INDEX(Jesper!AH$2:AH$366,ROUNDDOWN($C1047/24,0)+1,1))-1)+IF('Standard Profiles'!$G$18=$B$10,7,0)+IF('Standard Profiles'!$G$18=$B$17,14,0)+IF('Standard Profiles'!$G$18=$B$24,21,0),0)),0)</f>
        <v>0</v>
      </c>
      <c r="E1047" cm="1">
        <f t="array" ref="E1047">IFERROR(INDEX(Jesper!AI$2:AI$366,ROUNDDOWN($C1047/24,0)+1,1)*INDEX($D$3:$AA$30,INDEX(Jesper!$R$2:$R$366,ROW(INDEX(Jesper!AI$2:AI$366,ROUNDDOWN($C1047/24,0)+1,1))-1)+IF('Standard Profiles'!$G$19=$B$10,7,0)+IF('Standard Profiles'!$G$19=$B$17,14,0)+IF('Standard Profiles'!$G$19=$B$24,21,0),MOD($C1047,24)+1)/SUM(INDEX($D$3:$AA$30,INDEX(Jesper!$R$2:$R$366,ROW(INDEX(Jesper!AI$2:AI$366,ROUNDDOWN($C1047/24,0)+1,1))-1)+IF('Standard Profiles'!$G$19=$B$10,7,0)+IF('Standard Profiles'!$G$19=$B$17,14,0)+IF('Standard Profiles'!$G$19=$B$24,21,0),0)),0)</f>
        <v>4.5117950311707684</v>
      </c>
      <c r="F1047" cm="1">
        <f t="array" ref="F1047">IFERROR(INDEX(Jesper!AJ$2:AJ$366,ROUNDDOWN($C1047/24,0)+1,1)*INDEX($D$3:$AA$30,INDEX(Jesper!$R$2:$R$366,ROW(INDEX(Jesper!AJ$2:AJ$366,ROUNDDOWN($C1047/24,0)+1,1))-1)+IF('Standard Profiles'!$G$20=$B$10,7,0)+IF('Standard Profiles'!$G$20=$B$17,14,0)+IF('Standard Profiles'!$G$20=$B$24,21,0),MOD($C1047,24)+1)/SUM(INDEX($D$3:$AA$30,INDEX(Jesper!$R$2:$R$366,ROW(INDEX(Jesper!AJ$2:AJ$366,ROUNDDOWN($C1047/24,0)+1,1))-1)+IF('Standard Profiles'!$G$20=$B$10,7,0)+IF('Standard Profiles'!$G$20=$B$17,14,0)+IF('Standard Profiles'!$G$20=$B$24,21,0),0)),0)</f>
        <v>3.5968135687996101</v>
      </c>
      <c r="G1047" cm="1">
        <f t="array" ref="G1047">IFERROR(INDEX(Jesper!AK$2:AK$366,ROUNDDOWN($C1047/24,0)+1,1)*INDEX($D$3:$AA$30,INDEX(Jesper!$R$2:$R$366,ROW(INDEX(Jesper!AK$2:AK$366,ROUNDDOWN($C1047/24,0)+1,1))-1)+IF('Standard Profiles'!$G$21=$B$10,7,0)+IF('Standard Profiles'!$G$21=$B$17,14,0)+IF('Standard Profiles'!$G$21=$B$24,21,0),MOD($C1047,24)+1)/SUM(INDEX($D$3:$AA$30,INDEX(Jesper!$R$2:$R$366,ROW(INDEX(Jesper!AK$2:AK$366,ROUNDDOWN($C1047/24,0)+1,1))-1)+IF('Standard Profiles'!$G$21=$B$10,7,0)+IF('Standard Profiles'!$G$21=$B$17,14,0)+IF('Standard Profiles'!$G$21=$B$24,21,0),0)),0)</f>
        <v>5.4046087076920708</v>
      </c>
      <c r="H1047" cm="1">
        <f t="array" ref="H1047">IFERROR(INDEX(Jesper!AL$2:AL$366,ROUNDDOWN($C1047/24,0)+1,1)*INDEX($D$3:$AA$30,INDEX(Jesper!$R$2:$R$366,ROW(INDEX(Jesper!AL$2:AL$366,ROUNDDOWN($C1047/24,0)+1,1))-1)+IF('Standard Profiles'!$G$22=$B$10,7,0)+IF('Standard Profiles'!$G$22=$B$17,14,0)+IF('Standard Profiles'!$G$22=$B$24,21,0),MOD($C1047,24)+1)/SUM(INDEX($D$3:$AA$30,INDEX(Jesper!$R$2:$R$366,ROW(INDEX(Jesper!AL$2:AL$366,ROUNDDOWN($C1047/24,0)+1,1))-1)+IF('Standard Profiles'!$G$22=$B$10,7,0)+IF('Standard Profiles'!$G$22=$B$17,14,0)+IF('Standard Profiles'!$G$22=$B$24,21,0),0)),0)</f>
        <v>3.5960644486329838</v>
      </c>
      <c r="I1047">
        <f t="shared" si="125"/>
        <v>3.4522218706876662</v>
      </c>
      <c r="J1047">
        <f t="shared" si="126"/>
        <v>13.115644481867275</v>
      </c>
      <c r="K1047">
        <f t="shared" si="127"/>
        <v>0.36094360249366148</v>
      </c>
      <c r="L1047">
        <f t="shared" si="128"/>
        <v>0.18047180124683074</v>
      </c>
      <c r="M1047">
        <f t="shared" si="129"/>
        <v>0</v>
      </c>
      <c r="N1047" s="45">
        <f t="shared" si="130"/>
        <v>44969.208333330876</v>
      </c>
    </row>
    <row r="1048" spans="2:14" x14ac:dyDescent="0.25">
      <c r="B1048">
        <f t="shared" si="124"/>
        <v>7</v>
      </c>
      <c r="C1048" s="16">
        <v>1014</v>
      </c>
      <c r="D1048" cm="1">
        <f t="array" ref="D1048">IFERROR(INDEX(Jesper!AH$2:AH$366,ROUNDDOWN($C1048/24,0)+1,1)*INDEX($D$3:$AA$30,INDEX(Jesper!$R$2:$R$366,ROW(INDEX(Jesper!AH$2:AH$366,ROUNDDOWN($C1048/24,0)+1,1))-1)+IF('Standard Profiles'!$G$18=$B$10,7,0)+IF('Standard Profiles'!$G$18=$B$17,14,0)+IF('Standard Profiles'!$G$18=$B$24,21,0),MOD($C1048,24)+1)/SUM(INDEX($D$3:$AA$30,INDEX(Jesper!$R$2:$R$366,ROW(INDEX(Jesper!AH$2:AH$366,ROUNDDOWN($C1048/24,0)+1,1))-1)+IF('Standard Profiles'!$G$18=$B$10,7,0)+IF('Standard Profiles'!$G$18=$B$17,14,0)+IF('Standard Profiles'!$G$18=$B$24,21,0),0)),0)</f>
        <v>0</v>
      </c>
      <c r="E1048" cm="1">
        <f t="array" ref="E1048">IFERROR(INDEX(Jesper!AI$2:AI$366,ROUNDDOWN($C1048/24,0)+1,1)*INDEX($D$3:$AA$30,INDEX(Jesper!$R$2:$R$366,ROW(INDEX(Jesper!AI$2:AI$366,ROUNDDOWN($C1048/24,0)+1,1))-1)+IF('Standard Profiles'!$G$19=$B$10,7,0)+IF('Standard Profiles'!$G$19=$B$17,14,0)+IF('Standard Profiles'!$G$19=$B$24,21,0),MOD($C1048,24)+1)/SUM(INDEX($D$3:$AA$30,INDEX(Jesper!$R$2:$R$366,ROW(INDEX(Jesper!AI$2:AI$366,ROUNDDOWN($C1048/24,0)+1,1))-1)+IF('Standard Profiles'!$G$19=$B$10,7,0)+IF('Standard Profiles'!$G$19=$B$17,14,0)+IF('Standard Profiles'!$G$19=$B$24,21,0),0)),0)</f>
        <v>4.5117950311707684</v>
      </c>
      <c r="F1048" cm="1">
        <f t="array" ref="F1048">IFERROR(INDEX(Jesper!AJ$2:AJ$366,ROUNDDOWN($C1048/24,0)+1,1)*INDEX($D$3:$AA$30,INDEX(Jesper!$R$2:$R$366,ROW(INDEX(Jesper!AJ$2:AJ$366,ROUNDDOWN($C1048/24,0)+1,1))-1)+IF('Standard Profiles'!$G$20=$B$10,7,0)+IF('Standard Profiles'!$G$20=$B$17,14,0)+IF('Standard Profiles'!$G$20=$B$24,21,0),MOD($C1048,24)+1)/SUM(INDEX($D$3:$AA$30,INDEX(Jesper!$R$2:$R$366,ROW(INDEX(Jesper!AJ$2:AJ$366,ROUNDDOWN($C1048/24,0)+1,1))-1)+IF('Standard Profiles'!$G$20=$B$10,7,0)+IF('Standard Profiles'!$G$20=$B$17,14,0)+IF('Standard Profiles'!$G$20=$B$24,21,0),0)),0)</f>
        <v>3.5968135687996101</v>
      </c>
      <c r="G1048" cm="1">
        <f t="array" ref="G1048">IFERROR(INDEX(Jesper!AK$2:AK$366,ROUNDDOWN($C1048/24,0)+1,1)*INDEX($D$3:$AA$30,INDEX(Jesper!$R$2:$R$366,ROW(INDEX(Jesper!AK$2:AK$366,ROUNDDOWN($C1048/24,0)+1,1))-1)+IF('Standard Profiles'!$G$21=$B$10,7,0)+IF('Standard Profiles'!$G$21=$B$17,14,0)+IF('Standard Profiles'!$G$21=$B$24,21,0),MOD($C1048,24)+1)/SUM(INDEX($D$3:$AA$30,INDEX(Jesper!$R$2:$R$366,ROW(INDEX(Jesper!AK$2:AK$366,ROUNDDOWN($C1048/24,0)+1,1))-1)+IF('Standard Profiles'!$G$21=$B$10,7,0)+IF('Standard Profiles'!$G$21=$B$17,14,0)+IF('Standard Profiles'!$G$21=$B$24,21,0),0)),0)</f>
        <v>5.4046087076920708</v>
      </c>
      <c r="H1048" cm="1">
        <f t="array" ref="H1048">IFERROR(INDEX(Jesper!AL$2:AL$366,ROUNDDOWN($C1048/24,0)+1,1)*INDEX($D$3:$AA$30,INDEX(Jesper!$R$2:$R$366,ROW(INDEX(Jesper!AL$2:AL$366,ROUNDDOWN($C1048/24,0)+1,1))-1)+IF('Standard Profiles'!$G$22=$B$10,7,0)+IF('Standard Profiles'!$G$22=$B$17,14,0)+IF('Standard Profiles'!$G$22=$B$24,21,0),MOD($C1048,24)+1)/SUM(INDEX($D$3:$AA$30,INDEX(Jesper!$R$2:$R$366,ROW(INDEX(Jesper!AL$2:AL$366,ROUNDDOWN($C1048/24,0)+1,1))-1)+IF('Standard Profiles'!$G$22=$B$10,7,0)+IF('Standard Profiles'!$G$22=$B$17,14,0)+IF('Standard Profiles'!$G$22=$B$24,21,0),0)),0)</f>
        <v>4.2353647950566264</v>
      </c>
      <c r="I1048">
        <f t="shared" si="125"/>
        <v>4.0659502032543635</v>
      </c>
      <c r="J1048">
        <f t="shared" si="126"/>
        <v>13.141216495724219</v>
      </c>
      <c r="K1048">
        <f t="shared" si="127"/>
        <v>0.36094360249366148</v>
      </c>
      <c r="L1048">
        <f t="shared" si="128"/>
        <v>0.18047180124683074</v>
      </c>
      <c r="M1048">
        <f t="shared" si="129"/>
        <v>0</v>
      </c>
      <c r="N1048" s="45">
        <f t="shared" si="130"/>
        <v>44969.249999997541</v>
      </c>
    </row>
    <row r="1049" spans="2:14" x14ac:dyDescent="0.25">
      <c r="B1049">
        <f t="shared" si="124"/>
        <v>7</v>
      </c>
      <c r="C1049" s="16">
        <v>1015</v>
      </c>
      <c r="D1049" cm="1">
        <f t="array" ref="D1049">IFERROR(INDEX(Jesper!AH$2:AH$366,ROUNDDOWN($C1049/24,0)+1,1)*INDEX($D$3:$AA$30,INDEX(Jesper!$R$2:$R$366,ROW(INDEX(Jesper!AH$2:AH$366,ROUNDDOWN($C1049/24,0)+1,1))-1)+IF('Standard Profiles'!$G$18=$B$10,7,0)+IF('Standard Profiles'!$G$18=$B$17,14,0)+IF('Standard Profiles'!$G$18=$B$24,21,0),MOD($C1049,24)+1)/SUM(INDEX($D$3:$AA$30,INDEX(Jesper!$R$2:$R$366,ROW(INDEX(Jesper!AH$2:AH$366,ROUNDDOWN($C1049/24,0)+1,1))-1)+IF('Standard Profiles'!$G$18=$B$10,7,0)+IF('Standard Profiles'!$G$18=$B$17,14,0)+IF('Standard Profiles'!$G$18=$B$24,21,0),0)),0)</f>
        <v>0</v>
      </c>
      <c r="E1049" cm="1">
        <f t="array" ref="E1049">IFERROR(INDEX(Jesper!AI$2:AI$366,ROUNDDOWN($C1049/24,0)+1,1)*INDEX($D$3:$AA$30,INDEX(Jesper!$R$2:$R$366,ROW(INDEX(Jesper!AI$2:AI$366,ROUNDDOWN($C1049/24,0)+1,1))-1)+IF('Standard Profiles'!$G$19=$B$10,7,0)+IF('Standard Profiles'!$G$19=$B$17,14,0)+IF('Standard Profiles'!$G$19=$B$24,21,0),MOD($C1049,24)+1)/SUM(INDEX($D$3:$AA$30,INDEX(Jesper!$R$2:$R$366,ROW(INDEX(Jesper!AI$2:AI$366,ROUNDDOWN($C1049/24,0)+1,1))-1)+IF('Standard Profiles'!$G$19=$B$10,7,0)+IF('Standard Profiles'!$G$19=$B$17,14,0)+IF('Standard Profiles'!$G$19=$B$24,21,0),0)),0)</f>
        <v>4.5117950311707684</v>
      </c>
      <c r="F1049" cm="1">
        <f t="array" ref="F1049">IFERROR(INDEX(Jesper!AJ$2:AJ$366,ROUNDDOWN($C1049/24,0)+1,1)*INDEX($D$3:$AA$30,INDEX(Jesper!$R$2:$R$366,ROW(INDEX(Jesper!AJ$2:AJ$366,ROUNDDOWN($C1049/24,0)+1,1))-1)+IF('Standard Profiles'!$G$20=$B$10,7,0)+IF('Standard Profiles'!$G$20=$B$17,14,0)+IF('Standard Profiles'!$G$20=$B$24,21,0),MOD($C1049,24)+1)/SUM(INDEX($D$3:$AA$30,INDEX(Jesper!$R$2:$R$366,ROW(INDEX(Jesper!AJ$2:AJ$366,ROUNDDOWN($C1049/24,0)+1,1))-1)+IF('Standard Profiles'!$G$20=$B$10,7,0)+IF('Standard Profiles'!$G$20=$B$17,14,0)+IF('Standard Profiles'!$G$20=$B$24,21,0),0)),0)</f>
        <v>3.5968135687996101</v>
      </c>
      <c r="G1049" cm="1">
        <f t="array" ref="G1049">IFERROR(INDEX(Jesper!AK$2:AK$366,ROUNDDOWN($C1049/24,0)+1,1)*INDEX($D$3:$AA$30,INDEX(Jesper!$R$2:$R$366,ROW(INDEX(Jesper!AK$2:AK$366,ROUNDDOWN($C1049/24,0)+1,1))-1)+IF('Standard Profiles'!$G$21=$B$10,7,0)+IF('Standard Profiles'!$G$21=$B$17,14,0)+IF('Standard Profiles'!$G$21=$B$24,21,0),MOD($C1049,24)+1)/SUM(INDEX($D$3:$AA$30,INDEX(Jesper!$R$2:$R$366,ROW(INDEX(Jesper!AK$2:AK$366,ROUNDDOWN($C1049/24,0)+1,1))-1)+IF('Standard Profiles'!$G$21=$B$10,7,0)+IF('Standard Profiles'!$G$21=$B$17,14,0)+IF('Standard Profiles'!$G$21=$B$24,21,0),0)),0)</f>
        <v>5.4046087076920708</v>
      </c>
      <c r="H1049" cm="1">
        <f t="array" ref="H1049">IFERROR(INDEX(Jesper!AL$2:AL$366,ROUNDDOWN($C1049/24,0)+1,1)*INDEX($D$3:$AA$30,INDEX(Jesper!$R$2:$R$366,ROW(INDEX(Jesper!AL$2:AL$366,ROUNDDOWN($C1049/24,0)+1,1))-1)+IF('Standard Profiles'!$G$22=$B$10,7,0)+IF('Standard Profiles'!$G$22=$B$17,14,0)+IF('Standard Profiles'!$G$22=$B$24,21,0),MOD($C1049,24)+1)/SUM(INDEX($D$3:$AA$30,INDEX(Jesper!$R$2:$R$366,ROW(INDEX(Jesper!AL$2:AL$366,ROUNDDOWN($C1049/24,0)+1,1))-1)+IF('Standard Profiles'!$G$22=$B$10,7,0)+IF('Standard Profiles'!$G$22=$B$17,14,0)+IF('Standard Profiles'!$G$22=$B$24,21,0),0)),0)</f>
        <v>5.0344902280861783</v>
      </c>
      <c r="I1049">
        <f t="shared" si="125"/>
        <v>4.833110618962734</v>
      </c>
      <c r="J1049">
        <f t="shared" si="126"/>
        <v>13.173181513045401</v>
      </c>
      <c r="K1049">
        <f t="shared" si="127"/>
        <v>0.36094360249366148</v>
      </c>
      <c r="L1049">
        <f t="shared" si="128"/>
        <v>0.18047180124683074</v>
      </c>
      <c r="M1049">
        <f t="shared" si="129"/>
        <v>0</v>
      </c>
      <c r="N1049" s="45">
        <f t="shared" si="130"/>
        <v>44969.291666664205</v>
      </c>
    </row>
    <row r="1050" spans="2:14" x14ac:dyDescent="0.25">
      <c r="B1050">
        <f t="shared" si="124"/>
        <v>7</v>
      </c>
      <c r="C1050" s="16">
        <v>1016</v>
      </c>
      <c r="D1050" cm="1">
        <f t="array" ref="D1050">IFERROR(INDEX(Jesper!AH$2:AH$366,ROUNDDOWN($C1050/24,0)+1,1)*INDEX($D$3:$AA$30,INDEX(Jesper!$R$2:$R$366,ROW(INDEX(Jesper!AH$2:AH$366,ROUNDDOWN($C1050/24,0)+1,1))-1)+IF('Standard Profiles'!$G$18=$B$10,7,0)+IF('Standard Profiles'!$G$18=$B$17,14,0)+IF('Standard Profiles'!$G$18=$B$24,21,0),MOD($C1050,24)+1)/SUM(INDEX($D$3:$AA$30,INDEX(Jesper!$R$2:$R$366,ROW(INDEX(Jesper!AH$2:AH$366,ROUNDDOWN($C1050/24,0)+1,1))-1)+IF('Standard Profiles'!$G$18=$B$10,7,0)+IF('Standard Profiles'!$G$18=$B$17,14,0)+IF('Standard Profiles'!$G$18=$B$24,21,0),0)),0)</f>
        <v>0</v>
      </c>
      <c r="E1050" cm="1">
        <f t="array" ref="E1050">IFERROR(INDEX(Jesper!AI$2:AI$366,ROUNDDOWN($C1050/24,0)+1,1)*INDEX($D$3:$AA$30,INDEX(Jesper!$R$2:$R$366,ROW(INDEX(Jesper!AI$2:AI$366,ROUNDDOWN($C1050/24,0)+1,1))-1)+IF('Standard Profiles'!$G$19=$B$10,7,0)+IF('Standard Profiles'!$G$19=$B$17,14,0)+IF('Standard Profiles'!$G$19=$B$24,21,0),MOD($C1050,24)+1)/SUM(INDEX($D$3:$AA$30,INDEX(Jesper!$R$2:$R$366,ROW(INDEX(Jesper!AI$2:AI$366,ROUNDDOWN($C1050/24,0)+1,1))-1)+IF('Standard Profiles'!$G$19=$B$10,7,0)+IF('Standard Profiles'!$G$19=$B$17,14,0)+IF('Standard Profiles'!$G$19=$B$24,21,0),0)),0)</f>
        <v>4.5117950311707684</v>
      </c>
      <c r="F1050" cm="1">
        <f t="array" ref="F1050">IFERROR(INDEX(Jesper!AJ$2:AJ$366,ROUNDDOWN($C1050/24,0)+1,1)*INDEX($D$3:$AA$30,INDEX(Jesper!$R$2:$R$366,ROW(INDEX(Jesper!AJ$2:AJ$366,ROUNDDOWN($C1050/24,0)+1,1))-1)+IF('Standard Profiles'!$G$20=$B$10,7,0)+IF('Standard Profiles'!$G$20=$B$17,14,0)+IF('Standard Profiles'!$G$20=$B$24,21,0),MOD($C1050,24)+1)/SUM(INDEX($D$3:$AA$30,INDEX(Jesper!$R$2:$R$366,ROW(INDEX(Jesper!AJ$2:AJ$366,ROUNDDOWN($C1050/24,0)+1,1))-1)+IF('Standard Profiles'!$G$20=$B$10,7,0)+IF('Standard Profiles'!$G$20=$B$17,14,0)+IF('Standard Profiles'!$G$20=$B$24,21,0),0)),0)</f>
        <v>3.5968135687996101</v>
      </c>
      <c r="G1050" cm="1">
        <f t="array" ref="G1050">IFERROR(INDEX(Jesper!AK$2:AK$366,ROUNDDOWN($C1050/24,0)+1,1)*INDEX($D$3:$AA$30,INDEX(Jesper!$R$2:$R$366,ROW(INDEX(Jesper!AK$2:AK$366,ROUNDDOWN($C1050/24,0)+1,1))-1)+IF('Standard Profiles'!$G$21=$B$10,7,0)+IF('Standard Profiles'!$G$21=$B$17,14,0)+IF('Standard Profiles'!$G$21=$B$24,21,0),MOD($C1050,24)+1)/SUM(INDEX($D$3:$AA$30,INDEX(Jesper!$R$2:$R$366,ROW(INDEX(Jesper!AK$2:AK$366,ROUNDDOWN($C1050/24,0)+1,1))-1)+IF('Standard Profiles'!$G$21=$B$10,7,0)+IF('Standard Profiles'!$G$21=$B$17,14,0)+IF('Standard Profiles'!$G$21=$B$24,21,0),0)),0)</f>
        <v>5.4046087076920708</v>
      </c>
      <c r="H1050" cm="1">
        <f t="array" ref="H1050">IFERROR(INDEX(Jesper!AL$2:AL$366,ROUNDDOWN($C1050/24,0)+1,1)*INDEX($D$3:$AA$30,INDEX(Jesper!$R$2:$R$366,ROW(INDEX(Jesper!AL$2:AL$366,ROUNDDOWN($C1050/24,0)+1,1))-1)+IF('Standard Profiles'!$G$22=$B$10,7,0)+IF('Standard Profiles'!$G$22=$B$17,14,0)+IF('Standard Profiles'!$G$22=$B$24,21,0),MOD($C1050,24)+1)/SUM(INDEX($D$3:$AA$30,INDEX(Jesper!$R$2:$R$366,ROW(INDEX(Jesper!AL$2:AL$366,ROUNDDOWN($C1050/24,0)+1,1))-1)+IF('Standard Profiles'!$G$22=$B$10,7,0)+IF('Standard Profiles'!$G$22=$B$17,14,0)+IF('Standard Profiles'!$G$22=$B$24,21,0),0)),0)</f>
        <v>5.0344902280861783</v>
      </c>
      <c r="I1050">
        <f t="shared" si="125"/>
        <v>4.833110618962734</v>
      </c>
      <c r="J1050">
        <f t="shared" si="126"/>
        <v>13.173181513045401</v>
      </c>
      <c r="K1050">
        <f t="shared" si="127"/>
        <v>0.36094360249366148</v>
      </c>
      <c r="L1050">
        <f t="shared" si="128"/>
        <v>0.18047180124683074</v>
      </c>
      <c r="M1050">
        <f t="shared" si="129"/>
        <v>0</v>
      </c>
      <c r="N1050" s="45">
        <f t="shared" si="130"/>
        <v>44969.333333330869</v>
      </c>
    </row>
    <row r="1051" spans="2:14" x14ac:dyDescent="0.25">
      <c r="B1051">
        <f t="shared" si="124"/>
        <v>7</v>
      </c>
      <c r="C1051" s="16">
        <v>1017</v>
      </c>
      <c r="D1051" cm="1">
        <f t="array" ref="D1051">IFERROR(INDEX(Jesper!AH$2:AH$366,ROUNDDOWN($C1051/24,0)+1,1)*INDEX($D$3:$AA$30,INDEX(Jesper!$R$2:$R$366,ROW(INDEX(Jesper!AH$2:AH$366,ROUNDDOWN($C1051/24,0)+1,1))-1)+IF('Standard Profiles'!$G$18=$B$10,7,0)+IF('Standard Profiles'!$G$18=$B$17,14,0)+IF('Standard Profiles'!$G$18=$B$24,21,0),MOD($C1051,24)+1)/SUM(INDEX($D$3:$AA$30,INDEX(Jesper!$R$2:$R$366,ROW(INDEX(Jesper!AH$2:AH$366,ROUNDDOWN($C1051/24,0)+1,1))-1)+IF('Standard Profiles'!$G$18=$B$10,7,0)+IF('Standard Profiles'!$G$18=$B$17,14,0)+IF('Standard Profiles'!$G$18=$B$24,21,0),0)),0)</f>
        <v>0</v>
      </c>
      <c r="E1051" cm="1">
        <f t="array" ref="E1051">IFERROR(INDEX(Jesper!AI$2:AI$366,ROUNDDOWN($C1051/24,0)+1,1)*INDEX($D$3:$AA$30,INDEX(Jesper!$R$2:$R$366,ROW(INDEX(Jesper!AI$2:AI$366,ROUNDDOWN($C1051/24,0)+1,1))-1)+IF('Standard Profiles'!$G$19=$B$10,7,0)+IF('Standard Profiles'!$G$19=$B$17,14,0)+IF('Standard Profiles'!$G$19=$B$24,21,0),MOD($C1051,24)+1)/SUM(INDEX($D$3:$AA$30,INDEX(Jesper!$R$2:$R$366,ROW(INDEX(Jesper!AI$2:AI$366,ROUNDDOWN($C1051/24,0)+1,1))-1)+IF('Standard Profiles'!$G$19=$B$10,7,0)+IF('Standard Profiles'!$G$19=$B$17,14,0)+IF('Standard Profiles'!$G$19=$B$24,21,0),0)),0)</f>
        <v>4.5117950311707684</v>
      </c>
      <c r="F1051" cm="1">
        <f t="array" ref="F1051">IFERROR(INDEX(Jesper!AJ$2:AJ$366,ROUNDDOWN($C1051/24,0)+1,1)*INDEX($D$3:$AA$30,INDEX(Jesper!$R$2:$R$366,ROW(INDEX(Jesper!AJ$2:AJ$366,ROUNDDOWN($C1051/24,0)+1,1))-1)+IF('Standard Profiles'!$G$20=$B$10,7,0)+IF('Standard Profiles'!$G$20=$B$17,14,0)+IF('Standard Profiles'!$G$20=$B$24,21,0),MOD($C1051,24)+1)/SUM(INDEX($D$3:$AA$30,INDEX(Jesper!$R$2:$R$366,ROW(INDEX(Jesper!AJ$2:AJ$366,ROUNDDOWN($C1051/24,0)+1,1))-1)+IF('Standard Profiles'!$G$20=$B$10,7,0)+IF('Standard Profiles'!$G$20=$B$17,14,0)+IF('Standard Profiles'!$G$20=$B$24,21,0),0)),0)</f>
        <v>3.5968135687996101</v>
      </c>
      <c r="G1051" cm="1">
        <f t="array" ref="G1051">IFERROR(INDEX(Jesper!AK$2:AK$366,ROUNDDOWN($C1051/24,0)+1,1)*INDEX($D$3:$AA$30,INDEX(Jesper!$R$2:$R$366,ROW(INDEX(Jesper!AK$2:AK$366,ROUNDDOWN($C1051/24,0)+1,1))-1)+IF('Standard Profiles'!$G$21=$B$10,7,0)+IF('Standard Profiles'!$G$21=$B$17,14,0)+IF('Standard Profiles'!$G$21=$B$24,21,0),MOD($C1051,24)+1)/SUM(INDEX($D$3:$AA$30,INDEX(Jesper!$R$2:$R$366,ROW(INDEX(Jesper!AK$2:AK$366,ROUNDDOWN($C1051/24,0)+1,1))-1)+IF('Standard Profiles'!$G$21=$B$10,7,0)+IF('Standard Profiles'!$G$21=$B$17,14,0)+IF('Standard Profiles'!$G$21=$B$24,21,0),0)),0)</f>
        <v>5.4046087076920708</v>
      </c>
      <c r="H1051" cm="1">
        <f t="array" ref="H1051">IFERROR(INDEX(Jesper!AL$2:AL$366,ROUNDDOWN($C1051/24,0)+1,1)*INDEX($D$3:$AA$30,INDEX(Jesper!$R$2:$R$366,ROW(INDEX(Jesper!AL$2:AL$366,ROUNDDOWN($C1051/24,0)+1,1))-1)+IF('Standard Profiles'!$G$22=$B$10,7,0)+IF('Standard Profiles'!$G$22=$B$17,14,0)+IF('Standard Profiles'!$G$22=$B$24,21,0),MOD($C1051,24)+1)/SUM(INDEX($D$3:$AA$30,INDEX(Jesper!$R$2:$R$366,ROW(INDEX(Jesper!AL$2:AL$366,ROUNDDOWN($C1051/24,0)+1,1))-1)+IF('Standard Profiles'!$G$22=$B$10,7,0)+IF('Standard Profiles'!$G$22=$B$17,14,0)+IF('Standard Profiles'!$G$22=$B$24,21,0),0)),0)</f>
        <v>5.0344902280861783</v>
      </c>
      <c r="I1051">
        <f t="shared" si="125"/>
        <v>4.833110618962734</v>
      </c>
      <c r="J1051">
        <f t="shared" si="126"/>
        <v>13.173181513045401</v>
      </c>
      <c r="K1051">
        <f t="shared" si="127"/>
        <v>0.36094360249366148</v>
      </c>
      <c r="L1051">
        <f t="shared" si="128"/>
        <v>0.18047180124683074</v>
      </c>
      <c r="M1051">
        <f t="shared" si="129"/>
        <v>0</v>
      </c>
      <c r="N1051" s="45">
        <f t="shared" si="130"/>
        <v>44969.374999997533</v>
      </c>
    </row>
    <row r="1052" spans="2:14" x14ac:dyDescent="0.25">
      <c r="B1052">
        <f t="shared" si="124"/>
        <v>7</v>
      </c>
      <c r="C1052" s="16">
        <v>1018</v>
      </c>
      <c r="D1052" cm="1">
        <f t="array" ref="D1052">IFERROR(INDEX(Jesper!AH$2:AH$366,ROUNDDOWN($C1052/24,0)+1,1)*INDEX($D$3:$AA$30,INDEX(Jesper!$R$2:$R$366,ROW(INDEX(Jesper!AH$2:AH$366,ROUNDDOWN($C1052/24,0)+1,1))-1)+IF('Standard Profiles'!$G$18=$B$10,7,0)+IF('Standard Profiles'!$G$18=$B$17,14,0)+IF('Standard Profiles'!$G$18=$B$24,21,0),MOD($C1052,24)+1)/SUM(INDEX($D$3:$AA$30,INDEX(Jesper!$R$2:$R$366,ROW(INDEX(Jesper!AH$2:AH$366,ROUNDDOWN($C1052/24,0)+1,1))-1)+IF('Standard Profiles'!$G$18=$B$10,7,0)+IF('Standard Profiles'!$G$18=$B$17,14,0)+IF('Standard Profiles'!$G$18=$B$24,21,0),0)),0)</f>
        <v>0</v>
      </c>
      <c r="E1052" cm="1">
        <f t="array" ref="E1052">IFERROR(INDEX(Jesper!AI$2:AI$366,ROUNDDOWN($C1052/24,0)+1,1)*INDEX($D$3:$AA$30,INDEX(Jesper!$R$2:$R$366,ROW(INDEX(Jesper!AI$2:AI$366,ROUNDDOWN($C1052/24,0)+1,1))-1)+IF('Standard Profiles'!$G$19=$B$10,7,0)+IF('Standard Profiles'!$G$19=$B$17,14,0)+IF('Standard Profiles'!$G$19=$B$24,21,0),MOD($C1052,24)+1)/SUM(INDEX($D$3:$AA$30,INDEX(Jesper!$R$2:$R$366,ROW(INDEX(Jesper!AI$2:AI$366,ROUNDDOWN($C1052/24,0)+1,1))-1)+IF('Standard Profiles'!$G$19=$B$10,7,0)+IF('Standard Profiles'!$G$19=$B$17,14,0)+IF('Standard Profiles'!$G$19=$B$24,21,0),0)),0)</f>
        <v>4.5117950311707684</v>
      </c>
      <c r="F1052" cm="1">
        <f t="array" ref="F1052">IFERROR(INDEX(Jesper!AJ$2:AJ$366,ROUNDDOWN($C1052/24,0)+1,1)*INDEX($D$3:$AA$30,INDEX(Jesper!$R$2:$R$366,ROW(INDEX(Jesper!AJ$2:AJ$366,ROUNDDOWN($C1052/24,0)+1,1))-1)+IF('Standard Profiles'!$G$20=$B$10,7,0)+IF('Standard Profiles'!$G$20=$B$17,14,0)+IF('Standard Profiles'!$G$20=$B$24,21,0),MOD($C1052,24)+1)/SUM(INDEX($D$3:$AA$30,INDEX(Jesper!$R$2:$R$366,ROW(INDEX(Jesper!AJ$2:AJ$366,ROUNDDOWN($C1052/24,0)+1,1))-1)+IF('Standard Profiles'!$G$20=$B$10,7,0)+IF('Standard Profiles'!$G$20=$B$17,14,0)+IF('Standard Profiles'!$G$20=$B$24,21,0),0)),0)</f>
        <v>3.5968135687996101</v>
      </c>
      <c r="G1052" cm="1">
        <f t="array" ref="G1052">IFERROR(INDEX(Jesper!AK$2:AK$366,ROUNDDOWN($C1052/24,0)+1,1)*INDEX($D$3:$AA$30,INDEX(Jesper!$R$2:$R$366,ROW(INDEX(Jesper!AK$2:AK$366,ROUNDDOWN($C1052/24,0)+1,1))-1)+IF('Standard Profiles'!$G$21=$B$10,7,0)+IF('Standard Profiles'!$G$21=$B$17,14,0)+IF('Standard Profiles'!$G$21=$B$24,21,0),MOD($C1052,24)+1)/SUM(INDEX($D$3:$AA$30,INDEX(Jesper!$R$2:$R$366,ROW(INDEX(Jesper!AK$2:AK$366,ROUNDDOWN($C1052/24,0)+1,1))-1)+IF('Standard Profiles'!$G$21=$B$10,7,0)+IF('Standard Profiles'!$G$21=$B$17,14,0)+IF('Standard Profiles'!$G$21=$B$24,21,0),0)),0)</f>
        <v>5.4046087076920708</v>
      </c>
      <c r="H1052" cm="1">
        <f t="array" ref="H1052">IFERROR(INDEX(Jesper!AL$2:AL$366,ROUNDDOWN($C1052/24,0)+1,1)*INDEX($D$3:$AA$30,INDEX(Jesper!$R$2:$R$366,ROW(INDEX(Jesper!AL$2:AL$366,ROUNDDOWN($C1052/24,0)+1,1))-1)+IF('Standard Profiles'!$G$22=$B$10,7,0)+IF('Standard Profiles'!$G$22=$B$17,14,0)+IF('Standard Profiles'!$G$22=$B$24,21,0),MOD($C1052,24)+1)/SUM(INDEX($D$3:$AA$30,INDEX(Jesper!$R$2:$R$366,ROW(INDEX(Jesper!AL$2:AL$366,ROUNDDOWN($C1052/24,0)+1,1))-1)+IF('Standard Profiles'!$G$22=$B$10,7,0)+IF('Standard Profiles'!$G$22=$B$17,14,0)+IF('Standard Profiles'!$G$22=$B$24,21,0),0)),0)</f>
        <v>5.0344902280861783</v>
      </c>
      <c r="I1052">
        <f t="shared" si="125"/>
        <v>4.833110618962734</v>
      </c>
      <c r="J1052">
        <f t="shared" si="126"/>
        <v>13.173181513045401</v>
      </c>
      <c r="K1052">
        <f t="shared" si="127"/>
        <v>0.36094360249366148</v>
      </c>
      <c r="L1052">
        <f t="shared" si="128"/>
        <v>0.18047180124683074</v>
      </c>
      <c r="M1052">
        <f t="shared" si="129"/>
        <v>0</v>
      </c>
      <c r="N1052" s="45">
        <f t="shared" si="130"/>
        <v>44969.416666664198</v>
      </c>
    </row>
    <row r="1053" spans="2:14" x14ac:dyDescent="0.25">
      <c r="B1053">
        <f t="shared" si="124"/>
        <v>7</v>
      </c>
      <c r="C1053" s="16">
        <v>1019</v>
      </c>
      <c r="D1053" cm="1">
        <f t="array" ref="D1053">IFERROR(INDEX(Jesper!AH$2:AH$366,ROUNDDOWN($C1053/24,0)+1,1)*INDEX($D$3:$AA$30,INDEX(Jesper!$R$2:$R$366,ROW(INDEX(Jesper!AH$2:AH$366,ROUNDDOWN($C1053/24,0)+1,1))-1)+IF('Standard Profiles'!$G$18=$B$10,7,0)+IF('Standard Profiles'!$G$18=$B$17,14,0)+IF('Standard Profiles'!$G$18=$B$24,21,0),MOD($C1053,24)+1)/SUM(INDEX($D$3:$AA$30,INDEX(Jesper!$R$2:$R$366,ROW(INDEX(Jesper!AH$2:AH$366,ROUNDDOWN($C1053/24,0)+1,1))-1)+IF('Standard Profiles'!$G$18=$B$10,7,0)+IF('Standard Profiles'!$G$18=$B$17,14,0)+IF('Standard Profiles'!$G$18=$B$24,21,0),0)),0)</f>
        <v>0</v>
      </c>
      <c r="E1053" cm="1">
        <f t="array" ref="E1053">IFERROR(INDEX(Jesper!AI$2:AI$366,ROUNDDOWN($C1053/24,0)+1,1)*INDEX($D$3:$AA$30,INDEX(Jesper!$R$2:$R$366,ROW(INDEX(Jesper!AI$2:AI$366,ROUNDDOWN($C1053/24,0)+1,1))-1)+IF('Standard Profiles'!$G$19=$B$10,7,0)+IF('Standard Profiles'!$G$19=$B$17,14,0)+IF('Standard Profiles'!$G$19=$B$24,21,0),MOD($C1053,24)+1)/SUM(INDEX($D$3:$AA$30,INDEX(Jesper!$R$2:$R$366,ROW(INDEX(Jesper!AI$2:AI$366,ROUNDDOWN($C1053/24,0)+1,1))-1)+IF('Standard Profiles'!$G$19=$B$10,7,0)+IF('Standard Profiles'!$G$19=$B$17,14,0)+IF('Standard Profiles'!$G$19=$B$24,21,0),0)),0)</f>
        <v>4.5117950311707684</v>
      </c>
      <c r="F1053" cm="1">
        <f t="array" ref="F1053">IFERROR(INDEX(Jesper!AJ$2:AJ$366,ROUNDDOWN($C1053/24,0)+1,1)*INDEX($D$3:$AA$30,INDEX(Jesper!$R$2:$R$366,ROW(INDEX(Jesper!AJ$2:AJ$366,ROUNDDOWN($C1053/24,0)+1,1))-1)+IF('Standard Profiles'!$G$20=$B$10,7,0)+IF('Standard Profiles'!$G$20=$B$17,14,0)+IF('Standard Profiles'!$G$20=$B$24,21,0),MOD($C1053,24)+1)/SUM(INDEX($D$3:$AA$30,INDEX(Jesper!$R$2:$R$366,ROW(INDEX(Jesper!AJ$2:AJ$366,ROUNDDOWN($C1053/24,0)+1,1))-1)+IF('Standard Profiles'!$G$20=$B$10,7,0)+IF('Standard Profiles'!$G$20=$B$17,14,0)+IF('Standard Profiles'!$G$20=$B$24,21,0),0)),0)</f>
        <v>3.5968135687996101</v>
      </c>
      <c r="G1053" cm="1">
        <f t="array" ref="G1053">IFERROR(INDEX(Jesper!AK$2:AK$366,ROUNDDOWN($C1053/24,0)+1,1)*INDEX($D$3:$AA$30,INDEX(Jesper!$R$2:$R$366,ROW(INDEX(Jesper!AK$2:AK$366,ROUNDDOWN($C1053/24,0)+1,1))-1)+IF('Standard Profiles'!$G$21=$B$10,7,0)+IF('Standard Profiles'!$G$21=$B$17,14,0)+IF('Standard Profiles'!$G$21=$B$24,21,0),MOD($C1053,24)+1)/SUM(INDEX($D$3:$AA$30,INDEX(Jesper!$R$2:$R$366,ROW(INDEX(Jesper!AK$2:AK$366,ROUNDDOWN($C1053/24,0)+1,1))-1)+IF('Standard Profiles'!$G$21=$B$10,7,0)+IF('Standard Profiles'!$G$21=$B$17,14,0)+IF('Standard Profiles'!$G$21=$B$24,21,0),0)),0)</f>
        <v>5.4046087076920708</v>
      </c>
      <c r="H1053" cm="1">
        <f t="array" ref="H1053">IFERROR(INDEX(Jesper!AL$2:AL$366,ROUNDDOWN($C1053/24,0)+1,1)*INDEX($D$3:$AA$30,INDEX(Jesper!$R$2:$R$366,ROW(INDEX(Jesper!AL$2:AL$366,ROUNDDOWN($C1053/24,0)+1,1))-1)+IF('Standard Profiles'!$G$22=$B$10,7,0)+IF('Standard Profiles'!$G$22=$B$17,14,0)+IF('Standard Profiles'!$G$22=$B$24,21,0),MOD($C1053,24)+1)/SUM(INDEX($D$3:$AA$30,INDEX(Jesper!$R$2:$R$366,ROW(INDEX(Jesper!AL$2:AL$366,ROUNDDOWN($C1053/24,0)+1,1))-1)+IF('Standard Profiles'!$G$22=$B$10,7,0)+IF('Standard Profiles'!$G$22=$B$17,14,0)+IF('Standard Profiles'!$G$22=$B$24,21,0),0)),0)</f>
        <v>5.0344902280861783</v>
      </c>
      <c r="I1053">
        <f t="shared" si="125"/>
        <v>4.833110618962734</v>
      </c>
      <c r="J1053">
        <f t="shared" si="126"/>
        <v>13.173181513045401</v>
      </c>
      <c r="K1053">
        <f t="shared" si="127"/>
        <v>0.36094360249366148</v>
      </c>
      <c r="L1053">
        <f t="shared" si="128"/>
        <v>0.18047180124683074</v>
      </c>
      <c r="M1053">
        <f t="shared" si="129"/>
        <v>0</v>
      </c>
      <c r="N1053" s="45">
        <f t="shared" si="130"/>
        <v>44969.458333330862</v>
      </c>
    </row>
    <row r="1054" spans="2:14" x14ac:dyDescent="0.25">
      <c r="B1054">
        <f t="shared" si="124"/>
        <v>7</v>
      </c>
      <c r="C1054" s="16">
        <v>1020</v>
      </c>
      <c r="D1054" cm="1">
        <f t="array" ref="D1054">IFERROR(INDEX(Jesper!AH$2:AH$366,ROUNDDOWN($C1054/24,0)+1,1)*INDEX($D$3:$AA$30,INDEX(Jesper!$R$2:$R$366,ROW(INDEX(Jesper!AH$2:AH$366,ROUNDDOWN($C1054/24,0)+1,1))-1)+IF('Standard Profiles'!$G$18=$B$10,7,0)+IF('Standard Profiles'!$G$18=$B$17,14,0)+IF('Standard Profiles'!$G$18=$B$24,21,0),MOD($C1054,24)+1)/SUM(INDEX($D$3:$AA$30,INDEX(Jesper!$R$2:$R$366,ROW(INDEX(Jesper!AH$2:AH$366,ROUNDDOWN($C1054/24,0)+1,1))-1)+IF('Standard Profiles'!$G$18=$B$10,7,0)+IF('Standard Profiles'!$G$18=$B$17,14,0)+IF('Standard Profiles'!$G$18=$B$24,21,0),0)),0)</f>
        <v>0</v>
      </c>
      <c r="E1054" cm="1">
        <f t="array" ref="E1054">IFERROR(INDEX(Jesper!AI$2:AI$366,ROUNDDOWN($C1054/24,0)+1,1)*INDEX($D$3:$AA$30,INDEX(Jesper!$R$2:$R$366,ROW(INDEX(Jesper!AI$2:AI$366,ROUNDDOWN($C1054/24,0)+1,1))-1)+IF('Standard Profiles'!$G$19=$B$10,7,0)+IF('Standard Profiles'!$G$19=$B$17,14,0)+IF('Standard Profiles'!$G$19=$B$24,21,0),MOD($C1054,24)+1)/SUM(INDEX($D$3:$AA$30,INDEX(Jesper!$R$2:$R$366,ROW(INDEX(Jesper!AI$2:AI$366,ROUNDDOWN($C1054/24,0)+1,1))-1)+IF('Standard Profiles'!$G$19=$B$10,7,0)+IF('Standard Profiles'!$G$19=$B$17,14,0)+IF('Standard Profiles'!$G$19=$B$24,21,0),0)),0)</f>
        <v>4.5117950311707684</v>
      </c>
      <c r="F1054" cm="1">
        <f t="array" ref="F1054">IFERROR(INDEX(Jesper!AJ$2:AJ$366,ROUNDDOWN($C1054/24,0)+1,1)*INDEX($D$3:$AA$30,INDEX(Jesper!$R$2:$R$366,ROW(INDEX(Jesper!AJ$2:AJ$366,ROUNDDOWN($C1054/24,0)+1,1))-1)+IF('Standard Profiles'!$G$20=$B$10,7,0)+IF('Standard Profiles'!$G$20=$B$17,14,0)+IF('Standard Profiles'!$G$20=$B$24,21,0),MOD($C1054,24)+1)/SUM(INDEX($D$3:$AA$30,INDEX(Jesper!$R$2:$R$366,ROW(INDEX(Jesper!AJ$2:AJ$366,ROUNDDOWN($C1054/24,0)+1,1))-1)+IF('Standard Profiles'!$G$20=$B$10,7,0)+IF('Standard Profiles'!$G$20=$B$17,14,0)+IF('Standard Profiles'!$G$20=$B$24,21,0),0)),0)</f>
        <v>3.5968135687996101</v>
      </c>
      <c r="G1054" cm="1">
        <f t="array" ref="G1054">IFERROR(INDEX(Jesper!AK$2:AK$366,ROUNDDOWN($C1054/24,0)+1,1)*INDEX($D$3:$AA$30,INDEX(Jesper!$R$2:$R$366,ROW(INDEX(Jesper!AK$2:AK$366,ROUNDDOWN($C1054/24,0)+1,1))-1)+IF('Standard Profiles'!$G$21=$B$10,7,0)+IF('Standard Profiles'!$G$21=$B$17,14,0)+IF('Standard Profiles'!$G$21=$B$24,21,0),MOD($C1054,24)+1)/SUM(INDEX($D$3:$AA$30,INDEX(Jesper!$R$2:$R$366,ROW(INDEX(Jesper!AK$2:AK$366,ROUNDDOWN($C1054/24,0)+1,1))-1)+IF('Standard Profiles'!$G$21=$B$10,7,0)+IF('Standard Profiles'!$G$21=$B$17,14,0)+IF('Standard Profiles'!$G$21=$B$24,21,0),0)),0)</f>
        <v>5.4046087076920708</v>
      </c>
      <c r="H1054" cm="1">
        <f t="array" ref="H1054">IFERROR(INDEX(Jesper!AL$2:AL$366,ROUNDDOWN($C1054/24,0)+1,1)*INDEX($D$3:$AA$30,INDEX(Jesper!$R$2:$R$366,ROW(INDEX(Jesper!AL$2:AL$366,ROUNDDOWN($C1054/24,0)+1,1))-1)+IF('Standard Profiles'!$G$22=$B$10,7,0)+IF('Standard Profiles'!$G$22=$B$17,14,0)+IF('Standard Profiles'!$G$22=$B$24,21,0),MOD($C1054,24)+1)/SUM(INDEX($D$3:$AA$30,INDEX(Jesper!$R$2:$R$366,ROW(INDEX(Jesper!AL$2:AL$366,ROUNDDOWN($C1054/24,0)+1,1))-1)+IF('Standard Profiles'!$G$22=$B$10,7,0)+IF('Standard Profiles'!$G$22=$B$17,14,0)+IF('Standard Profiles'!$G$22=$B$24,21,0),0)),0)</f>
        <v>5.0344902280861783</v>
      </c>
      <c r="I1054">
        <f t="shared" si="125"/>
        <v>4.833110618962734</v>
      </c>
      <c r="J1054">
        <f t="shared" si="126"/>
        <v>13.173181513045401</v>
      </c>
      <c r="K1054">
        <f t="shared" si="127"/>
        <v>0.36094360249366148</v>
      </c>
      <c r="L1054">
        <f t="shared" si="128"/>
        <v>0.18047180124683074</v>
      </c>
      <c r="M1054">
        <f t="shared" si="129"/>
        <v>0</v>
      </c>
      <c r="N1054" s="45">
        <f t="shared" si="130"/>
        <v>44969.499999997526</v>
      </c>
    </row>
    <row r="1055" spans="2:14" x14ac:dyDescent="0.25">
      <c r="B1055">
        <f t="shared" si="124"/>
        <v>7</v>
      </c>
      <c r="C1055" s="16">
        <v>1021</v>
      </c>
      <c r="D1055" cm="1">
        <f t="array" ref="D1055">IFERROR(INDEX(Jesper!AH$2:AH$366,ROUNDDOWN($C1055/24,0)+1,1)*INDEX($D$3:$AA$30,INDEX(Jesper!$R$2:$R$366,ROW(INDEX(Jesper!AH$2:AH$366,ROUNDDOWN($C1055/24,0)+1,1))-1)+IF('Standard Profiles'!$G$18=$B$10,7,0)+IF('Standard Profiles'!$G$18=$B$17,14,0)+IF('Standard Profiles'!$G$18=$B$24,21,0),MOD($C1055,24)+1)/SUM(INDEX($D$3:$AA$30,INDEX(Jesper!$R$2:$R$366,ROW(INDEX(Jesper!AH$2:AH$366,ROUNDDOWN($C1055/24,0)+1,1))-1)+IF('Standard Profiles'!$G$18=$B$10,7,0)+IF('Standard Profiles'!$G$18=$B$17,14,0)+IF('Standard Profiles'!$G$18=$B$24,21,0),0)),0)</f>
        <v>0</v>
      </c>
      <c r="E1055" cm="1">
        <f t="array" ref="E1055">IFERROR(INDEX(Jesper!AI$2:AI$366,ROUNDDOWN($C1055/24,0)+1,1)*INDEX($D$3:$AA$30,INDEX(Jesper!$R$2:$R$366,ROW(INDEX(Jesper!AI$2:AI$366,ROUNDDOWN($C1055/24,0)+1,1))-1)+IF('Standard Profiles'!$G$19=$B$10,7,0)+IF('Standard Profiles'!$G$19=$B$17,14,0)+IF('Standard Profiles'!$G$19=$B$24,21,0),MOD($C1055,24)+1)/SUM(INDEX($D$3:$AA$30,INDEX(Jesper!$R$2:$R$366,ROW(INDEX(Jesper!AI$2:AI$366,ROUNDDOWN($C1055/24,0)+1,1))-1)+IF('Standard Profiles'!$G$19=$B$10,7,0)+IF('Standard Profiles'!$G$19=$B$17,14,0)+IF('Standard Profiles'!$G$19=$B$24,21,0),0)),0)</f>
        <v>4.5117950311707684</v>
      </c>
      <c r="F1055" cm="1">
        <f t="array" ref="F1055">IFERROR(INDEX(Jesper!AJ$2:AJ$366,ROUNDDOWN($C1055/24,0)+1,1)*INDEX($D$3:$AA$30,INDEX(Jesper!$R$2:$R$366,ROW(INDEX(Jesper!AJ$2:AJ$366,ROUNDDOWN($C1055/24,0)+1,1))-1)+IF('Standard Profiles'!$G$20=$B$10,7,0)+IF('Standard Profiles'!$G$20=$B$17,14,0)+IF('Standard Profiles'!$G$20=$B$24,21,0),MOD($C1055,24)+1)/SUM(INDEX($D$3:$AA$30,INDEX(Jesper!$R$2:$R$366,ROW(INDEX(Jesper!AJ$2:AJ$366,ROUNDDOWN($C1055/24,0)+1,1))-1)+IF('Standard Profiles'!$G$20=$B$10,7,0)+IF('Standard Profiles'!$G$20=$B$17,14,0)+IF('Standard Profiles'!$G$20=$B$24,21,0),0)),0)</f>
        <v>3.5968135687996101</v>
      </c>
      <c r="G1055" cm="1">
        <f t="array" ref="G1055">IFERROR(INDEX(Jesper!AK$2:AK$366,ROUNDDOWN($C1055/24,0)+1,1)*INDEX($D$3:$AA$30,INDEX(Jesper!$R$2:$R$366,ROW(INDEX(Jesper!AK$2:AK$366,ROUNDDOWN($C1055/24,0)+1,1))-1)+IF('Standard Profiles'!$G$21=$B$10,7,0)+IF('Standard Profiles'!$G$21=$B$17,14,0)+IF('Standard Profiles'!$G$21=$B$24,21,0),MOD($C1055,24)+1)/SUM(INDEX($D$3:$AA$30,INDEX(Jesper!$R$2:$R$366,ROW(INDEX(Jesper!AK$2:AK$366,ROUNDDOWN($C1055/24,0)+1,1))-1)+IF('Standard Profiles'!$G$21=$B$10,7,0)+IF('Standard Profiles'!$G$21=$B$17,14,0)+IF('Standard Profiles'!$G$21=$B$24,21,0),0)),0)</f>
        <v>5.4046087076920708</v>
      </c>
      <c r="H1055" cm="1">
        <f t="array" ref="H1055">IFERROR(INDEX(Jesper!AL$2:AL$366,ROUNDDOWN($C1055/24,0)+1,1)*INDEX($D$3:$AA$30,INDEX(Jesper!$R$2:$R$366,ROW(INDEX(Jesper!AL$2:AL$366,ROUNDDOWN($C1055/24,0)+1,1))-1)+IF('Standard Profiles'!$G$22=$B$10,7,0)+IF('Standard Profiles'!$G$22=$B$17,14,0)+IF('Standard Profiles'!$G$22=$B$24,21,0),MOD($C1055,24)+1)/SUM(INDEX($D$3:$AA$30,INDEX(Jesper!$R$2:$R$366,ROW(INDEX(Jesper!AL$2:AL$366,ROUNDDOWN($C1055/24,0)+1,1))-1)+IF('Standard Profiles'!$G$22=$B$10,7,0)+IF('Standard Profiles'!$G$22=$B$17,14,0)+IF('Standard Profiles'!$G$22=$B$24,21,0),0)),0)</f>
        <v>5.0344902280861783</v>
      </c>
      <c r="I1055">
        <f t="shared" si="125"/>
        <v>4.833110618962734</v>
      </c>
      <c r="J1055">
        <f t="shared" si="126"/>
        <v>13.173181513045401</v>
      </c>
      <c r="K1055">
        <f t="shared" si="127"/>
        <v>0.36094360249366148</v>
      </c>
      <c r="L1055">
        <f t="shared" si="128"/>
        <v>0.18047180124683074</v>
      </c>
      <c r="M1055">
        <f t="shared" si="129"/>
        <v>0</v>
      </c>
      <c r="N1055" s="45">
        <f t="shared" si="130"/>
        <v>44969.54166666419</v>
      </c>
    </row>
    <row r="1056" spans="2:14" x14ac:dyDescent="0.25">
      <c r="B1056">
        <f t="shared" si="124"/>
        <v>7</v>
      </c>
      <c r="C1056" s="16">
        <v>1022</v>
      </c>
      <c r="D1056" cm="1">
        <f t="array" ref="D1056">IFERROR(INDEX(Jesper!AH$2:AH$366,ROUNDDOWN($C1056/24,0)+1,1)*INDEX($D$3:$AA$30,INDEX(Jesper!$R$2:$R$366,ROW(INDEX(Jesper!AH$2:AH$366,ROUNDDOWN($C1056/24,0)+1,1))-1)+IF('Standard Profiles'!$G$18=$B$10,7,0)+IF('Standard Profiles'!$G$18=$B$17,14,0)+IF('Standard Profiles'!$G$18=$B$24,21,0),MOD($C1056,24)+1)/SUM(INDEX($D$3:$AA$30,INDEX(Jesper!$R$2:$R$366,ROW(INDEX(Jesper!AH$2:AH$366,ROUNDDOWN($C1056/24,0)+1,1))-1)+IF('Standard Profiles'!$G$18=$B$10,7,0)+IF('Standard Profiles'!$G$18=$B$17,14,0)+IF('Standard Profiles'!$G$18=$B$24,21,0),0)),0)</f>
        <v>0</v>
      </c>
      <c r="E1056" cm="1">
        <f t="array" ref="E1056">IFERROR(INDEX(Jesper!AI$2:AI$366,ROUNDDOWN($C1056/24,0)+1,1)*INDEX($D$3:$AA$30,INDEX(Jesper!$R$2:$R$366,ROW(INDEX(Jesper!AI$2:AI$366,ROUNDDOWN($C1056/24,0)+1,1))-1)+IF('Standard Profiles'!$G$19=$B$10,7,0)+IF('Standard Profiles'!$G$19=$B$17,14,0)+IF('Standard Profiles'!$G$19=$B$24,21,0),MOD($C1056,24)+1)/SUM(INDEX($D$3:$AA$30,INDEX(Jesper!$R$2:$R$366,ROW(INDEX(Jesper!AI$2:AI$366,ROUNDDOWN($C1056/24,0)+1,1))-1)+IF('Standard Profiles'!$G$19=$B$10,7,0)+IF('Standard Profiles'!$G$19=$B$17,14,0)+IF('Standard Profiles'!$G$19=$B$24,21,0),0)),0)</f>
        <v>4.5117950311707684</v>
      </c>
      <c r="F1056" cm="1">
        <f t="array" ref="F1056">IFERROR(INDEX(Jesper!AJ$2:AJ$366,ROUNDDOWN($C1056/24,0)+1,1)*INDEX($D$3:$AA$30,INDEX(Jesper!$R$2:$R$366,ROW(INDEX(Jesper!AJ$2:AJ$366,ROUNDDOWN($C1056/24,0)+1,1))-1)+IF('Standard Profiles'!$G$20=$B$10,7,0)+IF('Standard Profiles'!$G$20=$B$17,14,0)+IF('Standard Profiles'!$G$20=$B$24,21,0),MOD($C1056,24)+1)/SUM(INDEX($D$3:$AA$30,INDEX(Jesper!$R$2:$R$366,ROW(INDEX(Jesper!AJ$2:AJ$366,ROUNDDOWN($C1056/24,0)+1,1))-1)+IF('Standard Profiles'!$G$20=$B$10,7,0)+IF('Standard Profiles'!$G$20=$B$17,14,0)+IF('Standard Profiles'!$G$20=$B$24,21,0),0)),0)</f>
        <v>3.5968135687996101</v>
      </c>
      <c r="G1056" cm="1">
        <f t="array" ref="G1056">IFERROR(INDEX(Jesper!AK$2:AK$366,ROUNDDOWN($C1056/24,0)+1,1)*INDEX($D$3:$AA$30,INDEX(Jesper!$R$2:$R$366,ROW(INDEX(Jesper!AK$2:AK$366,ROUNDDOWN($C1056/24,0)+1,1))-1)+IF('Standard Profiles'!$G$21=$B$10,7,0)+IF('Standard Profiles'!$G$21=$B$17,14,0)+IF('Standard Profiles'!$G$21=$B$24,21,0),MOD($C1056,24)+1)/SUM(INDEX($D$3:$AA$30,INDEX(Jesper!$R$2:$R$366,ROW(INDEX(Jesper!AK$2:AK$366,ROUNDDOWN($C1056/24,0)+1,1))-1)+IF('Standard Profiles'!$G$21=$B$10,7,0)+IF('Standard Profiles'!$G$21=$B$17,14,0)+IF('Standard Profiles'!$G$21=$B$24,21,0),0)),0)</f>
        <v>5.4046087076920708</v>
      </c>
      <c r="H1056" cm="1">
        <f t="array" ref="H1056">IFERROR(INDEX(Jesper!AL$2:AL$366,ROUNDDOWN($C1056/24,0)+1,1)*INDEX($D$3:$AA$30,INDEX(Jesper!$R$2:$R$366,ROW(INDEX(Jesper!AL$2:AL$366,ROUNDDOWN($C1056/24,0)+1,1))-1)+IF('Standard Profiles'!$G$22=$B$10,7,0)+IF('Standard Profiles'!$G$22=$B$17,14,0)+IF('Standard Profiles'!$G$22=$B$24,21,0),MOD($C1056,24)+1)/SUM(INDEX($D$3:$AA$30,INDEX(Jesper!$R$2:$R$366,ROW(INDEX(Jesper!AL$2:AL$366,ROUNDDOWN($C1056/24,0)+1,1))-1)+IF('Standard Profiles'!$G$22=$B$10,7,0)+IF('Standard Profiles'!$G$22=$B$17,14,0)+IF('Standard Profiles'!$G$22=$B$24,21,0),0)),0)</f>
        <v>5.0344902280861783</v>
      </c>
      <c r="I1056">
        <f t="shared" si="125"/>
        <v>4.833110618962734</v>
      </c>
      <c r="J1056">
        <f t="shared" si="126"/>
        <v>13.173181513045401</v>
      </c>
      <c r="K1056">
        <f t="shared" si="127"/>
        <v>0.36094360249366148</v>
      </c>
      <c r="L1056">
        <f t="shared" si="128"/>
        <v>0.18047180124683074</v>
      </c>
      <c r="M1056">
        <f t="shared" si="129"/>
        <v>0</v>
      </c>
      <c r="N1056" s="45">
        <f t="shared" si="130"/>
        <v>44969.583333330855</v>
      </c>
    </row>
    <row r="1057" spans="2:14" x14ac:dyDescent="0.25">
      <c r="B1057">
        <f t="shared" si="124"/>
        <v>7</v>
      </c>
      <c r="C1057" s="16">
        <v>1023</v>
      </c>
      <c r="D1057" cm="1">
        <f t="array" ref="D1057">IFERROR(INDEX(Jesper!AH$2:AH$366,ROUNDDOWN($C1057/24,0)+1,1)*INDEX($D$3:$AA$30,INDEX(Jesper!$R$2:$R$366,ROW(INDEX(Jesper!AH$2:AH$366,ROUNDDOWN($C1057/24,0)+1,1))-1)+IF('Standard Profiles'!$G$18=$B$10,7,0)+IF('Standard Profiles'!$G$18=$B$17,14,0)+IF('Standard Profiles'!$G$18=$B$24,21,0),MOD($C1057,24)+1)/SUM(INDEX($D$3:$AA$30,INDEX(Jesper!$R$2:$R$366,ROW(INDEX(Jesper!AH$2:AH$366,ROUNDDOWN($C1057/24,0)+1,1))-1)+IF('Standard Profiles'!$G$18=$B$10,7,0)+IF('Standard Profiles'!$G$18=$B$17,14,0)+IF('Standard Profiles'!$G$18=$B$24,21,0),0)),0)</f>
        <v>0</v>
      </c>
      <c r="E1057" cm="1">
        <f t="array" ref="E1057">IFERROR(INDEX(Jesper!AI$2:AI$366,ROUNDDOWN($C1057/24,0)+1,1)*INDEX($D$3:$AA$30,INDEX(Jesper!$R$2:$R$366,ROW(INDEX(Jesper!AI$2:AI$366,ROUNDDOWN($C1057/24,0)+1,1))-1)+IF('Standard Profiles'!$G$19=$B$10,7,0)+IF('Standard Profiles'!$G$19=$B$17,14,0)+IF('Standard Profiles'!$G$19=$B$24,21,0),MOD($C1057,24)+1)/SUM(INDEX($D$3:$AA$30,INDEX(Jesper!$R$2:$R$366,ROW(INDEX(Jesper!AI$2:AI$366,ROUNDDOWN($C1057/24,0)+1,1))-1)+IF('Standard Profiles'!$G$19=$B$10,7,0)+IF('Standard Profiles'!$G$19=$B$17,14,0)+IF('Standard Profiles'!$G$19=$B$24,21,0),0)),0)</f>
        <v>4.5117950311707684</v>
      </c>
      <c r="F1057" cm="1">
        <f t="array" ref="F1057">IFERROR(INDEX(Jesper!AJ$2:AJ$366,ROUNDDOWN($C1057/24,0)+1,1)*INDEX($D$3:$AA$30,INDEX(Jesper!$R$2:$R$366,ROW(INDEX(Jesper!AJ$2:AJ$366,ROUNDDOWN($C1057/24,0)+1,1))-1)+IF('Standard Profiles'!$G$20=$B$10,7,0)+IF('Standard Profiles'!$G$20=$B$17,14,0)+IF('Standard Profiles'!$G$20=$B$24,21,0),MOD($C1057,24)+1)/SUM(INDEX($D$3:$AA$30,INDEX(Jesper!$R$2:$R$366,ROW(INDEX(Jesper!AJ$2:AJ$366,ROUNDDOWN($C1057/24,0)+1,1))-1)+IF('Standard Profiles'!$G$20=$B$10,7,0)+IF('Standard Profiles'!$G$20=$B$17,14,0)+IF('Standard Profiles'!$G$20=$B$24,21,0),0)),0)</f>
        <v>3.5968135687996101</v>
      </c>
      <c r="G1057" cm="1">
        <f t="array" ref="G1057">IFERROR(INDEX(Jesper!AK$2:AK$366,ROUNDDOWN($C1057/24,0)+1,1)*INDEX($D$3:$AA$30,INDEX(Jesper!$R$2:$R$366,ROW(INDEX(Jesper!AK$2:AK$366,ROUNDDOWN($C1057/24,0)+1,1))-1)+IF('Standard Profiles'!$G$21=$B$10,7,0)+IF('Standard Profiles'!$G$21=$B$17,14,0)+IF('Standard Profiles'!$G$21=$B$24,21,0),MOD($C1057,24)+1)/SUM(INDEX($D$3:$AA$30,INDEX(Jesper!$R$2:$R$366,ROW(INDEX(Jesper!AK$2:AK$366,ROUNDDOWN($C1057/24,0)+1,1))-1)+IF('Standard Profiles'!$G$21=$B$10,7,0)+IF('Standard Profiles'!$G$21=$B$17,14,0)+IF('Standard Profiles'!$G$21=$B$24,21,0),0)),0)</f>
        <v>5.4046087076920708</v>
      </c>
      <c r="H1057" cm="1">
        <f t="array" ref="H1057">IFERROR(INDEX(Jesper!AL$2:AL$366,ROUNDDOWN($C1057/24,0)+1,1)*INDEX($D$3:$AA$30,INDEX(Jesper!$R$2:$R$366,ROW(INDEX(Jesper!AL$2:AL$366,ROUNDDOWN($C1057/24,0)+1,1))-1)+IF('Standard Profiles'!$G$22=$B$10,7,0)+IF('Standard Profiles'!$G$22=$B$17,14,0)+IF('Standard Profiles'!$G$22=$B$24,21,0),MOD($C1057,24)+1)/SUM(INDEX($D$3:$AA$30,INDEX(Jesper!$R$2:$R$366,ROW(INDEX(Jesper!AL$2:AL$366,ROUNDDOWN($C1057/24,0)+1,1))-1)+IF('Standard Profiles'!$G$22=$B$10,7,0)+IF('Standard Profiles'!$G$22=$B$17,14,0)+IF('Standard Profiles'!$G$22=$B$24,21,0),0)),0)</f>
        <v>4.4751024249654909</v>
      </c>
      <c r="I1057">
        <f t="shared" si="125"/>
        <v>4.2960983279668739</v>
      </c>
      <c r="J1057">
        <f t="shared" si="126"/>
        <v>13.150806000920575</v>
      </c>
      <c r="K1057">
        <f t="shared" si="127"/>
        <v>0.36094360249366148</v>
      </c>
      <c r="L1057">
        <f t="shared" si="128"/>
        <v>0.18047180124683074</v>
      </c>
      <c r="M1057">
        <f t="shared" si="129"/>
        <v>0</v>
      </c>
      <c r="N1057" s="45">
        <f t="shared" si="130"/>
        <v>44969.624999997519</v>
      </c>
    </row>
    <row r="1058" spans="2:14" x14ac:dyDescent="0.25">
      <c r="B1058">
        <f t="shared" si="124"/>
        <v>7</v>
      </c>
      <c r="C1058" s="16">
        <v>1024</v>
      </c>
      <c r="D1058" cm="1">
        <f t="array" ref="D1058">IFERROR(INDEX(Jesper!AH$2:AH$366,ROUNDDOWN($C1058/24,0)+1,1)*INDEX($D$3:$AA$30,INDEX(Jesper!$R$2:$R$366,ROW(INDEX(Jesper!AH$2:AH$366,ROUNDDOWN($C1058/24,0)+1,1))-1)+IF('Standard Profiles'!$G$18=$B$10,7,0)+IF('Standard Profiles'!$G$18=$B$17,14,0)+IF('Standard Profiles'!$G$18=$B$24,21,0),MOD($C1058,24)+1)/SUM(INDEX($D$3:$AA$30,INDEX(Jesper!$R$2:$R$366,ROW(INDEX(Jesper!AH$2:AH$366,ROUNDDOWN($C1058/24,0)+1,1))-1)+IF('Standard Profiles'!$G$18=$B$10,7,0)+IF('Standard Profiles'!$G$18=$B$17,14,0)+IF('Standard Profiles'!$G$18=$B$24,21,0),0)),0)</f>
        <v>0</v>
      </c>
      <c r="E1058" cm="1">
        <f t="array" ref="E1058">IFERROR(INDEX(Jesper!AI$2:AI$366,ROUNDDOWN($C1058/24,0)+1,1)*INDEX($D$3:$AA$30,INDEX(Jesper!$R$2:$R$366,ROW(INDEX(Jesper!AI$2:AI$366,ROUNDDOWN($C1058/24,0)+1,1))-1)+IF('Standard Profiles'!$G$19=$B$10,7,0)+IF('Standard Profiles'!$G$19=$B$17,14,0)+IF('Standard Profiles'!$G$19=$B$24,21,0),MOD($C1058,24)+1)/SUM(INDEX($D$3:$AA$30,INDEX(Jesper!$R$2:$R$366,ROW(INDEX(Jesper!AI$2:AI$366,ROUNDDOWN($C1058/24,0)+1,1))-1)+IF('Standard Profiles'!$G$19=$B$10,7,0)+IF('Standard Profiles'!$G$19=$B$17,14,0)+IF('Standard Profiles'!$G$19=$B$24,21,0),0)),0)</f>
        <v>4.5117950311707684</v>
      </c>
      <c r="F1058" cm="1">
        <f t="array" ref="F1058">IFERROR(INDEX(Jesper!AJ$2:AJ$366,ROUNDDOWN($C1058/24,0)+1,1)*INDEX($D$3:$AA$30,INDEX(Jesper!$R$2:$R$366,ROW(INDEX(Jesper!AJ$2:AJ$366,ROUNDDOWN($C1058/24,0)+1,1))-1)+IF('Standard Profiles'!$G$20=$B$10,7,0)+IF('Standard Profiles'!$G$20=$B$17,14,0)+IF('Standard Profiles'!$G$20=$B$24,21,0),MOD($C1058,24)+1)/SUM(INDEX($D$3:$AA$30,INDEX(Jesper!$R$2:$R$366,ROW(INDEX(Jesper!AJ$2:AJ$366,ROUNDDOWN($C1058/24,0)+1,1))-1)+IF('Standard Profiles'!$G$20=$B$10,7,0)+IF('Standard Profiles'!$G$20=$B$17,14,0)+IF('Standard Profiles'!$G$20=$B$24,21,0),0)),0)</f>
        <v>3.5968135687996101</v>
      </c>
      <c r="G1058" cm="1">
        <f t="array" ref="G1058">IFERROR(INDEX(Jesper!AK$2:AK$366,ROUNDDOWN($C1058/24,0)+1,1)*INDEX($D$3:$AA$30,INDEX(Jesper!$R$2:$R$366,ROW(INDEX(Jesper!AK$2:AK$366,ROUNDDOWN($C1058/24,0)+1,1))-1)+IF('Standard Profiles'!$G$21=$B$10,7,0)+IF('Standard Profiles'!$G$21=$B$17,14,0)+IF('Standard Profiles'!$G$21=$B$24,21,0),MOD($C1058,24)+1)/SUM(INDEX($D$3:$AA$30,INDEX(Jesper!$R$2:$R$366,ROW(INDEX(Jesper!AK$2:AK$366,ROUNDDOWN($C1058/24,0)+1,1))-1)+IF('Standard Profiles'!$G$21=$B$10,7,0)+IF('Standard Profiles'!$G$21=$B$17,14,0)+IF('Standard Profiles'!$G$21=$B$24,21,0),0)),0)</f>
        <v>5.4046087076920708</v>
      </c>
      <c r="H1058" cm="1">
        <f t="array" ref="H1058">IFERROR(INDEX(Jesper!AL$2:AL$366,ROUNDDOWN($C1058/24,0)+1,1)*INDEX($D$3:$AA$30,INDEX(Jesper!$R$2:$R$366,ROW(INDEX(Jesper!AL$2:AL$366,ROUNDDOWN($C1058/24,0)+1,1))-1)+IF('Standard Profiles'!$G$22=$B$10,7,0)+IF('Standard Profiles'!$G$22=$B$17,14,0)+IF('Standard Profiles'!$G$22=$B$24,21,0),MOD($C1058,24)+1)/SUM(INDEX($D$3:$AA$30,INDEX(Jesper!$R$2:$R$366,ROW(INDEX(Jesper!AL$2:AL$366,ROUNDDOWN($C1058/24,0)+1,1))-1)+IF('Standard Profiles'!$G$22=$B$10,7,0)+IF('Standard Profiles'!$G$22=$B$17,14,0)+IF('Standard Profiles'!$G$22=$B$24,21,0),0)),0)</f>
        <v>4.3951898816625361</v>
      </c>
      <c r="I1058">
        <f t="shared" si="125"/>
        <v>4.2193822863960371</v>
      </c>
      <c r="J1058">
        <f t="shared" si="126"/>
        <v>13.147609499188455</v>
      </c>
      <c r="K1058">
        <f t="shared" si="127"/>
        <v>0.36094360249366148</v>
      </c>
      <c r="L1058">
        <f t="shared" si="128"/>
        <v>0.18047180124683074</v>
      </c>
      <c r="M1058">
        <f t="shared" si="129"/>
        <v>0</v>
      </c>
      <c r="N1058" s="45">
        <f t="shared" si="130"/>
        <v>44969.666666664183</v>
      </c>
    </row>
    <row r="1059" spans="2:14" x14ac:dyDescent="0.25">
      <c r="B1059">
        <f t="shared" ref="B1059:B1122" si="131">WEEKDAY(N1059,2)</f>
        <v>7</v>
      </c>
      <c r="C1059" s="16">
        <v>1025</v>
      </c>
      <c r="D1059" cm="1">
        <f t="array" ref="D1059">IFERROR(INDEX(Jesper!AH$2:AH$366,ROUNDDOWN($C1059/24,0)+1,1)*INDEX($D$3:$AA$30,INDEX(Jesper!$R$2:$R$366,ROW(INDEX(Jesper!AH$2:AH$366,ROUNDDOWN($C1059/24,0)+1,1))-1)+IF('Standard Profiles'!$G$18=$B$10,7,0)+IF('Standard Profiles'!$G$18=$B$17,14,0)+IF('Standard Profiles'!$G$18=$B$24,21,0),MOD($C1059,24)+1)/SUM(INDEX($D$3:$AA$30,INDEX(Jesper!$R$2:$R$366,ROW(INDEX(Jesper!AH$2:AH$366,ROUNDDOWN($C1059/24,0)+1,1))-1)+IF('Standard Profiles'!$G$18=$B$10,7,0)+IF('Standard Profiles'!$G$18=$B$17,14,0)+IF('Standard Profiles'!$G$18=$B$24,21,0),0)),0)</f>
        <v>0</v>
      </c>
      <c r="E1059" cm="1">
        <f t="array" ref="E1059">IFERROR(INDEX(Jesper!AI$2:AI$366,ROUNDDOWN($C1059/24,0)+1,1)*INDEX($D$3:$AA$30,INDEX(Jesper!$R$2:$R$366,ROW(INDEX(Jesper!AI$2:AI$366,ROUNDDOWN($C1059/24,0)+1,1))-1)+IF('Standard Profiles'!$G$19=$B$10,7,0)+IF('Standard Profiles'!$G$19=$B$17,14,0)+IF('Standard Profiles'!$G$19=$B$24,21,0),MOD($C1059,24)+1)/SUM(INDEX($D$3:$AA$30,INDEX(Jesper!$R$2:$R$366,ROW(INDEX(Jesper!AI$2:AI$366,ROUNDDOWN($C1059/24,0)+1,1))-1)+IF('Standard Profiles'!$G$19=$B$10,7,0)+IF('Standard Profiles'!$G$19=$B$17,14,0)+IF('Standard Profiles'!$G$19=$B$24,21,0),0)),0)</f>
        <v>4.5117950311707684</v>
      </c>
      <c r="F1059" cm="1">
        <f t="array" ref="F1059">IFERROR(INDEX(Jesper!AJ$2:AJ$366,ROUNDDOWN($C1059/24,0)+1,1)*INDEX($D$3:$AA$30,INDEX(Jesper!$R$2:$R$366,ROW(INDEX(Jesper!AJ$2:AJ$366,ROUNDDOWN($C1059/24,0)+1,1))-1)+IF('Standard Profiles'!$G$20=$B$10,7,0)+IF('Standard Profiles'!$G$20=$B$17,14,0)+IF('Standard Profiles'!$G$20=$B$24,21,0),MOD($C1059,24)+1)/SUM(INDEX($D$3:$AA$30,INDEX(Jesper!$R$2:$R$366,ROW(INDEX(Jesper!AJ$2:AJ$366,ROUNDDOWN($C1059/24,0)+1,1))-1)+IF('Standard Profiles'!$G$20=$B$10,7,0)+IF('Standard Profiles'!$G$20=$B$17,14,0)+IF('Standard Profiles'!$G$20=$B$24,21,0),0)),0)</f>
        <v>3.5968135687996101</v>
      </c>
      <c r="G1059" cm="1">
        <f t="array" ref="G1059">IFERROR(INDEX(Jesper!AK$2:AK$366,ROUNDDOWN($C1059/24,0)+1,1)*INDEX($D$3:$AA$30,INDEX(Jesper!$R$2:$R$366,ROW(INDEX(Jesper!AK$2:AK$366,ROUNDDOWN($C1059/24,0)+1,1))-1)+IF('Standard Profiles'!$G$21=$B$10,7,0)+IF('Standard Profiles'!$G$21=$B$17,14,0)+IF('Standard Profiles'!$G$21=$B$24,21,0),MOD($C1059,24)+1)/SUM(INDEX($D$3:$AA$30,INDEX(Jesper!$R$2:$R$366,ROW(INDEX(Jesper!AK$2:AK$366,ROUNDDOWN($C1059/24,0)+1,1))-1)+IF('Standard Profiles'!$G$21=$B$10,7,0)+IF('Standard Profiles'!$G$21=$B$17,14,0)+IF('Standard Profiles'!$G$21=$B$24,21,0),0)),0)</f>
        <v>5.4046087076920708</v>
      </c>
      <c r="H1059" cm="1">
        <f t="array" ref="H1059">IFERROR(INDEX(Jesper!AL$2:AL$366,ROUNDDOWN($C1059/24,0)+1,1)*INDEX($D$3:$AA$30,INDEX(Jesper!$R$2:$R$366,ROW(INDEX(Jesper!AL$2:AL$366,ROUNDDOWN($C1059/24,0)+1,1))-1)+IF('Standard Profiles'!$G$22=$B$10,7,0)+IF('Standard Profiles'!$G$22=$B$17,14,0)+IF('Standard Profiles'!$G$22=$B$24,21,0),MOD($C1059,24)+1)/SUM(INDEX($D$3:$AA$30,INDEX(Jesper!$R$2:$R$366,ROW(INDEX(Jesper!AL$2:AL$366,ROUNDDOWN($C1059/24,0)+1,1))-1)+IF('Standard Profiles'!$G$22=$B$10,7,0)+IF('Standard Profiles'!$G$22=$B$17,14,0)+IF('Standard Profiles'!$G$22=$B$24,21,0),0)),0)</f>
        <v>3.7558895352388948</v>
      </c>
      <c r="I1059">
        <f t="shared" ref="I1059:I1122" si="132">IF($B1059&lt;6,AC$37*$D1059+AC$38*$E1059+AC$39*$F1059+AC$40*$G1059,AC$46*$D1059+AC$47*$E1059+AC$48*$F1059+AC$49*$G1059+AC$50*$H1059)</f>
        <v>3.6056539538293411</v>
      </c>
      <c r="J1059">
        <f t="shared" ref="J1059:J1122" si="133">IF($B1059&lt;6,AD$37*$D1059+AD$38*$E1059+AD$39*$F1059+AD$40*$G1059,AD$46*$D1059+AD$47*$E1059+AD$48*$F1059+AD$49*$G1059+AD$50*$H1059)</f>
        <v>13.122037485331511</v>
      </c>
      <c r="K1059">
        <f t="shared" ref="K1059:K1122" si="134">IF($B1059&lt;6,AE$37*$D1059+AE$38*$E1059+AE$39*$F1059+AE$40*$G1059,AE$46*$D1059+AE$47*$E1059+AE$48*$F1059+AE$49*$G1059+AE$50*$H1059)</f>
        <v>0.36094360249366148</v>
      </c>
      <c r="L1059">
        <f t="shared" ref="L1059:L1122" si="135">IF($B1059&lt;6,AF$37*$D1059+AF$38*$E1059+AF$39*$F1059+AF$40*$G1059,AF$46*$D1059+AF$47*$E1059+AF$48*$F1059+AF$49*$G1059+AF$50*$H1059)</f>
        <v>0.18047180124683074</v>
      </c>
      <c r="M1059">
        <f t="shared" ref="M1059:M1122" si="136">IF($B1059&lt;6,AG$37*$D1059+AG$38*$E1059+AG$39*$F1059+AG$40*$G1059,AG$46*$D1059+AG$47*$E1059+AG$48*$F1059+AG$49*$G1059+AG$50*$H1059)</f>
        <v>0</v>
      </c>
      <c r="N1059" s="45">
        <f t="shared" si="130"/>
        <v>44969.708333330847</v>
      </c>
    </row>
    <row r="1060" spans="2:14" x14ac:dyDescent="0.25">
      <c r="B1060">
        <f t="shared" si="131"/>
        <v>7</v>
      </c>
      <c r="C1060" s="16">
        <v>1026</v>
      </c>
      <c r="D1060" cm="1">
        <f t="array" ref="D1060">IFERROR(INDEX(Jesper!AH$2:AH$366,ROUNDDOWN($C1060/24,0)+1,1)*INDEX($D$3:$AA$30,INDEX(Jesper!$R$2:$R$366,ROW(INDEX(Jesper!AH$2:AH$366,ROUNDDOWN($C1060/24,0)+1,1))-1)+IF('Standard Profiles'!$G$18=$B$10,7,0)+IF('Standard Profiles'!$G$18=$B$17,14,0)+IF('Standard Profiles'!$G$18=$B$24,21,0),MOD($C1060,24)+1)/SUM(INDEX($D$3:$AA$30,INDEX(Jesper!$R$2:$R$366,ROW(INDEX(Jesper!AH$2:AH$366,ROUNDDOWN($C1060/24,0)+1,1))-1)+IF('Standard Profiles'!$G$18=$B$10,7,0)+IF('Standard Profiles'!$G$18=$B$17,14,0)+IF('Standard Profiles'!$G$18=$B$24,21,0),0)),0)</f>
        <v>0</v>
      </c>
      <c r="E1060" cm="1">
        <f t="array" ref="E1060">IFERROR(INDEX(Jesper!AI$2:AI$366,ROUNDDOWN($C1060/24,0)+1,1)*INDEX($D$3:$AA$30,INDEX(Jesper!$R$2:$R$366,ROW(INDEX(Jesper!AI$2:AI$366,ROUNDDOWN($C1060/24,0)+1,1))-1)+IF('Standard Profiles'!$G$19=$B$10,7,0)+IF('Standard Profiles'!$G$19=$B$17,14,0)+IF('Standard Profiles'!$G$19=$B$24,21,0),MOD($C1060,24)+1)/SUM(INDEX($D$3:$AA$30,INDEX(Jesper!$R$2:$R$366,ROW(INDEX(Jesper!AI$2:AI$366,ROUNDDOWN($C1060/24,0)+1,1))-1)+IF('Standard Profiles'!$G$19=$B$10,7,0)+IF('Standard Profiles'!$G$19=$B$17,14,0)+IF('Standard Profiles'!$G$19=$B$24,21,0),0)),0)</f>
        <v>4.5117950311707684</v>
      </c>
      <c r="F1060" cm="1">
        <f t="array" ref="F1060">IFERROR(INDEX(Jesper!AJ$2:AJ$366,ROUNDDOWN($C1060/24,0)+1,1)*INDEX($D$3:$AA$30,INDEX(Jesper!$R$2:$R$366,ROW(INDEX(Jesper!AJ$2:AJ$366,ROUNDDOWN($C1060/24,0)+1,1))-1)+IF('Standard Profiles'!$G$20=$B$10,7,0)+IF('Standard Profiles'!$G$20=$B$17,14,0)+IF('Standard Profiles'!$G$20=$B$24,21,0),MOD($C1060,24)+1)/SUM(INDEX($D$3:$AA$30,INDEX(Jesper!$R$2:$R$366,ROW(INDEX(Jesper!AJ$2:AJ$366,ROUNDDOWN($C1060/24,0)+1,1))-1)+IF('Standard Profiles'!$G$20=$B$10,7,0)+IF('Standard Profiles'!$G$20=$B$17,14,0)+IF('Standard Profiles'!$G$20=$B$24,21,0),0)),0)</f>
        <v>3.5968135687996101</v>
      </c>
      <c r="G1060" cm="1">
        <f t="array" ref="G1060">IFERROR(INDEX(Jesper!AK$2:AK$366,ROUNDDOWN($C1060/24,0)+1,1)*INDEX($D$3:$AA$30,INDEX(Jesper!$R$2:$R$366,ROW(INDEX(Jesper!AK$2:AK$366,ROUNDDOWN($C1060/24,0)+1,1))-1)+IF('Standard Profiles'!$G$21=$B$10,7,0)+IF('Standard Profiles'!$G$21=$B$17,14,0)+IF('Standard Profiles'!$G$21=$B$24,21,0),MOD($C1060,24)+1)/SUM(INDEX($D$3:$AA$30,INDEX(Jesper!$R$2:$R$366,ROW(INDEX(Jesper!AK$2:AK$366,ROUNDDOWN($C1060/24,0)+1,1))-1)+IF('Standard Profiles'!$G$21=$B$10,7,0)+IF('Standard Profiles'!$G$21=$B$17,14,0)+IF('Standard Profiles'!$G$21=$B$24,21,0),0)),0)</f>
        <v>5.4046087076920708</v>
      </c>
      <c r="H1060" cm="1">
        <f t="array" ref="H1060">IFERROR(INDEX(Jesper!AL$2:AL$366,ROUNDDOWN($C1060/24,0)+1,1)*INDEX($D$3:$AA$30,INDEX(Jesper!$R$2:$R$366,ROW(INDEX(Jesper!AL$2:AL$366,ROUNDDOWN($C1060/24,0)+1,1))-1)+IF('Standard Profiles'!$G$22=$B$10,7,0)+IF('Standard Profiles'!$G$22=$B$17,14,0)+IF('Standard Profiles'!$G$22=$B$24,21,0),MOD($C1060,24)+1)/SUM(INDEX($D$3:$AA$30,INDEX(Jesper!$R$2:$R$366,ROW(INDEX(Jesper!AL$2:AL$366,ROUNDDOWN($C1060/24,0)+1,1))-1)+IF('Standard Profiles'!$G$22=$B$10,7,0)+IF('Standard Profiles'!$G$22=$B$17,14,0)+IF('Standard Profiles'!$G$22=$B$24,21,0),0)),0)</f>
        <v>3.5161519053300294</v>
      </c>
      <c r="I1060">
        <f t="shared" si="132"/>
        <v>3.3755058291168303</v>
      </c>
      <c r="J1060">
        <f t="shared" si="133"/>
        <v>13.112447980135157</v>
      </c>
      <c r="K1060">
        <f t="shared" si="134"/>
        <v>0.36094360249366148</v>
      </c>
      <c r="L1060">
        <f t="shared" si="135"/>
        <v>0.18047180124683074</v>
      </c>
      <c r="M1060">
        <f t="shared" si="136"/>
        <v>0</v>
      </c>
      <c r="N1060" s="45">
        <f t="shared" ref="N1060:N1123" si="137">N1059+1/24</f>
        <v>44969.749999997512</v>
      </c>
    </row>
    <row r="1061" spans="2:14" x14ac:dyDescent="0.25">
      <c r="B1061">
        <f t="shared" si="131"/>
        <v>7</v>
      </c>
      <c r="C1061" s="16">
        <v>1027</v>
      </c>
      <c r="D1061" cm="1">
        <f t="array" ref="D1061">IFERROR(INDEX(Jesper!AH$2:AH$366,ROUNDDOWN($C1061/24,0)+1,1)*INDEX($D$3:$AA$30,INDEX(Jesper!$R$2:$R$366,ROW(INDEX(Jesper!AH$2:AH$366,ROUNDDOWN($C1061/24,0)+1,1))-1)+IF('Standard Profiles'!$G$18=$B$10,7,0)+IF('Standard Profiles'!$G$18=$B$17,14,0)+IF('Standard Profiles'!$G$18=$B$24,21,0),MOD($C1061,24)+1)/SUM(INDEX($D$3:$AA$30,INDEX(Jesper!$R$2:$R$366,ROW(INDEX(Jesper!AH$2:AH$366,ROUNDDOWN($C1061/24,0)+1,1))-1)+IF('Standard Profiles'!$G$18=$B$10,7,0)+IF('Standard Profiles'!$G$18=$B$17,14,0)+IF('Standard Profiles'!$G$18=$B$24,21,0),0)),0)</f>
        <v>0</v>
      </c>
      <c r="E1061" cm="1">
        <f t="array" ref="E1061">IFERROR(INDEX(Jesper!AI$2:AI$366,ROUNDDOWN($C1061/24,0)+1,1)*INDEX($D$3:$AA$30,INDEX(Jesper!$R$2:$R$366,ROW(INDEX(Jesper!AI$2:AI$366,ROUNDDOWN($C1061/24,0)+1,1))-1)+IF('Standard Profiles'!$G$19=$B$10,7,0)+IF('Standard Profiles'!$G$19=$B$17,14,0)+IF('Standard Profiles'!$G$19=$B$24,21,0),MOD($C1061,24)+1)/SUM(INDEX($D$3:$AA$30,INDEX(Jesper!$R$2:$R$366,ROW(INDEX(Jesper!AI$2:AI$366,ROUNDDOWN($C1061/24,0)+1,1))-1)+IF('Standard Profiles'!$G$19=$B$10,7,0)+IF('Standard Profiles'!$G$19=$B$17,14,0)+IF('Standard Profiles'!$G$19=$B$24,21,0),0)),0)</f>
        <v>4.5117950311707684</v>
      </c>
      <c r="F1061" cm="1">
        <f t="array" ref="F1061">IFERROR(INDEX(Jesper!AJ$2:AJ$366,ROUNDDOWN($C1061/24,0)+1,1)*INDEX($D$3:$AA$30,INDEX(Jesper!$R$2:$R$366,ROW(INDEX(Jesper!AJ$2:AJ$366,ROUNDDOWN($C1061/24,0)+1,1))-1)+IF('Standard Profiles'!$G$20=$B$10,7,0)+IF('Standard Profiles'!$G$20=$B$17,14,0)+IF('Standard Profiles'!$G$20=$B$24,21,0),MOD($C1061,24)+1)/SUM(INDEX($D$3:$AA$30,INDEX(Jesper!$R$2:$R$366,ROW(INDEX(Jesper!AJ$2:AJ$366,ROUNDDOWN($C1061/24,0)+1,1))-1)+IF('Standard Profiles'!$G$20=$B$10,7,0)+IF('Standard Profiles'!$G$20=$B$17,14,0)+IF('Standard Profiles'!$G$20=$B$24,21,0),0)),0)</f>
        <v>3.5968135687996101</v>
      </c>
      <c r="G1061" cm="1">
        <f t="array" ref="G1061">IFERROR(INDEX(Jesper!AK$2:AK$366,ROUNDDOWN($C1061/24,0)+1,1)*INDEX($D$3:$AA$30,INDEX(Jesper!$R$2:$R$366,ROW(INDEX(Jesper!AK$2:AK$366,ROUNDDOWN($C1061/24,0)+1,1))-1)+IF('Standard Profiles'!$G$21=$B$10,7,0)+IF('Standard Profiles'!$G$21=$B$17,14,0)+IF('Standard Profiles'!$G$21=$B$24,21,0),MOD($C1061,24)+1)/SUM(INDEX($D$3:$AA$30,INDEX(Jesper!$R$2:$R$366,ROW(INDEX(Jesper!AK$2:AK$366,ROUNDDOWN($C1061/24,0)+1,1))-1)+IF('Standard Profiles'!$G$21=$B$10,7,0)+IF('Standard Profiles'!$G$21=$B$17,14,0)+IF('Standard Profiles'!$G$21=$B$24,21,0),0)),0)</f>
        <v>5.4046087076920708</v>
      </c>
      <c r="H1061" cm="1">
        <f t="array" ref="H1061">IFERROR(INDEX(Jesper!AL$2:AL$366,ROUNDDOWN($C1061/24,0)+1,1)*INDEX($D$3:$AA$30,INDEX(Jesper!$R$2:$R$366,ROW(INDEX(Jesper!AL$2:AL$366,ROUNDDOWN($C1061/24,0)+1,1))-1)+IF('Standard Profiles'!$G$22=$B$10,7,0)+IF('Standard Profiles'!$G$22=$B$17,14,0)+IF('Standard Profiles'!$G$22=$B$24,21,0),MOD($C1061,24)+1)/SUM(INDEX($D$3:$AA$30,INDEX(Jesper!$R$2:$R$366,ROW(INDEX(Jesper!AL$2:AL$366,ROUNDDOWN($C1061/24,0)+1,1))-1)+IF('Standard Profiles'!$G$22=$B$10,7,0)+IF('Standard Profiles'!$G$22=$B$17,14,0)+IF('Standard Profiles'!$G$22=$B$24,21,0),0)),0)</f>
        <v>2.9567641022093425</v>
      </c>
      <c r="I1061">
        <f t="shared" si="132"/>
        <v>2.8384935381209702</v>
      </c>
      <c r="J1061">
        <f t="shared" si="133"/>
        <v>13.090072468010328</v>
      </c>
      <c r="K1061">
        <f t="shared" si="134"/>
        <v>0.36094360249366148</v>
      </c>
      <c r="L1061">
        <f t="shared" si="135"/>
        <v>0.18047180124683074</v>
      </c>
      <c r="M1061">
        <f t="shared" si="136"/>
        <v>0</v>
      </c>
      <c r="N1061" s="45">
        <f t="shared" si="137"/>
        <v>44969.791666664176</v>
      </c>
    </row>
    <row r="1062" spans="2:14" x14ac:dyDescent="0.25">
      <c r="B1062">
        <f t="shared" si="131"/>
        <v>7</v>
      </c>
      <c r="C1062" s="16">
        <v>1028</v>
      </c>
      <c r="D1062" cm="1">
        <f t="array" ref="D1062">IFERROR(INDEX(Jesper!AH$2:AH$366,ROUNDDOWN($C1062/24,0)+1,1)*INDEX($D$3:$AA$30,INDEX(Jesper!$R$2:$R$366,ROW(INDEX(Jesper!AH$2:AH$366,ROUNDDOWN($C1062/24,0)+1,1))-1)+IF('Standard Profiles'!$G$18=$B$10,7,0)+IF('Standard Profiles'!$G$18=$B$17,14,0)+IF('Standard Profiles'!$G$18=$B$24,21,0),MOD($C1062,24)+1)/SUM(INDEX($D$3:$AA$30,INDEX(Jesper!$R$2:$R$366,ROW(INDEX(Jesper!AH$2:AH$366,ROUNDDOWN($C1062/24,0)+1,1))-1)+IF('Standard Profiles'!$G$18=$B$10,7,0)+IF('Standard Profiles'!$G$18=$B$17,14,0)+IF('Standard Profiles'!$G$18=$B$24,21,0),0)),0)</f>
        <v>0</v>
      </c>
      <c r="E1062" cm="1">
        <f t="array" ref="E1062">IFERROR(INDEX(Jesper!AI$2:AI$366,ROUNDDOWN($C1062/24,0)+1,1)*INDEX($D$3:$AA$30,INDEX(Jesper!$R$2:$R$366,ROW(INDEX(Jesper!AI$2:AI$366,ROUNDDOWN($C1062/24,0)+1,1))-1)+IF('Standard Profiles'!$G$19=$B$10,7,0)+IF('Standard Profiles'!$G$19=$B$17,14,0)+IF('Standard Profiles'!$G$19=$B$24,21,0),MOD($C1062,24)+1)/SUM(INDEX($D$3:$AA$30,INDEX(Jesper!$R$2:$R$366,ROW(INDEX(Jesper!AI$2:AI$366,ROUNDDOWN($C1062/24,0)+1,1))-1)+IF('Standard Profiles'!$G$19=$B$10,7,0)+IF('Standard Profiles'!$G$19=$B$17,14,0)+IF('Standard Profiles'!$G$19=$B$24,21,0),0)),0)</f>
        <v>4.5117950311707684</v>
      </c>
      <c r="F1062" cm="1">
        <f t="array" ref="F1062">IFERROR(INDEX(Jesper!AJ$2:AJ$366,ROUNDDOWN($C1062/24,0)+1,1)*INDEX($D$3:$AA$30,INDEX(Jesper!$R$2:$R$366,ROW(INDEX(Jesper!AJ$2:AJ$366,ROUNDDOWN($C1062/24,0)+1,1))-1)+IF('Standard Profiles'!$G$20=$B$10,7,0)+IF('Standard Profiles'!$G$20=$B$17,14,0)+IF('Standard Profiles'!$G$20=$B$24,21,0),MOD($C1062,24)+1)/SUM(INDEX($D$3:$AA$30,INDEX(Jesper!$R$2:$R$366,ROW(INDEX(Jesper!AJ$2:AJ$366,ROUNDDOWN($C1062/24,0)+1,1))-1)+IF('Standard Profiles'!$G$20=$B$10,7,0)+IF('Standard Profiles'!$G$20=$B$17,14,0)+IF('Standard Profiles'!$G$20=$B$24,21,0),0)),0)</f>
        <v>3.5968135687996101</v>
      </c>
      <c r="G1062" cm="1">
        <f t="array" ref="G1062">IFERROR(INDEX(Jesper!AK$2:AK$366,ROUNDDOWN($C1062/24,0)+1,1)*INDEX($D$3:$AA$30,INDEX(Jesper!$R$2:$R$366,ROW(INDEX(Jesper!AK$2:AK$366,ROUNDDOWN($C1062/24,0)+1,1))-1)+IF('Standard Profiles'!$G$21=$B$10,7,0)+IF('Standard Profiles'!$G$21=$B$17,14,0)+IF('Standard Profiles'!$G$21=$B$24,21,0),MOD($C1062,24)+1)/SUM(INDEX($D$3:$AA$30,INDEX(Jesper!$R$2:$R$366,ROW(INDEX(Jesper!AK$2:AK$366,ROUNDDOWN($C1062/24,0)+1,1))-1)+IF('Standard Profiles'!$G$21=$B$10,7,0)+IF('Standard Profiles'!$G$21=$B$17,14,0)+IF('Standard Profiles'!$G$21=$B$24,21,0),0)),0)</f>
        <v>5.4046087076920708</v>
      </c>
      <c r="H1062" cm="1">
        <f t="array" ref="H1062">IFERROR(INDEX(Jesper!AL$2:AL$366,ROUNDDOWN($C1062/24,0)+1,1)*INDEX($D$3:$AA$30,INDEX(Jesper!$R$2:$R$366,ROW(INDEX(Jesper!AL$2:AL$366,ROUNDDOWN($C1062/24,0)+1,1))-1)+IF('Standard Profiles'!$G$22=$B$10,7,0)+IF('Standard Profiles'!$G$22=$B$17,14,0)+IF('Standard Profiles'!$G$22=$B$24,21,0),MOD($C1062,24)+1)/SUM(INDEX($D$3:$AA$30,INDEX(Jesper!$R$2:$R$366,ROW(INDEX(Jesper!AL$2:AL$366,ROUNDDOWN($C1062/24,0)+1,1))-1)+IF('Standard Profiles'!$G$22=$B$10,7,0)+IF('Standard Profiles'!$G$22=$B$17,14,0)+IF('Standard Profiles'!$G$22=$B$24,21,0),0)),0)</f>
        <v>2.4772888423916113</v>
      </c>
      <c r="I1062">
        <f t="shared" si="132"/>
        <v>2.3781972886959482</v>
      </c>
      <c r="J1062">
        <f t="shared" si="133"/>
        <v>13.07089345761762</v>
      </c>
      <c r="K1062">
        <f t="shared" si="134"/>
        <v>0.36094360249366148</v>
      </c>
      <c r="L1062">
        <f t="shared" si="135"/>
        <v>0.18047180124683074</v>
      </c>
      <c r="M1062">
        <f t="shared" si="136"/>
        <v>0</v>
      </c>
      <c r="N1062" s="45">
        <f t="shared" si="137"/>
        <v>44969.83333333084</v>
      </c>
    </row>
    <row r="1063" spans="2:14" x14ac:dyDescent="0.25">
      <c r="B1063">
        <f t="shared" si="131"/>
        <v>7</v>
      </c>
      <c r="C1063" s="16">
        <v>1029</v>
      </c>
      <c r="D1063" cm="1">
        <f t="array" ref="D1063">IFERROR(INDEX(Jesper!AH$2:AH$366,ROUNDDOWN($C1063/24,0)+1,1)*INDEX($D$3:$AA$30,INDEX(Jesper!$R$2:$R$366,ROW(INDEX(Jesper!AH$2:AH$366,ROUNDDOWN($C1063/24,0)+1,1))-1)+IF('Standard Profiles'!$G$18=$B$10,7,0)+IF('Standard Profiles'!$G$18=$B$17,14,0)+IF('Standard Profiles'!$G$18=$B$24,21,0),MOD($C1063,24)+1)/SUM(INDEX($D$3:$AA$30,INDEX(Jesper!$R$2:$R$366,ROW(INDEX(Jesper!AH$2:AH$366,ROUNDDOWN($C1063/24,0)+1,1))-1)+IF('Standard Profiles'!$G$18=$B$10,7,0)+IF('Standard Profiles'!$G$18=$B$17,14,0)+IF('Standard Profiles'!$G$18=$B$24,21,0),0)),0)</f>
        <v>0</v>
      </c>
      <c r="E1063" cm="1">
        <f t="array" ref="E1063">IFERROR(INDEX(Jesper!AI$2:AI$366,ROUNDDOWN($C1063/24,0)+1,1)*INDEX($D$3:$AA$30,INDEX(Jesper!$R$2:$R$366,ROW(INDEX(Jesper!AI$2:AI$366,ROUNDDOWN($C1063/24,0)+1,1))-1)+IF('Standard Profiles'!$G$19=$B$10,7,0)+IF('Standard Profiles'!$G$19=$B$17,14,0)+IF('Standard Profiles'!$G$19=$B$24,21,0),MOD($C1063,24)+1)/SUM(INDEX($D$3:$AA$30,INDEX(Jesper!$R$2:$R$366,ROW(INDEX(Jesper!AI$2:AI$366,ROUNDDOWN($C1063/24,0)+1,1))-1)+IF('Standard Profiles'!$G$19=$B$10,7,0)+IF('Standard Profiles'!$G$19=$B$17,14,0)+IF('Standard Profiles'!$G$19=$B$24,21,0),0)),0)</f>
        <v>4.5117950311707684</v>
      </c>
      <c r="F1063" cm="1">
        <f t="array" ref="F1063">IFERROR(INDEX(Jesper!AJ$2:AJ$366,ROUNDDOWN($C1063/24,0)+1,1)*INDEX($D$3:$AA$30,INDEX(Jesper!$R$2:$R$366,ROW(INDEX(Jesper!AJ$2:AJ$366,ROUNDDOWN($C1063/24,0)+1,1))-1)+IF('Standard Profiles'!$G$20=$B$10,7,0)+IF('Standard Profiles'!$G$20=$B$17,14,0)+IF('Standard Profiles'!$G$20=$B$24,21,0),MOD($C1063,24)+1)/SUM(INDEX($D$3:$AA$30,INDEX(Jesper!$R$2:$R$366,ROW(INDEX(Jesper!AJ$2:AJ$366,ROUNDDOWN($C1063/24,0)+1,1))-1)+IF('Standard Profiles'!$G$20=$B$10,7,0)+IF('Standard Profiles'!$G$20=$B$17,14,0)+IF('Standard Profiles'!$G$20=$B$24,21,0),0)),0)</f>
        <v>3.5968135687996101</v>
      </c>
      <c r="G1063" cm="1">
        <f t="array" ref="G1063">IFERROR(INDEX(Jesper!AK$2:AK$366,ROUNDDOWN($C1063/24,0)+1,1)*INDEX($D$3:$AA$30,INDEX(Jesper!$R$2:$R$366,ROW(INDEX(Jesper!AK$2:AK$366,ROUNDDOWN($C1063/24,0)+1,1))-1)+IF('Standard Profiles'!$G$21=$B$10,7,0)+IF('Standard Profiles'!$G$21=$B$17,14,0)+IF('Standard Profiles'!$G$21=$B$24,21,0),MOD($C1063,24)+1)/SUM(INDEX($D$3:$AA$30,INDEX(Jesper!$R$2:$R$366,ROW(INDEX(Jesper!AK$2:AK$366,ROUNDDOWN($C1063/24,0)+1,1))-1)+IF('Standard Profiles'!$G$21=$B$10,7,0)+IF('Standard Profiles'!$G$21=$B$17,14,0)+IF('Standard Profiles'!$G$21=$B$24,21,0),0)),0)</f>
        <v>5.4046087076920708</v>
      </c>
      <c r="H1063" cm="1">
        <f t="array" ref="H1063">IFERROR(INDEX(Jesper!AL$2:AL$366,ROUNDDOWN($C1063/24,0)+1,1)*INDEX($D$3:$AA$30,INDEX(Jesper!$R$2:$R$366,ROW(INDEX(Jesper!AL$2:AL$366,ROUNDDOWN($C1063/24,0)+1,1))-1)+IF('Standard Profiles'!$G$22=$B$10,7,0)+IF('Standard Profiles'!$G$22=$B$17,14,0)+IF('Standard Profiles'!$G$22=$B$24,21,0),MOD($C1063,24)+1)/SUM(INDEX($D$3:$AA$30,INDEX(Jesper!$R$2:$R$366,ROW(INDEX(Jesper!AL$2:AL$366,ROUNDDOWN($C1063/24,0)+1,1))-1)+IF('Standard Profiles'!$G$22=$B$10,7,0)+IF('Standard Profiles'!$G$22=$B$17,14,0)+IF('Standard Profiles'!$G$22=$B$24,21,0),0)),0)</f>
        <v>2.1576386691797906</v>
      </c>
      <c r="I1063">
        <f t="shared" si="132"/>
        <v>2.0713331224126001</v>
      </c>
      <c r="J1063">
        <f t="shared" si="133"/>
        <v>13.058107450689148</v>
      </c>
      <c r="K1063">
        <f t="shared" si="134"/>
        <v>0.36094360249366148</v>
      </c>
      <c r="L1063">
        <f t="shared" si="135"/>
        <v>0.18047180124683074</v>
      </c>
      <c r="M1063">
        <f t="shared" si="136"/>
        <v>0</v>
      </c>
      <c r="N1063" s="45">
        <f t="shared" si="137"/>
        <v>44969.874999997504</v>
      </c>
    </row>
    <row r="1064" spans="2:14" x14ac:dyDescent="0.25">
      <c r="B1064">
        <f t="shared" si="131"/>
        <v>7</v>
      </c>
      <c r="C1064" s="16">
        <v>1030</v>
      </c>
      <c r="D1064" cm="1">
        <f t="array" ref="D1064">IFERROR(INDEX(Jesper!AH$2:AH$366,ROUNDDOWN($C1064/24,0)+1,1)*INDEX($D$3:$AA$30,INDEX(Jesper!$R$2:$R$366,ROW(INDEX(Jesper!AH$2:AH$366,ROUNDDOWN($C1064/24,0)+1,1))-1)+IF('Standard Profiles'!$G$18=$B$10,7,0)+IF('Standard Profiles'!$G$18=$B$17,14,0)+IF('Standard Profiles'!$G$18=$B$24,21,0),MOD($C1064,24)+1)/SUM(INDEX($D$3:$AA$30,INDEX(Jesper!$R$2:$R$366,ROW(INDEX(Jesper!AH$2:AH$366,ROUNDDOWN($C1064/24,0)+1,1))-1)+IF('Standard Profiles'!$G$18=$B$10,7,0)+IF('Standard Profiles'!$G$18=$B$17,14,0)+IF('Standard Profiles'!$G$18=$B$24,21,0),0)),0)</f>
        <v>0</v>
      </c>
      <c r="E1064" cm="1">
        <f t="array" ref="E1064">IFERROR(INDEX(Jesper!AI$2:AI$366,ROUNDDOWN($C1064/24,0)+1,1)*INDEX($D$3:$AA$30,INDEX(Jesper!$R$2:$R$366,ROW(INDEX(Jesper!AI$2:AI$366,ROUNDDOWN($C1064/24,0)+1,1))-1)+IF('Standard Profiles'!$G$19=$B$10,7,0)+IF('Standard Profiles'!$G$19=$B$17,14,0)+IF('Standard Profiles'!$G$19=$B$24,21,0),MOD($C1064,24)+1)/SUM(INDEX($D$3:$AA$30,INDEX(Jesper!$R$2:$R$366,ROW(INDEX(Jesper!AI$2:AI$366,ROUNDDOWN($C1064/24,0)+1,1))-1)+IF('Standard Profiles'!$G$19=$B$10,7,0)+IF('Standard Profiles'!$G$19=$B$17,14,0)+IF('Standard Profiles'!$G$19=$B$24,21,0),0)),0)</f>
        <v>4.5117950311707684</v>
      </c>
      <c r="F1064" cm="1">
        <f t="array" ref="F1064">IFERROR(INDEX(Jesper!AJ$2:AJ$366,ROUNDDOWN($C1064/24,0)+1,1)*INDEX($D$3:$AA$30,INDEX(Jesper!$R$2:$R$366,ROW(INDEX(Jesper!AJ$2:AJ$366,ROUNDDOWN($C1064/24,0)+1,1))-1)+IF('Standard Profiles'!$G$20=$B$10,7,0)+IF('Standard Profiles'!$G$20=$B$17,14,0)+IF('Standard Profiles'!$G$20=$B$24,21,0),MOD($C1064,24)+1)/SUM(INDEX($D$3:$AA$30,INDEX(Jesper!$R$2:$R$366,ROW(INDEX(Jesper!AJ$2:AJ$366,ROUNDDOWN($C1064/24,0)+1,1))-1)+IF('Standard Profiles'!$G$20=$B$10,7,0)+IF('Standard Profiles'!$G$20=$B$17,14,0)+IF('Standard Profiles'!$G$20=$B$24,21,0),0)),0)</f>
        <v>3.5968135687996101</v>
      </c>
      <c r="G1064" cm="1">
        <f t="array" ref="G1064">IFERROR(INDEX(Jesper!AK$2:AK$366,ROUNDDOWN($C1064/24,0)+1,1)*INDEX($D$3:$AA$30,INDEX(Jesper!$R$2:$R$366,ROW(INDEX(Jesper!AK$2:AK$366,ROUNDDOWN($C1064/24,0)+1,1))-1)+IF('Standard Profiles'!$G$21=$B$10,7,0)+IF('Standard Profiles'!$G$21=$B$17,14,0)+IF('Standard Profiles'!$G$21=$B$24,21,0),MOD($C1064,24)+1)/SUM(INDEX($D$3:$AA$30,INDEX(Jesper!$R$2:$R$366,ROW(INDEX(Jesper!AK$2:AK$366,ROUNDDOWN($C1064/24,0)+1,1))-1)+IF('Standard Profiles'!$G$21=$B$10,7,0)+IF('Standard Profiles'!$G$21=$B$17,14,0)+IF('Standard Profiles'!$G$21=$B$24,21,0),0)),0)</f>
        <v>5.4046087076920708</v>
      </c>
      <c r="H1064" cm="1">
        <f t="array" ref="H1064">IFERROR(INDEX(Jesper!AL$2:AL$366,ROUNDDOWN($C1064/24,0)+1,1)*INDEX($D$3:$AA$30,INDEX(Jesper!$R$2:$R$366,ROW(INDEX(Jesper!AL$2:AL$366,ROUNDDOWN($C1064/24,0)+1,1))-1)+IF('Standard Profiles'!$G$22=$B$10,7,0)+IF('Standard Profiles'!$G$22=$B$17,14,0)+IF('Standard Profiles'!$G$22=$B$24,21,0),MOD($C1064,24)+1)/SUM(INDEX($D$3:$AA$30,INDEX(Jesper!$R$2:$R$366,ROW(INDEX(Jesper!AL$2:AL$366,ROUNDDOWN($C1064/24,0)+1,1))-1)+IF('Standard Profiles'!$G$22=$B$10,7,0)+IF('Standard Profiles'!$G$22=$B$17,14,0)+IF('Standard Profiles'!$G$22=$B$24,21,0),0)),0)</f>
        <v>2.1576386691797906</v>
      </c>
      <c r="I1064">
        <f t="shared" si="132"/>
        <v>2.0713331224126001</v>
      </c>
      <c r="J1064">
        <f t="shared" si="133"/>
        <v>13.058107450689148</v>
      </c>
      <c r="K1064">
        <f t="shared" si="134"/>
        <v>0.36094360249366148</v>
      </c>
      <c r="L1064">
        <f t="shared" si="135"/>
        <v>0.18047180124683074</v>
      </c>
      <c r="M1064">
        <f t="shared" si="136"/>
        <v>0</v>
      </c>
      <c r="N1064" s="45">
        <f t="shared" si="137"/>
        <v>44969.916666664169</v>
      </c>
    </row>
    <row r="1065" spans="2:14" x14ac:dyDescent="0.25">
      <c r="B1065">
        <f t="shared" si="131"/>
        <v>7</v>
      </c>
      <c r="C1065" s="16">
        <v>1031</v>
      </c>
      <c r="D1065" cm="1">
        <f t="array" ref="D1065">IFERROR(INDEX(Jesper!AH$2:AH$366,ROUNDDOWN($C1065/24,0)+1,1)*INDEX($D$3:$AA$30,INDEX(Jesper!$R$2:$R$366,ROW(INDEX(Jesper!AH$2:AH$366,ROUNDDOWN($C1065/24,0)+1,1))-1)+IF('Standard Profiles'!$G$18=$B$10,7,0)+IF('Standard Profiles'!$G$18=$B$17,14,0)+IF('Standard Profiles'!$G$18=$B$24,21,0),MOD($C1065,24)+1)/SUM(INDEX($D$3:$AA$30,INDEX(Jesper!$R$2:$R$366,ROW(INDEX(Jesper!AH$2:AH$366,ROUNDDOWN($C1065/24,0)+1,1))-1)+IF('Standard Profiles'!$G$18=$B$10,7,0)+IF('Standard Profiles'!$G$18=$B$17,14,0)+IF('Standard Profiles'!$G$18=$B$24,21,0),0)),0)</f>
        <v>0</v>
      </c>
      <c r="E1065" cm="1">
        <f t="array" ref="E1065">IFERROR(INDEX(Jesper!AI$2:AI$366,ROUNDDOWN($C1065/24,0)+1,1)*INDEX($D$3:$AA$30,INDEX(Jesper!$R$2:$R$366,ROW(INDEX(Jesper!AI$2:AI$366,ROUNDDOWN($C1065/24,0)+1,1))-1)+IF('Standard Profiles'!$G$19=$B$10,7,0)+IF('Standard Profiles'!$G$19=$B$17,14,0)+IF('Standard Profiles'!$G$19=$B$24,21,0),MOD($C1065,24)+1)/SUM(INDEX($D$3:$AA$30,INDEX(Jesper!$R$2:$R$366,ROW(INDEX(Jesper!AI$2:AI$366,ROUNDDOWN($C1065/24,0)+1,1))-1)+IF('Standard Profiles'!$G$19=$B$10,7,0)+IF('Standard Profiles'!$G$19=$B$17,14,0)+IF('Standard Profiles'!$G$19=$B$24,21,0),0)),0)</f>
        <v>4.5117950311707684</v>
      </c>
      <c r="F1065" cm="1">
        <f t="array" ref="F1065">IFERROR(INDEX(Jesper!AJ$2:AJ$366,ROUNDDOWN($C1065/24,0)+1,1)*INDEX($D$3:$AA$30,INDEX(Jesper!$R$2:$R$366,ROW(INDEX(Jesper!AJ$2:AJ$366,ROUNDDOWN($C1065/24,0)+1,1))-1)+IF('Standard Profiles'!$G$20=$B$10,7,0)+IF('Standard Profiles'!$G$20=$B$17,14,0)+IF('Standard Profiles'!$G$20=$B$24,21,0),MOD($C1065,24)+1)/SUM(INDEX($D$3:$AA$30,INDEX(Jesper!$R$2:$R$366,ROW(INDEX(Jesper!AJ$2:AJ$366,ROUNDDOWN($C1065/24,0)+1,1))-1)+IF('Standard Profiles'!$G$20=$B$10,7,0)+IF('Standard Profiles'!$G$20=$B$17,14,0)+IF('Standard Profiles'!$G$20=$B$24,21,0),0)),0)</f>
        <v>3.5968135687996101</v>
      </c>
      <c r="G1065" cm="1">
        <f t="array" ref="G1065">IFERROR(INDEX(Jesper!AK$2:AK$366,ROUNDDOWN($C1065/24,0)+1,1)*INDEX($D$3:$AA$30,INDEX(Jesper!$R$2:$R$366,ROW(INDEX(Jesper!AK$2:AK$366,ROUNDDOWN($C1065/24,0)+1,1))-1)+IF('Standard Profiles'!$G$21=$B$10,7,0)+IF('Standard Profiles'!$G$21=$B$17,14,0)+IF('Standard Profiles'!$G$21=$B$24,21,0),MOD($C1065,24)+1)/SUM(INDEX($D$3:$AA$30,INDEX(Jesper!$R$2:$R$366,ROW(INDEX(Jesper!AK$2:AK$366,ROUNDDOWN($C1065/24,0)+1,1))-1)+IF('Standard Profiles'!$G$21=$B$10,7,0)+IF('Standard Profiles'!$G$21=$B$17,14,0)+IF('Standard Profiles'!$G$21=$B$24,21,0),0)),0)</f>
        <v>5.4046087076920708</v>
      </c>
      <c r="H1065" cm="1">
        <f t="array" ref="H1065">IFERROR(INDEX(Jesper!AL$2:AL$366,ROUNDDOWN($C1065/24,0)+1,1)*INDEX($D$3:$AA$30,INDEX(Jesper!$R$2:$R$366,ROW(INDEX(Jesper!AL$2:AL$366,ROUNDDOWN($C1065/24,0)+1,1))-1)+IF('Standard Profiles'!$G$22=$B$10,7,0)+IF('Standard Profiles'!$G$22=$B$17,14,0)+IF('Standard Profiles'!$G$22=$B$24,21,0),MOD($C1065,24)+1)/SUM(INDEX($D$3:$AA$30,INDEX(Jesper!$R$2:$R$366,ROW(INDEX(Jesper!AL$2:AL$366,ROUNDDOWN($C1065/24,0)+1,1))-1)+IF('Standard Profiles'!$G$22=$B$10,7,0)+IF('Standard Profiles'!$G$22=$B$17,14,0)+IF('Standard Profiles'!$G$22=$B$24,21,0),0)),0)</f>
        <v>2.1576386691797906</v>
      </c>
      <c r="I1065">
        <f t="shared" si="132"/>
        <v>2.0713331224126001</v>
      </c>
      <c r="J1065">
        <f t="shared" si="133"/>
        <v>13.058107450689148</v>
      </c>
      <c r="K1065">
        <f t="shared" si="134"/>
        <v>0.36094360249366148</v>
      </c>
      <c r="L1065">
        <f t="shared" si="135"/>
        <v>0.18047180124683074</v>
      </c>
      <c r="M1065">
        <f t="shared" si="136"/>
        <v>0</v>
      </c>
      <c r="N1065" s="45">
        <f t="shared" si="137"/>
        <v>44969.958333330833</v>
      </c>
    </row>
    <row r="1066" spans="2:14" x14ac:dyDescent="0.25">
      <c r="B1066">
        <f t="shared" si="131"/>
        <v>1</v>
      </c>
      <c r="C1066" s="16">
        <v>1032</v>
      </c>
      <c r="D1066" cm="1">
        <f t="array" ref="D1066">IFERROR(INDEX(Jesper!AH$2:AH$366,ROUNDDOWN($C1066/24,0)+1,1)*INDEX($D$3:$AA$30,INDEX(Jesper!$R$2:$R$366,ROW(INDEX(Jesper!AH$2:AH$366,ROUNDDOWN($C1066/24,0)+1,1))-1)+IF('Standard Profiles'!$G$18=$B$10,7,0)+IF('Standard Profiles'!$G$18=$B$17,14,0)+IF('Standard Profiles'!$G$18=$B$24,21,0),MOD($C1066,24)+1)/SUM(INDEX($D$3:$AA$30,INDEX(Jesper!$R$2:$R$366,ROW(INDEX(Jesper!AH$2:AH$366,ROUNDDOWN($C1066/24,0)+1,1))-1)+IF('Standard Profiles'!$G$18=$B$10,7,0)+IF('Standard Profiles'!$G$18=$B$17,14,0)+IF('Standard Profiles'!$G$18=$B$24,21,0),0)),0)</f>
        <v>5.7435587909551806</v>
      </c>
      <c r="E1066" cm="1">
        <f t="array" ref="E1066">IFERROR(INDEX(Jesper!AI$2:AI$366,ROUNDDOWN($C1066/24,0)+1,1)*INDEX($D$3:$AA$30,INDEX(Jesper!$R$2:$R$366,ROW(INDEX(Jesper!AI$2:AI$366,ROUNDDOWN($C1066/24,0)+1,1))-1)+IF('Standard Profiles'!$G$19=$B$10,7,0)+IF('Standard Profiles'!$G$19=$B$17,14,0)+IF('Standard Profiles'!$G$19=$B$24,21,0),MOD($C1066,24)+1)/SUM(INDEX($D$3:$AA$30,INDEX(Jesper!$R$2:$R$366,ROW(INDEX(Jesper!AI$2:AI$366,ROUNDDOWN($C1066/24,0)+1,1))-1)+IF('Standard Profiles'!$G$19=$B$10,7,0)+IF('Standard Profiles'!$G$19=$B$17,14,0)+IF('Standard Profiles'!$G$19=$B$24,21,0),0)),0)</f>
        <v>6.0099257715802157</v>
      </c>
      <c r="F1066" cm="1">
        <f t="array" ref="F1066">IFERROR(INDEX(Jesper!AJ$2:AJ$366,ROUNDDOWN($C1066/24,0)+1,1)*INDEX($D$3:$AA$30,INDEX(Jesper!$R$2:$R$366,ROW(INDEX(Jesper!AJ$2:AJ$366,ROUNDDOWN($C1066/24,0)+1,1))-1)+IF('Standard Profiles'!$G$20=$B$10,7,0)+IF('Standard Profiles'!$G$20=$B$17,14,0)+IF('Standard Profiles'!$G$20=$B$24,21,0),MOD($C1066,24)+1)/SUM(INDEX($D$3:$AA$30,INDEX(Jesper!$R$2:$R$366,ROW(INDEX(Jesper!AJ$2:AJ$366,ROUNDDOWN($C1066/24,0)+1,1))-1)+IF('Standard Profiles'!$G$20=$B$10,7,0)+IF('Standard Profiles'!$G$20=$B$17,14,0)+IF('Standard Profiles'!$G$20=$B$24,21,0),0)),0)</f>
        <v>0</v>
      </c>
      <c r="G1066" cm="1">
        <f t="array" ref="G1066">IFERROR(INDEX(Jesper!AK$2:AK$366,ROUNDDOWN($C1066/24,0)+1,1)*INDEX($D$3:$AA$30,INDEX(Jesper!$R$2:$R$366,ROW(INDEX(Jesper!AK$2:AK$366,ROUNDDOWN($C1066/24,0)+1,1))-1)+IF('Standard Profiles'!$G$21=$B$10,7,0)+IF('Standard Profiles'!$G$21=$B$17,14,0)+IF('Standard Profiles'!$G$21=$B$24,21,0),MOD($C1066,24)+1)/SUM(INDEX($D$3:$AA$30,INDEX(Jesper!$R$2:$R$366,ROW(INDEX(Jesper!AK$2:AK$366,ROUNDDOWN($C1066/24,0)+1,1))-1)+IF('Standard Profiles'!$G$21=$B$10,7,0)+IF('Standard Profiles'!$G$21=$B$17,14,0)+IF('Standard Profiles'!$G$21=$B$24,21,0),0)),0)</f>
        <v>4.3168025533010397</v>
      </c>
      <c r="H1066" cm="1">
        <f t="array" ref="H1066">IFERROR(INDEX(Jesper!AL$2:AL$366,ROUNDDOWN($C1066/24,0)+1,1)*INDEX($D$3:$AA$30,INDEX(Jesper!$R$2:$R$366,ROW(INDEX(Jesper!AL$2:AL$366,ROUNDDOWN($C1066/24,0)+1,1))-1)+IF('Standard Profiles'!$G$22=$B$10,7,0)+IF('Standard Profiles'!$G$22=$B$17,14,0)+IF('Standard Profiles'!$G$22=$B$24,21,0),MOD($C1066,24)+1)/SUM(INDEX($D$3:$AA$30,INDEX(Jesper!$R$2:$R$366,ROW(INDEX(Jesper!AL$2:AL$366,ROUNDDOWN($C1066/24,0)+1,1))-1)+IF('Standard Profiles'!$G$22=$B$10,7,0)+IF('Standard Profiles'!$G$22=$B$17,14,0)+IF('Standard Profiles'!$G$22=$B$24,21,0),0)),0)</f>
        <v>0</v>
      </c>
      <c r="I1066">
        <f t="shared" si="132"/>
        <v>2.072065225584498</v>
      </c>
      <c r="J1066">
        <f t="shared" si="133"/>
        <v>13.079252483699108</v>
      </c>
      <c r="K1066">
        <f t="shared" si="134"/>
        <v>0.61264627103521929</v>
      </c>
      <c r="L1066">
        <f t="shared" si="135"/>
        <v>0.30632313551760965</v>
      </c>
      <c r="M1066">
        <f t="shared" si="136"/>
        <v>0</v>
      </c>
      <c r="N1066" s="45">
        <f t="shared" si="137"/>
        <v>44969.999999997497</v>
      </c>
    </row>
    <row r="1067" spans="2:14" x14ac:dyDescent="0.25">
      <c r="B1067">
        <f t="shared" si="131"/>
        <v>1</v>
      </c>
      <c r="C1067" s="16">
        <v>1033</v>
      </c>
      <c r="D1067" cm="1">
        <f t="array" ref="D1067">IFERROR(INDEX(Jesper!AH$2:AH$366,ROUNDDOWN($C1067/24,0)+1,1)*INDEX($D$3:$AA$30,INDEX(Jesper!$R$2:$R$366,ROW(INDEX(Jesper!AH$2:AH$366,ROUNDDOWN($C1067/24,0)+1,1))-1)+IF('Standard Profiles'!$G$18=$B$10,7,0)+IF('Standard Profiles'!$G$18=$B$17,14,0)+IF('Standard Profiles'!$G$18=$B$24,21,0),MOD($C1067,24)+1)/SUM(INDEX($D$3:$AA$30,INDEX(Jesper!$R$2:$R$366,ROW(INDEX(Jesper!AH$2:AH$366,ROUNDDOWN($C1067/24,0)+1,1))-1)+IF('Standard Profiles'!$G$18=$B$10,7,0)+IF('Standard Profiles'!$G$18=$B$17,14,0)+IF('Standard Profiles'!$G$18=$B$24,21,0),0)),0)</f>
        <v>5.7435587909551806</v>
      </c>
      <c r="E1067" cm="1">
        <f t="array" ref="E1067">IFERROR(INDEX(Jesper!AI$2:AI$366,ROUNDDOWN($C1067/24,0)+1,1)*INDEX($D$3:$AA$30,INDEX(Jesper!$R$2:$R$366,ROW(INDEX(Jesper!AI$2:AI$366,ROUNDDOWN($C1067/24,0)+1,1))-1)+IF('Standard Profiles'!$G$19=$B$10,7,0)+IF('Standard Profiles'!$G$19=$B$17,14,0)+IF('Standard Profiles'!$G$19=$B$24,21,0),MOD($C1067,24)+1)/SUM(INDEX($D$3:$AA$30,INDEX(Jesper!$R$2:$R$366,ROW(INDEX(Jesper!AI$2:AI$366,ROUNDDOWN($C1067/24,0)+1,1))-1)+IF('Standard Profiles'!$G$19=$B$10,7,0)+IF('Standard Profiles'!$G$19=$B$17,14,0)+IF('Standard Profiles'!$G$19=$B$24,21,0),0)),0)</f>
        <v>6.0099257715802157</v>
      </c>
      <c r="F1067" cm="1">
        <f t="array" ref="F1067">IFERROR(INDEX(Jesper!AJ$2:AJ$366,ROUNDDOWN($C1067/24,0)+1,1)*INDEX($D$3:$AA$30,INDEX(Jesper!$R$2:$R$366,ROW(INDEX(Jesper!AJ$2:AJ$366,ROUNDDOWN($C1067/24,0)+1,1))-1)+IF('Standard Profiles'!$G$20=$B$10,7,0)+IF('Standard Profiles'!$G$20=$B$17,14,0)+IF('Standard Profiles'!$G$20=$B$24,21,0),MOD($C1067,24)+1)/SUM(INDEX($D$3:$AA$30,INDEX(Jesper!$R$2:$R$366,ROW(INDEX(Jesper!AJ$2:AJ$366,ROUNDDOWN($C1067/24,0)+1,1))-1)+IF('Standard Profiles'!$G$20=$B$10,7,0)+IF('Standard Profiles'!$G$20=$B$17,14,0)+IF('Standard Profiles'!$G$20=$B$24,21,0),0)),0)</f>
        <v>0</v>
      </c>
      <c r="G1067" cm="1">
        <f t="array" ref="G1067">IFERROR(INDEX(Jesper!AK$2:AK$366,ROUNDDOWN($C1067/24,0)+1,1)*INDEX($D$3:$AA$30,INDEX(Jesper!$R$2:$R$366,ROW(INDEX(Jesper!AK$2:AK$366,ROUNDDOWN($C1067/24,0)+1,1))-1)+IF('Standard Profiles'!$G$21=$B$10,7,0)+IF('Standard Profiles'!$G$21=$B$17,14,0)+IF('Standard Profiles'!$G$21=$B$24,21,0),MOD($C1067,24)+1)/SUM(INDEX($D$3:$AA$30,INDEX(Jesper!$R$2:$R$366,ROW(INDEX(Jesper!AK$2:AK$366,ROUNDDOWN($C1067/24,0)+1,1))-1)+IF('Standard Profiles'!$G$21=$B$10,7,0)+IF('Standard Profiles'!$G$21=$B$17,14,0)+IF('Standard Profiles'!$G$21=$B$24,21,0),0)),0)</f>
        <v>4.3168025533010397</v>
      </c>
      <c r="H1067" cm="1">
        <f t="array" ref="H1067">IFERROR(INDEX(Jesper!AL$2:AL$366,ROUNDDOWN($C1067/24,0)+1,1)*INDEX($D$3:$AA$30,INDEX(Jesper!$R$2:$R$366,ROW(INDEX(Jesper!AL$2:AL$366,ROUNDDOWN($C1067/24,0)+1,1))-1)+IF('Standard Profiles'!$G$22=$B$10,7,0)+IF('Standard Profiles'!$G$22=$B$17,14,0)+IF('Standard Profiles'!$G$22=$B$24,21,0),MOD($C1067,24)+1)/SUM(INDEX($D$3:$AA$30,INDEX(Jesper!$R$2:$R$366,ROW(INDEX(Jesper!AL$2:AL$366,ROUNDDOWN($C1067/24,0)+1,1))-1)+IF('Standard Profiles'!$G$22=$B$10,7,0)+IF('Standard Profiles'!$G$22=$B$17,14,0)+IF('Standard Profiles'!$G$22=$B$24,21,0),0)),0)</f>
        <v>0</v>
      </c>
      <c r="I1067">
        <f t="shared" si="132"/>
        <v>2.072065225584498</v>
      </c>
      <c r="J1067">
        <f t="shared" si="133"/>
        <v>13.079252483699108</v>
      </c>
      <c r="K1067">
        <f t="shared" si="134"/>
        <v>0.61264627103521929</v>
      </c>
      <c r="L1067">
        <f t="shared" si="135"/>
        <v>0.30632313551760965</v>
      </c>
      <c r="M1067">
        <f t="shared" si="136"/>
        <v>0</v>
      </c>
      <c r="N1067" s="45">
        <f t="shared" si="137"/>
        <v>44970.041666664161</v>
      </c>
    </row>
    <row r="1068" spans="2:14" x14ac:dyDescent="0.25">
      <c r="B1068">
        <f t="shared" si="131"/>
        <v>1</v>
      </c>
      <c r="C1068" s="16">
        <v>1034</v>
      </c>
      <c r="D1068" cm="1">
        <f t="array" ref="D1068">IFERROR(INDEX(Jesper!AH$2:AH$366,ROUNDDOWN($C1068/24,0)+1,1)*INDEX($D$3:$AA$30,INDEX(Jesper!$R$2:$R$366,ROW(INDEX(Jesper!AH$2:AH$366,ROUNDDOWN($C1068/24,0)+1,1))-1)+IF('Standard Profiles'!$G$18=$B$10,7,0)+IF('Standard Profiles'!$G$18=$B$17,14,0)+IF('Standard Profiles'!$G$18=$B$24,21,0),MOD($C1068,24)+1)/SUM(INDEX($D$3:$AA$30,INDEX(Jesper!$R$2:$R$366,ROW(INDEX(Jesper!AH$2:AH$366,ROUNDDOWN($C1068/24,0)+1,1))-1)+IF('Standard Profiles'!$G$18=$B$10,7,0)+IF('Standard Profiles'!$G$18=$B$17,14,0)+IF('Standard Profiles'!$G$18=$B$24,21,0),0)),0)</f>
        <v>5.7435587909551806</v>
      </c>
      <c r="E1068" cm="1">
        <f t="array" ref="E1068">IFERROR(INDEX(Jesper!AI$2:AI$366,ROUNDDOWN($C1068/24,0)+1,1)*INDEX($D$3:$AA$30,INDEX(Jesper!$R$2:$R$366,ROW(INDEX(Jesper!AI$2:AI$366,ROUNDDOWN($C1068/24,0)+1,1))-1)+IF('Standard Profiles'!$G$19=$B$10,7,0)+IF('Standard Profiles'!$G$19=$B$17,14,0)+IF('Standard Profiles'!$G$19=$B$24,21,0),MOD($C1068,24)+1)/SUM(INDEX($D$3:$AA$30,INDEX(Jesper!$R$2:$R$366,ROW(INDEX(Jesper!AI$2:AI$366,ROUNDDOWN($C1068/24,0)+1,1))-1)+IF('Standard Profiles'!$G$19=$B$10,7,0)+IF('Standard Profiles'!$G$19=$B$17,14,0)+IF('Standard Profiles'!$G$19=$B$24,21,0),0)),0)</f>
        <v>6.0099257715802157</v>
      </c>
      <c r="F1068" cm="1">
        <f t="array" ref="F1068">IFERROR(INDEX(Jesper!AJ$2:AJ$366,ROUNDDOWN($C1068/24,0)+1,1)*INDEX($D$3:$AA$30,INDEX(Jesper!$R$2:$R$366,ROW(INDEX(Jesper!AJ$2:AJ$366,ROUNDDOWN($C1068/24,0)+1,1))-1)+IF('Standard Profiles'!$G$20=$B$10,7,0)+IF('Standard Profiles'!$G$20=$B$17,14,0)+IF('Standard Profiles'!$G$20=$B$24,21,0),MOD($C1068,24)+1)/SUM(INDEX($D$3:$AA$30,INDEX(Jesper!$R$2:$R$366,ROW(INDEX(Jesper!AJ$2:AJ$366,ROUNDDOWN($C1068/24,0)+1,1))-1)+IF('Standard Profiles'!$G$20=$B$10,7,0)+IF('Standard Profiles'!$G$20=$B$17,14,0)+IF('Standard Profiles'!$G$20=$B$24,21,0),0)),0)</f>
        <v>0</v>
      </c>
      <c r="G1068" cm="1">
        <f t="array" ref="G1068">IFERROR(INDEX(Jesper!AK$2:AK$366,ROUNDDOWN($C1068/24,0)+1,1)*INDEX($D$3:$AA$30,INDEX(Jesper!$R$2:$R$366,ROW(INDEX(Jesper!AK$2:AK$366,ROUNDDOWN($C1068/24,0)+1,1))-1)+IF('Standard Profiles'!$G$21=$B$10,7,0)+IF('Standard Profiles'!$G$21=$B$17,14,0)+IF('Standard Profiles'!$G$21=$B$24,21,0),MOD($C1068,24)+1)/SUM(INDEX($D$3:$AA$30,INDEX(Jesper!$R$2:$R$366,ROW(INDEX(Jesper!AK$2:AK$366,ROUNDDOWN($C1068/24,0)+1,1))-1)+IF('Standard Profiles'!$G$21=$B$10,7,0)+IF('Standard Profiles'!$G$21=$B$17,14,0)+IF('Standard Profiles'!$G$21=$B$24,21,0),0)),0)</f>
        <v>4.3168025533010397</v>
      </c>
      <c r="H1068" cm="1">
        <f t="array" ref="H1068">IFERROR(INDEX(Jesper!AL$2:AL$366,ROUNDDOWN($C1068/24,0)+1,1)*INDEX($D$3:$AA$30,INDEX(Jesper!$R$2:$R$366,ROW(INDEX(Jesper!AL$2:AL$366,ROUNDDOWN($C1068/24,0)+1,1))-1)+IF('Standard Profiles'!$G$22=$B$10,7,0)+IF('Standard Profiles'!$G$22=$B$17,14,0)+IF('Standard Profiles'!$G$22=$B$24,21,0),MOD($C1068,24)+1)/SUM(INDEX($D$3:$AA$30,INDEX(Jesper!$R$2:$R$366,ROW(INDEX(Jesper!AL$2:AL$366,ROUNDDOWN($C1068/24,0)+1,1))-1)+IF('Standard Profiles'!$G$22=$B$10,7,0)+IF('Standard Profiles'!$G$22=$B$17,14,0)+IF('Standard Profiles'!$G$22=$B$24,21,0),0)),0)</f>
        <v>0</v>
      </c>
      <c r="I1068">
        <f t="shared" si="132"/>
        <v>2.072065225584498</v>
      </c>
      <c r="J1068">
        <f t="shared" si="133"/>
        <v>13.079252483699108</v>
      </c>
      <c r="K1068">
        <f t="shared" si="134"/>
        <v>0.61264627103521929</v>
      </c>
      <c r="L1068">
        <f t="shared" si="135"/>
        <v>0.30632313551760965</v>
      </c>
      <c r="M1068">
        <f t="shared" si="136"/>
        <v>0</v>
      </c>
      <c r="N1068" s="45">
        <f t="shared" si="137"/>
        <v>44970.083333330826</v>
      </c>
    </row>
    <row r="1069" spans="2:14" x14ac:dyDescent="0.25">
      <c r="B1069">
        <f t="shared" si="131"/>
        <v>1</v>
      </c>
      <c r="C1069" s="16">
        <v>1035</v>
      </c>
      <c r="D1069" cm="1">
        <f t="array" ref="D1069">IFERROR(INDEX(Jesper!AH$2:AH$366,ROUNDDOWN($C1069/24,0)+1,1)*INDEX($D$3:$AA$30,INDEX(Jesper!$R$2:$R$366,ROW(INDEX(Jesper!AH$2:AH$366,ROUNDDOWN($C1069/24,0)+1,1))-1)+IF('Standard Profiles'!$G$18=$B$10,7,0)+IF('Standard Profiles'!$G$18=$B$17,14,0)+IF('Standard Profiles'!$G$18=$B$24,21,0),MOD($C1069,24)+1)/SUM(INDEX($D$3:$AA$30,INDEX(Jesper!$R$2:$R$366,ROW(INDEX(Jesper!AH$2:AH$366,ROUNDDOWN($C1069/24,0)+1,1))-1)+IF('Standard Profiles'!$G$18=$B$10,7,0)+IF('Standard Profiles'!$G$18=$B$17,14,0)+IF('Standard Profiles'!$G$18=$B$24,21,0),0)),0)</f>
        <v>5.7435587909551806</v>
      </c>
      <c r="E1069" cm="1">
        <f t="array" ref="E1069">IFERROR(INDEX(Jesper!AI$2:AI$366,ROUNDDOWN($C1069/24,0)+1,1)*INDEX($D$3:$AA$30,INDEX(Jesper!$R$2:$R$366,ROW(INDEX(Jesper!AI$2:AI$366,ROUNDDOWN($C1069/24,0)+1,1))-1)+IF('Standard Profiles'!$G$19=$B$10,7,0)+IF('Standard Profiles'!$G$19=$B$17,14,0)+IF('Standard Profiles'!$G$19=$B$24,21,0),MOD($C1069,24)+1)/SUM(INDEX($D$3:$AA$30,INDEX(Jesper!$R$2:$R$366,ROW(INDEX(Jesper!AI$2:AI$366,ROUNDDOWN($C1069/24,0)+1,1))-1)+IF('Standard Profiles'!$G$19=$B$10,7,0)+IF('Standard Profiles'!$G$19=$B$17,14,0)+IF('Standard Profiles'!$G$19=$B$24,21,0),0)),0)</f>
        <v>6.0099257715802157</v>
      </c>
      <c r="F1069" cm="1">
        <f t="array" ref="F1069">IFERROR(INDEX(Jesper!AJ$2:AJ$366,ROUNDDOWN($C1069/24,0)+1,1)*INDEX($D$3:$AA$30,INDEX(Jesper!$R$2:$R$366,ROW(INDEX(Jesper!AJ$2:AJ$366,ROUNDDOWN($C1069/24,0)+1,1))-1)+IF('Standard Profiles'!$G$20=$B$10,7,0)+IF('Standard Profiles'!$G$20=$B$17,14,0)+IF('Standard Profiles'!$G$20=$B$24,21,0),MOD($C1069,24)+1)/SUM(INDEX($D$3:$AA$30,INDEX(Jesper!$R$2:$R$366,ROW(INDEX(Jesper!AJ$2:AJ$366,ROUNDDOWN($C1069/24,0)+1,1))-1)+IF('Standard Profiles'!$G$20=$B$10,7,0)+IF('Standard Profiles'!$G$20=$B$17,14,0)+IF('Standard Profiles'!$G$20=$B$24,21,0),0)),0)</f>
        <v>0</v>
      </c>
      <c r="G1069" cm="1">
        <f t="array" ref="G1069">IFERROR(INDEX(Jesper!AK$2:AK$366,ROUNDDOWN($C1069/24,0)+1,1)*INDEX($D$3:$AA$30,INDEX(Jesper!$R$2:$R$366,ROW(INDEX(Jesper!AK$2:AK$366,ROUNDDOWN($C1069/24,0)+1,1))-1)+IF('Standard Profiles'!$G$21=$B$10,7,0)+IF('Standard Profiles'!$G$21=$B$17,14,0)+IF('Standard Profiles'!$G$21=$B$24,21,0),MOD($C1069,24)+1)/SUM(INDEX($D$3:$AA$30,INDEX(Jesper!$R$2:$R$366,ROW(INDEX(Jesper!AK$2:AK$366,ROUNDDOWN($C1069/24,0)+1,1))-1)+IF('Standard Profiles'!$G$21=$B$10,7,0)+IF('Standard Profiles'!$G$21=$B$17,14,0)+IF('Standard Profiles'!$G$21=$B$24,21,0),0)),0)</f>
        <v>4.3168025533010397</v>
      </c>
      <c r="H1069" cm="1">
        <f t="array" ref="H1069">IFERROR(INDEX(Jesper!AL$2:AL$366,ROUNDDOWN($C1069/24,0)+1,1)*INDEX($D$3:$AA$30,INDEX(Jesper!$R$2:$R$366,ROW(INDEX(Jesper!AL$2:AL$366,ROUNDDOWN($C1069/24,0)+1,1))-1)+IF('Standard Profiles'!$G$22=$B$10,7,0)+IF('Standard Profiles'!$G$22=$B$17,14,0)+IF('Standard Profiles'!$G$22=$B$24,21,0),MOD($C1069,24)+1)/SUM(INDEX($D$3:$AA$30,INDEX(Jesper!$R$2:$R$366,ROW(INDEX(Jesper!AL$2:AL$366,ROUNDDOWN($C1069/24,0)+1,1))-1)+IF('Standard Profiles'!$G$22=$B$10,7,0)+IF('Standard Profiles'!$G$22=$B$17,14,0)+IF('Standard Profiles'!$G$22=$B$24,21,0),0)),0)</f>
        <v>0</v>
      </c>
      <c r="I1069">
        <f t="shared" si="132"/>
        <v>2.072065225584498</v>
      </c>
      <c r="J1069">
        <f t="shared" si="133"/>
        <v>13.079252483699108</v>
      </c>
      <c r="K1069">
        <f t="shared" si="134"/>
        <v>0.61264627103521929</v>
      </c>
      <c r="L1069">
        <f t="shared" si="135"/>
        <v>0.30632313551760965</v>
      </c>
      <c r="M1069">
        <f t="shared" si="136"/>
        <v>0</v>
      </c>
      <c r="N1069" s="45">
        <f t="shared" si="137"/>
        <v>44970.12499999749</v>
      </c>
    </row>
    <row r="1070" spans="2:14" x14ac:dyDescent="0.25">
      <c r="B1070">
        <f t="shared" si="131"/>
        <v>1</v>
      </c>
      <c r="C1070" s="16">
        <v>1036</v>
      </c>
      <c r="D1070" cm="1">
        <f t="array" ref="D1070">IFERROR(INDEX(Jesper!AH$2:AH$366,ROUNDDOWN($C1070/24,0)+1,1)*INDEX($D$3:$AA$30,INDEX(Jesper!$R$2:$R$366,ROW(INDEX(Jesper!AH$2:AH$366,ROUNDDOWN($C1070/24,0)+1,1))-1)+IF('Standard Profiles'!$G$18=$B$10,7,0)+IF('Standard Profiles'!$G$18=$B$17,14,0)+IF('Standard Profiles'!$G$18=$B$24,21,0),MOD($C1070,24)+1)/SUM(INDEX($D$3:$AA$30,INDEX(Jesper!$R$2:$R$366,ROW(INDEX(Jesper!AH$2:AH$366,ROUNDDOWN($C1070/24,0)+1,1))-1)+IF('Standard Profiles'!$G$18=$B$10,7,0)+IF('Standard Profiles'!$G$18=$B$17,14,0)+IF('Standard Profiles'!$G$18=$B$24,21,0),0)),0)</f>
        <v>5.7435587909551806</v>
      </c>
      <c r="E1070" cm="1">
        <f t="array" ref="E1070">IFERROR(INDEX(Jesper!AI$2:AI$366,ROUNDDOWN($C1070/24,0)+1,1)*INDEX($D$3:$AA$30,INDEX(Jesper!$R$2:$R$366,ROW(INDEX(Jesper!AI$2:AI$366,ROUNDDOWN($C1070/24,0)+1,1))-1)+IF('Standard Profiles'!$G$19=$B$10,7,0)+IF('Standard Profiles'!$G$19=$B$17,14,0)+IF('Standard Profiles'!$G$19=$B$24,21,0),MOD($C1070,24)+1)/SUM(INDEX($D$3:$AA$30,INDEX(Jesper!$R$2:$R$366,ROW(INDEX(Jesper!AI$2:AI$366,ROUNDDOWN($C1070/24,0)+1,1))-1)+IF('Standard Profiles'!$G$19=$B$10,7,0)+IF('Standard Profiles'!$G$19=$B$17,14,0)+IF('Standard Profiles'!$G$19=$B$24,21,0),0)),0)</f>
        <v>6.0099257715802157</v>
      </c>
      <c r="F1070" cm="1">
        <f t="array" ref="F1070">IFERROR(INDEX(Jesper!AJ$2:AJ$366,ROUNDDOWN($C1070/24,0)+1,1)*INDEX($D$3:$AA$30,INDEX(Jesper!$R$2:$R$366,ROW(INDEX(Jesper!AJ$2:AJ$366,ROUNDDOWN($C1070/24,0)+1,1))-1)+IF('Standard Profiles'!$G$20=$B$10,7,0)+IF('Standard Profiles'!$G$20=$B$17,14,0)+IF('Standard Profiles'!$G$20=$B$24,21,0),MOD($C1070,24)+1)/SUM(INDEX($D$3:$AA$30,INDEX(Jesper!$R$2:$R$366,ROW(INDEX(Jesper!AJ$2:AJ$366,ROUNDDOWN($C1070/24,0)+1,1))-1)+IF('Standard Profiles'!$G$20=$B$10,7,0)+IF('Standard Profiles'!$G$20=$B$17,14,0)+IF('Standard Profiles'!$G$20=$B$24,21,0),0)),0)</f>
        <v>0</v>
      </c>
      <c r="G1070" cm="1">
        <f t="array" ref="G1070">IFERROR(INDEX(Jesper!AK$2:AK$366,ROUNDDOWN($C1070/24,0)+1,1)*INDEX($D$3:$AA$30,INDEX(Jesper!$R$2:$R$366,ROW(INDEX(Jesper!AK$2:AK$366,ROUNDDOWN($C1070/24,0)+1,1))-1)+IF('Standard Profiles'!$G$21=$B$10,7,0)+IF('Standard Profiles'!$G$21=$B$17,14,0)+IF('Standard Profiles'!$G$21=$B$24,21,0),MOD($C1070,24)+1)/SUM(INDEX($D$3:$AA$30,INDEX(Jesper!$R$2:$R$366,ROW(INDEX(Jesper!AK$2:AK$366,ROUNDDOWN($C1070/24,0)+1,1))-1)+IF('Standard Profiles'!$G$21=$B$10,7,0)+IF('Standard Profiles'!$G$21=$B$17,14,0)+IF('Standard Profiles'!$G$21=$B$24,21,0),0)),0)</f>
        <v>4.3168025533010397</v>
      </c>
      <c r="H1070" cm="1">
        <f t="array" ref="H1070">IFERROR(INDEX(Jesper!AL$2:AL$366,ROUNDDOWN($C1070/24,0)+1,1)*INDEX($D$3:$AA$30,INDEX(Jesper!$R$2:$R$366,ROW(INDEX(Jesper!AL$2:AL$366,ROUNDDOWN($C1070/24,0)+1,1))-1)+IF('Standard Profiles'!$G$22=$B$10,7,0)+IF('Standard Profiles'!$G$22=$B$17,14,0)+IF('Standard Profiles'!$G$22=$B$24,21,0),MOD($C1070,24)+1)/SUM(INDEX($D$3:$AA$30,INDEX(Jesper!$R$2:$R$366,ROW(INDEX(Jesper!AL$2:AL$366,ROUNDDOWN($C1070/24,0)+1,1))-1)+IF('Standard Profiles'!$G$22=$B$10,7,0)+IF('Standard Profiles'!$G$22=$B$17,14,0)+IF('Standard Profiles'!$G$22=$B$24,21,0),0)),0)</f>
        <v>0</v>
      </c>
      <c r="I1070">
        <f t="shared" si="132"/>
        <v>2.072065225584498</v>
      </c>
      <c r="J1070">
        <f t="shared" si="133"/>
        <v>13.079252483699108</v>
      </c>
      <c r="K1070">
        <f t="shared" si="134"/>
        <v>0.61264627103521929</v>
      </c>
      <c r="L1070">
        <f t="shared" si="135"/>
        <v>0.30632313551760965</v>
      </c>
      <c r="M1070">
        <f t="shared" si="136"/>
        <v>0</v>
      </c>
      <c r="N1070" s="45">
        <f t="shared" si="137"/>
        <v>44970.166666664154</v>
      </c>
    </row>
    <row r="1071" spans="2:14" x14ac:dyDescent="0.25">
      <c r="B1071">
        <f t="shared" si="131"/>
        <v>1</v>
      </c>
      <c r="C1071" s="16">
        <v>1037</v>
      </c>
      <c r="D1071" cm="1">
        <f t="array" ref="D1071">IFERROR(INDEX(Jesper!AH$2:AH$366,ROUNDDOWN($C1071/24,0)+1,1)*INDEX($D$3:$AA$30,INDEX(Jesper!$R$2:$R$366,ROW(INDEX(Jesper!AH$2:AH$366,ROUNDDOWN($C1071/24,0)+1,1))-1)+IF('Standard Profiles'!$G$18=$B$10,7,0)+IF('Standard Profiles'!$G$18=$B$17,14,0)+IF('Standard Profiles'!$G$18=$B$24,21,0),MOD($C1071,24)+1)/SUM(INDEX($D$3:$AA$30,INDEX(Jesper!$R$2:$R$366,ROW(INDEX(Jesper!AH$2:AH$366,ROUNDDOWN($C1071/24,0)+1,1))-1)+IF('Standard Profiles'!$G$18=$B$10,7,0)+IF('Standard Profiles'!$G$18=$B$17,14,0)+IF('Standard Profiles'!$G$18=$B$24,21,0),0)),0)</f>
        <v>5.7435587909551806</v>
      </c>
      <c r="E1071" cm="1">
        <f t="array" ref="E1071">IFERROR(INDEX(Jesper!AI$2:AI$366,ROUNDDOWN($C1071/24,0)+1,1)*INDEX($D$3:$AA$30,INDEX(Jesper!$R$2:$R$366,ROW(INDEX(Jesper!AI$2:AI$366,ROUNDDOWN($C1071/24,0)+1,1))-1)+IF('Standard Profiles'!$G$19=$B$10,7,0)+IF('Standard Profiles'!$G$19=$B$17,14,0)+IF('Standard Profiles'!$G$19=$B$24,21,0),MOD($C1071,24)+1)/SUM(INDEX($D$3:$AA$30,INDEX(Jesper!$R$2:$R$366,ROW(INDEX(Jesper!AI$2:AI$366,ROUNDDOWN($C1071/24,0)+1,1))-1)+IF('Standard Profiles'!$G$19=$B$10,7,0)+IF('Standard Profiles'!$G$19=$B$17,14,0)+IF('Standard Profiles'!$G$19=$B$24,21,0),0)),0)</f>
        <v>6.0099257715802157</v>
      </c>
      <c r="F1071" cm="1">
        <f t="array" ref="F1071">IFERROR(INDEX(Jesper!AJ$2:AJ$366,ROUNDDOWN($C1071/24,0)+1,1)*INDEX($D$3:$AA$30,INDEX(Jesper!$R$2:$R$366,ROW(INDEX(Jesper!AJ$2:AJ$366,ROUNDDOWN($C1071/24,0)+1,1))-1)+IF('Standard Profiles'!$G$20=$B$10,7,0)+IF('Standard Profiles'!$G$20=$B$17,14,0)+IF('Standard Profiles'!$G$20=$B$24,21,0),MOD($C1071,24)+1)/SUM(INDEX($D$3:$AA$30,INDEX(Jesper!$R$2:$R$366,ROW(INDEX(Jesper!AJ$2:AJ$366,ROUNDDOWN($C1071/24,0)+1,1))-1)+IF('Standard Profiles'!$G$20=$B$10,7,0)+IF('Standard Profiles'!$G$20=$B$17,14,0)+IF('Standard Profiles'!$G$20=$B$24,21,0),0)),0)</f>
        <v>0</v>
      </c>
      <c r="G1071" cm="1">
        <f t="array" ref="G1071">IFERROR(INDEX(Jesper!AK$2:AK$366,ROUNDDOWN($C1071/24,0)+1,1)*INDEX($D$3:$AA$30,INDEX(Jesper!$R$2:$R$366,ROW(INDEX(Jesper!AK$2:AK$366,ROUNDDOWN($C1071/24,0)+1,1))-1)+IF('Standard Profiles'!$G$21=$B$10,7,0)+IF('Standard Profiles'!$G$21=$B$17,14,0)+IF('Standard Profiles'!$G$21=$B$24,21,0),MOD($C1071,24)+1)/SUM(INDEX($D$3:$AA$30,INDEX(Jesper!$R$2:$R$366,ROW(INDEX(Jesper!AK$2:AK$366,ROUNDDOWN($C1071/24,0)+1,1))-1)+IF('Standard Profiles'!$G$21=$B$10,7,0)+IF('Standard Profiles'!$G$21=$B$17,14,0)+IF('Standard Profiles'!$G$21=$B$24,21,0),0)),0)</f>
        <v>4.3168025533010397</v>
      </c>
      <c r="H1071" cm="1">
        <f t="array" ref="H1071">IFERROR(INDEX(Jesper!AL$2:AL$366,ROUNDDOWN($C1071/24,0)+1,1)*INDEX($D$3:$AA$30,INDEX(Jesper!$R$2:$R$366,ROW(INDEX(Jesper!AL$2:AL$366,ROUNDDOWN($C1071/24,0)+1,1))-1)+IF('Standard Profiles'!$G$22=$B$10,7,0)+IF('Standard Profiles'!$G$22=$B$17,14,0)+IF('Standard Profiles'!$G$22=$B$24,21,0),MOD($C1071,24)+1)/SUM(INDEX($D$3:$AA$30,INDEX(Jesper!$R$2:$R$366,ROW(INDEX(Jesper!AL$2:AL$366,ROUNDDOWN($C1071/24,0)+1,1))-1)+IF('Standard Profiles'!$G$22=$B$10,7,0)+IF('Standard Profiles'!$G$22=$B$17,14,0)+IF('Standard Profiles'!$G$22=$B$24,21,0),0)),0)</f>
        <v>0</v>
      </c>
      <c r="I1071">
        <f t="shared" si="132"/>
        <v>2.072065225584498</v>
      </c>
      <c r="J1071">
        <f t="shared" si="133"/>
        <v>13.079252483699108</v>
      </c>
      <c r="K1071">
        <f t="shared" si="134"/>
        <v>0.61264627103521929</v>
      </c>
      <c r="L1071">
        <f t="shared" si="135"/>
        <v>0.30632313551760965</v>
      </c>
      <c r="M1071">
        <f t="shared" si="136"/>
        <v>0</v>
      </c>
      <c r="N1071" s="45">
        <f t="shared" si="137"/>
        <v>44970.208333330818</v>
      </c>
    </row>
    <row r="1072" spans="2:14" x14ac:dyDescent="0.25">
      <c r="B1072">
        <f t="shared" si="131"/>
        <v>1</v>
      </c>
      <c r="C1072" s="16">
        <v>1038</v>
      </c>
      <c r="D1072" cm="1">
        <f t="array" ref="D1072">IFERROR(INDEX(Jesper!AH$2:AH$366,ROUNDDOWN($C1072/24,0)+1,1)*INDEX($D$3:$AA$30,INDEX(Jesper!$R$2:$R$366,ROW(INDEX(Jesper!AH$2:AH$366,ROUNDDOWN($C1072/24,0)+1,1))-1)+IF('Standard Profiles'!$G$18=$B$10,7,0)+IF('Standard Profiles'!$G$18=$B$17,14,0)+IF('Standard Profiles'!$G$18=$B$24,21,0),MOD($C1072,24)+1)/SUM(INDEX($D$3:$AA$30,INDEX(Jesper!$R$2:$R$366,ROW(INDEX(Jesper!AH$2:AH$366,ROUNDDOWN($C1072/24,0)+1,1))-1)+IF('Standard Profiles'!$G$18=$B$10,7,0)+IF('Standard Profiles'!$G$18=$B$17,14,0)+IF('Standard Profiles'!$G$18=$B$24,21,0),0)),0)</f>
        <v>5.7435587909551806</v>
      </c>
      <c r="E1072" cm="1">
        <f t="array" ref="E1072">IFERROR(INDEX(Jesper!AI$2:AI$366,ROUNDDOWN($C1072/24,0)+1,1)*INDEX($D$3:$AA$30,INDEX(Jesper!$R$2:$R$366,ROW(INDEX(Jesper!AI$2:AI$366,ROUNDDOWN($C1072/24,0)+1,1))-1)+IF('Standard Profiles'!$G$19=$B$10,7,0)+IF('Standard Profiles'!$G$19=$B$17,14,0)+IF('Standard Profiles'!$G$19=$B$24,21,0),MOD($C1072,24)+1)/SUM(INDEX($D$3:$AA$30,INDEX(Jesper!$R$2:$R$366,ROW(INDEX(Jesper!AI$2:AI$366,ROUNDDOWN($C1072/24,0)+1,1))-1)+IF('Standard Profiles'!$G$19=$B$10,7,0)+IF('Standard Profiles'!$G$19=$B$17,14,0)+IF('Standard Profiles'!$G$19=$B$24,21,0),0)),0)</f>
        <v>6.0099257715802157</v>
      </c>
      <c r="F1072" cm="1">
        <f t="array" ref="F1072">IFERROR(INDEX(Jesper!AJ$2:AJ$366,ROUNDDOWN($C1072/24,0)+1,1)*INDEX($D$3:$AA$30,INDEX(Jesper!$R$2:$R$366,ROW(INDEX(Jesper!AJ$2:AJ$366,ROUNDDOWN($C1072/24,0)+1,1))-1)+IF('Standard Profiles'!$G$20=$B$10,7,0)+IF('Standard Profiles'!$G$20=$B$17,14,0)+IF('Standard Profiles'!$G$20=$B$24,21,0),MOD($C1072,24)+1)/SUM(INDEX($D$3:$AA$30,INDEX(Jesper!$R$2:$R$366,ROW(INDEX(Jesper!AJ$2:AJ$366,ROUNDDOWN($C1072/24,0)+1,1))-1)+IF('Standard Profiles'!$G$20=$B$10,7,0)+IF('Standard Profiles'!$G$20=$B$17,14,0)+IF('Standard Profiles'!$G$20=$B$24,21,0),0)),0)</f>
        <v>0</v>
      </c>
      <c r="G1072" cm="1">
        <f t="array" ref="G1072">IFERROR(INDEX(Jesper!AK$2:AK$366,ROUNDDOWN($C1072/24,0)+1,1)*INDEX($D$3:$AA$30,INDEX(Jesper!$R$2:$R$366,ROW(INDEX(Jesper!AK$2:AK$366,ROUNDDOWN($C1072/24,0)+1,1))-1)+IF('Standard Profiles'!$G$21=$B$10,7,0)+IF('Standard Profiles'!$G$21=$B$17,14,0)+IF('Standard Profiles'!$G$21=$B$24,21,0),MOD($C1072,24)+1)/SUM(INDEX($D$3:$AA$30,INDEX(Jesper!$R$2:$R$366,ROW(INDEX(Jesper!AK$2:AK$366,ROUNDDOWN($C1072/24,0)+1,1))-1)+IF('Standard Profiles'!$G$21=$B$10,7,0)+IF('Standard Profiles'!$G$21=$B$17,14,0)+IF('Standard Profiles'!$G$21=$B$24,21,0),0)),0)</f>
        <v>4.3168025533010397</v>
      </c>
      <c r="H1072" cm="1">
        <f t="array" ref="H1072">IFERROR(INDEX(Jesper!AL$2:AL$366,ROUNDDOWN($C1072/24,0)+1,1)*INDEX($D$3:$AA$30,INDEX(Jesper!$R$2:$R$366,ROW(INDEX(Jesper!AL$2:AL$366,ROUNDDOWN($C1072/24,0)+1,1))-1)+IF('Standard Profiles'!$G$22=$B$10,7,0)+IF('Standard Profiles'!$G$22=$B$17,14,0)+IF('Standard Profiles'!$G$22=$B$24,21,0),MOD($C1072,24)+1)/SUM(INDEX($D$3:$AA$30,INDEX(Jesper!$R$2:$R$366,ROW(INDEX(Jesper!AL$2:AL$366,ROUNDDOWN($C1072/24,0)+1,1))-1)+IF('Standard Profiles'!$G$22=$B$10,7,0)+IF('Standard Profiles'!$G$22=$B$17,14,0)+IF('Standard Profiles'!$G$22=$B$24,21,0),0)),0)</f>
        <v>0</v>
      </c>
      <c r="I1072">
        <f t="shared" si="132"/>
        <v>2.072065225584498</v>
      </c>
      <c r="J1072">
        <f t="shared" si="133"/>
        <v>13.079252483699108</v>
      </c>
      <c r="K1072">
        <f t="shared" si="134"/>
        <v>0.61264627103521929</v>
      </c>
      <c r="L1072">
        <f t="shared" si="135"/>
        <v>0.30632313551760965</v>
      </c>
      <c r="M1072">
        <f t="shared" si="136"/>
        <v>0</v>
      </c>
      <c r="N1072" s="45">
        <f t="shared" si="137"/>
        <v>44970.249999997483</v>
      </c>
    </row>
    <row r="1073" spans="2:14" x14ac:dyDescent="0.25">
      <c r="B1073">
        <f t="shared" si="131"/>
        <v>1</v>
      </c>
      <c r="C1073" s="16">
        <v>1039</v>
      </c>
      <c r="D1073" cm="1">
        <f t="array" ref="D1073">IFERROR(INDEX(Jesper!AH$2:AH$366,ROUNDDOWN($C1073/24,0)+1,1)*INDEX($D$3:$AA$30,INDEX(Jesper!$R$2:$R$366,ROW(INDEX(Jesper!AH$2:AH$366,ROUNDDOWN($C1073/24,0)+1,1))-1)+IF('Standard Profiles'!$G$18=$B$10,7,0)+IF('Standard Profiles'!$G$18=$B$17,14,0)+IF('Standard Profiles'!$G$18=$B$24,21,0),MOD($C1073,24)+1)/SUM(INDEX($D$3:$AA$30,INDEX(Jesper!$R$2:$R$366,ROW(INDEX(Jesper!AH$2:AH$366,ROUNDDOWN($C1073/24,0)+1,1))-1)+IF('Standard Profiles'!$G$18=$B$10,7,0)+IF('Standard Profiles'!$G$18=$B$17,14,0)+IF('Standard Profiles'!$G$18=$B$24,21,0),0)),0)</f>
        <v>24.467560449469065</v>
      </c>
      <c r="E1073" cm="1">
        <f t="array" ref="E1073">IFERROR(INDEX(Jesper!AI$2:AI$366,ROUNDDOWN($C1073/24,0)+1,1)*INDEX($D$3:$AA$30,INDEX(Jesper!$R$2:$R$366,ROW(INDEX(Jesper!AI$2:AI$366,ROUNDDOWN($C1073/24,0)+1,1))-1)+IF('Standard Profiles'!$G$19=$B$10,7,0)+IF('Standard Profiles'!$G$19=$B$17,14,0)+IF('Standard Profiles'!$G$19=$B$24,21,0),MOD($C1073,24)+1)/SUM(INDEX($D$3:$AA$30,INDEX(Jesper!$R$2:$R$366,ROW(INDEX(Jesper!AI$2:AI$366,ROUNDDOWN($C1073/24,0)+1,1))-1)+IF('Standard Profiles'!$G$19=$B$10,7,0)+IF('Standard Profiles'!$G$19=$B$17,14,0)+IF('Standard Profiles'!$G$19=$B$24,21,0),0)),0)</f>
        <v>25.602283786931718</v>
      </c>
      <c r="F1073" cm="1">
        <f t="array" ref="F1073">IFERROR(INDEX(Jesper!AJ$2:AJ$366,ROUNDDOWN($C1073/24,0)+1,1)*INDEX($D$3:$AA$30,INDEX(Jesper!$R$2:$R$366,ROW(INDEX(Jesper!AJ$2:AJ$366,ROUNDDOWN($C1073/24,0)+1,1))-1)+IF('Standard Profiles'!$G$20=$B$10,7,0)+IF('Standard Profiles'!$G$20=$B$17,14,0)+IF('Standard Profiles'!$G$20=$B$24,21,0),MOD($C1073,24)+1)/SUM(INDEX($D$3:$AA$30,INDEX(Jesper!$R$2:$R$366,ROW(INDEX(Jesper!AJ$2:AJ$366,ROUNDDOWN($C1073/24,0)+1,1))-1)+IF('Standard Profiles'!$G$20=$B$10,7,0)+IF('Standard Profiles'!$G$20=$B$17,14,0)+IF('Standard Profiles'!$G$20=$B$24,21,0),0)),0)</f>
        <v>0</v>
      </c>
      <c r="G1073" cm="1">
        <f t="array" ref="G1073">IFERROR(INDEX(Jesper!AK$2:AK$366,ROUNDDOWN($C1073/24,0)+1,1)*INDEX($D$3:$AA$30,INDEX(Jesper!$R$2:$R$366,ROW(INDEX(Jesper!AK$2:AK$366,ROUNDDOWN($C1073/24,0)+1,1))-1)+IF('Standard Profiles'!$G$21=$B$10,7,0)+IF('Standard Profiles'!$G$21=$B$17,14,0)+IF('Standard Profiles'!$G$21=$B$24,21,0),MOD($C1073,24)+1)/SUM(INDEX($D$3:$AA$30,INDEX(Jesper!$R$2:$R$366,ROW(INDEX(Jesper!AK$2:AK$366,ROUNDDOWN($C1073/24,0)+1,1))-1)+IF('Standard Profiles'!$G$21=$B$10,7,0)+IF('Standard Profiles'!$G$21=$B$17,14,0)+IF('Standard Profiles'!$G$21=$B$24,21,0),0)),0)</f>
        <v>18.77809110685952</v>
      </c>
      <c r="H1073" cm="1">
        <f t="array" ref="H1073">IFERROR(INDEX(Jesper!AL$2:AL$366,ROUNDDOWN($C1073/24,0)+1,1)*INDEX($D$3:$AA$30,INDEX(Jesper!$R$2:$R$366,ROW(INDEX(Jesper!AL$2:AL$366,ROUNDDOWN($C1073/24,0)+1,1))-1)+IF('Standard Profiles'!$G$22=$B$10,7,0)+IF('Standard Profiles'!$G$22=$B$17,14,0)+IF('Standard Profiles'!$G$22=$B$24,21,0),MOD($C1073,24)+1)/SUM(INDEX($D$3:$AA$30,INDEX(Jesper!$R$2:$R$366,ROW(INDEX(Jesper!AL$2:AL$366,ROUNDDOWN($C1073/24,0)+1,1))-1)+IF('Standard Profiles'!$G$22=$B$10,7,0)+IF('Standard Profiles'!$G$22=$B$17,14,0)+IF('Standard Profiles'!$G$22=$B$24,21,0),0)),0)</f>
        <v>0</v>
      </c>
      <c r="I1073">
        <f t="shared" si="132"/>
        <v>9.0134837312925651</v>
      </c>
      <c r="J1073">
        <f t="shared" si="133"/>
        <v>55.919641940052685</v>
      </c>
      <c r="K1073">
        <f t="shared" si="134"/>
        <v>2.6098731146100338</v>
      </c>
      <c r="L1073">
        <f t="shared" si="135"/>
        <v>1.3049365573050169</v>
      </c>
      <c r="M1073">
        <f t="shared" si="136"/>
        <v>0</v>
      </c>
      <c r="N1073" s="45">
        <f t="shared" si="137"/>
        <v>44970.291666664147</v>
      </c>
    </row>
    <row r="1074" spans="2:14" x14ac:dyDescent="0.25">
      <c r="B1074">
        <f t="shared" si="131"/>
        <v>1</v>
      </c>
      <c r="C1074" s="16">
        <v>1040</v>
      </c>
      <c r="D1074" cm="1">
        <f t="array" ref="D1074">IFERROR(INDEX(Jesper!AH$2:AH$366,ROUNDDOWN($C1074/24,0)+1,1)*INDEX($D$3:$AA$30,INDEX(Jesper!$R$2:$R$366,ROW(INDEX(Jesper!AH$2:AH$366,ROUNDDOWN($C1074/24,0)+1,1))-1)+IF('Standard Profiles'!$G$18=$B$10,7,0)+IF('Standard Profiles'!$G$18=$B$17,14,0)+IF('Standard Profiles'!$G$18=$B$24,21,0),MOD($C1074,24)+1)/SUM(INDEX($D$3:$AA$30,INDEX(Jesper!$R$2:$R$366,ROW(INDEX(Jesper!AH$2:AH$366,ROUNDDOWN($C1074/24,0)+1,1))-1)+IF('Standard Profiles'!$G$18=$B$10,7,0)+IF('Standard Profiles'!$G$18=$B$17,14,0)+IF('Standard Profiles'!$G$18=$B$24,21,0),0)),0)</f>
        <v>27.526005505652702</v>
      </c>
      <c r="E1074" cm="1">
        <f t="array" ref="E1074">IFERROR(INDEX(Jesper!AI$2:AI$366,ROUNDDOWN($C1074/24,0)+1,1)*INDEX($D$3:$AA$30,INDEX(Jesper!$R$2:$R$366,ROW(INDEX(Jesper!AI$2:AI$366,ROUNDDOWN($C1074/24,0)+1,1))-1)+IF('Standard Profiles'!$G$19=$B$10,7,0)+IF('Standard Profiles'!$G$19=$B$17,14,0)+IF('Standard Profiles'!$G$19=$B$24,21,0),MOD($C1074,24)+1)/SUM(INDEX($D$3:$AA$30,INDEX(Jesper!$R$2:$R$366,ROW(INDEX(Jesper!AI$2:AI$366,ROUNDDOWN($C1074/24,0)+1,1))-1)+IF('Standard Profiles'!$G$19=$B$10,7,0)+IF('Standard Profiles'!$G$19=$B$17,14,0)+IF('Standard Profiles'!$G$19=$B$24,21,0),0)),0)</f>
        <v>28.802569260298181</v>
      </c>
      <c r="F1074" cm="1">
        <f t="array" ref="F1074">IFERROR(INDEX(Jesper!AJ$2:AJ$366,ROUNDDOWN($C1074/24,0)+1,1)*INDEX($D$3:$AA$30,INDEX(Jesper!$R$2:$R$366,ROW(INDEX(Jesper!AJ$2:AJ$366,ROUNDDOWN($C1074/24,0)+1,1))-1)+IF('Standard Profiles'!$G$20=$B$10,7,0)+IF('Standard Profiles'!$G$20=$B$17,14,0)+IF('Standard Profiles'!$G$20=$B$24,21,0),MOD($C1074,24)+1)/SUM(INDEX($D$3:$AA$30,INDEX(Jesper!$R$2:$R$366,ROW(INDEX(Jesper!AJ$2:AJ$366,ROUNDDOWN($C1074/24,0)+1,1))-1)+IF('Standard Profiles'!$G$20=$B$10,7,0)+IF('Standard Profiles'!$G$20=$B$17,14,0)+IF('Standard Profiles'!$G$20=$B$24,21,0),0)),0)</f>
        <v>0</v>
      </c>
      <c r="G1074" cm="1">
        <f t="array" ref="G1074">IFERROR(INDEX(Jesper!AK$2:AK$366,ROUNDDOWN($C1074/24,0)+1,1)*INDEX($D$3:$AA$30,INDEX(Jesper!$R$2:$R$366,ROW(INDEX(Jesper!AK$2:AK$366,ROUNDDOWN($C1074/24,0)+1,1))-1)+IF('Standard Profiles'!$G$21=$B$10,7,0)+IF('Standard Profiles'!$G$21=$B$17,14,0)+IF('Standard Profiles'!$G$21=$B$24,21,0),MOD($C1074,24)+1)/SUM(INDEX($D$3:$AA$30,INDEX(Jesper!$R$2:$R$366,ROW(INDEX(Jesper!AK$2:AK$366,ROUNDDOWN($C1074/24,0)+1,1))-1)+IF('Standard Profiles'!$G$21=$B$10,7,0)+IF('Standard Profiles'!$G$21=$B$17,14,0)+IF('Standard Profiles'!$G$21=$B$24,21,0),0)),0)</f>
        <v>21.125352495216966</v>
      </c>
      <c r="H1074" cm="1">
        <f t="array" ref="H1074">IFERROR(INDEX(Jesper!AL$2:AL$366,ROUNDDOWN($C1074/24,0)+1,1)*INDEX($D$3:$AA$30,INDEX(Jesper!$R$2:$R$366,ROW(INDEX(Jesper!AL$2:AL$366,ROUNDDOWN($C1074/24,0)+1,1))-1)+IF('Standard Profiles'!$G$22=$B$10,7,0)+IF('Standard Profiles'!$G$22=$B$17,14,0)+IF('Standard Profiles'!$G$22=$B$24,21,0),MOD($C1074,24)+1)/SUM(INDEX($D$3:$AA$30,INDEX(Jesper!$R$2:$R$366,ROW(INDEX(Jesper!AL$2:AL$366,ROUNDDOWN($C1074/24,0)+1,1))-1)+IF('Standard Profiles'!$G$22=$B$10,7,0)+IF('Standard Profiles'!$G$22=$B$17,14,0)+IF('Standard Profiles'!$G$22=$B$24,21,0),0)),0)</f>
        <v>0</v>
      </c>
      <c r="I1074">
        <f t="shared" si="132"/>
        <v>10.140169197704138</v>
      </c>
      <c r="J1074">
        <f t="shared" si="133"/>
        <v>62.909597182559274</v>
      </c>
      <c r="K1074">
        <f t="shared" si="134"/>
        <v>2.9361072539362882</v>
      </c>
      <c r="L1074">
        <f t="shared" si="135"/>
        <v>1.4680536269681441</v>
      </c>
      <c r="M1074">
        <f t="shared" si="136"/>
        <v>0</v>
      </c>
      <c r="N1074" s="45">
        <f t="shared" si="137"/>
        <v>44970.333333330811</v>
      </c>
    </row>
    <row r="1075" spans="2:14" x14ac:dyDescent="0.25">
      <c r="B1075">
        <f t="shared" si="131"/>
        <v>1</v>
      </c>
      <c r="C1075" s="16">
        <v>1041</v>
      </c>
      <c r="D1075" cm="1">
        <f t="array" ref="D1075">IFERROR(INDEX(Jesper!AH$2:AH$366,ROUNDDOWN($C1075/24,0)+1,1)*INDEX($D$3:$AA$30,INDEX(Jesper!$R$2:$R$366,ROW(INDEX(Jesper!AH$2:AH$366,ROUNDDOWN($C1075/24,0)+1,1))-1)+IF('Standard Profiles'!$G$18=$B$10,7,0)+IF('Standard Profiles'!$G$18=$B$17,14,0)+IF('Standard Profiles'!$G$18=$B$24,21,0),MOD($C1075,24)+1)/SUM(INDEX($D$3:$AA$30,INDEX(Jesper!$R$2:$R$366,ROW(INDEX(Jesper!AH$2:AH$366,ROUNDDOWN($C1075/24,0)+1,1))-1)+IF('Standard Profiles'!$G$18=$B$10,7,0)+IF('Standard Profiles'!$G$18=$B$17,14,0)+IF('Standard Profiles'!$G$18=$B$24,21,0),0)),0)</f>
        <v>30.584450561836331</v>
      </c>
      <c r="E1075" cm="1">
        <f t="array" ref="E1075">IFERROR(INDEX(Jesper!AI$2:AI$366,ROUNDDOWN($C1075/24,0)+1,1)*INDEX($D$3:$AA$30,INDEX(Jesper!$R$2:$R$366,ROW(INDEX(Jesper!AI$2:AI$366,ROUNDDOWN($C1075/24,0)+1,1))-1)+IF('Standard Profiles'!$G$19=$B$10,7,0)+IF('Standard Profiles'!$G$19=$B$17,14,0)+IF('Standard Profiles'!$G$19=$B$24,21,0),MOD($C1075,24)+1)/SUM(INDEX($D$3:$AA$30,INDEX(Jesper!$R$2:$R$366,ROW(INDEX(Jesper!AI$2:AI$366,ROUNDDOWN($C1075/24,0)+1,1))-1)+IF('Standard Profiles'!$G$19=$B$10,7,0)+IF('Standard Profiles'!$G$19=$B$17,14,0)+IF('Standard Profiles'!$G$19=$B$24,21,0),0)),0)</f>
        <v>32.002854733664648</v>
      </c>
      <c r="F1075" cm="1">
        <f t="array" ref="F1075">IFERROR(INDEX(Jesper!AJ$2:AJ$366,ROUNDDOWN($C1075/24,0)+1,1)*INDEX($D$3:$AA$30,INDEX(Jesper!$R$2:$R$366,ROW(INDEX(Jesper!AJ$2:AJ$366,ROUNDDOWN($C1075/24,0)+1,1))-1)+IF('Standard Profiles'!$G$20=$B$10,7,0)+IF('Standard Profiles'!$G$20=$B$17,14,0)+IF('Standard Profiles'!$G$20=$B$24,21,0),MOD($C1075,24)+1)/SUM(INDEX($D$3:$AA$30,INDEX(Jesper!$R$2:$R$366,ROW(INDEX(Jesper!AJ$2:AJ$366,ROUNDDOWN($C1075/24,0)+1,1))-1)+IF('Standard Profiles'!$G$20=$B$10,7,0)+IF('Standard Profiles'!$G$20=$B$17,14,0)+IF('Standard Profiles'!$G$20=$B$24,21,0),0)),0)</f>
        <v>0</v>
      </c>
      <c r="G1075" cm="1">
        <f t="array" ref="G1075">IFERROR(INDEX(Jesper!AK$2:AK$366,ROUNDDOWN($C1075/24,0)+1,1)*INDEX($D$3:$AA$30,INDEX(Jesper!$R$2:$R$366,ROW(INDEX(Jesper!AK$2:AK$366,ROUNDDOWN($C1075/24,0)+1,1))-1)+IF('Standard Profiles'!$G$21=$B$10,7,0)+IF('Standard Profiles'!$G$21=$B$17,14,0)+IF('Standard Profiles'!$G$21=$B$24,21,0),MOD($C1075,24)+1)/SUM(INDEX($D$3:$AA$30,INDEX(Jesper!$R$2:$R$366,ROW(INDEX(Jesper!AK$2:AK$366,ROUNDDOWN($C1075/24,0)+1,1))-1)+IF('Standard Profiles'!$G$21=$B$10,7,0)+IF('Standard Profiles'!$G$21=$B$17,14,0)+IF('Standard Profiles'!$G$21=$B$24,21,0),0)),0)</f>
        <v>23.472613883574404</v>
      </c>
      <c r="H1075" cm="1">
        <f t="array" ref="H1075">IFERROR(INDEX(Jesper!AL$2:AL$366,ROUNDDOWN($C1075/24,0)+1,1)*INDEX($D$3:$AA$30,INDEX(Jesper!$R$2:$R$366,ROW(INDEX(Jesper!AL$2:AL$366,ROUNDDOWN($C1075/24,0)+1,1))-1)+IF('Standard Profiles'!$G$22=$B$10,7,0)+IF('Standard Profiles'!$G$22=$B$17,14,0)+IF('Standard Profiles'!$G$22=$B$24,21,0),MOD($C1075,24)+1)/SUM(INDEX($D$3:$AA$30,INDEX(Jesper!$R$2:$R$366,ROW(INDEX(Jesper!AL$2:AL$366,ROUNDDOWN($C1075/24,0)+1,1))-1)+IF('Standard Profiles'!$G$22=$B$10,7,0)+IF('Standard Profiles'!$G$22=$B$17,14,0)+IF('Standard Profiles'!$G$22=$B$24,21,0),0)),0)</f>
        <v>0</v>
      </c>
      <c r="I1075">
        <f t="shared" si="132"/>
        <v>11.266854664115709</v>
      </c>
      <c r="J1075">
        <f t="shared" si="133"/>
        <v>69.899552425065863</v>
      </c>
      <c r="K1075">
        <f t="shared" si="134"/>
        <v>3.2623413932625422</v>
      </c>
      <c r="L1075">
        <f t="shared" si="135"/>
        <v>1.6311706966312711</v>
      </c>
      <c r="M1075">
        <f t="shared" si="136"/>
        <v>0</v>
      </c>
      <c r="N1075" s="45">
        <f t="shared" si="137"/>
        <v>44970.374999997475</v>
      </c>
    </row>
    <row r="1076" spans="2:14" x14ac:dyDescent="0.25">
      <c r="B1076">
        <f t="shared" si="131"/>
        <v>1</v>
      </c>
      <c r="C1076" s="16">
        <v>1042</v>
      </c>
      <c r="D1076" cm="1">
        <f t="array" ref="D1076">IFERROR(INDEX(Jesper!AH$2:AH$366,ROUNDDOWN($C1076/24,0)+1,1)*INDEX($D$3:$AA$30,INDEX(Jesper!$R$2:$R$366,ROW(INDEX(Jesper!AH$2:AH$366,ROUNDDOWN($C1076/24,0)+1,1))-1)+IF('Standard Profiles'!$G$18=$B$10,7,0)+IF('Standard Profiles'!$G$18=$B$17,14,0)+IF('Standard Profiles'!$G$18=$B$24,21,0),MOD($C1076,24)+1)/SUM(INDEX($D$3:$AA$30,INDEX(Jesper!$R$2:$R$366,ROW(INDEX(Jesper!AH$2:AH$366,ROUNDDOWN($C1076/24,0)+1,1))-1)+IF('Standard Profiles'!$G$18=$B$10,7,0)+IF('Standard Profiles'!$G$18=$B$17,14,0)+IF('Standard Profiles'!$G$18=$B$24,21,0),0)),0)</f>
        <v>30.584450561836331</v>
      </c>
      <c r="E1076" cm="1">
        <f t="array" ref="E1076">IFERROR(INDEX(Jesper!AI$2:AI$366,ROUNDDOWN($C1076/24,0)+1,1)*INDEX($D$3:$AA$30,INDEX(Jesper!$R$2:$R$366,ROW(INDEX(Jesper!AI$2:AI$366,ROUNDDOWN($C1076/24,0)+1,1))-1)+IF('Standard Profiles'!$G$19=$B$10,7,0)+IF('Standard Profiles'!$G$19=$B$17,14,0)+IF('Standard Profiles'!$G$19=$B$24,21,0),MOD($C1076,24)+1)/SUM(INDEX($D$3:$AA$30,INDEX(Jesper!$R$2:$R$366,ROW(INDEX(Jesper!AI$2:AI$366,ROUNDDOWN($C1076/24,0)+1,1))-1)+IF('Standard Profiles'!$G$19=$B$10,7,0)+IF('Standard Profiles'!$G$19=$B$17,14,0)+IF('Standard Profiles'!$G$19=$B$24,21,0),0)),0)</f>
        <v>32.002854733664648</v>
      </c>
      <c r="F1076" cm="1">
        <f t="array" ref="F1076">IFERROR(INDEX(Jesper!AJ$2:AJ$366,ROUNDDOWN($C1076/24,0)+1,1)*INDEX($D$3:$AA$30,INDEX(Jesper!$R$2:$R$366,ROW(INDEX(Jesper!AJ$2:AJ$366,ROUNDDOWN($C1076/24,0)+1,1))-1)+IF('Standard Profiles'!$G$20=$B$10,7,0)+IF('Standard Profiles'!$G$20=$B$17,14,0)+IF('Standard Profiles'!$G$20=$B$24,21,0),MOD($C1076,24)+1)/SUM(INDEX($D$3:$AA$30,INDEX(Jesper!$R$2:$R$366,ROW(INDEX(Jesper!AJ$2:AJ$366,ROUNDDOWN($C1076/24,0)+1,1))-1)+IF('Standard Profiles'!$G$20=$B$10,7,0)+IF('Standard Profiles'!$G$20=$B$17,14,0)+IF('Standard Profiles'!$G$20=$B$24,21,0),0)),0)</f>
        <v>0</v>
      </c>
      <c r="G1076" cm="1">
        <f t="array" ref="G1076">IFERROR(INDEX(Jesper!AK$2:AK$366,ROUNDDOWN($C1076/24,0)+1,1)*INDEX($D$3:$AA$30,INDEX(Jesper!$R$2:$R$366,ROW(INDEX(Jesper!AK$2:AK$366,ROUNDDOWN($C1076/24,0)+1,1))-1)+IF('Standard Profiles'!$G$21=$B$10,7,0)+IF('Standard Profiles'!$G$21=$B$17,14,0)+IF('Standard Profiles'!$G$21=$B$24,21,0),MOD($C1076,24)+1)/SUM(INDEX($D$3:$AA$30,INDEX(Jesper!$R$2:$R$366,ROW(INDEX(Jesper!AK$2:AK$366,ROUNDDOWN($C1076/24,0)+1,1))-1)+IF('Standard Profiles'!$G$21=$B$10,7,0)+IF('Standard Profiles'!$G$21=$B$17,14,0)+IF('Standard Profiles'!$G$21=$B$24,21,0),0)),0)</f>
        <v>23.472613883574404</v>
      </c>
      <c r="H1076" cm="1">
        <f t="array" ref="H1076">IFERROR(INDEX(Jesper!AL$2:AL$366,ROUNDDOWN($C1076/24,0)+1,1)*INDEX($D$3:$AA$30,INDEX(Jesper!$R$2:$R$366,ROW(INDEX(Jesper!AL$2:AL$366,ROUNDDOWN($C1076/24,0)+1,1))-1)+IF('Standard Profiles'!$G$22=$B$10,7,0)+IF('Standard Profiles'!$G$22=$B$17,14,0)+IF('Standard Profiles'!$G$22=$B$24,21,0),MOD($C1076,24)+1)/SUM(INDEX($D$3:$AA$30,INDEX(Jesper!$R$2:$R$366,ROW(INDEX(Jesper!AL$2:AL$366,ROUNDDOWN($C1076/24,0)+1,1))-1)+IF('Standard Profiles'!$G$22=$B$10,7,0)+IF('Standard Profiles'!$G$22=$B$17,14,0)+IF('Standard Profiles'!$G$22=$B$24,21,0),0)),0)</f>
        <v>0</v>
      </c>
      <c r="I1076">
        <f t="shared" si="132"/>
        <v>11.266854664115709</v>
      </c>
      <c r="J1076">
        <f t="shared" si="133"/>
        <v>69.899552425065863</v>
      </c>
      <c r="K1076">
        <f t="shared" si="134"/>
        <v>3.2623413932625422</v>
      </c>
      <c r="L1076">
        <f t="shared" si="135"/>
        <v>1.6311706966312711</v>
      </c>
      <c r="M1076">
        <f t="shared" si="136"/>
        <v>0</v>
      </c>
      <c r="N1076" s="45">
        <f t="shared" si="137"/>
        <v>44970.416666664139</v>
      </c>
    </row>
    <row r="1077" spans="2:14" x14ac:dyDescent="0.25">
      <c r="B1077">
        <f t="shared" si="131"/>
        <v>1</v>
      </c>
      <c r="C1077" s="16">
        <v>1043</v>
      </c>
      <c r="D1077" cm="1">
        <f t="array" ref="D1077">IFERROR(INDEX(Jesper!AH$2:AH$366,ROUNDDOWN($C1077/24,0)+1,1)*INDEX($D$3:$AA$30,INDEX(Jesper!$R$2:$R$366,ROW(INDEX(Jesper!AH$2:AH$366,ROUNDDOWN($C1077/24,0)+1,1))-1)+IF('Standard Profiles'!$G$18=$B$10,7,0)+IF('Standard Profiles'!$G$18=$B$17,14,0)+IF('Standard Profiles'!$G$18=$B$24,21,0),MOD($C1077,24)+1)/SUM(INDEX($D$3:$AA$30,INDEX(Jesper!$R$2:$R$366,ROW(INDEX(Jesper!AH$2:AH$366,ROUNDDOWN($C1077/24,0)+1,1))-1)+IF('Standard Profiles'!$G$18=$B$10,7,0)+IF('Standard Profiles'!$G$18=$B$17,14,0)+IF('Standard Profiles'!$G$18=$B$24,21,0),0)),0)</f>
        <v>36.7013406742036</v>
      </c>
      <c r="E1077" cm="1">
        <f t="array" ref="E1077">IFERROR(INDEX(Jesper!AI$2:AI$366,ROUNDDOWN($C1077/24,0)+1,1)*INDEX($D$3:$AA$30,INDEX(Jesper!$R$2:$R$366,ROW(INDEX(Jesper!AI$2:AI$366,ROUNDDOWN($C1077/24,0)+1,1))-1)+IF('Standard Profiles'!$G$19=$B$10,7,0)+IF('Standard Profiles'!$G$19=$B$17,14,0)+IF('Standard Profiles'!$G$19=$B$24,21,0),MOD($C1077,24)+1)/SUM(INDEX($D$3:$AA$30,INDEX(Jesper!$R$2:$R$366,ROW(INDEX(Jesper!AI$2:AI$366,ROUNDDOWN($C1077/24,0)+1,1))-1)+IF('Standard Profiles'!$G$19=$B$10,7,0)+IF('Standard Profiles'!$G$19=$B$17,14,0)+IF('Standard Profiles'!$G$19=$B$24,21,0),0)),0)</f>
        <v>38.403425680397575</v>
      </c>
      <c r="F1077" cm="1">
        <f t="array" ref="F1077">IFERROR(INDEX(Jesper!AJ$2:AJ$366,ROUNDDOWN($C1077/24,0)+1,1)*INDEX($D$3:$AA$30,INDEX(Jesper!$R$2:$R$366,ROW(INDEX(Jesper!AJ$2:AJ$366,ROUNDDOWN($C1077/24,0)+1,1))-1)+IF('Standard Profiles'!$G$20=$B$10,7,0)+IF('Standard Profiles'!$G$20=$B$17,14,0)+IF('Standard Profiles'!$G$20=$B$24,21,0),MOD($C1077,24)+1)/SUM(INDEX($D$3:$AA$30,INDEX(Jesper!$R$2:$R$366,ROW(INDEX(Jesper!AJ$2:AJ$366,ROUNDDOWN($C1077/24,0)+1,1))-1)+IF('Standard Profiles'!$G$20=$B$10,7,0)+IF('Standard Profiles'!$G$20=$B$17,14,0)+IF('Standard Profiles'!$G$20=$B$24,21,0),0)),0)</f>
        <v>0</v>
      </c>
      <c r="G1077" cm="1">
        <f t="array" ref="G1077">IFERROR(INDEX(Jesper!AK$2:AK$366,ROUNDDOWN($C1077/24,0)+1,1)*INDEX($D$3:$AA$30,INDEX(Jesper!$R$2:$R$366,ROW(INDEX(Jesper!AK$2:AK$366,ROUNDDOWN($C1077/24,0)+1,1))-1)+IF('Standard Profiles'!$G$21=$B$10,7,0)+IF('Standard Profiles'!$G$21=$B$17,14,0)+IF('Standard Profiles'!$G$21=$B$24,21,0),MOD($C1077,24)+1)/SUM(INDEX($D$3:$AA$30,INDEX(Jesper!$R$2:$R$366,ROW(INDEX(Jesper!AK$2:AK$366,ROUNDDOWN($C1077/24,0)+1,1))-1)+IF('Standard Profiles'!$G$21=$B$10,7,0)+IF('Standard Profiles'!$G$21=$B$17,14,0)+IF('Standard Profiles'!$G$21=$B$24,21,0),0)),0)</f>
        <v>28.16713666028928</v>
      </c>
      <c r="H1077" cm="1">
        <f t="array" ref="H1077">IFERROR(INDEX(Jesper!AL$2:AL$366,ROUNDDOWN($C1077/24,0)+1,1)*INDEX($D$3:$AA$30,INDEX(Jesper!$R$2:$R$366,ROW(INDEX(Jesper!AL$2:AL$366,ROUNDDOWN($C1077/24,0)+1,1))-1)+IF('Standard Profiles'!$G$22=$B$10,7,0)+IF('Standard Profiles'!$G$22=$B$17,14,0)+IF('Standard Profiles'!$G$22=$B$24,21,0),MOD($C1077,24)+1)/SUM(INDEX($D$3:$AA$30,INDEX(Jesper!$R$2:$R$366,ROW(INDEX(Jesper!AL$2:AL$366,ROUNDDOWN($C1077/24,0)+1,1))-1)+IF('Standard Profiles'!$G$22=$B$10,7,0)+IF('Standard Profiles'!$G$22=$B$17,14,0)+IF('Standard Profiles'!$G$22=$B$24,21,0),0)),0)</f>
        <v>0</v>
      </c>
      <c r="I1077">
        <f t="shared" si="132"/>
        <v>13.520225596938849</v>
      </c>
      <c r="J1077">
        <f t="shared" si="133"/>
        <v>83.879462910079027</v>
      </c>
      <c r="K1077">
        <f t="shared" si="134"/>
        <v>3.9148096719150507</v>
      </c>
      <c r="L1077">
        <f t="shared" si="135"/>
        <v>1.9574048359575253</v>
      </c>
      <c r="M1077">
        <f t="shared" si="136"/>
        <v>0</v>
      </c>
      <c r="N1077" s="45">
        <f t="shared" si="137"/>
        <v>44970.458333330804</v>
      </c>
    </row>
    <row r="1078" spans="2:14" x14ac:dyDescent="0.25">
      <c r="B1078">
        <f t="shared" si="131"/>
        <v>1</v>
      </c>
      <c r="C1078" s="16">
        <v>1044</v>
      </c>
      <c r="D1078" cm="1">
        <f t="array" ref="D1078">IFERROR(INDEX(Jesper!AH$2:AH$366,ROUNDDOWN($C1078/24,0)+1,1)*INDEX($D$3:$AA$30,INDEX(Jesper!$R$2:$R$366,ROW(INDEX(Jesper!AH$2:AH$366,ROUNDDOWN($C1078/24,0)+1,1))-1)+IF('Standard Profiles'!$G$18=$B$10,7,0)+IF('Standard Profiles'!$G$18=$B$17,14,0)+IF('Standard Profiles'!$G$18=$B$24,21,0),MOD($C1078,24)+1)/SUM(INDEX($D$3:$AA$30,INDEX(Jesper!$R$2:$R$366,ROW(INDEX(Jesper!AH$2:AH$366,ROUNDDOWN($C1078/24,0)+1,1))-1)+IF('Standard Profiles'!$G$18=$B$10,7,0)+IF('Standard Profiles'!$G$18=$B$17,14,0)+IF('Standard Profiles'!$G$18=$B$24,21,0),0)),0)</f>
        <v>36.7013406742036</v>
      </c>
      <c r="E1078" cm="1">
        <f t="array" ref="E1078">IFERROR(INDEX(Jesper!AI$2:AI$366,ROUNDDOWN($C1078/24,0)+1,1)*INDEX($D$3:$AA$30,INDEX(Jesper!$R$2:$R$366,ROW(INDEX(Jesper!AI$2:AI$366,ROUNDDOWN($C1078/24,0)+1,1))-1)+IF('Standard Profiles'!$G$19=$B$10,7,0)+IF('Standard Profiles'!$G$19=$B$17,14,0)+IF('Standard Profiles'!$G$19=$B$24,21,0),MOD($C1078,24)+1)/SUM(INDEX($D$3:$AA$30,INDEX(Jesper!$R$2:$R$366,ROW(INDEX(Jesper!AI$2:AI$366,ROUNDDOWN($C1078/24,0)+1,1))-1)+IF('Standard Profiles'!$G$19=$B$10,7,0)+IF('Standard Profiles'!$G$19=$B$17,14,0)+IF('Standard Profiles'!$G$19=$B$24,21,0),0)),0)</f>
        <v>38.403425680397575</v>
      </c>
      <c r="F1078" cm="1">
        <f t="array" ref="F1078">IFERROR(INDEX(Jesper!AJ$2:AJ$366,ROUNDDOWN($C1078/24,0)+1,1)*INDEX($D$3:$AA$30,INDEX(Jesper!$R$2:$R$366,ROW(INDEX(Jesper!AJ$2:AJ$366,ROUNDDOWN($C1078/24,0)+1,1))-1)+IF('Standard Profiles'!$G$20=$B$10,7,0)+IF('Standard Profiles'!$G$20=$B$17,14,0)+IF('Standard Profiles'!$G$20=$B$24,21,0),MOD($C1078,24)+1)/SUM(INDEX($D$3:$AA$30,INDEX(Jesper!$R$2:$R$366,ROW(INDEX(Jesper!AJ$2:AJ$366,ROUNDDOWN($C1078/24,0)+1,1))-1)+IF('Standard Profiles'!$G$20=$B$10,7,0)+IF('Standard Profiles'!$G$20=$B$17,14,0)+IF('Standard Profiles'!$G$20=$B$24,21,0),0)),0)</f>
        <v>0</v>
      </c>
      <c r="G1078" cm="1">
        <f t="array" ref="G1078">IFERROR(INDEX(Jesper!AK$2:AK$366,ROUNDDOWN($C1078/24,0)+1,1)*INDEX($D$3:$AA$30,INDEX(Jesper!$R$2:$R$366,ROW(INDEX(Jesper!AK$2:AK$366,ROUNDDOWN($C1078/24,0)+1,1))-1)+IF('Standard Profiles'!$G$21=$B$10,7,0)+IF('Standard Profiles'!$G$21=$B$17,14,0)+IF('Standard Profiles'!$G$21=$B$24,21,0),MOD($C1078,24)+1)/SUM(INDEX($D$3:$AA$30,INDEX(Jesper!$R$2:$R$366,ROW(INDEX(Jesper!AK$2:AK$366,ROUNDDOWN($C1078/24,0)+1,1))-1)+IF('Standard Profiles'!$G$21=$B$10,7,0)+IF('Standard Profiles'!$G$21=$B$17,14,0)+IF('Standard Profiles'!$G$21=$B$24,21,0),0)),0)</f>
        <v>28.16713666028928</v>
      </c>
      <c r="H1078" cm="1">
        <f t="array" ref="H1078">IFERROR(INDEX(Jesper!AL$2:AL$366,ROUNDDOWN($C1078/24,0)+1,1)*INDEX($D$3:$AA$30,INDEX(Jesper!$R$2:$R$366,ROW(INDEX(Jesper!AL$2:AL$366,ROUNDDOWN($C1078/24,0)+1,1))-1)+IF('Standard Profiles'!$G$22=$B$10,7,0)+IF('Standard Profiles'!$G$22=$B$17,14,0)+IF('Standard Profiles'!$G$22=$B$24,21,0),MOD($C1078,24)+1)/SUM(INDEX($D$3:$AA$30,INDEX(Jesper!$R$2:$R$366,ROW(INDEX(Jesper!AL$2:AL$366,ROUNDDOWN($C1078/24,0)+1,1))-1)+IF('Standard Profiles'!$G$22=$B$10,7,0)+IF('Standard Profiles'!$G$22=$B$17,14,0)+IF('Standard Profiles'!$G$22=$B$24,21,0),0)),0)</f>
        <v>0</v>
      </c>
      <c r="I1078">
        <f t="shared" si="132"/>
        <v>13.520225596938849</v>
      </c>
      <c r="J1078">
        <f t="shared" si="133"/>
        <v>83.879462910079027</v>
      </c>
      <c r="K1078">
        <f t="shared" si="134"/>
        <v>3.9148096719150507</v>
      </c>
      <c r="L1078">
        <f t="shared" si="135"/>
        <v>1.9574048359575253</v>
      </c>
      <c r="M1078">
        <f t="shared" si="136"/>
        <v>0</v>
      </c>
      <c r="N1078" s="45">
        <f t="shared" si="137"/>
        <v>44970.499999997468</v>
      </c>
    </row>
    <row r="1079" spans="2:14" x14ac:dyDescent="0.25">
      <c r="B1079">
        <f t="shared" si="131"/>
        <v>1</v>
      </c>
      <c r="C1079" s="16">
        <v>1045</v>
      </c>
      <c r="D1079" cm="1">
        <f t="array" ref="D1079">IFERROR(INDEX(Jesper!AH$2:AH$366,ROUNDDOWN($C1079/24,0)+1,1)*INDEX($D$3:$AA$30,INDEX(Jesper!$R$2:$R$366,ROW(INDEX(Jesper!AH$2:AH$366,ROUNDDOWN($C1079/24,0)+1,1))-1)+IF('Standard Profiles'!$G$18=$B$10,7,0)+IF('Standard Profiles'!$G$18=$B$17,14,0)+IF('Standard Profiles'!$G$18=$B$24,21,0),MOD($C1079,24)+1)/SUM(INDEX($D$3:$AA$30,INDEX(Jesper!$R$2:$R$366,ROW(INDEX(Jesper!AH$2:AH$366,ROUNDDOWN($C1079/24,0)+1,1))-1)+IF('Standard Profiles'!$G$18=$B$10,7,0)+IF('Standard Profiles'!$G$18=$B$17,14,0)+IF('Standard Profiles'!$G$18=$B$24,21,0),0)),0)</f>
        <v>24.467560449469065</v>
      </c>
      <c r="E1079" cm="1">
        <f t="array" ref="E1079">IFERROR(INDEX(Jesper!AI$2:AI$366,ROUNDDOWN($C1079/24,0)+1,1)*INDEX($D$3:$AA$30,INDEX(Jesper!$R$2:$R$366,ROW(INDEX(Jesper!AI$2:AI$366,ROUNDDOWN($C1079/24,0)+1,1))-1)+IF('Standard Profiles'!$G$19=$B$10,7,0)+IF('Standard Profiles'!$G$19=$B$17,14,0)+IF('Standard Profiles'!$G$19=$B$24,21,0),MOD($C1079,24)+1)/SUM(INDEX($D$3:$AA$30,INDEX(Jesper!$R$2:$R$366,ROW(INDEX(Jesper!AI$2:AI$366,ROUNDDOWN($C1079/24,0)+1,1))-1)+IF('Standard Profiles'!$G$19=$B$10,7,0)+IF('Standard Profiles'!$G$19=$B$17,14,0)+IF('Standard Profiles'!$G$19=$B$24,21,0),0)),0)</f>
        <v>25.602283786931718</v>
      </c>
      <c r="F1079" cm="1">
        <f t="array" ref="F1079">IFERROR(INDEX(Jesper!AJ$2:AJ$366,ROUNDDOWN($C1079/24,0)+1,1)*INDEX($D$3:$AA$30,INDEX(Jesper!$R$2:$R$366,ROW(INDEX(Jesper!AJ$2:AJ$366,ROUNDDOWN($C1079/24,0)+1,1))-1)+IF('Standard Profiles'!$G$20=$B$10,7,0)+IF('Standard Profiles'!$G$20=$B$17,14,0)+IF('Standard Profiles'!$G$20=$B$24,21,0),MOD($C1079,24)+1)/SUM(INDEX($D$3:$AA$30,INDEX(Jesper!$R$2:$R$366,ROW(INDEX(Jesper!AJ$2:AJ$366,ROUNDDOWN($C1079/24,0)+1,1))-1)+IF('Standard Profiles'!$G$20=$B$10,7,0)+IF('Standard Profiles'!$G$20=$B$17,14,0)+IF('Standard Profiles'!$G$20=$B$24,21,0),0)),0)</f>
        <v>0</v>
      </c>
      <c r="G1079" cm="1">
        <f t="array" ref="G1079">IFERROR(INDEX(Jesper!AK$2:AK$366,ROUNDDOWN($C1079/24,0)+1,1)*INDEX($D$3:$AA$30,INDEX(Jesper!$R$2:$R$366,ROW(INDEX(Jesper!AK$2:AK$366,ROUNDDOWN($C1079/24,0)+1,1))-1)+IF('Standard Profiles'!$G$21=$B$10,7,0)+IF('Standard Profiles'!$G$21=$B$17,14,0)+IF('Standard Profiles'!$G$21=$B$24,21,0),MOD($C1079,24)+1)/SUM(INDEX($D$3:$AA$30,INDEX(Jesper!$R$2:$R$366,ROW(INDEX(Jesper!AK$2:AK$366,ROUNDDOWN($C1079/24,0)+1,1))-1)+IF('Standard Profiles'!$G$21=$B$10,7,0)+IF('Standard Profiles'!$G$21=$B$17,14,0)+IF('Standard Profiles'!$G$21=$B$24,21,0),0)),0)</f>
        <v>18.77809110685952</v>
      </c>
      <c r="H1079" cm="1">
        <f t="array" ref="H1079">IFERROR(INDEX(Jesper!AL$2:AL$366,ROUNDDOWN($C1079/24,0)+1,1)*INDEX($D$3:$AA$30,INDEX(Jesper!$R$2:$R$366,ROW(INDEX(Jesper!AL$2:AL$366,ROUNDDOWN($C1079/24,0)+1,1))-1)+IF('Standard Profiles'!$G$22=$B$10,7,0)+IF('Standard Profiles'!$G$22=$B$17,14,0)+IF('Standard Profiles'!$G$22=$B$24,21,0),MOD($C1079,24)+1)/SUM(INDEX($D$3:$AA$30,INDEX(Jesper!$R$2:$R$366,ROW(INDEX(Jesper!AL$2:AL$366,ROUNDDOWN($C1079/24,0)+1,1))-1)+IF('Standard Profiles'!$G$22=$B$10,7,0)+IF('Standard Profiles'!$G$22=$B$17,14,0)+IF('Standard Profiles'!$G$22=$B$24,21,0),0)),0)</f>
        <v>0</v>
      </c>
      <c r="I1079">
        <f t="shared" si="132"/>
        <v>9.0134837312925651</v>
      </c>
      <c r="J1079">
        <f t="shared" si="133"/>
        <v>55.919641940052685</v>
      </c>
      <c r="K1079">
        <f t="shared" si="134"/>
        <v>2.6098731146100338</v>
      </c>
      <c r="L1079">
        <f t="shared" si="135"/>
        <v>1.3049365573050169</v>
      </c>
      <c r="M1079">
        <f t="shared" si="136"/>
        <v>0</v>
      </c>
      <c r="N1079" s="45">
        <f t="shared" si="137"/>
        <v>44970.541666664132</v>
      </c>
    </row>
    <row r="1080" spans="2:14" x14ac:dyDescent="0.25">
      <c r="B1080">
        <f t="shared" si="131"/>
        <v>1</v>
      </c>
      <c r="C1080" s="16">
        <v>1046</v>
      </c>
      <c r="D1080" cm="1">
        <f t="array" ref="D1080">IFERROR(INDEX(Jesper!AH$2:AH$366,ROUNDDOWN($C1080/24,0)+1,1)*INDEX($D$3:$AA$30,INDEX(Jesper!$R$2:$R$366,ROW(INDEX(Jesper!AH$2:AH$366,ROUNDDOWN($C1080/24,0)+1,1))-1)+IF('Standard Profiles'!$G$18=$B$10,7,0)+IF('Standard Profiles'!$G$18=$B$17,14,0)+IF('Standard Profiles'!$G$18=$B$24,21,0),MOD($C1080,24)+1)/SUM(INDEX($D$3:$AA$30,INDEX(Jesper!$R$2:$R$366,ROW(INDEX(Jesper!AH$2:AH$366,ROUNDDOWN($C1080/24,0)+1,1))-1)+IF('Standard Profiles'!$G$18=$B$10,7,0)+IF('Standard Profiles'!$G$18=$B$17,14,0)+IF('Standard Profiles'!$G$18=$B$24,21,0),0)),0)</f>
        <v>36.7013406742036</v>
      </c>
      <c r="E1080" cm="1">
        <f t="array" ref="E1080">IFERROR(INDEX(Jesper!AI$2:AI$366,ROUNDDOWN($C1080/24,0)+1,1)*INDEX($D$3:$AA$30,INDEX(Jesper!$R$2:$R$366,ROW(INDEX(Jesper!AI$2:AI$366,ROUNDDOWN($C1080/24,0)+1,1))-1)+IF('Standard Profiles'!$G$19=$B$10,7,0)+IF('Standard Profiles'!$G$19=$B$17,14,0)+IF('Standard Profiles'!$G$19=$B$24,21,0),MOD($C1080,24)+1)/SUM(INDEX($D$3:$AA$30,INDEX(Jesper!$R$2:$R$366,ROW(INDEX(Jesper!AI$2:AI$366,ROUNDDOWN($C1080/24,0)+1,1))-1)+IF('Standard Profiles'!$G$19=$B$10,7,0)+IF('Standard Profiles'!$G$19=$B$17,14,0)+IF('Standard Profiles'!$G$19=$B$24,21,0),0)),0)</f>
        <v>38.403425680397575</v>
      </c>
      <c r="F1080" cm="1">
        <f t="array" ref="F1080">IFERROR(INDEX(Jesper!AJ$2:AJ$366,ROUNDDOWN($C1080/24,0)+1,1)*INDEX($D$3:$AA$30,INDEX(Jesper!$R$2:$R$366,ROW(INDEX(Jesper!AJ$2:AJ$366,ROUNDDOWN($C1080/24,0)+1,1))-1)+IF('Standard Profiles'!$G$20=$B$10,7,0)+IF('Standard Profiles'!$G$20=$B$17,14,0)+IF('Standard Profiles'!$G$20=$B$24,21,0),MOD($C1080,24)+1)/SUM(INDEX($D$3:$AA$30,INDEX(Jesper!$R$2:$R$366,ROW(INDEX(Jesper!AJ$2:AJ$366,ROUNDDOWN($C1080/24,0)+1,1))-1)+IF('Standard Profiles'!$G$20=$B$10,7,0)+IF('Standard Profiles'!$G$20=$B$17,14,0)+IF('Standard Profiles'!$G$20=$B$24,21,0),0)),0)</f>
        <v>0</v>
      </c>
      <c r="G1080" cm="1">
        <f t="array" ref="G1080">IFERROR(INDEX(Jesper!AK$2:AK$366,ROUNDDOWN($C1080/24,0)+1,1)*INDEX($D$3:$AA$30,INDEX(Jesper!$R$2:$R$366,ROW(INDEX(Jesper!AK$2:AK$366,ROUNDDOWN($C1080/24,0)+1,1))-1)+IF('Standard Profiles'!$G$21=$B$10,7,0)+IF('Standard Profiles'!$G$21=$B$17,14,0)+IF('Standard Profiles'!$G$21=$B$24,21,0),MOD($C1080,24)+1)/SUM(INDEX($D$3:$AA$30,INDEX(Jesper!$R$2:$R$366,ROW(INDEX(Jesper!AK$2:AK$366,ROUNDDOWN($C1080/24,0)+1,1))-1)+IF('Standard Profiles'!$G$21=$B$10,7,0)+IF('Standard Profiles'!$G$21=$B$17,14,0)+IF('Standard Profiles'!$G$21=$B$24,21,0),0)),0)</f>
        <v>28.16713666028928</v>
      </c>
      <c r="H1080" cm="1">
        <f t="array" ref="H1080">IFERROR(INDEX(Jesper!AL$2:AL$366,ROUNDDOWN($C1080/24,0)+1,1)*INDEX($D$3:$AA$30,INDEX(Jesper!$R$2:$R$366,ROW(INDEX(Jesper!AL$2:AL$366,ROUNDDOWN($C1080/24,0)+1,1))-1)+IF('Standard Profiles'!$G$22=$B$10,7,0)+IF('Standard Profiles'!$G$22=$B$17,14,0)+IF('Standard Profiles'!$G$22=$B$24,21,0),MOD($C1080,24)+1)/SUM(INDEX($D$3:$AA$30,INDEX(Jesper!$R$2:$R$366,ROW(INDEX(Jesper!AL$2:AL$366,ROUNDDOWN($C1080/24,0)+1,1))-1)+IF('Standard Profiles'!$G$22=$B$10,7,0)+IF('Standard Profiles'!$G$22=$B$17,14,0)+IF('Standard Profiles'!$G$22=$B$24,21,0),0)),0)</f>
        <v>0</v>
      </c>
      <c r="I1080">
        <f t="shared" si="132"/>
        <v>13.520225596938849</v>
      </c>
      <c r="J1080">
        <f t="shared" si="133"/>
        <v>83.879462910079027</v>
      </c>
      <c r="K1080">
        <f t="shared" si="134"/>
        <v>3.9148096719150507</v>
      </c>
      <c r="L1080">
        <f t="shared" si="135"/>
        <v>1.9574048359575253</v>
      </c>
      <c r="M1080">
        <f t="shared" si="136"/>
        <v>0</v>
      </c>
      <c r="N1080" s="45">
        <f t="shared" si="137"/>
        <v>44970.583333330796</v>
      </c>
    </row>
    <row r="1081" spans="2:14" x14ac:dyDescent="0.25">
      <c r="B1081">
        <f t="shared" si="131"/>
        <v>1</v>
      </c>
      <c r="C1081" s="16">
        <v>1047</v>
      </c>
      <c r="D1081" cm="1">
        <f t="array" ref="D1081">IFERROR(INDEX(Jesper!AH$2:AH$366,ROUNDDOWN($C1081/24,0)+1,1)*INDEX($D$3:$AA$30,INDEX(Jesper!$R$2:$R$366,ROW(INDEX(Jesper!AH$2:AH$366,ROUNDDOWN($C1081/24,0)+1,1))-1)+IF('Standard Profiles'!$G$18=$B$10,7,0)+IF('Standard Profiles'!$G$18=$B$17,14,0)+IF('Standard Profiles'!$G$18=$B$24,21,0),MOD($C1081,24)+1)/SUM(INDEX($D$3:$AA$30,INDEX(Jesper!$R$2:$R$366,ROW(INDEX(Jesper!AH$2:AH$366,ROUNDDOWN($C1081/24,0)+1,1))-1)+IF('Standard Profiles'!$G$18=$B$10,7,0)+IF('Standard Profiles'!$G$18=$B$17,14,0)+IF('Standard Profiles'!$G$18=$B$24,21,0),0)),0)</f>
        <v>36.7013406742036</v>
      </c>
      <c r="E1081" cm="1">
        <f t="array" ref="E1081">IFERROR(INDEX(Jesper!AI$2:AI$366,ROUNDDOWN($C1081/24,0)+1,1)*INDEX($D$3:$AA$30,INDEX(Jesper!$R$2:$R$366,ROW(INDEX(Jesper!AI$2:AI$366,ROUNDDOWN($C1081/24,0)+1,1))-1)+IF('Standard Profiles'!$G$19=$B$10,7,0)+IF('Standard Profiles'!$G$19=$B$17,14,0)+IF('Standard Profiles'!$G$19=$B$24,21,0),MOD($C1081,24)+1)/SUM(INDEX($D$3:$AA$30,INDEX(Jesper!$R$2:$R$366,ROW(INDEX(Jesper!AI$2:AI$366,ROUNDDOWN($C1081/24,0)+1,1))-1)+IF('Standard Profiles'!$G$19=$B$10,7,0)+IF('Standard Profiles'!$G$19=$B$17,14,0)+IF('Standard Profiles'!$G$19=$B$24,21,0),0)),0)</f>
        <v>38.403425680397575</v>
      </c>
      <c r="F1081" cm="1">
        <f t="array" ref="F1081">IFERROR(INDEX(Jesper!AJ$2:AJ$366,ROUNDDOWN($C1081/24,0)+1,1)*INDEX($D$3:$AA$30,INDEX(Jesper!$R$2:$R$366,ROW(INDEX(Jesper!AJ$2:AJ$366,ROUNDDOWN($C1081/24,0)+1,1))-1)+IF('Standard Profiles'!$G$20=$B$10,7,0)+IF('Standard Profiles'!$G$20=$B$17,14,0)+IF('Standard Profiles'!$G$20=$B$24,21,0),MOD($C1081,24)+1)/SUM(INDEX($D$3:$AA$30,INDEX(Jesper!$R$2:$R$366,ROW(INDEX(Jesper!AJ$2:AJ$366,ROUNDDOWN($C1081/24,0)+1,1))-1)+IF('Standard Profiles'!$G$20=$B$10,7,0)+IF('Standard Profiles'!$G$20=$B$17,14,0)+IF('Standard Profiles'!$G$20=$B$24,21,0),0)),0)</f>
        <v>0</v>
      </c>
      <c r="G1081" cm="1">
        <f t="array" ref="G1081">IFERROR(INDEX(Jesper!AK$2:AK$366,ROUNDDOWN($C1081/24,0)+1,1)*INDEX($D$3:$AA$30,INDEX(Jesper!$R$2:$R$366,ROW(INDEX(Jesper!AK$2:AK$366,ROUNDDOWN($C1081/24,0)+1,1))-1)+IF('Standard Profiles'!$G$21=$B$10,7,0)+IF('Standard Profiles'!$G$21=$B$17,14,0)+IF('Standard Profiles'!$G$21=$B$24,21,0),MOD($C1081,24)+1)/SUM(INDEX($D$3:$AA$30,INDEX(Jesper!$R$2:$R$366,ROW(INDEX(Jesper!AK$2:AK$366,ROUNDDOWN($C1081/24,0)+1,1))-1)+IF('Standard Profiles'!$G$21=$B$10,7,0)+IF('Standard Profiles'!$G$21=$B$17,14,0)+IF('Standard Profiles'!$G$21=$B$24,21,0),0)),0)</f>
        <v>28.16713666028928</v>
      </c>
      <c r="H1081" cm="1">
        <f t="array" ref="H1081">IFERROR(INDEX(Jesper!AL$2:AL$366,ROUNDDOWN($C1081/24,0)+1,1)*INDEX($D$3:$AA$30,INDEX(Jesper!$R$2:$R$366,ROW(INDEX(Jesper!AL$2:AL$366,ROUNDDOWN($C1081/24,0)+1,1))-1)+IF('Standard Profiles'!$G$22=$B$10,7,0)+IF('Standard Profiles'!$G$22=$B$17,14,0)+IF('Standard Profiles'!$G$22=$B$24,21,0),MOD($C1081,24)+1)/SUM(INDEX($D$3:$AA$30,INDEX(Jesper!$R$2:$R$366,ROW(INDEX(Jesper!AL$2:AL$366,ROUNDDOWN($C1081/24,0)+1,1))-1)+IF('Standard Profiles'!$G$22=$B$10,7,0)+IF('Standard Profiles'!$G$22=$B$17,14,0)+IF('Standard Profiles'!$G$22=$B$24,21,0),0)),0)</f>
        <v>0</v>
      </c>
      <c r="I1081">
        <f t="shared" si="132"/>
        <v>13.520225596938849</v>
      </c>
      <c r="J1081">
        <f t="shared" si="133"/>
        <v>83.879462910079027</v>
      </c>
      <c r="K1081">
        <f t="shared" si="134"/>
        <v>3.9148096719150507</v>
      </c>
      <c r="L1081">
        <f t="shared" si="135"/>
        <v>1.9574048359575253</v>
      </c>
      <c r="M1081">
        <f t="shared" si="136"/>
        <v>0</v>
      </c>
      <c r="N1081" s="45">
        <f t="shared" si="137"/>
        <v>44970.624999997461</v>
      </c>
    </row>
    <row r="1082" spans="2:14" x14ac:dyDescent="0.25">
      <c r="B1082">
        <f t="shared" si="131"/>
        <v>1</v>
      </c>
      <c r="C1082" s="16">
        <v>1048</v>
      </c>
      <c r="D1082" cm="1">
        <f t="array" ref="D1082">IFERROR(INDEX(Jesper!AH$2:AH$366,ROUNDDOWN($C1082/24,0)+1,1)*INDEX($D$3:$AA$30,INDEX(Jesper!$R$2:$R$366,ROW(INDEX(Jesper!AH$2:AH$366,ROUNDDOWN($C1082/24,0)+1,1))-1)+IF('Standard Profiles'!$G$18=$B$10,7,0)+IF('Standard Profiles'!$G$18=$B$17,14,0)+IF('Standard Profiles'!$G$18=$B$24,21,0),MOD($C1082,24)+1)/SUM(INDEX($D$3:$AA$30,INDEX(Jesper!$R$2:$R$366,ROW(INDEX(Jesper!AH$2:AH$366,ROUNDDOWN($C1082/24,0)+1,1))-1)+IF('Standard Profiles'!$G$18=$B$10,7,0)+IF('Standard Profiles'!$G$18=$B$17,14,0)+IF('Standard Profiles'!$G$18=$B$24,21,0),0)),0)</f>
        <v>21.409115393285433</v>
      </c>
      <c r="E1082" cm="1">
        <f t="array" ref="E1082">IFERROR(INDEX(Jesper!AI$2:AI$366,ROUNDDOWN($C1082/24,0)+1,1)*INDEX($D$3:$AA$30,INDEX(Jesper!$R$2:$R$366,ROW(INDEX(Jesper!AI$2:AI$366,ROUNDDOWN($C1082/24,0)+1,1))-1)+IF('Standard Profiles'!$G$19=$B$10,7,0)+IF('Standard Profiles'!$G$19=$B$17,14,0)+IF('Standard Profiles'!$G$19=$B$24,21,0),MOD($C1082,24)+1)/SUM(INDEX($D$3:$AA$30,INDEX(Jesper!$R$2:$R$366,ROW(INDEX(Jesper!AI$2:AI$366,ROUNDDOWN($C1082/24,0)+1,1))-1)+IF('Standard Profiles'!$G$19=$B$10,7,0)+IF('Standard Profiles'!$G$19=$B$17,14,0)+IF('Standard Profiles'!$G$19=$B$24,21,0),0)),0)</f>
        <v>22.401998313565255</v>
      </c>
      <c r="F1082" cm="1">
        <f t="array" ref="F1082">IFERROR(INDEX(Jesper!AJ$2:AJ$366,ROUNDDOWN($C1082/24,0)+1,1)*INDEX($D$3:$AA$30,INDEX(Jesper!$R$2:$R$366,ROW(INDEX(Jesper!AJ$2:AJ$366,ROUNDDOWN($C1082/24,0)+1,1))-1)+IF('Standard Profiles'!$G$20=$B$10,7,0)+IF('Standard Profiles'!$G$20=$B$17,14,0)+IF('Standard Profiles'!$G$20=$B$24,21,0),MOD($C1082,24)+1)/SUM(INDEX($D$3:$AA$30,INDEX(Jesper!$R$2:$R$366,ROW(INDEX(Jesper!AJ$2:AJ$366,ROUNDDOWN($C1082/24,0)+1,1))-1)+IF('Standard Profiles'!$G$20=$B$10,7,0)+IF('Standard Profiles'!$G$20=$B$17,14,0)+IF('Standard Profiles'!$G$20=$B$24,21,0),0)),0)</f>
        <v>0</v>
      </c>
      <c r="G1082" cm="1">
        <f t="array" ref="G1082">IFERROR(INDEX(Jesper!AK$2:AK$366,ROUNDDOWN($C1082/24,0)+1,1)*INDEX($D$3:$AA$30,INDEX(Jesper!$R$2:$R$366,ROW(INDEX(Jesper!AK$2:AK$366,ROUNDDOWN($C1082/24,0)+1,1))-1)+IF('Standard Profiles'!$G$21=$B$10,7,0)+IF('Standard Profiles'!$G$21=$B$17,14,0)+IF('Standard Profiles'!$G$21=$B$24,21,0),MOD($C1082,24)+1)/SUM(INDEX($D$3:$AA$30,INDEX(Jesper!$R$2:$R$366,ROW(INDEX(Jesper!AK$2:AK$366,ROUNDDOWN($C1082/24,0)+1,1))-1)+IF('Standard Profiles'!$G$21=$B$10,7,0)+IF('Standard Profiles'!$G$21=$B$17,14,0)+IF('Standard Profiles'!$G$21=$B$24,21,0),0)),0)</f>
        <v>23.472613883574404</v>
      </c>
      <c r="H1082" cm="1">
        <f t="array" ref="H1082">IFERROR(INDEX(Jesper!AL$2:AL$366,ROUNDDOWN($C1082/24,0)+1,1)*INDEX($D$3:$AA$30,INDEX(Jesper!$R$2:$R$366,ROW(INDEX(Jesper!AL$2:AL$366,ROUNDDOWN($C1082/24,0)+1,1))-1)+IF('Standard Profiles'!$G$22=$B$10,7,0)+IF('Standard Profiles'!$G$22=$B$17,14,0)+IF('Standard Profiles'!$G$22=$B$24,21,0),MOD($C1082,24)+1)/SUM(INDEX($D$3:$AA$30,INDEX(Jesper!$R$2:$R$366,ROW(INDEX(Jesper!AL$2:AL$366,ROUNDDOWN($C1082/24,0)+1,1))-1)+IF('Standard Profiles'!$G$22=$B$10,7,0)+IF('Standard Profiles'!$G$22=$B$17,14,0)+IF('Standard Profiles'!$G$22=$B$24,21,0),0)),0)</f>
        <v>0</v>
      </c>
      <c r="I1082">
        <f t="shared" si="132"/>
        <v>11.266854664115709</v>
      </c>
      <c r="J1082">
        <f t="shared" si="133"/>
        <v>52.591414463383714</v>
      </c>
      <c r="K1082">
        <f t="shared" si="134"/>
        <v>2.2836389752837798</v>
      </c>
      <c r="L1082">
        <f t="shared" si="135"/>
        <v>1.1418194876418899</v>
      </c>
      <c r="M1082">
        <f t="shared" si="136"/>
        <v>0</v>
      </c>
      <c r="N1082" s="45">
        <f t="shared" si="137"/>
        <v>44970.666666664125</v>
      </c>
    </row>
    <row r="1083" spans="2:14" x14ac:dyDescent="0.25">
      <c r="B1083">
        <f t="shared" si="131"/>
        <v>1</v>
      </c>
      <c r="C1083" s="16">
        <v>1049</v>
      </c>
      <c r="D1083" cm="1">
        <f t="array" ref="D1083">IFERROR(INDEX(Jesper!AH$2:AH$366,ROUNDDOWN($C1083/24,0)+1,1)*INDEX($D$3:$AA$30,INDEX(Jesper!$R$2:$R$366,ROW(INDEX(Jesper!AH$2:AH$366,ROUNDDOWN($C1083/24,0)+1,1))-1)+IF('Standard Profiles'!$G$18=$B$10,7,0)+IF('Standard Profiles'!$G$18=$B$17,14,0)+IF('Standard Profiles'!$G$18=$B$24,21,0),MOD($C1083,24)+1)/SUM(INDEX($D$3:$AA$30,INDEX(Jesper!$R$2:$R$366,ROW(INDEX(Jesper!AH$2:AH$366,ROUNDDOWN($C1083/24,0)+1,1))-1)+IF('Standard Profiles'!$G$18=$B$10,7,0)+IF('Standard Profiles'!$G$18=$B$17,14,0)+IF('Standard Profiles'!$G$18=$B$24,21,0),0)),0)</f>
        <v>6.1168901123672663</v>
      </c>
      <c r="E1083" cm="1">
        <f t="array" ref="E1083">IFERROR(INDEX(Jesper!AI$2:AI$366,ROUNDDOWN($C1083/24,0)+1,1)*INDEX($D$3:$AA$30,INDEX(Jesper!$R$2:$R$366,ROW(INDEX(Jesper!AI$2:AI$366,ROUNDDOWN($C1083/24,0)+1,1))-1)+IF('Standard Profiles'!$G$19=$B$10,7,0)+IF('Standard Profiles'!$G$19=$B$17,14,0)+IF('Standard Profiles'!$G$19=$B$24,21,0),MOD($C1083,24)+1)/SUM(INDEX($D$3:$AA$30,INDEX(Jesper!$R$2:$R$366,ROW(INDEX(Jesper!AI$2:AI$366,ROUNDDOWN($C1083/24,0)+1,1))-1)+IF('Standard Profiles'!$G$19=$B$10,7,0)+IF('Standard Profiles'!$G$19=$B$17,14,0)+IF('Standard Profiles'!$G$19=$B$24,21,0),0)),0)</f>
        <v>6.4005709467329295</v>
      </c>
      <c r="F1083" cm="1">
        <f t="array" ref="F1083">IFERROR(INDEX(Jesper!AJ$2:AJ$366,ROUNDDOWN($C1083/24,0)+1,1)*INDEX($D$3:$AA$30,INDEX(Jesper!$R$2:$R$366,ROW(INDEX(Jesper!AJ$2:AJ$366,ROUNDDOWN($C1083/24,0)+1,1))-1)+IF('Standard Profiles'!$G$20=$B$10,7,0)+IF('Standard Profiles'!$G$20=$B$17,14,0)+IF('Standard Profiles'!$G$20=$B$24,21,0),MOD($C1083,24)+1)/SUM(INDEX($D$3:$AA$30,INDEX(Jesper!$R$2:$R$366,ROW(INDEX(Jesper!AJ$2:AJ$366,ROUNDDOWN($C1083/24,0)+1,1))-1)+IF('Standard Profiles'!$G$20=$B$10,7,0)+IF('Standard Profiles'!$G$20=$B$17,14,0)+IF('Standard Profiles'!$G$20=$B$24,21,0),0)),0)</f>
        <v>0</v>
      </c>
      <c r="G1083" cm="1">
        <f t="array" ref="G1083">IFERROR(INDEX(Jesper!AK$2:AK$366,ROUNDDOWN($C1083/24,0)+1,1)*INDEX($D$3:$AA$30,INDEX(Jesper!$R$2:$R$366,ROW(INDEX(Jesper!AK$2:AK$366,ROUNDDOWN($C1083/24,0)+1,1))-1)+IF('Standard Profiles'!$G$21=$B$10,7,0)+IF('Standard Profiles'!$G$21=$B$17,14,0)+IF('Standard Profiles'!$G$21=$B$24,21,0),MOD($C1083,24)+1)/SUM(INDEX($D$3:$AA$30,INDEX(Jesper!$R$2:$R$366,ROW(INDEX(Jesper!AK$2:AK$366,ROUNDDOWN($C1083/24,0)+1,1))-1)+IF('Standard Profiles'!$G$21=$B$10,7,0)+IF('Standard Profiles'!$G$21=$B$17,14,0)+IF('Standard Profiles'!$G$21=$B$24,21,0),0)),0)</f>
        <v>18.886011170692047</v>
      </c>
      <c r="H1083" cm="1">
        <f t="array" ref="H1083">IFERROR(INDEX(Jesper!AL$2:AL$366,ROUNDDOWN($C1083/24,0)+1,1)*INDEX($D$3:$AA$30,INDEX(Jesper!$R$2:$R$366,ROW(INDEX(Jesper!AL$2:AL$366,ROUNDDOWN($C1083/24,0)+1,1))-1)+IF('Standard Profiles'!$G$22=$B$10,7,0)+IF('Standard Profiles'!$G$22=$B$17,14,0)+IF('Standard Profiles'!$G$22=$B$24,21,0),MOD($C1083,24)+1)/SUM(INDEX($D$3:$AA$30,INDEX(Jesper!$R$2:$R$366,ROW(INDEX(Jesper!AL$2:AL$366,ROUNDDOWN($C1083/24,0)+1,1))-1)+IF('Standard Profiles'!$G$22=$B$10,7,0)+IF('Standard Profiles'!$G$22=$B$17,14,0)+IF('Standard Profiles'!$G$22=$B$24,21,0),0)),0)</f>
        <v>0</v>
      </c>
      <c r="I1083">
        <f t="shared" si="132"/>
        <v>9.0652853619321778</v>
      </c>
      <c r="J1083">
        <f t="shared" si="133"/>
        <v>21.3594844498813</v>
      </c>
      <c r="K1083">
        <f t="shared" si="134"/>
        <v>0.65246827865250845</v>
      </c>
      <c r="L1083">
        <f t="shared" si="135"/>
        <v>0.32623413932625422</v>
      </c>
      <c r="M1083">
        <f t="shared" si="136"/>
        <v>0</v>
      </c>
      <c r="N1083" s="45">
        <f t="shared" si="137"/>
        <v>44970.708333330789</v>
      </c>
    </row>
    <row r="1084" spans="2:14" x14ac:dyDescent="0.25">
      <c r="B1084">
        <f t="shared" si="131"/>
        <v>1</v>
      </c>
      <c r="C1084" s="16">
        <v>1050</v>
      </c>
      <c r="D1084" cm="1">
        <f t="array" ref="D1084">IFERROR(INDEX(Jesper!AH$2:AH$366,ROUNDDOWN($C1084/24,0)+1,1)*INDEX($D$3:$AA$30,INDEX(Jesper!$R$2:$R$366,ROW(INDEX(Jesper!AH$2:AH$366,ROUNDDOWN($C1084/24,0)+1,1))-1)+IF('Standard Profiles'!$G$18=$B$10,7,0)+IF('Standard Profiles'!$G$18=$B$17,14,0)+IF('Standard Profiles'!$G$18=$B$24,21,0),MOD($C1084,24)+1)/SUM(INDEX($D$3:$AA$30,INDEX(Jesper!$R$2:$R$366,ROW(INDEX(Jesper!AH$2:AH$366,ROUNDDOWN($C1084/24,0)+1,1))-1)+IF('Standard Profiles'!$G$18=$B$10,7,0)+IF('Standard Profiles'!$G$18=$B$17,14,0)+IF('Standard Profiles'!$G$18=$B$24,21,0),0)),0)</f>
        <v>6.0307367305029391</v>
      </c>
      <c r="E1084" cm="1">
        <f t="array" ref="E1084">IFERROR(INDEX(Jesper!AI$2:AI$366,ROUNDDOWN($C1084/24,0)+1,1)*INDEX($D$3:$AA$30,INDEX(Jesper!$R$2:$R$366,ROW(INDEX(Jesper!AI$2:AI$366,ROUNDDOWN($C1084/24,0)+1,1))-1)+IF('Standard Profiles'!$G$19=$B$10,7,0)+IF('Standard Profiles'!$G$19=$B$17,14,0)+IF('Standard Profiles'!$G$19=$B$24,21,0),MOD($C1084,24)+1)/SUM(INDEX($D$3:$AA$30,INDEX(Jesper!$R$2:$R$366,ROW(INDEX(Jesper!AI$2:AI$366,ROUNDDOWN($C1084/24,0)+1,1))-1)+IF('Standard Profiles'!$G$19=$B$10,7,0)+IF('Standard Profiles'!$G$19=$B$17,14,0)+IF('Standard Profiles'!$G$19=$B$24,21,0),0)),0)</f>
        <v>6.3104220601592269</v>
      </c>
      <c r="F1084" cm="1">
        <f t="array" ref="F1084">IFERROR(INDEX(Jesper!AJ$2:AJ$366,ROUNDDOWN($C1084/24,0)+1,1)*INDEX($D$3:$AA$30,INDEX(Jesper!$R$2:$R$366,ROW(INDEX(Jesper!AJ$2:AJ$366,ROUNDDOWN($C1084/24,0)+1,1))-1)+IF('Standard Profiles'!$G$20=$B$10,7,0)+IF('Standard Profiles'!$G$20=$B$17,14,0)+IF('Standard Profiles'!$G$20=$B$24,21,0),MOD($C1084,24)+1)/SUM(INDEX($D$3:$AA$30,INDEX(Jesper!$R$2:$R$366,ROW(INDEX(Jesper!AJ$2:AJ$366,ROUNDDOWN($C1084/24,0)+1,1))-1)+IF('Standard Profiles'!$G$20=$B$10,7,0)+IF('Standard Profiles'!$G$20=$B$17,14,0)+IF('Standard Profiles'!$G$20=$B$24,21,0),0)),0)</f>
        <v>0</v>
      </c>
      <c r="G1084" cm="1">
        <f t="array" ref="G1084">IFERROR(INDEX(Jesper!AK$2:AK$366,ROUNDDOWN($C1084/24,0)+1,1)*INDEX($D$3:$AA$30,INDEX(Jesper!$R$2:$R$366,ROW(INDEX(Jesper!AK$2:AK$366,ROUNDDOWN($C1084/24,0)+1,1))-1)+IF('Standard Profiles'!$G$21=$B$10,7,0)+IF('Standard Profiles'!$G$21=$B$17,14,0)+IF('Standard Profiles'!$G$21=$B$24,21,0),MOD($C1084,24)+1)/SUM(INDEX($D$3:$AA$30,INDEX(Jesper!$R$2:$R$366,ROW(INDEX(Jesper!AK$2:AK$366,ROUNDDOWN($C1084/24,0)+1,1))-1)+IF('Standard Profiles'!$G$21=$B$10,7,0)+IF('Standard Profiles'!$G$21=$B$17,14,0)+IF('Standard Profiles'!$G$21=$B$24,21,0),0)),0)</f>
        <v>6.7450039895328748</v>
      </c>
      <c r="H1084" cm="1">
        <f t="array" ref="H1084">IFERROR(INDEX(Jesper!AL$2:AL$366,ROUNDDOWN($C1084/24,0)+1,1)*INDEX($D$3:$AA$30,INDEX(Jesper!$R$2:$R$366,ROW(INDEX(Jesper!AL$2:AL$366,ROUNDDOWN($C1084/24,0)+1,1))-1)+IF('Standard Profiles'!$G$22=$B$10,7,0)+IF('Standard Profiles'!$G$22=$B$17,14,0)+IF('Standard Profiles'!$G$22=$B$24,21,0),MOD($C1084,24)+1)/SUM(INDEX($D$3:$AA$30,INDEX(Jesper!$R$2:$R$366,ROW(INDEX(Jesper!AL$2:AL$366,ROUNDDOWN($C1084/24,0)+1,1))-1)+IF('Standard Profiles'!$G$22=$B$10,7,0)+IF('Standard Profiles'!$G$22=$B$17,14,0)+IF('Standard Profiles'!$G$22=$B$24,21,0),0)),0)</f>
        <v>0</v>
      </c>
      <c r="I1084">
        <f t="shared" si="132"/>
        <v>3.2376019149757784</v>
      </c>
      <c r="J1084">
        <f t="shared" si="133"/>
        <v>14.883642988338792</v>
      </c>
      <c r="K1084">
        <f t="shared" si="134"/>
        <v>0.64327858458698017</v>
      </c>
      <c r="L1084">
        <f t="shared" si="135"/>
        <v>0.32163929229349009</v>
      </c>
      <c r="M1084">
        <f t="shared" si="136"/>
        <v>0</v>
      </c>
      <c r="N1084" s="45">
        <f t="shared" si="137"/>
        <v>44970.749999997453</v>
      </c>
    </row>
    <row r="1085" spans="2:14" x14ac:dyDescent="0.25">
      <c r="B1085">
        <f t="shared" si="131"/>
        <v>1</v>
      </c>
      <c r="C1085" s="16">
        <v>1051</v>
      </c>
      <c r="D1085" cm="1">
        <f t="array" ref="D1085">IFERROR(INDEX(Jesper!AH$2:AH$366,ROUNDDOWN($C1085/24,0)+1,1)*INDEX($D$3:$AA$30,INDEX(Jesper!$R$2:$R$366,ROW(INDEX(Jesper!AH$2:AH$366,ROUNDDOWN($C1085/24,0)+1,1))-1)+IF('Standard Profiles'!$G$18=$B$10,7,0)+IF('Standard Profiles'!$G$18=$B$17,14,0)+IF('Standard Profiles'!$G$18=$B$24,21,0),MOD($C1085,24)+1)/SUM(INDEX($D$3:$AA$30,INDEX(Jesper!$R$2:$R$366,ROW(INDEX(Jesper!AH$2:AH$366,ROUNDDOWN($C1085/24,0)+1,1))-1)+IF('Standard Profiles'!$G$18=$B$10,7,0)+IF('Standard Profiles'!$G$18=$B$17,14,0)+IF('Standard Profiles'!$G$18=$B$24,21,0),0)),0)</f>
        <v>6.0307367305029391</v>
      </c>
      <c r="E1085" cm="1">
        <f t="array" ref="E1085">IFERROR(INDEX(Jesper!AI$2:AI$366,ROUNDDOWN($C1085/24,0)+1,1)*INDEX($D$3:$AA$30,INDEX(Jesper!$R$2:$R$366,ROW(INDEX(Jesper!AI$2:AI$366,ROUNDDOWN($C1085/24,0)+1,1))-1)+IF('Standard Profiles'!$G$19=$B$10,7,0)+IF('Standard Profiles'!$G$19=$B$17,14,0)+IF('Standard Profiles'!$G$19=$B$24,21,0),MOD($C1085,24)+1)/SUM(INDEX($D$3:$AA$30,INDEX(Jesper!$R$2:$R$366,ROW(INDEX(Jesper!AI$2:AI$366,ROUNDDOWN($C1085/24,0)+1,1))-1)+IF('Standard Profiles'!$G$19=$B$10,7,0)+IF('Standard Profiles'!$G$19=$B$17,14,0)+IF('Standard Profiles'!$G$19=$B$24,21,0),0)),0)</f>
        <v>6.3104220601592269</v>
      </c>
      <c r="F1085" cm="1">
        <f t="array" ref="F1085">IFERROR(INDEX(Jesper!AJ$2:AJ$366,ROUNDDOWN($C1085/24,0)+1,1)*INDEX($D$3:$AA$30,INDEX(Jesper!$R$2:$R$366,ROW(INDEX(Jesper!AJ$2:AJ$366,ROUNDDOWN($C1085/24,0)+1,1))-1)+IF('Standard Profiles'!$G$20=$B$10,7,0)+IF('Standard Profiles'!$G$20=$B$17,14,0)+IF('Standard Profiles'!$G$20=$B$24,21,0),MOD($C1085,24)+1)/SUM(INDEX($D$3:$AA$30,INDEX(Jesper!$R$2:$R$366,ROW(INDEX(Jesper!AJ$2:AJ$366,ROUNDDOWN($C1085/24,0)+1,1))-1)+IF('Standard Profiles'!$G$20=$B$10,7,0)+IF('Standard Profiles'!$G$20=$B$17,14,0)+IF('Standard Profiles'!$G$20=$B$24,21,0),0)),0)</f>
        <v>0</v>
      </c>
      <c r="G1085" cm="1">
        <f t="array" ref="G1085">IFERROR(INDEX(Jesper!AK$2:AK$366,ROUNDDOWN($C1085/24,0)+1,1)*INDEX($D$3:$AA$30,INDEX(Jesper!$R$2:$R$366,ROW(INDEX(Jesper!AK$2:AK$366,ROUNDDOWN($C1085/24,0)+1,1))-1)+IF('Standard Profiles'!$G$21=$B$10,7,0)+IF('Standard Profiles'!$G$21=$B$17,14,0)+IF('Standard Profiles'!$G$21=$B$24,21,0),MOD($C1085,24)+1)/SUM(INDEX($D$3:$AA$30,INDEX(Jesper!$R$2:$R$366,ROW(INDEX(Jesper!AK$2:AK$366,ROUNDDOWN($C1085/24,0)+1,1))-1)+IF('Standard Profiles'!$G$21=$B$10,7,0)+IF('Standard Profiles'!$G$21=$B$17,14,0)+IF('Standard Profiles'!$G$21=$B$24,21,0),0)),0)</f>
        <v>6.7450039895328748</v>
      </c>
      <c r="H1085" cm="1">
        <f t="array" ref="H1085">IFERROR(INDEX(Jesper!AL$2:AL$366,ROUNDDOWN($C1085/24,0)+1,1)*INDEX($D$3:$AA$30,INDEX(Jesper!$R$2:$R$366,ROW(INDEX(Jesper!AL$2:AL$366,ROUNDDOWN($C1085/24,0)+1,1))-1)+IF('Standard Profiles'!$G$22=$B$10,7,0)+IF('Standard Profiles'!$G$22=$B$17,14,0)+IF('Standard Profiles'!$G$22=$B$24,21,0),MOD($C1085,24)+1)/SUM(INDEX($D$3:$AA$30,INDEX(Jesper!$R$2:$R$366,ROW(INDEX(Jesper!AL$2:AL$366,ROUNDDOWN($C1085/24,0)+1,1))-1)+IF('Standard Profiles'!$G$22=$B$10,7,0)+IF('Standard Profiles'!$G$22=$B$17,14,0)+IF('Standard Profiles'!$G$22=$B$24,21,0),0)),0)</f>
        <v>0</v>
      </c>
      <c r="I1085">
        <f t="shared" si="132"/>
        <v>3.2376019149757784</v>
      </c>
      <c r="J1085">
        <f t="shared" si="133"/>
        <v>14.883642988338792</v>
      </c>
      <c r="K1085">
        <f t="shared" si="134"/>
        <v>0.64327858458698017</v>
      </c>
      <c r="L1085">
        <f t="shared" si="135"/>
        <v>0.32163929229349009</v>
      </c>
      <c r="M1085">
        <f t="shared" si="136"/>
        <v>0</v>
      </c>
      <c r="N1085" s="45">
        <f t="shared" si="137"/>
        <v>44970.791666664118</v>
      </c>
    </row>
    <row r="1086" spans="2:14" x14ac:dyDescent="0.25">
      <c r="B1086">
        <f t="shared" si="131"/>
        <v>1</v>
      </c>
      <c r="C1086" s="16">
        <v>1052</v>
      </c>
      <c r="D1086" cm="1">
        <f t="array" ref="D1086">IFERROR(INDEX(Jesper!AH$2:AH$366,ROUNDDOWN($C1086/24,0)+1,1)*INDEX($D$3:$AA$30,INDEX(Jesper!$R$2:$R$366,ROW(INDEX(Jesper!AH$2:AH$366,ROUNDDOWN($C1086/24,0)+1,1))-1)+IF('Standard Profiles'!$G$18=$B$10,7,0)+IF('Standard Profiles'!$G$18=$B$17,14,0)+IF('Standard Profiles'!$G$18=$B$24,21,0),MOD($C1086,24)+1)/SUM(INDEX($D$3:$AA$30,INDEX(Jesper!$R$2:$R$366,ROW(INDEX(Jesper!AH$2:AH$366,ROUNDDOWN($C1086/24,0)+1,1))-1)+IF('Standard Profiles'!$G$18=$B$10,7,0)+IF('Standard Profiles'!$G$18=$B$17,14,0)+IF('Standard Profiles'!$G$18=$B$24,21,0),0)),0)</f>
        <v>6.0307367305029391</v>
      </c>
      <c r="E1086" cm="1">
        <f t="array" ref="E1086">IFERROR(INDEX(Jesper!AI$2:AI$366,ROUNDDOWN($C1086/24,0)+1,1)*INDEX($D$3:$AA$30,INDEX(Jesper!$R$2:$R$366,ROW(INDEX(Jesper!AI$2:AI$366,ROUNDDOWN($C1086/24,0)+1,1))-1)+IF('Standard Profiles'!$G$19=$B$10,7,0)+IF('Standard Profiles'!$G$19=$B$17,14,0)+IF('Standard Profiles'!$G$19=$B$24,21,0),MOD($C1086,24)+1)/SUM(INDEX($D$3:$AA$30,INDEX(Jesper!$R$2:$R$366,ROW(INDEX(Jesper!AI$2:AI$366,ROUNDDOWN($C1086/24,0)+1,1))-1)+IF('Standard Profiles'!$G$19=$B$10,7,0)+IF('Standard Profiles'!$G$19=$B$17,14,0)+IF('Standard Profiles'!$G$19=$B$24,21,0),0)),0)</f>
        <v>6.3104220601592269</v>
      </c>
      <c r="F1086" cm="1">
        <f t="array" ref="F1086">IFERROR(INDEX(Jesper!AJ$2:AJ$366,ROUNDDOWN($C1086/24,0)+1,1)*INDEX($D$3:$AA$30,INDEX(Jesper!$R$2:$R$366,ROW(INDEX(Jesper!AJ$2:AJ$366,ROUNDDOWN($C1086/24,0)+1,1))-1)+IF('Standard Profiles'!$G$20=$B$10,7,0)+IF('Standard Profiles'!$G$20=$B$17,14,0)+IF('Standard Profiles'!$G$20=$B$24,21,0),MOD($C1086,24)+1)/SUM(INDEX($D$3:$AA$30,INDEX(Jesper!$R$2:$R$366,ROW(INDEX(Jesper!AJ$2:AJ$366,ROUNDDOWN($C1086/24,0)+1,1))-1)+IF('Standard Profiles'!$G$20=$B$10,7,0)+IF('Standard Profiles'!$G$20=$B$17,14,0)+IF('Standard Profiles'!$G$20=$B$24,21,0),0)),0)</f>
        <v>0</v>
      </c>
      <c r="G1086" cm="1">
        <f t="array" ref="G1086">IFERROR(INDEX(Jesper!AK$2:AK$366,ROUNDDOWN($C1086/24,0)+1,1)*INDEX($D$3:$AA$30,INDEX(Jesper!$R$2:$R$366,ROW(INDEX(Jesper!AK$2:AK$366,ROUNDDOWN($C1086/24,0)+1,1))-1)+IF('Standard Profiles'!$G$21=$B$10,7,0)+IF('Standard Profiles'!$G$21=$B$17,14,0)+IF('Standard Profiles'!$G$21=$B$24,21,0),MOD($C1086,24)+1)/SUM(INDEX($D$3:$AA$30,INDEX(Jesper!$R$2:$R$366,ROW(INDEX(Jesper!AK$2:AK$366,ROUNDDOWN($C1086/24,0)+1,1))-1)+IF('Standard Profiles'!$G$21=$B$10,7,0)+IF('Standard Profiles'!$G$21=$B$17,14,0)+IF('Standard Profiles'!$G$21=$B$24,21,0),0)),0)</f>
        <v>6.7450039895328748</v>
      </c>
      <c r="H1086" cm="1">
        <f t="array" ref="H1086">IFERROR(INDEX(Jesper!AL$2:AL$366,ROUNDDOWN($C1086/24,0)+1,1)*INDEX($D$3:$AA$30,INDEX(Jesper!$R$2:$R$366,ROW(INDEX(Jesper!AL$2:AL$366,ROUNDDOWN($C1086/24,0)+1,1))-1)+IF('Standard Profiles'!$G$22=$B$10,7,0)+IF('Standard Profiles'!$G$22=$B$17,14,0)+IF('Standard Profiles'!$G$22=$B$24,21,0),MOD($C1086,24)+1)/SUM(INDEX($D$3:$AA$30,INDEX(Jesper!$R$2:$R$366,ROW(INDEX(Jesper!AL$2:AL$366,ROUNDDOWN($C1086/24,0)+1,1))-1)+IF('Standard Profiles'!$G$22=$B$10,7,0)+IF('Standard Profiles'!$G$22=$B$17,14,0)+IF('Standard Profiles'!$G$22=$B$24,21,0),0)),0)</f>
        <v>0</v>
      </c>
      <c r="I1086">
        <f t="shared" si="132"/>
        <v>3.2376019149757784</v>
      </c>
      <c r="J1086">
        <f t="shared" si="133"/>
        <v>14.883642988338792</v>
      </c>
      <c r="K1086">
        <f t="shared" si="134"/>
        <v>0.64327858458698017</v>
      </c>
      <c r="L1086">
        <f t="shared" si="135"/>
        <v>0.32163929229349009</v>
      </c>
      <c r="M1086">
        <f t="shared" si="136"/>
        <v>0</v>
      </c>
      <c r="N1086" s="45">
        <f t="shared" si="137"/>
        <v>44970.833333330782</v>
      </c>
    </row>
    <row r="1087" spans="2:14" x14ac:dyDescent="0.25">
      <c r="B1087">
        <f t="shared" si="131"/>
        <v>1</v>
      </c>
      <c r="C1087" s="16">
        <v>1053</v>
      </c>
      <c r="D1087" cm="1">
        <f t="array" ref="D1087">IFERROR(INDEX(Jesper!AH$2:AH$366,ROUNDDOWN($C1087/24,0)+1,1)*INDEX($D$3:$AA$30,INDEX(Jesper!$R$2:$R$366,ROW(INDEX(Jesper!AH$2:AH$366,ROUNDDOWN($C1087/24,0)+1,1))-1)+IF('Standard Profiles'!$G$18=$B$10,7,0)+IF('Standard Profiles'!$G$18=$B$17,14,0)+IF('Standard Profiles'!$G$18=$B$24,21,0),MOD($C1087,24)+1)/SUM(INDEX($D$3:$AA$30,INDEX(Jesper!$R$2:$R$366,ROW(INDEX(Jesper!AH$2:AH$366,ROUNDDOWN($C1087/24,0)+1,1))-1)+IF('Standard Profiles'!$G$18=$B$10,7,0)+IF('Standard Profiles'!$G$18=$B$17,14,0)+IF('Standard Profiles'!$G$18=$B$24,21,0),0)),0)</f>
        <v>6.0307367305029391</v>
      </c>
      <c r="E1087" cm="1">
        <f t="array" ref="E1087">IFERROR(INDEX(Jesper!AI$2:AI$366,ROUNDDOWN($C1087/24,0)+1,1)*INDEX($D$3:$AA$30,INDEX(Jesper!$R$2:$R$366,ROW(INDEX(Jesper!AI$2:AI$366,ROUNDDOWN($C1087/24,0)+1,1))-1)+IF('Standard Profiles'!$G$19=$B$10,7,0)+IF('Standard Profiles'!$G$19=$B$17,14,0)+IF('Standard Profiles'!$G$19=$B$24,21,0),MOD($C1087,24)+1)/SUM(INDEX($D$3:$AA$30,INDEX(Jesper!$R$2:$R$366,ROW(INDEX(Jesper!AI$2:AI$366,ROUNDDOWN($C1087/24,0)+1,1))-1)+IF('Standard Profiles'!$G$19=$B$10,7,0)+IF('Standard Profiles'!$G$19=$B$17,14,0)+IF('Standard Profiles'!$G$19=$B$24,21,0),0)),0)</f>
        <v>6.3104220601592269</v>
      </c>
      <c r="F1087" cm="1">
        <f t="array" ref="F1087">IFERROR(INDEX(Jesper!AJ$2:AJ$366,ROUNDDOWN($C1087/24,0)+1,1)*INDEX($D$3:$AA$30,INDEX(Jesper!$R$2:$R$366,ROW(INDEX(Jesper!AJ$2:AJ$366,ROUNDDOWN($C1087/24,0)+1,1))-1)+IF('Standard Profiles'!$G$20=$B$10,7,0)+IF('Standard Profiles'!$G$20=$B$17,14,0)+IF('Standard Profiles'!$G$20=$B$24,21,0),MOD($C1087,24)+1)/SUM(INDEX($D$3:$AA$30,INDEX(Jesper!$R$2:$R$366,ROW(INDEX(Jesper!AJ$2:AJ$366,ROUNDDOWN($C1087/24,0)+1,1))-1)+IF('Standard Profiles'!$G$20=$B$10,7,0)+IF('Standard Profiles'!$G$20=$B$17,14,0)+IF('Standard Profiles'!$G$20=$B$24,21,0),0)),0)</f>
        <v>0</v>
      </c>
      <c r="G1087" cm="1">
        <f t="array" ref="G1087">IFERROR(INDEX(Jesper!AK$2:AK$366,ROUNDDOWN($C1087/24,0)+1,1)*INDEX($D$3:$AA$30,INDEX(Jesper!$R$2:$R$366,ROW(INDEX(Jesper!AK$2:AK$366,ROUNDDOWN($C1087/24,0)+1,1))-1)+IF('Standard Profiles'!$G$21=$B$10,7,0)+IF('Standard Profiles'!$G$21=$B$17,14,0)+IF('Standard Profiles'!$G$21=$B$24,21,0),MOD($C1087,24)+1)/SUM(INDEX($D$3:$AA$30,INDEX(Jesper!$R$2:$R$366,ROW(INDEX(Jesper!AK$2:AK$366,ROUNDDOWN($C1087/24,0)+1,1))-1)+IF('Standard Profiles'!$G$21=$B$10,7,0)+IF('Standard Profiles'!$G$21=$B$17,14,0)+IF('Standard Profiles'!$G$21=$B$24,21,0),0)),0)</f>
        <v>6.7450039895328748</v>
      </c>
      <c r="H1087" cm="1">
        <f t="array" ref="H1087">IFERROR(INDEX(Jesper!AL$2:AL$366,ROUNDDOWN($C1087/24,0)+1,1)*INDEX($D$3:$AA$30,INDEX(Jesper!$R$2:$R$366,ROW(INDEX(Jesper!AL$2:AL$366,ROUNDDOWN($C1087/24,0)+1,1))-1)+IF('Standard Profiles'!$G$22=$B$10,7,0)+IF('Standard Profiles'!$G$22=$B$17,14,0)+IF('Standard Profiles'!$G$22=$B$24,21,0),MOD($C1087,24)+1)/SUM(INDEX($D$3:$AA$30,INDEX(Jesper!$R$2:$R$366,ROW(INDEX(Jesper!AL$2:AL$366,ROUNDDOWN($C1087/24,0)+1,1))-1)+IF('Standard Profiles'!$G$22=$B$10,7,0)+IF('Standard Profiles'!$G$22=$B$17,14,0)+IF('Standard Profiles'!$G$22=$B$24,21,0),0)),0)</f>
        <v>0</v>
      </c>
      <c r="I1087">
        <f t="shared" si="132"/>
        <v>3.2376019149757784</v>
      </c>
      <c r="J1087">
        <f t="shared" si="133"/>
        <v>14.883642988338792</v>
      </c>
      <c r="K1087">
        <f t="shared" si="134"/>
        <v>0.64327858458698017</v>
      </c>
      <c r="L1087">
        <f t="shared" si="135"/>
        <v>0.32163929229349009</v>
      </c>
      <c r="M1087">
        <f t="shared" si="136"/>
        <v>0</v>
      </c>
      <c r="N1087" s="45">
        <f t="shared" si="137"/>
        <v>44970.874999997446</v>
      </c>
    </row>
    <row r="1088" spans="2:14" x14ac:dyDescent="0.25">
      <c r="B1088">
        <f t="shared" si="131"/>
        <v>1</v>
      </c>
      <c r="C1088" s="16">
        <v>1054</v>
      </c>
      <c r="D1088" cm="1">
        <f t="array" ref="D1088">IFERROR(INDEX(Jesper!AH$2:AH$366,ROUNDDOWN($C1088/24,0)+1,1)*INDEX($D$3:$AA$30,INDEX(Jesper!$R$2:$R$366,ROW(INDEX(Jesper!AH$2:AH$366,ROUNDDOWN($C1088/24,0)+1,1))-1)+IF('Standard Profiles'!$G$18=$B$10,7,0)+IF('Standard Profiles'!$G$18=$B$17,14,0)+IF('Standard Profiles'!$G$18=$B$24,21,0),MOD($C1088,24)+1)/SUM(INDEX($D$3:$AA$30,INDEX(Jesper!$R$2:$R$366,ROW(INDEX(Jesper!AH$2:AH$366,ROUNDDOWN($C1088/24,0)+1,1))-1)+IF('Standard Profiles'!$G$18=$B$10,7,0)+IF('Standard Profiles'!$G$18=$B$17,14,0)+IF('Standard Profiles'!$G$18=$B$24,21,0),0)),0)</f>
        <v>6.0307367305029391</v>
      </c>
      <c r="E1088" cm="1">
        <f t="array" ref="E1088">IFERROR(INDEX(Jesper!AI$2:AI$366,ROUNDDOWN($C1088/24,0)+1,1)*INDEX($D$3:$AA$30,INDEX(Jesper!$R$2:$R$366,ROW(INDEX(Jesper!AI$2:AI$366,ROUNDDOWN($C1088/24,0)+1,1))-1)+IF('Standard Profiles'!$G$19=$B$10,7,0)+IF('Standard Profiles'!$G$19=$B$17,14,0)+IF('Standard Profiles'!$G$19=$B$24,21,0),MOD($C1088,24)+1)/SUM(INDEX($D$3:$AA$30,INDEX(Jesper!$R$2:$R$366,ROW(INDEX(Jesper!AI$2:AI$366,ROUNDDOWN($C1088/24,0)+1,1))-1)+IF('Standard Profiles'!$G$19=$B$10,7,0)+IF('Standard Profiles'!$G$19=$B$17,14,0)+IF('Standard Profiles'!$G$19=$B$24,21,0),0)),0)</f>
        <v>6.3104220601592269</v>
      </c>
      <c r="F1088" cm="1">
        <f t="array" ref="F1088">IFERROR(INDEX(Jesper!AJ$2:AJ$366,ROUNDDOWN($C1088/24,0)+1,1)*INDEX($D$3:$AA$30,INDEX(Jesper!$R$2:$R$366,ROW(INDEX(Jesper!AJ$2:AJ$366,ROUNDDOWN($C1088/24,0)+1,1))-1)+IF('Standard Profiles'!$G$20=$B$10,7,0)+IF('Standard Profiles'!$G$20=$B$17,14,0)+IF('Standard Profiles'!$G$20=$B$24,21,0),MOD($C1088,24)+1)/SUM(INDEX($D$3:$AA$30,INDEX(Jesper!$R$2:$R$366,ROW(INDEX(Jesper!AJ$2:AJ$366,ROUNDDOWN($C1088/24,0)+1,1))-1)+IF('Standard Profiles'!$G$20=$B$10,7,0)+IF('Standard Profiles'!$G$20=$B$17,14,0)+IF('Standard Profiles'!$G$20=$B$24,21,0),0)),0)</f>
        <v>0</v>
      </c>
      <c r="G1088" cm="1">
        <f t="array" ref="G1088">IFERROR(INDEX(Jesper!AK$2:AK$366,ROUNDDOWN($C1088/24,0)+1,1)*INDEX($D$3:$AA$30,INDEX(Jesper!$R$2:$R$366,ROW(INDEX(Jesper!AK$2:AK$366,ROUNDDOWN($C1088/24,0)+1,1))-1)+IF('Standard Profiles'!$G$21=$B$10,7,0)+IF('Standard Profiles'!$G$21=$B$17,14,0)+IF('Standard Profiles'!$G$21=$B$24,21,0),MOD($C1088,24)+1)/SUM(INDEX($D$3:$AA$30,INDEX(Jesper!$R$2:$R$366,ROW(INDEX(Jesper!AK$2:AK$366,ROUNDDOWN($C1088/24,0)+1,1))-1)+IF('Standard Profiles'!$G$21=$B$10,7,0)+IF('Standard Profiles'!$G$21=$B$17,14,0)+IF('Standard Profiles'!$G$21=$B$24,21,0),0)),0)</f>
        <v>6.7450039895328748</v>
      </c>
      <c r="H1088" cm="1">
        <f t="array" ref="H1088">IFERROR(INDEX(Jesper!AL$2:AL$366,ROUNDDOWN($C1088/24,0)+1,1)*INDEX($D$3:$AA$30,INDEX(Jesper!$R$2:$R$366,ROW(INDEX(Jesper!AL$2:AL$366,ROUNDDOWN($C1088/24,0)+1,1))-1)+IF('Standard Profiles'!$G$22=$B$10,7,0)+IF('Standard Profiles'!$G$22=$B$17,14,0)+IF('Standard Profiles'!$G$22=$B$24,21,0),MOD($C1088,24)+1)/SUM(INDEX($D$3:$AA$30,INDEX(Jesper!$R$2:$R$366,ROW(INDEX(Jesper!AL$2:AL$366,ROUNDDOWN($C1088/24,0)+1,1))-1)+IF('Standard Profiles'!$G$22=$B$10,7,0)+IF('Standard Profiles'!$G$22=$B$17,14,0)+IF('Standard Profiles'!$G$22=$B$24,21,0),0)),0)</f>
        <v>0</v>
      </c>
      <c r="I1088">
        <f t="shared" si="132"/>
        <v>3.2376019149757784</v>
      </c>
      <c r="J1088">
        <f t="shared" si="133"/>
        <v>14.883642988338792</v>
      </c>
      <c r="K1088">
        <f t="shared" si="134"/>
        <v>0.64327858458698017</v>
      </c>
      <c r="L1088">
        <f t="shared" si="135"/>
        <v>0.32163929229349009</v>
      </c>
      <c r="M1088">
        <f t="shared" si="136"/>
        <v>0</v>
      </c>
      <c r="N1088" s="45">
        <f t="shared" si="137"/>
        <v>44970.91666666411</v>
      </c>
    </row>
    <row r="1089" spans="2:14" x14ac:dyDescent="0.25">
      <c r="B1089">
        <f t="shared" si="131"/>
        <v>1</v>
      </c>
      <c r="C1089" s="16">
        <v>1055</v>
      </c>
      <c r="D1089" cm="1">
        <f t="array" ref="D1089">IFERROR(INDEX(Jesper!AH$2:AH$366,ROUNDDOWN($C1089/24,0)+1,1)*INDEX($D$3:$AA$30,INDEX(Jesper!$R$2:$R$366,ROW(INDEX(Jesper!AH$2:AH$366,ROUNDDOWN($C1089/24,0)+1,1))-1)+IF('Standard Profiles'!$G$18=$B$10,7,0)+IF('Standard Profiles'!$G$18=$B$17,14,0)+IF('Standard Profiles'!$G$18=$B$24,21,0),MOD($C1089,24)+1)/SUM(INDEX($D$3:$AA$30,INDEX(Jesper!$R$2:$R$366,ROW(INDEX(Jesper!AH$2:AH$366,ROUNDDOWN($C1089/24,0)+1,1))-1)+IF('Standard Profiles'!$G$18=$B$10,7,0)+IF('Standard Profiles'!$G$18=$B$17,14,0)+IF('Standard Profiles'!$G$18=$B$24,21,0),0)),0)</f>
        <v>6.0307367305029391</v>
      </c>
      <c r="E1089" cm="1">
        <f t="array" ref="E1089">IFERROR(INDEX(Jesper!AI$2:AI$366,ROUNDDOWN($C1089/24,0)+1,1)*INDEX($D$3:$AA$30,INDEX(Jesper!$R$2:$R$366,ROW(INDEX(Jesper!AI$2:AI$366,ROUNDDOWN($C1089/24,0)+1,1))-1)+IF('Standard Profiles'!$G$19=$B$10,7,0)+IF('Standard Profiles'!$G$19=$B$17,14,0)+IF('Standard Profiles'!$G$19=$B$24,21,0),MOD($C1089,24)+1)/SUM(INDEX($D$3:$AA$30,INDEX(Jesper!$R$2:$R$366,ROW(INDEX(Jesper!AI$2:AI$366,ROUNDDOWN($C1089/24,0)+1,1))-1)+IF('Standard Profiles'!$G$19=$B$10,7,0)+IF('Standard Profiles'!$G$19=$B$17,14,0)+IF('Standard Profiles'!$G$19=$B$24,21,0),0)),0)</f>
        <v>6.3104220601592269</v>
      </c>
      <c r="F1089" cm="1">
        <f t="array" ref="F1089">IFERROR(INDEX(Jesper!AJ$2:AJ$366,ROUNDDOWN($C1089/24,0)+1,1)*INDEX($D$3:$AA$30,INDEX(Jesper!$R$2:$R$366,ROW(INDEX(Jesper!AJ$2:AJ$366,ROUNDDOWN($C1089/24,0)+1,1))-1)+IF('Standard Profiles'!$G$20=$B$10,7,0)+IF('Standard Profiles'!$G$20=$B$17,14,0)+IF('Standard Profiles'!$G$20=$B$24,21,0),MOD($C1089,24)+1)/SUM(INDEX($D$3:$AA$30,INDEX(Jesper!$R$2:$R$366,ROW(INDEX(Jesper!AJ$2:AJ$366,ROUNDDOWN($C1089/24,0)+1,1))-1)+IF('Standard Profiles'!$G$20=$B$10,7,0)+IF('Standard Profiles'!$G$20=$B$17,14,0)+IF('Standard Profiles'!$G$20=$B$24,21,0),0)),0)</f>
        <v>0</v>
      </c>
      <c r="G1089" cm="1">
        <f t="array" ref="G1089">IFERROR(INDEX(Jesper!AK$2:AK$366,ROUNDDOWN($C1089/24,0)+1,1)*INDEX($D$3:$AA$30,INDEX(Jesper!$R$2:$R$366,ROW(INDEX(Jesper!AK$2:AK$366,ROUNDDOWN($C1089/24,0)+1,1))-1)+IF('Standard Profiles'!$G$21=$B$10,7,0)+IF('Standard Profiles'!$G$21=$B$17,14,0)+IF('Standard Profiles'!$G$21=$B$24,21,0),MOD($C1089,24)+1)/SUM(INDEX($D$3:$AA$30,INDEX(Jesper!$R$2:$R$366,ROW(INDEX(Jesper!AK$2:AK$366,ROUNDDOWN($C1089/24,0)+1,1))-1)+IF('Standard Profiles'!$G$21=$B$10,7,0)+IF('Standard Profiles'!$G$21=$B$17,14,0)+IF('Standard Profiles'!$G$21=$B$24,21,0),0)),0)</f>
        <v>6.7450039895328748</v>
      </c>
      <c r="H1089" cm="1">
        <f t="array" ref="H1089">IFERROR(INDEX(Jesper!AL$2:AL$366,ROUNDDOWN($C1089/24,0)+1,1)*INDEX($D$3:$AA$30,INDEX(Jesper!$R$2:$R$366,ROW(INDEX(Jesper!AL$2:AL$366,ROUNDDOWN($C1089/24,0)+1,1))-1)+IF('Standard Profiles'!$G$22=$B$10,7,0)+IF('Standard Profiles'!$G$22=$B$17,14,0)+IF('Standard Profiles'!$G$22=$B$24,21,0),MOD($C1089,24)+1)/SUM(INDEX($D$3:$AA$30,INDEX(Jesper!$R$2:$R$366,ROW(INDEX(Jesper!AL$2:AL$366,ROUNDDOWN($C1089/24,0)+1,1))-1)+IF('Standard Profiles'!$G$22=$B$10,7,0)+IF('Standard Profiles'!$G$22=$B$17,14,0)+IF('Standard Profiles'!$G$22=$B$24,21,0),0)),0)</f>
        <v>0</v>
      </c>
      <c r="I1089">
        <f t="shared" si="132"/>
        <v>3.2376019149757784</v>
      </c>
      <c r="J1089">
        <f t="shared" si="133"/>
        <v>14.883642988338792</v>
      </c>
      <c r="K1089">
        <f t="shared" si="134"/>
        <v>0.64327858458698017</v>
      </c>
      <c r="L1089">
        <f t="shared" si="135"/>
        <v>0.32163929229349009</v>
      </c>
      <c r="M1089">
        <f t="shared" si="136"/>
        <v>0</v>
      </c>
      <c r="N1089" s="45">
        <f t="shared" si="137"/>
        <v>44970.958333330775</v>
      </c>
    </row>
    <row r="1090" spans="2:14" x14ac:dyDescent="0.25">
      <c r="B1090">
        <f t="shared" si="131"/>
        <v>2</v>
      </c>
      <c r="C1090" s="16">
        <v>1056</v>
      </c>
      <c r="D1090" cm="1">
        <f t="array" ref="D1090">IFERROR(INDEX(Jesper!AH$2:AH$366,ROUNDDOWN($C1090/24,0)+1,1)*INDEX($D$3:$AA$30,INDEX(Jesper!$R$2:$R$366,ROW(INDEX(Jesper!AH$2:AH$366,ROUNDDOWN($C1090/24,0)+1,1))-1)+IF('Standard Profiles'!$G$18=$B$10,7,0)+IF('Standard Profiles'!$G$18=$B$17,14,0)+IF('Standard Profiles'!$G$18=$B$24,21,0),MOD($C1090,24)+1)/SUM(INDEX($D$3:$AA$30,INDEX(Jesper!$R$2:$R$366,ROW(INDEX(Jesper!AH$2:AH$366,ROUNDDOWN($C1090/24,0)+1,1))-1)+IF('Standard Profiles'!$G$18=$B$10,7,0)+IF('Standard Profiles'!$G$18=$B$17,14,0)+IF('Standard Profiles'!$G$18=$B$24,21,0),0)),0)</f>
        <v>3.8547102932175581</v>
      </c>
      <c r="E1090" cm="1">
        <f t="array" ref="E1090">IFERROR(INDEX(Jesper!AI$2:AI$366,ROUNDDOWN($C1090/24,0)+1,1)*INDEX($D$3:$AA$30,INDEX(Jesper!$R$2:$R$366,ROW(INDEX(Jesper!AI$2:AI$366,ROUNDDOWN($C1090/24,0)+1,1))-1)+IF('Standard Profiles'!$G$19=$B$10,7,0)+IF('Standard Profiles'!$G$19=$B$17,14,0)+IF('Standard Profiles'!$G$19=$B$24,21,0),MOD($C1090,24)+1)/SUM(INDEX($D$3:$AA$30,INDEX(Jesper!$R$2:$R$366,ROW(INDEX(Jesper!AI$2:AI$366,ROUNDDOWN($C1090/24,0)+1,1))-1)+IF('Standard Profiles'!$G$19=$B$10,7,0)+IF('Standard Profiles'!$G$19=$B$17,14,0)+IF('Standard Profiles'!$G$19=$B$24,21,0),0)),0)</f>
        <v>4.1309699547922873</v>
      </c>
      <c r="F1090" cm="1">
        <f t="array" ref="F1090">IFERROR(INDEX(Jesper!AJ$2:AJ$366,ROUNDDOWN($C1090/24,0)+1,1)*INDEX($D$3:$AA$30,INDEX(Jesper!$R$2:$R$366,ROW(INDEX(Jesper!AJ$2:AJ$366,ROUNDDOWN($C1090/24,0)+1,1))-1)+IF('Standard Profiles'!$G$20=$B$10,7,0)+IF('Standard Profiles'!$G$20=$B$17,14,0)+IF('Standard Profiles'!$G$20=$B$24,21,0),MOD($C1090,24)+1)/SUM(INDEX($D$3:$AA$30,INDEX(Jesper!$R$2:$R$366,ROW(INDEX(Jesper!AJ$2:AJ$366,ROUNDDOWN($C1090/24,0)+1,1))-1)+IF('Standard Profiles'!$G$20=$B$10,7,0)+IF('Standard Profiles'!$G$20=$B$17,14,0)+IF('Standard Profiles'!$G$20=$B$24,21,0),0)),0)</f>
        <v>0</v>
      </c>
      <c r="G1090" cm="1">
        <f t="array" ref="G1090">IFERROR(INDEX(Jesper!AK$2:AK$366,ROUNDDOWN($C1090/24,0)+1,1)*INDEX($D$3:$AA$30,INDEX(Jesper!$R$2:$R$366,ROW(INDEX(Jesper!AK$2:AK$366,ROUNDDOWN($C1090/24,0)+1,1))-1)+IF('Standard Profiles'!$G$21=$B$10,7,0)+IF('Standard Profiles'!$G$21=$B$17,14,0)+IF('Standard Profiles'!$G$21=$B$24,21,0),MOD($C1090,24)+1)/SUM(INDEX($D$3:$AA$30,INDEX(Jesper!$R$2:$R$366,ROW(INDEX(Jesper!AK$2:AK$366,ROUNDDOWN($C1090/24,0)+1,1))-1)+IF('Standard Profiles'!$G$21=$B$10,7,0)+IF('Standard Profiles'!$G$21=$B$17,14,0)+IF('Standard Profiles'!$G$21=$B$24,21,0),0)),0)</f>
        <v>6.763495688597529</v>
      </c>
      <c r="H1090" cm="1">
        <f t="array" ref="H1090">IFERROR(INDEX(Jesper!AL$2:AL$366,ROUNDDOWN($C1090/24,0)+1,1)*INDEX($D$3:$AA$30,INDEX(Jesper!$R$2:$R$366,ROW(INDEX(Jesper!AL$2:AL$366,ROUNDDOWN($C1090/24,0)+1,1))-1)+IF('Standard Profiles'!$G$22=$B$10,7,0)+IF('Standard Profiles'!$G$22=$B$17,14,0)+IF('Standard Profiles'!$G$22=$B$24,21,0),MOD($C1090,24)+1)/SUM(INDEX($D$3:$AA$30,INDEX(Jesper!$R$2:$R$366,ROW(INDEX(Jesper!AL$2:AL$366,ROUNDDOWN($C1090/24,0)+1,1))-1)+IF('Standard Profiles'!$G$22=$B$10,7,0)+IF('Standard Profiles'!$G$22=$B$17,14,0)+IF('Standard Profiles'!$G$22=$B$24,21,0),0)),0)</f>
        <v>0</v>
      </c>
      <c r="I1090">
        <f t="shared" si="132"/>
        <v>3.2464779305268121</v>
      </c>
      <c r="J1090">
        <f t="shared" si="133"/>
        <v>10.885944359165753</v>
      </c>
      <c r="K1090">
        <f t="shared" si="134"/>
        <v>0.41116909794320622</v>
      </c>
      <c r="L1090">
        <f t="shared" si="135"/>
        <v>0.20558454897160311</v>
      </c>
      <c r="M1090">
        <f t="shared" si="136"/>
        <v>0</v>
      </c>
      <c r="N1090" s="45">
        <f t="shared" si="137"/>
        <v>44970.999999997439</v>
      </c>
    </row>
    <row r="1091" spans="2:14" x14ac:dyDescent="0.25">
      <c r="B1091">
        <f t="shared" si="131"/>
        <v>2</v>
      </c>
      <c r="C1091" s="16">
        <v>1057</v>
      </c>
      <c r="D1091" cm="1">
        <f t="array" ref="D1091">IFERROR(INDEX(Jesper!AH$2:AH$366,ROUNDDOWN($C1091/24,0)+1,1)*INDEX($D$3:$AA$30,INDEX(Jesper!$R$2:$R$366,ROW(INDEX(Jesper!AH$2:AH$366,ROUNDDOWN($C1091/24,0)+1,1))-1)+IF('Standard Profiles'!$G$18=$B$10,7,0)+IF('Standard Profiles'!$G$18=$B$17,14,0)+IF('Standard Profiles'!$G$18=$B$24,21,0),MOD($C1091,24)+1)/SUM(INDEX($D$3:$AA$30,INDEX(Jesper!$R$2:$R$366,ROW(INDEX(Jesper!AH$2:AH$366,ROUNDDOWN($C1091/24,0)+1,1))-1)+IF('Standard Profiles'!$G$18=$B$10,7,0)+IF('Standard Profiles'!$G$18=$B$17,14,0)+IF('Standard Profiles'!$G$18=$B$24,21,0),0)),0)</f>
        <v>5.8738442563315179</v>
      </c>
      <c r="E1091" cm="1">
        <f t="array" ref="E1091">IFERROR(INDEX(Jesper!AI$2:AI$366,ROUNDDOWN($C1091/24,0)+1,1)*INDEX($D$3:$AA$30,INDEX(Jesper!$R$2:$R$366,ROW(INDEX(Jesper!AI$2:AI$366,ROUNDDOWN($C1091/24,0)+1,1))-1)+IF('Standard Profiles'!$G$19=$B$10,7,0)+IF('Standard Profiles'!$G$19=$B$17,14,0)+IF('Standard Profiles'!$G$19=$B$24,21,0),MOD($C1091,24)+1)/SUM(INDEX($D$3:$AA$30,INDEX(Jesper!$R$2:$R$366,ROW(INDEX(Jesper!AI$2:AI$366,ROUNDDOWN($C1091/24,0)+1,1))-1)+IF('Standard Profiles'!$G$19=$B$10,7,0)+IF('Standard Profiles'!$G$19=$B$17,14,0)+IF('Standard Profiles'!$G$19=$B$24,21,0),0)),0)</f>
        <v>6.2948113596834858</v>
      </c>
      <c r="F1091" cm="1">
        <f t="array" ref="F1091">IFERROR(INDEX(Jesper!AJ$2:AJ$366,ROUNDDOWN($C1091/24,0)+1,1)*INDEX($D$3:$AA$30,INDEX(Jesper!$R$2:$R$366,ROW(INDEX(Jesper!AJ$2:AJ$366,ROUNDDOWN($C1091/24,0)+1,1))-1)+IF('Standard Profiles'!$G$20=$B$10,7,0)+IF('Standard Profiles'!$G$20=$B$17,14,0)+IF('Standard Profiles'!$G$20=$B$24,21,0),MOD($C1091,24)+1)/SUM(INDEX($D$3:$AA$30,INDEX(Jesper!$R$2:$R$366,ROW(INDEX(Jesper!AJ$2:AJ$366,ROUNDDOWN($C1091/24,0)+1,1))-1)+IF('Standard Profiles'!$G$20=$B$10,7,0)+IF('Standard Profiles'!$G$20=$B$17,14,0)+IF('Standard Profiles'!$G$20=$B$24,21,0),0)),0)</f>
        <v>0</v>
      </c>
      <c r="G1091" cm="1">
        <f t="array" ref="G1091">IFERROR(INDEX(Jesper!AK$2:AK$366,ROUNDDOWN($C1091/24,0)+1,1)*INDEX($D$3:$AA$30,INDEX(Jesper!$R$2:$R$366,ROW(INDEX(Jesper!AK$2:AK$366,ROUNDDOWN($C1091/24,0)+1,1))-1)+IF('Standard Profiles'!$G$21=$B$10,7,0)+IF('Standard Profiles'!$G$21=$B$17,14,0)+IF('Standard Profiles'!$G$21=$B$24,21,0),MOD($C1091,24)+1)/SUM(INDEX($D$3:$AA$30,INDEX(Jesper!$R$2:$R$366,ROW(INDEX(Jesper!AK$2:AK$366,ROUNDDOWN($C1091/24,0)+1,1))-1)+IF('Standard Profiles'!$G$21=$B$10,7,0)+IF('Standard Profiles'!$G$21=$B$17,14,0)+IF('Standard Profiles'!$G$21=$B$24,21,0),0)),0)</f>
        <v>6.763495688597529</v>
      </c>
      <c r="H1091" cm="1">
        <f t="array" ref="H1091">IFERROR(INDEX(Jesper!AL$2:AL$366,ROUNDDOWN($C1091/24,0)+1,1)*INDEX($D$3:$AA$30,INDEX(Jesper!$R$2:$R$366,ROW(INDEX(Jesper!AL$2:AL$366,ROUNDDOWN($C1091/24,0)+1,1))-1)+IF('Standard Profiles'!$G$22=$B$10,7,0)+IF('Standard Profiles'!$G$22=$B$17,14,0)+IF('Standard Profiles'!$G$22=$B$24,21,0),MOD($C1091,24)+1)/SUM(INDEX($D$3:$AA$30,INDEX(Jesper!$R$2:$R$366,ROW(INDEX(Jesper!AL$2:AL$366,ROUNDDOWN($C1091/24,0)+1,1))-1)+IF('Standard Profiles'!$G$22=$B$10,7,0)+IF('Standard Profiles'!$G$22=$B$17,14,0)+IF('Standard Profiles'!$G$22=$B$24,21,0),0)),0)</f>
        <v>0</v>
      </c>
      <c r="I1091">
        <f t="shared" si="132"/>
        <v>3.2464779305268121</v>
      </c>
      <c r="J1091">
        <f t="shared" si="133"/>
        <v>14.745858293072677</v>
      </c>
      <c r="K1091">
        <f t="shared" si="134"/>
        <v>0.62654338734202863</v>
      </c>
      <c r="L1091">
        <f t="shared" si="135"/>
        <v>0.31327169367101432</v>
      </c>
      <c r="M1091">
        <f t="shared" si="136"/>
        <v>0</v>
      </c>
      <c r="N1091" s="45">
        <f t="shared" si="137"/>
        <v>44971.041666664103</v>
      </c>
    </row>
    <row r="1092" spans="2:14" x14ac:dyDescent="0.25">
      <c r="B1092">
        <f t="shared" si="131"/>
        <v>2</v>
      </c>
      <c r="C1092" s="16">
        <v>1058</v>
      </c>
      <c r="D1092" cm="1">
        <f t="array" ref="D1092">IFERROR(INDEX(Jesper!AH$2:AH$366,ROUNDDOWN($C1092/24,0)+1,1)*INDEX($D$3:$AA$30,INDEX(Jesper!$R$2:$R$366,ROW(INDEX(Jesper!AH$2:AH$366,ROUNDDOWN($C1092/24,0)+1,1))-1)+IF('Standard Profiles'!$G$18=$B$10,7,0)+IF('Standard Profiles'!$G$18=$B$17,14,0)+IF('Standard Profiles'!$G$18=$B$24,21,0),MOD($C1092,24)+1)/SUM(INDEX($D$3:$AA$30,INDEX(Jesper!$R$2:$R$366,ROW(INDEX(Jesper!AH$2:AH$366,ROUNDDOWN($C1092/24,0)+1,1))-1)+IF('Standard Profiles'!$G$18=$B$10,7,0)+IF('Standard Profiles'!$G$18=$B$17,14,0)+IF('Standard Profiles'!$G$18=$B$24,21,0),0)),0)</f>
        <v>5.8738442563315179</v>
      </c>
      <c r="E1092" cm="1">
        <f t="array" ref="E1092">IFERROR(INDEX(Jesper!AI$2:AI$366,ROUNDDOWN($C1092/24,0)+1,1)*INDEX($D$3:$AA$30,INDEX(Jesper!$R$2:$R$366,ROW(INDEX(Jesper!AI$2:AI$366,ROUNDDOWN($C1092/24,0)+1,1))-1)+IF('Standard Profiles'!$G$19=$B$10,7,0)+IF('Standard Profiles'!$G$19=$B$17,14,0)+IF('Standard Profiles'!$G$19=$B$24,21,0),MOD($C1092,24)+1)/SUM(INDEX($D$3:$AA$30,INDEX(Jesper!$R$2:$R$366,ROW(INDEX(Jesper!AI$2:AI$366,ROUNDDOWN($C1092/24,0)+1,1))-1)+IF('Standard Profiles'!$G$19=$B$10,7,0)+IF('Standard Profiles'!$G$19=$B$17,14,0)+IF('Standard Profiles'!$G$19=$B$24,21,0),0)),0)</f>
        <v>6.2948113596834858</v>
      </c>
      <c r="F1092" cm="1">
        <f t="array" ref="F1092">IFERROR(INDEX(Jesper!AJ$2:AJ$366,ROUNDDOWN($C1092/24,0)+1,1)*INDEX($D$3:$AA$30,INDEX(Jesper!$R$2:$R$366,ROW(INDEX(Jesper!AJ$2:AJ$366,ROUNDDOWN($C1092/24,0)+1,1))-1)+IF('Standard Profiles'!$G$20=$B$10,7,0)+IF('Standard Profiles'!$G$20=$B$17,14,0)+IF('Standard Profiles'!$G$20=$B$24,21,0),MOD($C1092,24)+1)/SUM(INDEX($D$3:$AA$30,INDEX(Jesper!$R$2:$R$366,ROW(INDEX(Jesper!AJ$2:AJ$366,ROUNDDOWN($C1092/24,0)+1,1))-1)+IF('Standard Profiles'!$G$20=$B$10,7,0)+IF('Standard Profiles'!$G$20=$B$17,14,0)+IF('Standard Profiles'!$G$20=$B$24,21,0),0)),0)</f>
        <v>0</v>
      </c>
      <c r="G1092" cm="1">
        <f t="array" ref="G1092">IFERROR(INDEX(Jesper!AK$2:AK$366,ROUNDDOWN($C1092/24,0)+1,1)*INDEX($D$3:$AA$30,INDEX(Jesper!$R$2:$R$366,ROW(INDEX(Jesper!AK$2:AK$366,ROUNDDOWN($C1092/24,0)+1,1))-1)+IF('Standard Profiles'!$G$21=$B$10,7,0)+IF('Standard Profiles'!$G$21=$B$17,14,0)+IF('Standard Profiles'!$G$21=$B$24,21,0),MOD($C1092,24)+1)/SUM(INDEX($D$3:$AA$30,INDEX(Jesper!$R$2:$R$366,ROW(INDEX(Jesper!AK$2:AK$366,ROUNDDOWN($C1092/24,0)+1,1))-1)+IF('Standard Profiles'!$G$21=$B$10,7,0)+IF('Standard Profiles'!$G$21=$B$17,14,0)+IF('Standard Profiles'!$G$21=$B$24,21,0),0)),0)</f>
        <v>6.763495688597529</v>
      </c>
      <c r="H1092" cm="1">
        <f t="array" ref="H1092">IFERROR(INDEX(Jesper!AL$2:AL$366,ROUNDDOWN($C1092/24,0)+1,1)*INDEX($D$3:$AA$30,INDEX(Jesper!$R$2:$R$366,ROW(INDEX(Jesper!AL$2:AL$366,ROUNDDOWN($C1092/24,0)+1,1))-1)+IF('Standard Profiles'!$G$22=$B$10,7,0)+IF('Standard Profiles'!$G$22=$B$17,14,0)+IF('Standard Profiles'!$G$22=$B$24,21,0),MOD($C1092,24)+1)/SUM(INDEX($D$3:$AA$30,INDEX(Jesper!$R$2:$R$366,ROW(INDEX(Jesper!AL$2:AL$366,ROUNDDOWN($C1092/24,0)+1,1))-1)+IF('Standard Profiles'!$G$22=$B$10,7,0)+IF('Standard Profiles'!$G$22=$B$17,14,0)+IF('Standard Profiles'!$G$22=$B$24,21,0),0)),0)</f>
        <v>0</v>
      </c>
      <c r="I1092">
        <f t="shared" si="132"/>
        <v>3.2464779305268121</v>
      </c>
      <c r="J1092">
        <f t="shared" si="133"/>
        <v>14.745858293072677</v>
      </c>
      <c r="K1092">
        <f t="shared" si="134"/>
        <v>0.62654338734202863</v>
      </c>
      <c r="L1092">
        <f t="shared" si="135"/>
        <v>0.31327169367101432</v>
      </c>
      <c r="M1092">
        <f t="shared" si="136"/>
        <v>0</v>
      </c>
      <c r="N1092" s="45">
        <f t="shared" si="137"/>
        <v>44971.083333330767</v>
      </c>
    </row>
    <row r="1093" spans="2:14" x14ac:dyDescent="0.25">
      <c r="B1093">
        <f t="shared" si="131"/>
        <v>2</v>
      </c>
      <c r="C1093" s="16">
        <v>1059</v>
      </c>
      <c r="D1093" cm="1">
        <f t="array" ref="D1093">IFERROR(INDEX(Jesper!AH$2:AH$366,ROUNDDOWN($C1093/24,0)+1,1)*INDEX($D$3:$AA$30,INDEX(Jesper!$R$2:$R$366,ROW(INDEX(Jesper!AH$2:AH$366,ROUNDDOWN($C1093/24,0)+1,1))-1)+IF('Standard Profiles'!$G$18=$B$10,7,0)+IF('Standard Profiles'!$G$18=$B$17,14,0)+IF('Standard Profiles'!$G$18=$B$24,21,0),MOD($C1093,24)+1)/SUM(INDEX($D$3:$AA$30,INDEX(Jesper!$R$2:$R$366,ROW(INDEX(Jesper!AH$2:AH$366,ROUNDDOWN($C1093/24,0)+1,1))-1)+IF('Standard Profiles'!$G$18=$B$10,7,0)+IF('Standard Profiles'!$G$18=$B$17,14,0)+IF('Standard Profiles'!$G$18=$B$24,21,0),0)),0)</f>
        <v>5.8738442563315179</v>
      </c>
      <c r="E1093" cm="1">
        <f t="array" ref="E1093">IFERROR(INDEX(Jesper!AI$2:AI$366,ROUNDDOWN($C1093/24,0)+1,1)*INDEX($D$3:$AA$30,INDEX(Jesper!$R$2:$R$366,ROW(INDEX(Jesper!AI$2:AI$366,ROUNDDOWN($C1093/24,0)+1,1))-1)+IF('Standard Profiles'!$G$19=$B$10,7,0)+IF('Standard Profiles'!$G$19=$B$17,14,0)+IF('Standard Profiles'!$G$19=$B$24,21,0),MOD($C1093,24)+1)/SUM(INDEX($D$3:$AA$30,INDEX(Jesper!$R$2:$R$366,ROW(INDEX(Jesper!AI$2:AI$366,ROUNDDOWN($C1093/24,0)+1,1))-1)+IF('Standard Profiles'!$G$19=$B$10,7,0)+IF('Standard Profiles'!$G$19=$B$17,14,0)+IF('Standard Profiles'!$G$19=$B$24,21,0),0)),0)</f>
        <v>6.2948113596834858</v>
      </c>
      <c r="F1093" cm="1">
        <f t="array" ref="F1093">IFERROR(INDEX(Jesper!AJ$2:AJ$366,ROUNDDOWN($C1093/24,0)+1,1)*INDEX($D$3:$AA$30,INDEX(Jesper!$R$2:$R$366,ROW(INDEX(Jesper!AJ$2:AJ$366,ROUNDDOWN($C1093/24,0)+1,1))-1)+IF('Standard Profiles'!$G$20=$B$10,7,0)+IF('Standard Profiles'!$G$20=$B$17,14,0)+IF('Standard Profiles'!$G$20=$B$24,21,0),MOD($C1093,24)+1)/SUM(INDEX($D$3:$AA$30,INDEX(Jesper!$R$2:$R$366,ROW(INDEX(Jesper!AJ$2:AJ$366,ROUNDDOWN($C1093/24,0)+1,1))-1)+IF('Standard Profiles'!$G$20=$B$10,7,0)+IF('Standard Profiles'!$G$20=$B$17,14,0)+IF('Standard Profiles'!$G$20=$B$24,21,0),0)),0)</f>
        <v>0</v>
      </c>
      <c r="G1093" cm="1">
        <f t="array" ref="G1093">IFERROR(INDEX(Jesper!AK$2:AK$366,ROUNDDOWN($C1093/24,0)+1,1)*INDEX($D$3:$AA$30,INDEX(Jesper!$R$2:$R$366,ROW(INDEX(Jesper!AK$2:AK$366,ROUNDDOWN($C1093/24,0)+1,1))-1)+IF('Standard Profiles'!$G$21=$B$10,7,0)+IF('Standard Profiles'!$G$21=$B$17,14,0)+IF('Standard Profiles'!$G$21=$B$24,21,0),MOD($C1093,24)+1)/SUM(INDEX($D$3:$AA$30,INDEX(Jesper!$R$2:$R$366,ROW(INDEX(Jesper!AK$2:AK$366,ROUNDDOWN($C1093/24,0)+1,1))-1)+IF('Standard Profiles'!$G$21=$B$10,7,0)+IF('Standard Profiles'!$G$21=$B$17,14,0)+IF('Standard Profiles'!$G$21=$B$24,21,0),0)),0)</f>
        <v>6.763495688597529</v>
      </c>
      <c r="H1093" cm="1">
        <f t="array" ref="H1093">IFERROR(INDEX(Jesper!AL$2:AL$366,ROUNDDOWN($C1093/24,0)+1,1)*INDEX($D$3:$AA$30,INDEX(Jesper!$R$2:$R$366,ROW(INDEX(Jesper!AL$2:AL$366,ROUNDDOWN($C1093/24,0)+1,1))-1)+IF('Standard Profiles'!$G$22=$B$10,7,0)+IF('Standard Profiles'!$G$22=$B$17,14,0)+IF('Standard Profiles'!$G$22=$B$24,21,0),MOD($C1093,24)+1)/SUM(INDEX($D$3:$AA$30,INDEX(Jesper!$R$2:$R$366,ROW(INDEX(Jesper!AL$2:AL$366,ROUNDDOWN($C1093/24,0)+1,1))-1)+IF('Standard Profiles'!$G$22=$B$10,7,0)+IF('Standard Profiles'!$G$22=$B$17,14,0)+IF('Standard Profiles'!$G$22=$B$24,21,0),0)),0)</f>
        <v>0</v>
      </c>
      <c r="I1093">
        <f t="shared" si="132"/>
        <v>3.2464779305268121</v>
      </c>
      <c r="J1093">
        <f t="shared" si="133"/>
        <v>14.745858293072677</v>
      </c>
      <c r="K1093">
        <f t="shared" si="134"/>
        <v>0.62654338734202863</v>
      </c>
      <c r="L1093">
        <f t="shared" si="135"/>
        <v>0.31327169367101432</v>
      </c>
      <c r="M1093">
        <f t="shared" si="136"/>
        <v>0</v>
      </c>
      <c r="N1093" s="45">
        <f t="shared" si="137"/>
        <v>44971.124999997432</v>
      </c>
    </row>
    <row r="1094" spans="2:14" x14ac:dyDescent="0.25">
      <c r="B1094">
        <f t="shared" si="131"/>
        <v>2</v>
      </c>
      <c r="C1094" s="16">
        <v>1060</v>
      </c>
      <c r="D1094" cm="1">
        <f t="array" ref="D1094">IFERROR(INDEX(Jesper!AH$2:AH$366,ROUNDDOWN($C1094/24,0)+1,1)*INDEX($D$3:$AA$30,INDEX(Jesper!$R$2:$R$366,ROW(INDEX(Jesper!AH$2:AH$366,ROUNDDOWN($C1094/24,0)+1,1))-1)+IF('Standard Profiles'!$G$18=$B$10,7,0)+IF('Standard Profiles'!$G$18=$B$17,14,0)+IF('Standard Profiles'!$G$18=$B$24,21,0),MOD($C1094,24)+1)/SUM(INDEX($D$3:$AA$30,INDEX(Jesper!$R$2:$R$366,ROW(INDEX(Jesper!AH$2:AH$366,ROUNDDOWN($C1094/24,0)+1,1))-1)+IF('Standard Profiles'!$G$18=$B$10,7,0)+IF('Standard Profiles'!$G$18=$B$17,14,0)+IF('Standard Profiles'!$G$18=$B$24,21,0),0)),0)</f>
        <v>5.8738442563315179</v>
      </c>
      <c r="E1094" cm="1">
        <f t="array" ref="E1094">IFERROR(INDEX(Jesper!AI$2:AI$366,ROUNDDOWN($C1094/24,0)+1,1)*INDEX($D$3:$AA$30,INDEX(Jesper!$R$2:$R$366,ROW(INDEX(Jesper!AI$2:AI$366,ROUNDDOWN($C1094/24,0)+1,1))-1)+IF('Standard Profiles'!$G$19=$B$10,7,0)+IF('Standard Profiles'!$G$19=$B$17,14,0)+IF('Standard Profiles'!$G$19=$B$24,21,0),MOD($C1094,24)+1)/SUM(INDEX($D$3:$AA$30,INDEX(Jesper!$R$2:$R$366,ROW(INDEX(Jesper!AI$2:AI$366,ROUNDDOWN($C1094/24,0)+1,1))-1)+IF('Standard Profiles'!$G$19=$B$10,7,0)+IF('Standard Profiles'!$G$19=$B$17,14,0)+IF('Standard Profiles'!$G$19=$B$24,21,0),0)),0)</f>
        <v>6.2948113596834858</v>
      </c>
      <c r="F1094" cm="1">
        <f t="array" ref="F1094">IFERROR(INDEX(Jesper!AJ$2:AJ$366,ROUNDDOWN($C1094/24,0)+1,1)*INDEX($D$3:$AA$30,INDEX(Jesper!$R$2:$R$366,ROW(INDEX(Jesper!AJ$2:AJ$366,ROUNDDOWN($C1094/24,0)+1,1))-1)+IF('Standard Profiles'!$G$20=$B$10,7,0)+IF('Standard Profiles'!$G$20=$B$17,14,0)+IF('Standard Profiles'!$G$20=$B$24,21,0),MOD($C1094,24)+1)/SUM(INDEX($D$3:$AA$30,INDEX(Jesper!$R$2:$R$366,ROW(INDEX(Jesper!AJ$2:AJ$366,ROUNDDOWN($C1094/24,0)+1,1))-1)+IF('Standard Profiles'!$G$20=$B$10,7,0)+IF('Standard Profiles'!$G$20=$B$17,14,0)+IF('Standard Profiles'!$G$20=$B$24,21,0),0)),0)</f>
        <v>0</v>
      </c>
      <c r="G1094" cm="1">
        <f t="array" ref="G1094">IFERROR(INDEX(Jesper!AK$2:AK$366,ROUNDDOWN($C1094/24,0)+1,1)*INDEX($D$3:$AA$30,INDEX(Jesper!$R$2:$R$366,ROW(INDEX(Jesper!AK$2:AK$366,ROUNDDOWN($C1094/24,0)+1,1))-1)+IF('Standard Profiles'!$G$21=$B$10,7,0)+IF('Standard Profiles'!$G$21=$B$17,14,0)+IF('Standard Profiles'!$G$21=$B$24,21,0),MOD($C1094,24)+1)/SUM(INDEX($D$3:$AA$30,INDEX(Jesper!$R$2:$R$366,ROW(INDEX(Jesper!AK$2:AK$366,ROUNDDOWN($C1094/24,0)+1,1))-1)+IF('Standard Profiles'!$G$21=$B$10,7,0)+IF('Standard Profiles'!$G$21=$B$17,14,0)+IF('Standard Profiles'!$G$21=$B$24,21,0),0)),0)</f>
        <v>6.763495688597529</v>
      </c>
      <c r="H1094" cm="1">
        <f t="array" ref="H1094">IFERROR(INDEX(Jesper!AL$2:AL$366,ROUNDDOWN($C1094/24,0)+1,1)*INDEX($D$3:$AA$30,INDEX(Jesper!$R$2:$R$366,ROW(INDEX(Jesper!AL$2:AL$366,ROUNDDOWN($C1094/24,0)+1,1))-1)+IF('Standard Profiles'!$G$22=$B$10,7,0)+IF('Standard Profiles'!$G$22=$B$17,14,0)+IF('Standard Profiles'!$G$22=$B$24,21,0),MOD($C1094,24)+1)/SUM(INDEX($D$3:$AA$30,INDEX(Jesper!$R$2:$R$366,ROW(INDEX(Jesper!AL$2:AL$366,ROUNDDOWN($C1094/24,0)+1,1))-1)+IF('Standard Profiles'!$G$22=$B$10,7,0)+IF('Standard Profiles'!$G$22=$B$17,14,0)+IF('Standard Profiles'!$G$22=$B$24,21,0),0)),0)</f>
        <v>0</v>
      </c>
      <c r="I1094">
        <f t="shared" si="132"/>
        <v>3.2464779305268121</v>
      </c>
      <c r="J1094">
        <f t="shared" si="133"/>
        <v>14.745858293072677</v>
      </c>
      <c r="K1094">
        <f t="shared" si="134"/>
        <v>0.62654338734202863</v>
      </c>
      <c r="L1094">
        <f t="shared" si="135"/>
        <v>0.31327169367101432</v>
      </c>
      <c r="M1094">
        <f t="shared" si="136"/>
        <v>0</v>
      </c>
      <c r="N1094" s="45">
        <f t="shared" si="137"/>
        <v>44971.166666664096</v>
      </c>
    </row>
    <row r="1095" spans="2:14" x14ac:dyDescent="0.25">
      <c r="B1095">
        <f t="shared" si="131"/>
        <v>2</v>
      </c>
      <c r="C1095" s="16">
        <v>1061</v>
      </c>
      <c r="D1095" cm="1">
        <f t="array" ref="D1095">IFERROR(INDEX(Jesper!AH$2:AH$366,ROUNDDOWN($C1095/24,0)+1,1)*INDEX($D$3:$AA$30,INDEX(Jesper!$R$2:$R$366,ROW(INDEX(Jesper!AH$2:AH$366,ROUNDDOWN($C1095/24,0)+1,1))-1)+IF('Standard Profiles'!$G$18=$B$10,7,0)+IF('Standard Profiles'!$G$18=$B$17,14,0)+IF('Standard Profiles'!$G$18=$B$24,21,0),MOD($C1095,24)+1)/SUM(INDEX($D$3:$AA$30,INDEX(Jesper!$R$2:$R$366,ROW(INDEX(Jesper!AH$2:AH$366,ROUNDDOWN($C1095/24,0)+1,1))-1)+IF('Standard Profiles'!$G$18=$B$10,7,0)+IF('Standard Profiles'!$G$18=$B$17,14,0)+IF('Standard Profiles'!$G$18=$B$24,21,0),0)),0)</f>
        <v>5.8738442563315179</v>
      </c>
      <c r="E1095" cm="1">
        <f t="array" ref="E1095">IFERROR(INDEX(Jesper!AI$2:AI$366,ROUNDDOWN($C1095/24,0)+1,1)*INDEX($D$3:$AA$30,INDEX(Jesper!$R$2:$R$366,ROW(INDEX(Jesper!AI$2:AI$366,ROUNDDOWN($C1095/24,0)+1,1))-1)+IF('Standard Profiles'!$G$19=$B$10,7,0)+IF('Standard Profiles'!$G$19=$B$17,14,0)+IF('Standard Profiles'!$G$19=$B$24,21,0),MOD($C1095,24)+1)/SUM(INDEX($D$3:$AA$30,INDEX(Jesper!$R$2:$R$366,ROW(INDEX(Jesper!AI$2:AI$366,ROUNDDOWN($C1095/24,0)+1,1))-1)+IF('Standard Profiles'!$G$19=$B$10,7,0)+IF('Standard Profiles'!$G$19=$B$17,14,0)+IF('Standard Profiles'!$G$19=$B$24,21,0),0)),0)</f>
        <v>6.2948113596834858</v>
      </c>
      <c r="F1095" cm="1">
        <f t="array" ref="F1095">IFERROR(INDEX(Jesper!AJ$2:AJ$366,ROUNDDOWN($C1095/24,0)+1,1)*INDEX($D$3:$AA$30,INDEX(Jesper!$R$2:$R$366,ROW(INDEX(Jesper!AJ$2:AJ$366,ROUNDDOWN($C1095/24,0)+1,1))-1)+IF('Standard Profiles'!$G$20=$B$10,7,0)+IF('Standard Profiles'!$G$20=$B$17,14,0)+IF('Standard Profiles'!$G$20=$B$24,21,0),MOD($C1095,24)+1)/SUM(INDEX($D$3:$AA$30,INDEX(Jesper!$R$2:$R$366,ROW(INDEX(Jesper!AJ$2:AJ$366,ROUNDDOWN($C1095/24,0)+1,1))-1)+IF('Standard Profiles'!$G$20=$B$10,7,0)+IF('Standard Profiles'!$G$20=$B$17,14,0)+IF('Standard Profiles'!$G$20=$B$24,21,0),0)),0)</f>
        <v>0</v>
      </c>
      <c r="G1095" cm="1">
        <f t="array" ref="G1095">IFERROR(INDEX(Jesper!AK$2:AK$366,ROUNDDOWN($C1095/24,0)+1,1)*INDEX($D$3:$AA$30,INDEX(Jesper!$R$2:$R$366,ROW(INDEX(Jesper!AK$2:AK$366,ROUNDDOWN($C1095/24,0)+1,1))-1)+IF('Standard Profiles'!$G$21=$B$10,7,0)+IF('Standard Profiles'!$G$21=$B$17,14,0)+IF('Standard Profiles'!$G$21=$B$24,21,0),MOD($C1095,24)+1)/SUM(INDEX($D$3:$AA$30,INDEX(Jesper!$R$2:$R$366,ROW(INDEX(Jesper!AK$2:AK$366,ROUNDDOWN($C1095/24,0)+1,1))-1)+IF('Standard Profiles'!$G$21=$B$10,7,0)+IF('Standard Profiles'!$G$21=$B$17,14,0)+IF('Standard Profiles'!$G$21=$B$24,21,0),0)),0)</f>
        <v>6.763495688597529</v>
      </c>
      <c r="H1095" cm="1">
        <f t="array" ref="H1095">IFERROR(INDEX(Jesper!AL$2:AL$366,ROUNDDOWN($C1095/24,0)+1,1)*INDEX($D$3:$AA$30,INDEX(Jesper!$R$2:$R$366,ROW(INDEX(Jesper!AL$2:AL$366,ROUNDDOWN($C1095/24,0)+1,1))-1)+IF('Standard Profiles'!$G$22=$B$10,7,0)+IF('Standard Profiles'!$G$22=$B$17,14,0)+IF('Standard Profiles'!$G$22=$B$24,21,0),MOD($C1095,24)+1)/SUM(INDEX($D$3:$AA$30,INDEX(Jesper!$R$2:$R$366,ROW(INDEX(Jesper!AL$2:AL$366,ROUNDDOWN($C1095/24,0)+1,1))-1)+IF('Standard Profiles'!$G$22=$B$10,7,0)+IF('Standard Profiles'!$G$22=$B$17,14,0)+IF('Standard Profiles'!$G$22=$B$24,21,0),0)),0)</f>
        <v>0</v>
      </c>
      <c r="I1095">
        <f t="shared" si="132"/>
        <v>3.2464779305268121</v>
      </c>
      <c r="J1095">
        <f t="shared" si="133"/>
        <v>14.745858293072677</v>
      </c>
      <c r="K1095">
        <f t="shared" si="134"/>
        <v>0.62654338734202863</v>
      </c>
      <c r="L1095">
        <f t="shared" si="135"/>
        <v>0.31327169367101432</v>
      </c>
      <c r="M1095">
        <f t="shared" si="136"/>
        <v>0</v>
      </c>
      <c r="N1095" s="45">
        <f t="shared" si="137"/>
        <v>44971.20833333076</v>
      </c>
    </row>
    <row r="1096" spans="2:14" x14ac:dyDescent="0.25">
      <c r="B1096">
        <f t="shared" si="131"/>
        <v>2</v>
      </c>
      <c r="C1096" s="16">
        <v>1062</v>
      </c>
      <c r="D1096" cm="1">
        <f t="array" ref="D1096">IFERROR(INDEX(Jesper!AH$2:AH$366,ROUNDDOWN($C1096/24,0)+1,1)*INDEX($D$3:$AA$30,INDEX(Jesper!$R$2:$R$366,ROW(INDEX(Jesper!AH$2:AH$366,ROUNDDOWN($C1096/24,0)+1,1))-1)+IF('Standard Profiles'!$G$18=$B$10,7,0)+IF('Standard Profiles'!$G$18=$B$17,14,0)+IF('Standard Profiles'!$G$18=$B$24,21,0),MOD($C1096,24)+1)/SUM(INDEX($D$3:$AA$30,INDEX(Jesper!$R$2:$R$366,ROW(INDEX(Jesper!AH$2:AH$366,ROUNDDOWN($C1096/24,0)+1,1))-1)+IF('Standard Profiles'!$G$18=$B$10,7,0)+IF('Standard Profiles'!$G$18=$B$17,14,0)+IF('Standard Profiles'!$G$18=$B$24,21,0),0)),0)</f>
        <v>5.8738442563315179</v>
      </c>
      <c r="E1096" cm="1">
        <f t="array" ref="E1096">IFERROR(INDEX(Jesper!AI$2:AI$366,ROUNDDOWN($C1096/24,0)+1,1)*INDEX($D$3:$AA$30,INDEX(Jesper!$R$2:$R$366,ROW(INDEX(Jesper!AI$2:AI$366,ROUNDDOWN($C1096/24,0)+1,1))-1)+IF('Standard Profiles'!$G$19=$B$10,7,0)+IF('Standard Profiles'!$G$19=$B$17,14,0)+IF('Standard Profiles'!$G$19=$B$24,21,0),MOD($C1096,24)+1)/SUM(INDEX($D$3:$AA$30,INDEX(Jesper!$R$2:$R$366,ROW(INDEX(Jesper!AI$2:AI$366,ROUNDDOWN($C1096/24,0)+1,1))-1)+IF('Standard Profiles'!$G$19=$B$10,7,0)+IF('Standard Profiles'!$G$19=$B$17,14,0)+IF('Standard Profiles'!$G$19=$B$24,21,0),0)),0)</f>
        <v>6.2948113596834858</v>
      </c>
      <c r="F1096" cm="1">
        <f t="array" ref="F1096">IFERROR(INDEX(Jesper!AJ$2:AJ$366,ROUNDDOWN($C1096/24,0)+1,1)*INDEX($D$3:$AA$30,INDEX(Jesper!$R$2:$R$366,ROW(INDEX(Jesper!AJ$2:AJ$366,ROUNDDOWN($C1096/24,0)+1,1))-1)+IF('Standard Profiles'!$G$20=$B$10,7,0)+IF('Standard Profiles'!$G$20=$B$17,14,0)+IF('Standard Profiles'!$G$20=$B$24,21,0),MOD($C1096,24)+1)/SUM(INDEX($D$3:$AA$30,INDEX(Jesper!$R$2:$R$366,ROW(INDEX(Jesper!AJ$2:AJ$366,ROUNDDOWN($C1096/24,0)+1,1))-1)+IF('Standard Profiles'!$G$20=$B$10,7,0)+IF('Standard Profiles'!$G$20=$B$17,14,0)+IF('Standard Profiles'!$G$20=$B$24,21,0),0)),0)</f>
        <v>0</v>
      </c>
      <c r="G1096" cm="1">
        <f t="array" ref="G1096">IFERROR(INDEX(Jesper!AK$2:AK$366,ROUNDDOWN($C1096/24,0)+1,1)*INDEX($D$3:$AA$30,INDEX(Jesper!$R$2:$R$366,ROW(INDEX(Jesper!AK$2:AK$366,ROUNDDOWN($C1096/24,0)+1,1))-1)+IF('Standard Profiles'!$G$21=$B$10,7,0)+IF('Standard Profiles'!$G$21=$B$17,14,0)+IF('Standard Profiles'!$G$21=$B$24,21,0),MOD($C1096,24)+1)/SUM(INDEX($D$3:$AA$30,INDEX(Jesper!$R$2:$R$366,ROW(INDEX(Jesper!AK$2:AK$366,ROUNDDOWN($C1096/24,0)+1,1))-1)+IF('Standard Profiles'!$G$21=$B$10,7,0)+IF('Standard Profiles'!$G$21=$B$17,14,0)+IF('Standard Profiles'!$G$21=$B$24,21,0),0)),0)</f>
        <v>6.763495688597529</v>
      </c>
      <c r="H1096" cm="1">
        <f t="array" ref="H1096">IFERROR(INDEX(Jesper!AL$2:AL$366,ROUNDDOWN($C1096/24,0)+1,1)*INDEX($D$3:$AA$30,INDEX(Jesper!$R$2:$R$366,ROW(INDEX(Jesper!AL$2:AL$366,ROUNDDOWN($C1096/24,0)+1,1))-1)+IF('Standard Profiles'!$G$22=$B$10,7,0)+IF('Standard Profiles'!$G$22=$B$17,14,0)+IF('Standard Profiles'!$G$22=$B$24,21,0),MOD($C1096,24)+1)/SUM(INDEX($D$3:$AA$30,INDEX(Jesper!$R$2:$R$366,ROW(INDEX(Jesper!AL$2:AL$366,ROUNDDOWN($C1096/24,0)+1,1))-1)+IF('Standard Profiles'!$G$22=$B$10,7,0)+IF('Standard Profiles'!$G$22=$B$17,14,0)+IF('Standard Profiles'!$G$22=$B$24,21,0),0)),0)</f>
        <v>0</v>
      </c>
      <c r="I1096">
        <f t="shared" si="132"/>
        <v>3.2464779305268121</v>
      </c>
      <c r="J1096">
        <f t="shared" si="133"/>
        <v>14.745858293072677</v>
      </c>
      <c r="K1096">
        <f t="shared" si="134"/>
        <v>0.62654338734202863</v>
      </c>
      <c r="L1096">
        <f t="shared" si="135"/>
        <v>0.31327169367101432</v>
      </c>
      <c r="M1096">
        <f t="shared" si="136"/>
        <v>0</v>
      </c>
      <c r="N1096" s="45">
        <f t="shared" si="137"/>
        <v>44971.249999997424</v>
      </c>
    </row>
    <row r="1097" spans="2:14" x14ac:dyDescent="0.25">
      <c r="B1097">
        <f t="shared" si="131"/>
        <v>2</v>
      </c>
      <c r="C1097" s="16">
        <v>1063</v>
      </c>
      <c r="D1097" cm="1">
        <f t="array" ref="D1097">IFERROR(INDEX(Jesper!AH$2:AH$366,ROUNDDOWN($C1097/24,0)+1,1)*INDEX($D$3:$AA$30,INDEX(Jesper!$R$2:$R$366,ROW(INDEX(Jesper!AH$2:AH$366,ROUNDDOWN($C1097/24,0)+1,1))-1)+IF('Standard Profiles'!$G$18=$B$10,7,0)+IF('Standard Profiles'!$G$18=$B$17,14,0)+IF('Standard Profiles'!$G$18=$B$24,21,0),MOD($C1097,24)+1)/SUM(INDEX($D$3:$AA$30,INDEX(Jesper!$R$2:$R$366,ROW(INDEX(Jesper!AH$2:AH$366,ROUNDDOWN($C1097/24,0)+1,1))-1)+IF('Standard Profiles'!$G$18=$B$10,7,0)+IF('Standard Profiles'!$G$18=$B$17,14,0)+IF('Standard Profiles'!$G$18=$B$24,21,0),0)),0)</f>
        <v>24.761924693097551</v>
      </c>
      <c r="E1097" cm="1">
        <f t="array" ref="E1097">IFERROR(INDEX(Jesper!AI$2:AI$366,ROUNDDOWN($C1097/24,0)+1,1)*INDEX($D$3:$AA$30,INDEX(Jesper!$R$2:$R$366,ROW(INDEX(Jesper!AI$2:AI$366,ROUNDDOWN($C1097/24,0)+1,1))-1)+IF('Standard Profiles'!$G$19=$B$10,7,0)+IF('Standard Profiles'!$G$19=$B$17,14,0)+IF('Standard Profiles'!$G$19=$B$24,21,0),MOD($C1097,24)+1)/SUM(INDEX($D$3:$AA$30,INDEX(Jesper!$R$2:$R$366,ROW(INDEX(Jesper!AI$2:AI$366,ROUNDDOWN($C1097/24,0)+1,1))-1)+IF('Standard Profiles'!$G$19=$B$10,7,0)+IF('Standard Profiles'!$G$19=$B$17,14,0)+IF('Standard Profiles'!$G$19=$B$24,21,0),0)),0)</f>
        <v>26.536564138165694</v>
      </c>
      <c r="F1097" cm="1">
        <f t="array" ref="F1097">IFERROR(INDEX(Jesper!AJ$2:AJ$366,ROUNDDOWN($C1097/24,0)+1,1)*INDEX($D$3:$AA$30,INDEX(Jesper!$R$2:$R$366,ROW(INDEX(Jesper!AJ$2:AJ$366,ROUNDDOWN($C1097/24,0)+1,1))-1)+IF('Standard Profiles'!$G$20=$B$10,7,0)+IF('Standard Profiles'!$G$20=$B$17,14,0)+IF('Standard Profiles'!$G$20=$B$24,21,0),MOD($C1097,24)+1)/SUM(INDEX($D$3:$AA$30,INDEX(Jesper!$R$2:$R$366,ROW(INDEX(Jesper!AJ$2:AJ$366,ROUNDDOWN($C1097/24,0)+1,1))-1)+IF('Standard Profiles'!$G$20=$B$10,7,0)+IF('Standard Profiles'!$G$20=$B$17,14,0)+IF('Standard Profiles'!$G$20=$B$24,21,0),0)),0)</f>
        <v>0</v>
      </c>
      <c r="G1097" cm="1">
        <f t="array" ref="G1097">IFERROR(INDEX(Jesper!AK$2:AK$366,ROUNDDOWN($C1097/24,0)+1,1)*INDEX($D$3:$AA$30,INDEX(Jesper!$R$2:$R$366,ROW(INDEX(Jesper!AK$2:AK$366,ROUNDDOWN($C1097/24,0)+1,1))-1)+IF('Standard Profiles'!$G$21=$B$10,7,0)+IF('Standard Profiles'!$G$21=$B$17,14,0)+IF('Standard Profiles'!$G$21=$B$24,21,0),MOD($C1097,24)+1)/SUM(INDEX($D$3:$AA$30,INDEX(Jesper!$R$2:$R$366,ROW(INDEX(Jesper!AK$2:AK$366,ROUNDDOWN($C1097/24,0)+1,1))-1)+IF('Standard Profiles'!$G$21=$B$10,7,0)+IF('Standard Profiles'!$G$21=$B$17,14,0)+IF('Standard Profiles'!$G$21=$B$24,21,0),0)),0)</f>
        <v>19.48323112876643</v>
      </c>
      <c r="H1097" cm="1">
        <f t="array" ref="H1097">IFERROR(INDEX(Jesper!AL$2:AL$366,ROUNDDOWN($C1097/24,0)+1,1)*INDEX($D$3:$AA$30,INDEX(Jesper!$R$2:$R$366,ROW(INDEX(Jesper!AL$2:AL$366,ROUNDDOWN($C1097/24,0)+1,1))-1)+IF('Standard Profiles'!$G$22=$B$10,7,0)+IF('Standard Profiles'!$G$22=$B$17,14,0)+IF('Standard Profiles'!$G$22=$B$24,21,0),MOD($C1097,24)+1)/SUM(INDEX($D$3:$AA$30,INDEX(Jesper!$R$2:$R$366,ROW(INDEX(Jesper!AL$2:AL$366,ROUNDDOWN($C1097/24,0)+1,1))-1)+IF('Standard Profiles'!$G$22=$B$10,7,0)+IF('Standard Profiles'!$G$22=$B$17,14,0)+IF('Standard Profiles'!$G$22=$B$24,21,0),0)),0)</f>
        <v>0</v>
      </c>
      <c r="I1097">
        <f t="shared" si="132"/>
        <v>9.3519509418078819</v>
      </c>
      <c r="J1097">
        <f t="shared" si="133"/>
        <v>57.467861067326183</v>
      </c>
      <c r="K1097">
        <f t="shared" si="134"/>
        <v>2.641271967263739</v>
      </c>
      <c r="L1097">
        <f t="shared" si="135"/>
        <v>1.3206359836318695</v>
      </c>
      <c r="M1097">
        <f t="shared" si="136"/>
        <v>0</v>
      </c>
      <c r="N1097" s="45">
        <f t="shared" si="137"/>
        <v>44971.291666664089</v>
      </c>
    </row>
    <row r="1098" spans="2:14" x14ac:dyDescent="0.25">
      <c r="B1098">
        <f t="shared" si="131"/>
        <v>2</v>
      </c>
      <c r="C1098" s="16">
        <v>1064</v>
      </c>
      <c r="D1098" cm="1">
        <f t="array" ref="D1098">IFERROR(INDEX(Jesper!AH$2:AH$366,ROUNDDOWN($C1098/24,0)+1,1)*INDEX($D$3:$AA$30,INDEX(Jesper!$R$2:$R$366,ROW(INDEX(Jesper!AH$2:AH$366,ROUNDDOWN($C1098/24,0)+1,1))-1)+IF('Standard Profiles'!$G$18=$B$10,7,0)+IF('Standard Profiles'!$G$18=$B$17,14,0)+IF('Standard Profiles'!$G$18=$B$24,21,0),MOD($C1098,24)+1)/SUM(INDEX($D$3:$AA$30,INDEX(Jesper!$R$2:$R$366,ROW(INDEX(Jesper!AH$2:AH$366,ROUNDDOWN($C1098/24,0)+1,1))-1)+IF('Standard Profiles'!$G$18=$B$10,7,0)+IF('Standard Profiles'!$G$18=$B$17,14,0)+IF('Standard Profiles'!$G$18=$B$24,21,0),0)),0)</f>
        <v>27.629094920719375</v>
      </c>
      <c r="E1098" cm="1">
        <f t="array" ref="E1098">IFERROR(INDEX(Jesper!AI$2:AI$366,ROUNDDOWN($C1098/24,0)+1,1)*INDEX($D$3:$AA$30,INDEX(Jesper!$R$2:$R$366,ROW(INDEX(Jesper!AI$2:AI$366,ROUNDDOWN($C1098/24,0)+1,1))-1)+IF('Standard Profiles'!$G$19=$B$10,7,0)+IF('Standard Profiles'!$G$19=$B$17,14,0)+IF('Standard Profiles'!$G$19=$B$24,21,0),MOD($C1098,24)+1)/SUM(INDEX($D$3:$AA$30,INDEX(Jesper!$R$2:$R$366,ROW(INDEX(Jesper!AI$2:AI$366,ROUNDDOWN($C1098/24,0)+1,1))-1)+IF('Standard Profiles'!$G$19=$B$10,7,0)+IF('Standard Profiles'!$G$19=$B$17,14,0)+IF('Standard Profiles'!$G$19=$B$24,21,0),0)),0)</f>
        <v>29.609218933111197</v>
      </c>
      <c r="F1098" cm="1">
        <f t="array" ref="F1098">IFERROR(INDEX(Jesper!AJ$2:AJ$366,ROUNDDOWN($C1098/24,0)+1,1)*INDEX($D$3:$AA$30,INDEX(Jesper!$R$2:$R$366,ROW(INDEX(Jesper!AJ$2:AJ$366,ROUNDDOWN($C1098/24,0)+1,1))-1)+IF('Standard Profiles'!$G$20=$B$10,7,0)+IF('Standard Profiles'!$G$20=$B$17,14,0)+IF('Standard Profiles'!$G$20=$B$24,21,0),MOD($C1098,24)+1)/SUM(INDEX($D$3:$AA$30,INDEX(Jesper!$R$2:$R$366,ROW(INDEX(Jesper!AJ$2:AJ$366,ROUNDDOWN($C1098/24,0)+1,1))-1)+IF('Standard Profiles'!$G$20=$B$10,7,0)+IF('Standard Profiles'!$G$20=$B$17,14,0)+IF('Standard Profiles'!$G$20=$B$24,21,0),0)),0)</f>
        <v>0</v>
      </c>
      <c r="G1098" cm="1">
        <f t="array" ref="G1098">IFERROR(INDEX(Jesper!AK$2:AK$366,ROUNDDOWN($C1098/24,0)+1,1)*INDEX($D$3:$AA$30,INDEX(Jesper!$R$2:$R$366,ROW(INDEX(Jesper!AK$2:AK$366,ROUNDDOWN($C1098/24,0)+1,1))-1)+IF('Standard Profiles'!$G$21=$B$10,7,0)+IF('Standard Profiles'!$G$21=$B$17,14,0)+IF('Standard Profiles'!$G$21=$B$24,21,0),MOD($C1098,24)+1)/SUM(INDEX($D$3:$AA$30,INDEX(Jesper!$R$2:$R$366,ROW(INDEX(Jesper!AK$2:AK$366,ROUNDDOWN($C1098/24,0)+1,1))-1)+IF('Standard Profiles'!$G$21=$B$10,7,0)+IF('Standard Profiles'!$G$21=$B$17,14,0)+IF('Standard Profiles'!$G$21=$B$24,21,0),0)),0)</f>
        <v>21.739184206834125</v>
      </c>
      <c r="H1098" cm="1">
        <f t="array" ref="H1098">IFERROR(INDEX(Jesper!AL$2:AL$366,ROUNDDOWN($C1098/24,0)+1,1)*INDEX($D$3:$AA$30,INDEX(Jesper!$R$2:$R$366,ROW(INDEX(Jesper!AL$2:AL$366,ROUNDDOWN($C1098/24,0)+1,1))-1)+IF('Standard Profiles'!$G$22=$B$10,7,0)+IF('Standard Profiles'!$G$22=$B$17,14,0)+IF('Standard Profiles'!$G$22=$B$24,21,0),MOD($C1098,24)+1)/SUM(INDEX($D$3:$AA$30,INDEX(Jesper!$R$2:$R$366,ROW(INDEX(Jesper!AL$2:AL$366,ROUNDDOWN($C1098/24,0)+1,1))-1)+IF('Standard Profiles'!$G$22=$B$10,7,0)+IF('Standard Profiles'!$G$22=$B$17,14,0)+IF('Standard Profiles'!$G$22=$B$24,21,0),0)),0)</f>
        <v>0</v>
      </c>
      <c r="I1098">
        <f t="shared" si="132"/>
        <v>10.434808419280374</v>
      </c>
      <c r="J1098">
        <f t="shared" si="133"/>
        <v>64.122034454069222</v>
      </c>
      <c r="K1098">
        <f t="shared" si="134"/>
        <v>2.947103458210067</v>
      </c>
      <c r="L1098">
        <f t="shared" si="135"/>
        <v>1.4735517291050335</v>
      </c>
      <c r="M1098">
        <f t="shared" si="136"/>
        <v>0</v>
      </c>
      <c r="N1098" s="45">
        <f t="shared" si="137"/>
        <v>44971.333333330753</v>
      </c>
    </row>
    <row r="1099" spans="2:14" x14ac:dyDescent="0.25">
      <c r="B1099">
        <f t="shared" si="131"/>
        <v>2</v>
      </c>
      <c r="C1099" s="16">
        <v>1065</v>
      </c>
      <c r="D1099" cm="1">
        <f t="array" ref="D1099">IFERROR(INDEX(Jesper!AH$2:AH$366,ROUNDDOWN($C1099/24,0)+1,1)*INDEX($D$3:$AA$30,INDEX(Jesper!$R$2:$R$366,ROW(INDEX(Jesper!AH$2:AH$366,ROUNDDOWN($C1099/24,0)+1,1))-1)+IF('Standard Profiles'!$G$18=$B$10,7,0)+IF('Standard Profiles'!$G$18=$B$17,14,0)+IF('Standard Profiles'!$G$18=$B$24,21,0),MOD($C1099,24)+1)/SUM(INDEX($D$3:$AA$30,INDEX(Jesper!$R$2:$R$366,ROW(INDEX(Jesper!AH$2:AH$366,ROUNDDOWN($C1099/24,0)+1,1))-1)+IF('Standard Profiles'!$G$18=$B$10,7,0)+IF('Standard Profiles'!$G$18=$B$17,14,0)+IF('Standard Profiles'!$G$18=$B$24,21,0),0)),0)</f>
        <v>30.496265148341198</v>
      </c>
      <c r="E1099" cm="1">
        <f t="array" ref="E1099">IFERROR(INDEX(Jesper!AI$2:AI$366,ROUNDDOWN($C1099/24,0)+1,1)*INDEX($D$3:$AA$30,INDEX(Jesper!$R$2:$R$366,ROW(INDEX(Jesper!AI$2:AI$366,ROUNDDOWN($C1099/24,0)+1,1))-1)+IF('Standard Profiles'!$G$19=$B$10,7,0)+IF('Standard Profiles'!$G$19=$B$17,14,0)+IF('Standard Profiles'!$G$19=$B$24,21,0),MOD($C1099,24)+1)/SUM(INDEX($D$3:$AA$30,INDEX(Jesper!$R$2:$R$366,ROW(INDEX(Jesper!AI$2:AI$366,ROUNDDOWN($C1099/24,0)+1,1))-1)+IF('Standard Profiles'!$G$19=$B$10,7,0)+IF('Standard Profiles'!$G$19=$B$17,14,0)+IF('Standard Profiles'!$G$19=$B$24,21,0),0)),0)</f>
        <v>32.681873728056694</v>
      </c>
      <c r="F1099" cm="1">
        <f t="array" ref="F1099">IFERROR(INDEX(Jesper!AJ$2:AJ$366,ROUNDDOWN($C1099/24,0)+1,1)*INDEX($D$3:$AA$30,INDEX(Jesper!$R$2:$R$366,ROW(INDEX(Jesper!AJ$2:AJ$366,ROUNDDOWN($C1099/24,0)+1,1))-1)+IF('Standard Profiles'!$G$20=$B$10,7,0)+IF('Standard Profiles'!$G$20=$B$17,14,0)+IF('Standard Profiles'!$G$20=$B$24,21,0),MOD($C1099,24)+1)/SUM(INDEX($D$3:$AA$30,INDEX(Jesper!$R$2:$R$366,ROW(INDEX(Jesper!AJ$2:AJ$366,ROUNDDOWN($C1099/24,0)+1,1))-1)+IF('Standard Profiles'!$G$20=$B$10,7,0)+IF('Standard Profiles'!$G$20=$B$17,14,0)+IF('Standard Profiles'!$G$20=$B$24,21,0),0)),0)</f>
        <v>0</v>
      </c>
      <c r="G1099" cm="1">
        <f t="array" ref="G1099">IFERROR(INDEX(Jesper!AK$2:AK$366,ROUNDDOWN($C1099/24,0)+1,1)*INDEX($D$3:$AA$30,INDEX(Jesper!$R$2:$R$366,ROW(INDEX(Jesper!AK$2:AK$366,ROUNDDOWN($C1099/24,0)+1,1))-1)+IF('Standard Profiles'!$G$21=$B$10,7,0)+IF('Standard Profiles'!$G$21=$B$17,14,0)+IF('Standard Profiles'!$G$21=$B$24,21,0),MOD($C1099,24)+1)/SUM(INDEX($D$3:$AA$30,INDEX(Jesper!$R$2:$R$366,ROW(INDEX(Jesper!AK$2:AK$366,ROUNDDOWN($C1099/24,0)+1,1))-1)+IF('Standard Profiles'!$G$21=$B$10,7,0)+IF('Standard Profiles'!$G$21=$B$17,14,0)+IF('Standard Profiles'!$G$21=$B$24,21,0),0)),0)</f>
        <v>23.995137284901816</v>
      </c>
      <c r="H1099" cm="1">
        <f t="array" ref="H1099">IFERROR(INDEX(Jesper!AL$2:AL$366,ROUNDDOWN($C1099/24,0)+1,1)*INDEX($D$3:$AA$30,INDEX(Jesper!$R$2:$R$366,ROW(INDEX(Jesper!AL$2:AL$366,ROUNDDOWN($C1099/24,0)+1,1))-1)+IF('Standard Profiles'!$G$22=$B$10,7,0)+IF('Standard Profiles'!$G$22=$B$17,14,0)+IF('Standard Profiles'!$G$22=$B$24,21,0),MOD($C1099,24)+1)/SUM(INDEX($D$3:$AA$30,INDEX(Jesper!$R$2:$R$366,ROW(INDEX(Jesper!AL$2:AL$366,ROUNDDOWN($C1099/24,0)+1,1))-1)+IF('Standard Profiles'!$G$22=$B$10,7,0)+IF('Standard Profiles'!$G$22=$B$17,14,0)+IF('Standard Profiles'!$G$22=$B$24,21,0),0)),0)</f>
        <v>0</v>
      </c>
      <c r="I1099">
        <f t="shared" si="132"/>
        <v>11.517665896752865</v>
      </c>
      <c r="J1099">
        <f t="shared" si="133"/>
        <v>70.776207840812248</v>
      </c>
      <c r="K1099">
        <f t="shared" si="134"/>
        <v>3.2529349491563946</v>
      </c>
      <c r="L1099">
        <f t="shared" si="135"/>
        <v>1.6264674745781973</v>
      </c>
      <c r="M1099">
        <f t="shared" si="136"/>
        <v>0</v>
      </c>
      <c r="N1099" s="45">
        <f t="shared" si="137"/>
        <v>44971.374999997417</v>
      </c>
    </row>
    <row r="1100" spans="2:14" x14ac:dyDescent="0.25">
      <c r="B1100">
        <f t="shared" si="131"/>
        <v>2</v>
      </c>
      <c r="C1100" s="16">
        <v>1066</v>
      </c>
      <c r="D1100" cm="1">
        <f t="array" ref="D1100">IFERROR(INDEX(Jesper!AH$2:AH$366,ROUNDDOWN($C1100/24,0)+1,1)*INDEX($D$3:$AA$30,INDEX(Jesper!$R$2:$R$366,ROW(INDEX(Jesper!AH$2:AH$366,ROUNDDOWN($C1100/24,0)+1,1))-1)+IF('Standard Profiles'!$G$18=$B$10,7,0)+IF('Standard Profiles'!$G$18=$B$17,14,0)+IF('Standard Profiles'!$G$18=$B$24,21,0),MOD($C1100,24)+1)/SUM(INDEX($D$3:$AA$30,INDEX(Jesper!$R$2:$R$366,ROW(INDEX(Jesper!AH$2:AH$366,ROUNDDOWN($C1100/24,0)+1,1))-1)+IF('Standard Profiles'!$G$18=$B$10,7,0)+IF('Standard Profiles'!$G$18=$B$17,14,0)+IF('Standard Profiles'!$G$18=$B$24,21,0),0)),0)</f>
        <v>30.496265148341198</v>
      </c>
      <c r="E1100" cm="1">
        <f t="array" ref="E1100">IFERROR(INDEX(Jesper!AI$2:AI$366,ROUNDDOWN($C1100/24,0)+1,1)*INDEX($D$3:$AA$30,INDEX(Jesper!$R$2:$R$366,ROW(INDEX(Jesper!AI$2:AI$366,ROUNDDOWN($C1100/24,0)+1,1))-1)+IF('Standard Profiles'!$G$19=$B$10,7,0)+IF('Standard Profiles'!$G$19=$B$17,14,0)+IF('Standard Profiles'!$G$19=$B$24,21,0),MOD($C1100,24)+1)/SUM(INDEX($D$3:$AA$30,INDEX(Jesper!$R$2:$R$366,ROW(INDEX(Jesper!AI$2:AI$366,ROUNDDOWN($C1100/24,0)+1,1))-1)+IF('Standard Profiles'!$G$19=$B$10,7,0)+IF('Standard Profiles'!$G$19=$B$17,14,0)+IF('Standard Profiles'!$G$19=$B$24,21,0),0)),0)</f>
        <v>32.681873728056694</v>
      </c>
      <c r="F1100" cm="1">
        <f t="array" ref="F1100">IFERROR(INDEX(Jesper!AJ$2:AJ$366,ROUNDDOWN($C1100/24,0)+1,1)*INDEX($D$3:$AA$30,INDEX(Jesper!$R$2:$R$366,ROW(INDEX(Jesper!AJ$2:AJ$366,ROUNDDOWN($C1100/24,0)+1,1))-1)+IF('Standard Profiles'!$G$20=$B$10,7,0)+IF('Standard Profiles'!$G$20=$B$17,14,0)+IF('Standard Profiles'!$G$20=$B$24,21,0),MOD($C1100,24)+1)/SUM(INDEX($D$3:$AA$30,INDEX(Jesper!$R$2:$R$366,ROW(INDEX(Jesper!AJ$2:AJ$366,ROUNDDOWN($C1100/24,0)+1,1))-1)+IF('Standard Profiles'!$G$20=$B$10,7,0)+IF('Standard Profiles'!$G$20=$B$17,14,0)+IF('Standard Profiles'!$G$20=$B$24,21,0),0)),0)</f>
        <v>0</v>
      </c>
      <c r="G1100" cm="1">
        <f t="array" ref="G1100">IFERROR(INDEX(Jesper!AK$2:AK$366,ROUNDDOWN($C1100/24,0)+1,1)*INDEX($D$3:$AA$30,INDEX(Jesper!$R$2:$R$366,ROW(INDEX(Jesper!AK$2:AK$366,ROUNDDOWN($C1100/24,0)+1,1))-1)+IF('Standard Profiles'!$G$21=$B$10,7,0)+IF('Standard Profiles'!$G$21=$B$17,14,0)+IF('Standard Profiles'!$G$21=$B$24,21,0),MOD($C1100,24)+1)/SUM(INDEX($D$3:$AA$30,INDEX(Jesper!$R$2:$R$366,ROW(INDEX(Jesper!AK$2:AK$366,ROUNDDOWN($C1100/24,0)+1,1))-1)+IF('Standard Profiles'!$G$21=$B$10,7,0)+IF('Standard Profiles'!$G$21=$B$17,14,0)+IF('Standard Profiles'!$G$21=$B$24,21,0),0)),0)</f>
        <v>23.995137284901816</v>
      </c>
      <c r="H1100" cm="1">
        <f t="array" ref="H1100">IFERROR(INDEX(Jesper!AL$2:AL$366,ROUNDDOWN($C1100/24,0)+1,1)*INDEX($D$3:$AA$30,INDEX(Jesper!$R$2:$R$366,ROW(INDEX(Jesper!AL$2:AL$366,ROUNDDOWN($C1100/24,0)+1,1))-1)+IF('Standard Profiles'!$G$22=$B$10,7,0)+IF('Standard Profiles'!$G$22=$B$17,14,0)+IF('Standard Profiles'!$G$22=$B$24,21,0),MOD($C1100,24)+1)/SUM(INDEX($D$3:$AA$30,INDEX(Jesper!$R$2:$R$366,ROW(INDEX(Jesper!AL$2:AL$366,ROUNDDOWN($C1100/24,0)+1,1))-1)+IF('Standard Profiles'!$G$22=$B$10,7,0)+IF('Standard Profiles'!$G$22=$B$17,14,0)+IF('Standard Profiles'!$G$22=$B$24,21,0),0)),0)</f>
        <v>0</v>
      </c>
      <c r="I1100">
        <f t="shared" si="132"/>
        <v>11.517665896752865</v>
      </c>
      <c r="J1100">
        <f t="shared" si="133"/>
        <v>70.776207840812248</v>
      </c>
      <c r="K1100">
        <f t="shared" si="134"/>
        <v>3.2529349491563946</v>
      </c>
      <c r="L1100">
        <f t="shared" si="135"/>
        <v>1.6264674745781973</v>
      </c>
      <c r="M1100">
        <f t="shared" si="136"/>
        <v>0</v>
      </c>
      <c r="N1100" s="45">
        <f t="shared" si="137"/>
        <v>44971.416666664081</v>
      </c>
    </row>
    <row r="1101" spans="2:14" x14ac:dyDescent="0.25">
      <c r="B1101">
        <f t="shared" si="131"/>
        <v>2</v>
      </c>
      <c r="C1101" s="16">
        <v>1067</v>
      </c>
      <c r="D1101" cm="1">
        <f t="array" ref="D1101">IFERROR(INDEX(Jesper!AH$2:AH$366,ROUNDDOWN($C1101/24,0)+1,1)*INDEX($D$3:$AA$30,INDEX(Jesper!$R$2:$R$366,ROW(INDEX(Jesper!AH$2:AH$366,ROUNDDOWN($C1101/24,0)+1,1))-1)+IF('Standard Profiles'!$G$18=$B$10,7,0)+IF('Standard Profiles'!$G$18=$B$17,14,0)+IF('Standard Profiles'!$G$18=$B$24,21,0),MOD($C1101,24)+1)/SUM(INDEX($D$3:$AA$30,INDEX(Jesper!$R$2:$R$366,ROW(INDEX(Jesper!AH$2:AH$366,ROUNDDOWN($C1101/24,0)+1,1))-1)+IF('Standard Profiles'!$G$18=$B$10,7,0)+IF('Standard Profiles'!$G$18=$B$17,14,0)+IF('Standard Profiles'!$G$18=$B$24,21,0),0)),0)</f>
        <v>36.491257442459549</v>
      </c>
      <c r="E1101" cm="1">
        <f t="array" ref="E1101">IFERROR(INDEX(Jesper!AI$2:AI$366,ROUNDDOWN($C1101/24,0)+1,1)*INDEX($D$3:$AA$30,INDEX(Jesper!$R$2:$R$366,ROW(INDEX(Jesper!AI$2:AI$366,ROUNDDOWN($C1101/24,0)+1,1))-1)+IF('Standard Profiles'!$G$19=$B$10,7,0)+IF('Standard Profiles'!$G$19=$B$17,14,0)+IF('Standard Profiles'!$G$19=$B$24,21,0),MOD($C1101,24)+1)/SUM(INDEX($D$3:$AA$30,INDEX(Jesper!$R$2:$R$366,ROW(INDEX(Jesper!AI$2:AI$366,ROUNDDOWN($C1101/24,0)+1,1))-1)+IF('Standard Profiles'!$G$19=$B$10,7,0)+IF('Standard Profiles'!$G$19=$B$17,14,0)+IF('Standard Profiles'!$G$19=$B$24,21,0),0)),0)</f>
        <v>39.106515572033651</v>
      </c>
      <c r="F1101" cm="1">
        <f t="array" ref="F1101">IFERROR(INDEX(Jesper!AJ$2:AJ$366,ROUNDDOWN($C1101/24,0)+1,1)*INDEX($D$3:$AA$30,INDEX(Jesper!$R$2:$R$366,ROW(INDEX(Jesper!AJ$2:AJ$366,ROUNDDOWN($C1101/24,0)+1,1))-1)+IF('Standard Profiles'!$G$20=$B$10,7,0)+IF('Standard Profiles'!$G$20=$B$17,14,0)+IF('Standard Profiles'!$G$20=$B$24,21,0),MOD($C1101,24)+1)/SUM(INDEX($D$3:$AA$30,INDEX(Jesper!$R$2:$R$366,ROW(INDEX(Jesper!AJ$2:AJ$366,ROUNDDOWN($C1101/24,0)+1,1))-1)+IF('Standard Profiles'!$G$20=$B$10,7,0)+IF('Standard Profiles'!$G$20=$B$17,14,0)+IF('Standard Profiles'!$G$20=$B$24,21,0),0)),0)</f>
        <v>0</v>
      </c>
      <c r="G1101" cm="1">
        <f t="array" ref="G1101">IFERROR(INDEX(Jesper!AK$2:AK$366,ROUNDDOWN($C1101/24,0)+1,1)*INDEX($D$3:$AA$30,INDEX(Jesper!$R$2:$R$366,ROW(INDEX(Jesper!AK$2:AK$366,ROUNDDOWN($C1101/24,0)+1,1))-1)+IF('Standard Profiles'!$G$21=$B$10,7,0)+IF('Standard Profiles'!$G$21=$B$17,14,0)+IF('Standard Profiles'!$G$21=$B$24,21,0),MOD($C1101,24)+1)/SUM(INDEX($D$3:$AA$30,INDEX(Jesper!$R$2:$R$366,ROW(INDEX(Jesper!AK$2:AK$366,ROUNDDOWN($C1101/24,0)+1,1))-1)+IF('Standard Profiles'!$G$21=$B$10,7,0)+IF('Standard Profiles'!$G$21=$B$17,14,0)+IF('Standard Profiles'!$G$21=$B$24,21,0),0)),0)</f>
        <v>28.7121300844979</v>
      </c>
      <c r="H1101" cm="1">
        <f t="array" ref="H1101">IFERROR(INDEX(Jesper!AL$2:AL$366,ROUNDDOWN($C1101/24,0)+1,1)*INDEX($D$3:$AA$30,INDEX(Jesper!$R$2:$R$366,ROW(INDEX(Jesper!AL$2:AL$366,ROUNDDOWN($C1101/24,0)+1,1))-1)+IF('Standard Profiles'!$G$22=$B$10,7,0)+IF('Standard Profiles'!$G$22=$B$17,14,0)+IF('Standard Profiles'!$G$22=$B$24,21,0),MOD($C1101,24)+1)/SUM(INDEX($D$3:$AA$30,INDEX(Jesper!$R$2:$R$366,ROW(INDEX(Jesper!AL$2:AL$366,ROUNDDOWN($C1101/24,0)+1,1))-1)+IF('Standard Profiles'!$G$22=$B$10,7,0)+IF('Standard Profiles'!$G$22=$B$17,14,0)+IF('Standard Profiles'!$G$22=$B$24,21,0),0)),0)</f>
        <v>0</v>
      </c>
      <c r="I1101">
        <f t="shared" si="132"/>
        <v>13.781822440558985</v>
      </c>
      <c r="J1101">
        <f t="shared" si="133"/>
        <v>84.689479467638591</v>
      </c>
      <c r="K1101">
        <f t="shared" si="134"/>
        <v>3.8924007938623522</v>
      </c>
      <c r="L1101">
        <f t="shared" si="135"/>
        <v>1.9462003969311761</v>
      </c>
      <c r="M1101">
        <f t="shared" si="136"/>
        <v>0</v>
      </c>
      <c r="N1101" s="45">
        <f t="shared" si="137"/>
        <v>44971.458333330746</v>
      </c>
    </row>
    <row r="1102" spans="2:14" x14ac:dyDescent="0.25">
      <c r="B1102">
        <f t="shared" si="131"/>
        <v>2</v>
      </c>
      <c r="C1102" s="16">
        <v>1068</v>
      </c>
      <c r="D1102" cm="1">
        <f t="array" ref="D1102">IFERROR(INDEX(Jesper!AH$2:AH$366,ROUNDDOWN($C1102/24,0)+1,1)*INDEX($D$3:$AA$30,INDEX(Jesper!$R$2:$R$366,ROW(INDEX(Jesper!AH$2:AH$366,ROUNDDOWN($C1102/24,0)+1,1))-1)+IF('Standard Profiles'!$G$18=$B$10,7,0)+IF('Standard Profiles'!$G$18=$B$17,14,0)+IF('Standard Profiles'!$G$18=$B$24,21,0),MOD($C1102,24)+1)/SUM(INDEX($D$3:$AA$30,INDEX(Jesper!$R$2:$R$366,ROW(INDEX(Jesper!AH$2:AH$366,ROUNDDOWN($C1102/24,0)+1,1))-1)+IF('Standard Profiles'!$G$18=$B$10,7,0)+IF('Standard Profiles'!$G$18=$B$17,14,0)+IF('Standard Profiles'!$G$18=$B$24,21,0),0)),0)</f>
        <v>36.491257442459549</v>
      </c>
      <c r="E1102" cm="1">
        <f t="array" ref="E1102">IFERROR(INDEX(Jesper!AI$2:AI$366,ROUNDDOWN($C1102/24,0)+1,1)*INDEX($D$3:$AA$30,INDEX(Jesper!$R$2:$R$366,ROW(INDEX(Jesper!AI$2:AI$366,ROUNDDOWN($C1102/24,0)+1,1))-1)+IF('Standard Profiles'!$G$19=$B$10,7,0)+IF('Standard Profiles'!$G$19=$B$17,14,0)+IF('Standard Profiles'!$G$19=$B$24,21,0),MOD($C1102,24)+1)/SUM(INDEX($D$3:$AA$30,INDEX(Jesper!$R$2:$R$366,ROW(INDEX(Jesper!AI$2:AI$366,ROUNDDOWN($C1102/24,0)+1,1))-1)+IF('Standard Profiles'!$G$19=$B$10,7,0)+IF('Standard Profiles'!$G$19=$B$17,14,0)+IF('Standard Profiles'!$G$19=$B$24,21,0),0)),0)</f>
        <v>39.106515572033651</v>
      </c>
      <c r="F1102" cm="1">
        <f t="array" ref="F1102">IFERROR(INDEX(Jesper!AJ$2:AJ$366,ROUNDDOWN($C1102/24,0)+1,1)*INDEX($D$3:$AA$30,INDEX(Jesper!$R$2:$R$366,ROW(INDEX(Jesper!AJ$2:AJ$366,ROUNDDOWN($C1102/24,0)+1,1))-1)+IF('Standard Profiles'!$G$20=$B$10,7,0)+IF('Standard Profiles'!$G$20=$B$17,14,0)+IF('Standard Profiles'!$G$20=$B$24,21,0),MOD($C1102,24)+1)/SUM(INDEX($D$3:$AA$30,INDEX(Jesper!$R$2:$R$366,ROW(INDEX(Jesper!AJ$2:AJ$366,ROUNDDOWN($C1102/24,0)+1,1))-1)+IF('Standard Profiles'!$G$20=$B$10,7,0)+IF('Standard Profiles'!$G$20=$B$17,14,0)+IF('Standard Profiles'!$G$20=$B$24,21,0),0)),0)</f>
        <v>0</v>
      </c>
      <c r="G1102" cm="1">
        <f t="array" ref="G1102">IFERROR(INDEX(Jesper!AK$2:AK$366,ROUNDDOWN($C1102/24,0)+1,1)*INDEX($D$3:$AA$30,INDEX(Jesper!$R$2:$R$366,ROW(INDEX(Jesper!AK$2:AK$366,ROUNDDOWN($C1102/24,0)+1,1))-1)+IF('Standard Profiles'!$G$21=$B$10,7,0)+IF('Standard Profiles'!$G$21=$B$17,14,0)+IF('Standard Profiles'!$G$21=$B$24,21,0),MOD($C1102,24)+1)/SUM(INDEX($D$3:$AA$30,INDEX(Jesper!$R$2:$R$366,ROW(INDEX(Jesper!AK$2:AK$366,ROUNDDOWN($C1102/24,0)+1,1))-1)+IF('Standard Profiles'!$G$21=$B$10,7,0)+IF('Standard Profiles'!$G$21=$B$17,14,0)+IF('Standard Profiles'!$G$21=$B$24,21,0),0)),0)</f>
        <v>28.7121300844979</v>
      </c>
      <c r="H1102" cm="1">
        <f t="array" ref="H1102">IFERROR(INDEX(Jesper!AL$2:AL$366,ROUNDDOWN($C1102/24,0)+1,1)*INDEX($D$3:$AA$30,INDEX(Jesper!$R$2:$R$366,ROW(INDEX(Jesper!AL$2:AL$366,ROUNDDOWN($C1102/24,0)+1,1))-1)+IF('Standard Profiles'!$G$22=$B$10,7,0)+IF('Standard Profiles'!$G$22=$B$17,14,0)+IF('Standard Profiles'!$G$22=$B$24,21,0),MOD($C1102,24)+1)/SUM(INDEX($D$3:$AA$30,INDEX(Jesper!$R$2:$R$366,ROW(INDEX(Jesper!AL$2:AL$366,ROUNDDOWN($C1102/24,0)+1,1))-1)+IF('Standard Profiles'!$G$22=$B$10,7,0)+IF('Standard Profiles'!$G$22=$B$17,14,0)+IF('Standard Profiles'!$G$22=$B$24,21,0),0)),0)</f>
        <v>0</v>
      </c>
      <c r="I1102">
        <f t="shared" si="132"/>
        <v>13.781822440558985</v>
      </c>
      <c r="J1102">
        <f t="shared" si="133"/>
        <v>84.689479467638591</v>
      </c>
      <c r="K1102">
        <f t="shared" si="134"/>
        <v>3.8924007938623522</v>
      </c>
      <c r="L1102">
        <f t="shared" si="135"/>
        <v>1.9462003969311761</v>
      </c>
      <c r="M1102">
        <f t="shared" si="136"/>
        <v>0</v>
      </c>
      <c r="N1102" s="45">
        <f t="shared" si="137"/>
        <v>44971.49999999741</v>
      </c>
    </row>
    <row r="1103" spans="2:14" x14ac:dyDescent="0.25">
      <c r="B1103">
        <f t="shared" si="131"/>
        <v>2</v>
      </c>
      <c r="C1103" s="16">
        <v>1069</v>
      </c>
      <c r="D1103" cm="1">
        <f t="array" ref="D1103">IFERROR(INDEX(Jesper!AH$2:AH$366,ROUNDDOWN($C1103/24,0)+1,1)*INDEX($D$3:$AA$30,INDEX(Jesper!$R$2:$R$366,ROW(INDEX(Jesper!AH$2:AH$366,ROUNDDOWN($C1103/24,0)+1,1))-1)+IF('Standard Profiles'!$G$18=$B$10,7,0)+IF('Standard Profiles'!$G$18=$B$17,14,0)+IF('Standard Profiles'!$G$18=$B$24,21,0),MOD($C1103,24)+1)/SUM(INDEX($D$3:$AA$30,INDEX(Jesper!$R$2:$R$366,ROW(INDEX(Jesper!AH$2:AH$366,ROUNDDOWN($C1103/24,0)+1,1))-1)+IF('Standard Profiles'!$G$18=$B$10,7,0)+IF('Standard Profiles'!$G$18=$B$17,14,0)+IF('Standard Profiles'!$G$18=$B$24,21,0),0)),0)</f>
        <v>24.240621015348129</v>
      </c>
      <c r="E1103" cm="1">
        <f t="array" ref="E1103">IFERROR(INDEX(Jesper!AI$2:AI$366,ROUNDDOWN($C1103/24,0)+1,1)*INDEX($D$3:$AA$30,INDEX(Jesper!$R$2:$R$366,ROW(INDEX(Jesper!AI$2:AI$366,ROUNDDOWN($C1103/24,0)+1,1))-1)+IF('Standard Profiles'!$G$19=$B$10,7,0)+IF('Standard Profiles'!$G$19=$B$17,14,0)+IF('Standard Profiles'!$G$19=$B$24,21,0),MOD($C1103,24)+1)/SUM(INDEX($D$3:$AA$30,INDEX(Jesper!$R$2:$R$366,ROW(INDEX(Jesper!AI$2:AI$366,ROUNDDOWN($C1103/24,0)+1,1))-1)+IF('Standard Profiles'!$G$19=$B$10,7,0)+IF('Standard Profiles'!$G$19=$B$17,14,0)+IF('Standard Profiles'!$G$19=$B$24,21,0),0)),0)</f>
        <v>25.977899629993782</v>
      </c>
      <c r="F1103" cm="1">
        <f t="array" ref="F1103">IFERROR(INDEX(Jesper!AJ$2:AJ$366,ROUNDDOWN($C1103/24,0)+1,1)*INDEX($D$3:$AA$30,INDEX(Jesper!$R$2:$R$366,ROW(INDEX(Jesper!AJ$2:AJ$366,ROUNDDOWN($C1103/24,0)+1,1))-1)+IF('Standard Profiles'!$G$20=$B$10,7,0)+IF('Standard Profiles'!$G$20=$B$17,14,0)+IF('Standard Profiles'!$G$20=$B$24,21,0),MOD($C1103,24)+1)/SUM(INDEX($D$3:$AA$30,INDEX(Jesper!$R$2:$R$366,ROW(INDEX(Jesper!AJ$2:AJ$366,ROUNDDOWN($C1103/24,0)+1,1))-1)+IF('Standard Profiles'!$G$20=$B$10,7,0)+IF('Standard Profiles'!$G$20=$B$17,14,0)+IF('Standard Profiles'!$G$20=$B$24,21,0),0)),0)</f>
        <v>0</v>
      </c>
      <c r="G1103" cm="1">
        <f t="array" ref="G1103">IFERROR(INDEX(Jesper!AK$2:AK$366,ROUNDDOWN($C1103/24,0)+1,1)*INDEX($D$3:$AA$30,INDEX(Jesper!$R$2:$R$366,ROW(INDEX(Jesper!AK$2:AK$366,ROUNDDOWN($C1103/24,0)+1,1))-1)+IF('Standard Profiles'!$G$21=$B$10,7,0)+IF('Standard Profiles'!$G$21=$B$17,14,0)+IF('Standard Profiles'!$G$21=$B$24,21,0),MOD($C1103,24)+1)/SUM(INDEX($D$3:$AA$30,INDEX(Jesper!$R$2:$R$366,ROW(INDEX(Jesper!AK$2:AK$366,ROUNDDOWN($C1103/24,0)+1,1))-1)+IF('Standard Profiles'!$G$21=$B$10,7,0)+IF('Standard Profiles'!$G$21=$B$17,14,0)+IF('Standard Profiles'!$G$21=$B$24,21,0),0)),0)</f>
        <v>19.073057841845028</v>
      </c>
      <c r="H1103" cm="1">
        <f t="array" ref="H1103">IFERROR(INDEX(Jesper!AL$2:AL$366,ROUNDDOWN($C1103/24,0)+1,1)*INDEX($D$3:$AA$30,INDEX(Jesper!$R$2:$R$366,ROW(INDEX(Jesper!AL$2:AL$366,ROUNDDOWN($C1103/24,0)+1,1))-1)+IF('Standard Profiles'!$G$22=$B$10,7,0)+IF('Standard Profiles'!$G$22=$B$17,14,0)+IF('Standard Profiles'!$G$22=$B$24,21,0),MOD($C1103,24)+1)/SUM(INDEX($D$3:$AA$30,INDEX(Jesper!$R$2:$R$366,ROW(INDEX(Jesper!AL$2:AL$366,ROUNDDOWN($C1103/24,0)+1,1))-1)+IF('Standard Profiles'!$G$22=$B$10,7,0)+IF('Standard Profiles'!$G$22=$B$17,14,0)+IF('Standard Profiles'!$G$22=$B$24,21,0),0)),0)</f>
        <v>0</v>
      </c>
      <c r="I1103">
        <f t="shared" si="132"/>
        <v>9.155067764085608</v>
      </c>
      <c r="J1103">
        <f t="shared" si="133"/>
        <v>56.258011360645632</v>
      </c>
      <c r="K1103">
        <f t="shared" si="134"/>
        <v>2.5856662416371341</v>
      </c>
      <c r="L1103">
        <f t="shared" si="135"/>
        <v>1.292833120818567</v>
      </c>
      <c r="M1103">
        <f t="shared" si="136"/>
        <v>0</v>
      </c>
      <c r="N1103" s="45">
        <f t="shared" si="137"/>
        <v>44971.541666664074</v>
      </c>
    </row>
    <row r="1104" spans="2:14" x14ac:dyDescent="0.25">
      <c r="B1104">
        <f t="shared" si="131"/>
        <v>2</v>
      </c>
      <c r="C1104" s="16">
        <v>1070</v>
      </c>
      <c r="D1104" cm="1">
        <f t="array" ref="D1104">IFERROR(INDEX(Jesper!AH$2:AH$366,ROUNDDOWN($C1104/24,0)+1,1)*INDEX($D$3:$AA$30,INDEX(Jesper!$R$2:$R$366,ROW(INDEX(Jesper!AH$2:AH$366,ROUNDDOWN($C1104/24,0)+1,1))-1)+IF('Standard Profiles'!$G$18=$B$10,7,0)+IF('Standard Profiles'!$G$18=$B$17,14,0)+IF('Standard Profiles'!$G$18=$B$24,21,0),MOD($C1104,24)+1)/SUM(INDEX($D$3:$AA$30,INDEX(Jesper!$R$2:$R$366,ROW(INDEX(Jesper!AH$2:AH$366,ROUNDDOWN($C1104/24,0)+1,1))-1)+IF('Standard Profiles'!$G$18=$B$10,7,0)+IF('Standard Profiles'!$G$18=$B$17,14,0)+IF('Standard Profiles'!$G$18=$B$24,21,0),0)),0)</f>
        <v>36.491257442459549</v>
      </c>
      <c r="E1104" cm="1">
        <f t="array" ref="E1104">IFERROR(INDEX(Jesper!AI$2:AI$366,ROUNDDOWN($C1104/24,0)+1,1)*INDEX($D$3:$AA$30,INDEX(Jesper!$R$2:$R$366,ROW(INDEX(Jesper!AI$2:AI$366,ROUNDDOWN($C1104/24,0)+1,1))-1)+IF('Standard Profiles'!$G$19=$B$10,7,0)+IF('Standard Profiles'!$G$19=$B$17,14,0)+IF('Standard Profiles'!$G$19=$B$24,21,0),MOD($C1104,24)+1)/SUM(INDEX($D$3:$AA$30,INDEX(Jesper!$R$2:$R$366,ROW(INDEX(Jesper!AI$2:AI$366,ROUNDDOWN($C1104/24,0)+1,1))-1)+IF('Standard Profiles'!$G$19=$B$10,7,0)+IF('Standard Profiles'!$G$19=$B$17,14,0)+IF('Standard Profiles'!$G$19=$B$24,21,0),0)),0)</f>
        <v>39.106515572033651</v>
      </c>
      <c r="F1104" cm="1">
        <f t="array" ref="F1104">IFERROR(INDEX(Jesper!AJ$2:AJ$366,ROUNDDOWN($C1104/24,0)+1,1)*INDEX($D$3:$AA$30,INDEX(Jesper!$R$2:$R$366,ROW(INDEX(Jesper!AJ$2:AJ$366,ROUNDDOWN($C1104/24,0)+1,1))-1)+IF('Standard Profiles'!$G$20=$B$10,7,0)+IF('Standard Profiles'!$G$20=$B$17,14,0)+IF('Standard Profiles'!$G$20=$B$24,21,0),MOD($C1104,24)+1)/SUM(INDEX($D$3:$AA$30,INDEX(Jesper!$R$2:$R$366,ROW(INDEX(Jesper!AJ$2:AJ$366,ROUNDDOWN($C1104/24,0)+1,1))-1)+IF('Standard Profiles'!$G$20=$B$10,7,0)+IF('Standard Profiles'!$G$20=$B$17,14,0)+IF('Standard Profiles'!$G$20=$B$24,21,0),0)),0)</f>
        <v>0</v>
      </c>
      <c r="G1104" cm="1">
        <f t="array" ref="G1104">IFERROR(INDEX(Jesper!AK$2:AK$366,ROUNDDOWN($C1104/24,0)+1,1)*INDEX($D$3:$AA$30,INDEX(Jesper!$R$2:$R$366,ROW(INDEX(Jesper!AK$2:AK$366,ROUNDDOWN($C1104/24,0)+1,1))-1)+IF('Standard Profiles'!$G$21=$B$10,7,0)+IF('Standard Profiles'!$G$21=$B$17,14,0)+IF('Standard Profiles'!$G$21=$B$24,21,0),MOD($C1104,24)+1)/SUM(INDEX($D$3:$AA$30,INDEX(Jesper!$R$2:$R$366,ROW(INDEX(Jesper!AK$2:AK$366,ROUNDDOWN($C1104/24,0)+1,1))-1)+IF('Standard Profiles'!$G$21=$B$10,7,0)+IF('Standard Profiles'!$G$21=$B$17,14,0)+IF('Standard Profiles'!$G$21=$B$24,21,0),0)),0)</f>
        <v>28.7121300844979</v>
      </c>
      <c r="H1104" cm="1">
        <f t="array" ref="H1104">IFERROR(INDEX(Jesper!AL$2:AL$366,ROUNDDOWN($C1104/24,0)+1,1)*INDEX($D$3:$AA$30,INDEX(Jesper!$R$2:$R$366,ROW(INDEX(Jesper!AL$2:AL$366,ROUNDDOWN($C1104/24,0)+1,1))-1)+IF('Standard Profiles'!$G$22=$B$10,7,0)+IF('Standard Profiles'!$G$22=$B$17,14,0)+IF('Standard Profiles'!$G$22=$B$24,21,0),MOD($C1104,24)+1)/SUM(INDEX($D$3:$AA$30,INDEX(Jesper!$R$2:$R$366,ROW(INDEX(Jesper!AL$2:AL$366,ROUNDDOWN($C1104/24,0)+1,1))-1)+IF('Standard Profiles'!$G$22=$B$10,7,0)+IF('Standard Profiles'!$G$22=$B$17,14,0)+IF('Standard Profiles'!$G$22=$B$24,21,0),0)),0)</f>
        <v>0</v>
      </c>
      <c r="I1104">
        <f t="shared" si="132"/>
        <v>13.781822440558985</v>
      </c>
      <c r="J1104">
        <f t="shared" si="133"/>
        <v>84.689479467638591</v>
      </c>
      <c r="K1104">
        <f t="shared" si="134"/>
        <v>3.8924007938623522</v>
      </c>
      <c r="L1104">
        <f t="shared" si="135"/>
        <v>1.9462003969311761</v>
      </c>
      <c r="M1104">
        <f t="shared" si="136"/>
        <v>0</v>
      </c>
      <c r="N1104" s="45">
        <f t="shared" si="137"/>
        <v>44971.583333330738</v>
      </c>
    </row>
    <row r="1105" spans="2:14" x14ac:dyDescent="0.25">
      <c r="B1105">
        <f t="shared" si="131"/>
        <v>2</v>
      </c>
      <c r="C1105" s="16">
        <v>1071</v>
      </c>
      <c r="D1105" cm="1">
        <f t="array" ref="D1105">IFERROR(INDEX(Jesper!AH$2:AH$366,ROUNDDOWN($C1105/24,0)+1,1)*INDEX($D$3:$AA$30,INDEX(Jesper!$R$2:$R$366,ROW(INDEX(Jesper!AH$2:AH$366,ROUNDDOWN($C1105/24,0)+1,1))-1)+IF('Standard Profiles'!$G$18=$B$10,7,0)+IF('Standard Profiles'!$G$18=$B$17,14,0)+IF('Standard Profiles'!$G$18=$B$24,21,0),MOD($C1105,24)+1)/SUM(INDEX($D$3:$AA$30,INDEX(Jesper!$R$2:$R$366,ROW(INDEX(Jesper!AH$2:AH$366,ROUNDDOWN($C1105/24,0)+1,1))-1)+IF('Standard Profiles'!$G$18=$B$10,7,0)+IF('Standard Profiles'!$G$18=$B$17,14,0)+IF('Standard Profiles'!$G$18=$B$24,21,0),0)),0)</f>
        <v>36.491257442459549</v>
      </c>
      <c r="E1105" cm="1">
        <f t="array" ref="E1105">IFERROR(INDEX(Jesper!AI$2:AI$366,ROUNDDOWN($C1105/24,0)+1,1)*INDEX($D$3:$AA$30,INDEX(Jesper!$R$2:$R$366,ROW(INDEX(Jesper!AI$2:AI$366,ROUNDDOWN($C1105/24,0)+1,1))-1)+IF('Standard Profiles'!$G$19=$B$10,7,0)+IF('Standard Profiles'!$G$19=$B$17,14,0)+IF('Standard Profiles'!$G$19=$B$24,21,0),MOD($C1105,24)+1)/SUM(INDEX($D$3:$AA$30,INDEX(Jesper!$R$2:$R$366,ROW(INDEX(Jesper!AI$2:AI$366,ROUNDDOWN($C1105/24,0)+1,1))-1)+IF('Standard Profiles'!$G$19=$B$10,7,0)+IF('Standard Profiles'!$G$19=$B$17,14,0)+IF('Standard Profiles'!$G$19=$B$24,21,0),0)),0)</f>
        <v>39.106515572033651</v>
      </c>
      <c r="F1105" cm="1">
        <f t="array" ref="F1105">IFERROR(INDEX(Jesper!AJ$2:AJ$366,ROUNDDOWN($C1105/24,0)+1,1)*INDEX($D$3:$AA$30,INDEX(Jesper!$R$2:$R$366,ROW(INDEX(Jesper!AJ$2:AJ$366,ROUNDDOWN($C1105/24,0)+1,1))-1)+IF('Standard Profiles'!$G$20=$B$10,7,0)+IF('Standard Profiles'!$G$20=$B$17,14,0)+IF('Standard Profiles'!$G$20=$B$24,21,0),MOD($C1105,24)+1)/SUM(INDEX($D$3:$AA$30,INDEX(Jesper!$R$2:$R$366,ROW(INDEX(Jesper!AJ$2:AJ$366,ROUNDDOWN($C1105/24,0)+1,1))-1)+IF('Standard Profiles'!$G$20=$B$10,7,0)+IF('Standard Profiles'!$G$20=$B$17,14,0)+IF('Standard Profiles'!$G$20=$B$24,21,0),0)),0)</f>
        <v>0</v>
      </c>
      <c r="G1105" cm="1">
        <f t="array" ref="G1105">IFERROR(INDEX(Jesper!AK$2:AK$366,ROUNDDOWN($C1105/24,0)+1,1)*INDEX($D$3:$AA$30,INDEX(Jesper!$R$2:$R$366,ROW(INDEX(Jesper!AK$2:AK$366,ROUNDDOWN($C1105/24,0)+1,1))-1)+IF('Standard Profiles'!$G$21=$B$10,7,0)+IF('Standard Profiles'!$G$21=$B$17,14,0)+IF('Standard Profiles'!$G$21=$B$24,21,0),MOD($C1105,24)+1)/SUM(INDEX($D$3:$AA$30,INDEX(Jesper!$R$2:$R$366,ROW(INDEX(Jesper!AK$2:AK$366,ROUNDDOWN($C1105/24,0)+1,1))-1)+IF('Standard Profiles'!$G$21=$B$10,7,0)+IF('Standard Profiles'!$G$21=$B$17,14,0)+IF('Standard Profiles'!$G$21=$B$24,21,0),0)),0)</f>
        <v>28.7121300844979</v>
      </c>
      <c r="H1105" cm="1">
        <f t="array" ref="H1105">IFERROR(INDEX(Jesper!AL$2:AL$366,ROUNDDOWN($C1105/24,0)+1,1)*INDEX($D$3:$AA$30,INDEX(Jesper!$R$2:$R$366,ROW(INDEX(Jesper!AL$2:AL$366,ROUNDDOWN($C1105/24,0)+1,1))-1)+IF('Standard Profiles'!$G$22=$B$10,7,0)+IF('Standard Profiles'!$G$22=$B$17,14,0)+IF('Standard Profiles'!$G$22=$B$24,21,0),MOD($C1105,24)+1)/SUM(INDEX($D$3:$AA$30,INDEX(Jesper!$R$2:$R$366,ROW(INDEX(Jesper!AL$2:AL$366,ROUNDDOWN($C1105/24,0)+1,1))-1)+IF('Standard Profiles'!$G$22=$B$10,7,0)+IF('Standard Profiles'!$G$22=$B$17,14,0)+IF('Standard Profiles'!$G$22=$B$24,21,0),0)),0)</f>
        <v>0</v>
      </c>
      <c r="I1105">
        <f t="shared" si="132"/>
        <v>13.781822440558985</v>
      </c>
      <c r="J1105">
        <f t="shared" si="133"/>
        <v>84.689479467638591</v>
      </c>
      <c r="K1105">
        <f t="shared" si="134"/>
        <v>3.8924007938623522</v>
      </c>
      <c r="L1105">
        <f t="shared" si="135"/>
        <v>1.9462003969311761</v>
      </c>
      <c r="M1105">
        <f t="shared" si="136"/>
        <v>0</v>
      </c>
      <c r="N1105" s="45">
        <f t="shared" si="137"/>
        <v>44971.624999997402</v>
      </c>
    </row>
    <row r="1106" spans="2:14" x14ac:dyDescent="0.25">
      <c r="B1106">
        <f t="shared" si="131"/>
        <v>2</v>
      </c>
      <c r="C1106" s="16">
        <v>1072</v>
      </c>
      <c r="D1106" cm="1">
        <f t="array" ref="D1106">IFERROR(INDEX(Jesper!AH$2:AH$366,ROUNDDOWN($C1106/24,0)+1,1)*INDEX($D$3:$AA$30,INDEX(Jesper!$R$2:$R$366,ROW(INDEX(Jesper!AH$2:AH$366,ROUNDDOWN($C1106/24,0)+1,1))-1)+IF('Standard Profiles'!$G$18=$B$10,7,0)+IF('Standard Profiles'!$G$18=$B$17,14,0)+IF('Standard Profiles'!$G$18=$B$24,21,0),MOD($C1106,24)+1)/SUM(INDEX($D$3:$AA$30,INDEX(Jesper!$R$2:$R$366,ROW(INDEX(Jesper!AH$2:AH$366,ROUNDDOWN($C1106/24,0)+1,1))-1)+IF('Standard Profiles'!$G$18=$B$10,7,0)+IF('Standard Profiles'!$G$18=$B$17,14,0)+IF('Standard Profiles'!$G$18=$B$24,21,0),0)),0)</f>
        <v>21.503776707163663</v>
      </c>
      <c r="E1106" cm="1">
        <f t="array" ref="E1106">IFERROR(INDEX(Jesper!AI$2:AI$366,ROUNDDOWN($C1106/24,0)+1,1)*INDEX($D$3:$AA$30,INDEX(Jesper!$R$2:$R$366,ROW(INDEX(Jesper!AI$2:AI$366,ROUNDDOWN($C1106/24,0)+1,1))-1)+IF('Standard Profiles'!$G$19=$B$10,7,0)+IF('Standard Profiles'!$G$19=$B$17,14,0)+IF('Standard Profiles'!$G$19=$B$24,21,0),MOD($C1106,24)+1)/SUM(INDEX($D$3:$AA$30,INDEX(Jesper!$R$2:$R$366,ROW(INDEX(Jesper!AI$2:AI$366,ROUNDDOWN($C1106/24,0)+1,1))-1)+IF('Standard Profiles'!$G$19=$B$10,7,0)+IF('Standard Profiles'!$G$19=$B$17,14,0)+IF('Standard Profiles'!$G$19=$B$24,21,0),0)),0)</f>
        <v>23.044910962091258</v>
      </c>
      <c r="F1106" cm="1">
        <f t="array" ref="F1106">IFERROR(INDEX(Jesper!AJ$2:AJ$366,ROUNDDOWN($C1106/24,0)+1,1)*INDEX($D$3:$AA$30,INDEX(Jesper!$R$2:$R$366,ROW(INDEX(Jesper!AJ$2:AJ$366,ROUNDDOWN($C1106/24,0)+1,1))-1)+IF('Standard Profiles'!$G$20=$B$10,7,0)+IF('Standard Profiles'!$G$20=$B$17,14,0)+IF('Standard Profiles'!$G$20=$B$24,21,0),MOD($C1106,24)+1)/SUM(INDEX($D$3:$AA$30,INDEX(Jesper!$R$2:$R$366,ROW(INDEX(Jesper!AJ$2:AJ$366,ROUNDDOWN($C1106/24,0)+1,1))-1)+IF('Standard Profiles'!$G$20=$B$10,7,0)+IF('Standard Profiles'!$G$20=$B$17,14,0)+IF('Standard Profiles'!$G$20=$B$24,21,0),0)),0)</f>
        <v>0</v>
      </c>
      <c r="G1106" cm="1">
        <f t="array" ref="G1106">IFERROR(INDEX(Jesper!AK$2:AK$366,ROUNDDOWN($C1106/24,0)+1,1)*INDEX($D$3:$AA$30,INDEX(Jesper!$R$2:$R$366,ROW(INDEX(Jesper!AK$2:AK$366,ROUNDDOWN($C1106/24,0)+1,1))-1)+IF('Standard Profiles'!$G$21=$B$10,7,0)+IF('Standard Profiles'!$G$21=$B$17,14,0)+IF('Standard Profiles'!$G$21=$B$24,21,0),MOD($C1106,24)+1)/SUM(INDEX($D$3:$AA$30,INDEX(Jesper!$R$2:$R$366,ROW(INDEX(Jesper!AK$2:AK$366,ROUNDDOWN($C1106/24,0)+1,1))-1)+IF('Standard Profiles'!$G$21=$B$10,7,0)+IF('Standard Profiles'!$G$21=$B$17,14,0)+IF('Standard Profiles'!$G$21=$B$24,21,0),0)),0)</f>
        <v>23.999500830507362</v>
      </c>
      <c r="H1106" cm="1">
        <f t="array" ref="H1106">IFERROR(INDEX(Jesper!AL$2:AL$366,ROUNDDOWN($C1106/24,0)+1,1)*INDEX($D$3:$AA$30,INDEX(Jesper!$R$2:$R$366,ROW(INDEX(Jesper!AL$2:AL$366,ROUNDDOWN($C1106/24,0)+1,1))-1)+IF('Standard Profiles'!$G$22=$B$10,7,0)+IF('Standard Profiles'!$G$22=$B$17,14,0)+IF('Standard Profiles'!$G$22=$B$24,21,0),MOD($C1106,24)+1)/SUM(INDEX($D$3:$AA$30,INDEX(Jesper!$R$2:$R$366,ROW(INDEX(Jesper!AL$2:AL$366,ROUNDDOWN($C1106/24,0)+1,1))-1)+IF('Standard Profiles'!$G$22=$B$10,7,0)+IF('Standard Profiles'!$G$22=$B$17,14,0)+IF('Standard Profiles'!$G$22=$B$24,21,0),0)),0)</f>
        <v>0</v>
      </c>
      <c r="I1106">
        <f t="shared" si="132"/>
        <v>11.519760398643529</v>
      </c>
      <c r="J1106">
        <f t="shared" si="133"/>
        <v>53.587823827972571</v>
      </c>
      <c r="K1106">
        <f t="shared" si="134"/>
        <v>2.2937361820974576</v>
      </c>
      <c r="L1106">
        <f t="shared" si="135"/>
        <v>1.1468680910487288</v>
      </c>
      <c r="M1106">
        <f t="shared" si="136"/>
        <v>0</v>
      </c>
      <c r="N1106" s="45">
        <f t="shared" si="137"/>
        <v>44971.666666664067</v>
      </c>
    </row>
    <row r="1107" spans="2:14" x14ac:dyDescent="0.25">
      <c r="B1107">
        <f t="shared" si="131"/>
        <v>2</v>
      </c>
      <c r="C1107" s="16">
        <v>1073</v>
      </c>
      <c r="D1107" cm="1">
        <f t="array" ref="D1107">IFERROR(INDEX(Jesper!AH$2:AH$366,ROUNDDOWN($C1107/24,0)+1,1)*INDEX($D$3:$AA$30,INDEX(Jesper!$R$2:$R$366,ROW(INDEX(Jesper!AH$2:AH$366,ROUNDDOWN($C1107/24,0)+1,1))-1)+IF('Standard Profiles'!$G$18=$B$10,7,0)+IF('Standard Profiles'!$G$18=$B$17,14,0)+IF('Standard Profiles'!$G$18=$B$24,21,0),MOD($C1107,24)+1)/SUM(INDEX($D$3:$AA$30,INDEX(Jesper!$R$2:$R$366,ROW(INDEX(Jesper!AH$2:AH$366,ROUNDDOWN($C1107/24,0)+1,1))-1)+IF('Standard Profiles'!$G$18=$B$10,7,0)+IF('Standard Profiles'!$G$18=$B$17,14,0)+IF('Standard Profiles'!$G$18=$B$24,21,0),0)),0)</f>
        <v>9.1778816505179961</v>
      </c>
      <c r="E1107" cm="1">
        <f t="array" ref="E1107">IFERROR(INDEX(Jesper!AI$2:AI$366,ROUNDDOWN($C1107/24,0)+1,1)*INDEX($D$3:$AA$30,INDEX(Jesper!$R$2:$R$366,ROW(INDEX(Jesper!AI$2:AI$366,ROUNDDOWN($C1107/24,0)+1,1))-1)+IF('Standard Profiles'!$G$19=$B$10,7,0)+IF('Standard Profiles'!$G$19=$B$17,14,0)+IF('Standard Profiles'!$G$19=$B$24,21,0),MOD($C1107,24)+1)/SUM(INDEX($D$3:$AA$30,INDEX(Jesper!$R$2:$R$366,ROW(INDEX(Jesper!AI$2:AI$366,ROUNDDOWN($C1107/24,0)+1,1))-1)+IF('Standard Profiles'!$G$19=$B$10,7,0)+IF('Standard Profiles'!$G$19=$B$17,14,0)+IF('Standard Profiles'!$G$19=$B$24,21,0),0)),0)</f>
        <v>9.8356427495054461</v>
      </c>
      <c r="F1107" cm="1">
        <f t="array" ref="F1107">IFERROR(INDEX(Jesper!AJ$2:AJ$366,ROUNDDOWN($C1107/24,0)+1,1)*INDEX($D$3:$AA$30,INDEX(Jesper!$R$2:$R$366,ROW(INDEX(Jesper!AJ$2:AJ$366,ROUNDDOWN($C1107/24,0)+1,1))-1)+IF('Standard Profiles'!$G$20=$B$10,7,0)+IF('Standard Profiles'!$G$20=$B$17,14,0)+IF('Standard Profiles'!$G$20=$B$24,21,0),MOD($C1107,24)+1)/SUM(INDEX($D$3:$AA$30,INDEX(Jesper!$R$2:$R$366,ROW(INDEX(Jesper!AJ$2:AJ$366,ROUNDDOWN($C1107/24,0)+1,1))-1)+IF('Standard Profiles'!$G$20=$B$10,7,0)+IF('Standard Profiles'!$G$20=$B$17,14,0)+IF('Standard Profiles'!$G$20=$B$24,21,0),0)),0)</f>
        <v>0</v>
      </c>
      <c r="G1107" cm="1">
        <f t="array" ref="G1107">IFERROR(INDEX(Jesper!AK$2:AK$366,ROUNDDOWN($C1107/24,0)+1,1)*INDEX($D$3:$AA$30,INDEX(Jesper!$R$2:$R$366,ROW(INDEX(Jesper!AK$2:AK$366,ROUNDDOWN($C1107/24,0)+1,1))-1)+IF('Standard Profiles'!$G$21=$B$10,7,0)+IF('Standard Profiles'!$G$21=$B$17,14,0)+IF('Standard Profiles'!$G$21=$B$24,21,0),MOD($C1107,24)+1)/SUM(INDEX($D$3:$AA$30,INDEX(Jesper!$R$2:$R$366,ROW(INDEX(Jesper!AK$2:AK$366,ROUNDDOWN($C1107/24,0)+1,1))-1)+IF('Standard Profiles'!$G$21=$B$10,7,0)+IF('Standard Profiles'!$G$21=$B$17,14,0)+IF('Standard Profiles'!$G$21=$B$24,21,0),0)),0)</f>
        <v>19.068694296239485</v>
      </c>
      <c r="H1107" cm="1">
        <f t="array" ref="H1107">IFERROR(INDEX(Jesper!AL$2:AL$366,ROUNDDOWN($C1107/24,0)+1,1)*INDEX($D$3:$AA$30,INDEX(Jesper!$R$2:$R$366,ROW(INDEX(Jesper!AL$2:AL$366,ROUNDDOWN($C1107/24,0)+1,1))-1)+IF('Standard Profiles'!$G$22=$B$10,7,0)+IF('Standard Profiles'!$G$22=$B$17,14,0)+IF('Standard Profiles'!$G$22=$B$24,21,0),MOD($C1107,24)+1)/SUM(INDEX($D$3:$AA$30,INDEX(Jesper!$R$2:$R$366,ROW(INDEX(Jesper!AL$2:AL$366,ROUNDDOWN($C1107/24,0)+1,1))-1)+IF('Standard Profiles'!$G$22=$B$10,7,0)+IF('Standard Profiles'!$G$22=$B$17,14,0)+IF('Standard Profiles'!$G$22=$B$24,21,0),0)),0)</f>
        <v>0</v>
      </c>
      <c r="I1107">
        <f t="shared" si="132"/>
        <v>9.1529732621949478</v>
      </c>
      <c r="J1107">
        <f t="shared" si="133"/>
        <v>27.460784369985099</v>
      </c>
      <c r="K1107">
        <f t="shared" si="134"/>
        <v>0.97897404272191968</v>
      </c>
      <c r="L1107">
        <f t="shared" si="135"/>
        <v>0.48948702136095984</v>
      </c>
      <c r="M1107">
        <f t="shared" si="136"/>
        <v>0</v>
      </c>
      <c r="N1107" s="45">
        <f t="shared" si="137"/>
        <v>44971.708333330731</v>
      </c>
    </row>
    <row r="1108" spans="2:14" x14ac:dyDescent="0.25">
      <c r="B1108">
        <f t="shared" si="131"/>
        <v>2</v>
      </c>
      <c r="C1108" s="16">
        <v>1074</v>
      </c>
      <c r="D1108" cm="1">
        <f t="array" ref="D1108">IFERROR(INDEX(Jesper!AH$2:AH$366,ROUNDDOWN($C1108/24,0)+1,1)*INDEX($D$3:$AA$30,INDEX(Jesper!$R$2:$R$366,ROW(INDEX(Jesper!AH$2:AH$366,ROUNDDOWN($C1108/24,0)+1,1))-1)+IF('Standard Profiles'!$G$18=$B$10,7,0)+IF('Standard Profiles'!$G$18=$B$17,14,0)+IF('Standard Profiles'!$G$18=$B$24,21,0),MOD($C1108,24)+1)/SUM(INDEX($D$3:$AA$30,INDEX(Jesper!$R$2:$R$366,ROW(INDEX(Jesper!AH$2:AH$366,ROUNDDOWN($C1108/24,0)+1,1))-1)+IF('Standard Profiles'!$G$18=$B$10,7,0)+IF('Standard Profiles'!$G$18=$B$17,14,0)+IF('Standard Profiles'!$G$18=$B$24,21,0),0)),0)</f>
        <v>6.0574018893418771</v>
      </c>
      <c r="E1108" cm="1">
        <f t="array" ref="E1108">IFERROR(INDEX(Jesper!AI$2:AI$366,ROUNDDOWN($C1108/24,0)+1,1)*INDEX($D$3:$AA$30,INDEX(Jesper!$R$2:$R$366,ROW(INDEX(Jesper!AI$2:AI$366,ROUNDDOWN($C1108/24,0)+1,1))-1)+IF('Standard Profiles'!$G$19=$B$10,7,0)+IF('Standard Profiles'!$G$19=$B$17,14,0)+IF('Standard Profiles'!$G$19=$B$24,21,0),MOD($C1108,24)+1)/SUM(INDEX($D$3:$AA$30,INDEX(Jesper!$R$2:$R$366,ROW(INDEX(Jesper!AI$2:AI$366,ROUNDDOWN($C1108/24,0)+1,1))-1)+IF('Standard Profiles'!$G$19=$B$10,7,0)+IF('Standard Profiles'!$G$19=$B$17,14,0)+IF('Standard Profiles'!$G$19=$B$24,21,0),0)),0)</f>
        <v>6.4915242146735945</v>
      </c>
      <c r="F1108" cm="1">
        <f t="array" ref="F1108">IFERROR(INDEX(Jesper!AJ$2:AJ$366,ROUNDDOWN($C1108/24,0)+1,1)*INDEX($D$3:$AA$30,INDEX(Jesper!$R$2:$R$366,ROW(INDEX(Jesper!AJ$2:AJ$366,ROUNDDOWN($C1108/24,0)+1,1))-1)+IF('Standard Profiles'!$G$20=$B$10,7,0)+IF('Standard Profiles'!$G$20=$B$17,14,0)+IF('Standard Profiles'!$G$20=$B$24,21,0),MOD($C1108,24)+1)/SUM(INDEX($D$3:$AA$30,INDEX(Jesper!$R$2:$R$366,ROW(INDEX(Jesper!AJ$2:AJ$366,ROUNDDOWN($C1108/24,0)+1,1))-1)+IF('Standard Profiles'!$G$20=$B$10,7,0)+IF('Standard Profiles'!$G$20=$B$17,14,0)+IF('Standard Profiles'!$G$20=$B$24,21,0),0)),0)</f>
        <v>0</v>
      </c>
      <c r="G1108" cm="1">
        <f t="array" ref="G1108">IFERROR(INDEX(Jesper!AK$2:AK$366,ROUNDDOWN($C1108/24,0)+1,1)*INDEX($D$3:$AA$30,INDEX(Jesper!$R$2:$R$366,ROW(INDEX(Jesper!AK$2:AK$366,ROUNDDOWN($C1108/24,0)+1,1))-1)+IF('Standard Profiles'!$G$21=$B$10,7,0)+IF('Standard Profiles'!$G$21=$B$17,14,0)+IF('Standard Profiles'!$G$21=$B$24,21,0),MOD($C1108,24)+1)/SUM(INDEX($D$3:$AA$30,INDEX(Jesper!$R$2:$R$366,ROW(INDEX(Jesper!AK$2:AK$366,ROUNDDOWN($C1108/24,0)+1,1))-1)+IF('Standard Profiles'!$G$21=$B$10,7,0)+IF('Standard Profiles'!$G$21=$B$17,14,0)+IF('Standard Profiles'!$G$21=$B$24,21,0),0)),0)</f>
        <v>6.763495688597529</v>
      </c>
      <c r="H1108" cm="1">
        <f t="array" ref="H1108">IFERROR(INDEX(Jesper!AL$2:AL$366,ROUNDDOWN($C1108/24,0)+1,1)*INDEX($D$3:$AA$30,INDEX(Jesper!$R$2:$R$366,ROW(INDEX(Jesper!AL$2:AL$366,ROUNDDOWN($C1108/24,0)+1,1))-1)+IF('Standard Profiles'!$G$22=$B$10,7,0)+IF('Standard Profiles'!$G$22=$B$17,14,0)+IF('Standard Profiles'!$G$22=$B$24,21,0),MOD($C1108,24)+1)/SUM(INDEX($D$3:$AA$30,INDEX(Jesper!$R$2:$R$366,ROW(INDEX(Jesper!AL$2:AL$366,ROUNDDOWN($C1108/24,0)+1,1))-1)+IF('Standard Profiles'!$G$22=$B$10,7,0)+IF('Standard Profiles'!$G$22=$B$17,14,0)+IF('Standard Profiles'!$G$22=$B$24,21,0),0)),0)</f>
        <v>0</v>
      </c>
      <c r="I1108">
        <f t="shared" si="132"/>
        <v>3.2464779305268121</v>
      </c>
      <c r="J1108">
        <f t="shared" si="133"/>
        <v>15.096759559791488</v>
      </c>
      <c r="K1108">
        <f t="shared" si="134"/>
        <v>0.64612286819646692</v>
      </c>
      <c r="L1108">
        <f t="shared" si="135"/>
        <v>0.32306143409823346</v>
      </c>
      <c r="M1108">
        <f t="shared" si="136"/>
        <v>0</v>
      </c>
      <c r="N1108" s="45">
        <f t="shared" si="137"/>
        <v>44971.749999997395</v>
      </c>
    </row>
    <row r="1109" spans="2:14" x14ac:dyDescent="0.25">
      <c r="B1109">
        <f t="shared" si="131"/>
        <v>2</v>
      </c>
      <c r="C1109" s="16">
        <v>1075</v>
      </c>
      <c r="D1109" cm="1">
        <f t="array" ref="D1109">IFERROR(INDEX(Jesper!AH$2:AH$366,ROUNDDOWN($C1109/24,0)+1,1)*INDEX($D$3:$AA$30,INDEX(Jesper!$R$2:$R$366,ROW(INDEX(Jesper!AH$2:AH$366,ROUNDDOWN($C1109/24,0)+1,1))-1)+IF('Standard Profiles'!$G$18=$B$10,7,0)+IF('Standard Profiles'!$G$18=$B$17,14,0)+IF('Standard Profiles'!$G$18=$B$24,21,0),MOD($C1109,24)+1)/SUM(INDEX($D$3:$AA$30,INDEX(Jesper!$R$2:$R$366,ROW(INDEX(Jesper!AH$2:AH$366,ROUNDDOWN($C1109/24,0)+1,1))-1)+IF('Standard Profiles'!$G$18=$B$10,7,0)+IF('Standard Profiles'!$G$18=$B$17,14,0)+IF('Standard Profiles'!$G$18=$B$24,21,0),0)),0)</f>
        <v>6.0574018893418771</v>
      </c>
      <c r="E1109" cm="1">
        <f t="array" ref="E1109">IFERROR(INDEX(Jesper!AI$2:AI$366,ROUNDDOWN($C1109/24,0)+1,1)*INDEX($D$3:$AA$30,INDEX(Jesper!$R$2:$R$366,ROW(INDEX(Jesper!AI$2:AI$366,ROUNDDOWN($C1109/24,0)+1,1))-1)+IF('Standard Profiles'!$G$19=$B$10,7,0)+IF('Standard Profiles'!$G$19=$B$17,14,0)+IF('Standard Profiles'!$G$19=$B$24,21,0),MOD($C1109,24)+1)/SUM(INDEX($D$3:$AA$30,INDEX(Jesper!$R$2:$R$366,ROW(INDEX(Jesper!AI$2:AI$366,ROUNDDOWN($C1109/24,0)+1,1))-1)+IF('Standard Profiles'!$G$19=$B$10,7,0)+IF('Standard Profiles'!$G$19=$B$17,14,0)+IF('Standard Profiles'!$G$19=$B$24,21,0),0)),0)</f>
        <v>6.4915242146735945</v>
      </c>
      <c r="F1109" cm="1">
        <f t="array" ref="F1109">IFERROR(INDEX(Jesper!AJ$2:AJ$366,ROUNDDOWN($C1109/24,0)+1,1)*INDEX($D$3:$AA$30,INDEX(Jesper!$R$2:$R$366,ROW(INDEX(Jesper!AJ$2:AJ$366,ROUNDDOWN($C1109/24,0)+1,1))-1)+IF('Standard Profiles'!$G$20=$B$10,7,0)+IF('Standard Profiles'!$G$20=$B$17,14,0)+IF('Standard Profiles'!$G$20=$B$24,21,0),MOD($C1109,24)+1)/SUM(INDEX($D$3:$AA$30,INDEX(Jesper!$R$2:$R$366,ROW(INDEX(Jesper!AJ$2:AJ$366,ROUNDDOWN($C1109/24,0)+1,1))-1)+IF('Standard Profiles'!$G$20=$B$10,7,0)+IF('Standard Profiles'!$G$20=$B$17,14,0)+IF('Standard Profiles'!$G$20=$B$24,21,0),0)),0)</f>
        <v>0</v>
      </c>
      <c r="G1109" cm="1">
        <f t="array" ref="G1109">IFERROR(INDEX(Jesper!AK$2:AK$366,ROUNDDOWN($C1109/24,0)+1,1)*INDEX($D$3:$AA$30,INDEX(Jesper!$R$2:$R$366,ROW(INDEX(Jesper!AK$2:AK$366,ROUNDDOWN($C1109/24,0)+1,1))-1)+IF('Standard Profiles'!$G$21=$B$10,7,0)+IF('Standard Profiles'!$G$21=$B$17,14,0)+IF('Standard Profiles'!$G$21=$B$24,21,0),MOD($C1109,24)+1)/SUM(INDEX($D$3:$AA$30,INDEX(Jesper!$R$2:$R$366,ROW(INDEX(Jesper!AK$2:AK$366,ROUNDDOWN($C1109/24,0)+1,1))-1)+IF('Standard Profiles'!$G$21=$B$10,7,0)+IF('Standard Profiles'!$G$21=$B$17,14,0)+IF('Standard Profiles'!$G$21=$B$24,21,0),0)),0)</f>
        <v>6.763495688597529</v>
      </c>
      <c r="H1109" cm="1">
        <f t="array" ref="H1109">IFERROR(INDEX(Jesper!AL$2:AL$366,ROUNDDOWN($C1109/24,0)+1,1)*INDEX($D$3:$AA$30,INDEX(Jesper!$R$2:$R$366,ROW(INDEX(Jesper!AL$2:AL$366,ROUNDDOWN($C1109/24,0)+1,1))-1)+IF('Standard Profiles'!$G$22=$B$10,7,0)+IF('Standard Profiles'!$G$22=$B$17,14,0)+IF('Standard Profiles'!$G$22=$B$24,21,0),MOD($C1109,24)+1)/SUM(INDEX($D$3:$AA$30,INDEX(Jesper!$R$2:$R$366,ROW(INDEX(Jesper!AL$2:AL$366,ROUNDDOWN($C1109/24,0)+1,1))-1)+IF('Standard Profiles'!$G$22=$B$10,7,0)+IF('Standard Profiles'!$G$22=$B$17,14,0)+IF('Standard Profiles'!$G$22=$B$24,21,0),0)),0)</f>
        <v>0</v>
      </c>
      <c r="I1109">
        <f t="shared" si="132"/>
        <v>3.2464779305268121</v>
      </c>
      <c r="J1109">
        <f t="shared" si="133"/>
        <v>15.096759559791488</v>
      </c>
      <c r="K1109">
        <f t="shared" si="134"/>
        <v>0.64612286819646692</v>
      </c>
      <c r="L1109">
        <f t="shared" si="135"/>
        <v>0.32306143409823346</v>
      </c>
      <c r="M1109">
        <f t="shared" si="136"/>
        <v>0</v>
      </c>
      <c r="N1109" s="45">
        <f t="shared" si="137"/>
        <v>44971.791666664059</v>
      </c>
    </row>
    <row r="1110" spans="2:14" x14ac:dyDescent="0.25">
      <c r="B1110">
        <f t="shared" si="131"/>
        <v>2</v>
      </c>
      <c r="C1110" s="16">
        <v>1076</v>
      </c>
      <c r="D1110" cm="1">
        <f t="array" ref="D1110">IFERROR(INDEX(Jesper!AH$2:AH$366,ROUNDDOWN($C1110/24,0)+1,1)*INDEX($D$3:$AA$30,INDEX(Jesper!$R$2:$R$366,ROW(INDEX(Jesper!AH$2:AH$366,ROUNDDOWN($C1110/24,0)+1,1))-1)+IF('Standard Profiles'!$G$18=$B$10,7,0)+IF('Standard Profiles'!$G$18=$B$17,14,0)+IF('Standard Profiles'!$G$18=$B$24,21,0),MOD($C1110,24)+1)/SUM(INDEX($D$3:$AA$30,INDEX(Jesper!$R$2:$R$366,ROW(INDEX(Jesper!AH$2:AH$366,ROUNDDOWN($C1110/24,0)+1,1))-1)+IF('Standard Profiles'!$G$18=$B$10,7,0)+IF('Standard Profiles'!$G$18=$B$17,14,0)+IF('Standard Profiles'!$G$18=$B$24,21,0),0)),0)</f>
        <v>6.0574018893418771</v>
      </c>
      <c r="E1110" cm="1">
        <f t="array" ref="E1110">IFERROR(INDEX(Jesper!AI$2:AI$366,ROUNDDOWN($C1110/24,0)+1,1)*INDEX($D$3:$AA$30,INDEX(Jesper!$R$2:$R$366,ROW(INDEX(Jesper!AI$2:AI$366,ROUNDDOWN($C1110/24,0)+1,1))-1)+IF('Standard Profiles'!$G$19=$B$10,7,0)+IF('Standard Profiles'!$G$19=$B$17,14,0)+IF('Standard Profiles'!$G$19=$B$24,21,0),MOD($C1110,24)+1)/SUM(INDEX($D$3:$AA$30,INDEX(Jesper!$R$2:$R$366,ROW(INDEX(Jesper!AI$2:AI$366,ROUNDDOWN($C1110/24,0)+1,1))-1)+IF('Standard Profiles'!$G$19=$B$10,7,0)+IF('Standard Profiles'!$G$19=$B$17,14,0)+IF('Standard Profiles'!$G$19=$B$24,21,0),0)),0)</f>
        <v>6.4915242146735945</v>
      </c>
      <c r="F1110" cm="1">
        <f t="array" ref="F1110">IFERROR(INDEX(Jesper!AJ$2:AJ$366,ROUNDDOWN($C1110/24,0)+1,1)*INDEX($D$3:$AA$30,INDEX(Jesper!$R$2:$R$366,ROW(INDEX(Jesper!AJ$2:AJ$366,ROUNDDOWN($C1110/24,0)+1,1))-1)+IF('Standard Profiles'!$G$20=$B$10,7,0)+IF('Standard Profiles'!$G$20=$B$17,14,0)+IF('Standard Profiles'!$G$20=$B$24,21,0),MOD($C1110,24)+1)/SUM(INDEX($D$3:$AA$30,INDEX(Jesper!$R$2:$R$366,ROW(INDEX(Jesper!AJ$2:AJ$366,ROUNDDOWN($C1110/24,0)+1,1))-1)+IF('Standard Profiles'!$G$20=$B$10,7,0)+IF('Standard Profiles'!$G$20=$B$17,14,0)+IF('Standard Profiles'!$G$20=$B$24,21,0),0)),0)</f>
        <v>0</v>
      </c>
      <c r="G1110" cm="1">
        <f t="array" ref="G1110">IFERROR(INDEX(Jesper!AK$2:AK$366,ROUNDDOWN($C1110/24,0)+1,1)*INDEX($D$3:$AA$30,INDEX(Jesper!$R$2:$R$366,ROW(INDEX(Jesper!AK$2:AK$366,ROUNDDOWN($C1110/24,0)+1,1))-1)+IF('Standard Profiles'!$G$21=$B$10,7,0)+IF('Standard Profiles'!$G$21=$B$17,14,0)+IF('Standard Profiles'!$G$21=$B$24,21,0),MOD($C1110,24)+1)/SUM(INDEX($D$3:$AA$30,INDEX(Jesper!$R$2:$R$366,ROW(INDEX(Jesper!AK$2:AK$366,ROUNDDOWN($C1110/24,0)+1,1))-1)+IF('Standard Profiles'!$G$21=$B$10,7,0)+IF('Standard Profiles'!$G$21=$B$17,14,0)+IF('Standard Profiles'!$G$21=$B$24,21,0),0)),0)</f>
        <v>6.763495688597529</v>
      </c>
      <c r="H1110" cm="1">
        <f t="array" ref="H1110">IFERROR(INDEX(Jesper!AL$2:AL$366,ROUNDDOWN($C1110/24,0)+1,1)*INDEX($D$3:$AA$30,INDEX(Jesper!$R$2:$R$366,ROW(INDEX(Jesper!AL$2:AL$366,ROUNDDOWN($C1110/24,0)+1,1))-1)+IF('Standard Profiles'!$G$22=$B$10,7,0)+IF('Standard Profiles'!$G$22=$B$17,14,0)+IF('Standard Profiles'!$G$22=$B$24,21,0),MOD($C1110,24)+1)/SUM(INDEX($D$3:$AA$30,INDEX(Jesper!$R$2:$R$366,ROW(INDEX(Jesper!AL$2:AL$366,ROUNDDOWN($C1110/24,0)+1,1))-1)+IF('Standard Profiles'!$G$22=$B$10,7,0)+IF('Standard Profiles'!$G$22=$B$17,14,0)+IF('Standard Profiles'!$G$22=$B$24,21,0),0)),0)</f>
        <v>0</v>
      </c>
      <c r="I1110">
        <f t="shared" si="132"/>
        <v>3.2464779305268121</v>
      </c>
      <c r="J1110">
        <f t="shared" si="133"/>
        <v>15.096759559791488</v>
      </c>
      <c r="K1110">
        <f t="shared" si="134"/>
        <v>0.64612286819646692</v>
      </c>
      <c r="L1110">
        <f t="shared" si="135"/>
        <v>0.32306143409823346</v>
      </c>
      <c r="M1110">
        <f t="shared" si="136"/>
        <v>0</v>
      </c>
      <c r="N1110" s="45">
        <f t="shared" si="137"/>
        <v>44971.833333330724</v>
      </c>
    </row>
    <row r="1111" spans="2:14" x14ac:dyDescent="0.25">
      <c r="B1111">
        <f t="shared" si="131"/>
        <v>2</v>
      </c>
      <c r="C1111" s="16">
        <v>1077</v>
      </c>
      <c r="D1111" cm="1">
        <f t="array" ref="D1111">IFERROR(INDEX(Jesper!AH$2:AH$366,ROUNDDOWN($C1111/24,0)+1,1)*INDEX($D$3:$AA$30,INDEX(Jesper!$R$2:$R$366,ROW(INDEX(Jesper!AH$2:AH$366,ROUNDDOWN($C1111/24,0)+1,1))-1)+IF('Standard Profiles'!$G$18=$B$10,7,0)+IF('Standard Profiles'!$G$18=$B$17,14,0)+IF('Standard Profiles'!$G$18=$B$24,21,0),MOD($C1111,24)+1)/SUM(INDEX($D$3:$AA$30,INDEX(Jesper!$R$2:$R$366,ROW(INDEX(Jesper!AH$2:AH$366,ROUNDDOWN($C1111/24,0)+1,1))-1)+IF('Standard Profiles'!$G$18=$B$10,7,0)+IF('Standard Profiles'!$G$18=$B$17,14,0)+IF('Standard Profiles'!$G$18=$B$24,21,0),0)),0)</f>
        <v>6.0574018893418771</v>
      </c>
      <c r="E1111" cm="1">
        <f t="array" ref="E1111">IFERROR(INDEX(Jesper!AI$2:AI$366,ROUNDDOWN($C1111/24,0)+1,1)*INDEX($D$3:$AA$30,INDEX(Jesper!$R$2:$R$366,ROW(INDEX(Jesper!AI$2:AI$366,ROUNDDOWN($C1111/24,0)+1,1))-1)+IF('Standard Profiles'!$G$19=$B$10,7,0)+IF('Standard Profiles'!$G$19=$B$17,14,0)+IF('Standard Profiles'!$G$19=$B$24,21,0),MOD($C1111,24)+1)/SUM(INDEX($D$3:$AA$30,INDEX(Jesper!$R$2:$R$366,ROW(INDEX(Jesper!AI$2:AI$366,ROUNDDOWN($C1111/24,0)+1,1))-1)+IF('Standard Profiles'!$G$19=$B$10,7,0)+IF('Standard Profiles'!$G$19=$B$17,14,0)+IF('Standard Profiles'!$G$19=$B$24,21,0),0)),0)</f>
        <v>6.4915242146735945</v>
      </c>
      <c r="F1111" cm="1">
        <f t="array" ref="F1111">IFERROR(INDEX(Jesper!AJ$2:AJ$366,ROUNDDOWN($C1111/24,0)+1,1)*INDEX($D$3:$AA$30,INDEX(Jesper!$R$2:$R$366,ROW(INDEX(Jesper!AJ$2:AJ$366,ROUNDDOWN($C1111/24,0)+1,1))-1)+IF('Standard Profiles'!$G$20=$B$10,7,0)+IF('Standard Profiles'!$G$20=$B$17,14,0)+IF('Standard Profiles'!$G$20=$B$24,21,0),MOD($C1111,24)+1)/SUM(INDEX($D$3:$AA$30,INDEX(Jesper!$R$2:$R$366,ROW(INDEX(Jesper!AJ$2:AJ$366,ROUNDDOWN($C1111/24,0)+1,1))-1)+IF('Standard Profiles'!$G$20=$B$10,7,0)+IF('Standard Profiles'!$G$20=$B$17,14,0)+IF('Standard Profiles'!$G$20=$B$24,21,0),0)),0)</f>
        <v>0</v>
      </c>
      <c r="G1111" cm="1">
        <f t="array" ref="G1111">IFERROR(INDEX(Jesper!AK$2:AK$366,ROUNDDOWN($C1111/24,0)+1,1)*INDEX($D$3:$AA$30,INDEX(Jesper!$R$2:$R$366,ROW(INDEX(Jesper!AK$2:AK$366,ROUNDDOWN($C1111/24,0)+1,1))-1)+IF('Standard Profiles'!$G$21=$B$10,7,0)+IF('Standard Profiles'!$G$21=$B$17,14,0)+IF('Standard Profiles'!$G$21=$B$24,21,0),MOD($C1111,24)+1)/SUM(INDEX($D$3:$AA$30,INDEX(Jesper!$R$2:$R$366,ROW(INDEX(Jesper!AK$2:AK$366,ROUNDDOWN($C1111/24,0)+1,1))-1)+IF('Standard Profiles'!$G$21=$B$10,7,0)+IF('Standard Profiles'!$G$21=$B$17,14,0)+IF('Standard Profiles'!$G$21=$B$24,21,0),0)),0)</f>
        <v>6.763495688597529</v>
      </c>
      <c r="H1111" cm="1">
        <f t="array" ref="H1111">IFERROR(INDEX(Jesper!AL$2:AL$366,ROUNDDOWN($C1111/24,0)+1,1)*INDEX($D$3:$AA$30,INDEX(Jesper!$R$2:$R$366,ROW(INDEX(Jesper!AL$2:AL$366,ROUNDDOWN($C1111/24,0)+1,1))-1)+IF('Standard Profiles'!$G$22=$B$10,7,0)+IF('Standard Profiles'!$G$22=$B$17,14,0)+IF('Standard Profiles'!$G$22=$B$24,21,0),MOD($C1111,24)+1)/SUM(INDEX($D$3:$AA$30,INDEX(Jesper!$R$2:$R$366,ROW(INDEX(Jesper!AL$2:AL$366,ROUNDDOWN($C1111/24,0)+1,1))-1)+IF('Standard Profiles'!$G$22=$B$10,7,0)+IF('Standard Profiles'!$G$22=$B$17,14,0)+IF('Standard Profiles'!$G$22=$B$24,21,0),0)),0)</f>
        <v>0</v>
      </c>
      <c r="I1111">
        <f t="shared" si="132"/>
        <v>3.2464779305268121</v>
      </c>
      <c r="J1111">
        <f t="shared" si="133"/>
        <v>15.096759559791488</v>
      </c>
      <c r="K1111">
        <f t="shared" si="134"/>
        <v>0.64612286819646692</v>
      </c>
      <c r="L1111">
        <f t="shared" si="135"/>
        <v>0.32306143409823346</v>
      </c>
      <c r="M1111">
        <f t="shared" si="136"/>
        <v>0</v>
      </c>
      <c r="N1111" s="45">
        <f t="shared" si="137"/>
        <v>44971.874999997388</v>
      </c>
    </row>
    <row r="1112" spans="2:14" x14ac:dyDescent="0.25">
      <c r="B1112">
        <f t="shared" si="131"/>
        <v>2</v>
      </c>
      <c r="C1112" s="16">
        <v>1078</v>
      </c>
      <c r="D1112" cm="1">
        <f t="array" ref="D1112">IFERROR(INDEX(Jesper!AH$2:AH$366,ROUNDDOWN($C1112/24,0)+1,1)*INDEX($D$3:$AA$30,INDEX(Jesper!$R$2:$R$366,ROW(INDEX(Jesper!AH$2:AH$366,ROUNDDOWN($C1112/24,0)+1,1))-1)+IF('Standard Profiles'!$G$18=$B$10,7,0)+IF('Standard Profiles'!$G$18=$B$17,14,0)+IF('Standard Profiles'!$G$18=$B$24,21,0),MOD($C1112,24)+1)/SUM(INDEX($D$3:$AA$30,INDEX(Jesper!$R$2:$R$366,ROW(INDEX(Jesper!AH$2:AH$366,ROUNDDOWN($C1112/24,0)+1,1))-1)+IF('Standard Profiles'!$G$18=$B$10,7,0)+IF('Standard Profiles'!$G$18=$B$17,14,0)+IF('Standard Profiles'!$G$18=$B$24,21,0),0)),0)</f>
        <v>6.0574018893418771</v>
      </c>
      <c r="E1112" cm="1">
        <f t="array" ref="E1112">IFERROR(INDEX(Jesper!AI$2:AI$366,ROUNDDOWN($C1112/24,0)+1,1)*INDEX($D$3:$AA$30,INDEX(Jesper!$R$2:$R$366,ROW(INDEX(Jesper!AI$2:AI$366,ROUNDDOWN($C1112/24,0)+1,1))-1)+IF('Standard Profiles'!$G$19=$B$10,7,0)+IF('Standard Profiles'!$G$19=$B$17,14,0)+IF('Standard Profiles'!$G$19=$B$24,21,0),MOD($C1112,24)+1)/SUM(INDEX($D$3:$AA$30,INDEX(Jesper!$R$2:$R$366,ROW(INDEX(Jesper!AI$2:AI$366,ROUNDDOWN($C1112/24,0)+1,1))-1)+IF('Standard Profiles'!$G$19=$B$10,7,0)+IF('Standard Profiles'!$G$19=$B$17,14,0)+IF('Standard Profiles'!$G$19=$B$24,21,0),0)),0)</f>
        <v>6.4915242146735945</v>
      </c>
      <c r="F1112" cm="1">
        <f t="array" ref="F1112">IFERROR(INDEX(Jesper!AJ$2:AJ$366,ROUNDDOWN($C1112/24,0)+1,1)*INDEX($D$3:$AA$30,INDEX(Jesper!$R$2:$R$366,ROW(INDEX(Jesper!AJ$2:AJ$366,ROUNDDOWN($C1112/24,0)+1,1))-1)+IF('Standard Profiles'!$G$20=$B$10,7,0)+IF('Standard Profiles'!$G$20=$B$17,14,0)+IF('Standard Profiles'!$G$20=$B$24,21,0),MOD($C1112,24)+1)/SUM(INDEX($D$3:$AA$30,INDEX(Jesper!$R$2:$R$366,ROW(INDEX(Jesper!AJ$2:AJ$366,ROUNDDOWN($C1112/24,0)+1,1))-1)+IF('Standard Profiles'!$G$20=$B$10,7,0)+IF('Standard Profiles'!$G$20=$B$17,14,0)+IF('Standard Profiles'!$G$20=$B$24,21,0),0)),0)</f>
        <v>0</v>
      </c>
      <c r="G1112" cm="1">
        <f t="array" ref="G1112">IFERROR(INDEX(Jesper!AK$2:AK$366,ROUNDDOWN($C1112/24,0)+1,1)*INDEX($D$3:$AA$30,INDEX(Jesper!$R$2:$R$366,ROW(INDEX(Jesper!AK$2:AK$366,ROUNDDOWN($C1112/24,0)+1,1))-1)+IF('Standard Profiles'!$G$21=$B$10,7,0)+IF('Standard Profiles'!$G$21=$B$17,14,0)+IF('Standard Profiles'!$G$21=$B$24,21,0),MOD($C1112,24)+1)/SUM(INDEX($D$3:$AA$30,INDEX(Jesper!$R$2:$R$366,ROW(INDEX(Jesper!AK$2:AK$366,ROUNDDOWN($C1112/24,0)+1,1))-1)+IF('Standard Profiles'!$G$21=$B$10,7,0)+IF('Standard Profiles'!$G$21=$B$17,14,0)+IF('Standard Profiles'!$G$21=$B$24,21,0),0)),0)</f>
        <v>6.763495688597529</v>
      </c>
      <c r="H1112" cm="1">
        <f t="array" ref="H1112">IFERROR(INDEX(Jesper!AL$2:AL$366,ROUNDDOWN($C1112/24,0)+1,1)*INDEX($D$3:$AA$30,INDEX(Jesper!$R$2:$R$366,ROW(INDEX(Jesper!AL$2:AL$366,ROUNDDOWN($C1112/24,0)+1,1))-1)+IF('Standard Profiles'!$G$22=$B$10,7,0)+IF('Standard Profiles'!$G$22=$B$17,14,0)+IF('Standard Profiles'!$G$22=$B$24,21,0),MOD($C1112,24)+1)/SUM(INDEX($D$3:$AA$30,INDEX(Jesper!$R$2:$R$366,ROW(INDEX(Jesper!AL$2:AL$366,ROUNDDOWN($C1112/24,0)+1,1))-1)+IF('Standard Profiles'!$G$22=$B$10,7,0)+IF('Standard Profiles'!$G$22=$B$17,14,0)+IF('Standard Profiles'!$G$22=$B$24,21,0),0)),0)</f>
        <v>0</v>
      </c>
      <c r="I1112">
        <f t="shared" si="132"/>
        <v>3.2464779305268121</v>
      </c>
      <c r="J1112">
        <f t="shared" si="133"/>
        <v>15.096759559791488</v>
      </c>
      <c r="K1112">
        <f t="shared" si="134"/>
        <v>0.64612286819646692</v>
      </c>
      <c r="L1112">
        <f t="shared" si="135"/>
        <v>0.32306143409823346</v>
      </c>
      <c r="M1112">
        <f t="shared" si="136"/>
        <v>0</v>
      </c>
      <c r="N1112" s="45">
        <f t="shared" si="137"/>
        <v>44971.916666664052</v>
      </c>
    </row>
    <row r="1113" spans="2:14" x14ac:dyDescent="0.25">
      <c r="B1113">
        <f t="shared" si="131"/>
        <v>2</v>
      </c>
      <c r="C1113" s="16">
        <v>1079</v>
      </c>
      <c r="D1113" cm="1">
        <f t="array" ref="D1113">IFERROR(INDEX(Jesper!AH$2:AH$366,ROUNDDOWN($C1113/24,0)+1,1)*INDEX($D$3:$AA$30,INDEX(Jesper!$R$2:$R$366,ROW(INDEX(Jesper!AH$2:AH$366,ROUNDDOWN($C1113/24,0)+1,1))-1)+IF('Standard Profiles'!$G$18=$B$10,7,0)+IF('Standard Profiles'!$G$18=$B$17,14,0)+IF('Standard Profiles'!$G$18=$B$24,21,0),MOD($C1113,24)+1)/SUM(INDEX($D$3:$AA$30,INDEX(Jesper!$R$2:$R$366,ROW(INDEX(Jesper!AH$2:AH$366,ROUNDDOWN($C1113/24,0)+1,1))-1)+IF('Standard Profiles'!$G$18=$B$10,7,0)+IF('Standard Profiles'!$G$18=$B$17,14,0)+IF('Standard Profiles'!$G$18=$B$24,21,0),0)),0)</f>
        <v>6.0574018893418771</v>
      </c>
      <c r="E1113" cm="1">
        <f t="array" ref="E1113">IFERROR(INDEX(Jesper!AI$2:AI$366,ROUNDDOWN($C1113/24,0)+1,1)*INDEX($D$3:$AA$30,INDEX(Jesper!$R$2:$R$366,ROW(INDEX(Jesper!AI$2:AI$366,ROUNDDOWN($C1113/24,0)+1,1))-1)+IF('Standard Profiles'!$G$19=$B$10,7,0)+IF('Standard Profiles'!$G$19=$B$17,14,0)+IF('Standard Profiles'!$G$19=$B$24,21,0),MOD($C1113,24)+1)/SUM(INDEX($D$3:$AA$30,INDEX(Jesper!$R$2:$R$366,ROW(INDEX(Jesper!AI$2:AI$366,ROUNDDOWN($C1113/24,0)+1,1))-1)+IF('Standard Profiles'!$G$19=$B$10,7,0)+IF('Standard Profiles'!$G$19=$B$17,14,0)+IF('Standard Profiles'!$G$19=$B$24,21,0),0)),0)</f>
        <v>6.4915242146735945</v>
      </c>
      <c r="F1113" cm="1">
        <f t="array" ref="F1113">IFERROR(INDEX(Jesper!AJ$2:AJ$366,ROUNDDOWN($C1113/24,0)+1,1)*INDEX($D$3:$AA$30,INDEX(Jesper!$R$2:$R$366,ROW(INDEX(Jesper!AJ$2:AJ$366,ROUNDDOWN($C1113/24,0)+1,1))-1)+IF('Standard Profiles'!$G$20=$B$10,7,0)+IF('Standard Profiles'!$G$20=$B$17,14,0)+IF('Standard Profiles'!$G$20=$B$24,21,0),MOD($C1113,24)+1)/SUM(INDEX($D$3:$AA$30,INDEX(Jesper!$R$2:$R$366,ROW(INDEX(Jesper!AJ$2:AJ$366,ROUNDDOWN($C1113/24,0)+1,1))-1)+IF('Standard Profiles'!$G$20=$B$10,7,0)+IF('Standard Profiles'!$G$20=$B$17,14,0)+IF('Standard Profiles'!$G$20=$B$24,21,0),0)),0)</f>
        <v>0</v>
      </c>
      <c r="G1113" cm="1">
        <f t="array" ref="G1113">IFERROR(INDEX(Jesper!AK$2:AK$366,ROUNDDOWN($C1113/24,0)+1,1)*INDEX($D$3:$AA$30,INDEX(Jesper!$R$2:$R$366,ROW(INDEX(Jesper!AK$2:AK$366,ROUNDDOWN($C1113/24,0)+1,1))-1)+IF('Standard Profiles'!$G$21=$B$10,7,0)+IF('Standard Profiles'!$G$21=$B$17,14,0)+IF('Standard Profiles'!$G$21=$B$24,21,0),MOD($C1113,24)+1)/SUM(INDEX($D$3:$AA$30,INDEX(Jesper!$R$2:$R$366,ROW(INDEX(Jesper!AK$2:AK$366,ROUNDDOWN($C1113/24,0)+1,1))-1)+IF('Standard Profiles'!$G$21=$B$10,7,0)+IF('Standard Profiles'!$G$21=$B$17,14,0)+IF('Standard Profiles'!$G$21=$B$24,21,0),0)),0)</f>
        <v>6.763495688597529</v>
      </c>
      <c r="H1113" cm="1">
        <f t="array" ref="H1113">IFERROR(INDEX(Jesper!AL$2:AL$366,ROUNDDOWN($C1113/24,0)+1,1)*INDEX($D$3:$AA$30,INDEX(Jesper!$R$2:$R$366,ROW(INDEX(Jesper!AL$2:AL$366,ROUNDDOWN($C1113/24,0)+1,1))-1)+IF('Standard Profiles'!$G$22=$B$10,7,0)+IF('Standard Profiles'!$G$22=$B$17,14,0)+IF('Standard Profiles'!$G$22=$B$24,21,0),MOD($C1113,24)+1)/SUM(INDEX($D$3:$AA$30,INDEX(Jesper!$R$2:$R$366,ROW(INDEX(Jesper!AL$2:AL$366,ROUNDDOWN($C1113/24,0)+1,1))-1)+IF('Standard Profiles'!$G$22=$B$10,7,0)+IF('Standard Profiles'!$G$22=$B$17,14,0)+IF('Standard Profiles'!$G$22=$B$24,21,0),0)),0)</f>
        <v>0</v>
      </c>
      <c r="I1113">
        <f t="shared" si="132"/>
        <v>3.2464779305268121</v>
      </c>
      <c r="J1113">
        <f t="shared" si="133"/>
        <v>15.096759559791488</v>
      </c>
      <c r="K1113">
        <f t="shared" si="134"/>
        <v>0.64612286819646692</v>
      </c>
      <c r="L1113">
        <f t="shared" si="135"/>
        <v>0.32306143409823346</v>
      </c>
      <c r="M1113">
        <f t="shared" si="136"/>
        <v>0</v>
      </c>
      <c r="N1113" s="45">
        <f t="shared" si="137"/>
        <v>44971.958333330716</v>
      </c>
    </row>
    <row r="1114" spans="2:14" x14ac:dyDescent="0.25">
      <c r="B1114">
        <f t="shared" si="131"/>
        <v>3</v>
      </c>
      <c r="C1114" s="16">
        <v>1080</v>
      </c>
      <c r="D1114" cm="1">
        <f t="array" ref="D1114">IFERROR(INDEX(Jesper!AH$2:AH$366,ROUNDDOWN($C1114/24,0)+1,1)*INDEX($D$3:$AA$30,INDEX(Jesper!$R$2:$R$366,ROW(INDEX(Jesper!AH$2:AH$366,ROUNDDOWN($C1114/24,0)+1,1))-1)+IF('Standard Profiles'!$G$18=$B$10,7,0)+IF('Standard Profiles'!$G$18=$B$17,14,0)+IF('Standard Profiles'!$G$18=$B$24,21,0),MOD($C1114,24)+1)/SUM(INDEX($D$3:$AA$30,INDEX(Jesper!$R$2:$R$366,ROW(INDEX(Jesper!AH$2:AH$366,ROUNDDOWN($C1114/24,0)+1,1))-1)+IF('Standard Profiles'!$G$18=$B$10,7,0)+IF('Standard Profiles'!$G$18=$B$17,14,0)+IF('Standard Profiles'!$G$18=$B$24,21,0),0)),0)</f>
        <v>6.090465495255188</v>
      </c>
      <c r="E1114" cm="1">
        <f t="array" ref="E1114">IFERROR(INDEX(Jesper!AI$2:AI$366,ROUNDDOWN($C1114/24,0)+1,1)*INDEX($D$3:$AA$30,INDEX(Jesper!$R$2:$R$366,ROW(INDEX(Jesper!AI$2:AI$366,ROUNDDOWN($C1114/24,0)+1,1))-1)+IF('Standard Profiles'!$G$19=$B$10,7,0)+IF('Standard Profiles'!$G$19=$B$17,14,0)+IF('Standard Profiles'!$G$19=$B$24,21,0),MOD($C1114,24)+1)/SUM(INDEX($D$3:$AA$30,INDEX(Jesper!$R$2:$R$366,ROW(INDEX(Jesper!AI$2:AI$366,ROUNDDOWN($C1114/24,0)+1,1))-1)+IF('Standard Profiles'!$G$19=$B$10,7,0)+IF('Standard Profiles'!$G$19=$B$17,14,0)+IF('Standard Profiles'!$G$19=$B$24,21,0),0)),0)</f>
        <v>7.1324829546758464</v>
      </c>
      <c r="F1114" cm="1">
        <f t="array" ref="F1114">IFERROR(INDEX(Jesper!AJ$2:AJ$366,ROUNDDOWN($C1114/24,0)+1,1)*INDEX($D$3:$AA$30,INDEX(Jesper!$R$2:$R$366,ROW(INDEX(Jesper!AJ$2:AJ$366,ROUNDDOWN($C1114/24,0)+1,1))-1)+IF('Standard Profiles'!$G$20=$B$10,7,0)+IF('Standard Profiles'!$G$20=$B$17,14,0)+IF('Standard Profiles'!$G$20=$B$24,21,0),MOD($C1114,24)+1)/SUM(INDEX($D$3:$AA$30,INDEX(Jesper!$R$2:$R$366,ROW(INDEX(Jesper!AJ$2:AJ$366,ROUNDDOWN($C1114/24,0)+1,1))-1)+IF('Standard Profiles'!$G$20=$B$10,7,0)+IF('Standard Profiles'!$G$20=$B$17,14,0)+IF('Standard Profiles'!$G$20=$B$24,21,0),0)),0)</f>
        <v>0</v>
      </c>
      <c r="G1114" cm="1">
        <f t="array" ref="G1114">IFERROR(INDEX(Jesper!AK$2:AK$366,ROUNDDOWN($C1114/24,0)+1,1)*INDEX($D$3:$AA$30,INDEX(Jesper!$R$2:$R$366,ROW(INDEX(Jesper!AK$2:AK$366,ROUNDDOWN($C1114/24,0)+1,1))-1)+IF('Standard Profiles'!$G$21=$B$10,7,0)+IF('Standard Profiles'!$G$21=$B$17,14,0)+IF('Standard Profiles'!$G$21=$B$24,21,0),MOD($C1114,24)+1)/SUM(INDEX($D$3:$AA$30,INDEX(Jesper!$R$2:$R$366,ROW(INDEX(Jesper!AK$2:AK$366,ROUNDDOWN($C1114/24,0)+1,1))-1)+IF('Standard Profiles'!$G$21=$B$10,7,0)+IF('Standard Profiles'!$G$21=$B$17,14,0)+IF('Standard Profiles'!$G$21=$B$24,21,0),0)),0)</f>
        <v>8.7925680638901564</v>
      </c>
      <c r="H1114" cm="1">
        <f t="array" ref="H1114">IFERROR(INDEX(Jesper!AL$2:AL$366,ROUNDDOWN($C1114/24,0)+1,1)*INDEX($D$3:$AA$30,INDEX(Jesper!$R$2:$R$366,ROW(INDEX(Jesper!AL$2:AL$366,ROUNDDOWN($C1114/24,0)+1,1))-1)+IF('Standard Profiles'!$G$22=$B$10,7,0)+IF('Standard Profiles'!$G$22=$B$17,14,0)+IF('Standard Profiles'!$G$22=$B$24,21,0),MOD($C1114,24)+1)/SUM(INDEX($D$3:$AA$30,INDEX(Jesper!$R$2:$R$366,ROW(INDEX(Jesper!AL$2:AL$366,ROUNDDOWN($C1114/24,0)+1,1))-1)+IF('Standard Profiles'!$G$22=$B$10,7,0)+IF('Standard Profiles'!$G$22=$B$17,14,0)+IF('Standard Profiles'!$G$22=$B$24,21,0),0)),0)</f>
        <v>0</v>
      </c>
      <c r="I1114">
        <f t="shared" si="132"/>
        <v>4.2204326706672726</v>
      </c>
      <c r="J1114">
        <f t="shared" si="133"/>
        <v>16.820609363913089</v>
      </c>
      <c r="K1114">
        <f t="shared" si="134"/>
        <v>0.64964965282722009</v>
      </c>
      <c r="L1114">
        <f t="shared" si="135"/>
        <v>0.32482482641361005</v>
      </c>
      <c r="M1114">
        <f t="shared" si="136"/>
        <v>0</v>
      </c>
      <c r="N1114" s="45">
        <f t="shared" si="137"/>
        <v>44971.999999997381</v>
      </c>
    </row>
    <row r="1115" spans="2:14" x14ac:dyDescent="0.25">
      <c r="B1115">
        <f t="shared" si="131"/>
        <v>3</v>
      </c>
      <c r="C1115" s="16">
        <v>1081</v>
      </c>
      <c r="D1115" cm="1">
        <f t="array" ref="D1115">IFERROR(INDEX(Jesper!AH$2:AH$366,ROUNDDOWN($C1115/24,0)+1,1)*INDEX($D$3:$AA$30,INDEX(Jesper!$R$2:$R$366,ROW(INDEX(Jesper!AH$2:AH$366,ROUNDDOWN($C1115/24,0)+1,1))-1)+IF('Standard Profiles'!$G$18=$B$10,7,0)+IF('Standard Profiles'!$G$18=$B$17,14,0)+IF('Standard Profiles'!$G$18=$B$24,21,0),MOD($C1115,24)+1)/SUM(INDEX($D$3:$AA$30,INDEX(Jesper!$R$2:$R$366,ROW(INDEX(Jesper!AH$2:AH$366,ROUNDDOWN($C1115/24,0)+1,1))-1)+IF('Standard Profiles'!$G$18=$B$10,7,0)+IF('Standard Profiles'!$G$18=$B$17,14,0)+IF('Standard Profiles'!$G$18=$B$24,21,0),0)),0)</f>
        <v>6.090465495255188</v>
      </c>
      <c r="E1115" cm="1">
        <f t="array" ref="E1115">IFERROR(INDEX(Jesper!AI$2:AI$366,ROUNDDOWN($C1115/24,0)+1,1)*INDEX($D$3:$AA$30,INDEX(Jesper!$R$2:$R$366,ROW(INDEX(Jesper!AI$2:AI$366,ROUNDDOWN($C1115/24,0)+1,1))-1)+IF('Standard Profiles'!$G$19=$B$10,7,0)+IF('Standard Profiles'!$G$19=$B$17,14,0)+IF('Standard Profiles'!$G$19=$B$24,21,0),MOD($C1115,24)+1)/SUM(INDEX($D$3:$AA$30,INDEX(Jesper!$R$2:$R$366,ROW(INDEX(Jesper!AI$2:AI$366,ROUNDDOWN($C1115/24,0)+1,1))-1)+IF('Standard Profiles'!$G$19=$B$10,7,0)+IF('Standard Profiles'!$G$19=$B$17,14,0)+IF('Standard Profiles'!$G$19=$B$24,21,0),0)),0)</f>
        <v>7.1324829546758464</v>
      </c>
      <c r="F1115" cm="1">
        <f t="array" ref="F1115">IFERROR(INDEX(Jesper!AJ$2:AJ$366,ROUNDDOWN($C1115/24,0)+1,1)*INDEX($D$3:$AA$30,INDEX(Jesper!$R$2:$R$366,ROW(INDEX(Jesper!AJ$2:AJ$366,ROUNDDOWN($C1115/24,0)+1,1))-1)+IF('Standard Profiles'!$G$20=$B$10,7,0)+IF('Standard Profiles'!$G$20=$B$17,14,0)+IF('Standard Profiles'!$G$20=$B$24,21,0),MOD($C1115,24)+1)/SUM(INDEX($D$3:$AA$30,INDEX(Jesper!$R$2:$R$366,ROW(INDEX(Jesper!AJ$2:AJ$366,ROUNDDOWN($C1115/24,0)+1,1))-1)+IF('Standard Profiles'!$G$20=$B$10,7,0)+IF('Standard Profiles'!$G$20=$B$17,14,0)+IF('Standard Profiles'!$G$20=$B$24,21,0),0)),0)</f>
        <v>0</v>
      </c>
      <c r="G1115" cm="1">
        <f t="array" ref="G1115">IFERROR(INDEX(Jesper!AK$2:AK$366,ROUNDDOWN($C1115/24,0)+1,1)*INDEX($D$3:$AA$30,INDEX(Jesper!$R$2:$R$366,ROW(INDEX(Jesper!AK$2:AK$366,ROUNDDOWN($C1115/24,0)+1,1))-1)+IF('Standard Profiles'!$G$21=$B$10,7,0)+IF('Standard Profiles'!$G$21=$B$17,14,0)+IF('Standard Profiles'!$G$21=$B$24,21,0),MOD($C1115,24)+1)/SUM(INDEX($D$3:$AA$30,INDEX(Jesper!$R$2:$R$366,ROW(INDEX(Jesper!AK$2:AK$366,ROUNDDOWN($C1115/24,0)+1,1))-1)+IF('Standard Profiles'!$G$21=$B$10,7,0)+IF('Standard Profiles'!$G$21=$B$17,14,0)+IF('Standard Profiles'!$G$21=$B$24,21,0),0)),0)</f>
        <v>8.7925680638901564</v>
      </c>
      <c r="H1115" cm="1">
        <f t="array" ref="H1115">IFERROR(INDEX(Jesper!AL$2:AL$366,ROUNDDOWN($C1115/24,0)+1,1)*INDEX($D$3:$AA$30,INDEX(Jesper!$R$2:$R$366,ROW(INDEX(Jesper!AL$2:AL$366,ROUNDDOWN($C1115/24,0)+1,1))-1)+IF('Standard Profiles'!$G$22=$B$10,7,0)+IF('Standard Profiles'!$G$22=$B$17,14,0)+IF('Standard Profiles'!$G$22=$B$24,21,0),MOD($C1115,24)+1)/SUM(INDEX($D$3:$AA$30,INDEX(Jesper!$R$2:$R$366,ROW(INDEX(Jesper!AL$2:AL$366,ROUNDDOWN($C1115/24,0)+1,1))-1)+IF('Standard Profiles'!$G$22=$B$10,7,0)+IF('Standard Profiles'!$G$22=$B$17,14,0)+IF('Standard Profiles'!$G$22=$B$24,21,0),0)),0)</f>
        <v>0</v>
      </c>
      <c r="I1115">
        <f t="shared" si="132"/>
        <v>4.2204326706672726</v>
      </c>
      <c r="J1115">
        <f t="shared" si="133"/>
        <v>16.820609363913089</v>
      </c>
      <c r="K1115">
        <f t="shared" si="134"/>
        <v>0.64964965282722009</v>
      </c>
      <c r="L1115">
        <f t="shared" si="135"/>
        <v>0.32482482641361005</v>
      </c>
      <c r="M1115">
        <f t="shared" si="136"/>
        <v>0</v>
      </c>
      <c r="N1115" s="45">
        <f t="shared" si="137"/>
        <v>44972.041666664045</v>
      </c>
    </row>
    <row r="1116" spans="2:14" x14ac:dyDescent="0.25">
      <c r="B1116">
        <f t="shared" si="131"/>
        <v>3</v>
      </c>
      <c r="C1116" s="16">
        <v>1082</v>
      </c>
      <c r="D1116" cm="1">
        <f t="array" ref="D1116">IFERROR(INDEX(Jesper!AH$2:AH$366,ROUNDDOWN($C1116/24,0)+1,1)*INDEX($D$3:$AA$30,INDEX(Jesper!$R$2:$R$366,ROW(INDEX(Jesper!AH$2:AH$366,ROUNDDOWN($C1116/24,0)+1,1))-1)+IF('Standard Profiles'!$G$18=$B$10,7,0)+IF('Standard Profiles'!$G$18=$B$17,14,0)+IF('Standard Profiles'!$G$18=$B$24,21,0),MOD($C1116,24)+1)/SUM(INDEX($D$3:$AA$30,INDEX(Jesper!$R$2:$R$366,ROW(INDEX(Jesper!AH$2:AH$366,ROUNDDOWN($C1116/24,0)+1,1))-1)+IF('Standard Profiles'!$G$18=$B$10,7,0)+IF('Standard Profiles'!$G$18=$B$17,14,0)+IF('Standard Profiles'!$G$18=$B$24,21,0),0)),0)</f>
        <v>6.090465495255188</v>
      </c>
      <c r="E1116" cm="1">
        <f t="array" ref="E1116">IFERROR(INDEX(Jesper!AI$2:AI$366,ROUNDDOWN($C1116/24,0)+1,1)*INDEX($D$3:$AA$30,INDEX(Jesper!$R$2:$R$366,ROW(INDEX(Jesper!AI$2:AI$366,ROUNDDOWN($C1116/24,0)+1,1))-1)+IF('Standard Profiles'!$G$19=$B$10,7,0)+IF('Standard Profiles'!$G$19=$B$17,14,0)+IF('Standard Profiles'!$G$19=$B$24,21,0),MOD($C1116,24)+1)/SUM(INDEX($D$3:$AA$30,INDEX(Jesper!$R$2:$R$366,ROW(INDEX(Jesper!AI$2:AI$366,ROUNDDOWN($C1116/24,0)+1,1))-1)+IF('Standard Profiles'!$G$19=$B$10,7,0)+IF('Standard Profiles'!$G$19=$B$17,14,0)+IF('Standard Profiles'!$G$19=$B$24,21,0),0)),0)</f>
        <v>7.1324829546758464</v>
      </c>
      <c r="F1116" cm="1">
        <f t="array" ref="F1116">IFERROR(INDEX(Jesper!AJ$2:AJ$366,ROUNDDOWN($C1116/24,0)+1,1)*INDEX($D$3:$AA$30,INDEX(Jesper!$R$2:$R$366,ROW(INDEX(Jesper!AJ$2:AJ$366,ROUNDDOWN($C1116/24,0)+1,1))-1)+IF('Standard Profiles'!$G$20=$B$10,7,0)+IF('Standard Profiles'!$G$20=$B$17,14,0)+IF('Standard Profiles'!$G$20=$B$24,21,0),MOD($C1116,24)+1)/SUM(INDEX($D$3:$AA$30,INDEX(Jesper!$R$2:$R$366,ROW(INDEX(Jesper!AJ$2:AJ$366,ROUNDDOWN($C1116/24,0)+1,1))-1)+IF('Standard Profiles'!$G$20=$B$10,7,0)+IF('Standard Profiles'!$G$20=$B$17,14,0)+IF('Standard Profiles'!$G$20=$B$24,21,0),0)),0)</f>
        <v>0</v>
      </c>
      <c r="G1116" cm="1">
        <f t="array" ref="G1116">IFERROR(INDEX(Jesper!AK$2:AK$366,ROUNDDOWN($C1116/24,0)+1,1)*INDEX($D$3:$AA$30,INDEX(Jesper!$R$2:$R$366,ROW(INDEX(Jesper!AK$2:AK$366,ROUNDDOWN($C1116/24,0)+1,1))-1)+IF('Standard Profiles'!$G$21=$B$10,7,0)+IF('Standard Profiles'!$G$21=$B$17,14,0)+IF('Standard Profiles'!$G$21=$B$24,21,0),MOD($C1116,24)+1)/SUM(INDEX($D$3:$AA$30,INDEX(Jesper!$R$2:$R$366,ROW(INDEX(Jesper!AK$2:AK$366,ROUNDDOWN($C1116/24,0)+1,1))-1)+IF('Standard Profiles'!$G$21=$B$10,7,0)+IF('Standard Profiles'!$G$21=$B$17,14,0)+IF('Standard Profiles'!$G$21=$B$24,21,0),0)),0)</f>
        <v>8.7925680638901564</v>
      </c>
      <c r="H1116" cm="1">
        <f t="array" ref="H1116">IFERROR(INDEX(Jesper!AL$2:AL$366,ROUNDDOWN($C1116/24,0)+1,1)*INDEX($D$3:$AA$30,INDEX(Jesper!$R$2:$R$366,ROW(INDEX(Jesper!AL$2:AL$366,ROUNDDOWN($C1116/24,0)+1,1))-1)+IF('Standard Profiles'!$G$22=$B$10,7,0)+IF('Standard Profiles'!$G$22=$B$17,14,0)+IF('Standard Profiles'!$G$22=$B$24,21,0),MOD($C1116,24)+1)/SUM(INDEX($D$3:$AA$30,INDEX(Jesper!$R$2:$R$366,ROW(INDEX(Jesper!AL$2:AL$366,ROUNDDOWN($C1116/24,0)+1,1))-1)+IF('Standard Profiles'!$G$22=$B$10,7,0)+IF('Standard Profiles'!$G$22=$B$17,14,0)+IF('Standard Profiles'!$G$22=$B$24,21,0),0)),0)</f>
        <v>0</v>
      </c>
      <c r="I1116">
        <f t="shared" si="132"/>
        <v>4.2204326706672726</v>
      </c>
      <c r="J1116">
        <f t="shared" si="133"/>
        <v>16.820609363913089</v>
      </c>
      <c r="K1116">
        <f t="shared" si="134"/>
        <v>0.64964965282722009</v>
      </c>
      <c r="L1116">
        <f t="shared" si="135"/>
        <v>0.32482482641361005</v>
      </c>
      <c r="M1116">
        <f t="shared" si="136"/>
        <v>0</v>
      </c>
      <c r="N1116" s="45">
        <f t="shared" si="137"/>
        <v>44972.083333330709</v>
      </c>
    </row>
    <row r="1117" spans="2:14" x14ac:dyDescent="0.25">
      <c r="B1117">
        <f t="shared" si="131"/>
        <v>3</v>
      </c>
      <c r="C1117" s="16">
        <v>1083</v>
      </c>
      <c r="D1117" cm="1">
        <f t="array" ref="D1117">IFERROR(INDEX(Jesper!AH$2:AH$366,ROUNDDOWN($C1117/24,0)+1,1)*INDEX($D$3:$AA$30,INDEX(Jesper!$R$2:$R$366,ROW(INDEX(Jesper!AH$2:AH$366,ROUNDDOWN($C1117/24,0)+1,1))-1)+IF('Standard Profiles'!$G$18=$B$10,7,0)+IF('Standard Profiles'!$G$18=$B$17,14,0)+IF('Standard Profiles'!$G$18=$B$24,21,0),MOD($C1117,24)+1)/SUM(INDEX($D$3:$AA$30,INDEX(Jesper!$R$2:$R$366,ROW(INDEX(Jesper!AH$2:AH$366,ROUNDDOWN($C1117/24,0)+1,1))-1)+IF('Standard Profiles'!$G$18=$B$10,7,0)+IF('Standard Profiles'!$G$18=$B$17,14,0)+IF('Standard Profiles'!$G$18=$B$24,21,0),0)),0)</f>
        <v>6.090465495255188</v>
      </c>
      <c r="E1117" cm="1">
        <f t="array" ref="E1117">IFERROR(INDEX(Jesper!AI$2:AI$366,ROUNDDOWN($C1117/24,0)+1,1)*INDEX($D$3:$AA$30,INDEX(Jesper!$R$2:$R$366,ROW(INDEX(Jesper!AI$2:AI$366,ROUNDDOWN($C1117/24,0)+1,1))-1)+IF('Standard Profiles'!$G$19=$B$10,7,0)+IF('Standard Profiles'!$G$19=$B$17,14,0)+IF('Standard Profiles'!$G$19=$B$24,21,0),MOD($C1117,24)+1)/SUM(INDEX($D$3:$AA$30,INDEX(Jesper!$R$2:$R$366,ROW(INDEX(Jesper!AI$2:AI$366,ROUNDDOWN($C1117/24,0)+1,1))-1)+IF('Standard Profiles'!$G$19=$B$10,7,0)+IF('Standard Profiles'!$G$19=$B$17,14,0)+IF('Standard Profiles'!$G$19=$B$24,21,0),0)),0)</f>
        <v>7.1324829546758464</v>
      </c>
      <c r="F1117" cm="1">
        <f t="array" ref="F1117">IFERROR(INDEX(Jesper!AJ$2:AJ$366,ROUNDDOWN($C1117/24,0)+1,1)*INDEX($D$3:$AA$30,INDEX(Jesper!$R$2:$R$366,ROW(INDEX(Jesper!AJ$2:AJ$366,ROUNDDOWN($C1117/24,0)+1,1))-1)+IF('Standard Profiles'!$G$20=$B$10,7,0)+IF('Standard Profiles'!$G$20=$B$17,14,0)+IF('Standard Profiles'!$G$20=$B$24,21,0),MOD($C1117,24)+1)/SUM(INDEX($D$3:$AA$30,INDEX(Jesper!$R$2:$R$366,ROW(INDEX(Jesper!AJ$2:AJ$366,ROUNDDOWN($C1117/24,0)+1,1))-1)+IF('Standard Profiles'!$G$20=$B$10,7,0)+IF('Standard Profiles'!$G$20=$B$17,14,0)+IF('Standard Profiles'!$G$20=$B$24,21,0),0)),0)</f>
        <v>0</v>
      </c>
      <c r="G1117" cm="1">
        <f t="array" ref="G1117">IFERROR(INDEX(Jesper!AK$2:AK$366,ROUNDDOWN($C1117/24,0)+1,1)*INDEX($D$3:$AA$30,INDEX(Jesper!$R$2:$R$366,ROW(INDEX(Jesper!AK$2:AK$366,ROUNDDOWN($C1117/24,0)+1,1))-1)+IF('Standard Profiles'!$G$21=$B$10,7,0)+IF('Standard Profiles'!$G$21=$B$17,14,0)+IF('Standard Profiles'!$G$21=$B$24,21,0),MOD($C1117,24)+1)/SUM(INDEX($D$3:$AA$30,INDEX(Jesper!$R$2:$R$366,ROW(INDEX(Jesper!AK$2:AK$366,ROUNDDOWN($C1117/24,0)+1,1))-1)+IF('Standard Profiles'!$G$21=$B$10,7,0)+IF('Standard Profiles'!$G$21=$B$17,14,0)+IF('Standard Profiles'!$G$21=$B$24,21,0),0)),0)</f>
        <v>8.7925680638901564</v>
      </c>
      <c r="H1117" cm="1">
        <f t="array" ref="H1117">IFERROR(INDEX(Jesper!AL$2:AL$366,ROUNDDOWN($C1117/24,0)+1,1)*INDEX($D$3:$AA$30,INDEX(Jesper!$R$2:$R$366,ROW(INDEX(Jesper!AL$2:AL$366,ROUNDDOWN($C1117/24,0)+1,1))-1)+IF('Standard Profiles'!$G$22=$B$10,7,0)+IF('Standard Profiles'!$G$22=$B$17,14,0)+IF('Standard Profiles'!$G$22=$B$24,21,0),MOD($C1117,24)+1)/SUM(INDEX($D$3:$AA$30,INDEX(Jesper!$R$2:$R$366,ROW(INDEX(Jesper!AL$2:AL$366,ROUNDDOWN($C1117/24,0)+1,1))-1)+IF('Standard Profiles'!$G$22=$B$10,7,0)+IF('Standard Profiles'!$G$22=$B$17,14,0)+IF('Standard Profiles'!$G$22=$B$24,21,0),0)),0)</f>
        <v>0</v>
      </c>
      <c r="I1117">
        <f t="shared" si="132"/>
        <v>4.2204326706672726</v>
      </c>
      <c r="J1117">
        <f t="shared" si="133"/>
        <v>16.820609363913089</v>
      </c>
      <c r="K1117">
        <f t="shared" si="134"/>
        <v>0.64964965282722009</v>
      </c>
      <c r="L1117">
        <f t="shared" si="135"/>
        <v>0.32482482641361005</v>
      </c>
      <c r="M1117">
        <f t="shared" si="136"/>
        <v>0</v>
      </c>
      <c r="N1117" s="45">
        <f t="shared" si="137"/>
        <v>44972.124999997373</v>
      </c>
    </row>
    <row r="1118" spans="2:14" x14ac:dyDescent="0.25">
      <c r="B1118">
        <f t="shared" si="131"/>
        <v>3</v>
      </c>
      <c r="C1118" s="16">
        <v>1084</v>
      </c>
      <c r="D1118" cm="1">
        <f t="array" ref="D1118">IFERROR(INDEX(Jesper!AH$2:AH$366,ROUNDDOWN($C1118/24,0)+1,1)*INDEX($D$3:$AA$30,INDEX(Jesper!$R$2:$R$366,ROW(INDEX(Jesper!AH$2:AH$366,ROUNDDOWN($C1118/24,0)+1,1))-1)+IF('Standard Profiles'!$G$18=$B$10,7,0)+IF('Standard Profiles'!$G$18=$B$17,14,0)+IF('Standard Profiles'!$G$18=$B$24,21,0),MOD($C1118,24)+1)/SUM(INDEX($D$3:$AA$30,INDEX(Jesper!$R$2:$R$366,ROW(INDEX(Jesper!AH$2:AH$366,ROUNDDOWN($C1118/24,0)+1,1))-1)+IF('Standard Profiles'!$G$18=$B$10,7,0)+IF('Standard Profiles'!$G$18=$B$17,14,0)+IF('Standard Profiles'!$G$18=$B$24,21,0),0)),0)</f>
        <v>6.090465495255188</v>
      </c>
      <c r="E1118" cm="1">
        <f t="array" ref="E1118">IFERROR(INDEX(Jesper!AI$2:AI$366,ROUNDDOWN($C1118/24,0)+1,1)*INDEX($D$3:$AA$30,INDEX(Jesper!$R$2:$R$366,ROW(INDEX(Jesper!AI$2:AI$366,ROUNDDOWN($C1118/24,0)+1,1))-1)+IF('Standard Profiles'!$G$19=$B$10,7,0)+IF('Standard Profiles'!$G$19=$B$17,14,0)+IF('Standard Profiles'!$G$19=$B$24,21,0),MOD($C1118,24)+1)/SUM(INDEX($D$3:$AA$30,INDEX(Jesper!$R$2:$R$366,ROW(INDEX(Jesper!AI$2:AI$366,ROUNDDOWN($C1118/24,0)+1,1))-1)+IF('Standard Profiles'!$G$19=$B$10,7,0)+IF('Standard Profiles'!$G$19=$B$17,14,0)+IF('Standard Profiles'!$G$19=$B$24,21,0),0)),0)</f>
        <v>7.1324829546758464</v>
      </c>
      <c r="F1118" cm="1">
        <f t="array" ref="F1118">IFERROR(INDEX(Jesper!AJ$2:AJ$366,ROUNDDOWN($C1118/24,0)+1,1)*INDEX($D$3:$AA$30,INDEX(Jesper!$R$2:$R$366,ROW(INDEX(Jesper!AJ$2:AJ$366,ROUNDDOWN($C1118/24,0)+1,1))-1)+IF('Standard Profiles'!$G$20=$B$10,7,0)+IF('Standard Profiles'!$G$20=$B$17,14,0)+IF('Standard Profiles'!$G$20=$B$24,21,0),MOD($C1118,24)+1)/SUM(INDEX($D$3:$AA$30,INDEX(Jesper!$R$2:$R$366,ROW(INDEX(Jesper!AJ$2:AJ$366,ROUNDDOWN($C1118/24,0)+1,1))-1)+IF('Standard Profiles'!$G$20=$B$10,7,0)+IF('Standard Profiles'!$G$20=$B$17,14,0)+IF('Standard Profiles'!$G$20=$B$24,21,0),0)),0)</f>
        <v>0</v>
      </c>
      <c r="G1118" cm="1">
        <f t="array" ref="G1118">IFERROR(INDEX(Jesper!AK$2:AK$366,ROUNDDOWN($C1118/24,0)+1,1)*INDEX($D$3:$AA$30,INDEX(Jesper!$R$2:$R$366,ROW(INDEX(Jesper!AK$2:AK$366,ROUNDDOWN($C1118/24,0)+1,1))-1)+IF('Standard Profiles'!$G$21=$B$10,7,0)+IF('Standard Profiles'!$G$21=$B$17,14,0)+IF('Standard Profiles'!$G$21=$B$24,21,0),MOD($C1118,24)+1)/SUM(INDEX($D$3:$AA$30,INDEX(Jesper!$R$2:$R$366,ROW(INDEX(Jesper!AK$2:AK$366,ROUNDDOWN($C1118/24,0)+1,1))-1)+IF('Standard Profiles'!$G$21=$B$10,7,0)+IF('Standard Profiles'!$G$21=$B$17,14,0)+IF('Standard Profiles'!$G$21=$B$24,21,0),0)),0)</f>
        <v>8.7925680638901564</v>
      </c>
      <c r="H1118" cm="1">
        <f t="array" ref="H1118">IFERROR(INDEX(Jesper!AL$2:AL$366,ROUNDDOWN($C1118/24,0)+1,1)*INDEX($D$3:$AA$30,INDEX(Jesper!$R$2:$R$366,ROW(INDEX(Jesper!AL$2:AL$366,ROUNDDOWN($C1118/24,0)+1,1))-1)+IF('Standard Profiles'!$G$22=$B$10,7,0)+IF('Standard Profiles'!$G$22=$B$17,14,0)+IF('Standard Profiles'!$G$22=$B$24,21,0),MOD($C1118,24)+1)/SUM(INDEX($D$3:$AA$30,INDEX(Jesper!$R$2:$R$366,ROW(INDEX(Jesper!AL$2:AL$366,ROUNDDOWN($C1118/24,0)+1,1))-1)+IF('Standard Profiles'!$G$22=$B$10,7,0)+IF('Standard Profiles'!$G$22=$B$17,14,0)+IF('Standard Profiles'!$G$22=$B$24,21,0),0)),0)</f>
        <v>0</v>
      </c>
      <c r="I1118">
        <f t="shared" si="132"/>
        <v>4.2204326706672726</v>
      </c>
      <c r="J1118">
        <f t="shared" si="133"/>
        <v>16.820609363913089</v>
      </c>
      <c r="K1118">
        <f t="shared" si="134"/>
        <v>0.64964965282722009</v>
      </c>
      <c r="L1118">
        <f t="shared" si="135"/>
        <v>0.32482482641361005</v>
      </c>
      <c r="M1118">
        <f t="shared" si="136"/>
        <v>0</v>
      </c>
      <c r="N1118" s="45">
        <f t="shared" si="137"/>
        <v>44972.166666664038</v>
      </c>
    </row>
    <row r="1119" spans="2:14" x14ac:dyDescent="0.25">
      <c r="B1119">
        <f t="shared" si="131"/>
        <v>3</v>
      </c>
      <c r="C1119" s="16">
        <v>1085</v>
      </c>
      <c r="D1119" cm="1">
        <f t="array" ref="D1119">IFERROR(INDEX(Jesper!AH$2:AH$366,ROUNDDOWN($C1119/24,0)+1,1)*INDEX($D$3:$AA$30,INDEX(Jesper!$R$2:$R$366,ROW(INDEX(Jesper!AH$2:AH$366,ROUNDDOWN($C1119/24,0)+1,1))-1)+IF('Standard Profiles'!$G$18=$B$10,7,0)+IF('Standard Profiles'!$G$18=$B$17,14,0)+IF('Standard Profiles'!$G$18=$B$24,21,0),MOD($C1119,24)+1)/SUM(INDEX($D$3:$AA$30,INDEX(Jesper!$R$2:$R$366,ROW(INDEX(Jesper!AH$2:AH$366,ROUNDDOWN($C1119/24,0)+1,1))-1)+IF('Standard Profiles'!$G$18=$B$10,7,0)+IF('Standard Profiles'!$G$18=$B$17,14,0)+IF('Standard Profiles'!$G$18=$B$24,21,0),0)),0)</f>
        <v>6.090465495255188</v>
      </c>
      <c r="E1119" cm="1">
        <f t="array" ref="E1119">IFERROR(INDEX(Jesper!AI$2:AI$366,ROUNDDOWN($C1119/24,0)+1,1)*INDEX($D$3:$AA$30,INDEX(Jesper!$R$2:$R$366,ROW(INDEX(Jesper!AI$2:AI$366,ROUNDDOWN($C1119/24,0)+1,1))-1)+IF('Standard Profiles'!$G$19=$B$10,7,0)+IF('Standard Profiles'!$G$19=$B$17,14,0)+IF('Standard Profiles'!$G$19=$B$24,21,0),MOD($C1119,24)+1)/SUM(INDEX($D$3:$AA$30,INDEX(Jesper!$R$2:$R$366,ROW(INDEX(Jesper!AI$2:AI$366,ROUNDDOWN($C1119/24,0)+1,1))-1)+IF('Standard Profiles'!$G$19=$B$10,7,0)+IF('Standard Profiles'!$G$19=$B$17,14,0)+IF('Standard Profiles'!$G$19=$B$24,21,0),0)),0)</f>
        <v>7.1324829546758464</v>
      </c>
      <c r="F1119" cm="1">
        <f t="array" ref="F1119">IFERROR(INDEX(Jesper!AJ$2:AJ$366,ROUNDDOWN($C1119/24,0)+1,1)*INDEX($D$3:$AA$30,INDEX(Jesper!$R$2:$R$366,ROW(INDEX(Jesper!AJ$2:AJ$366,ROUNDDOWN($C1119/24,0)+1,1))-1)+IF('Standard Profiles'!$G$20=$B$10,7,0)+IF('Standard Profiles'!$G$20=$B$17,14,0)+IF('Standard Profiles'!$G$20=$B$24,21,0),MOD($C1119,24)+1)/SUM(INDEX($D$3:$AA$30,INDEX(Jesper!$R$2:$R$366,ROW(INDEX(Jesper!AJ$2:AJ$366,ROUNDDOWN($C1119/24,0)+1,1))-1)+IF('Standard Profiles'!$G$20=$B$10,7,0)+IF('Standard Profiles'!$G$20=$B$17,14,0)+IF('Standard Profiles'!$G$20=$B$24,21,0),0)),0)</f>
        <v>0</v>
      </c>
      <c r="G1119" cm="1">
        <f t="array" ref="G1119">IFERROR(INDEX(Jesper!AK$2:AK$366,ROUNDDOWN($C1119/24,0)+1,1)*INDEX($D$3:$AA$30,INDEX(Jesper!$R$2:$R$366,ROW(INDEX(Jesper!AK$2:AK$366,ROUNDDOWN($C1119/24,0)+1,1))-1)+IF('Standard Profiles'!$G$21=$B$10,7,0)+IF('Standard Profiles'!$G$21=$B$17,14,0)+IF('Standard Profiles'!$G$21=$B$24,21,0),MOD($C1119,24)+1)/SUM(INDEX($D$3:$AA$30,INDEX(Jesper!$R$2:$R$366,ROW(INDEX(Jesper!AK$2:AK$366,ROUNDDOWN($C1119/24,0)+1,1))-1)+IF('Standard Profiles'!$G$21=$B$10,7,0)+IF('Standard Profiles'!$G$21=$B$17,14,0)+IF('Standard Profiles'!$G$21=$B$24,21,0),0)),0)</f>
        <v>8.7925680638901564</v>
      </c>
      <c r="H1119" cm="1">
        <f t="array" ref="H1119">IFERROR(INDEX(Jesper!AL$2:AL$366,ROUNDDOWN($C1119/24,0)+1,1)*INDEX($D$3:$AA$30,INDEX(Jesper!$R$2:$R$366,ROW(INDEX(Jesper!AL$2:AL$366,ROUNDDOWN($C1119/24,0)+1,1))-1)+IF('Standard Profiles'!$G$22=$B$10,7,0)+IF('Standard Profiles'!$G$22=$B$17,14,0)+IF('Standard Profiles'!$G$22=$B$24,21,0),MOD($C1119,24)+1)/SUM(INDEX($D$3:$AA$30,INDEX(Jesper!$R$2:$R$366,ROW(INDEX(Jesper!AL$2:AL$366,ROUNDDOWN($C1119/24,0)+1,1))-1)+IF('Standard Profiles'!$G$22=$B$10,7,0)+IF('Standard Profiles'!$G$22=$B$17,14,0)+IF('Standard Profiles'!$G$22=$B$24,21,0),0)),0)</f>
        <v>0</v>
      </c>
      <c r="I1119">
        <f t="shared" si="132"/>
        <v>4.2204326706672726</v>
      </c>
      <c r="J1119">
        <f t="shared" si="133"/>
        <v>16.820609363913089</v>
      </c>
      <c r="K1119">
        <f t="shared" si="134"/>
        <v>0.64964965282722009</v>
      </c>
      <c r="L1119">
        <f t="shared" si="135"/>
        <v>0.32482482641361005</v>
      </c>
      <c r="M1119">
        <f t="shared" si="136"/>
        <v>0</v>
      </c>
      <c r="N1119" s="45">
        <f t="shared" si="137"/>
        <v>44972.208333330702</v>
      </c>
    </row>
    <row r="1120" spans="2:14" x14ac:dyDescent="0.25">
      <c r="B1120">
        <f t="shared" si="131"/>
        <v>3</v>
      </c>
      <c r="C1120" s="16">
        <v>1086</v>
      </c>
      <c r="D1120" cm="1">
        <f t="array" ref="D1120">IFERROR(INDEX(Jesper!AH$2:AH$366,ROUNDDOWN($C1120/24,0)+1,1)*INDEX($D$3:$AA$30,INDEX(Jesper!$R$2:$R$366,ROW(INDEX(Jesper!AH$2:AH$366,ROUNDDOWN($C1120/24,0)+1,1))-1)+IF('Standard Profiles'!$G$18=$B$10,7,0)+IF('Standard Profiles'!$G$18=$B$17,14,0)+IF('Standard Profiles'!$G$18=$B$24,21,0),MOD($C1120,24)+1)/SUM(INDEX($D$3:$AA$30,INDEX(Jesper!$R$2:$R$366,ROW(INDEX(Jesper!AH$2:AH$366,ROUNDDOWN($C1120/24,0)+1,1))-1)+IF('Standard Profiles'!$G$18=$B$10,7,0)+IF('Standard Profiles'!$G$18=$B$17,14,0)+IF('Standard Profiles'!$G$18=$B$24,21,0),0)),0)</f>
        <v>6.090465495255188</v>
      </c>
      <c r="E1120" cm="1">
        <f t="array" ref="E1120">IFERROR(INDEX(Jesper!AI$2:AI$366,ROUNDDOWN($C1120/24,0)+1,1)*INDEX($D$3:$AA$30,INDEX(Jesper!$R$2:$R$366,ROW(INDEX(Jesper!AI$2:AI$366,ROUNDDOWN($C1120/24,0)+1,1))-1)+IF('Standard Profiles'!$G$19=$B$10,7,0)+IF('Standard Profiles'!$G$19=$B$17,14,0)+IF('Standard Profiles'!$G$19=$B$24,21,0),MOD($C1120,24)+1)/SUM(INDEX($D$3:$AA$30,INDEX(Jesper!$R$2:$R$366,ROW(INDEX(Jesper!AI$2:AI$366,ROUNDDOWN($C1120/24,0)+1,1))-1)+IF('Standard Profiles'!$G$19=$B$10,7,0)+IF('Standard Profiles'!$G$19=$B$17,14,0)+IF('Standard Profiles'!$G$19=$B$24,21,0),0)),0)</f>
        <v>7.1324829546758464</v>
      </c>
      <c r="F1120" cm="1">
        <f t="array" ref="F1120">IFERROR(INDEX(Jesper!AJ$2:AJ$366,ROUNDDOWN($C1120/24,0)+1,1)*INDEX($D$3:$AA$30,INDEX(Jesper!$R$2:$R$366,ROW(INDEX(Jesper!AJ$2:AJ$366,ROUNDDOWN($C1120/24,0)+1,1))-1)+IF('Standard Profiles'!$G$20=$B$10,7,0)+IF('Standard Profiles'!$G$20=$B$17,14,0)+IF('Standard Profiles'!$G$20=$B$24,21,0),MOD($C1120,24)+1)/SUM(INDEX($D$3:$AA$30,INDEX(Jesper!$R$2:$R$366,ROW(INDEX(Jesper!AJ$2:AJ$366,ROUNDDOWN($C1120/24,0)+1,1))-1)+IF('Standard Profiles'!$G$20=$B$10,7,0)+IF('Standard Profiles'!$G$20=$B$17,14,0)+IF('Standard Profiles'!$G$20=$B$24,21,0),0)),0)</f>
        <v>0</v>
      </c>
      <c r="G1120" cm="1">
        <f t="array" ref="G1120">IFERROR(INDEX(Jesper!AK$2:AK$366,ROUNDDOWN($C1120/24,0)+1,1)*INDEX($D$3:$AA$30,INDEX(Jesper!$R$2:$R$366,ROW(INDEX(Jesper!AK$2:AK$366,ROUNDDOWN($C1120/24,0)+1,1))-1)+IF('Standard Profiles'!$G$21=$B$10,7,0)+IF('Standard Profiles'!$G$21=$B$17,14,0)+IF('Standard Profiles'!$G$21=$B$24,21,0),MOD($C1120,24)+1)/SUM(INDEX($D$3:$AA$30,INDEX(Jesper!$R$2:$R$366,ROW(INDEX(Jesper!AK$2:AK$366,ROUNDDOWN($C1120/24,0)+1,1))-1)+IF('Standard Profiles'!$G$21=$B$10,7,0)+IF('Standard Profiles'!$G$21=$B$17,14,0)+IF('Standard Profiles'!$G$21=$B$24,21,0),0)),0)</f>
        <v>8.7925680638901564</v>
      </c>
      <c r="H1120" cm="1">
        <f t="array" ref="H1120">IFERROR(INDEX(Jesper!AL$2:AL$366,ROUNDDOWN($C1120/24,0)+1,1)*INDEX($D$3:$AA$30,INDEX(Jesper!$R$2:$R$366,ROW(INDEX(Jesper!AL$2:AL$366,ROUNDDOWN($C1120/24,0)+1,1))-1)+IF('Standard Profiles'!$G$22=$B$10,7,0)+IF('Standard Profiles'!$G$22=$B$17,14,0)+IF('Standard Profiles'!$G$22=$B$24,21,0),MOD($C1120,24)+1)/SUM(INDEX($D$3:$AA$30,INDEX(Jesper!$R$2:$R$366,ROW(INDEX(Jesper!AL$2:AL$366,ROUNDDOWN($C1120/24,0)+1,1))-1)+IF('Standard Profiles'!$G$22=$B$10,7,0)+IF('Standard Profiles'!$G$22=$B$17,14,0)+IF('Standard Profiles'!$G$22=$B$24,21,0),0)),0)</f>
        <v>0</v>
      </c>
      <c r="I1120">
        <f t="shared" si="132"/>
        <v>4.2204326706672726</v>
      </c>
      <c r="J1120">
        <f t="shared" si="133"/>
        <v>16.820609363913089</v>
      </c>
      <c r="K1120">
        <f t="shared" si="134"/>
        <v>0.64964965282722009</v>
      </c>
      <c r="L1120">
        <f t="shared" si="135"/>
        <v>0.32482482641361005</v>
      </c>
      <c r="M1120">
        <f t="shared" si="136"/>
        <v>0</v>
      </c>
      <c r="N1120" s="45">
        <f t="shared" si="137"/>
        <v>44972.249999997366</v>
      </c>
    </row>
    <row r="1121" spans="2:14" x14ac:dyDescent="0.25">
      <c r="B1121">
        <f t="shared" si="131"/>
        <v>3</v>
      </c>
      <c r="C1121" s="16">
        <v>1087</v>
      </c>
      <c r="D1121" cm="1">
        <f t="array" ref="D1121">IFERROR(INDEX(Jesper!AH$2:AH$366,ROUNDDOWN($C1121/24,0)+1,1)*INDEX($D$3:$AA$30,INDEX(Jesper!$R$2:$R$366,ROW(INDEX(Jesper!AH$2:AH$366,ROUNDDOWN($C1121/24,0)+1,1))-1)+IF('Standard Profiles'!$G$18=$B$10,7,0)+IF('Standard Profiles'!$G$18=$B$17,14,0)+IF('Standard Profiles'!$G$18=$B$24,21,0),MOD($C1121,24)+1)/SUM(INDEX($D$3:$AA$30,INDEX(Jesper!$R$2:$R$366,ROW(INDEX(Jesper!AH$2:AH$366,ROUNDDOWN($C1121/24,0)+1,1))-1)+IF('Standard Profiles'!$G$18=$B$10,7,0)+IF('Standard Profiles'!$G$18=$B$17,14,0)+IF('Standard Profiles'!$G$18=$B$24,21,0),0)),0)</f>
        <v>24.897084706361358</v>
      </c>
      <c r="E1121" cm="1">
        <f t="array" ref="E1121">IFERROR(INDEX(Jesper!AI$2:AI$366,ROUNDDOWN($C1121/24,0)+1,1)*INDEX($D$3:$AA$30,INDEX(Jesper!$R$2:$R$366,ROW(INDEX(Jesper!AI$2:AI$366,ROUNDDOWN($C1121/24,0)+1,1))-1)+IF('Standard Profiles'!$G$19=$B$10,7,0)+IF('Standard Profiles'!$G$19=$B$17,14,0)+IF('Standard Profiles'!$G$19=$B$24,21,0),MOD($C1121,24)+1)/SUM(INDEX($D$3:$AA$30,INDEX(Jesper!$R$2:$R$366,ROW(INDEX(Jesper!AI$2:AI$366,ROUNDDOWN($C1121/24,0)+1,1))-1)+IF('Standard Profiles'!$G$19=$B$10,7,0)+IF('Standard Profiles'!$G$19=$B$17,14,0)+IF('Standard Profiles'!$G$19=$B$24,21,0),0)),0)</f>
        <v>29.156725775326411</v>
      </c>
      <c r="F1121" cm="1">
        <f t="array" ref="F1121">IFERROR(INDEX(Jesper!AJ$2:AJ$366,ROUNDDOWN($C1121/24,0)+1,1)*INDEX($D$3:$AA$30,INDEX(Jesper!$R$2:$R$366,ROW(INDEX(Jesper!AJ$2:AJ$366,ROUNDDOWN($C1121/24,0)+1,1))-1)+IF('Standard Profiles'!$G$20=$B$10,7,0)+IF('Standard Profiles'!$G$20=$B$17,14,0)+IF('Standard Profiles'!$G$20=$B$24,21,0),MOD($C1121,24)+1)/SUM(INDEX($D$3:$AA$30,INDEX(Jesper!$R$2:$R$366,ROW(INDEX(Jesper!AJ$2:AJ$366,ROUNDDOWN($C1121/24,0)+1,1))-1)+IF('Standard Profiles'!$G$20=$B$10,7,0)+IF('Standard Profiles'!$G$20=$B$17,14,0)+IF('Standard Profiles'!$G$20=$B$24,21,0),0)),0)</f>
        <v>0</v>
      </c>
      <c r="G1121" cm="1">
        <f t="array" ref="G1121">IFERROR(INDEX(Jesper!AK$2:AK$366,ROUNDDOWN($C1121/24,0)+1,1)*INDEX($D$3:$AA$30,INDEX(Jesper!$R$2:$R$366,ROW(INDEX(Jesper!AK$2:AK$366,ROUNDDOWN($C1121/24,0)+1,1))-1)+IF('Standard Profiles'!$G$21=$B$10,7,0)+IF('Standard Profiles'!$G$21=$B$17,14,0)+IF('Standard Profiles'!$G$21=$B$24,21,0),MOD($C1121,24)+1)/SUM(INDEX($D$3:$AA$30,INDEX(Jesper!$R$2:$R$366,ROW(INDEX(Jesper!AK$2:AK$366,ROUNDDOWN($C1121/24,0)+1,1))-1)+IF('Standard Profiles'!$G$21=$B$10,7,0)+IF('Standard Profiles'!$G$21=$B$17,14,0)+IF('Standard Profiles'!$G$21=$B$24,21,0),0)),0)</f>
        <v>24.22352501601738</v>
      </c>
      <c r="H1121" cm="1">
        <f t="array" ref="H1121">IFERROR(INDEX(Jesper!AL$2:AL$366,ROUNDDOWN($C1121/24,0)+1,1)*INDEX($D$3:$AA$30,INDEX(Jesper!$R$2:$R$366,ROW(INDEX(Jesper!AL$2:AL$366,ROUNDDOWN($C1121/24,0)+1,1))-1)+IF('Standard Profiles'!$G$22=$B$10,7,0)+IF('Standard Profiles'!$G$22=$B$17,14,0)+IF('Standard Profiles'!$G$22=$B$24,21,0),MOD($C1121,24)+1)/SUM(INDEX($D$3:$AA$30,INDEX(Jesper!$R$2:$R$366,ROW(INDEX(Jesper!AL$2:AL$366,ROUNDDOWN($C1121/24,0)+1,1))-1)+IF('Standard Profiles'!$G$22=$B$10,7,0)+IF('Standard Profiles'!$G$22=$B$17,14,0)+IF('Standard Profiles'!$G$22=$B$24,21,0),0)),0)</f>
        <v>0</v>
      </c>
      <c r="I1121">
        <f t="shared" si="132"/>
        <v>11.627292007688336</v>
      </c>
      <c r="J1121">
        <f t="shared" si="133"/>
        <v>62.666509936998999</v>
      </c>
      <c r="K1121">
        <f t="shared" si="134"/>
        <v>2.6556890353452118</v>
      </c>
      <c r="L1121">
        <f t="shared" si="135"/>
        <v>1.3278445176726059</v>
      </c>
      <c r="M1121">
        <f t="shared" si="136"/>
        <v>0</v>
      </c>
      <c r="N1121" s="45">
        <f t="shared" si="137"/>
        <v>44972.29166666403</v>
      </c>
    </row>
    <row r="1122" spans="2:14" x14ac:dyDescent="0.25">
      <c r="B1122">
        <f t="shared" si="131"/>
        <v>3</v>
      </c>
      <c r="C1122" s="16">
        <v>1088</v>
      </c>
      <c r="D1122" cm="1">
        <f t="array" ref="D1122">IFERROR(INDEX(Jesper!AH$2:AH$366,ROUNDDOWN($C1122/24,0)+1,1)*INDEX($D$3:$AA$30,INDEX(Jesper!$R$2:$R$366,ROW(INDEX(Jesper!AH$2:AH$366,ROUNDDOWN($C1122/24,0)+1,1))-1)+IF('Standard Profiles'!$G$18=$B$10,7,0)+IF('Standard Profiles'!$G$18=$B$17,14,0)+IF('Standard Profiles'!$G$18=$B$24,21,0),MOD($C1122,24)+1)/SUM(INDEX($D$3:$AA$30,INDEX(Jesper!$R$2:$R$366,ROW(INDEX(Jesper!AH$2:AH$366,ROUNDDOWN($C1122/24,0)+1,1))-1)+IF('Standard Profiles'!$G$18=$B$10,7,0)+IF('Standard Profiles'!$G$18=$B$17,14,0)+IF('Standard Profiles'!$G$18=$B$24,21,0),0)),0)</f>
        <v>27.779905040782147</v>
      </c>
      <c r="E1122" cm="1">
        <f t="array" ref="E1122">IFERROR(INDEX(Jesper!AI$2:AI$366,ROUNDDOWN($C1122/24,0)+1,1)*INDEX($D$3:$AA$30,INDEX(Jesper!$R$2:$R$366,ROW(INDEX(Jesper!AI$2:AI$366,ROUNDDOWN($C1122/24,0)+1,1))-1)+IF('Standard Profiles'!$G$19=$B$10,7,0)+IF('Standard Profiles'!$G$19=$B$17,14,0)+IF('Standard Profiles'!$G$19=$B$24,21,0),MOD($C1122,24)+1)/SUM(INDEX($D$3:$AA$30,INDEX(Jesper!$R$2:$R$366,ROW(INDEX(Jesper!AI$2:AI$366,ROUNDDOWN($C1122/24,0)+1,1))-1)+IF('Standard Profiles'!$G$19=$B$10,7,0)+IF('Standard Profiles'!$G$19=$B$17,14,0)+IF('Standard Profiles'!$G$19=$B$24,21,0),0)),0)</f>
        <v>32.532767707206318</v>
      </c>
      <c r="F1122" cm="1">
        <f t="array" ref="F1122">IFERROR(INDEX(Jesper!AJ$2:AJ$366,ROUNDDOWN($C1122/24,0)+1,1)*INDEX($D$3:$AA$30,INDEX(Jesper!$R$2:$R$366,ROW(INDEX(Jesper!AJ$2:AJ$366,ROUNDDOWN($C1122/24,0)+1,1))-1)+IF('Standard Profiles'!$G$20=$B$10,7,0)+IF('Standard Profiles'!$G$20=$B$17,14,0)+IF('Standard Profiles'!$G$20=$B$24,21,0),MOD($C1122,24)+1)/SUM(INDEX($D$3:$AA$30,INDEX(Jesper!$R$2:$R$366,ROW(INDEX(Jesper!AJ$2:AJ$366,ROUNDDOWN($C1122/24,0)+1,1))-1)+IF('Standard Profiles'!$G$20=$B$10,7,0)+IF('Standard Profiles'!$G$20=$B$17,14,0)+IF('Standard Profiles'!$G$20=$B$24,21,0),0)),0)</f>
        <v>0</v>
      </c>
      <c r="G1122" cm="1">
        <f t="array" ref="G1122">IFERROR(INDEX(Jesper!AK$2:AK$366,ROUNDDOWN($C1122/24,0)+1,1)*INDEX($D$3:$AA$30,INDEX(Jesper!$R$2:$R$366,ROW(INDEX(Jesper!AK$2:AK$366,ROUNDDOWN($C1122/24,0)+1,1))-1)+IF('Standard Profiles'!$G$21=$B$10,7,0)+IF('Standard Profiles'!$G$21=$B$17,14,0)+IF('Standard Profiles'!$G$21=$B$24,21,0),MOD($C1122,24)+1)/SUM(INDEX($D$3:$AA$30,INDEX(Jesper!$R$2:$R$366,ROW(INDEX(Jesper!AK$2:AK$366,ROUNDDOWN($C1122/24,0)+1,1))-1)+IF('Standard Profiles'!$G$21=$B$10,7,0)+IF('Standard Profiles'!$G$21=$B$17,14,0)+IF('Standard Profiles'!$G$21=$B$24,21,0),0)),0)</f>
        <v>27.028354228398339</v>
      </c>
      <c r="H1122" cm="1">
        <f t="array" ref="H1122">IFERROR(INDEX(Jesper!AL$2:AL$366,ROUNDDOWN($C1122/24,0)+1,1)*INDEX($D$3:$AA$30,INDEX(Jesper!$R$2:$R$366,ROW(INDEX(Jesper!AL$2:AL$366,ROUNDDOWN($C1122/24,0)+1,1))-1)+IF('Standard Profiles'!$G$22=$B$10,7,0)+IF('Standard Profiles'!$G$22=$B$17,14,0)+IF('Standard Profiles'!$G$22=$B$24,21,0),MOD($C1122,24)+1)/SUM(INDEX($D$3:$AA$30,INDEX(Jesper!$R$2:$R$366,ROW(INDEX(Jesper!AL$2:AL$366,ROUNDDOWN($C1122/24,0)+1,1))-1)+IF('Standard Profiles'!$G$22=$B$10,7,0)+IF('Standard Profiles'!$G$22=$B$17,14,0)+IF('Standard Profiles'!$G$22=$B$24,21,0),0)),0)</f>
        <v>0</v>
      </c>
      <c r="I1122">
        <f t="shared" si="132"/>
        <v>12.973610029631196</v>
      </c>
      <c r="J1122">
        <f t="shared" si="133"/>
        <v>69.922632140230462</v>
      </c>
      <c r="K1122">
        <f t="shared" si="134"/>
        <v>2.9631898710167626</v>
      </c>
      <c r="L1122">
        <f t="shared" si="135"/>
        <v>1.4815949355083813</v>
      </c>
      <c r="M1122">
        <f t="shared" si="136"/>
        <v>0</v>
      </c>
      <c r="N1122" s="45">
        <f t="shared" si="137"/>
        <v>44972.333333330695</v>
      </c>
    </row>
    <row r="1123" spans="2:14" x14ac:dyDescent="0.25">
      <c r="B1123">
        <f t="shared" ref="B1123:B1186" si="138">WEEKDAY(N1123,2)</f>
        <v>3</v>
      </c>
      <c r="C1123" s="16">
        <v>1089</v>
      </c>
      <c r="D1123" cm="1">
        <f t="array" ref="D1123">IFERROR(INDEX(Jesper!AH$2:AH$366,ROUNDDOWN($C1123/24,0)+1,1)*INDEX($D$3:$AA$30,INDEX(Jesper!$R$2:$R$366,ROW(INDEX(Jesper!AH$2:AH$366,ROUNDDOWN($C1123/24,0)+1,1))-1)+IF('Standard Profiles'!$G$18=$B$10,7,0)+IF('Standard Profiles'!$G$18=$B$17,14,0)+IF('Standard Profiles'!$G$18=$B$24,21,0),MOD($C1123,24)+1)/SUM(INDEX($D$3:$AA$30,INDEX(Jesper!$R$2:$R$366,ROW(INDEX(Jesper!AH$2:AH$366,ROUNDDOWN($C1123/24,0)+1,1))-1)+IF('Standard Profiles'!$G$18=$B$10,7,0)+IF('Standard Profiles'!$G$18=$B$17,14,0)+IF('Standard Profiles'!$G$18=$B$24,21,0),0)),0)</f>
        <v>30.662725375202939</v>
      </c>
      <c r="E1123" cm="1">
        <f t="array" ref="E1123">IFERROR(INDEX(Jesper!AI$2:AI$366,ROUNDDOWN($C1123/24,0)+1,1)*INDEX($D$3:$AA$30,INDEX(Jesper!$R$2:$R$366,ROW(INDEX(Jesper!AI$2:AI$366,ROUNDDOWN($C1123/24,0)+1,1))-1)+IF('Standard Profiles'!$G$19=$B$10,7,0)+IF('Standard Profiles'!$G$19=$B$17,14,0)+IF('Standard Profiles'!$G$19=$B$24,21,0),MOD($C1123,24)+1)/SUM(INDEX($D$3:$AA$30,INDEX(Jesper!$R$2:$R$366,ROW(INDEX(Jesper!AI$2:AI$366,ROUNDDOWN($C1123/24,0)+1,1))-1)+IF('Standard Profiles'!$G$19=$B$10,7,0)+IF('Standard Profiles'!$G$19=$B$17,14,0)+IF('Standard Profiles'!$G$19=$B$24,21,0),0)),0)</f>
        <v>35.908809639086222</v>
      </c>
      <c r="F1123" cm="1">
        <f t="array" ref="F1123">IFERROR(INDEX(Jesper!AJ$2:AJ$366,ROUNDDOWN($C1123/24,0)+1,1)*INDEX($D$3:$AA$30,INDEX(Jesper!$R$2:$R$366,ROW(INDEX(Jesper!AJ$2:AJ$366,ROUNDDOWN($C1123/24,0)+1,1))-1)+IF('Standard Profiles'!$G$20=$B$10,7,0)+IF('Standard Profiles'!$G$20=$B$17,14,0)+IF('Standard Profiles'!$G$20=$B$24,21,0),MOD($C1123,24)+1)/SUM(INDEX($D$3:$AA$30,INDEX(Jesper!$R$2:$R$366,ROW(INDEX(Jesper!AJ$2:AJ$366,ROUNDDOWN($C1123/24,0)+1,1))-1)+IF('Standard Profiles'!$G$20=$B$10,7,0)+IF('Standard Profiles'!$G$20=$B$17,14,0)+IF('Standard Profiles'!$G$20=$B$24,21,0),0)),0)</f>
        <v>0</v>
      </c>
      <c r="G1123" cm="1">
        <f t="array" ref="G1123">IFERROR(INDEX(Jesper!AK$2:AK$366,ROUNDDOWN($C1123/24,0)+1,1)*INDEX($D$3:$AA$30,INDEX(Jesper!$R$2:$R$366,ROW(INDEX(Jesper!AK$2:AK$366,ROUNDDOWN($C1123/24,0)+1,1))-1)+IF('Standard Profiles'!$G$21=$B$10,7,0)+IF('Standard Profiles'!$G$21=$B$17,14,0)+IF('Standard Profiles'!$G$21=$B$24,21,0),MOD($C1123,24)+1)/SUM(INDEX($D$3:$AA$30,INDEX(Jesper!$R$2:$R$366,ROW(INDEX(Jesper!AK$2:AK$366,ROUNDDOWN($C1123/24,0)+1,1))-1)+IF('Standard Profiles'!$G$21=$B$10,7,0)+IF('Standard Profiles'!$G$21=$B$17,14,0)+IF('Standard Profiles'!$G$21=$B$24,21,0),0)),0)</f>
        <v>29.833183440779301</v>
      </c>
      <c r="H1123" cm="1">
        <f t="array" ref="H1123">IFERROR(INDEX(Jesper!AL$2:AL$366,ROUNDDOWN($C1123/24,0)+1,1)*INDEX($D$3:$AA$30,INDEX(Jesper!$R$2:$R$366,ROW(INDEX(Jesper!AL$2:AL$366,ROUNDDOWN($C1123/24,0)+1,1))-1)+IF('Standard Profiles'!$G$22=$B$10,7,0)+IF('Standard Profiles'!$G$22=$B$17,14,0)+IF('Standard Profiles'!$G$22=$B$24,21,0),MOD($C1123,24)+1)/SUM(INDEX($D$3:$AA$30,INDEX(Jesper!$R$2:$R$366,ROW(INDEX(Jesper!AL$2:AL$366,ROUNDDOWN($C1123/24,0)+1,1))-1)+IF('Standard Profiles'!$G$22=$B$10,7,0)+IF('Standard Profiles'!$G$22=$B$17,14,0)+IF('Standard Profiles'!$G$22=$B$24,21,0),0)),0)</f>
        <v>0</v>
      </c>
      <c r="I1123">
        <f t="shared" ref="I1123:I1186" si="139">IF($B1123&lt;6,AC$37*$D1123+AC$38*$E1123+AC$39*$F1123+AC$40*$G1123,AC$46*$D1123+AC$47*$E1123+AC$48*$F1123+AC$49*$G1123+AC$50*$H1123)</f>
        <v>14.319928051574058</v>
      </c>
      <c r="J1123">
        <f t="shared" ref="J1123:J1186" si="140">IF($B1123&lt;6,AD$37*$D1123+AD$38*$E1123+AD$39*$F1123+AD$40*$G1123,AD$46*$D1123+AD$47*$E1123+AD$48*$F1123+AD$49*$G1123+AD$50*$H1123)</f>
        <v>77.178754343461932</v>
      </c>
      <c r="K1123">
        <f t="shared" ref="K1123:K1186" si="141">IF($B1123&lt;6,AE$37*$D1123+AE$38*$E1123+AE$39*$F1123+AE$40*$G1123,AE$46*$D1123+AE$47*$E1123+AE$48*$F1123+AE$49*$G1123+AE$50*$H1123)</f>
        <v>3.2706907066883137</v>
      </c>
      <c r="L1123">
        <f t="shared" ref="L1123:L1186" si="142">IF($B1123&lt;6,AF$37*$D1123+AF$38*$E1123+AF$39*$F1123+AF$40*$G1123,AF$46*$D1123+AF$47*$E1123+AF$48*$F1123+AF$49*$G1123+AF$50*$H1123)</f>
        <v>1.6353453533441569</v>
      </c>
      <c r="M1123">
        <f t="shared" ref="M1123:M1186" si="143">IF($B1123&lt;6,AG$37*$D1123+AG$38*$E1123+AG$39*$F1123+AG$40*$G1123,AG$46*$D1123+AG$47*$E1123+AG$48*$F1123+AG$49*$G1123+AG$50*$H1123)</f>
        <v>0</v>
      </c>
      <c r="N1123" s="45">
        <f t="shared" si="137"/>
        <v>44972.374999997359</v>
      </c>
    </row>
    <row r="1124" spans="2:14" x14ac:dyDescent="0.25">
      <c r="B1124">
        <f t="shared" si="138"/>
        <v>3</v>
      </c>
      <c r="C1124" s="16">
        <v>1090</v>
      </c>
      <c r="D1124" cm="1">
        <f t="array" ref="D1124">IFERROR(INDEX(Jesper!AH$2:AH$366,ROUNDDOWN($C1124/24,0)+1,1)*INDEX($D$3:$AA$30,INDEX(Jesper!$R$2:$R$366,ROW(INDEX(Jesper!AH$2:AH$366,ROUNDDOWN($C1124/24,0)+1,1))-1)+IF('Standard Profiles'!$G$18=$B$10,7,0)+IF('Standard Profiles'!$G$18=$B$17,14,0)+IF('Standard Profiles'!$G$18=$B$24,21,0),MOD($C1124,24)+1)/SUM(INDEX($D$3:$AA$30,INDEX(Jesper!$R$2:$R$366,ROW(INDEX(Jesper!AH$2:AH$366,ROUNDDOWN($C1124/24,0)+1,1))-1)+IF('Standard Profiles'!$G$18=$B$10,7,0)+IF('Standard Profiles'!$G$18=$B$17,14,0)+IF('Standard Profiles'!$G$18=$B$24,21,0),0)),0)</f>
        <v>30.662725375202939</v>
      </c>
      <c r="E1124" cm="1">
        <f t="array" ref="E1124">IFERROR(INDEX(Jesper!AI$2:AI$366,ROUNDDOWN($C1124/24,0)+1,1)*INDEX($D$3:$AA$30,INDEX(Jesper!$R$2:$R$366,ROW(INDEX(Jesper!AI$2:AI$366,ROUNDDOWN($C1124/24,0)+1,1))-1)+IF('Standard Profiles'!$G$19=$B$10,7,0)+IF('Standard Profiles'!$G$19=$B$17,14,0)+IF('Standard Profiles'!$G$19=$B$24,21,0),MOD($C1124,24)+1)/SUM(INDEX($D$3:$AA$30,INDEX(Jesper!$R$2:$R$366,ROW(INDEX(Jesper!AI$2:AI$366,ROUNDDOWN($C1124/24,0)+1,1))-1)+IF('Standard Profiles'!$G$19=$B$10,7,0)+IF('Standard Profiles'!$G$19=$B$17,14,0)+IF('Standard Profiles'!$G$19=$B$24,21,0),0)),0)</f>
        <v>35.908809639086222</v>
      </c>
      <c r="F1124" cm="1">
        <f t="array" ref="F1124">IFERROR(INDEX(Jesper!AJ$2:AJ$366,ROUNDDOWN($C1124/24,0)+1,1)*INDEX($D$3:$AA$30,INDEX(Jesper!$R$2:$R$366,ROW(INDEX(Jesper!AJ$2:AJ$366,ROUNDDOWN($C1124/24,0)+1,1))-1)+IF('Standard Profiles'!$G$20=$B$10,7,0)+IF('Standard Profiles'!$G$20=$B$17,14,0)+IF('Standard Profiles'!$G$20=$B$24,21,0),MOD($C1124,24)+1)/SUM(INDEX($D$3:$AA$30,INDEX(Jesper!$R$2:$R$366,ROW(INDEX(Jesper!AJ$2:AJ$366,ROUNDDOWN($C1124/24,0)+1,1))-1)+IF('Standard Profiles'!$G$20=$B$10,7,0)+IF('Standard Profiles'!$G$20=$B$17,14,0)+IF('Standard Profiles'!$G$20=$B$24,21,0),0)),0)</f>
        <v>0</v>
      </c>
      <c r="G1124" cm="1">
        <f t="array" ref="G1124">IFERROR(INDEX(Jesper!AK$2:AK$366,ROUNDDOWN($C1124/24,0)+1,1)*INDEX($D$3:$AA$30,INDEX(Jesper!$R$2:$R$366,ROW(INDEX(Jesper!AK$2:AK$366,ROUNDDOWN($C1124/24,0)+1,1))-1)+IF('Standard Profiles'!$G$21=$B$10,7,0)+IF('Standard Profiles'!$G$21=$B$17,14,0)+IF('Standard Profiles'!$G$21=$B$24,21,0),MOD($C1124,24)+1)/SUM(INDEX($D$3:$AA$30,INDEX(Jesper!$R$2:$R$366,ROW(INDEX(Jesper!AK$2:AK$366,ROUNDDOWN($C1124/24,0)+1,1))-1)+IF('Standard Profiles'!$G$21=$B$10,7,0)+IF('Standard Profiles'!$G$21=$B$17,14,0)+IF('Standard Profiles'!$G$21=$B$24,21,0),0)),0)</f>
        <v>29.833183440779301</v>
      </c>
      <c r="H1124" cm="1">
        <f t="array" ref="H1124">IFERROR(INDEX(Jesper!AL$2:AL$366,ROUNDDOWN($C1124/24,0)+1,1)*INDEX($D$3:$AA$30,INDEX(Jesper!$R$2:$R$366,ROW(INDEX(Jesper!AL$2:AL$366,ROUNDDOWN($C1124/24,0)+1,1))-1)+IF('Standard Profiles'!$G$22=$B$10,7,0)+IF('Standard Profiles'!$G$22=$B$17,14,0)+IF('Standard Profiles'!$G$22=$B$24,21,0),MOD($C1124,24)+1)/SUM(INDEX($D$3:$AA$30,INDEX(Jesper!$R$2:$R$366,ROW(INDEX(Jesper!AL$2:AL$366,ROUNDDOWN($C1124/24,0)+1,1))-1)+IF('Standard Profiles'!$G$22=$B$10,7,0)+IF('Standard Profiles'!$G$22=$B$17,14,0)+IF('Standard Profiles'!$G$22=$B$24,21,0),0)),0)</f>
        <v>0</v>
      </c>
      <c r="I1124">
        <f t="shared" si="139"/>
        <v>14.319928051574058</v>
      </c>
      <c r="J1124">
        <f t="shared" si="140"/>
        <v>77.178754343461932</v>
      </c>
      <c r="K1124">
        <f t="shared" si="141"/>
        <v>3.2706907066883137</v>
      </c>
      <c r="L1124">
        <f t="shared" si="142"/>
        <v>1.6353453533441569</v>
      </c>
      <c r="M1124">
        <f t="shared" si="143"/>
        <v>0</v>
      </c>
      <c r="N1124" s="45">
        <f t="shared" ref="N1124:N1187" si="144">N1123+1/24</f>
        <v>44972.416666664023</v>
      </c>
    </row>
    <row r="1125" spans="2:14" x14ac:dyDescent="0.25">
      <c r="B1125">
        <f t="shared" si="138"/>
        <v>3</v>
      </c>
      <c r="C1125" s="16">
        <v>1091</v>
      </c>
      <c r="D1125" cm="1">
        <f t="array" ref="D1125">IFERROR(INDEX(Jesper!AH$2:AH$366,ROUNDDOWN($C1125/24,0)+1,1)*INDEX($D$3:$AA$30,INDEX(Jesper!$R$2:$R$366,ROW(INDEX(Jesper!AH$2:AH$366,ROUNDDOWN($C1125/24,0)+1,1))-1)+IF('Standard Profiles'!$G$18=$B$10,7,0)+IF('Standard Profiles'!$G$18=$B$17,14,0)+IF('Standard Profiles'!$G$18=$B$24,21,0),MOD($C1125,24)+1)/SUM(INDEX($D$3:$AA$30,INDEX(Jesper!$R$2:$R$366,ROW(INDEX(Jesper!AH$2:AH$366,ROUNDDOWN($C1125/24,0)+1,1))-1)+IF('Standard Profiles'!$G$18=$B$10,7,0)+IF('Standard Profiles'!$G$18=$B$17,14,0)+IF('Standard Profiles'!$G$18=$B$24,21,0),0)),0)</f>
        <v>36.690440619900947</v>
      </c>
      <c r="E1125" cm="1">
        <f t="array" ref="E1125">IFERROR(INDEX(Jesper!AI$2:AI$366,ROUNDDOWN($C1125/24,0)+1,1)*INDEX($D$3:$AA$30,INDEX(Jesper!$R$2:$R$366,ROW(INDEX(Jesper!AI$2:AI$366,ROUNDDOWN($C1125/24,0)+1,1))-1)+IF('Standard Profiles'!$G$19=$B$10,7,0)+IF('Standard Profiles'!$G$19=$B$17,14,0)+IF('Standard Profiles'!$G$19=$B$24,21,0),MOD($C1125,24)+1)/SUM(INDEX($D$3:$AA$30,INDEX(Jesper!$R$2:$R$366,ROW(INDEX(Jesper!AI$2:AI$366,ROUNDDOWN($C1125/24,0)+1,1))-1)+IF('Standard Profiles'!$G$19=$B$10,7,0)+IF('Standard Profiles'!$G$19=$B$17,14,0)+IF('Standard Profiles'!$G$19=$B$24,21,0),0)),0)</f>
        <v>42.967806405744184</v>
      </c>
      <c r="F1125" cm="1">
        <f t="array" ref="F1125">IFERROR(INDEX(Jesper!AJ$2:AJ$366,ROUNDDOWN($C1125/24,0)+1,1)*INDEX($D$3:$AA$30,INDEX(Jesper!$R$2:$R$366,ROW(INDEX(Jesper!AJ$2:AJ$366,ROUNDDOWN($C1125/24,0)+1,1))-1)+IF('Standard Profiles'!$G$20=$B$10,7,0)+IF('Standard Profiles'!$G$20=$B$17,14,0)+IF('Standard Profiles'!$G$20=$B$24,21,0),MOD($C1125,24)+1)/SUM(INDEX($D$3:$AA$30,INDEX(Jesper!$R$2:$R$366,ROW(INDEX(Jesper!AJ$2:AJ$366,ROUNDDOWN($C1125/24,0)+1,1))-1)+IF('Standard Profiles'!$G$20=$B$10,7,0)+IF('Standard Profiles'!$G$20=$B$17,14,0)+IF('Standard Profiles'!$G$20=$B$24,21,0),0)),0)</f>
        <v>0</v>
      </c>
      <c r="G1125" cm="1">
        <f t="array" ref="G1125">IFERROR(INDEX(Jesper!AK$2:AK$366,ROUNDDOWN($C1125/24,0)+1,1)*INDEX($D$3:$AA$30,INDEX(Jesper!$R$2:$R$366,ROW(INDEX(Jesper!AK$2:AK$366,ROUNDDOWN($C1125/24,0)+1,1))-1)+IF('Standard Profiles'!$G$21=$B$10,7,0)+IF('Standard Profiles'!$G$21=$B$17,14,0)+IF('Standard Profiles'!$G$21=$B$24,21,0),MOD($C1125,24)+1)/SUM(INDEX($D$3:$AA$30,INDEX(Jesper!$R$2:$R$366,ROW(INDEX(Jesper!AK$2:AK$366,ROUNDDOWN($C1125/24,0)+1,1))-1)+IF('Standard Profiles'!$G$21=$B$10,7,0)+IF('Standard Profiles'!$G$21=$B$17,14,0)+IF('Standard Profiles'!$G$21=$B$24,21,0),0)),0)</f>
        <v>35.697826339394034</v>
      </c>
      <c r="H1125" cm="1">
        <f t="array" ref="H1125">IFERROR(INDEX(Jesper!AL$2:AL$366,ROUNDDOWN($C1125/24,0)+1,1)*INDEX($D$3:$AA$30,INDEX(Jesper!$R$2:$R$366,ROW(INDEX(Jesper!AL$2:AL$366,ROUNDDOWN($C1125/24,0)+1,1))-1)+IF('Standard Profiles'!$G$22=$B$10,7,0)+IF('Standard Profiles'!$G$22=$B$17,14,0)+IF('Standard Profiles'!$G$22=$B$24,21,0),MOD($C1125,24)+1)/SUM(INDEX($D$3:$AA$30,INDEX(Jesper!$R$2:$R$366,ROW(INDEX(Jesper!AL$2:AL$366,ROUNDDOWN($C1125/24,0)+1,1))-1)+IF('Standard Profiles'!$G$22=$B$10,7,0)+IF('Standard Profiles'!$G$22=$B$17,14,0)+IF('Standard Profiles'!$G$22=$B$24,21,0),0)),0)</f>
        <v>0</v>
      </c>
      <c r="I1125">
        <f t="shared" si="139"/>
        <v>17.134956642909128</v>
      </c>
      <c r="J1125">
        <f t="shared" si="140"/>
        <v>92.350646222945898</v>
      </c>
      <c r="K1125">
        <f t="shared" si="141"/>
        <v>3.9136469994561014</v>
      </c>
      <c r="L1125">
        <f t="shared" si="142"/>
        <v>1.9568234997280507</v>
      </c>
      <c r="M1125">
        <f t="shared" si="143"/>
        <v>0</v>
      </c>
      <c r="N1125" s="45">
        <f t="shared" si="144"/>
        <v>44972.458333330687</v>
      </c>
    </row>
    <row r="1126" spans="2:14" x14ac:dyDescent="0.25">
      <c r="B1126">
        <f t="shared" si="138"/>
        <v>3</v>
      </c>
      <c r="C1126" s="16">
        <v>1092</v>
      </c>
      <c r="D1126" cm="1">
        <f t="array" ref="D1126">IFERROR(INDEX(Jesper!AH$2:AH$366,ROUNDDOWN($C1126/24,0)+1,1)*INDEX($D$3:$AA$30,INDEX(Jesper!$R$2:$R$366,ROW(INDEX(Jesper!AH$2:AH$366,ROUNDDOWN($C1126/24,0)+1,1))-1)+IF('Standard Profiles'!$G$18=$B$10,7,0)+IF('Standard Profiles'!$G$18=$B$17,14,0)+IF('Standard Profiles'!$G$18=$B$24,21,0),MOD($C1126,24)+1)/SUM(INDEX($D$3:$AA$30,INDEX(Jesper!$R$2:$R$366,ROW(INDEX(Jesper!AH$2:AH$366,ROUNDDOWN($C1126/24,0)+1,1))-1)+IF('Standard Profiles'!$G$18=$B$10,7,0)+IF('Standard Profiles'!$G$18=$B$17,14,0)+IF('Standard Profiles'!$G$18=$B$24,21,0),0)),0)</f>
        <v>36.690440619900947</v>
      </c>
      <c r="E1126" cm="1">
        <f t="array" ref="E1126">IFERROR(INDEX(Jesper!AI$2:AI$366,ROUNDDOWN($C1126/24,0)+1,1)*INDEX($D$3:$AA$30,INDEX(Jesper!$R$2:$R$366,ROW(INDEX(Jesper!AI$2:AI$366,ROUNDDOWN($C1126/24,0)+1,1))-1)+IF('Standard Profiles'!$G$19=$B$10,7,0)+IF('Standard Profiles'!$G$19=$B$17,14,0)+IF('Standard Profiles'!$G$19=$B$24,21,0),MOD($C1126,24)+1)/SUM(INDEX($D$3:$AA$30,INDEX(Jesper!$R$2:$R$366,ROW(INDEX(Jesper!AI$2:AI$366,ROUNDDOWN($C1126/24,0)+1,1))-1)+IF('Standard Profiles'!$G$19=$B$10,7,0)+IF('Standard Profiles'!$G$19=$B$17,14,0)+IF('Standard Profiles'!$G$19=$B$24,21,0),0)),0)</f>
        <v>42.967806405744184</v>
      </c>
      <c r="F1126" cm="1">
        <f t="array" ref="F1126">IFERROR(INDEX(Jesper!AJ$2:AJ$366,ROUNDDOWN($C1126/24,0)+1,1)*INDEX($D$3:$AA$30,INDEX(Jesper!$R$2:$R$366,ROW(INDEX(Jesper!AJ$2:AJ$366,ROUNDDOWN($C1126/24,0)+1,1))-1)+IF('Standard Profiles'!$G$20=$B$10,7,0)+IF('Standard Profiles'!$G$20=$B$17,14,0)+IF('Standard Profiles'!$G$20=$B$24,21,0),MOD($C1126,24)+1)/SUM(INDEX($D$3:$AA$30,INDEX(Jesper!$R$2:$R$366,ROW(INDEX(Jesper!AJ$2:AJ$366,ROUNDDOWN($C1126/24,0)+1,1))-1)+IF('Standard Profiles'!$G$20=$B$10,7,0)+IF('Standard Profiles'!$G$20=$B$17,14,0)+IF('Standard Profiles'!$G$20=$B$24,21,0),0)),0)</f>
        <v>0</v>
      </c>
      <c r="G1126" cm="1">
        <f t="array" ref="G1126">IFERROR(INDEX(Jesper!AK$2:AK$366,ROUNDDOWN($C1126/24,0)+1,1)*INDEX($D$3:$AA$30,INDEX(Jesper!$R$2:$R$366,ROW(INDEX(Jesper!AK$2:AK$366,ROUNDDOWN($C1126/24,0)+1,1))-1)+IF('Standard Profiles'!$G$21=$B$10,7,0)+IF('Standard Profiles'!$G$21=$B$17,14,0)+IF('Standard Profiles'!$G$21=$B$24,21,0),MOD($C1126,24)+1)/SUM(INDEX($D$3:$AA$30,INDEX(Jesper!$R$2:$R$366,ROW(INDEX(Jesper!AK$2:AK$366,ROUNDDOWN($C1126/24,0)+1,1))-1)+IF('Standard Profiles'!$G$21=$B$10,7,0)+IF('Standard Profiles'!$G$21=$B$17,14,0)+IF('Standard Profiles'!$G$21=$B$24,21,0),0)),0)</f>
        <v>35.697826339394034</v>
      </c>
      <c r="H1126" cm="1">
        <f t="array" ref="H1126">IFERROR(INDEX(Jesper!AL$2:AL$366,ROUNDDOWN($C1126/24,0)+1,1)*INDEX($D$3:$AA$30,INDEX(Jesper!$R$2:$R$366,ROW(INDEX(Jesper!AL$2:AL$366,ROUNDDOWN($C1126/24,0)+1,1))-1)+IF('Standard Profiles'!$G$22=$B$10,7,0)+IF('Standard Profiles'!$G$22=$B$17,14,0)+IF('Standard Profiles'!$G$22=$B$24,21,0),MOD($C1126,24)+1)/SUM(INDEX($D$3:$AA$30,INDEX(Jesper!$R$2:$R$366,ROW(INDEX(Jesper!AL$2:AL$366,ROUNDDOWN($C1126/24,0)+1,1))-1)+IF('Standard Profiles'!$G$22=$B$10,7,0)+IF('Standard Profiles'!$G$22=$B$17,14,0)+IF('Standard Profiles'!$G$22=$B$24,21,0),0)),0)</f>
        <v>0</v>
      </c>
      <c r="I1126">
        <f t="shared" si="139"/>
        <v>17.134956642909128</v>
      </c>
      <c r="J1126">
        <f t="shared" si="140"/>
        <v>92.350646222945898</v>
      </c>
      <c r="K1126">
        <f t="shared" si="141"/>
        <v>3.9136469994561014</v>
      </c>
      <c r="L1126">
        <f t="shared" si="142"/>
        <v>1.9568234997280507</v>
      </c>
      <c r="M1126">
        <f t="shared" si="143"/>
        <v>0</v>
      </c>
      <c r="N1126" s="45">
        <f t="shared" si="144"/>
        <v>44972.499999997352</v>
      </c>
    </row>
    <row r="1127" spans="2:14" x14ac:dyDescent="0.25">
      <c r="B1127">
        <f t="shared" si="138"/>
        <v>3</v>
      </c>
      <c r="C1127" s="16">
        <v>1093</v>
      </c>
      <c r="D1127" cm="1">
        <f t="array" ref="D1127">IFERROR(INDEX(Jesper!AH$2:AH$366,ROUNDDOWN($C1127/24,0)+1,1)*INDEX($D$3:$AA$30,INDEX(Jesper!$R$2:$R$366,ROW(INDEX(Jesper!AH$2:AH$366,ROUNDDOWN($C1127/24,0)+1,1))-1)+IF('Standard Profiles'!$G$18=$B$10,7,0)+IF('Standard Profiles'!$G$18=$B$17,14,0)+IF('Standard Profiles'!$G$18=$B$24,21,0),MOD($C1127,24)+1)/SUM(INDEX($D$3:$AA$30,INDEX(Jesper!$R$2:$R$366,ROW(INDEX(Jesper!AH$2:AH$366,ROUNDDOWN($C1127/24,0)+1,1))-1)+IF('Standard Profiles'!$G$18=$B$10,7,0)+IF('Standard Profiles'!$G$18=$B$17,14,0)+IF('Standard Profiles'!$G$18=$B$24,21,0),0)),0)</f>
        <v>24.372935554648485</v>
      </c>
      <c r="E1127" cm="1">
        <f t="array" ref="E1127">IFERROR(INDEX(Jesper!AI$2:AI$366,ROUNDDOWN($C1127/24,0)+1,1)*INDEX($D$3:$AA$30,INDEX(Jesper!$R$2:$R$366,ROW(INDEX(Jesper!AI$2:AI$366,ROUNDDOWN($C1127/24,0)+1,1))-1)+IF('Standard Profiles'!$G$19=$B$10,7,0)+IF('Standard Profiles'!$G$19=$B$17,14,0)+IF('Standard Profiles'!$G$19=$B$24,21,0),MOD($C1127,24)+1)/SUM(INDEX($D$3:$AA$30,INDEX(Jesper!$R$2:$R$366,ROW(INDEX(Jesper!AI$2:AI$366,ROUNDDOWN($C1127/24,0)+1,1))-1)+IF('Standard Profiles'!$G$19=$B$10,7,0)+IF('Standard Profiles'!$G$19=$B$17,14,0)+IF('Standard Profiles'!$G$19=$B$24,21,0),0)),0)</f>
        <v>28.542899969530069</v>
      </c>
      <c r="F1127" cm="1">
        <f t="array" ref="F1127">IFERROR(INDEX(Jesper!AJ$2:AJ$366,ROUNDDOWN($C1127/24,0)+1,1)*INDEX($D$3:$AA$30,INDEX(Jesper!$R$2:$R$366,ROW(INDEX(Jesper!AJ$2:AJ$366,ROUNDDOWN($C1127/24,0)+1,1))-1)+IF('Standard Profiles'!$G$20=$B$10,7,0)+IF('Standard Profiles'!$G$20=$B$17,14,0)+IF('Standard Profiles'!$G$20=$B$24,21,0),MOD($C1127,24)+1)/SUM(INDEX($D$3:$AA$30,INDEX(Jesper!$R$2:$R$366,ROW(INDEX(Jesper!AJ$2:AJ$366,ROUNDDOWN($C1127/24,0)+1,1))-1)+IF('Standard Profiles'!$G$20=$B$10,7,0)+IF('Standard Profiles'!$G$20=$B$17,14,0)+IF('Standard Profiles'!$G$20=$B$24,21,0),0)),0)</f>
        <v>0</v>
      </c>
      <c r="G1127" cm="1">
        <f t="array" ref="G1127">IFERROR(INDEX(Jesper!AK$2:AK$366,ROUNDDOWN($C1127/24,0)+1,1)*INDEX($D$3:$AA$30,INDEX(Jesper!$R$2:$R$366,ROW(INDEX(Jesper!AK$2:AK$366,ROUNDDOWN($C1127/24,0)+1,1))-1)+IF('Standard Profiles'!$G$21=$B$10,7,0)+IF('Standard Profiles'!$G$21=$B$17,14,0)+IF('Standard Profiles'!$G$21=$B$24,21,0),MOD($C1127,24)+1)/SUM(INDEX($D$3:$AA$30,INDEX(Jesper!$R$2:$R$366,ROW(INDEX(Jesper!AK$2:AK$366,ROUNDDOWN($C1127/24,0)+1,1))-1)+IF('Standard Profiles'!$G$21=$B$10,7,0)+IF('Standard Profiles'!$G$21=$B$17,14,0)+IF('Standard Profiles'!$G$21=$B$24,21,0),0)),0)</f>
        <v>23.713556068311753</v>
      </c>
      <c r="H1127" cm="1">
        <f t="array" ref="H1127">IFERROR(INDEX(Jesper!AL$2:AL$366,ROUNDDOWN($C1127/24,0)+1,1)*INDEX($D$3:$AA$30,INDEX(Jesper!$R$2:$R$366,ROW(INDEX(Jesper!AL$2:AL$366,ROUNDDOWN($C1127/24,0)+1,1))-1)+IF('Standard Profiles'!$G$22=$B$10,7,0)+IF('Standard Profiles'!$G$22=$B$17,14,0)+IF('Standard Profiles'!$G$22=$B$24,21,0),MOD($C1127,24)+1)/SUM(INDEX($D$3:$AA$30,INDEX(Jesper!$R$2:$R$366,ROW(INDEX(Jesper!AL$2:AL$366,ROUNDDOWN($C1127/24,0)+1,1))-1)+IF('Standard Profiles'!$G$22=$B$10,7,0)+IF('Standard Profiles'!$G$22=$B$17,14,0)+IF('Standard Profiles'!$G$22=$B$24,21,0),0)),0)</f>
        <v>0</v>
      </c>
      <c r="I1127">
        <f t="shared" si="139"/>
        <v>11.382506912789635</v>
      </c>
      <c r="J1127">
        <f t="shared" si="140"/>
        <v>61.347214990956907</v>
      </c>
      <c r="K1127">
        <f t="shared" si="141"/>
        <v>2.5997797924958386</v>
      </c>
      <c r="L1127">
        <f t="shared" si="142"/>
        <v>1.2998898962479193</v>
      </c>
      <c r="M1127">
        <f t="shared" si="143"/>
        <v>0</v>
      </c>
      <c r="N1127" s="45">
        <f t="shared" si="144"/>
        <v>44972.541666664016</v>
      </c>
    </row>
    <row r="1128" spans="2:14" x14ac:dyDescent="0.25">
      <c r="B1128">
        <f t="shared" si="138"/>
        <v>3</v>
      </c>
      <c r="C1128" s="16">
        <v>1094</v>
      </c>
      <c r="D1128" cm="1">
        <f t="array" ref="D1128">IFERROR(INDEX(Jesper!AH$2:AH$366,ROUNDDOWN($C1128/24,0)+1,1)*INDEX($D$3:$AA$30,INDEX(Jesper!$R$2:$R$366,ROW(INDEX(Jesper!AH$2:AH$366,ROUNDDOWN($C1128/24,0)+1,1))-1)+IF('Standard Profiles'!$G$18=$B$10,7,0)+IF('Standard Profiles'!$G$18=$B$17,14,0)+IF('Standard Profiles'!$G$18=$B$24,21,0),MOD($C1128,24)+1)/SUM(INDEX($D$3:$AA$30,INDEX(Jesper!$R$2:$R$366,ROW(INDEX(Jesper!AH$2:AH$366,ROUNDDOWN($C1128/24,0)+1,1))-1)+IF('Standard Profiles'!$G$18=$B$10,7,0)+IF('Standard Profiles'!$G$18=$B$17,14,0)+IF('Standard Profiles'!$G$18=$B$24,21,0),0)),0)</f>
        <v>36.690440619900947</v>
      </c>
      <c r="E1128" cm="1">
        <f t="array" ref="E1128">IFERROR(INDEX(Jesper!AI$2:AI$366,ROUNDDOWN($C1128/24,0)+1,1)*INDEX($D$3:$AA$30,INDEX(Jesper!$R$2:$R$366,ROW(INDEX(Jesper!AI$2:AI$366,ROUNDDOWN($C1128/24,0)+1,1))-1)+IF('Standard Profiles'!$G$19=$B$10,7,0)+IF('Standard Profiles'!$G$19=$B$17,14,0)+IF('Standard Profiles'!$G$19=$B$24,21,0),MOD($C1128,24)+1)/SUM(INDEX($D$3:$AA$30,INDEX(Jesper!$R$2:$R$366,ROW(INDEX(Jesper!AI$2:AI$366,ROUNDDOWN($C1128/24,0)+1,1))-1)+IF('Standard Profiles'!$G$19=$B$10,7,0)+IF('Standard Profiles'!$G$19=$B$17,14,0)+IF('Standard Profiles'!$G$19=$B$24,21,0),0)),0)</f>
        <v>42.967806405744184</v>
      </c>
      <c r="F1128" cm="1">
        <f t="array" ref="F1128">IFERROR(INDEX(Jesper!AJ$2:AJ$366,ROUNDDOWN($C1128/24,0)+1,1)*INDEX($D$3:$AA$30,INDEX(Jesper!$R$2:$R$366,ROW(INDEX(Jesper!AJ$2:AJ$366,ROUNDDOWN($C1128/24,0)+1,1))-1)+IF('Standard Profiles'!$G$20=$B$10,7,0)+IF('Standard Profiles'!$G$20=$B$17,14,0)+IF('Standard Profiles'!$G$20=$B$24,21,0),MOD($C1128,24)+1)/SUM(INDEX($D$3:$AA$30,INDEX(Jesper!$R$2:$R$366,ROW(INDEX(Jesper!AJ$2:AJ$366,ROUNDDOWN($C1128/24,0)+1,1))-1)+IF('Standard Profiles'!$G$20=$B$10,7,0)+IF('Standard Profiles'!$G$20=$B$17,14,0)+IF('Standard Profiles'!$G$20=$B$24,21,0),0)),0)</f>
        <v>0</v>
      </c>
      <c r="G1128" cm="1">
        <f t="array" ref="G1128">IFERROR(INDEX(Jesper!AK$2:AK$366,ROUNDDOWN($C1128/24,0)+1,1)*INDEX($D$3:$AA$30,INDEX(Jesper!$R$2:$R$366,ROW(INDEX(Jesper!AK$2:AK$366,ROUNDDOWN($C1128/24,0)+1,1))-1)+IF('Standard Profiles'!$G$21=$B$10,7,0)+IF('Standard Profiles'!$G$21=$B$17,14,0)+IF('Standard Profiles'!$G$21=$B$24,21,0),MOD($C1128,24)+1)/SUM(INDEX($D$3:$AA$30,INDEX(Jesper!$R$2:$R$366,ROW(INDEX(Jesper!AK$2:AK$366,ROUNDDOWN($C1128/24,0)+1,1))-1)+IF('Standard Profiles'!$G$21=$B$10,7,0)+IF('Standard Profiles'!$G$21=$B$17,14,0)+IF('Standard Profiles'!$G$21=$B$24,21,0),0)),0)</f>
        <v>35.697826339394034</v>
      </c>
      <c r="H1128" cm="1">
        <f t="array" ref="H1128">IFERROR(INDEX(Jesper!AL$2:AL$366,ROUNDDOWN($C1128/24,0)+1,1)*INDEX($D$3:$AA$30,INDEX(Jesper!$R$2:$R$366,ROW(INDEX(Jesper!AL$2:AL$366,ROUNDDOWN($C1128/24,0)+1,1))-1)+IF('Standard Profiles'!$G$22=$B$10,7,0)+IF('Standard Profiles'!$G$22=$B$17,14,0)+IF('Standard Profiles'!$G$22=$B$24,21,0),MOD($C1128,24)+1)/SUM(INDEX($D$3:$AA$30,INDEX(Jesper!$R$2:$R$366,ROW(INDEX(Jesper!AL$2:AL$366,ROUNDDOWN($C1128/24,0)+1,1))-1)+IF('Standard Profiles'!$G$22=$B$10,7,0)+IF('Standard Profiles'!$G$22=$B$17,14,0)+IF('Standard Profiles'!$G$22=$B$24,21,0),0)),0)</f>
        <v>0</v>
      </c>
      <c r="I1128">
        <f t="shared" si="139"/>
        <v>17.134956642909128</v>
      </c>
      <c r="J1128">
        <f t="shared" si="140"/>
        <v>92.350646222945898</v>
      </c>
      <c r="K1128">
        <f t="shared" si="141"/>
        <v>3.9136469994561014</v>
      </c>
      <c r="L1128">
        <f t="shared" si="142"/>
        <v>1.9568234997280507</v>
      </c>
      <c r="M1128">
        <f t="shared" si="143"/>
        <v>0</v>
      </c>
      <c r="N1128" s="45">
        <f t="shared" si="144"/>
        <v>44972.58333333068</v>
      </c>
    </row>
    <row r="1129" spans="2:14" x14ac:dyDescent="0.25">
      <c r="B1129">
        <f t="shared" si="138"/>
        <v>3</v>
      </c>
      <c r="C1129" s="16">
        <v>1095</v>
      </c>
      <c r="D1129" cm="1">
        <f t="array" ref="D1129">IFERROR(INDEX(Jesper!AH$2:AH$366,ROUNDDOWN($C1129/24,0)+1,1)*INDEX($D$3:$AA$30,INDEX(Jesper!$R$2:$R$366,ROW(INDEX(Jesper!AH$2:AH$366,ROUNDDOWN($C1129/24,0)+1,1))-1)+IF('Standard Profiles'!$G$18=$B$10,7,0)+IF('Standard Profiles'!$G$18=$B$17,14,0)+IF('Standard Profiles'!$G$18=$B$24,21,0),MOD($C1129,24)+1)/SUM(INDEX($D$3:$AA$30,INDEX(Jesper!$R$2:$R$366,ROW(INDEX(Jesper!AH$2:AH$366,ROUNDDOWN($C1129/24,0)+1,1))-1)+IF('Standard Profiles'!$G$18=$B$10,7,0)+IF('Standard Profiles'!$G$18=$B$17,14,0)+IF('Standard Profiles'!$G$18=$B$24,21,0),0)),0)</f>
        <v>36.690440619900947</v>
      </c>
      <c r="E1129" cm="1">
        <f t="array" ref="E1129">IFERROR(INDEX(Jesper!AI$2:AI$366,ROUNDDOWN($C1129/24,0)+1,1)*INDEX($D$3:$AA$30,INDEX(Jesper!$R$2:$R$366,ROW(INDEX(Jesper!AI$2:AI$366,ROUNDDOWN($C1129/24,0)+1,1))-1)+IF('Standard Profiles'!$G$19=$B$10,7,0)+IF('Standard Profiles'!$G$19=$B$17,14,0)+IF('Standard Profiles'!$G$19=$B$24,21,0),MOD($C1129,24)+1)/SUM(INDEX($D$3:$AA$30,INDEX(Jesper!$R$2:$R$366,ROW(INDEX(Jesper!AI$2:AI$366,ROUNDDOWN($C1129/24,0)+1,1))-1)+IF('Standard Profiles'!$G$19=$B$10,7,0)+IF('Standard Profiles'!$G$19=$B$17,14,0)+IF('Standard Profiles'!$G$19=$B$24,21,0),0)),0)</f>
        <v>42.967806405744184</v>
      </c>
      <c r="F1129" cm="1">
        <f t="array" ref="F1129">IFERROR(INDEX(Jesper!AJ$2:AJ$366,ROUNDDOWN($C1129/24,0)+1,1)*INDEX($D$3:$AA$30,INDEX(Jesper!$R$2:$R$366,ROW(INDEX(Jesper!AJ$2:AJ$366,ROUNDDOWN($C1129/24,0)+1,1))-1)+IF('Standard Profiles'!$G$20=$B$10,7,0)+IF('Standard Profiles'!$G$20=$B$17,14,0)+IF('Standard Profiles'!$G$20=$B$24,21,0),MOD($C1129,24)+1)/SUM(INDEX($D$3:$AA$30,INDEX(Jesper!$R$2:$R$366,ROW(INDEX(Jesper!AJ$2:AJ$366,ROUNDDOWN($C1129/24,0)+1,1))-1)+IF('Standard Profiles'!$G$20=$B$10,7,0)+IF('Standard Profiles'!$G$20=$B$17,14,0)+IF('Standard Profiles'!$G$20=$B$24,21,0),0)),0)</f>
        <v>0</v>
      </c>
      <c r="G1129" cm="1">
        <f t="array" ref="G1129">IFERROR(INDEX(Jesper!AK$2:AK$366,ROUNDDOWN($C1129/24,0)+1,1)*INDEX($D$3:$AA$30,INDEX(Jesper!$R$2:$R$366,ROW(INDEX(Jesper!AK$2:AK$366,ROUNDDOWN($C1129/24,0)+1,1))-1)+IF('Standard Profiles'!$G$21=$B$10,7,0)+IF('Standard Profiles'!$G$21=$B$17,14,0)+IF('Standard Profiles'!$G$21=$B$24,21,0),MOD($C1129,24)+1)/SUM(INDEX($D$3:$AA$30,INDEX(Jesper!$R$2:$R$366,ROW(INDEX(Jesper!AK$2:AK$366,ROUNDDOWN($C1129/24,0)+1,1))-1)+IF('Standard Profiles'!$G$21=$B$10,7,0)+IF('Standard Profiles'!$G$21=$B$17,14,0)+IF('Standard Profiles'!$G$21=$B$24,21,0),0)),0)</f>
        <v>35.697826339394034</v>
      </c>
      <c r="H1129" cm="1">
        <f t="array" ref="H1129">IFERROR(INDEX(Jesper!AL$2:AL$366,ROUNDDOWN($C1129/24,0)+1,1)*INDEX($D$3:$AA$30,INDEX(Jesper!$R$2:$R$366,ROW(INDEX(Jesper!AL$2:AL$366,ROUNDDOWN($C1129/24,0)+1,1))-1)+IF('Standard Profiles'!$G$22=$B$10,7,0)+IF('Standard Profiles'!$G$22=$B$17,14,0)+IF('Standard Profiles'!$G$22=$B$24,21,0),MOD($C1129,24)+1)/SUM(INDEX($D$3:$AA$30,INDEX(Jesper!$R$2:$R$366,ROW(INDEX(Jesper!AL$2:AL$366,ROUNDDOWN($C1129/24,0)+1,1))-1)+IF('Standard Profiles'!$G$22=$B$10,7,0)+IF('Standard Profiles'!$G$22=$B$17,14,0)+IF('Standard Profiles'!$G$22=$B$24,21,0),0)),0)</f>
        <v>0</v>
      </c>
      <c r="I1129">
        <f t="shared" si="139"/>
        <v>17.134956642909128</v>
      </c>
      <c r="J1129">
        <f t="shared" si="140"/>
        <v>92.350646222945898</v>
      </c>
      <c r="K1129">
        <f t="shared" si="141"/>
        <v>3.9136469994561014</v>
      </c>
      <c r="L1129">
        <f t="shared" si="142"/>
        <v>1.9568234997280507</v>
      </c>
      <c r="M1129">
        <f t="shared" si="143"/>
        <v>0</v>
      </c>
      <c r="N1129" s="45">
        <f t="shared" si="144"/>
        <v>44972.624999997344</v>
      </c>
    </row>
    <row r="1130" spans="2:14" x14ac:dyDescent="0.25">
      <c r="B1130">
        <f t="shared" si="138"/>
        <v>3</v>
      </c>
      <c r="C1130" s="16">
        <v>1096</v>
      </c>
      <c r="D1130" cm="1">
        <f t="array" ref="D1130">IFERROR(INDEX(Jesper!AH$2:AH$366,ROUNDDOWN($C1130/24,0)+1,1)*INDEX($D$3:$AA$30,INDEX(Jesper!$R$2:$R$366,ROW(INDEX(Jesper!AH$2:AH$366,ROUNDDOWN($C1130/24,0)+1,1))-1)+IF('Standard Profiles'!$G$18=$B$10,7,0)+IF('Standard Profiles'!$G$18=$B$17,14,0)+IF('Standard Profiles'!$G$18=$B$24,21,0),MOD($C1130,24)+1)/SUM(INDEX($D$3:$AA$30,INDEX(Jesper!$R$2:$R$366,ROW(INDEX(Jesper!AH$2:AH$366,ROUNDDOWN($C1130/24,0)+1,1))-1)+IF('Standard Profiles'!$G$18=$B$10,7,0)+IF('Standard Profiles'!$G$18=$B$17,14,0)+IF('Standard Profiles'!$G$18=$B$24,21,0),0)),0)</f>
        <v>21.621152508155916</v>
      </c>
      <c r="E1130" cm="1">
        <f t="array" ref="E1130">IFERROR(INDEX(Jesper!AI$2:AI$366,ROUNDDOWN($C1130/24,0)+1,1)*INDEX($D$3:$AA$30,INDEX(Jesper!$R$2:$R$366,ROW(INDEX(Jesper!AI$2:AI$366,ROUNDDOWN($C1130/24,0)+1,1))-1)+IF('Standard Profiles'!$G$19=$B$10,7,0)+IF('Standard Profiles'!$G$19=$B$17,14,0)+IF('Standard Profiles'!$G$19=$B$24,21,0),MOD($C1130,24)+1)/SUM(INDEX($D$3:$AA$30,INDEX(Jesper!$R$2:$R$366,ROW(INDEX(Jesper!AI$2:AI$366,ROUNDDOWN($C1130/24,0)+1,1))-1)+IF('Standard Profiles'!$G$19=$B$10,7,0)+IF('Standard Profiles'!$G$19=$B$17,14,0)+IF('Standard Profiles'!$G$19=$B$24,21,0),0)),0)</f>
        <v>25.320314489099253</v>
      </c>
      <c r="F1130" cm="1">
        <f t="array" ref="F1130">IFERROR(INDEX(Jesper!AJ$2:AJ$366,ROUNDDOWN($C1130/24,0)+1,1)*INDEX($D$3:$AA$30,INDEX(Jesper!$R$2:$R$366,ROW(INDEX(Jesper!AJ$2:AJ$366,ROUNDDOWN($C1130/24,0)+1,1))-1)+IF('Standard Profiles'!$G$20=$B$10,7,0)+IF('Standard Profiles'!$G$20=$B$17,14,0)+IF('Standard Profiles'!$G$20=$B$24,21,0),MOD($C1130,24)+1)/SUM(INDEX($D$3:$AA$30,INDEX(Jesper!$R$2:$R$366,ROW(INDEX(Jesper!AJ$2:AJ$366,ROUNDDOWN($C1130/24,0)+1,1))-1)+IF('Standard Profiles'!$G$20=$B$10,7,0)+IF('Standard Profiles'!$G$20=$B$17,14,0)+IF('Standard Profiles'!$G$20=$B$24,21,0),0)),0)</f>
        <v>0</v>
      </c>
      <c r="G1130" cm="1">
        <f t="array" ref="G1130">IFERROR(INDEX(Jesper!AK$2:AK$366,ROUNDDOWN($C1130/24,0)+1,1)*INDEX($D$3:$AA$30,INDEX(Jesper!$R$2:$R$366,ROW(INDEX(Jesper!AK$2:AK$366,ROUNDDOWN($C1130/24,0)+1,1))-1)+IF('Standard Profiles'!$G$21=$B$10,7,0)+IF('Standard Profiles'!$G$21=$B$17,14,0)+IF('Standard Profiles'!$G$21=$B$24,21,0),MOD($C1130,24)+1)/SUM(INDEX($D$3:$AA$30,INDEX(Jesper!$R$2:$R$366,ROW(INDEX(Jesper!AK$2:AK$366,ROUNDDOWN($C1130/24,0)+1,1))-1)+IF('Standard Profiles'!$G$21=$B$10,7,0)+IF('Standard Profiles'!$G$21=$B$17,14,0)+IF('Standard Profiles'!$G$21=$B$24,21,0),0)),0)</f>
        <v>29.828787156747357</v>
      </c>
      <c r="H1130" cm="1">
        <f t="array" ref="H1130">IFERROR(INDEX(Jesper!AL$2:AL$366,ROUNDDOWN($C1130/24,0)+1,1)*INDEX($D$3:$AA$30,INDEX(Jesper!$R$2:$R$366,ROW(INDEX(Jesper!AL$2:AL$366,ROUNDDOWN($C1130/24,0)+1,1))-1)+IF('Standard Profiles'!$G$22=$B$10,7,0)+IF('Standard Profiles'!$G$22=$B$17,14,0)+IF('Standard Profiles'!$G$22=$B$24,21,0),MOD($C1130,24)+1)/SUM(INDEX($D$3:$AA$30,INDEX(Jesper!$R$2:$R$366,ROW(INDEX(Jesper!AL$2:AL$366,ROUNDDOWN($C1130/24,0)+1,1))-1)+IF('Standard Profiles'!$G$22=$B$10,7,0)+IF('Standard Profiles'!$G$22=$B$17,14,0)+IF('Standard Profiles'!$G$22=$B$24,21,0),0)),0)</f>
        <v>0</v>
      </c>
      <c r="I1130">
        <f t="shared" si="139"/>
        <v>14.317817835238724</v>
      </c>
      <c r="J1130">
        <f t="shared" si="140"/>
        <v>58.99305191745885</v>
      </c>
      <c r="K1130">
        <f t="shared" si="141"/>
        <v>2.3062562675366314</v>
      </c>
      <c r="L1130">
        <f t="shared" si="142"/>
        <v>1.1531281337683157</v>
      </c>
      <c r="M1130">
        <f t="shared" si="143"/>
        <v>0</v>
      </c>
      <c r="N1130" s="45">
        <f t="shared" si="144"/>
        <v>44972.666666664009</v>
      </c>
    </row>
    <row r="1131" spans="2:14" x14ac:dyDescent="0.25">
      <c r="B1131">
        <f t="shared" si="138"/>
        <v>3</v>
      </c>
      <c r="C1131" s="16">
        <v>1097</v>
      </c>
      <c r="D1131" cm="1">
        <f t="array" ref="D1131">IFERROR(INDEX(Jesper!AH$2:AH$366,ROUNDDOWN($C1131/24,0)+1,1)*INDEX($D$3:$AA$30,INDEX(Jesper!$R$2:$R$366,ROW(INDEX(Jesper!AH$2:AH$366,ROUNDDOWN($C1131/24,0)+1,1))-1)+IF('Standard Profiles'!$G$18=$B$10,7,0)+IF('Standard Profiles'!$G$18=$B$17,14,0)+IF('Standard Profiles'!$G$18=$B$24,21,0),MOD($C1131,24)+1)/SUM(INDEX($D$3:$AA$30,INDEX(Jesper!$R$2:$R$366,ROW(INDEX(Jesper!AH$2:AH$366,ROUNDDOWN($C1131/24,0)+1,1))-1)+IF('Standard Profiles'!$G$18=$B$10,7,0)+IF('Standard Profiles'!$G$18=$B$17,14,0)+IF('Standard Profiles'!$G$18=$B$24,21,0),0)),0)</f>
        <v>9.2279780231139217</v>
      </c>
      <c r="E1131" cm="1">
        <f t="array" ref="E1131">IFERROR(INDEX(Jesper!AI$2:AI$366,ROUNDDOWN($C1131/24,0)+1,1)*INDEX($D$3:$AA$30,INDEX(Jesper!$R$2:$R$366,ROW(INDEX(Jesper!AI$2:AI$366,ROUNDDOWN($C1131/24,0)+1,1))-1)+IF('Standard Profiles'!$G$19=$B$10,7,0)+IF('Standard Profiles'!$G$19=$B$17,14,0)+IF('Standard Profiles'!$G$19=$B$24,21,0),MOD($C1131,24)+1)/SUM(INDEX($D$3:$AA$30,INDEX(Jesper!$R$2:$R$366,ROW(INDEX(Jesper!AI$2:AI$366,ROUNDDOWN($C1131/24,0)+1,1))-1)+IF('Standard Profiles'!$G$19=$B$10,7,0)+IF('Standard Profiles'!$G$19=$B$17,14,0)+IF('Standard Profiles'!$G$19=$B$24,21,0),0)),0)</f>
        <v>10.806792355569465</v>
      </c>
      <c r="F1131" cm="1">
        <f t="array" ref="F1131">IFERROR(INDEX(Jesper!AJ$2:AJ$366,ROUNDDOWN($C1131/24,0)+1,1)*INDEX($D$3:$AA$30,INDEX(Jesper!$R$2:$R$366,ROW(INDEX(Jesper!AJ$2:AJ$366,ROUNDDOWN($C1131/24,0)+1,1))-1)+IF('Standard Profiles'!$G$20=$B$10,7,0)+IF('Standard Profiles'!$G$20=$B$17,14,0)+IF('Standard Profiles'!$G$20=$B$24,21,0),MOD($C1131,24)+1)/SUM(INDEX($D$3:$AA$30,INDEX(Jesper!$R$2:$R$366,ROW(INDEX(Jesper!AJ$2:AJ$366,ROUNDDOWN($C1131/24,0)+1,1))-1)+IF('Standard Profiles'!$G$20=$B$10,7,0)+IF('Standard Profiles'!$G$20=$B$17,14,0)+IF('Standard Profiles'!$G$20=$B$24,21,0),0)),0)</f>
        <v>0</v>
      </c>
      <c r="G1131" cm="1">
        <f t="array" ref="G1131">IFERROR(INDEX(Jesper!AK$2:AK$366,ROUNDDOWN($C1131/24,0)+1,1)*INDEX($D$3:$AA$30,INDEX(Jesper!$R$2:$R$366,ROW(INDEX(Jesper!AK$2:AK$366,ROUNDDOWN($C1131/24,0)+1,1))-1)+IF('Standard Profiles'!$G$21=$B$10,7,0)+IF('Standard Profiles'!$G$21=$B$17,14,0)+IF('Standard Profiles'!$G$21=$B$24,21,0),MOD($C1131,24)+1)/SUM(INDEX($D$3:$AA$30,INDEX(Jesper!$R$2:$R$366,ROW(INDEX(Jesper!AK$2:AK$366,ROUNDDOWN($C1131/24,0)+1,1))-1)+IF('Standard Profiles'!$G$21=$B$10,7,0)+IF('Standard Profiles'!$G$21=$B$17,14,0)+IF('Standard Profiles'!$G$21=$B$24,21,0),0)),0)</f>
        <v>23.717952352343694</v>
      </c>
      <c r="H1131" cm="1">
        <f t="array" ref="H1131">IFERROR(INDEX(Jesper!AL$2:AL$366,ROUNDDOWN($C1131/24,0)+1,1)*INDEX($D$3:$AA$30,INDEX(Jesper!$R$2:$R$366,ROW(INDEX(Jesper!AL$2:AL$366,ROUNDDOWN($C1131/24,0)+1,1))-1)+IF('Standard Profiles'!$G$22=$B$10,7,0)+IF('Standard Profiles'!$G$22=$B$17,14,0)+IF('Standard Profiles'!$G$22=$B$24,21,0),MOD($C1131,24)+1)/SUM(INDEX($D$3:$AA$30,INDEX(Jesper!$R$2:$R$366,ROW(INDEX(Jesper!AL$2:AL$366,ROUNDDOWN($C1131/24,0)+1,1))-1)+IF('Standard Profiles'!$G$22=$B$10,7,0)+IF('Standard Profiles'!$G$22=$B$17,14,0)+IF('Standard Profiles'!$G$22=$B$24,21,0),0)),0)</f>
        <v>0</v>
      </c>
      <c r="I1131">
        <f t="shared" si="139"/>
        <v>11.384617129124967</v>
      </c>
      <c r="J1131">
        <f t="shared" si="140"/>
        <v>30.891629118203888</v>
      </c>
      <c r="K1131">
        <f t="shared" si="141"/>
        <v>0.98431765579881836</v>
      </c>
      <c r="L1131">
        <f t="shared" si="142"/>
        <v>0.49215882789940918</v>
      </c>
      <c r="M1131">
        <f t="shared" si="143"/>
        <v>0</v>
      </c>
      <c r="N1131" s="45">
        <f t="shared" si="144"/>
        <v>44972.708333330673</v>
      </c>
    </row>
    <row r="1132" spans="2:14" x14ac:dyDescent="0.25">
      <c r="B1132">
        <f t="shared" si="138"/>
        <v>3</v>
      </c>
      <c r="C1132" s="16">
        <v>1098</v>
      </c>
      <c r="D1132" cm="1">
        <f t="array" ref="D1132">IFERROR(INDEX(Jesper!AH$2:AH$366,ROUNDDOWN($C1132/24,0)+1,1)*INDEX($D$3:$AA$30,INDEX(Jesper!$R$2:$R$366,ROW(INDEX(Jesper!AH$2:AH$366,ROUNDDOWN($C1132/24,0)+1,1))-1)+IF('Standard Profiles'!$G$18=$B$10,7,0)+IF('Standard Profiles'!$G$18=$B$17,14,0)+IF('Standard Profiles'!$G$18=$B$24,21,0),MOD($C1132,24)+1)/SUM(INDEX($D$3:$AA$30,INDEX(Jesper!$R$2:$R$366,ROW(INDEX(Jesper!AH$2:AH$366,ROUNDDOWN($C1132/24,0)+1,1))-1)+IF('Standard Profiles'!$G$18=$B$10,7,0)+IF('Standard Profiles'!$G$18=$B$17,14,0)+IF('Standard Profiles'!$G$18=$B$24,21,0),0)),0)</f>
        <v>6.090465495255188</v>
      </c>
      <c r="E1132" cm="1">
        <f t="array" ref="E1132">IFERROR(INDEX(Jesper!AI$2:AI$366,ROUNDDOWN($C1132/24,0)+1,1)*INDEX($D$3:$AA$30,INDEX(Jesper!$R$2:$R$366,ROW(INDEX(Jesper!AI$2:AI$366,ROUNDDOWN($C1132/24,0)+1,1))-1)+IF('Standard Profiles'!$G$19=$B$10,7,0)+IF('Standard Profiles'!$G$19=$B$17,14,0)+IF('Standard Profiles'!$G$19=$B$24,21,0),MOD($C1132,24)+1)/SUM(INDEX($D$3:$AA$30,INDEX(Jesper!$R$2:$R$366,ROW(INDEX(Jesper!AI$2:AI$366,ROUNDDOWN($C1132/24,0)+1,1))-1)+IF('Standard Profiles'!$G$19=$B$10,7,0)+IF('Standard Profiles'!$G$19=$B$17,14,0)+IF('Standard Profiles'!$G$19=$B$24,21,0),0)),0)</f>
        <v>7.1324829546758464</v>
      </c>
      <c r="F1132" cm="1">
        <f t="array" ref="F1132">IFERROR(INDEX(Jesper!AJ$2:AJ$366,ROUNDDOWN($C1132/24,0)+1,1)*INDEX($D$3:$AA$30,INDEX(Jesper!$R$2:$R$366,ROW(INDEX(Jesper!AJ$2:AJ$366,ROUNDDOWN($C1132/24,0)+1,1))-1)+IF('Standard Profiles'!$G$20=$B$10,7,0)+IF('Standard Profiles'!$G$20=$B$17,14,0)+IF('Standard Profiles'!$G$20=$B$24,21,0),MOD($C1132,24)+1)/SUM(INDEX($D$3:$AA$30,INDEX(Jesper!$R$2:$R$366,ROW(INDEX(Jesper!AJ$2:AJ$366,ROUNDDOWN($C1132/24,0)+1,1))-1)+IF('Standard Profiles'!$G$20=$B$10,7,0)+IF('Standard Profiles'!$G$20=$B$17,14,0)+IF('Standard Profiles'!$G$20=$B$24,21,0),0)),0)</f>
        <v>0</v>
      </c>
      <c r="G1132" cm="1">
        <f t="array" ref="G1132">IFERROR(INDEX(Jesper!AK$2:AK$366,ROUNDDOWN($C1132/24,0)+1,1)*INDEX($D$3:$AA$30,INDEX(Jesper!$R$2:$R$366,ROW(INDEX(Jesper!AK$2:AK$366,ROUNDDOWN($C1132/24,0)+1,1))-1)+IF('Standard Profiles'!$G$21=$B$10,7,0)+IF('Standard Profiles'!$G$21=$B$17,14,0)+IF('Standard Profiles'!$G$21=$B$24,21,0),MOD($C1132,24)+1)/SUM(INDEX($D$3:$AA$30,INDEX(Jesper!$R$2:$R$366,ROW(INDEX(Jesper!AK$2:AK$366,ROUNDDOWN($C1132/24,0)+1,1))-1)+IF('Standard Profiles'!$G$21=$B$10,7,0)+IF('Standard Profiles'!$G$21=$B$17,14,0)+IF('Standard Profiles'!$G$21=$B$24,21,0),0)),0)</f>
        <v>8.7925680638901564</v>
      </c>
      <c r="H1132" cm="1">
        <f t="array" ref="H1132">IFERROR(INDEX(Jesper!AL$2:AL$366,ROUNDDOWN($C1132/24,0)+1,1)*INDEX($D$3:$AA$30,INDEX(Jesper!$R$2:$R$366,ROW(INDEX(Jesper!AL$2:AL$366,ROUNDDOWN($C1132/24,0)+1,1))-1)+IF('Standard Profiles'!$G$22=$B$10,7,0)+IF('Standard Profiles'!$G$22=$B$17,14,0)+IF('Standard Profiles'!$G$22=$B$24,21,0),MOD($C1132,24)+1)/SUM(INDEX($D$3:$AA$30,INDEX(Jesper!$R$2:$R$366,ROW(INDEX(Jesper!AL$2:AL$366,ROUNDDOWN($C1132/24,0)+1,1))-1)+IF('Standard Profiles'!$G$22=$B$10,7,0)+IF('Standard Profiles'!$G$22=$B$17,14,0)+IF('Standard Profiles'!$G$22=$B$24,21,0),0)),0)</f>
        <v>0</v>
      </c>
      <c r="I1132">
        <f t="shared" si="139"/>
        <v>4.2204326706672726</v>
      </c>
      <c r="J1132">
        <f t="shared" si="140"/>
        <v>16.820609363913089</v>
      </c>
      <c r="K1132">
        <f t="shared" si="141"/>
        <v>0.64964965282722009</v>
      </c>
      <c r="L1132">
        <f t="shared" si="142"/>
        <v>0.32482482641361005</v>
      </c>
      <c r="M1132">
        <f t="shared" si="143"/>
        <v>0</v>
      </c>
      <c r="N1132" s="45">
        <f t="shared" si="144"/>
        <v>44972.749999997337</v>
      </c>
    </row>
    <row r="1133" spans="2:14" x14ac:dyDescent="0.25">
      <c r="B1133">
        <f t="shared" si="138"/>
        <v>3</v>
      </c>
      <c r="C1133" s="16">
        <v>1099</v>
      </c>
      <c r="D1133" cm="1">
        <f t="array" ref="D1133">IFERROR(INDEX(Jesper!AH$2:AH$366,ROUNDDOWN($C1133/24,0)+1,1)*INDEX($D$3:$AA$30,INDEX(Jesper!$R$2:$R$366,ROW(INDEX(Jesper!AH$2:AH$366,ROUNDDOWN($C1133/24,0)+1,1))-1)+IF('Standard Profiles'!$G$18=$B$10,7,0)+IF('Standard Profiles'!$G$18=$B$17,14,0)+IF('Standard Profiles'!$G$18=$B$24,21,0),MOD($C1133,24)+1)/SUM(INDEX($D$3:$AA$30,INDEX(Jesper!$R$2:$R$366,ROW(INDEX(Jesper!AH$2:AH$366,ROUNDDOWN($C1133/24,0)+1,1))-1)+IF('Standard Profiles'!$G$18=$B$10,7,0)+IF('Standard Profiles'!$G$18=$B$17,14,0)+IF('Standard Profiles'!$G$18=$B$24,21,0),0)),0)</f>
        <v>6.090465495255188</v>
      </c>
      <c r="E1133" cm="1">
        <f t="array" ref="E1133">IFERROR(INDEX(Jesper!AI$2:AI$366,ROUNDDOWN($C1133/24,0)+1,1)*INDEX($D$3:$AA$30,INDEX(Jesper!$R$2:$R$366,ROW(INDEX(Jesper!AI$2:AI$366,ROUNDDOWN($C1133/24,0)+1,1))-1)+IF('Standard Profiles'!$G$19=$B$10,7,0)+IF('Standard Profiles'!$G$19=$B$17,14,0)+IF('Standard Profiles'!$G$19=$B$24,21,0),MOD($C1133,24)+1)/SUM(INDEX($D$3:$AA$30,INDEX(Jesper!$R$2:$R$366,ROW(INDEX(Jesper!AI$2:AI$366,ROUNDDOWN($C1133/24,0)+1,1))-1)+IF('Standard Profiles'!$G$19=$B$10,7,0)+IF('Standard Profiles'!$G$19=$B$17,14,0)+IF('Standard Profiles'!$G$19=$B$24,21,0),0)),0)</f>
        <v>7.1324829546758464</v>
      </c>
      <c r="F1133" cm="1">
        <f t="array" ref="F1133">IFERROR(INDEX(Jesper!AJ$2:AJ$366,ROUNDDOWN($C1133/24,0)+1,1)*INDEX($D$3:$AA$30,INDEX(Jesper!$R$2:$R$366,ROW(INDEX(Jesper!AJ$2:AJ$366,ROUNDDOWN($C1133/24,0)+1,1))-1)+IF('Standard Profiles'!$G$20=$B$10,7,0)+IF('Standard Profiles'!$G$20=$B$17,14,0)+IF('Standard Profiles'!$G$20=$B$24,21,0),MOD($C1133,24)+1)/SUM(INDEX($D$3:$AA$30,INDEX(Jesper!$R$2:$R$366,ROW(INDEX(Jesper!AJ$2:AJ$366,ROUNDDOWN($C1133/24,0)+1,1))-1)+IF('Standard Profiles'!$G$20=$B$10,7,0)+IF('Standard Profiles'!$G$20=$B$17,14,0)+IF('Standard Profiles'!$G$20=$B$24,21,0),0)),0)</f>
        <v>0</v>
      </c>
      <c r="G1133" cm="1">
        <f t="array" ref="G1133">IFERROR(INDEX(Jesper!AK$2:AK$366,ROUNDDOWN($C1133/24,0)+1,1)*INDEX($D$3:$AA$30,INDEX(Jesper!$R$2:$R$366,ROW(INDEX(Jesper!AK$2:AK$366,ROUNDDOWN($C1133/24,0)+1,1))-1)+IF('Standard Profiles'!$G$21=$B$10,7,0)+IF('Standard Profiles'!$G$21=$B$17,14,0)+IF('Standard Profiles'!$G$21=$B$24,21,0),MOD($C1133,24)+1)/SUM(INDEX($D$3:$AA$30,INDEX(Jesper!$R$2:$R$366,ROW(INDEX(Jesper!AK$2:AK$366,ROUNDDOWN($C1133/24,0)+1,1))-1)+IF('Standard Profiles'!$G$21=$B$10,7,0)+IF('Standard Profiles'!$G$21=$B$17,14,0)+IF('Standard Profiles'!$G$21=$B$24,21,0),0)),0)</f>
        <v>8.7925680638901564</v>
      </c>
      <c r="H1133" cm="1">
        <f t="array" ref="H1133">IFERROR(INDEX(Jesper!AL$2:AL$366,ROUNDDOWN($C1133/24,0)+1,1)*INDEX($D$3:$AA$30,INDEX(Jesper!$R$2:$R$366,ROW(INDEX(Jesper!AL$2:AL$366,ROUNDDOWN($C1133/24,0)+1,1))-1)+IF('Standard Profiles'!$G$22=$B$10,7,0)+IF('Standard Profiles'!$G$22=$B$17,14,0)+IF('Standard Profiles'!$G$22=$B$24,21,0),MOD($C1133,24)+1)/SUM(INDEX($D$3:$AA$30,INDEX(Jesper!$R$2:$R$366,ROW(INDEX(Jesper!AL$2:AL$366,ROUNDDOWN($C1133/24,0)+1,1))-1)+IF('Standard Profiles'!$G$22=$B$10,7,0)+IF('Standard Profiles'!$G$22=$B$17,14,0)+IF('Standard Profiles'!$G$22=$B$24,21,0),0)),0)</f>
        <v>0</v>
      </c>
      <c r="I1133">
        <f t="shared" si="139"/>
        <v>4.2204326706672726</v>
      </c>
      <c r="J1133">
        <f t="shared" si="140"/>
        <v>16.820609363913089</v>
      </c>
      <c r="K1133">
        <f t="shared" si="141"/>
        <v>0.64964965282722009</v>
      </c>
      <c r="L1133">
        <f t="shared" si="142"/>
        <v>0.32482482641361005</v>
      </c>
      <c r="M1133">
        <f t="shared" si="143"/>
        <v>0</v>
      </c>
      <c r="N1133" s="45">
        <f t="shared" si="144"/>
        <v>44972.791666664001</v>
      </c>
    </row>
    <row r="1134" spans="2:14" x14ac:dyDescent="0.25">
      <c r="B1134">
        <f t="shared" si="138"/>
        <v>3</v>
      </c>
      <c r="C1134" s="16">
        <v>1100</v>
      </c>
      <c r="D1134" cm="1">
        <f t="array" ref="D1134">IFERROR(INDEX(Jesper!AH$2:AH$366,ROUNDDOWN($C1134/24,0)+1,1)*INDEX($D$3:$AA$30,INDEX(Jesper!$R$2:$R$366,ROW(INDEX(Jesper!AH$2:AH$366,ROUNDDOWN($C1134/24,0)+1,1))-1)+IF('Standard Profiles'!$G$18=$B$10,7,0)+IF('Standard Profiles'!$G$18=$B$17,14,0)+IF('Standard Profiles'!$G$18=$B$24,21,0),MOD($C1134,24)+1)/SUM(INDEX($D$3:$AA$30,INDEX(Jesper!$R$2:$R$366,ROW(INDEX(Jesper!AH$2:AH$366,ROUNDDOWN($C1134/24,0)+1,1))-1)+IF('Standard Profiles'!$G$18=$B$10,7,0)+IF('Standard Profiles'!$G$18=$B$17,14,0)+IF('Standard Profiles'!$G$18=$B$24,21,0),0)),0)</f>
        <v>6.090465495255188</v>
      </c>
      <c r="E1134" cm="1">
        <f t="array" ref="E1134">IFERROR(INDEX(Jesper!AI$2:AI$366,ROUNDDOWN($C1134/24,0)+1,1)*INDEX($D$3:$AA$30,INDEX(Jesper!$R$2:$R$366,ROW(INDEX(Jesper!AI$2:AI$366,ROUNDDOWN($C1134/24,0)+1,1))-1)+IF('Standard Profiles'!$G$19=$B$10,7,0)+IF('Standard Profiles'!$G$19=$B$17,14,0)+IF('Standard Profiles'!$G$19=$B$24,21,0),MOD($C1134,24)+1)/SUM(INDEX($D$3:$AA$30,INDEX(Jesper!$R$2:$R$366,ROW(INDEX(Jesper!AI$2:AI$366,ROUNDDOWN($C1134/24,0)+1,1))-1)+IF('Standard Profiles'!$G$19=$B$10,7,0)+IF('Standard Profiles'!$G$19=$B$17,14,0)+IF('Standard Profiles'!$G$19=$B$24,21,0),0)),0)</f>
        <v>7.1324829546758464</v>
      </c>
      <c r="F1134" cm="1">
        <f t="array" ref="F1134">IFERROR(INDEX(Jesper!AJ$2:AJ$366,ROUNDDOWN($C1134/24,0)+1,1)*INDEX($D$3:$AA$30,INDEX(Jesper!$R$2:$R$366,ROW(INDEX(Jesper!AJ$2:AJ$366,ROUNDDOWN($C1134/24,0)+1,1))-1)+IF('Standard Profiles'!$G$20=$B$10,7,0)+IF('Standard Profiles'!$G$20=$B$17,14,0)+IF('Standard Profiles'!$G$20=$B$24,21,0),MOD($C1134,24)+1)/SUM(INDEX($D$3:$AA$30,INDEX(Jesper!$R$2:$R$366,ROW(INDEX(Jesper!AJ$2:AJ$366,ROUNDDOWN($C1134/24,0)+1,1))-1)+IF('Standard Profiles'!$G$20=$B$10,7,0)+IF('Standard Profiles'!$G$20=$B$17,14,0)+IF('Standard Profiles'!$G$20=$B$24,21,0),0)),0)</f>
        <v>0</v>
      </c>
      <c r="G1134" cm="1">
        <f t="array" ref="G1134">IFERROR(INDEX(Jesper!AK$2:AK$366,ROUNDDOWN($C1134/24,0)+1,1)*INDEX($D$3:$AA$30,INDEX(Jesper!$R$2:$R$366,ROW(INDEX(Jesper!AK$2:AK$366,ROUNDDOWN($C1134/24,0)+1,1))-1)+IF('Standard Profiles'!$G$21=$B$10,7,0)+IF('Standard Profiles'!$G$21=$B$17,14,0)+IF('Standard Profiles'!$G$21=$B$24,21,0),MOD($C1134,24)+1)/SUM(INDEX($D$3:$AA$30,INDEX(Jesper!$R$2:$R$366,ROW(INDEX(Jesper!AK$2:AK$366,ROUNDDOWN($C1134/24,0)+1,1))-1)+IF('Standard Profiles'!$G$21=$B$10,7,0)+IF('Standard Profiles'!$G$21=$B$17,14,0)+IF('Standard Profiles'!$G$21=$B$24,21,0),0)),0)</f>
        <v>8.7925680638901564</v>
      </c>
      <c r="H1134" cm="1">
        <f t="array" ref="H1134">IFERROR(INDEX(Jesper!AL$2:AL$366,ROUNDDOWN($C1134/24,0)+1,1)*INDEX($D$3:$AA$30,INDEX(Jesper!$R$2:$R$366,ROW(INDEX(Jesper!AL$2:AL$366,ROUNDDOWN($C1134/24,0)+1,1))-1)+IF('Standard Profiles'!$G$22=$B$10,7,0)+IF('Standard Profiles'!$G$22=$B$17,14,0)+IF('Standard Profiles'!$G$22=$B$24,21,0),MOD($C1134,24)+1)/SUM(INDEX($D$3:$AA$30,INDEX(Jesper!$R$2:$R$366,ROW(INDEX(Jesper!AL$2:AL$366,ROUNDDOWN($C1134/24,0)+1,1))-1)+IF('Standard Profiles'!$G$22=$B$10,7,0)+IF('Standard Profiles'!$G$22=$B$17,14,0)+IF('Standard Profiles'!$G$22=$B$24,21,0),0)),0)</f>
        <v>0</v>
      </c>
      <c r="I1134">
        <f t="shared" si="139"/>
        <v>4.2204326706672726</v>
      </c>
      <c r="J1134">
        <f t="shared" si="140"/>
        <v>16.820609363913089</v>
      </c>
      <c r="K1134">
        <f t="shared" si="141"/>
        <v>0.64964965282722009</v>
      </c>
      <c r="L1134">
        <f t="shared" si="142"/>
        <v>0.32482482641361005</v>
      </c>
      <c r="M1134">
        <f t="shared" si="143"/>
        <v>0</v>
      </c>
      <c r="N1134" s="45">
        <f t="shared" si="144"/>
        <v>44972.833333330665</v>
      </c>
    </row>
    <row r="1135" spans="2:14" x14ac:dyDescent="0.25">
      <c r="B1135">
        <f t="shared" si="138"/>
        <v>3</v>
      </c>
      <c r="C1135" s="16">
        <v>1101</v>
      </c>
      <c r="D1135" cm="1">
        <f t="array" ref="D1135">IFERROR(INDEX(Jesper!AH$2:AH$366,ROUNDDOWN($C1135/24,0)+1,1)*INDEX($D$3:$AA$30,INDEX(Jesper!$R$2:$R$366,ROW(INDEX(Jesper!AH$2:AH$366,ROUNDDOWN($C1135/24,0)+1,1))-1)+IF('Standard Profiles'!$G$18=$B$10,7,0)+IF('Standard Profiles'!$G$18=$B$17,14,0)+IF('Standard Profiles'!$G$18=$B$24,21,0),MOD($C1135,24)+1)/SUM(INDEX($D$3:$AA$30,INDEX(Jesper!$R$2:$R$366,ROW(INDEX(Jesper!AH$2:AH$366,ROUNDDOWN($C1135/24,0)+1,1))-1)+IF('Standard Profiles'!$G$18=$B$10,7,0)+IF('Standard Profiles'!$G$18=$B$17,14,0)+IF('Standard Profiles'!$G$18=$B$24,21,0),0)),0)</f>
        <v>6.090465495255188</v>
      </c>
      <c r="E1135" cm="1">
        <f t="array" ref="E1135">IFERROR(INDEX(Jesper!AI$2:AI$366,ROUNDDOWN($C1135/24,0)+1,1)*INDEX($D$3:$AA$30,INDEX(Jesper!$R$2:$R$366,ROW(INDEX(Jesper!AI$2:AI$366,ROUNDDOWN($C1135/24,0)+1,1))-1)+IF('Standard Profiles'!$G$19=$B$10,7,0)+IF('Standard Profiles'!$G$19=$B$17,14,0)+IF('Standard Profiles'!$G$19=$B$24,21,0),MOD($C1135,24)+1)/SUM(INDEX($D$3:$AA$30,INDEX(Jesper!$R$2:$R$366,ROW(INDEX(Jesper!AI$2:AI$366,ROUNDDOWN($C1135/24,0)+1,1))-1)+IF('Standard Profiles'!$G$19=$B$10,7,0)+IF('Standard Profiles'!$G$19=$B$17,14,0)+IF('Standard Profiles'!$G$19=$B$24,21,0),0)),0)</f>
        <v>7.1324829546758464</v>
      </c>
      <c r="F1135" cm="1">
        <f t="array" ref="F1135">IFERROR(INDEX(Jesper!AJ$2:AJ$366,ROUNDDOWN($C1135/24,0)+1,1)*INDEX($D$3:$AA$30,INDEX(Jesper!$R$2:$R$366,ROW(INDEX(Jesper!AJ$2:AJ$366,ROUNDDOWN($C1135/24,0)+1,1))-1)+IF('Standard Profiles'!$G$20=$B$10,7,0)+IF('Standard Profiles'!$G$20=$B$17,14,0)+IF('Standard Profiles'!$G$20=$B$24,21,0),MOD($C1135,24)+1)/SUM(INDEX($D$3:$AA$30,INDEX(Jesper!$R$2:$R$366,ROW(INDEX(Jesper!AJ$2:AJ$366,ROUNDDOWN($C1135/24,0)+1,1))-1)+IF('Standard Profiles'!$G$20=$B$10,7,0)+IF('Standard Profiles'!$G$20=$B$17,14,0)+IF('Standard Profiles'!$G$20=$B$24,21,0),0)),0)</f>
        <v>0</v>
      </c>
      <c r="G1135" cm="1">
        <f t="array" ref="G1135">IFERROR(INDEX(Jesper!AK$2:AK$366,ROUNDDOWN($C1135/24,0)+1,1)*INDEX($D$3:$AA$30,INDEX(Jesper!$R$2:$R$366,ROW(INDEX(Jesper!AK$2:AK$366,ROUNDDOWN($C1135/24,0)+1,1))-1)+IF('Standard Profiles'!$G$21=$B$10,7,0)+IF('Standard Profiles'!$G$21=$B$17,14,0)+IF('Standard Profiles'!$G$21=$B$24,21,0),MOD($C1135,24)+1)/SUM(INDEX($D$3:$AA$30,INDEX(Jesper!$R$2:$R$366,ROW(INDEX(Jesper!AK$2:AK$366,ROUNDDOWN($C1135/24,0)+1,1))-1)+IF('Standard Profiles'!$G$21=$B$10,7,0)+IF('Standard Profiles'!$G$21=$B$17,14,0)+IF('Standard Profiles'!$G$21=$B$24,21,0),0)),0)</f>
        <v>8.7925680638901564</v>
      </c>
      <c r="H1135" cm="1">
        <f t="array" ref="H1135">IFERROR(INDEX(Jesper!AL$2:AL$366,ROUNDDOWN($C1135/24,0)+1,1)*INDEX($D$3:$AA$30,INDEX(Jesper!$R$2:$R$366,ROW(INDEX(Jesper!AL$2:AL$366,ROUNDDOWN($C1135/24,0)+1,1))-1)+IF('Standard Profiles'!$G$22=$B$10,7,0)+IF('Standard Profiles'!$G$22=$B$17,14,0)+IF('Standard Profiles'!$G$22=$B$24,21,0),MOD($C1135,24)+1)/SUM(INDEX($D$3:$AA$30,INDEX(Jesper!$R$2:$R$366,ROW(INDEX(Jesper!AL$2:AL$366,ROUNDDOWN($C1135/24,0)+1,1))-1)+IF('Standard Profiles'!$G$22=$B$10,7,0)+IF('Standard Profiles'!$G$22=$B$17,14,0)+IF('Standard Profiles'!$G$22=$B$24,21,0),0)),0)</f>
        <v>0</v>
      </c>
      <c r="I1135">
        <f t="shared" si="139"/>
        <v>4.2204326706672726</v>
      </c>
      <c r="J1135">
        <f t="shared" si="140"/>
        <v>16.820609363913089</v>
      </c>
      <c r="K1135">
        <f t="shared" si="141"/>
        <v>0.64964965282722009</v>
      </c>
      <c r="L1135">
        <f t="shared" si="142"/>
        <v>0.32482482641361005</v>
      </c>
      <c r="M1135">
        <f t="shared" si="143"/>
        <v>0</v>
      </c>
      <c r="N1135" s="45">
        <f t="shared" si="144"/>
        <v>44972.87499999733</v>
      </c>
    </row>
    <row r="1136" spans="2:14" x14ac:dyDescent="0.25">
      <c r="B1136">
        <f t="shared" si="138"/>
        <v>3</v>
      </c>
      <c r="C1136" s="16">
        <v>1102</v>
      </c>
      <c r="D1136" cm="1">
        <f t="array" ref="D1136">IFERROR(INDEX(Jesper!AH$2:AH$366,ROUNDDOWN($C1136/24,0)+1,1)*INDEX($D$3:$AA$30,INDEX(Jesper!$R$2:$R$366,ROW(INDEX(Jesper!AH$2:AH$366,ROUNDDOWN($C1136/24,0)+1,1))-1)+IF('Standard Profiles'!$G$18=$B$10,7,0)+IF('Standard Profiles'!$G$18=$B$17,14,0)+IF('Standard Profiles'!$G$18=$B$24,21,0),MOD($C1136,24)+1)/SUM(INDEX($D$3:$AA$30,INDEX(Jesper!$R$2:$R$366,ROW(INDEX(Jesper!AH$2:AH$366,ROUNDDOWN($C1136/24,0)+1,1))-1)+IF('Standard Profiles'!$G$18=$B$10,7,0)+IF('Standard Profiles'!$G$18=$B$17,14,0)+IF('Standard Profiles'!$G$18=$B$24,21,0),0)),0)</f>
        <v>6.090465495255188</v>
      </c>
      <c r="E1136" cm="1">
        <f t="array" ref="E1136">IFERROR(INDEX(Jesper!AI$2:AI$366,ROUNDDOWN($C1136/24,0)+1,1)*INDEX($D$3:$AA$30,INDEX(Jesper!$R$2:$R$366,ROW(INDEX(Jesper!AI$2:AI$366,ROUNDDOWN($C1136/24,0)+1,1))-1)+IF('Standard Profiles'!$G$19=$B$10,7,0)+IF('Standard Profiles'!$G$19=$B$17,14,0)+IF('Standard Profiles'!$G$19=$B$24,21,0),MOD($C1136,24)+1)/SUM(INDEX($D$3:$AA$30,INDEX(Jesper!$R$2:$R$366,ROW(INDEX(Jesper!AI$2:AI$366,ROUNDDOWN($C1136/24,0)+1,1))-1)+IF('Standard Profiles'!$G$19=$B$10,7,0)+IF('Standard Profiles'!$G$19=$B$17,14,0)+IF('Standard Profiles'!$G$19=$B$24,21,0),0)),0)</f>
        <v>7.1324829546758464</v>
      </c>
      <c r="F1136" cm="1">
        <f t="array" ref="F1136">IFERROR(INDEX(Jesper!AJ$2:AJ$366,ROUNDDOWN($C1136/24,0)+1,1)*INDEX($D$3:$AA$30,INDEX(Jesper!$R$2:$R$366,ROW(INDEX(Jesper!AJ$2:AJ$366,ROUNDDOWN($C1136/24,0)+1,1))-1)+IF('Standard Profiles'!$G$20=$B$10,7,0)+IF('Standard Profiles'!$G$20=$B$17,14,0)+IF('Standard Profiles'!$G$20=$B$24,21,0),MOD($C1136,24)+1)/SUM(INDEX($D$3:$AA$30,INDEX(Jesper!$R$2:$R$366,ROW(INDEX(Jesper!AJ$2:AJ$366,ROUNDDOWN($C1136/24,0)+1,1))-1)+IF('Standard Profiles'!$G$20=$B$10,7,0)+IF('Standard Profiles'!$G$20=$B$17,14,0)+IF('Standard Profiles'!$G$20=$B$24,21,0),0)),0)</f>
        <v>0</v>
      </c>
      <c r="G1136" cm="1">
        <f t="array" ref="G1136">IFERROR(INDEX(Jesper!AK$2:AK$366,ROUNDDOWN($C1136/24,0)+1,1)*INDEX($D$3:$AA$30,INDEX(Jesper!$R$2:$R$366,ROW(INDEX(Jesper!AK$2:AK$366,ROUNDDOWN($C1136/24,0)+1,1))-1)+IF('Standard Profiles'!$G$21=$B$10,7,0)+IF('Standard Profiles'!$G$21=$B$17,14,0)+IF('Standard Profiles'!$G$21=$B$24,21,0),MOD($C1136,24)+1)/SUM(INDEX($D$3:$AA$30,INDEX(Jesper!$R$2:$R$366,ROW(INDEX(Jesper!AK$2:AK$366,ROUNDDOWN($C1136/24,0)+1,1))-1)+IF('Standard Profiles'!$G$21=$B$10,7,0)+IF('Standard Profiles'!$G$21=$B$17,14,0)+IF('Standard Profiles'!$G$21=$B$24,21,0),0)),0)</f>
        <v>8.7925680638901564</v>
      </c>
      <c r="H1136" cm="1">
        <f t="array" ref="H1136">IFERROR(INDEX(Jesper!AL$2:AL$366,ROUNDDOWN($C1136/24,0)+1,1)*INDEX($D$3:$AA$30,INDEX(Jesper!$R$2:$R$366,ROW(INDEX(Jesper!AL$2:AL$366,ROUNDDOWN($C1136/24,0)+1,1))-1)+IF('Standard Profiles'!$G$22=$B$10,7,0)+IF('Standard Profiles'!$G$22=$B$17,14,0)+IF('Standard Profiles'!$G$22=$B$24,21,0),MOD($C1136,24)+1)/SUM(INDEX($D$3:$AA$30,INDEX(Jesper!$R$2:$R$366,ROW(INDEX(Jesper!AL$2:AL$366,ROUNDDOWN($C1136/24,0)+1,1))-1)+IF('Standard Profiles'!$G$22=$B$10,7,0)+IF('Standard Profiles'!$G$22=$B$17,14,0)+IF('Standard Profiles'!$G$22=$B$24,21,0),0)),0)</f>
        <v>0</v>
      </c>
      <c r="I1136">
        <f t="shared" si="139"/>
        <v>4.2204326706672726</v>
      </c>
      <c r="J1136">
        <f t="shared" si="140"/>
        <v>16.820609363913089</v>
      </c>
      <c r="K1136">
        <f t="shared" si="141"/>
        <v>0.64964965282722009</v>
      </c>
      <c r="L1136">
        <f t="shared" si="142"/>
        <v>0.32482482641361005</v>
      </c>
      <c r="M1136">
        <f t="shared" si="143"/>
        <v>0</v>
      </c>
      <c r="N1136" s="45">
        <f t="shared" si="144"/>
        <v>44972.916666663994</v>
      </c>
    </row>
    <row r="1137" spans="2:14" x14ac:dyDescent="0.25">
      <c r="B1137">
        <f t="shared" si="138"/>
        <v>3</v>
      </c>
      <c r="C1137" s="16">
        <v>1103</v>
      </c>
      <c r="D1137" cm="1">
        <f t="array" ref="D1137">IFERROR(INDEX(Jesper!AH$2:AH$366,ROUNDDOWN($C1137/24,0)+1,1)*INDEX($D$3:$AA$30,INDEX(Jesper!$R$2:$R$366,ROW(INDEX(Jesper!AH$2:AH$366,ROUNDDOWN($C1137/24,0)+1,1))-1)+IF('Standard Profiles'!$G$18=$B$10,7,0)+IF('Standard Profiles'!$G$18=$B$17,14,0)+IF('Standard Profiles'!$G$18=$B$24,21,0),MOD($C1137,24)+1)/SUM(INDEX($D$3:$AA$30,INDEX(Jesper!$R$2:$R$366,ROW(INDEX(Jesper!AH$2:AH$366,ROUNDDOWN($C1137/24,0)+1,1))-1)+IF('Standard Profiles'!$G$18=$B$10,7,0)+IF('Standard Profiles'!$G$18=$B$17,14,0)+IF('Standard Profiles'!$G$18=$B$24,21,0),0)),0)</f>
        <v>6.090465495255188</v>
      </c>
      <c r="E1137" cm="1">
        <f t="array" ref="E1137">IFERROR(INDEX(Jesper!AI$2:AI$366,ROUNDDOWN($C1137/24,0)+1,1)*INDEX($D$3:$AA$30,INDEX(Jesper!$R$2:$R$366,ROW(INDEX(Jesper!AI$2:AI$366,ROUNDDOWN($C1137/24,0)+1,1))-1)+IF('Standard Profiles'!$G$19=$B$10,7,0)+IF('Standard Profiles'!$G$19=$B$17,14,0)+IF('Standard Profiles'!$G$19=$B$24,21,0),MOD($C1137,24)+1)/SUM(INDEX($D$3:$AA$30,INDEX(Jesper!$R$2:$R$366,ROW(INDEX(Jesper!AI$2:AI$366,ROUNDDOWN($C1137/24,0)+1,1))-1)+IF('Standard Profiles'!$G$19=$B$10,7,0)+IF('Standard Profiles'!$G$19=$B$17,14,0)+IF('Standard Profiles'!$G$19=$B$24,21,0),0)),0)</f>
        <v>7.1324829546758464</v>
      </c>
      <c r="F1137" cm="1">
        <f t="array" ref="F1137">IFERROR(INDEX(Jesper!AJ$2:AJ$366,ROUNDDOWN($C1137/24,0)+1,1)*INDEX($D$3:$AA$30,INDEX(Jesper!$R$2:$R$366,ROW(INDEX(Jesper!AJ$2:AJ$366,ROUNDDOWN($C1137/24,0)+1,1))-1)+IF('Standard Profiles'!$G$20=$B$10,7,0)+IF('Standard Profiles'!$G$20=$B$17,14,0)+IF('Standard Profiles'!$G$20=$B$24,21,0),MOD($C1137,24)+1)/SUM(INDEX($D$3:$AA$30,INDEX(Jesper!$R$2:$R$366,ROW(INDEX(Jesper!AJ$2:AJ$366,ROUNDDOWN($C1137/24,0)+1,1))-1)+IF('Standard Profiles'!$G$20=$B$10,7,0)+IF('Standard Profiles'!$G$20=$B$17,14,0)+IF('Standard Profiles'!$G$20=$B$24,21,0),0)),0)</f>
        <v>0</v>
      </c>
      <c r="G1137" cm="1">
        <f t="array" ref="G1137">IFERROR(INDEX(Jesper!AK$2:AK$366,ROUNDDOWN($C1137/24,0)+1,1)*INDEX($D$3:$AA$30,INDEX(Jesper!$R$2:$R$366,ROW(INDEX(Jesper!AK$2:AK$366,ROUNDDOWN($C1137/24,0)+1,1))-1)+IF('Standard Profiles'!$G$21=$B$10,7,0)+IF('Standard Profiles'!$G$21=$B$17,14,0)+IF('Standard Profiles'!$G$21=$B$24,21,0),MOD($C1137,24)+1)/SUM(INDEX($D$3:$AA$30,INDEX(Jesper!$R$2:$R$366,ROW(INDEX(Jesper!AK$2:AK$366,ROUNDDOWN($C1137/24,0)+1,1))-1)+IF('Standard Profiles'!$G$21=$B$10,7,0)+IF('Standard Profiles'!$G$21=$B$17,14,0)+IF('Standard Profiles'!$G$21=$B$24,21,0),0)),0)</f>
        <v>8.7925680638901564</v>
      </c>
      <c r="H1137" cm="1">
        <f t="array" ref="H1137">IFERROR(INDEX(Jesper!AL$2:AL$366,ROUNDDOWN($C1137/24,0)+1,1)*INDEX($D$3:$AA$30,INDEX(Jesper!$R$2:$R$366,ROW(INDEX(Jesper!AL$2:AL$366,ROUNDDOWN($C1137/24,0)+1,1))-1)+IF('Standard Profiles'!$G$22=$B$10,7,0)+IF('Standard Profiles'!$G$22=$B$17,14,0)+IF('Standard Profiles'!$G$22=$B$24,21,0),MOD($C1137,24)+1)/SUM(INDEX($D$3:$AA$30,INDEX(Jesper!$R$2:$R$366,ROW(INDEX(Jesper!AL$2:AL$366,ROUNDDOWN($C1137/24,0)+1,1))-1)+IF('Standard Profiles'!$G$22=$B$10,7,0)+IF('Standard Profiles'!$G$22=$B$17,14,0)+IF('Standard Profiles'!$G$22=$B$24,21,0),0)),0)</f>
        <v>0</v>
      </c>
      <c r="I1137">
        <f t="shared" si="139"/>
        <v>4.2204326706672726</v>
      </c>
      <c r="J1137">
        <f t="shared" si="140"/>
        <v>16.820609363913089</v>
      </c>
      <c r="K1137">
        <f t="shared" si="141"/>
        <v>0.64964965282722009</v>
      </c>
      <c r="L1137">
        <f t="shared" si="142"/>
        <v>0.32482482641361005</v>
      </c>
      <c r="M1137">
        <f t="shared" si="143"/>
        <v>0</v>
      </c>
      <c r="N1137" s="45">
        <f t="shared" si="144"/>
        <v>44972.958333330658</v>
      </c>
    </row>
    <row r="1138" spans="2:14" x14ac:dyDescent="0.25">
      <c r="B1138">
        <f t="shared" si="138"/>
        <v>4</v>
      </c>
      <c r="C1138" s="16">
        <v>1104</v>
      </c>
      <c r="D1138" cm="1">
        <f t="array" ref="D1138">IFERROR(INDEX(Jesper!AH$2:AH$366,ROUNDDOWN($C1138/24,0)+1,1)*INDEX($D$3:$AA$30,INDEX(Jesper!$R$2:$R$366,ROW(INDEX(Jesper!AH$2:AH$366,ROUNDDOWN($C1138/24,0)+1,1))-1)+IF('Standard Profiles'!$G$18=$B$10,7,0)+IF('Standard Profiles'!$G$18=$B$17,14,0)+IF('Standard Profiles'!$G$18=$B$24,21,0),MOD($C1138,24)+1)/SUM(INDEX($D$3:$AA$30,INDEX(Jesper!$R$2:$R$366,ROW(INDEX(Jesper!AH$2:AH$366,ROUNDDOWN($C1138/24,0)+1,1))-1)+IF('Standard Profiles'!$G$18=$B$10,7,0)+IF('Standard Profiles'!$G$18=$B$17,14,0)+IF('Standard Profiles'!$G$18=$B$24,21,0),0)),0)</f>
        <v>6.1156616857262804</v>
      </c>
      <c r="E1138" cm="1">
        <f t="array" ref="E1138">IFERROR(INDEX(Jesper!AI$2:AI$366,ROUNDDOWN($C1138/24,0)+1,1)*INDEX($D$3:$AA$30,INDEX(Jesper!$R$2:$R$366,ROW(INDEX(Jesper!AI$2:AI$366,ROUNDDOWN($C1138/24,0)+1,1))-1)+IF('Standard Profiles'!$G$19=$B$10,7,0)+IF('Standard Profiles'!$G$19=$B$17,14,0)+IF('Standard Profiles'!$G$19=$B$24,21,0),MOD($C1138,24)+1)/SUM(INDEX($D$3:$AA$30,INDEX(Jesper!$R$2:$R$366,ROW(INDEX(Jesper!AI$2:AI$366,ROUNDDOWN($C1138/24,0)+1,1))-1)+IF('Standard Profiles'!$G$19=$B$10,7,0)+IF('Standard Profiles'!$G$19=$B$17,14,0)+IF('Standard Profiles'!$G$19=$B$24,21,0),0)),0)</f>
        <v>7.3411425663263952</v>
      </c>
      <c r="F1138" cm="1">
        <f t="array" ref="F1138">IFERROR(INDEX(Jesper!AJ$2:AJ$366,ROUNDDOWN($C1138/24,0)+1,1)*INDEX($D$3:$AA$30,INDEX(Jesper!$R$2:$R$366,ROW(INDEX(Jesper!AJ$2:AJ$366,ROUNDDOWN($C1138/24,0)+1,1))-1)+IF('Standard Profiles'!$G$20=$B$10,7,0)+IF('Standard Profiles'!$G$20=$B$17,14,0)+IF('Standard Profiles'!$G$20=$B$24,21,0),MOD($C1138,24)+1)/SUM(INDEX($D$3:$AA$30,INDEX(Jesper!$R$2:$R$366,ROW(INDEX(Jesper!AJ$2:AJ$366,ROUNDDOWN($C1138/24,0)+1,1))-1)+IF('Standard Profiles'!$G$20=$B$10,7,0)+IF('Standard Profiles'!$G$20=$B$17,14,0)+IF('Standard Profiles'!$G$20=$B$24,21,0),0)),0)</f>
        <v>0</v>
      </c>
      <c r="G1138" cm="1">
        <f t="array" ref="G1138">IFERROR(INDEX(Jesper!AK$2:AK$366,ROUNDDOWN($C1138/24,0)+1,1)*INDEX($D$3:$AA$30,INDEX(Jesper!$R$2:$R$366,ROW(INDEX(Jesper!AK$2:AK$366,ROUNDDOWN($C1138/24,0)+1,1))-1)+IF('Standard Profiles'!$G$21=$B$10,7,0)+IF('Standard Profiles'!$G$21=$B$17,14,0)+IF('Standard Profiles'!$G$21=$B$24,21,0),MOD($C1138,24)+1)/SUM(INDEX($D$3:$AA$30,INDEX(Jesper!$R$2:$R$366,ROW(INDEX(Jesper!AK$2:AK$366,ROUNDDOWN($C1138/24,0)+1,1))-1)+IF('Standard Profiles'!$G$21=$B$10,7,0)+IF('Standard Profiles'!$G$21=$B$17,14,0)+IF('Standard Profiles'!$G$21=$B$24,21,0),0)),0)</f>
        <v>9.3325071938283699</v>
      </c>
      <c r="H1138" cm="1">
        <f t="array" ref="H1138">IFERROR(INDEX(Jesper!AL$2:AL$366,ROUNDDOWN($C1138/24,0)+1,1)*INDEX($D$3:$AA$30,INDEX(Jesper!$R$2:$R$366,ROW(INDEX(Jesper!AL$2:AL$366,ROUNDDOWN($C1138/24,0)+1,1))-1)+IF('Standard Profiles'!$G$22=$B$10,7,0)+IF('Standard Profiles'!$G$22=$B$17,14,0)+IF('Standard Profiles'!$G$22=$B$24,21,0),MOD($C1138,24)+1)/SUM(INDEX($D$3:$AA$30,INDEX(Jesper!$R$2:$R$366,ROW(INDEX(Jesper!AL$2:AL$366,ROUNDDOWN($C1138/24,0)+1,1))-1)+IF('Standard Profiles'!$G$22=$B$10,7,0)+IF('Standard Profiles'!$G$22=$B$17,14,0)+IF('Standard Profiles'!$G$22=$B$24,21,0),0)),0)</f>
        <v>0</v>
      </c>
      <c r="I1138">
        <f t="shared" si="139"/>
        <v>4.4796034530376154</v>
      </c>
      <c r="J1138">
        <f t="shared" si="140"/>
        <v>17.331202123127227</v>
      </c>
      <c r="K1138">
        <f t="shared" si="141"/>
        <v>0.65233724647746993</v>
      </c>
      <c r="L1138">
        <f t="shared" si="142"/>
        <v>0.32616862323873497</v>
      </c>
      <c r="M1138">
        <f t="shared" si="143"/>
        <v>0</v>
      </c>
      <c r="N1138" s="45">
        <f t="shared" si="144"/>
        <v>44972.999999997322</v>
      </c>
    </row>
    <row r="1139" spans="2:14" x14ac:dyDescent="0.25">
      <c r="B1139">
        <f t="shared" si="138"/>
        <v>4</v>
      </c>
      <c r="C1139" s="16">
        <v>1105</v>
      </c>
      <c r="D1139" cm="1">
        <f t="array" ref="D1139">IFERROR(INDEX(Jesper!AH$2:AH$366,ROUNDDOWN($C1139/24,0)+1,1)*INDEX($D$3:$AA$30,INDEX(Jesper!$R$2:$R$366,ROW(INDEX(Jesper!AH$2:AH$366,ROUNDDOWN($C1139/24,0)+1,1))-1)+IF('Standard Profiles'!$G$18=$B$10,7,0)+IF('Standard Profiles'!$G$18=$B$17,14,0)+IF('Standard Profiles'!$G$18=$B$24,21,0),MOD($C1139,24)+1)/SUM(INDEX($D$3:$AA$30,INDEX(Jesper!$R$2:$R$366,ROW(INDEX(Jesper!AH$2:AH$366,ROUNDDOWN($C1139/24,0)+1,1))-1)+IF('Standard Profiles'!$G$18=$B$10,7,0)+IF('Standard Profiles'!$G$18=$B$17,14,0)+IF('Standard Profiles'!$G$18=$B$24,21,0),0)),0)</f>
        <v>6.1156616857262804</v>
      </c>
      <c r="E1139" cm="1">
        <f t="array" ref="E1139">IFERROR(INDEX(Jesper!AI$2:AI$366,ROUNDDOWN($C1139/24,0)+1,1)*INDEX($D$3:$AA$30,INDEX(Jesper!$R$2:$R$366,ROW(INDEX(Jesper!AI$2:AI$366,ROUNDDOWN($C1139/24,0)+1,1))-1)+IF('Standard Profiles'!$G$19=$B$10,7,0)+IF('Standard Profiles'!$G$19=$B$17,14,0)+IF('Standard Profiles'!$G$19=$B$24,21,0),MOD($C1139,24)+1)/SUM(INDEX($D$3:$AA$30,INDEX(Jesper!$R$2:$R$366,ROW(INDEX(Jesper!AI$2:AI$366,ROUNDDOWN($C1139/24,0)+1,1))-1)+IF('Standard Profiles'!$G$19=$B$10,7,0)+IF('Standard Profiles'!$G$19=$B$17,14,0)+IF('Standard Profiles'!$G$19=$B$24,21,0),0)),0)</f>
        <v>7.3411425663263952</v>
      </c>
      <c r="F1139" cm="1">
        <f t="array" ref="F1139">IFERROR(INDEX(Jesper!AJ$2:AJ$366,ROUNDDOWN($C1139/24,0)+1,1)*INDEX($D$3:$AA$30,INDEX(Jesper!$R$2:$R$366,ROW(INDEX(Jesper!AJ$2:AJ$366,ROUNDDOWN($C1139/24,0)+1,1))-1)+IF('Standard Profiles'!$G$20=$B$10,7,0)+IF('Standard Profiles'!$G$20=$B$17,14,0)+IF('Standard Profiles'!$G$20=$B$24,21,0),MOD($C1139,24)+1)/SUM(INDEX($D$3:$AA$30,INDEX(Jesper!$R$2:$R$366,ROW(INDEX(Jesper!AJ$2:AJ$366,ROUNDDOWN($C1139/24,0)+1,1))-1)+IF('Standard Profiles'!$G$20=$B$10,7,0)+IF('Standard Profiles'!$G$20=$B$17,14,0)+IF('Standard Profiles'!$G$20=$B$24,21,0),0)),0)</f>
        <v>0</v>
      </c>
      <c r="G1139" cm="1">
        <f t="array" ref="G1139">IFERROR(INDEX(Jesper!AK$2:AK$366,ROUNDDOWN($C1139/24,0)+1,1)*INDEX($D$3:$AA$30,INDEX(Jesper!$R$2:$R$366,ROW(INDEX(Jesper!AK$2:AK$366,ROUNDDOWN($C1139/24,0)+1,1))-1)+IF('Standard Profiles'!$G$21=$B$10,7,0)+IF('Standard Profiles'!$G$21=$B$17,14,0)+IF('Standard Profiles'!$G$21=$B$24,21,0),MOD($C1139,24)+1)/SUM(INDEX($D$3:$AA$30,INDEX(Jesper!$R$2:$R$366,ROW(INDEX(Jesper!AK$2:AK$366,ROUNDDOWN($C1139/24,0)+1,1))-1)+IF('Standard Profiles'!$G$21=$B$10,7,0)+IF('Standard Profiles'!$G$21=$B$17,14,0)+IF('Standard Profiles'!$G$21=$B$24,21,0),0)),0)</f>
        <v>9.3325071938283699</v>
      </c>
      <c r="H1139" cm="1">
        <f t="array" ref="H1139">IFERROR(INDEX(Jesper!AL$2:AL$366,ROUNDDOWN($C1139/24,0)+1,1)*INDEX($D$3:$AA$30,INDEX(Jesper!$R$2:$R$366,ROW(INDEX(Jesper!AL$2:AL$366,ROUNDDOWN($C1139/24,0)+1,1))-1)+IF('Standard Profiles'!$G$22=$B$10,7,0)+IF('Standard Profiles'!$G$22=$B$17,14,0)+IF('Standard Profiles'!$G$22=$B$24,21,0),MOD($C1139,24)+1)/SUM(INDEX($D$3:$AA$30,INDEX(Jesper!$R$2:$R$366,ROW(INDEX(Jesper!AL$2:AL$366,ROUNDDOWN($C1139/24,0)+1,1))-1)+IF('Standard Profiles'!$G$22=$B$10,7,0)+IF('Standard Profiles'!$G$22=$B$17,14,0)+IF('Standard Profiles'!$G$22=$B$24,21,0),0)),0)</f>
        <v>0</v>
      </c>
      <c r="I1139">
        <f t="shared" si="139"/>
        <v>4.4796034530376154</v>
      </c>
      <c r="J1139">
        <f t="shared" si="140"/>
        <v>17.331202123127227</v>
      </c>
      <c r="K1139">
        <f t="shared" si="141"/>
        <v>0.65233724647746993</v>
      </c>
      <c r="L1139">
        <f t="shared" si="142"/>
        <v>0.32616862323873497</v>
      </c>
      <c r="M1139">
        <f t="shared" si="143"/>
        <v>0</v>
      </c>
      <c r="N1139" s="45">
        <f t="shared" si="144"/>
        <v>44973.041666663987</v>
      </c>
    </row>
    <row r="1140" spans="2:14" x14ac:dyDescent="0.25">
      <c r="B1140">
        <f t="shared" si="138"/>
        <v>4</v>
      </c>
      <c r="C1140" s="16">
        <v>1106</v>
      </c>
      <c r="D1140" cm="1">
        <f t="array" ref="D1140">IFERROR(INDEX(Jesper!AH$2:AH$366,ROUNDDOWN($C1140/24,0)+1,1)*INDEX($D$3:$AA$30,INDEX(Jesper!$R$2:$R$366,ROW(INDEX(Jesper!AH$2:AH$366,ROUNDDOWN($C1140/24,0)+1,1))-1)+IF('Standard Profiles'!$G$18=$B$10,7,0)+IF('Standard Profiles'!$G$18=$B$17,14,0)+IF('Standard Profiles'!$G$18=$B$24,21,0),MOD($C1140,24)+1)/SUM(INDEX($D$3:$AA$30,INDEX(Jesper!$R$2:$R$366,ROW(INDEX(Jesper!AH$2:AH$366,ROUNDDOWN($C1140/24,0)+1,1))-1)+IF('Standard Profiles'!$G$18=$B$10,7,0)+IF('Standard Profiles'!$G$18=$B$17,14,0)+IF('Standard Profiles'!$G$18=$B$24,21,0),0)),0)</f>
        <v>6.1156616857262804</v>
      </c>
      <c r="E1140" cm="1">
        <f t="array" ref="E1140">IFERROR(INDEX(Jesper!AI$2:AI$366,ROUNDDOWN($C1140/24,0)+1,1)*INDEX($D$3:$AA$30,INDEX(Jesper!$R$2:$R$366,ROW(INDEX(Jesper!AI$2:AI$366,ROUNDDOWN($C1140/24,0)+1,1))-1)+IF('Standard Profiles'!$G$19=$B$10,7,0)+IF('Standard Profiles'!$G$19=$B$17,14,0)+IF('Standard Profiles'!$G$19=$B$24,21,0),MOD($C1140,24)+1)/SUM(INDEX($D$3:$AA$30,INDEX(Jesper!$R$2:$R$366,ROW(INDEX(Jesper!AI$2:AI$366,ROUNDDOWN($C1140/24,0)+1,1))-1)+IF('Standard Profiles'!$G$19=$B$10,7,0)+IF('Standard Profiles'!$G$19=$B$17,14,0)+IF('Standard Profiles'!$G$19=$B$24,21,0),0)),0)</f>
        <v>7.3411425663263952</v>
      </c>
      <c r="F1140" cm="1">
        <f t="array" ref="F1140">IFERROR(INDEX(Jesper!AJ$2:AJ$366,ROUNDDOWN($C1140/24,0)+1,1)*INDEX($D$3:$AA$30,INDEX(Jesper!$R$2:$R$366,ROW(INDEX(Jesper!AJ$2:AJ$366,ROUNDDOWN($C1140/24,0)+1,1))-1)+IF('Standard Profiles'!$G$20=$B$10,7,0)+IF('Standard Profiles'!$G$20=$B$17,14,0)+IF('Standard Profiles'!$G$20=$B$24,21,0),MOD($C1140,24)+1)/SUM(INDEX($D$3:$AA$30,INDEX(Jesper!$R$2:$R$366,ROW(INDEX(Jesper!AJ$2:AJ$366,ROUNDDOWN($C1140/24,0)+1,1))-1)+IF('Standard Profiles'!$G$20=$B$10,7,0)+IF('Standard Profiles'!$G$20=$B$17,14,0)+IF('Standard Profiles'!$G$20=$B$24,21,0),0)),0)</f>
        <v>0</v>
      </c>
      <c r="G1140" cm="1">
        <f t="array" ref="G1140">IFERROR(INDEX(Jesper!AK$2:AK$366,ROUNDDOWN($C1140/24,0)+1,1)*INDEX($D$3:$AA$30,INDEX(Jesper!$R$2:$R$366,ROW(INDEX(Jesper!AK$2:AK$366,ROUNDDOWN($C1140/24,0)+1,1))-1)+IF('Standard Profiles'!$G$21=$B$10,7,0)+IF('Standard Profiles'!$G$21=$B$17,14,0)+IF('Standard Profiles'!$G$21=$B$24,21,0),MOD($C1140,24)+1)/SUM(INDEX($D$3:$AA$30,INDEX(Jesper!$R$2:$R$366,ROW(INDEX(Jesper!AK$2:AK$366,ROUNDDOWN($C1140/24,0)+1,1))-1)+IF('Standard Profiles'!$G$21=$B$10,7,0)+IF('Standard Profiles'!$G$21=$B$17,14,0)+IF('Standard Profiles'!$G$21=$B$24,21,0),0)),0)</f>
        <v>9.3325071938283699</v>
      </c>
      <c r="H1140" cm="1">
        <f t="array" ref="H1140">IFERROR(INDEX(Jesper!AL$2:AL$366,ROUNDDOWN($C1140/24,0)+1,1)*INDEX($D$3:$AA$30,INDEX(Jesper!$R$2:$R$366,ROW(INDEX(Jesper!AL$2:AL$366,ROUNDDOWN($C1140/24,0)+1,1))-1)+IF('Standard Profiles'!$G$22=$B$10,7,0)+IF('Standard Profiles'!$G$22=$B$17,14,0)+IF('Standard Profiles'!$G$22=$B$24,21,0),MOD($C1140,24)+1)/SUM(INDEX($D$3:$AA$30,INDEX(Jesper!$R$2:$R$366,ROW(INDEX(Jesper!AL$2:AL$366,ROUNDDOWN($C1140/24,0)+1,1))-1)+IF('Standard Profiles'!$G$22=$B$10,7,0)+IF('Standard Profiles'!$G$22=$B$17,14,0)+IF('Standard Profiles'!$G$22=$B$24,21,0),0)),0)</f>
        <v>0</v>
      </c>
      <c r="I1140">
        <f t="shared" si="139"/>
        <v>4.4796034530376154</v>
      </c>
      <c r="J1140">
        <f t="shared" si="140"/>
        <v>17.331202123127227</v>
      </c>
      <c r="K1140">
        <f t="shared" si="141"/>
        <v>0.65233724647746993</v>
      </c>
      <c r="L1140">
        <f t="shared" si="142"/>
        <v>0.32616862323873497</v>
      </c>
      <c r="M1140">
        <f t="shared" si="143"/>
        <v>0</v>
      </c>
      <c r="N1140" s="45">
        <f t="shared" si="144"/>
        <v>44973.083333330651</v>
      </c>
    </row>
    <row r="1141" spans="2:14" x14ac:dyDescent="0.25">
      <c r="B1141">
        <f t="shared" si="138"/>
        <v>4</v>
      </c>
      <c r="C1141" s="16">
        <v>1107</v>
      </c>
      <c r="D1141" cm="1">
        <f t="array" ref="D1141">IFERROR(INDEX(Jesper!AH$2:AH$366,ROUNDDOWN($C1141/24,0)+1,1)*INDEX($D$3:$AA$30,INDEX(Jesper!$R$2:$R$366,ROW(INDEX(Jesper!AH$2:AH$366,ROUNDDOWN($C1141/24,0)+1,1))-1)+IF('Standard Profiles'!$G$18=$B$10,7,0)+IF('Standard Profiles'!$G$18=$B$17,14,0)+IF('Standard Profiles'!$G$18=$B$24,21,0),MOD($C1141,24)+1)/SUM(INDEX($D$3:$AA$30,INDEX(Jesper!$R$2:$R$366,ROW(INDEX(Jesper!AH$2:AH$366,ROUNDDOWN($C1141/24,0)+1,1))-1)+IF('Standard Profiles'!$G$18=$B$10,7,0)+IF('Standard Profiles'!$G$18=$B$17,14,0)+IF('Standard Profiles'!$G$18=$B$24,21,0),0)),0)</f>
        <v>6.1156616857262804</v>
      </c>
      <c r="E1141" cm="1">
        <f t="array" ref="E1141">IFERROR(INDEX(Jesper!AI$2:AI$366,ROUNDDOWN($C1141/24,0)+1,1)*INDEX($D$3:$AA$30,INDEX(Jesper!$R$2:$R$366,ROW(INDEX(Jesper!AI$2:AI$366,ROUNDDOWN($C1141/24,0)+1,1))-1)+IF('Standard Profiles'!$G$19=$B$10,7,0)+IF('Standard Profiles'!$G$19=$B$17,14,0)+IF('Standard Profiles'!$G$19=$B$24,21,0),MOD($C1141,24)+1)/SUM(INDEX($D$3:$AA$30,INDEX(Jesper!$R$2:$R$366,ROW(INDEX(Jesper!AI$2:AI$366,ROUNDDOWN($C1141/24,0)+1,1))-1)+IF('Standard Profiles'!$G$19=$B$10,7,0)+IF('Standard Profiles'!$G$19=$B$17,14,0)+IF('Standard Profiles'!$G$19=$B$24,21,0),0)),0)</f>
        <v>7.3411425663263952</v>
      </c>
      <c r="F1141" cm="1">
        <f t="array" ref="F1141">IFERROR(INDEX(Jesper!AJ$2:AJ$366,ROUNDDOWN($C1141/24,0)+1,1)*INDEX($D$3:$AA$30,INDEX(Jesper!$R$2:$R$366,ROW(INDEX(Jesper!AJ$2:AJ$366,ROUNDDOWN($C1141/24,0)+1,1))-1)+IF('Standard Profiles'!$G$20=$B$10,7,0)+IF('Standard Profiles'!$G$20=$B$17,14,0)+IF('Standard Profiles'!$G$20=$B$24,21,0),MOD($C1141,24)+1)/SUM(INDEX($D$3:$AA$30,INDEX(Jesper!$R$2:$R$366,ROW(INDEX(Jesper!AJ$2:AJ$366,ROUNDDOWN($C1141/24,0)+1,1))-1)+IF('Standard Profiles'!$G$20=$B$10,7,0)+IF('Standard Profiles'!$G$20=$B$17,14,0)+IF('Standard Profiles'!$G$20=$B$24,21,0),0)),0)</f>
        <v>0</v>
      </c>
      <c r="G1141" cm="1">
        <f t="array" ref="G1141">IFERROR(INDEX(Jesper!AK$2:AK$366,ROUNDDOWN($C1141/24,0)+1,1)*INDEX($D$3:$AA$30,INDEX(Jesper!$R$2:$R$366,ROW(INDEX(Jesper!AK$2:AK$366,ROUNDDOWN($C1141/24,0)+1,1))-1)+IF('Standard Profiles'!$G$21=$B$10,7,0)+IF('Standard Profiles'!$G$21=$B$17,14,0)+IF('Standard Profiles'!$G$21=$B$24,21,0),MOD($C1141,24)+1)/SUM(INDEX($D$3:$AA$30,INDEX(Jesper!$R$2:$R$366,ROW(INDEX(Jesper!AK$2:AK$366,ROUNDDOWN($C1141/24,0)+1,1))-1)+IF('Standard Profiles'!$G$21=$B$10,7,0)+IF('Standard Profiles'!$G$21=$B$17,14,0)+IF('Standard Profiles'!$G$21=$B$24,21,0),0)),0)</f>
        <v>9.3325071938283699</v>
      </c>
      <c r="H1141" cm="1">
        <f t="array" ref="H1141">IFERROR(INDEX(Jesper!AL$2:AL$366,ROUNDDOWN($C1141/24,0)+1,1)*INDEX($D$3:$AA$30,INDEX(Jesper!$R$2:$R$366,ROW(INDEX(Jesper!AL$2:AL$366,ROUNDDOWN($C1141/24,0)+1,1))-1)+IF('Standard Profiles'!$G$22=$B$10,7,0)+IF('Standard Profiles'!$G$22=$B$17,14,0)+IF('Standard Profiles'!$G$22=$B$24,21,0),MOD($C1141,24)+1)/SUM(INDEX($D$3:$AA$30,INDEX(Jesper!$R$2:$R$366,ROW(INDEX(Jesper!AL$2:AL$366,ROUNDDOWN($C1141/24,0)+1,1))-1)+IF('Standard Profiles'!$G$22=$B$10,7,0)+IF('Standard Profiles'!$G$22=$B$17,14,0)+IF('Standard Profiles'!$G$22=$B$24,21,0),0)),0)</f>
        <v>0</v>
      </c>
      <c r="I1141">
        <f t="shared" si="139"/>
        <v>4.4796034530376154</v>
      </c>
      <c r="J1141">
        <f t="shared" si="140"/>
        <v>17.331202123127227</v>
      </c>
      <c r="K1141">
        <f t="shared" si="141"/>
        <v>0.65233724647746993</v>
      </c>
      <c r="L1141">
        <f t="shared" si="142"/>
        <v>0.32616862323873497</v>
      </c>
      <c r="M1141">
        <f t="shared" si="143"/>
        <v>0</v>
      </c>
      <c r="N1141" s="45">
        <f t="shared" si="144"/>
        <v>44973.124999997315</v>
      </c>
    </row>
    <row r="1142" spans="2:14" x14ac:dyDescent="0.25">
      <c r="B1142">
        <f t="shared" si="138"/>
        <v>4</v>
      </c>
      <c r="C1142" s="16">
        <v>1108</v>
      </c>
      <c r="D1142" cm="1">
        <f t="array" ref="D1142">IFERROR(INDEX(Jesper!AH$2:AH$366,ROUNDDOWN($C1142/24,0)+1,1)*INDEX($D$3:$AA$30,INDEX(Jesper!$R$2:$R$366,ROW(INDEX(Jesper!AH$2:AH$366,ROUNDDOWN($C1142/24,0)+1,1))-1)+IF('Standard Profiles'!$G$18=$B$10,7,0)+IF('Standard Profiles'!$G$18=$B$17,14,0)+IF('Standard Profiles'!$G$18=$B$24,21,0),MOD($C1142,24)+1)/SUM(INDEX($D$3:$AA$30,INDEX(Jesper!$R$2:$R$366,ROW(INDEX(Jesper!AH$2:AH$366,ROUNDDOWN($C1142/24,0)+1,1))-1)+IF('Standard Profiles'!$G$18=$B$10,7,0)+IF('Standard Profiles'!$G$18=$B$17,14,0)+IF('Standard Profiles'!$G$18=$B$24,21,0),0)),0)</f>
        <v>6.1156616857262804</v>
      </c>
      <c r="E1142" cm="1">
        <f t="array" ref="E1142">IFERROR(INDEX(Jesper!AI$2:AI$366,ROUNDDOWN($C1142/24,0)+1,1)*INDEX($D$3:$AA$30,INDEX(Jesper!$R$2:$R$366,ROW(INDEX(Jesper!AI$2:AI$366,ROUNDDOWN($C1142/24,0)+1,1))-1)+IF('Standard Profiles'!$G$19=$B$10,7,0)+IF('Standard Profiles'!$G$19=$B$17,14,0)+IF('Standard Profiles'!$G$19=$B$24,21,0),MOD($C1142,24)+1)/SUM(INDEX($D$3:$AA$30,INDEX(Jesper!$R$2:$R$366,ROW(INDEX(Jesper!AI$2:AI$366,ROUNDDOWN($C1142/24,0)+1,1))-1)+IF('Standard Profiles'!$G$19=$B$10,7,0)+IF('Standard Profiles'!$G$19=$B$17,14,0)+IF('Standard Profiles'!$G$19=$B$24,21,0),0)),0)</f>
        <v>7.3411425663263952</v>
      </c>
      <c r="F1142" cm="1">
        <f t="array" ref="F1142">IFERROR(INDEX(Jesper!AJ$2:AJ$366,ROUNDDOWN($C1142/24,0)+1,1)*INDEX($D$3:$AA$30,INDEX(Jesper!$R$2:$R$366,ROW(INDEX(Jesper!AJ$2:AJ$366,ROUNDDOWN($C1142/24,0)+1,1))-1)+IF('Standard Profiles'!$G$20=$B$10,7,0)+IF('Standard Profiles'!$G$20=$B$17,14,0)+IF('Standard Profiles'!$G$20=$B$24,21,0),MOD($C1142,24)+1)/SUM(INDEX($D$3:$AA$30,INDEX(Jesper!$R$2:$R$366,ROW(INDEX(Jesper!AJ$2:AJ$366,ROUNDDOWN($C1142/24,0)+1,1))-1)+IF('Standard Profiles'!$G$20=$B$10,7,0)+IF('Standard Profiles'!$G$20=$B$17,14,0)+IF('Standard Profiles'!$G$20=$B$24,21,0),0)),0)</f>
        <v>0</v>
      </c>
      <c r="G1142" cm="1">
        <f t="array" ref="G1142">IFERROR(INDEX(Jesper!AK$2:AK$366,ROUNDDOWN($C1142/24,0)+1,1)*INDEX($D$3:$AA$30,INDEX(Jesper!$R$2:$R$366,ROW(INDEX(Jesper!AK$2:AK$366,ROUNDDOWN($C1142/24,0)+1,1))-1)+IF('Standard Profiles'!$G$21=$B$10,7,0)+IF('Standard Profiles'!$G$21=$B$17,14,0)+IF('Standard Profiles'!$G$21=$B$24,21,0),MOD($C1142,24)+1)/SUM(INDEX($D$3:$AA$30,INDEX(Jesper!$R$2:$R$366,ROW(INDEX(Jesper!AK$2:AK$366,ROUNDDOWN($C1142/24,0)+1,1))-1)+IF('Standard Profiles'!$G$21=$B$10,7,0)+IF('Standard Profiles'!$G$21=$B$17,14,0)+IF('Standard Profiles'!$G$21=$B$24,21,0),0)),0)</f>
        <v>9.3325071938283699</v>
      </c>
      <c r="H1142" cm="1">
        <f t="array" ref="H1142">IFERROR(INDEX(Jesper!AL$2:AL$366,ROUNDDOWN($C1142/24,0)+1,1)*INDEX($D$3:$AA$30,INDEX(Jesper!$R$2:$R$366,ROW(INDEX(Jesper!AL$2:AL$366,ROUNDDOWN($C1142/24,0)+1,1))-1)+IF('Standard Profiles'!$G$22=$B$10,7,0)+IF('Standard Profiles'!$G$22=$B$17,14,0)+IF('Standard Profiles'!$G$22=$B$24,21,0),MOD($C1142,24)+1)/SUM(INDEX($D$3:$AA$30,INDEX(Jesper!$R$2:$R$366,ROW(INDEX(Jesper!AL$2:AL$366,ROUNDDOWN($C1142/24,0)+1,1))-1)+IF('Standard Profiles'!$G$22=$B$10,7,0)+IF('Standard Profiles'!$G$22=$B$17,14,0)+IF('Standard Profiles'!$G$22=$B$24,21,0),0)),0)</f>
        <v>0</v>
      </c>
      <c r="I1142">
        <f t="shared" si="139"/>
        <v>4.4796034530376154</v>
      </c>
      <c r="J1142">
        <f t="shared" si="140"/>
        <v>17.331202123127227</v>
      </c>
      <c r="K1142">
        <f t="shared" si="141"/>
        <v>0.65233724647746993</v>
      </c>
      <c r="L1142">
        <f t="shared" si="142"/>
        <v>0.32616862323873497</v>
      </c>
      <c r="M1142">
        <f t="shared" si="143"/>
        <v>0</v>
      </c>
      <c r="N1142" s="45">
        <f t="shared" si="144"/>
        <v>44973.166666663979</v>
      </c>
    </row>
    <row r="1143" spans="2:14" x14ac:dyDescent="0.25">
      <c r="B1143">
        <f t="shared" si="138"/>
        <v>4</v>
      </c>
      <c r="C1143" s="16">
        <v>1109</v>
      </c>
      <c r="D1143" cm="1">
        <f t="array" ref="D1143">IFERROR(INDEX(Jesper!AH$2:AH$366,ROUNDDOWN($C1143/24,0)+1,1)*INDEX($D$3:$AA$30,INDEX(Jesper!$R$2:$R$366,ROW(INDEX(Jesper!AH$2:AH$366,ROUNDDOWN($C1143/24,0)+1,1))-1)+IF('Standard Profiles'!$G$18=$B$10,7,0)+IF('Standard Profiles'!$G$18=$B$17,14,0)+IF('Standard Profiles'!$G$18=$B$24,21,0),MOD($C1143,24)+1)/SUM(INDEX($D$3:$AA$30,INDEX(Jesper!$R$2:$R$366,ROW(INDEX(Jesper!AH$2:AH$366,ROUNDDOWN($C1143/24,0)+1,1))-1)+IF('Standard Profiles'!$G$18=$B$10,7,0)+IF('Standard Profiles'!$G$18=$B$17,14,0)+IF('Standard Profiles'!$G$18=$B$24,21,0),0)),0)</f>
        <v>6.1156616857262804</v>
      </c>
      <c r="E1143" cm="1">
        <f t="array" ref="E1143">IFERROR(INDEX(Jesper!AI$2:AI$366,ROUNDDOWN($C1143/24,0)+1,1)*INDEX($D$3:$AA$30,INDEX(Jesper!$R$2:$R$366,ROW(INDEX(Jesper!AI$2:AI$366,ROUNDDOWN($C1143/24,0)+1,1))-1)+IF('Standard Profiles'!$G$19=$B$10,7,0)+IF('Standard Profiles'!$G$19=$B$17,14,0)+IF('Standard Profiles'!$G$19=$B$24,21,0),MOD($C1143,24)+1)/SUM(INDEX($D$3:$AA$30,INDEX(Jesper!$R$2:$R$366,ROW(INDEX(Jesper!AI$2:AI$366,ROUNDDOWN($C1143/24,0)+1,1))-1)+IF('Standard Profiles'!$G$19=$B$10,7,0)+IF('Standard Profiles'!$G$19=$B$17,14,0)+IF('Standard Profiles'!$G$19=$B$24,21,0),0)),0)</f>
        <v>7.3411425663263952</v>
      </c>
      <c r="F1143" cm="1">
        <f t="array" ref="F1143">IFERROR(INDEX(Jesper!AJ$2:AJ$366,ROUNDDOWN($C1143/24,0)+1,1)*INDEX($D$3:$AA$30,INDEX(Jesper!$R$2:$R$366,ROW(INDEX(Jesper!AJ$2:AJ$366,ROUNDDOWN($C1143/24,0)+1,1))-1)+IF('Standard Profiles'!$G$20=$B$10,7,0)+IF('Standard Profiles'!$G$20=$B$17,14,0)+IF('Standard Profiles'!$G$20=$B$24,21,0),MOD($C1143,24)+1)/SUM(INDEX($D$3:$AA$30,INDEX(Jesper!$R$2:$R$366,ROW(INDEX(Jesper!AJ$2:AJ$366,ROUNDDOWN($C1143/24,0)+1,1))-1)+IF('Standard Profiles'!$G$20=$B$10,7,0)+IF('Standard Profiles'!$G$20=$B$17,14,0)+IF('Standard Profiles'!$G$20=$B$24,21,0),0)),0)</f>
        <v>0</v>
      </c>
      <c r="G1143" cm="1">
        <f t="array" ref="G1143">IFERROR(INDEX(Jesper!AK$2:AK$366,ROUNDDOWN($C1143/24,0)+1,1)*INDEX($D$3:$AA$30,INDEX(Jesper!$R$2:$R$366,ROW(INDEX(Jesper!AK$2:AK$366,ROUNDDOWN($C1143/24,0)+1,1))-1)+IF('Standard Profiles'!$G$21=$B$10,7,0)+IF('Standard Profiles'!$G$21=$B$17,14,0)+IF('Standard Profiles'!$G$21=$B$24,21,0),MOD($C1143,24)+1)/SUM(INDEX($D$3:$AA$30,INDEX(Jesper!$R$2:$R$366,ROW(INDEX(Jesper!AK$2:AK$366,ROUNDDOWN($C1143/24,0)+1,1))-1)+IF('Standard Profiles'!$G$21=$B$10,7,0)+IF('Standard Profiles'!$G$21=$B$17,14,0)+IF('Standard Profiles'!$G$21=$B$24,21,0),0)),0)</f>
        <v>9.3325071938283699</v>
      </c>
      <c r="H1143" cm="1">
        <f t="array" ref="H1143">IFERROR(INDEX(Jesper!AL$2:AL$366,ROUNDDOWN($C1143/24,0)+1,1)*INDEX($D$3:$AA$30,INDEX(Jesper!$R$2:$R$366,ROW(INDEX(Jesper!AL$2:AL$366,ROUNDDOWN($C1143/24,0)+1,1))-1)+IF('Standard Profiles'!$G$22=$B$10,7,0)+IF('Standard Profiles'!$G$22=$B$17,14,0)+IF('Standard Profiles'!$G$22=$B$24,21,0),MOD($C1143,24)+1)/SUM(INDEX($D$3:$AA$30,INDEX(Jesper!$R$2:$R$366,ROW(INDEX(Jesper!AL$2:AL$366,ROUNDDOWN($C1143/24,0)+1,1))-1)+IF('Standard Profiles'!$G$22=$B$10,7,0)+IF('Standard Profiles'!$G$22=$B$17,14,0)+IF('Standard Profiles'!$G$22=$B$24,21,0),0)),0)</f>
        <v>0</v>
      </c>
      <c r="I1143">
        <f t="shared" si="139"/>
        <v>4.4796034530376154</v>
      </c>
      <c r="J1143">
        <f t="shared" si="140"/>
        <v>17.331202123127227</v>
      </c>
      <c r="K1143">
        <f t="shared" si="141"/>
        <v>0.65233724647746993</v>
      </c>
      <c r="L1143">
        <f t="shared" si="142"/>
        <v>0.32616862323873497</v>
      </c>
      <c r="M1143">
        <f t="shared" si="143"/>
        <v>0</v>
      </c>
      <c r="N1143" s="45">
        <f t="shared" si="144"/>
        <v>44973.208333330644</v>
      </c>
    </row>
    <row r="1144" spans="2:14" x14ac:dyDescent="0.25">
      <c r="B1144">
        <f t="shared" si="138"/>
        <v>4</v>
      </c>
      <c r="C1144" s="16">
        <v>1110</v>
      </c>
      <c r="D1144" cm="1">
        <f t="array" ref="D1144">IFERROR(INDEX(Jesper!AH$2:AH$366,ROUNDDOWN($C1144/24,0)+1,1)*INDEX($D$3:$AA$30,INDEX(Jesper!$R$2:$R$366,ROW(INDEX(Jesper!AH$2:AH$366,ROUNDDOWN($C1144/24,0)+1,1))-1)+IF('Standard Profiles'!$G$18=$B$10,7,0)+IF('Standard Profiles'!$G$18=$B$17,14,0)+IF('Standard Profiles'!$G$18=$B$24,21,0),MOD($C1144,24)+1)/SUM(INDEX($D$3:$AA$30,INDEX(Jesper!$R$2:$R$366,ROW(INDEX(Jesper!AH$2:AH$366,ROUNDDOWN($C1144/24,0)+1,1))-1)+IF('Standard Profiles'!$G$18=$B$10,7,0)+IF('Standard Profiles'!$G$18=$B$17,14,0)+IF('Standard Profiles'!$G$18=$B$24,21,0),0)),0)</f>
        <v>6.1156616857262804</v>
      </c>
      <c r="E1144" cm="1">
        <f t="array" ref="E1144">IFERROR(INDEX(Jesper!AI$2:AI$366,ROUNDDOWN($C1144/24,0)+1,1)*INDEX($D$3:$AA$30,INDEX(Jesper!$R$2:$R$366,ROW(INDEX(Jesper!AI$2:AI$366,ROUNDDOWN($C1144/24,0)+1,1))-1)+IF('Standard Profiles'!$G$19=$B$10,7,0)+IF('Standard Profiles'!$G$19=$B$17,14,0)+IF('Standard Profiles'!$G$19=$B$24,21,0),MOD($C1144,24)+1)/SUM(INDEX($D$3:$AA$30,INDEX(Jesper!$R$2:$R$366,ROW(INDEX(Jesper!AI$2:AI$366,ROUNDDOWN($C1144/24,0)+1,1))-1)+IF('Standard Profiles'!$G$19=$B$10,7,0)+IF('Standard Profiles'!$G$19=$B$17,14,0)+IF('Standard Profiles'!$G$19=$B$24,21,0),0)),0)</f>
        <v>7.3411425663263952</v>
      </c>
      <c r="F1144" cm="1">
        <f t="array" ref="F1144">IFERROR(INDEX(Jesper!AJ$2:AJ$366,ROUNDDOWN($C1144/24,0)+1,1)*INDEX($D$3:$AA$30,INDEX(Jesper!$R$2:$R$366,ROW(INDEX(Jesper!AJ$2:AJ$366,ROUNDDOWN($C1144/24,0)+1,1))-1)+IF('Standard Profiles'!$G$20=$B$10,7,0)+IF('Standard Profiles'!$G$20=$B$17,14,0)+IF('Standard Profiles'!$G$20=$B$24,21,0),MOD($C1144,24)+1)/SUM(INDEX($D$3:$AA$30,INDEX(Jesper!$R$2:$R$366,ROW(INDEX(Jesper!AJ$2:AJ$366,ROUNDDOWN($C1144/24,0)+1,1))-1)+IF('Standard Profiles'!$G$20=$B$10,7,0)+IF('Standard Profiles'!$G$20=$B$17,14,0)+IF('Standard Profiles'!$G$20=$B$24,21,0),0)),0)</f>
        <v>0</v>
      </c>
      <c r="G1144" cm="1">
        <f t="array" ref="G1144">IFERROR(INDEX(Jesper!AK$2:AK$366,ROUNDDOWN($C1144/24,0)+1,1)*INDEX($D$3:$AA$30,INDEX(Jesper!$R$2:$R$366,ROW(INDEX(Jesper!AK$2:AK$366,ROUNDDOWN($C1144/24,0)+1,1))-1)+IF('Standard Profiles'!$G$21=$B$10,7,0)+IF('Standard Profiles'!$G$21=$B$17,14,0)+IF('Standard Profiles'!$G$21=$B$24,21,0),MOD($C1144,24)+1)/SUM(INDEX($D$3:$AA$30,INDEX(Jesper!$R$2:$R$366,ROW(INDEX(Jesper!AK$2:AK$366,ROUNDDOWN($C1144/24,0)+1,1))-1)+IF('Standard Profiles'!$G$21=$B$10,7,0)+IF('Standard Profiles'!$G$21=$B$17,14,0)+IF('Standard Profiles'!$G$21=$B$24,21,0),0)),0)</f>
        <v>9.3325071938283699</v>
      </c>
      <c r="H1144" cm="1">
        <f t="array" ref="H1144">IFERROR(INDEX(Jesper!AL$2:AL$366,ROUNDDOWN($C1144/24,0)+1,1)*INDEX($D$3:$AA$30,INDEX(Jesper!$R$2:$R$366,ROW(INDEX(Jesper!AL$2:AL$366,ROUNDDOWN($C1144/24,0)+1,1))-1)+IF('Standard Profiles'!$G$22=$B$10,7,0)+IF('Standard Profiles'!$G$22=$B$17,14,0)+IF('Standard Profiles'!$G$22=$B$24,21,0),MOD($C1144,24)+1)/SUM(INDEX($D$3:$AA$30,INDEX(Jesper!$R$2:$R$366,ROW(INDEX(Jesper!AL$2:AL$366,ROUNDDOWN($C1144/24,0)+1,1))-1)+IF('Standard Profiles'!$G$22=$B$10,7,0)+IF('Standard Profiles'!$G$22=$B$17,14,0)+IF('Standard Profiles'!$G$22=$B$24,21,0),0)),0)</f>
        <v>0</v>
      </c>
      <c r="I1144">
        <f t="shared" si="139"/>
        <v>4.4796034530376154</v>
      </c>
      <c r="J1144">
        <f t="shared" si="140"/>
        <v>17.331202123127227</v>
      </c>
      <c r="K1144">
        <f t="shared" si="141"/>
        <v>0.65233724647746993</v>
      </c>
      <c r="L1144">
        <f t="shared" si="142"/>
        <v>0.32616862323873497</v>
      </c>
      <c r="M1144">
        <f t="shared" si="143"/>
        <v>0</v>
      </c>
      <c r="N1144" s="45">
        <f t="shared" si="144"/>
        <v>44973.249999997308</v>
      </c>
    </row>
    <row r="1145" spans="2:14" x14ac:dyDescent="0.25">
      <c r="B1145">
        <f t="shared" si="138"/>
        <v>4</v>
      </c>
      <c r="C1145" s="16">
        <v>1111</v>
      </c>
      <c r="D1145" cm="1">
        <f t="array" ref="D1145">IFERROR(INDEX(Jesper!AH$2:AH$366,ROUNDDOWN($C1145/24,0)+1,1)*INDEX($D$3:$AA$30,INDEX(Jesper!$R$2:$R$366,ROW(INDEX(Jesper!AH$2:AH$366,ROUNDDOWN($C1145/24,0)+1,1))-1)+IF('Standard Profiles'!$G$18=$B$10,7,0)+IF('Standard Profiles'!$G$18=$B$17,14,0)+IF('Standard Profiles'!$G$18=$B$24,21,0),MOD($C1145,24)+1)/SUM(INDEX($D$3:$AA$30,INDEX(Jesper!$R$2:$R$366,ROW(INDEX(Jesper!AH$2:AH$366,ROUNDDOWN($C1145/24,0)+1,1))-1)+IF('Standard Profiles'!$G$18=$B$10,7,0)+IF('Standard Profiles'!$G$18=$B$17,14,0)+IF('Standard Profiles'!$G$18=$B$24,21,0),0)),0)</f>
        <v>25.000083678923488</v>
      </c>
      <c r="E1145" cm="1">
        <f t="array" ref="E1145">IFERROR(INDEX(Jesper!AI$2:AI$366,ROUNDDOWN($C1145/24,0)+1,1)*INDEX($D$3:$AA$30,INDEX(Jesper!$R$2:$R$366,ROW(INDEX(Jesper!AI$2:AI$366,ROUNDDOWN($C1145/24,0)+1,1))-1)+IF('Standard Profiles'!$G$19=$B$10,7,0)+IF('Standard Profiles'!$G$19=$B$17,14,0)+IF('Standard Profiles'!$G$19=$B$24,21,0),MOD($C1145,24)+1)/SUM(INDEX($D$3:$AA$30,INDEX(Jesper!$R$2:$R$366,ROW(INDEX(Jesper!AI$2:AI$366,ROUNDDOWN($C1145/24,0)+1,1))-1)+IF('Standard Profiles'!$G$19=$B$10,7,0)+IF('Standard Profiles'!$G$19=$B$17,14,0)+IF('Standard Profiles'!$G$19=$B$24,21,0),0)),0)</f>
        <v>30.009700975679717</v>
      </c>
      <c r="F1145" cm="1">
        <f t="array" ref="F1145">IFERROR(INDEX(Jesper!AJ$2:AJ$366,ROUNDDOWN($C1145/24,0)+1,1)*INDEX($D$3:$AA$30,INDEX(Jesper!$R$2:$R$366,ROW(INDEX(Jesper!AJ$2:AJ$366,ROUNDDOWN($C1145/24,0)+1,1))-1)+IF('Standard Profiles'!$G$20=$B$10,7,0)+IF('Standard Profiles'!$G$20=$B$17,14,0)+IF('Standard Profiles'!$G$20=$B$24,21,0),MOD($C1145,24)+1)/SUM(INDEX($D$3:$AA$30,INDEX(Jesper!$R$2:$R$366,ROW(INDEX(Jesper!AJ$2:AJ$366,ROUNDDOWN($C1145/24,0)+1,1))-1)+IF('Standard Profiles'!$G$20=$B$10,7,0)+IF('Standard Profiles'!$G$20=$B$17,14,0)+IF('Standard Profiles'!$G$20=$B$24,21,0),0)),0)</f>
        <v>0</v>
      </c>
      <c r="G1145" cm="1">
        <f t="array" ref="G1145">IFERROR(INDEX(Jesper!AK$2:AK$366,ROUNDDOWN($C1145/24,0)+1,1)*INDEX($D$3:$AA$30,INDEX(Jesper!$R$2:$R$366,ROW(INDEX(Jesper!AK$2:AK$366,ROUNDDOWN($C1145/24,0)+1,1))-1)+IF('Standard Profiles'!$G$21=$B$10,7,0)+IF('Standard Profiles'!$G$21=$B$17,14,0)+IF('Standard Profiles'!$G$21=$B$24,21,0),MOD($C1145,24)+1)/SUM(INDEX($D$3:$AA$30,INDEX(Jesper!$R$2:$R$366,ROW(INDEX(Jesper!AK$2:AK$366,ROUNDDOWN($C1145/24,0)+1,1))-1)+IF('Standard Profiles'!$G$21=$B$10,7,0)+IF('Standard Profiles'!$G$21=$B$17,14,0)+IF('Standard Profiles'!$G$21=$B$24,21,0),0)),0)</f>
        <v>25.711057318997153</v>
      </c>
      <c r="H1145" cm="1">
        <f t="array" ref="H1145">IFERROR(INDEX(Jesper!AL$2:AL$366,ROUNDDOWN($C1145/24,0)+1,1)*INDEX($D$3:$AA$30,INDEX(Jesper!$R$2:$R$366,ROW(INDEX(Jesper!AL$2:AL$366,ROUNDDOWN($C1145/24,0)+1,1))-1)+IF('Standard Profiles'!$G$22=$B$10,7,0)+IF('Standard Profiles'!$G$22=$B$17,14,0)+IF('Standard Profiles'!$G$22=$B$24,21,0),MOD($C1145,24)+1)/SUM(INDEX($D$3:$AA$30,INDEX(Jesper!$R$2:$R$366,ROW(INDEX(Jesper!AL$2:AL$366,ROUNDDOWN($C1145/24,0)+1,1))-1)+IF('Standard Profiles'!$G$22=$B$10,7,0)+IF('Standard Profiles'!$G$22=$B$17,14,0)+IF('Standard Profiles'!$G$22=$B$24,21,0),0)),0)</f>
        <v>0</v>
      </c>
      <c r="I1145">
        <f t="shared" si="139"/>
        <v>12.341307513118627</v>
      </c>
      <c r="J1145">
        <f t="shared" si="140"/>
        <v>64.379521071853972</v>
      </c>
      <c r="K1145">
        <f t="shared" si="141"/>
        <v>2.6666755924185055</v>
      </c>
      <c r="L1145">
        <f t="shared" si="142"/>
        <v>1.3333377962092527</v>
      </c>
      <c r="M1145">
        <f t="shared" si="143"/>
        <v>0</v>
      </c>
      <c r="N1145" s="45">
        <f t="shared" si="144"/>
        <v>44973.291666663972</v>
      </c>
    </row>
    <row r="1146" spans="2:14" x14ac:dyDescent="0.25">
      <c r="B1146">
        <f t="shared" si="138"/>
        <v>4</v>
      </c>
      <c r="C1146" s="16">
        <v>1112</v>
      </c>
      <c r="D1146" cm="1">
        <f t="array" ref="D1146">IFERROR(INDEX(Jesper!AH$2:AH$366,ROUNDDOWN($C1146/24,0)+1,1)*INDEX($D$3:$AA$30,INDEX(Jesper!$R$2:$R$366,ROW(INDEX(Jesper!AH$2:AH$366,ROUNDDOWN($C1146/24,0)+1,1))-1)+IF('Standard Profiles'!$G$18=$B$10,7,0)+IF('Standard Profiles'!$G$18=$B$17,14,0)+IF('Standard Profiles'!$G$18=$B$24,21,0),MOD($C1146,24)+1)/SUM(INDEX($D$3:$AA$30,INDEX(Jesper!$R$2:$R$366,ROW(INDEX(Jesper!AH$2:AH$366,ROUNDDOWN($C1146/24,0)+1,1))-1)+IF('Standard Profiles'!$G$18=$B$10,7,0)+IF('Standard Profiles'!$G$18=$B$17,14,0)+IF('Standard Profiles'!$G$18=$B$24,21,0),0)),0)</f>
        <v>27.894830210167264</v>
      </c>
      <c r="E1146" cm="1">
        <f t="array" ref="E1146">IFERROR(INDEX(Jesper!AI$2:AI$366,ROUNDDOWN($C1146/24,0)+1,1)*INDEX($D$3:$AA$30,INDEX(Jesper!$R$2:$R$366,ROW(INDEX(Jesper!AI$2:AI$366,ROUNDDOWN($C1146/24,0)+1,1))-1)+IF('Standard Profiles'!$G$19=$B$10,7,0)+IF('Standard Profiles'!$G$19=$B$17,14,0)+IF('Standard Profiles'!$G$19=$B$24,21,0),MOD($C1146,24)+1)/SUM(INDEX($D$3:$AA$30,INDEX(Jesper!$R$2:$R$366,ROW(INDEX(Jesper!AI$2:AI$366,ROUNDDOWN($C1146/24,0)+1,1))-1)+IF('Standard Profiles'!$G$19=$B$10,7,0)+IF('Standard Profiles'!$G$19=$B$17,14,0)+IF('Standard Profiles'!$G$19=$B$24,21,0),0)),0)</f>
        <v>33.484508457074213</v>
      </c>
      <c r="F1146" cm="1">
        <f t="array" ref="F1146">IFERROR(INDEX(Jesper!AJ$2:AJ$366,ROUNDDOWN($C1146/24,0)+1,1)*INDEX($D$3:$AA$30,INDEX(Jesper!$R$2:$R$366,ROW(INDEX(Jesper!AJ$2:AJ$366,ROUNDDOWN($C1146/24,0)+1,1))-1)+IF('Standard Profiles'!$G$20=$B$10,7,0)+IF('Standard Profiles'!$G$20=$B$17,14,0)+IF('Standard Profiles'!$G$20=$B$24,21,0),MOD($C1146,24)+1)/SUM(INDEX($D$3:$AA$30,INDEX(Jesper!$R$2:$R$366,ROW(INDEX(Jesper!AJ$2:AJ$366,ROUNDDOWN($C1146/24,0)+1,1))-1)+IF('Standard Profiles'!$G$20=$B$10,7,0)+IF('Standard Profiles'!$G$20=$B$17,14,0)+IF('Standard Profiles'!$G$20=$B$24,21,0),0)),0)</f>
        <v>0</v>
      </c>
      <c r="G1146" cm="1">
        <f t="array" ref="G1146">IFERROR(INDEX(Jesper!AK$2:AK$366,ROUNDDOWN($C1146/24,0)+1,1)*INDEX($D$3:$AA$30,INDEX(Jesper!$R$2:$R$366,ROW(INDEX(Jesper!AK$2:AK$366,ROUNDDOWN($C1146/24,0)+1,1))-1)+IF('Standard Profiles'!$G$21=$B$10,7,0)+IF('Standard Profiles'!$G$21=$B$17,14,0)+IF('Standard Profiles'!$G$21=$B$24,21,0),MOD($C1146,24)+1)/SUM(INDEX($D$3:$AA$30,INDEX(Jesper!$R$2:$R$366,ROW(INDEX(Jesper!AK$2:AK$366,ROUNDDOWN($C1146/24,0)+1,1))-1)+IF('Standard Profiles'!$G$21=$B$10,7,0)+IF('Standard Profiles'!$G$21=$B$17,14,0)+IF('Standard Profiles'!$G$21=$B$24,21,0),0)),0)</f>
        <v>28.688127113828408</v>
      </c>
      <c r="H1146" cm="1">
        <f t="array" ref="H1146">IFERROR(INDEX(Jesper!AL$2:AL$366,ROUNDDOWN($C1146/24,0)+1,1)*INDEX($D$3:$AA$30,INDEX(Jesper!$R$2:$R$366,ROW(INDEX(Jesper!AL$2:AL$366,ROUNDDOWN($C1146/24,0)+1,1))-1)+IF('Standard Profiles'!$G$22=$B$10,7,0)+IF('Standard Profiles'!$G$22=$B$17,14,0)+IF('Standard Profiles'!$G$22=$B$24,21,0),MOD($C1146,24)+1)/SUM(INDEX($D$3:$AA$30,INDEX(Jesper!$R$2:$R$366,ROW(INDEX(Jesper!AL$2:AL$366,ROUNDDOWN($C1146/24,0)+1,1))-1)+IF('Standard Profiles'!$G$22=$B$10,7,0)+IF('Standard Profiles'!$G$22=$B$17,14,0)+IF('Standard Profiles'!$G$22=$B$24,21,0),0)),0)</f>
        <v>0</v>
      </c>
      <c r="I1146">
        <f t="shared" si="139"/>
        <v>13.77030101463763</v>
      </c>
      <c r="J1146">
        <f t="shared" si="140"/>
        <v>71.833991932805489</v>
      </c>
      <c r="K1146">
        <f t="shared" si="141"/>
        <v>2.975448555751175</v>
      </c>
      <c r="L1146">
        <f t="shared" si="142"/>
        <v>1.4877242778755875</v>
      </c>
      <c r="M1146">
        <f t="shared" si="143"/>
        <v>0</v>
      </c>
      <c r="N1146" s="45">
        <f t="shared" si="144"/>
        <v>44973.333333330636</v>
      </c>
    </row>
    <row r="1147" spans="2:14" x14ac:dyDescent="0.25">
      <c r="B1147">
        <f t="shared" si="138"/>
        <v>4</v>
      </c>
      <c r="C1147" s="16">
        <v>1113</v>
      </c>
      <c r="D1147" cm="1">
        <f t="array" ref="D1147">IFERROR(INDEX(Jesper!AH$2:AH$366,ROUNDDOWN($C1147/24,0)+1,1)*INDEX($D$3:$AA$30,INDEX(Jesper!$R$2:$R$366,ROW(INDEX(Jesper!AH$2:AH$366,ROUNDDOWN($C1147/24,0)+1,1))-1)+IF('Standard Profiles'!$G$18=$B$10,7,0)+IF('Standard Profiles'!$G$18=$B$17,14,0)+IF('Standard Profiles'!$G$18=$B$24,21,0),MOD($C1147,24)+1)/SUM(INDEX($D$3:$AA$30,INDEX(Jesper!$R$2:$R$366,ROW(INDEX(Jesper!AH$2:AH$366,ROUNDDOWN($C1147/24,0)+1,1))-1)+IF('Standard Profiles'!$G$18=$B$10,7,0)+IF('Standard Profiles'!$G$18=$B$17,14,0)+IF('Standard Profiles'!$G$18=$B$24,21,0),0)),0)</f>
        <v>30.789576741411036</v>
      </c>
      <c r="E1147" cm="1">
        <f t="array" ref="E1147">IFERROR(INDEX(Jesper!AI$2:AI$366,ROUNDDOWN($C1147/24,0)+1,1)*INDEX($D$3:$AA$30,INDEX(Jesper!$R$2:$R$366,ROW(INDEX(Jesper!AI$2:AI$366,ROUNDDOWN($C1147/24,0)+1,1))-1)+IF('Standard Profiles'!$G$19=$B$10,7,0)+IF('Standard Profiles'!$G$19=$B$17,14,0)+IF('Standard Profiles'!$G$19=$B$24,21,0),MOD($C1147,24)+1)/SUM(INDEX($D$3:$AA$30,INDEX(Jesper!$R$2:$R$366,ROW(INDEX(Jesper!AI$2:AI$366,ROUNDDOWN($C1147/24,0)+1,1))-1)+IF('Standard Profiles'!$G$19=$B$10,7,0)+IF('Standard Profiles'!$G$19=$B$17,14,0)+IF('Standard Profiles'!$G$19=$B$24,21,0),0)),0)</f>
        <v>36.959315938468706</v>
      </c>
      <c r="F1147" cm="1">
        <f t="array" ref="F1147">IFERROR(INDEX(Jesper!AJ$2:AJ$366,ROUNDDOWN($C1147/24,0)+1,1)*INDEX($D$3:$AA$30,INDEX(Jesper!$R$2:$R$366,ROW(INDEX(Jesper!AJ$2:AJ$366,ROUNDDOWN($C1147/24,0)+1,1))-1)+IF('Standard Profiles'!$G$20=$B$10,7,0)+IF('Standard Profiles'!$G$20=$B$17,14,0)+IF('Standard Profiles'!$G$20=$B$24,21,0),MOD($C1147,24)+1)/SUM(INDEX($D$3:$AA$30,INDEX(Jesper!$R$2:$R$366,ROW(INDEX(Jesper!AJ$2:AJ$366,ROUNDDOWN($C1147/24,0)+1,1))-1)+IF('Standard Profiles'!$G$20=$B$10,7,0)+IF('Standard Profiles'!$G$20=$B$17,14,0)+IF('Standard Profiles'!$G$20=$B$24,21,0),0)),0)</f>
        <v>0</v>
      </c>
      <c r="G1147" cm="1">
        <f t="array" ref="G1147">IFERROR(INDEX(Jesper!AK$2:AK$366,ROUNDDOWN($C1147/24,0)+1,1)*INDEX($D$3:$AA$30,INDEX(Jesper!$R$2:$R$366,ROW(INDEX(Jesper!AK$2:AK$366,ROUNDDOWN($C1147/24,0)+1,1))-1)+IF('Standard Profiles'!$G$21=$B$10,7,0)+IF('Standard Profiles'!$G$21=$B$17,14,0)+IF('Standard Profiles'!$G$21=$B$24,21,0),MOD($C1147,24)+1)/SUM(INDEX($D$3:$AA$30,INDEX(Jesper!$R$2:$R$366,ROW(INDEX(Jesper!AK$2:AK$366,ROUNDDOWN($C1147/24,0)+1,1))-1)+IF('Standard Profiles'!$G$21=$B$10,7,0)+IF('Standard Profiles'!$G$21=$B$17,14,0)+IF('Standard Profiles'!$G$21=$B$24,21,0),0)),0)</f>
        <v>31.665196908659656</v>
      </c>
      <c r="H1147" cm="1">
        <f t="array" ref="H1147">IFERROR(INDEX(Jesper!AL$2:AL$366,ROUNDDOWN($C1147/24,0)+1,1)*INDEX($D$3:$AA$30,INDEX(Jesper!$R$2:$R$366,ROW(INDEX(Jesper!AL$2:AL$366,ROUNDDOWN($C1147/24,0)+1,1))-1)+IF('Standard Profiles'!$G$22=$B$10,7,0)+IF('Standard Profiles'!$G$22=$B$17,14,0)+IF('Standard Profiles'!$G$22=$B$24,21,0),MOD($C1147,24)+1)/SUM(INDEX($D$3:$AA$30,INDEX(Jesper!$R$2:$R$366,ROW(INDEX(Jesper!AL$2:AL$366,ROUNDDOWN($C1147/24,0)+1,1))-1)+IF('Standard Profiles'!$G$22=$B$10,7,0)+IF('Standard Profiles'!$G$22=$B$17,14,0)+IF('Standard Profiles'!$G$22=$B$24,21,0),0)),0)</f>
        <v>0</v>
      </c>
      <c r="I1147">
        <f t="shared" si="139"/>
        <v>15.199294516156627</v>
      </c>
      <c r="J1147">
        <f t="shared" si="140"/>
        <v>79.288462793757006</v>
      </c>
      <c r="K1147">
        <f t="shared" si="141"/>
        <v>3.284221519083844</v>
      </c>
      <c r="L1147">
        <f t="shared" si="142"/>
        <v>1.642110759541922</v>
      </c>
      <c r="M1147">
        <f t="shared" si="143"/>
        <v>0</v>
      </c>
      <c r="N1147" s="45">
        <f t="shared" si="144"/>
        <v>44973.374999997301</v>
      </c>
    </row>
    <row r="1148" spans="2:14" x14ac:dyDescent="0.25">
      <c r="B1148">
        <f t="shared" si="138"/>
        <v>4</v>
      </c>
      <c r="C1148" s="16">
        <v>1114</v>
      </c>
      <c r="D1148" cm="1">
        <f t="array" ref="D1148">IFERROR(INDEX(Jesper!AH$2:AH$366,ROUNDDOWN($C1148/24,0)+1,1)*INDEX($D$3:$AA$30,INDEX(Jesper!$R$2:$R$366,ROW(INDEX(Jesper!AH$2:AH$366,ROUNDDOWN($C1148/24,0)+1,1))-1)+IF('Standard Profiles'!$G$18=$B$10,7,0)+IF('Standard Profiles'!$G$18=$B$17,14,0)+IF('Standard Profiles'!$G$18=$B$24,21,0),MOD($C1148,24)+1)/SUM(INDEX($D$3:$AA$30,INDEX(Jesper!$R$2:$R$366,ROW(INDEX(Jesper!AH$2:AH$366,ROUNDDOWN($C1148/24,0)+1,1))-1)+IF('Standard Profiles'!$G$18=$B$10,7,0)+IF('Standard Profiles'!$G$18=$B$17,14,0)+IF('Standard Profiles'!$G$18=$B$24,21,0),0)),0)</f>
        <v>30.789576741411036</v>
      </c>
      <c r="E1148" cm="1">
        <f t="array" ref="E1148">IFERROR(INDEX(Jesper!AI$2:AI$366,ROUNDDOWN($C1148/24,0)+1,1)*INDEX($D$3:$AA$30,INDEX(Jesper!$R$2:$R$366,ROW(INDEX(Jesper!AI$2:AI$366,ROUNDDOWN($C1148/24,0)+1,1))-1)+IF('Standard Profiles'!$G$19=$B$10,7,0)+IF('Standard Profiles'!$G$19=$B$17,14,0)+IF('Standard Profiles'!$G$19=$B$24,21,0),MOD($C1148,24)+1)/SUM(INDEX($D$3:$AA$30,INDEX(Jesper!$R$2:$R$366,ROW(INDEX(Jesper!AI$2:AI$366,ROUNDDOWN($C1148/24,0)+1,1))-1)+IF('Standard Profiles'!$G$19=$B$10,7,0)+IF('Standard Profiles'!$G$19=$B$17,14,0)+IF('Standard Profiles'!$G$19=$B$24,21,0),0)),0)</f>
        <v>36.959315938468706</v>
      </c>
      <c r="F1148" cm="1">
        <f t="array" ref="F1148">IFERROR(INDEX(Jesper!AJ$2:AJ$366,ROUNDDOWN($C1148/24,0)+1,1)*INDEX($D$3:$AA$30,INDEX(Jesper!$R$2:$R$366,ROW(INDEX(Jesper!AJ$2:AJ$366,ROUNDDOWN($C1148/24,0)+1,1))-1)+IF('Standard Profiles'!$G$20=$B$10,7,0)+IF('Standard Profiles'!$G$20=$B$17,14,0)+IF('Standard Profiles'!$G$20=$B$24,21,0),MOD($C1148,24)+1)/SUM(INDEX($D$3:$AA$30,INDEX(Jesper!$R$2:$R$366,ROW(INDEX(Jesper!AJ$2:AJ$366,ROUNDDOWN($C1148/24,0)+1,1))-1)+IF('Standard Profiles'!$G$20=$B$10,7,0)+IF('Standard Profiles'!$G$20=$B$17,14,0)+IF('Standard Profiles'!$G$20=$B$24,21,0),0)),0)</f>
        <v>0</v>
      </c>
      <c r="G1148" cm="1">
        <f t="array" ref="G1148">IFERROR(INDEX(Jesper!AK$2:AK$366,ROUNDDOWN($C1148/24,0)+1,1)*INDEX($D$3:$AA$30,INDEX(Jesper!$R$2:$R$366,ROW(INDEX(Jesper!AK$2:AK$366,ROUNDDOWN($C1148/24,0)+1,1))-1)+IF('Standard Profiles'!$G$21=$B$10,7,0)+IF('Standard Profiles'!$G$21=$B$17,14,0)+IF('Standard Profiles'!$G$21=$B$24,21,0),MOD($C1148,24)+1)/SUM(INDEX($D$3:$AA$30,INDEX(Jesper!$R$2:$R$366,ROW(INDEX(Jesper!AK$2:AK$366,ROUNDDOWN($C1148/24,0)+1,1))-1)+IF('Standard Profiles'!$G$21=$B$10,7,0)+IF('Standard Profiles'!$G$21=$B$17,14,0)+IF('Standard Profiles'!$G$21=$B$24,21,0),0)),0)</f>
        <v>31.665196908659656</v>
      </c>
      <c r="H1148" cm="1">
        <f t="array" ref="H1148">IFERROR(INDEX(Jesper!AL$2:AL$366,ROUNDDOWN($C1148/24,0)+1,1)*INDEX($D$3:$AA$30,INDEX(Jesper!$R$2:$R$366,ROW(INDEX(Jesper!AL$2:AL$366,ROUNDDOWN($C1148/24,0)+1,1))-1)+IF('Standard Profiles'!$G$22=$B$10,7,0)+IF('Standard Profiles'!$G$22=$B$17,14,0)+IF('Standard Profiles'!$G$22=$B$24,21,0),MOD($C1148,24)+1)/SUM(INDEX($D$3:$AA$30,INDEX(Jesper!$R$2:$R$366,ROW(INDEX(Jesper!AL$2:AL$366,ROUNDDOWN($C1148/24,0)+1,1))-1)+IF('Standard Profiles'!$G$22=$B$10,7,0)+IF('Standard Profiles'!$G$22=$B$17,14,0)+IF('Standard Profiles'!$G$22=$B$24,21,0),0)),0)</f>
        <v>0</v>
      </c>
      <c r="I1148">
        <f t="shared" si="139"/>
        <v>15.199294516156627</v>
      </c>
      <c r="J1148">
        <f t="shared" si="140"/>
        <v>79.288462793757006</v>
      </c>
      <c r="K1148">
        <f t="shared" si="141"/>
        <v>3.284221519083844</v>
      </c>
      <c r="L1148">
        <f t="shared" si="142"/>
        <v>1.642110759541922</v>
      </c>
      <c r="M1148">
        <f t="shared" si="143"/>
        <v>0</v>
      </c>
      <c r="N1148" s="45">
        <f t="shared" si="144"/>
        <v>44973.416666663965</v>
      </c>
    </row>
    <row r="1149" spans="2:14" x14ac:dyDescent="0.25">
      <c r="B1149">
        <f t="shared" si="138"/>
        <v>4</v>
      </c>
      <c r="C1149" s="16">
        <v>1115</v>
      </c>
      <c r="D1149" cm="1">
        <f t="array" ref="D1149">IFERROR(INDEX(Jesper!AH$2:AH$366,ROUNDDOWN($C1149/24,0)+1,1)*INDEX($D$3:$AA$30,INDEX(Jesper!$R$2:$R$366,ROW(INDEX(Jesper!AH$2:AH$366,ROUNDDOWN($C1149/24,0)+1,1))-1)+IF('Standard Profiles'!$G$18=$B$10,7,0)+IF('Standard Profiles'!$G$18=$B$17,14,0)+IF('Standard Profiles'!$G$18=$B$24,21,0),MOD($C1149,24)+1)/SUM(INDEX($D$3:$AA$30,INDEX(Jesper!$R$2:$R$366,ROW(INDEX(Jesper!AH$2:AH$366,ROUNDDOWN($C1149/24,0)+1,1))-1)+IF('Standard Profiles'!$G$18=$B$10,7,0)+IF('Standard Profiles'!$G$18=$B$17,14,0)+IF('Standard Profiles'!$G$18=$B$24,21,0),0)),0)</f>
        <v>36.842228579466195</v>
      </c>
      <c r="E1149" cm="1">
        <f t="array" ref="E1149">IFERROR(INDEX(Jesper!AI$2:AI$366,ROUNDDOWN($C1149/24,0)+1,1)*INDEX($D$3:$AA$30,INDEX(Jesper!$R$2:$R$366,ROW(INDEX(Jesper!AI$2:AI$366,ROUNDDOWN($C1149/24,0)+1,1))-1)+IF('Standard Profiles'!$G$19=$B$10,7,0)+IF('Standard Profiles'!$G$19=$B$17,14,0)+IF('Standard Profiles'!$G$19=$B$24,21,0),MOD($C1149,24)+1)/SUM(INDEX($D$3:$AA$30,INDEX(Jesper!$R$2:$R$366,ROW(INDEX(Jesper!AI$2:AI$366,ROUNDDOWN($C1149/24,0)+1,1))-1)+IF('Standard Profiles'!$G$19=$B$10,7,0)+IF('Standard Profiles'!$G$19=$B$17,14,0)+IF('Standard Profiles'!$G$19=$B$24,21,0),0)),0)</f>
        <v>44.224822490475368</v>
      </c>
      <c r="F1149" cm="1">
        <f t="array" ref="F1149">IFERROR(INDEX(Jesper!AJ$2:AJ$366,ROUNDDOWN($C1149/24,0)+1,1)*INDEX($D$3:$AA$30,INDEX(Jesper!$R$2:$R$366,ROW(INDEX(Jesper!AJ$2:AJ$366,ROUNDDOWN($C1149/24,0)+1,1))-1)+IF('Standard Profiles'!$G$20=$B$10,7,0)+IF('Standard Profiles'!$G$20=$B$17,14,0)+IF('Standard Profiles'!$G$20=$B$24,21,0),MOD($C1149,24)+1)/SUM(INDEX($D$3:$AA$30,INDEX(Jesper!$R$2:$R$366,ROW(INDEX(Jesper!AJ$2:AJ$366,ROUNDDOWN($C1149/24,0)+1,1))-1)+IF('Standard Profiles'!$G$20=$B$10,7,0)+IF('Standard Profiles'!$G$20=$B$17,14,0)+IF('Standard Profiles'!$G$20=$B$24,21,0),0)),0)</f>
        <v>0</v>
      </c>
      <c r="G1149" cm="1">
        <f t="array" ref="G1149">IFERROR(INDEX(Jesper!AK$2:AK$366,ROUNDDOWN($C1149/24,0)+1,1)*INDEX($D$3:$AA$30,INDEX(Jesper!$R$2:$R$366,ROW(INDEX(Jesper!AK$2:AK$366,ROUNDDOWN($C1149/24,0)+1,1))-1)+IF('Standard Profiles'!$G$21=$B$10,7,0)+IF('Standard Profiles'!$G$21=$B$17,14,0)+IF('Standard Profiles'!$G$21=$B$24,21,0),MOD($C1149,24)+1)/SUM(INDEX($D$3:$AA$30,INDEX(Jesper!$R$2:$R$366,ROW(INDEX(Jesper!AK$2:AK$366,ROUNDDOWN($C1149/24,0)+1,1))-1)+IF('Standard Profiles'!$G$21=$B$10,7,0)+IF('Standard Profiles'!$G$21=$B$17,14,0)+IF('Standard Profiles'!$G$21=$B$24,21,0),0)),0)</f>
        <v>37.889979206943174</v>
      </c>
      <c r="H1149" cm="1">
        <f t="array" ref="H1149">IFERROR(INDEX(Jesper!AL$2:AL$366,ROUNDDOWN($C1149/24,0)+1,1)*INDEX($D$3:$AA$30,INDEX(Jesper!$R$2:$R$366,ROW(INDEX(Jesper!AL$2:AL$366,ROUNDDOWN($C1149/24,0)+1,1))-1)+IF('Standard Profiles'!$G$22=$B$10,7,0)+IF('Standard Profiles'!$G$22=$B$17,14,0)+IF('Standard Profiles'!$G$22=$B$24,21,0),MOD($C1149,24)+1)/SUM(INDEX($D$3:$AA$30,INDEX(Jesper!$R$2:$R$366,ROW(INDEX(Jesper!AL$2:AL$366,ROUNDDOWN($C1149/24,0)+1,1))-1)+IF('Standard Profiles'!$G$22=$B$10,7,0)+IF('Standard Profiles'!$G$22=$B$17,14,0)+IF('Standard Profiles'!$G$22=$B$24,21,0),0)),0)</f>
        <v>0</v>
      </c>
      <c r="I1149">
        <f t="shared" si="139"/>
        <v>18.187190019332714</v>
      </c>
      <c r="J1149">
        <f t="shared" si="140"/>
        <v>94.875083684837435</v>
      </c>
      <c r="K1149">
        <f t="shared" si="141"/>
        <v>3.9298377151430608</v>
      </c>
      <c r="L1149">
        <f t="shared" si="142"/>
        <v>1.9649188575715304</v>
      </c>
      <c r="M1149">
        <f t="shared" si="143"/>
        <v>0</v>
      </c>
      <c r="N1149" s="45">
        <f t="shared" si="144"/>
        <v>44973.458333330629</v>
      </c>
    </row>
    <row r="1150" spans="2:14" x14ac:dyDescent="0.25">
      <c r="B1150">
        <f t="shared" si="138"/>
        <v>4</v>
      </c>
      <c r="C1150" s="16">
        <v>1116</v>
      </c>
      <c r="D1150" cm="1">
        <f t="array" ref="D1150">IFERROR(INDEX(Jesper!AH$2:AH$366,ROUNDDOWN($C1150/24,0)+1,1)*INDEX($D$3:$AA$30,INDEX(Jesper!$R$2:$R$366,ROW(INDEX(Jesper!AH$2:AH$366,ROUNDDOWN($C1150/24,0)+1,1))-1)+IF('Standard Profiles'!$G$18=$B$10,7,0)+IF('Standard Profiles'!$G$18=$B$17,14,0)+IF('Standard Profiles'!$G$18=$B$24,21,0),MOD($C1150,24)+1)/SUM(INDEX($D$3:$AA$30,INDEX(Jesper!$R$2:$R$366,ROW(INDEX(Jesper!AH$2:AH$366,ROUNDDOWN($C1150/24,0)+1,1))-1)+IF('Standard Profiles'!$G$18=$B$10,7,0)+IF('Standard Profiles'!$G$18=$B$17,14,0)+IF('Standard Profiles'!$G$18=$B$24,21,0),0)),0)</f>
        <v>36.842228579466195</v>
      </c>
      <c r="E1150" cm="1">
        <f t="array" ref="E1150">IFERROR(INDEX(Jesper!AI$2:AI$366,ROUNDDOWN($C1150/24,0)+1,1)*INDEX($D$3:$AA$30,INDEX(Jesper!$R$2:$R$366,ROW(INDEX(Jesper!AI$2:AI$366,ROUNDDOWN($C1150/24,0)+1,1))-1)+IF('Standard Profiles'!$G$19=$B$10,7,0)+IF('Standard Profiles'!$G$19=$B$17,14,0)+IF('Standard Profiles'!$G$19=$B$24,21,0),MOD($C1150,24)+1)/SUM(INDEX($D$3:$AA$30,INDEX(Jesper!$R$2:$R$366,ROW(INDEX(Jesper!AI$2:AI$366,ROUNDDOWN($C1150/24,0)+1,1))-1)+IF('Standard Profiles'!$G$19=$B$10,7,0)+IF('Standard Profiles'!$G$19=$B$17,14,0)+IF('Standard Profiles'!$G$19=$B$24,21,0),0)),0)</f>
        <v>44.224822490475368</v>
      </c>
      <c r="F1150" cm="1">
        <f t="array" ref="F1150">IFERROR(INDEX(Jesper!AJ$2:AJ$366,ROUNDDOWN($C1150/24,0)+1,1)*INDEX($D$3:$AA$30,INDEX(Jesper!$R$2:$R$366,ROW(INDEX(Jesper!AJ$2:AJ$366,ROUNDDOWN($C1150/24,0)+1,1))-1)+IF('Standard Profiles'!$G$20=$B$10,7,0)+IF('Standard Profiles'!$G$20=$B$17,14,0)+IF('Standard Profiles'!$G$20=$B$24,21,0),MOD($C1150,24)+1)/SUM(INDEX($D$3:$AA$30,INDEX(Jesper!$R$2:$R$366,ROW(INDEX(Jesper!AJ$2:AJ$366,ROUNDDOWN($C1150/24,0)+1,1))-1)+IF('Standard Profiles'!$G$20=$B$10,7,0)+IF('Standard Profiles'!$G$20=$B$17,14,0)+IF('Standard Profiles'!$G$20=$B$24,21,0),0)),0)</f>
        <v>0</v>
      </c>
      <c r="G1150" cm="1">
        <f t="array" ref="G1150">IFERROR(INDEX(Jesper!AK$2:AK$366,ROUNDDOWN($C1150/24,0)+1,1)*INDEX($D$3:$AA$30,INDEX(Jesper!$R$2:$R$366,ROW(INDEX(Jesper!AK$2:AK$366,ROUNDDOWN($C1150/24,0)+1,1))-1)+IF('Standard Profiles'!$G$21=$B$10,7,0)+IF('Standard Profiles'!$G$21=$B$17,14,0)+IF('Standard Profiles'!$G$21=$B$24,21,0),MOD($C1150,24)+1)/SUM(INDEX($D$3:$AA$30,INDEX(Jesper!$R$2:$R$366,ROW(INDEX(Jesper!AK$2:AK$366,ROUNDDOWN($C1150/24,0)+1,1))-1)+IF('Standard Profiles'!$G$21=$B$10,7,0)+IF('Standard Profiles'!$G$21=$B$17,14,0)+IF('Standard Profiles'!$G$21=$B$24,21,0),0)),0)</f>
        <v>37.889979206943174</v>
      </c>
      <c r="H1150" cm="1">
        <f t="array" ref="H1150">IFERROR(INDEX(Jesper!AL$2:AL$366,ROUNDDOWN($C1150/24,0)+1,1)*INDEX($D$3:$AA$30,INDEX(Jesper!$R$2:$R$366,ROW(INDEX(Jesper!AL$2:AL$366,ROUNDDOWN($C1150/24,0)+1,1))-1)+IF('Standard Profiles'!$G$22=$B$10,7,0)+IF('Standard Profiles'!$G$22=$B$17,14,0)+IF('Standard Profiles'!$G$22=$B$24,21,0),MOD($C1150,24)+1)/SUM(INDEX($D$3:$AA$30,INDEX(Jesper!$R$2:$R$366,ROW(INDEX(Jesper!AL$2:AL$366,ROUNDDOWN($C1150/24,0)+1,1))-1)+IF('Standard Profiles'!$G$22=$B$10,7,0)+IF('Standard Profiles'!$G$22=$B$17,14,0)+IF('Standard Profiles'!$G$22=$B$24,21,0),0)),0)</f>
        <v>0</v>
      </c>
      <c r="I1150">
        <f t="shared" si="139"/>
        <v>18.187190019332714</v>
      </c>
      <c r="J1150">
        <f t="shared" si="140"/>
        <v>94.875083684837435</v>
      </c>
      <c r="K1150">
        <f t="shared" si="141"/>
        <v>3.9298377151430608</v>
      </c>
      <c r="L1150">
        <f t="shared" si="142"/>
        <v>1.9649188575715304</v>
      </c>
      <c r="M1150">
        <f t="shared" si="143"/>
        <v>0</v>
      </c>
      <c r="N1150" s="45">
        <f t="shared" si="144"/>
        <v>44973.499999997293</v>
      </c>
    </row>
    <row r="1151" spans="2:14" x14ac:dyDescent="0.25">
      <c r="B1151">
        <f t="shared" si="138"/>
        <v>4</v>
      </c>
      <c r="C1151" s="16">
        <v>1117</v>
      </c>
      <c r="D1151" cm="1">
        <f t="array" ref="D1151">IFERROR(INDEX(Jesper!AH$2:AH$366,ROUNDDOWN($C1151/24,0)+1,1)*INDEX($D$3:$AA$30,INDEX(Jesper!$R$2:$R$366,ROW(INDEX(Jesper!AH$2:AH$366,ROUNDDOWN($C1151/24,0)+1,1))-1)+IF('Standard Profiles'!$G$18=$B$10,7,0)+IF('Standard Profiles'!$G$18=$B$17,14,0)+IF('Standard Profiles'!$G$18=$B$24,21,0),MOD($C1151,24)+1)/SUM(INDEX($D$3:$AA$30,INDEX(Jesper!$R$2:$R$366,ROW(INDEX(Jesper!AH$2:AH$366,ROUNDDOWN($C1151/24,0)+1,1))-1)+IF('Standard Profiles'!$G$18=$B$10,7,0)+IF('Standard Profiles'!$G$18=$B$17,14,0)+IF('Standard Profiles'!$G$18=$B$24,21,0),0)),0)</f>
        <v>24.473766127788256</v>
      </c>
      <c r="E1151" cm="1">
        <f t="array" ref="E1151">IFERROR(INDEX(Jesper!AI$2:AI$366,ROUNDDOWN($C1151/24,0)+1,1)*INDEX($D$3:$AA$30,INDEX(Jesper!$R$2:$R$366,ROW(INDEX(Jesper!AI$2:AI$366,ROUNDDOWN($C1151/24,0)+1,1))-1)+IF('Standard Profiles'!$G$19=$B$10,7,0)+IF('Standard Profiles'!$G$19=$B$17,14,0)+IF('Standard Profiles'!$G$19=$B$24,21,0),MOD($C1151,24)+1)/SUM(INDEX($D$3:$AA$30,INDEX(Jesper!$R$2:$R$366,ROW(INDEX(Jesper!AI$2:AI$366,ROUNDDOWN($C1151/24,0)+1,1))-1)+IF('Standard Profiles'!$G$19=$B$10,7,0)+IF('Standard Profiles'!$G$19=$B$17,14,0)+IF('Standard Profiles'!$G$19=$B$24,21,0),0)),0)</f>
        <v>29.377917797244351</v>
      </c>
      <c r="F1151" cm="1">
        <f t="array" ref="F1151">IFERROR(INDEX(Jesper!AJ$2:AJ$366,ROUNDDOWN($C1151/24,0)+1,1)*INDEX($D$3:$AA$30,INDEX(Jesper!$R$2:$R$366,ROW(INDEX(Jesper!AJ$2:AJ$366,ROUNDDOWN($C1151/24,0)+1,1))-1)+IF('Standard Profiles'!$G$20=$B$10,7,0)+IF('Standard Profiles'!$G$20=$B$17,14,0)+IF('Standard Profiles'!$G$20=$B$24,21,0),MOD($C1151,24)+1)/SUM(INDEX($D$3:$AA$30,INDEX(Jesper!$R$2:$R$366,ROW(INDEX(Jesper!AJ$2:AJ$366,ROUNDDOWN($C1151/24,0)+1,1))-1)+IF('Standard Profiles'!$G$20=$B$10,7,0)+IF('Standard Profiles'!$G$20=$B$17,14,0)+IF('Standard Profiles'!$G$20=$B$24,21,0),0)),0)</f>
        <v>0</v>
      </c>
      <c r="G1151" cm="1">
        <f t="array" ref="G1151">IFERROR(INDEX(Jesper!AK$2:AK$366,ROUNDDOWN($C1151/24,0)+1,1)*INDEX($D$3:$AA$30,INDEX(Jesper!$R$2:$R$366,ROW(INDEX(Jesper!AK$2:AK$366,ROUNDDOWN($C1151/24,0)+1,1))-1)+IF('Standard Profiles'!$G$21=$B$10,7,0)+IF('Standard Profiles'!$G$21=$B$17,14,0)+IF('Standard Profiles'!$G$21=$B$24,21,0),MOD($C1151,24)+1)/SUM(INDEX($D$3:$AA$30,INDEX(Jesper!$R$2:$R$366,ROW(INDEX(Jesper!AK$2:AK$366,ROUNDDOWN($C1151/24,0)+1,1))-1)+IF('Standard Profiles'!$G$21=$B$10,7,0)+IF('Standard Profiles'!$G$21=$B$17,14,0)+IF('Standard Profiles'!$G$21=$B$24,21,0),0)),0)</f>
        <v>25.169771901755112</v>
      </c>
      <c r="H1151" cm="1">
        <f t="array" ref="H1151">IFERROR(INDEX(Jesper!AL$2:AL$366,ROUNDDOWN($C1151/24,0)+1,1)*INDEX($D$3:$AA$30,INDEX(Jesper!$R$2:$R$366,ROW(INDEX(Jesper!AL$2:AL$366,ROUNDDOWN($C1151/24,0)+1,1))-1)+IF('Standard Profiles'!$G$22=$B$10,7,0)+IF('Standard Profiles'!$G$22=$B$17,14,0)+IF('Standard Profiles'!$G$22=$B$24,21,0),MOD($C1151,24)+1)/SUM(INDEX($D$3:$AA$30,INDEX(Jesper!$R$2:$R$366,ROW(INDEX(Jesper!AL$2:AL$366,ROUNDDOWN($C1151/24,0)+1,1))-1)+IF('Standard Profiles'!$G$22=$B$10,7,0)+IF('Standard Profiles'!$G$22=$B$17,14,0)+IF('Standard Profiles'!$G$22=$B$24,21,0),0)),0)</f>
        <v>0</v>
      </c>
      <c r="I1151">
        <f t="shared" si="139"/>
        <v>12.081490512842448</v>
      </c>
      <c r="J1151">
        <f t="shared" si="140"/>
        <v>63.024162733499146</v>
      </c>
      <c r="K1151">
        <f t="shared" si="141"/>
        <v>2.6105350536307474</v>
      </c>
      <c r="L1151">
        <f t="shared" si="142"/>
        <v>1.3052675268153737</v>
      </c>
      <c r="M1151">
        <f t="shared" si="143"/>
        <v>0</v>
      </c>
      <c r="N1151" s="45">
        <f t="shared" si="144"/>
        <v>44973.541666663958</v>
      </c>
    </row>
    <row r="1152" spans="2:14" x14ac:dyDescent="0.25">
      <c r="B1152">
        <f t="shared" si="138"/>
        <v>4</v>
      </c>
      <c r="C1152" s="16">
        <v>1118</v>
      </c>
      <c r="D1152" cm="1">
        <f t="array" ref="D1152">IFERROR(INDEX(Jesper!AH$2:AH$366,ROUNDDOWN($C1152/24,0)+1,1)*INDEX($D$3:$AA$30,INDEX(Jesper!$R$2:$R$366,ROW(INDEX(Jesper!AH$2:AH$366,ROUNDDOWN($C1152/24,0)+1,1))-1)+IF('Standard Profiles'!$G$18=$B$10,7,0)+IF('Standard Profiles'!$G$18=$B$17,14,0)+IF('Standard Profiles'!$G$18=$B$24,21,0),MOD($C1152,24)+1)/SUM(INDEX($D$3:$AA$30,INDEX(Jesper!$R$2:$R$366,ROW(INDEX(Jesper!AH$2:AH$366,ROUNDDOWN($C1152/24,0)+1,1))-1)+IF('Standard Profiles'!$G$18=$B$10,7,0)+IF('Standard Profiles'!$G$18=$B$17,14,0)+IF('Standard Profiles'!$G$18=$B$24,21,0),0)),0)</f>
        <v>36.842228579466195</v>
      </c>
      <c r="E1152" cm="1">
        <f t="array" ref="E1152">IFERROR(INDEX(Jesper!AI$2:AI$366,ROUNDDOWN($C1152/24,0)+1,1)*INDEX($D$3:$AA$30,INDEX(Jesper!$R$2:$R$366,ROW(INDEX(Jesper!AI$2:AI$366,ROUNDDOWN($C1152/24,0)+1,1))-1)+IF('Standard Profiles'!$G$19=$B$10,7,0)+IF('Standard Profiles'!$G$19=$B$17,14,0)+IF('Standard Profiles'!$G$19=$B$24,21,0),MOD($C1152,24)+1)/SUM(INDEX($D$3:$AA$30,INDEX(Jesper!$R$2:$R$366,ROW(INDEX(Jesper!AI$2:AI$366,ROUNDDOWN($C1152/24,0)+1,1))-1)+IF('Standard Profiles'!$G$19=$B$10,7,0)+IF('Standard Profiles'!$G$19=$B$17,14,0)+IF('Standard Profiles'!$G$19=$B$24,21,0),0)),0)</f>
        <v>44.224822490475368</v>
      </c>
      <c r="F1152" cm="1">
        <f t="array" ref="F1152">IFERROR(INDEX(Jesper!AJ$2:AJ$366,ROUNDDOWN($C1152/24,0)+1,1)*INDEX($D$3:$AA$30,INDEX(Jesper!$R$2:$R$366,ROW(INDEX(Jesper!AJ$2:AJ$366,ROUNDDOWN($C1152/24,0)+1,1))-1)+IF('Standard Profiles'!$G$20=$B$10,7,0)+IF('Standard Profiles'!$G$20=$B$17,14,0)+IF('Standard Profiles'!$G$20=$B$24,21,0),MOD($C1152,24)+1)/SUM(INDEX($D$3:$AA$30,INDEX(Jesper!$R$2:$R$366,ROW(INDEX(Jesper!AJ$2:AJ$366,ROUNDDOWN($C1152/24,0)+1,1))-1)+IF('Standard Profiles'!$G$20=$B$10,7,0)+IF('Standard Profiles'!$G$20=$B$17,14,0)+IF('Standard Profiles'!$G$20=$B$24,21,0),0)),0)</f>
        <v>0</v>
      </c>
      <c r="G1152" cm="1">
        <f t="array" ref="G1152">IFERROR(INDEX(Jesper!AK$2:AK$366,ROUNDDOWN($C1152/24,0)+1,1)*INDEX($D$3:$AA$30,INDEX(Jesper!$R$2:$R$366,ROW(INDEX(Jesper!AK$2:AK$366,ROUNDDOWN($C1152/24,0)+1,1))-1)+IF('Standard Profiles'!$G$21=$B$10,7,0)+IF('Standard Profiles'!$G$21=$B$17,14,0)+IF('Standard Profiles'!$G$21=$B$24,21,0),MOD($C1152,24)+1)/SUM(INDEX($D$3:$AA$30,INDEX(Jesper!$R$2:$R$366,ROW(INDEX(Jesper!AK$2:AK$366,ROUNDDOWN($C1152/24,0)+1,1))-1)+IF('Standard Profiles'!$G$21=$B$10,7,0)+IF('Standard Profiles'!$G$21=$B$17,14,0)+IF('Standard Profiles'!$G$21=$B$24,21,0),0)),0)</f>
        <v>37.889979206943174</v>
      </c>
      <c r="H1152" cm="1">
        <f t="array" ref="H1152">IFERROR(INDEX(Jesper!AL$2:AL$366,ROUNDDOWN($C1152/24,0)+1,1)*INDEX($D$3:$AA$30,INDEX(Jesper!$R$2:$R$366,ROW(INDEX(Jesper!AL$2:AL$366,ROUNDDOWN($C1152/24,0)+1,1))-1)+IF('Standard Profiles'!$G$22=$B$10,7,0)+IF('Standard Profiles'!$G$22=$B$17,14,0)+IF('Standard Profiles'!$G$22=$B$24,21,0),MOD($C1152,24)+1)/SUM(INDEX($D$3:$AA$30,INDEX(Jesper!$R$2:$R$366,ROW(INDEX(Jesper!AL$2:AL$366,ROUNDDOWN($C1152/24,0)+1,1))-1)+IF('Standard Profiles'!$G$22=$B$10,7,0)+IF('Standard Profiles'!$G$22=$B$17,14,0)+IF('Standard Profiles'!$G$22=$B$24,21,0),0)),0)</f>
        <v>0</v>
      </c>
      <c r="I1152">
        <f t="shared" si="139"/>
        <v>18.187190019332714</v>
      </c>
      <c r="J1152">
        <f t="shared" si="140"/>
        <v>94.875083684837435</v>
      </c>
      <c r="K1152">
        <f t="shared" si="141"/>
        <v>3.9298377151430608</v>
      </c>
      <c r="L1152">
        <f t="shared" si="142"/>
        <v>1.9649188575715304</v>
      </c>
      <c r="M1152">
        <f t="shared" si="143"/>
        <v>0</v>
      </c>
      <c r="N1152" s="45">
        <f t="shared" si="144"/>
        <v>44973.583333330622</v>
      </c>
    </row>
    <row r="1153" spans="2:14" x14ac:dyDescent="0.25">
      <c r="B1153">
        <f t="shared" si="138"/>
        <v>4</v>
      </c>
      <c r="C1153" s="16">
        <v>1119</v>
      </c>
      <c r="D1153" cm="1">
        <f t="array" ref="D1153">IFERROR(INDEX(Jesper!AH$2:AH$366,ROUNDDOWN($C1153/24,0)+1,1)*INDEX($D$3:$AA$30,INDEX(Jesper!$R$2:$R$366,ROW(INDEX(Jesper!AH$2:AH$366,ROUNDDOWN($C1153/24,0)+1,1))-1)+IF('Standard Profiles'!$G$18=$B$10,7,0)+IF('Standard Profiles'!$G$18=$B$17,14,0)+IF('Standard Profiles'!$G$18=$B$24,21,0),MOD($C1153,24)+1)/SUM(INDEX($D$3:$AA$30,INDEX(Jesper!$R$2:$R$366,ROW(INDEX(Jesper!AH$2:AH$366,ROUNDDOWN($C1153/24,0)+1,1))-1)+IF('Standard Profiles'!$G$18=$B$10,7,0)+IF('Standard Profiles'!$G$18=$B$17,14,0)+IF('Standard Profiles'!$G$18=$B$24,21,0),0)),0)</f>
        <v>36.842228579466195</v>
      </c>
      <c r="E1153" cm="1">
        <f t="array" ref="E1153">IFERROR(INDEX(Jesper!AI$2:AI$366,ROUNDDOWN($C1153/24,0)+1,1)*INDEX($D$3:$AA$30,INDEX(Jesper!$R$2:$R$366,ROW(INDEX(Jesper!AI$2:AI$366,ROUNDDOWN($C1153/24,0)+1,1))-1)+IF('Standard Profiles'!$G$19=$B$10,7,0)+IF('Standard Profiles'!$G$19=$B$17,14,0)+IF('Standard Profiles'!$G$19=$B$24,21,0),MOD($C1153,24)+1)/SUM(INDEX($D$3:$AA$30,INDEX(Jesper!$R$2:$R$366,ROW(INDEX(Jesper!AI$2:AI$366,ROUNDDOWN($C1153/24,0)+1,1))-1)+IF('Standard Profiles'!$G$19=$B$10,7,0)+IF('Standard Profiles'!$G$19=$B$17,14,0)+IF('Standard Profiles'!$G$19=$B$24,21,0),0)),0)</f>
        <v>44.224822490475368</v>
      </c>
      <c r="F1153" cm="1">
        <f t="array" ref="F1153">IFERROR(INDEX(Jesper!AJ$2:AJ$366,ROUNDDOWN($C1153/24,0)+1,1)*INDEX($D$3:$AA$30,INDEX(Jesper!$R$2:$R$366,ROW(INDEX(Jesper!AJ$2:AJ$366,ROUNDDOWN($C1153/24,0)+1,1))-1)+IF('Standard Profiles'!$G$20=$B$10,7,0)+IF('Standard Profiles'!$G$20=$B$17,14,0)+IF('Standard Profiles'!$G$20=$B$24,21,0),MOD($C1153,24)+1)/SUM(INDEX($D$3:$AA$30,INDEX(Jesper!$R$2:$R$366,ROW(INDEX(Jesper!AJ$2:AJ$366,ROUNDDOWN($C1153/24,0)+1,1))-1)+IF('Standard Profiles'!$G$20=$B$10,7,0)+IF('Standard Profiles'!$G$20=$B$17,14,0)+IF('Standard Profiles'!$G$20=$B$24,21,0),0)),0)</f>
        <v>0</v>
      </c>
      <c r="G1153" cm="1">
        <f t="array" ref="G1153">IFERROR(INDEX(Jesper!AK$2:AK$366,ROUNDDOWN($C1153/24,0)+1,1)*INDEX($D$3:$AA$30,INDEX(Jesper!$R$2:$R$366,ROW(INDEX(Jesper!AK$2:AK$366,ROUNDDOWN($C1153/24,0)+1,1))-1)+IF('Standard Profiles'!$G$21=$B$10,7,0)+IF('Standard Profiles'!$G$21=$B$17,14,0)+IF('Standard Profiles'!$G$21=$B$24,21,0),MOD($C1153,24)+1)/SUM(INDEX($D$3:$AA$30,INDEX(Jesper!$R$2:$R$366,ROW(INDEX(Jesper!AK$2:AK$366,ROUNDDOWN($C1153/24,0)+1,1))-1)+IF('Standard Profiles'!$G$21=$B$10,7,0)+IF('Standard Profiles'!$G$21=$B$17,14,0)+IF('Standard Profiles'!$G$21=$B$24,21,0),0)),0)</f>
        <v>37.889979206943174</v>
      </c>
      <c r="H1153" cm="1">
        <f t="array" ref="H1153">IFERROR(INDEX(Jesper!AL$2:AL$366,ROUNDDOWN($C1153/24,0)+1,1)*INDEX($D$3:$AA$30,INDEX(Jesper!$R$2:$R$366,ROW(INDEX(Jesper!AL$2:AL$366,ROUNDDOWN($C1153/24,0)+1,1))-1)+IF('Standard Profiles'!$G$22=$B$10,7,0)+IF('Standard Profiles'!$G$22=$B$17,14,0)+IF('Standard Profiles'!$G$22=$B$24,21,0),MOD($C1153,24)+1)/SUM(INDEX($D$3:$AA$30,INDEX(Jesper!$R$2:$R$366,ROW(INDEX(Jesper!AL$2:AL$366,ROUNDDOWN($C1153/24,0)+1,1))-1)+IF('Standard Profiles'!$G$22=$B$10,7,0)+IF('Standard Profiles'!$G$22=$B$17,14,0)+IF('Standard Profiles'!$G$22=$B$24,21,0),0)),0)</f>
        <v>0</v>
      </c>
      <c r="I1153">
        <f t="shared" si="139"/>
        <v>18.187190019332714</v>
      </c>
      <c r="J1153">
        <f t="shared" si="140"/>
        <v>94.875083684837435</v>
      </c>
      <c r="K1153">
        <f t="shared" si="141"/>
        <v>3.9298377151430608</v>
      </c>
      <c r="L1153">
        <f t="shared" si="142"/>
        <v>1.9649188575715304</v>
      </c>
      <c r="M1153">
        <f t="shared" si="143"/>
        <v>0</v>
      </c>
      <c r="N1153" s="45">
        <f t="shared" si="144"/>
        <v>44973.624999997286</v>
      </c>
    </row>
    <row r="1154" spans="2:14" x14ac:dyDescent="0.25">
      <c r="B1154">
        <f t="shared" si="138"/>
        <v>4</v>
      </c>
      <c r="C1154" s="16">
        <v>1120</v>
      </c>
      <c r="D1154" cm="1">
        <f t="array" ref="D1154">IFERROR(INDEX(Jesper!AH$2:AH$366,ROUNDDOWN($C1154/24,0)+1,1)*INDEX($D$3:$AA$30,INDEX(Jesper!$R$2:$R$366,ROW(INDEX(Jesper!AH$2:AH$366,ROUNDDOWN($C1154/24,0)+1,1))-1)+IF('Standard Profiles'!$G$18=$B$10,7,0)+IF('Standard Profiles'!$G$18=$B$17,14,0)+IF('Standard Profiles'!$G$18=$B$24,21,0),MOD($C1154,24)+1)/SUM(INDEX($D$3:$AA$30,INDEX(Jesper!$R$2:$R$366,ROW(INDEX(Jesper!AH$2:AH$366,ROUNDDOWN($C1154/24,0)+1,1))-1)+IF('Standard Profiles'!$G$18=$B$10,7,0)+IF('Standard Profiles'!$G$18=$B$17,14,0)+IF('Standard Profiles'!$G$18=$B$24,21,0),0)),0)</f>
        <v>21.710598984328296</v>
      </c>
      <c r="E1154" cm="1">
        <f t="array" ref="E1154">IFERROR(INDEX(Jesper!AI$2:AI$366,ROUNDDOWN($C1154/24,0)+1,1)*INDEX($D$3:$AA$30,INDEX(Jesper!$R$2:$R$366,ROW(INDEX(Jesper!AI$2:AI$366,ROUNDDOWN($C1154/24,0)+1,1))-1)+IF('Standard Profiles'!$G$19=$B$10,7,0)+IF('Standard Profiles'!$G$19=$B$17,14,0)+IF('Standard Profiles'!$G$19=$B$24,21,0),MOD($C1154,24)+1)/SUM(INDEX($D$3:$AA$30,INDEX(Jesper!$R$2:$R$366,ROW(INDEX(Jesper!AI$2:AI$366,ROUNDDOWN($C1154/24,0)+1,1))-1)+IF('Standard Profiles'!$G$19=$B$10,7,0)+IF('Standard Profiles'!$G$19=$B$17,14,0)+IF('Standard Profiles'!$G$19=$B$24,21,0),0)),0)</f>
        <v>26.061056110458701</v>
      </c>
      <c r="F1154" cm="1">
        <f t="array" ref="F1154">IFERROR(INDEX(Jesper!AJ$2:AJ$366,ROUNDDOWN($C1154/24,0)+1,1)*INDEX($D$3:$AA$30,INDEX(Jesper!$R$2:$R$366,ROW(INDEX(Jesper!AJ$2:AJ$366,ROUNDDOWN($C1154/24,0)+1,1))-1)+IF('Standard Profiles'!$G$20=$B$10,7,0)+IF('Standard Profiles'!$G$20=$B$17,14,0)+IF('Standard Profiles'!$G$20=$B$24,21,0),MOD($C1154,24)+1)/SUM(INDEX($D$3:$AA$30,INDEX(Jesper!$R$2:$R$366,ROW(INDEX(Jesper!AJ$2:AJ$366,ROUNDDOWN($C1154/24,0)+1,1))-1)+IF('Standard Profiles'!$G$20=$B$10,7,0)+IF('Standard Profiles'!$G$20=$B$17,14,0)+IF('Standard Profiles'!$G$20=$B$24,21,0),0)),0)</f>
        <v>0</v>
      </c>
      <c r="G1154" cm="1">
        <f t="array" ref="G1154">IFERROR(INDEX(Jesper!AK$2:AK$366,ROUNDDOWN($C1154/24,0)+1,1)*INDEX($D$3:$AA$30,INDEX(Jesper!$R$2:$R$366,ROW(INDEX(Jesper!AK$2:AK$366,ROUNDDOWN($C1154/24,0)+1,1))-1)+IF('Standard Profiles'!$G$21=$B$10,7,0)+IF('Standard Profiles'!$G$21=$B$17,14,0)+IF('Standard Profiles'!$G$21=$B$24,21,0),MOD($C1154,24)+1)/SUM(INDEX($D$3:$AA$30,INDEX(Jesper!$R$2:$R$366,ROW(INDEX(Jesper!AK$2:AK$366,ROUNDDOWN($C1154/24,0)+1,1))-1)+IF('Standard Profiles'!$G$21=$B$10,7,0)+IF('Standard Profiles'!$G$21=$B$17,14,0)+IF('Standard Profiles'!$G$21=$B$24,21,0),0)),0)</f>
        <v>31.660530655062747</v>
      </c>
      <c r="H1154" cm="1">
        <f t="array" ref="H1154">IFERROR(INDEX(Jesper!AL$2:AL$366,ROUNDDOWN($C1154/24,0)+1,1)*INDEX($D$3:$AA$30,INDEX(Jesper!$R$2:$R$366,ROW(INDEX(Jesper!AL$2:AL$366,ROUNDDOWN($C1154/24,0)+1,1))-1)+IF('Standard Profiles'!$G$22=$B$10,7,0)+IF('Standard Profiles'!$G$22=$B$17,14,0)+IF('Standard Profiles'!$G$22=$B$24,21,0),MOD($C1154,24)+1)/SUM(INDEX($D$3:$AA$30,INDEX(Jesper!$R$2:$R$366,ROW(INDEX(Jesper!AL$2:AL$366,ROUNDDOWN($C1154/24,0)+1,1))-1)+IF('Standard Profiles'!$G$22=$B$10,7,0)+IF('Standard Profiles'!$G$22=$B$17,14,0)+IF('Standard Profiles'!$G$22=$B$24,21,0),0)),0)</f>
        <v>0</v>
      </c>
      <c r="I1154">
        <f t="shared" si="139"/>
        <v>15.197054714430111</v>
      </c>
      <c r="J1154">
        <f t="shared" si="140"/>
        <v>60.761435197927099</v>
      </c>
      <c r="K1154">
        <f t="shared" si="141"/>
        <v>2.3157972249950185</v>
      </c>
      <c r="L1154">
        <f t="shared" si="142"/>
        <v>1.1578986124975092</v>
      </c>
      <c r="M1154">
        <f t="shared" si="143"/>
        <v>0</v>
      </c>
      <c r="N1154" s="45">
        <f t="shared" si="144"/>
        <v>44973.66666666395</v>
      </c>
    </row>
    <row r="1155" spans="2:14" x14ac:dyDescent="0.25">
      <c r="B1155">
        <f t="shared" si="138"/>
        <v>4</v>
      </c>
      <c r="C1155" s="16">
        <v>1121</v>
      </c>
      <c r="D1155" cm="1">
        <f t="array" ref="D1155">IFERROR(INDEX(Jesper!AH$2:AH$366,ROUNDDOWN($C1155/24,0)+1,1)*INDEX($D$3:$AA$30,INDEX(Jesper!$R$2:$R$366,ROW(INDEX(Jesper!AH$2:AH$366,ROUNDDOWN($C1155/24,0)+1,1))-1)+IF('Standard Profiles'!$G$18=$B$10,7,0)+IF('Standard Profiles'!$G$18=$B$17,14,0)+IF('Standard Profiles'!$G$18=$B$24,21,0),MOD($C1155,24)+1)/SUM(INDEX($D$3:$AA$30,INDEX(Jesper!$R$2:$R$366,ROW(INDEX(Jesper!AH$2:AH$366,ROUNDDOWN($C1155/24,0)+1,1))-1)+IF('Standard Profiles'!$G$18=$B$10,7,0)+IF('Standard Profiles'!$G$18=$B$17,14,0)+IF('Standard Profiles'!$G$18=$B$24,21,0),0)),0)</f>
        <v>9.2661540692822424</v>
      </c>
      <c r="E1155" cm="1">
        <f t="array" ref="E1155">IFERROR(INDEX(Jesper!AI$2:AI$366,ROUNDDOWN($C1155/24,0)+1,1)*INDEX($D$3:$AA$30,INDEX(Jesper!$R$2:$R$366,ROW(INDEX(Jesper!AI$2:AI$366,ROUNDDOWN($C1155/24,0)+1,1))-1)+IF('Standard Profiles'!$G$19=$B$10,7,0)+IF('Standard Profiles'!$G$19=$B$17,14,0)+IF('Standard Profiles'!$G$19=$B$24,21,0),MOD($C1155,24)+1)/SUM(INDEX($D$3:$AA$30,INDEX(Jesper!$R$2:$R$366,ROW(INDEX(Jesper!AI$2:AI$366,ROUNDDOWN($C1155/24,0)+1,1))-1)+IF('Standard Profiles'!$G$19=$B$10,7,0)+IF('Standard Profiles'!$G$19=$B$17,14,0)+IF('Standard Profiles'!$G$19=$B$24,21,0),0)),0)</f>
        <v>11.12294328231272</v>
      </c>
      <c r="F1155" cm="1">
        <f t="array" ref="F1155">IFERROR(INDEX(Jesper!AJ$2:AJ$366,ROUNDDOWN($C1155/24,0)+1,1)*INDEX($D$3:$AA$30,INDEX(Jesper!$R$2:$R$366,ROW(INDEX(Jesper!AJ$2:AJ$366,ROUNDDOWN($C1155/24,0)+1,1))-1)+IF('Standard Profiles'!$G$20=$B$10,7,0)+IF('Standard Profiles'!$G$20=$B$17,14,0)+IF('Standard Profiles'!$G$20=$B$24,21,0),MOD($C1155,24)+1)/SUM(INDEX($D$3:$AA$30,INDEX(Jesper!$R$2:$R$366,ROW(INDEX(Jesper!AJ$2:AJ$366,ROUNDDOWN($C1155/24,0)+1,1))-1)+IF('Standard Profiles'!$G$20=$B$10,7,0)+IF('Standard Profiles'!$G$20=$B$17,14,0)+IF('Standard Profiles'!$G$20=$B$24,21,0),0)),0)</f>
        <v>0</v>
      </c>
      <c r="G1155" cm="1">
        <f t="array" ref="G1155">IFERROR(INDEX(Jesper!AK$2:AK$366,ROUNDDOWN($C1155/24,0)+1,1)*INDEX($D$3:$AA$30,INDEX(Jesper!$R$2:$R$366,ROW(INDEX(Jesper!AK$2:AK$366,ROUNDDOWN($C1155/24,0)+1,1))-1)+IF('Standard Profiles'!$G$21=$B$10,7,0)+IF('Standard Profiles'!$G$21=$B$17,14,0)+IF('Standard Profiles'!$G$21=$B$24,21,0),MOD($C1155,24)+1)/SUM(INDEX($D$3:$AA$30,INDEX(Jesper!$R$2:$R$366,ROW(INDEX(Jesper!AK$2:AK$366,ROUNDDOWN($C1155/24,0)+1,1))-1)+IF('Standard Profiles'!$G$21=$B$10,7,0)+IF('Standard Profiles'!$G$21=$B$17,14,0)+IF('Standard Profiles'!$G$21=$B$24,21,0),0)),0)</f>
        <v>25.174438155352025</v>
      </c>
      <c r="H1155" cm="1">
        <f t="array" ref="H1155">IFERROR(INDEX(Jesper!AL$2:AL$366,ROUNDDOWN($C1155/24,0)+1,1)*INDEX($D$3:$AA$30,INDEX(Jesper!$R$2:$R$366,ROW(INDEX(Jesper!AL$2:AL$366,ROUNDDOWN($C1155/24,0)+1,1))-1)+IF('Standard Profiles'!$G$22=$B$10,7,0)+IF('Standard Profiles'!$G$22=$B$17,14,0)+IF('Standard Profiles'!$G$22=$B$24,21,0),MOD($C1155,24)+1)/SUM(INDEX($D$3:$AA$30,INDEX(Jesper!$R$2:$R$366,ROW(INDEX(Jesper!AL$2:AL$366,ROUNDDOWN($C1155/24,0)+1,1))-1)+IF('Standard Profiles'!$G$22=$B$10,7,0)+IF('Standard Profiles'!$G$22=$B$17,14,0)+IF('Standard Profiles'!$G$22=$B$24,21,0),0)),0)</f>
        <v>0</v>
      </c>
      <c r="I1155">
        <f t="shared" si="139"/>
        <v>12.083730314568966</v>
      </c>
      <c r="J1155">
        <f t="shared" si="140"/>
        <v>31.997220541292862</v>
      </c>
      <c r="K1155">
        <f t="shared" si="141"/>
        <v>0.98838976739010587</v>
      </c>
      <c r="L1155">
        <f t="shared" si="142"/>
        <v>0.49419488369505293</v>
      </c>
      <c r="M1155">
        <f t="shared" si="143"/>
        <v>0</v>
      </c>
      <c r="N1155" s="45">
        <f t="shared" si="144"/>
        <v>44973.708333330615</v>
      </c>
    </row>
    <row r="1156" spans="2:14" x14ac:dyDescent="0.25">
      <c r="B1156">
        <f t="shared" si="138"/>
        <v>4</v>
      </c>
      <c r="C1156" s="16">
        <v>1122</v>
      </c>
      <c r="D1156" cm="1">
        <f t="array" ref="D1156">IFERROR(INDEX(Jesper!AH$2:AH$366,ROUNDDOWN($C1156/24,0)+1,1)*INDEX($D$3:$AA$30,INDEX(Jesper!$R$2:$R$366,ROW(INDEX(Jesper!AH$2:AH$366,ROUNDDOWN($C1156/24,0)+1,1))-1)+IF('Standard Profiles'!$G$18=$B$10,7,0)+IF('Standard Profiles'!$G$18=$B$17,14,0)+IF('Standard Profiles'!$G$18=$B$24,21,0),MOD($C1156,24)+1)/SUM(INDEX($D$3:$AA$30,INDEX(Jesper!$R$2:$R$366,ROW(INDEX(Jesper!AH$2:AH$366,ROUNDDOWN($C1156/24,0)+1,1))-1)+IF('Standard Profiles'!$G$18=$B$10,7,0)+IF('Standard Profiles'!$G$18=$B$17,14,0)+IF('Standard Profiles'!$G$18=$B$24,21,0),0)),0)</f>
        <v>6.1156616857262804</v>
      </c>
      <c r="E1156" cm="1">
        <f t="array" ref="E1156">IFERROR(INDEX(Jesper!AI$2:AI$366,ROUNDDOWN($C1156/24,0)+1,1)*INDEX($D$3:$AA$30,INDEX(Jesper!$R$2:$R$366,ROW(INDEX(Jesper!AI$2:AI$366,ROUNDDOWN($C1156/24,0)+1,1))-1)+IF('Standard Profiles'!$G$19=$B$10,7,0)+IF('Standard Profiles'!$G$19=$B$17,14,0)+IF('Standard Profiles'!$G$19=$B$24,21,0),MOD($C1156,24)+1)/SUM(INDEX($D$3:$AA$30,INDEX(Jesper!$R$2:$R$366,ROW(INDEX(Jesper!AI$2:AI$366,ROUNDDOWN($C1156/24,0)+1,1))-1)+IF('Standard Profiles'!$G$19=$B$10,7,0)+IF('Standard Profiles'!$G$19=$B$17,14,0)+IF('Standard Profiles'!$G$19=$B$24,21,0),0)),0)</f>
        <v>7.3411425663263952</v>
      </c>
      <c r="F1156" cm="1">
        <f t="array" ref="F1156">IFERROR(INDEX(Jesper!AJ$2:AJ$366,ROUNDDOWN($C1156/24,0)+1,1)*INDEX($D$3:$AA$30,INDEX(Jesper!$R$2:$R$366,ROW(INDEX(Jesper!AJ$2:AJ$366,ROUNDDOWN($C1156/24,0)+1,1))-1)+IF('Standard Profiles'!$G$20=$B$10,7,0)+IF('Standard Profiles'!$G$20=$B$17,14,0)+IF('Standard Profiles'!$G$20=$B$24,21,0),MOD($C1156,24)+1)/SUM(INDEX($D$3:$AA$30,INDEX(Jesper!$R$2:$R$366,ROW(INDEX(Jesper!AJ$2:AJ$366,ROUNDDOWN($C1156/24,0)+1,1))-1)+IF('Standard Profiles'!$G$20=$B$10,7,0)+IF('Standard Profiles'!$G$20=$B$17,14,0)+IF('Standard Profiles'!$G$20=$B$24,21,0),0)),0)</f>
        <v>0</v>
      </c>
      <c r="G1156" cm="1">
        <f t="array" ref="G1156">IFERROR(INDEX(Jesper!AK$2:AK$366,ROUNDDOWN($C1156/24,0)+1,1)*INDEX($D$3:$AA$30,INDEX(Jesper!$R$2:$R$366,ROW(INDEX(Jesper!AK$2:AK$366,ROUNDDOWN($C1156/24,0)+1,1))-1)+IF('Standard Profiles'!$G$21=$B$10,7,0)+IF('Standard Profiles'!$G$21=$B$17,14,0)+IF('Standard Profiles'!$G$21=$B$24,21,0),MOD($C1156,24)+1)/SUM(INDEX($D$3:$AA$30,INDEX(Jesper!$R$2:$R$366,ROW(INDEX(Jesper!AK$2:AK$366,ROUNDDOWN($C1156/24,0)+1,1))-1)+IF('Standard Profiles'!$G$21=$B$10,7,0)+IF('Standard Profiles'!$G$21=$B$17,14,0)+IF('Standard Profiles'!$G$21=$B$24,21,0),0)),0)</f>
        <v>9.3325071938283699</v>
      </c>
      <c r="H1156" cm="1">
        <f t="array" ref="H1156">IFERROR(INDEX(Jesper!AL$2:AL$366,ROUNDDOWN($C1156/24,0)+1,1)*INDEX($D$3:$AA$30,INDEX(Jesper!$R$2:$R$366,ROW(INDEX(Jesper!AL$2:AL$366,ROUNDDOWN($C1156/24,0)+1,1))-1)+IF('Standard Profiles'!$G$22=$B$10,7,0)+IF('Standard Profiles'!$G$22=$B$17,14,0)+IF('Standard Profiles'!$G$22=$B$24,21,0),MOD($C1156,24)+1)/SUM(INDEX($D$3:$AA$30,INDEX(Jesper!$R$2:$R$366,ROW(INDEX(Jesper!AL$2:AL$366,ROUNDDOWN($C1156/24,0)+1,1))-1)+IF('Standard Profiles'!$G$22=$B$10,7,0)+IF('Standard Profiles'!$G$22=$B$17,14,0)+IF('Standard Profiles'!$G$22=$B$24,21,0),0)),0)</f>
        <v>0</v>
      </c>
      <c r="I1156">
        <f t="shared" si="139"/>
        <v>4.4796034530376154</v>
      </c>
      <c r="J1156">
        <f t="shared" si="140"/>
        <v>17.331202123127227</v>
      </c>
      <c r="K1156">
        <f t="shared" si="141"/>
        <v>0.65233724647746993</v>
      </c>
      <c r="L1156">
        <f t="shared" si="142"/>
        <v>0.32616862323873497</v>
      </c>
      <c r="M1156">
        <f t="shared" si="143"/>
        <v>0</v>
      </c>
      <c r="N1156" s="45">
        <f t="shared" si="144"/>
        <v>44973.749999997279</v>
      </c>
    </row>
    <row r="1157" spans="2:14" x14ac:dyDescent="0.25">
      <c r="B1157">
        <f t="shared" si="138"/>
        <v>4</v>
      </c>
      <c r="C1157" s="16">
        <v>1123</v>
      </c>
      <c r="D1157" cm="1">
        <f t="array" ref="D1157">IFERROR(INDEX(Jesper!AH$2:AH$366,ROUNDDOWN($C1157/24,0)+1,1)*INDEX($D$3:$AA$30,INDEX(Jesper!$R$2:$R$366,ROW(INDEX(Jesper!AH$2:AH$366,ROUNDDOWN($C1157/24,0)+1,1))-1)+IF('Standard Profiles'!$G$18=$B$10,7,0)+IF('Standard Profiles'!$G$18=$B$17,14,0)+IF('Standard Profiles'!$G$18=$B$24,21,0),MOD($C1157,24)+1)/SUM(INDEX($D$3:$AA$30,INDEX(Jesper!$R$2:$R$366,ROW(INDEX(Jesper!AH$2:AH$366,ROUNDDOWN($C1157/24,0)+1,1))-1)+IF('Standard Profiles'!$G$18=$B$10,7,0)+IF('Standard Profiles'!$G$18=$B$17,14,0)+IF('Standard Profiles'!$G$18=$B$24,21,0),0)),0)</f>
        <v>6.1156616857262804</v>
      </c>
      <c r="E1157" cm="1">
        <f t="array" ref="E1157">IFERROR(INDEX(Jesper!AI$2:AI$366,ROUNDDOWN($C1157/24,0)+1,1)*INDEX($D$3:$AA$30,INDEX(Jesper!$R$2:$R$366,ROW(INDEX(Jesper!AI$2:AI$366,ROUNDDOWN($C1157/24,0)+1,1))-1)+IF('Standard Profiles'!$G$19=$B$10,7,0)+IF('Standard Profiles'!$G$19=$B$17,14,0)+IF('Standard Profiles'!$G$19=$B$24,21,0),MOD($C1157,24)+1)/SUM(INDEX($D$3:$AA$30,INDEX(Jesper!$R$2:$R$366,ROW(INDEX(Jesper!AI$2:AI$366,ROUNDDOWN($C1157/24,0)+1,1))-1)+IF('Standard Profiles'!$G$19=$B$10,7,0)+IF('Standard Profiles'!$G$19=$B$17,14,0)+IF('Standard Profiles'!$G$19=$B$24,21,0),0)),0)</f>
        <v>7.3411425663263952</v>
      </c>
      <c r="F1157" cm="1">
        <f t="array" ref="F1157">IFERROR(INDEX(Jesper!AJ$2:AJ$366,ROUNDDOWN($C1157/24,0)+1,1)*INDEX($D$3:$AA$30,INDEX(Jesper!$R$2:$R$366,ROW(INDEX(Jesper!AJ$2:AJ$366,ROUNDDOWN($C1157/24,0)+1,1))-1)+IF('Standard Profiles'!$G$20=$B$10,7,0)+IF('Standard Profiles'!$G$20=$B$17,14,0)+IF('Standard Profiles'!$G$20=$B$24,21,0),MOD($C1157,24)+1)/SUM(INDEX($D$3:$AA$30,INDEX(Jesper!$R$2:$R$366,ROW(INDEX(Jesper!AJ$2:AJ$366,ROUNDDOWN($C1157/24,0)+1,1))-1)+IF('Standard Profiles'!$G$20=$B$10,7,0)+IF('Standard Profiles'!$G$20=$B$17,14,0)+IF('Standard Profiles'!$G$20=$B$24,21,0),0)),0)</f>
        <v>0</v>
      </c>
      <c r="G1157" cm="1">
        <f t="array" ref="G1157">IFERROR(INDEX(Jesper!AK$2:AK$366,ROUNDDOWN($C1157/24,0)+1,1)*INDEX($D$3:$AA$30,INDEX(Jesper!$R$2:$R$366,ROW(INDEX(Jesper!AK$2:AK$366,ROUNDDOWN($C1157/24,0)+1,1))-1)+IF('Standard Profiles'!$G$21=$B$10,7,0)+IF('Standard Profiles'!$G$21=$B$17,14,0)+IF('Standard Profiles'!$G$21=$B$24,21,0),MOD($C1157,24)+1)/SUM(INDEX($D$3:$AA$30,INDEX(Jesper!$R$2:$R$366,ROW(INDEX(Jesper!AK$2:AK$366,ROUNDDOWN($C1157/24,0)+1,1))-1)+IF('Standard Profiles'!$G$21=$B$10,7,0)+IF('Standard Profiles'!$G$21=$B$17,14,0)+IF('Standard Profiles'!$G$21=$B$24,21,0),0)),0)</f>
        <v>9.3325071938283699</v>
      </c>
      <c r="H1157" cm="1">
        <f t="array" ref="H1157">IFERROR(INDEX(Jesper!AL$2:AL$366,ROUNDDOWN($C1157/24,0)+1,1)*INDEX($D$3:$AA$30,INDEX(Jesper!$R$2:$R$366,ROW(INDEX(Jesper!AL$2:AL$366,ROUNDDOWN($C1157/24,0)+1,1))-1)+IF('Standard Profiles'!$G$22=$B$10,7,0)+IF('Standard Profiles'!$G$22=$B$17,14,0)+IF('Standard Profiles'!$G$22=$B$24,21,0),MOD($C1157,24)+1)/SUM(INDEX($D$3:$AA$30,INDEX(Jesper!$R$2:$R$366,ROW(INDEX(Jesper!AL$2:AL$366,ROUNDDOWN($C1157/24,0)+1,1))-1)+IF('Standard Profiles'!$G$22=$B$10,7,0)+IF('Standard Profiles'!$G$22=$B$17,14,0)+IF('Standard Profiles'!$G$22=$B$24,21,0),0)),0)</f>
        <v>0</v>
      </c>
      <c r="I1157">
        <f t="shared" si="139"/>
        <v>4.4796034530376154</v>
      </c>
      <c r="J1157">
        <f t="shared" si="140"/>
        <v>17.331202123127227</v>
      </c>
      <c r="K1157">
        <f t="shared" si="141"/>
        <v>0.65233724647746993</v>
      </c>
      <c r="L1157">
        <f t="shared" si="142"/>
        <v>0.32616862323873497</v>
      </c>
      <c r="M1157">
        <f t="shared" si="143"/>
        <v>0</v>
      </c>
      <c r="N1157" s="45">
        <f t="shared" si="144"/>
        <v>44973.791666663943</v>
      </c>
    </row>
    <row r="1158" spans="2:14" x14ac:dyDescent="0.25">
      <c r="B1158">
        <f t="shared" si="138"/>
        <v>4</v>
      </c>
      <c r="C1158" s="16">
        <v>1124</v>
      </c>
      <c r="D1158" cm="1">
        <f t="array" ref="D1158">IFERROR(INDEX(Jesper!AH$2:AH$366,ROUNDDOWN($C1158/24,0)+1,1)*INDEX($D$3:$AA$30,INDEX(Jesper!$R$2:$R$366,ROW(INDEX(Jesper!AH$2:AH$366,ROUNDDOWN($C1158/24,0)+1,1))-1)+IF('Standard Profiles'!$G$18=$B$10,7,0)+IF('Standard Profiles'!$G$18=$B$17,14,0)+IF('Standard Profiles'!$G$18=$B$24,21,0),MOD($C1158,24)+1)/SUM(INDEX($D$3:$AA$30,INDEX(Jesper!$R$2:$R$366,ROW(INDEX(Jesper!AH$2:AH$366,ROUNDDOWN($C1158/24,0)+1,1))-1)+IF('Standard Profiles'!$G$18=$B$10,7,0)+IF('Standard Profiles'!$G$18=$B$17,14,0)+IF('Standard Profiles'!$G$18=$B$24,21,0),0)),0)</f>
        <v>6.1156616857262804</v>
      </c>
      <c r="E1158" cm="1">
        <f t="array" ref="E1158">IFERROR(INDEX(Jesper!AI$2:AI$366,ROUNDDOWN($C1158/24,0)+1,1)*INDEX($D$3:$AA$30,INDEX(Jesper!$R$2:$R$366,ROW(INDEX(Jesper!AI$2:AI$366,ROUNDDOWN($C1158/24,0)+1,1))-1)+IF('Standard Profiles'!$G$19=$B$10,7,0)+IF('Standard Profiles'!$G$19=$B$17,14,0)+IF('Standard Profiles'!$G$19=$B$24,21,0),MOD($C1158,24)+1)/SUM(INDEX($D$3:$AA$30,INDEX(Jesper!$R$2:$R$366,ROW(INDEX(Jesper!AI$2:AI$366,ROUNDDOWN($C1158/24,0)+1,1))-1)+IF('Standard Profiles'!$G$19=$B$10,7,0)+IF('Standard Profiles'!$G$19=$B$17,14,0)+IF('Standard Profiles'!$G$19=$B$24,21,0),0)),0)</f>
        <v>7.3411425663263952</v>
      </c>
      <c r="F1158" cm="1">
        <f t="array" ref="F1158">IFERROR(INDEX(Jesper!AJ$2:AJ$366,ROUNDDOWN($C1158/24,0)+1,1)*INDEX($D$3:$AA$30,INDEX(Jesper!$R$2:$R$366,ROW(INDEX(Jesper!AJ$2:AJ$366,ROUNDDOWN($C1158/24,0)+1,1))-1)+IF('Standard Profiles'!$G$20=$B$10,7,0)+IF('Standard Profiles'!$G$20=$B$17,14,0)+IF('Standard Profiles'!$G$20=$B$24,21,0),MOD($C1158,24)+1)/SUM(INDEX($D$3:$AA$30,INDEX(Jesper!$R$2:$R$366,ROW(INDEX(Jesper!AJ$2:AJ$366,ROUNDDOWN($C1158/24,0)+1,1))-1)+IF('Standard Profiles'!$G$20=$B$10,7,0)+IF('Standard Profiles'!$G$20=$B$17,14,0)+IF('Standard Profiles'!$G$20=$B$24,21,0),0)),0)</f>
        <v>0</v>
      </c>
      <c r="G1158" cm="1">
        <f t="array" ref="G1158">IFERROR(INDEX(Jesper!AK$2:AK$366,ROUNDDOWN($C1158/24,0)+1,1)*INDEX($D$3:$AA$30,INDEX(Jesper!$R$2:$R$366,ROW(INDEX(Jesper!AK$2:AK$366,ROUNDDOWN($C1158/24,0)+1,1))-1)+IF('Standard Profiles'!$G$21=$B$10,7,0)+IF('Standard Profiles'!$G$21=$B$17,14,0)+IF('Standard Profiles'!$G$21=$B$24,21,0),MOD($C1158,24)+1)/SUM(INDEX($D$3:$AA$30,INDEX(Jesper!$R$2:$R$366,ROW(INDEX(Jesper!AK$2:AK$366,ROUNDDOWN($C1158/24,0)+1,1))-1)+IF('Standard Profiles'!$G$21=$B$10,7,0)+IF('Standard Profiles'!$G$21=$B$17,14,0)+IF('Standard Profiles'!$G$21=$B$24,21,0),0)),0)</f>
        <v>9.3325071938283699</v>
      </c>
      <c r="H1158" cm="1">
        <f t="array" ref="H1158">IFERROR(INDEX(Jesper!AL$2:AL$366,ROUNDDOWN($C1158/24,0)+1,1)*INDEX($D$3:$AA$30,INDEX(Jesper!$R$2:$R$366,ROW(INDEX(Jesper!AL$2:AL$366,ROUNDDOWN($C1158/24,0)+1,1))-1)+IF('Standard Profiles'!$G$22=$B$10,7,0)+IF('Standard Profiles'!$G$22=$B$17,14,0)+IF('Standard Profiles'!$G$22=$B$24,21,0),MOD($C1158,24)+1)/SUM(INDEX($D$3:$AA$30,INDEX(Jesper!$R$2:$R$366,ROW(INDEX(Jesper!AL$2:AL$366,ROUNDDOWN($C1158/24,0)+1,1))-1)+IF('Standard Profiles'!$G$22=$B$10,7,0)+IF('Standard Profiles'!$G$22=$B$17,14,0)+IF('Standard Profiles'!$G$22=$B$24,21,0),0)),0)</f>
        <v>0</v>
      </c>
      <c r="I1158">
        <f t="shared" si="139"/>
        <v>4.4796034530376154</v>
      </c>
      <c r="J1158">
        <f t="shared" si="140"/>
        <v>17.331202123127227</v>
      </c>
      <c r="K1158">
        <f t="shared" si="141"/>
        <v>0.65233724647746993</v>
      </c>
      <c r="L1158">
        <f t="shared" si="142"/>
        <v>0.32616862323873497</v>
      </c>
      <c r="M1158">
        <f t="shared" si="143"/>
        <v>0</v>
      </c>
      <c r="N1158" s="45">
        <f t="shared" si="144"/>
        <v>44973.833333330607</v>
      </c>
    </row>
    <row r="1159" spans="2:14" x14ac:dyDescent="0.25">
      <c r="B1159">
        <f t="shared" si="138"/>
        <v>4</v>
      </c>
      <c r="C1159" s="16">
        <v>1125</v>
      </c>
      <c r="D1159" cm="1">
        <f t="array" ref="D1159">IFERROR(INDEX(Jesper!AH$2:AH$366,ROUNDDOWN($C1159/24,0)+1,1)*INDEX($D$3:$AA$30,INDEX(Jesper!$R$2:$R$366,ROW(INDEX(Jesper!AH$2:AH$366,ROUNDDOWN($C1159/24,0)+1,1))-1)+IF('Standard Profiles'!$G$18=$B$10,7,0)+IF('Standard Profiles'!$G$18=$B$17,14,0)+IF('Standard Profiles'!$G$18=$B$24,21,0),MOD($C1159,24)+1)/SUM(INDEX($D$3:$AA$30,INDEX(Jesper!$R$2:$R$366,ROW(INDEX(Jesper!AH$2:AH$366,ROUNDDOWN($C1159/24,0)+1,1))-1)+IF('Standard Profiles'!$G$18=$B$10,7,0)+IF('Standard Profiles'!$G$18=$B$17,14,0)+IF('Standard Profiles'!$G$18=$B$24,21,0),0)),0)</f>
        <v>6.1156616857262804</v>
      </c>
      <c r="E1159" cm="1">
        <f t="array" ref="E1159">IFERROR(INDEX(Jesper!AI$2:AI$366,ROUNDDOWN($C1159/24,0)+1,1)*INDEX($D$3:$AA$30,INDEX(Jesper!$R$2:$R$366,ROW(INDEX(Jesper!AI$2:AI$366,ROUNDDOWN($C1159/24,0)+1,1))-1)+IF('Standard Profiles'!$G$19=$B$10,7,0)+IF('Standard Profiles'!$G$19=$B$17,14,0)+IF('Standard Profiles'!$G$19=$B$24,21,0),MOD($C1159,24)+1)/SUM(INDEX($D$3:$AA$30,INDEX(Jesper!$R$2:$R$366,ROW(INDEX(Jesper!AI$2:AI$366,ROUNDDOWN($C1159/24,0)+1,1))-1)+IF('Standard Profiles'!$G$19=$B$10,7,0)+IF('Standard Profiles'!$G$19=$B$17,14,0)+IF('Standard Profiles'!$G$19=$B$24,21,0),0)),0)</f>
        <v>7.3411425663263952</v>
      </c>
      <c r="F1159" cm="1">
        <f t="array" ref="F1159">IFERROR(INDEX(Jesper!AJ$2:AJ$366,ROUNDDOWN($C1159/24,0)+1,1)*INDEX($D$3:$AA$30,INDEX(Jesper!$R$2:$R$366,ROW(INDEX(Jesper!AJ$2:AJ$366,ROUNDDOWN($C1159/24,0)+1,1))-1)+IF('Standard Profiles'!$G$20=$B$10,7,0)+IF('Standard Profiles'!$G$20=$B$17,14,0)+IF('Standard Profiles'!$G$20=$B$24,21,0),MOD($C1159,24)+1)/SUM(INDEX($D$3:$AA$30,INDEX(Jesper!$R$2:$R$366,ROW(INDEX(Jesper!AJ$2:AJ$366,ROUNDDOWN($C1159/24,0)+1,1))-1)+IF('Standard Profiles'!$G$20=$B$10,7,0)+IF('Standard Profiles'!$G$20=$B$17,14,0)+IF('Standard Profiles'!$G$20=$B$24,21,0),0)),0)</f>
        <v>0</v>
      </c>
      <c r="G1159" cm="1">
        <f t="array" ref="G1159">IFERROR(INDEX(Jesper!AK$2:AK$366,ROUNDDOWN($C1159/24,0)+1,1)*INDEX($D$3:$AA$30,INDEX(Jesper!$R$2:$R$366,ROW(INDEX(Jesper!AK$2:AK$366,ROUNDDOWN($C1159/24,0)+1,1))-1)+IF('Standard Profiles'!$G$21=$B$10,7,0)+IF('Standard Profiles'!$G$21=$B$17,14,0)+IF('Standard Profiles'!$G$21=$B$24,21,0),MOD($C1159,24)+1)/SUM(INDEX($D$3:$AA$30,INDEX(Jesper!$R$2:$R$366,ROW(INDEX(Jesper!AK$2:AK$366,ROUNDDOWN($C1159/24,0)+1,1))-1)+IF('Standard Profiles'!$G$21=$B$10,7,0)+IF('Standard Profiles'!$G$21=$B$17,14,0)+IF('Standard Profiles'!$G$21=$B$24,21,0),0)),0)</f>
        <v>9.3325071938283699</v>
      </c>
      <c r="H1159" cm="1">
        <f t="array" ref="H1159">IFERROR(INDEX(Jesper!AL$2:AL$366,ROUNDDOWN($C1159/24,0)+1,1)*INDEX($D$3:$AA$30,INDEX(Jesper!$R$2:$R$366,ROW(INDEX(Jesper!AL$2:AL$366,ROUNDDOWN($C1159/24,0)+1,1))-1)+IF('Standard Profiles'!$G$22=$B$10,7,0)+IF('Standard Profiles'!$G$22=$B$17,14,0)+IF('Standard Profiles'!$G$22=$B$24,21,0),MOD($C1159,24)+1)/SUM(INDEX($D$3:$AA$30,INDEX(Jesper!$R$2:$R$366,ROW(INDEX(Jesper!AL$2:AL$366,ROUNDDOWN($C1159/24,0)+1,1))-1)+IF('Standard Profiles'!$G$22=$B$10,7,0)+IF('Standard Profiles'!$G$22=$B$17,14,0)+IF('Standard Profiles'!$G$22=$B$24,21,0),0)),0)</f>
        <v>0</v>
      </c>
      <c r="I1159">
        <f t="shared" si="139"/>
        <v>4.4796034530376154</v>
      </c>
      <c r="J1159">
        <f t="shared" si="140"/>
        <v>17.331202123127227</v>
      </c>
      <c r="K1159">
        <f t="shared" si="141"/>
        <v>0.65233724647746993</v>
      </c>
      <c r="L1159">
        <f t="shared" si="142"/>
        <v>0.32616862323873497</v>
      </c>
      <c r="M1159">
        <f t="shared" si="143"/>
        <v>0</v>
      </c>
      <c r="N1159" s="45">
        <f t="shared" si="144"/>
        <v>44973.874999997272</v>
      </c>
    </row>
    <row r="1160" spans="2:14" x14ac:dyDescent="0.25">
      <c r="B1160">
        <f t="shared" si="138"/>
        <v>4</v>
      </c>
      <c r="C1160" s="16">
        <v>1126</v>
      </c>
      <c r="D1160" cm="1">
        <f t="array" ref="D1160">IFERROR(INDEX(Jesper!AH$2:AH$366,ROUNDDOWN($C1160/24,0)+1,1)*INDEX($D$3:$AA$30,INDEX(Jesper!$R$2:$R$366,ROW(INDEX(Jesper!AH$2:AH$366,ROUNDDOWN($C1160/24,0)+1,1))-1)+IF('Standard Profiles'!$G$18=$B$10,7,0)+IF('Standard Profiles'!$G$18=$B$17,14,0)+IF('Standard Profiles'!$G$18=$B$24,21,0),MOD($C1160,24)+1)/SUM(INDEX($D$3:$AA$30,INDEX(Jesper!$R$2:$R$366,ROW(INDEX(Jesper!AH$2:AH$366,ROUNDDOWN($C1160/24,0)+1,1))-1)+IF('Standard Profiles'!$G$18=$B$10,7,0)+IF('Standard Profiles'!$G$18=$B$17,14,0)+IF('Standard Profiles'!$G$18=$B$24,21,0),0)),0)</f>
        <v>6.1156616857262804</v>
      </c>
      <c r="E1160" cm="1">
        <f t="array" ref="E1160">IFERROR(INDEX(Jesper!AI$2:AI$366,ROUNDDOWN($C1160/24,0)+1,1)*INDEX($D$3:$AA$30,INDEX(Jesper!$R$2:$R$366,ROW(INDEX(Jesper!AI$2:AI$366,ROUNDDOWN($C1160/24,0)+1,1))-1)+IF('Standard Profiles'!$G$19=$B$10,7,0)+IF('Standard Profiles'!$G$19=$B$17,14,0)+IF('Standard Profiles'!$G$19=$B$24,21,0),MOD($C1160,24)+1)/SUM(INDEX($D$3:$AA$30,INDEX(Jesper!$R$2:$R$366,ROW(INDEX(Jesper!AI$2:AI$366,ROUNDDOWN($C1160/24,0)+1,1))-1)+IF('Standard Profiles'!$G$19=$B$10,7,0)+IF('Standard Profiles'!$G$19=$B$17,14,0)+IF('Standard Profiles'!$G$19=$B$24,21,0),0)),0)</f>
        <v>7.3411425663263952</v>
      </c>
      <c r="F1160" cm="1">
        <f t="array" ref="F1160">IFERROR(INDEX(Jesper!AJ$2:AJ$366,ROUNDDOWN($C1160/24,0)+1,1)*INDEX($D$3:$AA$30,INDEX(Jesper!$R$2:$R$366,ROW(INDEX(Jesper!AJ$2:AJ$366,ROUNDDOWN($C1160/24,0)+1,1))-1)+IF('Standard Profiles'!$G$20=$B$10,7,0)+IF('Standard Profiles'!$G$20=$B$17,14,0)+IF('Standard Profiles'!$G$20=$B$24,21,0),MOD($C1160,24)+1)/SUM(INDEX($D$3:$AA$30,INDEX(Jesper!$R$2:$R$366,ROW(INDEX(Jesper!AJ$2:AJ$366,ROUNDDOWN($C1160/24,0)+1,1))-1)+IF('Standard Profiles'!$G$20=$B$10,7,0)+IF('Standard Profiles'!$G$20=$B$17,14,0)+IF('Standard Profiles'!$G$20=$B$24,21,0),0)),0)</f>
        <v>0</v>
      </c>
      <c r="G1160" cm="1">
        <f t="array" ref="G1160">IFERROR(INDEX(Jesper!AK$2:AK$366,ROUNDDOWN($C1160/24,0)+1,1)*INDEX($D$3:$AA$30,INDEX(Jesper!$R$2:$R$366,ROW(INDEX(Jesper!AK$2:AK$366,ROUNDDOWN($C1160/24,0)+1,1))-1)+IF('Standard Profiles'!$G$21=$B$10,7,0)+IF('Standard Profiles'!$G$21=$B$17,14,0)+IF('Standard Profiles'!$G$21=$B$24,21,0),MOD($C1160,24)+1)/SUM(INDEX($D$3:$AA$30,INDEX(Jesper!$R$2:$R$366,ROW(INDEX(Jesper!AK$2:AK$366,ROUNDDOWN($C1160/24,0)+1,1))-1)+IF('Standard Profiles'!$G$21=$B$10,7,0)+IF('Standard Profiles'!$G$21=$B$17,14,0)+IF('Standard Profiles'!$G$21=$B$24,21,0),0)),0)</f>
        <v>9.3325071938283699</v>
      </c>
      <c r="H1160" cm="1">
        <f t="array" ref="H1160">IFERROR(INDEX(Jesper!AL$2:AL$366,ROUNDDOWN($C1160/24,0)+1,1)*INDEX($D$3:$AA$30,INDEX(Jesper!$R$2:$R$366,ROW(INDEX(Jesper!AL$2:AL$366,ROUNDDOWN($C1160/24,0)+1,1))-1)+IF('Standard Profiles'!$G$22=$B$10,7,0)+IF('Standard Profiles'!$G$22=$B$17,14,0)+IF('Standard Profiles'!$G$22=$B$24,21,0),MOD($C1160,24)+1)/SUM(INDEX($D$3:$AA$30,INDEX(Jesper!$R$2:$R$366,ROW(INDEX(Jesper!AL$2:AL$366,ROUNDDOWN($C1160/24,0)+1,1))-1)+IF('Standard Profiles'!$G$22=$B$10,7,0)+IF('Standard Profiles'!$G$22=$B$17,14,0)+IF('Standard Profiles'!$G$22=$B$24,21,0),0)),0)</f>
        <v>0</v>
      </c>
      <c r="I1160">
        <f t="shared" si="139"/>
        <v>4.4796034530376154</v>
      </c>
      <c r="J1160">
        <f t="shared" si="140"/>
        <v>17.331202123127227</v>
      </c>
      <c r="K1160">
        <f t="shared" si="141"/>
        <v>0.65233724647746993</v>
      </c>
      <c r="L1160">
        <f t="shared" si="142"/>
        <v>0.32616862323873497</v>
      </c>
      <c r="M1160">
        <f t="shared" si="143"/>
        <v>0</v>
      </c>
      <c r="N1160" s="45">
        <f t="shared" si="144"/>
        <v>44973.916666663936</v>
      </c>
    </row>
    <row r="1161" spans="2:14" x14ac:dyDescent="0.25">
      <c r="B1161">
        <f t="shared" si="138"/>
        <v>4</v>
      </c>
      <c r="C1161" s="16">
        <v>1127</v>
      </c>
      <c r="D1161" cm="1">
        <f t="array" ref="D1161">IFERROR(INDEX(Jesper!AH$2:AH$366,ROUNDDOWN($C1161/24,0)+1,1)*INDEX($D$3:$AA$30,INDEX(Jesper!$R$2:$R$366,ROW(INDEX(Jesper!AH$2:AH$366,ROUNDDOWN($C1161/24,0)+1,1))-1)+IF('Standard Profiles'!$G$18=$B$10,7,0)+IF('Standard Profiles'!$G$18=$B$17,14,0)+IF('Standard Profiles'!$G$18=$B$24,21,0),MOD($C1161,24)+1)/SUM(INDEX($D$3:$AA$30,INDEX(Jesper!$R$2:$R$366,ROW(INDEX(Jesper!AH$2:AH$366,ROUNDDOWN($C1161/24,0)+1,1))-1)+IF('Standard Profiles'!$G$18=$B$10,7,0)+IF('Standard Profiles'!$G$18=$B$17,14,0)+IF('Standard Profiles'!$G$18=$B$24,21,0),0)),0)</f>
        <v>6.1156616857262804</v>
      </c>
      <c r="E1161" cm="1">
        <f t="array" ref="E1161">IFERROR(INDEX(Jesper!AI$2:AI$366,ROUNDDOWN($C1161/24,0)+1,1)*INDEX($D$3:$AA$30,INDEX(Jesper!$R$2:$R$366,ROW(INDEX(Jesper!AI$2:AI$366,ROUNDDOWN($C1161/24,0)+1,1))-1)+IF('Standard Profiles'!$G$19=$B$10,7,0)+IF('Standard Profiles'!$G$19=$B$17,14,0)+IF('Standard Profiles'!$G$19=$B$24,21,0),MOD($C1161,24)+1)/SUM(INDEX($D$3:$AA$30,INDEX(Jesper!$R$2:$R$366,ROW(INDEX(Jesper!AI$2:AI$366,ROUNDDOWN($C1161/24,0)+1,1))-1)+IF('Standard Profiles'!$G$19=$B$10,7,0)+IF('Standard Profiles'!$G$19=$B$17,14,0)+IF('Standard Profiles'!$G$19=$B$24,21,0),0)),0)</f>
        <v>7.3411425663263952</v>
      </c>
      <c r="F1161" cm="1">
        <f t="array" ref="F1161">IFERROR(INDEX(Jesper!AJ$2:AJ$366,ROUNDDOWN($C1161/24,0)+1,1)*INDEX($D$3:$AA$30,INDEX(Jesper!$R$2:$R$366,ROW(INDEX(Jesper!AJ$2:AJ$366,ROUNDDOWN($C1161/24,0)+1,1))-1)+IF('Standard Profiles'!$G$20=$B$10,7,0)+IF('Standard Profiles'!$G$20=$B$17,14,0)+IF('Standard Profiles'!$G$20=$B$24,21,0),MOD($C1161,24)+1)/SUM(INDEX($D$3:$AA$30,INDEX(Jesper!$R$2:$R$366,ROW(INDEX(Jesper!AJ$2:AJ$366,ROUNDDOWN($C1161/24,0)+1,1))-1)+IF('Standard Profiles'!$G$20=$B$10,7,0)+IF('Standard Profiles'!$G$20=$B$17,14,0)+IF('Standard Profiles'!$G$20=$B$24,21,0),0)),0)</f>
        <v>0</v>
      </c>
      <c r="G1161" cm="1">
        <f t="array" ref="G1161">IFERROR(INDEX(Jesper!AK$2:AK$366,ROUNDDOWN($C1161/24,0)+1,1)*INDEX($D$3:$AA$30,INDEX(Jesper!$R$2:$R$366,ROW(INDEX(Jesper!AK$2:AK$366,ROUNDDOWN($C1161/24,0)+1,1))-1)+IF('Standard Profiles'!$G$21=$B$10,7,0)+IF('Standard Profiles'!$G$21=$B$17,14,0)+IF('Standard Profiles'!$G$21=$B$24,21,0),MOD($C1161,24)+1)/SUM(INDEX($D$3:$AA$30,INDEX(Jesper!$R$2:$R$366,ROW(INDEX(Jesper!AK$2:AK$366,ROUNDDOWN($C1161/24,0)+1,1))-1)+IF('Standard Profiles'!$G$21=$B$10,7,0)+IF('Standard Profiles'!$G$21=$B$17,14,0)+IF('Standard Profiles'!$G$21=$B$24,21,0),0)),0)</f>
        <v>9.3325071938283699</v>
      </c>
      <c r="H1161" cm="1">
        <f t="array" ref="H1161">IFERROR(INDEX(Jesper!AL$2:AL$366,ROUNDDOWN($C1161/24,0)+1,1)*INDEX($D$3:$AA$30,INDEX(Jesper!$R$2:$R$366,ROW(INDEX(Jesper!AL$2:AL$366,ROUNDDOWN($C1161/24,0)+1,1))-1)+IF('Standard Profiles'!$G$22=$B$10,7,0)+IF('Standard Profiles'!$G$22=$B$17,14,0)+IF('Standard Profiles'!$G$22=$B$24,21,0),MOD($C1161,24)+1)/SUM(INDEX($D$3:$AA$30,INDEX(Jesper!$R$2:$R$366,ROW(INDEX(Jesper!AL$2:AL$366,ROUNDDOWN($C1161/24,0)+1,1))-1)+IF('Standard Profiles'!$G$22=$B$10,7,0)+IF('Standard Profiles'!$G$22=$B$17,14,0)+IF('Standard Profiles'!$G$22=$B$24,21,0),0)),0)</f>
        <v>0</v>
      </c>
      <c r="I1161">
        <f t="shared" si="139"/>
        <v>4.4796034530376154</v>
      </c>
      <c r="J1161">
        <f t="shared" si="140"/>
        <v>17.331202123127227</v>
      </c>
      <c r="K1161">
        <f t="shared" si="141"/>
        <v>0.65233724647746993</v>
      </c>
      <c r="L1161">
        <f t="shared" si="142"/>
        <v>0.32616862323873497</v>
      </c>
      <c r="M1161">
        <f t="shared" si="143"/>
        <v>0</v>
      </c>
      <c r="N1161" s="45">
        <f t="shared" si="144"/>
        <v>44973.9583333306</v>
      </c>
    </row>
    <row r="1162" spans="2:14" x14ac:dyDescent="0.25">
      <c r="B1162">
        <f t="shared" si="138"/>
        <v>5</v>
      </c>
      <c r="C1162" s="16">
        <v>1128</v>
      </c>
      <c r="D1162" cm="1">
        <f t="array" ref="D1162">IFERROR(INDEX(Jesper!AH$2:AH$366,ROUNDDOWN($C1162/24,0)+1,1)*INDEX($D$3:$AA$30,INDEX(Jesper!$R$2:$R$366,ROW(INDEX(Jesper!AH$2:AH$366,ROUNDDOWN($C1162/24,0)+1,1))-1)+IF('Standard Profiles'!$G$18=$B$10,7,0)+IF('Standard Profiles'!$G$18=$B$17,14,0)+IF('Standard Profiles'!$G$18=$B$24,21,0),MOD($C1162,24)+1)/SUM(INDEX($D$3:$AA$30,INDEX(Jesper!$R$2:$R$366,ROW(INDEX(Jesper!AH$2:AH$366,ROUNDDOWN($C1162/24,0)+1,1))-1)+IF('Standard Profiles'!$G$18=$B$10,7,0)+IF('Standard Profiles'!$G$18=$B$17,14,0)+IF('Standard Profiles'!$G$18=$B$24,21,0),0)),0)</f>
        <v>9.0338620449244331</v>
      </c>
      <c r="E1162" cm="1">
        <f t="array" ref="E1162">IFERROR(INDEX(Jesper!AI$2:AI$366,ROUNDDOWN($C1162/24,0)+1,1)*INDEX($D$3:$AA$30,INDEX(Jesper!$R$2:$R$366,ROW(INDEX(Jesper!AI$2:AI$366,ROUNDDOWN($C1162/24,0)+1,1))-1)+IF('Standard Profiles'!$G$19=$B$10,7,0)+IF('Standard Profiles'!$G$19=$B$17,14,0)+IF('Standard Profiles'!$G$19=$B$24,21,0),MOD($C1162,24)+1)/SUM(INDEX($D$3:$AA$30,INDEX(Jesper!$R$2:$R$366,ROW(INDEX(Jesper!AI$2:AI$366,ROUNDDOWN($C1162/24,0)+1,1))-1)+IF('Standard Profiles'!$G$19=$B$10,7,0)+IF('Standard Profiles'!$G$19=$B$17,14,0)+IF('Standard Profiles'!$G$19=$B$24,21,0),0)),0)</f>
        <v>8.6168542737165428</v>
      </c>
      <c r="F1162" cm="1">
        <f t="array" ref="F1162">IFERROR(INDEX(Jesper!AJ$2:AJ$366,ROUNDDOWN($C1162/24,0)+1,1)*INDEX($D$3:$AA$30,INDEX(Jesper!$R$2:$R$366,ROW(INDEX(Jesper!AJ$2:AJ$366,ROUNDDOWN($C1162/24,0)+1,1))-1)+IF('Standard Profiles'!$G$20=$B$10,7,0)+IF('Standard Profiles'!$G$20=$B$17,14,0)+IF('Standard Profiles'!$G$20=$B$24,21,0),MOD($C1162,24)+1)/SUM(INDEX($D$3:$AA$30,INDEX(Jesper!$R$2:$R$366,ROW(INDEX(Jesper!AJ$2:AJ$366,ROUNDDOWN($C1162/24,0)+1,1))-1)+IF('Standard Profiles'!$G$20=$B$10,7,0)+IF('Standard Profiles'!$G$20=$B$17,14,0)+IF('Standard Profiles'!$G$20=$B$24,21,0),0)),0)</f>
        <v>0</v>
      </c>
      <c r="G1162" cm="1">
        <f t="array" ref="G1162">IFERROR(INDEX(Jesper!AK$2:AK$366,ROUNDDOWN($C1162/24,0)+1,1)*INDEX($D$3:$AA$30,INDEX(Jesper!$R$2:$R$366,ROW(INDEX(Jesper!AK$2:AK$366,ROUNDDOWN($C1162/24,0)+1,1))-1)+IF('Standard Profiles'!$G$21=$B$10,7,0)+IF('Standard Profiles'!$G$21=$B$17,14,0)+IF('Standard Profiles'!$G$21=$B$24,21,0),MOD($C1162,24)+1)/SUM(INDEX($D$3:$AA$30,INDEX(Jesper!$R$2:$R$366,ROW(INDEX(Jesper!AK$2:AK$366,ROUNDDOWN($C1162/24,0)+1,1))-1)+IF('Standard Profiles'!$G$21=$B$10,7,0)+IF('Standard Profiles'!$G$21=$B$17,14,0)+IF('Standard Profiles'!$G$21=$B$24,21,0),0)),0)</f>
        <v>4.7516964620543654</v>
      </c>
      <c r="H1162" cm="1">
        <f t="array" ref="H1162">IFERROR(INDEX(Jesper!AL$2:AL$366,ROUNDDOWN($C1162/24,0)+1,1)*INDEX($D$3:$AA$30,INDEX(Jesper!$R$2:$R$366,ROW(INDEX(Jesper!AL$2:AL$366,ROUNDDOWN($C1162/24,0)+1,1))-1)+IF('Standard Profiles'!$G$22=$B$10,7,0)+IF('Standard Profiles'!$G$22=$B$17,14,0)+IF('Standard Profiles'!$G$22=$B$24,21,0),MOD($C1162,24)+1)/SUM(INDEX($D$3:$AA$30,INDEX(Jesper!$R$2:$R$366,ROW(INDEX(Jesper!AL$2:AL$366,ROUNDDOWN($C1162/24,0)+1,1))-1)+IF('Standard Profiles'!$G$22=$B$10,7,0)+IF('Standard Profiles'!$G$22=$B$17,14,0)+IF('Standard Profiles'!$G$22=$B$24,21,0),0)),0)</f>
        <v>0</v>
      </c>
      <c r="I1162">
        <f t="shared" si="139"/>
        <v>2.2808143017860942</v>
      </c>
      <c r="J1162">
        <f t="shared" si="140"/>
        <v>18.676180551721338</v>
      </c>
      <c r="K1162">
        <f t="shared" si="141"/>
        <v>0.96361195145860623</v>
      </c>
      <c r="L1162">
        <f t="shared" si="142"/>
        <v>0.48180597572930312</v>
      </c>
      <c r="M1162">
        <f t="shared" si="143"/>
        <v>0</v>
      </c>
      <c r="N1162" s="45">
        <f t="shared" si="144"/>
        <v>44973.999999997264</v>
      </c>
    </row>
    <row r="1163" spans="2:14" x14ac:dyDescent="0.25">
      <c r="B1163">
        <f t="shared" si="138"/>
        <v>5</v>
      </c>
      <c r="C1163" s="16">
        <v>1129</v>
      </c>
      <c r="D1163" cm="1">
        <f t="array" ref="D1163">IFERROR(INDEX(Jesper!AH$2:AH$366,ROUNDDOWN($C1163/24,0)+1,1)*INDEX($D$3:$AA$30,INDEX(Jesper!$R$2:$R$366,ROW(INDEX(Jesper!AH$2:AH$366,ROUNDDOWN($C1163/24,0)+1,1))-1)+IF('Standard Profiles'!$G$18=$B$10,7,0)+IF('Standard Profiles'!$G$18=$B$17,14,0)+IF('Standard Profiles'!$G$18=$B$24,21,0),MOD($C1163,24)+1)/SUM(INDEX($D$3:$AA$30,INDEX(Jesper!$R$2:$R$366,ROW(INDEX(Jesper!AH$2:AH$366,ROUNDDOWN($C1163/24,0)+1,1))-1)+IF('Standard Profiles'!$G$18=$B$10,7,0)+IF('Standard Profiles'!$G$18=$B$17,14,0)+IF('Standard Profiles'!$G$18=$B$24,21,0),0)),0)</f>
        <v>5.4750679060148082</v>
      </c>
      <c r="E1163" cm="1">
        <f t="array" ref="E1163">IFERROR(INDEX(Jesper!AI$2:AI$366,ROUNDDOWN($C1163/24,0)+1,1)*INDEX($D$3:$AA$30,INDEX(Jesper!$R$2:$R$366,ROW(INDEX(Jesper!AI$2:AI$366,ROUNDDOWN($C1163/24,0)+1,1))-1)+IF('Standard Profiles'!$G$19=$B$10,7,0)+IF('Standard Profiles'!$G$19=$B$17,14,0)+IF('Standard Profiles'!$G$19=$B$24,21,0),MOD($C1163,24)+1)/SUM(INDEX($D$3:$AA$30,INDEX(Jesper!$R$2:$R$366,ROW(INDEX(Jesper!AI$2:AI$366,ROUNDDOWN($C1163/24,0)+1,1))-1)+IF('Standard Profiles'!$G$19=$B$10,7,0)+IF('Standard Profiles'!$G$19=$B$17,14,0)+IF('Standard Profiles'!$G$19=$B$24,21,0),0)),0)</f>
        <v>5.2223359234645708</v>
      </c>
      <c r="F1163" cm="1">
        <f t="array" ref="F1163">IFERROR(INDEX(Jesper!AJ$2:AJ$366,ROUNDDOWN($C1163/24,0)+1,1)*INDEX($D$3:$AA$30,INDEX(Jesper!$R$2:$R$366,ROW(INDEX(Jesper!AJ$2:AJ$366,ROUNDDOWN($C1163/24,0)+1,1))-1)+IF('Standard Profiles'!$G$20=$B$10,7,0)+IF('Standard Profiles'!$G$20=$B$17,14,0)+IF('Standard Profiles'!$G$20=$B$24,21,0),MOD($C1163,24)+1)/SUM(INDEX($D$3:$AA$30,INDEX(Jesper!$R$2:$R$366,ROW(INDEX(Jesper!AJ$2:AJ$366,ROUNDDOWN($C1163/24,0)+1,1))-1)+IF('Standard Profiles'!$G$20=$B$10,7,0)+IF('Standard Profiles'!$G$20=$B$17,14,0)+IF('Standard Profiles'!$G$20=$B$24,21,0),0)),0)</f>
        <v>0</v>
      </c>
      <c r="G1163" cm="1">
        <f t="array" ref="G1163">IFERROR(INDEX(Jesper!AK$2:AK$366,ROUNDDOWN($C1163/24,0)+1,1)*INDEX($D$3:$AA$30,INDEX(Jesper!$R$2:$R$366,ROW(INDEX(Jesper!AK$2:AK$366,ROUNDDOWN($C1163/24,0)+1,1))-1)+IF('Standard Profiles'!$G$21=$B$10,7,0)+IF('Standard Profiles'!$G$21=$B$17,14,0)+IF('Standard Profiles'!$G$21=$B$24,21,0),MOD($C1163,24)+1)/SUM(INDEX($D$3:$AA$30,INDEX(Jesper!$R$2:$R$366,ROW(INDEX(Jesper!AK$2:AK$366,ROUNDDOWN($C1163/24,0)+1,1))-1)+IF('Standard Profiles'!$G$21=$B$10,7,0)+IF('Standard Profiles'!$G$21=$B$17,14,0)+IF('Standard Profiles'!$G$21=$B$24,21,0),0)),0)</f>
        <v>4.7516964620543654</v>
      </c>
      <c r="H1163" cm="1">
        <f t="array" ref="H1163">IFERROR(INDEX(Jesper!AL$2:AL$366,ROUNDDOWN($C1163/24,0)+1,1)*INDEX($D$3:$AA$30,INDEX(Jesper!$R$2:$R$366,ROW(INDEX(Jesper!AL$2:AL$366,ROUNDDOWN($C1163/24,0)+1,1))-1)+IF('Standard Profiles'!$G$22=$B$10,7,0)+IF('Standard Profiles'!$G$22=$B$17,14,0)+IF('Standard Profiles'!$G$22=$B$24,21,0),MOD($C1163,24)+1)/SUM(INDEX($D$3:$AA$30,INDEX(Jesper!$R$2:$R$366,ROW(INDEX(Jesper!AL$2:AL$366,ROUNDDOWN($C1163/24,0)+1,1))-1)+IF('Standard Profiles'!$G$22=$B$10,7,0)+IF('Standard Profiles'!$G$22=$B$17,14,0)+IF('Standard Profiles'!$G$22=$B$24,21,0),0)),0)</f>
        <v>0</v>
      </c>
      <c r="I1163">
        <f t="shared" si="139"/>
        <v>2.2808143017860942</v>
      </c>
      <c r="J1163">
        <f t="shared" si="140"/>
        <v>12.292275124785281</v>
      </c>
      <c r="K1163">
        <f t="shared" si="141"/>
        <v>0.58400724330824627</v>
      </c>
      <c r="L1163">
        <f t="shared" si="142"/>
        <v>0.29200362165412314</v>
      </c>
      <c r="M1163">
        <f t="shared" si="143"/>
        <v>0</v>
      </c>
      <c r="N1163" s="45">
        <f t="shared" si="144"/>
        <v>44974.041666663928</v>
      </c>
    </row>
    <row r="1164" spans="2:14" x14ac:dyDescent="0.25">
      <c r="B1164">
        <f t="shared" si="138"/>
        <v>5</v>
      </c>
      <c r="C1164" s="16">
        <v>1130</v>
      </c>
      <c r="D1164" cm="1">
        <f t="array" ref="D1164">IFERROR(INDEX(Jesper!AH$2:AH$366,ROUNDDOWN($C1164/24,0)+1,1)*INDEX($D$3:$AA$30,INDEX(Jesper!$R$2:$R$366,ROW(INDEX(Jesper!AH$2:AH$366,ROUNDDOWN($C1164/24,0)+1,1))-1)+IF('Standard Profiles'!$G$18=$B$10,7,0)+IF('Standard Profiles'!$G$18=$B$17,14,0)+IF('Standard Profiles'!$G$18=$B$24,21,0),MOD($C1164,24)+1)/SUM(INDEX($D$3:$AA$30,INDEX(Jesper!$R$2:$R$366,ROW(INDEX(Jesper!AH$2:AH$366,ROUNDDOWN($C1164/24,0)+1,1))-1)+IF('Standard Profiles'!$G$18=$B$10,7,0)+IF('Standard Profiles'!$G$18=$B$17,14,0)+IF('Standard Profiles'!$G$18=$B$24,21,0),0)),0)</f>
        <v>5.4750679060148082</v>
      </c>
      <c r="E1164" cm="1">
        <f t="array" ref="E1164">IFERROR(INDEX(Jesper!AI$2:AI$366,ROUNDDOWN($C1164/24,0)+1,1)*INDEX($D$3:$AA$30,INDEX(Jesper!$R$2:$R$366,ROW(INDEX(Jesper!AI$2:AI$366,ROUNDDOWN($C1164/24,0)+1,1))-1)+IF('Standard Profiles'!$G$19=$B$10,7,0)+IF('Standard Profiles'!$G$19=$B$17,14,0)+IF('Standard Profiles'!$G$19=$B$24,21,0),MOD($C1164,24)+1)/SUM(INDEX($D$3:$AA$30,INDEX(Jesper!$R$2:$R$366,ROW(INDEX(Jesper!AI$2:AI$366,ROUNDDOWN($C1164/24,0)+1,1))-1)+IF('Standard Profiles'!$G$19=$B$10,7,0)+IF('Standard Profiles'!$G$19=$B$17,14,0)+IF('Standard Profiles'!$G$19=$B$24,21,0),0)),0)</f>
        <v>5.2223359234645708</v>
      </c>
      <c r="F1164" cm="1">
        <f t="array" ref="F1164">IFERROR(INDEX(Jesper!AJ$2:AJ$366,ROUNDDOWN($C1164/24,0)+1,1)*INDEX($D$3:$AA$30,INDEX(Jesper!$R$2:$R$366,ROW(INDEX(Jesper!AJ$2:AJ$366,ROUNDDOWN($C1164/24,0)+1,1))-1)+IF('Standard Profiles'!$G$20=$B$10,7,0)+IF('Standard Profiles'!$G$20=$B$17,14,0)+IF('Standard Profiles'!$G$20=$B$24,21,0),MOD($C1164,24)+1)/SUM(INDEX($D$3:$AA$30,INDEX(Jesper!$R$2:$R$366,ROW(INDEX(Jesper!AJ$2:AJ$366,ROUNDDOWN($C1164/24,0)+1,1))-1)+IF('Standard Profiles'!$G$20=$B$10,7,0)+IF('Standard Profiles'!$G$20=$B$17,14,0)+IF('Standard Profiles'!$G$20=$B$24,21,0),0)),0)</f>
        <v>0</v>
      </c>
      <c r="G1164" cm="1">
        <f t="array" ref="G1164">IFERROR(INDEX(Jesper!AK$2:AK$366,ROUNDDOWN($C1164/24,0)+1,1)*INDEX($D$3:$AA$30,INDEX(Jesper!$R$2:$R$366,ROW(INDEX(Jesper!AK$2:AK$366,ROUNDDOWN($C1164/24,0)+1,1))-1)+IF('Standard Profiles'!$G$21=$B$10,7,0)+IF('Standard Profiles'!$G$21=$B$17,14,0)+IF('Standard Profiles'!$G$21=$B$24,21,0),MOD($C1164,24)+1)/SUM(INDEX($D$3:$AA$30,INDEX(Jesper!$R$2:$R$366,ROW(INDEX(Jesper!AK$2:AK$366,ROUNDDOWN($C1164/24,0)+1,1))-1)+IF('Standard Profiles'!$G$21=$B$10,7,0)+IF('Standard Profiles'!$G$21=$B$17,14,0)+IF('Standard Profiles'!$G$21=$B$24,21,0),0)),0)</f>
        <v>4.7516964620543654</v>
      </c>
      <c r="H1164" cm="1">
        <f t="array" ref="H1164">IFERROR(INDEX(Jesper!AL$2:AL$366,ROUNDDOWN($C1164/24,0)+1,1)*INDEX($D$3:$AA$30,INDEX(Jesper!$R$2:$R$366,ROW(INDEX(Jesper!AL$2:AL$366,ROUNDDOWN($C1164/24,0)+1,1))-1)+IF('Standard Profiles'!$G$22=$B$10,7,0)+IF('Standard Profiles'!$G$22=$B$17,14,0)+IF('Standard Profiles'!$G$22=$B$24,21,0),MOD($C1164,24)+1)/SUM(INDEX($D$3:$AA$30,INDEX(Jesper!$R$2:$R$366,ROW(INDEX(Jesper!AL$2:AL$366,ROUNDDOWN($C1164/24,0)+1,1))-1)+IF('Standard Profiles'!$G$22=$B$10,7,0)+IF('Standard Profiles'!$G$22=$B$17,14,0)+IF('Standard Profiles'!$G$22=$B$24,21,0),0)),0)</f>
        <v>0</v>
      </c>
      <c r="I1164">
        <f t="shared" si="139"/>
        <v>2.2808143017860942</v>
      </c>
      <c r="J1164">
        <f t="shared" si="140"/>
        <v>12.292275124785281</v>
      </c>
      <c r="K1164">
        <f t="shared" si="141"/>
        <v>0.58400724330824627</v>
      </c>
      <c r="L1164">
        <f t="shared" si="142"/>
        <v>0.29200362165412314</v>
      </c>
      <c r="M1164">
        <f t="shared" si="143"/>
        <v>0</v>
      </c>
      <c r="N1164" s="45">
        <f t="shared" si="144"/>
        <v>44974.083333330593</v>
      </c>
    </row>
    <row r="1165" spans="2:14" x14ac:dyDescent="0.25">
      <c r="B1165">
        <f t="shared" si="138"/>
        <v>5</v>
      </c>
      <c r="C1165" s="16">
        <v>1131</v>
      </c>
      <c r="D1165" cm="1">
        <f t="array" ref="D1165">IFERROR(INDEX(Jesper!AH$2:AH$366,ROUNDDOWN($C1165/24,0)+1,1)*INDEX($D$3:$AA$30,INDEX(Jesper!$R$2:$R$366,ROW(INDEX(Jesper!AH$2:AH$366,ROUNDDOWN($C1165/24,0)+1,1))-1)+IF('Standard Profiles'!$G$18=$B$10,7,0)+IF('Standard Profiles'!$G$18=$B$17,14,0)+IF('Standard Profiles'!$G$18=$B$24,21,0),MOD($C1165,24)+1)/SUM(INDEX($D$3:$AA$30,INDEX(Jesper!$R$2:$R$366,ROW(INDEX(Jesper!AH$2:AH$366,ROUNDDOWN($C1165/24,0)+1,1))-1)+IF('Standard Profiles'!$G$18=$B$10,7,0)+IF('Standard Profiles'!$G$18=$B$17,14,0)+IF('Standard Profiles'!$G$18=$B$24,21,0),0)),0)</f>
        <v>5.4750679060148082</v>
      </c>
      <c r="E1165" cm="1">
        <f t="array" ref="E1165">IFERROR(INDEX(Jesper!AI$2:AI$366,ROUNDDOWN($C1165/24,0)+1,1)*INDEX($D$3:$AA$30,INDEX(Jesper!$R$2:$R$366,ROW(INDEX(Jesper!AI$2:AI$366,ROUNDDOWN($C1165/24,0)+1,1))-1)+IF('Standard Profiles'!$G$19=$B$10,7,0)+IF('Standard Profiles'!$G$19=$B$17,14,0)+IF('Standard Profiles'!$G$19=$B$24,21,0),MOD($C1165,24)+1)/SUM(INDEX($D$3:$AA$30,INDEX(Jesper!$R$2:$R$366,ROW(INDEX(Jesper!AI$2:AI$366,ROUNDDOWN($C1165/24,0)+1,1))-1)+IF('Standard Profiles'!$G$19=$B$10,7,0)+IF('Standard Profiles'!$G$19=$B$17,14,0)+IF('Standard Profiles'!$G$19=$B$24,21,0),0)),0)</f>
        <v>5.2223359234645708</v>
      </c>
      <c r="F1165" cm="1">
        <f t="array" ref="F1165">IFERROR(INDEX(Jesper!AJ$2:AJ$366,ROUNDDOWN($C1165/24,0)+1,1)*INDEX($D$3:$AA$30,INDEX(Jesper!$R$2:$R$366,ROW(INDEX(Jesper!AJ$2:AJ$366,ROUNDDOWN($C1165/24,0)+1,1))-1)+IF('Standard Profiles'!$G$20=$B$10,7,0)+IF('Standard Profiles'!$G$20=$B$17,14,0)+IF('Standard Profiles'!$G$20=$B$24,21,0),MOD($C1165,24)+1)/SUM(INDEX($D$3:$AA$30,INDEX(Jesper!$R$2:$R$366,ROW(INDEX(Jesper!AJ$2:AJ$366,ROUNDDOWN($C1165/24,0)+1,1))-1)+IF('Standard Profiles'!$G$20=$B$10,7,0)+IF('Standard Profiles'!$G$20=$B$17,14,0)+IF('Standard Profiles'!$G$20=$B$24,21,0),0)),0)</f>
        <v>0</v>
      </c>
      <c r="G1165" cm="1">
        <f t="array" ref="G1165">IFERROR(INDEX(Jesper!AK$2:AK$366,ROUNDDOWN($C1165/24,0)+1,1)*INDEX($D$3:$AA$30,INDEX(Jesper!$R$2:$R$366,ROW(INDEX(Jesper!AK$2:AK$366,ROUNDDOWN($C1165/24,0)+1,1))-1)+IF('Standard Profiles'!$G$21=$B$10,7,0)+IF('Standard Profiles'!$G$21=$B$17,14,0)+IF('Standard Profiles'!$G$21=$B$24,21,0),MOD($C1165,24)+1)/SUM(INDEX($D$3:$AA$30,INDEX(Jesper!$R$2:$R$366,ROW(INDEX(Jesper!AK$2:AK$366,ROUNDDOWN($C1165/24,0)+1,1))-1)+IF('Standard Profiles'!$G$21=$B$10,7,0)+IF('Standard Profiles'!$G$21=$B$17,14,0)+IF('Standard Profiles'!$G$21=$B$24,21,0),0)),0)</f>
        <v>4.7516964620543654</v>
      </c>
      <c r="H1165" cm="1">
        <f t="array" ref="H1165">IFERROR(INDEX(Jesper!AL$2:AL$366,ROUNDDOWN($C1165/24,0)+1,1)*INDEX($D$3:$AA$30,INDEX(Jesper!$R$2:$R$366,ROW(INDEX(Jesper!AL$2:AL$366,ROUNDDOWN($C1165/24,0)+1,1))-1)+IF('Standard Profiles'!$G$22=$B$10,7,0)+IF('Standard Profiles'!$G$22=$B$17,14,0)+IF('Standard Profiles'!$G$22=$B$24,21,0),MOD($C1165,24)+1)/SUM(INDEX($D$3:$AA$30,INDEX(Jesper!$R$2:$R$366,ROW(INDEX(Jesper!AL$2:AL$366,ROUNDDOWN($C1165/24,0)+1,1))-1)+IF('Standard Profiles'!$G$22=$B$10,7,0)+IF('Standard Profiles'!$G$22=$B$17,14,0)+IF('Standard Profiles'!$G$22=$B$24,21,0),0)),0)</f>
        <v>0</v>
      </c>
      <c r="I1165">
        <f t="shared" si="139"/>
        <v>2.2808143017860942</v>
      </c>
      <c r="J1165">
        <f t="shared" si="140"/>
        <v>12.292275124785281</v>
      </c>
      <c r="K1165">
        <f t="shared" si="141"/>
        <v>0.58400724330824627</v>
      </c>
      <c r="L1165">
        <f t="shared" si="142"/>
        <v>0.29200362165412314</v>
      </c>
      <c r="M1165">
        <f t="shared" si="143"/>
        <v>0</v>
      </c>
      <c r="N1165" s="45">
        <f t="shared" si="144"/>
        <v>44974.124999997257</v>
      </c>
    </row>
    <row r="1166" spans="2:14" x14ac:dyDescent="0.25">
      <c r="B1166">
        <f t="shared" si="138"/>
        <v>5</v>
      </c>
      <c r="C1166" s="16">
        <v>1132</v>
      </c>
      <c r="D1166" cm="1">
        <f t="array" ref="D1166">IFERROR(INDEX(Jesper!AH$2:AH$366,ROUNDDOWN($C1166/24,0)+1,1)*INDEX($D$3:$AA$30,INDEX(Jesper!$R$2:$R$366,ROW(INDEX(Jesper!AH$2:AH$366,ROUNDDOWN($C1166/24,0)+1,1))-1)+IF('Standard Profiles'!$G$18=$B$10,7,0)+IF('Standard Profiles'!$G$18=$B$17,14,0)+IF('Standard Profiles'!$G$18=$B$24,21,0),MOD($C1166,24)+1)/SUM(INDEX($D$3:$AA$30,INDEX(Jesper!$R$2:$R$366,ROW(INDEX(Jesper!AH$2:AH$366,ROUNDDOWN($C1166/24,0)+1,1))-1)+IF('Standard Profiles'!$G$18=$B$10,7,0)+IF('Standard Profiles'!$G$18=$B$17,14,0)+IF('Standard Profiles'!$G$18=$B$24,21,0),0)),0)</f>
        <v>5.4750679060148082</v>
      </c>
      <c r="E1166" cm="1">
        <f t="array" ref="E1166">IFERROR(INDEX(Jesper!AI$2:AI$366,ROUNDDOWN($C1166/24,0)+1,1)*INDEX($D$3:$AA$30,INDEX(Jesper!$R$2:$R$366,ROW(INDEX(Jesper!AI$2:AI$366,ROUNDDOWN($C1166/24,0)+1,1))-1)+IF('Standard Profiles'!$G$19=$B$10,7,0)+IF('Standard Profiles'!$G$19=$B$17,14,0)+IF('Standard Profiles'!$G$19=$B$24,21,0),MOD($C1166,24)+1)/SUM(INDEX($D$3:$AA$30,INDEX(Jesper!$R$2:$R$366,ROW(INDEX(Jesper!AI$2:AI$366,ROUNDDOWN($C1166/24,0)+1,1))-1)+IF('Standard Profiles'!$G$19=$B$10,7,0)+IF('Standard Profiles'!$G$19=$B$17,14,0)+IF('Standard Profiles'!$G$19=$B$24,21,0),0)),0)</f>
        <v>5.2223359234645708</v>
      </c>
      <c r="F1166" cm="1">
        <f t="array" ref="F1166">IFERROR(INDEX(Jesper!AJ$2:AJ$366,ROUNDDOWN($C1166/24,0)+1,1)*INDEX($D$3:$AA$30,INDEX(Jesper!$R$2:$R$366,ROW(INDEX(Jesper!AJ$2:AJ$366,ROUNDDOWN($C1166/24,0)+1,1))-1)+IF('Standard Profiles'!$G$20=$B$10,7,0)+IF('Standard Profiles'!$G$20=$B$17,14,0)+IF('Standard Profiles'!$G$20=$B$24,21,0),MOD($C1166,24)+1)/SUM(INDEX($D$3:$AA$30,INDEX(Jesper!$R$2:$R$366,ROW(INDEX(Jesper!AJ$2:AJ$366,ROUNDDOWN($C1166/24,0)+1,1))-1)+IF('Standard Profiles'!$G$20=$B$10,7,0)+IF('Standard Profiles'!$G$20=$B$17,14,0)+IF('Standard Profiles'!$G$20=$B$24,21,0),0)),0)</f>
        <v>0</v>
      </c>
      <c r="G1166" cm="1">
        <f t="array" ref="G1166">IFERROR(INDEX(Jesper!AK$2:AK$366,ROUNDDOWN($C1166/24,0)+1,1)*INDEX($D$3:$AA$30,INDEX(Jesper!$R$2:$R$366,ROW(INDEX(Jesper!AK$2:AK$366,ROUNDDOWN($C1166/24,0)+1,1))-1)+IF('Standard Profiles'!$G$21=$B$10,7,0)+IF('Standard Profiles'!$G$21=$B$17,14,0)+IF('Standard Profiles'!$G$21=$B$24,21,0),MOD($C1166,24)+1)/SUM(INDEX($D$3:$AA$30,INDEX(Jesper!$R$2:$R$366,ROW(INDEX(Jesper!AK$2:AK$366,ROUNDDOWN($C1166/24,0)+1,1))-1)+IF('Standard Profiles'!$G$21=$B$10,7,0)+IF('Standard Profiles'!$G$21=$B$17,14,0)+IF('Standard Profiles'!$G$21=$B$24,21,0),0)),0)</f>
        <v>4.7516964620543654</v>
      </c>
      <c r="H1166" cm="1">
        <f t="array" ref="H1166">IFERROR(INDEX(Jesper!AL$2:AL$366,ROUNDDOWN($C1166/24,0)+1,1)*INDEX($D$3:$AA$30,INDEX(Jesper!$R$2:$R$366,ROW(INDEX(Jesper!AL$2:AL$366,ROUNDDOWN($C1166/24,0)+1,1))-1)+IF('Standard Profiles'!$G$22=$B$10,7,0)+IF('Standard Profiles'!$G$22=$B$17,14,0)+IF('Standard Profiles'!$G$22=$B$24,21,0),MOD($C1166,24)+1)/SUM(INDEX($D$3:$AA$30,INDEX(Jesper!$R$2:$R$366,ROW(INDEX(Jesper!AL$2:AL$366,ROUNDDOWN($C1166/24,0)+1,1))-1)+IF('Standard Profiles'!$G$22=$B$10,7,0)+IF('Standard Profiles'!$G$22=$B$17,14,0)+IF('Standard Profiles'!$G$22=$B$24,21,0),0)),0)</f>
        <v>0</v>
      </c>
      <c r="I1166">
        <f t="shared" si="139"/>
        <v>2.2808143017860942</v>
      </c>
      <c r="J1166">
        <f t="shared" si="140"/>
        <v>12.292275124785281</v>
      </c>
      <c r="K1166">
        <f t="shared" si="141"/>
        <v>0.58400724330824627</v>
      </c>
      <c r="L1166">
        <f t="shared" si="142"/>
        <v>0.29200362165412314</v>
      </c>
      <c r="M1166">
        <f t="shared" si="143"/>
        <v>0</v>
      </c>
      <c r="N1166" s="45">
        <f t="shared" si="144"/>
        <v>44974.166666663921</v>
      </c>
    </row>
    <row r="1167" spans="2:14" x14ac:dyDescent="0.25">
      <c r="B1167">
        <f t="shared" si="138"/>
        <v>5</v>
      </c>
      <c r="C1167" s="16">
        <v>1133</v>
      </c>
      <c r="D1167" cm="1">
        <f t="array" ref="D1167">IFERROR(INDEX(Jesper!AH$2:AH$366,ROUNDDOWN($C1167/24,0)+1,1)*INDEX($D$3:$AA$30,INDEX(Jesper!$R$2:$R$366,ROW(INDEX(Jesper!AH$2:AH$366,ROUNDDOWN($C1167/24,0)+1,1))-1)+IF('Standard Profiles'!$G$18=$B$10,7,0)+IF('Standard Profiles'!$G$18=$B$17,14,0)+IF('Standard Profiles'!$G$18=$B$24,21,0),MOD($C1167,24)+1)/SUM(INDEX($D$3:$AA$30,INDEX(Jesper!$R$2:$R$366,ROW(INDEX(Jesper!AH$2:AH$366,ROUNDDOWN($C1167/24,0)+1,1))-1)+IF('Standard Profiles'!$G$18=$B$10,7,0)+IF('Standard Profiles'!$G$18=$B$17,14,0)+IF('Standard Profiles'!$G$18=$B$24,21,0),0)),0)</f>
        <v>5.4750679060148082</v>
      </c>
      <c r="E1167" cm="1">
        <f t="array" ref="E1167">IFERROR(INDEX(Jesper!AI$2:AI$366,ROUNDDOWN($C1167/24,0)+1,1)*INDEX($D$3:$AA$30,INDEX(Jesper!$R$2:$R$366,ROW(INDEX(Jesper!AI$2:AI$366,ROUNDDOWN($C1167/24,0)+1,1))-1)+IF('Standard Profiles'!$G$19=$B$10,7,0)+IF('Standard Profiles'!$G$19=$B$17,14,0)+IF('Standard Profiles'!$G$19=$B$24,21,0),MOD($C1167,24)+1)/SUM(INDEX($D$3:$AA$30,INDEX(Jesper!$R$2:$R$366,ROW(INDEX(Jesper!AI$2:AI$366,ROUNDDOWN($C1167/24,0)+1,1))-1)+IF('Standard Profiles'!$G$19=$B$10,7,0)+IF('Standard Profiles'!$G$19=$B$17,14,0)+IF('Standard Profiles'!$G$19=$B$24,21,0),0)),0)</f>
        <v>5.2223359234645708</v>
      </c>
      <c r="F1167" cm="1">
        <f t="array" ref="F1167">IFERROR(INDEX(Jesper!AJ$2:AJ$366,ROUNDDOWN($C1167/24,0)+1,1)*INDEX($D$3:$AA$30,INDEX(Jesper!$R$2:$R$366,ROW(INDEX(Jesper!AJ$2:AJ$366,ROUNDDOWN($C1167/24,0)+1,1))-1)+IF('Standard Profiles'!$G$20=$B$10,7,0)+IF('Standard Profiles'!$G$20=$B$17,14,0)+IF('Standard Profiles'!$G$20=$B$24,21,0),MOD($C1167,24)+1)/SUM(INDEX($D$3:$AA$30,INDEX(Jesper!$R$2:$R$366,ROW(INDEX(Jesper!AJ$2:AJ$366,ROUNDDOWN($C1167/24,0)+1,1))-1)+IF('Standard Profiles'!$G$20=$B$10,7,0)+IF('Standard Profiles'!$G$20=$B$17,14,0)+IF('Standard Profiles'!$G$20=$B$24,21,0),0)),0)</f>
        <v>0</v>
      </c>
      <c r="G1167" cm="1">
        <f t="array" ref="G1167">IFERROR(INDEX(Jesper!AK$2:AK$366,ROUNDDOWN($C1167/24,0)+1,1)*INDEX($D$3:$AA$30,INDEX(Jesper!$R$2:$R$366,ROW(INDEX(Jesper!AK$2:AK$366,ROUNDDOWN($C1167/24,0)+1,1))-1)+IF('Standard Profiles'!$G$21=$B$10,7,0)+IF('Standard Profiles'!$G$21=$B$17,14,0)+IF('Standard Profiles'!$G$21=$B$24,21,0),MOD($C1167,24)+1)/SUM(INDEX($D$3:$AA$30,INDEX(Jesper!$R$2:$R$366,ROW(INDEX(Jesper!AK$2:AK$366,ROUNDDOWN($C1167/24,0)+1,1))-1)+IF('Standard Profiles'!$G$21=$B$10,7,0)+IF('Standard Profiles'!$G$21=$B$17,14,0)+IF('Standard Profiles'!$G$21=$B$24,21,0),0)),0)</f>
        <v>4.7516964620543654</v>
      </c>
      <c r="H1167" cm="1">
        <f t="array" ref="H1167">IFERROR(INDEX(Jesper!AL$2:AL$366,ROUNDDOWN($C1167/24,0)+1,1)*INDEX($D$3:$AA$30,INDEX(Jesper!$R$2:$R$366,ROW(INDEX(Jesper!AL$2:AL$366,ROUNDDOWN($C1167/24,0)+1,1))-1)+IF('Standard Profiles'!$G$22=$B$10,7,0)+IF('Standard Profiles'!$G$22=$B$17,14,0)+IF('Standard Profiles'!$G$22=$B$24,21,0),MOD($C1167,24)+1)/SUM(INDEX($D$3:$AA$30,INDEX(Jesper!$R$2:$R$366,ROW(INDEX(Jesper!AL$2:AL$366,ROUNDDOWN($C1167/24,0)+1,1))-1)+IF('Standard Profiles'!$G$22=$B$10,7,0)+IF('Standard Profiles'!$G$22=$B$17,14,0)+IF('Standard Profiles'!$G$22=$B$24,21,0),0)),0)</f>
        <v>0</v>
      </c>
      <c r="I1167">
        <f t="shared" si="139"/>
        <v>2.2808143017860942</v>
      </c>
      <c r="J1167">
        <f t="shared" si="140"/>
        <v>12.292275124785281</v>
      </c>
      <c r="K1167">
        <f t="shared" si="141"/>
        <v>0.58400724330824627</v>
      </c>
      <c r="L1167">
        <f t="shared" si="142"/>
        <v>0.29200362165412314</v>
      </c>
      <c r="M1167">
        <f t="shared" si="143"/>
        <v>0</v>
      </c>
      <c r="N1167" s="45">
        <f t="shared" si="144"/>
        <v>44974.208333330585</v>
      </c>
    </row>
    <row r="1168" spans="2:14" x14ac:dyDescent="0.25">
      <c r="B1168">
        <f t="shared" si="138"/>
        <v>5</v>
      </c>
      <c r="C1168" s="16">
        <v>1134</v>
      </c>
      <c r="D1168" cm="1">
        <f t="array" ref="D1168">IFERROR(INDEX(Jesper!AH$2:AH$366,ROUNDDOWN($C1168/24,0)+1,1)*INDEX($D$3:$AA$30,INDEX(Jesper!$R$2:$R$366,ROW(INDEX(Jesper!AH$2:AH$366,ROUNDDOWN($C1168/24,0)+1,1))-1)+IF('Standard Profiles'!$G$18=$B$10,7,0)+IF('Standard Profiles'!$G$18=$B$17,14,0)+IF('Standard Profiles'!$G$18=$B$24,21,0),MOD($C1168,24)+1)/SUM(INDEX($D$3:$AA$30,INDEX(Jesper!$R$2:$R$366,ROW(INDEX(Jesper!AH$2:AH$366,ROUNDDOWN($C1168/24,0)+1,1))-1)+IF('Standard Profiles'!$G$18=$B$10,7,0)+IF('Standard Profiles'!$G$18=$B$17,14,0)+IF('Standard Profiles'!$G$18=$B$24,21,0),0)),0)</f>
        <v>5.4750679060148082</v>
      </c>
      <c r="E1168" cm="1">
        <f t="array" ref="E1168">IFERROR(INDEX(Jesper!AI$2:AI$366,ROUNDDOWN($C1168/24,0)+1,1)*INDEX($D$3:$AA$30,INDEX(Jesper!$R$2:$R$366,ROW(INDEX(Jesper!AI$2:AI$366,ROUNDDOWN($C1168/24,0)+1,1))-1)+IF('Standard Profiles'!$G$19=$B$10,7,0)+IF('Standard Profiles'!$G$19=$B$17,14,0)+IF('Standard Profiles'!$G$19=$B$24,21,0),MOD($C1168,24)+1)/SUM(INDEX($D$3:$AA$30,INDEX(Jesper!$R$2:$R$366,ROW(INDEX(Jesper!AI$2:AI$366,ROUNDDOWN($C1168/24,0)+1,1))-1)+IF('Standard Profiles'!$G$19=$B$10,7,0)+IF('Standard Profiles'!$G$19=$B$17,14,0)+IF('Standard Profiles'!$G$19=$B$24,21,0),0)),0)</f>
        <v>5.2223359234645708</v>
      </c>
      <c r="F1168" cm="1">
        <f t="array" ref="F1168">IFERROR(INDEX(Jesper!AJ$2:AJ$366,ROUNDDOWN($C1168/24,0)+1,1)*INDEX($D$3:$AA$30,INDEX(Jesper!$R$2:$R$366,ROW(INDEX(Jesper!AJ$2:AJ$366,ROUNDDOWN($C1168/24,0)+1,1))-1)+IF('Standard Profiles'!$G$20=$B$10,7,0)+IF('Standard Profiles'!$G$20=$B$17,14,0)+IF('Standard Profiles'!$G$20=$B$24,21,0),MOD($C1168,24)+1)/SUM(INDEX($D$3:$AA$30,INDEX(Jesper!$R$2:$R$366,ROW(INDEX(Jesper!AJ$2:AJ$366,ROUNDDOWN($C1168/24,0)+1,1))-1)+IF('Standard Profiles'!$G$20=$B$10,7,0)+IF('Standard Profiles'!$G$20=$B$17,14,0)+IF('Standard Profiles'!$G$20=$B$24,21,0),0)),0)</f>
        <v>0</v>
      </c>
      <c r="G1168" cm="1">
        <f t="array" ref="G1168">IFERROR(INDEX(Jesper!AK$2:AK$366,ROUNDDOWN($C1168/24,0)+1,1)*INDEX($D$3:$AA$30,INDEX(Jesper!$R$2:$R$366,ROW(INDEX(Jesper!AK$2:AK$366,ROUNDDOWN($C1168/24,0)+1,1))-1)+IF('Standard Profiles'!$G$21=$B$10,7,0)+IF('Standard Profiles'!$G$21=$B$17,14,0)+IF('Standard Profiles'!$G$21=$B$24,21,0),MOD($C1168,24)+1)/SUM(INDEX($D$3:$AA$30,INDEX(Jesper!$R$2:$R$366,ROW(INDEX(Jesper!AK$2:AK$366,ROUNDDOWN($C1168/24,0)+1,1))-1)+IF('Standard Profiles'!$G$21=$B$10,7,0)+IF('Standard Profiles'!$G$21=$B$17,14,0)+IF('Standard Profiles'!$G$21=$B$24,21,0),0)),0)</f>
        <v>4.7516964620543654</v>
      </c>
      <c r="H1168" cm="1">
        <f t="array" ref="H1168">IFERROR(INDEX(Jesper!AL$2:AL$366,ROUNDDOWN($C1168/24,0)+1,1)*INDEX($D$3:$AA$30,INDEX(Jesper!$R$2:$R$366,ROW(INDEX(Jesper!AL$2:AL$366,ROUNDDOWN($C1168/24,0)+1,1))-1)+IF('Standard Profiles'!$G$22=$B$10,7,0)+IF('Standard Profiles'!$G$22=$B$17,14,0)+IF('Standard Profiles'!$G$22=$B$24,21,0),MOD($C1168,24)+1)/SUM(INDEX($D$3:$AA$30,INDEX(Jesper!$R$2:$R$366,ROW(INDEX(Jesper!AL$2:AL$366,ROUNDDOWN($C1168/24,0)+1,1))-1)+IF('Standard Profiles'!$G$22=$B$10,7,0)+IF('Standard Profiles'!$G$22=$B$17,14,0)+IF('Standard Profiles'!$G$22=$B$24,21,0),0)),0)</f>
        <v>0</v>
      </c>
      <c r="I1168">
        <f t="shared" si="139"/>
        <v>2.2808143017860942</v>
      </c>
      <c r="J1168">
        <f t="shared" si="140"/>
        <v>12.292275124785281</v>
      </c>
      <c r="K1168">
        <f t="shared" si="141"/>
        <v>0.58400724330824627</v>
      </c>
      <c r="L1168">
        <f t="shared" si="142"/>
        <v>0.29200362165412314</v>
      </c>
      <c r="M1168">
        <f t="shared" si="143"/>
        <v>0</v>
      </c>
      <c r="N1168" s="45">
        <f t="shared" si="144"/>
        <v>44974.24999999725</v>
      </c>
    </row>
    <row r="1169" spans="2:14" x14ac:dyDescent="0.25">
      <c r="B1169">
        <f t="shared" si="138"/>
        <v>5</v>
      </c>
      <c r="C1169" s="16">
        <v>1135</v>
      </c>
      <c r="D1169" cm="1">
        <f t="array" ref="D1169">IFERROR(INDEX(Jesper!AH$2:AH$366,ROUNDDOWN($C1169/24,0)+1,1)*INDEX($D$3:$AA$30,INDEX(Jesper!$R$2:$R$366,ROW(INDEX(Jesper!AH$2:AH$366,ROUNDDOWN($C1169/24,0)+1,1))-1)+IF('Standard Profiles'!$G$18=$B$10,7,0)+IF('Standard Profiles'!$G$18=$B$17,14,0)+IF('Standard Profiles'!$G$18=$B$24,21,0),MOD($C1169,24)+1)/SUM(INDEX($D$3:$AA$30,INDEX(Jesper!$R$2:$R$366,ROW(INDEX(Jesper!AH$2:AH$366,ROUNDDOWN($C1169/24,0)+1,1))-1)+IF('Standard Profiles'!$G$18=$B$10,7,0)+IF('Standard Profiles'!$G$18=$B$17,14,0)+IF('Standard Profiles'!$G$18=$B$24,21,0),0)),0)</f>
        <v>23.323789279623082</v>
      </c>
      <c r="E1169" cm="1">
        <f t="array" ref="E1169">IFERROR(INDEX(Jesper!AI$2:AI$366,ROUNDDOWN($C1169/24,0)+1,1)*INDEX($D$3:$AA$30,INDEX(Jesper!$R$2:$R$366,ROW(INDEX(Jesper!AI$2:AI$366,ROUNDDOWN($C1169/24,0)+1,1))-1)+IF('Standard Profiles'!$G$19=$B$10,7,0)+IF('Standard Profiles'!$G$19=$B$17,14,0)+IF('Standard Profiles'!$G$19=$B$24,21,0),MOD($C1169,24)+1)/SUM(INDEX($D$3:$AA$30,INDEX(Jesper!$R$2:$R$366,ROW(INDEX(Jesper!AI$2:AI$366,ROUNDDOWN($C1169/24,0)+1,1))-1)+IF('Standard Profiles'!$G$19=$B$10,7,0)+IF('Standard Profiles'!$G$19=$B$17,14,0)+IF('Standard Profiles'!$G$19=$B$24,21,0),0)),0)</f>
        <v>22.247151033959071</v>
      </c>
      <c r="F1169" cm="1">
        <f t="array" ref="F1169">IFERROR(INDEX(Jesper!AJ$2:AJ$366,ROUNDDOWN($C1169/24,0)+1,1)*INDEX($D$3:$AA$30,INDEX(Jesper!$R$2:$R$366,ROW(INDEX(Jesper!AJ$2:AJ$366,ROUNDDOWN($C1169/24,0)+1,1))-1)+IF('Standard Profiles'!$G$20=$B$10,7,0)+IF('Standard Profiles'!$G$20=$B$17,14,0)+IF('Standard Profiles'!$G$20=$B$24,21,0),MOD($C1169,24)+1)/SUM(INDEX($D$3:$AA$30,INDEX(Jesper!$R$2:$R$366,ROW(INDEX(Jesper!AJ$2:AJ$366,ROUNDDOWN($C1169/24,0)+1,1))-1)+IF('Standard Profiles'!$G$20=$B$10,7,0)+IF('Standard Profiles'!$G$20=$B$17,14,0)+IF('Standard Profiles'!$G$20=$B$24,21,0),0)),0)</f>
        <v>0</v>
      </c>
      <c r="G1169" cm="1">
        <f t="array" ref="G1169">IFERROR(INDEX(Jesper!AK$2:AK$366,ROUNDDOWN($C1169/24,0)+1,1)*INDEX($D$3:$AA$30,INDEX(Jesper!$R$2:$R$366,ROW(INDEX(Jesper!AK$2:AK$366,ROUNDDOWN($C1169/24,0)+1,1))-1)+IF('Standard Profiles'!$G$21=$B$10,7,0)+IF('Standard Profiles'!$G$21=$B$17,14,0)+IF('Standard Profiles'!$G$21=$B$24,21,0),MOD($C1169,24)+1)/SUM(INDEX($D$3:$AA$30,INDEX(Jesper!$R$2:$R$366,ROW(INDEX(Jesper!AK$2:AK$366,ROUNDDOWN($C1169/24,0)+1,1))-1)+IF('Standard Profiles'!$G$21=$B$10,7,0)+IF('Standard Profiles'!$G$21=$B$17,14,0)+IF('Standard Profiles'!$G$21=$B$24,21,0),0)),0)</f>
        <v>12.875564606856988</v>
      </c>
      <c r="H1169" cm="1">
        <f t="array" ref="H1169">IFERROR(INDEX(Jesper!AL$2:AL$366,ROUNDDOWN($C1169/24,0)+1,1)*INDEX($D$3:$AA$30,INDEX(Jesper!$R$2:$R$366,ROW(INDEX(Jesper!AL$2:AL$366,ROUNDDOWN($C1169/24,0)+1,1))-1)+IF('Standard Profiles'!$G$22=$B$10,7,0)+IF('Standard Profiles'!$G$22=$B$17,14,0)+IF('Standard Profiles'!$G$22=$B$24,21,0),MOD($C1169,24)+1)/SUM(INDEX($D$3:$AA$30,INDEX(Jesper!$R$2:$R$366,ROW(INDEX(Jesper!AL$2:AL$366,ROUNDDOWN($C1169/24,0)+1,1))-1)+IF('Standard Profiles'!$G$22=$B$10,7,0)+IF('Standard Profiles'!$G$22=$B$17,14,0)+IF('Standard Profiles'!$G$22=$B$24,21,0),0)),0)</f>
        <v>0</v>
      </c>
      <c r="I1169">
        <f t="shared" si="139"/>
        <v>6.1802710112913513</v>
      </c>
      <c r="J1169">
        <f t="shared" si="140"/>
        <v>48.534427624408096</v>
      </c>
      <c r="K1169">
        <f t="shared" si="141"/>
        <v>2.4878708564931289</v>
      </c>
      <c r="L1169">
        <f t="shared" si="142"/>
        <v>1.2439354282465644</v>
      </c>
      <c r="M1169">
        <f t="shared" si="143"/>
        <v>0</v>
      </c>
      <c r="N1169" s="45">
        <f t="shared" si="144"/>
        <v>44974.291666663914</v>
      </c>
    </row>
    <row r="1170" spans="2:14" x14ac:dyDescent="0.25">
      <c r="B1170">
        <f t="shared" si="138"/>
        <v>5</v>
      </c>
      <c r="C1170" s="16">
        <v>1136</v>
      </c>
      <c r="D1170" cm="1">
        <f t="array" ref="D1170">IFERROR(INDEX(Jesper!AH$2:AH$366,ROUNDDOWN($C1170/24,0)+1,1)*INDEX($D$3:$AA$30,INDEX(Jesper!$R$2:$R$366,ROW(INDEX(Jesper!AH$2:AH$366,ROUNDDOWN($C1170/24,0)+1,1))-1)+IF('Standard Profiles'!$G$18=$B$10,7,0)+IF('Standard Profiles'!$G$18=$B$17,14,0)+IF('Standard Profiles'!$G$18=$B$24,21,0),MOD($C1170,24)+1)/SUM(INDEX($D$3:$AA$30,INDEX(Jesper!$R$2:$R$366,ROW(INDEX(Jesper!AH$2:AH$366,ROUNDDOWN($C1170/24,0)+1,1))-1)+IF('Standard Profiles'!$G$18=$B$10,7,0)+IF('Standard Profiles'!$G$18=$B$17,14,0)+IF('Standard Profiles'!$G$18=$B$24,21,0),0)),0)</f>
        <v>29.154736599528853</v>
      </c>
      <c r="E1170" cm="1">
        <f t="array" ref="E1170">IFERROR(INDEX(Jesper!AI$2:AI$366,ROUNDDOWN($C1170/24,0)+1,1)*INDEX($D$3:$AA$30,INDEX(Jesper!$R$2:$R$366,ROW(INDEX(Jesper!AI$2:AI$366,ROUNDDOWN($C1170/24,0)+1,1))-1)+IF('Standard Profiles'!$G$19=$B$10,7,0)+IF('Standard Profiles'!$G$19=$B$17,14,0)+IF('Standard Profiles'!$G$19=$B$24,21,0),MOD($C1170,24)+1)/SUM(INDEX($D$3:$AA$30,INDEX(Jesper!$R$2:$R$366,ROW(INDEX(Jesper!AI$2:AI$366,ROUNDDOWN($C1170/24,0)+1,1))-1)+IF('Standard Profiles'!$G$19=$B$10,7,0)+IF('Standard Profiles'!$G$19=$B$17,14,0)+IF('Standard Profiles'!$G$19=$B$24,21,0),0)),0)</f>
        <v>27.808938792448842</v>
      </c>
      <c r="F1170" cm="1">
        <f t="array" ref="F1170">IFERROR(INDEX(Jesper!AJ$2:AJ$366,ROUNDDOWN($C1170/24,0)+1,1)*INDEX($D$3:$AA$30,INDEX(Jesper!$R$2:$R$366,ROW(INDEX(Jesper!AJ$2:AJ$366,ROUNDDOWN($C1170/24,0)+1,1))-1)+IF('Standard Profiles'!$G$20=$B$10,7,0)+IF('Standard Profiles'!$G$20=$B$17,14,0)+IF('Standard Profiles'!$G$20=$B$24,21,0),MOD($C1170,24)+1)/SUM(INDEX($D$3:$AA$30,INDEX(Jesper!$R$2:$R$366,ROW(INDEX(Jesper!AJ$2:AJ$366,ROUNDDOWN($C1170/24,0)+1,1))-1)+IF('Standard Profiles'!$G$20=$B$10,7,0)+IF('Standard Profiles'!$G$20=$B$17,14,0)+IF('Standard Profiles'!$G$20=$B$24,21,0),0)),0)</f>
        <v>0</v>
      </c>
      <c r="G1170" cm="1">
        <f t="array" ref="G1170">IFERROR(INDEX(Jesper!AK$2:AK$366,ROUNDDOWN($C1170/24,0)+1,1)*INDEX($D$3:$AA$30,INDEX(Jesper!$R$2:$R$366,ROW(INDEX(Jesper!AK$2:AK$366,ROUNDDOWN($C1170/24,0)+1,1))-1)+IF('Standard Profiles'!$G$21=$B$10,7,0)+IF('Standard Profiles'!$G$21=$B$17,14,0)+IF('Standard Profiles'!$G$21=$B$24,21,0),MOD($C1170,24)+1)/SUM(INDEX($D$3:$AA$30,INDEX(Jesper!$R$2:$R$366,ROW(INDEX(Jesper!AK$2:AK$366,ROUNDDOWN($C1170/24,0)+1,1))-1)+IF('Standard Profiles'!$G$21=$B$10,7,0)+IF('Standard Profiles'!$G$21=$B$17,14,0)+IF('Standard Profiles'!$G$21=$B$24,21,0),0)),0)</f>
        <v>16.094455758571236</v>
      </c>
      <c r="H1170" cm="1">
        <f t="array" ref="H1170">IFERROR(INDEX(Jesper!AL$2:AL$366,ROUNDDOWN($C1170/24,0)+1,1)*INDEX($D$3:$AA$30,INDEX(Jesper!$R$2:$R$366,ROW(INDEX(Jesper!AL$2:AL$366,ROUNDDOWN($C1170/24,0)+1,1))-1)+IF('Standard Profiles'!$G$22=$B$10,7,0)+IF('Standard Profiles'!$G$22=$B$17,14,0)+IF('Standard Profiles'!$G$22=$B$24,21,0),MOD($C1170,24)+1)/SUM(INDEX($D$3:$AA$30,INDEX(Jesper!$R$2:$R$366,ROW(INDEX(Jesper!AL$2:AL$366,ROUNDDOWN($C1170/24,0)+1,1))-1)+IF('Standard Profiles'!$G$22=$B$10,7,0)+IF('Standard Profiles'!$G$22=$B$17,14,0)+IF('Standard Profiles'!$G$22=$B$24,21,0),0)),0)</f>
        <v>0</v>
      </c>
      <c r="I1170">
        <f t="shared" si="139"/>
        <v>7.7253387641141895</v>
      </c>
      <c r="J1170">
        <f t="shared" si="140"/>
        <v>60.668034530510127</v>
      </c>
      <c r="K1170">
        <f t="shared" si="141"/>
        <v>3.1098385706164113</v>
      </c>
      <c r="L1170">
        <f t="shared" si="142"/>
        <v>1.5549192853082057</v>
      </c>
      <c r="M1170">
        <f t="shared" si="143"/>
        <v>0</v>
      </c>
      <c r="N1170" s="45">
        <f t="shared" si="144"/>
        <v>44974.333333330578</v>
      </c>
    </row>
    <row r="1171" spans="2:14" x14ac:dyDescent="0.25">
      <c r="B1171">
        <f t="shared" si="138"/>
        <v>5</v>
      </c>
      <c r="C1171" s="16">
        <v>1137</v>
      </c>
      <c r="D1171" cm="1">
        <f t="array" ref="D1171">IFERROR(INDEX(Jesper!AH$2:AH$366,ROUNDDOWN($C1171/24,0)+1,1)*INDEX($D$3:$AA$30,INDEX(Jesper!$R$2:$R$366,ROW(INDEX(Jesper!AH$2:AH$366,ROUNDDOWN($C1171/24,0)+1,1))-1)+IF('Standard Profiles'!$G$18=$B$10,7,0)+IF('Standard Profiles'!$G$18=$B$17,14,0)+IF('Standard Profiles'!$G$18=$B$24,21,0),MOD($C1171,24)+1)/SUM(INDEX($D$3:$AA$30,INDEX(Jesper!$R$2:$R$366,ROW(INDEX(Jesper!AH$2:AH$366,ROUNDDOWN($C1171/24,0)+1,1))-1)+IF('Standard Profiles'!$G$18=$B$10,7,0)+IF('Standard Profiles'!$G$18=$B$17,14,0)+IF('Standard Profiles'!$G$18=$B$24,21,0),0)),0)</f>
        <v>32.07021025948174</v>
      </c>
      <c r="E1171" cm="1">
        <f t="array" ref="E1171">IFERROR(INDEX(Jesper!AI$2:AI$366,ROUNDDOWN($C1171/24,0)+1,1)*INDEX($D$3:$AA$30,INDEX(Jesper!$R$2:$R$366,ROW(INDEX(Jesper!AI$2:AI$366,ROUNDDOWN($C1171/24,0)+1,1))-1)+IF('Standard Profiles'!$G$19=$B$10,7,0)+IF('Standard Profiles'!$G$19=$B$17,14,0)+IF('Standard Profiles'!$G$19=$B$24,21,0),MOD($C1171,24)+1)/SUM(INDEX($D$3:$AA$30,INDEX(Jesper!$R$2:$R$366,ROW(INDEX(Jesper!AI$2:AI$366,ROUNDDOWN($C1171/24,0)+1,1))-1)+IF('Standard Profiles'!$G$19=$B$10,7,0)+IF('Standard Profiles'!$G$19=$B$17,14,0)+IF('Standard Profiles'!$G$19=$B$24,21,0),0)),0)</f>
        <v>30.589832671693724</v>
      </c>
      <c r="F1171" cm="1">
        <f t="array" ref="F1171">IFERROR(INDEX(Jesper!AJ$2:AJ$366,ROUNDDOWN($C1171/24,0)+1,1)*INDEX($D$3:$AA$30,INDEX(Jesper!$R$2:$R$366,ROW(INDEX(Jesper!AJ$2:AJ$366,ROUNDDOWN($C1171/24,0)+1,1))-1)+IF('Standard Profiles'!$G$20=$B$10,7,0)+IF('Standard Profiles'!$G$20=$B$17,14,0)+IF('Standard Profiles'!$G$20=$B$24,21,0),MOD($C1171,24)+1)/SUM(INDEX($D$3:$AA$30,INDEX(Jesper!$R$2:$R$366,ROW(INDEX(Jesper!AJ$2:AJ$366,ROUNDDOWN($C1171/24,0)+1,1))-1)+IF('Standard Profiles'!$G$20=$B$10,7,0)+IF('Standard Profiles'!$G$20=$B$17,14,0)+IF('Standard Profiles'!$G$20=$B$24,21,0),0)),0)</f>
        <v>0</v>
      </c>
      <c r="G1171" cm="1">
        <f t="array" ref="G1171">IFERROR(INDEX(Jesper!AK$2:AK$366,ROUNDDOWN($C1171/24,0)+1,1)*INDEX($D$3:$AA$30,INDEX(Jesper!$R$2:$R$366,ROW(INDEX(Jesper!AK$2:AK$366,ROUNDDOWN($C1171/24,0)+1,1))-1)+IF('Standard Profiles'!$G$21=$B$10,7,0)+IF('Standard Profiles'!$G$21=$B$17,14,0)+IF('Standard Profiles'!$G$21=$B$24,21,0),MOD($C1171,24)+1)/SUM(INDEX($D$3:$AA$30,INDEX(Jesper!$R$2:$R$366,ROW(INDEX(Jesper!AK$2:AK$366,ROUNDDOWN($C1171/24,0)+1,1))-1)+IF('Standard Profiles'!$G$21=$B$10,7,0)+IF('Standard Profiles'!$G$21=$B$17,14,0)+IF('Standard Profiles'!$G$21=$B$24,21,0),0)),0)</f>
        <v>17.703901334428362</v>
      </c>
      <c r="H1171" cm="1">
        <f t="array" ref="H1171">IFERROR(INDEX(Jesper!AL$2:AL$366,ROUNDDOWN($C1171/24,0)+1,1)*INDEX($D$3:$AA$30,INDEX(Jesper!$R$2:$R$366,ROW(INDEX(Jesper!AL$2:AL$366,ROUNDDOWN($C1171/24,0)+1,1))-1)+IF('Standard Profiles'!$G$22=$B$10,7,0)+IF('Standard Profiles'!$G$22=$B$17,14,0)+IF('Standard Profiles'!$G$22=$B$24,21,0),MOD($C1171,24)+1)/SUM(INDEX($D$3:$AA$30,INDEX(Jesper!$R$2:$R$366,ROW(INDEX(Jesper!AL$2:AL$366,ROUNDDOWN($C1171/24,0)+1,1))-1)+IF('Standard Profiles'!$G$22=$B$10,7,0)+IF('Standard Profiles'!$G$22=$B$17,14,0)+IF('Standard Profiles'!$G$22=$B$24,21,0),0)),0)</f>
        <v>0</v>
      </c>
      <c r="I1171">
        <f t="shared" si="139"/>
        <v>8.4978726405256104</v>
      </c>
      <c r="J1171">
        <f t="shared" si="140"/>
        <v>66.734837983561135</v>
      </c>
      <c r="K1171">
        <f t="shared" si="141"/>
        <v>3.4208224276780523</v>
      </c>
      <c r="L1171">
        <f t="shared" si="142"/>
        <v>1.7104112138390262</v>
      </c>
      <c r="M1171">
        <f t="shared" si="143"/>
        <v>0</v>
      </c>
      <c r="N1171" s="45">
        <f t="shared" si="144"/>
        <v>44974.374999997242</v>
      </c>
    </row>
    <row r="1172" spans="2:14" x14ac:dyDescent="0.25">
      <c r="B1172">
        <f t="shared" si="138"/>
        <v>5</v>
      </c>
      <c r="C1172" s="16">
        <v>1138</v>
      </c>
      <c r="D1172" cm="1">
        <f t="array" ref="D1172">IFERROR(INDEX(Jesper!AH$2:AH$366,ROUNDDOWN($C1172/24,0)+1,1)*INDEX($D$3:$AA$30,INDEX(Jesper!$R$2:$R$366,ROW(INDEX(Jesper!AH$2:AH$366,ROUNDDOWN($C1172/24,0)+1,1))-1)+IF('Standard Profiles'!$G$18=$B$10,7,0)+IF('Standard Profiles'!$G$18=$B$17,14,0)+IF('Standard Profiles'!$G$18=$B$24,21,0),MOD($C1172,24)+1)/SUM(INDEX($D$3:$AA$30,INDEX(Jesper!$R$2:$R$366,ROW(INDEX(Jesper!AH$2:AH$366,ROUNDDOWN($C1172/24,0)+1,1))-1)+IF('Standard Profiles'!$G$18=$B$10,7,0)+IF('Standard Profiles'!$G$18=$B$17,14,0)+IF('Standard Profiles'!$G$18=$B$24,21,0),0)),0)</f>
        <v>32.07021025948174</v>
      </c>
      <c r="E1172" cm="1">
        <f t="array" ref="E1172">IFERROR(INDEX(Jesper!AI$2:AI$366,ROUNDDOWN($C1172/24,0)+1,1)*INDEX($D$3:$AA$30,INDEX(Jesper!$R$2:$R$366,ROW(INDEX(Jesper!AI$2:AI$366,ROUNDDOWN($C1172/24,0)+1,1))-1)+IF('Standard Profiles'!$G$19=$B$10,7,0)+IF('Standard Profiles'!$G$19=$B$17,14,0)+IF('Standard Profiles'!$G$19=$B$24,21,0),MOD($C1172,24)+1)/SUM(INDEX($D$3:$AA$30,INDEX(Jesper!$R$2:$R$366,ROW(INDEX(Jesper!AI$2:AI$366,ROUNDDOWN($C1172/24,0)+1,1))-1)+IF('Standard Profiles'!$G$19=$B$10,7,0)+IF('Standard Profiles'!$G$19=$B$17,14,0)+IF('Standard Profiles'!$G$19=$B$24,21,0),0)),0)</f>
        <v>30.589832671693724</v>
      </c>
      <c r="F1172" cm="1">
        <f t="array" ref="F1172">IFERROR(INDEX(Jesper!AJ$2:AJ$366,ROUNDDOWN($C1172/24,0)+1,1)*INDEX($D$3:$AA$30,INDEX(Jesper!$R$2:$R$366,ROW(INDEX(Jesper!AJ$2:AJ$366,ROUNDDOWN($C1172/24,0)+1,1))-1)+IF('Standard Profiles'!$G$20=$B$10,7,0)+IF('Standard Profiles'!$G$20=$B$17,14,0)+IF('Standard Profiles'!$G$20=$B$24,21,0),MOD($C1172,24)+1)/SUM(INDEX($D$3:$AA$30,INDEX(Jesper!$R$2:$R$366,ROW(INDEX(Jesper!AJ$2:AJ$366,ROUNDDOWN($C1172/24,0)+1,1))-1)+IF('Standard Profiles'!$G$20=$B$10,7,0)+IF('Standard Profiles'!$G$20=$B$17,14,0)+IF('Standard Profiles'!$G$20=$B$24,21,0),0)),0)</f>
        <v>0</v>
      </c>
      <c r="G1172" cm="1">
        <f t="array" ref="G1172">IFERROR(INDEX(Jesper!AK$2:AK$366,ROUNDDOWN($C1172/24,0)+1,1)*INDEX($D$3:$AA$30,INDEX(Jesper!$R$2:$R$366,ROW(INDEX(Jesper!AK$2:AK$366,ROUNDDOWN($C1172/24,0)+1,1))-1)+IF('Standard Profiles'!$G$21=$B$10,7,0)+IF('Standard Profiles'!$G$21=$B$17,14,0)+IF('Standard Profiles'!$G$21=$B$24,21,0),MOD($C1172,24)+1)/SUM(INDEX($D$3:$AA$30,INDEX(Jesper!$R$2:$R$366,ROW(INDEX(Jesper!AK$2:AK$366,ROUNDDOWN($C1172/24,0)+1,1))-1)+IF('Standard Profiles'!$G$21=$B$10,7,0)+IF('Standard Profiles'!$G$21=$B$17,14,0)+IF('Standard Profiles'!$G$21=$B$24,21,0),0)),0)</f>
        <v>17.703901334428362</v>
      </c>
      <c r="H1172" cm="1">
        <f t="array" ref="H1172">IFERROR(INDEX(Jesper!AL$2:AL$366,ROUNDDOWN($C1172/24,0)+1,1)*INDEX($D$3:$AA$30,INDEX(Jesper!$R$2:$R$366,ROW(INDEX(Jesper!AL$2:AL$366,ROUNDDOWN($C1172/24,0)+1,1))-1)+IF('Standard Profiles'!$G$22=$B$10,7,0)+IF('Standard Profiles'!$G$22=$B$17,14,0)+IF('Standard Profiles'!$G$22=$B$24,21,0),MOD($C1172,24)+1)/SUM(INDEX($D$3:$AA$30,INDEX(Jesper!$R$2:$R$366,ROW(INDEX(Jesper!AL$2:AL$366,ROUNDDOWN($C1172/24,0)+1,1))-1)+IF('Standard Profiles'!$G$22=$B$10,7,0)+IF('Standard Profiles'!$G$22=$B$17,14,0)+IF('Standard Profiles'!$G$22=$B$24,21,0),0)),0)</f>
        <v>0</v>
      </c>
      <c r="I1172">
        <f t="shared" si="139"/>
        <v>8.4978726405256104</v>
      </c>
      <c r="J1172">
        <f t="shared" si="140"/>
        <v>66.734837983561135</v>
      </c>
      <c r="K1172">
        <f t="shared" si="141"/>
        <v>3.4208224276780523</v>
      </c>
      <c r="L1172">
        <f t="shared" si="142"/>
        <v>1.7104112138390262</v>
      </c>
      <c r="M1172">
        <f t="shared" si="143"/>
        <v>0</v>
      </c>
      <c r="N1172" s="45">
        <f t="shared" si="144"/>
        <v>44974.416666663907</v>
      </c>
    </row>
    <row r="1173" spans="2:14" x14ac:dyDescent="0.25">
      <c r="B1173">
        <f t="shared" si="138"/>
        <v>5</v>
      </c>
      <c r="C1173" s="16">
        <v>1139</v>
      </c>
      <c r="D1173" cm="1">
        <f t="array" ref="D1173">IFERROR(INDEX(Jesper!AH$2:AH$366,ROUNDDOWN($C1173/24,0)+1,1)*INDEX($D$3:$AA$30,INDEX(Jesper!$R$2:$R$366,ROW(INDEX(Jesper!AH$2:AH$366,ROUNDDOWN($C1173/24,0)+1,1))-1)+IF('Standard Profiles'!$G$18=$B$10,7,0)+IF('Standard Profiles'!$G$18=$B$17,14,0)+IF('Standard Profiles'!$G$18=$B$24,21,0),MOD($C1173,24)+1)/SUM(INDEX($D$3:$AA$30,INDEX(Jesper!$R$2:$R$366,ROW(INDEX(Jesper!AH$2:AH$366,ROUNDDOWN($C1173/24,0)+1,1))-1)+IF('Standard Profiles'!$G$18=$B$10,7,0)+IF('Standard Profiles'!$G$18=$B$17,14,0)+IF('Standard Profiles'!$G$18=$B$24,21,0),0)),0)</f>
        <v>37.901157579387515</v>
      </c>
      <c r="E1173" cm="1">
        <f t="array" ref="E1173">IFERROR(INDEX(Jesper!AI$2:AI$366,ROUNDDOWN($C1173/24,0)+1,1)*INDEX($D$3:$AA$30,INDEX(Jesper!$R$2:$R$366,ROW(INDEX(Jesper!AI$2:AI$366,ROUNDDOWN($C1173/24,0)+1,1))-1)+IF('Standard Profiles'!$G$19=$B$10,7,0)+IF('Standard Profiles'!$G$19=$B$17,14,0)+IF('Standard Profiles'!$G$19=$B$24,21,0),MOD($C1173,24)+1)/SUM(INDEX($D$3:$AA$30,INDEX(Jesper!$R$2:$R$366,ROW(INDEX(Jesper!AI$2:AI$366,ROUNDDOWN($C1173/24,0)+1,1))-1)+IF('Standard Profiles'!$G$19=$B$10,7,0)+IF('Standard Profiles'!$G$19=$B$17,14,0)+IF('Standard Profiles'!$G$19=$B$24,21,0),0)),0)</f>
        <v>36.151620430183492</v>
      </c>
      <c r="F1173" cm="1">
        <f t="array" ref="F1173">IFERROR(INDEX(Jesper!AJ$2:AJ$366,ROUNDDOWN($C1173/24,0)+1,1)*INDEX($D$3:$AA$30,INDEX(Jesper!$R$2:$R$366,ROW(INDEX(Jesper!AJ$2:AJ$366,ROUNDDOWN($C1173/24,0)+1,1))-1)+IF('Standard Profiles'!$G$20=$B$10,7,0)+IF('Standard Profiles'!$G$20=$B$17,14,0)+IF('Standard Profiles'!$G$20=$B$24,21,0),MOD($C1173,24)+1)/SUM(INDEX($D$3:$AA$30,INDEX(Jesper!$R$2:$R$366,ROW(INDEX(Jesper!AJ$2:AJ$366,ROUNDDOWN($C1173/24,0)+1,1))-1)+IF('Standard Profiles'!$G$20=$B$10,7,0)+IF('Standard Profiles'!$G$20=$B$17,14,0)+IF('Standard Profiles'!$G$20=$B$24,21,0),0)),0)</f>
        <v>0</v>
      </c>
      <c r="G1173" cm="1">
        <f t="array" ref="G1173">IFERROR(INDEX(Jesper!AK$2:AK$366,ROUNDDOWN($C1173/24,0)+1,1)*INDEX($D$3:$AA$30,INDEX(Jesper!$R$2:$R$366,ROW(INDEX(Jesper!AK$2:AK$366,ROUNDDOWN($C1173/24,0)+1,1))-1)+IF('Standard Profiles'!$G$21=$B$10,7,0)+IF('Standard Profiles'!$G$21=$B$17,14,0)+IF('Standard Profiles'!$G$21=$B$24,21,0),MOD($C1173,24)+1)/SUM(INDEX($D$3:$AA$30,INDEX(Jesper!$R$2:$R$366,ROW(INDEX(Jesper!AK$2:AK$366,ROUNDDOWN($C1173/24,0)+1,1))-1)+IF('Standard Profiles'!$G$21=$B$10,7,0)+IF('Standard Profiles'!$G$21=$B$17,14,0)+IF('Standard Profiles'!$G$21=$B$24,21,0),0)),0)</f>
        <v>20.922792486142612</v>
      </c>
      <c r="H1173" cm="1">
        <f t="array" ref="H1173">IFERROR(INDEX(Jesper!AL$2:AL$366,ROUNDDOWN($C1173/24,0)+1,1)*INDEX($D$3:$AA$30,INDEX(Jesper!$R$2:$R$366,ROW(INDEX(Jesper!AL$2:AL$366,ROUNDDOWN($C1173/24,0)+1,1))-1)+IF('Standard Profiles'!$G$22=$B$10,7,0)+IF('Standard Profiles'!$G$22=$B$17,14,0)+IF('Standard Profiles'!$G$22=$B$24,21,0),MOD($C1173,24)+1)/SUM(INDEX($D$3:$AA$30,INDEX(Jesper!$R$2:$R$366,ROW(INDEX(Jesper!AL$2:AL$366,ROUNDDOWN($C1173/24,0)+1,1))-1)+IF('Standard Profiles'!$G$22=$B$10,7,0)+IF('Standard Profiles'!$G$22=$B$17,14,0)+IF('Standard Profiles'!$G$22=$B$24,21,0),0)),0)</f>
        <v>0</v>
      </c>
      <c r="I1173">
        <f t="shared" si="139"/>
        <v>10.042940393348449</v>
      </c>
      <c r="J1173">
        <f t="shared" si="140"/>
        <v>78.868444889663166</v>
      </c>
      <c r="K1173">
        <f t="shared" si="141"/>
        <v>4.0427901418013352</v>
      </c>
      <c r="L1173">
        <f t="shared" si="142"/>
        <v>2.0213950709006676</v>
      </c>
      <c r="M1173">
        <f t="shared" si="143"/>
        <v>0</v>
      </c>
      <c r="N1173" s="45">
        <f t="shared" si="144"/>
        <v>44974.458333330571</v>
      </c>
    </row>
    <row r="1174" spans="2:14" x14ac:dyDescent="0.25">
      <c r="B1174">
        <f t="shared" si="138"/>
        <v>5</v>
      </c>
      <c r="C1174" s="16">
        <v>1140</v>
      </c>
      <c r="D1174" cm="1">
        <f t="array" ref="D1174">IFERROR(INDEX(Jesper!AH$2:AH$366,ROUNDDOWN($C1174/24,0)+1,1)*INDEX($D$3:$AA$30,INDEX(Jesper!$R$2:$R$366,ROW(INDEX(Jesper!AH$2:AH$366,ROUNDDOWN($C1174/24,0)+1,1))-1)+IF('Standard Profiles'!$G$18=$B$10,7,0)+IF('Standard Profiles'!$G$18=$B$17,14,0)+IF('Standard Profiles'!$G$18=$B$24,21,0),MOD($C1174,24)+1)/SUM(INDEX($D$3:$AA$30,INDEX(Jesper!$R$2:$R$366,ROW(INDEX(Jesper!AH$2:AH$366,ROUNDDOWN($C1174/24,0)+1,1))-1)+IF('Standard Profiles'!$G$18=$B$10,7,0)+IF('Standard Profiles'!$G$18=$B$17,14,0)+IF('Standard Profiles'!$G$18=$B$24,21,0),0)),0)</f>
        <v>37.901157579387515</v>
      </c>
      <c r="E1174" cm="1">
        <f t="array" ref="E1174">IFERROR(INDEX(Jesper!AI$2:AI$366,ROUNDDOWN($C1174/24,0)+1,1)*INDEX($D$3:$AA$30,INDEX(Jesper!$R$2:$R$366,ROW(INDEX(Jesper!AI$2:AI$366,ROUNDDOWN($C1174/24,0)+1,1))-1)+IF('Standard Profiles'!$G$19=$B$10,7,0)+IF('Standard Profiles'!$G$19=$B$17,14,0)+IF('Standard Profiles'!$G$19=$B$24,21,0),MOD($C1174,24)+1)/SUM(INDEX($D$3:$AA$30,INDEX(Jesper!$R$2:$R$366,ROW(INDEX(Jesper!AI$2:AI$366,ROUNDDOWN($C1174/24,0)+1,1))-1)+IF('Standard Profiles'!$G$19=$B$10,7,0)+IF('Standard Profiles'!$G$19=$B$17,14,0)+IF('Standard Profiles'!$G$19=$B$24,21,0),0)),0)</f>
        <v>36.151620430183492</v>
      </c>
      <c r="F1174" cm="1">
        <f t="array" ref="F1174">IFERROR(INDEX(Jesper!AJ$2:AJ$366,ROUNDDOWN($C1174/24,0)+1,1)*INDEX($D$3:$AA$30,INDEX(Jesper!$R$2:$R$366,ROW(INDEX(Jesper!AJ$2:AJ$366,ROUNDDOWN($C1174/24,0)+1,1))-1)+IF('Standard Profiles'!$G$20=$B$10,7,0)+IF('Standard Profiles'!$G$20=$B$17,14,0)+IF('Standard Profiles'!$G$20=$B$24,21,0),MOD($C1174,24)+1)/SUM(INDEX($D$3:$AA$30,INDEX(Jesper!$R$2:$R$366,ROW(INDEX(Jesper!AJ$2:AJ$366,ROUNDDOWN($C1174/24,0)+1,1))-1)+IF('Standard Profiles'!$G$20=$B$10,7,0)+IF('Standard Profiles'!$G$20=$B$17,14,0)+IF('Standard Profiles'!$G$20=$B$24,21,0),0)),0)</f>
        <v>0</v>
      </c>
      <c r="G1174" cm="1">
        <f t="array" ref="G1174">IFERROR(INDEX(Jesper!AK$2:AK$366,ROUNDDOWN($C1174/24,0)+1,1)*INDEX($D$3:$AA$30,INDEX(Jesper!$R$2:$R$366,ROW(INDEX(Jesper!AK$2:AK$366,ROUNDDOWN($C1174/24,0)+1,1))-1)+IF('Standard Profiles'!$G$21=$B$10,7,0)+IF('Standard Profiles'!$G$21=$B$17,14,0)+IF('Standard Profiles'!$G$21=$B$24,21,0),MOD($C1174,24)+1)/SUM(INDEX($D$3:$AA$30,INDEX(Jesper!$R$2:$R$366,ROW(INDEX(Jesper!AK$2:AK$366,ROUNDDOWN($C1174/24,0)+1,1))-1)+IF('Standard Profiles'!$G$21=$B$10,7,0)+IF('Standard Profiles'!$G$21=$B$17,14,0)+IF('Standard Profiles'!$G$21=$B$24,21,0),0)),0)</f>
        <v>20.922792486142612</v>
      </c>
      <c r="H1174" cm="1">
        <f t="array" ref="H1174">IFERROR(INDEX(Jesper!AL$2:AL$366,ROUNDDOWN($C1174/24,0)+1,1)*INDEX($D$3:$AA$30,INDEX(Jesper!$R$2:$R$366,ROW(INDEX(Jesper!AL$2:AL$366,ROUNDDOWN($C1174/24,0)+1,1))-1)+IF('Standard Profiles'!$G$22=$B$10,7,0)+IF('Standard Profiles'!$G$22=$B$17,14,0)+IF('Standard Profiles'!$G$22=$B$24,21,0),MOD($C1174,24)+1)/SUM(INDEX($D$3:$AA$30,INDEX(Jesper!$R$2:$R$366,ROW(INDEX(Jesper!AL$2:AL$366,ROUNDDOWN($C1174/24,0)+1,1))-1)+IF('Standard Profiles'!$G$22=$B$10,7,0)+IF('Standard Profiles'!$G$22=$B$17,14,0)+IF('Standard Profiles'!$G$22=$B$24,21,0),0)),0)</f>
        <v>0</v>
      </c>
      <c r="I1174">
        <f t="shared" si="139"/>
        <v>10.042940393348449</v>
      </c>
      <c r="J1174">
        <f t="shared" si="140"/>
        <v>78.868444889663166</v>
      </c>
      <c r="K1174">
        <f t="shared" si="141"/>
        <v>4.0427901418013352</v>
      </c>
      <c r="L1174">
        <f t="shared" si="142"/>
        <v>2.0213950709006676</v>
      </c>
      <c r="M1174">
        <f t="shared" si="143"/>
        <v>0</v>
      </c>
      <c r="N1174" s="45">
        <f t="shared" si="144"/>
        <v>44974.499999997235</v>
      </c>
    </row>
    <row r="1175" spans="2:14" x14ac:dyDescent="0.25">
      <c r="B1175">
        <f t="shared" si="138"/>
        <v>5</v>
      </c>
      <c r="C1175" s="16">
        <v>1141</v>
      </c>
      <c r="D1175" cm="1">
        <f t="array" ref="D1175">IFERROR(INDEX(Jesper!AH$2:AH$366,ROUNDDOWN($C1175/24,0)+1,1)*INDEX($D$3:$AA$30,INDEX(Jesper!$R$2:$R$366,ROW(INDEX(Jesper!AH$2:AH$366,ROUNDDOWN($C1175/24,0)+1,1))-1)+IF('Standard Profiles'!$G$18=$B$10,7,0)+IF('Standard Profiles'!$G$18=$B$17,14,0)+IF('Standard Profiles'!$G$18=$B$24,21,0),MOD($C1175,24)+1)/SUM(INDEX($D$3:$AA$30,INDEX(Jesper!$R$2:$R$366,ROW(INDEX(Jesper!AH$2:AH$366,ROUNDDOWN($C1175/24,0)+1,1))-1)+IF('Standard Profiles'!$G$18=$B$10,7,0)+IF('Standard Profiles'!$G$18=$B$17,14,0)+IF('Standard Profiles'!$G$18=$B$24,21,0),0)),0)</f>
        <v>26.239262939575969</v>
      </c>
      <c r="E1175" cm="1">
        <f t="array" ref="E1175">IFERROR(INDEX(Jesper!AI$2:AI$366,ROUNDDOWN($C1175/24,0)+1,1)*INDEX($D$3:$AA$30,INDEX(Jesper!$R$2:$R$366,ROW(INDEX(Jesper!AI$2:AI$366,ROUNDDOWN($C1175/24,0)+1,1))-1)+IF('Standard Profiles'!$G$19=$B$10,7,0)+IF('Standard Profiles'!$G$19=$B$17,14,0)+IF('Standard Profiles'!$G$19=$B$24,21,0),MOD($C1175,24)+1)/SUM(INDEX($D$3:$AA$30,INDEX(Jesper!$R$2:$R$366,ROW(INDEX(Jesper!AI$2:AI$366,ROUNDDOWN($C1175/24,0)+1,1))-1)+IF('Standard Profiles'!$G$19=$B$10,7,0)+IF('Standard Profiles'!$G$19=$B$17,14,0)+IF('Standard Profiles'!$G$19=$B$24,21,0),0)),0)</f>
        <v>25.02804491320396</v>
      </c>
      <c r="F1175" cm="1">
        <f t="array" ref="F1175">IFERROR(INDEX(Jesper!AJ$2:AJ$366,ROUNDDOWN($C1175/24,0)+1,1)*INDEX($D$3:$AA$30,INDEX(Jesper!$R$2:$R$366,ROW(INDEX(Jesper!AJ$2:AJ$366,ROUNDDOWN($C1175/24,0)+1,1))-1)+IF('Standard Profiles'!$G$20=$B$10,7,0)+IF('Standard Profiles'!$G$20=$B$17,14,0)+IF('Standard Profiles'!$G$20=$B$24,21,0),MOD($C1175,24)+1)/SUM(INDEX($D$3:$AA$30,INDEX(Jesper!$R$2:$R$366,ROW(INDEX(Jesper!AJ$2:AJ$366,ROUNDDOWN($C1175/24,0)+1,1))-1)+IF('Standard Profiles'!$G$20=$B$10,7,0)+IF('Standard Profiles'!$G$20=$B$17,14,0)+IF('Standard Profiles'!$G$20=$B$24,21,0),0)),0)</f>
        <v>0</v>
      </c>
      <c r="G1175" cm="1">
        <f t="array" ref="G1175">IFERROR(INDEX(Jesper!AK$2:AK$366,ROUNDDOWN($C1175/24,0)+1,1)*INDEX($D$3:$AA$30,INDEX(Jesper!$R$2:$R$366,ROW(INDEX(Jesper!AK$2:AK$366,ROUNDDOWN($C1175/24,0)+1,1))-1)+IF('Standard Profiles'!$G$21=$B$10,7,0)+IF('Standard Profiles'!$G$21=$B$17,14,0)+IF('Standard Profiles'!$G$21=$B$24,21,0),MOD($C1175,24)+1)/SUM(INDEX($D$3:$AA$30,INDEX(Jesper!$R$2:$R$366,ROW(INDEX(Jesper!AK$2:AK$366,ROUNDDOWN($C1175/24,0)+1,1))-1)+IF('Standard Profiles'!$G$21=$B$10,7,0)+IF('Standard Profiles'!$G$21=$B$17,14,0)+IF('Standard Profiles'!$G$21=$B$24,21,0),0)),0)</f>
        <v>14.485010182714115</v>
      </c>
      <c r="H1175" cm="1">
        <f t="array" ref="H1175">IFERROR(INDEX(Jesper!AL$2:AL$366,ROUNDDOWN($C1175/24,0)+1,1)*INDEX($D$3:$AA$30,INDEX(Jesper!$R$2:$R$366,ROW(INDEX(Jesper!AL$2:AL$366,ROUNDDOWN($C1175/24,0)+1,1))-1)+IF('Standard Profiles'!$G$22=$B$10,7,0)+IF('Standard Profiles'!$G$22=$B$17,14,0)+IF('Standard Profiles'!$G$22=$B$24,21,0),MOD($C1175,24)+1)/SUM(INDEX($D$3:$AA$30,INDEX(Jesper!$R$2:$R$366,ROW(INDEX(Jesper!AL$2:AL$366,ROUNDDOWN($C1175/24,0)+1,1))-1)+IF('Standard Profiles'!$G$22=$B$10,7,0)+IF('Standard Profiles'!$G$22=$B$17,14,0)+IF('Standard Profiles'!$G$22=$B$24,21,0),0)),0)</f>
        <v>0</v>
      </c>
      <c r="I1175">
        <f t="shared" si="139"/>
        <v>6.9528048877027713</v>
      </c>
      <c r="J1175">
        <f t="shared" si="140"/>
        <v>54.601231077459119</v>
      </c>
      <c r="K1175">
        <f t="shared" si="141"/>
        <v>2.7988547135547703</v>
      </c>
      <c r="L1175">
        <f t="shared" si="142"/>
        <v>1.3994273567773852</v>
      </c>
      <c r="M1175">
        <f t="shared" si="143"/>
        <v>0</v>
      </c>
      <c r="N1175" s="45">
        <f t="shared" si="144"/>
        <v>44974.541666663899</v>
      </c>
    </row>
    <row r="1176" spans="2:14" x14ac:dyDescent="0.25">
      <c r="B1176">
        <f t="shared" si="138"/>
        <v>5</v>
      </c>
      <c r="C1176" s="16">
        <v>1142</v>
      </c>
      <c r="D1176" cm="1">
        <f t="array" ref="D1176">IFERROR(INDEX(Jesper!AH$2:AH$366,ROUNDDOWN($C1176/24,0)+1,1)*INDEX($D$3:$AA$30,INDEX(Jesper!$R$2:$R$366,ROW(INDEX(Jesper!AH$2:AH$366,ROUNDDOWN($C1176/24,0)+1,1))-1)+IF('Standard Profiles'!$G$18=$B$10,7,0)+IF('Standard Profiles'!$G$18=$B$17,14,0)+IF('Standard Profiles'!$G$18=$B$24,21,0),MOD($C1176,24)+1)/SUM(INDEX($D$3:$AA$30,INDEX(Jesper!$R$2:$R$366,ROW(INDEX(Jesper!AH$2:AH$366,ROUNDDOWN($C1176/24,0)+1,1))-1)+IF('Standard Profiles'!$G$18=$B$10,7,0)+IF('Standard Profiles'!$G$18=$B$17,14,0)+IF('Standard Profiles'!$G$18=$B$24,21,0),0)),0)</f>
        <v>37.901157579387515</v>
      </c>
      <c r="E1176" cm="1">
        <f t="array" ref="E1176">IFERROR(INDEX(Jesper!AI$2:AI$366,ROUNDDOWN($C1176/24,0)+1,1)*INDEX($D$3:$AA$30,INDEX(Jesper!$R$2:$R$366,ROW(INDEX(Jesper!AI$2:AI$366,ROUNDDOWN($C1176/24,0)+1,1))-1)+IF('Standard Profiles'!$G$19=$B$10,7,0)+IF('Standard Profiles'!$G$19=$B$17,14,0)+IF('Standard Profiles'!$G$19=$B$24,21,0),MOD($C1176,24)+1)/SUM(INDEX($D$3:$AA$30,INDEX(Jesper!$R$2:$R$366,ROW(INDEX(Jesper!AI$2:AI$366,ROUNDDOWN($C1176/24,0)+1,1))-1)+IF('Standard Profiles'!$G$19=$B$10,7,0)+IF('Standard Profiles'!$G$19=$B$17,14,0)+IF('Standard Profiles'!$G$19=$B$24,21,0),0)),0)</f>
        <v>36.151620430183492</v>
      </c>
      <c r="F1176" cm="1">
        <f t="array" ref="F1176">IFERROR(INDEX(Jesper!AJ$2:AJ$366,ROUNDDOWN($C1176/24,0)+1,1)*INDEX($D$3:$AA$30,INDEX(Jesper!$R$2:$R$366,ROW(INDEX(Jesper!AJ$2:AJ$366,ROUNDDOWN($C1176/24,0)+1,1))-1)+IF('Standard Profiles'!$G$20=$B$10,7,0)+IF('Standard Profiles'!$G$20=$B$17,14,0)+IF('Standard Profiles'!$G$20=$B$24,21,0),MOD($C1176,24)+1)/SUM(INDEX($D$3:$AA$30,INDEX(Jesper!$R$2:$R$366,ROW(INDEX(Jesper!AJ$2:AJ$366,ROUNDDOWN($C1176/24,0)+1,1))-1)+IF('Standard Profiles'!$G$20=$B$10,7,0)+IF('Standard Profiles'!$G$20=$B$17,14,0)+IF('Standard Profiles'!$G$20=$B$24,21,0),0)),0)</f>
        <v>0</v>
      </c>
      <c r="G1176" cm="1">
        <f t="array" ref="G1176">IFERROR(INDEX(Jesper!AK$2:AK$366,ROUNDDOWN($C1176/24,0)+1,1)*INDEX($D$3:$AA$30,INDEX(Jesper!$R$2:$R$366,ROW(INDEX(Jesper!AK$2:AK$366,ROUNDDOWN($C1176/24,0)+1,1))-1)+IF('Standard Profiles'!$G$21=$B$10,7,0)+IF('Standard Profiles'!$G$21=$B$17,14,0)+IF('Standard Profiles'!$G$21=$B$24,21,0),MOD($C1176,24)+1)/SUM(INDEX($D$3:$AA$30,INDEX(Jesper!$R$2:$R$366,ROW(INDEX(Jesper!AK$2:AK$366,ROUNDDOWN($C1176/24,0)+1,1))-1)+IF('Standard Profiles'!$G$21=$B$10,7,0)+IF('Standard Profiles'!$G$21=$B$17,14,0)+IF('Standard Profiles'!$G$21=$B$24,21,0),0)),0)</f>
        <v>20.922792486142612</v>
      </c>
      <c r="H1176" cm="1">
        <f t="array" ref="H1176">IFERROR(INDEX(Jesper!AL$2:AL$366,ROUNDDOWN($C1176/24,0)+1,1)*INDEX($D$3:$AA$30,INDEX(Jesper!$R$2:$R$366,ROW(INDEX(Jesper!AL$2:AL$366,ROUNDDOWN($C1176/24,0)+1,1))-1)+IF('Standard Profiles'!$G$22=$B$10,7,0)+IF('Standard Profiles'!$G$22=$B$17,14,0)+IF('Standard Profiles'!$G$22=$B$24,21,0),MOD($C1176,24)+1)/SUM(INDEX($D$3:$AA$30,INDEX(Jesper!$R$2:$R$366,ROW(INDEX(Jesper!AL$2:AL$366,ROUNDDOWN($C1176/24,0)+1,1))-1)+IF('Standard Profiles'!$G$22=$B$10,7,0)+IF('Standard Profiles'!$G$22=$B$17,14,0)+IF('Standard Profiles'!$G$22=$B$24,21,0),0)),0)</f>
        <v>0</v>
      </c>
      <c r="I1176">
        <f t="shared" si="139"/>
        <v>10.042940393348449</v>
      </c>
      <c r="J1176">
        <f t="shared" si="140"/>
        <v>78.868444889663166</v>
      </c>
      <c r="K1176">
        <f t="shared" si="141"/>
        <v>4.0427901418013352</v>
      </c>
      <c r="L1176">
        <f t="shared" si="142"/>
        <v>2.0213950709006676</v>
      </c>
      <c r="M1176">
        <f t="shared" si="143"/>
        <v>0</v>
      </c>
      <c r="N1176" s="45">
        <f t="shared" si="144"/>
        <v>44974.583333330564</v>
      </c>
    </row>
    <row r="1177" spans="2:14" x14ac:dyDescent="0.25">
      <c r="B1177">
        <f t="shared" si="138"/>
        <v>5</v>
      </c>
      <c r="C1177" s="16">
        <v>1143</v>
      </c>
      <c r="D1177" cm="1">
        <f t="array" ref="D1177">IFERROR(INDEX(Jesper!AH$2:AH$366,ROUNDDOWN($C1177/24,0)+1,1)*INDEX($D$3:$AA$30,INDEX(Jesper!$R$2:$R$366,ROW(INDEX(Jesper!AH$2:AH$366,ROUNDDOWN($C1177/24,0)+1,1))-1)+IF('Standard Profiles'!$G$18=$B$10,7,0)+IF('Standard Profiles'!$G$18=$B$17,14,0)+IF('Standard Profiles'!$G$18=$B$24,21,0),MOD($C1177,24)+1)/SUM(INDEX($D$3:$AA$30,INDEX(Jesper!$R$2:$R$366,ROW(INDEX(Jesper!AH$2:AH$366,ROUNDDOWN($C1177/24,0)+1,1))-1)+IF('Standard Profiles'!$G$18=$B$10,7,0)+IF('Standard Profiles'!$G$18=$B$17,14,0)+IF('Standard Profiles'!$G$18=$B$24,21,0),0)),0)</f>
        <v>29.154736599528853</v>
      </c>
      <c r="E1177" cm="1">
        <f t="array" ref="E1177">IFERROR(INDEX(Jesper!AI$2:AI$366,ROUNDDOWN($C1177/24,0)+1,1)*INDEX($D$3:$AA$30,INDEX(Jesper!$R$2:$R$366,ROW(INDEX(Jesper!AI$2:AI$366,ROUNDDOWN($C1177/24,0)+1,1))-1)+IF('Standard Profiles'!$G$19=$B$10,7,0)+IF('Standard Profiles'!$G$19=$B$17,14,0)+IF('Standard Profiles'!$G$19=$B$24,21,0),MOD($C1177,24)+1)/SUM(INDEX($D$3:$AA$30,INDEX(Jesper!$R$2:$R$366,ROW(INDEX(Jesper!AI$2:AI$366,ROUNDDOWN($C1177/24,0)+1,1))-1)+IF('Standard Profiles'!$G$19=$B$10,7,0)+IF('Standard Profiles'!$G$19=$B$17,14,0)+IF('Standard Profiles'!$G$19=$B$24,21,0),0)),0)</f>
        <v>27.808938792448842</v>
      </c>
      <c r="F1177" cm="1">
        <f t="array" ref="F1177">IFERROR(INDEX(Jesper!AJ$2:AJ$366,ROUNDDOWN($C1177/24,0)+1,1)*INDEX($D$3:$AA$30,INDEX(Jesper!$R$2:$R$366,ROW(INDEX(Jesper!AJ$2:AJ$366,ROUNDDOWN($C1177/24,0)+1,1))-1)+IF('Standard Profiles'!$G$20=$B$10,7,0)+IF('Standard Profiles'!$G$20=$B$17,14,0)+IF('Standard Profiles'!$G$20=$B$24,21,0),MOD($C1177,24)+1)/SUM(INDEX($D$3:$AA$30,INDEX(Jesper!$R$2:$R$366,ROW(INDEX(Jesper!AJ$2:AJ$366,ROUNDDOWN($C1177/24,0)+1,1))-1)+IF('Standard Profiles'!$G$20=$B$10,7,0)+IF('Standard Profiles'!$G$20=$B$17,14,0)+IF('Standard Profiles'!$G$20=$B$24,21,0),0)),0)</f>
        <v>0</v>
      </c>
      <c r="G1177" cm="1">
        <f t="array" ref="G1177">IFERROR(INDEX(Jesper!AK$2:AK$366,ROUNDDOWN($C1177/24,0)+1,1)*INDEX($D$3:$AA$30,INDEX(Jesper!$R$2:$R$366,ROW(INDEX(Jesper!AK$2:AK$366,ROUNDDOWN($C1177/24,0)+1,1))-1)+IF('Standard Profiles'!$G$21=$B$10,7,0)+IF('Standard Profiles'!$G$21=$B$17,14,0)+IF('Standard Profiles'!$G$21=$B$24,21,0),MOD($C1177,24)+1)/SUM(INDEX($D$3:$AA$30,INDEX(Jesper!$R$2:$R$366,ROW(INDEX(Jesper!AK$2:AK$366,ROUNDDOWN($C1177/24,0)+1,1))-1)+IF('Standard Profiles'!$G$21=$B$10,7,0)+IF('Standard Profiles'!$G$21=$B$17,14,0)+IF('Standard Profiles'!$G$21=$B$24,21,0),0)),0)</f>
        <v>17.703901334428362</v>
      </c>
      <c r="H1177" cm="1">
        <f t="array" ref="H1177">IFERROR(INDEX(Jesper!AL$2:AL$366,ROUNDDOWN($C1177/24,0)+1,1)*INDEX($D$3:$AA$30,INDEX(Jesper!$R$2:$R$366,ROW(INDEX(Jesper!AL$2:AL$366,ROUNDDOWN($C1177/24,0)+1,1))-1)+IF('Standard Profiles'!$G$22=$B$10,7,0)+IF('Standard Profiles'!$G$22=$B$17,14,0)+IF('Standard Profiles'!$G$22=$B$24,21,0),MOD($C1177,24)+1)/SUM(INDEX($D$3:$AA$30,INDEX(Jesper!$R$2:$R$366,ROW(INDEX(Jesper!AL$2:AL$366,ROUNDDOWN($C1177/24,0)+1,1))-1)+IF('Standard Profiles'!$G$22=$B$10,7,0)+IF('Standard Profiles'!$G$22=$B$17,14,0)+IF('Standard Profiles'!$G$22=$B$24,21,0),0)),0)</f>
        <v>0</v>
      </c>
      <c r="I1177">
        <f t="shared" si="139"/>
        <v>8.4978726405256104</v>
      </c>
      <c r="J1177">
        <f t="shared" si="140"/>
        <v>61.504946229955834</v>
      </c>
      <c r="K1177">
        <f t="shared" si="141"/>
        <v>3.1098385706164113</v>
      </c>
      <c r="L1177">
        <f t="shared" si="142"/>
        <v>1.5549192853082057</v>
      </c>
      <c r="M1177">
        <f t="shared" si="143"/>
        <v>0</v>
      </c>
      <c r="N1177" s="45">
        <f t="shared" si="144"/>
        <v>44974.624999997228</v>
      </c>
    </row>
    <row r="1178" spans="2:14" x14ac:dyDescent="0.25">
      <c r="B1178">
        <f t="shared" si="138"/>
        <v>5</v>
      </c>
      <c r="C1178" s="16">
        <v>1144</v>
      </c>
      <c r="D1178" cm="1">
        <f t="array" ref="D1178">IFERROR(INDEX(Jesper!AH$2:AH$366,ROUNDDOWN($C1178/24,0)+1,1)*INDEX($D$3:$AA$30,INDEX(Jesper!$R$2:$R$366,ROW(INDEX(Jesper!AH$2:AH$366,ROUNDDOWN($C1178/24,0)+1,1))-1)+IF('Standard Profiles'!$G$18=$B$10,7,0)+IF('Standard Profiles'!$G$18=$B$17,14,0)+IF('Standard Profiles'!$G$18=$B$24,21,0),MOD($C1178,24)+1)/SUM(INDEX($D$3:$AA$30,INDEX(Jesper!$R$2:$R$366,ROW(INDEX(Jesper!AH$2:AH$366,ROUNDDOWN($C1178/24,0)+1,1))-1)+IF('Standard Profiles'!$G$18=$B$10,7,0)+IF('Standard Profiles'!$G$18=$B$17,14,0)+IF('Standard Profiles'!$G$18=$B$24,21,0),0)),0)</f>
        <v>13.687669765037022</v>
      </c>
      <c r="E1178" cm="1">
        <f t="array" ref="E1178">IFERROR(INDEX(Jesper!AI$2:AI$366,ROUNDDOWN($C1178/24,0)+1,1)*INDEX($D$3:$AA$30,INDEX(Jesper!$R$2:$R$366,ROW(INDEX(Jesper!AI$2:AI$366,ROUNDDOWN($C1178/24,0)+1,1))-1)+IF('Standard Profiles'!$G$19=$B$10,7,0)+IF('Standard Profiles'!$G$19=$B$17,14,0)+IF('Standard Profiles'!$G$19=$B$24,21,0),MOD($C1178,24)+1)/SUM(INDEX($D$3:$AA$30,INDEX(Jesper!$R$2:$R$366,ROW(INDEX(Jesper!AI$2:AI$366,ROUNDDOWN($C1178/24,0)+1,1))-1)+IF('Standard Profiles'!$G$19=$B$10,7,0)+IF('Standard Profiles'!$G$19=$B$17,14,0)+IF('Standard Profiles'!$G$19=$B$24,21,0),0)),0)</f>
        <v>13.055839808661428</v>
      </c>
      <c r="F1178" cm="1">
        <f t="array" ref="F1178">IFERROR(INDEX(Jesper!AJ$2:AJ$366,ROUNDDOWN($C1178/24,0)+1,1)*INDEX($D$3:$AA$30,INDEX(Jesper!$R$2:$R$366,ROW(INDEX(Jesper!AJ$2:AJ$366,ROUNDDOWN($C1178/24,0)+1,1))-1)+IF('Standard Profiles'!$G$20=$B$10,7,0)+IF('Standard Profiles'!$G$20=$B$17,14,0)+IF('Standard Profiles'!$G$20=$B$24,21,0),MOD($C1178,24)+1)/SUM(INDEX($D$3:$AA$30,INDEX(Jesper!$R$2:$R$366,ROW(INDEX(Jesper!AJ$2:AJ$366,ROUNDDOWN($C1178/24,0)+1,1))-1)+IF('Standard Profiles'!$G$20=$B$10,7,0)+IF('Standard Profiles'!$G$20=$B$17,14,0)+IF('Standard Profiles'!$G$20=$B$24,21,0),0)),0)</f>
        <v>0</v>
      </c>
      <c r="G1178" cm="1">
        <f t="array" ref="G1178">IFERROR(INDEX(Jesper!AK$2:AK$366,ROUNDDOWN($C1178/24,0)+1,1)*INDEX($D$3:$AA$30,INDEX(Jesper!$R$2:$R$366,ROW(INDEX(Jesper!AK$2:AK$366,ROUNDDOWN($C1178/24,0)+1,1))-1)+IF('Standard Profiles'!$G$21=$B$10,7,0)+IF('Standard Profiles'!$G$21=$B$17,14,0)+IF('Standard Profiles'!$G$21=$B$24,21,0),MOD($C1178,24)+1)/SUM(INDEX($D$3:$AA$30,INDEX(Jesper!$R$2:$R$366,ROW(INDEX(Jesper!AK$2:AK$366,ROUNDDOWN($C1178/24,0)+1,1))-1)+IF('Standard Profiles'!$G$21=$B$10,7,0)+IF('Standard Profiles'!$G$21=$B$17,14,0)+IF('Standard Profiles'!$G$21=$B$24,21,0),0)),0)</f>
        <v>15.328053103401182</v>
      </c>
      <c r="H1178" cm="1">
        <f t="array" ref="H1178">IFERROR(INDEX(Jesper!AL$2:AL$366,ROUNDDOWN($C1178/24,0)+1,1)*INDEX($D$3:$AA$30,INDEX(Jesper!$R$2:$R$366,ROW(INDEX(Jesper!AL$2:AL$366,ROUNDDOWN($C1178/24,0)+1,1))-1)+IF('Standard Profiles'!$G$22=$B$10,7,0)+IF('Standard Profiles'!$G$22=$B$17,14,0)+IF('Standard Profiles'!$G$22=$B$24,21,0),MOD($C1178,24)+1)/SUM(INDEX($D$3:$AA$30,INDEX(Jesper!$R$2:$R$366,ROW(INDEX(Jesper!AL$2:AL$366,ROUNDDOWN($C1178/24,0)+1,1))-1)+IF('Standard Profiles'!$G$22=$B$10,7,0)+IF('Standard Profiles'!$G$22=$B$17,14,0)+IF('Standard Profiles'!$G$22=$B$24,21,0),0)),0)</f>
        <v>0</v>
      </c>
      <c r="I1178">
        <f t="shared" si="139"/>
        <v>7.3574654896325633</v>
      </c>
      <c r="J1178">
        <f t="shared" si="140"/>
        <v>32.52407002506115</v>
      </c>
      <c r="K1178">
        <f t="shared" si="141"/>
        <v>1.4600181082706158</v>
      </c>
      <c r="L1178">
        <f t="shared" si="142"/>
        <v>0.73000905413530792</v>
      </c>
      <c r="M1178">
        <f t="shared" si="143"/>
        <v>0</v>
      </c>
      <c r="N1178" s="45">
        <f t="shared" si="144"/>
        <v>44974.666666663892</v>
      </c>
    </row>
    <row r="1179" spans="2:14" x14ac:dyDescent="0.25">
      <c r="B1179">
        <f t="shared" si="138"/>
        <v>5</v>
      </c>
      <c r="C1179" s="16">
        <v>1145</v>
      </c>
      <c r="D1179" cm="1">
        <f t="array" ref="D1179">IFERROR(INDEX(Jesper!AH$2:AH$366,ROUNDDOWN($C1179/24,0)+1,1)*INDEX($D$3:$AA$30,INDEX(Jesper!$R$2:$R$366,ROW(INDEX(Jesper!AH$2:AH$366,ROUNDDOWN($C1179/24,0)+1,1))-1)+IF('Standard Profiles'!$G$18=$B$10,7,0)+IF('Standard Profiles'!$G$18=$B$17,14,0)+IF('Standard Profiles'!$G$18=$B$24,21,0),MOD($C1179,24)+1)/SUM(INDEX($D$3:$AA$30,INDEX(Jesper!$R$2:$R$366,ROW(INDEX(Jesper!AH$2:AH$366,ROUNDDOWN($C1179/24,0)+1,1))-1)+IF('Standard Profiles'!$G$18=$B$10,7,0)+IF('Standard Profiles'!$G$18=$B$17,14,0)+IF('Standard Profiles'!$G$18=$B$24,21,0),0)),0)</f>
        <v>9.0338620449244331</v>
      </c>
      <c r="E1179" cm="1">
        <f t="array" ref="E1179">IFERROR(INDEX(Jesper!AI$2:AI$366,ROUNDDOWN($C1179/24,0)+1,1)*INDEX($D$3:$AA$30,INDEX(Jesper!$R$2:$R$366,ROW(INDEX(Jesper!AI$2:AI$366,ROUNDDOWN($C1179/24,0)+1,1))-1)+IF('Standard Profiles'!$G$19=$B$10,7,0)+IF('Standard Profiles'!$G$19=$B$17,14,0)+IF('Standard Profiles'!$G$19=$B$24,21,0),MOD($C1179,24)+1)/SUM(INDEX($D$3:$AA$30,INDEX(Jesper!$R$2:$R$366,ROW(INDEX(Jesper!AI$2:AI$366,ROUNDDOWN($C1179/24,0)+1,1))-1)+IF('Standard Profiles'!$G$19=$B$10,7,0)+IF('Standard Profiles'!$G$19=$B$17,14,0)+IF('Standard Profiles'!$G$19=$B$24,21,0),0)),0)</f>
        <v>8.6168542737165428</v>
      </c>
      <c r="F1179" cm="1">
        <f t="array" ref="F1179">IFERROR(INDEX(Jesper!AJ$2:AJ$366,ROUNDDOWN($C1179/24,0)+1,1)*INDEX($D$3:$AA$30,INDEX(Jesper!$R$2:$R$366,ROW(INDEX(Jesper!AJ$2:AJ$366,ROUNDDOWN($C1179/24,0)+1,1))-1)+IF('Standard Profiles'!$G$20=$B$10,7,0)+IF('Standard Profiles'!$G$20=$B$17,14,0)+IF('Standard Profiles'!$G$20=$B$24,21,0),MOD($C1179,24)+1)/SUM(INDEX($D$3:$AA$30,INDEX(Jesper!$R$2:$R$366,ROW(INDEX(Jesper!AJ$2:AJ$366,ROUNDDOWN($C1179/24,0)+1,1))-1)+IF('Standard Profiles'!$G$20=$B$10,7,0)+IF('Standard Profiles'!$G$20=$B$17,14,0)+IF('Standard Profiles'!$G$20=$B$24,21,0),0)),0)</f>
        <v>0</v>
      </c>
      <c r="G1179" cm="1">
        <f t="array" ref="G1179">IFERROR(INDEX(Jesper!AK$2:AK$366,ROUNDDOWN($C1179/24,0)+1,1)*INDEX($D$3:$AA$30,INDEX(Jesper!$R$2:$R$366,ROW(INDEX(Jesper!AK$2:AK$366,ROUNDDOWN($C1179/24,0)+1,1))-1)+IF('Standard Profiles'!$G$21=$B$10,7,0)+IF('Standard Profiles'!$G$21=$B$17,14,0)+IF('Standard Profiles'!$G$21=$B$24,21,0),MOD($C1179,24)+1)/SUM(INDEX($D$3:$AA$30,INDEX(Jesper!$R$2:$R$366,ROW(INDEX(Jesper!AK$2:AK$366,ROUNDDOWN($C1179/24,0)+1,1))-1)+IF('Standard Profiles'!$G$21=$B$10,7,0)+IF('Standard Profiles'!$G$21=$B$17,14,0)+IF('Standard Profiles'!$G$21=$B$24,21,0),0)),0)</f>
        <v>12.875564606856988</v>
      </c>
      <c r="H1179" cm="1">
        <f t="array" ref="H1179">IFERROR(INDEX(Jesper!AL$2:AL$366,ROUNDDOWN($C1179/24,0)+1,1)*INDEX($D$3:$AA$30,INDEX(Jesper!$R$2:$R$366,ROW(INDEX(Jesper!AL$2:AL$366,ROUNDDOWN($C1179/24,0)+1,1))-1)+IF('Standard Profiles'!$G$22=$B$10,7,0)+IF('Standard Profiles'!$G$22=$B$17,14,0)+IF('Standard Profiles'!$G$22=$B$24,21,0),MOD($C1179,24)+1)/SUM(INDEX($D$3:$AA$30,INDEX(Jesper!$R$2:$R$366,ROW(INDEX(Jesper!AL$2:AL$366,ROUNDDOWN($C1179/24,0)+1,1))-1)+IF('Standard Profiles'!$G$22=$B$10,7,0)+IF('Standard Profiles'!$G$22=$B$17,14,0)+IF('Standard Profiles'!$G$22=$B$24,21,0),0)),0)</f>
        <v>0</v>
      </c>
      <c r="I1179">
        <f t="shared" si="139"/>
        <v>6.1802710112913513</v>
      </c>
      <c r="J1179">
        <f t="shared" si="140"/>
        <v>22.900591987018704</v>
      </c>
      <c r="K1179">
        <f t="shared" si="141"/>
        <v>0.96361195145860623</v>
      </c>
      <c r="L1179">
        <f t="shared" si="142"/>
        <v>0.48180597572930312</v>
      </c>
      <c r="M1179">
        <f t="shared" si="143"/>
        <v>0</v>
      </c>
      <c r="N1179" s="45">
        <f t="shared" si="144"/>
        <v>44974.708333330556</v>
      </c>
    </row>
    <row r="1180" spans="2:14" x14ac:dyDescent="0.25">
      <c r="B1180">
        <f t="shared" si="138"/>
        <v>5</v>
      </c>
      <c r="C1180" s="16">
        <v>1146</v>
      </c>
      <c r="D1180" cm="1">
        <f t="array" ref="D1180">IFERROR(INDEX(Jesper!AH$2:AH$366,ROUNDDOWN($C1180/24,0)+1,1)*INDEX($D$3:$AA$30,INDEX(Jesper!$R$2:$R$366,ROW(INDEX(Jesper!AH$2:AH$366,ROUNDDOWN($C1180/24,0)+1,1))-1)+IF('Standard Profiles'!$G$18=$B$10,7,0)+IF('Standard Profiles'!$G$18=$B$17,14,0)+IF('Standard Profiles'!$G$18=$B$24,21,0),MOD($C1180,24)+1)/SUM(INDEX($D$3:$AA$30,INDEX(Jesper!$R$2:$R$366,ROW(INDEX(Jesper!AH$2:AH$366,ROUNDDOWN($C1180/24,0)+1,1))-1)+IF('Standard Profiles'!$G$18=$B$10,7,0)+IF('Standard Profiles'!$G$18=$B$17,14,0)+IF('Standard Profiles'!$G$18=$B$24,21,0),0)),0)</f>
        <v>5.748821301315548</v>
      </c>
      <c r="E1180" cm="1">
        <f t="array" ref="E1180">IFERROR(INDEX(Jesper!AI$2:AI$366,ROUNDDOWN($C1180/24,0)+1,1)*INDEX($D$3:$AA$30,INDEX(Jesper!$R$2:$R$366,ROW(INDEX(Jesper!AI$2:AI$366,ROUNDDOWN($C1180/24,0)+1,1))-1)+IF('Standard Profiles'!$G$19=$B$10,7,0)+IF('Standard Profiles'!$G$19=$B$17,14,0)+IF('Standard Profiles'!$G$19=$B$24,21,0),MOD($C1180,24)+1)/SUM(INDEX($D$3:$AA$30,INDEX(Jesper!$R$2:$R$366,ROW(INDEX(Jesper!AI$2:AI$366,ROUNDDOWN($C1180/24,0)+1,1))-1)+IF('Standard Profiles'!$G$19=$B$10,7,0)+IF('Standard Profiles'!$G$19=$B$17,14,0)+IF('Standard Profiles'!$G$19=$B$24,21,0),0)),0)</f>
        <v>5.4834527196377989</v>
      </c>
      <c r="F1180" cm="1">
        <f t="array" ref="F1180">IFERROR(INDEX(Jesper!AJ$2:AJ$366,ROUNDDOWN($C1180/24,0)+1,1)*INDEX($D$3:$AA$30,INDEX(Jesper!$R$2:$R$366,ROW(INDEX(Jesper!AJ$2:AJ$366,ROUNDDOWN($C1180/24,0)+1,1))-1)+IF('Standard Profiles'!$G$20=$B$10,7,0)+IF('Standard Profiles'!$G$20=$B$17,14,0)+IF('Standard Profiles'!$G$20=$B$24,21,0),MOD($C1180,24)+1)/SUM(INDEX($D$3:$AA$30,INDEX(Jesper!$R$2:$R$366,ROW(INDEX(Jesper!AJ$2:AJ$366,ROUNDDOWN($C1180/24,0)+1,1))-1)+IF('Standard Profiles'!$G$20=$B$10,7,0)+IF('Standard Profiles'!$G$20=$B$17,14,0)+IF('Standard Profiles'!$G$20=$B$24,21,0),0)),0)</f>
        <v>0</v>
      </c>
      <c r="G1180" cm="1">
        <f t="array" ref="G1180">IFERROR(INDEX(Jesper!AK$2:AK$366,ROUNDDOWN($C1180/24,0)+1,1)*INDEX($D$3:$AA$30,INDEX(Jesper!$R$2:$R$366,ROW(INDEX(Jesper!AK$2:AK$366,ROUNDDOWN($C1180/24,0)+1,1))-1)+IF('Standard Profiles'!$G$21=$B$10,7,0)+IF('Standard Profiles'!$G$21=$B$17,14,0)+IF('Standard Profiles'!$G$21=$B$24,21,0),MOD($C1180,24)+1)/SUM(INDEX($D$3:$AA$30,INDEX(Jesper!$R$2:$R$366,ROW(INDEX(Jesper!AK$2:AK$366,ROUNDDOWN($C1180/24,0)+1,1))-1)+IF('Standard Profiles'!$G$21=$B$10,7,0)+IF('Standard Profiles'!$G$21=$B$17,14,0)+IF('Standard Profiles'!$G$21=$B$24,21,0),0)),0)</f>
        <v>4.7516964620543654</v>
      </c>
      <c r="H1180" cm="1">
        <f t="array" ref="H1180">IFERROR(INDEX(Jesper!AL$2:AL$366,ROUNDDOWN($C1180/24,0)+1,1)*INDEX($D$3:$AA$30,INDEX(Jesper!$R$2:$R$366,ROW(INDEX(Jesper!AL$2:AL$366,ROUNDDOWN($C1180/24,0)+1,1))-1)+IF('Standard Profiles'!$G$22=$B$10,7,0)+IF('Standard Profiles'!$G$22=$B$17,14,0)+IF('Standard Profiles'!$G$22=$B$24,21,0),MOD($C1180,24)+1)/SUM(INDEX($D$3:$AA$30,INDEX(Jesper!$R$2:$R$366,ROW(INDEX(Jesper!AL$2:AL$366,ROUNDDOWN($C1180/24,0)+1,1))-1)+IF('Standard Profiles'!$G$22=$B$10,7,0)+IF('Standard Profiles'!$G$22=$B$17,14,0)+IF('Standard Profiles'!$G$22=$B$24,21,0),0)),0)</f>
        <v>0</v>
      </c>
      <c r="I1180">
        <f t="shared" si="139"/>
        <v>2.2808143017860942</v>
      </c>
      <c r="J1180">
        <f t="shared" si="140"/>
        <v>12.78334477301113</v>
      </c>
      <c r="K1180">
        <f t="shared" si="141"/>
        <v>0.61320760547365849</v>
      </c>
      <c r="L1180">
        <f t="shared" si="142"/>
        <v>0.30660380273682925</v>
      </c>
      <c r="M1180">
        <f t="shared" si="143"/>
        <v>0</v>
      </c>
      <c r="N1180" s="45">
        <f t="shared" si="144"/>
        <v>44974.749999997221</v>
      </c>
    </row>
    <row r="1181" spans="2:14" x14ac:dyDescent="0.25">
      <c r="B1181">
        <f t="shared" si="138"/>
        <v>5</v>
      </c>
      <c r="C1181" s="16">
        <v>1147</v>
      </c>
      <c r="D1181" cm="1">
        <f t="array" ref="D1181">IFERROR(INDEX(Jesper!AH$2:AH$366,ROUNDDOWN($C1181/24,0)+1,1)*INDEX($D$3:$AA$30,INDEX(Jesper!$R$2:$R$366,ROW(INDEX(Jesper!AH$2:AH$366,ROUNDDOWN($C1181/24,0)+1,1))-1)+IF('Standard Profiles'!$G$18=$B$10,7,0)+IF('Standard Profiles'!$G$18=$B$17,14,0)+IF('Standard Profiles'!$G$18=$B$24,21,0),MOD($C1181,24)+1)/SUM(INDEX($D$3:$AA$30,INDEX(Jesper!$R$2:$R$366,ROW(INDEX(Jesper!AH$2:AH$366,ROUNDDOWN($C1181/24,0)+1,1))-1)+IF('Standard Profiles'!$G$18=$B$10,7,0)+IF('Standard Profiles'!$G$18=$B$17,14,0)+IF('Standard Profiles'!$G$18=$B$24,21,0),0)),0)</f>
        <v>5.4750679060148082</v>
      </c>
      <c r="E1181" cm="1">
        <f t="array" ref="E1181">IFERROR(INDEX(Jesper!AI$2:AI$366,ROUNDDOWN($C1181/24,0)+1,1)*INDEX($D$3:$AA$30,INDEX(Jesper!$R$2:$R$366,ROW(INDEX(Jesper!AI$2:AI$366,ROUNDDOWN($C1181/24,0)+1,1))-1)+IF('Standard Profiles'!$G$19=$B$10,7,0)+IF('Standard Profiles'!$G$19=$B$17,14,0)+IF('Standard Profiles'!$G$19=$B$24,21,0),MOD($C1181,24)+1)/SUM(INDEX($D$3:$AA$30,INDEX(Jesper!$R$2:$R$366,ROW(INDEX(Jesper!AI$2:AI$366,ROUNDDOWN($C1181/24,0)+1,1))-1)+IF('Standard Profiles'!$G$19=$B$10,7,0)+IF('Standard Profiles'!$G$19=$B$17,14,0)+IF('Standard Profiles'!$G$19=$B$24,21,0),0)),0)</f>
        <v>5.2223359234645708</v>
      </c>
      <c r="F1181" cm="1">
        <f t="array" ref="F1181">IFERROR(INDEX(Jesper!AJ$2:AJ$366,ROUNDDOWN($C1181/24,0)+1,1)*INDEX($D$3:$AA$30,INDEX(Jesper!$R$2:$R$366,ROW(INDEX(Jesper!AJ$2:AJ$366,ROUNDDOWN($C1181/24,0)+1,1))-1)+IF('Standard Profiles'!$G$20=$B$10,7,0)+IF('Standard Profiles'!$G$20=$B$17,14,0)+IF('Standard Profiles'!$G$20=$B$24,21,0),MOD($C1181,24)+1)/SUM(INDEX($D$3:$AA$30,INDEX(Jesper!$R$2:$R$366,ROW(INDEX(Jesper!AJ$2:AJ$366,ROUNDDOWN($C1181/24,0)+1,1))-1)+IF('Standard Profiles'!$G$20=$B$10,7,0)+IF('Standard Profiles'!$G$20=$B$17,14,0)+IF('Standard Profiles'!$G$20=$B$24,21,0),0)),0)</f>
        <v>0</v>
      </c>
      <c r="G1181" cm="1">
        <f t="array" ref="G1181">IFERROR(INDEX(Jesper!AK$2:AK$366,ROUNDDOWN($C1181/24,0)+1,1)*INDEX($D$3:$AA$30,INDEX(Jesper!$R$2:$R$366,ROW(INDEX(Jesper!AK$2:AK$366,ROUNDDOWN($C1181/24,0)+1,1))-1)+IF('Standard Profiles'!$G$21=$B$10,7,0)+IF('Standard Profiles'!$G$21=$B$17,14,0)+IF('Standard Profiles'!$G$21=$B$24,21,0),MOD($C1181,24)+1)/SUM(INDEX($D$3:$AA$30,INDEX(Jesper!$R$2:$R$366,ROW(INDEX(Jesper!AK$2:AK$366,ROUNDDOWN($C1181/24,0)+1,1))-1)+IF('Standard Profiles'!$G$21=$B$10,7,0)+IF('Standard Profiles'!$G$21=$B$17,14,0)+IF('Standard Profiles'!$G$21=$B$24,21,0),0)),0)</f>
        <v>4.7516964620543654</v>
      </c>
      <c r="H1181" cm="1">
        <f t="array" ref="H1181">IFERROR(INDEX(Jesper!AL$2:AL$366,ROUNDDOWN($C1181/24,0)+1,1)*INDEX($D$3:$AA$30,INDEX(Jesper!$R$2:$R$366,ROW(INDEX(Jesper!AL$2:AL$366,ROUNDDOWN($C1181/24,0)+1,1))-1)+IF('Standard Profiles'!$G$22=$B$10,7,0)+IF('Standard Profiles'!$G$22=$B$17,14,0)+IF('Standard Profiles'!$G$22=$B$24,21,0),MOD($C1181,24)+1)/SUM(INDEX($D$3:$AA$30,INDEX(Jesper!$R$2:$R$366,ROW(INDEX(Jesper!AL$2:AL$366,ROUNDDOWN($C1181/24,0)+1,1))-1)+IF('Standard Profiles'!$G$22=$B$10,7,0)+IF('Standard Profiles'!$G$22=$B$17,14,0)+IF('Standard Profiles'!$G$22=$B$24,21,0),0)),0)</f>
        <v>0</v>
      </c>
      <c r="I1181">
        <f t="shared" si="139"/>
        <v>2.2808143017860942</v>
      </c>
      <c r="J1181">
        <f t="shared" si="140"/>
        <v>12.292275124785281</v>
      </c>
      <c r="K1181">
        <f t="shared" si="141"/>
        <v>0.58400724330824627</v>
      </c>
      <c r="L1181">
        <f t="shared" si="142"/>
        <v>0.29200362165412314</v>
      </c>
      <c r="M1181">
        <f t="shared" si="143"/>
        <v>0</v>
      </c>
      <c r="N1181" s="45">
        <f t="shared" si="144"/>
        <v>44974.791666663885</v>
      </c>
    </row>
    <row r="1182" spans="2:14" x14ac:dyDescent="0.25">
      <c r="B1182">
        <f t="shared" si="138"/>
        <v>5</v>
      </c>
      <c r="C1182" s="16">
        <v>1148</v>
      </c>
      <c r="D1182" cm="1">
        <f t="array" ref="D1182">IFERROR(INDEX(Jesper!AH$2:AH$366,ROUNDDOWN($C1182/24,0)+1,1)*INDEX($D$3:$AA$30,INDEX(Jesper!$R$2:$R$366,ROW(INDEX(Jesper!AH$2:AH$366,ROUNDDOWN($C1182/24,0)+1,1))-1)+IF('Standard Profiles'!$G$18=$B$10,7,0)+IF('Standard Profiles'!$G$18=$B$17,14,0)+IF('Standard Profiles'!$G$18=$B$24,21,0),MOD($C1182,24)+1)/SUM(INDEX($D$3:$AA$30,INDEX(Jesper!$R$2:$R$366,ROW(INDEX(Jesper!AH$2:AH$366,ROUNDDOWN($C1182/24,0)+1,1))-1)+IF('Standard Profiles'!$G$18=$B$10,7,0)+IF('Standard Profiles'!$G$18=$B$17,14,0)+IF('Standard Profiles'!$G$18=$B$24,21,0),0)),0)</f>
        <v>5.4750679060148082</v>
      </c>
      <c r="E1182" cm="1">
        <f t="array" ref="E1182">IFERROR(INDEX(Jesper!AI$2:AI$366,ROUNDDOWN($C1182/24,0)+1,1)*INDEX($D$3:$AA$30,INDEX(Jesper!$R$2:$R$366,ROW(INDEX(Jesper!AI$2:AI$366,ROUNDDOWN($C1182/24,0)+1,1))-1)+IF('Standard Profiles'!$G$19=$B$10,7,0)+IF('Standard Profiles'!$G$19=$B$17,14,0)+IF('Standard Profiles'!$G$19=$B$24,21,0),MOD($C1182,24)+1)/SUM(INDEX($D$3:$AA$30,INDEX(Jesper!$R$2:$R$366,ROW(INDEX(Jesper!AI$2:AI$366,ROUNDDOWN($C1182/24,0)+1,1))-1)+IF('Standard Profiles'!$G$19=$B$10,7,0)+IF('Standard Profiles'!$G$19=$B$17,14,0)+IF('Standard Profiles'!$G$19=$B$24,21,0),0)),0)</f>
        <v>5.2223359234645708</v>
      </c>
      <c r="F1182" cm="1">
        <f t="array" ref="F1182">IFERROR(INDEX(Jesper!AJ$2:AJ$366,ROUNDDOWN($C1182/24,0)+1,1)*INDEX($D$3:$AA$30,INDEX(Jesper!$R$2:$R$366,ROW(INDEX(Jesper!AJ$2:AJ$366,ROUNDDOWN($C1182/24,0)+1,1))-1)+IF('Standard Profiles'!$G$20=$B$10,7,0)+IF('Standard Profiles'!$G$20=$B$17,14,0)+IF('Standard Profiles'!$G$20=$B$24,21,0),MOD($C1182,24)+1)/SUM(INDEX($D$3:$AA$30,INDEX(Jesper!$R$2:$R$366,ROW(INDEX(Jesper!AJ$2:AJ$366,ROUNDDOWN($C1182/24,0)+1,1))-1)+IF('Standard Profiles'!$G$20=$B$10,7,0)+IF('Standard Profiles'!$G$20=$B$17,14,0)+IF('Standard Profiles'!$G$20=$B$24,21,0),0)),0)</f>
        <v>0</v>
      </c>
      <c r="G1182" cm="1">
        <f t="array" ref="G1182">IFERROR(INDEX(Jesper!AK$2:AK$366,ROUNDDOWN($C1182/24,0)+1,1)*INDEX($D$3:$AA$30,INDEX(Jesper!$R$2:$R$366,ROW(INDEX(Jesper!AK$2:AK$366,ROUNDDOWN($C1182/24,0)+1,1))-1)+IF('Standard Profiles'!$G$21=$B$10,7,0)+IF('Standard Profiles'!$G$21=$B$17,14,0)+IF('Standard Profiles'!$G$21=$B$24,21,0),MOD($C1182,24)+1)/SUM(INDEX($D$3:$AA$30,INDEX(Jesper!$R$2:$R$366,ROW(INDEX(Jesper!AK$2:AK$366,ROUNDDOWN($C1182/24,0)+1,1))-1)+IF('Standard Profiles'!$G$21=$B$10,7,0)+IF('Standard Profiles'!$G$21=$B$17,14,0)+IF('Standard Profiles'!$G$21=$B$24,21,0),0)),0)</f>
        <v>4.7516964620543654</v>
      </c>
      <c r="H1182" cm="1">
        <f t="array" ref="H1182">IFERROR(INDEX(Jesper!AL$2:AL$366,ROUNDDOWN($C1182/24,0)+1,1)*INDEX($D$3:$AA$30,INDEX(Jesper!$R$2:$R$366,ROW(INDEX(Jesper!AL$2:AL$366,ROUNDDOWN($C1182/24,0)+1,1))-1)+IF('Standard Profiles'!$G$22=$B$10,7,0)+IF('Standard Profiles'!$G$22=$B$17,14,0)+IF('Standard Profiles'!$G$22=$B$24,21,0),MOD($C1182,24)+1)/SUM(INDEX($D$3:$AA$30,INDEX(Jesper!$R$2:$R$366,ROW(INDEX(Jesper!AL$2:AL$366,ROUNDDOWN($C1182/24,0)+1,1))-1)+IF('Standard Profiles'!$G$22=$B$10,7,0)+IF('Standard Profiles'!$G$22=$B$17,14,0)+IF('Standard Profiles'!$G$22=$B$24,21,0),0)),0)</f>
        <v>0</v>
      </c>
      <c r="I1182">
        <f t="shared" si="139"/>
        <v>2.2808143017860942</v>
      </c>
      <c r="J1182">
        <f t="shared" si="140"/>
        <v>12.292275124785281</v>
      </c>
      <c r="K1182">
        <f t="shared" si="141"/>
        <v>0.58400724330824627</v>
      </c>
      <c r="L1182">
        <f t="shared" si="142"/>
        <v>0.29200362165412314</v>
      </c>
      <c r="M1182">
        <f t="shared" si="143"/>
        <v>0</v>
      </c>
      <c r="N1182" s="45">
        <f t="shared" si="144"/>
        <v>44974.833333330549</v>
      </c>
    </row>
    <row r="1183" spans="2:14" x14ac:dyDescent="0.25">
      <c r="B1183">
        <f t="shared" si="138"/>
        <v>5</v>
      </c>
      <c r="C1183" s="16">
        <v>1149</v>
      </c>
      <c r="D1183" cm="1">
        <f t="array" ref="D1183">IFERROR(INDEX(Jesper!AH$2:AH$366,ROUNDDOWN($C1183/24,0)+1,1)*INDEX($D$3:$AA$30,INDEX(Jesper!$R$2:$R$366,ROW(INDEX(Jesper!AH$2:AH$366,ROUNDDOWN($C1183/24,0)+1,1))-1)+IF('Standard Profiles'!$G$18=$B$10,7,0)+IF('Standard Profiles'!$G$18=$B$17,14,0)+IF('Standard Profiles'!$G$18=$B$24,21,0),MOD($C1183,24)+1)/SUM(INDEX($D$3:$AA$30,INDEX(Jesper!$R$2:$R$366,ROW(INDEX(Jesper!AH$2:AH$366,ROUNDDOWN($C1183/24,0)+1,1))-1)+IF('Standard Profiles'!$G$18=$B$10,7,0)+IF('Standard Profiles'!$G$18=$B$17,14,0)+IF('Standard Profiles'!$G$18=$B$24,21,0),0)),0)</f>
        <v>5.4750679060148082</v>
      </c>
      <c r="E1183" cm="1">
        <f t="array" ref="E1183">IFERROR(INDEX(Jesper!AI$2:AI$366,ROUNDDOWN($C1183/24,0)+1,1)*INDEX($D$3:$AA$30,INDEX(Jesper!$R$2:$R$366,ROW(INDEX(Jesper!AI$2:AI$366,ROUNDDOWN($C1183/24,0)+1,1))-1)+IF('Standard Profiles'!$G$19=$B$10,7,0)+IF('Standard Profiles'!$G$19=$B$17,14,0)+IF('Standard Profiles'!$G$19=$B$24,21,0),MOD($C1183,24)+1)/SUM(INDEX($D$3:$AA$30,INDEX(Jesper!$R$2:$R$366,ROW(INDEX(Jesper!AI$2:AI$366,ROUNDDOWN($C1183/24,0)+1,1))-1)+IF('Standard Profiles'!$G$19=$B$10,7,0)+IF('Standard Profiles'!$G$19=$B$17,14,0)+IF('Standard Profiles'!$G$19=$B$24,21,0),0)),0)</f>
        <v>5.2223359234645708</v>
      </c>
      <c r="F1183" cm="1">
        <f t="array" ref="F1183">IFERROR(INDEX(Jesper!AJ$2:AJ$366,ROUNDDOWN($C1183/24,0)+1,1)*INDEX($D$3:$AA$30,INDEX(Jesper!$R$2:$R$366,ROW(INDEX(Jesper!AJ$2:AJ$366,ROUNDDOWN($C1183/24,0)+1,1))-1)+IF('Standard Profiles'!$G$20=$B$10,7,0)+IF('Standard Profiles'!$G$20=$B$17,14,0)+IF('Standard Profiles'!$G$20=$B$24,21,0),MOD($C1183,24)+1)/SUM(INDEX($D$3:$AA$30,INDEX(Jesper!$R$2:$R$366,ROW(INDEX(Jesper!AJ$2:AJ$366,ROUNDDOWN($C1183/24,0)+1,1))-1)+IF('Standard Profiles'!$G$20=$B$10,7,0)+IF('Standard Profiles'!$G$20=$B$17,14,0)+IF('Standard Profiles'!$G$20=$B$24,21,0),0)),0)</f>
        <v>0</v>
      </c>
      <c r="G1183" cm="1">
        <f t="array" ref="G1183">IFERROR(INDEX(Jesper!AK$2:AK$366,ROUNDDOWN($C1183/24,0)+1,1)*INDEX($D$3:$AA$30,INDEX(Jesper!$R$2:$R$366,ROW(INDEX(Jesper!AK$2:AK$366,ROUNDDOWN($C1183/24,0)+1,1))-1)+IF('Standard Profiles'!$G$21=$B$10,7,0)+IF('Standard Profiles'!$G$21=$B$17,14,0)+IF('Standard Profiles'!$G$21=$B$24,21,0),MOD($C1183,24)+1)/SUM(INDEX($D$3:$AA$30,INDEX(Jesper!$R$2:$R$366,ROW(INDEX(Jesper!AK$2:AK$366,ROUNDDOWN($C1183/24,0)+1,1))-1)+IF('Standard Profiles'!$G$21=$B$10,7,0)+IF('Standard Profiles'!$G$21=$B$17,14,0)+IF('Standard Profiles'!$G$21=$B$24,21,0),0)),0)</f>
        <v>4.7516964620543654</v>
      </c>
      <c r="H1183" cm="1">
        <f t="array" ref="H1183">IFERROR(INDEX(Jesper!AL$2:AL$366,ROUNDDOWN($C1183/24,0)+1,1)*INDEX($D$3:$AA$30,INDEX(Jesper!$R$2:$R$366,ROW(INDEX(Jesper!AL$2:AL$366,ROUNDDOWN($C1183/24,0)+1,1))-1)+IF('Standard Profiles'!$G$22=$B$10,7,0)+IF('Standard Profiles'!$G$22=$B$17,14,0)+IF('Standard Profiles'!$G$22=$B$24,21,0),MOD($C1183,24)+1)/SUM(INDEX($D$3:$AA$30,INDEX(Jesper!$R$2:$R$366,ROW(INDEX(Jesper!AL$2:AL$366,ROUNDDOWN($C1183/24,0)+1,1))-1)+IF('Standard Profiles'!$G$22=$B$10,7,0)+IF('Standard Profiles'!$G$22=$B$17,14,0)+IF('Standard Profiles'!$G$22=$B$24,21,0),0)),0)</f>
        <v>0</v>
      </c>
      <c r="I1183">
        <f t="shared" si="139"/>
        <v>2.2808143017860942</v>
      </c>
      <c r="J1183">
        <f t="shared" si="140"/>
        <v>12.292275124785281</v>
      </c>
      <c r="K1183">
        <f t="shared" si="141"/>
        <v>0.58400724330824627</v>
      </c>
      <c r="L1183">
        <f t="shared" si="142"/>
        <v>0.29200362165412314</v>
      </c>
      <c r="M1183">
        <f t="shared" si="143"/>
        <v>0</v>
      </c>
      <c r="N1183" s="45">
        <f t="shared" si="144"/>
        <v>44974.874999997213</v>
      </c>
    </row>
    <row r="1184" spans="2:14" x14ac:dyDescent="0.25">
      <c r="B1184">
        <f t="shared" si="138"/>
        <v>5</v>
      </c>
      <c r="C1184" s="16">
        <v>1150</v>
      </c>
      <c r="D1184" cm="1">
        <f t="array" ref="D1184">IFERROR(INDEX(Jesper!AH$2:AH$366,ROUNDDOWN($C1184/24,0)+1,1)*INDEX($D$3:$AA$30,INDEX(Jesper!$R$2:$R$366,ROW(INDEX(Jesper!AH$2:AH$366,ROUNDDOWN($C1184/24,0)+1,1))-1)+IF('Standard Profiles'!$G$18=$B$10,7,0)+IF('Standard Profiles'!$G$18=$B$17,14,0)+IF('Standard Profiles'!$G$18=$B$24,21,0),MOD($C1184,24)+1)/SUM(INDEX($D$3:$AA$30,INDEX(Jesper!$R$2:$R$366,ROW(INDEX(Jesper!AH$2:AH$366,ROUNDDOWN($C1184/24,0)+1,1))-1)+IF('Standard Profiles'!$G$18=$B$10,7,0)+IF('Standard Profiles'!$G$18=$B$17,14,0)+IF('Standard Profiles'!$G$18=$B$24,21,0),0)),0)</f>
        <v>5.4750679060148082</v>
      </c>
      <c r="E1184" cm="1">
        <f t="array" ref="E1184">IFERROR(INDEX(Jesper!AI$2:AI$366,ROUNDDOWN($C1184/24,0)+1,1)*INDEX($D$3:$AA$30,INDEX(Jesper!$R$2:$R$366,ROW(INDEX(Jesper!AI$2:AI$366,ROUNDDOWN($C1184/24,0)+1,1))-1)+IF('Standard Profiles'!$G$19=$B$10,7,0)+IF('Standard Profiles'!$G$19=$B$17,14,0)+IF('Standard Profiles'!$G$19=$B$24,21,0),MOD($C1184,24)+1)/SUM(INDEX($D$3:$AA$30,INDEX(Jesper!$R$2:$R$366,ROW(INDEX(Jesper!AI$2:AI$366,ROUNDDOWN($C1184/24,0)+1,1))-1)+IF('Standard Profiles'!$G$19=$B$10,7,0)+IF('Standard Profiles'!$G$19=$B$17,14,0)+IF('Standard Profiles'!$G$19=$B$24,21,0),0)),0)</f>
        <v>5.2223359234645708</v>
      </c>
      <c r="F1184" cm="1">
        <f t="array" ref="F1184">IFERROR(INDEX(Jesper!AJ$2:AJ$366,ROUNDDOWN($C1184/24,0)+1,1)*INDEX($D$3:$AA$30,INDEX(Jesper!$R$2:$R$366,ROW(INDEX(Jesper!AJ$2:AJ$366,ROUNDDOWN($C1184/24,0)+1,1))-1)+IF('Standard Profiles'!$G$20=$B$10,7,0)+IF('Standard Profiles'!$G$20=$B$17,14,0)+IF('Standard Profiles'!$G$20=$B$24,21,0),MOD($C1184,24)+1)/SUM(INDEX($D$3:$AA$30,INDEX(Jesper!$R$2:$R$366,ROW(INDEX(Jesper!AJ$2:AJ$366,ROUNDDOWN($C1184/24,0)+1,1))-1)+IF('Standard Profiles'!$G$20=$B$10,7,0)+IF('Standard Profiles'!$G$20=$B$17,14,0)+IF('Standard Profiles'!$G$20=$B$24,21,0),0)),0)</f>
        <v>0</v>
      </c>
      <c r="G1184" cm="1">
        <f t="array" ref="G1184">IFERROR(INDEX(Jesper!AK$2:AK$366,ROUNDDOWN($C1184/24,0)+1,1)*INDEX($D$3:$AA$30,INDEX(Jesper!$R$2:$R$366,ROW(INDEX(Jesper!AK$2:AK$366,ROUNDDOWN($C1184/24,0)+1,1))-1)+IF('Standard Profiles'!$G$21=$B$10,7,0)+IF('Standard Profiles'!$G$21=$B$17,14,0)+IF('Standard Profiles'!$G$21=$B$24,21,0),MOD($C1184,24)+1)/SUM(INDEX($D$3:$AA$30,INDEX(Jesper!$R$2:$R$366,ROW(INDEX(Jesper!AK$2:AK$366,ROUNDDOWN($C1184/24,0)+1,1))-1)+IF('Standard Profiles'!$G$21=$B$10,7,0)+IF('Standard Profiles'!$G$21=$B$17,14,0)+IF('Standard Profiles'!$G$21=$B$24,21,0),0)),0)</f>
        <v>4.7516964620543654</v>
      </c>
      <c r="H1184" cm="1">
        <f t="array" ref="H1184">IFERROR(INDEX(Jesper!AL$2:AL$366,ROUNDDOWN($C1184/24,0)+1,1)*INDEX($D$3:$AA$30,INDEX(Jesper!$R$2:$R$366,ROW(INDEX(Jesper!AL$2:AL$366,ROUNDDOWN($C1184/24,0)+1,1))-1)+IF('Standard Profiles'!$G$22=$B$10,7,0)+IF('Standard Profiles'!$G$22=$B$17,14,0)+IF('Standard Profiles'!$G$22=$B$24,21,0),MOD($C1184,24)+1)/SUM(INDEX($D$3:$AA$30,INDEX(Jesper!$R$2:$R$366,ROW(INDEX(Jesper!AL$2:AL$366,ROUNDDOWN($C1184/24,0)+1,1))-1)+IF('Standard Profiles'!$G$22=$B$10,7,0)+IF('Standard Profiles'!$G$22=$B$17,14,0)+IF('Standard Profiles'!$G$22=$B$24,21,0),0)),0)</f>
        <v>0</v>
      </c>
      <c r="I1184">
        <f t="shared" si="139"/>
        <v>2.2808143017860942</v>
      </c>
      <c r="J1184">
        <f t="shared" si="140"/>
        <v>12.292275124785281</v>
      </c>
      <c r="K1184">
        <f t="shared" si="141"/>
        <v>0.58400724330824627</v>
      </c>
      <c r="L1184">
        <f t="shared" si="142"/>
        <v>0.29200362165412314</v>
      </c>
      <c r="M1184">
        <f t="shared" si="143"/>
        <v>0</v>
      </c>
      <c r="N1184" s="45">
        <f t="shared" si="144"/>
        <v>44974.916666663878</v>
      </c>
    </row>
    <row r="1185" spans="2:14" x14ac:dyDescent="0.25">
      <c r="B1185">
        <f t="shared" si="138"/>
        <v>5</v>
      </c>
      <c r="C1185" s="16">
        <v>1151</v>
      </c>
      <c r="D1185" cm="1">
        <f t="array" ref="D1185">IFERROR(INDEX(Jesper!AH$2:AH$366,ROUNDDOWN($C1185/24,0)+1,1)*INDEX($D$3:$AA$30,INDEX(Jesper!$R$2:$R$366,ROW(INDEX(Jesper!AH$2:AH$366,ROUNDDOWN($C1185/24,0)+1,1))-1)+IF('Standard Profiles'!$G$18=$B$10,7,0)+IF('Standard Profiles'!$G$18=$B$17,14,0)+IF('Standard Profiles'!$G$18=$B$24,21,0),MOD($C1185,24)+1)/SUM(INDEX($D$3:$AA$30,INDEX(Jesper!$R$2:$R$366,ROW(INDEX(Jesper!AH$2:AH$366,ROUNDDOWN($C1185/24,0)+1,1))-1)+IF('Standard Profiles'!$G$18=$B$10,7,0)+IF('Standard Profiles'!$G$18=$B$17,14,0)+IF('Standard Profiles'!$G$18=$B$24,21,0),0)),0)</f>
        <v>5.4750679060148082</v>
      </c>
      <c r="E1185" cm="1">
        <f t="array" ref="E1185">IFERROR(INDEX(Jesper!AI$2:AI$366,ROUNDDOWN($C1185/24,0)+1,1)*INDEX($D$3:$AA$30,INDEX(Jesper!$R$2:$R$366,ROW(INDEX(Jesper!AI$2:AI$366,ROUNDDOWN($C1185/24,0)+1,1))-1)+IF('Standard Profiles'!$G$19=$B$10,7,0)+IF('Standard Profiles'!$G$19=$B$17,14,0)+IF('Standard Profiles'!$G$19=$B$24,21,0),MOD($C1185,24)+1)/SUM(INDEX($D$3:$AA$30,INDEX(Jesper!$R$2:$R$366,ROW(INDEX(Jesper!AI$2:AI$366,ROUNDDOWN($C1185/24,0)+1,1))-1)+IF('Standard Profiles'!$G$19=$B$10,7,0)+IF('Standard Profiles'!$G$19=$B$17,14,0)+IF('Standard Profiles'!$G$19=$B$24,21,0),0)),0)</f>
        <v>5.2223359234645708</v>
      </c>
      <c r="F1185" cm="1">
        <f t="array" ref="F1185">IFERROR(INDEX(Jesper!AJ$2:AJ$366,ROUNDDOWN($C1185/24,0)+1,1)*INDEX($D$3:$AA$30,INDEX(Jesper!$R$2:$R$366,ROW(INDEX(Jesper!AJ$2:AJ$366,ROUNDDOWN($C1185/24,0)+1,1))-1)+IF('Standard Profiles'!$G$20=$B$10,7,0)+IF('Standard Profiles'!$G$20=$B$17,14,0)+IF('Standard Profiles'!$G$20=$B$24,21,0),MOD($C1185,24)+1)/SUM(INDEX($D$3:$AA$30,INDEX(Jesper!$R$2:$R$366,ROW(INDEX(Jesper!AJ$2:AJ$366,ROUNDDOWN($C1185/24,0)+1,1))-1)+IF('Standard Profiles'!$G$20=$B$10,7,0)+IF('Standard Profiles'!$G$20=$B$17,14,0)+IF('Standard Profiles'!$G$20=$B$24,21,0),0)),0)</f>
        <v>0</v>
      </c>
      <c r="G1185" cm="1">
        <f t="array" ref="G1185">IFERROR(INDEX(Jesper!AK$2:AK$366,ROUNDDOWN($C1185/24,0)+1,1)*INDEX($D$3:$AA$30,INDEX(Jesper!$R$2:$R$366,ROW(INDEX(Jesper!AK$2:AK$366,ROUNDDOWN($C1185/24,0)+1,1))-1)+IF('Standard Profiles'!$G$21=$B$10,7,0)+IF('Standard Profiles'!$G$21=$B$17,14,0)+IF('Standard Profiles'!$G$21=$B$24,21,0),MOD($C1185,24)+1)/SUM(INDEX($D$3:$AA$30,INDEX(Jesper!$R$2:$R$366,ROW(INDEX(Jesper!AK$2:AK$366,ROUNDDOWN($C1185/24,0)+1,1))-1)+IF('Standard Profiles'!$G$21=$B$10,7,0)+IF('Standard Profiles'!$G$21=$B$17,14,0)+IF('Standard Profiles'!$G$21=$B$24,21,0),0)),0)</f>
        <v>4.7516964620543654</v>
      </c>
      <c r="H1185" cm="1">
        <f t="array" ref="H1185">IFERROR(INDEX(Jesper!AL$2:AL$366,ROUNDDOWN($C1185/24,0)+1,1)*INDEX($D$3:$AA$30,INDEX(Jesper!$R$2:$R$366,ROW(INDEX(Jesper!AL$2:AL$366,ROUNDDOWN($C1185/24,0)+1,1))-1)+IF('Standard Profiles'!$G$22=$B$10,7,0)+IF('Standard Profiles'!$G$22=$B$17,14,0)+IF('Standard Profiles'!$G$22=$B$24,21,0),MOD($C1185,24)+1)/SUM(INDEX($D$3:$AA$30,INDEX(Jesper!$R$2:$R$366,ROW(INDEX(Jesper!AL$2:AL$366,ROUNDDOWN($C1185/24,0)+1,1))-1)+IF('Standard Profiles'!$G$22=$B$10,7,0)+IF('Standard Profiles'!$G$22=$B$17,14,0)+IF('Standard Profiles'!$G$22=$B$24,21,0),0)),0)</f>
        <v>0</v>
      </c>
      <c r="I1185">
        <f t="shared" si="139"/>
        <v>2.2808143017860942</v>
      </c>
      <c r="J1185">
        <f t="shared" si="140"/>
        <v>12.292275124785281</v>
      </c>
      <c r="K1185">
        <f t="shared" si="141"/>
        <v>0.58400724330824627</v>
      </c>
      <c r="L1185">
        <f t="shared" si="142"/>
        <v>0.29200362165412314</v>
      </c>
      <c r="M1185">
        <f t="shared" si="143"/>
        <v>0</v>
      </c>
      <c r="N1185" s="45">
        <f t="shared" si="144"/>
        <v>44974.958333330542</v>
      </c>
    </row>
    <row r="1186" spans="2:14" x14ac:dyDescent="0.25">
      <c r="B1186">
        <f t="shared" si="138"/>
        <v>6</v>
      </c>
      <c r="C1186" s="16">
        <v>1152</v>
      </c>
      <c r="D1186" cm="1">
        <f t="array" ref="D1186">IFERROR(INDEX(Jesper!AH$2:AH$366,ROUNDDOWN($C1186/24,0)+1,1)*INDEX($D$3:$AA$30,INDEX(Jesper!$R$2:$R$366,ROW(INDEX(Jesper!AH$2:AH$366,ROUNDDOWN($C1186/24,0)+1,1))-1)+IF('Standard Profiles'!$G$18=$B$10,7,0)+IF('Standard Profiles'!$G$18=$B$17,14,0)+IF('Standard Profiles'!$G$18=$B$24,21,0),MOD($C1186,24)+1)/SUM(INDEX($D$3:$AA$30,INDEX(Jesper!$R$2:$R$366,ROW(INDEX(Jesper!AH$2:AH$366,ROUNDDOWN($C1186/24,0)+1,1))-1)+IF('Standard Profiles'!$G$18=$B$10,7,0)+IF('Standard Profiles'!$G$18=$B$17,14,0)+IF('Standard Profiles'!$G$18=$B$24,21,0),0)),0)</f>
        <v>0</v>
      </c>
      <c r="E1186" cm="1">
        <f t="array" ref="E1186">IFERROR(INDEX(Jesper!AI$2:AI$366,ROUNDDOWN($C1186/24,0)+1,1)*INDEX($D$3:$AA$30,INDEX(Jesper!$R$2:$R$366,ROW(INDEX(Jesper!AI$2:AI$366,ROUNDDOWN($C1186/24,0)+1,1))-1)+IF('Standard Profiles'!$G$19=$B$10,7,0)+IF('Standard Profiles'!$G$19=$B$17,14,0)+IF('Standard Profiles'!$G$19=$B$24,21,0),MOD($C1186,24)+1)/SUM(INDEX($D$3:$AA$30,INDEX(Jesper!$R$2:$R$366,ROW(INDEX(Jesper!AI$2:AI$366,ROUNDDOWN($C1186/24,0)+1,1))-1)+IF('Standard Profiles'!$G$19=$B$10,7,0)+IF('Standard Profiles'!$G$19=$B$17,14,0)+IF('Standard Profiles'!$G$19=$B$24,21,0),0)),0)</f>
        <v>3.4171632467643875</v>
      </c>
      <c r="F1186" cm="1">
        <f t="array" ref="F1186">IFERROR(INDEX(Jesper!AJ$2:AJ$366,ROUNDDOWN($C1186/24,0)+1,1)*INDEX($D$3:$AA$30,INDEX(Jesper!$R$2:$R$366,ROW(INDEX(Jesper!AJ$2:AJ$366,ROUNDDOWN($C1186/24,0)+1,1))-1)+IF('Standard Profiles'!$G$20=$B$10,7,0)+IF('Standard Profiles'!$G$20=$B$17,14,0)+IF('Standard Profiles'!$G$20=$B$24,21,0),MOD($C1186,24)+1)/SUM(INDEX($D$3:$AA$30,INDEX(Jesper!$R$2:$R$366,ROW(INDEX(Jesper!AJ$2:AJ$366,ROUNDDOWN($C1186/24,0)+1,1))-1)+IF('Standard Profiles'!$G$20=$B$10,7,0)+IF('Standard Profiles'!$G$20=$B$17,14,0)+IF('Standard Profiles'!$G$20=$B$24,21,0),0)),0)</f>
        <v>2.01233972496855</v>
      </c>
      <c r="G1186" cm="1">
        <f t="array" ref="G1186">IFERROR(INDEX(Jesper!AK$2:AK$366,ROUNDDOWN($C1186/24,0)+1,1)*INDEX($D$3:$AA$30,INDEX(Jesper!$R$2:$R$366,ROW(INDEX(Jesper!AK$2:AK$366,ROUNDDOWN($C1186/24,0)+1,1))-1)+IF('Standard Profiles'!$G$21=$B$10,7,0)+IF('Standard Profiles'!$G$21=$B$17,14,0)+IF('Standard Profiles'!$G$21=$B$24,21,0),MOD($C1186,24)+1)/SUM(INDEX($D$3:$AA$30,INDEX(Jesper!$R$2:$R$366,ROW(INDEX(Jesper!AK$2:AK$366,ROUNDDOWN($C1186/24,0)+1,1))-1)+IF('Standard Profiles'!$G$21=$B$10,7,0)+IF('Standard Profiles'!$G$21=$B$17,14,0)+IF('Standard Profiles'!$G$21=$B$24,21,0),0)),0)</f>
        <v>1.3558573231811994</v>
      </c>
      <c r="H1186" cm="1">
        <f t="array" ref="H1186">IFERROR(INDEX(Jesper!AL$2:AL$366,ROUNDDOWN($C1186/24,0)+1,1)*INDEX($D$3:$AA$30,INDEX(Jesper!$R$2:$R$366,ROW(INDEX(Jesper!AL$2:AL$366,ROUNDDOWN($C1186/24,0)+1,1))-1)+IF('Standard Profiles'!$G$22=$B$10,7,0)+IF('Standard Profiles'!$G$22=$B$17,14,0)+IF('Standard Profiles'!$G$22=$B$24,21,0),MOD($C1186,24)+1)/SUM(INDEX($D$3:$AA$30,INDEX(Jesper!$R$2:$R$366,ROW(INDEX(Jesper!AL$2:AL$366,ROUNDDOWN($C1186/24,0)+1,1))-1)+IF('Standard Profiles'!$G$22=$B$10,7,0)+IF('Standard Profiles'!$G$22=$B$17,14,0)+IF('Standard Profiles'!$G$22=$B$24,21,0),0)),0)</f>
        <v>0.2680535538404123</v>
      </c>
      <c r="I1186">
        <f t="shared" si="139"/>
        <v>0.25733141168679596</v>
      </c>
      <c r="J1186">
        <f t="shared" si="140"/>
        <v>6.3860228474560268</v>
      </c>
      <c r="K1186">
        <f t="shared" si="141"/>
        <v>0.273373059741151</v>
      </c>
      <c r="L1186">
        <f t="shared" si="142"/>
        <v>0.1366865298705755</v>
      </c>
      <c r="M1186">
        <f t="shared" si="143"/>
        <v>0</v>
      </c>
      <c r="N1186" s="45">
        <f t="shared" si="144"/>
        <v>44974.999999997206</v>
      </c>
    </row>
    <row r="1187" spans="2:14" x14ac:dyDescent="0.25">
      <c r="B1187">
        <f t="shared" ref="B1187:B1250" si="145">WEEKDAY(N1187,2)</f>
        <v>6</v>
      </c>
      <c r="C1187" s="16">
        <v>1153</v>
      </c>
      <c r="D1187" cm="1">
        <f t="array" ref="D1187">IFERROR(INDEX(Jesper!AH$2:AH$366,ROUNDDOWN($C1187/24,0)+1,1)*INDEX($D$3:$AA$30,INDEX(Jesper!$R$2:$R$366,ROW(INDEX(Jesper!AH$2:AH$366,ROUNDDOWN($C1187/24,0)+1,1))-1)+IF('Standard Profiles'!$G$18=$B$10,7,0)+IF('Standard Profiles'!$G$18=$B$17,14,0)+IF('Standard Profiles'!$G$18=$B$24,21,0),MOD($C1187,24)+1)/SUM(INDEX($D$3:$AA$30,INDEX(Jesper!$R$2:$R$366,ROW(INDEX(Jesper!AH$2:AH$366,ROUNDDOWN($C1187/24,0)+1,1))-1)+IF('Standard Profiles'!$G$18=$B$10,7,0)+IF('Standard Profiles'!$G$18=$B$17,14,0)+IF('Standard Profiles'!$G$18=$B$24,21,0),0)),0)</f>
        <v>0</v>
      </c>
      <c r="E1187" cm="1">
        <f t="array" ref="E1187">IFERROR(INDEX(Jesper!AI$2:AI$366,ROUNDDOWN($C1187/24,0)+1,1)*INDEX($D$3:$AA$30,INDEX(Jesper!$R$2:$R$366,ROW(INDEX(Jesper!AI$2:AI$366,ROUNDDOWN($C1187/24,0)+1,1))-1)+IF('Standard Profiles'!$G$19=$B$10,7,0)+IF('Standard Profiles'!$G$19=$B$17,14,0)+IF('Standard Profiles'!$G$19=$B$24,21,0),MOD($C1187,24)+1)/SUM(INDEX($D$3:$AA$30,INDEX(Jesper!$R$2:$R$366,ROW(INDEX(Jesper!AI$2:AI$366,ROUNDDOWN($C1187/24,0)+1,1))-1)+IF('Standard Profiles'!$G$19=$B$10,7,0)+IF('Standard Profiles'!$G$19=$B$17,14,0)+IF('Standard Profiles'!$G$19=$B$24,21,0),0)),0)</f>
        <v>3.075446922087949</v>
      </c>
      <c r="F1187" cm="1">
        <f t="array" ref="F1187">IFERROR(INDEX(Jesper!AJ$2:AJ$366,ROUNDDOWN($C1187/24,0)+1,1)*INDEX($D$3:$AA$30,INDEX(Jesper!$R$2:$R$366,ROW(INDEX(Jesper!AJ$2:AJ$366,ROUNDDOWN($C1187/24,0)+1,1))-1)+IF('Standard Profiles'!$G$20=$B$10,7,0)+IF('Standard Profiles'!$G$20=$B$17,14,0)+IF('Standard Profiles'!$G$20=$B$24,21,0),MOD($C1187,24)+1)/SUM(INDEX($D$3:$AA$30,INDEX(Jesper!$R$2:$R$366,ROW(INDEX(Jesper!AJ$2:AJ$366,ROUNDDOWN($C1187/24,0)+1,1))-1)+IF('Standard Profiles'!$G$20=$B$10,7,0)+IF('Standard Profiles'!$G$20=$B$17,14,0)+IF('Standard Profiles'!$G$20=$B$24,21,0),0)),0)</f>
        <v>1.8111057524716947</v>
      </c>
      <c r="G1187" cm="1">
        <f t="array" ref="G1187">IFERROR(INDEX(Jesper!AK$2:AK$366,ROUNDDOWN($C1187/24,0)+1,1)*INDEX($D$3:$AA$30,INDEX(Jesper!$R$2:$R$366,ROW(INDEX(Jesper!AK$2:AK$366,ROUNDDOWN($C1187/24,0)+1,1))-1)+IF('Standard Profiles'!$G$21=$B$10,7,0)+IF('Standard Profiles'!$G$21=$B$17,14,0)+IF('Standard Profiles'!$G$21=$B$24,21,0),MOD($C1187,24)+1)/SUM(INDEX($D$3:$AA$30,INDEX(Jesper!$R$2:$R$366,ROW(INDEX(Jesper!AK$2:AK$366,ROUNDDOWN($C1187/24,0)+1,1))-1)+IF('Standard Profiles'!$G$21=$B$10,7,0)+IF('Standard Profiles'!$G$21=$B$17,14,0)+IF('Standard Profiles'!$G$21=$B$24,21,0),0)),0)</f>
        <v>1.3558573231811994</v>
      </c>
      <c r="H1187" cm="1">
        <f t="array" ref="H1187">IFERROR(INDEX(Jesper!AL$2:AL$366,ROUNDDOWN($C1187/24,0)+1,1)*INDEX($D$3:$AA$30,INDEX(Jesper!$R$2:$R$366,ROW(INDEX(Jesper!AL$2:AL$366,ROUNDDOWN($C1187/24,0)+1,1))-1)+IF('Standard Profiles'!$G$22=$B$10,7,0)+IF('Standard Profiles'!$G$22=$B$17,14,0)+IF('Standard Profiles'!$G$22=$B$24,21,0),MOD($C1187,24)+1)/SUM(INDEX($D$3:$AA$30,INDEX(Jesper!$R$2:$R$366,ROW(INDEX(Jesper!AL$2:AL$366,ROUNDDOWN($C1187/24,0)+1,1))-1)+IF('Standard Profiles'!$G$22=$B$10,7,0)+IF('Standard Profiles'!$G$22=$B$17,14,0)+IF('Standard Profiles'!$G$22=$B$24,21,0),0)),0)</f>
        <v>0.52334265273604319</v>
      </c>
      <c r="I1187">
        <f t="shared" ref="I1187:I1250" si="146">IF($B1187&lt;6,AC$37*$D1187+AC$38*$E1187+AC$39*$F1187+AC$40*$G1187,AC$46*$D1187+AC$47*$E1187+AC$48*$F1187+AC$49*$G1187+AC$50*$H1187)</f>
        <v>0.50240894662660174</v>
      </c>
      <c r="J1187">
        <f t="shared" ref="J1187:J1250" si="147">IF($B1187&lt;6,AD$37*$D1187+AD$38*$E1187+AD$39*$F1187+AD$40*$G1187,AD$46*$D1187+AD$47*$E1187+AD$48*$F1187+AD$49*$G1187+AD$50*$H1187)</f>
        <v>5.8942900731997305</v>
      </c>
      <c r="K1187">
        <f t="shared" ref="K1187:K1250" si="148">IF($B1187&lt;6,AE$37*$D1187+AE$38*$E1187+AE$39*$F1187+AE$40*$G1187,AE$46*$D1187+AE$47*$E1187+AE$48*$F1187+AE$49*$G1187+AE$50*$H1187)</f>
        <v>0.24603575376703593</v>
      </c>
      <c r="L1187">
        <f t="shared" ref="L1187:L1250" si="149">IF($B1187&lt;6,AF$37*$D1187+AF$38*$E1187+AF$39*$F1187+AF$40*$G1187,AF$46*$D1187+AF$47*$E1187+AF$48*$F1187+AF$49*$G1187+AF$50*$H1187)</f>
        <v>0.12301787688351797</v>
      </c>
      <c r="M1187">
        <f t="shared" ref="M1187:M1250" si="150">IF($B1187&lt;6,AG$37*$D1187+AG$38*$E1187+AG$39*$F1187+AG$40*$G1187,AG$46*$D1187+AG$47*$E1187+AG$48*$F1187+AG$49*$G1187+AG$50*$H1187)</f>
        <v>0</v>
      </c>
      <c r="N1187" s="45">
        <f t="shared" si="144"/>
        <v>44975.04166666387</v>
      </c>
    </row>
    <row r="1188" spans="2:14" x14ac:dyDescent="0.25">
      <c r="B1188">
        <f t="shared" si="145"/>
        <v>6</v>
      </c>
      <c r="C1188" s="16">
        <v>1154</v>
      </c>
      <c r="D1188" cm="1">
        <f t="array" ref="D1188">IFERROR(INDEX(Jesper!AH$2:AH$366,ROUNDDOWN($C1188/24,0)+1,1)*INDEX($D$3:$AA$30,INDEX(Jesper!$R$2:$R$366,ROW(INDEX(Jesper!AH$2:AH$366,ROUNDDOWN($C1188/24,0)+1,1))-1)+IF('Standard Profiles'!$G$18=$B$10,7,0)+IF('Standard Profiles'!$G$18=$B$17,14,0)+IF('Standard Profiles'!$G$18=$B$24,21,0),MOD($C1188,24)+1)/SUM(INDEX($D$3:$AA$30,INDEX(Jesper!$R$2:$R$366,ROW(INDEX(Jesper!AH$2:AH$366,ROUNDDOWN($C1188/24,0)+1,1))-1)+IF('Standard Profiles'!$G$18=$B$10,7,0)+IF('Standard Profiles'!$G$18=$B$17,14,0)+IF('Standard Profiles'!$G$18=$B$24,21,0),0)),0)</f>
        <v>0</v>
      </c>
      <c r="E1188" cm="1">
        <f t="array" ref="E1188">IFERROR(INDEX(Jesper!AI$2:AI$366,ROUNDDOWN($C1188/24,0)+1,1)*INDEX($D$3:$AA$30,INDEX(Jesper!$R$2:$R$366,ROW(INDEX(Jesper!AI$2:AI$366,ROUNDDOWN($C1188/24,0)+1,1))-1)+IF('Standard Profiles'!$G$19=$B$10,7,0)+IF('Standard Profiles'!$G$19=$B$17,14,0)+IF('Standard Profiles'!$G$19=$B$24,21,0),MOD($C1188,24)+1)/SUM(INDEX($D$3:$AA$30,INDEX(Jesper!$R$2:$R$366,ROW(INDEX(Jesper!AI$2:AI$366,ROUNDDOWN($C1188/24,0)+1,1))-1)+IF('Standard Profiles'!$G$19=$B$10,7,0)+IF('Standard Profiles'!$G$19=$B$17,14,0)+IF('Standard Profiles'!$G$19=$B$24,21,0),0)),0)</f>
        <v>3.075446922087949</v>
      </c>
      <c r="F1188" cm="1">
        <f t="array" ref="F1188">IFERROR(INDEX(Jesper!AJ$2:AJ$366,ROUNDDOWN($C1188/24,0)+1,1)*INDEX($D$3:$AA$30,INDEX(Jesper!$R$2:$R$366,ROW(INDEX(Jesper!AJ$2:AJ$366,ROUNDDOWN($C1188/24,0)+1,1))-1)+IF('Standard Profiles'!$G$20=$B$10,7,0)+IF('Standard Profiles'!$G$20=$B$17,14,0)+IF('Standard Profiles'!$G$20=$B$24,21,0),MOD($C1188,24)+1)/SUM(INDEX($D$3:$AA$30,INDEX(Jesper!$R$2:$R$366,ROW(INDEX(Jesper!AJ$2:AJ$366,ROUNDDOWN($C1188/24,0)+1,1))-1)+IF('Standard Profiles'!$G$20=$B$10,7,0)+IF('Standard Profiles'!$G$20=$B$17,14,0)+IF('Standard Profiles'!$G$20=$B$24,21,0),0)),0)</f>
        <v>1.8111057524716947</v>
      </c>
      <c r="G1188" cm="1">
        <f t="array" ref="G1188">IFERROR(INDEX(Jesper!AK$2:AK$366,ROUNDDOWN($C1188/24,0)+1,1)*INDEX($D$3:$AA$30,INDEX(Jesper!$R$2:$R$366,ROW(INDEX(Jesper!AK$2:AK$366,ROUNDDOWN($C1188/24,0)+1,1))-1)+IF('Standard Profiles'!$G$21=$B$10,7,0)+IF('Standard Profiles'!$G$21=$B$17,14,0)+IF('Standard Profiles'!$G$21=$B$24,21,0),MOD($C1188,24)+1)/SUM(INDEX($D$3:$AA$30,INDEX(Jesper!$R$2:$R$366,ROW(INDEX(Jesper!AK$2:AK$366,ROUNDDOWN($C1188/24,0)+1,1))-1)+IF('Standard Profiles'!$G$21=$B$10,7,0)+IF('Standard Profiles'!$G$21=$B$17,14,0)+IF('Standard Profiles'!$G$21=$B$24,21,0),0)),0)</f>
        <v>1.3558573231811994</v>
      </c>
      <c r="H1188" cm="1">
        <f t="array" ref="H1188">IFERROR(INDEX(Jesper!AL$2:AL$366,ROUNDDOWN($C1188/24,0)+1,1)*INDEX($D$3:$AA$30,INDEX(Jesper!$R$2:$R$366,ROW(INDEX(Jesper!AL$2:AL$366,ROUNDDOWN($C1188/24,0)+1,1))-1)+IF('Standard Profiles'!$G$22=$B$10,7,0)+IF('Standard Profiles'!$G$22=$B$17,14,0)+IF('Standard Profiles'!$G$22=$B$24,21,0),MOD($C1188,24)+1)/SUM(INDEX($D$3:$AA$30,INDEX(Jesper!$R$2:$R$366,ROW(INDEX(Jesper!AL$2:AL$366,ROUNDDOWN($C1188/24,0)+1,1))-1)+IF('Standard Profiles'!$G$22=$B$10,7,0)+IF('Standard Profiles'!$G$22=$B$17,14,0)+IF('Standard Profiles'!$G$22=$B$24,21,0),0)),0)</f>
        <v>0.52334265273604319</v>
      </c>
      <c r="I1188">
        <f t="shared" si="146"/>
        <v>0.50240894662660174</v>
      </c>
      <c r="J1188">
        <f t="shared" si="147"/>
        <v>5.8942900731997305</v>
      </c>
      <c r="K1188">
        <f t="shared" si="148"/>
        <v>0.24603575376703593</v>
      </c>
      <c r="L1188">
        <f t="shared" si="149"/>
        <v>0.12301787688351797</v>
      </c>
      <c r="M1188">
        <f t="shared" si="150"/>
        <v>0</v>
      </c>
      <c r="N1188" s="45">
        <f t="shared" ref="N1188:N1251" si="151">N1187+1/24</f>
        <v>44975.083333330535</v>
      </c>
    </row>
    <row r="1189" spans="2:14" x14ac:dyDescent="0.25">
      <c r="B1189">
        <f t="shared" si="145"/>
        <v>6</v>
      </c>
      <c r="C1189" s="16">
        <v>1155</v>
      </c>
      <c r="D1189" cm="1">
        <f t="array" ref="D1189">IFERROR(INDEX(Jesper!AH$2:AH$366,ROUNDDOWN($C1189/24,0)+1,1)*INDEX($D$3:$AA$30,INDEX(Jesper!$R$2:$R$366,ROW(INDEX(Jesper!AH$2:AH$366,ROUNDDOWN($C1189/24,0)+1,1))-1)+IF('Standard Profiles'!$G$18=$B$10,7,0)+IF('Standard Profiles'!$G$18=$B$17,14,0)+IF('Standard Profiles'!$G$18=$B$24,21,0),MOD($C1189,24)+1)/SUM(INDEX($D$3:$AA$30,INDEX(Jesper!$R$2:$R$366,ROW(INDEX(Jesper!AH$2:AH$366,ROUNDDOWN($C1189/24,0)+1,1))-1)+IF('Standard Profiles'!$G$18=$B$10,7,0)+IF('Standard Profiles'!$G$18=$B$17,14,0)+IF('Standard Profiles'!$G$18=$B$24,21,0),0)),0)</f>
        <v>0</v>
      </c>
      <c r="E1189" cm="1">
        <f t="array" ref="E1189">IFERROR(INDEX(Jesper!AI$2:AI$366,ROUNDDOWN($C1189/24,0)+1,1)*INDEX($D$3:$AA$30,INDEX(Jesper!$R$2:$R$366,ROW(INDEX(Jesper!AI$2:AI$366,ROUNDDOWN($C1189/24,0)+1,1))-1)+IF('Standard Profiles'!$G$19=$B$10,7,0)+IF('Standard Profiles'!$G$19=$B$17,14,0)+IF('Standard Profiles'!$G$19=$B$24,21,0),MOD($C1189,24)+1)/SUM(INDEX($D$3:$AA$30,INDEX(Jesper!$R$2:$R$366,ROW(INDEX(Jesper!AI$2:AI$366,ROUNDDOWN($C1189/24,0)+1,1))-1)+IF('Standard Profiles'!$G$19=$B$10,7,0)+IF('Standard Profiles'!$G$19=$B$17,14,0)+IF('Standard Profiles'!$G$19=$B$24,21,0),0)),0)</f>
        <v>3.075446922087949</v>
      </c>
      <c r="F1189" cm="1">
        <f t="array" ref="F1189">IFERROR(INDEX(Jesper!AJ$2:AJ$366,ROUNDDOWN($C1189/24,0)+1,1)*INDEX($D$3:$AA$30,INDEX(Jesper!$R$2:$R$366,ROW(INDEX(Jesper!AJ$2:AJ$366,ROUNDDOWN($C1189/24,0)+1,1))-1)+IF('Standard Profiles'!$G$20=$B$10,7,0)+IF('Standard Profiles'!$G$20=$B$17,14,0)+IF('Standard Profiles'!$G$20=$B$24,21,0),MOD($C1189,24)+1)/SUM(INDEX($D$3:$AA$30,INDEX(Jesper!$R$2:$R$366,ROW(INDEX(Jesper!AJ$2:AJ$366,ROUNDDOWN($C1189/24,0)+1,1))-1)+IF('Standard Profiles'!$G$20=$B$10,7,0)+IF('Standard Profiles'!$G$20=$B$17,14,0)+IF('Standard Profiles'!$G$20=$B$24,21,0),0)),0)</f>
        <v>1.8111057524716947</v>
      </c>
      <c r="G1189" cm="1">
        <f t="array" ref="G1189">IFERROR(INDEX(Jesper!AK$2:AK$366,ROUNDDOWN($C1189/24,0)+1,1)*INDEX($D$3:$AA$30,INDEX(Jesper!$R$2:$R$366,ROW(INDEX(Jesper!AK$2:AK$366,ROUNDDOWN($C1189/24,0)+1,1))-1)+IF('Standard Profiles'!$G$21=$B$10,7,0)+IF('Standard Profiles'!$G$21=$B$17,14,0)+IF('Standard Profiles'!$G$21=$B$24,21,0),MOD($C1189,24)+1)/SUM(INDEX($D$3:$AA$30,INDEX(Jesper!$R$2:$R$366,ROW(INDEX(Jesper!AK$2:AK$366,ROUNDDOWN($C1189/24,0)+1,1))-1)+IF('Standard Profiles'!$G$21=$B$10,7,0)+IF('Standard Profiles'!$G$21=$B$17,14,0)+IF('Standard Profiles'!$G$21=$B$24,21,0),0)),0)</f>
        <v>1.3558573231811994</v>
      </c>
      <c r="H1189" cm="1">
        <f t="array" ref="H1189">IFERROR(INDEX(Jesper!AL$2:AL$366,ROUNDDOWN($C1189/24,0)+1,1)*INDEX($D$3:$AA$30,INDEX(Jesper!$R$2:$R$366,ROW(INDEX(Jesper!AL$2:AL$366,ROUNDDOWN($C1189/24,0)+1,1))-1)+IF('Standard Profiles'!$G$22=$B$10,7,0)+IF('Standard Profiles'!$G$22=$B$17,14,0)+IF('Standard Profiles'!$G$22=$B$24,21,0),MOD($C1189,24)+1)/SUM(INDEX($D$3:$AA$30,INDEX(Jesper!$R$2:$R$366,ROW(INDEX(Jesper!AL$2:AL$366,ROUNDDOWN($C1189/24,0)+1,1))-1)+IF('Standard Profiles'!$G$22=$B$10,7,0)+IF('Standard Profiles'!$G$22=$B$17,14,0)+IF('Standard Profiles'!$G$22=$B$24,21,0),0)),0)</f>
        <v>0.52334265273604319</v>
      </c>
      <c r="I1189">
        <f t="shared" si="146"/>
        <v>0.50240894662660174</v>
      </c>
      <c r="J1189">
        <f t="shared" si="147"/>
        <v>5.8942900731997305</v>
      </c>
      <c r="K1189">
        <f t="shared" si="148"/>
        <v>0.24603575376703593</v>
      </c>
      <c r="L1189">
        <f t="shared" si="149"/>
        <v>0.12301787688351797</v>
      </c>
      <c r="M1189">
        <f t="shared" si="150"/>
        <v>0</v>
      </c>
      <c r="N1189" s="45">
        <f t="shared" si="151"/>
        <v>44975.124999997199</v>
      </c>
    </row>
    <row r="1190" spans="2:14" x14ac:dyDescent="0.25">
      <c r="B1190">
        <f t="shared" si="145"/>
        <v>6</v>
      </c>
      <c r="C1190" s="16">
        <v>1156</v>
      </c>
      <c r="D1190" cm="1">
        <f t="array" ref="D1190">IFERROR(INDEX(Jesper!AH$2:AH$366,ROUNDDOWN($C1190/24,0)+1,1)*INDEX($D$3:$AA$30,INDEX(Jesper!$R$2:$R$366,ROW(INDEX(Jesper!AH$2:AH$366,ROUNDDOWN($C1190/24,0)+1,1))-1)+IF('Standard Profiles'!$G$18=$B$10,7,0)+IF('Standard Profiles'!$G$18=$B$17,14,0)+IF('Standard Profiles'!$G$18=$B$24,21,0),MOD($C1190,24)+1)/SUM(INDEX($D$3:$AA$30,INDEX(Jesper!$R$2:$R$366,ROW(INDEX(Jesper!AH$2:AH$366,ROUNDDOWN($C1190/24,0)+1,1))-1)+IF('Standard Profiles'!$G$18=$B$10,7,0)+IF('Standard Profiles'!$G$18=$B$17,14,0)+IF('Standard Profiles'!$G$18=$B$24,21,0),0)),0)</f>
        <v>0</v>
      </c>
      <c r="E1190" cm="1">
        <f t="array" ref="E1190">IFERROR(INDEX(Jesper!AI$2:AI$366,ROUNDDOWN($C1190/24,0)+1,1)*INDEX($D$3:$AA$30,INDEX(Jesper!$R$2:$R$366,ROW(INDEX(Jesper!AI$2:AI$366,ROUNDDOWN($C1190/24,0)+1,1))-1)+IF('Standard Profiles'!$G$19=$B$10,7,0)+IF('Standard Profiles'!$G$19=$B$17,14,0)+IF('Standard Profiles'!$G$19=$B$24,21,0),MOD($C1190,24)+1)/SUM(INDEX($D$3:$AA$30,INDEX(Jesper!$R$2:$R$366,ROW(INDEX(Jesper!AI$2:AI$366,ROUNDDOWN($C1190/24,0)+1,1))-1)+IF('Standard Profiles'!$G$19=$B$10,7,0)+IF('Standard Profiles'!$G$19=$B$17,14,0)+IF('Standard Profiles'!$G$19=$B$24,21,0),0)),0)</f>
        <v>3.075446922087949</v>
      </c>
      <c r="F1190" cm="1">
        <f t="array" ref="F1190">IFERROR(INDEX(Jesper!AJ$2:AJ$366,ROUNDDOWN($C1190/24,0)+1,1)*INDEX($D$3:$AA$30,INDEX(Jesper!$R$2:$R$366,ROW(INDEX(Jesper!AJ$2:AJ$366,ROUNDDOWN($C1190/24,0)+1,1))-1)+IF('Standard Profiles'!$G$20=$B$10,7,0)+IF('Standard Profiles'!$G$20=$B$17,14,0)+IF('Standard Profiles'!$G$20=$B$24,21,0),MOD($C1190,24)+1)/SUM(INDEX($D$3:$AA$30,INDEX(Jesper!$R$2:$R$366,ROW(INDEX(Jesper!AJ$2:AJ$366,ROUNDDOWN($C1190/24,0)+1,1))-1)+IF('Standard Profiles'!$G$20=$B$10,7,0)+IF('Standard Profiles'!$G$20=$B$17,14,0)+IF('Standard Profiles'!$G$20=$B$24,21,0),0)),0)</f>
        <v>1.8111057524716947</v>
      </c>
      <c r="G1190" cm="1">
        <f t="array" ref="G1190">IFERROR(INDEX(Jesper!AK$2:AK$366,ROUNDDOWN($C1190/24,0)+1,1)*INDEX($D$3:$AA$30,INDEX(Jesper!$R$2:$R$366,ROW(INDEX(Jesper!AK$2:AK$366,ROUNDDOWN($C1190/24,0)+1,1))-1)+IF('Standard Profiles'!$G$21=$B$10,7,0)+IF('Standard Profiles'!$G$21=$B$17,14,0)+IF('Standard Profiles'!$G$21=$B$24,21,0),MOD($C1190,24)+1)/SUM(INDEX($D$3:$AA$30,INDEX(Jesper!$R$2:$R$366,ROW(INDEX(Jesper!AK$2:AK$366,ROUNDDOWN($C1190/24,0)+1,1))-1)+IF('Standard Profiles'!$G$21=$B$10,7,0)+IF('Standard Profiles'!$G$21=$B$17,14,0)+IF('Standard Profiles'!$G$21=$B$24,21,0),0)),0)</f>
        <v>1.3558573231811994</v>
      </c>
      <c r="H1190" cm="1">
        <f t="array" ref="H1190">IFERROR(INDEX(Jesper!AL$2:AL$366,ROUNDDOWN($C1190/24,0)+1,1)*INDEX($D$3:$AA$30,INDEX(Jesper!$R$2:$R$366,ROW(INDEX(Jesper!AL$2:AL$366,ROUNDDOWN($C1190/24,0)+1,1))-1)+IF('Standard Profiles'!$G$22=$B$10,7,0)+IF('Standard Profiles'!$G$22=$B$17,14,0)+IF('Standard Profiles'!$G$22=$B$24,21,0),MOD($C1190,24)+1)/SUM(INDEX($D$3:$AA$30,INDEX(Jesper!$R$2:$R$366,ROW(INDEX(Jesper!AL$2:AL$366,ROUNDDOWN($C1190/24,0)+1,1))-1)+IF('Standard Profiles'!$G$22=$B$10,7,0)+IF('Standard Profiles'!$G$22=$B$17,14,0)+IF('Standard Profiles'!$G$22=$B$24,21,0),0)),0)</f>
        <v>0.52334265273604319</v>
      </c>
      <c r="I1190">
        <f t="shared" si="146"/>
        <v>0.50240894662660174</v>
      </c>
      <c r="J1190">
        <f t="shared" si="147"/>
        <v>5.8942900731997305</v>
      </c>
      <c r="K1190">
        <f t="shared" si="148"/>
        <v>0.24603575376703593</v>
      </c>
      <c r="L1190">
        <f t="shared" si="149"/>
        <v>0.12301787688351797</v>
      </c>
      <c r="M1190">
        <f t="shared" si="150"/>
        <v>0</v>
      </c>
      <c r="N1190" s="45">
        <f t="shared" si="151"/>
        <v>44975.166666663863</v>
      </c>
    </row>
    <row r="1191" spans="2:14" x14ac:dyDescent="0.25">
      <c r="B1191">
        <f t="shared" si="145"/>
        <v>6</v>
      </c>
      <c r="C1191" s="16">
        <v>1157</v>
      </c>
      <c r="D1191" cm="1">
        <f t="array" ref="D1191">IFERROR(INDEX(Jesper!AH$2:AH$366,ROUNDDOWN($C1191/24,0)+1,1)*INDEX($D$3:$AA$30,INDEX(Jesper!$R$2:$R$366,ROW(INDEX(Jesper!AH$2:AH$366,ROUNDDOWN($C1191/24,0)+1,1))-1)+IF('Standard Profiles'!$G$18=$B$10,7,0)+IF('Standard Profiles'!$G$18=$B$17,14,0)+IF('Standard Profiles'!$G$18=$B$24,21,0),MOD($C1191,24)+1)/SUM(INDEX($D$3:$AA$30,INDEX(Jesper!$R$2:$R$366,ROW(INDEX(Jesper!AH$2:AH$366,ROUNDDOWN($C1191/24,0)+1,1))-1)+IF('Standard Profiles'!$G$18=$B$10,7,0)+IF('Standard Profiles'!$G$18=$B$17,14,0)+IF('Standard Profiles'!$G$18=$B$24,21,0),0)),0)</f>
        <v>0</v>
      </c>
      <c r="E1191" cm="1">
        <f t="array" ref="E1191">IFERROR(INDEX(Jesper!AI$2:AI$366,ROUNDDOWN($C1191/24,0)+1,1)*INDEX($D$3:$AA$30,INDEX(Jesper!$R$2:$R$366,ROW(INDEX(Jesper!AI$2:AI$366,ROUNDDOWN($C1191/24,0)+1,1))-1)+IF('Standard Profiles'!$G$19=$B$10,7,0)+IF('Standard Profiles'!$G$19=$B$17,14,0)+IF('Standard Profiles'!$G$19=$B$24,21,0),MOD($C1191,24)+1)/SUM(INDEX($D$3:$AA$30,INDEX(Jesper!$R$2:$R$366,ROW(INDEX(Jesper!AI$2:AI$366,ROUNDDOWN($C1191/24,0)+1,1))-1)+IF('Standard Profiles'!$G$19=$B$10,7,0)+IF('Standard Profiles'!$G$19=$B$17,14,0)+IF('Standard Profiles'!$G$19=$B$24,21,0),0)),0)</f>
        <v>3.075446922087949</v>
      </c>
      <c r="F1191" cm="1">
        <f t="array" ref="F1191">IFERROR(INDEX(Jesper!AJ$2:AJ$366,ROUNDDOWN($C1191/24,0)+1,1)*INDEX($D$3:$AA$30,INDEX(Jesper!$R$2:$R$366,ROW(INDEX(Jesper!AJ$2:AJ$366,ROUNDDOWN($C1191/24,0)+1,1))-1)+IF('Standard Profiles'!$G$20=$B$10,7,0)+IF('Standard Profiles'!$G$20=$B$17,14,0)+IF('Standard Profiles'!$G$20=$B$24,21,0),MOD($C1191,24)+1)/SUM(INDEX($D$3:$AA$30,INDEX(Jesper!$R$2:$R$366,ROW(INDEX(Jesper!AJ$2:AJ$366,ROUNDDOWN($C1191/24,0)+1,1))-1)+IF('Standard Profiles'!$G$20=$B$10,7,0)+IF('Standard Profiles'!$G$20=$B$17,14,0)+IF('Standard Profiles'!$G$20=$B$24,21,0),0)),0)</f>
        <v>1.8111057524716947</v>
      </c>
      <c r="G1191" cm="1">
        <f t="array" ref="G1191">IFERROR(INDEX(Jesper!AK$2:AK$366,ROUNDDOWN($C1191/24,0)+1,1)*INDEX($D$3:$AA$30,INDEX(Jesper!$R$2:$R$366,ROW(INDEX(Jesper!AK$2:AK$366,ROUNDDOWN($C1191/24,0)+1,1))-1)+IF('Standard Profiles'!$G$21=$B$10,7,0)+IF('Standard Profiles'!$G$21=$B$17,14,0)+IF('Standard Profiles'!$G$21=$B$24,21,0),MOD($C1191,24)+1)/SUM(INDEX($D$3:$AA$30,INDEX(Jesper!$R$2:$R$366,ROW(INDEX(Jesper!AK$2:AK$366,ROUNDDOWN($C1191/24,0)+1,1))-1)+IF('Standard Profiles'!$G$21=$B$10,7,0)+IF('Standard Profiles'!$G$21=$B$17,14,0)+IF('Standard Profiles'!$G$21=$B$24,21,0),0)),0)</f>
        <v>1.3558573231811994</v>
      </c>
      <c r="H1191" cm="1">
        <f t="array" ref="H1191">IFERROR(INDEX(Jesper!AL$2:AL$366,ROUNDDOWN($C1191/24,0)+1,1)*INDEX($D$3:$AA$30,INDEX(Jesper!$R$2:$R$366,ROW(INDEX(Jesper!AL$2:AL$366,ROUNDDOWN($C1191/24,0)+1,1))-1)+IF('Standard Profiles'!$G$22=$B$10,7,0)+IF('Standard Profiles'!$G$22=$B$17,14,0)+IF('Standard Profiles'!$G$22=$B$24,21,0),MOD($C1191,24)+1)/SUM(INDEX($D$3:$AA$30,INDEX(Jesper!$R$2:$R$366,ROW(INDEX(Jesper!AL$2:AL$366,ROUNDDOWN($C1191/24,0)+1,1))-1)+IF('Standard Profiles'!$G$22=$B$10,7,0)+IF('Standard Profiles'!$G$22=$B$17,14,0)+IF('Standard Profiles'!$G$22=$B$24,21,0),0)),0)</f>
        <v>0.65098720218385853</v>
      </c>
      <c r="I1191">
        <f t="shared" si="146"/>
        <v>0.62494771409650451</v>
      </c>
      <c r="J1191">
        <f t="shared" si="147"/>
        <v>5.8993958551776426</v>
      </c>
      <c r="K1191">
        <f t="shared" si="148"/>
        <v>0.24603575376703593</v>
      </c>
      <c r="L1191">
        <f t="shared" si="149"/>
        <v>0.12301787688351797</v>
      </c>
      <c r="M1191">
        <f t="shared" si="150"/>
        <v>0</v>
      </c>
      <c r="N1191" s="45">
        <f t="shared" si="151"/>
        <v>44975.208333330527</v>
      </c>
    </row>
    <row r="1192" spans="2:14" x14ac:dyDescent="0.25">
      <c r="B1192">
        <f t="shared" si="145"/>
        <v>6</v>
      </c>
      <c r="C1192" s="16">
        <v>1158</v>
      </c>
      <c r="D1192" cm="1">
        <f t="array" ref="D1192">IFERROR(INDEX(Jesper!AH$2:AH$366,ROUNDDOWN($C1192/24,0)+1,1)*INDEX($D$3:$AA$30,INDEX(Jesper!$R$2:$R$366,ROW(INDEX(Jesper!AH$2:AH$366,ROUNDDOWN($C1192/24,0)+1,1))-1)+IF('Standard Profiles'!$G$18=$B$10,7,0)+IF('Standard Profiles'!$G$18=$B$17,14,0)+IF('Standard Profiles'!$G$18=$B$24,21,0),MOD($C1192,24)+1)/SUM(INDEX($D$3:$AA$30,INDEX(Jesper!$R$2:$R$366,ROW(INDEX(Jesper!AH$2:AH$366,ROUNDDOWN($C1192/24,0)+1,1))-1)+IF('Standard Profiles'!$G$18=$B$10,7,0)+IF('Standard Profiles'!$G$18=$B$17,14,0)+IF('Standard Profiles'!$G$18=$B$24,21,0),0)),0)</f>
        <v>0</v>
      </c>
      <c r="E1192" cm="1">
        <f t="array" ref="E1192">IFERROR(INDEX(Jesper!AI$2:AI$366,ROUNDDOWN($C1192/24,0)+1,1)*INDEX($D$3:$AA$30,INDEX(Jesper!$R$2:$R$366,ROW(INDEX(Jesper!AI$2:AI$366,ROUNDDOWN($C1192/24,0)+1,1))-1)+IF('Standard Profiles'!$G$19=$B$10,7,0)+IF('Standard Profiles'!$G$19=$B$17,14,0)+IF('Standard Profiles'!$G$19=$B$24,21,0),MOD($C1192,24)+1)/SUM(INDEX($D$3:$AA$30,INDEX(Jesper!$R$2:$R$366,ROW(INDEX(Jesper!AI$2:AI$366,ROUNDDOWN($C1192/24,0)+1,1))-1)+IF('Standard Profiles'!$G$19=$B$10,7,0)+IF('Standard Profiles'!$G$19=$B$17,14,0)+IF('Standard Profiles'!$G$19=$B$24,21,0),0)),0)</f>
        <v>3.075446922087949</v>
      </c>
      <c r="F1192" cm="1">
        <f t="array" ref="F1192">IFERROR(INDEX(Jesper!AJ$2:AJ$366,ROUNDDOWN($C1192/24,0)+1,1)*INDEX($D$3:$AA$30,INDEX(Jesper!$R$2:$R$366,ROW(INDEX(Jesper!AJ$2:AJ$366,ROUNDDOWN($C1192/24,0)+1,1))-1)+IF('Standard Profiles'!$G$20=$B$10,7,0)+IF('Standard Profiles'!$G$20=$B$17,14,0)+IF('Standard Profiles'!$G$20=$B$24,21,0),MOD($C1192,24)+1)/SUM(INDEX($D$3:$AA$30,INDEX(Jesper!$R$2:$R$366,ROW(INDEX(Jesper!AJ$2:AJ$366,ROUNDDOWN($C1192/24,0)+1,1))-1)+IF('Standard Profiles'!$G$20=$B$10,7,0)+IF('Standard Profiles'!$G$20=$B$17,14,0)+IF('Standard Profiles'!$G$20=$B$24,21,0),0)),0)</f>
        <v>1.8111057524716947</v>
      </c>
      <c r="G1192" cm="1">
        <f t="array" ref="G1192">IFERROR(INDEX(Jesper!AK$2:AK$366,ROUNDDOWN($C1192/24,0)+1,1)*INDEX($D$3:$AA$30,INDEX(Jesper!$R$2:$R$366,ROW(INDEX(Jesper!AK$2:AK$366,ROUNDDOWN($C1192/24,0)+1,1))-1)+IF('Standard Profiles'!$G$21=$B$10,7,0)+IF('Standard Profiles'!$G$21=$B$17,14,0)+IF('Standard Profiles'!$G$21=$B$24,21,0),MOD($C1192,24)+1)/SUM(INDEX($D$3:$AA$30,INDEX(Jesper!$R$2:$R$366,ROW(INDEX(Jesper!AK$2:AK$366,ROUNDDOWN($C1192/24,0)+1,1))-1)+IF('Standard Profiles'!$G$21=$B$10,7,0)+IF('Standard Profiles'!$G$21=$B$17,14,0)+IF('Standard Profiles'!$G$21=$B$24,21,0),0)),0)</f>
        <v>1.3558573231811994</v>
      </c>
      <c r="H1192" cm="1">
        <f t="array" ref="H1192">IFERROR(INDEX(Jesper!AL$2:AL$366,ROUNDDOWN($C1192/24,0)+1,1)*INDEX($D$3:$AA$30,INDEX(Jesper!$R$2:$R$366,ROW(INDEX(Jesper!AL$2:AL$366,ROUNDDOWN($C1192/24,0)+1,1))-1)+IF('Standard Profiles'!$G$22=$B$10,7,0)+IF('Standard Profiles'!$G$22=$B$17,14,0)+IF('Standard Profiles'!$G$22=$B$24,21,0),MOD($C1192,24)+1)/SUM(INDEX($D$3:$AA$30,INDEX(Jesper!$R$2:$R$366,ROW(INDEX(Jesper!AL$2:AL$366,ROUNDDOWN($C1192/24,0)+1,1))-1)+IF('Standard Profiles'!$G$22=$B$10,7,0)+IF('Standard Profiles'!$G$22=$B$17,14,0)+IF('Standard Profiles'!$G$22=$B$24,21,0),0)),0)</f>
        <v>0.81692511646601862</v>
      </c>
      <c r="I1192">
        <f t="shared" si="146"/>
        <v>0.7842481118073783</v>
      </c>
      <c r="J1192">
        <f t="shared" si="147"/>
        <v>5.9060333717489293</v>
      </c>
      <c r="K1192">
        <f t="shared" si="148"/>
        <v>0.24603575376703593</v>
      </c>
      <c r="L1192">
        <f t="shared" si="149"/>
        <v>0.12301787688351797</v>
      </c>
      <c r="M1192">
        <f t="shared" si="150"/>
        <v>0</v>
      </c>
      <c r="N1192" s="45">
        <f t="shared" si="151"/>
        <v>44975.249999997191</v>
      </c>
    </row>
    <row r="1193" spans="2:14" x14ac:dyDescent="0.25">
      <c r="B1193">
        <f t="shared" si="145"/>
        <v>6</v>
      </c>
      <c r="C1193" s="16">
        <v>1159</v>
      </c>
      <c r="D1193" cm="1">
        <f t="array" ref="D1193">IFERROR(INDEX(Jesper!AH$2:AH$366,ROUNDDOWN($C1193/24,0)+1,1)*INDEX($D$3:$AA$30,INDEX(Jesper!$R$2:$R$366,ROW(INDEX(Jesper!AH$2:AH$366,ROUNDDOWN($C1193/24,0)+1,1))-1)+IF('Standard Profiles'!$G$18=$B$10,7,0)+IF('Standard Profiles'!$G$18=$B$17,14,0)+IF('Standard Profiles'!$G$18=$B$24,21,0),MOD($C1193,24)+1)/SUM(INDEX($D$3:$AA$30,INDEX(Jesper!$R$2:$R$366,ROW(INDEX(Jesper!AH$2:AH$366,ROUNDDOWN($C1193/24,0)+1,1))-1)+IF('Standard Profiles'!$G$18=$B$10,7,0)+IF('Standard Profiles'!$G$18=$B$17,14,0)+IF('Standard Profiles'!$G$18=$B$24,21,0),0)),0)</f>
        <v>0</v>
      </c>
      <c r="E1193" cm="1">
        <f t="array" ref="E1193">IFERROR(INDEX(Jesper!AI$2:AI$366,ROUNDDOWN($C1193/24,0)+1,1)*INDEX($D$3:$AA$30,INDEX(Jesper!$R$2:$R$366,ROW(INDEX(Jesper!AI$2:AI$366,ROUNDDOWN($C1193/24,0)+1,1))-1)+IF('Standard Profiles'!$G$19=$B$10,7,0)+IF('Standard Profiles'!$G$19=$B$17,14,0)+IF('Standard Profiles'!$G$19=$B$24,21,0),MOD($C1193,24)+1)/SUM(INDEX($D$3:$AA$30,INDEX(Jesper!$R$2:$R$366,ROW(INDEX(Jesper!AI$2:AI$366,ROUNDDOWN($C1193/24,0)+1,1))-1)+IF('Standard Profiles'!$G$19=$B$10,7,0)+IF('Standard Profiles'!$G$19=$B$17,14,0)+IF('Standard Profiles'!$G$19=$B$24,21,0),0)),0)</f>
        <v>3.075446922087949</v>
      </c>
      <c r="F1193" cm="1">
        <f t="array" ref="F1193">IFERROR(INDEX(Jesper!AJ$2:AJ$366,ROUNDDOWN($C1193/24,0)+1,1)*INDEX($D$3:$AA$30,INDEX(Jesper!$R$2:$R$366,ROW(INDEX(Jesper!AJ$2:AJ$366,ROUNDDOWN($C1193/24,0)+1,1))-1)+IF('Standard Profiles'!$G$20=$B$10,7,0)+IF('Standard Profiles'!$G$20=$B$17,14,0)+IF('Standard Profiles'!$G$20=$B$24,21,0),MOD($C1193,24)+1)/SUM(INDEX($D$3:$AA$30,INDEX(Jesper!$R$2:$R$366,ROW(INDEX(Jesper!AJ$2:AJ$366,ROUNDDOWN($C1193/24,0)+1,1))-1)+IF('Standard Profiles'!$G$20=$B$10,7,0)+IF('Standard Profiles'!$G$20=$B$17,14,0)+IF('Standard Profiles'!$G$20=$B$24,21,0),0)),0)</f>
        <v>1.8111057524716947</v>
      </c>
      <c r="G1193" cm="1">
        <f t="array" ref="G1193">IFERROR(INDEX(Jesper!AK$2:AK$366,ROUNDDOWN($C1193/24,0)+1,1)*INDEX($D$3:$AA$30,INDEX(Jesper!$R$2:$R$366,ROW(INDEX(Jesper!AK$2:AK$366,ROUNDDOWN($C1193/24,0)+1,1))-1)+IF('Standard Profiles'!$G$21=$B$10,7,0)+IF('Standard Profiles'!$G$21=$B$17,14,0)+IF('Standard Profiles'!$G$21=$B$24,21,0),MOD($C1193,24)+1)/SUM(INDEX($D$3:$AA$30,INDEX(Jesper!$R$2:$R$366,ROW(INDEX(Jesper!AK$2:AK$366,ROUNDDOWN($C1193/24,0)+1,1))-1)+IF('Standard Profiles'!$G$21=$B$10,7,0)+IF('Standard Profiles'!$G$21=$B$17,14,0)+IF('Standard Profiles'!$G$21=$B$24,21,0),0)),0)</f>
        <v>1.3558573231811994</v>
      </c>
      <c r="H1193" cm="1">
        <f t="array" ref="H1193">IFERROR(INDEX(Jesper!AL$2:AL$366,ROUNDDOWN($C1193/24,0)+1,1)*INDEX($D$3:$AA$30,INDEX(Jesper!$R$2:$R$366,ROW(INDEX(Jesper!AL$2:AL$366,ROUNDDOWN($C1193/24,0)+1,1))-1)+IF('Standard Profiles'!$G$22=$B$10,7,0)+IF('Standard Profiles'!$G$22=$B$17,14,0)+IF('Standard Profiles'!$G$22=$B$24,21,0),MOD($C1193,24)+1)/SUM(INDEX($D$3:$AA$30,INDEX(Jesper!$R$2:$R$366,ROW(INDEX(Jesper!AL$2:AL$366,ROUNDDOWN($C1193/24,0)+1,1))-1)+IF('Standard Profiles'!$G$22=$B$10,7,0)+IF('Standard Profiles'!$G$22=$B$17,14,0)+IF('Standard Profiles'!$G$22=$B$24,21,0),0)),0)</f>
        <v>0.93180521096905244</v>
      </c>
      <c r="I1193">
        <f t="shared" si="146"/>
        <v>0.89453300253029078</v>
      </c>
      <c r="J1193">
        <f t="shared" si="147"/>
        <v>5.9106285755290511</v>
      </c>
      <c r="K1193">
        <f t="shared" si="148"/>
        <v>0.24603575376703593</v>
      </c>
      <c r="L1193">
        <f t="shared" si="149"/>
        <v>0.12301787688351797</v>
      </c>
      <c r="M1193">
        <f t="shared" si="150"/>
        <v>0</v>
      </c>
      <c r="N1193" s="45">
        <f t="shared" si="151"/>
        <v>44975.291666663856</v>
      </c>
    </row>
    <row r="1194" spans="2:14" x14ac:dyDescent="0.25">
      <c r="B1194">
        <f t="shared" si="145"/>
        <v>6</v>
      </c>
      <c r="C1194" s="16">
        <v>1160</v>
      </c>
      <c r="D1194" cm="1">
        <f t="array" ref="D1194">IFERROR(INDEX(Jesper!AH$2:AH$366,ROUNDDOWN($C1194/24,0)+1,1)*INDEX($D$3:$AA$30,INDEX(Jesper!$R$2:$R$366,ROW(INDEX(Jesper!AH$2:AH$366,ROUNDDOWN($C1194/24,0)+1,1))-1)+IF('Standard Profiles'!$G$18=$B$10,7,0)+IF('Standard Profiles'!$G$18=$B$17,14,0)+IF('Standard Profiles'!$G$18=$B$24,21,0),MOD($C1194,24)+1)/SUM(INDEX($D$3:$AA$30,INDEX(Jesper!$R$2:$R$366,ROW(INDEX(Jesper!AH$2:AH$366,ROUNDDOWN($C1194/24,0)+1,1))-1)+IF('Standard Profiles'!$G$18=$B$10,7,0)+IF('Standard Profiles'!$G$18=$B$17,14,0)+IF('Standard Profiles'!$G$18=$B$24,21,0),0)),0)</f>
        <v>0</v>
      </c>
      <c r="E1194" cm="1">
        <f t="array" ref="E1194">IFERROR(INDEX(Jesper!AI$2:AI$366,ROUNDDOWN($C1194/24,0)+1,1)*INDEX($D$3:$AA$30,INDEX(Jesper!$R$2:$R$366,ROW(INDEX(Jesper!AI$2:AI$366,ROUNDDOWN($C1194/24,0)+1,1))-1)+IF('Standard Profiles'!$G$19=$B$10,7,0)+IF('Standard Profiles'!$G$19=$B$17,14,0)+IF('Standard Profiles'!$G$19=$B$24,21,0),MOD($C1194,24)+1)/SUM(INDEX($D$3:$AA$30,INDEX(Jesper!$R$2:$R$366,ROW(INDEX(Jesper!AI$2:AI$366,ROUNDDOWN($C1194/24,0)+1,1))-1)+IF('Standard Profiles'!$G$19=$B$10,7,0)+IF('Standard Profiles'!$G$19=$B$17,14,0)+IF('Standard Profiles'!$G$19=$B$24,21,0),0)),0)</f>
        <v>3.075446922087949</v>
      </c>
      <c r="F1194" cm="1">
        <f t="array" ref="F1194">IFERROR(INDEX(Jesper!AJ$2:AJ$366,ROUNDDOWN($C1194/24,0)+1,1)*INDEX($D$3:$AA$30,INDEX(Jesper!$R$2:$R$366,ROW(INDEX(Jesper!AJ$2:AJ$366,ROUNDDOWN($C1194/24,0)+1,1))-1)+IF('Standard Profiles'!$G$20=$B$10,7,0)+IF('Standard Profiles'!$G$20=$B$17,14,0)+IF('Standard Profiles'!$G$20=$B$24,21,0),MOD($C1194,24)+1)/SUM(INDEX($D$3:$AA$30,INDEX(Jesper!$R$2:$R$366,ROW(INDEX(Jesper!AJ$2:AJ$366,ROUNDDOWN($C1194/24,0)+1,1))-1)+IF('Standard Profiles'!$G$20=$B$10,7,0)+IF('Standard Profiles'!$G$20=$B$17,14,0)+IF('Standard Profiles'!$G$20=$B$24,21,0),0)),0)</f>
        <v>1.8111057524716947</v>
      </c>
      <c r="G1194" cm="1">
        <f t="array" ref="G1194">IFERROR(INDEX(Jesper!AK$2:AK$366,ROUNDDOWN($C1194/24,0)+1,1)*INDEX($D$3:$AA$30,INDEX(Jesper!$R$2:$R$366,ROW(INDEX(Jesper!AK$2:AK$366,ROUNDDOWN($C1194/24,0)+1,1))-1)+IF('Standard Profiles'!$G$21=$B$10,7,0)+IF('Standard Profiles'!$G$21=$B$17,14,0)+IF('Standard Profiles'!$G$21=$B$24,21,0),MOD($C1194,24)+1)/SUM(INDEX($D$3:$AA$30,INDEX(Jesper!$R$2:$R$366,ROW(INDEX(Jesper!AK$2:AK$366,ROUNDDOWN($C1194/24,0)+1,1))-1)+IF('Standard Profiles'!$G$21=$B$10,7,0)+IF('Standard Profiles'!$G$21=$B$17,14,0)+IF('Standard Profiles'!$G$21=$B$24,21,0),0)),0)</f>
        <v>1.3558573231811994</v>
      </c>
      <c r="H1194" cm="1">
        <f t="array" ref="H1194">IFERROR(INDEX(Jesper!AL$2:AL$366,ROUNDDOWN($C1194/24,0)+1,1)*INDEX($D$3:$AA$30,INDEX(Jesper!$R$2:$R$366,ROW(INDEX(Jesper!AL$2:AL$366,ROUNDDOWN($C1194/24,0)+1,1))-1)+IF('Standard Profiles'!$G$22=$B$10,7,0)+IF('Standard Profiles'!$G$22=$B$17,14,0)+IF('Standard Profiles'!$G$22=$B$24,21,0),MOD($C1194,24)+1)/SUM(INDEX($D$3:$AA$30,INDEX(Jesper!$R$2:$R$366,ROW(INDEX(Jesper!AL$2:AL$366,ROUNDDOWN($C1194/24,0)+1,1))-1)+IF('Standard Profiles'!$G$22=$B$10,7,0)+IF('Standard Profiles'!$G$22=$B$17,14,0)+IF('Standard Profiles'!$G$22=$B$24,21,0),0)),0)</f>
        <v>0.93180521096905244</v>
      </c>
      <c r="I1194">
        <f t="shared" si="146"/>
        <v>0.89453300253029078</v>
      </c>
      <c r="J1194">
        <f t="shared" si="147"/>
        <v>5.9106285755290511</v>
      </c>
      <c r="K1194">
        <f t="shared" si="148"/>
        <v>0.24603575376703593</v>
      </c>
      <c r="L1194">
        <f t="shared" si="149"/>
        <v>0.12301787688351797</v>
      </c>
      <c r="M1194">
        <f t="shared" si="150"/>
        <v>0</v>
      </c>
      <c r="N1194" s="45">
        <f t="shared" si="151"/>
        <v>44975.33333333052</v>
      </c>
    </row>
    <row r="1195" spans="2:14" x14ac:dyDescent="0.25">
      <c r="B1195">
        <f t="shared" si="145"/>
        <v>6</v>
      </c>
      <c r="C1195" s="16">
        <v>1161</v>
      </c>
      <c r="D1195" cm="1">
        <f t="array" ref="D1195">IFERROR(INDEX(Jesper!AH$2:AH$366,ROUNDDOWN($C1195/24,0)+1,1)*INDEX($D$3:$AA$30,INDEX(Jesper!$R$2:$R$366,ROW(INDEX(Jesper!AH$2:AH$366,ROUNDDOWN($C1195/24,0)+1,1))-1)+IF('Standard Profiles'!$G$18=$B$10,7,0)+IF('Standard Profiles'!$G$18=$B$17,14,0)+IF('Standard Profiles'!$G$18=$B$24,21,0),MOD($C1195,24)+1)/SUM(INDEX($D$3:$AA$30,INDEX(Jesper!$R$2:$R$366,ROW(INDEX(Jesper!AH$2:AH$366,ROUNDDOWN($C1195/24,0)+1,1))-1)+IF('Standard Profiles'!$G$18=$B$10,7,0)+IF('Standard Profiles'!$G$18=$B$17,14,0)+IF('Standard Profiles'!$G$18=$B$24,21,0),0)),0)</f>
        <v>0</v>
      </c>
      <c r="E1195" cm="1">
        <f t="array" ref="E1195">IFERROR(INDEX(Jesper!AI$2:AI$366,ROUNDDOWN($C1195/24,0)+1,1)*INDEX($D$3:$AA$30,INDEX(Jesper!$R$2:$R$366,ROW(INDEX(Jesper!AI$2:AI$366,ROUNDDOWN($C1195/24,0)+1,1))-1)+IF('Standard Profiles'!$G$19=$B$10,7,0)+IF('Standard Profiles'!$G$19=$B$17,14,0)+IF('Standard Profiles'!$G$19=$B$24,21,0),MOD($C1195,24)+1)/SUM(INDEX($D$3:$AA$30,INDEX(Jesper!$R$2:$R$366,ROW(INDEX(Jesper!AI$2:AI$366,ROUNDDOWN($C1195/24,0)+1,1))-1)+IF('Standard Profiles'!$G$19=$B$10,7,0)+IF('Standard Profiles'!$G$19=$B$17,14,0)+IF('Standard Profiles'!$G$19=$B$24,21,0),0)),0)</f>
        <v>3.075446922087949</v>
      </c>
      <c r="F1195" cm="1">
        <f t="array" ref="F1195">IFERROR(INDEX(Jesper!AJ$2:AJ$366,ROUNDDOWN($C1195/24,0)+1,1)*INDEX($D$3:$AA$30,INDEX(Jesper!$R$2:$R$366,ROW(INDEX(Jesper!AJ$2:AJ$366,ROUNDDOWN($C1195/24,0)+1,1))-1)+IF('Standard Profiles'!$G$20=$B$10,7,0)+IF('Standard Profiles'!$G$20=$B$17,14,0)+IF('Standard Profiles'!$G$20=$B$24,21,0),MOD($C1195,24)+1)/SUM(INDEX($D$3:$AA$30,INDEX(Jesper!$R$2:$R$366,ROW(INDEX(Jesper!AJ$2:AJ$366,ROUNDDOWN($C1195/24,0)+1,1))-1)+IF('Standard Profiles'!$G$20=$B$10,7,0)+IF('Standard Profiles'!$G$20=$B$17,14,0)+IF('Standard Profiles'!$G$20=$B$24,21,0),0)),0)</f>
        <v>1.8111057524716947</v>
      </c>
      <c r="G1195" cm="1">
        <f t="array" ref="G1195">IFERROR(INDEX(Jesper!AK$2:AK$366,ROUNDDOWN($C1195/24,0)+1,1)*INDEX($D$3:$AA$30,INDEX(Jesper!$R$2:$R$366,ROW(INDEX(Jesper!AK$2:AK$366,ROUNDDOWN($C1195/24,0)+1,1))-1)+IF('Standard Profiles'!$G$21=$B$10,7,0)+IF('Standard Profiles'!$G$21=$B$17,14,0)+IF('Standard Profiles'!$G$21=$B$24,21,0),MOD($C1195,24)+1)/SUM(INDEX($D$3:$AA$30,INDEX(Jesper!$R$2:$R$366,ROW(INDEX(Jesper!AK$2:AK$366,ROUNDDOWN($C1195/24,0)+1,1))-1)+IF('Standard Profiles'!$G$21=$B$10,7,0)+IF('Standard Profiles'!$G$21=$B$17,14,0)+IF('Standard Profiles'!$G$21=$B$24,21,0),0)),0)</f>
        <v>1.3558573231811994</v>
      </c>
      <c r="H1195" cm="1">
        <f t="array" ref="H1195">IFERROR(INDEX(Jesper!AL$2:AL$366,ROUNDDOWN($C1195/24,0)+1,1)*INDEX($D$3:$AA$30,INDEX(Jesper!$R$2:$R$366,ROW(INDEX(Jesper!AL$2:AL$366,ROUNDDOWN($C1195/24,0)+1,1))-1)+IF('Standard Profiles'!$G$22=$B$10,7,0)+IF('Standard Profiles'!$G$22=$B$17,14,0)+IF('Standard Profiles'!$G$22=$B$24,21,0),MOD($C1195,24)+1)/SUM(INDEX($D$3:$AA$30,INDEX(Jesper!$R$2:$R$366,ROW(INDEX(Jesper!AL$2:AL$366,ROUNDDOWN($C1195/24,0)+1,1))-1)+IF('Standard Profiles'!$G$22=$B$10,7,0)+IF('Standard Profiles'!$G$22=$B$17,14,0)+IF('Standard Profiles'!$G$22=$B$24,21,0),0)),0)</f>
        <v>0.93180521096905244</v>
      </c>
      <c r="I1195">
        <f t="shared" si="146"/>
        <v>0.89453300253029078</v>
      </c>
      <c r="J1195">
        <f t="shared" si="147"/>
        <v>5.9106285755290511</v>
      </c>
      <c r="K1195">
        <f t="shared" si="148"/>
        <v>0.24603575376703593</v>
      </c>
      <c r="L1195">
        <f t="shared" si="149"/>
        <v>0.12301787688351797</v>
      </c>
      <c r="M1195">
        <f t="shared" si="150"/>
        <v>0</v>
      </c>
      <c r="N1195" s="45">
        <f t="shared" si="151"/>
        <v>44975.374999997184</v>
      </c>
    </row>
    <row r="1196" spans="2:14" x14ac:dyDescent="0.25">
      <c r="B1196">
        <f t="shared" si="145"/>
        <v>6</v>
      </c>
      <c r="C1196" s="16">
        <v>1162</v>
      </c>
      <c r="D1196" cm="1">
        <f t="array" ref="D1196">IFERROR(INDEX(Jesper!AH$2:AH$366,ROUNDDOWN($C1196/24,0)+1,1)*INDEX($D$3:$AA$30,INDEX(Jesper!$R$2:$R$366,ROW(INDEX(Jesper!AH$2:AH$366,ROUNDDOWN($C1196/24,0)+1,1))-1)+IF('Standard Profiles'!$G$18=$B$10,7,0)+IF('Standard Profiles'!$G$18=$B$17,14,0)+IF('Standard Profiles'!$G$18=$B$24,21,0),MOD($C1196,24)+1)/SUM(INDEX($D$3:$AA$30,INDEX(Jesper!$R$2:$R$366,ROW(INDEX(Jesper!AH$2:AH$366,ROUNDDOWN($C1196/24,0)+1,1))-1)+IF('Standard Profiles'!$G$18=$B$10,7,0)+IF('Standard Profiles'!$G$18=$B$17,14,0)+IF('Standard Profiles'!$G$18=$B$24,21,0),0)),0)</f>
        <v>0</v>
      </c>
      <c r="E1196" cm="1">
        <f t="array" ref="E1196">IFERROR(INDEX(Jesper!AI$2:AI$366,ROUNDDOWN($C1196/24,0)+1,1)*INDEX($D$3:$AA$30,INDEX(Jesper!$R$2:$R$366,ROW(INDEX(Jesper!AI$2:AI$366,ROUNDDOWN($C1196/24,0)+1,1))-1)+IF('Standard Profiles'!$G$19=$B$10,7,0)+IF('Standard Profiles'!$G$19=$B$17,14,0)+IF('Standard Profiles'!$G$19=$B$24,21,0),MOD($C1196,24)+1)/SUM(INDEX($D$3:$AA$30,INDEX(Jesper!$R$2:$R$366,ROW(INDEX(Jesper!AI$2:AI$366,ROUNDDOWN($C1196/24,0)+1,1))-1)+IF('Standard Profiles'!$G$19=$B$10,7,0)+IF('Standard Profiles'!$G$19=$B$17,14,0)+IF('Standard Profiles'!$G$19=$B$24,21,0),0)),0)</f>
        <v>3.075446922087949</v>
      </c>
      <c r="F1196" cm="1">
        <f t="array" ref="F1196">IFERROR(INDEX(Jesper!AJ$2:AJ$366,ROUNDDOWN($C1196/24,0)+1,1)*INDEX($D$3:$AA$30,INDEX(Jesper!$R$2:$R$366,ROW(INDEX(Jesper!AJ$2:AJ$366,ROUNDDOWN($C1196/24,0)+1,1))-1)+IF('Standard Profiles'!$G$20=$B$10,7,0)+IF('Standard Profiles'!$G$20=$B$17,14,0)+IF('Standard Profiles'!$G$20=$B$24,21,0),MOD($C1196,24)+1)/SUM(INDEX($D$3:$AA$30,INDEX(Jesper!$R$2:$R$366,ROW(INDEX(Jesper!AJ$2:AJ$366,ROUNDDOWN($C1196/24,0)+1,1))-1)+IF('Standard Profiles'!$G$20=$B$10,7,0)+IF('Standard Profiles'!$G$20=$B$17,14,0)+IF('Standard Profiles'!$G$20=$B$24,21,0),0)),0)</f>
        <v>1.8111057524716947</v>
      </c>
      <c r="G1196" cm="1">
        <f t="array" ref="G1196">IFERROR(INDEX(Jesper!AK$2:AK$366,ROUNDDOWN($C1196/24,0)+1,1)*INDEX($D$3:$AA$30,INDEX(Jesper!$R$2:$R$366,ROW(INDEX(Jesper!AK$2:AK$366,ROUNDDOWN($C1196/24,0)+1,1))-1)+IF('Standard Profiles'!$G$21=$B$10,7,0)+IF('Standard Profiles'!$G$21=$B$17,14,0)+IF('Standard Profiles'!$G$21=$B$24,21,0),MOD($C1196,24)+1)/SUM(INDEX($D$3:$AA$30,INDEX(Jesper!$R$2:$R$366,ROW(INDEX(Jesper!AK$2:AK$366,ROUNDDOWN($C1196/24,0)+1,1))-1)+IF('Standard Profiles'!$G$21=$B$10,7,0)+IF('Standard Profiles'!$G$21=$B$17,14,0)+IF('Standard Profiles'!$G$21=$B$24,21,0),0)),0)</f>
        <v>1.3558573231811994</v>
      </c>
      <c r="H1196" cm="1">
        <f t="array" ref="H1196">IFERROR(INDEX(Jesper!AL$2:AL$366,ROUNDDOWN($C1196/24,0)+1,1)*INDEX($D$3:$AA$30,INDEX(Jesper!$R$2:$R$366,ROW(INDEX(Jesper!AL$2:AL$366,ROUNDDOWN($C1196/24,0)+1,1))-1)+IF('Standard Profiles'!$G$22=$B$10,7,0)+IF('Standard Profiles'!$G$22=$B$17,14,0)+IF('Standard Profiles'!$G$22=$B$24,21,0),MOD($C1196,24)+1)/SUM(INDEX($D$3:$AA$30,INDEX(Jesper!$R$2:$R$366,ROW(INDEX(Jesper!AL$2:AL$366,ROUNDDOWN($C1196/24,0)+1,1))-1)+IF('Standard Profiles'!$G$22=$B$10,7,0)+IF('Standard Profiles'!$G$22=$B$17,14,0)+IF('Standard Profiles'!$G$22=$B$24,21,0),0)),0)</f>
        <v>0.93180521096905244</v>
      </c>
      <c r="I1196">
        <f t="shared" si="146"/>
        <v>0.89453300253029078</v>
      </c>
      <c r="J1196">
        <f t="shared" si="147"/>
        <v>5.9106285755290511</v>
      </c>
      <c r="K1196">
        <f t="shared" si="148"/>
        <v>0.24603575376703593</v>
      </c>
      <c r="L1196">
        <f t="shared" si="149"/>
        <v>0.12301787688351797</v>
      </c>
      <c r="M1196">
        <f t="shared" si="150"/>
        <v>0</v>
      </c>
      <c r="N1196" s="45">
        <f t="shared" si="151"/>
        <v>44975.416666663848</v>
      </c>
    </row>
    <row r="1197" spans="2:14" x14ac:dyDescent="0.25">
      <c r="B1197">
        <f t="shared" si="145"/>
        <v>6</v>
      </c>
      <c r="C1197" s="16">
        <v>1163</v>
      </c>
      <c r="D1197" cm="1">
        <f t="array" ref="D1197">IFERROR(INDEX(Jesper!AH$2:AH$366,ROUNDDOWN($C1197/24,0)+1,1)*INDEX($D$3:$AA$30,INDEX(Jesper!$R$2:$R$366,ROW(INDEX(Jesper!AH$2:AH$366,ROUNDDOWN($C1197/24,0)+1,1))-1)+IF('Standard Profiles'!$G$18=$B$10,7,0)+IF('Standard Profiles'!$G$18=$B$17,14,0)+IF('Standard Profiles'!$G$18=$B$24,21,0),MOD($C1197,24)+1)/SUM(INDEX($D$3:$AA$30,INDEX(Jesper!$R$2:$R$366,ROW(INDEX(Jesper!AH$2:AH$366,ROUNDDOWN($C1197/24,0)+1,1))-1)+IF('Standard Profiles'!$G$18=$B$10,7,0)+IF('Standard Profiles'!$G$18=$B$17,14,0)+IF('Standard Profiles'!$G$18=$B$24,21,0),0)),0)</f>
        <v>0</v>
      </c>
      <c r="E1197" cm="1">
        <f t="array" ref="E1197">IFERROR(INDEX(Jesper!AI$2:AI$366,ROUNDDOWN($C1197/24,0)+1,1)*INDEX($D$3:$AA$30,INDEX(Jesper!$R$2:$R$366,ROW(INDEX(Jesper!AI$2:AI$366,ROUNDDOWN($C1197/24,0)+1,1))-1)+IF('Standard Profiles'!$G$19=$B$10,7,0)+IF('Standard Profiles'!$G$19=$B$17,14,0)+IF('Standard Profiles'!$G$19=$B$24,21,0),MOD($C1197,24)+1)/SUM(INDEX($D$3:$AA$30,INDEX(Jesper!$R$2:$R$366,ROW(INDEX(Jesper!AI$2:AI$366,ROUNDDOWN($C1197/24,0)+1,1))-1)+IF('Standard Profiles'!$G$19=$B$10,7,0)+IF('Standard Profiles'!$G$19=$B$17,14,0)+IF('Standard Profiles'!$G$19=$B$24,21,0),0)),0)</f>
        <v>3.075446922087949</v>
      </c>
      <c r="F1197" cm="1">
        <f t="array" ref="F1197">IFERROR(INDEX(Jesper!AJ$2:AJ$366,ROUNDDOWN($C1197/24,0)+1,1)*INDEX($D$3:$AA$30,INDEX(Jesper!$R$2:$R$366,ROW(INDEX(Jesper!AJ$2:AJ$366,ROUNDDOWN($C1197/24,0)+1,1))-1)+IF('Standard Profiles'!$G$20=$B$10,7,0)+IF('Standard Profiles'!$G$20=$B$17,14,0)+IF('Standard Profiles'!$G$20=$B$24,21,0),MOD($C1197,24)+1)/SUM(INDEX($D$3:$AA$30,INDEX(Jesper!$R$2:$R$366,ROW(INDEX(Jesper!AJ$2:AJ$366,ROUNDDOWN($C1197/24,0)+1,1))-1)+IF('Standard Profiles'!$G$20=$B$10,7,0)+IF('Standard Profiles'!$G$20=$B$17,14,0)+IF('Standard Profiles'!$G$20=$B$24,21,0),0)),0)</f>
        <v>1.8111057524716947</v>
      </c>
      <c r="G1197" cm="1">
        <f t="array" ref="G1197">IFERROR(INDEX(Jesper!AK$2:AK$366,ROUNDDOWN($C1197/24,0)+1,1)*INDEX($D$3:$AA$30,INDEX(Jesper!$R$2:$R$366,ROW(INDEX(Jesper!AK$2:AK$366,ROUNDDOWN($C1197/24,0)+1,1))-1)+IF('Standard Profiles'!$G$21=$B$10,7,0)+IF('Standard Profiles'!$G$21=$B$17,14,0)+IF('Standard Profiles'!$G$21=$B$24,21,0),MOD($C1197,24)+1)/SUM(INDEX($D$3:$AA$30,INDEX(Jesper!$R$2:$R$366,ROW(INDEX(Jesper!AK$2:AK$366,ROUNDDOWN($C1197/24,0)+1,1))-1)+IF('Standard Profiles'!$G$21=$B$10,7,0)+IF('Standard Profiles'!$G$21=$B$17,14,0)+IF('Standard Profiles'!$G$21=$B$24,21,0),0)),0)</f>
        <v>1.3558573231811994</v>
      </c>
      <c r="H1197" cm="1">
        <f t="array" ref="H1197">IFERROR(INDEX(Jesper!AL$2:AL$366,ROUNDDOWN($C1197/24,0)+1,1)*INDEX($D$3:$AA$30,INDEX(Jesper!$R$2:$R$366,ROW(INDEX(Jesper!AL$2:AL$366,ROUNDDOWN($C1197/24,0)+1,1))-1)+IF('Standard Profiles'!$G$22=$B$10,7,0)+IF('Standard Profiles'!$G$22=$B$17,14,0)+IF('Standard Profiles'!$G$22=$B$24,21,0),MOD($C1197,24)+1)/SUM(INDEX($D$3:$AA$30,INDEX(Jesper!$R$2:$R$366,ROW(INDEX(Jesper!AL$2:AL$366,ROUNDDOWN($C1197/24,0)+1,1))-1)+IF('Standard Profiles'!$G$22=$B$10,7,0)+IF('Standard Profiles'!$G$22=$B$17,14,0)+IF('Standard Profiles'!$G$22=$B$24,21,0),0)),0)</f>
        <v>0.93180521096905244</v>
      </c>
      <c r="I1197">
        <f t="shared" si="146"/>
        <v>0.89453300253029078</v>
      </c>
      <c r="J1197">
        <f t="shared" si="147"/>
        <v>5.9106285755290511</v>
      </c>
      <c r="K1197">
        <f t="shared" si="148"/>
        <v>0.24603575376703593</v>
      </c>
      <c r="L1197">
        <f t="shared" si="149"/>
        <v>0.12301787688351797</v>
      </c>
      <c r="M1197">
        <f t="shared" si="150"/>
        <v>0</v>
      </c>
      <c r="N1197" s="45">
        <f t="shared" si="151"/>
        <v>44975.458333330513</v>
      </c>
    </row>
    <row r="1198" spans="2:14" x14ac:dyDescent="0.25">
      <c r="B1198">
        <f t="shared" si="145"/>
        <v>6</v>
      </c>
      <c r="C1198" s="16">
        <v>1164</v>
      </c>
      <c r="D1198" cm="1">
        <f t="array" ref="D1198">IFERROR(INDEX(Jesper!AH$2:AH$366,ROUNDDOWN($C1198/24,0)+1,1)*INDEX($D$3:$AA$30,INDEX(Jesper!$R$2:$R$366,ROW(INDEX(Jesper!AH$2:AH$366,ROUNDDOWN($C1198/24,0)+1,1))-1)+IF('Standard Profiles'!$G$18=$B$10,7,0)+IF('Standard Profiles'!$G$18=$B$17,14,0)+IF('Standard Profiles'!$G$18=$B$24,21,0),MOD($C1198,24)+1)/SUM(INDEX($D$3:$AA$30,INDEX(Jesper!$R$2:$R$366,ROW(INDEX(Jesper!AH$2:AH$366,ROUNDDOWN($C1198/24,0)+1,1))-1)+IF('Standard Profiles'!$G$18=$B$10,7,0)+IF('Standard Profiles'!$G$18=$B$17,14,0)+IF('Standard Profiles'!$G$18=$B$24,21,0),0)),0)</f>
        <v>0</v>
      </c>
      <c r="E1198" cm="1">
        <f t="array" ref="E1198">IFERROR(INDEX(Jesper!AI$2:AI$366,ROUNDDOWN($C1198/24,0)+1,1)*INDEX($D$3:$AA$30,INDEX(Jesper!$R$2:$R$366,ROW(INDEX(Jesper!AI$2:AI$366,ROUNDDOWN($C1198/24,0)+1,1))-1)+IF('Standard Profiles'!$G$19=$B$10,7,0)+IF('Standard Profiles'!$G$19=$B$17,14,0)+IF('Standard Profiles'!$G$19=$B$24,21,0),MOD($C1198,24)+1)/SUM(INDEX($D$3:$AA$30,INDEX(Jesper!$R$2:$R$366,ROW(INDEX(Jesper!AI$2:AI$366,ROUNDDOWN($C1198/24,0)+1,1))-1)+IF('Standard Profiles'!$G$19=$B$10,7,0)+IF('Standard Profiles'!$G$19=$B$17,14,0)+IF('Standard Profiles'!$G$19=$B$24,21,0),0)),0)</f>
        <v>3.075446922087949</v>
      </c>
      <c r="F1198" cm="1">
        <f t="array" ref="F1198">IFERROR(INDEX(Jesper!AJ$2:AJ$366,ROUNDDOWN($C1198/24,0)+1,1)*INDEX($D$3:$AA$30,INDEX(Jesper!$R$2:$R$366,ROW(INDEX(Jesper!AJ$2:AJ$366,ROUNDDOWN($C1198/24,0)+1,1))-1)+IF('Standard Profiles'!$G$20=$B$10,7,0)+IF('Standard Profiles'!$G$20=$B$17,14,0)+IF('Standard Profiles'!$G$20=$B$24,21,0),MOD($C1198,24)+1)/SUM(INDEX($D$3:$AA$30,INDEX(Jesper!$R$2:$R$366,ROW(INDEX(Jesper!AJ$2:AJ$366,ROUNDDOWN($C1198/24,0)+1,1))-1)+IF('Standard Profiles'!$G$20=$B$10,7,0)+IF('Standard Profiles'!$G$20=$B$17,14,0)+IF('Standard Profiles'!$G$20=$B$24,21,0),0)),0)</f>
        <v>1.8111057524716947</v>
      </c>
      <c r="G1198" cm="1">
        <f t="array" ref="G1198">IFERROR(INDEX(Jesper!AK$2:AK$366,ROUNDDOWN($C1198/24,0)+1,1)*INDEX($D$3:$AA$30,INDEX(Jesper!$R$2:$R$366,ROW(INDEX(Jesper!AK$2:AK$366,ROUNDDOWN($C1198/24,0)+1,1))-1)+IF('Standard Profiles'!$G$21=$B$10,7,0)+IF('Standard Profiles'!$G$21=$B$17,14,0)+IF('Standard Profiles'!$G$21=$B$24,21,0),MOD($C1198,24)+1)/SUM(INDEX($D$3:$AA$30,INDEX(Jesper!$R$2:$R$366,ROW(INDEX(Jesper!AK$2:AK$366,ROUNDDOWN($C1198/24,0)+1,1))-1)+IF('Standard Profiles'!$G$21=$B$10,7,0)+IF('Standard Profiles'!$G$21=$B$17,14,0)+IF('Standard Profiles'!$G$21=$B$24,21,0),0)),0)</f>
        <v>1.3558573231811994</v>
      </c>
      <c r="H1198" cm="1">
        <f t="array" ref="H1198">IFERROR(INDEX(Jesper!AL$2:AL$366,ROUNDDOWN($C1198/24,0)+1,1)*INDEX($D$3:$AA$30,INDEX(Jesper!$R$2:$R$366,ROW(INDEX(Jesper!AL$2:AL$366,ROUNDDOWN($C1198/24,0)+1,1))-1)+IF('Standard Profiles'!$G$22=$B$10,7,0)+IF('Standard Profiles'!$G$22=$B$17,14,0)+IF('Standard Profiles'!$G$22=$B$24,21,0),MOD($C1198,24)+1)/SUM(INDEX($D$3:$AA$30,INDEX(Jesper!$R$2:$R$366,ROW(INDEX(Jesper!AL$2:AL$366,ROUNDDOWN($C1198/24,0)+1,1))-1)+IF('Standard Profiles'!$G$22=$B$10,7,0)+IF('Standard Profiles'!$G$22=$B$17,14,0)+IF('Standard Profiles'!$G$22=$B$24,21,0),0)),0)</f>
        <v>0.93180521096905244</v>
      </c>
      <c r="I1198">
        <f t="shared" si="146"/>
        <v>0.89453300253029078</v>
      </c>
      <c r="J1198">
        <f t="shared" si="147"/>
        <v>5.9106285755290511</v>
      </c>
      <c r="K1198">
        <f t="shared" si="148"/>
        <v>0.24603575376703593</v>
      </c>
      <c r="L1198">
        <f t="shared" si="149"/>
        <v>0.12301787688351797</v>
      </c>
      <c r="M1198">
        <f t="shared" si="150"/>
        <v>0</v>
      </c>
      <c r="N1198" s="45">
        <f t="shared" si="151"/>
        <v>44975.499999997177</v>
      </c>
    </row>
    <row r="1199" spans="2:14" x14ac:dyDescent="0.25">
      <c r="B1199">
        <f t="shared" si="145"/>
        <v>6</v>
      </c>
      <c r="C1199" s="16">
        <v>1165</v>
      </c>
      <c r="D1199" cm="1">
        <f t="array" ref="D1199">IFERROR(INDEX(Jesper!AH$2:AH$366,ROUNDDOWN($C1199/24,0)+1,1)*INDEX($D$3:$AA$30,INDEX(Jesper!$R$2:$R$366,ROW(INDEX(Jesper!AH$2:AH$366,ROUNDDOWN($C1199/24,0)+1,1))-1)+IF('Standard Profiles'!$G$18=$B$10,7,0)+IF('Standard Profiles'!$G$18=$B$17,14,0)+IF('Standard Profiles'!$G$18=$B$24,21,0),MOD($C1199,24)+1)/SUM(INDEX($D$3:$AA$30,INDEX(Jesper!$R$2:$R$366,ROW(INDEX(Jesper!AH$2:AH$366,ROUNDDOWN($C1199/24,0)+1,1))-1)+IF('Standard Profiles'!$G$18=$B$10,7,0)+IF('Standard Profiles'!$G$18=$B$17,14,0)+IF('Standard Profiles'!$G$18=$B$24,21,0),0)),0)</f>
        <v>0</v>
      </c>
      <c r="E1199" cm="1">
        <f t="array" ref="E1199">IFERROR(INDEX(Jesper!AI$2:AI$366,ROUNDDOWN($C1199/24,0)+1,1)*INDEX($D$3:$AA$30,INDEX(Jesper!$R$2:$R$366,ROW(INDEX(Jesper!AI$2:AI$366,ROUNDDOWN($C1199/24,0)+1,1))-1)+IF('Standard Profiles'!$G$19=$B$10,7,0)+IF('Standard Profiles'!$G$19=$B$17,14,0)+IF('Standard Profiles'!$G$19=$B$24,21,0),MOD($C1199,24)+1)/SUM(INDEX($D$3:$AA$30,INDEX(Jesper!$R$2:$R$366,ROW(INDEX(Jesper!AI$2:AI$366,ROUNDDOWN($C1199/24,0)+1,1))-1)+IF('Standard Profiles'!$G$19=$B$10,7,0)+IF('Standard Profiles'!$G$19=$B$17,14,0)+IF('Standard Profiles'!$G$19=$B$24,21,0),0)),0)</f>
        <v>3.075446922087949</v>
      </c>
      <c r="F1199" cm="1">
        <f t="array" ref="F1199">IFERROR(INDEX(Jesper!AJ$2:AJ$366,ROUNDDOWN($C1199/24,0)+1,1)*INDEX($D$3:$AA$30,INDEX(Jesper!$R$2:$R$366,ROW(INDEX(Jesper!AJ$2:AJ$366,ROUNDDOWN($C1199/24,0)+1,1))-1)+IF('Standard Profiles'!$G$20=$B$10,7,0)+IF('Standard Profiles'!$G$20=$B$17,14,0)+IF('Standard Profiles'!$G$20=$B$24,21,0),MOD($C1199,24)+1)/SUM(INDEX($D$3:$AA$30,INDEX(Jesper!$R$2:$R$366,ROW(INDEX(Jesper!AJ$2:AJ$366,ROUNDDOWN($C1199/24,0)+1,1))-1)+IF('Standard Profiles'!$G$20=$B$10,7,0)+IF('Standard Profiles'!$G$20=$B$17,14,0)+IF('Standard Profiles'!$G$20=$B$24,21,0),0)),0)</f>
        <v>1.8111057524716947</v>
      </c>
      <c r="G1199" cm="1">
        <f t="array" ref="G1199">IFERROR(INDEX(Jesper!AK$2:AK$366,ROUNDDOWN($C1199/24,0)+1,1)*INDEX($D$3:$AA$30,INDEX(Jesper!$R$2:$R$366,ROW(INDEX(Jesper!AK$2:AK$366,ROUNDDOWN($C1199/24,0)+1,1))-1)+IF('Standard Profiles'!$G$21=$B$10,7,0)+IF('Standard Profiles'!$G$21=$B$17,14,0)+IF('Standard Profiles'!$G$21=$B$24,21,0),MOD($C1199,24)+1)/SUM(INDEX($D$3:$AA$30,INDEX(Jesper!$R$2:$R$366,ROW(INDEX(Jesper!AK$2:AK$366,ROUNDDOWN($C1199/24,0)+1,1))-1)+IF('Standard Profiles'!$G$21=$B$10,7,0)+IF('Standard Profiles'!$G$21=$B$17,14,0)+IF('Standard Profiles'!$G$21=$B$24,21,0),0)),0)</f>
        <v>1.3558573231811994</v>
      </c>
      <c r="H1199" cm="1">
        <f t="array" ref="H1199">IFERROR(INDEX(Jesper!AL$2:AL$366,ROUNDDOWN($C1199/24,0)+1,1)*INDEX($D$3:$AA$30,INDEX(Jesper!$R$2:$R$366,ROW(INDEX(Jesper!AL$2:AL$366,ROUNDDOWN($C1199/24,0)+1,1))-1)+IF('Standard Profiles'!$G$22=$B$10,7,0)+IF('Standard Profiles'!$G$22=$B$17,14,0)+IF('Standard Profiles'!$G$22=$B$24,21,0),MOD($C1199,24)+1)/SUM(INDEX($D$3:$AA$30,INDEX(Jesper!$R$2:$R$366,ROW(INDEX(Jesper!AL$2:AL$366,ROUNDDOWN($C1199/24,0)+1,1))-1)+IF('Standard Profiles'!$G$22=$B$10,7,0)+IF('Standard Profiles'!$G$22=$B$17,14,0)+IF('Standard Profiles'!$G$22=$B$24,21,0),0)),0)</f>
        <v>0.93180521096905244</v>
      </c>
      <c r="I1199">
        <f t="shared" si="146"/>
        <v>0.89453300253029078</v>
      </c>
      <c r="J1199">
        <f t="shared" si="147"/>
        <v>5.9106285755290511</v>
      </c>
      <c r="K1199">
        <f t="shared" si="148"/>
        <v>0.24603575376703593</v>
      </c>
      <c r="L1199">
        <f t="shared" si="149"/>
        <v>0.12301787688351797</v>
      </c>
      <c r="M1199">
        <f t="shared" si="150"/>
        <v>0</v>
      </c>
      <c r="N1199" s="45">
        <f t="shared" si="151"/>
        <v>44975.541666663841</v>
      </c>
    </row>
    <row r="1200" spans="2:14" x14ac:dyDescent="0.25">
      <c r="B1200">
        <f t="shared" si="145"/>
        <v>6</v>
      </c>
      <c r="C1200" s="16">
        <v>1166</v>
      </c>
      <c r="D1200" cm="1">
        <f t="array" ref="D1200">IFERROR(INDEX(Jesper!AH$2:AH$366,ROUNDDOWN($C1200/24,0)+1,1)*INDEX($D$3:$AA$30,INDEX(Jesper!$R$2:$R$366,ROW(INDEX(Jesper!AH$2:AH$366,ROUNDDOWN($C1200/24,0)+1,1))-1)+IF('Standard Profiles'!$G$18=$B$10,7,0)+IF('Standard Profiles'!$G$18=$B$17,14,0)+IF('Standard Profiles'!$G$18=$B$24,21,0),MOD($C1200,24)+1)/SUM(INDEX($D$3:$AA$30,INDEX(Jesper!$R$2:$R$366,ROW(INDEX(Jesper!AH$2:AH$366,ROUNDDOWN($C1200/24,0)+1,1))-1)+IF('Standard Profiles'!$G$18=$B$10,7,0)+IF('Standard Profiles'!$G$18=$B$17,14,0)+IF('Standard Profiles'!$G$18=$B$24,21,0),0)),0)</f>
        <v>0</v>
      </c>
      <c r="E1200" cm="1">
        <f t="array" ref="E1200">IFERROR(INDEX(Jesper!AI$2:AI$366,ROUNDDOWN($C1200/24,0)+1,1)*INDEX($D$3:$AA$30,INDEX(Jesper!$R$2:$R$366,ROW(INDEX(Jesper!AI$2:AI$366,ROUNDDOWN($C1200/24,0)+1,1))-1)+IF('Standard Profiles'!$G$19=$B$10,7,0)+IF('Standard Profiles'!$G$19=$B$17,14,0)+IF('Standard Profiles'!$G$19=$B$24,21,0),MOD($C1200,24)+1)/SUM(INDEX($D$3:$AA$30,INDEX(Jesper!$R$2:$R$366,ROW(INDEX(Jesper!AI$2:AI$366,ROUNDDOWN($C1200/24,0)+1,1))-1)+IF('Standard Profiles'!$G$19=$B$10,7,0)+IF('Standard Profiles'!$G$19=$B$17,14,0)+IF('Standard Profiles'!$G$19=$B$24,21,0),0)),0)</f>
        <v>3.075446922087949</v>
      </c>
      <c r="F1200" cm="1">
        <f t="array" ref="F1200">IFERROR(INDEX(Jesper!AJ$2:AJ$366,ROUNDDOWN($C1200/24,0)+1,1)*INDEX($D$3:$AA$30,INDEX(Jesper!$R$2:$R$366,ROW(INDEX(Jesper!AJ$2:AJ$366,ROUNDDOWN($C1200/24,0)+1,1))-1)+IF('Standard Profiles'!$G$20=$B$10,7,0)+IF('Standard Profiles'!$G$20=$B$17,14,0)+IF('Standard Profiles'!$G$20=$B$24,21,0),MOD($C1200,24)+1)/SUM(INDEX($D$3:$AA$30,INDEX(Jesper!$R$2:$R$366,ROW(INDEX(Jesper!AJ$2:AJ$366,ROUNDDOWN($C1200/24,0)+1,1))-1)+IF('Standard Profiles'!$G$20=$B$10,7,0)+IF('Standard Profiles'!$G$20=$B$17,14,0)+IF('Standard Profiles'!$G$20=$B$24,21,0),0)),0)</f>
        <v>1.8111057524716947</v>
      </c>
      <c r="G1200" cm="1">
        <f t="array" ref="G1200">IFERROR(INDEX(Jesper!AK$2:AK$366,ROUNDDOWN($C1200/24,0)+1,1)*INDEX($D$3:$AA$30,INDEX(Jesper!$R$2:$R$366,ROW(INDEX(Jesper!AK$2:AK$366,ROUNDDOWN($C1200/24,0)+1,1))-1)+IF('Standard Profiles'!$G$21=$B$10,7,0)+IF('Standard Profiles'!$G$21=$B$17,14,0)+IF('Standard Profiles'!$G$21=$B$24,21,0),MOD($C1200,24)+1)/SUM(INDEX($D$3:$AA$30,INDEX(Jesper!$R$2:$R$366,ROW(INDEX(Jesper!AK$2:AK$366,ROUNDDOWN($C1200/24,0)+1,1))-1)+IF('Standard Profiles'!$G$21=$B$10,7,0)+IF('Standard Profiles'!$G$21=$B$17,14,0)+IF('Standard Profiles'!$G$21=$B$24,21,0),0)),0)</f>
        <v>1.3558573231811994</v>
      </c>
      <c r="H1200" cm="1">
        <f t="array" ref="H1200">IFERROR(INDEX(Jesper!AL$2:AL$366,ROUNDDOWN($C1200/24,0)+1,1)*INDEX($D$3:$AA$30,INDEX(Jesper!$R$2:$R$366,ROW(INDEX(Jesper!AL$2:AL$366,ROUNDDOWN($C1200/24,0)+1,1))-1)+IF('Standard Profiles'!$G$22=$B$10,7,0)+IF('Standard Profiles'!$G$22=$B$17,14,0)+IF('Standard Profiles'!$G$22=$B$24,21,0),MOD($C1200,24)+1)/SUM(INDEX($D$3:$AA$30,INDEX(Jesper!$R$2:$R$366,ROW(INDEX(Jesper!AL$2:AL$366,ROUNDDOWN($C1200/24,0)+1,1))-1)+IF('Standard Profiles'!$G$22=$B$10,7,0)+IF('Standard Profiles'!$G$22=$B$17,14,0)+IF('Standard Profiles'!$G$22=$B$24,21,0),0)),0)</f>
        <v>0.93180521096905244</v>
      </c>
      <c r="I1200">
        <f t="shared" si="146"/>
        <v>0.89453300253029078</v>
      </c>
      <c r="J1200">
        <f t="shared" si="147"/>
        <v>5.9106285755290511</v>
      </c>
      <c r="K1200">
        <f t="shared" si="148"/>
        <v>0.24603575376703593</v>
      </c>
      <c r="L1200">
        <f t="shared" si="149"/>
        <v>0.12301787688351797</v>
      </c>
      <c r="M1200">
        <f t="shared" si="150"/>
        <v>0</v>
      </c>
      <c r="N1200" s="45">
        <f t="shared" si="151"/>
        <v>44975.583333330505</v>
      </c>
    </row>
    <row r="1201" spans="2:14" x14ac:dyDescent="0.25">
      <c r="B1201">
        <f t="shared" si="145"/>
        <v>6</v>
      </c>
      <c r="C1201" s="16">
        <v>1167</v>
      </c>
      <c r="D1201" cm="1">
        <f t="array" ref="D1201">IFERROR(INDEX(Jesper!AH$2:AH$366,ROUNDDOWN($C1201/24,0)+1,1)*INDEX($D$3:$AA$30,INDEX(Jesper!$R$2:$R$366,ROW(INDEX(Jesper!AH$2:AH$366,ROUNDDOWN($C1201/24,0)+1,1))-1)+IF('Standard Profiles'!$G$18=$B$10,7,0)+IF('Standard Profiles'!$G$18=$B$17,14,0)+IF('Standard Profiles'!$G$18=$B$24,21,0),MOD($C1201,24)+1)/SUM(INDEX($D$3:$AA$30,INDEX(Jesper!$R$2:$R$366,ROW(INDEX(Jesper!AH$2:AH$366,ROUNDDOWN($C1201/24,0)+1,1))-1)+IF('Standard Profiles'!$G$18=$B$10,7,0)+IF('Standard Profiles'!$G$18=$B$17,14,0)+IF('Standard Profiles'!$G$18=$B$24,21,0),0)),0)</f>
        <v>0</v>
      </c>
      <c r="E1201" cm="1">
        <f t="array" ref="E1201">IFERROR(INDEX(Jesper!AI$2:AI$366,ROUNDDOWN($C1201/24,0)+1,1)*INDEX($D$3:$AA$30,INDEX(Jesper!$R$2:$R$366,ROW(INDEX(Jesper!AI$2:AI$366,ROUNDDOWN($C1201/24,0)+1,1))-1)+IF('Standard Profiles'!$G$19=$B$10,7,0)+IF('Standard Profiles'!$G$19=$B$17,14,0)+IF('Standard Profiles'!$G$19=$B$24,21,0),MOD($C1201,24)+1)/SUM(INDEX($D$3:$AA$30,INDEX(Jesper!$R$2:$R$366,ROW(INDEX(Jesper!AI$2:AI$366,ROUNDDOWN($C1201/24,0)+1,1))-1)+IF('Standard Profiles'!$G$19=$B$10,7,0)+IF('Standard Profiles'!$G$19=$B$17,14,0)+IF('Standard Profiles'!$G$19=$B$24,21,0),0)),0)</f>
        <v>3.075446922087949</v>
      </c>
      <c r="F1201" cm="1">
        <f t="array" ref="F1201">IFERROR(INDEX(Jesper!AJ$2:AJ$366,ROUNDDOWN($C1201/24,0)+1,1)*INDEX($D$3:$AA$30,INDEX(Jesper!$R$2:$R$366,ROW(INDEX(Jesper!AJ$2:AJ$366,ROUNDDOWN($C1201/24,0)+1,1))-1)+IF('Standard Profiles'!$G$20=$B$10,7,0)+IF('Standard Profiles'!$G$20=$B$17,14,0)+IF('Standard Profiles'!$G$20=$B$24,21,0),MOD($C1201,24)+1)/SUM(INDEX($D$3:$AA$30,INDEX(Jesper!$R$2:$R$366,ROW(INDEX(Jesper!AJ$2:AJ$366,ROUNDDOWN($C1201/24,0)+1,1))-1)+IF('Standard Profiles'!$G$20=$B$10,7,0)+IF('Standard Profiles'!$G$20=$B$17,14,0)+IF('Standard Profiles'!$G$20=$B$24,21,0),0)),0)</f>
        <v>1.8111057524716947</v>
      </c>
      <c r="G1201" cm="1">
        <f t="array" ref="G1201">IFERROR(INDEX(Jesper!AK$2:AK$366,ROUNDDOWN($C1201/24,0)+1,1)*INDEX($D$3:$AA$30,INDEX(Jesper!$R$2:$R$366,ROW(INDEX(Jesper!AK$2:AK$366,ROUNDDOWN($C1201/24,0)+1,1))-1)+IF('Standard Profiles'!$G$21=$B$10,7,0)+IF('Standard Profiles'!$G$21=$B$17,14,0)+IF('Standard Profiles'!$G$21=$B$24,21,0),MOD($C1201,24)+1)/SUM(INDEX($D$3:$AA$30,INDEX(Jesper!$R$2:$R$366,ROW(INDEX(Jesper!AK$2:AK$366,ROUNDDOWN($C1201/24,0)+1,1))-1)+IF('Standard Profiles'!$G$21=$B$10,7,0)+IF('Standard Profiles'!$G$21=$B$17,14,0)+IF('Standard Profiles'!$G$21=$B$24,21,0),0)),0)</f>
        <v>1.3558573231811994</v>
      </c>
      <c r="H1201" cm="1">
        <f t="array" ref="H1201">IFERROR(INDEX(Jesper!AL$2:AL$366,ROUNDDOWN($C1201/24,0)+1,1)*INDEX($D$3:$AA$30,INDEX(Jesper!$R$2:$R$366,ROW(INDEX(Jesper!AL$2:AL$366,ROUNDDOWN($C1201/24,0)+1,1))-1)+IF('Standard Profiles'!$G$22=$B$10,7,0)+IF('Standard Profiles'!$G$22=$B$17,14,0)+IF('Standard Profiles'!$G$22=$B$24,21,0),MOD($C1201,24)+1)/SUM(INDEX($D$3:$AA$30,INDEX(Jesper!$R$2:$R$366,ROW(INDEX(Jesper!AL$2:AL$366,ROUNDDOWN($C1201/24,0)+1,1))-1)+IF('Standard Profiles'!$G$22=$B$10,7,0)+IF('Standard Profiles'!$G$22=$B$17,14,0)+IF('Standard Profiles'!$G$22=$B$24,21,0),0)),0)</f>
        <v>0.84245402635558164</v>
      </c>
      <c r="I1201">
        <f t="shared" si="146"/>
        <v>0.80875586530135879</v>
      </c>
      <c r="J1201">
        <f t="shared" si="147"/>
        <v>5.9070545281445117</v>
      </c>
      <c r="K1201">
        <f t="shared" si="148"/>
        <v>0.24603575376703593</v>
      </c>
      <c r="L1201">
        <f t="shared" si="149"/>
        <v>0.12301787688351797</v>
      </c>
      <c r="M1201">
        <f t="shared" si="150"/>
        <v>0</v>
      </c>
      <c r="N1201" s="45">
        <f t="shared" si="151"/>
        <v>44975.62499999717</v>
      </c>
    </row>
    <row r="1202" spans="2:14" x14ac:dyDescent="0.25">
      <c r="B1202">
        <f t="shared" si="145"/>
        <v>6</v>
      </c>
      <c r="C1202" s="16">
        <v>1168</v>
      </c>
      <c r="D1202" cm="1">
        <f t="array" ref="D1202">IFERROR(INDEX(Jesper!AH$2:AH$366,ROUNDDOWN($C1202/24,0)+1,1)*INDEX($D$3:$AA$30,INDEX(Jesper!$R$2:$R$366,ROW(INDEX(Jesper!AH$2:AH$366,ROUNDDOWN($C1202/24,0)+1,1))-1)+IF('Standard Profiles'!$G$18=$B$10,7,0)+IF('Standard Profiles'!$G$18=$B$17,14,0)+IF('Standard Profiles'!$G$18=$B$24,21,0),MOD($C1202,24)+1)/SUM(INDEX($D$3:$AA$30,INDEX(Jesper!$R$2:$R$366,ROW(INDEX(Jesper!AH$2:AH$366,ROUNDDOWN($C1202/24,0)+1,1))-1)+IF('Standard Profiles'!$G$18=$B$10,7,0)+IF('Standard Profiles'!$G$18=$B$17,14,0)+IF('Standard Profiles'!$G$18=$B$24,21,0),0)),0)</f>
        <v>0</v>
      </c>
      <c r="E1202" cm="1">
        <f t="array" ref="E1202">IFERROR(INDEX(Jesper!AI$2:AI$366,ROUNDDOWN($C1202/24,0)+1,1)*INDEX($D$3:$AA$30,INDEX(Jesper!$R$2:$R$366,ROW(INDEX(Jesper!AI$2:AI$366,ROUNDDOWN($C1202/24,0)+1,1))-1)+IF('Standard Profiles'!$G$19=$B$10,7,0)+IF('Standard Profiles'!$G$19=$B$17,14,0)+IF('Standard Profiles'!$G$19=$B$24,21,0),MOD($C1202,24)+1)/SUM(INDEX($D$3:$AA$30,INDEX(Jesper!$R$2:$R$366,ROW(INDEX(Jesper!AI$2:AI$366,ROUNDDOWN($C1202/24,0)+1,1))-1)+IF('Standard Profiles'!$G$19=$B$10,7,0)+IF('Standard Profiles'!$G$19=$B$17,14,0)+IF('Standard Profiles'!$G$19=$B$24,21,0),0)),0)</f>
        <v>3.075446922087949</v>
      </c>
      <c r="F1202" cm="1">
        <f t="array" ref="F1202">IFERROR(INDEX(Jesper!AJ$2:AJ$366,ROUNDDOWN($C1202/24,0)+1,1)*INDEX($D$3:$AA$30,INDEX(Jesper!$R$2:$R$366,ROW(INDEX(Jesper!AJ$2:AJ$366,ROUNDDOWN($C1202/24,0)+1,1))-1)+IF('Standard Profiles'!$G$20=$B$10,7,0)+IF('Standard Profiles'!$G$20=$B$17,14,0)+IF('Standard Profiles'!$G$20=$B$24,21,0),MOD($C1202,24)+1)/SUM(INDEX($D$3:$AA$30,INDEX(Jesper!$R$2:$R$366,ROW(INDEX(Jesper!AJ$2:AJ$366,ROUNDDOWN($C1202/24,0)+1,1))-1)+IF('Standard Profiles'!$G$20=$B$10,7,0)+IF('Standard Profiles'!$G$20=$B$17,14,0)+IF('Standard Profiles'!$G$20=$B$24,21,0),0)),0)</f>
        <v>1.8111057524716947</v>
      </c>
      <c r="G1202" cm="1">
        <f t="array" ref="G1202">IFERROR(INDEX(Jesper!AK$2:AK$366,ROUNDDOWN($C1202/24,0)+1,1)*INDEX($D$3:$AA$30,INDEX(Jesper!$R$2:$R$366,ROW(INDEX(Jesper!AK$2:AK$366,ROUNDDOWN($C1202/24,0)+1,1))-1)+IF('Standard Profiles'!$G$21=$B$10,7,0)+IF('Standard Profiles'!$G$21=$B$17,14,0)+IF('Standard Profiles'!$G$21=$B$24,21,0),MOD($C1202,24)+1)/SUM(INDEX($D$3:$AA$30,INDEX(Jesper!$R$2:$R$366,ROW(INDEX(Jesper!AK$2:AK$366,ROUNDDOWN($C1202/24,0)+1,1))-1)+IF('Standard Profiles'!$G$21=$B$10,7,0)+IF('Standard Profiles'!$G$21=$B$17,14,0)+IF('Standard Profiles'!$G$21=$B$24,21,0),0)),0)</f>
        <v>1.3558573231811994</v>
      </c>
      <c r="H1202" cm="1">
        <f t="array" ref="H1202">IFERROR(INDEX(Jesper!AL$2:AL$366,ROUNDDOWN($C1202/24,0)+1,1)*INDEX($D$3:$AA$30,INDEX(Jesper!$R$2:$R$366,ROW(INDEX(Jesper!AL$2:AL$366,ROUNDDOWN($C1202/24,0)+1,1))-1)+IF('Standard Profiles'!$G$22=$B$10,7,0)+IF('Standard Profiles'!$G$22=$B$17,14,0)+IF('Standard Profiles'!$G$22=$B$24,21,0),MOD($C1202,24)+1)/SUM(INDEX($D$3:$AA$30,INDEX(Jesper!$R$2:$R$366,ROW(INDEX(Jesper!AL$2:AL$366,ROUNDDOWN($C1202/24,0)+1,1))-1)+IF('Standard Profiles'!$G$22=$B$10,7,0)+IF('Standard Profiles'!$G$22=$B$17,14,0)+IF('Standard Profiles'!$G$22=$B$24,21,0),0)),0)</f>
        <v>0.76586729668689235</v>
      </c>
      <c r="I1202">
        <f t="shared" si="146"/>
        <v>0.7352326048194171</v>
      </c>
      <c r="J1202">
        <f t="shared" si="147"/>
        <v>5.9039910589577644</v>
      </c>
      <c r="K1202">
        <f t="shared" si="148"/>
        <v>0.24603575376703593</v>
      </c>
      <c r="L1202">
        <f t="shared" si="149"/>
        <v>0.12301787688351797</v>
      </c>
      <c r="M1202">
        <f t="shared" si="150"/>
        <v>0</v>
      </c>
      <c r="N1202" s="45">
        <f t="shared" si="151"/>
        <v>44975.666666663834</v>
      </c>
    </row>
    <row r="1203" spans="2:14" x14ac:dyDescent="0.25">
      <c r="B1203">
        <f t="shared" si="145"/>
        <v>6</v>
      </c>
      <c r="C1203" s="16">
        <v>1169</v>
      </c>
      <c r="D1203" cm="1">
        <f t="array" ref="D1203">IFERROR(INDEX(Jesper!AH$2:AH$366,ROUNDDOWN($C1203/24,0)+1,1)*INDEX($D$3:$AA$30,INDEX(Jesper!$R$2:$R$366,ROW(INDEX(Jesper!AH$2:AH$366,ROUNDDOWN($C1203/24,0)+1,1))-1)+IF('Standard Profiles'!$G$18=$B$10,7,0)+IF('Standard Profiles'!$G$18=$B$17,14,0)+IF('Standard Profiles'!$G$18=$B$24,21,0),MOD($C1203,24)+1)/SUM(INDEX($D$3:$AA$30,INDEX(Jesper!$R$2:$R$366,ROW(INDEX(Jesper!AH$2:AH$366,ROUNDDOWN($C1203/24,0)+1,1))-1)+IF('Standard Profiles'!$G$18=$B$10,7,0)+IF('Standard Profiles'!$G$18=$B$17,14,0)+IF('Standard Profiles'!$G$18=$B$24,21,0),0)),0)</f>
        <v>0</v>
      </c>
      <c r="E1203" cm="1">
        <f t="array" ref="E1203">IFERROR(INDEX(Jesper!AI$2:AI$366,ROUNDDOWN($C1203/24,0)+1,1)*INDEX($D$3:$AA$30,INDEX(Jesper!$R$2:$R$366,ROW(INDEX(Jesper!AI$2:AI$366,ROUNDDOWN($C1203/24,0)+1,1))-1)+IF('Standard Profiles'!$G$19=$B$10,7,0)+IF('Standard Profiles'!$G$19=$B$17,14,0)+IF('Standard Profiles'!$G$19=$B$24,21,0),MOD($C1203,24)+1)/SUM(INDEX($D$3:$AA$30,INDEX(Jesper!$R$2:$R$366,ROW(INDEX(Jesper!AI$2:AI$366,ROUNDDOWN($C1203/24,0)+1,1))-1)+IF('Standard Profiles'!$G$19=$B$10,7,0)+IF('Standard Profiles'!$G$19=$B$17,14,0)+IF('Standard Profiles'!$G$19=$B$24,21,0),0)),0)</f>
        <v>3.075446922087949</v>
      </c>
      <c r="F1203" cm="1">
        <f t="array" ref="F1203">IFERROR(INDEX(Jesper!AJ$2:AJ$366,ROUNDDOWN($C1203/24,0)+1,1)*INDEX($D$3:$AA$30,INDEX(Jesper!$R$2:$R$366,ROW(INDEX(Jesper!AJ$2:AJ$366,ROUNDDOWN($C1203/24,0)+1,1))-1)+IF('Standard Profiles'!$G$20=$B$10,7,0)+IF('Standard Profiles'!$G$20=$B$17,14,0)+IF('Standard Profiles'!$G$20=$B$24,21,0),MOD($C1203,24)+1)/SUM(INDEX($D$3:$AA$30,INDEX(Jesper!$R$2:$R$366,ROW(INDEX(Jesper!AJ$2:AJ$366,ROUNDDOWN($C1203/24,0)+1,1))-1)+IF('Standard Profiles'!$G$20=$B$10,7,0)+IF('Standard Profiles'!$G$20=$B$17,14,0)+IF('Standard Profiles'!$G$20=$B$24,21,0),0)),0)</f>
        <v>1.8111057524716947</v>
      </c>
      <c r="G1203" cm="1">
        <f t="array" ref="G1203">IFERROR(INDEX(Jesper!AK$2:AK$366,ROUNDDOWN($C1203/24,0)+1,1)*INDEX($D$3:$AA$30,INDEX(Jesper!$R$2:$R$366,ROW(INDEX(Jesper!AK$2:AK$366,ROUNDDOWN($C1203/24,0)+1,1))-1)+IF('Standard Profiles'!$G$21=$B$10,7,0)+IF('Standard Profiles'!$G$21=$B$17,14,0)+IF('Standard Profiles'!$G$21=$B$24,21,0),MOD($C1203,24)+1)/SUM(INDEX($D$3:$AA$30,INDEX(Jesper!$R$2:$R$366,ROW(INDEX(Jesper!AK$2:AK$366,ROUNDDOWN($C1203/24,0)+1,1))-1)+IF('Standard Profiles'!$G$21=$B$10,7,0)+IF('Standard Profiles'!$G$21=$B$17,14,0)+IF('Standard Profiles'!$G$21=$B$24,21,0),0)),0)</f>
        <v>1.3558573231811994</v>
      </c>
      <c r="H1203" cm="1">
        <f t="array" ref="H1203">IFERROR(INDEX(Jesper!AL$2:AL$366,ROUNDDOWN($C1203/24,0)+1,1)*INDEX($D$3:$AA$30,INDEX(Jesper!$R$2:$R$366,ROW(INDEX(Jesper!AL$2:AL$366,ROUNDDOWN($C1203/24,0)+1,1))-1)+IF('Standard Profiles'!$G$22=$B$10,7,0)+IF('Standard Profiles'!$G$22=$B$17,14,0)+IF('Standard Profiles'!$G$22=$B$24,21,0),MOD($C1203,24)+1)/SUM(INDEX($D$3:$AA$30,INDEX(Jesper!$R$2:$R$366,ROW(INDEX(Jesper!AL$2:AL$366,ROUNDDOWN($C1203/24,0)+1,1))-1)+IF('Standard Profiles'!$G$22=$B$10,7,0)+IF('Standard Profiles'!$G$22=$B$17,14,0)+IF('Standard Profiles'!$G$22=$B$24,21,0),0)),0)</f>
        <v>0.68928056701820317</v>
      </c>
      <c r="I1203">
        <f t="shared" si="146"/>
        <v>0.66170934433747541</v>
      </c>
      <c r="J1203">
        <f t="shared" si="147"/>
        <v>5.9009275897710172</v>
      </c>
      <c r="K1203">
        <f t="shared" si="148"/>
        <v>0.24603575376703593</v>
      </c>
      <c r="L1203">
        <f t="shared" si="149"/>
        <v>0.12301787688351797</v>
      </c>
      <c r="M1203">
        <f t="shared" si="150"/>
        <v>0</v>
      </c>
      <c r="N1203" s="45">
        <f t="shared" si="151"/>
        <v>44975.708333330498</v>
      </c>
    </row>
    <row r="1204" spans="2:14" x14ac:dyDescent="0.25">
      <c r="B1204">
        <f t="shared" si="145"/>
        <v>6</v>
      </c>
      <c r="C1204" s="16">
        <v>1170</v>
      </c>
      <c r="D1204" cm="1">
        <f t="array" ref="D1204">IFERROR(INDEX(Jesper!AH$2:AH$366,ROUNDDOWN($C1204/24,0)+1,1)*INDEX($D$3:$AA$30,INDEX(Jesper!$R$2:$R$366,ROW(INDEX(Jesper!AH$2:AH$366,ROUNDDOWN($C1204/24,0)+1,1))-1)+IF('Standard Profiles'!$G$18=$B$10,7,0)+IF('Standard Profiles'!$G$18=$B$17,14,0)+IF('Standard Profiles'!$G$18=$B$24,21,0),MOD($C1204,24)+1)/SUM(INDEX($D$3:$AA$30,INDEX(Jesper!$R$2:$R$366,ROW(INDEX(Jesper!AH$2:AH$366,ROUNDDOWN($C1204/24,0)+1,1))-1)+IF('Standard Profiles'!$G$18=$B$10,7,0)+IF('Standard Profiles'!$G$18=$B$17,14,0)+IF('Standard Profiles'!$G$18=$B$24,21,0),0)),0)</f>
        <v>0</v>
      </c>
      <c r="E1204" cm="1">
        <f t="array" ref="E1204">IFERROR(INDEX(Jesper!AI$2:AI$366,ROUNDDOWN($C1204/24,0)+1,1)*INDEX($D$3:$AA$30,INDEX(Jesper!$R$2:$R$366,ROW(INDEX(Jesper!AI$2:AI$366,ROUNDDOWN($C1204/24,0)+1,1))-1)+IF('Standard Profiles'!$G$19=$B$10,7,0)+IF('Standard Profiles'!$G$19=$B$17,14,0)+IF('Standard Profiles'!$G$19=$B$24,21,0),MOD($C1204,24)+1)/SUM(INDEX($D$3:$AA$30,INDEX(Jesper!$R$2:$R$366,ROW(INDEX(Jesper!AI$2:AI$366,ROUNDDOWN($C1204/24,0)+1,1))-1)+IF('Standard Profiles'!$G$19=$B$10,7,0)+IF('Standard Profiles'!$G$19=$B$17,14,0)+IF('Standard Profiles'!$G$19=$B$24,21,0),0)),0)</f>
        <v>3.075446922087949</v>
      </c>
      <c r="F1204" cm="1">
        <f t="array" ref="F1204">IFERROR(INDEX(Jesper!AJ$2:AJ$366,ROUNDDOWN($C1204/24,0)+1,1)*INDEX($D$3:$AA$30,INDEX(Jesper!$R$2:$R$366,ROW(INDEX(Jesper!AJ$2:AJ$366,ROUNDDOWN($C1204/24,0)+1,1))-1)+IF('Standard Profiles'!$G$20=$B$10,7,0)+IF('Standard Profiles'!$G$20=$B$17,14,0)+IF('Standard Profiles'!$G$20=$B$24,21,0),MOD($C1204,24)+1)/SUM(INDEX($D$3:$AA$30,INDEX(Jesper!$R$2:$R$366,ROW(INDEX(Jesper!AJ$2:AJ$366,ROUNDDOWN($C1204/24,0)+1,1))-1)+IF('Standard Profiles'!$G$20=$B$10,7,0)+IF('Standard Profiles'!$G$20=$B$17,14,0)+IF('Standard Profiles'!$G$20=$B$24,21,0),0)),0)</f>
        <v>1.8111057524716947</v>
      </c>
      <c r="G1204" cm="1">
        <f t="array" ref="G1204">IFERROR(INDEX(Jesper!AK$2:AK$366,ROUNDDOWN($C1204/24,0)+1,1)*INDEX($D$3:$AA$30,INDEX(Jesper!$R$2:$R$366,ROW(INDEX(Jesper!AK$2:AK$366,ROUNDDOWN($C1204/24,0)+1,1))-1)+IF('Standard Profiles'!$G$21=$B$10,7,0)+IF('Standard Profiles'!$G$21=$B$17,14,0)+IF('Standard Profiles'!$G$21=$B$24,21,0),MOD($C1204,24)+1)/SUM(INDEX($D$3:$AA$30,INDEX(Jesper!$R$2:$R$366,ROW(INDEX(Jesper!AK$2:AK$366,ROUNDDOWN($C1204/24,0)+1,1))-1)+IF('Standard Profiles'!$G$21=$B$10,7,0)+IF('Standard Profiles'!$G$21=$B$17,14,0)+IF('Standard Profiles'!$G$21=$B$24,21,0),0)),0)</f>
        <v>1.3558573231811994</v>
      </c>
      <c r="H1204" cm="1">
        <f t="array" ref="H1204">IFERROR(INDEX(Jesper!AL$2:AL$366,ROUNDDOWN($C1204/24,0)+1,1)*INDEX($D$3:$AA$30,INDEX(Jesper!$R$2:$R$366,ROW(INDEX(Jesper!AL$2:AL$366,ROUNDDOWN($C1204/24,0)+1,1))-1)+IF('Standard Profiles'!$G$22=$B$10,7,0)+IF('Standard Profiles'!$G$22=$B$17,14,0)+IF('Standard Profiles'!$G$22=$B$24,21,0),MOD($C1204,24)+1)/SUM(INDEX($D$3:$AA$30,INDEX(Jesper!$R$2:$R$366,ROW(INDEX(Jesper!AL$2:AL$366,ROUNDDOWN($C1204/24,0)+1,1))-1)+IF('Standard Profiles'!$G$22=$B$10,7,0)+IF('Standard Profiles'!$G$22=$B$17,14,0)+IF('Standard Profiles'!$G$22=$B$24,21,0),0)),0)</f>
        <v>0.66375165712864015</v>
      </c>
      <c r="I1204">
        <f t="shared" si="146"/>
        <v>0.63720159084349492</v>
      </c>
      <c r="J1204">
        <f t="shared" si="147"/>
        <v>5.8999064333754347</v>
      </c>
      <c r="K1204">
        <f t="shared" si="148"/>
        <v>0.24603575376703593</v>
      </c>
      <c r="L1204">
        <f t="shared" si="149"/>
        <v>0.12301787688351797</v>
      </c>
      <c r="M1204">
        <f t="shared" si="150"/>
        <v>0</v>
      </c>
      <c r="N1204" s="45">
        <f t="shared" si="151"/>
        <v>44975.749999997162</v>
      </c>
    </row>
    <row r="1205" spans="2:14" x14ac:dyDescent="0.25">
      <c r="B1205">
        <f t="shared" si="145"/>
        <v>6</v>
      </c>
      <c r="C1205" s="16">
        <v>1171</v>
      </c>
      <c r="D1205" cm="1">
        <f t="array" ref="D1205">IFERROR(INDEX(Jesper!AH$2:AH$366,ROUNDDOWN($C1205/24,0)+1,1)*INDEX($D$3:$AA$30,INDEX(Jesper!$R$2:$R$366,ROW(INDEX(Jesper!AH$2:AH$366,ROUNDDOWN($C1205/24,0)+1,1))-1)+IF('Standard Profiles'!$G$18=$B$10,7,0)+IF('Standard Profiles'!$G$18=$B$17,14,0)+IF('Standard Profiles'!$G$18=$B$24,21,0),MOD($C1205,24)+1)/SUM(INDEX($D$3:$AA$30,INDEX(Jesper!$R$2:$R$366,ROW(INDEX(Jesper!AH$2:AH$366,ROUNDDOWN($C1205/24,0)+1,1))-1)+IF('Standard Profiles'!$G$18=$B$10,7,0)+IF('Standard Profiles'!$G$18=$B$17,14,0)+IF('Standard Profiles'!$G$18=$B$24,21,0),0)),0)</f>
        <v>0</v>
      </c>
      <c r="E1205" cm="1">
        <f t="array" ref="E1205">IFERROR(INDEX(Jesper!AI$2:AI$366,ROUNDDOWN($C1205/24,0)+1,1)*INDEX($D$3:$AA$30,INDEX(Jesper!$R$2:$R$366,ROW(INDEX(Jesper!AI$2:AI$366,ROUNDDOWN($C1205/24,0)+1,1))-1)+IF('Standard Profiles'!$G$19=$B$10,7,0)+IF('Standard Profiles'!$G$19=$B$17,14,0)+IF('Standard Profiles'!$G$19=$B$24,21,0),MOD($C1205,24)+1)/SUM(INDEX($D$3:$AA$30,INDEX(Jesper!$R$2:$R$366,ROW(INDEX(Jesper!AI$2:AI$366,ROUNDDOWN($C1205/24,0)+1,1))-1)+IF('Standard Profiles'!$G$19=$B$10,7,0)+IF('Standard Profiles'!$G$19=$B$17,14,0)+IF('Standard Profiles'!$G$19=$B$24,21,0),0)),0)</f>
        <v>3.075446922087949</v>
      </c>
      <c r="F1205" cm="1">
        <f t="array" ref="F1205">IFERROR(INDEX(Jesper!AJ$2:AJ$366,ROUNDDOWN($C1205/24,0)+1,1)*INDEX($D$3:$AA$30,INDEX(Jesper!$R$2:$R$366,ROW(INDEX(Jesper!AJ$2:AJ$366,ROUNDDOWN($C1205/24,0)+1,1))-1)+IF('Standard Profiles'!$G$20=$B$10,7,0)+IF('Standard Profiles'!$G$20=$B$17,14,0)+IF('Standard Profiles'!$G$20=$B$24,21,0),MOD($C1205,24)+1)/SUM(INDEX($D$3:$AA$30,INDEX(Jesper!$R$2:$R$366,ROW(INDEX(Jesper!AJ$2:AJ$366,ROUNDDOWN($C1205/24,0)+1,1))-1)+IF('Standard Profiles'!$G$20=$B$10,7,0)+IF('Standard Profiles'!$G$20=$B$17,14,0)+IF('Standard Profiles'!$G$20=$B$24,21,0),0)),0)</f>
        <v>1.8111057524716947</v>
      </c>
      <c r="G1205" cm="1">
        <f t="array" ref="G1205">IFERROR(INDEX(Jesper!AK$2:AK$366,ROUNDDOWN($C1205/24,0)+1,1)*INDEX($D$3:$AA$30,INDEX(Jesper!$R$2:$R$366,ROW(INDEX(Jesper!AK$2:AK$366,ROUNDDOWN($C1205/24,0)+1,1))-1)+IF('Standard Profiles'!$G$21=$B$10,7,0)+IF('Standard Profiles'!$G$21=$B$17,14,0)+IF('Standard Profiles'!$G$21=$B$24,21,0),MOD($C1205,24)+1)/SUM(INDEX($D$3:$AA$30,INDEX(Jesper!$R$2:$R$366,ROW(INDEX(Jesper!AK$2:AK$366,ROUNDDOWN($C1205/24,0)+1,1))-1)+IF('Standard Profiles'!$G$21=$B$10,7,0)+IF('Standard Profiles'!$G$21=$B$17,14,0)+IF('Standard Profiles'!$G$21=$B$24,21,0),0)),0)</f>
        <v>1.3558573231811994</v>
      </c>
      <c r="H1205" cm="1">
        <f t="array" ref="H1205">IFERROR(INDEX(Jesper!AL$2:AL$366,ROUNDDOWN($C1205/24,0)+1,1)*INDEX($D$3:$AA$30,INDEX(Jesper!$R$2:$R$366,ROW(INDEX(Jesper!AL$2:AL$366,ROUNDDOWN($C1205/24,0)+1,1))-1)+IF('Standard Profiles'!$G$22=$B$10,7,0)+IF('Standard Profiles'!$G$22=$B$17,14,0)+IF('Standard Profiles'!$G$22=$B$24,21,0),MOD($C1205,24)+1)/SUM(INDEX($D$3:$AA$30,INDEX(Jesper!$R$2:$R$366,ROW(INDEX(Jesper!AL$2:AL$366,ROUNDDOWN($C1205/24,0)+1,1))-1)+IF('Standard Profiles'!$G$22=$B$10,7,0)+IF('Standard Profiles'!$G$22=$B$17,14,0)+IF('Standard Profiles'!$G$22=$B$24,21,0),0)),0)</f>
        <v>0.53610710768082459</v>
      </c>
      <c r="I1205">
        <f t="shared" si="146"/>
        <v>0.51466282337359193</v>
      </c>
      <c r="J1205">
        <f t="shared" si="147"/>
        <v>5.8948006513975217</v>
      </c>
      <c r="K1205">
        <f t="shared" si="148"/>
        <v>0.24603575376703593</v>
      </c>
      <c r="L1205">
        <f t="shared" si="149"/>
        <v>0.12301787688351797</v>
      </c>
      <c r="M1205">
        <f t="shared" si="150"/>
        <v>0</v>
      </c>
      <c r="N1205" s="45">
        <f t="shared" si="151"/>
        <v>44975.791666663827</v>
      </c>
    </row>
    <row r="1206" spans="2:14" x14ac:dyDescent="0.25">
      <c r="B1206">
        <f t="shared" si="145"/>
        <v>6</v>
      </c>
      <c r="C1206" s="16">
        <v>1172</v>
      </c>
      <c r="D1206" cm="1">
        <f t="array" ref="D1206">IFERROR(INDEX(Jesper!AH$2:AH$366,ROUNDDOWN($C1206/24,0)+1,1)*INDEX($D$3:$AA$30,INDEX(Jesper!$R$2:$R$366,ROW(INDEX(Jesper!AH$2:AH$366,ROUNDDOWN($C1206/24,0)+1,1))-1)+IF('Standard Profiles'!$G$18=$B$10,7,0)+IF('Standard Profiles'!$G$18=$B$17,14,0)+IF('Standard Profiles'!$G$18=$B$24,21,0),MOD($C1206,24)+1)/SUM(INDEX($D$3:$AA$30,INDEX(Jesper!$R$2:$R$366,ROW(INDEX(Jesper!AH$2:AH$366,ROUNDDOWN($C1206/24,0)+1,1))-1)+IF('Standard Profiles'!$G$18=$B$10,7,0)+IF('Standard Profiles'!$G$18=$B$17,14,0)+IF('Standard Profiles'!$G$18=$B$24,21,0),0)),0)</f>
        <v>0</v>
      </c>
      <c r="E1206" cm="1">
        <f t="array" ref="E1206">IFERROR(INDEX(Jesper!AI$2:AI$366,ROUNDDOWN($C1206/24,0)+1,1)*INDEX($D$3:$AA$30,INDEX(Jesper!$R$2:$R$366,ROW(INDEX(Jesper!AI$2:AI$366,ROUNDDOWN($C1206/24,0)+1,1))-1)+IF('Standard Profiles'!$G$19=$B$10,7,0)+IF('Standard Profiles'!$G$19=$B$17,14,0)+IF('Standard Profiles'!$G$19=$B$24,21,0),MOD($C1206,24)+1)/SUM(INDEX($D$3:$AA$30,INDEX(Jesper!$R$2:$R$366,ROW(INDEX(Jesper!AI$2:AI$366,ROUNDDOWN($C1206/24,0)+1,1))-1)+IF('Standard Profiles'!$G$19=$B$10,7,0)+IF('Standard Profiles'!$G$19=$B$17,14,0)+IF('Standard Profiles'!$G$19=$B$24,21,0),0)),0)</f>
        <v>3.075446922087949</v>
      </c>
      <c r="F1206" cm="1">
        <f t="array" ref="F1206">IFERROR(INDEX(Jesper!AJ$2:AJ$366,ROUNDDOWN($C1206/24,0)+1,1)*INDEX($D$3:$AA$30,INDEX(Jesper!$R$2:$R$366,ROW(INDEX(Jesper!AJ$2:AJ$366,ROUNDDOWN($C1206/24,0)+1,1))-1)+IF('Standard Profiles'!$G$20=$B$10,7,0)+IF('Standard Profiles'!$G$20=$B$17,14,0)+IF('Standard Profiles'!$G$20=$B$24,21,0),MOD($C1206,24)+1)/SUM(INDEX($D$3:$AA$30,INDEX(Jesper!$R$2:$R$366,ROW(INDEX(Jesper!AJ$2:AJ$366,ROUNDDOWN($C1206/24,0)+1,1))-1)+IF('Standard Profiles'!$G$20=$B$10,7,0)+IF('Standard Profiles'!$G$20=$B$17,14,0)+IF('Standard Profiles'!$G$20=$B$24,21,0),0)),0)</f>
        <v>1.8111057524716947</v>
      </c>
      <c r="G1206" cm="1">
        <f t="array" ref="G1206">IFERROR(INDEX(Jesper!AK$2:AK$366,ROUNDDOWN($C1206/24,0)+1,1)*INDEX($D$3:$AA$30,INDEX(Jesper!$R$2:$R$366,ROW(INDEX(Jesper!AK$2:AK$366,ROUNDDOWN($C1206/24,0)+1,1))-1)+IF('Standard Profiles'!$G$21=$B$10,7,0)+IF('Standard Profiles'!$G$21=$B$17,14,0)+IF('Standard Profiles'!$G$21=$B$24,21,0),MOD($C1206,24)+1)/SUM(INDEX($D$3:$AA$30,INDEX(Jesper!$R$2:$R$366,ROW(INDEX(Jesper!AK$2:AK$366,ROUNDDOWN($C1206/24,0)+1,1))-1)+IF('Standard Profiles'!$G$21=$B$10,7,0)+IF('Standard Profiles'!$G$21=$B$17,14,0)+IF('Standard Profiles'!$G$21=$B$24,21,0),0)),0)</f>
        <v>1.3558573231811994</v>
      </c>
      <c r="H1206" cm="1">
        <f t="array" ref="H1206">IFERROR(INDEX(Jesper!AL$2:AL$366,ROUNDDOWN($C1206/24,0)+1,1)*INDEX($D$3:$AA$30,INDEX(Jesper!$R$2:$R$366,ROW(INDEX(Jesper!AL$2:AL$366,ROUNDDOWN($C1206/24,0)+1,1))-1)+IF('Standard Profiles'!$G$22=$B$10,7,0)+IF('Standard Profiles'!$G$22=$B$17,14,0)+IF('Standard Profiles'!$G$22=$B$24,21,0),MOD($C1206,24)+1)/SUM(INDEX($D$3:$AA$30,INDEX(Jesper!$R$2:$R$366,ROW(INDEX(Jesper!AL$2:AL$366,ROUNDDOWN($C1206/24,0)+1,1))-1)+IF('Standard Profiles'!$G$22=$B$10,7,0)+IF('Standard Profiles'!$G$22=$B$17,14,0)+IF('Standard Profiles'!$G$22=$B$24,21,0),0)),0)</f>
        <v>0.39569810328822774</v>
      </c>
      <c r="I1206">
        <f t="shared" si="146"/>
        <v>0.37987017915669885</v>
      </c>
      <c r="J1206">
        <f t="shared" si="147"/>
        <v>5.8891842912218175</v>
      </c>
      <c r="K1206">
        <f t="shared" si="148"/>
        <v>0.24603575376703593</v>
      </c>
      <c r="L1206">
        <f t="shared" si="149"/>
        <v>0.12301787688351797</v>
      </c>
      <c r="M1206">
        <f t="shared" si="150"/>
        <v>0</v>
      </c>
      <c r="N1206" s="45">
        <f t="shared" si="151"/>
        <v>44975.833333330491</v>
      </c>
    </row>
    <row r="1207" spans="2:14" x14ac:dyDescent="0.25">
      <c r="B1207">
        <f t="shared" si="145"/>
        <v>6</v>
      </c>
      <c r="C1207" s="16">
        <v>1173</v>
      </c>
      <c r="D1207" cm="1">
        <f t="array" ref="D1207">IFERROR(INDEX(Jesper!AH$2:AH$366,ROUNDDOWN($C1207/24,0)+1,1)*INDEX($D$3:$AA$30,INDEX(Jesper!$R$2:$R$366,ROW(INDEX(Jesper!AH$2:AH$366,ROUNDDOWN($C1207/24,0)+1,1))-1)+IF('Standard Profiles'!$G$18=$B$10,7,0)+IF('Standard Profiles'!$G$18=$B$17,14,0)+IF('Standard Profiles'!$G$18=$B$24,21,0),MOD($C1207,24)+1)/SUM(INDEX($D$3:$AA$30,INDEX(Jesper!$R$2:$R$366,ROW(INDEX(Jesper!AH$2:AH$366,ROUNDDOWN($C1207/24,0)+1,1))-1)+IF('Standard Profiles'!$G$18=$B$10,7,0)+IF('Standard Profiles'!$G$18=$B$17,14,0)+IF('Standard Profiles'!$G$18=$B$24,21,0),0)),0)</f>
        <v>0</v>
      </c>
      <c r="E1207" cm="1">
        <f t="array" ref="E1207">IFERROR(INDEX(Jesper!AI$2:AI$366,ROUNDDOWN($C1207/24,0)+1,1)*INDEX($D$3:$AA$30,INDEX(Jesper!$R$2:$R$366,ROW(INDEX(Jesper!AI$2:AI$366,ROUNDDOWN($C1207/24,0)+1,1))-1)+IF('Standard Profiles'!$G$19=$B$10,7,0)+IF('Standard Profiles'!$G$19=$B$17,14,0)+IF('Standard Profiles'!$G$19=$B$24,21,0),MOD($C1207,24)+1)/SUM(INDEX($D$3:$AA$30,INDEX(Jesper!$R$2:$R$366,ROW(INDEX(Jesper!AI$2:AI$366,ROUNDDOWN($C1207/24,0)+1,1))-1)+IF('Standard Profiles'!$G$19=$B$10,7,0)+IF('Standard Profiles'!$G$19=$B$17,14,0)+IF('Standard Profiles'!$G$19=$B$24,21,0),0)),0)</f>
        <v>3.075446922087949</v>
      </c>
      <c r="F1207" cm="1">
        <f t="array" ref="F1207">IFERROR(INDEX(Jesper!AJ$2:AJ$366,ROUNDDOWN($C1207/24,0)+1,1)*INDEX($D$3:$AA$30,INDEX(Jesper!$R$2:$R$366,ROW(INDEX(Jesper!AJ$2:AJ$366,ROUNDDOWN($C1207/24,0)+1,1))-1)+IF('Standard Profiles'!$G$20=$B$10,7,0)+IF('Standard Profiles'!$G$20=$B$17,14,0)+IF('Standard Profiles'!$G$20=$B$24,21,0),MOD($C1207,24)+1)/SUM(INDEX($D$3:$AA$30,INDEX(Jesper!$R$2:$R$366,ROW(INDEX(Jesper!AJ$2:AJ$366,ROUNDDOWN($C1207/24,0)+1,1))-1)+IF('Standard Profiles'!$G$20=$B$10,7,0)+IF('Standard Profiles'!$G$20=$B$17,14,0)+IF('Standard Profiles'!$G$20=$B$24,21,0),0)),0)</f>
        <v>1.8111057524716947</v>
      </c>
      <c r="G1207" cm="1">
        <f t="array" ref="G1207">IFERROR(INDEX(Jesper!AK$2:AK$366,ROUNDDOWN($C1207/24,0)+1,1)*INDEX($D$3:$AA$30,INDEX(Jesper!$R$2:$R$366,ROW(INDEX(Jesper!AK$2:AK$366,ROUNDDOWN($C1207/24,0)+1,1))-1)+IF('Standard Profiles'!$G$21=$B$10,7,0)+IF('Standard Profiles'!$G$21=$B$17,14,0)+IF('Standard Profiles'!$G$21=$B$24,21,0),MOD($C1207,24)+1)/SUM(INDEX($D$3:$AA$30,INDEX(Jesper!$R$2:$R$366,ROW(INDEX(Jesper!AK$2:AK$366,ROUNDDOWN($C1207/24,0)+1,1))-1)+IF('Standard Profiles'!$G$21=$B$10,7,0)+IF('Standard Profiles'!$G$21=$B$17,14,0)+IF('Standard Profiles'!$G$21=$B$24,21,0),0)),0)</f>
        <v>1.3558573231811994</v>
      </c>
      <c r="H1207" cm="1">
        <f t="array" ref="H1207">IFERROR(INDEX(Jesper!AL$2:AL$366,ROUNDDOWN($C1207/24,0)+1,1)*INDEX($D$3:$AA$30,INDEX(Jesper!$R$2:$R$366,ROW(INDEX(Jesper!AL$2:AL$366,ROUNDDOWN($C1207/24,0)+1,1))-1)+IF('Standard Profiles'!$G$22=$B$10,7,0)+IF('Standard Profiles'!$G$22=$B$17,14,0)+IF('Standard Profiles'!$G$22=$B$24,21,0),MOD($C1207,24)+1)/SUM(INDEX($D$3:$AA$30,INDEX(Jesper!$R$2:$R$366,ROW(INDEX(Jesper!AL$2:AL$366,ROUNDDOWN($C1207/24,0)+1,1))-1)+IF('Standard Profiles'!$G$22=$B$10,7,0)+IF('Standard Profiles'!$G$22=$B$17,14,0)+IF('Standard Profiles'!$G$22=$B$24,21,0),0)),0)</f>
        <v>0.39569810328822774</v>
      </c>
      <c r="I1207">
        <f t="shared" si="146"/>
        <v>0.37987017915669885</v>
      </c>
      <c r="J1207">
        <f t="shared" si="147"/>
        <v>5.8891842912218175</v>
      </c>
      <c r="K1207">
        <f t="shared" si="148"/>
        <v>0.24603575376703593</v>
      </c>
      <c r="L1207">
        <f t="shared" si="149"/>
        <v>0.12301787688351797</v>
      </c>
      <c r="M1207">
        <f t="shared" si="150"/>
        <v>0</v>
      </c>
      <c r="N1207" s="45">
        <f t="shared" si="151"/>
        <v>44975.874999997155</v>
      </c>
    </row>
    <row r="1208" spans="2:14" x14ac:dyDescent="0.25">
      <c r="B1208">
        <f t="shared" si="145"/>
        <v>6</v>
      </c>
      <c r="C1208" s="16">
        <v>1174</v>
      </c>
      <c r="D1208" cm="1">
        <f t="array" ref="D1208">IFERROR(INDEX(Jesper!AH$2:AH$366,ROUNDDOWN($C1208/24,0)+1,1)*INDEX($D$3:$AA$30,INDEX(Jesper!$R$2:$R$366,ROW(INDEX(Jesper!AH$2:AH$366,ROUNDDOWN($C1208/24,0)+1,1))-1)+IF('Standard Profiles'!$G$18=$B$10,7,0)+IF('Standard Profiles'!$G$18=$B$17,14,0)+IF('Standard Profiles'!$G$18=$B$24,21,0),MOD($C1208,24)+1)/SUM(INDEX($D$3:$AA$30,INDEX(Jesper!$R$2:$R$366,ROW(INDEX(Jesper!AH$2:AH$366,ROUNDDOWN($C1208/24,0)+1,1))-1)+IF('Standard Profiles'!$G$18=$B$10,7,0)+IF('Standard Profiles'!$G$18=$B$17,14,0)+IF('Standard Profiles'!$G$18=$B$24,21,0),0)),0)</f>
        <v>0</v>
      </c>
      <c r="E1208" cm="1">
        <f t="array" ref="E1208">IFERROR(INDEX(Jesper!AI$2:AI$366,ROUNDDOWN($C1208/24,0)+1,1)*INDEX($D$3:$AA$30,INDEX(Jesper!$R$2:$R$366,ROW(INDEX(Jesper!AI$2:AI$366,ROUNDDOWN($C1208/24,0)+1,1))-1)+IF('Standard Profiles'!$G$19=$B$10,7,0)+IF('Standard Profiles'!$G$19=$B$17,14,0)+IF('Standard Profiles'!$G$19=$B$24,21,0),MOD($C1208,24)+1)/SUM(INDEX($D$3:$AA$30,INDEX(Jesper!$R$2:$R$366,ROW(INDEX(Jesper!AI$2:AI$366,ROUNDDOWN($C1208/24,0)+1,1))-1)+IF('Standard Profiles'!$G$19=$B$10,7,0)+IF('Standard Profiles'!$G$19=$B$17,14,0)+IF('Standard Profiles'!$G$19=$B$24,21,0),0)),0)</f>
        <v>3.075446922087949</v>
      </c>
      <c r="F1208" cm="1">
        <f t="array" ref="F1208">IFERROR(INDEX(Jesper!AJ$2:AJ$366,ROUNDDOWN($C1208/24,0)+1,1)*INDEX($D$3:$AA$30,INDEX(Jesper!$R$2:$R$366,ROW(INDEX(Jesper!AJ$2:AJ$366,ROUNDDOWN($C1208/24,0)+1,1))-1)+IF('Standard Profiles'!$G$20=$B$10,7,0)+IF('Standard Profiles'!$G$20=$B$17,14,0)+IF('Standard Profiles'!$G$20=$B$24,21,0),MOD($C1208,24)+1)/SUM(INDEX($D$3:$AA$30,INDEX(Jesper!$R$2:$R$366,ROW(INDEX(Jesper!AJ$2:AJ$366,ROUNDDOWN($C1208/24,0)+1,1))-1)+IF('Standard Profiles'!$G$20=$B$10,7,0)+IF('Standard Profiles'!$G$20=$B$17,14,0)+IF('Standard Profiles'!$G$20=$B$24,21,0),0)),0)</f>
        <v>1.8111057524716947</v>
      </c>
      <c r="G1208" cm="1">
        <f t="array" ref="G1208">IFERROR(INDEX(Jesper!AK$2:AK$366,ROUNDDOWN($C1208/24,0)+1,1)*INDEX($D$3:$AA$30,INDEX(Jesper!$R$2:$R$366,ROW(INDEX(Jesper!AK$2:AK$366,ROUNDDOWN($C1208/24,0)+1,1))-1)+IF('Standard Profiles'!$G$21=$B$10,7,0)+IF('Standard Profiles'!$G$21=$B$17,14,0)+IF('Standard Profiles'!$G$21=$B$24,21,0),MOD($C1208,24)+1)/SUM(INDEX($D$3:$AA$30,INDEX(Jesper!$R$2:$R$366,ROW(INDEX(Jesper!AK$2:AK$366,ROUNDDOWN($C1208/24,0)+1,1))-1)+IF('Standard Profiles'!$G$21=$B$10,7,0)+IF('Standard Profiles'!$G$21=$B$17,14,0)+IF('Standard Profiles'!$G$21=$B$24,21,0),0)),0)</f>
        <v>1.3558573231811994</v>
      </c>
      <c r="H1208" cm="1">
        <f t="array" ref="H1208">IFERROR(INDEX(Jesper!AL$2:AL$366,ROUNDDOWN($C1208/24,0)+1,1)*INDEX($D$3:$AA$30,INDEX(Jesper!$R$2:$R$366,ROW(INDEX(Jesper!AL$2:AL$366,ROUNDDOWN($C1208/24,0)+1,1))-1)+IF('Standard Profiles'!$G$22=$B$10,7,0)+IF('Standard Profiles'!$G$22=$B$17,14,0)+IF('Standard Profiles'!$G$22=$B$24,21,0),MOD($C1208,24)+1)/SUM(INDEX($D$3:$AA$30,INDEX(Jesper!$R$2:$R$366,ROW(INDEX(Jesper!AL$2:AL$366,ROUNDDOWN($C1208/24,0)+1,1))-1)+IF('Standard Profiles'!$G$22=$B$10,7,0)+IF('Standard Profiles'!$G$22=$B$17,14,0)+IF('Standard Profiles'!$G$22=$B$24,21,0),0)),0)</f>
        <v>0.39569810328822774</v>
      </c>
      <c r="I1208">
        <f t="shared" si="146"/>
        <v>0.37987017915669885</v>
      </c>
      <c r="J1208">
        <f t="shared" si="147"/>
        <v>5.8891842912218175</v>
      </c>
      <c r="K1208">
        <f t="shared" si="148"/>
        <v>0.24603575376703593</v>
      </c>
      <c r="L1208">
        <f t="shared" si="149"/>
        <v>0.12301787688351797</v>
      </c>
      <c r="M1208">
        <f t="shared" si="150"/>
        <v>0</v>
      </c>
      <c r="N1208" s="45">
        <f t="shared" si="151"/>
        <v>44975.916666663819</v>
      </c>
    </row>
    <row r="1209" spans="2:14" x14ac:dyDescent="0.25">
      <c r="B1209">
        <f t="shared" si="145"/>
        <v>6</v>
      </c>
      <c r="C1209" s="16">
        <v>1175</v>
      </c>
      <c r="D1209" cm="1">
        <f t="array" ref="D1209">IFERROR(INDEX(Jesper!AH$2:AH$366,ROUNDDOWN($C1209/24,0)+1,1)*INDEX($D$3:$AA$30,INDEX(Jesper!$R$2:$R$366,ROW(INDEX(Jesper!AH$2:AH$366,ROUNDDOWN($C1209/24,0)+1,1))-1)+IF('Standard Profiles'!$G$18=$B$10,7,0)+IF('Standard Profiles'!$G$18=$B$17,14,0)+IF('Standard Profiles'!$G$18=$B$24,21,0),MOD($C1209,24)+1)/SUM(INDEX($D$3:$AA$30,INDEX(Jesper!$R$2:$R$366,ROW(INDEX(Jesper!AH$2:AH$366,ROUNDDOWN($C1209/24,0)+1,1))-1)+IF('Standard Profiles'!$G$18=$B$10,7,0)+IF('Standard Profiles'!$G$18=$B$17,14,0)+IF('Standard Profiles'!$G$18=$B$24,21,0),0)),0)</f>
        <v>0</v>
      </c>
      <c r="E1209" cm="1">
        <f t="array" ref="E1209">IFERROR(INDEX(Jesper!AI$2:AI$366,ROUNDDOWN($C1209/24,0)+1,1)*INDEX($D$3:$AA$30,INDEX(Jesper!$R$2:$R$366,ROW(INDEX(Jesper!AI$2:AI$366,ROUNDDOWN($C1209/24,0)+1,1))-1)+IF('Standard Profiles'!$G$19=$B$10,7,0)+IF('Standard Profiles'!$G$19=$B$17,14,0)+IF('Standard Profiles'!$G$19=$B$24,21,0),MOD($C1209,24)+1)/SUM(INDEX($D$3:$AA$30,INDEX(Jesper!$R$2:$R$366,ROW(INDEX(Jesper!AI$2:AI$366,ROUNDDOWN($C1209/24,0)+1,1))-1)+IF('Standard Profiles'!$G$19=$B$10,7,0)+IF('Standard Profiles'!$G$19=$B$17,14,0)+IF('Standard Profiles'!$G$19=$B$24,21,0),0)),0)</f>
        <v>3.075446922087949</v>
      </c>
      <c r="F1209" cm="1">
        <f t="array" ref="F1209">IFERROR(INDEX(Jesper!AJ$2:AJ$366,ROUNDDOWN($C1209/24,0)+1,1)*INDEX($D$3:$AA$30,INDEX(Jesper!$R$2:$R$366,ROW(INDEX(Jesper!AJ$2:AJ$366,ROUNDDOWN($C1209/24,0)+1,1))-1)+IF('Standard Profiles'!$G$20=$B$10,7,0)+IF('Standard Profiles'!$G$20=$B$17,14,0)+IF('Standard Profiles'!$G$20=$B$24,21,0),MOD($C1209,24)+1)/SUM(INDEX($D$3:$AA$30,INDEX(Jesper!$R$2:$R$366,ROW(INDEX(Jesper!AJ$2:AJ$366,ROUNDDOWN($C1209/24,0)+1,1))-1)+IF('Standard Profiles'!$G$20=$B$10,7,0)+IF('Standard Profiles'!$G$20=$B$17,14,0)+IF('Standard Profiles'!$G$20=$B$24,21,0),0)),0)</f>
        <v>1.8111057524716947</v>
      </c>
      <c r="G1209" cm="1">
        <f t="array" ref="G1209">IFERROR(INDEX(Jesper!AK$2:AK$366,ROUNDDOWN($C1209/24,0)+1,1)*INDEX($D$3:$AA$30,INDEX(Jesper!$R$2:$R$366,ROW(INDEX(Jesper!AK$2:AK$366,ROUNDDOWN($C1209/24,0)+1,1))-1)+IF('Standard Profiles'!$G$21=$B$10,7,0)+IF('Standard Profiles'!$G$21=$B$17,14,0)+IF('Standard Profiles'!$G$21=$B$24,21,0),MOD($C1209,24)+1)/SUM(INDEX($D$3:$AA$30,INDEX(Jesper!$R$2:$R$366,ROW(INDEX(Jesper!AK$2:AK$366,ROUNDDOWN($C1209/24,0)+1,1))-1)+IF('Standard Profiles'!$G$21=$B$10,7,0)+IF('Standard Profiles'!$G$21=$B$17,14,0)+IF('Standard Profiles'!$G$21=$B$24,21,0),0)),0)</f>
        <v>1.3558573231811994</v>
      </c>
      <c r="H1209" cm="1">
        <f t="array" ref="H1209">IFERROR(INDEX(Jesper!AL$2:AL$366,ROUNDDOWN($C1209/24,0)+1,1)*INDEX($D$3:$AA$30,INDEX(Jesper!$R$2:$R$366,ROW(INDEX(Jesper!AL$2:AL$366,ROUNDDOWN($C1209/24,0)+1,1))-1)+IF('Standard Profiles'!$G$22=$B$10,7,0)+IF('Standard Profiles'!$G$22=$B$17,14,0)+IF('Standard Profiles'!$G$22=$B$24,21,0),MOD($C1209,24)+1)/SUM(INDEX($D$3:$AA$30,INDEX(Jesper!$R$2:$R$366,ROW(INDEX(Jesper!AL$2:AL$366,ROUNDDOWN($C1209/24,0)+1,1))-1)+IF('Standard Profiles'!$G$22=$B$10,7,0)+IF('Standard Profiles'!$G$22=$B$17,14,0)+IF('Standard Profiles'!$G$22=$B$24,21,0),0)),0)</f>
        <v>0.39569810328822774</v>
      </c>
      <c r="I1209">
        <f t="shared" si="146"/>
        <v>0.37987017915669885</v>
      </c>
      <c r="J1209">
        <f t="shared" si="147"/>
        <v>5.8891842912218175</v>
      </c>
      <c r="K1209">
        <f t="shared" si="148"/>
        <v>0.24603575376703593</v>
      </c>
      <c r="L1209">
        <f t="shared" si="149"/>
        <v>0.12301787688351797</v>
      </c>
      <c r="M1209">
        <f t="shared" si="150"/>
        <v>0</v>
      </c>
      <c r="N1209" s="45">
        <f t="shared" si="151"/>
        <v>44975.958333330484</v>
      </c>
    </row>
    <row r="1210" spans="2:14" x14ac:dyDescent="0.25">
      <c r="B1210">
        <f t="shared" si="145"/>
        <v>7</v>
      </c>
      <c r="C1210" s="16">
        <v>1176</v>
      </c>
      <c r="D1210" cm="1">
        <f t="array" ref="D1210">IFERROR(INDEX(Jesper!AH$2:AH$366,ROUNDDOWN($C1210/24,0)+1,1)*INDEX($D$3:$AA$30,INDEX(Jesper!$R$2:$R$366,ROW(INDEX(Jesper!AH$2:AH$366,ROUNDDOWN($C1210/24,0)+1,1))-1)+IF('Standard Profiles'!$G$18=$B$10,7,0)+IF('Standard Profiles'!$G$18=$B$17,14,0)+IF('Standard Profiles'!$G$18=$B$24,21,0),MOD($C1210,24)+1)/SUM(INDEX($D$3:$AA$30,INDEX(Jesper!$R$2:$R$366,ROW(INDEX(Jesper!AH$2:AH$366,ROUNDDOWN($C1210/24,0)+1,1))-1)+IF('Standard Profiles'!$G$18=$B$10,7,0)+IF('Standard Profiles'!$G$18=$B$17,14,0)+IF('Standard Profiles'!$G$18=$B$24,21,0),0)),0)</f>
        <v>0</v>
      </c>
      <c r="E1210" cm="1">
        <f t="array" ref="E1210">IFERROR(INDEX(Jesper!AI$2:AI$366,ROUNDDOWN($C1210/24,0)+1,1)*INDEX($D$3:$AA$30,INDEX(Jesper!$R$2:$R$366,ROW(INDEX(Jesper!AI$2:AI$366,ROUNDDOWN($C1210/24,0)+1,1))-1)+IF('Standard Profiles'!$G$19=$B$10,7,0)+IF('Standard Profiles'!$G$19=$B$17,14,0)+IF('Standard Profiles'!$G$19=$B$24,21,0),MOD($C1210,24)+1)/SUM(INDEX($D$3:$AA$30,INDEX(Jesper!$R$2:$R$366,ROW(INDEX(Jesper!AI$2:AI$366,ROUNDDOWN($C1210/24,0)+1,1))-1)+IF('Standard Profiles'!$G$19=$B$10,7,0)+IF('Standard Profiles'!$G$19=$B$17,14,0)+IF('Standard Profiles'!$G$19=$B$24,21,0),0)),0)</f>
        <v>3.6822309059861213</v>
      </c>
      <c r="F1210" cm="1">
        <f t="array" ref="F1210">IFERROR(INDEX(Jesper!AJ$2:AJ$366,ROUNDDOWN($C1210/24,0)+1,1)*INDEX($D$3:$AA$30,INDEX(Jesper!$R$2:$R$366,ROW(INDEX(Jesper!AJ$2:AJ$366,ROUNDDOWN($C1210/24,0)+1,1))-1)+IF('Standard Profiles'!$G$20=$B$10,7,0)+IF('Standard Profiles'!$G$20=$B$17,14,0)+IF('Standard Profiles'!$G$20=$B$24,21,0),MOD($C1210,24)+1)/SUM(INDEX($D$3:$AA$30,INDEX(Jesper!$R$2:$R$366,ROW(INDEX(Jesper!AJ$2:AJ$366,ROUNDDOWN($C1210/24,0)+1,1))-1)+IF('Standard Profiles'!$G$20=$B$10,7,0)+IF('Standard Profiles'!$G$20=$B$17,14,0)+IF('Standard Profiles'!$G$20=$B$24,21,0),0)),0)</f>
        <v>2.5600417794398473</v>
      </c>
      <c r="G1210" cm="1">
        <f t="array" ref="G1210">IFERROR(INDEX(Jesper!AK$2:AK$366,ROUNDDOWN($C1210/24,0)+1,1)*INDEX($D$3:$AA$30,INDEX(Jesper!$R$2:$R$366,ROW(INDEX(Jesper!AK$2:AK$366,ROUNDDOWN($C1210/24,0)+1,1))-1)+IF('Standard Profiles'!$G$21=$B$10,7,0)+IF('Standard Profiles'!$G$21=$B$17,14,0)+IF('Standard Profiles'!$G$21=$B$24,21,0),MOD($C1210,24)+1)/SUM(INDEX($D$3:$AA$30,INDEX(Jesper!$R$2:$R$366,ROW(INDEX(Jesper!AK$2:AK$366,ROUNDDOWN($C1210/24,0)+1,1))-1)+IF('Standard Profiles'!$G$21=$B$10,7,0)+IF('Standard Profiles'!$G$21=$B$17,14,0)+IF('Standard Profiles'!$G$21=$B$24,21,0),0)),0)</f>
        <v>3.0428370667273956</v>
      </c>
      <c r="H1210" cm="1">
        <f t="array" ref="H1210">IFERROR(INDEX(Jesper!AL$2:AL$366,ROUNDDOWN($C1210/24,0)+1,1)*INDEX($D$3:$AA$30,INDEX(Jesper!$R$2:$R$366,ROW(INDEX(Jesper!AL$2:AL$366,ROUNDDOWN($C1210/24,0)+1,1))-1)+IF('Standard Profiles'!$G$22=$B$10,7,0)+IF('Standard Profiles'!$G$22=$B$17,14,0)+IF('Standard Profiles'!$G$22=$B$24,21,0),MOD($C1210,24)+1)/SUM(INDEX($D$3:$AA$30,INDEX(Jesper!$R$2:$R$366,ROW(INDEX(Jesper!AL$2:AL$366,ROUNDDOWN($C1210/24,0)+1,1))-1)+IF('Standard Profiles'!$G$22=$B$10,7,0)+IF('Standard Profiles'!$G$22=$B$17,14,0)+IF('Standard Profiles'!$G$22=$B$24,21,0),0)),0)</f>
        <v>1.2356034158225302</v>
      </c>
      <c r="I1210">
        <f t="shared" si="146"/>
        <v>1.1861792791896297</v>
      </c>
      <c r="J1210">
        <f t="shared" si="147"/>
        <v>8.8926661800679305</v>
      </c>
      <c r="K1210">
        <f t="shared" si="148"/>
        <v>0.29457847247888974</v>
      </c>
      <c r="L1210">
        <f t="shared" si="149"/>
        <v>0.14728923623944487</v>
      </c>
      <c r="M1210">
        <f t="shared" si="150"/>
        <v>0</v>
      </c>
      <c r="N1210" s="45">
        <f t="shared" si="151"/>
        <v>44975.999999997148</v>
      </c>
    </row>
    <row r="1211" spans="2:14" x14ac:dyDescent="0.25">
      <c r="B1211">
        <f t="shared" si="145"/>
        <v>7</v>
      </c>
      <c r="C1211" s="16">
        <v>1177</v>
      </c>
      <c r="D1211" cm="1">
        <f t="array" ref="D1211">IFERROR(INDEX(Jesper!AH$2:AH$366,ROUNDDOWN($C1211/24,0)+1,1)*INDEX($D$3:$AA$30,INDEX(Jesper!$R$2:$R$366,ROW(INDEX(Jesper!AH$2:AH$366,ROUNDDOWN($C1211/24,0)+1,1))-1)+IF('Standard Profiles'!$G$18=$B$10,7,0)+IF('Standard Profiles'!$G$18=$B$17,14,0)+IF('Standard Profiles'!$G$18=$B$24,21,0),MOD($C1211,24)+1)/SUM(INDEX($D$3:$AA$30,INDEX(Jesper!$R$2:$R$366,ROW(INDEX(Jesper!AH$2:AH$366,ROUNDDOWN($C1211/24,0)+1,1))-1)+IF('Standard Profiles'!$G$18=$B$10,7,0)+IF('Standard Profiles'!$G$18=$B$17,14,0)+IF('Standard Profiles'!$G$18=$B$24,21,0),0)),0)</f>
        <v>0</v>
      </c>
      <c r="E1211" cm="1">
        <f t="array" ref="E1211">IFERROR(INDEX(Jesper!AI$2:AI$366,ROUNDDOWN($C1211/24,0)+1,1)*INDEX($D$3:$AA$30,INDEX(Jesper!$R$2:$R$366,ROW(INDEX(Jesper!AI$2:AI$366,ROUNDDOWN($C1211/24,0)+1,1))-1)+IF('Standard Profiles'!$G$19=$B$10,7,0)+IF('Standard Profiles'!$G$19=$B$17,14,0)+IF('Standard Profiles'!$G$19=$B$24,21,0),MOD($C1211,24)+1)/SUM(INDEX($D$3:$AA$30,INDEX(Jesper!$R$2:$R$366,ROW(INDEX(Jesper!AI$2:AI$366,ROUNDDOWN($C1211/24,0)+1,1))-1)+IF('Standard Profiles'!$G$19=$B$10,7,0)+IF('Standard Profiles'!$G$19=$B$17,14,0)+IF('Standard Profiles'!$G$19=$B$24,21,0),0)),0)</f>
        <v>3.6822309059861213</v>
      </c>
      <c r="F1211" cm="1">
        <f t="array" ref="F1211">IFERROR(INDEX(Jesper!AJ$2:AJ$366,ROUNDDOWN($C1211/24,0)+1,1)*INDEX($D$3:$AA$30,INDEX(Jesper!$R$2:$R$366,ROW(INDEX(Jesper!AJ$2:AJ$366,ROUNDDOWN($C1211/24,0)+1,1))-1)+IF('Standard Profiles'!$G$20=$B$10,7,0)+IF('Standard Profiles'!$G$20=$B$17,14,0)+IF('Standard Profiles'!$G$20=$B$24,21,0),MOD($C1211,24)+1)/SUM(INDEX($D$3:$AA$30,INDEX(Jesper!$R$2:$R$366,ROW(INDEX(Jesper!AJ$2:AJ$366,ROUNDDOWN($C1211/24,0)+1,1))-1)+IF('Standard Profiles'!$G$20=$B$10,7,0)+IF('Standard Profiles'!$G$20=$B$17,14,0)+IF('Standard Profiles'!$G$20=$B$24,21,0),0)),0)</f>
        <v>2.5600417794398473</v>
      </c>
      <c r="G1211" cm="1">
        <f t="array" ref="G1211">IFERROR(INDEX(Jesper!AK$2:AK$366,ROUNDDOWN($C1211/24,0)+1,1)*INDEX($D$3:$AA$30,INDEX(Jesper!$R$2:$R$366,ROW(INDEX(Jesper!AK$2:AK$366,ROUNDDOWN($C1211/24,0)+1,1))-1)+IF('Standard Profiles'!$G$21=$B$10,7,0)+IF('Standard Profiles'!$G$21=$B$17,14,0)+IF('Standard Profiles'!$G$21=$B$24,21,0),MOD($C1211,24)+1)/SUM(INDEX($D$3:$AA$30,INDEX(Jesper!$R$2:$R$366,ROW(INDEX(Jesper!AK$2:AK$366,ROUNDDOWN($C1211/24,0)+1,1))-1)+IF('Standard Profiles'!$G$21=$B$10,7,0)+IF('Standard Profiles'!$G$21=$B$17,14,0)+IF('Standard Profiles'!$G$21=$B$24,21,0),0)),0)</f>
        <v>3.0428370667273956</v>
      </c>
      <c r="H1211" cm="1">
        <f t="array" ref="H1211">IFERROR(INDEX(Jesper!AL$2:AL$366,ROUNDDOWN($C1211/24,0)+1,1)*INDEX($D$3:$AA$30,INDEX(Jesper!$R$2:$R$366,ROW(INDEX(Jesper!AL$2:AL$366,ROUNDDOWN($C1211/24,0)+1,1))-1)+IF('Standard Profiles'!$G$22=$B$10,7,0)+IF('Standard Profiles'!$G$22=$B$17,14,0)+IF('Standard Profiles'!$G$22=$B$24,21,0),MOD($C1211,24)+1)/SUM(INDEX($D$3:$AA$30,INDEX(Jesper!$R$2:$R$366,ROW(INDEX(Jesper!AL$2:AL$366,ROUNDDOWN($C1211/24,0)+1,1))-1)+IF('Standard Profiles'!$G$22=$B$10,7,0)+IF('Standard Profiles'!$G$22=$B$17,14,0)+IF('Standard Profiles'!$G$22=$B$24,21,0),0)),0)</f>
        <v>1.4348942893422931</v>
      </c>
      <c r="I1211">
        <f t="shared" si="146"/>
        <v>1.3774985177686021</v>
      </c>
      <c r="J1211">
        <f t="shared" si="147"/>
        <v>8.9006378150087215</v>
      </c>
      <c r="K1211">
        <f t="shared" si="148"/>
        <v>0.29457847247888974</v>
      </c>
      <c r="L1211">
        <f t="shared" si="149"/>
        <v>0.14728923623944487</v>
      </c>
      <c r="M1211">
        <f t="shared" si="150"/>
        <v>0</v>
      </c>
      <c r="N1211" s="45">
        <f t="shared" si="151"/>
        <v>44976.041666663812</v>
      </c>
    </row>
    <row r="1212" spans="2:14" x14ac:dyDescent="0.25">
      <c r="B1212">
        <f t="shared" si="145"/>
        <v>7</v>
      </c>
      <c r="C1212" s="16">
        <v>1178</v>
      </c>
      <c r="D1212" cm="1">
        <f t="array" ref="D1212">IFERROR(INDEX(Jesper!AH$2:AH$366,ROUNDDOWN($C1212/24,0)+1,1)*INDEX($D$3:$AA$30,INDEX(Jesper!$R$2:$R$366,ROW(INDEX(Jesper!AH$2:AH$366,ROUNDDOWN($C1212/24,0)+1,1))-1)+IF('Standard Profiles'!$G$18=$B$10,7,0)+IF('Standard Profiles'!$G$18=$B$17,14,0)+IF('Standard Profiles'!$G$18=$B$24,21,0),MOD($C1212,24)+1)/SUM(INDEX($D$3:$AA$30,INDEX(Jesper!$R$2:$R$366,ROW(INDEX(Jesper!AH$2:AH$366,ROUNDDOWN($C1212/24,0)+1,1))-1)+IF('Standard Profiles'!$G$18=$B$10,7,0)+IF('Standard Profiles'!$G$18=$B$17,14,0)+IF('Standard Profiles'!$G$18=$B$24,21,0),0)),0)</f>
        <v>0</v>
      </c>
      <c r="E1212" cm="1">
        <f t="array" ref="E1212">IFERROR(INDEX(Jesper!AI$2:AI$366,ROUNDDOWN($C1212/24,0)+1,1)*INDEX($D$3:$AA$30,INDEX(Jesper!$R$2:$R$366,ROW(INDEX(Jesper!AI$2:AI$366,ROUNDDOWN($C1212/24,0)+1,1))-1)+IF('Standard Profiles'!$G$19=$B$10,7,0)+IF('Standard Profiles'!$G$19=$B$17,14,0)+IF('Standard Profiles'!$G$19=$B$24,21,0),MOD($C1212,24)+1)/SUM(INDEX($D$3:$AA$30,INDEX(Jesper!$R$2:$R$366,ROW(INDEX(Jesper!AI$2:AI$366,ROUNDDOWN($C1212/24,0)+1,1))-1)+IF('Standard Profiles'!$G$19=$B$10,7,0)+IF('Standard Profiles'!$G$19=$B$17,14,0)+IF('Standard Profiles'!$G$19=$B$24,21,0),0)),0)</f>
        <v>3.6822309059861213</v>
      </c>
      <c r="F1212" cm="1">
        <f t="array" ref="F1212">IFERROR(INDEX(Jesper!AJ$2:AJ$366,ROUNDDOWN($C1212/24,0)+1,1)*INDEX($D$3:$AA$30,INDEX(Jesper!$R$2:$R$366,ROW(INDEX(Jesper!AJ$2:AJ$366,ROUNDDOWN($C1212/24,0)+1,1))-1)+IF('Standard Profiles'!$G$20=$B$10,7,0)+IF('Standard Profiles'!$G$20=$B$17,14,0)+IF('Standard Profiles'!$G$20=$B$24,21,0),MOD($C1212,24)+1)/SUM(INDEX($D$3:$AA$30,INDEX(Jesper!$R$2:$R$366,ROW(INDEX(Jesper!AJ$2:AJ$366,ROUNDDOWN($C1212/24,0)+1,1))-1)+IF('Standard Profiles'!$G$20=$B$10,7,0)+IF('Standard Profiles'!$G$20=$B$17,14,0)+IF('Standard Profiles'!$G$20=$B$24,21,0),0)),0)</f>
        <v>2.5600417794398473</v>
      </c>
      <c r="G1212" cm="1">
        <f t="array" ref="G1212">IFERROR(INDEX(Jesper!AK$2:AK$366,ROUNDDOWN($C1212/24,0)+1,1)*INDEX($D$3:$AA$30,INDEX(Jesper!$R$2:$R$366,ROW(INDEX(Jesper!AK$2:AK$366,ROUNDDOWN($C1212/24,0)+1,1))-1)+IF('Standard Profiles'!$G$21=$B$10,7,0)+IF('Standard Profiles'!$G$21=$B$17,14,0)+IF('Standard Profiles'!$G$21=$B$24,21,0),MOD($C1212,24)+1)/SUM(INDEX($D$3:$AA$30,INDEX(Jesper!$R$2:$R$366,ROW(INDEX(Jesper!AK$2:AK$366,ROUNDDOWN($C1212/24,0)+1,1))-1)+IF('Standard Profiles'!$G$21=$B$10,7,0)+IF('Standard Profiles'!$G$21=$B$17,14,0)+IF('Standard Profiles'!$G$21=$B$24,21,0),0)),0)</f>
        <v>3.0428370667273956</v>
      </c>
      <c r="H1212" cm="1">
        <f t="array" ref="H1212">IFERROR(INDEX(Jesper!AL$2:AL$366,ROUNDDOWN($C1212/24,0)+1,1)*INDEX($D$3:$AA$30,INDEX(Jesper!$R$2:$R$366,ROW(INDEX(Jesper!AL$2:AL$366,ROUNDDOWN($C1212/24,0)+1,1))-1)+IF('Standard Profiles'!$G$22=$B$10,7,0)+IF('Standard Profiles'!$G$22=$B$17,14,0)+IF('Standard Profiles'!$G$22=$B$24,21,0),MOD($C1212,24)+1)/SUM(INDEX($D$3:$AA$30,INDEX(Jesper!$R$2:$R$366,ROW(INDEX(Jesper!AL$2:AL$366,ROUNDDOWN($C1212/24,0)+1,1))-1)+IF('Standard Profiles'!$G$22=$B$10,7,0)+IF('Standard Profiles'!$G$22=$B$17,14,0)+IF('Standard Profiles'!$G$22=$B$24,21,0),0)),0)</f>
        <v>1.4348942893422931</v>
      </c>
      <c r="I1212">
        <f t="shared" si="146"/>
        <v>1.3774985177686021</v>
      </c>
      <c r="J1212">
        <f t="shared" si="147"/>
        <v>8.9006378150087215</v>
      </c>
      <c r="K1212">
        <f t="shared" si="148"/>
        <v>0.29457847247888974</v>
      </c>
      <c r="L1212">
        <f t="shared" si="149"/>
        <v>0.14728923623944487</v>
      </c>
      <c r="M1212">
        <f t="shared" si="150"/>
        <v>0</v>
      </c>
      <c r="N1212" s="45">
        <f t="shared" si="151"/>
        <v>44976.083333330476</v>
      </c>
    </row>
    <row r="1213" spans="2:14" x14ac:dyDescent="0.25">
      <c r="B1213">
        <f t="shared" si="145"/>
        <v>7</v>
      </c>
      <c r="C1213" s="16">
        <v>1179</v>
      </c>
      <c r="D1213" cm="1">
        <f t="array" ref="D1213">IFERROR(INDEX(Jesper!AH$2:AH$366,ROUNDDOWN($C1213/24,0)+1,1)*INDEX($D$3:$AA$30,INDEX(Jesper!$R$2:$R$366,ROW(INDEX(Jesper!AH$2:AH$366,ROUNDDOWN($C1213/24,0)+1,1))-1)+IF('Standard Profiles'!$G$18=$B$10,7,0)+IF('Standard Profiles'!$G$18=$B$17,14,0)+IF('Standard Profiles'!$G$18=$B$24,21,0),MOD($C1213,24)+1)/SUM(INDEX($D$3:$AA$30,INDEX(Jesper!$R$2:$R$366,ROW(INDEX(Jesper!AH$2:AH$366,ROUNDDOWN($C1213/24,0)+1,1))-1)+IF('Standard Profiles'!$G$18=$B$10,7,0)+IF('Standard Profiles'!$G$18=$B$17,14,0)+IF('Standard Profiles'!$G$18=$B$24,21,0),0)),0)</f>
        <v>0</v>
      </c>
      <c r="E1213" cm="1">
        <f t="array" ref="E1213">IFERROR(INDEX(Jesper!AI$2:AI$366,ROUNDDOWN($C1213/24,0)+1,1)*INDEX($D$3:$AA$30,INDEX(Jesper!$R$2:$R$366,ROW(INDEX(Jesper!AI$2:AI$366,ROUNDDOWN($C1213/24,0)+1,1))-1)+IF('Standard Profiles'!$G$19=$B$10,7,0)+IF('Standard Profiles'!$G$19=$B$17,14,0)+IF('Standard Profiles'!$G$19=$B$24,21,0),MOD($C1213,24)+1)/SUM(INDEX($D$3:$AA$30,INDEX(Jesper!$R$2:$R$366,ROW(INDEX(Jesper!AI$2:AI$366,ROUNDDOWN($C1213/24,0)+1,1))-1)+IF('Standard Profiles'!$G$19=$B$10,7,0)+IF('Standard Profiles'!$G$19=$B$17,14,0)+IF('Standard Profiles'!$G$19=$B$24,21,0),0)),0)</f>
        <v>3.6822309059861213</v>
      </c>
      <c r="F1213" cm="1">
        <f t="array" ref="F1213">IFERROR(INDEX(Jesper!AJ$2:AJ$366,ROUNDDOWN($C1213/24,0)+1,1)*INDEX($D$3:$AA$30,INDEX(Jesper!$R$2:$R$366,ROW(INDEX(Jesper!AJ$2:AJ$366,ROUNDDOWN($C1213/24,0)+1,1))-1)+IF('Standard Profiles'!$G$20=$B$10,7,0)+IF('Standard Profiles'!$G$20=$B$17,14,0)+IF('Standard Profiles'!$G$20=$B$24,21,0),MOD($C1213,24)+1)/SUM(INDEX($D$3:$AA$30,INDEX(Jesper!$R$2:$R$366,ROW(INDEX(Jesper!AJ$2:AJ$366,ROUNDDOWN($C1213/24,0)+1,1))-1)+IF('Standard Profiles'!$G$20=$B$10,7,0)+IF('Standard Profiles'!$G$20=$B$17,14,0)+IF('Standard Profiles'!$G$20=$B$24,21,0),0)),0)</f>
        <v>2.5600417794398473</v>
      </c>
      <c r="G1213" cm="1">
        <f t="array" ref="G1213">IFERROR(INDEX(Jesper!AK$2:AK$366,ROUNDDOWN($C1213/24,0)+1,1)*INDEX($D$3:$AA$30,INDEX(Jesper!$R$2:$R$366,ROW(INDEX(Jesper!AK$2:AK$366,ROUNDDOWN($C1213/24,0)+1,1))-1)+IF('Standard Profiles'!$G$21=$B$10,7,0)+IF('Standard Profiles'!$G$21=$B$17,14,0)+IF('Standard Profiles'!$G$21=$B$24,21,0),MOD($C1213,24)+1)/SUM(INDEX($D$3:$AA$30,INDEX(Jesper!$R$2:$R$366,ROW(INDEX(Jesper!AK$2:AK$366,ROUNDDOWN($C1213/24,0)+1,1))-1)+IF('Standard Profiles'!$G$21=$B$10,7,0)+IF('Standard Profiles'!$G$21=$B$17,14,0)+IF('Standard Profiles'!$G$21=$B$24,21,0),0)),0)</f>
        <v>3.0428370667273956</v>
      </c>
      <c r="H1213" cm="1">
        <f t="array" ref="H1213">IFERROR(INDEX(Jesper!AL$2:AL$366,ROUNDDOWN($C1213/24,0)+1,1)*INDEX($D$3:$AA$30,INDEX(Jesper!$R$2:$R$366,ROW(INDEX(Jesper!AL$2:AL$366,ROUNDDOWN($C1213/24,0)+1,1))-1)+IF('Standard Profiles'!$G$22=$B$10,7,0)+IF('Standard Profiles'!$G$22=$B$17,14,0)+IF('Standard Profiles'!$G$22=$B$24,21,0),MOD($C1213,24)+1)/SUM(INDEX($D$3:$AA$30,INDEX(Jesper!$R$2:$R$366,ROW(INDEX(Jesper!AL$2:AL$366,ROUNDDOWN($C1213/24,0)+1,1))-1)+IF('Standard Profiles'!$G$22=$B$10,7,0)+IF('Standard Profiles'!$G$22=$B$17,14,0)+IF('Standard Profiles'!$G$22=$B$24,21,0),0)),0)</f>
        <v>1.4348942893422931</v>
      </c>
      <c r="I1213">
        <f t="shared" si="146"/>
        <v>1.3774985177686021</v>
      </c>
      <c r="J1213">
        <f t="shared" si="147"/>
        <v>8.9006378150087215</v>
      </c>
      <c r="K1213">
        <f t="shared" si="148"/>
        <v>0.29457847247888974</v>
      </c>
      <c r="L1213">
        <f t="shared" si="149"/>
        <v>0.14728923623944487</v>
      </c>
      <c r="M1213">
        <f t="shared" si="150"/>
        <v>0</v>
      </c>
      <c r="N1213" s="45">
        <f t="shared" si="151"/>
        <v>44976.124999997141</v>
      </c>
    </row>
    <row r="1214" spans="2:14" x14ac:dyDescent="0.25">
      <c r="B1214">
        <f t="shared" si="145"/>
        <v>7</v>
      </c>
      <c r="C1214" s="16">
        <v>1180</v>
      </c>
      <c r="D1214" cm="1">
        <f t="array" ref="D1214">IFERROR(INDEX(Jesper!AH$2:AH$366,ROUNDDOWN($C1214/24,0)+1,1)*INDEX($D$3:$AA$30,INDEX(Jesper!$R$2:$R$366,ROW(INDEX(Jesper!AH$2:AH$366,ROUNDDOWN($C1214/24,0)+1,1))-1)+IF('Standard Profiles'!$G$18=$B$10,7,0)+IF('Standard Profiles'!$G$18=$B$17,14,0)+IF('Standard Profiles'!$G$18=$B$24,21,0),MOD($C1214,24)+1)/SUM(INDEX($D$3:$AA$30,INDEX(Jesper!$R$2:$R$366,ROW(INDEX(Jesper!AH$2:AH$366,ROUNDDOWN($C1214/24,0)+1,1))-1)+IF('Standard Profiles'!$G$18=$B$10,7,0)+IF('Standard Profiles'!$G$18=$B$17,14,0)+IF('Standard Profiles'!$G$18=$B$24,21,0),0)),0)</f>
        <v>0</v>
      </c>
      <c r="E1214" cm="1">
        <f t="array" ref="E1214">IFERROR(INDEX(Jesper!AI$2:AI$366,ROUNDDOWN($C1214/24,0)+1,1)*INDEX($D$3:$AA$30,INDEX(Jesper!$R$2:$R$366,ROW(INDEX(Jesper!AI$2:AI$366,ROUNDDOWN($C1214/24,0)+1,1))-1)+IF('Standard Profiles'!$G$19=$B$10,7,0)+IF('Standard Profiles'!$G$19=$B$17,14,0)+IF('Standard Profiles'!$G$19=$B$24,21,0),MOD($C1214,24)+1)/SUM(INDEX($D$3:$AA$30,INDEX(Jesper!$R$2:$R$366,ROW(INDEX(Jesper!AI$2:AI$366,ROUNDDOWN($C1214/24,0)+1,1))-1)+IF('Standard Profiles'!$G$19=$B$10,7,0)+IF('Standard Profiles'!$G$19=$B$17,14,0)+IF('Standard Profiles'!$G$19=$B$24,21,0),0)),0)</f>
        <v>3.6822309059861213</v>
      </c>
      <c r="F1214" cm="1">
        <f t="array" ref="F1214">IFERROR(INDEX(Jesper!AJ$2:AJ$366,ROUNDDOWN($C1214/24,0)+1,1)*INDEX($D$3:$AA$30,INDEX(Jesper!$R$2:$R$366,ROW(INDEX(Jesper!AJ$2:AJ$366,ROUNDDOWN($C1214/24,0)+1,1))-1)+IF('Standard Profiles'!$G$20=$B$10,7,0)+IF('Standard Profiles'!$G$20=$B$17,14,0)+IF('Standard Profiles'!$G$20=$B$24,21,0),MOD($C1214,24)+1)/SUM(INDEX($D$3:$AA$30,INDEX(Jesper!$R$2:$R$366,ROW(INDEX(Jesper!AJ$2:AJ$366,ROUNDDOWN($C1214/24,0)+1,1))-1)+IF('Standard Profiles'!$G$20=$B$10,7,0)+IF('Standard Profiles'!$G$20=$B$17,14,0)+IF('Standard Profiles'!$G$20=$B$24,21,0),0)),0)</f>
        <v>2.5600417794398473</v>
      </c>
      <c r="G1214" cm="1">
        <f t="array" ref="G1214">IFERROR(INDEX(Jesper!AK$2:AK$366,ROUNDDOWN($C1214/24,0)+1,1)*INDEX($D$3:$AA$30,INDEX(Jesper!$R$2:$R$366,ROW(INDEX(Jesper!AK$2:AK$366,ROUNDDOWN($C1214/24,0)+1,1))-1)+IF('Standard Profiles'!$G$21=$B$10,7,0)+IF('Standard Profiles'!$G$21=$B$17,14,0)+IF('Standard Profiles'!$G$21=$B$24,21,0),MOD($C1214,24)+1)/SUM(INDEX($D$3:$AA$30,INDEX(Jesper!$R$2:$R$366,ROW(INDEX(Jesper!AK$2:AK$366,ROUNDDOWN($C1214/24,0)+1,1))-1)+IF('Standard Profiles'!$G$21=$B$10,7,0)+IF('Standard Profiles'!$G$21=$B$17,14,0)+IF('Standard Profiles'!$G$21=$B$24,21,0),0)),0)</f>
        <v>3.0428370667273956</v>
      </c>
      <c r="H1214" cm="1">
        <f t="array" ref="H1214">IFERROR(INDEX(Jesper!AL$2:AL$366,ROUNDDOWN($C1214/24,0)+1,1)*INDEX($D$3:$AA$30,INDEX(Jesper!$R$2:$R$366,ROW(INDEX(Jesper!AL$2:AL$366,ROUNDDOWN($C1214/24,0)+1,1))-1)+IF('Standard Profiles'!$G$22=$B$10,7,0)+IF('Standard Profiles'!$G$22=$B$17,14,0)+IF('Standard Profiles'!$G$22=$B$24,21,0),MOD($C1214,24)+1)/SUM(INDEX($D$3:$AA$30,INDEX(Jesper!$R$2:$R$366,ROW(INDEX(Jesper!AL$2:AL$366,ROUNDDOWN($C1214/24,0)+1,1))-1)+IF('Standard Profiles'!$G$22=$B$10,7,0)+IF('Standard Profiles'!$G$22=$B$17,14,0)+IF('Standard Profiles'!$G$22=$B$24,21,0),0)),0)</f>
        <v>1.4348942893422931</v>
      </c>
      <c r="I1214">
        <f t="shared" si="146"/>
        <v>1.3774985177686021</v>
      </c>
      <c r="J1214">
        <f t="shared" si="147"/>
        <v>8.9006378150087215</v>
      </c>
      <c r="K1214">
        <f t="shared" si="148"/>
        <v>0.29457847247888974</v>
      </c>
      <c r="L1214">
        <f t="shared" si="149"/>
        <v>0.14728923623944487</v>
      </c>
      <c r="M1214">
        <f t="shared" si="150"/>
        <v>0</v>
      </c>
      <c r="N1214" s="45">
        <f t="shared" si="151"/>
        <v>44976.166666663805</v>
      </c>
    </row>
    <row r="1215" spans="2:14" x14ac:dyDescent="0.25">
      <c r="B1215">
        <f t="shared" si="145"/>
        <v>7</v>
      </c>
      <c r="C1215" s="16">
        <v>1181</v>
      </c>
      <c r="D1215" cm="1">
        <f t="array" ref="D1215">IFERROR(INDEX(Jesper!AH$2:AH$366,ROUNDDOWN($C1215/24,0)+1,1)*INDEX($D$3:$AA$30,INDEX(Jesper!$R$2:$R$366,ROW(INDEX(Jesper!AH$2:AH$366,ROUNDDOWN($C1215/24,0)+1,1))-1)+IF('Standard Profiles'!$G$18=$B$10,7,0)+IF('Standard Profiles'!$G$18=$B$17,14,0)+IF('Standard Profiles'!$G$18=$B$24,21,0),MOD($C1215,24)+1)/SUM(INDEX($D$3:$AA$30,INDEX(Jesper!$R$2:$R$366,ROW(INDEX(Jesper!AH$2:AH$366,ROUNDDOWN($C1215/24,0)+1,1))-1)+IF('Standard Profiles'!$G$18=$B$10,7,0)+IF('Standard Profiles'!$G$18=$B$17,14,0)+IF('Standard Profiles'!$G$18=$B$24,21,0),0)),0)</f>
        <v>0</v>
      </c>
      <c r="E1215" cm="1">
        <f t="array" ref="E1215">IFERROR(INDEX(Jesper!AI$2:AI$366,ROUNDDOWN($C1215/24,0)+1,1)*INDEX($D$3:$AA$30,INDEX(Jesper!$R$2:$R$366,ROW(INDEX(Jesper!AI$2:AI$366,ROUNDDOWN($C1215/24,0)+1,1))-1)+IF('Standard Profiles'!$G$19=$B$10,7,0)+IF('Standard Profiles'!$G$19=$B$17,14,0)+IF('Standard Profiles'!$G$19=$B$24,21,0),MOD($C1215,24)+1)/SUM(INDEX($D$3:$AA$30,INDEX(Jesper!$R$2:$R$366,ROW(INDEX(Jesper!AI$2:AI$366,ROUNDDOWN($C1215/24,0)+1,1))-1)+IF('Standard Profiles'!$G$19=$B$10,7,0)+IF('Standard Profiles'!$G$19=$B$17,14,0)+IF('Standard Profiles'!$G$19=$B$24,21,0),0)),0)</f>
        <v>3.6822309059861213</v>
      </c>
      <c r="F1215" cm="1">
        <f t="array" ref="F1215">IFERROR(INDEX(Jesper!AJ$2:AJ$366,ROUNDDOWN($C1215/24,0)+1,1)*INDEX($D$3:$AA$30,INDEX(Jesper!$R$2:$R$366,ROW(INDEX(Jesper!AJ$2:AJ$366,ROUNDDOWN($C1215/24,0)+1,1))-1)+IF('Standard Profiles'!$G$20=$B$10,7,0)+IF('Standard Profiles'!$G$20=$B$17,14,0)+IF('Standard Profiles'!$G$20=$B$24,21,0),MOD($C1215,24)+1)/SUM(INDEX($D$3:$AA$30,INDEX(Jesper!$R$2:$R$366,ROW(INDEX(Jesper!AJ$2:AJ$366,ROUNDDOWN($C1215/24,0)+1,1))-1)+IF('Standard Profiles'!$G$20=$B$10,7,0)+IF('Standard Profiles'!$G$20=$B$17,14,0)+IF('Standard Profiles'!$G$20=$B$24,21,0),0)),0)</f>
        <v>2.5600417794398473</v>
      </c>
      <c r="G1215" cm="1">
        <f t="array" ref="G1215">IFERROR(INDEX(Jesper!AK$2:AK$366,ROUNDDOWN($C1215/24,0)+1,1)*INDEX($D$3:$AA$30,INDEX(Jesper!$R$2:$R$366,ROW(INDEX(Jesper!AK$2:AK$366,ROUNDDOWN($C1215/24,0)+1,1))-1)+IF('Standard Profiles'!$G$21=$B$10,7,0)+IF('Standard Profiles'!$G$21=$B$17,14,0)+IF('Standard Profiles'!$G$21=$B$24,21,0),MOD($C1215,24)+1)/SUM(INDEX($D$3:$AA$30,INDEX(Jesper!$R$2:$R$366,ROW(INDEX(Jesper!AK$2:AK$366,ROUNDDOWN($C1215/24,0)+1,1))-1)+IF('Standard Profiles'!$G$21=$B$10,7,0)+IF('Standard Profiles'!$G$21=$B$17,14,0)+IF('Standard Profiles'!$G$21=$B$24,21,0),0)),0)</f>
        <v>3.0428370667273956</v>
      </c>
      <c r="H1215" cm="1">
        <f t="array" ref="H1215">IFERROR(INDEX(Jesper!AL$2:AL$366,ROUNDDOWN($C1215/24,0)+1,1)*INDEX($D$3:$AA$30,INDEX(Jesper!$R$2:$R$366,ROW(INDEX(Jesper!AL$2:AL$366,ROUNDDOWN($C1215/24,0)+1,1))-1)+IF('Standard Profiles'!$G$22=$B$10,7,0)+IF('Standard Profiles'!$G$22=$B$17,14,0)+IF('Standard Profiles'!$G$22=$B$24,21,0),MOD($C1215,24)+1)/SUM(INDEX($D$3:$AA$30,INDEX(Jesper!$R$2:$R$366,ROW(INDEX(Jesper!AL$2:AL$366,ROUNDDOWN($C1215/24,0)+1,1))-1)+IF('Standard Profiles'!$G$22=$B$10,7,0)+IF('Standard Profiles'!$G$22=$B$17,14,0)+IF('Standard Profiles'!$G$22=$B$24,21,0),0)),0)</f>
        <v>1.793617861677866</v>
      </c>
      <c r="I1215">
        <f t="shared" si="146"/>
        <v>1.7218731472107522</v>
      </c>
      <c r="J1215">
        <f t="shared" si="147"/>
        <v>8.9149867579021436</v>
      </c>
      <c r="K1215">
        <f t="shared" si="148"/>
        <v>0.29457847247888974</v>
      </c>
      <c r="L1215">
        <f t="shared" si="149"/>
        <v>0.14728923623944487</v>
      </c>
      <c r="M1215">
        <f t="shared" si="150"/>
        <v>0</v>
      </c>
      <c r="N1215" s="45">
        <f t="shared" si="151"/>
        <v>44976.208333330469</v>
      </c>
    </row>
    <row r="1216" spans="2:14" x14ac:dyDescent="0.25">
      <c r="B1216">
        <f t="shared" si="145"/>
        <v>7</v>
      </c>
      <c r="C1216" s="16">
        <v>1182</v>
      </c>
      <c r="D1216" cm="1">
        <f t="array" ref="D1216">IFERROR(INDEX(Jesper!AH$2:AH$366,ROUNDDOWN($C1216/24,0)+1,1)*INDEX($D$3:$AA$30,INDEX(Jesper!$R$2:$R$366,ROW(INDEX(Jesper!AH$2:AH$366,ROUNDDOWN($C1216/24,0)+1,1))-1)+IF('Standard Profiles'!$G$18=$B$10,7,0)+IF('Standard Profiles'!$G$18=$B$17,14,0)+IF('Standard Profiles'!$G$18=$B$24,21,0),MOD($C1216,24)+1)/SUM(INDEX($D$3:$AA$30,INDEX(Jesper!$R$2:$R$366,ROW(INDEX(Jesper!AH$2:AH$366,ROUNDDOWN($C1216/24,0)+1,1))-1)+IF('Standard Profiles'!$G$18=$B$10,7,0)+IF('Standard Profiles'!$G$18=$B$17,14,0)+IF('Standard Profiles'!$G$18=$B$24,21,0),0)),0)</f>
        <v>0</v>
      </c>
      <c r="E1216" cm="1">
        <f t="array" ref="E1216">IFERROR(INDEX(Jesper!AI$2:AI$366,ROUNDDOWN($C1216/24,0)+1,1)*INDEX($D$3:$AA$30,INDEX(Jesper!$R$2:$R$366,ROW(INDEX(Jesper!AI$2:AI$366,ROUNDDOWN($C1216/24,0)+1,1))-1)+IF('Standard Profiles'!$G$19=$B$10,7,0)+IF('Standard Profiles'!$G$19=$B$17,14,0)+IF('Standard Profiles'!$G$19=$B$24,21,0),MOD($C1216,24)+1)/SUM(INDEX($D$3:$AA$30,INDEX(Jesper!$R$2:$R$366,ROW(INDEX(Jesper!AI$2:AI$366,ROUNDDOWN($C1216/24,0)+1,1))-1)+IF('Standard Profiles'!$G$19=$B$10,7,0)+IF('Standard Profiles'!$G$19=$B$17,14,0)+IF('Standard Profiles'!$G$19=$B$24,21,0),0)),0)</f>
        <v>3.6822309059861213</v>
      </c>
      <c r="F1216" cm="1">
        <f t="array" ref="F1216">IFERROR(INDEX(Jesper!AJ$2:AJ$366,ROUNDDOWN($C1216/24,0)+1,1)*INDEX($D$3:$AA$30,INDEX(Jesper!$R$2:$R$366,ROW(INDEX(Jesper!AJ$2:AJ$366,ROUNDDOWN($C1216/24,0)+1,1))-1)+IF('Standard Profiles'!$G$20=$B$10,7,0)+IF('Standard Profiles'!$G$20=$B$17,14,0)+IF('Standard Profiles'!$G$20=$B$24,21,0),MOD($C1216,24)+1)/SUM(INDEX($D$3:$AA$30,INDEX(Jesper!$R$2:$R$366,ROW(INDEX(Jesper!AJ$2:AJ$366,ROUNDDOWN($C1216/24,0)+1,1))-1)+IF('Standard Profiles'!$G$20=$B$10,7,0)+IF('Standard Profiles'!$G$20=$B$17,14,0)+IF('Standard Profiles'!$G$20=$B$24,21,0),0)),0)</f>
        <v>2.5600417794398473</v>
      </c>
      <c r="G1216" cm="1">
        <f t="array" ref="G1216">IFERROR(INDEX(Jesper!AK$2:AK$366,ROUNDDOWN($C1216/24,0)+1,1)*INDEX($D$3:$AA$30,INDEX(Jesper!$R$2:$R$366,ROW(INDEX(Jesper!AK$2:AK$366,ROUNDDOWN($C1216/24,0)+1,1))-1)+IF('Standard Profiles'!$G$21=$B$10,7,0)+IF('Standard Profiles'!$G$21=$B$17,14,0)+IF('Standard Profiles'!$G$21=$B$24,21,0),MOD($C1216,24)+1)/SUM(INDEX($D$3:$AA$30,INDEX(Jesper!$R$2:$R$366,ROW(INDEX(Jesper!AK$2:AK$366,ROUNDDOWN($C1216/24,0)+1,1))-1)+IF('Standard Profiles'!$G$21=$B$10,7,0)+IF('Standard Profiles'!$G$21=$B$17,14,0)+IF('Standard Profiles'!$G$21=$B$24,21,0),0)),0)</f>
        <v>3.0428370667273956</v>
      </c>
      <c r="H1216" cm="1">
        <f t="array" ref="H1216">IFERROR(INDEX(Jesper!AL$2:AL$366,ROUNDDOWN($C1216/24,0)+1,1)*INDEX($D$3:$AA$30,INDEX(Jesper!$R$2:$R$366,ROW(INDEX(Jesper!AL$2:AL$366,ROUNDDOWN($C1216/24,0)+1,1))-1)+IF('Standard Profiles'!$G$22=$B$10,7,0)+IF('Standard Profiles'!$G$22=$B$17,14,0)+IF('Standard Profiles'!$G$22=$B$24,21,0),MOD($C1216,24)+1)/SUM(INDEX($D$3:$AA$30,INDEX(Jesper!$R$2:$R$366,ROW(INDEX(Jesper!AL$2:AL$366,ROUNDDOWN($C1216/24,0)+1,1))-1)+IF('Standard Profiles'!$G$22=$B$10,7,0)+IF('Standard Profiles'!$G$22=$B$17,14,0)+IF('Standard Profiles'!$G$22=$B$24,21,0),0)),0)</f>
        <v>2.1124832593094869</v>
      </c>
      <c r="I1216">
        <f t="shared" si="146"/>
        <v>2.0279839289371084</v>
      </c>
      <c r="J1216">
        <f t="shared" si="147"/>
        <v>8.9277413738074074</v>
      </c>
      <c r="K1216">
        <f t="shared" si="148"/>
        <v>0.29457847247888974</v>
      </c>
      <c r="L1216">
        <f t="shared" si="149"/>
        <v>0.14728923623944487</v>
      </c>
      <c r="M1216">
        <f t="shared" si="150"/>
        <v>0</v>
      </c>
      <c r="N1216" s="45">
        <f t="shared" si="151"/>
        <v>44976.249999997133</v>
      </c>
    </row>
    <row r="1217" spans="2:14" x14ac:dyDescent="0.25">
      <c r="B1217">
        <f t="shared" si="145"/>
        <v>7</v>
      </c>
      <c r="C1217" s="16">
        <v>1183</v>
      </c>
      <c r="D1217" cm="1">
        <f t="array" ref="D1217">IFERROR(INDEX(Jesper!AH$2:AH$366,ROUNDDOWN($C1217/24,0)+1,1)*INDEX($D$3:$AA$30,INDEX(Jesper!$R$2:$R$366,ROW(INDEX(Jesper!AH$2:AH$366,ROUNDDOWN($C1217/24,0)+1,1))-1)+IF('Standard Profiles'!$G$18=$B$10,7,0)+IF('Standard Profiles'!$G$18=$B$17,14,0)+IF('Standard Profiles'!$G$18=$B$24,21,0),MOD($C1217,24)+1)/SUM(INDEX($D$3:$AA$30,INDEX(Jesper!$R$2:$R$366,ROW(INDEX(Jesper!AH$2:AH$366,ROUNDDOWN($C1217/24,0)+1,1))-1)+IF('Standard Profiles'!$G$18=$B$10,7,0)+IF('Standard Profiles'!$G$18=$B$17,14,0)+IF('Standard Profiles'!$G$18=$B$24,21,0),0)),0)</f>
        <v>0</v>
      </c>
      <c r="E1217" cm="1">
        <f t="array" ref="E1217">IFERROR(INDEX(Jesper!AI$2:AI$366,ROUNDDOWN($C1217/24,0)+1,1)*INDEX($D$3:$AA$30,INDEX(Jesper!$R$2:$R$366,ROW(INDEX(Jesper!AI$2:AI$366,ROUNDDOWN($C1217/24,0)+1,1))-1)+IF('Standard Profiles'!$G$19=$B$10,7,0)+IF('Standard Profiles'!$G$19=$B$17,14,0)+IF('Standard Profiles'!$G$19=$B$24,21,0),MOD($C1217,24)+1)/SUM(INDEX($D$3:$AA$30,INDEX(Jesper!$R$2:$R$366,ROW(INDEX(Jesper!AI$2:AI$366,ROUNDDOWN($C1217/24,0)+1,1))-1)+IF('Standard Profiles'!$G$19=$B$10,7,0)+IF('Standard Profiles'!$G$19=$B$17,14,0)+IF('Standard Profiles'!$G$19=$B$24,21,0),0)),0)</f>
        <v>3.6822309059861213</v>
      </c>
      <c r="F1217" cm="1">
        <f t="array" ref="F1217">IFERROR(INDEX(Jesper!AJ$2:AJ$366,ROUNDDOWN($C1217/24,0)+1,1)*INDEX($D$3:$AA$30,INDEX(Jesper!$R$2:$R$366,ROW(INDEX(Jesper!AJ$2:AJ$366,ROUNDDOWN($C1217/24,0)+1,1))-1)+IF('Standard Profiles'!$G$20=$B$10,7,0)+IF('Standard Profiles'!$G$20=$B$17,14,0)+IF('Standard Profiles'!$G$20=$B$24,21,0),MOD($C1217,24)+1)/SUM(INDEX($D$3:$AA$30,INDEX(Jesper!$R$2:$R$366,ROW(INDEX(Jesper!AJ$2:AJ$366,ROUNDDOWN($C1217/24,0)+1,1))-1)+IF('Standard Profiles'!$G$20=$B$10,7,0)+IF('Standard Profiles'!$G$20=$B$17,14,0)+IF('Standard Profiles'!$G$20=$B$24,21,0),0)),0)</f>
        <v>2.5600417794398473</v>
      </c>
      <c r="G1217" cm="1">
        <f t="array" ref="G1217">IFERROR(INDEX(Jesper!AK$2:AK$366,ROUNDDOWN($C1217/24,0)+1,1)*INDEX($D$3:$AA$30,INDEX(Jesper!$R$2:$R$366,ROW(INDEX(Jesper!AK$2:AK$366,ROUNDDOWN($C1217/24,0)+1,1))-1)+IF('Standard Profiles'!$G$21=$B$10,7,0)+IF('Standard Profiles'!$G$21=$B$17,14,0)+IF('Standard Profiles'!$G$21=$B$24,21,0),MOD($C1217,24)+1)/SUM(INDEX($D$3:$AA$30,INDEX(Jesper!$R$2:$R$366,ROW(INDEX(Jesper!AK$2:AK$366,ROUNDDOWN($C1217/24,0)+1,1))-1)+IF('Standard Profiles'!$G$21=$B$10,7,0)+IF('Standard Profiles'!$G$21=$B$17,14,0)+IF('Standard Profiles'!$G$21=$B$24,21,0),0)),0)</f>
        <v>3.0428370667273956</v>
      </c>
      <c r="H1217" cm="1">
        <f t="array" ref="H1217">IFERROR(INDEX(Jesper!AL$2:AL$366,ROUNDDOWN($C1217/24,0)+1,1)*INDEX($D$3:$AA$30,INDEX(Jesper!$R$2:$R$366,ROW(INDEX(Jesper!AL$2:AL$366,ROUNDDOWN($C1217/24,0)+1,1))-1)+IF('Standard Profiles'!$G$22=$B$10,7,0)+IF('Standard Profiles'!$G$22=$B$17,14,0)+IF('Standard Profiles'!$G$22=$B$24,21,0),MOD($C1217,24)+1)/SUM(INDEX($D$3:$AA$30,INDEX(Jesper!$R$2:$R$366,ROW(INDEX(Jesper!AL$2:AL$366,ROUNDDOWN($C1217/24,0)+1,1))-1)+IF('Standard Profiles'!$G$22=$B$10,7,0)+IF('Standard Profiles'!$G$22=$B$17,14,0)+IF('Standard Profiles'!$G$22=$B$24,21,0),0)),0)</f>
        <v>2.5110650063490128</v>
      </c>
      <c r="I1217">
        <f t="shared" si="146"/>
        <v>2.4106224060950536</v>
      </c>
      <c r="J1217">
        <f t="shared" si="147"/>
        <v>8.9436846436889894</v>
      </c>
      <c r="K1217">
        <f t="shared" si="148"/>
        <v>0.29457847247888974</v>
      </c>
      <c r="L1217">
        <f t="shared" si="149"/>
        <v>0.14728923623944487</v>
      </c>
      <c r="M1217">
        <f t="shared" si="150"/>
        <v>0</v>
      </c>
      <c r="N1217" s="45">
        <f t="shared" si="151"/>
        <v>44976.291666663798</v>
      </c>
    </row>
    <row r="1218" spans="2:14" x14ac:dyDescent="0.25">
      <c r="B1218">
        <f t="shared" si="145"/>
        <v>7</v>
      </c>
      <c r="C1218" s="16">
        <v>1184</v>
      </c>
      <c r="D1218" cm="1">
        <f t="array" ref="D1218">IFERROR(INDEX(Jesper!AH$2:AH$366,ROUNDDOWN($C1218/24,0)+1,1)*INDEX($D$3:$AA$30,INDEX(Jesper!$R$2:$R$366,ROW(INDEX(Jesper!AH$2:AH$366,ROUNDDOWN($C1218/24,0)+1,1))-1)+IF('Standard Profiles'!$G$18=$B$10,7,0)+IF('Standard Profiles'!$G$18=$B$17,14,0)+IF('Standard Profiles'!$G$18=$B$24,21,0),MOD($C1218,24)+1)/SUM(INDEX($D$3:$AA$30,INDEX(Jesper!$R$2:$R$366,ROW(INDEX(Jesper!AH$2:AH$366,ROUNDDOWN($C1218/24,0)+1,1))-1)+IF('Standard Profiles'!$G$18=$B$10,7,0)+IF('Standard Profiles'!$G$18=$B$17,14,0)+IF('Standard Profiles'!$G$18=$B$24,21,0),0)),0)</f>
        <v>0</v>
      </c>
      <c r="E1218" cm="1">
        <f t="array" ref="E1218">IFERROR(INDEX(Jesper!AI$2:AI$366,ROUNDDOWN($C1218/24,0)+1,1)*INDEX($D$3:$AA$30,INDEX(Jesper!$R$2:$R$366,ROW(INDEX(Jesper!AI$2:AI$366,ROUNDDOWN($C1218/24,0)+1,1))-1)+IF('Standard Profiles'!$G$19=$B$10,7,0)+IF('Standard Profiles'!$G$19=$B$17,14,0)+IF('Standard Profiles'!$G$19=$B$24,21,0),MOD($C1218,24)+1)/SUM(INDEX($D$3:$AA$30,INDEX(Jesper!$R$2:$R$366,ROW(INDEX(Jesper!AI$2:AI$366,ROUNDDOWN($C1218/24,0)+1,1))-1)+IF('Standard Profiles'!$G$19=$B$10,7,0)+IF('Standard Profiles'!$G$19=$B$17,14,0)+IF('Standard Profiles'!$G$19=$B$24,21,0),0)),0)</f>
        <v>3.6822309059861213</v>
      </c>
      <c r="F1218" cm="1">
        <f t="array" ref="F1218">IFERROR(INDEX(Jesper!AJ$2:AJ$366,ROUNDDOWN($C1218/24,0)+1,1)*INDEX($D$3:$AA$30,INDEX(Jesper!$R$2:$R$366,ROW(INDEX(Jesper!AJ$2:AJ$366,ROUNDDOWN($C1218/24,0)+1,1))-1)+IF('Standard Profiles'!$G$20=$B$10,7,0)+IF('Standard Profiles'!$G$20=$B$17,14,0)+IF('Standard Profiles'!$G$20=$B$24,21,0),MOD($C1218,24)+1)/SUM(INDEX($D$3:$AA$30,INDEX(Jesper!$R$2:$R$366,ROW(INDEX(Jesper!AJ$2:AJ$366,ROUNDDOWN($C1218/24,0)+1,1))-1)+IF('Standard Profiles'!$G$20=$B$10,7,0)+IF('Standard Profiles'!$G$20=$B$17,14,0)+IF('Standard Profiles'!$G$20=$B$24,21,0),0)),0)</f>
        <v>2.5600417794398473</v>
      </c>
      <c r="G1218" cm="1">
        <f t="array" ref="G1218">IFERROR(INDEX(Jesper!AK$2:AK$366,ROUNDDOWN($C1218/24,0)+1,1)*INDEX($D$3:$AA$30,INDEX(Jesper!$R$2:$R$366,ROW(INDEX(Jesper!AK$2:AK$366,ROUNDDOWN($C1218/24,0)+1,1))-1)+IF('Standard Profiles'!$G$21=$B$10,7,0)+IF('Standard Profiles'!$G$21=$B$17,14,0)+IF('Standard Profiles'!$G$21=$B$24,21,0),MOD($C1218,24)+1)/SUM(INDEX($D$3:$AA$30,INDEX(Jesper!$R$2:$R$366,ROW(INDEX(Jesper!AK$2:AK$366,ROUNDDOWN($C1218/24,0)+1,1))-1)+IF('Standard Profiles'!$G$21=$B$10,7,0)+IF('Standard Profiles'!$G$21=$B$17,14,0)+IF('Standard Profiles'!$G$21=$B$24,21,0),0)),0)</f>
        <v>3.0428370667273956</v>
      </c>
      <c r="H1218" cm="1">
        <f t="array" ref="H1218">IFERROR(INDEX(Jesper!AL$2:AL$366,ROUNDDOWN($C1218/24,0)+1,1)*INDEX($D$3:$AA$30,INDEX(Jesper!$R$2:$R$366,ROW(INDEX(Jesper!AL$2:AL$366,ROUNDDOWN($C1218/24,0)+1,1))-1)+IF('Standard Profiles'!$G$22=$B$10,7,0)+IF('Standard Profiles'!$G$22=$B$17,14,0)+IF('Standard Profiles'!$G$22=$B$24,21,0),MOD($C1218,24)+1)/SUM(INDEX($D$3:$AA$30,INDEX(Jesper!$R$2:$R$366,ROW(INDEX(Jesper!AL$2:AL$366,ROUNDDOWN($C1218/24,0)+1,1))-1)+IF('Standard Profiles'!$G$22=$B$10,7,0)+IF('Standard Profiles'!$G$22=$B$17,14,0)+IF('Standard Profiles'!$G$22=$B$24,21,0),0)),0)</f>
        <v>2.5110650063490128</v>
      </c>
      <c r="I1218">
        <f t="shared" si="146"/>
        <v>2.4106224060950536</v>
      </c>
      <c r="J1218">
        <f t="shared" si="147"/>
        <v>8.9436846436889894</v>
      </c>
      <c r="K1218">
        <f t="shared" si="148"/>
        <v>0.29457847247888974</v>
      </c>
      <c r="L1218">
        <f t="shared" si="149"/>
        <v>0.14728923623944487</v>
      </c>
      <c r="M1218">
        <f t="shared" si="150"/>
        <v>0</v>
      </c>
      <c r="N1218" s="45">
        <f t="shared" si="151"/>
        <v>44976.333333330462</v>
      </c>
    </row>
    <row r="1219" spans="2:14" x14ac:dyDescent="0.25">
      <c r="B1219">
        <f t="shared" si="145"/>
        <v>7</v>
      </c>
      <c r="C1219" s="16">
        <v>1185</v>
      </c>
      <c r="D1219" cm="1">
        <f t="array" ref="D1219">IFERROR(INDEX(Jesper!AH$2:AH$366,ROUNDDOWN($C1219/24,0)+1,1)*INDEX($D$3:$AA$30,INDEX(Jesper!$R$2:$R$366,ROW(INDEX(Jesper!AH$2:AH$366,ROUNDDOWN($C1219/24,0)+1,1))-1)+IF('Standard Profiles'!$G$18=$B$10,7,0)+IF('Standard Profiles'!$G$18=$B$17,14,0)+IF('Standard Profiles'!$G$18=$B$24,21,0),MOD($C1219,24)+1)/SUM(INDEX($D$3:$AA$30,INDEX(Jesper!$R$2:$R$366,ROW(INDEX(Jesper!AH$2:AH$366,ROUNDDOWN($C1219/24,0)+1,1))-1)+IF('Standard Profiles'!$G$18=$B$10,7,0)+IF('Standard Profiles'!$G$18=$B$17,14,0)+IF('Standard Profiles'!$G$18=$B$24,21,0),0)),0)</f>
        <v>0</v>
      </c>
      <c r="E1219" cm="1">
        <f t="array" ref="E1219">IFERROR(INDEX(Jesper!AI$2:AI$366,ROUNDDOWN($C1219/24,0)+1,1)*INDEX($D$3:$AA$30,INDEX(Jesper!$R$2:$R$366,ROW(INDEX(Jesper!AI$2:AI$366,ROUNDDOWN($C1219/24,0)+1,1))-1)+IF('Standard Profiles'!$G$19=$B$10,7,0)+IF('Standard Profiles'!$G$19=$B$17,14,0)+IF('Standard Profiles'!$G$19=$B$24,21,0),MOD($C1219,24)+1)/SUM(INDEX($D$3:$AA$30,INDEX(Jesper!$R$2:$R$366,ROW(INDEX(Jesper!AI$2:AI$366,ROUNDDOWN($C1219/24,0)+1,1))-1)+IF('Standard Profiles'!$G$19=$B$10,7,0)+IF('Standard Profiles'!$G$19=$B$17,14,0)+IF('Standard Profiles'!$G$19=$B$24,21,0),0)),0)</f>
        <v>3.6822309059861213</v>
      </c>
      <c r="F1219" cm="1">
        <f t="array" ref="F1219">IFERROR(INDEX(Jesper!AJ$2:AJ$366,ROUNDDOWN($C1219/24,0)+1,1)*INDEX($D$3:$AA$30,INDEX(Jesper!$R$2:$R$366,ROW(INDEX(Jesper!AJ$2:AJ$366,ROUNDDOWN($C1219/24,0)+1,1))-1)+IF('Standard Profiles'!$G$20=$B$10,7,0)+IF('Standard Profiles'!$G$20=$B$17,14,0)+IF('Standard Profiles'!$G$20=$B$24,21,0),MOD($C1219,24)+1)/SUM(INDEX($D$3:$AA$30,INDEX(Jesper!$R$2:$R$366,ROW(INDEX(Jesper!AJ$2:AJ$366,ROUNDDOWN($C1219/24,0)+1,1))-1)+IF('Standard Profiles'!$G$20=$B$10,7,0)+IF('Standard Profiles'!$G$20=$B$17,14,0)+IF('Standard Profiles'!$G$20=$B$24,21,0),0)),0)</f>
        <v>2.5600417794398473</v>
      </c>
      <c r="G1219" cm="1">
        <f t="array" ref="G1219">IFERROR(INDEX(Jesper!AK$2:AK$366,ROUNDDOWN($C1219/24,0)+1,1)*INDEX($D$3:$AA$30,INDEX(Jesper!$R$2:$R$366,ROW(INDEX(Jesper!AK$2:AK$366,ROUNDDOWN($C1219/24,0)+1,1))-1)+IF('Standard Profiles'!$G$21=$B$10,7,0)+IF('Standard Profiles'!$G$21=$B$17,14,0)+IF('Standard Profiles'!$G$21=$B$24,21,0),MOD($C1219,24)+1)/SUM(INDEX($D$3:$AA$30,INDEX(Jesper!$R$2:$R$366,ROW(INDEX(Jesper!AK$2:AK$366,ROUNDDOWN($C1219/24,0)+1,1))-1)+IF('Standard Profiles'!$G$21=$B$10,7,0)+IF('Standard Profiles'!$G$21=$B$17,14,0)+IF('Standard Profiles'!$G$21=$B$24,21,0),0)),0)</f>
        <v>3.0428370667273956</v>
      </c>
      <c r="H1219" cm="1">
        <f t="array" ref="H1219">IFERROR(INDEX(Jesper!AL$2:AL$366,ROUNDDOWN($C1219/24,0)+1,1)*INDEX($D$3:$AA$30,INDEX(Jesper!$R$2:$R$366,ROW(INDEX(Jesper!AL$2:AL$366,ROUNDDOWN($C1219/24,0)+1,1))-1)+IF('Standard Profiles'!$G$22=$B$10,7,0)+IF('Standard Profiles'!$G$22=$B$17,14,0)+IF('Standard Profiles'!$G$22=$B$24,21,0),MOD($C1219,24)+1)/SUM(INDEX($D$3:$AA$30,INDEX(Jesper!$R$2:$R$366,ROW(INDEX(Jesper!AL$2:AL$366,ROUNDDOWN($C1219/24,0)+1,1))-1)+IF('Standard Profiles'!$G$22=$B$10,7,0)+IF('Standard Profiles'!$G$22=$B$17,14,0)+IF('Standard Profiles'!$G$22=$B$24,21,0),0)),0)</f>
        <v>2.5110650063490128</v>
      </c>
      <c r="I1219">
        <f t="shared" si="146"/>
        <v>2.4106224060950536</v>
      </c>
      <c r="J1219">
        <f t="shared" si="147"/>
        <v>8.9436846436889894</v>
      </c>
      <c r="K1219">
        <f t="shared" si="148"/>
        <v>0.29457847247888974</v>
      </c>
      <c r="L1219">
        <f t="shared" si="149"/>
        <v>0.14728923623944487</v>
      </c>
      <c r="M1219">
        <f t="shared" si="150"/>
        <v>0</v>
      </c>
      <c r="N1219" s="45">
        <f t="shared" si="151"/>
        <v>44976.374999997126</v>
      </c>
    </row>
    <row r="1220" spans="2:14" x14ac:dyDescent="0.25">
      <c r="B1220">
        <f t="shared" si="145"/>
        <v>7</v>
      </c>
      <c r="C1220" s="16">
        <v>1186</v>
      </c>
      <c r="D1220" cm="1">
        <f t="array" ref="D1220">IFERROR(INDEX(Jesper!AH$2:AH$366,ROUNDDOWN($C1220/24,0)+1,1)*INDEX($D$3:$AA$30,INDEX(Jesper!$R$2:$R$366,ROW(INDEX(Jesper!AH$2:AH$366,ROUNDDOWN($C1220/24,0)+1,1))-1)+IF('Standard Profiles'!$G$18=$B$10,7,0)+IF('Standard Profiles'!$G$18=$B$17,14,0)+IF('Standard Profiles'!$G$18=$B$24,21,0),MOD($C1220,24)+1)/SUM(INDEX($D$3:$AA$30,INDEX(Jesper!$R$2:$R$366,ROW(INDEX(Jesper!AH$2:AH$366,ROUNDDOWN($C1220/24,0)+1,1))-1)+IF('Standard Profiles'!$G$18=$B$10,7,0)+IF('Standard Profiles'!$G$18=$B$17,14,0)+IF('Standard Profiles'!$G$18=$B$24,21,0),0)),0)</f>
        <v>0</v>
      </c>
      <c r="E1220" cm="1">
        <f t="array" ref="E1220">IFERROR(INDEX(Jesper!AI$2:AI$366,ROUNDDOWN($C1220/24,0)+1,1)*INDEX($D$3:$AA$30,INDEX(Jesper!$R$2:$R$366,ROW(INDEX(Jesper!AI$2:AI$366,ROUNDDOWN($C1220/24,0)+1,1))-1)+IF('Standard Profiles'!$G$19=$B$10,7,0)+IF('Standard Profiles'!$G$19=$B$17,14,0)+IF('Standard Profiles'!$G$19=$B$24,21,0),MOD($C1220,24)+1)/SUM(INDEX($D$3:$AA$30,INDEX(Jesper!$R$2:$R$366,ROW(INDEX(Jesper!AI$2:AI$366,ROUNDDOWN($C1220/24,0)+1,1))-1)+IF('Standard Profiles'!$G$19=$B$10,7,0)+IF('Standard Profiles'!$G$19=$B$17,14,0)+IF('Standard Profiles'!$G$19=$B$24,21,0),0)),0)</f>
        <v>3.6822309059861213</v>
      </c>
      <c r="F1220" cm="1">
        <f t="array" ref="F1220">IFERROR(INDEX(Jesper!AJ$2:AJ$366,ROUNDDOWN($C1220/24,0)+1,1)*INDEX($D$3:$AA$30,INDEX(Jesper!$R$2:$R$366,ROW(INDEX(Jesper!AJ$2:AJ$366,ROUNDDOWN($C1220/24,0)+1,1))-1)+IF('Standard Profiles'!$G$20=$B$10,7,0)+IF('Standard Profiles'!$G$20=$B$17,14,0)+IF('Standard Profiles'!$G$20=$B$24,21,0),MOD($C1220,24)+1)/SUM(INDEX($D$3:$AA$30,INDEX(Jesper!$R$2:$R$366,ROW(INDEX(Jesper!AJ$2:AJ$366,ROUNDDOWN($C1220/24,0)+1,1))-1)+IF('Standard Profiles'!$G$20=$B$10,7,0)+IF('Standard Profiles'!$G$20=$B$17,14,0)+IF('Standard Profiles'!$G$20=$B$24,21,0),0)),0)</f>
        <v>2.5600417794398473</v>
      </c>
      <c r="G1220" cm="1">
        <f t="array" ref="G1220">IFERROR(INDEX(Jesper!AK$2:AK$366,ROUNDDOWN($C1220/24,0)+1,1)*INDEX($D$3:$AA$30,INDEX(Jesper!$R$2:$R$366,ROW(INDEX(Jesper!AK$2:AK$366,ROUNDDOWN($C1220/24,0)+1,1))-1)+IF('Standard Profiles'!$G$21=$B$10,7,0)+IF('Standard Profiles'!$G$21=$B$17,14,0)+IF('Standard Profiles'!$G$21=$B$24,21,0),MOD($C1220,24)+1)/SUM(INDEX($D$3:$AA$30,INDEX(Jesper!$R$2:$R$366,ROW(INDEX(Jesper!AK$2:AK$366,ROUNDDOWN($C1220/24,0)+1,1))-1)+IF('Standard Profiles'!$G$21=$B$10,7,0)+IF('Standard Profiles'!$G$21=$B$17,14,0)+IF('Standard Profiles'!$G$21=$B$24,21,0),0)),0)</f>
        <v>3.0428370667273956</v>
      </c>
      <c r="H1220" cm="1">
        <f t="array" ref="H1220">IFERROR(INDEX(Jesper!AL$2:AL$366,ROUNDDOWN($C1220/24,0)+1,1)*INDEX($D$3:$AA$30,INDEX(Jesper!$R$2:$R$366,ROW(INDEX(Jesper!AL$2:AL$366,ROUNDDOWN($C1220/24,0)+1,1))-1)+IF('Standard Profiles'!$G$22=$B$10,7,0)+IF('Standard Profiles'!$G$22=$B$17,14,0)+IF('Standard Profiles'!$G$22=$B$24,21,0),MOD($C1220,24)+1)/SUM(INDEX($D$3:$AA$30,INDEX(Jesper!$R$2:$R$366,ROW(INDEX(Jesper!AL$2:AL$366,ROUNDDOWN($C1220/24,0)+1,1))-1)+IF('Standard Profiles'!$G$22=$B$10,7,0)+IF('Standard Profiles'!$G$22=$B$17,14,0)+IF('Standard Profiles'!$G$22=$B$24,21,0),0)),0)</f>
        <v>2.5110650063490128</v>
      </c>
      <c r="I1220">
        <f t="shared" si="146"/>
        <v>2.4106224060950536</v>
      </c>
      <c r="J1220">
        <f t="shared" si="147"/>
        <v>8.9436846436889894</v>
      </c>
      <c r="K1220">
        <f t="shared" si="148"/>
        <v>0.29457847247888974</v>
      </c>
      <c r="L1220">
        <f t="shared" si="149"/>
        <v>0.14728923623944487</v>
      </c>
      <c r="M1220">
        <f t="shared" si="150"/>
        <v>0</v>
      </c>
      <c r="N1220" s="45">
        <f t="shared" si="151"/>
        <v>44976.41666666379</v>
      </c>
    </row>
    <row r="1221" spans="2:14" x14ac:dyDescent="0.25">
      <c r="B1221">
        <f t="shared" si="145"/>
        <v>7</v>
      </c>
      <c r="C1221" s="16">
        <v>1187</v>
      </c>
      <c r="D1221" cm="1">
        <f t="array" ref="D1221">IFERROR(INDEX(Jesper!AH$2:AH$366,ROUNDDOWN($C1221/24,0)+1,1)*INDEX($D$3:$AA$30,INDEX(Jesper!$R$2:$R$366,ROW(INDEX(Jesper!AH$2:AH$366,ROUNDDOWN($C1221/24,0)+1,1))-1)+IF('Standard Profiles'!$G$18=$B$10,7,0)+IF('Standard Profiles'!$G$18=$B$17,14,0)+IF('Standard Profiles'!$G$18=$B$24,21,0),MOD($C1221,24)+1)/SUM(INDEX($D$3:$AA$30,INDEX(Jesper!$R$2:$R$366,ROW(INDEX(Jesper!AH$2:AH$366,ROUNDDOWN($C1221/24,0)+1,1))-1)+IF('Standard Profiles'!$G$18=$B$10,7,0)+IF('Standard Profiles'!$G$18=$B$17,14,0)+IF('Standard Profiles'!$G$18=$B$24,21,0),0)),0)</f>
        <v>0</v>
      </c>
      <c r="E1221" cm="1">
        <f t="array" ref="E1221">IFERROR(INDEX(Jesper!AI$2:AI$366,ROUNDDOWN($C1221/24,0)+1,1)*INDEX($D$3:$AA$30,INDEX(Jesper!$R$2:$R$366,ROW(INDEX(Jesper!AI$2:AI$366,ROUNDDOWN($C1221/24,0)+1,1))-1)+IF('Standard Profiles'!$G$19=$B$10,7,0)+IF('Standard Profiles'!$G$19=$B$17,14,0)+IF('Standard Profiles'!$G$19=$B$24,21,0),MOD($C1221,24)+1)/SUM(INDEX($D$3:$AA$30,INDEX(Jesper!$R$2:$R$366,ROW(INDEX(Jesper!AI$2:AI$366,ROUNDDOWN($C1221/24,0)+1,1))-1)+IF('Standard Profiles'!$G$19=$B$10,7,0)+IF('Standard Profiles'!$G$19=$B$17,14,0)+IF('Standard Profiles'!$G$19=$B$24,21,0),0)),0)</f>
        <v>3.6822309059861213</v>
      </c>
      <c r="F1221" cm="1">
        <f t="array" ref="F1221">IFERROR(INDEX(Jesper!AJ$2:AJ$366,ROUNDDOWN($C1221/24,0)+1,1)*INDEX($D$3:$AA$30,INDEX(Jesper!$R$2:$R$366,ROW(INDEX(Jesper!AJ$2:AJ$366,ROUNDDOWN($C1221/24,0)+1,1))-1)+IF('Standard Profiles'!$G$20=$B$10,7,0)+IF('Standard Profiles'!$G$20=$B$17,14,0)+IF('Standard Profiles'!$G$20=$B$24,21,0),MOD($C1221,24)+1)/SUM(INDEX($D$3:$AA$30,INDEX(Jesper!$R$2:$R$366,ROW(INDEX(Jesper!AJ$2:AJ$366,ROUNDDOWN($C1221/24,0)+1,1))-1)+IF('Standard Profiles'!$G$20=$B$10,7,0)+IF('Standard Profiles'!$G$20=$B$17,14,0)+IF('Standard Profiles'!$G$20=$B$24,21,0),0)),0)</f>
        <v>2.5600417794398473</v>
      </c>
      <c r="G1221" cm="1">
        <f t="array" ref="G1221">IFERROR(INDEX(Jesper!AK$2:AK$366,ROUNDDOWN($C1221/24,0)+1,1)*INDEX($D$3:$AA$30,INDEX(Jesper!$R$2:$R$366,ROW(INDEX(Jesper!AK$2:AK$366,ROUNDDOWN($C1221/24,0)+1,1))-1)+IF('Standard Profiles'!$G$21=$B$10,7,0)+IF('Standard Profiles'!$G$21=$B$17,14,0)+IF('Standard Profiles'!$G$21=$B$24,21,0),MOD($C1221,24)+1)/SUM(INDEX($D$3:$AA$30,INDEX(Jesper!$R$2:$R$366,ROW(INDEX(Jesper!AK$2:AK$366,ROUNDDOWN($C1221/24,0)+1,1))-1)+IF('Standard Profiles'!$G$21=$B$10,7,0)+IF('Standard Profiles'!$G$21=$B$17,14,0)+IF('Standard Profiles'!$G$21=$B$24,21,0),0)),0)</f>
        <v>3.0428370667273956</v>
      </c>
      <c r="H1221" cm="1">
        <f t="array" ref="H1221">IFERROR(INDEX(Jesper!AL$2:AL$366,ROUNDDOWN($C1221/24,0)+1,1)*INDEX($D$3:$AA$30,INDEX(Jesper!$R$2:$R$366,ROW(INDEX(Jesper!AL$2:AL$366,ROUNDDOWN($C1221/24,0)+1,1))-1)+IF('Standard Profiles'!$G$22=$B$10,7,0)+IF('Standard Profiles'!$G$22=$B$17,14,0)+IF('Standard Profiles'!$G$22=$B$24,21,0),MOD($C1221,24)+1)/SUM(INDEX($D$3:$AA$30,INDEX(Jesper!$R$2:$R$366,ROW(INDEX(Jesper!AL$2:AL$366,ROUNDDOWN($C1221/24,0)+1,1))-1)+IF('Standard Profiles'!$G$22=$B$10,7,0)+IF('Standard Profiles'!$G$22=$B$17,14,0)+IF('Standard Profiles'!$G$22=$B$24,21,0),0)),0)</f>
        <v>2.5110650063490128</v>
      </c>
      <c r="I1221">
        <f t="shared" si="146"/>
        <v>2.4106224060950536</v>
      </c>
      <c r="J1221">
        <f t="shared" si="147"/>
        <v>8.9436846436889894</v>
      </c>
      <c r="K1221">
        <f t="shared" si="148"/>
        <v>0.29457847247888974</v>
      </c>
      <c r="L1221">
        <f t="shared" si="149"/>
        <v>0.14728923623944487</v>
      </c>
      <c r="M1221">
        <f t="shared" si="150"/>
        <v>0</v>
      </c>
      <c r="N1221" s="45">
        <f t="shared" si="151"/>
        <v>44976.458333330454</v>
      </c>
    </row>
    <row r="1222" spans="2:14" x14ac:dyDescent="0.25">
      <c r="B1222">
        <f t="shared" si="145"/>
        <v>7</v>
      </c>
      <c r="C1222" s="16">
        <v>1188</v>
      </c>
      <c r="D1222" cm="1">
        <f t="array" ref="D1222">IFERROR(INDEX(Jesper!AH$2:AH$366,ROUNDDOWN($C1222/24,0)+1,1)*INDEX($D$3:$AA$30,INDEX(Jesper!$R$2:$R$366,ROW(INDEX(Jesper!AH$2:AH$366,ROUNDDOWN($C1222/24,0)+1,1))-1)+IF('Standard Profiles'!$G$18=$B$10,7,0)+IF('Standard Profiles'!$G$18=$B$17,14,0)+IF('Standard Profiles'!$G$18=$B$24,21,0),MOD($C1222,24)+1)/SUM(INDEX($D$3:$AA$30,INDEX(Jesper!$R$2:$R$366,ROW(INDEX(Jesper!AH$2:AH$366,ROUNDDOWN($C1222/24,0)+1,1))-1)+IF('Standard Profiles'!$G$18=$B$10,7,0)+IF('Standard Profiles'!$G$18=$B$17,14,0)+IF('Standard Profiles'!$G$18=$B$24,21,0),0)),0)</f>
        <v>0</v>
      </c>
      <c r="E1222" cm="1">
        <f t="array" ref="E1222">IFERROR(INDEX(Jesper!AI$2:AI$366,ROUNDDOWN($C1222/24,0)+1,1)*INDEX($D$3:$AA$30,INDEX(Jesper!$R$2:$R$366,ROW(INDEX(Jesper!AI$2:AI$366,ROUNDDOWN($C1222/24,0)+1,1))-1)+IF('Standard Profiles'!$G$19=$B$10,7,0)+IF('Standard Profiles'!$G$19=$B$17,14,0)+IF('Standard Profiles'!$G$19=$B$24,21,0),MOD($C1222,24)+1)/SUM(INDEX($D$3:$AA$30,INDEX(Jesper!$R$2:$R$366,ROW(INDEX(Jesper!AI$2:AI$366,ROUNDDOWN($C1222/24,0)+1,1))-1)+IF('Standard Profiles'!$G$19=$B$10,7,0)+IF('Standard Profiles'!$G$19=$B$17,14,0)+IF('Standard Profiles'!$G$19=$B$24,21,0),0)),0)</f>
        <v>3.6822309059861213</v>
      </c>
      <c r="F1222" cm="1">
        <f t="array" ref="F1222">IFERROR(INDEX(Jesper!AJ$2:AJ$366,ROUNDDOWN($C1222/24,0)+1,1)*INDEX($D$3:$AA$30,INDEX(Jesper!$R$2:$R$366,ROW(INDEX(Jesper!AJ$2:AJ$366,ROUNDDOWN($C1222/24,0)+1,1))-1)+IF('Standard Profiles'!$G$20=$B$10,7,0)+IF('Standard Profiles'!$G$20=$B$17,14,0)+IF('Standard Profiles'!$G$20=$B$24,21,0),MOD($C1222,24)+1)/SUM(INDEX($D$3:$AA$30,INDEX(Jesper!$R$2:$R$366,ROW(INDEX(Jesper!AJ$2:AJ$366,ROUNDDOWN($C1222/24,0)+1,1))-1)+IF('Standard Profiles'!$G$20=$B$10,7,0)+IF('Standard Profiles'!$G$20=$B$17,14,0)+IF('Standard Profiles'!$G$20=$B$24,21,0),0)),0)</f>
        <v>2.5600417794398473</v>
      </c>
      <c r="G1222" cm="1">
        <f t="array" ref="G1222">IFERROR(INDEX(Jesper!AK$2:AK$366,ROUNDDOWN($C1222/24,0)+1,1)*INDEX($D$3:$AA$30,INDEX(Jesper!$R$2:$R$366,ROW(INDEX(Jesper!AK$2:AK$366,ROUNDDOWN($C1222/24,0)+1,1))-1)+IF('Standard Profiles'!$G$21=$B$10,7,0)+IF('Standard Profiles'!$G$21=$B$17,14,0)+IF('Standard Profiles'!$G$21=$B$24,21,0),MOD($C1222,24)+1)/SUM(INDEX($D$3:$AA$30,INDEX(Jesper!$R$2:$R$366,ROW(INDEX(Jesper!AK$2:AK$366,ROUNDDOWN($C1222/24,0)+1,1))-1)+IF('Standard Profiles'!$G$21=$B$10,7,0)+IF('Standard Profiles'!$G$21=$B$17,14,0)+IF('Standard Profiles'!$G$21=$B$24,21,0),0)),0)</f>
        <v>3.0428370667273956</v>
      </c>
      <c r="H1222" cm="1">
        <f t="array" ref="H1222">IFERROR(INDEX(Jesper!AL$2:AL$366,ROUNDDOWN($C1222/24,0)+1,1)*INDEX($D$3:$AA$30,INDEX(Jesper!$R$2:$R$366,ROW(INDEX(Jesper!AL$2:AL$366,ROUNDDOWN($C1222/24,0)+1,1))-1)+IF('Standard Profiles'!$G$22=$B$10,7,0)+IF('Standard Profiles'!$G$22=$B$17,14,0)+IF('Standard Profiles'!$G$22=$B$24,21,0),MOD($C1222,24)+1)/SUM(INDEX($D$3:$AA$30,INDEX(Jesper!$R$2:$R$366,ROW(INDEX(Jesper!AL$2:AL$366,ROUNDDOWN($C1222/24,0)+1,1))-1)+IF('Standard Profiles'!$G$22=$B$10,7,0)+IF('Standard Profiles'!$G$22=$B$17,14,0)+IF('Standard Profiles'!$G$22=$B$24,21,0),0)),0)</f>
        <v>2.5110650063490128</v>
      </c>
      <c r="I1222">
        <f t="shared" si="146"/>
        <v>2.4106224060950536</v>
      </c>
      <c r="J1222">
        <f t="shared" si="147"/>
        <v>8.9436846436889894</v>
      </c>
      <c r="K1222">
        <f t="shared" si="148"/>
        <v>0.29457847247888974</v>
      </c>
      <c r="L1222">
        <f t="shared" si="149"/>
        <v>0.14728923623944487</v>
      </c>
      <c r="M1222">
        <f t="shared" si="150"/>
        <v>0</v>
      </c>
      <c r="N1222" s="45">
        <f t="shared" si="151"/>
        <v>44976.499999997119</v>
      </c>
    </row>
    <row r="1223" spans="2:14" x14ac:dyDescent="0.25">
      <c r="B1223">
        <f t="shared" si="145"/>
        <v>7</v>
      </c>
      <c r="C1223" s="16">
        <v>1189</v>
      </c>
      <c r="D1223" cm="1">
        <f t="array" ref="D1223">IFERROR(INDEX(Jesper!AH$2:AH$366,ROUNDDOWN($C1223/24,0)+1,1)*INDEX($D$3:$AA$30,INDEX(Jesper!$R$2:$R$366,ROW(INDEX(Jesper!AH$2:AH$366,ROUNDDOWN($C1223/24,0)+1,1))-1)+IF('Standard Profiles'!$G$18=$B$10,7,0)+IF('Standard Profiles'!$G$18=$B$17,14,0)+IF('Standard Profiles'!$G$18=$B$24,21,0),MOD($C1223,24)+1)/SUM(INDEX($D$3:$AA$30,INDEX(Jesper!$R$2:$R$366,ROW(INDEX(Jesper!AH$2:AH$366,ROUNDDOWN($C1223/24,0)+1,1))-1)+IF('Standard Profiles'!$G$18=$B$10,7,0)+IF('Standard Profiles'!$G$18=$B$17,14,0)+IF('Standard Profiles'!$G$18=$B$24,21,0),0)),0)</f>
        <v>0</v>
      </c>
      <c r="E1223" cm="1">
        <f t="array" ref="E1223">IFERROR(INDEX(Jesper!AI$2:AI$366,ROUNDDOWN($C1223/24,0)+1,1)*INDEX($D$3:$AA$30,INDEX(Jesper!$R$2:$R$366,ROW(INDEX(Jesper!AI$2:AI$366,ROUNDDOWN($C1223/24,0)+1,1))-1)+IF('Standard Profiles'!$G$19=$B$10,7,0)+IF('Standard Profiles'!$G$19=$B$17,14,0)+IF('Standard Profiles'!$G$19=$B$24,21,0),MOD($C1223,24)+1)/SUM(INDEX($D$3:$AA$30,INDEX(Jesper!$R$2:$R$366,ROW(INDEX(Jesper!AI$2:AI$366,ROUNDDOWN($C1223/24,0)+1,1))-1)+IF('Standard Profiles'!$G$19=$B$10,7,0)+IF('Standard Profiles'!$G$19=$B$17,14,0)+IF('Standard Profiles'!$G$19=$B$24,21,0),0)),0)</f>
        <v>3.6822309059861213</v>
      </c>
      <c r="F1223" cm="1">
        <f t="array" ref="F1223">IFERROR(INDEX(Jesper!AJ$2:AJ$366,ROUNDDOWN($C1223/24,0)+1,1)*INDEX($D$3:$AA$30,INDEX(Jesper!$R$2:$R$366,ROW(INDEX(Jesper!AJ$2:AJ$366,ROUNDDOWN($C1223/24,0)+1,1))-1)+IF('Standard Profiles'!$G$20=$B$10,7,0)+IF('Standard Profiles'!$G$20=$B$17,14,0)+IF('Standard Profiles'!$G$20=$B$24,21,0),MOD($C1223,24)+1)/SUM(INDEX($D$3:$AA$30,INDEX(Jesper!$R$2:$R$366,ROW(INDEX(Jesper!AJ$2:AJ$366,ROUNDDOWN($C1223/24,0)+1,1))-1)+IF('Standard Profiles'!$G$20=$B$10,7,0)+IF('Standard Profiles'!$G$20=$B$17,14,0)+IF('Standard Profiles'!$G$20=$B$24,21,0),0)),0)</f>
        <v>2.5600417794398473</v>
      </c>
      <c r="G1223" cm="1">
        <f t="array" ref="G1223">IFERROR(INDEX(Jesper!AK$2:AK$366,ROUNDDOWN($C1223/24,0)+1,1)*INDEX($D$3:$AA$30,INDEX(Jesper!$R$2:$R$366,ROW(INDEX(Jesper!AK$2:AK$366,ROUNDDOWN($C1223/24,0)+1,1))-1)+IF('Standard Profiles'!$G$21=$B$10,7,0)+IF('Standard Profiles'!$G$21=$B$17,14,0)+IF('Standard Profiles'!$G$21=$B$24,21,0),MOD($C1223,24)+1)/SUM(INDEX($D$3:$AA$30,INDEX(Jesper!$R$2:$R$366,ROW(INDEX(Jesper!AK$2:AK$366,ROUNDDOWN($C1223/24,0)+1,1))-1)+IF('Standard Profiles'!$G$21=$B$10,7,0)+IF('Standard Profiles'!$G$21=$B$17,14,0)+IF('Standard Profiles'!$G$21=$B$24,21,0),0)),0)</f>
        <v>3.0428370667273956</v>
      </c>
      <c r="H1223" cm="1">
        <f t="array" ref="H1223">IFERROR(INDEX(Jesper!AL$2:AL$366,ROUNDDOWN($C1223/24,0)+1,1)*INDEX($D$3:$AA$30,INDEX(Jesper!$R$2:$R$366,ROW(INDEX(Jesper!AL$2:AL$366,ROUNDDOWN($C1223/24,0)+1,1))-1)+IF('Standard Profiles'!$G$22=$B$10,7,0)+IF('Standard Profiles'!$G$22=$B$17,14,0)+IF('Standard Profiles'!$G$22=$B$24,21,0),MOD($C1223,24)+1)/SUM(INDEX($D$3:$AA$30,INDEX(Jesper!$R$2:$R$366,ROW(INDEX(Jesper!AL$2:AL$366,ROUNDDOWN($C1223/24,0)+1,1))-1)+IF('Standard Profiles'!$G$22=$B$10,7,0)+IF('Standard Profiles'!$G$22=$B$17,14,0)+IF('Standard Profiles'!$G$22=$B$24,21,0),0)),0)</f>
        <v>2.5110650063490128</v>
      </c>
      <c r="I1223">
        <f t="shared" si="146"/>
        <v>2.4106224060950536</v>
      </c>
      <c r="J1223">
        <f t="shared" si="147"/>
        <v>8.9436846436889894</v>
      </c>
      <c r="K1223">
        <f t="shared" si="148"/>
        <v>0.29457847247888974</v>
      </c>
      <c r="L1223">
        <f t="shared" si="149"/>
        <v>0.14728923623944487</v>
      </c>
      <c r="M1223">
        <f t="shared" si="150"/>
        <v>0</v>
      </c>
      <c r="N1223" s="45">
        <f t="shared" si="151"/>
        <v>44976.541666663783</v>
      </c>
    </row>
    <row r="1224" spans="2:14" x14ac:dyDescent="0.25">
      <c r="B1224">
        <f t="shared" si="145"/>
        <v>7</v>
      </c>
      <c r="C1224" s="16">
        <v>1190</v>
      </c>
      <c r="D1224" cm="1">
        <f t="array" ref="D1224">IFERROR(INDEX(Jesper!AH$2:AH$366,ROUNDDOWN($C1224/24,0)+1,1)*INDEX($D$3:$AA$30,INDEX(Jesper!$R$2:$R$366,ROW(INDEX(Jesper!AH$2:AH$366,ROUNDDOWN($C1224/24,0)+1,1))-1)+IF('Standard Profiles'!$G$18=$B$10,7,0)+IF('Standard Profiles'!$G$18=$B$17,14,0)+IF('Standard Profiles'!$G$18=$B$24,21,0),MOD($C1224,24)+1)/SUM(INDEX($D$3:$AA$30,INDEX(Jesper!$R$2:$R$366,ROW(INDEX(Jesper!AH$2:AH$366,ROUNDDOWN($C1224/24,0)+1,1))-1)+IF('Standard Profiles'!$G$18=$B$10,7,0)+IF('Standard Profiles'!$G$18=$B$17,14,0)+IF('Standard Profiles'!$G$18=$B$24,21,0),0)),0)</f>
        <v>0</v>
      </c>
      <c r="E1224" cm="1">
        <f t="array" ref="E1224">IFERROR(INDEX(Jesper!AI$2:AI$366,ROUNDDOWN($C1224/24,0)+1,1)*INDEX($D$3:$AA$30,INDEX(Jesper!$R$2:$R$366,ROW(INDEX(Jesper!AI$2:AI$366,ROUNDDOWN($C1224/24,0)+1,1))-1)+IF('Standard Profiles'!$G$19=$B$10,7,0)+IF('Standard Profiles'!$G$19=$B$17,14,0)+IF('Standard Profiles'!$G$19=$B$24,21,0),MOD($C1224,24)+1)/SUM(INDEX($D$3:$AA$30,INDEX(Jesper!$R$2:$R$366,ROW(INDEX(Jesper!AI$2:AI$366,ROUNDDOWN($C1224/24,0)+1,1))-1)+IF('Standard Profiles'!$G$19=$B$10,7,0)+IF('Standard Profiles'!$G$19=$B$17,14,0)+IF('Standard Profiles'!$G$19=$B$24,21,0),0)),0)</f>
        <v>3.6822309059861213</v>
      </c>
      <c r="F1224" cm="1">
        <f t="array" ref="F1224">IFERROR(INDEX(Jesper!AJ$2:AJ$366,ROUNDDOWN($C1224/24,0)+1,1)*INDEX($D$3:$AA$30,INDEX(Jesper!$R$2:$R$366,ROW(INDEX(Jesper!AJ$2:AJ$366,ROUNDDOWN($C1224/24,0)+1,1))-1)+IF('Standard Profiles'!$G$20=$B$10,7,0)+IF('Standard Profiles'!$G$20=$B$17,14,0)+IF('Standard Profiles'!$G$20=$B$24,21,0),MOD($C1224,24)+1)/SUM(INDEX($D$3:$AA$30,INDEX(Jesper!$R$2:$R$366,ROW(INDEX(Jesper!AJ$2:AJ$366,ROUNDDOWN($C1224/24,0)+1,1))-1)+IF('Standard Profiles'!$G$20=$B$10,7,0)+IF('Standard Profiles'!$G$20=$B$17,14,0)+IF('Standard Profiles'!$G$20=$B$24,21,0),0)),0)</f>
        <v>2.5600417794398473</v>
      </c>
      <c r="G1224" cm="1">
        <f t="array" ref="G1224">IFERROR(INDEX(Jesper!AK$2:AK$366,ROUNDDOWN($C1224/24,0)+1,1)*INDEX($D$3:$AA$30,INDEX(Jesper!$R$2:$R$366,ROW(INDEX(Jesper!AK$2:AK$366,ROUNDDOWN($C1224/24,0)+1,1))-1)+IF('Standard Profiles'!$G$21=$B$10,7,0)+IF('Standard Profiles'!$G$21=$B$17,14,0)+IF('Standard Profiles'!$G$21=$B$24,21,0),MOD($C1224,24)+1)/SUM(INDEX($D$3:$AA$30,INDEX(Jesper!$R$2:$R$366,ROW(INDEX(Jesper!AK$2:AK$366,ROUNDDOWN($C1224/24,0)+1,1))-1)+IF('Standard Profiles'!$G$21=$B$10,7,0)+IF('Standard Profiles'!$G$21=$B$17,14,0)+IF('Standard Profiles'!$G$21=$B$24,21,0),0)),0)</f>
        <v>3.0428370667273956</v>
      </c>
      <c r="H1224" cm="1">
        <f t="array" ref="H1224">IFERROR(INDEX(Jesper!AL$2:AL$366,ROUNDDOWN($C1224/24,0)+1,1)*INDEX($D$3:$AA$30,INDEX(Jesper!$R$2:$R$366,ROW(INDEX(Jesper!AL$2:AL$366,ROUNDDOWN($C1224/24,0)+1,1))-1)+IF('Standard Profiles'!$G$22=$B$10,7,0)+IF('Standard Profiles'!$G$22=$B$17,14,0)+IF('Standard Profiles'!$G$22=$B$24,21,0),MOD($C1224,24)+1)/SUM(INDEX($D$3:$AA$30,INDEX(Jesper!$R$2:$R$366,ROW(INDEX(Jesper!AL$2:AL$366,ROUNDDOWN($C1224/24,0)+1,1))-1)+IF('Standard Profiles'!$G$22=$B$10,7,0)+IF('Standard Profiles'!$G$22=$B$17,14,0)+IF('Standard Profiles'!$G$22=$B$24,21,0),0)),0)</f>
        <v>2.5110650063490128</v>
      </c>
      <c r="I1224">
        <f t="shared" si="146"/>
        <v>2.4106224060950536</v>
      </c>
      <c r="J1224">
        <f t="shared" si="147"/>
        <v>8.9436846436889894</v>
      </c>
      <c r="K1224">
        <f t="shared" si="148"/>
        <v>0.29457847247888974</v>
      </c>
      <c r="L1224">
        <f t="shared" si="149"/>
        <v>0.14728923623944487</v>
      </c>
      <c r="M1224">
        <f t="shared" si="150"/>
        <v>0</v>
      </c>
      <c r="N1224" s="45">
        <f t="shared" si="151"/>
        <v>44976.583333330447</v>
      </c>
    </row>
    <row r="1225" spans="2:14" x14ac:dyDescent="0.25">
      <c r="B1225">
        <f t="shared" si="145"/>
        <v>7</v>
      </c>
      <c r="C1225" s="16">
        <v>1191</v>
      </c>
      <c r="D1225" cm="1">
        <f t="array" ref="D1225">IFERROR(INDEX(Jesper!AH$2:AH$366,ROUNDDOWN($C1225/24,0)+1,1)*INDEX($D$3:$AA$30,INDEX(Jesper!$R$2:$R$366,ROW(INDEX(Jesper!AH$2:AH$366,ROUNDDOWN($C1225/24,0)+1,1))-1)+IF('Standard Profiles'!$G$18=$B$10,7,0)+IF('Standard Profiles'!$G$18=$B$17,14,0)+IF('Standard Profiles'!$G$18=$B$24,21,0),MOD($C1225,24)+1)/SUM(INDEX($D$3:$AA$30,INDEX(Jesper!$R$2:$R$366,ROW(INDEX(Jesper!AH$2:AH$366,ROUNDDOWN($C1225/24,0)+1,1))-1)+IF('Standard Profiles'!$G$18=$B$10,7,0)+IF('Standard Profiles'!$G$18=$B$17,14,0)+IF('Standard Profiles'!$G$18=$B$24,21,0),0)),0)</f>
        <v>0</v>
      </c>
      <c r="E1225" cm="1">
        <f t="array" ref="E1225">IFERROR(INDEX(Jesper!AI$2:AI$366,ROUNDDOWN($C1225/24,0)+1,1)*INDEX($D$3:$AA$30,INDEX(Jesper!$R$2:$R$366,ROW(INDEX(Jesper!AI$2:AI$366,ROUNDDOWN($C1225/24,0)+1,1))-1)+IF('Standard Profiles'!$G$19=$B$10,7,0)+IF('Standard Profiles'!$G$19=$B$17,14,0)+IF('Standard Profiles'!$G$19=$B$24,21,0),MOD($C1225,24)+1)/SUM(INDEX($D$3:$AA$30,INDEX(Jesper!$R$2:$R$366,ROW(INDEX(Jesper!AI$2:AI$366,ROUNDDOWN($C1225/24,0)+1,1))-1)+IF('Standard Profiles'!$G$19=$B$10,7,0)+IF('Standard Profiles'!$G$19=$B$17,14,0)+IF('Standard Profiles'!$G$19=$B$24,21,0),0)),0)</f>
        <v>3.6822309059861213</v>
      </c>
      <c r="F1225" cm="1">
        <f t="array" ref="F1225">IFERROR(INDEX(Jesper!AJ$2:AJ$366,ROUNDDOWN($C1225/24,0)+1,1)*INDEX($D$3:$AA$30,INDEX(Jesper!$R$2:$R$366,ROW(INDEX(Jesper!AJ$2:AJ$366,ROUNDDOWN($C1225/24,0)+1,1))-1)+IF('Standard Profiles'!$G$20=$B$10,7,0)+IF('Standard Profiles'!$G$20=$B$17,14,0)+IF('Standard Profiles'!$G$20=$B$24,21,0),MOD($C1225,24)+1)/SUM(INDEX($D$3:$AA$30,INDEX(Jesper!$R$2:$R$366,ROW(INDEX(Jesper!AJ$2:AJ$366,ROUNDDOWN($C1225/24,0)+1,1))-1)+IF('Standard Profiles'!$G$20=$B$10,7,0)+IF('Standard Profiles'!$G$20=$B$17,14,0)+IF('Standard Profiles'!$G$20=$B$24,21,0),0)),0)</f>
        <v>2.5600417794398473</v>
      </c>
      <c r="G1225" cm="1">
        <f t="array" ref="G1225">IFERROR(INDEX(Jesper!AK$2:AK$366,ROUNDDOWN($C1225/24,0)+1,1)*INDEX($D$3:$AA$30,INDEX(Jesper!$R$2:$R$366,ROW(INDEX(Jesper!AK$2:AK$366,ROUNDDOWN($C1225/24,0)+1,1))-1)+IF('Standard Profiles'!$G$21=$B$10,7,0)+IF('Standard Profiles'!$G$21=$B$17,14,0)+IF('Standard Profiles'!$G$21=$B$24,21,0),MOD($C1225,24)+1)/SUM(INDEX($D$3:$AA$30,INDEX(Jesper!$R$2:$R$366,ROW(INDEX(Jesper!AK$2:AK$366,ROUNDDOWN($C1225/24,0)+1,1))-1)+IF('Standard Profiles'!$G$21=$B$10,7,0)+IF('Standard Profiles'!$G$21=$B$17,14,0)+IF('Standard Profiles'!$G$21=$B$24,21,0),0)),0)</f>
        <v>3.0428370667273956</v>
      </c>
      <c r="H1225" cm="1">
        <f t="array" ref="H1225">IFERROR(INDEX(Jesper!AL$2:AL$366,ROUNDDOWN($C1225/24,0)+1,1)*INDEX($D$3:$AA$30,INDEX(Jesper!$R$2:$R$366,ROW(INDEX(Jesper!AL$2:AL$366,ROUNDDOWN($C1225/24,0)+1,1))-1)+IF('Standard Profiles'!$G$22=$B$10,7,0)+IF('Standard Profiles'!$G$22=$B$17,14,0)+IF('Standard Profiles'!$G$22=$B$24,21,0),MOD($C1225,24)+1)/SUM(INDEX($D$3:$AA$30,INDEX(Jesper!$R$2:$R$366,ROW(INDEX(Jesper!AL$2:AL$366,ROUNDDOWN($C1225/24,0)+1,1))-1)+IF('Standard Profiles'!$G$22=$B$10,7,0)+IF('Standard Profiles'!$G$22=$B$17,14,0)+IF('Standard Profiles'!$G$22=$B$24,21,0),0)),0)</f>
        <v>2.2320577834213444</v>
      </c>
      <c r="I1225">
        <f t="shared" si="146"/>
        <v>2.1427754720844918</v>
      </c>
      <c r="J1225">
        <f t="shared" si="147"/>
        <v>8.932524354771882</v>
      </c>
      <c r="K1225">
        <f t="shared" si="148"/>
        <v>0.29457847247888974</v>
      </c>
      <c r="L1225">
        <f t="shared" si="149"/>
        <v>0.14728923623944487</v>
      </c>
      <c r="M1225">
        <f t="shared" si="150"/>
        <v>0</v>
      </c>
      <c r="N1225" s="45">
        <f t="shared" si="151"/>
        <v>44976.624999997111</v>
      </c>
    </row>
    <row r="1226" spans="2:14" x14ac:dyDescent="0.25">
      <c r="B1226">
        <f t="shared" si="145"/>
        <v>7</v>
      </c>
      <c r="C1226" s="16">
        <v>1192</v>
      </c>
      <c r="D1226" cm="1">
        <f t="array" ref="D1226">IFERROR(INDEX(Jesper!AH$2:AH$366,ROUNDDOWN($C1226/24,0)+1,1)*INDEX($D$3:$AA$30,INDEX(Jesper!$R$2:$R$366,ROW(INDEX(Jesper!AH$2:AH$366,ROUNDDOWN($C1226/24,0)+1,1))-1)+IF('Standard Profiles'!$G$18=$B$10,7,0)+IF('Standard Profiles'!$G$18=$B$17,14,0)+IF('Standard Profiles'!$G$18=$B$24,21,0),MOD($C1226,24)+1)/SUM(INDEX($D$3:$AA$30,INDEX(Jesper!$R$2:$R$366,ROW(INDEX(Jesper!AH$2:AH$366,ROUNDDOWN($C1226/24,0)+1,1))-1)+IF('Standard Profiles'!$G$18=$B$10,7,0)+IF('Standard Profiles'!$G$18=$B$17,14,0)+IF('Standard Profiles'!$G$18=$B$24,21,0),0)),0)</f>
        <v>0</v>
      </c>
      <c r="E1226" cm="1">
        <f t="array" ref="E1226">IFERROR(INDEX(Jesper!AI$2:AI$366,ROUNDDOWN($C1226/24,0)+1,1)*INDEX($D$3:$AA$30,INDEX(Jesper!$R$2:$R$366,ROW(INDEX(Jesper!AI$2:AI$366,ROUNDDOWN($C1226/24,0)+1,1))-1)+IF('Standard Profiles'!$G$19=$B$10,7,0)+IF('Standard Profiles'!$G$19=$B$17,14,0)+IF('Standard Profiles'!$G$19=$B$24,21,0),MOD($C1226,24)+1)/SUM(INDEX($D$3:$AA$30,INDEX(Jesper!$R$2:$R$366,ROW(INDEX(Jesper!AI$2:AI$366,ROUNDDOWN($C1226/24,0)+1,1))-1)+IF('Standard Profiles'!$G$19=$B$10,7,0)+IF('Standard Profiles'!$G$19=$B$17,14,0)+IF('Standard Profiles'!$G$19=$B$24,21,0),0)),0)</f>
        <v>3.6822309059861213</v>
      </c>
      <c r="F1226" cm="1">
        <f t="array" ref="F1226">IFERROR(INDEX(Jesper!AJ$2:AJ$366,ROUNDDOWN($C1226/24,0)+1,1)*INDEX($D$3:$AA$30,INDEX(Jesper!$R$2:$R$366,ROW(INDEX(Jesper!AJ$2:AJ$366,ROUNDDOWN($C1226/24,0)+1,1))-1)+IF('Standard Profiles'!$G$20=$B$10,7,0)+IF('Standard Profiles'!$G$20=$B$17,14,0)+IF('Standard Profiles'!$G$20=$B$24,21,0),MOD($C1226,24)+1)/SUM(INDEX($D$3:$AA$30,INDEX(Jesper!$R$2:$R$366,ROW(INDEX(Jesper!AJ$2:AJ$366,ROUNDDOWN($C1226/24,0)+1,1))-1)+IF('Standard Profiles'!$G$20=$B$10,7,0)+IF('Standard Profiles'!$G$20=$B$17,14,0)+IF('Standard Profiles'!$G$20=$B$24,21,0),0)),0)</f>
        <v>2.5600417794398473</v>
      </c>
      <c r="G1226" cm="1">
        <f t="array" ref="G1226">IFERROR(INDEX(Jesper!AK$2:AK$366,ROUNDDOWN($C1226/24,0)+1,1)*INDEX($D$3:$AA$30,INDEX(Jesper!$R$2:$R$366,ROW(INDEX(Jesper!AK$2:AK$366,ROUNDDOWN($C1226/24,0)+1,1))-1)+IF('Standard Profiles'!$G$21=$B$10,7,0)+IF('Standard Profiles'!$G$21=$B$17,14,0)+IF('Standard Profiles'!$G$21=$B$24,21,0),MOD($C1226,24)+1)/SUM(INDEX($D$3:$AA$30,INDEX(Jesper!$R$2:$R$366,ROW(INDEX(Jesper!AK$2:AK$366,ROUNDDOWN($C1226/24,0)+1,1))-1)+IF('Standard Profiles'!$G$21=$B$10,7,0)+IF('Standard Profiles'!$G$21=$B$17,14,0)+IF('Standard Profiles'!$G$21=$B$24,21,0),0)),0)</f>
        <v>3.0428370667273956</v>
      </c>
      <c r="H1226" cm="1">
        <f t="array" ref="H1226">IFERROR(INDEX(Jesper!AL$2:AL$366,ROUNDDOWN($C1226/24,0)+1,1)*INDEX($D$3:$AA$30,INDEX(Jesper!$R$2:$R$366,ROW(INDEX(Jesper!AL$2:AL$366,ROUNDDOWN($C1226/24,0)+1,1))-1)+IF('Standard Profiles'!$G$22=$B$10,7,0)+IF('Standard Profiles'!$G$22=$B$17,14,0)+IF('Standard Profiles'!$G$22=$B$24,21,0),MOD($C1226,24)+1)/SUM(INDEX($D$3:$AA$30,INDEX(Jesper!$R$2:$R$366,ROW(INDEX(Jesper!AL$2:AL$366,ROUNDDOWN($C1226/24,0)+1,1))-1)+IF('Standard Profiles'!$G$22=$B$10,7,0)+IF('Standard Profiles'!$G$22=$B$17,14,0)+IF('Standard Profiles'!$G$22=$B$24,21,0),0)),0)</f>
        <v>2.1921996087173921</v>
      </c>
      <c r="I1226">
        <f t="shared" si="146"/>
        <v>2.1045116243686977</v>
      </c>
      <c r="J1226">
        <f t="shared" si="147"/>
        <v>8.9309300277837238</v>
      </c>
      <c r="K1226">
        <f t="shared" si="148"/>
        <v>0.29457847247888974</v>
      </c>
      <c r="L1226">
        <f t="shared" si="149"/>
        <v>0.14728923623944487</v>
      </c>
      <c r="M1226">
        <f t="shared" si="150"/>
        <v>0</v>
      </c>
      <c r="N1226" s="45">
        <f t="shared" si="151"/>
        <v>44976.666666663776</v>
      </c>
    </row>
    <row r="1227" spans="2:14" x14ac:dyDescent="0.25">
      <c r="B1227">
        <f t="shared" si="145"/>
        <v>7</v>
      </c>
      <c r="C1227" s="16">
        <v>1193</v>
      </c>
      <c r="D1227" cm="1">
        <f t="array" ref="D1227">IFERROR(INDEX(Jesper!AH$2:AH$366,ROUNDDOWN($C1227/24,0)+1,1)*INDEX($D$3:$AA$30,INDEX(Jesper!$R$2:$R$366,ROW(INDEX(Jesper!AH$2:AH$366,ROUNDDOWN($C1227/24,0)+1,1))-1)+IF('Standard Profiles'!$G$18=$B$10,7,0)+IF('Standard Profiles'!$G$18=$B$17,14,0)+IF('Standard Profiles'!$G$18=$B$24,21,0),MOD($C1227,24)+1)/SUM(INDEX($D$3:$AA$30,INDEX(Jesper!$R$2:$R$366,ROW(INDEX(Jesper!AH$2:AH$366,ROUNDDOWN($C1227/24,0)+1,1))-1)+IF('Standard Profiles'!$G$18=$B$10,7,0)+IF('Standard Profiles'!$G$18=$B$17,14,0)+IF('Standard Profiles'!$G$18=$B$24,21,0),0)),0)</f>
        <v>0</v>
      </c>
      <c r="E1227" cm="1">
        <f t="array" ref="E1227">IFERROR(INDEX(Jesper!AI$2:AI$366,ROUNDDOWN($C1227/24,0)+1,1)*INDEX($D$3:$AA$30,INDEX(Jesper!$R$2:$R$366,ROW(INDEX(Jesper!AI$2:AI$366,ROUNDDOWN($C1227/24,0)+1,1))-1)+IF('Standard Profiles'!$G$19=$B$10,7,0)+IF('Standard Profiles'!$G$19=$B$17,14,0)+IF('Standard Profiles'!$G$19=$B$24,21,0),MOD($C1227,24)+1)/SUM(INDEX($D$3:$AA$30,INDEX(Jesper!$R$2:$R$366,ROW(INDEX(Jesper!AI$2:AI$366,ROUNDDOWN($C1227/24,0)+1,1))-1)+IF('Standard Profiles'!$G$19=$B$10,7,0)+IF('Standard Profiles'!$G$19=$B$17,14,0)+IF('Standard Profiles'!$G$19=$B$24,21,0),0)),0)</f>
        <v>3.6822309059861213</v>
      </c>
      <c r="F1227" cm="1">
        <f t="array" ref="F1227">IFERROR(INDEX(Jesper!AJ$2:AJ$366,ROUNDDOWN($C1227/24,0)+1,1)*INDEX($D$3:$AA$30,INDEX(Jesper!$R$2:$R$366,ROW(INDEX(Jesper!AJ$2:AJ$366,ROUNDDOWN($C1227/24,0)+1,1))-1)+IF('Standard Profiles'!$G$20=$B$10,7,0)+IF('Standard Profiles'!$G$20=$B$17,14,0)+IF('Standard Profiles'!$G$20=$B$24,21,0),MOD($C1227,24)+1)/SUM(INDEX($D$3:$AA$30,INDEX(Jesper!$R$2:$R$366,ROW(INDEX(Jesper!AJ$2:AJ$366,ROUNDDOWN($C1227/24,0)+1,1))-1)+IF('Standard Profiles'!$G$20=$B$10,7,0)+IF('Standard Profiles'!$G$20=$B$17,14,0)+IF('Standard Profiles'!$G$20=$B$24,21,0),0)),0)</f>
        <v>2.5600417794398473</v>
      </c>
      <c r="G1227" cm="1">
        <f t="array" ref="G1227">IFERROR(INDEX(Jesper!AK$2:AK$366,ROUNDDOWN($C1227/24,0)+1,1)*INDEX($D$3:$AA$30,INDEX(Jesper!$R$2:$R$366,ROW(INDEX(Jesper!AK$2:AK$366,ROUNDDOWN($C1227/24,0)+1,1))-1)+IF('Standard Profiles'!$G$21=$B$10,7,0)+IF('Standard Profiles'!$G$21=$B$17,14,0)+IF('Standard Profiles'!$G$21=$B$24,21,0),MOD($C1227,24)+1)/SUM(INDEX($D$3:$AA$30,INDEX(Jesper!$R$2:$R$366,ROW(INDEX(Jesper!AK$2:AK$366,ROUNDDOWN($C1227/24,0)+1,1))-1)+IF('Standard Profiles'!$G$21=$B$10,7,0)+IF('Standard Profiles'!$G$21=$B$17,14,0)+IF('Standard Profiles'!$G$21=$B$24,21,0),0)),0)</f>
        <v>3.0428370667273956</v>
      </c>
      <c r="H1227" cm="1">
        <f t="array" ref="H1227">IFERROR(INDEX(Jesper!AL$2:AL$366,ROUNDDOWN($C1227/24,0)+1,1)*INDEX($D$3:$AA$30,INDEX(Jesper!$R$2:$R$366,ROW(INDEX(Jesper!AL$2:AL$366,ROUNDDOWN($C1227/24,0)+1,1))-1)+IF('Standard Profiles'!$G$22=$B$10,7,0)+IF('Standard Profiles'!$G$22=$B$17,14,0)+IF('Standard Profiles'!$G$22=$B$24,21,0),MOD($C1227,24)+1)/SUM(INDEX($D$3:$AA$30,INDEX(Jesper!$R$2:$R$366,ROW(INDEX(Jesper!AL$2:AL$366,ROUNDDOWN($C1227/24,0)+1,1))-1)+IF('Standard Profiles'!$G$22=$B$10,7,0)+IF('Standard Profiles'!$G$22=$B$17,14,0)+IF('Standard Profiles'!$G$22=$B$24,21,0),0)),0)</f>
        <v>1.8733342110857714</v>
      </c>
      <c r="I1227">
        <f t="shared" si="146"/>
        <v>1.7984008426423415</v>
      </c>
      <c r="J1227">
        <f t="shared" si="147"/>
        <v>8.91817541187846</v>
      </c>
      <c r="K1227">
        <f t="shared" si="148"/>
        <v>0.29457847247888974</v>
      </c>
      <c r="L1227">
        <f t="shared" si="149"/>
        <v>0.14728923623944487</v>
      </c>
      <c r="M1227">
        <f t="shared" si="150"/>
        <v>0</v>
      </c>
      <c r="N1227" s="45">
        <f t="shared" si="151"/>
        <v>44976.70833333044</v>
      </c>
    </row>
    <row r="1228" spans="2:14" x14ac:dyDescent="0.25">
      <c r="B1228">
        <f t="shared" si="145"/>
        <v>7</v>
      </c>
      <c r="C1228" s="16">
        <v>1194</v>
      </c>
      <c r="D1228" cm="1">
        <f t="array" ref="D1228">IFERROR(INDEX(Jesper!AH$2:AH$366,ROUNDDOWN($C1228/24,0)+1,1)*INDEX($D$3:$AA$30,INDEX(Jesper!$R$2:$R$366,ROW(INDEX(Jesper!AH$2:AH$366,ROUNDDOWN($C1228/24,0)+1,1))-1)+IF('Standard Profiles'!$G$18=$B$10,7,0)+IF('Standard Profiles'!$G$18=$B$17,14,0)+IF('Standard Profiles'!$G$18=$B$24,21,0),MOD($C1228,24)+1)/SUM(INDEX($D$3:$AA$30,INDEX(Jesper!$R$2:$R$366,ROW(INDEX(Jesper!AH$2:AH$366,ROUNDDOWN($C1228/24,0)+1,1))-1)+IF('Standard Profiles'!$G$18=$B$10,7,0)+IF('Standard Profiles'!$G$18=$B$17,14,0)+IF('Standard Profiles'!$G$18=$B$24,21,0),0)),0)</f>
        <v>0</v>
      </c>
      <c r="E1228" cm="1">
        <f t="array" ref="E1228">IFERROR(INDEX(Jesper!AI$2:AI$366,ROUNDDOWN($C1228/24,0)+1,1)*INDEX($D$3:$AA$30,INDEX(Jesper!$R$2:$R$366,ROW(INDEX(Jesper!AI$2:AI$366,ROUNDDOWN($C1228/24,0)+1,1))-1)+IF('Standard Profiles'!$G$19=$B$10,7,0)+IF('Standard Profiles'!$G$19=$B$17,14,0)+IF('Standard Profiles'!$G$19=$B$24,21,0),MOD($C1228,24)+1)/SUM(INDEX($D$3:$AA$30,INDEX(Jesper!$R$2:$R$366,ROW(INDEX(Jesper!AI$2:AI$366,ROUNDDOWN($C1228/24,0)+1,1))-1)+IF('Standard Profiles'!$G$19=$B$10,7,0)+IF('Standard Profiles'!$G$19=$B$17,14,0)+IF('Standard Profiles'!$G$19=$B$24,21,0),0)),0)</f>
        <v>3.6822309059861213</v>
      </c>
      <c r="F1228" cm="1">
        <f t="array" ref="F1228">IFERROR(INDEX(Jesper!AJ$2:AJ$366,ROUNDDOWN($C1228/24,0)+1,1)*INDEX($D$3:$AA$30,INDEX(Jesper!$R$2:$R$366,ROW(INDEX(Jesper!AJ$2:AJ$366,ROUNDDOWN($C1228/24,0)+1,1))-1)+IF('Standard Profiles'!$G$20=$B$10,7,0)+IF('Standard Profiles'!$G$20=$B$17,14,0)+IF('Standard Profiles'!$G$20=$B$24,21,0),MOD($C1228,24)+1)/SUM(INDEX($D$3:$AA$30,INDEX(Jesper!$R$2:$R$366,ROW(INDEX(Jesper!AJ$2:AJ$366,ROUNDDOWN($C1228/24,0)+1,1))-1)+IF('Standard Profiles'!$G$20=$B$10,7,0)+IF('Standard Profiles'!$G$20=$B$17,14,0)+IF('Standard Profiles'!$G$20=$B$24,21,0),0)),0)</f>
        <v>2.5600417794398473</v>
      </c>
      <c r="G1228" cm="1">
        <f t="array" ref="G1228">IFERROR(INDEX(Jesper!AK$2:AK$366,ROUNDDOWN($C1228/24,0)+1,1)*INDEX($D$3:$AA$30,INDEX(Jesper!$R$2:$R$366,ROW(INDEX(Jesper!AK$2:AK$366,ROUNDDOWN($C1228/24,0)+1,1))-1)+IF('Standard Profiles'!$G$21=$B$10,7,0)+IF('Standard Profiles'!$G$21=$B$17,14,0)+IF('Standard Profiles'!$G$21=$B$24,21,0),MOD($C1228,24)+1)/SUM(INDEX($D$3:$AA$30,INDEX(Jesper!$R$2:$R$366,ROW(INDEX(Jesper!AK$2:AK$366,ROUNDDOWN($C1228/24,0)+1,1))-1)+IF('Standard Profiles'!$G$21=$B$10,7,0)+IF('Standard Profiles'!$G$21=$B$17,14,0)+IF('Standard Profiles'!$G$21=$B$24,21,0),0)),0)</f>
        <v>3.0428370667273956</v>
      </c>
      <c r="H1228" cm="1">
        <f t="array" ref="H1228">IFERROR(INDEX(Jesper!AL$2:AL$366,ROUNDDOWN($C1228/24,0)+1,1)*INDEX($D$3:$AA$30,INDEX(Jesper!$R$2:$R$366,ROW(INDEX(Jesper!AL$2:AL$366,ROUNDDOWN($C1228/24,0)+1,1))-1)+IF('Standard Profiles'!$G$22=$B$10,7,0)+IF('Standard Profiles'!$G$22=$B$17,14,0)+IF('Standard Profiles'!$G$22=$B$24,21,0),MOD($C1228,24)+1)/SUM(INDEX($D$3:$AA$30,INDEX(Jesper!$R$2:$R$366,ROW(INDEX(Jesper!AL$2:AL$366,ROUNDDOWN($C1228/24,0)+1,1))-1)+IF('Standard Profiles'!$G$22=$B$10,7,0)+IF('Standard Profiles'!$G$22=$B$17,14,0)+IF('Standard Profiles'!$G$22=$B$24,21,0),0)),0)</f>
        <v>1.7537596869739138</v>
      </c>
      <c r="I1228">
        <f t="shared" si="146"/>
        <v>1.6836092994949581</v>
      </c>
      <c r="J1228">
        <f t="shared" si="147"/>
        <v>8.9133924309139854</v>
      </c>
      <c r="K1228">
        <f t="shared" si="148"/>
        <v>0.29457847247888974</v>
      </c>
      <c r="L1228">
        <f t="shared" si="149"/>
        <v>0.14728923623944487</v>
      </c>
      <c r="M1228">
        <f t="shared" si="150"/>
        <v>0</v>
      </c>
      <c r="N1228" s="45">
        <f t="shared" si="151"/>
        <v>44976.749999997104</v>
      </c>
    </row>
    <row r="1229" spans="2:14" x14ac:dyDescent="0.25">
      <c r="B1229">
        <f t="shared" si="145"/>
        <v>7</v>
      </c>
      <c r="C1229" s="16">
        <v>1195</v>
      </c>
      <c r="D1229" cm="1">
        <f t="array" ref="D1229">IFERROR(INDEX(Jesper!AH$2:AH$366,ROUNDDOWN($C1229/24,0)+1,1)*INDEX($D$3:$AA$30,INDEX(Jesper!$R$2:$R$366,ROW(INDEX(Jesper!AH$2:AH$366,ROUNDDOWN($C1229/24,0)+1,1))-1)+IF('Standard Profiles'!$G$18=$B$10,7,0)+IF('Standard Profiles'!$G$18=$B$17,14,0)+IF('Standard Profiles'!$G$18=$B$24,21,0),MOD($C1229,24)+1)/SUM(INDEX($D$3:$AA$30,INDEX(Jesper!$R$2:$R$366,ROW(INDEX(Jesper!AH$2:AH$366,ROUNDDOWN($C1229/24,0)+1,1))-1)+IF('Standard Profiles'!$G$18=$B$10,7,0)+IF('Standard Profiles'!$G$18=$B$17,14,0)+IF('Standard Profiles'!$G$18=$B$24,21,0),0)),0)</f>
        <v>0</v>
      </c>
      <c r="E1229" cm="1">
        <f t="array" ref="E1229">IFERROR(INDEX(Jesper!AI$2:AI$366,ROUNDDOWN($C1229/24,0)+1,1)*INDEX($D$3:$AA$30,INDEX(Jesper!$R$2:$R$366,ROW(INDEX(Jesper!AI$2:AI$366,ROUNDDOWN($C1229/24,0)+1,1))-1)+IF('Standard Profiles'!$G$19=$B$10,7,0)+IF('Standard Profiles'!$G$19=$B$17,14,0)+IF('Standard Profiles'!$G$19=$B$24,21,0),MOD($C1229,24)+1)/SUM(INDEX($D$3:$AA$30,INDEX(Jesper!$R$2:$R$366,ROW(INDEX(Jesper!AI$2:AI$366,ROUNDDOWN($C1229/24,0)+1,1))-1)+IF('Standard Profiles'!$G$19=$B$10,7,0)+IF('Standard Profiles'!$G$19=$B$17,14,0)+IF('Standard Profiles'!$G$19=$B$24,21,0),0)),0)</f>
        <v>3.6822309059861213</v>
      </c>
      <c r="F1229" cm="1">
        <f t="array" ref="F1229">IFERROR(INDEX(Jesper!AJ$2:AJ$366,ROUNDDOWN($C1229/24,0)+1,1)*INDEX($D$3:$AA$30,INDEX(Jesper!$R$2:$R$366,ROW(INDEX(Jesper!AJ$2:AJ$366,ROUNDDOWN($C1229/24,0)+1,1))-1)+IF('Standard Profiles'!$G$20=$B$10,7,0)+IF('Standard Profiles'!$G$20=$B$17,14,0)+IF('Standard Profiles'!$G$20=$B$24,21,0),MOD($C1229,24)+1)/SUM(INDEX($D$3:$AA$30,INDEX(Jesper!$R$2:$R$366,ROW(INDEX(Jesper!AJ$2:AJ$366,ROUNDDOWN($C1229/24,0)+1,1))-1)+IF('Standard Profiles'!$G$20=$B$10,7,0)+IF('Standard Profiles'!$G$20=$B$17,14,0)+IF('Standard Profiles'!$G$20=$B$24,21,0),0)),0)</f>
        <v>2.5600417794398473</v>
      </c>
      <c r="G1229" cm="1">
        <f t="array" ref="G1229">IFERROR(INDEX(Jesper!AK$2:AK$366,ROUNDDOWN($C1229/24,0)+1,1)*INDEX($D$3:$AA$30,INDEX(Jesper!$R$2:$R$366,ROW(INDEX(Jesper!AK$2:AK$366,ROUNDDOWN($C1229/24,0)+1,1))-1)+IF('Standard Profiles'!$G$21=$B$10,7,0)+IF('Standard Profiles'!$G$21=$B$17,14,0)+IF('Standard Profiles'!$G$21=$B$24,21,0),MOD($C1229,24)+1)/SUM(INDEX($D$3:$AA$30,INDEX(Jesper!$R$2:$R$366,ROW(INDEX(Jesper!AK$2:AK$366,ROUNDDOWN($C1229/24,0)+1,1))-1)+IF('Standard Profiles'!$G$21=$B$10,7,0)+IF('Standard Profiles'!$G$21=$B$17,14,0)+IF('Standard Profiles'!$G$21=$B$24,21,0),0)),0)</f>
        <v>3.0428370667273956</v>
      </c>
      <c r="H1229" cm="1">
        <f t="array" ref="H1229">IFERROR(INDEX(Jesper!AL$2:AL$366,ROUNDDOWN($C1229/24,0)+1,1)*INDEX($D$3:$AA$30,INDEX(Jesper!$R$2:$R$366,ROW(INDEX(Jesper!AL$2:AL$366,ROUNDDOWN($C1229/24,0)+1,1))-1)+IF('Standard Profiles'!$G$22=$B$10,7,0)+IF('Standard Profiles'!$G$22=$B$17,14,0)+IF('Standard Profiles'!$G$22=$B$24,21,0),MOD($C1229,24)+1)/SUM(INDEX($D$3:$AA$30,INDEX(Jesper!$R$2:$R$366,ROW(INDEX(Jesper!AL$2:AL$366,ROUNDDOWN($C1229/24,0)+1,1))-1)+IF('Standard Profiles'!$G$22=$B$10,7,0)+IF('Standard Profiles'!$G$22=$B$17,14,0)+IF('Standard Profiles'!$G$22=$B$24,21,0),0)),0)</f>
        <v>1.4747524640462457</v>
      </c>
      <c r="I1229">
        <f t="shared" si="146"/>
        <v>1.4157623654843967</v>
      </c>
      <c r="J1229">
        <f t="shared" si="147"/>
        <v>8.902232141996878</v>
      </c>
      <c r="K1229">
        <f t="shared" si="148"/>
        <v>0.29457847247888974</v>
      </c>
      <c r="L1229">
        <f t="shared" si="149"/>
        <v>0.14728923623944487</v>
      </c>
      <c r="M1229">
        <f t="shared" si="150"/>
        <v>0</v>
      </c>
      <c r="N1229" s="45">
        <f t="shared" si="151"/>
        <v>44976.791666663768</v>
      </c>
    </row>
    <row r="1230" spans="2:14" x14ac:dyDescent="0.25">
      <c r="B1230">
        <f t="shared" si="145"/>
        <v>7</v>
      </c>
      <c r="C1230" s="16">
        <v>1196</v>
      </c>
      <c r="D1230" cm="1">
        <f t="array" ref="D1230">IFERROR(INDEX(Jesper!AH$2:AH$366,ROUNDDOWN($C1230/24,0)+1,1)*INDEX($D$3:$AA$30,INDEX(Jesper!$R$2:$R$366,ROW(INDEX(Jesper!AH$2:AH$366,ROUNDDOWN($C1230/24,0)+1,1))-1)+IF('Standard Profiles'!$G$18=$B$10,7,0)+IF('Standard Profiles'!$G$18=$B$17,14,0)+IF('Standard Profiles'!$G$18=$B$24,21,0),MOD($C1230,24)+1)/SUM(INDEX($D$3:$AA$30,INDEX(Jesper!$R$2:$R$366,ROW(INDEX(Jesper!AH$2:AH$366,ROUNDDOWN($C1230/24,0)+1,1))-1)+IF('Standard Profiles'!$G$18=$B$10,7,0)+IF('Standard Profiles'!$G$18=$B$17,14,0)+IF('Standard Profiles'!$G$18=$B$24,21,0),0)),0)</f>
        <v>0</v>
      </c>
      <c r="E1230" cm="1">
        <f t="array" ref="E1230">IFERROR(INDEX(Jesper!AI$2:AI$366,ROUNDDOWN($C1230/24,0)+1,1)*INDEX($D$3:$AA$30,INDEX(Jesper!$R$2:$R$366,ROW(INDEX(Jesper!AI$2:AI$366,ROUNDDOWN($C1230/24,0)+1,1))-1)+IF('Standard Profiles'!$G$19=$B$10,7,0)+IF('Standard Profiles'!$G$19=$B$17,14,0)+IF('Standard Profiles'!$G$19=$B$24,21,0),MOD($C1230,24)+1)/SUM(INDEX($D$3:$AA$30,INDEX(Jesper!$R$2:$R$366,ROW(INDEX(Jesper!AI$2:AI$366,ROUNDDOWN($C1230/24,0)+1,1))-1)+IF('Standard Profiles'!$G$19=$B$10,7,0)+IF('Standard Profiles'!$G$19=$B$17,14,0)+IF('Standard Profiles'!$G$19=$B$24,21,0),0)),0)</f>
        <v>3.6822309059861213</v>
      </c>
      <c r="F1230" cm="1">
        <f t="array" ref="F1230">IFERROR(INDEX(Jesper!AJ$2:AJ$366,ROUNDDOWN($C1230/24,0)+1,1)*INDEX($D$3:$AA$30,INDEX(Jesper!$R$2:$R$366,ROW(INDEX(Jesper!AJ$2:AJ$366,ROUNDDOWN($C1230/24,0)+1,1))-1)+IF('Standard Profiles'!$G$20=$B$10,7,0)+IF('Standard Profiles'!$G$20=$B$17,14,0)+IF('Standard Profiles'!$G$20=$B$24,21,0),MOD($C1230,24)+1)/SUM(INDEX($D$3:$AA$30,INDEX(Jesper!$R$2:$R$366,ROW(INDEX(Jesper!AJ$2:AJ$366,ROUNDDOWN($C1230/24,0)+1,1))-1)+IF('Standard Profiles'!$G$20=$B$10,7,0)+IF('Standard Profiles'!$G$20=$B$17,14,0)+IF('Standard Profiles'!$G$20=$B$24,21,0),0)),0)</f>
        <v>2.5600417794398473</v>
      </c>
      <c r="G1230" cm="1">
        <f t="array" ref="G1230">IFERROR(INDEX(Jesper!AK$2:AK$366,ROUNDDOWN($C1230/24,0)+1,1)*INDEX($D$3:$AA$30,INDEX(Jesper!$R$2:$R$366,ROW(INDEX(Jesper!AK$2:AK$366,ROUNDDOWN($C1230/24,0)+1,1))-1)+IF('Standard Profiles'!$G$21=$B$10,7,0)+IF('Standard Profiles'!$G$21=$B$17,14,0)+IF('Standard Profiles'!$G$21=$B$24,21,0),MOD($C1230,24)+1)/SUM(INDEX($D$3:$AA$30,INDEX(Jesper!$R$2:$R$366,ROW(INDEX(Jesper!AK$2:AK$366,ROUNDDOWN($C1230/24,0)+1,1))-1)+IF('Standard Profiles'!$G$21=$B$10,7,0)+IF('Standard Profiles'!$G$21=$B$17,14,0)+IF('Standard Profiles'!$G$21=$B$24,21,0),0)),0)</f>
        <v>3.0428370667273956</v>
      </c>
      <c r="H1230" cm="1">
        <f t="array" ref="H1230">IFERROR(INDEX(Jesper!AL$2:AL$366,ROUNDDOWN($C1230/24,0)+1,1)*INDEX($D$3:$AA$30,INDEX(Jesper!$R$2:$R$366,ROW(INDEX(Jesper!AL$2:AL$366,ROUNDDOWN($C1230/24,0)+1,1))-1)+IF('Standard Profiles'!$G$22=$B$10,7,0)+IF('Standard Profiles'!$G$22=$B$17,14,0)+IF('Standard Profiles'!$G$22=$B$24,21,0),MOD($C1230,24)+1)/SUM(INDEX($D$3:$AA$30,INDEX(Jesper!$R$2:$R$366,ROW(INDEX(Jesper!AL$2:AL$366,ROUNDDOWN($C1230/24,0)+1,1))-1)+IF('Standard Profiles'!$G$22=$B$10,7,0)+IF('Standard Profiles'!$G$22=$B$17,14,0)+IF('Standard Profiles'!$G$22=$B$24,21,0),0)),0)</f>
        <v>1.2356034158225302</v>
      </c>
      <c r="I1230">
        <f t="shared" si="146"/>
        <v>1.1861792791896297</v>
      </c>
      <c r="J1230">
        <f t="shared" si="147"/>
        <v>8.8926661800679305</v>
      </c>
      <c r="K1230">
        <f t="shared" si="148"/>
        <v>0.29457847247888974</v>
      </c>
      <c r="L1230">
        <f t="shared" si="149"/>
        <v>0.14728923623944487</v>
      </c>
      <c r="M1230">
        <f t="shared" si="150"/>
        <v>0</v>
      </c>
      <c r="N1230" s="45">
        <f t="shared" si="151"/>
        <v>44976.833333330433</v>
      </c>
    </row>
    <row r="1231" spans="2:14" x14ac:dyDescent="0.25">
      <c r="B1231">
        <f t="shared" si="145"/>
        <v>7</v>
      </c>
      <c r="C1231" s="16">
        <v>1197</v>
      </c>
      <c r="D1231" cm="1">
        <f t="array" ref="D1231">IFERROR(INDEX(Jesper!AH$2:AH$366,ROUNDDOWN($C1231/24,0)+1,1)*INDEX($D$3:$AA$30,INDEX(Jesper!$R$2:$R$366,ROW(INDEX(Jesper!AH$2:AH$366,ROUNDDOWN($C1231/24,0)+1,1))-1)+IF('Standard Profiles'!$G$18=$B$10,7,0)+IF('Standard Profiles'!$G$18=$B$17,14,0)+IF('Standard Profiles'!$G$18=$B$24,21,0),MOD($C1231,24)+1)/SUM(INDEX($D$3:$AA$30,INDEX(Jesper!$R$2:$R$366,ROW(INDEX(Jesper!AH$2:AH$366,ROUNDDOWN($C1231/24,0)+1,1))-1)+IF('Standard Profiles'!$G$18=$B$10,7,0)+IF('Standard Profiles'!$G$18=$B$17,14,0)+IF('Standard Profiles'!$G$18=$B$24,21,0),0)),0)</f>
        <v>0</v>
      </c>
      <c r="E1231" cm="1">
        <f t="array" ref="E1231">IFERROR(INDEX(Jesper!AI$2:AI$366,ROUNDDOWN($C1231/24,0)+1,1)*INDEX($D$3:$AA$30,INDEX(Jesper!$R$2:$R$366,ROW(INDEX(Jesper!AI$2:AI$366,ROUNDDOWN($C1231/24,0)+1,1))-1)+IF('Standard Profiles'!$G$19=$B$10,7,0)+IF('Standard Profiles'!$G$19=$B$17,14,0)+IF('Standard Profiles'!$G$19=$B$24,21,0),MOD($C1231,24)+1)/SUM(INDEX($D$3:$AA$30,INDEX(Jesper!$R$2:$R$366,ROW(INDEX(Jesper!AI$2:AI$366,ROUNDDOWN($C1231/24,0)+1,1))-1)+IF('Standard Profiles'!$G$19=$B$10,7,0)+IF('Standard Profiles'!$G$19=$B$17,14,0)+IF('Standard Profiles'!$G$19=$B$24,21,0),0)),0)</f>
        <v>3.6822309059861213</v>
      </c>
      <c r="F1231" cm="1">
        <f t="array" ref="F1231">IFERROR(INDEX(Jesper!AJ$2:AJ$366,ROUNDDOWN($C1231/24,0)+1,1)*INDEX($D$3:$AA$30,INDEX(Jesper!$R$2:$R$366,ROW(INDEX(Jesper!AJ$2:AJ$366,ROUNDDOWN($C1231/24,0)+1,1))-1)+IF('Standard Profiles'!$G$20=$B$10,7,0)+IF('Standard Profiles'!$G$20=$B$17,14,0)+IF('Standard Profiles'!$G$20=$B$24,21,0),MOD($C1231,24)+1)/SUM(INDEX($D$3:$AA$30,INDEX(Jesper!$R$2:$R$366,ROW(INDEX(Jesper!AJ$2:AJ$366,ROUNDDOWN($C1231/24,0)+1,1))-1)+IF('Standard Profiles'!$G$20=$B$10,7,0)+IF('Standard Profiles'!$G$20=$B$17,14,0)+IF('Standard Profiles'!$G$20=$B$24,21,0),0)),0)</f>
        <v>2.5600417794398473</v>
      </c>
      <c r="G1231" cm="1">
        <f t="array" ref="G1231">IFERROR(INDEX(Jesper!AK$2:AK$366,ROUNDDOWN($C1231/24,0)+1,1)*INDEX($D$3:$AA$30,INDEX(Jesper!$R$2:$R$366,ROW(INDEX(Jesper!AK$2:AK$366,ROUNDDOWN($C1231/24,0)+1,1))-1)+IF('Standard Profiles'!$G$21=$B$10,7,0)+IF('Standard Profiles'!$G$21=$B$17,14,0)+IF('Standard Profiles'!$G$21=$B$24,21,0),MOD($C1231,24)+1)/SUM(INDEX($D$3:$AA$30,INDEX(Jesper!$R$2:$R$366,ROW(INDEX(Jesper!AK$2:AK$366,ROUNDDOWN($C1231/24,0)+1,1))-1)+IF('Standard Profiles'!$G$21=$B$10,7,0)+IF('Standard Profiles'!$G$21=$B$17,14,0)+IF('Standard Profiles'!$G$21=$B$24,21,0),0)),0)</f>
        <v>3.0428370667273956</v>
      </c>
      <c r="H1231" cm="1">
        <f t="array" ref="H1231">IFERROR(INDEX(Jesper!AL$2:AL$366,ROUNDDOWN($C1231/24,0)+1,1)*INDEX($D$3:$AA$30,INDEX(Jesper!$R$2:$R$366,ROW(INDEX(Jesper!AL$2:AL$366,ROUNDDOWN($C1231/24,0)+1,1))-1)+IF('Standard Profiles'!$G$22=$B$10,7,0)+IF('Standard Profiles'!$G$22=$B$17,14,0)+IF('Standard Profiles'!$G$22=$B$24,21,0),MOD($C1231,24)+1)/SUM(INDEX($D$3:$AA$30,INDEX(Jesper!$R$2:$R$366,ROW(INDEX(Jesper!AL$2:AL$366,ROUNDDOWN($C1231/24,0)+1,1))-1)+IF('Standard Profiles'!$G$22=$B$10,7,0)+IF('Standard Profiles'!$G$22=$B$17,14,0)+IF('Standard Profiles'!$G$22=$B$24,21,0),0)),0)</f>
        <v>1.0761707170067198</v>
      </c>
      <c r="I1231">
        <f t="shared" si="146"/>
        <v>1.0331238883264515</v>
      </c>
      <c r="J1231">
        <f t="shared" si="147"/>
        <v>8.8862888721152977</v>
      </c>
      <c r="K1231">
        <f t="shared" si="148"/>
        <v>0.29457847247888974</v>
      </c>
      <c r="L1231">
        <f t="shared" si="149"/>
        <v>0.14728923623944487</v>
      </c>
      <c r="M1231">
        <f t="shared" si="150"/>
        <v>0</v>
      </c>
      <c r="N1231" s="45">
        <f t="shared" si="151"/>
        <v>44976.874999997097</v>
      </c>
    </row>
    <row r="1232" spans="2:14" x14ac:dyDescent="0.25">
      <c r="B1232">
        <f t="shared" si="145"/>
        <v>7</v>
      </c>
      <c r="C1232" s="16">
        <v>1198</v>
      </c>
      <c r="D1232" cm="1">
        <f t="array" ref="D1232">IFERROR(INDEX(Jesper!AH$2:AH$366,ROUNDDOWN($C1232/24,0)+1,1)*INDEX($D$3:$AA$30,INDEX(Jesper!$R$2:$R$366,ROW(INDEX(Jesper!AH$2:AH$366,ROUNDDOWN($C1232/24,0)+1,1))-1)+IF('Standard Profiles'!$G$18=$B$10,7,0)+IF('Standard Profiles'!$G$18=$B$17,14,0)+IF('Standard Profiles'!$G$18=$B$24,21,0),MOD($C1232,24)+1)/SUM(INDEX($D$3:$AA$30,INDEX(Jesper!$R$2:$R$366,ROW(INDEX(Jesper!AH$2:AH$366,ROUNDDOWN($C1232/24,0)+1,1))-1)+IF('Standard Profiles'!$G$18=$B$10,7,0)+IF('Standard Profiles'!$G$18=$B$17,14,0)+IF('Standard Profiles'!$G$18=$B$24,21,0),0)),0)</f>
        <v>0</v>
      </c>
      <c r="E1232" cm="1">
        <f t="array" ref="E1232">IFERROR(INDEX(Jesper!AI$2:AI$366,ROUNDDOWN($C1232/24,0)+1,1)*INDEX($D$3:$AA$30,INDEX(Jesper!$R$2:$R$366,ROW(INDEX(Jesper!AI$2:AI$366,ROUNDDOWN($C1232/24,0)+1,1))-1)+IF('Standard Profiles'!$G$19=$B$10,7,0)+IF('Standard Profiles'!$G$19=$B$17,14,0)+IF('Standard Profiles'!$G$19=$B$24,21,0),MOD($C1232,24)+1)/SUM(INDEX($D$3:$AA$30,INDEX(Jesper!$R$2:$R$366,ROW(INDEX(Jesper!AI$2:AI$366,ROUNDDOWN($C1232/24,0)+1,1))-1)+IF('Standard Profiles'!$G$19=$B$10,7,0)+IF('Standard Profiles'!$G$19=$B$17,14,0)+IF('Standard Profiles'!$G$19=$B$24,21,0),0)),0)</f>
        <v>3.6822309059861213</v>
      </c>
      <c r="F1232" cm="1">
        <f t="array" ref="F1232">IFERROR(INDEX(Jesper!AJ$2:AJ$366,ROUNDDOWN($C1232/24,0)+1,1)*INDEX($D$3:$AA$30,INDEX(Jesper!$R$2:$R$366,ROW(INDEX(Jesper!AJ$2:AJ$366,ROUNDDOWN($C1232/24,0)+1,1))-1)+IF('Standard Profiles'!$G$20=$B$10,7,0)+IF('Standard Profiles'!$G$20=$B$17,14,0)+IF('Standard Profiles'!$G$20=$B$24,21,0),MOD($C1232,24)+1)/SUM(INDEX($D$3:$AA$30,INDEX(Jesper!$R$2:$R$366,ROW(INDEX(Jesper!AJ$2:AJ$366,ROUNDDOWN($C1232/24,0)+1,1))-1)+IF('Standard Profiles'!$G$20=$B$10,7,0)+IF('Standard Profiles'!$G$20=$B$17,14,0)+IF('Standard Profiles'!$G$20=$B$24,21,0),0)),0)</f>
        <v>2.5600417794398473</v>
      </c>
      <c r="G1232" cm="1">
        <f t="array" ref="G1232">IFERROR(INDEX(Jesper!AK$2:AK$366,ROUNDDOWN($C1232/24,0)+1,1)*INDEX($D$3:$AA$30,INDEX(Jesper!$R$2:$R$366,ROW(INDEX(Jesper!AK$2:AK$366,ROUNDDOWN($C1232/24,0)+1,1))-1)+IF('Standard Profiles'!$G$21=$B$10,7,0)+IF('Standard Profiles'!$G$21=$B$17,14,0)+IF('Standard Profiles'!$G$21=$B$24,21,0),MOD($C1232,24)+1)/SUM(INDEX($D$3:$AA$30,INDEX(Jesper!$R$2:$R$366,ROW(INDEX(Jesper!AK$2:AK$366,ROUNDDOWN($C1232/24,0)+1,1))-1)+IF('Standard Profiles'!$G$21=$B$10,7,0)+IF('Standard Profiles'!$G$21=$B$17,14,0)+IF('Standard Profiles'!$G$21=$B$24,21,0),0)),0)</f>
        <v>3.0428370667273956</v>
      </c>
      <c r="H1232" cm="1">
        <f t="array" ref="H1232">IFERROR(INDEX(Jesper!AL$2:AL$366,ROUNDDOWN($C1232/24,0)+1,1)*INDEX($D$3:$AA$30,INDEX(Jesper!$R$2:$R$366,ROW(INDEX(Jesper!AL$2:AL$366,ROUNDDOWN($C1232/24,0)+1,1))-1)+IF('Standard Profiles'!$G$22=$B$10,7,0)+IF('Standard Profiles'!$G$22=$B$17,14,0)+IF('Standard Profiles'!$G$22=$B$24,21,0),MOD($C1232,24)+1)/SUM(INDEX($D$3:$AA$30,INDEX(Jesper!$R$2:$R$366,ROW(INDEX(Jesper!AL$2:AL$366,ROUNDDOWN($C1232/24,0)+1,1))-1)+IF('Standard Profiles'!$G$22=$B$10,7,0)+IF('Standard Profiles'!$G$22=$B$17,14,0)+IF('Standard Profiles'!$G$22=$B$24,21,0),0)),0)</f>
        <v>1.0761707170067198</v>
      </c>
      <c r="I1232">
        <f t="shared" si="146"/>
        <v>1.0331238883264515</v>
      </c>
      <c r="J1232">
        <f t="shared" si="147"/>
        <v>8.8862888721152977</v>
      </c>
      <c r="K1232">
        <f t="shared" si="148"/>
        <v>0.29457847247888974</v>
      </c>
      <c r="L1232">
        <f t="shared" si="149"/>
        <v>0.14728923623944487</v>
      </c>
      <c r="M1232">
        <f t="shared" si="150"/>
        <v>0</v>
      </c>
      <c r="N1232" s="45">
        <f t="shared" si="151"/>
        <v>44976.916666663761</v>
      </c>
    </row>
    <row r="1233" spans="2:14" x14ac:dyDescent="0.25">
      <c r="B1233">
        <f t="shared" si="145"/>
        <v>7</v>
      </c>
      <c r="C1233" s="16">
        <v>1199</v>
      </c>
      <c r="D1233" cm="1">
        <f t="array" ref="D1233">IFERROR(INDEX(Jesper!AH$2:AH$366,ROUNDDOWN($C1233/24,0)+1,1)*INDEX($D$3:$AA$30,INDEX(Jesper!$R$2:$R$366,ROW(INDEX(Jesper!AH$2:AH$366,ROUNDDOWN($C1233/24,0)+1,1))-1)+IF('Standard Profiles'!$G$18=$B$10,7,0)+IF('Standard Profiles'!$G$18=$B$17,14,0)+IF('Standard Profiles'!$G$18=$B$24,21,0),MOD($C1233,24)+1)/SUM(INDEX($D$3:$AA$30,INDEX(Jesper!$R$2:$R$366,ROW(INDEX(Jesper!AH$2:AH$366,ROUNDDOWN($C1233/24,0)+1,1))-1)+IF('Standard Profiles'!$G$18=$B$10,7,0)+IF('Standard Profiles'!$G$18=$B$17,14,0)+IF('Standard Profiles'!$G$18=$B$24,21,0),0)),0)</f>
        <v>0</v>
      </c>
      <c r="E1233" cm="1">
        <f t="array" ref="E1233">IFERROR(INDEX(Jesper!AI$2:AI$366,ROUNDDOWN($C1233/24,0)+1,1)*INDEX($D$3:$AA$30,INDEX(Jesper!$R$2:$R$366,ROW(INDEX(Jesper!AI$2:AI$366,ROUNDDOWN($C1233/24,0)+1,1))-1)+IF('Standard Profiles'!$G$19=$B$10,7,0)+IF('Standard Profiles'!$G$19=$B$17,14,0)+IF('Standard Profiles'!$G$19=$B$24,21,0),MOD($C1233,24)+1)/SUM(INDEX($D$3:$AA$30,INDEX(Jesper!$R$2:$R$366,ROW(INDEX(Jesper!AI$2:AI$366,ROUNDDOWN($C1233/24,0)+1,1))-1)+IF('Standard Profiles'!$G$19=$B$10,7,0)+IF('Standard Profiles'!$G$19=$B$17,14,0)+IF('Standard Profiles'!$G$19=$B$24,21,0),0)),0)</f>
        <v>3.6822309059861213</v>
      </c>
      <c r="F1233" cm="1">
        <f t="array" ref="F1233">IFERROR(INDEX(Jesper!AJ$2:AJ$366,ROUNDDOWN($C1233/24,0)+1,1)*INDEX($D$3:$AA$30,INDEX(Jesper!$R$2:$R$366,ROW(INDEX(Jesper!AJ$2:AJ$366,ROUNDDOWN($C1233/24,0)+1,1))-1)+IF('Standard Profiles'!$G$20=$B$10,7,0)+IF('Standard Profiles'!$G$20=$B$17,14,0)+IF('Standard Profiles'!$G$20=$B$24,21,0),MOD($C1233,24)+1)/SUM(INDEX($D$3:$AA$30,INDEX(Jesper!$R$2:$R$366,ROW(INDEX(Jesper!AJ$2:AJ$366,ROUNDDOWN($C1233/24,0)+1,1))-1)+IF('Standard Profiles'!$G$20=$B$10,7,0)+IF('Standard Profiles'!$G$20=$B$17,14,0)+IF('Standard Profiles'!$G$20=$B$24,21,0),0)),0)</f>
        <v>2.5600417794398473</v>
      </c>
      <c r="G1233" cm="1">
        <f t="array" ref="G1233">IFERROR(INDEX(Jesper!AK$2:AK$366,ROUNDDOWN($C1233/24,0)+1,1)*INDEX($D$3:$AA$30,INDEX(Jesper!$R$2:$R$366,ROW(INDEX(Jesper!AK$2:AK$366,ROUNDDOWN($C1233/24,0)+1,1))-1)+IF('Standard Profiles'!$G$21=$B$10,7,0)+IF('Standard Profiles'!$G$21=$B$17,14,0)+IF('Standard Profiles'!$G$21=$B$24,21,0),MOD($C1233,24)+1)/SUM(INDEX($D$3:$AA$30,INDEX(Jesper!$R$2:$R$366,ROW(INDEX(Jesper!AK$2:AK$366,ROUNDDOWN($C1233/24,0)+1,1))-1)+IF('Standard Profiles'!$G$21=$B$10,7,0)+IF('Standard Profiles'!$G$21=$B$17,14,0)+IF('Standard Profiles'!$G$21=$B$24,21,0),0)),0)</f>
        <v>3.0428370667273956</v>
      </c>
      <c r="H1233" cm="1">
        <f t="array" ref="H1233">IFERROR(INDEX(Jesper!AL$2:AL$366,ROUNDDOWN($C1233/24,0)+1,1)*INDEX($D$3:$AA$30,INDEX(Jesper!$R$2:$R$366,ROW(INDEX(Jesper!AL$2:AL$366,ROUNDDOWN($C1233/24,0)+1,1))-1)+IF('Standard Profiles'!$G$22=$B$10,7,0)+IF('Standard Profiles'!$G$22=$B$17,14,0)+IF('Standard Profiles'!$G$22=$B$24,21,0),MOD($C1233,24)+1)/SUM(INDEX($D$3:$AA$30,INDEX(Jesper!$R$2:$R$366,ROW(INDEX(Jesper!AL$2:AL$366,ROUNDDOWN($C1233/24,0)+1,1))-1)+IF('Standard Profiles'!$G$22=$B$10,7,0)+IF('Standard Profiles'!$G$22=$B$17,14,0)+IF('Standard Profiles'!$G$22=$B$24,21,0),0)),0)</f>
        <v>1.0761707170067198</v>
      </c>
      <c r="I1233">
        <f t="shared" si="146"/>
        <v>1.0331238883264515</v>
      </c>
      <c r="J1233">
        <f t="shared" si="147"/>
        <v>8.8862888721152977</v>
      </c>
      <c r="K1233">
        <f t="shared" si="148"/>
        <v>0.29457847247888974</v>
      </c>
      <c r="L1233">
        <f t="shared" si="149"/>
        <v>0.14728923623944487</v>
      </c>
      <c r="M1233">
        <f t="shared" si="150"/>
        <v>0</v>
      </c>
      <c r="N1233" s="45">
        <f t="shared" si="151"/>
        <v>44976.958333330425</v>
      </c>
    </row>
    <row r="1234" spans="2:14" x14ac:dyDescent="0.25">
      <c r="B1234">
        <f t="shared" si="145"/>
        <v>1</v>
      </c>
      <c r="C1234" s="16">
        <v>1200</v>
      </c>
      <c r="D1234" cm="1">
        <f t="array" ref="D1234">IFERROR(INDEX(Jesper!AH$2:AH$366,ROUNDDOWN($C1234/24,0)+1,1)*INDEX($D$3:$AA$30,INDEX(Jesper!$R$2:$R$366,ROW(INDEX(Jesper!AH$2:AH$366,ROUNDDOWN($C1234/24,0)+1,1))-1)+IF('Standard Profiles'!$G$18=$B$10,7,0)+IF('Standard Profiles'!$G$18=$B$17,14,0)+IF('Standard Profiles'!$G$18=$B$24,21,0),MOD($C1234,24)+1)/SUM(INDEX($D$3:$AA$30,INDEX(Jesper!$R$2:$R$366,ROW(INDEX(Jesper!AH$2:AH$366,ROUNDDOWN($C1234/24,0)+1,1))-1)+IF('Standard Profiles'!$G$18=$B$10,7,0)+IF('Standard Profiles'!$G$18=$B$17,14,0)+IF('Standard Profiles'!$G$18=$B$24,21,0),0)),0)</f>
        <v>5.6589364734989687</v>
      </c>
      <c r="E1234" cm="1">
        <f t="array" ref="E1234">IFERROR(INDEX(Jesper!AI$2:AI$366,ROUNDDOWN($C1234/24,0)+1,1)*INDEX($D$3:$AA$30,INDEX(Jesper!$R$2:$R$366,ROW(INDEX(Jesper!AI$2:AI$366,ROUNDDOWN($C1234/24,0)+1,1))-1)+IF('Standard Profiles'!$G$19=$B$10,7,0)+IF('Standard Profiles'!$G$19=$B$17,14,0)+IF('Standard Profiles'!$G$19=$B$24,21,0),MOD($C1234,24)+1)/SUM(INDEX($D$3:$AA$30,INDEX(Jesper!$R$2:$R$366,ROW(INDEX(Jesper!AI$2:AI$366,ROUNDDOWN($C1234/24,0)+1,1))-1)+IF('Standard Profiles'!$G$19=$B$10,7,0)+IF('Standard Profiles'!$G$19=$B$17,14,0)+IF('Standard Profiles'!$G$19=$B$24,21,0),0)),0)</f>
        <v>5.3091349152148037</v>
      </c>
      <c r="F1234" cm="1">
        <f t="array" ref="F1234">IFERROR(INDEX(Jesper!AJ$2:AJ$366,ROUNDDOWN($C1234/24,0)+1,1)*INDEX($D$3:$AA$30,INDEX(Jesper!$R$2:$R$366,ROW(INDEX(Jesper!AJ$2:AJ$366,ROUNDDOWN($C1234/24,0)+1,1))-1)+IF('Standard Profiles'!$G$20=$B$10,7,0)+IF('Standard Profiles'!$G$20=$B$17,14,0)+IF('Standard Profiles'!$G$20=$B$24,21,0),MOD($C1234,24)+1)/SUM(INDEX($D$3:$AA$30,INDEX(Jesper!$R$2:$R$366,ROW(INDEX(Jesper!AJ$2:AJ$366,ROUNDDOWN($C1234/24,0)+1,1))-1)+IF('Standard Profiles'!$G$20=$B$10,7,0)+IF('Standard Profiles'!$G$20=$B$17,14,0)+IF('Standard Profiles'!$G$20=$B$24,21,0),0)),0)</f>
        <v>0</v>
      </c>
      <c r="G1234" cm="1">
        <f t="array" ref="G1234">IFERROR(INDEX(Jesper!AK$2:AK$366,ROUNDDOWN($C1234/24,0)+1,1)*INDEX($D$3:$AA$30,INDEX(Jesper!$R$2:$R$366,ROW(INDEX(Jesper!AK$2:AK$366,ROUNDDOWN($C1234/24,0)+1,1))-1)+IF('Standard Profiles'!$G$21=$B$10,7,0)+IF('Standard Profiles'!$G$21=$B$17,14,0)+IF('Standard Profiles'!$G$21=$B$24,21,0),MOD($C1234,24)+1)/SUM(INDEX($D$3:$AA$30,INDEX(Jesper!$R$2:$R$366,ROW(INDEX(Jesper!AK$2:AK$366,ROUNDDOWN($C1234/24,0)+1,1))-1)+IF('Standard Profiles'!$G$21=$B$10,7,0)+IF('Standard Profiles'!$G$21=$B$17,14,0)+IF('Standard Profiles'!$G$21=$B$24,21,0),0)),0)</f>
        <v>3.0699647913707961</v>
      </c>
      <c r="H1234" cm="1">
        <f t="array" ref="H1234">IFERROR(INDEX(Jesper!AL$2:AL$366,ROUNDDOWN($C1234/24,0)+1,1)*INDEX($D$3:$AA$30,INDEX(Jesper!$R$2:$R$366,ROW(INDEX(Jesper!AL$2:AL$366,ROUNDDOWN($C1234/24,0)+1,1))-1)+IF('Standard Profiles'!$G$22=$B$10,7,0)+IF('Standard Profiles'!$G$22=$B$17,14,0)+IF('Standard Profiles'!$G$22=$B$24,21,0),MOD($C1234,24)+1)/SUM(INDEX($D$3:$AA$30,INDEX(Jesper!$R$2:$R$366,ROW(INDEX(Jesper!AL$2:AL$366,ROUNDDOWN($C1234/24,0)+1,1))-1)+IF('Standard Profiles'!$G$22=$B$10,7,0)+IF('Standard Profiles'!$G$22=$B$17,14,0)+IF('Standard Profiles'!$G$22=$B$24,21,0),0)),0)</f>
        <v>0</v>
      </c>
      <c r="I1234">
        <f t="shared" si="146"/>
        <v>1.4735830998579813</v>
      </c>
      <c r="J1234">
        <f t="shared" si="147"/>
        <v>11.659023244466752</v>
      </c>
      <c r="K1234">
        <f t="shared" si="148"/>
        <v>0.60361989050655673</v>
      </c>
      <c r="L1234">
        <f t="shared" si="149"/>
        <v>0.30180994525327837</v>
      </c>
      <c r="M1234">
        <f t="shared" si="150"/>
        <v>0</v>
      </c>
      <c r="N1234" s="45">
        <f t="shared" si="151"/>
        <v>44976.99999999709</v>
      </c>
    </row>
    <row r="1235" spans="2:14" x14ac:dyDescent="0.25">
      <c r="B1235">
        <f t="shared" si="145"/>
        <v>1</v>
      </c>
      <c r="C1235" s="16">
        <v>1201</v>
      </c>
      <c r="D1235" cm="1">
        <f t="array" ref="D1235">IFERROR(INDEX(Jesper!AH$2:AH$366,ROUNDDOWN($C1235/24,0)+1,1)*INDEX($D$3:$AA$30,INDEX(Jesper!$R$2:$R$366,ROW(INDEX(Jesper!AH$2:AH$366,ROUNDDOWN($C1235/24,0)+1,1))-1)+IF('Standard Profiles'!$G$18=$B$10,7,0)+IF('Standard Profiles'!$G$18=$B$17,14,0)+IF('Standard Profiles'!$G$18=$B$24,21,0),MOD($C1235,24)+1)/SUM(INDEX($D$3:$AA$30,INDEX(Jesper!$R$2:$R$366,ROW(INDEX(Jesper!AH$2:AH$366,ROUNDDOWN($C1235/24,0)+1,1))-1)+IF('Standard Profiles'!$G$18=$B$10,7,0)+IF('Standard Profiles'!$G$18=$B$17,14,0)+IF('Standard Profiles'!$G$18=$B$24,21,0),0)),0)</f>
        <v>5.6589364734989687</v>
      </c>
      <c r="E1235" cm="1">
        <f t="array" ref="E1235">IFERROR(INDEX(Jesper!AI$2:AI$366,ROUNDDOWN($C1235/24,0)+1,1)*INDEX($D$3:$AA$30,INDEX(Jesper!$R$2:$R$366,ROW(INDEX(Jesper!AI$2:AI$366,ROUNDDOWN($C1235/24,0)+1,1))-1)+IF('Standard Profiles'!$G$19=$B$10,7,0)+IF('Standard Profiles'!$G$19=$B$17,14,0)+IF('Standard Profiles'!$G$19=$B$24,21,0),MOD($C1235,24)+1)/SUM(INDEX($D$3:$AA$30,INDEX(Jesper!$R$2:$R$366,ROW(INDEX(Jesper!AI$2:AI$366,ROUNDDOWN($C1235/24,0)+1,1))-1)+IF('Standard Profiles'!$G$19=$B$10,7,0)+IF('Standard Profiles'!$G$19=$B$17,14,0)+IF('Standard Profiles'!$G$19=$B$24,21,0),0)),0)</f>
        <v>5.3091349152148037</v>
      </c>
      <c r="F1235" cm="1">
        <f t="array" ref="F1235">IFERROR(INDEX(Jesper!AJ$2:AJ$366,ROUNDDOWN($C1235/24,0)+1,1)*INDEX($D$3:$AA$30,INDEX(Jesper!$R$2:$R$366,ROW(INDEX(Jesper!AJ$2:AJ$366,ROUNDDOWN($C1235/24,0)+1,1))-1)+IF('Standard Profiles'!$G$20=$B$10,7,0)+IF('Standard Profiles'!$G$20=$B$17,14,0)+IF('Standard Profiles'!$G$20=$B$24,21,0),MOD($C1235,24)+1)/SUM(INDEX($D$3:$AA$30,INDEX(Jesper!$R$2:$R$366,ROW(INDEX(Jesper!AJ$2:AJ$366,ROUNDDOWN($C1235/24,0)+1,1))-1)+IF('Standard Profiles'!$G$20=$B$10,7,0)+IF('Standard Profiles'!$G$20=$B$17,14,0)+IF('Standard Profiles'!$G$20=$B$24,21,0),0)),0)</f>
        <v>0</v>
      </c>
      <c r="G1235" cm="1">
        <f t="array" ref="G1235">IFERROR(INDEX(Jesper!AK$2:AK$366,ROUNDDOWN($C1235/24,0)+1,1)*INDEX($D$3:$AA$30,INDEX(Jesper!$R$2:$R$366,ROW(INDEX(Jesper!AK$2:AK$366,ROUNDDOWN($C1235/24,0)+1,1))-1)+IF('Standard Profiles'!$G$21=$B$10,7,0)+IF('Standard Profiles'!$G$21=$B$17,14,0)+IF('Standard Profiles'!$G$21=$B$24,21,0),MOD($C1235,24)+1)/SUM(INDEX($D$3:$AA$30,INDEX(Jesper!$R$2:$R$366,ROW(INDEX(Jesper!AK$2:AK$366,ROUNDDOWN($C1235/24,0)+1,1))-1)+IF('Standard Profiles'!$G$21=$B$10,7,0)+IF('Standard Profiles'!$G$21=$B$17,14,0)+IF('Standard Profiles'!$G$21=$B$24,21,0),0)),0)</f>
        <v>3.0699647913707961</v>
      </c>
      <c r="H1235" cm="1">
        <f t="array" ref="H1235">IFERROR(INDEX(Jesper!AL$2:AL$366,ROUNDDOWN($C1235/24,0)+1,1)*INDEX($D$3:$AA$30,INDEX(Jesper!$R$2:$R$366,ROW(INDEX(Jesper!AL$2:AL$366,ROUNDDOWN($C1235/24,0)+1,1))-1)+IF('Standard Profiles'!$G$22=$B$10,7,0)+IF('Standard Profiles'!$G$22=$B$17,14,0)+IF('Standard Profiles'!$G$22=$B$24,21,0),MOD($C1235,24)+1)/SUM(INDEX($D$3:$AA$30,INDEX(Jesper!$R$2:$R$366,ROW(INDEX(Jesper!AL$2:AL$366,ROUNDDOWN($C1235/24,0)+1,1))-1)+IF('Standard Profiles'!$G$22=$B$10,7,0)+IF('Standard Profiles'!$G$22=$B$17,14,0)+IF('Standard Profiles'!$G$22=$B$24,21,0),0)),0)</f>
        <v>0</v>
      </c>
      <c r="I1235">
        <f t="shared" si="146"/>
        <v>1.4735830998579813</v>
      </c>
      <c r="J1235">
        <f t="shared" si="147"/>
        <v>11.659023244466752</v>
      </c>
      <c r="K1235">
        <f t="shared" si="148"/>
        <v>0.60361989050655673</v>
      </c>
      <c r="L1235">
        <f t="shared" si="149"/>
        <v>0.30180994525327837</v>
      </c>
      <c r="M1235">
        <f t="shared" si="150"/>
        <v>0</v>
      </c>
      <c r="N1235" s="45">
        <f t="shared" si="151"/>
        <v>44977.041666663754</v>
      </c>
    </row>
    <row r="1236" spans="2:14" x14ac:dyDescent="0.25">
      <c r="B1236">
        <f t="shared" si="145"/>
        <v>1</v>
      </c>
      <c r="C1236" s="16">
        <v>1202</v>
      </c>
      <c r="D1236" cm="1">
        <f t="array" ref="D1236">IFERROR(INDEX(Jesper!AH$2:AH$366,ROUNDDOWN($C1236/24,0)+1,1)*INDEX($D$3:$AA$30,INDEX(Jesper!$R$2:$R$366,ROW(INDEX(Jesper!AH$2:AH$366,ROUNDDOWN($C1236/24,0)+1,1))-1)+IF('Standard Profiles'!$G$18=$B$10,7,0)+IF('Standard Profiles'!$G$18=$B$17,14,0)+IF('Standard Profiles'!$G$18=$B$24,21,0),MOD($C1236,24)+1)/SUM(INDEX($D$3:$AA$30,INDEX(Jesper!$R$2:$R$366,ROW(INDEX(Jesper!AH$2:AH$366,ROUNDDOWN($C1236/24,0)+1,1))-1)+IF('Standard Profiles'!$G$18=$B$10,7,0)+IF('Standard Profiles'!$G$18=$B$17,14,0)+IF('Standard Profiles'!$G$18=$B$24,21,0),0)),0)</f>
        <v>5.6589364734989687</v>
      </c>
      <c r="E1236" cm="1">
        <f t="array" ref="E1236">IFERROR(INDEX(Jesper!AI$2:AI$366,ROUNDDOWN($C1236/24,0)+1,1)*INDEX($D$3:$AA$30,INDEX(Jesper!$R$2:$R$366,ROW(INDEX(Jesper!AI$2:AI$366,ROUNDDOWN($C1236/24,0)+1,1))-1)+IF('Standard Profiles'!$G$19=$B$10,7,0)+IF('Standard Profiles'!$G$19=$B$17,14,0)+IF('Standard Profiles'!$G$19=$B$24,21,0),MOD($C1236,24)+1)/SUM(INDEX($D$3:$AA$30,INDEX(Jesper!$R$2:$R$366,ROW(INDEX(Jesper!AI$2:AI$366,ROUNDDOWN($C1236/24,0)+1,1))-1)+IF('Standard Profiles'!$G$19=$B$10,7,0)+IF('Standard Profiles'!$G$19=$B$17,14,0)+IF('Standard Profiles'!$G$19=$B$24,21,0),0)),0)</f>
        <v>5.3091349152148037</v>
      </c>
      <c r="F1236" cm="1">
        <f t="array" ref="F1236">IFERROR(INDEX(Jesper!AJ$2:AJ$366,ROUNDDOWN($C1236/24,0)+1,1)*INDEX($D$3:$AA$30,INDEX(Jesper!$R$2:$R$366,ROW(INDEX(Jesper!AJ$2:AJ$366,ROUNDDOWN($C1236/24,0)+1,1))-1)+IF('Standard Profiles'!$G$20=$B$10,7,0)+IF('Standard Profiles'!$G$20=$B$17,14,0)+IF('Standard Profiles'!$G$20=$B$24,21,0),MOD($C1236,24)+1)/SUM(INDEX($D$3:$AA$30,INDEX(Jesper!$R$2:$R$366,ROW(INDEX(Jesper!AJ$2:AJ$366,ROUNDDOWN($C1236/24,0)+1,1))-1)+IF('Standard Profiles'!$G$20=$B$10,7,0)+IF('Standard Profiles'!$G$20=$B$17,14,0)+IF('Standard Profiles'!$G$20=$B$24,21,0),0)),0)</f>
        <v>0</v>
      </c>
      <c r="G1236" cm="1">
        <f t="array" ref="G1236">IFERROR(INDEX(Jesper!AK$2:AK$366,ROUNDDOWN($C1236/24,0)+1,1)*INDEX($D$3:$AA$30,INDEX(Jesper!$R$2:$R$366,ROW(INDEX(Jesper!AK$2:AK$366,ROUNDDOWN($C1236/24,0)+1,1))-1)+IF('Standard Profiles'!$G$21=$B$10,7,0)+IF('Standard Profiles'!$G$21=$B$17,14,0)+IF('Standard Profiles'!$G$21=$B$24,21,0),MOD($C1236,24)+1)/SUM(INDEX($D$3:$AA$30,INDEX(Jesper!$R$2:$R$366,ROW(INDEX(Jesper!AK$2:AK$366,ROUNDDOWN($C1236/24,0)+1,1))-1)+IF('Standard Profiles'!$G$21=$B$10,7,0)+IF('Standard Profiles'!$G$21=$B$17,14,0)+IF('Standard Profiles'!$G$21=$B$24,21,0),0)),0)</f>
        <v>3.0699647913707961</v>
      </c>
      <c r="H1236" cm="1">
        <f t="array" ref="H1236">IFERROR(INDEX(Jesper!AL$2:AL$366,ROUNDDOWN($C1236/24,0)+1,1)*INDEX($D$3:$AA$30,INDEX(Jesper!$R$2:$R$366,ROW(INDEX(Jesper!AL$2:AL$366,ROUNDDOWN($C1236/24,0)+1,1))-1)+IF('Standard Profiles'!$G$22=$B$10,7,0)+IF('Standard Profiles'!$G$22=$B$17,14,0)+IF('Standard Profiles'!$G$22=$B$24,21,0),MOD($C1236,24)+1)/SUM(INDEX($D$3:$AA$30,INDEX(Jesper!$R$2:$R$366,ROW(INDEX(Jesper!AL$2:AL$366,ROUNDDOWN($C1236/24,0)+1,1))-1)+IF('Standard Profiles'!$G$22=$B$10,7,0)+IF('Standard Profiles'!$G$22=$B$17,14,0)+IF('Standard Profiles'!$G$22=$B$24,21,0),0)),0)</f>
        <v>0</v>
      </c>
      <c r="I1236">
        <f t="shared" si="146"/>
        <v>1.4735830998579813</v>
      </c>
      <c r="J1236">
        <f t="shared" si="147"/>
        <v>11.659023244466752</v>
      </c>
      <c r="K1236">
        <f t="shared" si="148"/>
        <v>0.60361989050655673</v>
      </c>
      <c r="L1236">
        <f t="shared" si="149"/>
        <v>0.30180994525327837</v>
      </c>
      <c r="M1236">
        <f t="shared" si="150"/>
        <v>0</v>
      </c>
      <c r="N1236" s="45">
        <f t="shared" si="151"/>
        <v>44977.083333330418</v>
      </c>
    </row>
    <row r="1237" spans="2:14" x14ac:dyDescent="0.25">
      <c r="B1237">
        <f t="shared" si="145"/>
        <v>1</v>
      </c>
      <c r="C1237" s="16">
        <v>1203</v>
      </c>
      <c r="D1237" cm="1">
        <f t="array" ref="D1237">IFERROR(INDEX(Jesper!AH$2:AH$366,ROUNDDOWN($C1237/24,0)+1,1)*INDEX($D$3:$AA$30,INDEX(Jesper!$R$2:$R$366,ROW(INDEX(Jesper!AH$2:AH$366,ROUNDDOWN($C1237/24,0)+1,1))-1)+IF('Standard Profiles'!$G$18=$B$10,7,0)+IF('Standard Profiles'!$G$18=$B$17,14,0)+IF('Standard Profiles'!$G$18=$B$24,21,0),MOD($C1237,24)+1)/SUM(INDEX($D$3:$AA$30,INDEX(Jesper!$R$2:$R$366,ROW(INDEX(Jesper!AH$2:AH$366,ROUNDDOWN($C1237/24,0)+1,1))-1)+IF('Standard Profiles'!$G$18=$B$10,7,0)+IF('Standard Profiles'!$G$18=$B$17,14,0)+IF('Standard Profiles'!$G$18=$B$24,21,0),0)),0)</f>
        <v>5.6589364734989687</v>
      </c>
      <c r="E1237" cm="1">
        <f t="array" ref="E1237">IFERROR(INDEX(Jesper!AI$2:AI$366,ROUNDDOWN($C1237/24,0)+1,1)*INDEX($D$3:$AA$30,INDEX(Jesper!$R$2:$R$366,ROW(INDEX(Jesper!AI$2:AI$366,ROUNDDOWN($C1237/24,0)+1,1))-1)+IF('Standard Profiles'!$G$19=$B$10,7,0)+IF('Standard Profiles'!$G$19=$B$17,14,0)+IF('Standard Profiles'!$G$19=$B$24,21,0),MOD($C1237,24)+1)/SUM(INDEX($D$3:$AA$30,INDEX(Jesper!$R$2:$R$366,ROW(INDEX(Jesper!AI$2:AI$366,ROUNDDOWN($C1237/24,0)+1,1))-1)+IF('Standard Profiles'!$G$19=$B$10,7,0)+IF('Standard Profiles'!$G$19=$B$17,14,0)+IF('Standard Profiles'!$G$19=$B$24,21,0),0)),0)</f>
        <v>5.3091349152148037</v>
      </c>
      <c r="F1237" cm="1">
        <f t="array" ref="F1237">IFERROR(INDEX(Jesper!AJ$2:AJ$366,ROUNDDOWN($C1237/24,0)+1,1)*INDEX($D$3:$AA$30,INDEX(Jesper!$R$2:$R$366,ROW(INDEX(Jesper!AJ$2:AJ$366,ROUNDDOWN($C1237/24,0)+1,1))-1)+IF('Standard Profiles'!$G$20=$B$10,7,0)+IF('Standard Profiles'!$G$20=$B$17,14,0)+IF('Standard Profiles'!$G$20=$B$24,21,0),MOD($C1237,24)+1)/SUM(INDEX($D$3:$AA$30,INDEX(Jesper!$R$2:$R$366,ROW(INDEX(Jesper!AJ$2:AJ$366,ROUNDDOWN($C1237/24,0)+1,1))-1)+IF('Standard Profiles'!$G$20=$B$10,7,0)+IF('Standard Profiles'!$G$20=$B$17,14,0)+IF('Standard Profiles'!$G$20=$B$24,21,0),0)),0)</f>
        <v>0</v>
      </c>
      <c r="G1237" cm="1">
        <f t="array" ref="G1237">IFERROR(INDEX(Jesper!AK$2:AK$366,ROUNDDOWN($C1237/24,0)+1,1)*INDEX($D$3:$AA$30,INDEX(Jesper!$R$2:$R$366,ROW(INDEX(Jesper!AK$2:AK$366,ROUNDDOWN($C1237/24,0)+1,1))-1)+IF('Standard Profiles'!$G$21=$B$10,7,0)+IF('Standard Profiles'!$G$21=$B$17,14,0)+IF('Standard Profiles'!$G$21=$B$24,21,0),MOD($C1237,24)+1)/SUM(INDEX($D$3:$AA$30,INDEX(Jesper!$R$2:$R$366,ROW(INDEX(Jesper!AK$2:AK$366,ROUNDDOWN($C1237/24,0)+1,1))-1)+IF('Standard Profiles'!$G$21=$B$10,7,0)+IF('Standard Profiles'!$G$21=$B$17,14,0)+IF('Standard Profiles'!$G$21=$B$24,21,0),0)),0)</f>
        <v>3.0699647913707961</v>
      </c>
      <c r="H1237" cm="1">
        <f t="array" ref="H1237">IFERROR(INDEX(Jesper!AL$2:AL$366,ROUNDDOWN($C1237/24,0)+1,1)*INDEX($D$3:$AA$30,INDEX(Jesper!$R$2:$R$366,ROW(INDEX(Jesper!AL$2:AL$366,ROUNDDOWN($C1237/24,0)+1,1))-1)+IF('Standard Profiles'!$G$22=$B$10,7,0)+IF('Standard Profiles'!$G$22=$B$17,14,0)+IF('Standard Profiles'!$G$22=$B$24,21,0),MOD($C1237,24)+1)/SUM(INDEX($D$3:$AA$30,INDEX(Jesper!$R$2:$R$366,ROW(INDEX(Jesper!AL$2:AL$366,ROUNDDOWN($C1237/24,0)+1,1))-1)+IF('Standard Profiles'!$G$22=$B$10,7,0)+IF('Standard Profiles'!$G$22=$B$17,14,0)+IF('Standard Profiles'!$G$22=$B$24,21,0),0)),0)</f>
        <v>0</v>
      </c>
      <c r="I1237">
        <f t="shared" si="146"/>
        <v>1.4735830998579813</v>
      </c>
      <c r="J1237">
        <f t="shared" si="147"/>
        <v>11.659023244466752</v>
      </c>
      <c r="K1237">
        <f t="shared" si="148"/>
        <v>0.60361989050655673</v>
      </c>
      <c r="L1237">
        <f t="shared" si="149"/>
        <v>0.30180994525327837</v>
      </c>
      <c r="M1237">
        <f t="shared" si="150"/>
        <v>0</v>
      </c>
      <c r="N1237" s="45">
        <f t="shared" si="151"/>
        <v>44977.124999997082</v>
      </c>
    </row>
    <row r="1238" spans="2:14" x14ac:dyDescent="0.25">
      <c r="B1238">
        <f t="shared" si="145"/>
        <v>1</v>
      </c>
      <c r="C1238" s="16">
        <v>1204</v>
      </c>
      <c r="D1238" cm="1">
        <f t="array" ref="D1238">IFERROR(INDEX(Jesper!AH$2:AH$366,ROUNDDOWN($C1238/24,0)+1,1)*INDEX($D$3:$AA$30,INDEX(Jesper!$R$2:$R$366,ROW(INDEX(Jesper!AH$2:AH$366,ROUNDDOWN($C1238/24,0)+1,1))-1)+IF('Standard Profiles'!$G$18=$B$10,7,0)+IF('Standard Profiles'!$G$18=$B$17,14,0)+IF('Standard Profiles'!$G$18=$B$24,21,0),MOD($C1238,24)+1)/SUM(INDEX($D$3:$AA$30,INDEX(Jesper!$R$2:$R$366,ROW(INDEX(Jesper!AH$2:AH$366,ROUNDDOWN($C1238/24,0)+1,1))-1)+IF('Standard Profiles'!$G$18=$B$10,7,0)+IF('Standard Profiles'!$G$18=$B$17,14,0)+IF('Standard Profiles'!$G$18=$B$24,21,0),0)),0)</f>
        <v>5.6589364734989687</v>
      </c>
      <c r="E1238" cm="1">
        <f t="array" ref="E1238">IFERROR(INDEX(Jesper!AI$2:AI$366,ROUNDDOWN($C1238/24,0)+1,1)*INDEX($D$3:$AA$30,INDEX(Jesper!$R$2:$R$366,ROW(INDEX(Jesper!AI$2:AI$366,ROUNDDOWN($C1238/24,0)+1,1))-1)+IF('Standard Profiles'!$G$19=$B$10,7,0)+IF('Standard Profiles'!$G$19=$B$17,14,0)+IF('Standard Profiles'!$G$19=$B$24,21,0),MOD($C1238,24)+1)/SUM(INDEX($D$3:$AA$30,INDEX(Jesper!$R$2:$R$366,ROW(INDEX(Jesper!AI$2:AI$366,ROUNDDOWN($C1238/24,0)+1,1))-1)+IF('Standard Profiles'!$G$19=$B$10,7,0)+IF('Standard Profiles'!$G$19=$B$17,14,0)+IF('Standard Profiles'!$G$19=$B$24,21,0),0)),0)</f>
        <v>5.3091349152148037</v>
      </c>
      <c r="F1238" cm="1">
        <f t="array" ref="F1238">IFERROR(INDEX(Jesper!AJ$2:AJ$366,ROUNDDOWN($C1238/24,0)+1,1)*INDEX($D$3:$AA$30,INDEX(Jesper!$R$2:$R$366,ROW(INDEX(Jesper!AJ$2:AJ$366,ROUNDDOWN($C1238/24,0)+1,1))-1)+IF('Standard Profiles'!$G$20=$B$10,7,0)+IF('Standard Profiles'!$G$20=$B$17,14,0)+IF('Standard Profiles'!$G$20=$B$24,21,0),MOD($C1238,24)+1)/SUM(INDEX($D$3:$AA$30,INDEX(Jesper!$R$2:$R$366,ROW(INDEX(Jesper!AJ$2:AJ$366,ROUNDDOWN($C1238/24,0)+1,1))-1)+IF('Standard Profiles'!$G$20=$B$10,7,0)+IF('Standard Profiles'!$G$20=$B$17,14,0)+IF('Standard Profiles'!$G$20=$B$24,21,0),0)),0)</f>
        <v>0</v>
      </c>
      <c r="G1238" cm="1">
        <f t="array" ref="G1238">IFERROR(INDEX(Jesper!AK$2:AK$366,ROUNDDOWN($C1238/24,0)+1,1)*INDEX($D$3:$AA$30,INDEX(Jesper!$R$2:$R$366,ROW(INDEX(Jesper!AK$2:AK$366,ROUNDDOWN($C1238/24,0)+1,1))-1)+IF('Standard Profiles'!$G$21=$B$10,7,0)+IF('Standard Profiles'!$G$21=$B$17,14,0)+IF('Standard Profiles'!$G$21=$B$24,21,0),MOD($C1238,24)+1)/SUM(INDEX($D$3:$AA$30,INDEX(Jesper!$R$2:$R$366,ROW(INDEX(Jesper!AK$2:AK$366,ROUNDDOWN($C1238/24,0)+1,1))-1)+IF('Standard Profiles'!$G$21=$B$10,7,0)+IF('Standard Profiles'!$G$21=$B$17,14,0)+IF('Standard Profiles'!$G$21=$B$24,21,0),0)),0)</f>
        <v>3.0699647913707961</v>
      </c>
      <c r="H1238" cm="1">
        <f t="array" ref="H1238">IFERROR(INDEX(Jesper!AL$2:AL$366,ROUNDDOWN($C1238/24,0)+1,1)*INDEX($D$3:$AA$30,INDEX(Jesper!$R$2:$R$366,ROW(INDEX(Jesper!AL$2:AL$366,ROUNDDOWN($C1238/24,0)+1,1))-1)+IF('Standard Profiles'!$G$22=$B$10,7,0)+IF('Standard Profiles'!$G$22=$B$17,14,0)+IF('Standard Profiles'!$G$22=$B$24,21,0),MOD($C1238,24)+1)/SUM(INDEX($D$3:$AA$30,INDEX(Jesper!$R$2:$R$366,ROW(INDEX(Jesper!AL$2:AL$366,ROUNDDOWN($C1238/24,0)+1,1))-1)+IF('Standard Profiles'!$G$22=$B$10,7,0)+IF('Standard Profiles'!$G$22=$B$17,14,0)+IF('Standard Profiles'!$G$22=$B$24,21,0),0)),0)</f>
        <v>0</v>
      </c>
      <c r="I1238">
        <f t="shared" si="146"/>
        <v>1.4735830998579813</v>
      </c>
      <c r="J1238">
        <f t="shared" si="147"/>
        <v>11.659023244466752</v>
      </c>
      <c r="K1238">
        <f t="shared" si="148"/>
        <v>0.60361989050655673</v>
      </c>
      <c r="L1238">
        <f t="shared" si="149"/>
        <v>0.30180994525327837</v>
      </c>
      <c r="M1238">
        <f t="shared" si="150"/>
        <v>0</v>
      </c>
      <c r="N1238" s="45">
        <f t="shared" si="151"/>
        <v>44977.166666663747</v>
      </c>
    </row>
    <row r="1239" spans="2:14" x14ac:dyDescent="0.25">
      <c r="B1239">
        <f t="shared" si="145"/>
        <v>1</v>
      </c>
      <c r="C1239" s="16">
        <v>1205</v>
      </c>
      <c r="D1239" cm="1">
        <f t="array" ref="D1239">IFERROR(INDEX(Jesper!AH$2:AH$366,ROUNDDOWN($C1239/24,0)+1,1)*INDEX($D$3:$AA$30,INDEX(Jesper!$R$2:$R$366,ROW(INDEX(Jesper!AH$2:AH$366,ROUNDDOWN($C1239/24,0)+1,1))-1)+IF('Standard Profiles'!$G$18=$B$10,7,0)+IF('Standard Profiles'!$G$18=$B$17,14,0)+IF('Standard Profiles'!$G$18=$B$24,21,0),MOD($C1239,24)+1)/SUM(INDEX($D$3:$AA$30,INDEX(Jesper!$R$2:$R$366,ROW(INDEX(Jesper!AH$2:AH$366,ROUNDDOWN($C1239/24,0)+1,1))-1)+IF('Standard Profiles'!$G$18=$B$10,7,0)+IF('Standard Profiles'!$G$18=$B$17,14,0)+IF('Standard Profiles'!$G$18=$B$24,21,0),0)),0)</f>
        <v>5.6589364734989687</v>
      </c>
      <c r="E1239" cm="1">
        <f t="array" ref="E1239">IFERROR(INDEX(Jesper!AI$2:AI$366,ROUNDDOWN($C1239/24,0)+1,1)*INDEX($D$3:$AA$30,INDEX(Jesper!$R$2:$R$366,ROW(INDEX(Jesper!AI$2:AI$366,ROUNDDOWN($C1239/24,0)+1,1))-1)+IF('Standard Profiles'!$G$19=$B$10,7,0)+IF('Standard Profiles'!$G$19=$B$17,14,0)+IF('Standard Profiles'!$G$19=$B$24,21,0),MOD($C1239,24)+1)/SUM(INDEX($D$3:$AA$30,INDEX(Jesper!$R$2:$R$366,ROW(INDEX(Jesper!AI$2:AI$366,ROUNDDOWN($C1239/24,0)+1,1))-1)+IF('Standard Profiles'!$G$19=$B$10,7,0)+IF('Standard Profiles'!$G$19=$B$17,14,0)+IF('Standard Profiles'!$G$19=$B$24,21,0),0)),0)</f>
        <v>5.3091349152148037</v>
      </c>
      <c r="F1239" cm="1">
        <f t="array" ref="F1239">IFERROR(INDEX(Jesper!AJ$2:AJ$366,ROUNDDOWN($C1239/24,0)+1,1)*INDEX($D$3:$AA$30,INDEX(Jesper!$R$2:$R$366,ROW(INDEX(Jesper!AJ$2:AJ$366,ROUNDDOWN($C1239/24,0)+1,1))-1)+IF('Standard Profiles'!$G$20=$B$10,7,0)+IF('Standard Profiles'!$G$20=$B$17,14,0)+IF('Standard Profiles'!$G$20=$B$24,21,0),MOD($C1239,24)+1)/SUM(INDEX($D$3:$AA$30,INDEX(Jesper!$R$2:$R$366,ROW(INDEX(Jesper!AJ$2:AJ$366,ROUNDDOWN($C1239/24,0)+1,1))-1)+IF('Standard Profiles'!$G$20=$B$10,7,0)+IF('Standard Profiles'!$G$20=$B$17,14,0)+IF('Standard Profiles'!$G$20=$B$24,21,0),0)),0)</f>
        <v>0</v>
      </c>
      <c r="G1239" cm="1">
        <f t="array" ref="G1239">IFERROR(INDEX(Jesper!AK$2:AK$366,ROUNDDOWN($C1239/24,0)+1,1)*INDEX($D$3:$AA$30,INDEX(Jesper!$R$2:$R$366,ROW(INDEX(Jesper!AK$2:AK$366,ROUNDDOWN($C1239/24,0)+1,1))-1)+IF('Standard Profiles'!$G$21=$B$10,7,0)+IF('Standard Profiles'!$G$21=$B$17,14,0)+IF('Standard Profiles'!$G$21=$B$24,21,0),MOD($C1239,24)+1)/SUM(INDEX($D$3:$AA$30,INDEX(Jesper!$R$2:$R$366,ROW(INDEX(Jesper!AK$2:AK$366,ROUNDDOWN($C1239/24,0)+1,1))-1)+IF('Standard Profiles'!$G$21=$B$10,7,0)+IF('Standard Profiles'!$G$21=$B$17,14,0)+IF('Standard Profiles'!$G$21=$B$24,21,0),0)),0)</f>
        <v>3.0699647913707961</v>
      </c>
      <c r="H1239" cm="1">
        <f t="array" ref="H1239">IFERROR(INDEX(Jesper!AL$2:AL$366,ROUNDDOWN($C1239/24,0)+1,1)*INDEX($D$3:$AA$30,INDEX(Jesper!$R$2:$R$366,ROW(INDEX(Jesper!AL$2:AL$366,ROUNDDOWN($C1239/24,0)+1,1))-1)+IF('Standard Profiles'!$G$22=$B$10,7,0)+IF('Standard Profiles'!$G$22=$B$17,14,0)+IF('Standard Profiles'!$G$22=$B$24,21,0),MOD($C1239,24)+1)/SUM(INDEX($D$3:$AA$30,INDEX(Jesper!$R$2:$R$366,ROW(INDEX(Jesper!AL$2:AL$366,ROUNDDOWN($C1239/24,0)+1,1))-1)+IF('Standard Profiles'!$G$22=$B$10,7,0)+IF('Standard Profiles'!$G$22=$B$17,14,0)+IF('Standard Profiles'!$G$22=$B$24,21,0),0)),0)</f>
        <v>0</v>
      </c>
      <c r="I1239">
        <f t="shared" si="146"/>
        <v>1.4735830998579813</v>
      </c>
      <c r="J1239">
        <f t="shared" si="147"/>
        <v>11.659023244466752</v>
      </c>
      <c r="K1239">
        <f t="shared" si="148"/>
        <v>0.60361989050655673</v>
      </c>
      <c r="L1239">
        <f t="shared" si="149"/>
        <v>0.30180994525327837</v>
      </c>
      <c r="M1239">
        <f t="shared" si="150"/>
        <v>0</v>
      </c>
      <c r="N1239" s="45">
        <f t="shared" si="151"/>
        <v>44977.208333330411</v>
      </c>
    </row>
    <row r="1240" spans="2:14" x14ac:dyDescent="0.25">
      <c r="B1240">
        <f t="shared" si="145"/>
        <v>1</v>
      </c>
      <c r="C1240" s="16">
        <v>1206</v>
      </c>
      <c r="D1240" cm="1">
        <f t="array" ref="D1240">IFERROR(INDEX(Jesper!AH$2:AH$366,ROUNDDOWN($C1240/24,0)+1,1)*INDEX($D$3:$AA$30,INDEX(Jesper!$R$2:$R$366,ROW(INDEX(Jesper!AH$2:AH$366,ROUNDDOWN($C1240/24,0)+1,1))-1)+IF('Standard Profiles'!$G$18=$B$10,7,0)+IF('Standard Profiles'!$G$18=$B$17,14,0)+IF('Standard Profiles'!$G$18=$B$24,21,0),MOD($C1240,24)+1)/SUM(INDEX($D$3:$AA$30,INDEX(Jesper!$R$2:$R$366,ROW(INDEX(Jesper!AH$2:AH$366,ROUNDDOWN($C1240/24,0)+1,1))-1)+IF('Standard Profiles'!$G$18=$B$10,7,0)+IF('Standard Profiles'!$G$18=$B$17,14,0)+IF('Standard Profiles'!$G$18=$B$24,21,0),0)),0)</f>
        <v>5.6589364734989687</v>
      </c>
      <c r="E1240" cm="1">
        <f t="array" ref="E1240">IFERROR(INDEX(Jesper!AI$2:AI$366,ROUNDDOWN($C1240/24,0)+1,1)*INDEX($D$3:$AA$30,INDEX(Jesper!$R$2:$R$366,ROW(INDEX(Jesper!AI$2:AI$366,ROUNDDOWN($C1240/24,0)+1,1))-1)+IF('Standard Profiles'!$G$19=$B$10,7,0)+IF('Standard Profiles'!$G$19=$B$17,14,0)+IF('Standard Profiles'!$G$19=$B$24,21,0),MOD($C1240,24)+1)/SUM(INDEX($D$3:$AA$30,INDEX(Jesper!$R$2:$R$366,ROW(INDEX(Jesper!AI$2:AI$366,ROUNDDOWN($C1240/24,0)+1,1))-1)+IF('Standard Profiles'!$G$19=$B$10,7,0)+IF('Standard Profiles'!$G$19=$B$17,14,0)+IF('Standard Profiles'!$G$19=$B$24,21,0),0)),0)</f>
        <v>5.3091349152148037</v>
      </c>
      <c r="F1240" cm="1">
        <f t="array" ref="F1240">IFERROR(INDEX(Jesper!AJ$2:AJ$366,ROUNDDOWN($C1240/24,0)+1,1)*INDEX($D$3:$AA$30,INDEX(Jesper!$R$2:$R$366,ROW(INDEX(Jesper!AJ$2:AJ$366,ROUNDDOWN($C1240/24,0)+1,1))-1)+IF('Standard Profiles'!$G$20=$B$10,7,0)+IF('Standard Profiles'!$G$20=$B$17,14,0)+IF('Standard Profiles'!$G$20=$B$24,21,0),MOD($C1240,24)+1)/SUM(INDEX($D$3:$AA$30,INDEX(Jesper!$R$2:$R$366,ROW(INDEX(Jesper!AJ$2:AJ$366,ROUNDDOWN($C1240/24,0)+1,1))-1)+IF('Standard Profiles'!$G$20=$B$10,7,0)+IF('Standard Profiles'!$G$20=$B$17,14,0)+IF('Standard Profiles'!$G$20=$B$24,21,0),0)),0)</f>
        <v>0</v>
      </c>
      <c r="G1240" cm="1">
        <f t="array" ref="G1240">IFERROR(INDEX(Jesper!AK$2:AK$366,ROUNDDOWN($C1240/24,0)+1,1)*INDEX($D$3:$AA$30,INDEX(Jesper!$R$2:$R$366,ROW(INDEX(Jesper!AK$2:AK$366,ROUNDDOWN($C1240/24,0)+1,1))-1)+IF('Standard Profiles'!$G$21=$B$10,7,0)+IF('Standard Profiles'!$G$21=$B$17,14,0)+IF('Standard Profiles'!$G$21=$B$24,21,0),MOD($C1240,24)+1)/SUM(INDEX($D$3:$AA$30,INDEX(Jesper!$R$2:$R$366,ROW(INDEX(Jesper!AK$2:AK$366,ROUNDDOWN($C1240/24,0)+1,1))-1)+IF('Standard Profiles'!$G$21=$B$10,7,0)+IF('Standard Profiles'!$G$21=$B$17,14,0)+IF('Standard Profiles'!$G$21=$B$24,21,0),0)),0)</f>
        <v>3.0699647913707961</v>
      </c>
      <c r="H1240" cm="1">
        <f t="array" ref="H1240">IFERROR(INDEX(Jesper!AL$2:AL$366,ROUNDDOWN($C1240/24,0)+1,1)*INDEX($D$3:$AA$30,INDEX(Jesper!$R$2:$R$366,ROW(INDEX(Jesper!AL$2:AL$366,ROUNDDOWN($C1240/24,0)+1,1))-1)+IF('Standard Profiles'!$G$22=$B$10,7,0)+IF('Standard Profiles'!$G$22=$B$17,14,0)+IF('Standard Profiles'!$G$22=$B$24,21,0),MOD($C1240,24)+1)/SUM(INDEX($D$3:$AA$30,INDEX(Jesper!$R$2:$R$366,ROW(INDEX(Jesper!AL$2:AL$366,ROUNDDOWN($C1240/24,0)+1,1))-1)+IF('Standard Profiles'!$G$22=$B$10,7,0)+IF('Standard Profiles'!$G$22=$B$17,14,0)+IF('Standard Profiles'!$G$22=$B$24,21,0),0)),0)</f>
        <v>0</v>
      </c>
      <c r="I1240">
        <f t="shared" si="146"/>
        <v>1.4735830998579813</v>
      </c>
      <c r="J1240">
        <f t="shared" si="147"/>
        <v>11.659023244466752</v>
      </c>
      <c r="K1240">
        <f t="shared" si="148"/>
        <v>0.60361989050655673</v>
      </c>
      <c r="L1240">
        <f t="shared" si="149"/>
        <v>0.30180994525327837</v>
      </c>
      <c r="M1240">
        <f t="shared" si="150"/>
        <v>0</v>
      </c>
      <c r="N1240" s="45">
        <f t="shared" si="151"/>
        <v>44977.249999997075</v>
      </c>
    </row>
    <row r="1241" spans="2:14" x14ac:dyDescent="0.25">
      <c r="B1241">
        <f t="shared" si="145"/>
        <v>1</v>
      </c>
      <c r="C1241" s="16">
        <v>1207</v>
      </c>
      <c r="D1241" cm="1">
        <f t="array" ref="D1241">IFERROR(INDEX(Jesper!AH$2:AH$366,ROUNDDOWN($C1241/24,0)+1,1)*INDEX($D$3:$AA$30,INDEX(Jesper!$R$2:$R$366,ROW(INDEX(Jesper!AH$2:AH$366,ROUNDDOWN($C1241/24,0)+1,1))-1)+IF('Standard Profiles'!$G$18=$B$10,7,0)+IF('Standard Profiles'!$G$18=$B$17,14,0)+IF('Standard Profiles'!$G$18=$B$24,21,0),MOD($C1241,24)+1)/SUM(INDEX($D$3:$AA$30,INDEX(Jesper!$R$2:$R$366,ROW(INDEX(Jesper!AH$2:AH$366,ROUNDDOWN($C1241/24,0)+1,1))-1)+IF('Standard Profiles'!$G$18=$B$10,7,0)+IF('Standard Profiles'!$G$18=$B$17,14,0)+IF('Standard Profiles'!$G$18=$B$24,21,0),0)),0)</f>
        <v>24.107069377105603</v>
      </c>
      <c r="E1241" cm="1">
        <f t="array" ref="E1241">IFERROR(INDEX(Jesper!AI$2:AI$366,ROUNDDOWN($C1241/24,0)+1,1)*INDEX($D$3:$AA$30,INDEX(Jesper!$R$2:$R$366,ROW(INDEX(Jesper!AI$2:AI$366,ROUNDDOWN($C1241/24,0)+1,1))-1)+IF('Standard Profiles'!$G$19=$B$10,7,0)+IF('Standard Profiles'!$G$19=$B$17,14,0)+IF('Standard Profiles'!$G$19=$B$24,21,0),MOD($C1241,24)+1)/SUM(INDEX($D$3:$AA$30,INDEX(Jesper!$R$2:$R$366,ROW(INDEX(Jesper!AI$2:AI$366,ROUNDDOWN($C1241/24,0)+1,1))-1)+IF('Standard Profiles'!$G$19=$B$10,7,0)+IF('Standard Profiles'!$G$19=$B$17,14,0)+IF('Standard Profiles'!$G$19=$B$24,21,0),0)),0)</f>
        <v>22.616914738815062</v>
      </c>
      <c r="F1241" cm="1">
        <f t="array" ref="F1241">IFERROR(INDEX(Jesper!AJ$2:AJ$366,ROUNDDOWN($C1241/24,0)+1,1)*INDEX($D$3:$AA$30,INDEX(Jesper!$R$2:$R$366,ROW(INDEX(Jesper!AJ$2:AJ$366,ROUNDDOWN($C1241/24,0)+1,1))-1)+IF('Standard Profiles'!$G$20=$B$10,7,0)+IF('Standard Profiles'!$G$20=$B$17,14,0)+IF('Standard Profiles'!$G$20=$B$24,21,0),MOD($C1241,24)+1)/SUM(INDEX($D$3:$AA$30,INDEX(Jesper!$R$2:$R$366,ROW(INDEX(Jesper!AJ$2:AJ$366,ROUNDDOWN($C1241/24,0)+1,1))-1)+IF('Standard Profiles'!$G$20=$B$10,7,0)+IF('Standard Profiles'!$G$20=$B$17,14,0)+IF('Standard Profiles'!$G$20=$B$24,21,0),0)),0)</f>
        <v>0</v>
      </c>
      <c r="G1241" cm="1">
        <f t="array" ref="G1241">IFERROR(INDEX(Jesper!AK$2:AK$366,ROUNDDOWN($C1241/24,0)+1,1)*INDEX($D$3:$AA$30,INDEX(Jesper!$R$2:$R$366,ROW(INDEX(Jesper!AK$2:AK$366,ROUNDDOWN($C1241/24,0)+1,1))-1)+IF('Standard Profiles'!$G$21=$B$10,7,0)+IF('Standard Profiles'!$G$21=$B$17,14,0)+IF('Standard Profiles'!$G$21=$B$24,21,0),MOD($C1241,24)+1)/SUM(INDEX($D$3:$AA$30,INDEX(Jesper!$R$2:$R$366,ROW(INDEX(Jesper!AK$2:AK$366,ROUNDDOWN($C1241/24,0)+1,1))-1)+IF('Standard Profiles'!$G$21=$B$10,7,0)+IF('Standard Profiles'!$G$21=$B$17,14,0)+IF('Standard Profiles'!$G$21=$B$24,21,0),0)),0)</f>
        <v>13.354346842462963</v>
      </c>
      <c r="H1241" cm="1">
        <f t="array" ref="H1241">IFERROR(INDEX(Jesper!AL$2:AL$366,ROUNDDOWN($C1241/24,0)+1,1)*INDEX($D$3:$AA$30,INDEX(Jesper!$R$2:$R$366,ROW(INDEX(Jesper!AL$2:AL$366,ROUNDDOWN($C1241/24,0)+1,1))-1)+IF('Standard Profiles'!$G$22=$B$10,7,0)+IF('Standard Profiles'!$G$22=$B$17,14,0)+IF('Standard Profiles'!$G$22=$B$24,21,0),MOD($C1241,24)+1)/SUM(INDEX($D$3:$AA$30,INDEX(Jesper!$R$2:$R$366,ROW(INDEX(Jesper!AL$2:AL$366,ROUNDDOWN($C1241/24,0)+1,1))-1)+IF('Standard Profiles'!$G$22=$B$10,7,0)+IF('Standard Profiles'!$G$22=$B$17,14,0)+IF('Standard Profiles'!$G$22=$B$24,21,0),0)),0)</f>
        <v>0</v>
      </c>
      <c r="I1241">
        <f t="shared" si="146"/>
        <v>6.4100864843822194</v>
      </c>
      <c r="J1241">
        <f t="shared" si="147"/>
        <v>49.811113373664512</v>
      </c>
      <c r="K1241">
        <f t="shared" si="148"/>
        <v>2.5714207335579311</v>
      </c>
      <c r="L1241">
        <f t="shared" si="149"/>
        <v>1.2857103667789656</v>
      </c>
      <c r="M1241">
        <f t="shared" si="150"/>
        <v>0</v>
      </c>
      <c r="N1241" s="45">
        <f t="shared" si="151"/>
        <v>44977.291666663739</v>
      </c>
    </row>
    <row r="1242" spans="2:14" x14ac:dyDescent="0.25">
      <c r="B1242">
        <f t="shared" si="145"/>
        <v>1</v>
      </c>
      <c r="C1242" s="16">
        <v>1208</v>
      </c>
      <c r="D1242" cm="1">
        <f t="array" ref="D1242">IFERROR(INDEX(Jesper!AH$2:AH$366,ROUNDDOWN($C1242/24,0)+1,1)*INDEX($D$3:$AA$30,INDEX(Jesper!$R$2:$R$366,ROW(INDEX(Jesper!AH$2:AH$366,ROUNDDOWN($C1242/24,0)+1,1))-1)+IF('Standard Profiles'!$G$18=$B$10,7,0)+IF('Standard Profiles'!$G$18=$B$17,14,0)+IF('Standard Profiles'!$G$18=$B$24,21,0),MOD($C1242,24)+1)/SUM(INDEX($D$3:$AA$30,INDEX(Jesper!$R$2:$R$366,ROW(INDEX(Jesper!AH$2:AH$366,ROUNDDOWN($C1242/24,0)+1,1))-1)+IF('Standard Profiles'!$G$18=$B$10,7,0)+IF('Standard Profiles'!$G$18=$B$17,14,0)+IF('Standard Profiles'!$G$18=$B$24,21,0),0)),0)</f>
        <v>27.120453049243803</v>
      </c>
      <c r="E1242" cm="1">
        <f t="array" ref="E1242">IFERROR(INDEX(Jesper!AI$2:AI$366,ROUNDDOWN($C1242/24,0)+1,1)*INDEX($D$3:$AA$30,INDEX(Jesper!$R$2:$R$366,ROW(INDEX(Jesper!AI$2:AI$366,ROUNDDOWN($C1242/24,0)+1,1))-1)+IF('Standard Profiles'!$G$19=$B$10,7,0)+IF('Standard Profiles'!$G$19=$B$17,14,0)+IF('Standard Profiles'!$G$19=$B$24,21,0),MOD($C1242,24)+1)/SUM(INDEX($D$3:$AA$30,INDEX(Jesper!$R$2:$R$366,ROW(INDEX(Jesper!AI$2:AI$366,ROUNDDOWN($C1242/24,0)+1,1))-1)+IF('Standard Profiles'!$G$19=$B$10,7,0)+IF('Standard Profiles'!$G$19=$B$17,14,0)+IF('Standard Profiles'!$G$19=$B$24,21,0),0)),0)</f>
        <v>25.444029081166946</v>
      </c>
      <c r="F1242" cm="1">
        <f t="array" ref="F1242">IFERROR(INDEX(Jesper!AJ$2:AJ$366,ROUNDDOWN($C1242/24,0)+1,1)*INDEX($D$3:$AA$30,INDEX(Jesper!$R$2:$R$366,ROW(INDEX(Jesper!AJ$2:AJ$366,ROUNDDOWN($C1242/24,0)+1,1))-1)+IF('Standard Profiles'!$G$20=$B$10,7,0)+IF('Standard Profiles'!$G$20=$B$17,14,0)+IF('Standard Profiles'!$G$20=$B$24,21,0),MOD($C1242,24)+1)/SUM(INDEX($D$3:$AA$30,INDEX(Jesper!$R$2:$R$366,ROW(INDEX(Jesper!AJ$2:AJ$366,ROUNDDOWN($C1242/24,0)+1,1))-1)+IF('Standard Profiles'!$G$20=$B$10,7,0)+IF('Standard Profiles'!$G$20=$B$17,14,0)+IF('Standard Profiles'!$G$20=$B$24,21,0),0)),0)</f>
        <v>0</v>
      </c>
      <c r="G1242" cm="1">
        <f t="array" ref="G1242">IFERROR(INDEX(Jesper!AK$2:AK$366,ROUNDDOWN($C1242/24,0)+1,1)*INDEX($D$3:$AA$30,INDEX(Jesper!$R$2:$R$366,ROW(INDEX(Jesper!AK$2:AK$366,ROUNDDOWN($C1242/24,0)+1,1))-1)+IF('Standard Profiles'!$G$21=$B$10,7,0)+IF('Standard Profiles'!$G$21=$B$17,14,0)+IF('Standard Profiles'!$G$21=$B$24,21,0),MOD($C1242,24)+1)/SUM(INDEX($D$3:$AA$30,INDEX(Jesper!$R$2:$R$366,ROW(INDEX(Jesper!AK$2:AK$366,ROUNDDOWN($C1242/24,0)+1,1))-1)+IF('Standard Profiles'!$G$21=$B$10,7,0)+IF('Standard Profiles'!$G$21=$B$17,14,0)+IF('Standard Profiles'!$G$21=$B$24,21,0),0)),0)</f>
        <v>15.023640197770833</v>
      </c>
      <c r="H1242" cm="1">
        <f t="array" ref="H1242">IFERROR(INDEX(Jesper!AL$2:AL$366,ROUNDDOWN($C1242/24,0)+1,1)*INDEX($D$3:$AA$30,INDEX(Jesper!$R$2:$R$366,ROW(INDEX(Jesper!AL$2:AL$366,ROUNDDOWN($C1242/24,0)+1,1))-1)+IF('Standard Profiles'!$G$22=$B$10,7,0)+IF('Standard Profiles'!$G$22=$B$17,14,0)+IF('Standard Profiles'!$G$22=$B$24,21,0),MOD($C1242,24)+1)/SUM(INDEX($D$3:$AA$30,INDEX(Jesper!$R$2:$R$366,ROW(INDEX(Jesper!AL$2:AL$366,ROUNDDOWN($C1242/24,0)+1,1))-1)+IF('Standard Profiles'!$G$22=$B$10,7,0)+IF('Standard Profiles'!$G$22=$B$17,14,0)+IF('Standard Profiles'!$G$22=$B$24,21,0),0)),0)</f>
        <v>0</v>
      </c>
      <c r="I1242">
        <f t="shared" si="146"/>
        <v>7.2113472949299959</v>
      </c>
      <c r="J1242">
        <f t="shared" si="147"/>
        <v>56.037502545372575</v>
      </c>
      <c r="K1242">
        <f t="shared" si="148"/>
        <v>2.8928483252526727</v>
      </c>
      <c r="L1242">
        <f t="shared" si="149"/>
        <v>1.4464241626263363</v>
      </c>
      <c r="M1242">
        <f t="shared" si="150"/>
        <v>0</v>
      </c>
      <c r="N1242" s="45">
        <f t="shared" si="151"/>
        <v>44977.333333330404</v>
      </c>
    </row>
    <row r="1243" spans="2:14" x14ac:dyDescent="0.25">
      <c r="B1243">
        <f t="shared" si="145"/>
        <v>1</v>
      </c>
      <c r="C1243" s="16">
        <v>1209</v>
      </c>
      <c r="D1243" cm="1">
        <f t="array" ref="D1243">IFERROR(INDEX(Jesper!AH$2:AH$366,ROUNDDOWN($C1243/24,0)+1,1)*INDEX($D$3:$AA$30,INDEX(Jesper!$R$2:$R$366,ROW(INDEX(Jesper!AH$2:AH$366,ROUNDDOWN($C1243/24,0)+1,1))-1)+IF('Standard Profiles'!$G$18=$B$10,7,0)+IF('Standard Profiles'!$G$18=$B$17,14,0)+IF('Standard Profiles'!$G$18=$B$24,21,0),MOD($C1243,24)+1)/SUM(INDEX($D$3:$AA$30,INDEX(Jesper!$R$2:$R$366,ROW(INDEX(Jesper!AH$2:AH$366,ROUNDDOWN($C1243/24,0)+1,1))-1)+IF('Standard Profiles'!$G$18=$B$10,7,0)+IF('Standard Profiles'!$G$18=$B$17,14,0)+IF('Standard Profiles'!$G$18=$B$24,21,0),0)),0)</f>
        <v>30.133836721382007</v>
      </c>
      <c r="E1243" cm="1">
        <f t="array" ref="E1243">IFERROR(INDEX(Jesper!AI$2:AI$366,ROUNDDOWN($C1243/24,0)+1,1)*INDEX($D$3:$AA$30,INDEX(Jesper!$R$2:$R$366,ROW(INDEX(Jesper!AI$2:AI$366,ROUNDDOWN($C1243/24,0)+1,1))-1)+IF('Standard Profiles'!$G$19=$B$10,7,0)+IF('Standard Profiles'!$G$19=$B$17,14,0)+IF('Standard Profiles'!$G$19=$B$24,21,0),MOD($C1243,24)+1)/SUM(INDEX($D$3:$AA$30,INDEX(Jesper!$R$2:$R$366,ROW(INDEX(Jesper!AI$2:AI$366,ROUNDDOWN($C1243/24,0)+1,1))-1)+IF('Standard Profiles'!$G$19=$B$10,7,0)+IF('Standard Profiles'!$G$19=$B$17,14,0)+IF('Standard Profiles'!$G$19=$B$24,21,0),0)),0)</f>
        <v>28.271143423518826</v>
      </c>
      <c r="F1243" cm="1">
        <f t="array" ref="F1243">IFERROR(INDEX(Jesper!AJ$2:AJ$366,ROUNDDOWN($C1243/24,0)+1,1)*INDEX($D$3:$AA$30,INDEX(Jesper!$R$2:$R$366,ROW(INDEX(Jesper!AJ$2:AJ$366,ROUNDDOWN($C1243/24,0)+1,1))-1)+IF('Standard Profiles'!$G$20=$B$10,7,0)+IF('Standard Profiles'!$G$20=$B$17,14,0)+IF('Standard Profiles'!$G$20=$B$24,21,0),MOD($C1243,24)+1)/SUM(INDEX($D$3:$AA$30,INDEX(Jesper!$R$2:$R$366,ROW(INDEX(Jesper!AJ$2:AJ$366,ROUNDDOWN($C1243/24,0)+1,1))-1)+IF('Standard Profiles'!$G$20=$B$10,7,0)+IF('Standard Profiles'!$G$20=$B$17,14,0)+IF('Standard Profiles'!$G$20=$B$24,21,0),0)),0)</f>
        <v>0</v>
      </c>
      <c r="G1243" cm="1">
        <f t="array" ref="G1243">IFERROR(INDEX(Jesper!AK$2:AK$366,ROUNDDOWN($C1243/24,0)+1,1)*INDEX($D$3:$AA$30,INDEX(Jesper!$R$2:$R$366,ROW(INDEX(Jesper!AK$2:AK$366,ROUNDDOWN($C1243/24,0)+1,1))-1)+IF('Standard Profiles'!$G$21=$B$10,7,0)+IF('Standard Profiles'!$G$21=$B$17,14,0)+IF('Standard Profiles'!$G$21=$B$24,21,0),MOD($C1243,24)+1)/SUM(INDEX($D$3:$AA$30,INDEX(Jesper!$R$2:$R$366,ROW(INDEX(Jesper!AK$2:AK$366,ROUNDDOWN($C1243/24,0)+1,1))-1)+IF('Standard Profiles'!$G$21=$B$10,7,0)+IF('Standard Profiles'!$G$21=$B$17,14,0)+IF('Standard Profiles'!$G$21=$B$24,21,0),0)),0)</f>
        <v>16.692933553078703</v>
      </c>
      <c r="H1243" cm="1">
        <f t="array" ref="H1243">IFERROR(INDEX(Jesper!AL$2:AL$366,ROUNDDOWN($C1243/24,0)+1,1)*INDEX($D$3:$AA$30,INDEX(Jesper!$R$2:$R$366,ROW(INDEX(Jesper!AL$2:AL$366,ROUNDDOWN($C1243/24,0)+1,1))-1)+IF('Standard Profiles'!$G$22=$B$10,7,0)+IF('Standard Profiles'!$G$22=$B$17,14,0)+IF('Standard Profiles'!$G$22=$B$24,21,0),MOD($C1243,24)+1)/SUM(INDEX($D$3:$AA$30,INDEX(Jesper!$R$2:$R$366,ROW(INDEX(Jesper!AL$2:AL$366,ROUNDDOWN($C1243/24,0)+1,1))-1)+IF('Standard Profiles'!$G$22=$B$10,7,0)+IF('Standard Profiles'!$G$22=$B$17,14,0)+IF('Standard Profiles'!$G$22=$B$24,21,0),0)),0)</f>
        <v>0</v>
      </c>
      <c r="I1243">
        <f t="shared" si="146"/>
        <v>8.0126081054777742</v>
      </c>
      <c r="J1243">
        <f t="shared" si="147"/>
        <v>62.263891717080639</v>
      </c>
      <c r="K1243">
        <f t="shared" si="148"/>
        <v>3.2142759169474142</v>
      </c>
      <c r="L1243">
        <f t="shared" si="149"/>
        <v>1.6071379584737071</v>
      </c>
      <c r="M1243">
        <f t="shared" si="150"/>
        <v>0</v>
      </c>
      <c r="N1243" s="45">
        <f t="shared" si="151"/>
        <v>44977.374999997068</v>
      </c>
    </row>
    <row r="1244" spans="2:14" x14ac:dyDescent="0.25">
      <c r="B1244">
        <f t="shared" si="145"/>
        <v>1</v>
      </c>
      <c r="C1244" s="16">
        <v>1210</v>
      </c>
      <c r="D1244" cm="1">
        <f t="array" ref="D1244">IFERROR(INDEX(Jesper!AH$2:AH$366,ROUNDDOWN($C1244/24,0)+1,1)*INDEX($D$3:$AA$30,INDEX(Jesper!$R$2:$R$366,ROW(INDEX(Jesper!AH$2:AH$366,ROUNDDOWN($C1244/24,0)+1,1))-1)+IF('Standard Profiles'!$G$18=$B$10,7,0)+IF('Standard Profiles'!$G$18=$B$17,14,0)+IF('Standard Profiles'!$G$18=$B$24,21,0),MOD($C1244,24)+1)/SUM(INDEX($D$3:$AA$30,INDEX(Jesper!$R$2:$R$366,ROW(INDEX(Jesper!AH$2:AH$366,ROUNDDOWN($C1244/24,0)+1,1))-1)+IF('Standard Profiles'!$G$18=$B$10,7,0)+IF('Standard Profiles'!$G$18=$B$17,14,0)+IF('Standard Profiles'!$G$18=$B$24,21,0),0)),0)</f>
        <v>30.133836721382007</v>
      </c>
      <c r="E1244" cm="1">
        <f t="array" ref="E1244">IFERROR(INDEX(Jesper!AI$2:AI$366,ROUNDDOWN($C1244/24,0)+1,1)*INDEX($D$3:$AA$30,INDEX(Jesper!$R$2:$R$366,ROW(INDEX(Jesper!AI$2:AI$366,ROUNDDOWN($C1244/24,0)+1,1))-1)+IF('Standard Profiles'!$G$19=$B$10,7,0)+IF('Standard Profiles'!$G$19=$B$17,14,0)+IF('Standard Profiles'!$G$19=$B$24,21,0),MOD($C1244,24)+1)/SUM(INDEX($D$3:$AA$30,INDEX(Jesper!$R$2:$R$366,ROW(INDEX(Jesper!AI$2:AI$366,ROUNDDOWN($C1244/24,0)+1,1))-1)+IF('Standard Profiles'!$G$19=$B$10,7,0)+IF('Standard Profiles'!$G$19=$B$17,14,0)+IF('Standard Profiles'!$G$19=$B$24,21,0),0)),0)</f>
        <v>28.271143423518826</v>
      </c>
      <c r="F1244" cm="1">
        <f t="array" ref="F1244">IFERROR(INDEX(Jesper!AJ$2:AJ$366,ROUNDDOWN($C1244/24,0)+1,1)*INDEX($D$3:$AA$30,INDEX(Jesper!$R$2:$R$366,ROW(INDEX(Jesper!AJ$2:AJ$366,ROUNDDOWN($C1244/24,0)+1,1))-1)+IF('Standard Profiles'!$G$20=$B$10,7,0)+IF('Standard Profiles'!$G$20=$B$17,14,0)+IF('Standard Profiles'!$G$20=$B$24,21,0),MOD($C1244,24)+1)/SUM(INDEX($D$3:$AA$30,INDEX(Jesper!$R$2:$R$366,ROW(INDEX(Jesper!AJ$2:AJ$366,ROUNDDOWN($C1244/24,0)+1,1))-1)+IF('Standard Profiles'!$G$20=$B$10,7,0)+IF('Standard Profiles'!$G$20=$B$17,14,0)+IF('Standard Profiles'!$G$20=$B$24,21,0),0)),0)</f>
        <v>0</v>
      </c>
      <c r="G1244" cm="1">
        <f t="array" ref="G1244">IFERROR(INDEX(Jesper!AK$2:AK$366,ROUNDDOWN($C1244/24,0)+1,1)*INDEX($D$3:$AA$30,INDEX(Jesper!$R$2:$R$366,ROW(INDEX(Jesper!AK$2:AK$366,ROUNDDOWN($C1244/24,0)+1,1))-1)+IF('Standard Profiles'!$G$21=$B$10,7,0)+IF('Standard Profiles'!$G$21=$B$17,14,0)+IF('Standard Profiles'!$G$21=$B$24,21,0),MOD($C1244,24)+1)/SUM(INDEX($D$3:$AA$30,INDEX(Jesper!$R$2:$R$366,ROW(INDEX(Jesper!AK$2:AK$366,ROUNDDOWN($C1244/24,0)+1,1))-1)+IF('Standard Profiles'!$G$21=$B$10,7,0)+IF('Standard Profiles'!$G$21=$B$17,14,0)+IF('Standard Profiles'!$G$21=$B$24,21,0),0)),0)</f>
        <v>16.692933553078703</v>
      </c>
      <c r="H1244" cm="1">
        <f t="array" ref="H1244">IFERROR(INDEX(Jesper!AL$2:AL$366,ROUNDDOWN($C1244/24,0)+1,1)*INDEX($D$3:$AA$30,INDEX(Jesper!$R$2:$R$366,ROW(INDEX(Jesper!AL$2:AL$366,ROUNDDOWN($C1244/24,0)+1,1))-1)+IF('Standard Profiles'!$G$22=$B$10,7,0)+IF('Standard Profiles'!$G$22=$B$17,14,0)+IF('Standard Profiles'!$G$22=$B$24,21,0),MOD($C1244,24)+1)/SUM(INDEX($D$3:$AA$30,INDEX(Jesper!$R$2:$R$366,ROW(INDEX(Jesper!AL$2:AL$366,ROUNDDOWN($C1244/24,0)+1,1))-1)+IF('Standard Profiles'!$G$22=$B$10,7,0)+IF('Standard Profiles'!$G$22=$B$17,14,0)+IF('Standard Profiles'!$G$22=$B$24,21,0),0)),0)</f>
        <v>0</v>
      </c>
      <c r="I1244">
        <f t="shared" si="146"/>
        <v>8.0126081054777742</v>
      </c>
      <c r="J1244">
        <f t="shared" si="147"/>
        <v>62.263891717080639</v>
      </c>
      <c r="K1244">
        <f t="shared" si="148"/>
        <v>3.2142759169474142</v>
      </c>
      <c r="L1244">
        <f t="shared" si="149"/>
        <v>1.6071379584737071</v>
      </c>
      <c r="M1244">
        <f t="shared" si="150"/>
        <v>0</v>
      </c>
      <c r="N1244" s="45">
        <f t="shared" si="151"/>
        <v>44977.416666663732</v>
      </c>
    </row>
    <row r="1245" spans="2:14" x14ac:dyDescent="0.25">
      <c r="B1245">
        <f t="shared" si="145"/>
        <v>1</v>
      </c>
      <c r="C1245" s="16">
        <v>1211</v>
      </c>
      <c r="D1245" cm="1">
        <f t="array" ref="D1245">IFERROR(INDEX(Jesper!AH$2:AH$366,ROUNDDOWN($C1245/24,0)+1,1)*INDEX($D$3:$AA$30,INDEX(Jesper!$R$2:$R$366,ROW(INDEX(Jesper!AH$2:AH$366,ROUNDDOWN($C1245/24,0)+1,1))-1)+IF('Standard Profiles'!$G$18=$B$10,7,0)+IF('Standard Profiles'!$G$18=$B$17,14,0)+IF('Standard Profiles'!$G$18=$B$24,21,0),MOD($C1245,24)+1)/SUM(INDEX($D$3:$AA$30,INDEX(Jesper!$R$2:$R$366,ROW(INDEX(Jesper!AH$2:AH$366,ROUNDDOWN($C1245/24,0)+1,1))-1)+IF('Standard Profiles'!$G$18=$B$10,7,0)+IF('Standard Profiles'!$G$18=$B$17,14,0)+IF('Standard Profiles'!$G$18=$B$24,21,0),0)),0)</f>
        <v>36.160604065658397</v>
      </c>
      <c r="E1245" cm="1">
        <f t="array" ref="E1245">IFERROR(INDEX(Jesper!AI$2:AI$366,ROUNDDOWN($C1245/24,0)+1,1)*INDEX($D$3:$AA$30,INDEX(Jesper!$R$2:$R$366,ROW(INDEX(Jesper!AI$2:AI$366,ROUNDDOWN($C1245/24,0)+1,1))-1)+IF('Standard Profiles'!$G$19=$B$10,7,0)+IF('Standard Profiles'!$G$19=$B$17,14,0)+IF('Standard Profiles'!$G$19=$B$24,21,0),MOD($C1245,24)+1)/SUM(INDEX($D$3:$AA$30,INDEX(Jesper!$R$2:$R$366,ROW(INDEX(Jesper!AI$2:AI$366,ROUNDDOWN($C1245/24,0)+1,1))-1)+IF('Standard Profiles'!$G$19=$B$10,7,0)+IF('Standard Profiles'!$G$19=$B$17,14,0)+IF('Standard Profiles'!$G$19=$B$24,21,0),0)),0)</f>
        <v>33.925372108222589</v>
      </c>
      <c r="F1245" cm="1">
        <f t="array" ref="F1245">IFERROR(INDEX(Jesper!AJ$2:AJ$366,ROUNDDOWN($C1245/24,0)+1,1)*INDEX($D$3:$AA$30,INDEX(Jesper!$R$2:$R$366,ROW(INDEX(Jesper!AJ$2:AJ$366,ROUNDDOWN($C1245/24,0)+1,1))-1)+IF('Standard Profiles'!$G$20=$B$10,7,0)+IF('Standard Profiles'!$G$20=$B$17,14,0)+IF('Standard Profiles'!$G$20=$B$24,21,0),MOD($C1245,24)+1)/SUM(INDEX($D$3:$AA$30,INDEX(Jesper!$R$2:$R$366,ROW(INDEX(Jesper!AJ$2:AJ$366,ROUNDDOWN($C1245/24,0)+1,1))-1)+IF('Standard Profiles'!$G$20=$B$10,7,0)+IF('Standard Profiles'!$G$20=$B$17,14,0)+IF('Standard Profiles'!$G$20=$B$24,21,0),0)),0)</f>
        <v>0</v>
      </c>
      <c r="G1245" cm="1">
        <f t="array" ref="G1245">IFERROR(INDEX(Jesper!AK$2:AK$366,ROUNDDOWN($C1245/24,0)+1,1)*INDEX($D$3:$AA$30,INDEX(Jesper!$R$2:$R$366,ROW(INDEX(Jesper!AK$2:AK$366,ROUNDDOWN($C1245/24,0)+1,1))-1)+IF('Standard Profiles'!$G$21=$B$10,7,0)+IF('Standard Profiles'!$G$21=$B$17,14,0)+IF('Standard Profiles'!$G$21=$B$24,21,0),MOD($C1245,24)+1)/SUM(INDEX($D$3:$AA$30,INDEX(Jesper!$R$2:$R$366,ROW(INDEX(Jesper!AK$2:AK$366,ROUNDDOWN($C1245/24,0)+1,1))-1)+IF('Standard Profiles'!$G$21=$B$10,7,0)+IF('Standard Profiles'!$G$21=$B$17,14,0)+IF('Standard Profiles'!$G$21=$B$24,21,0),0)),0)</f>
        <v>20.031520263694439</v>
      </c>
      <c r="H1245" cm="1">
        <f t="array" ref="H1245">IFERROR(INDEX(Jesper!AL$2:AL$366,ROUNDDOWN($C1245/24,0)+1,1)*INDEX($D$3:$AA$30,INDEX(Jesper!$R$2:$R$366,ROW(INDEX(Jesper!AL$2:AL$366,ROUNDDOWN($C1245/24,0)+1,1))-1)+IF('Standard Profiles'!$G$22=$B$10,7,0)+IF('Standard Profiles'!$G$22=$B$17,14,0)+IF('Standard Profiles'!$G$22=$B$24,21,0),MOD($C1245,24)+1)/SUM(INDEX($D$3:$AA$30,INDEX(Jesper!$R$2:$R$366,ROW(INDEX(Jesper!AL$2:AL$366,ROUNDDOWN($C1245/24,0)+1,1))-1)+IF('Standard Profiles'!$G$22=$B$10,7,0)+IF('Standard Profiles'!$G$22=$B$17,14,0)+IF('Standard Profiles'!$G$22=$B$24,21,0),0)),0)</f>
        <v>0</v>
      </c>
      <c r="I1245">
        <f t="shared" si="146"/>
        <v>9.6151297265733255</v>
      </c>
      <c r="J1245">
        <f t="shared" si="147"/>
        <v>74.716670060496767</v>
      </c>
      <c r="K1245">
        <f t="shared" si="148"/>
        <v>3.857131100336896</v>
      </c>
      <c r="L1245">
        <f t="shared" si="149"/>
        <v>1.928565550168448</v>
      </c>
      <c r="M1245">
        <f t="shared" si="150"/>
        <v>0</v>
      </c>
      <c r="N1245" s="45">
        <f t="shared" si="151"/>
        <v>44977.458333330396</v>
      </c>
    </row>
    <row r="1246" spans="2:14" x14ac:dyDescent="0.25">
      <c r="B1246">
        <f t="shared" si="145"/>
        <v>1</v>
      </c>
      <c r="C1246" s="16">
        <v>1212</v>
      </c>
      <c r="D1246" cm="1">
        <f t="array" ref="D1246">IFERROR(INDEX(Jesper!AH$2:AH$366,ROUNDDOWN($C1246/24,0)+1,1)*INDEX($D$3:$AA$30,INDEX(Jesper!$R$2:$R$366,ROW(INDEX(Jesper!AH$2:AH$366,ROUNDDOWN($C1246/24,0)+1,1))-1)+IF('Standard Profiles'!$G$18=$B$10,7,0)+IF('Standard Profiles'!$G$18=$B$17,14,0)+IF('Standard Profiles'!$G$18=$B$24,21,0),MOD($C1246,24)+1)/SUM(INDEX($D$3:$AA$30,INDEX(Jesper!$R$2:$R$366,ROW(INDEX(Jesper!AH$2:AH$366,ROUNDDOWN($C1246/24,0)+1,1))-1)+IF('Standard Profiles'!$G$18=$B$10,7,0)+IF('Standard Profiles'!$G$18=$B$17,14,0)+IF('Standard Profiles'!$G$18=$B$24,21,0),0)),0)</f>
        <v>36.160604065658397</v>
      </c>
      <c r="E1246" cm="1">
        <f t="array" ref="E1246">IFERROR(INDEX(Jesper!AI$2:AI$366,ROUNDDOWN($C1246/24,0)+1,1)*INDEX($D$3:$AA$30,INDEX(Jesper!$R$2:$R$366,ROW(INDEX(Jesper!AI$2:AI$366,ROUNDDOWN($C1246/24,0)+1,1))-1)+IF('Standard Profiles'!$G$19=$B$10,7,0)+IF('Standard Profiles'!$G$19=$B$17,14,0)+IF('Standard Profiles'!$G$19=$B$24,21,0),MOD($C1246,24)+1)/SUM(INDEX($D$3:$AA$30,INDEX(Jesper!$R$2:$R$366,ROW(INDEX(Jesper!AI$2:AI$366,ROUNDDOWN($C1246/24,0)+1,1))-1)+IF('Standard Profiles'!$G$19=$B$10,7,0)+IF('Standard Profiles'!$G$19=$B$17,14,0)+IF('Standard Profiles'!$G$19=$B$24,21,0),0)),0)</f>
        <v>33.925372108222589</v>
      </c>
      <c r="F1246" cm="1">
        <f t="array" ref="F1246">IFERROR(INDEX(Jesper!AJ$2:AJ$366,ROUNDDOWN($C1246/24,0)+1,1)*INDEX($D$3:$AA$30,INDEX(Jesper!$R$2:$R$366,ROW(INDEX(Jesper!AJ$2:AJ$366,ROUNDDOWN($C1246/24,0)+1,1))-1)+IF('Standard Profiles'!$G$20=$B$10,7,0)+IF('Standard Profiles'!$G$20=$B$17,14,0)+IF('Standard Profiles'!$G$20=$B$24,21,0),MOD($C1246,24)+1)/SUM(INDEX($D$3:$AA$30,INDEX(Jesper!$R$2:$R$366,ROW(INDEX(Jesper!AJ$2:AJ$366,ROUNDDOWN($C1246/24,0)+1,1))-1)+IF('Standard Profiles'!$G$20=$B$10,7,0)+IF('Standard Profiles'!$G$20=$B$17,14,0)+IF('Standard Profiles'!$G$20=$B$24,21,0),0)),0)</f>
        <v>0</v>
      </c>
      <c r="G1246" cm="1">
        <f t="array" ref="G1246">IFERROR(INDEX(Jesper!AK$2:AK$366,ROUNDDOWN($C1246/24,0)+1,1)*INDEX($D$3:$AA$30,INDEX(Jesper!$R$2:$R$366,ROW(INDEX(Jesper!AK$2:AK$366,ROUNDDOWN($C1246/24,0)+1,1))-1)+IF('Standard Profiles'!$G$21=$B$10,7,0)+IF('Standard Profiles'!$G$21=$B$17,14,0)+IF('Standard Profiles'!$G$21=$B$24,21,0),MOD($C1246,24)+1)/SUM(INDEX($D$3:$AA$30,INDEX(Jesper!$R$2:$R$366,ROW(INDEX(Jesper!AK$2:AK$366,ROUNDDOWN($C1246/24,0)+1,1))-1)+IF('Standard Profiles'!$G$21=$B$10,7,0)+IF('Standard Profiles'!$G$21=$B$17,14,0)+IF('Standard Profiles'!$G$21=$B$24,21,0),0)),0)</f>
        <v>20.031520263694439</v>
      </c>
      <c r="H1246" cm="1">
        <f t="array" ref="H1246">IFERROR(INDEX(Jesper!AL$2:AL$366,ROUNDDOWN($C1246/24,0)+1,1)*INDEX($D$3:$AA$30,INDEX(Jesper!$R$2:$R$366,ROW(INDEX(Jesper!AL$2:AL$366,ROUNDDOWN($C1246/24,0)+1,1))-1)+IF('Standard Profiles'!$G$22=$B$10,7,0)+IF('Standard Profiles'!$G$22=$B$17,14,0)+IF('Standard Profiles'!$G$22=$B$24,21,0),MOD($C1246,24)+1)/SUM(INDEX($D$3:$AA$30,INDEX(Jesper!$R$2:$R$366,ROW(INDEX(Jesper!AL$2:AL$366,ROUNDDOWN($C1246/24,0)+1,1))-1)+IF('Standard Profiles'!$G$22=$B$10,7,0)+IF('Standard Profiles'!$G$22=$B$17,14,0)+IF('Standard Profiles'!$G$22=$B$24,21,0),0)),0)</f>
        <v>0</v>
      </c>
      <c r="I1246">
        <f t="shared" si="146"/>
        <v>9.6151297265733255</v>
      </c>
      <c r="J1246">
        <f t="shared" si="147"/>
        <v>74.716670060496767</v>
      </c>
      <c r="K1246">
        <f t="shared" si="148"/>
        <v>3.857131100336896</v>
      </c>
      <c r="L1246">
        <f t="shared" si="149"/>
        <v>1.928565550168448</v>
      </c>
      <c r="M1246">
        <f t="shared" si="150"/>
        <v>0</v>
      </c>
      <c r="N1246" s="45">
        <f t="shared" si="151"/>
        <v>44977.499999997061</v>
      </c>
    </row>
    <row r="1247" spans="2:14" x14ac:dyDescent="0.25">
      <c r="B1247">
        <f t="shared" si="145"/>
        <v>1</v>
      </c>
      <c r="C1247" s="16">
        <v>1213</v>
      </c>
      <c r="D1247" cm="1">
        <f t="array" ref="D1247">IFERROR(INDEX(Jesper!AH$2:AH$366,ROUNDDOWN($C1247/24,0)+1,1)*INDEX($D$3:$AA$30,INDEX(Jesper!$R$2:$R$366,ROW(INDEX(Jesper!AH$2:AH$366,ROUNDDOWN($C1247/24,0)+1,1))-1)+IF('Standard Profiles'!$G$18=$B$10,7,0)+IF('Standard Profiles'!$G$18=$B$17,14,0)+IF('Standard Profiles'!$G$18=$B$24,21,0),MOD($C1247,24)+1)/SUM(INDEX($D$3:$AA$30,INDEX(Jesper!$R$2:$R$366,ROW(INDEX(Jesper!AH$2:AH$366,ROUNDDOWN($C1247/24,0)+1,1))-1)+IF('Standard Profiles'!$G$18=$B$10,7,0)+IF('Standard Profiles'!$G$18=$B$17,14,0)+IF('Standard Profiles'!$G$18=$B$24,21,0),0)),0)</f>
        <v>24.107069377105603</v>
      </c>
      <c r="E1247" cm="1">
        <f t="array" ref="E1247">IFERROR(INDEX(Jesper!AI$2:AI$366,ROUNDDOWN($C1247/24,0)+1,1)*INDEX($D$3:$AA$30,INDEX(Jesper!$R$2:$R$366,ROW(INDEX(Jesper!AI$2:AI$366,ROUNDDOWN($C1247/24,0)+1,1))-1)+IF('Standard Profiles'!$G$19=$B$10,7,0)+IF('Standard Profiles'!$G$19=$B$17,14,0)+IF('Standard Profiles'!$G$19=$B$24,21,0),MOD($C1247,24)+1)/SUM(INDEX($D$3:$AA$30,INDEX(Jesper!$R$2:$R$366,ROW(INDEX(Jesper!AI$2:AI$366,ROUNDDOWN($C1247/24,0)+1,1))-1)+IF('Standard Profiles'!$G$19=$B$10,7,0)+IF('Standard Profiles'!$G$19=$B$17,14,0)+IF('Standard Profiles'!$G$19=$B$24,21,0),0)),0)</f>
        <v>22.616914738815062</v>
      </c>
      <c r="F1247" cm="1">
        <f t="array" ref="F1247">IFERROR(INDEX(Jesper!AJ$2:AJ$366,ROUNDDOWN($C1247/24,0)+1,1)*INDEX($D$3:$AA$30,INDEX(Jesper!$R$2:$R$366,ROW(INDEX(Jesper!AJ$2:AJ$366,ROUNDDOWN($C1247/24,0)+1,1))-1)+IF('Standard Profiles'!$G$20=$B$10,7,0)+IF('Standard Profiles'!$G$20=$B$17,14,0)+IF('Standard Profiles'!$G$20=$B$24,21,0),MOD($C1247,24)+1)/SUM(INDEX($D$3:$AA$30,INDEX(Jesper!$R$2:$R$366,ROW(INDEX(Jesper!AJ$2:AJ$366,ROUNDDOWN($C1247/24,0)+1,1))-1)+IF('Standard Profiles'!$G$20=$B$10,7,0)+IF('Standard Profiles'!$G$20=$B$17,14,0)+IF('Standard Profiles'!$G$20=$B$24,21,0),0)),0)</f>
        <v>0</v>
      </c>
      <c r="G1247" cm="1">
        <f t="array" ref="G1247">IFERROR(INDEX(Jesper!AK$2:AK$366,ROUNDDOWN($C1247/24,0)+1,1)*INDEX($D$3:$AA$30,INDEX(Jesper!$R$2:$R$366,ROW(INDEX(Jesper!AK$2:AK$366,ROUNDDOWN($C1247/24,0)+1,1))-1)+IF('Standard Profiles'!$G$21=$B$10,7,0)+IF('Standard Profiles'!$G$21=$B$17,14,0)+IF('Standard Profiles'!$G$21=$B$24,21,0),MOD($C1247,24)+1)/SUM(INDEX($D$3:$AA$30,INDEX(Jesper!$R$2:$R$366,ROW(INDEX(Jesper!AK$2:AK$366,ROUNDDOWN($C1247/24,0)+1,1))-1)+IF('Standard Profiles'!$G$21=$B$10,7,0)+IF('Standard Profiles'!$G$21=$B$17,14,0)+IF('Standard Profiles'!$G$21=$B$24,21,0),0)),0)</f>
        <v>13.354346842462963</v>
      </c>
      <c r="H1247" cm="1">
        <f t="array" ref="H1247">IFERROR(INDEX(Jesper!AL$2:AL$366,ROUNDDOWN($C1247/24,0)+1,1)*INDEX($D$3:$AA$30,INDEX(Jesper!$R$2:$R$366,ROW(INDEX(Jesper!AL$2:AL$366,ROUNDDOWN($C1247/24,0)+1,1))-1)+IF('Standard Profiles'!$G$22=$B$10,7,0)+IF('Standard Profiles'!$G$22=$B$17,14,0)+IF('Standard Profiles'!$G$22=$B$24,21,0),MOD($C1247,24)+1)/SUM(INDEX($D$3:$AA$30,INDEX(Jesper!$R$2:$R$366,ROW(INDEX(Jesper!AL$2:AL$366,ROUNDDOWN($C1247/24,0)+1,1))-1)+IF('Standard Profiles'!$G$22=$B$10,7,0)+IF('Standard Profiles'!$G$22=$B$17,14,0)+IF('Standard Profiles'!$G$22=$B$24,21,0),0)),0)</f>
        <v>0</v>
      </c>
      <c r="I1247">
        <f t="shared" si="146"/>
        <v>6.4100864843822194</v>
      </c>
      <c r="J1247">
        <f t="shared" si="147"/>
        <v>49.811113373664512</v>
      </c>
      <c r="K1247">
        <f t="shared" si="148"/>
        <v>2.5714207335579311</v>
      </c>
      <c r="L1247">
        <f t="shared" si="149"/>
        <v>1.2857103667789656</v>
      </c>
      <c r="M1247">
        <f t="shared" si="150"/>
        <v>0</v>
      </c>
      <c r="N1247" s="45">
        <f t="shared" si="151"/>
        <v>44977.541666663725</v>
      </c>
    </row>
    <row r="1248" spans="2:14" x14ac:dyDescent="0.25">
      <c r="B1248">
        <f t="shared" si="145"/>
        <v>1</v>
      </c>
      <c r="C1248" s="16">
        <v>1214</v>
      </c>
      <c r="D1248" cm="1">
        <f t="array" ref="D1248">IFERROR(INDEX(Jesper!AH$2:AH$366,ROUNDDOWN($C1248/24,0)+1,1)*INDEX($D$3:$AA$30,INDEX(Jesper!$R$2:$R$366,ROW(INDEX(Jesper!AH$2:AH$366,ROUNDDOWN($C1248/24,0)+1,1))-1)+IF('Standard Profiles'!$G$18=$B$10,7,0)+IF('Standard Profiles'!$G$18=$B$17,14,0)+IF('Standard Profiles'!$G$18=$B$24,21,0),MOD($C1248,24)+1)/SUM(INDEX($D$3:$AA$30,INDEX(Jesper!$R$2:$R$366,ROW(INDEX(Jesper!AH$2:AH$366,ROUNDDOWN($C1248/24,0)+1,1))-1)+IF('Standard Profiles'!$G$18=$B$10,7,0)+IF('Standard Profiles'!$G$18=$B$17,14,0)+IF('Standard Profiles'!$G$18=$B$24,21,0),0)),0)</f>
        <v>36.160604065658397</v>
      </c>
      <c r="E1248" cm="1">
        <f t="array" ref="E1248">IFERROR(INDEX(Jesper!AI$2:AI$366,ROUNDDOWN($C1248/24,0)+1,1)*INDEX($D$3:$AA$30,INDEX(Jesper!$R$2:$R$366,ROW(INDEX(Jesper!AI$2:AI$366,ROUNDDOWN($C1248/24,0)+1,1))-1)+IF('Standard Profiles'!$G$19=$B$10,7,0)+IF('Standard Profiles'!$G$19=$B$17,14,0)+IF('Standard Profiles'!$G$19=$B$24,21,0),MOD($C1248,24)+1)/SUM(INDEX($D$3:$AA$30,INDEX(Jesper!$R$2:$R$366,ROW(INDEX(Jesper!AI$2:AI$366,ROUNDDOWN($C1248/24,0)+1,1))-1)+IF('Standard Profiles'!$G$19=$B$10,7,0)+IF('Standard Profiles'!$G$19=$B$17,14,0)+IF('Standard Profiles'!$G$19=$B$24,21,0),0)),0)</f>
        <v>33.925372108222589</v>
      </c>
      <c r="F1248" cm="1">
        <f t="array" ref="F1248">IFERROR(INDEX(Jesper!AJ$2:AJ$366,ROUNDDOWN($C1248/24,0)+1,1)*INDEX($D$3:$AA$30,INDEX(Jesper!$R$2:$R$366,ROW(INDEX(Jesper!AJ$2:AJ$366,ROUNDDOWN($C1248/24,0)+1,1))-1)+IF('Standard Profiles'!$G$20=$B$10,7,0)+IF('Standard Profiles'!$G$20=$B$17,14,0)+IF('Standard Profiles'!$G$20=$B$24,21,0),MOD($C1248,24)+1)/SUM(INDEX($D$3:$AA$30,INDEX(Jesper!$R$2:$R$366,ROW(INDEX(Jesper!AJ$2:AJ$366,ROUNDDOWN($C1248/24,0)+1,1))-1)+IF('Standard Profiles'!$G$20=$B$10,7,0)+IF('Standard Profiles'!$G$20=$B$17,14,0)+IF('Standard Profiles'!$G$20=$B$24,21,0),0)),0)</f>
        <v>0</v>
      </c>
      <c r="G1248" cm="1">
        <f t="array" ref="G1248">IFERROR(INDEX(Jesper!AK$2:AK$366,ROUNDDOWN($C1248/24,0)+1,1)*INDEX($D$3:$AA$30,INDEX(Jesper!$R$2:$R$366,ROW(INDEX(Jesper!AK$2:AK$366,ROUNDDOWN($C1248/24,0)+1,1))-1)+IF('Standard Profiles'!$G$21=$B$10,7,0)+IF('Standard Profiles'!$G$21=$B$17,14,0)+IF('Standard Profiles'!$G$21=$B$24,21,0),MOD($C1248,24)+1)/SUM(INDEX($D$3:$AA$30,INDEX(Jesper!$R$2:$R$366,ROW(INDEX(Jesper!AK$2:AK$366,ROUNDDOWN($C1248/24,0)+1,1))-1)+IF('Standard Profiles'!$G$21=$B$10,7,0)+IF('Standard Profiles'!$G$21=$B$17,14,0)+IF('Standard Profiles'!$G$21=$B$24,21,0),0)),0)</f>
        <v>20.031520263694439</v>
      </c>
      <c r="H1248" cm="1">
        <f t="array" ref="H1248">IFERROR(INDEX(Jesper!AL$2:AL$366,ROUNDDOWN($C1248/24,0)+1,1)*INDEX($D$3:$AA$30,INDEX(Jesper!$R$2:$R$366,ROW(INDEX(Jesper!AL$2:AL$366,ROUNDDOWN($C1248/24,0)+1,1))-1)+IF('Standard Profiles'!$G$22=$B$10,7,0)+IF('Standard Profiles'!$G$22=$B$17,14,0)+IF('Standard Profiles'!$G$22=$B$24,21,0),MOD($C1248,24)+1)/SUM(INDEX($D$3:$AA$30,INDEX(Jesper!$R$2:$R$366,ROW(INDEX(Jesper!AL$2:AL$366,ROUNDDOWN($C1248/24,0)+1,1))-1)+IF('Standard Profiles'!$G$22=$B$10,7,0)+IF('Standard Profiles'!$G$22=$B$17,14,0)+IF('Standard Profiles'!$G$22=$B$24,21,0),0)),0)</f>
        <v>0</v>
      </c>
      <c r="I1248">
        <f t="shared" si="146"/>
        <v>9.6151297265733255</v>
      </c>
      <c r="J1248">
        <f t="shared" si="147"/>
        <v>74.716670060496767</v>
      </c>
      <c r="K1248">
        <f t="shared" si="148"/>
        <v>3.857131100336896</v>
      </c>
      <c r="L1248">
        <f t="shared" si="149"/>
        <v>1.928565550168448</v>
      </c>
      <c r="M1248">
        <f t="shared" si="150"/>
        <v>0</v>
      </c>
      <c r="N1248" s="45">
        <f t="shared" si="151"/>
        <v>44977.583333330389</v>
      </c>
    </row>
    <row r="1249" spans="2:14" x14ac:dyDescent="0.25">
      <c r="B1249">
        <f t="shared" si="145"/>
        <v>1</v>
      </c>
      <c r="C1249" s="16">
        <v>1215</v>
      </c>
      <c r="D1249" cm="1">
        <f t="array" ref="D1249">IFERROR(INDEX(Jesper!AH$2:AH$366,ROUNDDOWN($C1249/24,0)+1,1)*INDEX($D$3:$AA$30,INDEX(Jesper!$R$2:$R$366,ROW(INDEX(Jesper!AH$2:AH$366,ROUNDDOWN($C1249/24,0)+1,1))-1)+IF('Standard Profiles'!$G$18=$B$10,7,0)+IF('Standard Profiles'!$G$18=$B$17,14,0)+IF('Standard Profiles'!$G$18=$B$24,21,0),MOD($C1249,24)+1)/SUM(INDEX($D$3:$AA$30,INDEX(Jesper!$R$2:$R$366,ROW(INDEX(Jesper!AH$2:AH$366,ROUNDDOWN($C1249/24,0)+1,1))-1)+IF('Standard Profiles'!$G$18=$B$10,7,0)+IF('Standard Profiles'!$G$18=$B$17,14,0)+IF('Standard Profiles'!$G$18=$B$24,21,0),0)),0)</f>
        <v>36.160604065658397</v>
      </c>
      <c r="E1249" cm="1">
        <f t="array" ref="E1249">IFERROR(INDEX(Jesper!AI$2:AI$366,ROUNDDOWN($C1249/24,0)+1,1)*INDEX($D$3:$AA$30,INDEX(Jesper!$R$2:$R$366,ROW(INDEX(Jesper!AI$2:AI$366,ROUNDDOWN($C1249/24,0)+1,1))-1)+IF('Standard Profiles'!$G$19=$B$10,7,0)+IF('Standard Profiles'!$G$19=$B$17,14,0)+IF('Standard Profiles'!$G$19=$B$24,21,0),MOD($C1249,24)+1)/SUM(INDEX($D$3:$AA$30,INDEX(Jesper!$R$2:$R$366,ROW(INDEX(Jesper!AI$2:AI$366,ROUNDDOWN($C1249/24,0)+1,1))-1)+IF('Standard Profiles'!$G$19=$B$10,7,0)+IF('Standard Profiles'!$G$19=$B$17,14,0)+IF('Standard Profiles'!$G$19=$B$24,21,0),0)),0)</f>
        <v>33.925372108222589</v>
      </c>
      <c r="F1249" cm="1">
        <f t="array" ref="F1249">IFERROR(INDEX(Jesper!AJ$2:AJ$366,ROUNDDOWN($C1249/24,0)+1,1)*INDEX($D$3:$AA$30,INDEX(Jesper!$R$2:$R$366,ROW(INDEX(Jesper!AJ$2:AJ$366,ROUNDDOWN($C1249/24,0)+1,1))-1)+IF('Standard Profiles'!$G$20=$B$10,7,0)+IF('Standard Profiles'!$G$20=$B$17,14,0)+IF('Standard Profiles'!$G$20=$B$24,21,0),MOD($C1249,24)+1)/SUM(INDEX($D$3:$AA$30,INDEX(Jesper!$R$2:$R$366,ROW(INDEX(Jesper!AJ$2:AJ$366,ROUNDDOWN($C1249/24,0)+1,1))-1)+IF('Standard Profiles'!$G$20=$B$10,7,0)+IF('Standard Profiles'!$G$20=$B$17,14,0)+IF('Standard Profiles'!$G$20=$B$24,21,0),0)),0)</f>
        <v>0</v>
      </c>
      <c r="G1249" cm="1">
        <f t="array" ref="G1249">IFERROR(INDEX(Jesper!AK$2:AK$366,ROUNDDOWN($C1249/24,0)+1,1)*INDEX($D$3:$AA$30,INDEX(Jesper!$R$2:$R$366,ROW(INDEX(Jesper!AK$2:AK$366,ROUNDDOWN($C1249/24,0)+1,1))-1)+IF('Standard Profiles'!$G$21=$B$10,7,0)+IF('Standard Profiles'!$G$21=$B$17,14,0)+IF('Standard Profiles'!$G$21=$B$24,21,0),MOD($C1249,24)+1)/SUM(INDEX($D$3:$AA$30,INDEX(Jesper!$R$2:$R$366,ROW(INDEX(Jesper!AK$2:AK$366,ROUNDDOWN($C1249/24,0)+1,1))-1)+IF('Standard Profiles'!$G$21=$B$10,7,0)+IF('Standard Profiles'!$G$21=$B$17,14,0)+IF('Standard Profiles'!$G$21=$B$24,21,0),0)),0)</f>
        <v>20.031520263694439</v>
      </c>
      <c r="H1249" cm="1">
        <f t="array" ref="H1249">IFERROR(INDEX(Jesper!AL$2:AL$366,ROUNDDOWN($C1249/24,0)+1,1)*INDEX($D$3:$AA$30,INDEX(Jesper!$R$2:$R$366,ROW(INDEX(Jesper!AL$2:AL$366,ROUNDDOWN($C1249/24,0)+1,1))-1)+IF('Standard Profiles'!$G$22=$B$10,7,0)+IF('Standard Profiles'!$G$22=$B$17,14,0)+IF('Standard Profiles'!$G$22=$B$24,21,0),MOD($C1249,24)+1)/SUM(INDEX($D$3:$AA$30,INDEX(Jesper!$R$2:$R$366,ROW(INDEX(Jesper!AL$2:AL$366,ROUNDDOWN($C1249/24,0)+1,1))-1)+IF('Standard Profiles'!$G$22=$B$10,7,0)+IF('Standard Profiles'!$G$22=$B$17,14,0)+IF('Standard Profiles'!$G$22=$B$24,21,0),0)),0)</f>
        <v>0</v>
      </c>
      <c r="I1249">
        <f t="shared" si="146"/>
        <v>9.6151297265733255</v>
      </c>
      <c r="J1249">
        <f t="shared" si="147"/>
        <v>74.716670060496767</v>
      </c>
      <c r="K1249">
        <f t="shared" si="148"/>
        <v>3.857131100336896</v>
      </c>
      <c r="L1249">
        <f t="shared" si="149"/>
        <v>1.928565550168448</v>
      </c>
      <c r="M1249">
        <f t="shared" si="150"/>
        <v>0</v>
      </c>
      <c r="N1249" s="45">
        <f t="shared" si="151"/>
        <v>44977.624999997053</v>
      </c>
    </row>
    <row r="1250" spans="2:14" x14ac:dyDescent="0.25">
      <c r="B1250">
        <f t="shared" si="145"/>
        <v>1</v>
      </c>
      <c r="C1250" s="16">
        <v>1216</v>
      </c>
      <c r="D1250" cm="1">
        <f t="array" ref="D1250">IFERROR(INDEX(Jesper!AH$2:AH$366,ROUNDDOWN($C1250/24,0)+1,1)*INDEX($D$3:$AA$30,INDEX(Jesper!$R$2:$R$366,ROW(INDEX(Jesper!AH$2:AH$366,ROUNDDOWN($C1250/24,0)+1,1))-1)+IF('Standard Profiles'!$G$18=$B$10,7,0)+IF('Standard Profiles'!$G$18=$B$17,14,0)+IF('Standard Profiles'!$G$18=$B$24,21,0),MOD($C1250,24)+1)/SUM(INDEX($D$3:$AA$30,INDEX(Jesper!$R$2:$R$366,ROW(INDEX(Jesper!AH$2:AH$366,ROUNDDOWN($C1250/24,0)+1,1))-1)+IF('Standard Profiles'!$G$18=$B$10,7,0)+IF('Standard Profiles'!$G$18=$B$17,14,0)+IF('Standard Profiles'!$G$18=$B$24,21,0),0)),0)</f>
        <v>21.093685704967402</v>
      </c>
      <c r="E1250" cm="1">
        <f t="array" ref="E1250">IFERROR(INDEX(Jesper!AI$2:AI$366,ROUNDDOWN($C1250/24,0)+1,1)*INDEX($D$3:$AA$30,INDEX(Jesper!$R$2:$R$366,ROW(INDEX(Jesper!AI$2:AI$366,ROUNDDOWN($C1250/24,0)+1,1))-1)+IF('Standard Profiles'!$G$19=$B$10,7,0)+IF('Standard Profiles'!$G$19=$B$17,14,0)+IF('Standard Profiles'!$G$19=$B$24,21,0),MOD($C1250,24)+1)/SUM(INDEX($D$3:$AA$30,INDEX(Jesper!$R$2:$R$366,ROW(INDEX(Jesper!AI$2:AI$366,ROUNDDOWN($C1250/24,0)+1,1))-1)+IF('Standard Profiles'!$G$19=$B$10,7,0)+IF('Standard Profiles'!$G$19=$B$17,14,0)+IF('Standard Profiles'!$G$19=$B$24,21,0),0)),0)</f>
        <v>19.789800396463178</v>
      </c>
      <c r="F1250" cm="1">
        <f t="array" ref="F1250">IFERROR(INDEX(Jesper!AJ$2:AJ$366,ROUNDDOWN($C1250/24,0)+1,1)*INDEX($D$3:$AA$30,INDEX(Jesper!$R$2:$R$366,ROW(INDEX(Jesper!AJ$2:AJ$366,ROUNDDOWN($C1250/24,0)+1,1))-1)+IF('Standard Profiles'!$G$20=$B$10,7,0)+IF('Standard Profiles'!$G$20=$B$17,14,0)+IF('Standard Profiles'!$G$20=$B$24,21,0),MOD($C1250,24)+1)/SUM(INDEX($D$3:$AA$30,INDEX(Jesper!$R$2:$R$366,ROW(INDEX(Jesper!AJ$2:AJ$366,ROUNDDOWN($C1250/24,0)+1,1))-1)+IF('Standard Profiles'!$G$20=$B$10,7,0)+IF('Standard Profiles'!$G$20=$B$17,14,0)+IF('Standard Profiles'!$G$20=$B$24,21,0),0)),0)</f>
        <v>0</v>
      </c>
      <c r="G1250" cm="1">
        <f t="array" ref="G1250">IFERROR(INDEX(Jesper!AK$2:AK$366,ROUNDDOWN($C1250/24,0)+1,1)*INDEX($D$3:$AA$30,INDEX(Jesper!$R$2:$R$366,ROW(INDEX(Jesper!AK$2:AK$366,ROUNDDOWN($C1250/24,0)+1,1))-1)+IF('Standard Profiles'!$G$21=$B$10,7,0)+IF('Standard Profiles'!$G$21=$B$17,14,0)+IF('Standard Profiles'!$G$21=$B$24,21,0),MOD($C1250,24)+1)/SUM(INDEX($D$3:$AA$30,INDEX(Jesper!$R$2:$R$366,ROW(INDEX(Jesper!AK$2:AK$366,ROUNDDOWN($C1250/24,0)+1,1))-1)+IF('Standard Profiles'!$G$21=$B$10,7,0)+IF('Standard Profiles'!$G$21=$B$17,14,0)+IF('Standard Profiles'!$G$21=$B$24,21,0),0)),0)</f>
        <v>16.692933553078703</v>
      </c>
      <c r="H1250" cm="1">
        <f t="array" ref="H1250">IFERROR(INDEX(Jesper!AL$2:AL$366,ROUNDDOWN($C1250/24,0)+1,1)*INDEX($D$3:$AA$30,INDEX(Jesper!$R$2:$R$366,ROW(INDEX(Jesper!AL$2:AL$366,ROUNDDOWN($C1250/24,0)+1,1))-1)+IF('Standard Profiles'!$G$22=$B$10,7,0)+IF('Standard Profiles'!$G$22=$B$17,14,0)+IF('Standard Profiles'!$G$22=$B$24,21,0),MOD($C1250,24)+1)/SUM(INDEX($D$3:$AA$30,INDEX(Jesper!$R$2:$R$366,ROW(INDEX(Jesper!AL$2:AL$366,ROUNDDOWN($C1250/24,0)+1,1))-1)+IF('Standard Profiles'!$G$22=$B$10,7,0)+IF('Standard Profiles'!$G$22=$B$17,14,0)+IF('Standard Profiles'!$G$22=$B$24,21,0),0)),0)</f>
        <v>0</v>
      </c>
      <c r="I1250">
        <f t="shared" si="146"/>
        <v>8.0126081054777742</v>
      </c>
      <c r="J1250">
        <f t="shared" si="147"/>
        <v>46.18882183623672</v>
      </c>
      <c r="K1250">
        <f t="shared" si="148"/>
        <v>2.2499931418631895</v>
      </c>
      <c r="L1250">
        <f t="shared" si="149"/>
        <v>1.1249965709315948</v>
      </c>
      <c r="M1250">
        <f t="shared" si="150"/>
        <v>0</v>
      </c>
      <c r="N1250" s="45">
        <f t="shared" si="151"/>
        <v>44977.666666663717</v>
      </c>
    </row>
    <row r="1251" spans="2:14" x14ac:dyDescent="0.25">
      <c r="B1251">
        <f t="shared" ref="B1251:B1314" si="152">WEEKDAY(N1251,2)</f>
        <v>1</v>
      </c>
      <c r="C1251" s="16">
        <v>1217</v>
      </c>
      <c r="D1251" cm="1">
        <f t="array" ref="D1251">IFERROR(INDEX(Jesper!AH$2:AH$366,ROUNDDOWN($C1251/24,0)+1,1)*INDEX($D$3:$AA$30,INDEX(Jesper!$R$2:$R$366,ROW(INDEX(Jesper!AH$2:AH$366,ROUNDDOWN($C1251/24,0)+1,1))-1)+IF('Standard Profiles'!$G$18=$B$10,7,0)+IF('Standard Profiles'!$G$18=$B$17,14,0)+IF('Standard Profiles'!$G$18=$B$24,21,0),MOD($C1251,24)+1)/SUM(INDEX($D$3:$AA$30,INDEX(Jesper!$R$2:$R$366,ROW(INDEX(Jesper!AH$2:AH$366,ROUNDDOWN($C1251/24,0)+1,1))-1)+IF('Standard Profiles'!$G$18=$B$10,7,0)+IF('Standard Profiles'!$G$18=$B$17,14,0)+IF('Standard Profiles'!$G$18=$B$24,21,0),0)),0)</f>
        <v>6.0267673442764007</v>
      </c>
      <c r="E1251" cm="1">
        <f t="array" ref="E1251">IFERROR(INDEX(Jesper!AI$2:AI$366,ROUNDDOWN($C1251/24,0)+1,1)*INDEX($D$3:$AA$30,INDEX(Jesper!$R$2:$R$366,ROW(INDEX(Jesper!AI$2:AI$366,ROUNDDOWN($C1251/24,0)+1,1))-1)+IF('Standard Profiles'!$G$19=$B$10,7,0)+IF('Standard Profiles'!$G$19=$B$17,14,0)+IF('Standard Profiles'!$G$19=$B$24,21,0),MOD($C1251,24)+1)/SUM(INDEX($D$3:$AA$30,INDEX(Jesper!$R$2:$R$366,ROW(INDEX(Jesper!AI$2:AI$366,ROUNDDOWN($C1251/24,0)+1,1))-1)+IF('Standard Profiles'!$G$19=$B$10,7,0)+IF('Standard Profiles'!$G$19=$B$17,14,0)+IF('Standard Profiles'!$G$19=$B$24,21,0),0)),0)</f>
        <v>5.6542286847037655</v>
      </c>
      <c r="F1251" cm="1">
        <f t="array" ref="F1251">IFERROR(INDEX(Jesper!AJ$2:AJ$366,ROUNDDOWN($C1251/24,0)+1,1)*INDEX($D$3:$AA$30,INDEX(Jesper!$R$2:$R$366,ROW(INDEX(Jesper!AJ$2:AJ$366,ROUNDDOWN($C1251/24,0)+1,1))-1)+IF('Standard Profiles'!$G$20=$B$10,7,0)+IF('Standard Profiles'!$G$20=$B$17,14,0)+IF('Standard Profiles'!$G$20=$B$24,21,0),MOD($C1251,24)+1)/SUM(INDEX($D$3:$AA$30,INDEX(Jesper!$R$2:$R$366,ROW(INDEX(Jesper!AJ$2:AJ$366,ROUNDDOWN($C1251/24,0)+1,1))-1)+IF('Standard Profiles'!$G$20=$B$10,7,0)+IF('Standard Profiles'!$G$20=$B$17,14,0)+IF('Standard Profiles'!$G$20=$B$24,21,0),0)),0)</f>
        <v>0</v>
      </c>
      <c r="G1251" cm="1">
        <f t="array" ref="G1251">IFERROR(INDEX(Jesper!AK$2:AK$366,ROUNDDOWN($C1251/24,0)+1,1)*INDEX($D$3:$AA$30,INDEX(Jesper!$R$2:$R$366,ROW(INDEX(Jesper!AK$2:AK$366,ROUNDDOWN($C1251/24,0)+1,1))-1)+IF('Standard Profiles'!$G$21=$B$10,7,0)+IF('Standard Profiles'!$G$21=$B$17,14,0)+IF('Standard Profiles'!$G$21=$B$24,21,0),MOD($C1251,24)+1)/SUM(INDEX($D$3:$AA$30,INDEX(Jesper!$R$2:$R$366,ROW(INDEX(Jesper!AK$2:AK$366,ROUNDDOWN($C1251/24,0)+1,1))-1)+IF('Standard Profiles'!$G$21=$B$10,7,0)+IF('Standard Profiles'!$G$21=$B$17,14,0)+IF('Standard Profiles'!$G$21=$B$24,21,0),0)),0)</f>
        <v>13.431095962247232</v>
      </c>
      <c r="H1251" cm="1">
        <f t="array" ref="H1251">IFERROR(INDEX(Jesper!AL$2:AL$366,ROUNDDOWN($C1251/24,0)+1,1)*INDEX($D$3:$AA$30,INDEX(Jesper!$R$2:$R$366,ROW(INDEX(Jesper!AL$2:AL$366,ROUNDDOWN($C1251/24,0)+1,1))-1)+IF('Standard Profiles'!$G$22=$B$10,7,0)+IF('Standard Profiles'!$G$22=$B$17,14,0)+IF('Standard Profiles'!$G$22=$B$24,21,0),MOD($C1251,24)+1)/SUM(INDEX($D$3:$AA$30,INDEX(Jesper!$R$2:$R$366,ROW(INDEX(Jesper!AL$2:AL$366,ROUNDDOWN($C1251/24,0)+1,1))-1)+IF('Standard Profiles'!$G$22=$B$10,7,0)+IF('Standard Profiles'!$G$22=$B$17,14,0)+IF('Standard Profiles'!$G$22=$B$24,21,0),0)),0)</f>
        <v>0</v>
      </c>
      <c r="I1251">
        <f t="shared" ref="I1251:I1314" si="153">IF($B1251&lt;6,AC$37*$D1251+AC$38*$E1251+AC$39*$F1251+AC$40*$G1251,AC$46*$D1251+AC$47*$E1251+AC$48*$F1251+AC$49*$G1251+AC$50*$H1251)</f>
        <v>6.4469260618786679</v>
      </c>
      <c r="J1251">
        <f t="shared" ref="J1251:J1314" si="154">IF($B1251&lt;6,AD$37*$D1251+AD$38*$E1251+AD$39*$F1251+AD$40*$G1251,AD$46*$D1251+AD$47*$E1251+AD$48*$F1251+AD$49*$G1251+AD$50*$H1251)</f>
        <v>17.700883154264506</v>
      </c>
      <c r="K1251">
        <f t="shared" ref="K1251:K1314" si="155">IF($B1251&lt;6,AE$37*$D1251+AE$38*$E1251+AE$39*$F1251+AE$40*$G1251,AE$46*$D1251+AE$47*$E1251+AE$48*$F1251+AE$49*$G1251+AE$50*$H1251)</f>
        <v>0.64285518338948278</v>
      </c>
      <c r="L1251">
        <f t="shared" ref="L1251:L1314" si="156">IF($B1251&lt;6,AF$37*$D1251+AF$38*$E1251+AF$39*$F1251+AF$40*$G1251,AF$46*$D1251+AF$47*$E1251+AF$48*$F1251+AF$49*$G1251+AF$50*$H1251)</f>
        <v>0.32142759169474139</v>
      </c>
      <c r="M1251">
        <f t="shared" ref="M1251:M1314" si="157">IF($B1251&lt;6,AG$37*$D1251+AG$38*$E1251+AG$39*$F1251+AG$40*$G1251,AG$46*$D1251+AG$47*$E1251+AG$48*$F1251+AG$49*$G1251+AG$50*$H1251)</f>
        <v>0</v>
      </c>
      <c r="N1251" s="45">
        <f t="shared" si="151"/>
        <v>44977.708333330382</v>
      </c>
    </row>
    <row r="1252" spans="2:14" x14ac:dyDescent="0.25">
      <c r="B1252">
        <f t="shared" si="152"/>
        <v>1</v>
      </c>
      <c r="C1252" s="16">
        <v>1218</v>
      </c>
      <c r="D1252" cm="1">
        <f t="array" ref="D1252">IFERROR(INDEX(Jesper!AH$2:AH$366,ROUNDDOWN($C1252/24,0)+1,1)*INDEX($D$3:$AA$30,INDEX(Jesper!$R$2:$R$366,ROW(INDEX(Jesper!AH$2:AH$366,ROUNDDOWN($C1252/24,0)+1,1))-1)+IF('Standard Profiles'!$G$18=$B$10,7,0)+IF('Standard Profiles'!$G$18=$B$17,14,0)+IF('Standard Profiles'!$G$18=$B$24,21,0),MOD($C1252,24)+1)/SUM(INDEX($D$3:$AA$30,INDEX(Jesper!$R$2:$R$366,ROW(INDEX(Jesper!AH$2:AH$366,ROUNDDOWN($C1252/24,0)+1,1))-1)+IF('Standard Profiles'!$G$18=$B$10,7,0)+IF('Standard Profiles'!$G$18=$B$17,14,0)+IF('Standard Profiles'!$G$18=$B$24,21,0),0)),0)</f>
        <v>5.9418832971739155</v>
      </c>
      <c r="E1252" cm="1">
        <f t="array" ref="E1252">IFERROR(INDEX(Jesper!AI$2:AI$366,ROUNDDOWN($C1252/24,0)+1,1)*INDEX($D$3:$AA$30,INDEX(Jesper!$R$2:$R$366,ROW(INDEX(Jesper!AI$2:AI$366,ROUNDDOWN($C1252/24,0)+1,1))-1)+IF('Standard Profiles'!$G$19=$B$10,7,0)+IF('Standard Profiles'!$G$19=$B$17,14,0)+IF('Standard Profiles'!$G$19=$B$24,21,0),MOD($C1252,24)+1)/SUM(INDEX($D$3:$AA$30,INDEX(Jesper!$R$2:$R$366,ROW(INDEX(Jesper!AI$2:AI$366,ROUNDDOWN($C1252/24,0)+1,1))-1)+IF('Standard Profiles'!$G$19=$B$10,7,0)+IF('Standard Profiles'!$G$19=$B$17,14,0)+IF('Standard Profiles'!$G$19=$B$24,21,0),0)),0)</f>
        <v>5.5745916609755435</v>
      </c>
      <c r="F1252" cm="1">
        <f t="array" ref="F1252">IFERROR(INDEX(Jesper!AJ$2:AJ$366,ROUNDDOWN($C1252/24,0)+1,1)*INDEX($D$3:$AA$30,INDEX(Jesper!$R$2:$R$366,ROW(INDEX(Jesper!AJ$2:AJ$366,ROUNDDOWN($C1252/24,0)+1,1))-1)+IF('Standard Profiles'!$G$20=$B$10,7,0)+IF('Standard Profiles'!$G$20=$B$17,14,0)+IF('Standard Profiles'!$G$20=$B$24,21,0),MOD($C1252,24)+1)/SUM(INDEX($D$3:$AA$30,INDEX(Jesper!$R$2:$R$366,ROW(INDEX(Jesper!AJ$2:AJ$366,ROUNDDOWN($C1252/24,0)+1,1))-1)+IF('Standard Profiles'!$G$20=$B$10,7,0)+IF('Standard Profiles'!$G$20=$B$17,14,0)+IF('Standard Profiles'!$G$20=$B$24,21,0),0)),0)</f>
        <v>0</v>
      </c>
      <c r="G1252" cm="1">
        <f t="array" ref="G1252">IFERROR(INDEX(Jesper!AK$2:AK$366,ROUNDDOWN($C1252/24,0)+1,1)*INDEX($D$3:$AA$30,INDEX(Jesper!$R$2:$R$366,ROW(INDEX(Jesper!AK$2:AK$366,ROUNDDOWN($C1252/24,0)+1,1))-1)+IF('Standard Profiles'!$G$21=$B$10,7,0)+IF('Standard Profiles'!$G$21=$B$17,14,0)+IF('Standard Profiles'!$G$21=$B$24,21,0),MOD($C1252,24)+1)/SUM(INDEX($D$3:$AA$30,INDEX(Jesper!$R$2:$R$366,ROW(INDEX(Jesper!AK$2:AK$366,ROUNDDOWN($C1252/24,0)+1,1))-1)+IF('Standard Profiles'!$G$21=$B$10,7,0)+IF('Standard Profiles'!$G$21=$B$17,14,0)+IF('Standard Profiles'!$G$21=$B$24,21,0),0)),0)</f>
        <v>4.7968199865168692</v>
      </c>
      <c r="H1252" cm="1">
        <f t="array" ref="H1252">IFERROR(INDEX(Jesper!AL$2:AL$366,ROUNDDOWN($C1252/24,0)+1,1)*INDEX($D$3:$AA$30,INDEX(Jesper!$R$2:$R$366,ROW(INDEX(Jesper!AL$2:AL$366,ROUNDDOWN($C1252/24,0)+1,1))-1)+IF('Standard Profiles'!$G$22=$B$10,7,0)+IF('Standard Profiles'!$G$22=$B$17,14,0)+IF('Standard Profiles'!$G$22=$B$24,21,0),MOD($C1252,24)+1)/SUM(INDEX($D$3:$AA$30,INDEX(Jesper!$R$2:$R$366,ROW(INDEX(Jesper!AL$2:AL$366,ROUNDDOWN($C1252/24,0)+1,1))-1)+IF('Standard Profiles'!$G$22=$B$10,7,0)+IF('Standard Profiles'!$G$22=$B$17,14,0)+IF('Standard Profiles'!$G$22=$B$24,21,0),0)),0)</f>
        <v>0</v>
      </c>
      <c r="I1252">
        <f t="shared" si="153"/>
        <v>2.302473593528096</v>
      </c>
      <c r="J1252">
        <f t="shared" si="154"/>
        <v>13.060120023590407</v>
      </c>
      <c r="K1252">
        <f t="shared" si="155"/>
        <v>0.63380088503188436</v>
      </c>
      <c r="L1252">
        <f t="shared" si="156"/>
        <v>0.31690044251594218</v>
      </c>
      <c r="M1252">
        <f t="shared" si="157"/>
        <v>0</v>
      </c>
      <c r="N1252" s="45">
        <f t="shared" ref="N1252:N1315" si="158">N1251+1/24</f>
        <v>44977.749999997046</v>
      </c>
    </row>
    <row r="1253" spans="2:14" x14ac:dyDescent="0.25">
      <c r="B1253">
        <f t="shared" si="152"/>
        <v>1</v>
      </c>
      <c r="C1253" s="16">
        <v>1219</v>
      </c>
      <c r="D1253" cm="1">
        <f t="array" ref="D1253">IFERROR(INDEX(Jesper!AH$2:AH$366,ROUNDDOWN($C1253/24,0)+1,1)*INDEX($D$3:$AA$30,INDEX(Jesper!$R$2:$R$366,ROW(INDEX(Jesper!AH$2:AH$366,ROUNDDOWN($C1253/24,0)+1,1))-1)+IF('Standard Profiles'!$G$18=$B$10,7,0)+IF('Standard Profiles'!$G$18=$B$17,14,0)+IF('Standard Profiles'!$G$18=$B$24,21,0),MOD($C1253,24)+1)/SUM(INDEX($D$3:$AA$30,INDEX(Jesper!$R$2:$R$366,ROW(INDEX(Jesper!AH$2:AH$366,ROUNDDOWN($C1253/24,0)+1,1))-1)+IF('Standard Profiles'!$G$18=$B$10,7,0)+IF('Standard Profiles'!$G$18=$B$17,14,0)+IF('Standard Profiles'!$G$18=$B$24,21,0),0)),0)</f>
        <v>5.9418832971739155</v>
      </c>
      <c r="E1253" cm="1">
        <f t="array" ref="E1253">IFERROR(INDEX(Jesper!AI$2:AI$366,ROUNDDOWN($C1253/24,0)+1,1)*INDEX($D$3:$AA$30,INDEX(Jesper!$R$2:$R$366,ROW(INDEX(Jesper!AI$2:AI$366,ROUNDDOWN($C1253/24,0)+1,1))-1)+IF('Standard Profiles'!$G$19=$B$10,7,0)+IF('Standard Profiles'!$G$19=$B$17,14,0)+IF('Standard Profiles'!$G$19=$B$24,21,0),MOD($C1253,24)+1)/SUM(INDEX($D$3:$AA$30,INDEX(Jesper!$R$2:$R$366,ROW(INDEX(Jesper!AI$2:AI$366,ROUNDDOWN($C1253/24,0)+1,1))-1)+IF('Standard Profiles'!$G$19=$B$10,7,0)+IF('Standard Profiles'!$G$19=$B$17,14,0)+IF('Standard Profiles'!$G$19=$B$24,21,0),0)),0)</f>
        <v>5.5745916609755435</v>
      </c>
      <c r="F1253" cm="1">
        <f t="array" ref="F1253">IFERROR(INDEX(Jesper!AJ$2:AJ$366,ROUNDDOWN($C1253/24,0)+1,1)*INDEX($D$3:$AA$30,INDEX(Jesper!$R$2:$R$366,ROW(INDEX(Jesper!AJ$2:AJ$366,ROUNDDOWN($C1253/24,0)+1,1))-1)+IF('Standard Profiles'!$G$20=$B$10,7,0)+IF('Standard Profiles'!$G$20=$B$17,14,0)+IF('Standard Profiles'!$G$20=$B$24,21,0),MOD($C1253,24)+1)/SUM(INDEX($D$3:$AA$30,INDEX(Jesper!$R$2:$R$366,ROW(INDEX(Jesper!AJ$2:AJ$366,ROUNDDOWN($C1253/24,0)+1,1))-1)+IF('Standard Profiles'!$G$20=$B$10,7,0)+IF('Standard Profiles'!$G$20=$B$17,14,0)+IF('Standard Profiles'!$G$20=$B$24,21,0),0)),0)</f>
        <v>0</v>
      </c>
      <c r="G1253" cm="1">
        <f t="array" ref="G1253">IFERROR(INDEX(Jesper!AK$2:AK$366,ROUNDDOWN($C1253/24,0)+1,1)*INDEX($D$3:$AA$30,INDEX(Jesper!$R$2:$R$366,ROW(INDEX(Jesper!AK$2:AK$366,ROUNDDOWN($C1253/24,0)+1,1))-1)+IF('Standard Profiles'!$G$21=$B$10,7,0)+IF('Standard Profiles'!$G$21=$B$17,14,0)+IF('Standard Profiles'!$G$21=$B$24,21,0),MOD($C1253,24)+1)/SUM(INDEX($D$3:$AA$30,INDEX(Jesper!$R$2:$R$366,ROW(INDEX(Jesper!AK$2:AK$366,ROUNDDOWN($C1253/24,0)+1,1))-1)+IF('Standard Profiles'!$G$21=$B$10,7,0)+IF('Standard Profiles'!$G$21=$B$17,14,0)+IF('Standard Profiles'!$G$21=$B$24,21,0),0)),0)</f>
        <v>4.7968199865168692</v>
      </c>
      <c r="H1253" cm="1">
        <f t="array" ref="H1253">IFERROR(INDEX(Jesper!AL$2:AL$366,ROUNDDOWN($C1253/24,0)+1,1)*INDEX($D$3:$AA$30,INDEX(Jesper!$R$2:$R$366,ROW(INDEX(Jesper!AL$2:AL$366,ROUNDDOWN($C1253/24,0)+1,1))-1)+IF('Standard Profiles'!$G$22=$B$10,7,0)+IF('Standard Profiles'!$G$22=$B$17,14,0)+IF('Standard Profiles'!$G$22=$B$24,21,0),MOD($C1253,24)+1)/SUM(INDEX($D$3:$AA$30,INDEX(Jesper!$R$2:$R$366,ROW(INDEX(Jesper!AL$2:AL$366,ROUNDDOWN($C1253/24,0)+1,1))-1)+IF('Standard Profiles'!$G$22=$B$10,7,0)+IF('Standard Profiles'!$G$22=$B$17,14,0)+IF('Standard Profiles'!$G$22=$B$24,21,0),0)),0)</f>
        <v>0</v>
      </c>
      <c r="I1253">
        <f t="shared" si="153"/>
        <v>2.302473593528096</v>
      </c>
      <c r="J1253">
        <f t="shared" si="154"/>
        <v>13.060120023590407</v>
      </c>
      <c r="K1253">
        <f t="shared" si="155"/>
        <v>0.63380088503188436</v>
      </c>
      <c r="L1253">
        <f t="shared" si="156"/>
        <v>0.31690044251594218</v>
      </c>
      <c r="M1253">
        <f t="shared" si="157"/>
        <v>0</v>
      </c>
      <c r="N1253" s="45">
        <f t="shared" si="158"/>
        <v>44977.79166666371</v>
      </c>
    </row>
    <row r="1254" spans="2:14" x14ac:dyDescent="0.25">
      <c r="B1254">
        <f t="shared" si="152"/>
        <v>1</v>
      </c>
      <c r="C1254" s="16">
        <v>1220</v>
      </c>
      <c r="D1254" cm="1">
        <f t="array" ref="D1254">IFERROR(INDEX(Jesper!AH$2:AH$366,ROUNDDOWN($C1254/24,0)+1,1)*INDEX($D$3:$AA$30,INDEX(Jesper!$R$2:$R$366,ROW(INDEX(Jesper!AH$2:AH$366,ROUNDDOWN($C1254/24,0)+1,1))-1)+IF('Standard Profiles'!$G$18=$B$10,7,0)+IF('Standard Profiles'!$G$18=$B$17,14,0)+IF('Standard Profiles'!$G$18=$B$24,21,0),MOD($C1254,24)+1)/SUM(INDEX($D$3:$AA$30,INDEX(Jesper!$R$2:$R$366,ROW(INDEX(Jesper!AH$2:AH$366,ROUNDDOWN($C1254/24,0)+1,1))-1)+IF('Standard Profiles'!$G$18=$B$10,7,0)+IF('Standard Profiles'!$G$18=$B$17,14,0)+IF('Standard Profiles'!$G$18=$B$24,21,0),0)),0)</f>
        <v>5.9418832971739155</v>
      </c>
      <c r="E1254" cm="1">
        <f t="array" ref="E1254">IFERROR(INDEX(Jesper!AI$2:AI$366,ROUNDDOWN($C1254/24,0)+1,1)*INDEX($D$3:$AA$30,INDEX(Jesper!$R$2:$R$366,ROW(INDEX(Jesper!AI$2:AI$366,ROUNDDOWN($C1254/24,0)+1,1))-1)+IF('Standard Profiles'!$G$19=$B$10,7,0)+IF('Standard Profiles'!$G$19=$B$17,14,0)+IF('Standard Profiles'!$G$19=$B$24,21,0),MOD($C1254,24)+1)/SUM(INDEX($D$3:$AA$30,INDEX(Jesper!$R$2:$R$366,ROW(INDEX(Jesper!AI$2:AI$366,ROUNDDOWN($C1254/24,0)+1,1))-1)+IF('Standard Profiles'!$G$19=$B$10,7,0)+IF('Standard Profiles'!$G$19=$B$17,14,0)+IF('Standard Profiles'!$G$19=$B$24,21,0),0)),0)</f>
        <v>5.5745916609755435</v>
      </c>
      <c r="F1254" cm="1">
        <f t="array" ref="F1254">IFERROR(INDEX(Jesper!AJ$2:AJ$366,ROUNDDOWN($C1254/24,0)+1,1)*INDEX($D$3:$AA$30,INDEX(Jesper!$R$2:$R$366,ROW(INDEX(Jesper!AJ$2:AJ$366,ROUNDDOWN($C1254/24,0)+1,1))-1)+IF('Standard Profiles'!$G$20=$B$10,7,0)+IF('Standard Profiles'!$G$20=$B$17,14,0)+IF('Standard Profiles'!$G$20=$B$24,21,0),MOD($C1254,24)+1)/SUM(INDEX($D$3:$AA$30,INDEX(Jesper!$R$2:$R$366,ROW(INDEX(Jesper!AJ$2:AJ$366,ROUNDDOWN($C1254/24,0)+1,1))-1)+IF('Standard Profiles'!$G$20=$B$10,7,0)+IF('Standard Profiles'!$G$20=$B$17,14,0)+IF('Standard Profiles'!$G$20=$B$24,21,0),0)),0)</f>
        <v>0</v>
      </c>
      <c r="G1254" cm="1">
        <f t="array" ref="G1254">IFERROR(INDEX(Jesper!AK$2:AK$366,ROUNDDOWN($C1254/24,0)+1,1)*INDEX($D$3:$AA$30,INDEX(Jesper!$R$2:$R$366,ROW(INDEX(Jesper!AK$2:AK$366,ROUNDDOWN($C1254/24,0)+1,1))-1)+IF('Standard Profiles'!$G$21=$B$10,7,0)+IF('Standard Profiles'!$G$21=$B$17,14,0)+IF('Standard Profiles'!$G$21=$B$24,21,0),MOD($C1254,24)+1)/SUM(INDEX($D$3:$AA$30,INDEX(Jesper!$R$2:$R$366,ROW(INDEX(Jesper!AK$2:AK$366,ROUNDDOWN($C1254/24,0)+1,1))-1)+IF('Standard Profiles'!$G$21=$B$10,7,0)+IF('Standard Profiles'!$G$21=$B$17,14,0)+IF('Standard Profiles'!$G$21=$B$24,21,0),0)),0)</f>
        <v>4.7968199865168692</v>
      </c>
      <c r="H1254" cm="1">
        <f t="array" ref="H1254">IFERROR(INDEX(Jesper!AL$2:AL$366,ROUNDDOWN($C1254/24,0)+1,1)*INDEX($D$3:$AA$30,INDEX(Jesper!$R$2:$R$366,ROW(INDEX(Jesper!AL$2:AL$366,ROUNDDOWN($C1254/24,0)+1,1))-1)+IF('Standard Profiles'!$G$22=$B$10,7,0)+IF('Standard Profiles'!$G$22=$B$17,14,0)+IF('Standard Profiles'!$G$22=$B$24,21,0),MOD($C1254,24)+1)/SUM(INDEX($D$3:$AA$30,INDEX(Jesper!$R$2:$R$366,ROW(INDEX(Jesper!AL$2:AL$366,ROUNDDOWN($C1254/24,0)+1,1))-1)+IF('Standard Profiles'!$G$22=$B$10,7,0)+IF('Standard Profiles'!$G$22=$B$17,14,0)+IF('Standard Profiles'!$G$22=$B$24,21,0),0)),0)</f>
        <v>0</v>
      </c>
      <c r="I1254">
        <f t="shared" si="153"/>
        <v>2.302473593528096</v>
      </c>
      <c r="J1254">
        <f t="shared" si="154"/>
        <v>13.060120023590407</v>
      </c>
      <c r="K1254">
        <f t="shared" si="155"/>
        <v>0.63380088503188436</v>
      </c>
      <c r="L1254">
        <f t="shared" si="156"/>
        <v>0.31690044251594218</v>
      </c>
      <c r="M1254">
        <f t="shared" si="157"/>
        <v>0</v>
      </c>
      <c r="N1254" s="45">
        <f t="shared" si="158"/>
        <v>44977.833333330374</v>
      </c>
    </row>
    <row r="1255" spans="2:14" x14ac:dyDescent="0.25">
      <c r="B1255">
        <f t="shared" si="152"/>
        <v>1</v>
      </c>
      <c r="C1255" s="16">
        <v>1221</v>
      </c>
      <c r="D1255" cm="1">
        <f t="array" ref="D1255">IFERROR(INDEX(Jesper!AH$2:AH$366,ROUNDDOWN($C1255/24,0)+1,1)*INDEX($D$3:$AA$30,INDEX(Jesper!$R$2:$R$366,ROW(INDEX(Jesper!AH$2:AH$366,ROUNDDOWN($C1255/24,0)+1,1))-1)+IF('Standard Profiles'!$G$18=$B$10,7,0)+IF('Standard Profiles'!$G$18=$B$17,14,0)+IF('Standard Profiles'!$G$18=$B$24,21,0),MOD($C1255,24)+1)/SUM(INDEX($D$3:$AA$30,INDEX(Jesper!$R$2:$R$366,ROW(INDEX(Jesper!AH$2:AH$366,ROUNDDOWN($C1255/24,0)+1,1))-1)+IF('Standard Profiles'!$G$18=$B$10,7,0)+IF('Standard Profiles'!$G$18=$B$17,14,0)+IF('Standard Profiles'!$G$18=$B$24,21,0),0)),0)</f>
        <v>5.9418832971739155</v>
      </c>
      <c r="E1255" cm="1">
        <f t="array" ref="E1255">IFERROR(INDEX(Jesper!AI$2:AI$366,ROUNDDOWN($C1255/24,0)+1,1)*INDEX($D$3:$AA$30,INDEX(Jesper!$R$2:$R$366,ROW(INDEX(Jesper!AI$2:AI$366,ROUNDDOWN($C1255/24,0)+1,1))-1)+IF('Standard Profiles'!$G$19=$B$10,7,0)+IF('Standard Profiles'!$G$19=$B$17,14,0)+IF('Standard Profiles'!$G$19=$B$24,21,0),MOD($C1255,24)+1)/SUM(INDEX($D$3:$AA$30,INDEX(Jesper!$R$2:$R$366,ROW(INDEX(Jesper!AI$2:AI$366,ROUNDDOWN($C1255/24,0)+1,1))-1)+IF('Standard Profiles'!$G$19=$B$10,7,0)+IF('Standard Profiles'!$G$19=$B$17,14,0)+IF('Standard Profiles'!$G$19=$B$24,21,0),0)),0)</f>
        <v>5.5745916609755435</v>
      </c>
      <c r="F1255" cm="1">
        <f t="array" ref="F1255">IFERROR(INDEX(Jesper!AJ$2:AJ$366,ROUNDDOWN($C1255/24,0)+1,1)*INDEX($D$3:$AA$30,INDEX(Jesper!$R$2:$R$366,ROW(INDEX(Jesper!AJ$2:AJ$366,ROUNDDOWN($C1255/24,0)+1,1))-1)+IF('Standard Profiles'!$G$20=$B$10,7,0)+IF('Standard Profiles'!$G$20=$B$17,14,0)+IF('Standard Profiles'!$G$20=$B$24,21,0),MOD($C1255,24)+1)/SUM(INDEX($D$3:$AA$30,INDEX(Jesper!$R$2:$R$366,ROW(INDEX(Jesper!AJ$2:AJ$366,ROUNDDOWN($C1255/24,0)+1,1))-1)+IF('Standard Profiles'!$G$20=$B$10,7,0)+IF('Standard Profiles'!$G$20=$B$17,14,0)+IF('Standard Profiles'!$G$20=$B$24,21,0),0)),0)</f>
        <v>0</v>
      </c>
      <c r="G1255" cm="1">
        <f t="array" ref="G1255">IFERROR(INDEX(Jesper!AK$2:AK$366,ROUNDDOWN($C1255/24,0)+1,1)*INDEX($D$3:$AA$30,INDEX(Jesper!$R$2:$R$366,ROW(INDEX(Jesper!AK$2:AK$366,ROUNDDOWN($C1255/24,0)+1,1))-1)+IF('Standard Profiles'!$G$21=$B$10,7,0)+IF('Standard Profiles'!$G$21=$B$17,14,0)+IF('Standard Profiles'!$G$21=$B$24,21,0),MOD($C1255,24)+1)/SUM(INDEX($D$3:$AA$30,INDEX(Jesper!$R$2:$R$366,ROW(INDEX(Jesper!AK$2:AK$366,ROUNDDOWN($C1255/24,0)+1,1))-1)+IF('Standard Profiles'!$G$21=$B$10,7,0)+IF('Standard Profiles'!$G$21=$B$17,14,0)+IF('Standard Profiles'!$G$21=$B$24,21,0),0)),0)</f>
        <v>4.7968199865168692</v>
      </c>
      <c r="H1255" cm="1">
        <f t="array" ref="H1255">IFERROR(INDEX(Jesper!AL$2:AL$366,ROUNDDOWN($C1255/24,0)+1,1)*INDEX($D$3:$AA$30,INDEX(Jesper!$R$2:$R$366,ROW(INDEX(Jesper!AL$2:AL$366,ROUNDDOWN($C1255/24,0)+1,1))-1)+IF('Standard Profiles'!$G$22=$B$10,7,0)+IF('Standard Profiles'!$G$22=$B$17,14,0)+IF('Standard Profiles'!$G$22=$B$24,21,0),MOD($C1255,24)+1)/SUM(INDEX($D$3:$AA$30,INDEX(Jesper!$R$2:$R$366,ROW(INDEX(Jesper!AL$2:AL$366,ROUNDDOWN($C1255/24,0)+1,1))-1)+IF('Standard Profiles'!$G$22=$B$10,7,0)+IF('Standard Profiles'!$G$22=$B$17,14,0)+IF('Standard Profiles'!$G$22=$B$24,21,0),0)),0)</f>
        <v>0</v>
      </c>
      <c r="I1255">
        <f t="shared" si="153"/>
        <v>2.302473593528096</v>
      </c>
      <c r="J1255">
        <f t="shared" si="154"/>
        <v>13.060120023590407</v>
      </c>
      <c r="K1255">
        <f t="shared" si="155"/>
        <v>0.63380088503188436</v>
      </c>
      <c r="L1255">
        <f t="shared" si="156"/>
        <v>0.31690044251594218</v>
      </c>
      <c r="M1255">
        <f t="shared" si="157"/>
        <v>0</v>
      </c>
      <c r="N1255" s="45">
        <f t="shared" si="158"/>
        <v>44977.874999997039</v>
      </c>
    </row>
    <row r="1256" spans="2:14" x14ac:dyDescent="0.25">
      <c r="B1256">
        <f t="shared" si="152"/>
        <v>1</v>
      </c>
      <c r="C1256" s="16">
        <v>1222</v>
      </c>
      <c r="D1256" cm="1">
        <f t="array" ref="D1256">IFERROR(INDEX(Jesper!AH$2:AH$366,ROUNDDOWN($C1256/24,0)+1,1)*INDEX($D$3:$AA$30,INDEX(Jesper!$R$2:$R$366,ROW(INDEX(Jesper!AH$2:AH$366,ROUNDDOWN($C1256/24,0)+1,1))-1)+IF('Standard Profiles'!$G$18=$B$10,7,0)+IF('Standard Profiles'!$G$18=$B$17,14,0)+IF('Standard Profiles'!$G$18=$B$24,21,0),MOD($C1256,24)+1)/SUM(INDEX($D$3:$AA$30,INDEX(Jesper!$R$2:$R$366,ROW(INDEX(Jesper!AH$2:AH$366,ROUNDDOWN($C1256/24,0)+1,1))-1)+IF('Standard Profiles'!$G$18=$B$10,7,0)+IF('Standard Profiles'!$G$18=$B$17,14,0)+IF('Standard Profiles'!$G$18=$B$24,21,0),0)),0)</f>
        <v>5.9418832971739155</v>
      </c>
      <c r="E1256" cm="1">
        <f t="array" ref="E1256">IFERROR(INDEX(Jesper!AI$2:AI$366,ROUNDDOWN($C1256/24,0)+1,1)*INDEX($D$3:$AA$30,INDEX(Jesper!$R$2:$R$366,ROW(INDEX(Jesper!AI$2:AI$366,ROUNDDOWN($C1256/24,0)+1,1))-1)+IF('Standard Profiles'!$G$19=$B$10,7,0)+IF('Standard Profiles'!$G$19=$B$17,14,0)+IF('Standard Profiles'!$G$19=$B$24,21,0),MOD($C1256,24)+1)/SUM(INDEX($D$3:$AA$30,INDEX(Jesper!$R$2:$R$366,ROW(INDEX(Jesper!AI$2:AI$366,ROUNDDOWN($C1256/24,0)+1,1))-1)+IF('Standard Profiles'!$G$19=$B$10,7,0)+IF('Standard Profiles'!$G$19=$B$17,14,0)+IF('Standard Profiles'!$G$19=$B$24,21,0),0)),0)</f>
        <v>5.5745916609755435</v>
      </c>
      <c r="F1256" cm="1">
        <f t="array" ref="F1256">IFERROR(INDEX(Jesper!AJ$2:AJ$366,ROUNDDOWN($C1256/24,0)+1,1)*INDEX($D$3:$AA$30,INDEX(Jesper!$R$2:$R$366,ROW(INDEX(Jesper!AJ$2:AJ$366,ROUNDDOWN($C1256/24,0)+1,1))-1)+IF('Standard Profiles'!$G$20=$B$10,7,0)+IF('Standard Profiles'!$G$20=$B$17,14,0)+IF('Standard Profiles'!$G$20=$B$24,21,0),MOD($C1256,24)+1)/SUM(INDEX($D$3:$AA$30,INDEX(Jesper!$R$2:$R$366,ROW(INDEX(Jesper!AJ$2:AJ$366,ROUNDDOWN($C1256/24,0)+1,1))-1)+IF('Standard Profiles'!$G$20=$B$10,7,0)+IF('Standard Profiles'!$G$20=$B$17,14,0)+IF('Standard Profiles'!$G$20=$B$24,21,0),0)),0)</f>
        <v>0</v>
      </c>
      <c r="G1256" cm="1">
        <f t="array" ref="G1256">IFERROR(INDEX(Jesper!AK$2:AK$366,ROUNDDOWN($C1256/24,0)+1,1)*INDEX($D$3:$AA$30,INDEX(Jesper!$R$2:$R$366,ROW(INDEX(Jesper!AK$2:AK$366,ROUNDDOWN($C1256/24,0)+1,1))-1)+IF('Standard Profiles'!$G$21=$B$10,7,0)+IF('Standard Profiles'!$G$21=$B$17,14,0)+IF('Standard Profiles'!$G$21=$B$24,21,0),MOD($C1256,24)+1)/SUM(INDEX($D$3:$AA$30,INDEX(Jesper!$R$2:$R$366,ROW(INDEX(Jesper!AK$2:AK$366,ROUNDDOWN($C1256/24,0)+1,1))-1)+IF('Standard Profiles'!$G$21=$B$10,7,0)+IF('Standard Profiles'!$G$21=$B$17,14,0)+IF('Standard Profiles'!$G$21=$B$24,21,0),0)),0)</f>
        <v>4.7968199865168692</v>
      </c>
      <c r="H1256" cm="1">
        <f t="array" ref="H1256">IFERROR(INDEX(Jesper!AL$2:AL$366,ROUNDDOWN($C1256/24,0)+1,1)*INDEX($D$3:$AA$30,INDEX(Jesper!$R$2:$R$366,ROW(INDEX(Jesper!AL$2:AL$366,ROUNDDOWN($C1256/24,0)+1,1))-1)+IF('Standard Profiles'!$G$22=$B$10,7,0)+IF('Standard Profiles'!$G$22=$B$17,14,0)+IF('Standard Profiles'!$G$22=$B$24,21,0),MOD($C1256,24)+1)/SUM(INDEX($D$3:$AA$30,INDEX(Jesper!$R$2:$R$366,ROW(INDEX(Jesper!AL$2:AL$366,ROUNDDOWN($C1256/24,0)+1,1))-1)+IF('Standard Profiles'!$G$22=$B$10,7,0)+IF('Standard Profiles'!$G$22=$B$17,14,0)+IF('Standard Profiles'!$G$22=$B$24,21,0),0)),0)</f>
        <v>0</v>
      </c>
      <c r="I1256">
        <f t="shared" si="153"/>
        <v>2.302473593528096</v>
      </c>
      <c r="J1256">
        <f t="shared" si="154"/>
        <v>13.060120023590407</v>
      </c>
      <c r="K1256">
        <f t="shared" si="155"/>
        <v>0.63380088503188436</v>
      </c>
      <c r="L1256">
        <f t="shared" si="156"/>
        <v>0.31690044251594218</v>
      </c>
      <c r="M1256">
        <f t="shared" si="157"/>
        <v>0</v>
      </c>
      <c r="N1256" s="45">
        <f t="shared" si="158"/>
        <v>44977.916666663703</v>
      </c>
    </row>
    <row r="1257" spans="2:14" x14ac:dyDescent="0.25">
      <c r="B1257">
        <f t="shared" si="152"/>
        <v>1</v>
      </c>
      <c r="C1257" s="16">
        <v>1223</v>
      </c>
      <c r="D1257" cm="1">
        <f t="array" ref="D1257">IFERROR(INDEX(Jesper!AH$2:AH$366,ROUNDDOWN($C1257/24,0)+1,1)*INDEX($D$3:$AA$30,INDEX(Jesper!$R$2:$R$366,ROW(INDEX(Jesper!AH$2:AH$366,ROUNDDOWN($C1257/24,0)+1,1))-1)+IF('Standard Profiles'!$G$18=$B$10,7,0)+IF('Standard Profiles'!$G$18=$B$17,14,0)+IF('Standard Profiles'!$G$18=$B$24,21,0),MOD($C1257,24)+1)/SUM(INDEX($D$3:$AA$30,INDEX(Jesper!$R$2:$R$366,ROW(INDEX(Jesper!AH$2:AH$366,ROUNDDOWN($C1257/24,0)+1,1))-1)+IF('Standard Profiles'!$G$18=$B$10,7,0)+IF('Standard Profiles'!$G$18=$B$17,14,0)+IF('Standard Profiles'!$G$18=$B$24,21,0),0)),0)</f>
        <v>5.9418832971739155</v>
      </c>
      <c r="E1257" cm="1">
        <f t="array" ref="E1257">IFERROR(INDEX(Jesper!AI$2:AI$366,ROUNDDOWN($C1257/24,0)+1,1)*INDEX($D$3:$AA$30,INDEX(Jesper!$R$2:$R$366,ROW(INDEX(Jesper!AI$2:AI$366,ROUNDDOWN($C1257/24,0)+1,1))-1)+IF('Standard Profiles'!$G$19=$B$10,7,0)+IF('Standard Profiles'!$G$19=$B$17,14,0)+IF('Standard Profiles'!$G$19=$B$24,21,0),MOD($C1257,24)+1)/SUM(INDEX($D$3:$AA$30,INDEX(Jesper!$R$2:$R$366,ROW(INDEX(Jesper!AI$2:AI$366,ROUNDDOWN($C1257/24,0)+1,1))-1)+IF('Standard Profiles'!$G$19=$B$10,7,0)+IF('Standard Profiles'!$G$19=$B$17,14,0)+IF('Standard Profiles'!$G$19=$B$24,21,0),0)),0)</f>
        <v>5.5745916609755435</v>
      </c>
      <c r="F1257" cm="1">
        <f t="array" ref="F1257">IFERROR(INDEX(Jesper!AJ$2:AJ$366,ROUNDDOWN($C1257/24,0)+1,1)*INDEX($D$3:$AA$30,INDEX(Jesper!$R$2:$R$366,ROW(INDEX(Jesper!AJ$2:AJ$366,ROUNDDOWN($C1257/24,0)+1,1))-1)+IF('Standard Profiles'!$G$20=$B$10,7,0)+IF('Standard Profiles'!$G$20=$B$17,14,0)+IF('Standard Profiles'!$G$20=$B$24,21,0),MOD($C1257,24)+1)/SUM(INDEX($D$3:$AA$30,INDEX(Jesper!$R$2:$R$366,ROW(INDEX(Jesper!AJ$2:AJ$366,ROUNDDOWN($C1257/24,0)+1,1))-1)+IF('Standard Profiles'!$G$20=$B$10,7,0)+IF('Standard Profiles'!$G$20=$B$17,14,0)+IF('Standard Profiles'!$G$20=$B$24,21,0),0)),0)</f>
        <v>0</v>
      </c>
      <c r="G1257" cm="1">
        <f t="array" ref="G1257">IFERROR(INDEX(Jesper!AK$2:AK$366,ROUNDDOWN($C1257/24,0)+1,1)*INDEX($D$3:$AA$30,INDEX(Jesper!$R$2:$R$366,ROW(INDEX(Jesper!AK$2:AK$366,ROUNDDOWN($C1257/24,0)+1,1))-1)+IF('Standard Profiles'!$G$21=$B$10,7,0)+IF('Standard Profiles'!$G$21=$B$17,14,0)+IF('Standard Profiles'!$G$21=$B$24,21,0),MOD($C1257,24)+1)/SUM(INDEX($D$3:$AA$30,INDEX(Jesper!$R$2:$R$366,ROW(INDEX(Jesper!AK$2:AK$366,ROUNDDOWN($C1257/24,0)+1,1))-1)+IF('Standard Profiles'!$G$21=$B$10,7,0)+IF('Standard Profiles'!$G$21=$B$17,14,0)+IF('Standard Profiles'!$G$21=$B$24,21,0),0)),0)</f>
        <v>4.7968199865168692</v>
      </c>
      <c r="H1257" cm="1">
        <f t="array" ref="H1257">IFERROR(INDEX(Jesper!AL$2:AL$366,ROUNDDOWN($C1257/24,0)+1,1)*INDEX($D$3:$AA$30,INDEX(Jesper!$R$2:$R$366,ROW(INDEX(Jesper!AL$2:AL$366,ROUNDDOWN($C1257/24,0)+1,1))-1)+IF('Standard Profiles'!$G$22=$B$10,7,0)+IF('Standard Profiles'!$G$22=$B$17,14,0)+IF('Standard Profiles'!$G$22=$B$24,21,0),MOD($C1257,24)+1)/SUM(INDEX($D$3:$AA$30,INDEX(Jesper!$R$2:$R$366,ROW(INDEX(Jesper!AL$2:AL$366,ROUNDDOWN($C1257/24,0)+1,1))-1)+IF('Standard Profiles'!$G$22=$B$10,7,0)+IF('Standard Profiles'!$G$22=$B$17,14,0)+IF('Standard Profiles'!$G$22=$B$24,21,0),0)),0)</f>
        <v>0</v>
      </c>
      <c r="I1257">
        <f t="shared" si="153"/>
        <v>2.302473593528096</v>
      </c>
      <c r="J1257">
        <f t="shared" si="154"/>
        <v>13.060120023590407</v>
      </c>
      <c r="K1257">
        <f t="shared" si="155"/>
        <v>0.63380088503188436</v>
      </c>
      <c r="L1257">
        <f t="shared" si="156"/>
        <v>0.31690044251594218</v>
      </c>
      <c r="M1257">
        <f t="shared" si="157"/>
        <v>0</v>
      </c>
      <c r="N1257" s="45">
        <f t="shared" si="158"/>
        <v>44977.958333330367</v>
      </c>
    </row>
    <row r="1258" spans="2:14" x14ac:dyDescent="0.25">
      <c r="B1258">
        <f t="shared" si="152"/>
        <v>2</v>
      </c>
      <c r="C1258" s="16">
        <v>1224</v>
      </c>
      <c r="D1258" cm="1">
        <f t="array" ref="D1258">IFERROR(INDEX(Jesper!AH$2:AH$366,ROUNDDOWN($C1258/24,0)+1,1)*INDEX($D$3:$AA$30,INDEX(Jesper!$R$2:$R$366,ROW(INDEX(Jesper!AH$2:AH$366,ROUNDDOWN($C1258/24,0)+1,1))-1)+IF('Standard Profiles'!$G$18=$B$10,7,0)+IF('Standard Profiles'!$G$18=$B$17,14,0)+IF('Standard Profiles'!$G$18=$B$24,21,0),MOD($C1258,24)+1)/SUM(INDEX($D$3:$AA$30,INDEX(Jesper!$R$2:$R$366,ROW(INDEX(Jesper!AH$2:AH$366,ROUNDDOWN($C1258/24,0)+1,1))-1)+IF('Standard Profiles'!$G$18=$B$10,7,0)+IF('Standard Profiles'!$G$18=$B$17,14,0)+IF('Standard Profiles'!$G$18=$B$24,21,0),0)),0)</f>
        <v>3.6849265826832407</v>
      </c>
      <c r="E1258" cm="1">
        <f t="array" ref="E1258">IFERROR(INDEX(Jesper!AI$2:AI$366,ROUNDDOWN($C1258/24,0)+1,1)*INDEX($D$3:$AA$30,INDEX(Jesper!$R$2:$R$366,ROW(INDEX(Jesper!AI$2:AI$366,ROUNDDOWN($C1258/24,0)+1,1))-1)+IF('Standard Profiles'!$G$19=$B$10,7,0)+IF('Standard Profiles'!$G$19=$B$17,14,0)+IF('Standard Profiles'!$G$19=$B$24,21,0),MOD($C1258,24)+1)/SUM(INDEX($D$3:$AA$30,INDEX(Jesper!$R$2:$R$366,ROW(INDEX(Jesper!AI$2:AI$366,ROUNDDOWN($C1258/24,0)+1,1))-1)+IF('Standard Profiles'!$G$19=$B$10,7,0)+IF('Standard Profiles'!$G$19=$B$17,14,0)+IF('Standard Profiles'!$G$19=$B$24,21,0),0)),0)</f>
        <v>2.7249239437762398</v>
      </c>
      <c r="F1258" cm="1">
        <f t="array" ref="F1258">IFERROR(INDEX(Jesper!AJ$2:AJ$366,ROUNDDOWN($C1258/24,0)+1,1)*INDEX($D$3:$AA$30,INDEX(Jesper!$R$2:$R$366,ROW(INDEX(Jesper!AJ$2:AJ$366,ROUNDDOWN($C1258/24,0)+1,1))-1)+IF('Standard Profiles'!$G$20=$B$10,7,0)+IF('Standard Profiles'!$G$20=$B$17,14,0)+IF('Standard Profiles'!$G$20=$B$24,21,0),MOD($C1258,24)+1)/SUM(INDEX($D$3:$AA$30,INDEX(Jesper!$R$2:$R$366,ROW(INDEX(Jesper!AJ$2:AJ$366,ROUNDDOWN($C1258/24,0)+1,1))-1)+IF('Standard Profiles'!$G$20=$B$10,7,0)+IF('Standard Profiles'!$G$20=$B$17,14,0)+IF('Standard Profiles'!$G$20=$B$24,21,0),0)),0)</f>
        <v>0</v>
      </c>
      <c r="G1258" cm="1">
        <f t="array" ref="G1258">IFERROR(INDEX(Jesper!AK$2:AK$366,ROUNDDOWN($C1258/24,0)+1,1)*INDEX($D$3:$AA$30,INDEX(Jesper!$R$2:$R$366,ROW(INDEX(Jesper!AK$2:AK$366,ROUNDDOWN($C1258/24,0)+1,1))-1)+IF('Standard Profiles'!$G$21=$B$10,7,0)+IF('Standard Profiles'!$G$21=$B$17,14,0)+IF('Standard Profiles'!$G$21=$B$24,21,0),MOD($C1258,24)+1)/SUM(INDEX($D$3:$AA$30,INDEX(Jesper!$R$2:$R$366,ROW(INDEX(Jesper!AK$2:AK$366,ROUNDDOWN($C1258/24,0)+1,1))-1)+IF('Standard Profiles'!$G$21=$B$10,7,0)+IF('Standard Profiles'!$G$21=$B$17,14,0)+IF('Standard Profiles'!$G$21=$B$24,21,0),0)),0)</f>
        <v>1.280018829420926</v>
      </c>
      <c r="H1258" cm="1">
        <f t="array" ref="H1258">IFERROR(INDEX(Jesper!AL$2:AL$366,ROUNDDOWN($C1258/24,0)+1,1)*INDEX($D$3:$AA$30,INDEX(Jesper!$R$2:$R$366,ROW(INDEX(Jesper!AL$2:AL$366,ROUNDDOWN($C1258/24,0)+1,1))-1)+IF('Standard Profiles'!$G$22=$B$10,7,0)+IF('Standard Profiles'!$G$22=$B$17,14,0)+IF('Standard Profiles'!$G$22=$B$24,21,0),MOD($C1258,24)+1)/SUM(INDEX($D$3:$AA$30,INDEX(Jesper!$R$2:$R$366,ROW(INDEX(Jesper!AL$2:AL$366,ROUNDDOWN($C1258/24,0)+1,1))-1)+IF('Standard Profiles'!$G$22=$B$10,7,0)+IF('Standard Profiles'!$G$22=$B$17,14,0)+IF('Standard Profiles'!$G$22=$B$24,21,0),0)),0)</f>
        <v>0</v>
      </c>
      <c r="I1258">
        <f t="shared" si="153"/>
        <v>0.61440903812204417</v>
      </c>
      <c r="J1258">
        <f t="shared" si="154"/>
        <v>6.485872064529044</v>
      </c>
      <c r="K1258">
        <f t="shared" si="155"/>
        <v>0.39305883548621234</v>
      </c>
      <c r="L1258">
        <f t="shared" si="156"/>
        <v>0.19652941774310617</v>
      </c>
      <c r="M1258">
        <f t="shared" si="157"/>
        <v>0</v>
      </c>
      <c r="N1258" s="45">
        <f t="shared" si="158"/>
        <v>44977.999999997031</v>
      </c>
    </row>
    <row r="1259" spans="2:14" x14ac:dyDescent="0.25">
      <c r="B1259">
        <f t="shared" si="152"/>
        <v>2</v>
      </c>
      <c r="C1259" s="16">
        <v>1225</v>
      </c>
      <c r="D1259" cm="1">
        <f t="array" ref="D1259">IFERROR(INDEX(Jesper!AH$2:AH$366,ROUNDDOWN($C1259/24,0)+1,1)*INDEX($D$3:$AA$30,INDEX(Jesper!$R$2:$R$366,ROW(INDEX(Jesper!AH$2:AH$366,ROUNDDOWN($C1259/24,0)+1,1))-1)+IF('Standard Profiles'!$G$18=$B$10,7,0)+IF('Standard Profiles'!$G$18=$B$17,14,0)+IF('Standard Profiles'!$G$18=$B$24,21,0),MOD($C1259,24)+1)/SUM(INDEX($D$3:$AA$30,INDEX(Jesper!$R$2:$R$366,ROW(INDEX(Jesper!AH$2:AH$366,ROUNDDOWN($C1259/24,0)+1,1))-1)+IF('Standard Profiles'!$G$18=$B$10,7,0)+IF('Standard Profiles'!$G$18=$B$17,14,0)+IF('Standard Profiles'!$G$18=$B$24,21,0),0)),0)</f>
        <v>5.6151262212316055</v>
      </c>
      <c r="E1259" cm="1">
        <f t="array" ref="E1259">IFERROR(INDEX(Jesper!AI$2:AI$366,ROUNDDOWN($C1259/24,0)+1,1)*INDEX($D$3:$AA$30,INDEX(Jesper!$R$2:$R$366,ROW(INDEX(Jesper!AI$2:AI$366,ROUNDDOWN($C1259/24,0)+1,1))-1)+IF('Standard Profiles'!$G$19=$B$10,7,0)+IF('Standard Profiles'!$G$19=$B$17,14,0)+IF('Standard Profiles'!$G$19=$B$24,21,0),MOD($C1259,24)+1)/SUM(INDEX($D$3:$AA$30,INDEX(Jesper!$R$2:$R$366,ROW(INDEX(Jesper!AI$2:AI$366,ROUNDDOWN($C1259/24,0)+1,1))-1)+IF('Standard Profiles'!$G$19=$B$10,7,0)+IF('Standard Profiles'!$G$19=$B$17,14,0)+IF('Standard Profiles'!$G$19=$B$24,21,0),0)),0)</f>
        <v>4.1522650571828423</v>
      </c>
      <c r="F1259" cm="1">
        <f t="array" ref="F1259">IFERROR(INDEX(Jesper!AJ$2:AJ$366,ROUNDDOWN($C1259/24,0)+1,1)*INDEX($D$3:$AA$30,INDEX(Jesper!$R$2:$R$366,ROW(INDEX(Jesper!AJ$2:AJ$366,ROUNDDOWN($C1259/24,0)+1,1))-1)+IF('Standard Profiles'!$G$20=$B$10,7,0)+IF('Standard Profiles'!$G$20=$B$17,14,0)+IF('Standard Profiles'!$G$20=$B$24,21,0),MOD($C1259,24)+1)/SUM(INDEX($D$3:$AA$30,INDEX(Jesper!$R$2:$R$366,ROW(INDEX(Jesper!AJ$2:AJ$366,ROUNDDOWN($C1259/24,0)+1,1))-1)+IF('Standard Profiles'!$G$20=$B$10,7,0)+IF('Standard Profiles'!$G$20=$B$17,14,0)+IF('Standard Profiles'!$G$20=$B$24,21,0),0)),0)</f>
        <v>0</v>
      </c>
      <c r="G1259" cm="1">
        <f t="array" ref="G1259">IFERROR(INDEX(Jesper!AK$2:AK$366,ROUNDDOWN($C1259/24,0)+1,1)*INDEX($D$3:$AA$30,INDEX(Jesper!$R$2:$R$366,ROW(INDEX(Jesper!AK$2:AK$366,ROUNDDOWN($C1259/24,0)+1,1))-1)+IF('Standard Profiles'!$G$21=$B$10,7,0)+IF('Standard Profiles'!$G$21=$B$17,14,0)+IF('Standard Profiles'!$G$21=$B$24,21,0),MOD($C1259,24)+1)/SUM(INDEX($D$3:$AA$30,INDEX(Jesper!$R$2:$R$366,ROW(INDEX(Jesper!AK$2:AK$366,ROUNDDOWN($C1259/24,0)+1,1))-1)+IF('Standard Profiles'!$G$21=$B$10,7,0)+IF('Standard Profiles'!$G$21=$B$17,14,0)+IF('Standard Profiles'!$G$21=$B$24,21,0),0)),0)</f>
        <v>1.280018829420926</v>
      </c>
      <c r="H1259" cm="1">
        <f t="array" ref="H1259">IFERROR(INDEX(Jesper!AL$2:AL$366,ROUNDDOWN($C1259/24,0)+1,1)*INDEX($D$3:$AA$30,INDEX(Jesper!$R$2:$R$366,ROW(INDEX(Jesper!AL$2:AL$366,ROUNDDOWN($C1259/24,0)+1,1))-1)+IF('Standard Profiles'!$G$22=$B$10,7,0)+IF('Standard Profiles'!$G$22=$B$17,14,0)+IF('Standard Profiles'!$G$22=$B$24,21,0),MOD($C1259,24)+1)/SUM(INDEX($D$3:$AA$30,INDEX(Jesper!$R$2:$R$366,ROW(INDEX(Jesper!AL$2:AL$366,ROUNDDOWN($C1259/24,0)+1,1))-1)+IF('Standard Profiles'!$G$22=$B$10,7,0)+IF('Standard Profiles'!$G$22=$B$17,14,0)+IF('Standard Profiles'!$G$22=$B$24,21,0),0)),0)</f>
        <v>0</v>
      </c>
      <c r="I1259">
        <f t="shared" si="153"/>
        <v>0.61440903812204417</v>
      </c>
      <c r="J1259">
        <f t="shared" si="154"/>
        <v>9.5345808743162728</v>
      </c>
      <c r="K1259">
        <f t="shared" si="155"/>
        <v>0.59894679693137132</v>
      </c>
      <c r="L1259">
        <f t="shared" si="156"/>
        <v>0.29947339846568566</v>
      </c>
      <c r="M1259">
        <f t="shared" si="157"/>
        <v>0</v>
      </c>
      <c r="N1259" s="45">
        <f t="shared" si="158"/>
        <v>44978.041666663696</v>
      </c>
    </row>
    <row r="1260" spans="2:14" x14ac:dyDescent="0.25">
      <c r="B1260">
        <f t="shared" si="152"/>
        <v>2</v>
      </c>
      <c r="C1260" s="16">
        <v>1226</v>
      </c>
      <c r="D1260" cm="1">
        <f t="array" ref="D1260">IFERROR(INDEX(Jesper!AH$2:AH$366,ROUNDDOWN($C1260/24,0)+1,1)*INDEX($D$3:$AA$30,INDEX(Jesper!$R$2:$R$366,ROW(INDEX(Jesper!AH$2:AH$366,ROUNDDOWN($C1260/24,0)+1,1))-1)+IF('Standard Profiles'!$G$18=$B$10,7,0)+IF('Standard Profiles'!$G$18=$B$17,14,0)+IF('Standard Profiles'!$G$18=$B$24,21,0),MOD($C1260,24)+1)/SUM(INDEX($D$3:$AA$30,INDEX(Jesper!$R$2:$R$366,ROW(INDEX(Jesper!AH$2:AH$366,ROUNDDOWN($C1260/24,0)+1,1))-1)+IF('Standard Profiles'!$G$18=$B$10,7,0)+IF('Standard Profiles'!$G$18=$B$17,14,0)+IF('Standard Profiles'!$G$18=$B$24,21,0),0)),0)</f>
        <v>5.6151262212316055</v>
      </c>
      <c r="E1260" cm="1">
        <f t="array" ref="E1260">IFERROR(INDEX(Jesper!AI$2:AI$366,ROUNDDOWN($C1260/24,0)+1,1)*INDEX($D$3:$AA$30,INDEX(Jesper!$R$2:$R$366,ROW(INDEX(Jesper!AI$2:AI$366,ROUNDDOWN($C1260/24,0)+1,1))-1)+IF('Standard Profiles'!$G$19=$B$10,7,0)+IF('Standard Profiles'!$G$19=$B$17,14,0)+IF('Standard Profiles'!$G$19=$B$24,21,0),MOD($C1260,24)+1)/SUM(INDEX($D$3:$AA$30,INDEX(Jesper!$R$2:$R$366,ROW(INDEX(Jesper!AI$2:AI$366,ROUNDDOWN($C1260/24,0)+1,1))-1)+IF('Standard Profiles'!$G$19=$B$10,7,0)+IF('Standard Profiles'!$G$19=$B$17,14,0)+IF('Standard Profiles'!$G$19=$B$24,21,0),0)),0)</f>
        <v>4.1522650571828423</v>
      </c>
      <c r="F1260" cm="1">
        <f t="array" ref="F1260">IFERROR(INDEX(Jesper!AJ$2:AJ$366,ROUNDDOWN($C1260/24,0)+1,1)*INDEX($D$3:$AA$30,INDEX(Jesper!$R$2:$R$366,ROW(INDEX(Jesper!AJ$2:AJ$366,ROUNDDOWN($C1260/24,0)+1,1))-1)+IF('Standard Profiles'!$G$20=$B$10,7,0)+IF('Standard Profiles'!$G$20=$B$17,14,0)+IF('Standard Profiles'!$G$20=$B$24,21,0),MOD($C1260,24)+1)/SUM(INDEX($D$3:$AA$30,INDEX(Jesper!$R$2:$R$366,ROW(INDEX(Jesper!AJ$2:AJ$366,ROUNDDOWN($C1260/24,0)+1,1))-1)+IF('Standard Profiles'!$G$20=$B$10,7,0)+IF('Standard Profiles'!$G$20=$B$17,14,0)+IF('Standard Profiles'!$G$20=$B$24,21,0),0)),0)</f>
        <v>0</v>
      </c>
      <c r="G1260" cm="1">
        <f t="array" ref="G1260">IFERROR(INDEX(Jesper!AK$2:AK$366,ROUNDDOWN($C1260/24,0)+1,1)*INDEX($D$3:$AA$30,INDEX(Jesper!$R$2:$R$366,ROW(INDEX(Jesper!AK$2:AK$366,ROUNDDOWN($C1260/24,0)+1,1))-1)+IF('Standard Profiles'!$G$21=$B$10,7,0)+IF('Standard Profiles'!$G$21=$B$17,14,0)+IF('Standard Profiles'!$G$21=$B$24,21,0),MOD($C1260,24)+1)/SUM(INDEX($D$3:$AA$30,INDEX(Jesper!$R$2:$R$366,ROW(INDEX(Jesper!AK$2:AK$366,ROUNDDOWN($C1260/24,0)+1,1))-1)+IF('Standard Profiles'!$G$21=$B$10,7,0)+IF('Standard Profiles'!$G$21=$B$17,14,0)+IF('Standard Profiles'!$G$21=$B$24,21,0),0)),0)</f>
        <v>1.280018829420926</v>
      </c>
      <c r="H1260" cm="1">
        <f t="array" ref="H1260">IFERROR(INDEX(Jesper!AL$2:AL$366,ROUNDDOWN($C1260/24,0)+1,1)*INDEX($D$3:$AA$30,INDEX(Jesper!$R$2:$R$366,ROW(INDEX(Jesper!AL$2:AL$366,ROUNDDOWN($C1260/24,0)+1,1))-1)+IF('Standard Profiles'!$G$22=$B$10,7,0)+IF('Standard Profiles'!$G$22=$B$17,14,0)+IF('Standard Profiles'!$G$22=$B$24,21,0),MOD($C1260,24)+1)/SUM(INDEX($D$3:$AA$30,INDEX(Jesper!$R$2:$R$366,ROW(INDEX(Jesper!AL$2:AL$366,ROUNDDOWN($C1260/24,0)+1,1))-1)+IF('Standard Profiles'!$G$22=$B$10,7,0)+IF('Standard Profiles'!$G$22=$B$17,14,0)+IF('Standard Profiles'!$G$22=$B$24,21,0),0)),0)</f>
        <v>0</v>
      </c>
      <c r="I1260">
        <f t="shared" si="153"/>
        <v>0.61440903812204417</v>
      </c>
      <c r="J1260">
        <f t="shared" si="154"/>
        <v>9.5345808743162728</v>
      </c>
      <c r="K1260">
        <f t="shared" si="155"/>
        <v>0.59894679693137132</v>
      </c>
      <c r="L1260">
        <f t="shared" si="156"/>
        <v>0.29947339846568566</v>
      </c>
      <c r="M1260">
        <f t="shared" si="157"/>
        <v>0</v>
      </c>
      <c r="N1260" s="45">
        <f t="shared" si="158"/>
        <v>44978.08333333036</v>
      </c>
    </row>
    <row r="1261" spans="2:14" x14ac:dyDescent="0.25">
      <c r="B1261">
        <f t="shared" si="152"/>
        <v>2</v>
      </c>
      <c r="C1261" s="16">
        <v>1227</v>
      </c>
      <c r="D1261" cm="1">
        <f t="array" ref="D1261">IFERROR(INDEX(Jesper!AH$2:AH$366,ROUNDDOWN($C1261/24,0)+1,1)*INDEX($D$3:$AA$30,INDEX(Jesper!$R$2:$R$366,ROW(INDEX(Jesper!AH$2:AH$366,ROUNDDOWN($C1261/24,0)+1,1))-1)+IF('Standard Profiles'!$G$18=$B$10,7,0)+IF('Standard Profiles'!$G$18=$B$17,14,0)+IF('Standard Profiles'!$G$18=$B$24,21,0),MOD($C1261,24)+1)/SUM(INDEX($D$3:$AA$30,INDEX(Jesper!$R$2:$R$366,ROW(INDEX(Jesper!AH$2:AH$366,ROUNDDOWN($C1261/24,0)+1,1))-1)+IF('Standard Profiles'!$G$18=$B$10,7,0)+IF('Standard Profiles'!$G$18=$B$17,14,0)+IF('Standard Profiles'!$G$18=$B$24,21,0),0)),0)</f>
        <v>5.6151262212316055</v>
      </c>
      <c r="E1261" cm="1">
        <f t="array" ref="E1261">IFERROR(INDEX(Jesper!AI$2:AI$366,ROUNDDOWN($C1261/24,0)+1,1)*INDEX($D$3:$AA$30,INDEX(Jesper!$R$2:$R$366,ROW(INDEX(Jesper!AI$2:AI$366,ROUNDDOWN($C1261/24,0)+1,1))-1)+IF('Standard Profiles'!$G$19=$B$10,7,0)+IF('Standard Profiles'!$G$19=$B$17,14,0)+IF('Standard Profiles'!$G$19=$B$24,21,0),MOD($C1261,24)+1)/SUM(INDEX($D$3:$AA$30,INDEX(Jesper!$R$2:$R$366,ROW(INDEX(Jesper!AI$2:AI$366,ROUNDDOWN($C1261/24,0)+1,1))-1)+IF('Standard Profiles'!$G$19=$B$10,7,0)+IF('Standard Profiles'!$G$19=$B$17,14,0)+IF('Standard Profiles'!$G$19=$B$24,21,0),0)),0)</f>
        <v>4.1522650571828423</v>
      </c>
      <c r="F1261" cm="1">
        <f t="array" ref="F1261">IFERROR(INDEX(Jesper!AJ$2:AJ$366,ROUNDDOWN($C1261/24,0)+1,1)*INDEX($D$3:$AA$30,INDEX(Jesper!$R$2:$R$366,ROW(INDEX(Jesper!AJ$2:AJ$366,ROUNDDOWN($C1261/24,0)+1,1))-1)+IF('Standard Profiles'!$G$20=$B$10,7,0)+IF('Standard Profiles'!$G$20=$B$17,14,0)+IF('Standard Profiles'!$G$20=$B$24,21,0),MOD($C1261,24)+1)/SUM(INDEX($D$3:$AA$30,INDEX(Jesper!$R$2:$R$366,ROW(INDEX(Jesper!AJ$2:AJ$366,ROUNDDOWN($C1261/24,0)+1,1))-1)+IF('Standard Profiles'!$G$20=$B$10,7,0)+IF('Standard Profiles'!$G$20=$B$17,14,0)+IF('Standard Profiles'!$G$20=$B$24,21,0),0)),0)</f>
        <v>0</v>
      </c>
      <c r="G1261" cm="1">
        <f t="array" ref="G1261">IFERROR(INDEX(Jesper!AK$2:AK$366,ROUNDDOWN($C1261/24,0)+1,1)*INDEX($D$3:$AA$30,INDEX(Jesper!$R$2:$R$366,ROW(INDEX(Jesper!AK$2:AK$366,ROUNDDOWN($C1261/24,0)+1,1))-1)+IF('Standard Profiles'!$G$21=$B$10,7,0)+IF('Standard Profiles'!$G$21=$B$17,14,0)+IF('Standard Profiles'!$G$21=$B$24,21,0),MOD($C1261,24)+1)/SUM(INDEX($D$3:$AA$30,INDEX(Jesper!$R$2:$R$366,ROW(INDEX(Jesper!AK$2:AK$366,ROUNDDOWN($C1261/24,0)+1,1))-1)+IF('Standard Profiles'!$G$21=$B$10,7,0)+IF('Standard Profiles'!$G$21=$B$17,14,0)+IF('Standard Profiles'!$G$21=$B$24,21,0),0)),0)</f>
        <v>1.280018829420926</v>
      </c>
      <c r="H1261" cm="1">
        <f t="array" ref="H1261">IFERROR(INDEX(Jesper!AL$2:AL$366,ROUNDDOWN($C1261/24,0)+1,1)*INDEX($D$3:$AA$30,INDEX(Jesper!$R$2:$R$366,ROW(INDEX(Jesper!AL$2:AL$366,ROUNDDOWN($C1261/24,0)+1,1))-1)+IF('Standard Profiles'!$G$22=$B$10,7,0)+IF('Standard Profiles'!$G$22=$B$17,14,0)+IF('Standard Profiles'!$G$22=$B$24,21,0),MOD($C1261,24)+1)/SUM(INDEX($D$3:$AA$30,INDEX(Jesper!$R$2:$R$366,ROW(INDEX(Jesper!AL$2:AL$366,ROUNDDOWN($C1261/24,0)+1,1))-1)+IF('Standard Profiles'!$G$22=$B$10,7,0)+IF('Standard Profiles'!$G$22=$B$17,14,0)+IF('Standard Profiles'!$G$22=$B$24,21,0),0)),0)</f>
        <v>0</v>
      </c>
      <c r="I1261">
        <f t="shared" si="153"/>
        <v>0.61440903812204417</v>
      </c>
      <c r="J1261">
        <f t="shared" si="154"/>
        <v>9.5345808743162728</v>
      </c>
      <c r="K1261">
        <f t="shared" si="155"/>
        <v>0.59894679693137132</v>
      </c>
      <c r="L1261">
        <f t="shared" si="156"/>
        <v>0.29947339846568566</v>
      </c>
      <c r="M1261">
        <f t="shared" si="157"/>
        <v>0</v>
      </c>
      <c r="N1261" s="45">
        <f t="shared" si="158"/>
        <v>44978.124999997024</v>
      </c>
    </row>
    <row r="1262" spans="2:14" x14ac:dyDescent="0.25">
      <c r="B1262">
        <f t="shared" si="152"/>
        <v>2</v>
      </c>
      <c r="C1262" s="16">
        <v>1228</v>
      </c>
      <c r="D1262" cm="1">
        <f t="array" ref="D1262">IFERROR(INDEX(Jesper!AH$2:AH$366,ROUNDDOWN($C1262/24,0)+1,1)*INDEX($D$3:$AA$30,INDEX(Jesper!$R$2:$R$366,ROW(INDEX(Jesper!AH$2:AH$366,ROUNDDOWN($C1262/24,0)+1,1))-1)+IF('Standard Profiles'!$G$18=$B$10,7,0)+IF('Standard Profiles'!$G$18=$B$17,14,0)+IF('Standard Profiles'!$G$18=$B$24,21,0),MOD($C1262,24)+1)/SUM(INDEX($D$3:$AA$30,INDEX(Jesper!$R$2:$R$366,ROW(INDEX(Jesper!AH$2:AH$366,ROUNDDOWN($C1262/24,0)+1,1))-1)+IF('Standard Profiles'!$G$18=$B$10,7,0)+IF('Standard Profiles'!$G$18=$B$17,14,0)+IF('Standard Profiles'!$G$18=$B$24,21,0),0)),0)</f>
        <v>5.6151262212316055</v>
      </c>
      <c r="E1262" cm="1">
        <f t="array" ref="E1262">IFERROR(INDEX(Jesper!AI$2:AI$366,ROUNDDOWN($C1262/24,0)+1,1)*INDEX($D$3:$AA$30,INDEX(Jesper!$R$2:$R$366,ROW(INDEX(Jesper!AI$2:AI$366,ROUNDDOWN($C1262/24,0)+1,1))-1)+IF('Standard Profiles'!$G$19=$B$10,7,0)+IF('Standard Profiles'!$G$19=$B$17,14,0)+IF('Standard Profiles'!$G$19=$B$24,21,0),MOD($C1262,24)+1)/SUM(INDEX($D$3:$AA$30,INDEX(Jesper!$R$2:$R$366,ROW(INDEX(Jesper!AI$2:AI$366,ROUNDDOWN($C1262/24,0)+1,1))-1)+IF('Standard Profiles'!$G$19=$B$10,7,0)+IF('Standard Profiles'!$G$19=$B$17,14,0)+IF('Standard Profiles'!$G$19=$B$24,21,0),0)),0)</f>
        <v>4.1522650571828423</v>
      </c>
      <c r="F1262" cm="1">
        <f t="array" ref="F1262">IFERROR(INDEX(Jesper!AJ$2:AJ$366,ROUNDDOWN($C1262/24,0)+1,1)*INDEX($D$3:$AA$30,INDEX(Jesper!$R$2:$R$366,ROW(INDEX(Jesper!AJ$2:AJ$366,ROUNDDOWN($C1262/24,0)+1,1))-1)+IF('Standard Profiles'!$G$20=$B$10,7,0)+IF('Standard Profiles'!$G$20=$B$17,14,0)+IF('Standard Profiles'!$G$20=$B$24,21,0),MOD($C1262,24)+1)/SUM(INDEX($D$3:$AA$30,INDEX(Jesper!$R$2:$R$366,ROW(INDEX(Jesper!AJ$2:AJ$366,ROUNDDOWN($C1262/24,0)+1,1))-1)+IF('Standard Profiles'!$G$20=$B$10,7,0)+IF('Standard Profiles'!$G$20=$B$17,14,0)+IF('Standard Profiles'!$G$20=$B$24,21,0),0)),0)</f>
        <v>0</v>
      </c>
      <c r="G1262" cm="1">
        <f t="array" ref="G1262">IFERROR(INDEX(Jesper!AK$2:AK$366,ROUNDDOWN($C1262/24,0)+1,1)*INDEX($D$3:$AA$30,INDEX(Jesper!$R$2:$R$366,ROW(INDEX(Jesper!AK$2:AK$366,ROUNDDOWN($C1262/24,0)+1,1))-1)+IF('Standard Profiles'!$G$21=$B$10,7,0)+IF('Standard Profiles'!$G$21=$B$17,14,0)+IF('Standard Profiles'!$G$21=$B$24,21,0),MOD($C1262,24)+1)/SUM(INDEX($D$3:$AA$30,INDEX(Jesper!$R$2:$R$366,ROW(INDEX(Jesper!AK$2:AK$366,ROUNDDOWN($C1262/24,0)+1,1))-1)+IF('Standard Profiles'!$G$21=$B$10,7,0)+IF('Standard Profiles'!$G$21=$B$17,14,0)+IF('Standard Profiles'!$G$21=$B$24,21,0),0)),0)</f>
        <v>1.280018829420926</v>
      </c>
      <c r="H1262" cm="1">
        <f t="array" ref="H1262">IFERROR(INDEX(Jesper!AL$2:AL$366,ROUNDDOWN($C1262/24,0)+1,1)*INDEX($D$3:$AA$30,INDEX(Jesper!$R$2:$R$366,ROW(INDEX(Jesper!AL$2:AL$366,ROUNDDOWN($C1262/24,0)+1,1))-1)+IF('Standard Profiles'!$G$22=$B$10,7,0)+IF('Standard Profiles'!$G$22=$B$17,14,0)+IF('Standard Profiles'!$G$22=$B$24,21,0),MOD($C1262,24)+1)/SUM(INDEX($D$3:$AA$30,INDEX(Jesper!$R$2:$R$366,ROW(INDEX(Jesper!AL$2:AL$366,ROUNDDOWN($C1262/24,0)+1,1))-1)+IF('Standard Profiles'!$G$22=$B$10,7,0)+IF('Standard Profiles'!$G$22=$B$17,14,0)+IF('Standard Profiles'!$G$22=$B$24,21,0),0)),0)</f>
        <v>0</v>
      </c>
      <c r="I1262">
        <f t="shared" si="153"/>
        <v>0.61440903812204417</v>
      </c>
      <c r="J1262">
        <f t="shared" si="154"/>
        <v>9.5345808743162728</v>
      </c>
      <c r="K1262">
        <f t="shared" si="155"/>
        <v>0.59894679693137132</v>
      </c>
      <c r="L1262">
        <f t="shared" si="156"/>
        <v>0.29947339846568566</v>
      </c>
      <c r="M1262">
        <f t="shared" si="157"/>
        <v>0</v>
      </c>
      <c r="N1262" s="45">
        <f t="shared" si="158"/>
        <v>44978.166666663688</v>
      </c>
    </row>
    <row r="1263" spans="2:14" x14ac:dyDescent="0.25">
      <c r="B1263">
        <f t="shared" si="152"/>
        <v>2</v>
      </c>
      <c r="C1263" s="16">
        <v>1229</v>
      </c>
      <c r="D1263" cm="1">
        <f t="array" ref="D1263">IFERROR(INDEX(Jesper!AH$2:AH$366,ROUNDDOWN($C1263/24,0)+1,1)*INDEX($D$3:$AA$30,INDEX(Jesper!$R$2:$R$366,ROW(INDEX(Jesper!AH$2:AH$366,ROUNDDOWN($C1263/24,0)+1,1))-1)+IF('Standard Profiles'!$G$18=$B$10,7,0)+IF('Standard Profiles'!$G$18=$B$17,14,0)+IF('Standard Profiles'!$G$18=$B$24,21,0),MOD($C1263,24)+1)/SUM(INDEX($D$3:$AA$30,INDEX(Jesper!$R$2:$R$366,ROW(INDEX(Jesper!AH$2:AH$366,ROUNDDOWN($C1263/24,0)+1,1))-1)+IF('Standard Profiles'!$G$18=$B$10,7,0)+IF('Standard Profiles'!$G$18=$B$17,14,0)+IF('Standard Profiles'!$G$18=$B$24,21,0),0)),0)</f>
        <v>5.6151262212316055</v>
      </c>
      <c r="E1263" cm="1">
        <f t="array" ref="E1263">IFERROR(INDEX(Jesper!AI$2:AI$366,ROUNDDOWN($C1263/24,0)+1,1)*INDEX($D$3:$AA$30,INDEX(Jesper!$R$2:$R$366,ROW(INDEX(Jesper!AI$2:AI$366,ROUNDDOWN($C1263/24,0)+1,1))-1)+IF('Standard Profiles'!$G$19=$B$10,7,0)+IF('Standard Profiles'!$G$19=$B$17,14,0)+IF('Standard Profiles'!$G$19=$B$24,21,0),MOD($C1263,24)+1)/SUM(INDEX($D$3:$AA$30,INDEX(Jesper!$R$2:$R$366,ROW(INDEX(Jesper!AI$2:AI$366,ROUNDDOWN($C1263/24,0)+1,1))-1)+IF('Standard Profiles'!$G$19=$B$10,7,0)+IF('Standard Profiles'!$G$19=$B$17,14,0)+IF('Standard Profiles'!$G$19=$B$24,21,0),0)),0)</f>
        <v>4.1522650571828423</v>
      </c>
      <c r="F1263" cm="1">
        <f t="array" ref="F1263">IFERROR(INDEX(Jesper!AJ$2:AJ$366,ROUNDDOWN($C1263/24,0)+1,1)*INDEX($D$3:$AA$30,INDEX(Jesper!$R$2:$R$366,ROW(INDEX(Jesper!AJ$2:AJ$366,ROUNDDOWN($C1263/24,0)+1,1))-1)+IF('Standard Profiles'!$G$20=$B$10,7,0)+IF('Standard Profiles'!$G$20=$B$17,14,0)+IF('Standard Profiles'!$G$20=$B$24,21,0),MOD($C1263,24)+1)/SUM(INDEX($D$3:$AA$30,INDEX(Jesper!$R$2:$R$366,ROW(INDEX(Jesper!AJ$2:AJ$366,ROUNDDOWN($C1263/24,0)+1,1))-1)+IF('Standard Profiles'!$G$20=$B$10,7,0)+IF('Standard Profiles'!$G$20=$B$17,14,0)+IF('Standard Profiles'!$G$20=$B$24,21,0),0)),0)</f>
        <v>0</v>
      </c>
      <c r="G1263" cm="1">
        <f t="array" ref="G1263">IFERROR(INDEX(Jesper!AK$2:AK$366,ROUNDDOWN($C1263/24,0)+1,1)*INDEX($D$3:$AA$30,INDEX(Jesper!$R$2:$R$366,ROW(INDEX(Jesper!AK$2:AK$366,ROUNDDOWN($C1263/24,0)+1,1))-1)+IF('Standard Profiles'!$G$21=$B$10,7,0)+IF('Standard Profiles'!$G$21=$B$17,14,0)+IF('Standard Profiles'!$G$21=$B$24,21,0),MOD($C1263,24)+1)/SUM(INDEX($D$3:$AA$30,INDEX(Jesper!$R$2:$R$366,ROW(INDEX(Jesper!AK$2:AK$366,ROUNDDOWN($C1263/24,0)+1,1))-1)+IF('Standard Profiles'!$G$21=$B$10,7,0)+IF('Standard Profiles'!$G$21=$B$17,14,0)+IF('Standard Profiles'!$G$21=$B$24,21,0),0)),0)</f>
        <v>1.280018829420926</v>
      </c>
      <c r="H1263" cm="1">
        <f t="array" ref="H1263">IFERROR(INDEX(Jesper!AL$2:AL$366,ROUNDDOWN($C1263/24,0)+1,1)*INDEX($D$3:$AA$30,INDEX(Jesper!$R$2:$R$366,ROW(INDEX(Jesper!AL$2:AL$366,ROUNDDOWN($C1263/24,0)+1,1))-1)+IF('Standard Profiles'!$G$22=$B$10,7,0)+IF('Standard Profiles'!$G$22=$B$17,14,0)+IF('Standard Profiles'!$G$22=$B$24,21,0),MOD($C1263,24)+1)/SUM(INDEX($D$3:$AA$30,INDEX(Jesper!$R$2:$R$366,ROW(INDEX(Jesper!AL$2:AL$366,ROUNDDOWN($C1263/24,0)+1,1))-1)+IF('Standard Profiles'!$G$22=$B$10,7,0)+IF('Standard Profiles'!$G$22=$B$17,14,0)+IF('Standard Profiles'!$G$22=$B$24,21,0),0)),0)</f>
        <v>0</v>
      </c>
      <c r="I1263">
        <f t="shared" si="153"/>
        <v>0.61440903812204417</v>
      </c>
      <c r="J1263">
        <f t="shared" si="154"/>
        <v>9.5345808743162728</v>
      </c>
      <c r="K1263">
        <f t="shared" si="155"/>
        <v>0.59894679693137132</v>
      </c>
      <c r="L1263">
        <f t="shared" si="156"/>
        <v>0.29947339846568566</v>
      </c>
      <c r="M1263">
        <f t="shared" si="157"/>
        <v>0</v>
      </c>
      <c r="N1263" s="45">
        <f t="shared" si="158"/>
        <v>44978.208333330353</v>
      </c>
    </row>
    <row r="1264" spans="2:14" x14ac:dyDescent="0.25">
      <c r="B1264">
        <f t="shared" si="152"/>
        <v>2</v>
      </c>
      <c r="C1264" s="16">
        <v>1230</v>
      </c>
      <c r="D1264" cm="1">
        <f t="array" ref="D1264">IFERROR(INDEX(Jesper!AH$2:AH$366,ROUNDDOWN($C1264/24,0)+1,1)*INDEX($D$3:$AA$30,INDEX(Jesper!$R$2:$R$366,ROW(INDEX(Jesper!AH$2:AH$366,ROUNDDOWN($C1264/24,0)+1,1))-1)+IF('Standard Profiles'!$G$18=$B$10,7,0)+IF('Standard Profiles'!$G$18=$B$17,14,0)+IF('Standard Profiles'!$G$18=$B$24,21,0),MOD($C1264,24)+1)/SUM(INDEX($D$3:$AA$30,INDEX(Jesper!$R$2:$R$366,ROW(INDEX(Jesper!AH$2:AH$366,ROUNDDOWN($C1264/24,0)+1,1))-1)+IF('Standard Profiles'!$G$18=$B$10,7,0)+IF('Standard Profiles'!$G$18=$B$17,14,0)+IF('Standard Profiles'!$G$18=$B$24,21,0),0)),0)</f>
        <v>5.6151262212316055</v>
      </c>
      <c r="E1264" cm="1">
        <f t="array" ref="E1264">IFERROR(INDEX(Jesper!AI$2:AI$366,ROUNDDOWN($C1264/24,0)+1,1)*INDEX($D$3:$AA$30,INDEX(Jesper!$R$2:$R$366,ROW(INDEX(Jesper!AI$2:AI$366,ROUNDDOWN($C1264/24,0)+1,1))-1)+IF('Standard Profiles'!$G$19=$B$10,7,0)+IF('Standard Profiles'!$G$19=$B$17,14,0)+IF('Standard Profiles'!$G$19=$B$24,21,0),MOD($C1264,24)+1)/SUM(INDEX($D$3:$AA$30,INDEX(Jesper!$R$2:$R$366,ROW(INDEX(Jesper!AI$2:AI$366,ROUNDDOWN($C1264/24,0)+1,1))-1)+IF('Standard Profiles'!$G$19=$B$10,7,0)+IF('Standard Profiles'!$G$19=$B$17,14,0)+IF('Standard Profiles'!$G$19=$B$24,21,0),0)),0)</f>
        <v>4.1522650571828423</v>
      </c>
      <c r="F1264" cm="1">
        <f t="array" ref="F1264">IFERROR(INDEX(Jesper!AJ$2:AJ$366,ROUNDDOWN($C1264/24,0)+1,1)*INDEX($D$3:$AA$30,INDEX(Jesper!$R$2:$R$366,ROW(INDEX(Jesper!AJ$2:AJ$366,ROUNDDOWN($C1264/24,0)+1,1))-1)+IF('Standard Profiles'!$G$20=$B$10,7,0)+IF('Standard Profiles'!$G$20=$B$17,14,0)+IF('Standard Profiles'!$G$20=$B$24,21,0),MOD($C1264,24)+1)/SUM(INDEX($D$3:$AA$30,INDEX(Jesper!$R$2:$R$366,ROW(INDEX(Jesper!AJ$2:AJ$366,ROUNDDOWN($C1264/24,0)+1,1))-1)+IF('Standard Profiles'!$G$20=$B$10,7,0)+IF('Standard Profiles'!$G$20=$B$17,14,0)+IF('Standard Profiles'!$G$20=$B$24,21,0),0)),0)</f>
        <v>0</v>
      </c>
      <c r="G1264" cm="1">
        <f t="array" ref="G1264">IFERROR(INDEX(Jesper!AK$2:AK$366,ROUNDDOWN($C1264/24,0)+1,1)*INDEX($D$3:$AA$30,INDEX(Jesper!$R$2:$R$366,ROW(INDEX(Jesper!AK$2:AK$366,ROUNDDOWN($C1264/24,0)+1,1))-1)+IF('Standard Profiles'!$G$21=$B$10,7,0)+IF('Standard Profiles'!$G$21=$B$17,14,0)+IF('Standard Profiles'!$G$21=$B$24,21,0),MOD($C1264,24)+1)/SUM(INDEX($D$3:$AA$30,INDEX(Jesper!$R$2:$R$366,ROW(INDEX(Jesper!AK$2:AK$366,ROUNDDOWN($C1264/24,0)+1,1))-1)+IF('Standard Profiles'!$G$21=$B$10,7,0)+IF('Standard Profiles'!$G$21=$B$17,14,0)+IF('Standard Profiles'!$G$21=$B$24,21,0),0)),0)</f>
        <v>1.280018829420926</v>
      </c>
      <c r="H1264" cm="1">
        <f t="array" ref="H1264">IFERROR(INDEX(Jesper!AL$2:AL$366,ROUNDDOWN($C1264/24,0)+1,1)*INDEX($D$3:$AA$30,INDEX(Jesper!$R$2:$R$366,ROW(INDEX(Jesper!AL$2:AL$366,ROUNDDOWN($C1264/24,0)+1,1))-1)+IF('Standard Profiles'!$G$22=$B$10,7,0)+IF('Standard Profiles'!$G$22=$B$17,14,0)+IF('Standard Profiles'!$G$22=$B$24,21,0),MOD($C1264,24)+1)/SUM(INDEX($D$3:$AA$30,INDEX(Jesper!$R$2:$R$366,ROW(INDEX(Jesper!AL$2:AL$366,ROUNDDOWN($C1264/24,0)+1,1))-1)+IF('Standard Profiles'!$G$22=$B$10,7,0)+IF('Standard Profiles'!$G$22=$B$17,14,0)+IF('Standard Profiles'!$G$22=$B$24,21,0),0)),0)</f>
        <v>0</v>
      </c>
      <c r="I1264">
        <f t="shared" si="153"/>
        <v>0.61440903812204417</v>
      </c>
      <c r="J1264">
        <f t="shared" si="154"/>
        <v>9.5345808743162728</v>
      </c>
      <c r="K1264">
        <f t="shared" si="155"/>
        <v>0.59894679693137132</v>
      </c>
      <c r="L1264">
        <f t="shared" si="156"/>
        <v>0.29947339846568566</v>
      </c>
      <c r="M1264">
        <f t="shared" si="157"/>
        <v>0</v>
      </c>
      <c r="N1264" s="45">
        <f t="shared" si="158"/>
        <v>44978.249999997017</v>
      </c>
    </row>
    <row r="1265" spans="2:14" x14ac:dyDescent="0.25">
      <c r="B1265">
        <f t="shared" si="152"/>
        <v>2</v>
      </c>
      <c r="C1265" s="16">
        <v>1231</v>
      </c>
      <c r="D1265" cm="1">
        <f t="array" ref="D1265">IFERROR(INDEX(Jesper!AH$2:AH$366,ROUNDDOWN($C1265/24,0)+1,1)*INDEX($D$3:$AA$30,INDEX(Jesper!$R$2:$R$366,ROW(INDEX(Jesper!AH$2:AH$366,ROUNDDOWN($C1265/24,0)+1,1))-1)+IF('Standard Profiles'!$G$18=$B$10,7,0)+IF('Standard Profiles'!$G$18=$B$17,14,0)+IF('Standard Profiles'!$G$18=$B$24,21,0),MOD($C1265,24)+1)/SUM(INDEX($D$3:$AA$30,INDEX(Jesper!$R$2:$R$366,ROW(INDEX(Jesper!AH$2:AH$366,ROUNDDOWN($C1265/24,0)+1,1))-1)+IF('Standard Profiles'!$G$18=$B$10,7,0)+IF('Standard Profiles'!$G$18=$B$17,14,0)+IF('Standard Profiles'!$G$18=$B$24,21,0),0)),0)</f>
        <v>23.671266476379483</v>
      </c>
      <c r="E1265" cm="1">
        <f t="array" ref="E1265">IFERROR(INDEX(Jesper!AI$2:AI$366,ROUNDDOWN($C1265/24,0)+1,1)*INDEX($D$3:$AA$30,INDEX(Jesper!$R$2:$R$366,ROW(INDEX(Jesper!AI$2:AI$366,ROUNDDOWN($C1265/24,0)+1,1))-1)+IF('Standard Profiles'!$G$19=$B$10,7,0)+IF('Standard Profiles'!$G$19=$B$17,14,0)+IF('Standard Profiles'!$G$19=$B$24,21,0),MOD($C1265,24)+1)/SUM(INDEX($D$3:$AA$30,INDEX(Jesper!$R$2:$R$366,ROW(INDEX(Jesper!AI$2:AI$366,ROUNDDOWN($C1265/24,0)+1,1))-1)+IF('Standard Profiles'!$G$19=$B$10,7,0)+IF('Standard Profiles'!$G$19=$B$17,14,0)+IF('Standard Profiles'!$G$19=$B$24,21,0),0)),0)</f>
        <v>17.504392381686419</v>
      </c>
      <c r="F1265" cm="1">
        <f t="array" ref="F1265">IFERROR(INDEX(Jesper!AJ$2:AJ$366,ROUNDDOWN($C1265/24,0)+1,1)*INDEX($D$3:$AA$30,INDEX(Jesper!$R$2:$R$366,ROW(INDEX(Jesper!AJ$2:AJ$366,ROUNDDOWN($C1265/24,0)+1,1))-1)+IF('Standard Profiles'!$G$20=$B$10,7,0)+IF('Standard Profiles'!$G$20=$B$17,14,0)+IF('Standard Profiles'!$G$20=$B$24,21,0),MOD($C1265,24)+1)/SUM(INDEX($D$3:$AA$30,INDEX(Jesper!$R$2:$R$366,ROW(INDEX(Jesper!AJ$2:AJ$366,ROUNDDOWN($C1265/24,0)+1,1))-1)+IF('Standard Profiles'!$G$20=$B$10,7,0)+IF('Standard Profiles'!$G$20=$B$17,14,0)+IF('Standard Profiles'!$G$20=$B$24,21,0),0)),0)</f>
        <v>0</v>
      </c>
      <c r="G1265" cm="1">
        <f t="array" ref="G1265">IFERROR(INDEX(Jesper!AK$2:AK$366,ROUNDDOWN($C1265/24,0)+1,1)*INDEX($D$3:$AA$30,INDEX(Jesper!$R$2:$R$366,ROW(INDEX(Jesper!AK$2:AK$366,ROUNDDOWN($C1265/24,0)+1,1))-1)+IF('Standard Profiles'!$G$21=$B$10,7,0)+IF('Standard Profiles'!$G$21=$B$17,14,0)+IF('Standard Profiles'!$G$21=$B$24,21,0),MOD($C1265,24)+1)/SUM(INDEX($D$3:$AA$30,INDEX(Jesper!$R$2:$R$366,ROW(INDEX(Jesper!AK$2:AK$366,ROUNDDOWN($C1265/24,0)+1,1))-1)+IF('Standard Profiles'!$G$21=$B$10,7,0)+IF('Standard Profiles'!$G$21=$B$17,14,0)+IF('Standard Profiles'!$G$21=$B$24,21,0),0)),0)</f>
        <v>3.6872800473318925</v>
      </c>
      <c r="H1265" cm="1">
        <f t="array" ref="H1265">IFERROR(INDEX(Jesper!AL$2:AL$366,ROUNDDOWN($C1265/24,0)+1,1)*INDEX($D$3:$AA$30,INDEX(Jesper!$R$2:$R$366,ROW(INDEX(Jesper!AL$2:AL$366,ROUNDDOWN($C1265/24,0)+1,1))-1)+IF('Standard Profiles'!$G$22=$B$10,7,0)+IF('Standard Profiles'!$G$22=$B$17,14,0)+IF('Standard Profiles'!$G$22=$B$24,21,0),MOD($C1265,24)+1)/SUM(INDEX($D$3:$AA$30,INDEX(Jesper!$R$2:$R$366,ROW(INDEX(Jesper!AL$2:AL$366,ROUNDDOWN($C1265/24,0)+1,1))-1)+IF('Standard Profiles'!$G$22=$B$10,7,0)+IF('Standard Profiles'!$G$22=$B$17,14,0)+IF('Standard Profiles'!$G$22=$B$24,21,0),0)),0)</f>
        <v>0</v>
      </c>
      <c r="I1265">
        <f t="shared" si="153"/>
        <v>1.7698944227193074</v>
      </c>
      <c r="J1265">
        <f t="shared" si="154"/>
        <v>39.305641846457767</v>
      </c>
      <c r="K1265">
        <f t="shared" si="155"/>
        <v>2.5249350908138117</v>
      </c>
      <c r="L1265">
        <f t="shared" si="156"/>
        <v>1.2624675454069059</v>
      </c>
      <c r="M1265">
        <f t="shared" si="157"/>
        <v>0</v>
      </c>
      <c r="N1265" s="45">
        <f t="shared" si="158"/>
        <v>44978.291666663681</v>
      </c>
    </row>
    <row r="1266" spans="2:14" x14ac:dyDescent="0.25">
      <c r="B1266">
        <f t="shared" si="152"/>
        <v>2</v>
      </c>
      <c r="C1266" s="16">
        <v>1232</v>
      </c>
      <c r="D1266" cm="1">
        <f t="array" ref="D1266">IFERROR(INDEX(Jesper!AH$2:AH$366,ROUNDDOWN($C1266/24,0)+1,1)*INDEX($D$3:$AA$30,INDEX(Jesper!$R$2:$R$366,ROW(INDEX(Jesper!AH$2:AH$366,ROUNDDOWN($C1266/24,0)+1,1))-1)+IF('Standard Profiles'!$G$18=$B$10,7,0)+IF('Standard Profiles'!$G$18=$B$17,14,0)+IF('Standard Profiles'!$G$18=$B$24,21,0),MOD($C1266,24)+1)/SUM(INDEX($D$3:$AA$30,INDEX(Jesper!$R$2:$R$366,ROW(INDEX(Jesper!AH$2:AH$366,ROUNDDOWN($C1266/24,0)+1,1))-1)+IF('Standard Profiles'!$G$18=$B$10,7,0)+IF('Standard Profiles'!$G$18=$B$17,14,0)+IF('Standard Profiles'!$G$18=$B$24,21,0),0)),0)</f>
        <v>26.412149963118164</v>
      </c>
      <c r="E1266" cm="1">
        <f t="array" ref="E1266">IFERROR(INDEX(Jesper!AI$2:AI$366,ROUNDDOWN($C1266/24,0)+1,1)*INDEX($D$3:$AA$30,INDEX(Jesper!$R$2:$R$366,ROW(INDEX(Jesper!AI$2:AI$366,ROUNDDOWN($C1266/24,0)+1,1))-1)+IF('Standard Profiles'!$G$19=$B$10,7,0)+IF('Standard Profiles'!$G$19=$B$17,14,0)+IF('Standard Profiles'!$G$19=$B$24,21,0),MOD($C1266,24)+1)/SUM(INDEX($D$3:$AA$30,INDEX(Jesper!$R$2:$R$366,ROW(INDEX(Jesper!AI$2:AI$366,ROUNDDOWN($C1266/24,0)+1,1))-1)+IF('Standard Profiles'!$G$19=$B$10,7,0)+IF('Standard Profiles'!$G$19=$B$17,14,0)+IF('Standard Profiles'!$G$19=$B$24,21,0),0)),0)</f>
        <v>19.53121676272379</v>
      </c>
      <c r="F1266" cm="1">
        <f t="array" ref="F1266">IFERROR(INDEX(Jesper!AJ$2:AJ$366,ROUNDDOWN($C1266/24,0)+1,1)*INDEX($D$3:$AA$30,INDEX(Jesper!$R$2:$R$366,ROW(INDEX(Jesper!AJ$2:AJ$366,ROUNDDOWN($C1266/24,0)+1,1))-1)+IF('Standard Profiles'!$G$20=$B$10,7,0)+IF('Standard Profiles'!$G$20=$B$17,14,0)+IF('Standard Profiles'!$G$20=$B$24,21,0),MOD($C1266,24)+1)/SUM(INDEX($D$3:$AA$30,INDEX(Jesper!$R$2:$R$366,ROW(INDEX(Jesper!AJ$2:AJ$366,ROUNDDOWN($C1266/24,0)+1,1))-1)+IF('Standard Profiles'!$G$20=$B$10,7,0)+IF('Standard Profiles'!$G$20=$B$17,14,0)+IF('Standard Profiles'!$G$20=$B$24,21,0),0)),0)</f>
        <v>0</v>
      </c>
      <c r="G1266" cm="1">
        <f t="array" ref="G1266">IFERROR(INDEX(Jesper!AK$2:AK$366,ROUNDDOWN($C1266/24,0)+1,1)*INDEX($D$3:$AA$30,INDEX(Jesper!$R$2:$R$366,ROW(INDEX(Jesper!AK$2:AK$366,ROUNDDOWN($C1266/24,0)+1,1))-1)+IF('Standard Profiles'!$G$21=$B$10,7,0)+IF('Standard Profiles'!$G$21=$B$17,14,0)+IF('Standard Profiles'!$G$21=$B$24,21,0),MOD($C1266,24)+1)/SUM(INDEX($D$3:$AA$30,INDEX(Jesper!$R$2:$R$366,ROW(INDEX(Jesper!AK$2:AK$366,ROUNDDOWN($C1266/24,0)+1,1))-1)+IF('Standard Profiles'!$G$21=$B$10,7,0)+IF('Standard Profiles'!$G$21=$B$17,14,0)+IF('Standard Profiles'!$G$21=$B$24,21,0),0)),0)</f>
        <v>4.1142282633387435</v>
      </c>
      <c r="H1266" cm="1">
        <f t="array" ref="H1266">IFERROR(INDEX(Jesper!AL$2:AL$366,ROUNDDOWN($C1266/24,0)+1,1)*INDEX($D$3:$AA$30,INDEX(Jesper!$R$2:$R$366,ROW(INDEX(Jesper!AL$2:AL$366,ROUNDDOWN($C1266/24,0)+1,1))-1)+IF('Standard Profiles'!$G$22=$B$10,7,0)+IF('Standard Profiles'!$G$22=$B$17,14,0)+IF('Standard Profiles'!$G$22=$B$24,21,0),MOD($C1266,24)+1)/SUM(INDEX($D$3:$AA$30,INDEX(Jesper!$R$2:$R$366,ROW(INDEX(Jesper!AL$2:AL$366,ROUNDDOWN($C1266/24,0)+1,1))-1)+IF('Standard Profiles'!$G$22=$B$10,7,0)+IF('Standard Profiles'!$G$22=$B$17,14,0)+IF('Standard Profiles'!$G$22=$B$24,21,0),0)),0)</f>
        <v>0</v>
      </c>
      <c r="I1266">
        <f t="shared" si="153"/>
        <v>1.9748295664025959</v>
      </c>
      <c r="J1266">
        <f t="shared" si="154"/>
        <v>43.856821428679197</v>
      </c>
      <c r="K1266">
        <f t="shared" si="155"/>
        <v>2.8172959960659378</v>
      </c>
      <c r="L1266">
        <f t="shared" si="156"/>
        <v>1.4086479980329689</v>
      </c>
      <c r="M1266">
        <f t="shared" si="157"/>
        <v>0</v>
      </c>
      <c r="N1266" s="45">
        <f t="shared" si="158"/>
        <v>44978.333333330345</v>
      </c>
    </row>
    <row r="1267" spans="2:14" x14ac:dyDescent="0.25">
      <c r="B1267">
        <f t="shared" si="152"/>
        <v>2</v>
      </c>
      <c r="C1267" s="16">
        <v>1233</v>
      </c>
      <c r="D1267" cm="1">
        <f t="array" ref="D1267">IFERROR(INDEX(Jesper!AH$2:AH$366,ROUNDDOWN($C1267/24,0)+1,1)*INDEX($D$3:$AA$30,INDEX(Jesper!$R$2:$R$366,ROW(INDEX(Jesper!AH$2:AH$366,ROUNDDOWN($C1267/24,0)+1,1))-1)+IF('Standard Profiles'!$G$18=$B$10,7,0)+IF('Standard Profiles'!$G$18=$B$17,14,0)+IF('Standard Profiles'!$G$18=$B$24,21,0),MOD($C1267,24)+1)/SUM(INDEX($D$3:$AA$30,INDEX(Jesper!$R$2:$R$366,ROW(INDEX(Jesper!AH$2:AH$366,ROUNDDOWN($C1267/24,0)+1,1))-1)+IF('Standard Profiles'!$G$18=$B$10,7,0)+IF('Standard Profiles'!$G$18=$B$17,14,0)+IF('Standard Profiles'!$G$18=$B$24,21,0),0)),0)</f>
        <v>29.153033449856842</v>
      </c>
      <c r="E1267" cm="1">
        <f t="array" ref="E1267">IFERROR(INDEX(Jesper!AI$2:AI$366,ROUNDDOWN($C1267/24,0)+1,1)*INDEX($D$3:$AA$30,INDEX(Jesper!$R$2:$R$366,ROW(INDEX(Jesper!AI$2:AI$366,ROUNDDOWN($C1267/24,0)+1,1))-1)+IF('Standard Profiles'!$G$19=$B$10,7,0)+IF('Standard Profiles'!$G$19=$B$17,14,0)+IF('Standard Profiles'!$G$19=$B$24,21,0),MOD($C1267,24)+1)/SUM(INDEX($D$3:$AA$30,INDEX(Jesper!$R$2:$R$366,ROW(INDEX(Jesper!AI$2:AI$366,ROUNDDOWN($C1267/24,0)+1,1))-1)+IF('Standard Profiles'!$G$19=$B$10,7,0)+IF('Standard Profiles'!$G$19=$B$17,14,0)+IF('Standard Profiles'!$G$19=$B$24,21,0),0)),0)</f>
        <v>21.558041143761169</v>
      </c>
      <c r="F1267" cm="1">
        <f t="array" ref="F1267">IFERROR(INDEX(Jesper!AJ$2:AJ$366,ROUNDDOWN($C1267/24,0)+1,1)*INDEX($D$3:$AA$30,INDEX(Jesper!$R$2:$R$366,ROW(INDEX(Jesper!AJ$2:AJ$366,ROUNDDOWN($C1267/24,0)+1,1))-1)+IF('Standard Profiles'!$G$20=$B$10,7,0)+IF('Standard Profiles'!$G$20=$B$17,14,0)+IF('Standard Profiles'!$G$20=$B$24,21,0),MOD($C1267,24)+1)/SUM(INDEX($D$3:$AA$30,INDEX(Jesper!$R$2:$R$366,ROW(INDEX(Jesper!AJ$2:AJ$366,ROUNDDOWN($C1267/24,0)+1,1))-1)+IF('Standard Profiles'!$G$20=$B$10,7,0)+IF('Standard Profiles'!$G$20=$B$17,14,0)+IF('Standard Profiles'!$G$20=$B$24,21,0),0)),0)</f>
        <v>0</v>
      </c>
      <c r="G1267" cm="1">
        <f t="array" ref="G1267">IFERROR(INDEX(Jesper!AK$2:AK$366,ROUNDDOWN($C1267/24,0)+1,1)*INDEX($D$3:$AA$30,INDEX(Jesper!$R$2:$R$366,ROW(INDEX(Jesper!AK$2:AK$366,ROUNDDOWN($C1267/24,0)+1,1))-1)+IF('Standard Profiles'!$G$21=$B$10,7,0)+IF('Standard Profiles'!$G$21=$B$17,14,0)+IF('Standard Profiles'!$G$21=$B$24,21,0),MOD($C1267,24)+1)/SUM(INDEX($D$3:$AA$30,INDEX(Jesper!$R$2:$R$366,ROW(INDEX(Jesper!AK$2:AK$366,ROUNDDOWN($C1267/24,0)+1,1))-1)+IF('Standard Profiles'!$G$21=$B$10,7,0)+IF('Standard Profiles'!$G$21=$B$17,14,0)+IF('Standard Profiles'!$G$21=$B$24,21,0),0)),0)</f>
        <v>4.5411764793455944</v>
      </c>
      <c r="H1267" cm="1">
        <f t="array" ref="H1267">IFERROR(INDEX(Jesper!AL$2:AL$366,ROUNDDOWN($C1267/24,0)+1,1)*INDEX($D$3:$AA$30,INDEX(Jesper!$R$2:$R$366,ROW(INDEX(Jesper!AL$2:AL$366,ROUNDDOWN($C1267/24,0)+1,1))-1)+IF('Standard Profiles'!$G$22=$B$10,7,0)+IF('Standard Profiles'!$G$22=$B$17,14,0)+IF('Standard Profiles'!$G$22=$B$24,21,0),MOD($C1267,24)+1)/SUM(INDEX($D$3:$AA$30,INDEX(Jesper!$R$2:$R$366,ROW(INDEX(Jesper!AL$2:AL$366,ROUNDDOWN($C1267/24,0)+1,1))-1)+IF('Standard Profiles'!$G$22=$B$10,7,0)+IF('Standard Profiles'!$G$22=$B$17,14,0)+IF('Standard Profiles'!$G$22=$B$24,21,0),0)),0)</f>
        <v>0</v>
      </c>
      <c r="I1267">
        <f t="shared" si="153"/>
        <v>2.1797647100858843</v>
      </c>
      <c r="J1267">
        <f t="shared" si="154"/>
        <v>48.408001010900627</v>
      </c>
      <c r="K1267">
        <f t="shared" si="155"/>
        <v>3.1096569013180635</v>
      </c>
      <c r="L1267">
        <f t="shared" si="156"/>
        <v>1.5548284506590317</v>
      </c>
      <c r="M1267">
        <f t="shared" si="157"/>
        <v>0</v>
      </c>
      <c r="N1267" s="45">
        <f t="shared" si="158"/>
        <v>44978.37499999701</v>
      </c>
    </row>
    <row r="1268" spans="2:14" x14ac:dyDescent="0.25">
      <c r="B1268">
        <f t="shared" si="152"/>
        <v>2</v>
      </c>
      <c r="C1268" s="16">
        <v>1234</v>
      </c>
      <c r="D1268" cm="1">
        <f t="array" ref="D1268">IFERROR(INDEX(Jesper!AH$2:AH$366,ROUNDDOWN($C1268/24,0)+1,1)*INDEX($D$3:$AA$30,INDEX(Jesper!$R$2:$R$366,ROW(INDEX(Jesper!AH$2:AH$366,ROUNDDOWN($C1268/24,0)+1,1))-1)+IF('Standard Profiles'!$G$18=$B$10,7,0)+IF('Standard Profiles'!$G$18=$B$17,14,0)+IF('Standard Profiles'!$G$18=$B$24,21,0),MOD($C1268,24)+1)/SUM(INDEX($D$3:$AA$30,INDEX(Jesper!$R$2:$R$366,ROW(INDEX(Jesper!AH$2:AH$366,ROUNDDOWN($C1268/24,0)+1,1))-1)+IF('Standard Profiles'!$G$18=$B$10,7,0)+IF('Standard Profiles'!$G$18=$B$17,14,0)+IF('Standard Profiles'!$G$18=$B$24,21,0),0)),0)</f>
        <v>29.153033449856842</v>
      </c>
      <c r="E1268" cm="1">
        <f t="array" ref="E1268">IFERROR(INDEX(Jesper!AI$2:AI$366,ROUNDDOWN($C1268/24,0)+1,1)*INDEX($D$3:$AA$30,INDEX(Jesper!$R$2:$R$366,ROW(INDEX(Jesper!AI$2:AI$366,ROUNDDOWN($C1268/24,0)+1,1))-1)+IF('Standard Profiles'!$G$19=$B$10,7,0)+IF('Standard Profiles'!$G$19=$B$17,14,0)+IF('Standard Profiles'!$G$19=$B$24,21,0),MOD($C1268,24)+1)/SUM(INDEX($D$3:$AA$30,INDEX(Jesper!$R$2:$R$366,ROW(INDEX(Jesper!AI$2:AI$366,ROUNDDOWN($C1268/24,0)+1,1))-1)+IF('Standard Profiles'!$G$19=$B$10,7,0)+IF('Standard Profiles'!$G$19=$B$17,14,0)+IF('Standard Profiles'!$G$19=$B$24,21,0),0)),0)</f>
        <v>21.558041143761169</v>
      </c>
      <c r="F1268" cm="1">
        <f t="array" ref="F1268">IFERROR(INDEX(Jesper!AJ$2:AJ$366,ROUNDDOWN($C1268/24,0)+1,1)*INDEX($D$3:$AA$30,INDEX(Jesper!$R$2:$R$366,ROW(INDEX(Jesper!AJ$2:AJ$366,ROUNDDOWN($C1268/24,0)+1,1))-1)+IF('Standard Profiles'!$G$20=$B$10,7,0)+IF('Standard Profiles'!$G$20=$B$17,14,0)+IF('Standard Profiles'!$G$20=$B$24,21,0),MOD($C1268,24)+1)/SUM(INDEX($D$3:$AA$30,INDEX(Jesper!$R$2:$R$366,ROW(INDEX(Jesper!AJ$2:AJ$366,ROUNDDOWN($C1268/24,0)+1,1))-1)+IF('Standard Profiles'!$G$20=$B$10,7,0)+IF('Standard Profiles'!$G$20=$B$17,14,0)+IF('Standard Profiles'!$G$20=$B$24,21,0),0)),0)</f>
        <v>0</v>
      </c>
      <c r="G1268" cm="1">
        <f t="array" ref="G1268">IFERROR(INDEX(Jesper!AK$2:AK$366,ROUNDDOWN($C1268/24,0)+1,1)*INDEX($D$3:$AA$30,INDEX(Jesper!$R$2:$R$366,ROW(INDEX(Jesper!AK$2:AK$366,ROUNDDOWN($C1268/24,0)+1,1))-1)+IF('Standard Profiles'!$G$21=$B$10,7,0)+IF('Standard Profiles'!$G$21=$B$17,14,0)+IF('Standard Profiles'!$G$21=$B$24,21,0),MOD($C1268,24)+1)/SUM(INDEX($D$3:$AA$30,INDEX(Jesper!$R$2:$R$366,ROW(INDEX(Jesper!AK$2:AK$366,ROUNDDOWN($C1268/24,0)+1,1))-1)+IF('Standard Profiles'!$G$21=$B$10,7,0)+IF('Standard Profiles'!$G$21=$B$17,14,0)+IF('Standard Profiles'!$G$21=$B$24,21,0),0)),0)</f>
        <v>4.5411764793455944</v>
      </c>
      <c r="H1268" cm="1">
        <f t="array" ref="H1268">IFERROR(INDEX(Jesper!AL$2:AL$366,ROUNDDOWN($C1268/24,0)+1,1)*INDEX($D$3:$AA$30,INDEX(Jesper!$R$2:$R$366,ROW(INDEX(Jesper!AL$2:AL$366,ROUNDDOWN($C1268/24,0)+1,1))-1)+IF('Standard Profiles'!$G$22=$B$10,7,0)+IF('Standard Profiles'!$G$22=$B$17,14,0)+IF('Standard Profiles'!$G$22=$B$24,21,0),MOD($C1268,24)+1)/SUM(INDEX($D$3:$AA$30,INDEX(Jesper!$R$2:$R$366,ROW(INDEX(Jesper!AL$2:AL$366,ROUNDDOWN($C1268/24,0)+1,1))-1)+IF('Standard Profiles'!$G$22=$B$10,7,0)+IF('Standard Profiles'!$G$22=$B$17,14,0)+IF('Standard Profiles'!$G$22=$B$24,21,0),0)),0)</f>
        <v>0</v>
      </c>
      <c r="I1268">
        <f t="shared" si="153"/>
        <v>2.1797647100858843</v>
      </c>
      <c r="J1268">
        <f t="shared" si="154"/>
        <v>48.408001010900627</v>
      </c>
      <c r="K1268">
        <f t="shared" si="155"/>
        <v>3.1096569013180635</v>
      </c>
      <c r="L1268">
        <f t="shared" si="156"/>
        <v>1.5548284506590317</v>
      </c>
      <c r="M1268">
        <f t="shared" si="157"/>
        <v>0</v>
      </c>
      <c r="N1268" s="45">
        <f t="shared" si="158"/>
        <v>44978.416666663674</v>
      </c>
    </row>
    <row r="1269" spans="2:14" x14ac:dyDescent="0.25">
      <c r="B1269">
        <f t="shared" si="152"/>
        <v>2</v>
      </c>
      <c r="C1269" s="16">
        <v>1235</v>
      </c>
      <c r="D1269" cm="1">
        <f t="array" ref="D1269">IFERROR(INDEX(Jesper!AH$2:AH$366,ROUNDDOWN($C1269/24,0)+1,1)*INDEX($D$3:$AA$30,INDEX(Jesper!$R$2:$R$366,ROW(INDEX(Jesper!AH$2:AH$366,ROUNDDOWN($C1269/24,0)+1,1))-1)+IF('Standard Profiles'!$G$18=$B$10,7,0)+IF('Standard Profiles'!$G$18=$B$17,14,0)+IF('Standard Profiles'!$G$18=$B$24,21,0),MOD($C1269,24)+1)/SUM(INDEX($D$3:$AA$30,INDEX(Jesper!$R$2:$R$366,ROW(INDEX(Jesper!AH$2:AH$366,ROUNDDOWN($C1269/24,0)+1,1))-1)+IF('Standard Profiles'!$G$18=$B$10,7,0)+IF('Standard Profiles'!$G$18=$B$17,14,0)+IF('Standard Profiles'!$G$18=$B$24,21,0),0)),0)</f>
        <v>34.883971649401346</v>
      </c>
      <c r="E1269" cm="1">
        <f t="array" ref="E1269">IFERROR(INDEX(Jesper!AI$2:AI$366,ROUNDDOWN($C1269/24,0)+1,1)*INDEX($D$3:$AA$30,INDEX(Jesper!$R$2:$R$366,ROW(INDEX(Jesper!AI$2:AI$366,ROUNDDOWN($C1269/24,0)+1,1))-1)+IF('Standard Profiles'!$G$19=$B$10,7,0)+IF('Standard Profiles'!$G$19=$B$17,14,0)+IF('Standard Profiles'!$G$19=$B$24,21,0),MOD($C1269,24)+1)/SUM(INDEX($D$3:$AA$30,INDEX(Jesper!$R$2:$R$366,ROW(INDEX(Jesper!AI$2:AI$366,ROUNDDOWN($C1269/24,0)+1,1))-1)+IF('Standard Profiles'!$G$19=$B$10,7,0)+IF('Standard Profiles'!$G$19=$B$17,14,0)+IF('Standard Profiles'!$G$19=$B$24,21,0),0)),0)</f>
        <v>25.795946667748407</v>
      </c>
      <c r="F1269" cm="1">
        <f t="array" ref="F1269">IFERROR(INDEX(Jesper!AJ$2:AJ$366,ROUNDDOWN($C1269/24,0)+1,1)*INDEX($D$3:$AA$30,INDEX(Jesper!$R$2:$R$366,ROW(INDEX(Jesper!AJ$2:AJ$366,ROUNDDOWN($C1269/24,0)+1,1))-1)+IF('Standard Profiles'!$G$20=$B$10,7,0)+IF('Standard Profiles'!$G$20=$B$17,14,0)+IF('Standard Profiles'!$G$20=$B$24,21,0),MOD($C1269,24)+1)/SUM(INDEX($D$3:$AA$30,INDEX(Jesper!$R$2:$R$366,ROW(INDEX(Jesper!AJ$2:AJ$366,ROUNDDOWN($C1269/24,0)+1,1))-1)+IF('Standard Profiles'!$G$20=$B$10,7,0)+IF('Standard Profiles'!$G$20=$B$17,14,0)+IF('Standard Profiles'!$G$20=$B$24,21,0),0)),0)</f>
        <v>0</v>
      </c>
      <c r="G1269" cm="1">
        <f t="array" ref="G1269">IFERROR(INDEX(Jesper!AK$2:AK$366,ROUNDDOWN($C1269/24,0)+1,1)*INDEX($D$3:$AA$30,INDEX(Jesper!$R$2:$R$366,ROW(INDEX(Jesper!AK$2:AK$366,ROUNDDOWN($C1269/24,0)+1,1))-1)+IF('Standard Profiles'!$G$21=$B$10,7,0)+IF('Standard Profiles'!$G$21=$B$17,14,0)+IF('Standard Profiles'!$G$21=$B$24,21,0),MOD($C1269,24)+1)/SUM(INDEX($D$3:$AA$30,INDEX(Jesper!$R$2:$R$366,ROW(INDEX(Jesper!AK$2:AK$366,ROUNDDOWN($C1269/24,0)+1,1))-1)+IF('Standard Profiles'!$G$21=$B$10,7,0)+IF('Standard Profiles'!$G$21=$B$17,14,0)+IF('Standard Profiles'!$G$21=$B$24,21,0),0)),0)</f>
        <v>5.4338863855417374</v>
      </c>
      <c r="H1269" cm="1">
        <f t="array" ref="H1269">IFERROR(INDEX(Jesper!AL$2:AL$366,ROUNDDOWN($C1269/24,0)+1,1)*INDEX($D$3:$AA$30,INDEX(Jesper!$R$2:$R$366,ROW(INDEX(Jesper!AL$2:AL$366,ROUNDDOWN($C1269/24,0)+1,1))-1)+IF('Standard Profiles'!$G$22=$B$10,7,0)+IF('Standard Profiles'!$G$22=$B$17,14,0)+IF('Standard Profiles'!$G$22=$B$24,21,0),MOD($C1269,24)+1)/SUM(INDEX($D$3:$AA$30,INDEX(Jesper!$R$2:$R$366,ROW(INDEX(Jesper!AL$2:AL$366,ROUNDDOWN($C1269/24,0)+1,1))-1)+IF('Standard Profiles'!$G$22=$B$10,7,0)+IF('Standard Profiles'!$G$22=$B$17,14,0)+IF('Standard Profiles'!$G$22=$B$24,21,0),0)),0)</f>
        <v>0</v>
      </c>
      <c r="I1269">
        <f t="shared" si="153"/>
        <v>2.6082654650600325</v>
      </c>
      <c r="J1269">
        <f t="shared" si="154"/>
        <v>57.924103773727239</v>
      </c>
      <c r="K1269">
        <f t="shared" si="155"/>
        <v>3.7209569759361436</v>
      </c>
      <c r="L1269">
        <f t="shared" si="156"/>
        <v>1.8604784879680718</v>
      </c>
      <c r="M1269">
        <f t="shared" si="157"/>
        <v>0</v>
      </c>
      <c r="N1269" s="45">
        <f t="shared" si="158"/>
        <v>44978.458333330338</v>
      </c>
    </row>
    <row r="1270" spans="2:14" x14ac:dyDescent="0.25">
      <c r="B1270">
        <f t="shared" si="152"/>
        <v>2</v>
      </c>
      <c r="C1270" s="16">
        <v>1236</v>
      </c>
      <c r="D1270" cm="1">
        <f t="array" ref="D1270">IFERROR(INDEX(Jesper!AH$2:AH$366,ROUNDDOWN($C1270/24,0)+1,1)*INDEX($D$3:$AA$30,INDEX(Jesper!$R$2:$R$366,ROW(INDEX(Jesper!AH$2:AH$366,ROUNDDOWN($C1270/24,0)+1,1))-1)+IF('Standard Profiles'!$G$18=$B$10,7,0)+IF('Standard Profiles'!$G$18=$B$17,14,0)+IF('Standard Profiles'!$G$18=$B$24,21,0),MOD($C1270,24)+1)/SUM(INDEX($D$3:$AA$30,INDEX(Jesper!$R$2:$R$366,ROW(INDEX(Jesper!AH$2:AH$366,ROUNDDOWN($C1270/24,0)+1,1))-1)+IF('Standard Profiles'!$G$18=$B$10,7,0)+IF('Standard Profiles'!$G$18=$B$17,14,0)+IF('Standard Profiles'!$G$18=$B$24,21,0),0)),0)</f>
        <v>34.883971649401346</v>
      </c>
      <c r="E1270" cm="1">
        <f t="array" ref="E1270">IFERROR(INDEX(Jesper!AI$2:AI$366,ROUNDDOWN($C1270/24,0)+1,1)*INDEX($D$3:$AA$30,INDEX(Jesper!$R$2:$R$366,ROW(INDEX(Jesper!AI$2:AI$366,ROUNDDOWN($C1270/24,0)+1,1))-1)+IF('Standard Profiles'!$G$19=$B$10,7,0)+IF('Standard Profiles'!$G$19=$B$17,14,0)+IF('Standard Profiles'!$G$19=$B$24,21,0),MOD($C1270,24)+1)/SUM(INDEX($D$3:$AA$30,INDEX(Jesper!$R$2:$R$366,ROW(INDEX(Jesper!AI$2:AI$366,ROUNDDOWN($C1270/24,0)+1,1))-1)+IF('Standard Profiles'!$G$19=$B$10,7,0)+IF('Standard Profiles'!$G$19=$B$17,14,0)+IF('Standard Profiles'!$G$19=$B$24,21,0),0)),0)</f>
        <v>25.795946667748407</v>
      </c>
      <c r="F1270" cm="1">
        <f t="array" ref="F1270">IFERROR(INDEX(Jesper!AJ$2:AJ$366,ROUNDDOWN($C1270/24,0)+1,1)*INDEX($D$3:$AA$30,INDEX(Jesper!$R$2:$R$366,ROW(INDEX(Jesper!AJ$2:AJ$366,ROUNDDOWN($C1270/24,0)+1,1))-1)+IF('Standard Profiles'!$G$20=$B$10,7,0)+IF('Standard Profiles'!$G$20=$B$17,14,0)+IF('Standard Profiles'!$G$20=$B$24,21,0),MOD($C1270,24)+1)/SUM(INDEX($D$3:$AA$30,INDEX(Jesper!$R$2:$R$366,ROW(INDEX(Jesper!AJ$2:AJ$366,ROUNDDOWN($C1270/24,0)+1,1))-1)+IF('Standard Profiles'!$G$20=$B$10,7,0)+IF('Standard Profiles'!$G$20=$B$17,14,0)+IF('Standard Profiles'!$G$20=$B$24,21,0),0)),0)</f>
        <v>0</v>
      </c>
      <c r="G1270" cm="1">
        <f t="array" ref="G1270">IFERROR(INDEX(Jesper!AK$2:AK$366,ROUNDDOWN($C1270/24,0)+1,1)*INDEX($D$3:$AA$30,INDEX(Jesper!$R$2:$R$366,ROW(INDEX(Jesper!AK$2:AK$366,ROUNDDOWN($C1270/24,0)+1,1))-1)+IF('Standard Profiles'!$G$21=$B$10,7,0)+IF('Standard Profiles'!$G$21=$B$17,14,0)+IF('Standard Profiles'!$G$21=$B$24,21,0),MOD($C1270,24)+1)/SUM(INDEX($D$3:$AA$30,INDEX(Jesper!$R$2:$R$366,ROW(INDEX(Jesper!AK$2:AK$366,ROUNDDOWN($C1270/24,0)+1,1))-1)+IF('Standard Profiles'!$G$21=$B$10,7,0)+IF('Standard Profiles'!$G$21=$B$17,14,0)+IF('Standard Profiles'!$G$21=$B$24,21,0),0)),0)</f>
        <v>5.4338863855417374</v>
      </c>
      <c r="H1270" cm="1">
        <f t="array" ref="H1270">IFERROR(INDEX(Jesper!AL$2:AL$366,ROUNDDOWN($C1270/24,0)+1,1)*INDEX($D$3:$AA$30,INDEX(Jesper!$R$2:$R$366,ROW(INDEX(Jesper!AL$2:AL$366,ROUNDDOWN($C1270/24,0)+1,1))-1)+IF('Standard Profiles'!$G$22=$B$10,7,0)+IF('Standard Profiles'!$G$22=$B$17,14,0)+IF('Standard Profiles'!$G$22=$B$24,21,0),MOD($C1270,24)+1)/SUM(INDEX($D$3:$AA$30,INDEX(Jesper!$R$2:$R$366,ROW(INDEX(Jesper!AL$2:AL$366,ROUNDDOWN($C1270/24,0)+1,1))-1)+IF('Standard Profiles'!$G$22=$B$10,7,0)+IF('Standard Profiles'!$G$22=$B$17,14,0)+IF('Standard Profiles'!$G$22=$B$24,21,0),0)),0)</f>
        <v>0</v>
      </c>
      <c r="I1270">
        <f t="shared" si="153"/>
        <v>2.6082654650600325</v>
      </c>
      <c r="J1270">
        <f t="shared" si="154"/>
        <v>57.924103773727239</v>
      </c>
      <c r="K1270">
        <f t="shared" si="155"/>
        <v>3.7209569759361436</v>
      </c>
      <c r="L1270">
        <f t="shared" si="156"/>
        <v>1.8604784879680718</v>
      </c>
      <c r="M1270">
        <f t="shared" si="157"/>
        <v>0</v>
      </c>
      <c r="N1270" s="45">
        <f t="shared" si="158"/>
        <v>44978.499999997002</v>
      </c>
    </row>
    <row r="1271" spans="2:14" x14ac:dyDescent="0.25">
      <c r="B1271">
        <f t="shared" si="152"/>
        <v>2</v>
      </c>
      <c r="C1271" s="16">
        <v>1237</v>
      </c>
      <c r="D1271" cm="1">
        <f t="array" ref="D1271">IFERROR(INDEX(Jesper!AH$2:AH$366,ROUNDDOWN($C1271/24,0)+1,1)*INDEX($D$3:$AA$30,INDEX(Jesper!$R$2:$R$366,ROW(INDEX(Jesper!AH$2:AH$366,ROUNDDOWN($C1271/24,0)+1,1))-1)+IF('Standard Profiles'!$G$18=$B$10,7,0)+IF('Standard Profiles'!$G$18=$B$17,14,0)+IF('Standard Profiles'!$G$18=$B$24,21,0),MOD($C1271,24)+1)/SUM(INDEX($D$3:$AA$30,INDEX(Jesper!$R$2:$R$366,ROW(INDEX(Jesper!AH$2:AH$366,ROUNDDOWN($C1271/24,0)+1,1))-1)+IF('Standard Profiles'!$G$18=$B$10,7,0)+IF('Standard Profiles'!$G$18=$B$17,14,0)+IF('Standard Profiles'!$G$18=$B$24,21,0),0)),0)</f>
        <v>23.17292402424518</v>
      </c>
      <c r="E1271" cm="1">
        <f t="array" ref="E1271">IFERROR(INDEX(Jesper!AI$2:AI$366,ROUNDDOWN($C1271/24,0)+1,1)*INDEX($D$3:$AA$30,INDEX(Jesper!$R$2:$R$366,ROW(INDEX(Jesper!AI$2:AI$366,ROUNDDOWN($C1271/24,0)+1,1))-1)+IF('Standard Profiles'!$G$19=$B$10,7,0)+IF('Standard Profiles'!$G$19=$B$17,14,0)+IF('Standard Profiles'!$G$19=$B$24,21,0),MOD($C1271,24)+1)/SUM(INDEX($D$3:$AA$30,INDEX(Jesper!$R$2:$R$366,ROW(INDEX(Jesper!AI$2:AI$366,ROUNDDOWN($C1271/24,0)+1,1))-1)+IF('Standard Profiles'!$G$19=$B$10,7,0)+IF('Standard Profiles'!$G$19=$B$17,14,0)+IF('Standard Profiles'!$G$19=$B$24,21,0),0)),0)</f>
        <v>17.135878857861442</v>
      </c>
      <c r="F1271" cm="1">
        <f t="array" ref="F1271">IFERROR(INDEX(Jesper!AJ$2:AJ$366,ROUNDDOWN($C1271/24,0)+1,1)*INDEX($D$3:$AA$30,INDEX(Jesper!$R$2:$R$366,ROW(INDEX(Jesper!AJ$2:AJ$366,ROUNDDOWN($C1271/24,0)+1,1))-1)+IF('Standard Profiles'!$G$20=$B$10,7,0)+IF('Standard Profiles'!$G$20=$B$17,14,0)+IF('Standard Profiles'!$G$20=$B$24,21,0),MOD($C1271,24)+1)/SUM(INDEX($D$3:$AA$30,INDEX(Jesper!$R$2:$R$366,ROW(INDEX(Jesper!AJ$2:AJ$366,ROUNDDOWN($C1271/24,0)+1,1))-1)+IF('Standard Profiles'!$G$20=$B$10,7,0)+IF('Standard Profiles'!$G$20=$B$17,14,0)+IF('Standard Profiles'!$G$20=$B$24,21,0),0)),0)</f>
        <v>0</v>
      </c>
      <c r="G1271" cm="1">
        <f t="array" ref="G1271">IFERROR(INDEX(Jesper!AK$2:AK$366,ROUNDDOWN($C1271/24,0)+1,1)*INDEX($D$3:$AA$30,INDEX(Jesper!$R$2:$R$366,ROW(INDEX(Jesper!AK$2:AK$366,ROUNDDOWN($C1271/24,0)+1,1))-1)+IF('Standard Profiles'!$G$21=$B$10,7,0)+IF('Standard Profiles'!$G$21=$B$17,14,0)+IF('Standard Profiles'!$G$21=$B$24,21,0),MOD($C1271,24)+1)/SUM(INDEX($D$3:$AA$30,INDEX(Jesper!$R$2:$R$366,ROW(INDEX(Jesper!AK$2:AK$366,ROUNDDOWN($C1271/24,0)+1,1))-1)+IF('Standard Profiles'!$G$21=$B$10,7,0)+IF('Standard Profiles'!$G$21=$B$17,14,0)+IF('Standard Profiles'!$G$21=$B$24,21,0),0)),0)</f>
        <v>3.6096530989670104</v>
      </c>
      <c r="H1271" cm="1">
        <f t="array" ref="H1271">IFERROR(INDEX(Jesper!AL$2:AL$366,ROUNDDOWN($C1271/24,0)+1,1)*INDEX($D$3:$AA$30,INDEX(Jesper!$R$2:$R$366,ROW(INDEX(Jesper!AL$2:AL$366,ROUNDDOWN($C1271/24,0)+1,1))-1)+IF('Standard Profiles'!$G$22=$B$10,7,0)+IF('Standard Profiles'!$G$22=$B$17,14,0)+IF('Standard Profiles'!$G$22=$B$24,21,0),MOD($C1271,24)+1)/SUM(INDEX($D$3:$AA$30,INDEX(Jesper!$R$2:$R$366,ROW(INDEX(Jesper!AL$2:AL$366,ROUNDDOWN($C1271/24,0)+1,1))-1)+IF('Standard Profiles'!$G$22=$B$10,7,0)+IF('Standard Profiles'!$G$22=$B$17,14,0)+IF('Standard Profiles'!$G$22=$B$24,21,0),0)),0)</f>
        <v>0</v>
      </c>
      <c r="I1271">
        <f t="shared" si="153"/>
        <v>1.732633487504164</v>
      </c>
      <c r="J1271">
        <f t="shared" si="154"/>
        <v>38.478154649690246</v>
      </c>
      <c r="K1271">
        <f t="shared" si="155"/>
        <v>2.4717785625861528</v>
      </c>
      <c r="L1271">
        <f t="shared" si="156"/>
        <v>1.2358892812930764</v>
      </c>
      <c r="M1271">
        <f t="shared" si="157"/>
        <v>0</v>
      </c>
      <c r="N1271" s="45">
        <f t="shared" si="158"/>
        <v>44978.541666663667</v>
      </c>
    </row>
    <row r="1272" spans="2:14" x14ac:dyDescent="0.25">
      <c r="B1272">
        <f t="shared" si="152"/>
        <v>2</v>
      </c>
      <c r="C1272" s="16">
        <v>1238</v>
      </c>
      <c r="D1272" cm="1">
        <f t="array" ref="D1272">IFERROR(INDEX(Jesper!AH$2:AH$366,ROUNDDOWN($C1272/24,0)+1,1)*INDEX($D$3:$AA$30,INDEX(Jesper!$R$2:$R$366,ROW(INDEX(Jesper!AH$2:AH$366,ROUNDDOWN($C1272/24,0)+1,1))-1)+IF('Standard Profiles'!$G$18=$B$10,7,0)+IF('Standard Profiles'!$G$18=$B$17,14,0)+IF('Standard Profiles'!$G$18=$B$24,21,0),MOD($C1272,24)+1)/SUM(INDEX($D$3:$AA$30,INDEX(Jesper!$R$2:$R$366,ROW(INDEX(Jesper!AH$2:AH$366,ROUNDDOWN($C1272/24,0)+1,1))-1)+IF('Standard Profiles'!$G$18=$B$10,7,0)+IF('Standard Profiles'!$G$18=$B$17,14,0)+IF('Standard Profiles'!$G$18=$B$24,21,0),0)),0)</f>
        <v>34.883971649401346</v>
      </c>
      <c r="E1272" cm="1">
        <f t="array" ref="E1272">IFERROR(INDEX(Jesper!AI$2:AI$366,ROUNDDOWN($C1272/24,0)+1,1)*INDEX($D$3:$AA$30,INDEX(Jesper!$R$2:$R$366,ROW(INDEX(Jesper!AI$2:AI$366,ROUNDDOWN($C1272/24,0)+1,1))-1)+IF('Standard Profiles'!$G$19=$B$10,7,0)+IF('Standard Profiles'!$G$19=$B$17,14,0)+IF('Standard Profiles'!$G$19=$B$24,21,0),MOD($C1272,24)+1)/SUM(INDEX($D$3:$AA$30,INDEX(Jesper!$R$2:$R$366,ROW(INDEX(Jesper!AI$2:AI$366,ROUNDDOWN($C1272/24,0)+1,1))-1)+IF('Standard Profiles'!$G$19=$B$10,7,0)+IF('Standard Profiles'!$G$19=$B$17,14,0)+IF('Standard Profiles'!$G$19=$B$24,21,0),0)),0)</f>
        <v>25.795946667748407</v>
      </c>
      <c r="F1272" cm="1">
        <f t="array" ref="F1272">IFERROR(INDEX(Jesper!AJ$2:AJ$366,ROUNDDOWN($C1272/24,0)+1,1)*INDEX($D$3:$AA$30,INDEX(Jesper!$R$2:$R$366,ROW(INDEX(Jesper!AJ$2:AJ$366,ROUNDDOWN($C1272/24,0)+1,1))-1)+IF('Standard Profiles'!$G$20=$B$10,7,0)+IF('Standard Profiles'!$G$20=$B$17,14,0)+IF('Standard Profiles'!$G$20=$B$24,21,0),MOD($C1272,24)+1)/SUM(INDEX($D$3:$AA$30,INDEX(Jesper!$R$2:$R$366,ROW(INDEX(Jesper!AJ$2:AJ$366,ROUNDDOWN($C1272/24,0)+1,1))-1)+IF('Standard Profiles'!$G$20=$B$10,7,0)+IF('Standard Profiles'!$G$20=$B$17,14,0)+IF('Standard Profiles'!$G$20=$B$24,21,0),0)),0)</f>
        <v>0</v>
      </c>
      <c r="G1272" cm="1">
        <f t="array" ref="G1272">IFERROR(INDEX(Jesper!AK$2:AK$366,ROUNDDOWN($C1272/24,0)+1,1)*INDEX($D$3:$AA$30,INDEX(Jesper!$R$2:$R$366,ROW(INDEX(Jesper!AK$2:AK$366,ROUNDDOWN($C1272/24,0)+1,1))-1)+IF('Standard Profiles'!$G$21=$B$10,7,0)+IF('Standard Profiles'!$G$21=$B$17,14,0)+IF('Standard Profiles'!$G$21=$B$24,21,0),MOD($C1272,24)+1)/SUM(INDEX($D$3:$AA$30,INDEX(Jesper!$R$2:$R$366,ROW(INDEX(Jesper!AK$2:AK$366,ROUNDDOWN($C1272/24,0)+1,1))-1)+IF('Standard Profiles'!$G$21=$B$10,7,0)+IF('Standard Profiles'!$G$21=$B$17,14,0)+IF('Standard Profiles'!$G$21=$B$24,21,0),0)),0)</f>
        <v>5.4338863855417374</v>
      </c>
      <c r="H1272" cm="1">
        <f t="array" ref="H1272">IFERROR(INDEX(Jesper!AL$2:AL$366,ROUNDDOWN($C1272/24,0)+1,1)*INDEX($D$3:$AA$30,INDEX(Jesper!$R$2:$R$366,ROW(INDEX(Jesper!AL$2:AL$366,ROUNDDOWN($C1272/24,0)+1,1))-1)+IF('Standard Profiles'!$G$22=$B$10,7,0)+IF('Standard Profiles'!$G$22=$B$17,14,0)+IF('Standard Profiles'!$G$22=$B$24,21,0),MOD($C1272,24)+1)/SUM(INDEX($D$3:$AA$30,INDEX(Jesper!$R$2:$R$366,ROW(INDEX(Jesper!AL$2:AL$366,ROUNDDOWN($C1272/24,0)+1,1))-1)+IF('Standard Profiles'!$G$22=$B$10,7,0)+IF('Standard Profiles'!$G$22=$B$17,14,0)+IF('Standard Profiles'!$G$22=$B$24,21,0),0)),0)</f>
        <v>0</v>
      </c>
      <c r="I1272">
        <f t="shared" si="153"/>
        <v>2.6082654650600325</v>
      </c>
      <c r="J1272">
        <f t="shared" si="154"/>
        <v>57.924103773727239</v>
      </c>
      <c r="K1272">
        <f t="shared" si="155"/>
        <v>3.7209569759361436</v>
      </c>
      <c r="L1272">
        <f t="shared" si="156"/>
        <v>1.8604784879680718</v>
      </c>
      <c r="M1272">
        <f t="shared" si="157"/>
        <v>0</v>
      </c>
      <c r="N1272" s="45">
        <f t="shared" si="158"/>
        <v>44978.583333330331</v>
      </c>
    </row>
    <row r="1273" spans="2:14" x14ac:dyDescent="0.25">
      <c r="B1273">
        <f t="shared" si="152"/>
        <v>2</v>
      </c>
      <c r="C1273" s="16">
        <v>1239</v>
      </c>
      <c r="D1273" cm="1">
        <f t="array" ref="D1273">IFERROR(INDEX(Jesper!AH$2:AH$366,ROUNDDOWN($C1273/24,0)+1,1)*INDEX($D$3:$AA$30,INDEX(Jesper!$R$2:$R$366,ROW(INDEX(Jesper!AH$2:AH$366,ROUNDDOWN($C1273/24,0)+1,1))-1)+IF('Standard Profiles'!$G$18=$B$10,7,0)+IF('Standard Profiles'!$G$18=$B$17,14,0)+IF('Standard Profiles'!$G$18=$B$24,21,0),MOD($C1273,24)+1)/SUM(INDEX($D$3:$AA$30,INDEX(Jesper!$R$2:$R$366,ROW(INDEX(Jesper!AH$2:AH$366,ROUNDDOWN($C1273/24,0)+1,1))-1)+IF('Standard Profiles'!$G$18=$B$10,7,0)+IF('Standard Profiles'!$G$18=$B$17,14,0)+IF('Standard Profiles'!$G$18=$B$24,21,0),0)),0)</f>
        <v>34.883971649401346</v>
      </c>
      <c r="E1273" cm="1">
        <f t="array" ref="E1273">IFERROR(INDEX(Jesper!AI$2:AI$366,ROUNDDOWN($C1273/24,0)+1,1)*INDEX($D$3:$AA$30,INDEX(Jesper!$R$2:$R$366,ROW(INDEX(Jesper!AI$2:AI$366,ROUNDDOWN($C1273/24,0)+1,1))-1)+IF('Standard Profiles'!$G$19=$B$10,7,0)+IF('Standard Profiles'!$G$19=$B$17,14,0)+IF('Standard Profiles'!$G$19=$B$24,21,0),MOD($C1273,24)+1)/SUM(INDEX($D$3:$AA$30,INDEX(Jesper!$R$2:$R$366,ROW(INDEX(Jesper!AI$2:AI$366,ROUNDDOWN($C1273/24,0)+1,1))-1)+IF('Standard Profiles'!$G$19=$B$10,7,0)+IF('Standard Profiles'!$G$19=$B$17,14,0)+IF('Standard Profiles'!$G$19=$B$24,21,0),0)),0)</f>
        <v>25.795946667748407</v>
      </c>
      <c r="F1273" cm="1">
        <f t="array" ref="F1273">IFERROR(INDEX(Jesper!AJ$2:AJ$366,ROUNDDOWN($C1273/24,0)+1,1)*INDEX($D$3:$AA$30,INDEX(Jesper!$R$2:$R$366,ROW(INDEX(Jesper!AJ$2:AJ$366,ROUNDDOWN($C1273/24,0)+1,1))-1)+IF('Standard Profiles'!$G$20=$B$10,7,0)+IF('Standard Profiles'!$G$20=$B$17,14,0)+IF('Standard Profiles'!$G$20=$B$24,21,0),MOD($C1273,24)+1)/SUM(INDEX($D$3:$AA$30,INDEX(Jesper!$R$2:$R$366,ROW(INDEX(Jesper!AJ$2:AJ$366,ROUNDDOWN($C1273/24,0)+1,1))-1)+IF('Standard Profiles'!$G$20=$B$10,7,0)+IF('Standard Profiles'!$G$20=$B$17,14,0)+IF('Standard Profiles'!$G$20=$B$24,21,0),0)),0)</f>
        <v>0</v>
      </c>
      <c r="G1273" cm="1">
        <f t="array" ref="G1273">IFERROR(INDEX(Jesper!AK$2:AK$366,ROUNDDOWN($C1273/24,0)+1,1)*INDEX($D$3:$AA$30,INDEX(Jesper!$R$2:$R$366,ROW(INDEX(Jesper!AK$2:AK$366,ROUNDDOWN($C1273/24,0)+1,1))-1)+IF('Standard Profiles'!$G$21=$B$10,7,0)+IF('Standard Profiles'!$G$21=$B$17,14,0)+IF('Standard Profiles'!$G$21=$B$24,21,0),MOD($C1273,24)+1)/SUM(INDEX($D$3:$AA$30,INDEX(Jesper!$R$2:$R$366,ROW(INDEX(Jesper!AK$2:AK$366,ROUNDDOWN($C1273/24,0)+1,1))-1)+IF('Standard Profiles'!$G$21=$B$10,7,0)+IF('Standard Profiles'!$G$21=$B$17,14,0)+IF('Standard Profiles'!$G$21=$B$24,21,0),0)),0)</f>
        <v>5.4338863855417374</v>
      </c>
      <c r="H1273" cm="1">
        <f t="array" ref="H1273">IFERROR(INDEX(Jesper!AL$2:AL$366,ROUNDDOWN($C1273/24,0)+1,1)*INDEX($D$3:$AA$30,INDEX(Jesper!$R$2:$R$366,ROW(INDEX(Jesper!AL$2:AL$366,ROUNDDOWN($C1273/24,0)+1,1))-1)+IF('Standard Profiles'!$G$22=$B$10,7,0)+IF('Standard Profiles'!$G$22=$B$17,14,0)+IF('Standard Profiles'!$G$22=$B$24,21,0),MOD($C1273,24)+1)/SUM(INDEX($D$3:$AA$30,INDEX(Jesper!$R$2:$R$366,ROW(INDEX(Jesper!AL$2:AL$366,ROUNDDOWN($C1273/24,0)+1,1))-1)+IF('Standard Profiles'!$G$22=$B$10,7,0)+IF('Standard Profiles'!$G$22=$B$17,14,0)+IF('Standard Profiles'!$G$22=$B$24,21,0),0)),0)</f>
        <v>0</v>
      </c>
      <c r="I1273">
        <f t="shared" si="153"/>
        <v>2.6082654650600325</v>
      </c>
      <c r="J1273">
        <f t="shared" si="154"/>
        <v>57.924103773727239</v>
      </c>
      <c r="K1273">
        <f t="shared" si="155"/>
        <v>3.7209569759361436</v>
      </c>
      <c r="L1273">
        <f t="shared" si="156"/>
        <v>1.8604784879680718</v>
      </c>
      <c r="M1273">
        <f t="shared" si="157"/>
        <v>0</v>
      </c>
      <c r="N1273" s="45">
        <f t="shared" si="158"/>
        <v>44978.624999996995</v>
      </c>
    </row>
    <row r="1274" spans="2:14" x14ac:dyDescent="0.25">
      <c r="B1274">
        <f t="shared" si="152"/>
        <v>2</v>
      </c>
      <c r="C1274" s="16">
        <v>1240</v>
      </c>
      <c r="D1274" cm="1">
        <f t="array" ref="D1274">IFERROR(INDEX(Jesper!AH$2:AH$366,ROUNDDOWN($C1274/24,0)+1,1)*INDEX($D$3:$AA$30,INDEX(Jesper!$R$2:$R$366,ROW(INDEX(Jesper!AH$2:AH$366,ROUNDDOWN($C1274/24,0)+1,1))-1)+IF('Standard Profiles'!$G$18=$B$10,7,0)+IF('Standard Profiles'!$G$18=$B$17,14,0)+IF('Standard Profiles'!$G$18=$B$24,21,0),MOD($C1274,24)+1)/SUM(INDEX($D$3:$AA$30,INDEX(Jesper!$R$2:$R$366,ROW(INDEX(Jesper!AH$2:AH$366,ROUNDDOWN($C1274/24,0)+1,1))-1)+IF('Standard Profiles'!$G$18=$B$10,7,0)+IF('Standard Profiles'!$G$18=$B$17,14,0)+IF('Standard Profiles'!$G$18=$B$24,21,0),0)),0)</f>
        <v>20.55662615054008</v>
      </c>
      <c r="E1274" cm="1">
        <f t="array" ref="E1274">IFERROR(INDEX(Jesper!AI$2:AI$366,ROUNDDOWN($C1274/24,0)+1,1)*INDEX($D$3:$AA$30,INDEX(Jesper!$R$2:$R$366,ROW(INDEX(Jesper!AI$2:AI$366,ROUNDDOWN($C1274/24,0)+1,1))-1)+IF('Standard Profiles'!$G$19=$B$10,7,0)+IF('Standard Profiles'!$G$19=$B$17,14,0)+IF('Standard Profiles'!$G$19=$B$24,21,0),MOD($C1274,24)+1)/SUM(INDEX($D$3:$AA$30,INDEX(Jesper!$R$2:$R$366,ROW(INDEX(Jesper!AI$2:AI$366,ROUNDDOWN($C1274/24,0)+1,1))-1)+IF('Standard Profiles'!$G$19=$B$10,7,0)+IF('Standard Profiles'!$G$19=$B$17,14,0)+IF('Standard Profiles'!$G$19=$B$24,21,0),0)),0)</f>
        <v>15.201182857780312</v>
      </c>
      <c r="F1274" cm="1">
        <f t="array" ref="F1274">IFERROR(INDEX(Jesper!AJ$2:AJ$366,ROUNDDOWN($C1274/24,0)+1,1)*INDEX($D$3:$AA$30,INDEX(Jesper!$R$2:$R$366,ROW(INDEX(Jesper!AJ$2:AJ$366,ROUNDDOWN($C1274/24,0)+1,1))-1)+IF('Standard Profiles'!$G$20=$B$10,7,0)+IF('Standard Profiles'!$G$20=$B$17,14,0)+IF('Standard Profiles'!$G$20=$B$24,21,0),MOD($C1274,24)+1)/SUM(INDEX($D$3:$AA$30,INDEX(Jesper!$R$2:$R$366,ROW(INDEX(Jesper!AJ$2:AJ$366,ROUNDDOWN($C1274/24,0)+1,1))-1)+IF('Standard Profiles'!$G$20=$B$10,7,0)+IF('Standard Profiles'!$G$20=$B$17,14,0)+IF('Standard Profiles'!$G$20=$B$24,21,0),0)),0)</f>
        <v>0</v>
      </c>
      <c r="G1274" cm="1">
        <f t="array" ref="G1274">IFERROR(INDEX(Jesper!AK$2:AK$366,ROUNDDOWN($C1274/24,0)+1,1)*INDEX($D$3:$AA$30,INDEX(Jesper!$R$2:$R$366,ROW(INDEX(Jesper!AK$2:AK$366,ROUNDDOWN($C1274/24,0)+1,1))-1)+IF('Standard Profiles'!$G$21=$B$10,7,0)+IF('Standard Profiles'!$G$21=$B$17,14,0)+IF('Standard Profiles'!$G$21=$B$24,21,0),MOD($C1274,24)+1)/SUM(INDEX($D$3:$AA$30,INDEX(Jesper!$R$2:$R$366,ROW(INDEX(Jesper!AK$2:AK$366,ROUNDDOWN($C1274/24,0)+1,1))-1)+IF('Standard Profiles'!$G$21=$B$10,7,0)+IF('Standard Profiles'!$G$21=$B$17,14,0)+IF('Standard Profiles'!$G$21=$B$24,21,0),0)),0)</f>
        <v>4.5420022979452206</v>
      </c>
      <c r="H1274" cm="1">
        <f t="array" ref="H1274">IFERROR(INDEX(Jesper!AL$2:AL$366,ROUNDDOWN($C1274/24,0)+1,1)*INDEX($D$3:$AA$30,INDEX(Jesper!$R$2:$R$366,ROW(INDEX(Jesper!AL$2:AL$366,ROUNDDOWN($C1274/24,0)+1,1))-1)+IF('Standard Profiles'!$G$22=$B$10,7,0)+IF('Standard Profiles'!$G$22=$B$17,14,0)+IF('Standard Profiles'!$G$22=$B$24,21,0),MOD($C1274,24)+1)/SUM(INDEX($D$3:$AA$30,INDEX(Jesper!$R$2:$R$366,ROW(INDEX(Jesper!AL$2:AL$366,ROUNDDOWN($C1274/24,0)+1,1))-1)+IF('Standard Profiles'!$G$22=$B$10,7,0)+IF('Standard Profiles'!$G$22=$B$17,14,0)+IF('Standard Profiles'!$G$22=$B$24,21,0),0)),0)</f>
        <v>0</v>
      </c>
      <c r="I1274">
        <f t="shared" si="153"/>
        <v>2.1801611030137047</v>
      </c>
      <c r="J1274">
        <f t="shared" si="154"/>
        <v>34.830590019165491</v>
      </c>
      <c r="K1274">
        <f t="shared" si="155"/>
        <v>2.1927067893909418</v>
      </c>
      <c r="L1274">
        <f t="shared" si="156"/>
        <v>1.0963533946954709</v>
      </c>
      <c r="M1274">
        <f t="shared" si="157"/>
        <v>0</v>
      </c>
      <c r="N1274" s="45">
        <f t="shared" si="158"/>
        <v>44978.666666663659</v>
      </c>
    </row>
    <row r="1275" spans="2:14" x14ac:dyDescent="0.25">
      <c r="B1275">
        <f t="shared" si="152"/>
        <v>2</v>
      </c>
      <c r="C1275" s="16">
        <v>1241</v>
      </c>
      <c r="D1275" cm="1">
        <f t="array" ref="D1275">IFERROR(INDEX(Jesper!AH$2:AH$366,ROUNDDOWN($C1275/24,0)+1,1)*INDEX($D$3:$AA$30,INDEX(Jesper!$R$2:$R$366,ROW(INDEX(Jesper!AH$2:AH$366,ROUNDDOWN($C1275/24,0)+1,1))-1)+IF('Standard Profiles'!$G$18=$B$10,7,0)+IF('Standard Profiles'!$G$18=$B$17,14,0)+IF('Standard Profiles'!$G$18=$B$24,21,0),MOD($C1275,24)+1)/SUM(INDEX($D$3:$AA$30,INDEX(Jesper!$R$2:$R$366,ROW(INDEX(Jesper!AH$2:AH$366,ROUNDDOWN($C1275/24,0)+1,1))-1)+IF('Standard Profiles'!$G$18=$B$10,7,0)+IF('Standard Profiles'!$G$18=$B$17,14,0)+IF('Standard Profiles'!$G$18=$B$24,21,0),0)),0)</f>
        <v>8.7736347206743837</v>
      </c>
      <c r="E1275" cm="1">
        <f t="array" ref="E1275">IFERROR(INDEX(Jesper!AI$2:AI$366,ROUNDDOWN($C1275/24,0)+1,1)*INDEX($D$3:$AA$30,INDEX(Jesper!$R$2:$R$366,ROW(INDEX(Jesper!AI$2:AI$366,ROUNDDOWN($C1275/24,0)+1,1))-1)+IF('Standard Profiles'!$G$19=$B$10,7,0)+IF('Standard Profiles'!$G$19=$B$17,14,0)+IF('Standard Profiles'!$G$19=$B$24,21,0),MOD($C1275,24)+1)/SUM(INDEX($D$3:$AA$30,INDEX(Jesper!$R$2:$R$366,ROW(INDEX(Jesper!AI$2:AI$366,ROUNDDOWN($C1275/24,0)+1,1))-1)+IF('Standard Profiles'!$G$19=$B$10,7,0)+IF('Standard Profiles'!$G$19=$B$17,14,0)+IF('Standard Profiles'!$G$19=$B$24,21,0),0)),0)</f>
        <v>6.4879141518481918</v>
      </c>
      <c r="F1275" cm="1">
        <f t="array" ref="F1275">IFERROR(INDEX(Jesper!AJ$2:AJ$366,ROUNDDOWN($C1275/24,0)+1,1)*INDEX($D$3:$AA$30,INDEX(Jesper!$R$2:$R$366,ROW(INDEX(Jesper!AJ$2:AJ$366,ROUNDDOWN($C1275/24,0)+1,1))-1)+IF('Standard Profiles'!$G$20=$B$10,7,0)+IF('Standard Profiles'!$G$20=$B$17,14,0)+IF('Standard Profiles'!$G$20=$B$24,21,0),MOD($C1275,24)+1)/SUM(INDEX($D$3:$AA$30,INDEX(Jesper!$R$2:$R$366,ROW(INDEX(Jesper!AJ$2:AJ$366,ROUNDDOWN($C1275/24,0)+1,1))-1)+IF('Standard Profiles'!$G$20=$B$10,7,0)+IF('Standard Profiles'!$G$20=$B$17,14,0)+IF('Standard Profiles'!$G$20=$B$24,21,0),0)),0)</f>
        <v>0</v>
      </c>
      <c r="G1275" cm="1">
        <f t="array" ref="G1275">IFERROR(INDEX(Jesper!AK$2:AK$366,ROUNDDOWN($C1275/24,0)+1,1)*INDEX($D$3:$AA$30,INDEX(Jesper!$R$2:$R$366,ROW(INDEX(Jesper!AK$2:AK$366,ROUNDDOWN($C1275/24,0)+1,1))-1)+IF('Standard Profiles'!$G$21=$B$10,7,0)+IF('Standard Profiles'!$G$21=$B$17,14,0)+IF('Standard Profiles'!$G$21=$B$24,21,0),MOD($C1275,24)+1)/SUM(INDEX($D$3:$AA$30,INDEX(Jesper!$R$2:$R$366,ROW(INDEX(Jesper!AK$2:AK$366,ROUNDDOWN($C1275/24,0)+1,1))-1)+IF('Standard Profiles'!$G$21=$B$10,7,0)+IF('Standard Profiles'!$G$21=$B$17,14,0)+IF('Standard Profiles'!$G$21=$B$24,21,0),0)),0)</f>
        <v>3.6088272803673842</v>
      </c>
      <c r="H1275" cm="1">
        <f t="array" ref="H1275">IFERROR(INDEX(Jesper!AL$2:AL$366,ROUNDDOWN($C1275/24,0)+1,1)*INDEX($D$3:$AA$30,INDEX(Jesper!$R$2:$R$366,ROW(INDEX(Jesper!AL$2:AL$366,ROUNDDOWN($C1275/24,0)+1,1))-1)+IF('Standard Profiles'!$G$22=$B$10,7,0)+IF('Standard Profiles'!$G$22=$B$17,14,0)+IF('Standard Profiles'!$G$22=$B$24,21,0),MOD($C1275,24)+1)/SUM(INDEX($D$3:$AA$30,INDEX(Jesper!$R$2:$R$366,ROW(INDEX(Jesper!AL$2:AL$366,ROUNDDOWN($C1275/24,0)+1,1))-1)+IF('Standard Profiles'!$G$22=$B$10,7,0)+IF('Standard Profiles'!$G$22=$B$17,14,0)+IF('Standard Profiles'!$G$22=$B$24,21,0),0)),0)</f>
        <v>0</v>
      </c>
      <c r="I1275">
        <f t="shared" si="153"/>
        <v>1.7322370945763435</v>
      </c>
      <c r="J1275">
        <f t="shared" si="154"/>
        <v>15.734357503005715</v>
      </c>
      <c r="K1275">
        <f t="shared" si="155"/>
        <v>0.93585437020526763</v>
      </c>
      <c r="L1275">
        <f t="shared" si="156"/>
        <v>0.46792718510263381</v>
      </c>
      <c r="M1275">
        <f t="shared" si="157"/>
        <v>0</v>
      </c>
      <c r="N1275" s="45">
        <f t="shared" si="158"/>
        <v>44978.708333330324</v>
      </c>
    </row>
    <row r="1276" spans="2:14" x14ac:dyDescent="0.25">
      <c r="B1276">
        <f t="shared" si="152"/>
        <v>2</v>
      </c>
      <c r="C1276" s="16">
        <v>1242</v>
      </c>
      <c r="D1276" cm="1">
        <f t="array" ref="D1276">IFERROR(INDEX(Jesper!AH$2:AH$366,ROUNDDOWN($C1276/24,0)+1,1)*INDEX($D$3:$AA$30,INDEX(Jesper!$R$2:$R$366,ROW(INDEX(Jesper!AH$2:AH$366,ROUNDDOWN($C1276/24,0)+1,1))-1)+IF('Standard Profiles'!$G$18=$B$10,7,0)+IF('Standard Profiles'!$G$18=$B$17,14,0)+IF('Standard Profiles'!$G$18=$B$24,21,0),MOD($C1276,24)+1)/SUM(INDEX($D$3:$AA$30,INDEX(Jesper!$R$2:$R$366,ROW(INDEX(Jesper!AH$2:AH$366,ROUNDDOWN($C1276/24,0)+1,1))-1)+IF('Standard Profiles'!$G$18=$B$10,7,0)+IF('Standard Profiles'!$G$18=$B$17,14,0)+IF('Standard Profiles'!$G$18=$B$24,21,0),0)),0)</f>
        <v>5.7905989156450923</v>
      </c>
      <c r="E1276" cm="1">
        <f t="array" ref="E1276">IFERROR(INDEX(Jesper!AI$2:AI$366,ROUNDDOWN($C1276/24,0)+1,1)*INDEX($D$3:$AA$30,INDEX(Jesper!$R$2:$R$366,ROW(INDEX(Jesper!AI$2:AI$366,ROUNDDOWN($C1276/24,0)+1,1))-1)+IF('Standard Profiles'!$G$19=$B$10,7,0)+IF('Standard Profiles'!$G$19=$B$17,14,0)+IF('Standard Profiles'!$G$19=$B$24,21,0),MOD($C1276,24)+1)/SUM(INDEX($D$3:$AA$30,INDEX(Jesper!$R$2:$R$366,ROW(INDEX(Jesper!AI$2:AI$366,ROUNDDOWN($C1276/24,0)+1,1))-1)+IF('Standard Profiles'!$G$19=$B$10,7,0)+IF('Standard Profiles'!$G$19=$B$17,14,0)+IF('Standard Profiles'!$G$19=$B$24,21,0),0)),0)</f>
        <v>4.2820233402198058</v>
      </c>
      <c r="F1276" cm="1">
        <f t="array" ref="F1276">IFERROR(INDEX(Jesper!AJ$2:AJ$366,ROUNDDOWN($C1276/24,0)+1,1)*INDEX($D$3:$AA$30,INDEX(Jesper!$R$2:$R$366,ROW(INDEX(Jesper!AJ$2:AJ$366,ROUNDDOWN($C1276/24,0)+1,1))-1)+IF('Standard Profiles'!$G$20=$B$10,7,0)+IF('Standard Profiles'!$G$20=$B$17,14,0)+IF('Standard Profiles'!$G$20=$B$24,21,0),MOD($C1276,24)+1)/SUM(INDEX($D$3:$AA$30,INDEX(Jesper!$R$2:$R$366,ROW(INDEX(Jesper!AJ$2:AJ$366,ROUNDDOWN($C1276/24,0)+1,1))-1)+IF('Standard Profiles'!$G$20=$B$10,7,0)+IF('Standard Profiles'!$G$20=$B$17,14,0)+IF('Standard Profiles'!$G$20=$B$24,21,0),0)),0)</f>
        <v>0</v>
      </c>
      <c r="G1276" cm="1">
        <f t="array" ref="G1276">IFERROR(INDEX(Jesper!AK$2:AK$366,ROUNDDOWN($C1276/24,0)+1,1)*INDEX($D$3:$AA$30,INDEX(Jesper!$R$2:$R$366,ROW(INDEX(Jesper!AK$2:AK$366,ROUNDDOWN($C1276/24,0)+1,1))-1)+IF('Standard Profiles'!$G$21=$B$10,7,0)+IF('Standard Profiles'!$G$21=$B$17,14,0)+IF('Standard Profiles'!$G$21=$B$24,21,0),MOD($C1276,24)+1)/SUM(INDEX($D$3:$AA$30,INDEX(Jesper!$R$2:$R$366,ROW(INDEX(Jesper!AK$2:AK$366,ROUNDDOWN($C1276/24,0)+1,1))-1)+IF('Standard Profiles'!$G$21=$B$10,7,0)+IF('Standard Profiles'!$G$21=$B$17,14,0)+IF('Standard Profiles'!$G$21=$B$24,21,0),0)),0)</f>
        <v>1.280018829420926</v>
      </c>
      <c r="H1276" cm="1">
        <f t="array" ref="H1276">IFERROR(INDEX(Jesper!AL$2:AL$366,ROUNDDOWN($C1276/24,0)+1,1)*INDEX($D$3:$AA$30,INDEX(Jesper!$R$2:$R$366,ROW(INDEX(Jesper!AL$2:AL$366,ROUNDDOWN($C1276/24,0)+1,1))-1)+IF('Standard Profiles'!$G$22=$B$10,7,0)+IF('Standard Profiles'!$G$22=$B$17,14,0)+IF('Standard Profiles'!$G$22=$B$24,21,0),MOD($C1276,24)+1)/SUM(INDEX($D$3:$AA$30,INDEX(Jesper!$R$2:$R$366,ROW(INDEX(Jesper!AL$2:AL$366,ROUNDDOWN($C1276/24,0)+1,1))-1)+IF('Standard Profiles'!$G$22=$B$10,7,0)+IF('Standard Profiles'!$G$22=$B$17,14,0)+IF('Standard Profiles'!$G$22=$B$24,21,0),0)),0)</f>
        <v>0</v>
      </c>
      <c r="I1276">
        <f t="shared" si="153"/>
        <v>0.61440903812204417</v>
      </c>
      <c r="J1276">
        <f t="shared" si="154"/>
        <v>9.8117362206605652</v>
      </c>
      <c r="K1276">
        <f t="shared" si="155"/>
        <v>0.61766388433547659</v>
      </c>
      <c r="L1276">
        <f t="shared" si="156"/>
        <v>0.30883194216773829</v>
      </c>
      <c r="M1276">
        <f t="shared" si="157"/>
        <v>0</v>
      </c>
      <c r="N1276" s="45">
        <f t="shared" si="158"/>
        <v>44978.749999996988</v>
      </c>
    </row>
    <row r="1277" spans="2:14" x14ac:dyDescent="0.25">
      <c r="B1277">
        <f t="shared" si="152"/>
        <v>2</v>
      </c>
      <c r="C1277" s="16">
        <v>1243</v>
      </c>
      <c r="D1277" cm="1">
        <f t="array" ref="D1277">IFERROR(INDEX(Jesper!AH$2:AH$366,ROUNDDOWN($C1277/24,0)+1,1)*INDEX($D$3:$AA$30,INDEX(Jesper!$R$2:$R$366,ROW(INDEX(Jesper!AH$2:AH$366,ROUNDDOWN($C1277/24,0)+1,1))-1)+IF('Standard Profiles'!$G$18=$B$10,7,0)+IF('Standard Profiles'!$G$18=$B$17,14,0)+IF('Standard Profiles'!$G$18=$B$24,21,0),MOD($C1277,24)+1)/SUM(INDEX($D$3:$AA$30,INDEX(Jesper!$R$2:$R$366,ROW(INDEX(Jesper!AH$2:AH$366,ROUNDDOWN($C1277/24,0)+1,1))-1)+IF('Standard Profiles'!$G$18=$B$10,7,0)+IF('Standard Profiles'!$G$18=$B$17,14,0)+IF('Standard Profiles'!$G$18=$B$24,21,0),0)),0)</f>
        <v>5.7905989156450923</v>
      </c>
      <c r="E1277" cm="1">
        <f t="array" ref="E1277">IFERROR(INDEX(Jesper!AI$2:AI$366,ROUNDDOWN($C1277/24,0)+1,1)*INDEX($D$3:$AA$30,INDEX(Jesper!$R$2:$R$366,ROW(INDEX(Jesper!AI$2:AI$366,ROUNDDOWN($C1277/24,0)+1,1))-1)+IF('Standard Profiles'!$G$19=$B$10,7,0)+IF('Standard Profiles'!$G$19=$B$17,14,0)+IF('Standard Profiles'!$G$19=$B$24,21,0),MOD($C1277,24)+1)/SUM(INDEX($D$3:$AA$30,INDEX(Jesper!$R$2:$R$366,ROW(INDEX(Jesper!AI$2:AI$366,ROUNDDOWN($C1277/24,0)+1,1))-1)+IF('Standard Profiles'!$G$19=$B$10,7,0)+IF('Standard Profiles'!$G$19=$B$17,14,0)+IF('Standard Profiles'!$G$19=$B$24,21,0),0)),0)</f>
        <v>4.2820233402198058</v>
      </c>
      <c r="F1277" cm="1">
        <f t="array" ref="F1277">IFERROR(INDEX(Jesper!AJ$2:AJ$366,ROUNDDOWN($C1277/24,0)+1,1)*INDEX($D$3:$AA$30,INDEX(Jesper!$R$2:$R$366,ROW(INDEX(Jesper!AJ$2:AJ$366,ROUNDDOWN($C1277/24,0)+1,1))-1)+IF('Standard Profiles'!$G$20=$B$10,7,0)+IF('Standard Profiles'!$G$20=$B$17,14,0)+IF('Standard Profiles'!$G$20=$B$24,21,0),MOD($C1277,24)+1)/SUM(INDEX($D$3:$AA$30,INDEX(Jesper!$R$2:$R$366,ROW(INDEX(Jesper!AJ$2:AJ$366,ROUNDDOWN($C1277/24,0)+1,1))-1)+IF('Standard Profiles'!$G$20=$B$10,7,0)+IF('Standard Profiles'!$G$20=$B$17,14,0)+IF('Standard Profiles'!$G$20=$B$24,21,0),0)),0)</f>
        <v>0</v>
      </c>
      <c r="G1277" cm="1">
        <f t="array" ref="G1277">IFERROR(INDEX(Jesper!AK$2:AK$366,ROUNDDOWN($C1277/24,0)+1,1)*INDEX($D$3:$AA$30,INDEX(Jesper!$R$2:$R$366,ROW(INDEX(Jesper!AK$2:AK$366,ROUNDDOWN($C1277/24,0)+1,1))-1)+IF('Standard Profiles'!$G$21=$B$10,7,0)+IF('Standard Profiles'!$G$21=$B$17,14,0)+IF('Standard Profiles'!$G$21=$B$24,21,0),MOD($C1277,24)+1)/SUM(INDEX($D$3:$AA$30,INDEX(Jesper!$R$2:$R$366,ROW(INDEX(Jesper!AK$2:AK$366,ROUNDDOWN($C1277/24,0)+1,1))-1)+IF('Standard Profiles'!$G$21=$B$10,7,0)+IF('Standard Profiles'!$G$21=$B$17,14,0)+IF('Standard Profiles'!$G$21=$B$24,21,0),0)),0)</f>
        <v>1.280018829420926</v>
      </c>
      <c r="H1277" cm="1">
        <f t="array" ref="H1277">IFERROR(INDEX(Jesper!AL$2:AL$366,ROUNDDOWN($C1277/24,0)+1,1)*INDEX($D$3:$AA$30,INDEX(Jesper!$R$2:$R$366,ROW(INDEX(Jesper!AL$2:AL$366,ROUNDDOWN($C1277/24,0)+1,1))-1)+IF('Standard Profiles'!$G$22=$B$10,7,0)+IF('Standard Profiles'!$G$22=$B$17,14,0)+IF('Standard Profiles'!$G$22=$B$24,21,0),MOD($C1277,24)+1)/SUM(INDEX($D$3:$AA$30,INDEX(Jesper!$R$2:$R$366,ROW(INDEX(Jesper!AL$2:AL$366,ROUNDDOWN($C1277/24,0)+1,1))-1)+IF('Standard Profiles'!$G$22=$B$10,7,0)+IF('Standard Profiles'!$G$22=$B$17,14,0)+IF('Standard Profiles'!$G$22=$B$24,21,0),0)),0)</f>
        <v>0</v>
      </c>
      <c r="I1277">
        <f t="shared" si="153"/>
        <v>0.61440903812204417</v>
      </c>
      <c r="J1277">
        <f t="shared" si="154"/>
        <v>9.8117362206605652</v>
      </c>
      <c r="K1277">
        <f t="shared" si="155"/>
        <v>0.61766388433547659</v>
      </c>
      <c r="L1277">
        <f t="shared" si="156"/>
        <v>0.30883194216773829</v>
      </c>
      <c r="M1277">
        <f t="shared" si="157"/>
        <v>0</v>
      </c>
      <c r="N1277" s="45">
        <f t="shared" si="158"/>
        <v>44978.791666663652</v>
      </c>
    </row>
    <row r="1278" spans="2:14" x14ac:dyDescent="0.25">
      <c r="B1278">
        <f t="shared" si="152"/>
        <v>2</v>
      </c>
      <c r="C1278" s="16">
        <v>1244</v>
      </c>
      <c r="D1278" cm="1">
        <f t="array" ref="D1278">IFERROR(INDEX(Jesper!AH$2:AH$366,ROUNDDOWN($C1278/24,0)+1,1)*INDEX($D$3:$AA$30,INDEX(Jesper!$R$2:$R$366,ROW(INDEX(Jesper!AH$2:AH$366,ROUNDDOWN($C1278/24,0)+1,1))-1)+IF('Standard Profiles'!$G$18=$B$10,7,0)+IF('Standard Profiles'!$G$18=$B$17,14,0)+IF('Standard Profiles'!$G$18=$B$24,21,0),MOD($C1278,24)+1)/SUM(INDEX($D$3:$AA$30,INDEX(Jesper!$R$2:$R$366,ROW(INDEX(Jesper!AH$2:AH$366,ROUNDDOWN($C1278/24,0)+1,1))-1)+IF('Standard Profiles'!$G$18=$B$10,7,0)+IF('Standard Profiles'!$G$18=$B$17,14,0)+IF('Standard Profiles'!$G$18=$B$24,21,0),0)),0)</f>
        <v>5.7905989156450923</v>
      </c>
      <c r="E1278" cm="1">
        <f t="array" ref="E1278">IFERROR(INDEX(Jesper!AI$2:AI$366,ROUNDDOWN($C1278/24,0)+1,1)*INDEX($D$3:$AA$30,INDEX(Jesper!$R$2:$R$366,ROW(INDEX(Jesper!AI$2:AI$366,ROUNDDOWN($C1278/24,0)+1,1))-1)+IF('Standard Profiles'!$G$19=$B$10,7,0)+IF('Standard Profiles'!$G$19=$B$17,14,0)+IF('Standard Profiles'!$G$19=$B$24,21,0),MOD($C1278,24)+1)/SUM(INDEX($D$3:$AA$30,INDEX(Jesper!$R$2:$R$366,ROW(INDEX(Jesper!AI$2:AI$366,ROUNDDOWN($C1278/24,0)+1,1))-1)+IF('Standard Profiles'!$G$19=$B$10,7,0)+IF('Standard Profiles'!$G$19=$B$17,14,0)+IF('Standard Profiles'!$G$19=$B$24,21,0),0)),0)</f>
        <v>4.2820233402198058</v>
      </c>
      <c r="F1278" cm="1">
        <f t="array" ref="F1278">IFERROR(INDEX(Jesper!AJ$2:AJ$366,ROUNDDOWN($C1278/24,0)+1,1)*INDEX($D$3:$AA$30,INDEX(Jesper!$R$2:$R$366,ROW(INDEX(Jesper!AJ$2:AJ$366,ROUNDDOWN($C1278/24,0)+1,1))-1)+IF('Standard Profiles'!$G$20=$B$10,7,0)+IF('Standard Profiles'!$G$20=$B$17,14,0)+IF('Standard Profiles'!$G$20=$B$24,21,0),MOD($C1278,24)+1)/SUM(INDEX($D$3:$AA$30,INDEX(Jesper!$R$2:$R$366,ROW(INDEX(Jesper!AJ$2:AJ$366,ROUNDDOWN($C1278/24,0)+1,1))-1)+IF('Standard Profiles'!$G$20=$B$10,7,0)+IF('Standard Profiles'!$G$20=$B$17,14,0)+IF('Standard Profiles'!$G$20=$B$24,21,0),0)),0)</f>
        <v>0</v>
      </c>
      <c r="G1278" cm="1">
        <f t="array" ref="G1278">IFERROR(INDEX(Jesper!AK$2:AK$366,ROUNDDOWN($C1278/24,0)+1,1)*INDEX($D$3:$AA$30,INDEX(Jesper!$R$2:$R$366,ROW(INDEX(Jesper!AK$2:AK$366,ROUNDDOWN($C1278/24,0)+1,1))-1)+IF('Standard Profiles'!$G$21=$B$10,7,0)+IF('Standard Profiles'!$G$21=$B$17,14,0)+IF('Standard Profiles'!$G$21=$B$24,21,0),MOD($C1278,24)+1)/SUM(INDEX($D$3:$AA$30,INDEX(Jesper!$R$2:$R$366,ROW(INDEX(Jesper!AK$2:AK$366,ROUNDDOWN($C1278/24,0)+1,1))-1)+IF('Standard Profiles'!$G$21=$B$10,7,0)+IF('Standard Profiles'!$G$21=$B$17,14,0)+IF('Standard Profiles'!$G$21=$B$24,21,0),0)),0)</f>
        <v>1.280018829420926</v>
      </c>
      <c r="H1278" cm="1">
        <f t="array" ref="H1278">IFERROR(INDEX(Jesper!AL$2:AL$366,ROUNDDOWN($C1278/24,0)+1,1)*INDEX($D$3:$AA$30,INDEX(Jesper!$R$2:$R$366,ROW(INDEX(Jesper!AL$2:AL$366,ROUNDDOWN($C1278/24,0)+1,1))-1)+IF('Standard Profiles'!$G$22=$B$10,7,0)+IF('Standard Profiles'!$G$22=$B$17,14,0)+IF('Standard Profiles'!$G$22=$B$24,21,0),MOD($C1278,24)+1)/SUM(INDEX($D$3:$AA$30,INDEX(Jesper!$R$2:$R$366,ROW(INDEX(Jesper!AL$2:AL$366,ROUNDDOWN($C1278/24,0)+1,1))-1)+IF('Standard Profiles'!$G$22=$B$10,7,0)+IF('Standard Profiles'!$G$22=$B$17,14,0)+IF('Standard Profiles'!$G$22=$B$24,21,0),0)),0)</f>
        <v>0</v>
      </c>
      <c r="I1278">
        <f t="shared" si="153"/>
        <v>0.61440903812204417</v>
      </c>
      <c r="J1278">
        <f t="shared" si="154"/>
        <v>9.8117362206605652</v>
      </c>
      <c r="K1278">
        <f t="shared" si="155"/>
        <v>0.61766388433547659</v>
      </c>
      <c r="L1278">
        <f t="shared" si="156"/>
        <v>0.30883194216773829</v>
      </c>
      <c r="M1278">
        <f t="shared" si="157"/>
        <v>0</v>
      </c>
      <c r="N1278" s="45">
        <f t="shared" si="158"/>
        <v>44978.833333330316</v>
      </c>
    </row>
    <row r="1279" spans="2:14" x14ac:dyDescent="0.25">
      <c r="B1279">
        <f t="shared" si="152"/>
        <v>2</v>
      </c>
      <c r="C1279" s="16">
        <v>1245</v>
      </c>
      <c r="D1279" cm="1">
        <f t="array" ref="D1279">IFERROR(INDEX(Jesper!AH$2:AH$366,ROUNDDOWN($C1279/24,0)+1,1)*INDEX($D$3:$AA$30,INDEX(Jesper!$R$2:$R$366,ROW(INDEX(Jesper!AH$2:AH$366,ROUNDDOWN($C1279/24,0)+1,1))-1)+IF('Standard Profiles'!$G$18=$B$10,7,0)+IF('Standard Profiles'!$G$18=$B$17,14,0)+IF('Standard Profiles'!$G$18=$B$24,21,0),MOD($C1279,24)+1)/SUM(INDEX($D$3:$AA$30,INDEX(Jesper!$R$2:$R$366,ROW(INDEX(Jesper!AH$2:AH$366,ROUNDDOWN($C1279/24,0)+1,1))-1)+IF('Standard Profiles'!$G$18=$B$10,7,0)+IF('Standard Profiles'!$G$18=$B$17,14,0)+IF('Standard Profiles'!$G$18=$B$24,21,0),0)),0)</f>
        <v>5.7905989156450923</v>
      </c>
      <c r="E1279" cm="1">
        <f t="array" ref="E1279">IFERROR(INDEX(Jesper!AI$2:AI$366,ROUNDDOWN($C1279/24,0)+1,1)*INDEX($D$3:$AA$30,INDEX(Jesper!$R$2:$R$366,ROW(INDEX(Jesper!AI$2:AI$366,ROUNDDOWN($C1279/24,0)+1,1))-1)+IF('Standard Profiles'!$G$19=$B$10,7,0)+IF('Standard Profiles'!$G$19=$B$17,14,0)+IF('Standard Profiles'!$G$19=$B$24,21,0),MOD($C1279,24)+1)/SUM(INDEX($D$3:$AA$30,INDEX(Jesper!$R$2:$R$366,ROW(INDEX(Jesper!AI$2:AI$366,ROUNDDOWN($C1279/24,0)+1,1))-1)+IF('Standard Profiles'!$G$19=$B$10,7,0)+IF('Standard Profiles'!$G$19=$B$17,14,0)+IF('Standard Profiles'!$G$19=$B$24,21,0),0)),0)</f>
        <v>4.2820233402198058</v>
      </c>
      <c r="F1279" cm="1">
        <f t="array" ref="F1279">IFERROR(INDEX(Jesper!AJ$2:AJ$366,ROUNDDOWN($C1279/24,0)+1,1)*INDEX($D$3:$AA$30,INDEX(Jesper!$R$2:$R$366,ROW(INDEX(Jesper!AJ$2:AJ$366,ROUNDDOWN($C1279/24,0)+1,1))-1)+IF('Standard Profiles'!$G$20=$B$10,7,0)+IF('Standard Profiles'!$G$20=$B$17,14,0)+IF('Standard Profiles'!$G$20=$B$24,21,0),MOD($C1279,24)+1)/SUM(INDEX($D$3:$AA$30,INDEX(Jesper!$R$2:$R$366,ROW(INDEX(Jesper!AJ$2:AJ$366,ROUNDDOWN($C1279/24,0)+1,1))-1)+IF('Standard Profiles'!$G$20=$B$10,7,0)+IF('Standard Profiles'!$G$20=$B$17,14,0)+IF('Standard Profiles'!$G$20=$B$24,21,0),0)),0)</f>
        <v>0</v>
      </c>
      <c r="G1279" cm="1">
        <f t="array" ref="G1279">IFERROR(INDEX(Jesper!AK$2:AK$366,ROUNDDOWN($C1279/24,0)+1,1)*INDEX($D$3:$AA$30,INDEX(Jesper!$R$2:$R$366,ROW(INDEX(Jesper!AK$2:AK$366,ROUNDDOWN($C1279/24,0)+1,1))-1)+IF('Standard Profiles'!$G$21=$B$10,7,0)+IF('Standard Profiles'!$G$21=$B$17,14,0)+IF('Standard Profiles'!$G$21=$B$24,21,0),MOD($C1279,24)+1)/SUM(INDEX($D$3:$AA$30,INDEX(Jesper!$R$2:$R$366,ROW(INDEX(Jesper!AK$2:AK$366,ROUNDDOWN($C1279/24,0)+1,1))-1)+IF('Standard Profiles'!$G$21=$B$10,7,0)+IF('Standard Profiles'!$G$21=$B$17,14,0)+IF('Standard Profiles'!$G$21=$B$24,21,0),0)),0)</f>
        <v>1.280018829420926</v>
      </c>
      <c r="H1279" cm="1">
        <f t="array" ref="H1279">IFERROR(INDEX(Jesper!AL$2:AL$366,ROUNDDOWN($C1279/24,0)+1,1)*INDEX($D$3:$AA$30,INDEX(Jesper!$R$2:$R$366,ROW(INDEX(Jesper!AL$2:AL$366,ROUNDDOWN($C1279/24,0)+1,1))-1)+IF('Standard Profiles'!$G$22=$B$10,7,0)+IF('Standard Profiles'!$G$22=$B$17,14,0)+IF('Standard Profiles'!$G$22=$B$24,21,0),MOD($C1279,24)+1)/SUM(INDEX($D$3:$AA$30,INDEX(Jesper!$R$2:$R$366,ROW(INDEX(Jesper!AL$2:AL$366,ROUNDDOWN($C1279/24,0)+1,1))-1)+IF('Standard Profiles'!$G$22=$B$10,7,0)+IF('Standard Profiles'!$G$22=$B$17,14,0)+IF('Standard Profiles'!$G$22=$B$24,21,0),0)),0)</f>
        <v>0</v>
      </c>
      <c r="I1279">
        <f t="shared" si="153"/>
        <v>0.61440903812204417</v>
      </c>
      <c r="J1279">
        <f t="shared" si="154"/>
        <v>9.8117362206605652</v>
      </c>
      <c r="K1279">
        <f t="shared" si="155"/>
        <v>0.61766388433547659</v>
      </c>
      <c r="L1279">
        <f t="shared" si="156"/>
        <v>0.30883194216773829</v>
      </c>
      <c r="M1279">
        <f t="shared" si="157"/>
        <v>0</v>
      </c>
      <c r="N1279" s="45">
        <f t="shared" si="158"/>
        <v>44978.87499999698</v>
      </c>
    </row>
    <row r="1280" spans="2:14" x14ac:dyDescent="0.25">
      <c r="B1280">
        <f t="shared" si="152"/>
        <v>2</v>
      </c>
      <c r="C1280" s="16">
        <v>1246</v>
      </c>
      <c r="D1280" cm="1">
        <f t="array" ref="D1280">IFERROR(INDEX(Jesper!AH$2:AH$366,ROUNDDOWN($C1280/24,0)+1,1)*INDEX($D$3:$AA$30,INDEX(Jesper!$R$2:$R$366,ROW(INDEX(Jesper!AH$2:AH$366,ROUNDDOWN($C1280/24,0)+1,1))-1)+IF('Standard Profiles'!$G$18=$B$10,7,0)+IF('Standard Profiles'!$G$18=$B$17,14,0)+IF('Standard Profiles'!$G$18=$B$24,21,0),MOD($C1280,24)+1)/SUM(INDEX($D$3:$AA$30,INDEX(Jesper!$R$2:$R$366,ROW(INDEX(Jesper!AH$2:AH$366,ROUNDDOWN($C1280/24,0)+1,1))-1)+IF('Standard Profiles'!$G$18=$B$10,7,0)+IF('Standard Profiles'!$G$18=$B$17,14,0)+IF('Standard Profiles'!$G$18=$B$24,21,0),0)),0)</f>
        <v>5.7905989156450923</v>
      </c>
      <c r="E1280" cm="1">
        <f t="array" ref="E1280">IFERROR(INDEX(Jesper!AI$2:AI$366,ROUNDDOWN($C1280/24,0)+1,1)*INDEX($D$3:$AA$30,INDEX(Jesper!$R$2:$R$366,ROW(INDEX(Jesper!AI$2:AI$366,ROUNDDOWN($C1280/24,0)+1,1))-1)+IF('Standard Profiles'!$G$19=$B$10,7,0)+IF('Standard Profiles'!$G$19=$B$17,14,0)+IF('Standard Profiles'!$G$19=$B$24,21,0),MOD($C1280,24)+1)/SUM(INDEX($D$3:$AA$30,INDEX(Jesper!$R$2:$R$366,ROW(INDEX(Jesper!AI$2:AI$366,ROUNDDOWN($C1280/24,0)+1,1))-1)+IF('Standard Profiles'!$G$19=$B$10,7,0)+IF('Standard Profiles'!$G$19=$B$17,14,0)+IF('Standard Profiles'!$G$19=$B$24,21,0),0)),0)</f>
        <v>4.2820233402198058</v>
      </c>
      <c r="F1280" cm="1">
        <f t="array" ref="F1280">IFERROR(INDEX(Jesper!AJ$2:AJ$366,ROUNDDOWN($C1280/24,0)+1,1)*INDEX($D$3:$AA$30,INDEX(Jesper!$R$2:$R$366,ROW(INDEX(Jesper!AJ$2:AJ$366,ROUNDDOWN($C1280/24,0)+1,1))-1)+IF('Standard Profiles'!$G$20=$B$10,7,0)+IF('Standard Profiles'!$G$20=$B$17,14,0)+IF('Standard Profiles'!$G$20=$B$24,21,0),MOD($C1280,24)+1)/SUM(INDEX($D$3:$AA$30,INDEX(Jesper!$R$2:$R$366,ROW(INDEX(Jesper!AJ$2:AJ$366,ROUNDDOWN($C1280/24,0)+1,1))-1)+IF('Standard Profiles'!$G$20=$B$10,7,0)+IF('Standard Profiles'!$G$20=$B$17,14,0)+IF('Standard Profiles'!$G$20=$B$24,21,0),0)),0)</f>
        <v>0</v>
      </c>
      <c r="G1280" cm="1">
        <f t="array" ref="G1280">IFERROR(INDEX(Jesper!AK$2:AK$366,ROUNDDOWN($C1280/24,0)+1,1)*INDEX($D$3:$AA$30,INDEX(Jesper!$R$2:$R$366,ROW(INDEX(Jesper!AK$2:AK$366,ROUNDDOWN($C1280/24,0)+1,1))-1)+IF('Standard Profiles'!$G$21=$B$10,7,0)+IF('Standard Profiles'!$G$21=$B$17,14,0)+IF('Standard Profiles'!$G$21=$B$24,21,0),MOD($C1280,24)+1)/SUM(INDEX($D$3:$AA$30,INDEX(Jesper!$R$2:$R$366,ROW(INDEX(Jesper!AK$2:AK$366,ROUNDDOWN($C1280/24,0)+1,1))-1)+IF('Standard Profiles'!$G$21=$B$10,7,0)+IF('Standard Profiles'!$G$21=$B$17,14,0)+IF('Standard Profiles'!$G$21=$B$24,21,0),0)),0)</f>
        <v>1.280018829420926</v>
      </c>
      <c r="H1280" cm="1">
        <f t="array" ref="H1280">IFERROR(INDEX(Jesper!AL$2:AL$366,ROUNDDOWN($C1280/24,0)+1,1)*INDEX($D$3:$AA$30,INDEX(Jesper!$R$2:$R$366,ROW(INDEX(Jesper!AL$2:AL$366,ROUNDDOWN($C1280/24,0)+1,1))-1)+IF('Standard Profiles'!$G$22=$B$10,7,0)+IF('Standard Profiles'!$G$22=$B$17,14,0)+IF('Standard Profiles'!$G$22=$B$24,21,0),MOD($C1280,24)+1)/SUM(INDEX($D$3:$AA$30,INDEX(Jesper!$R$2:$R$366,ROW(INDEX(Jesper!AL$2:AL$366,ROUNDDOWN($C1280/24,0)+1,1))-1)+IF('Standard Profiles'!$G$22=$B$10,7,0)+IF('Standard Profiles'!$G$22=$B$17,14,0)+IF('Standard Profiles'!$G$22=$B$24,21,0),0)),0)</f>
        <v>0</v>
      </c>
      <c r="I1280">
        <f t="shared" si="153"/>
        <v>0.61440903812204417</v>
      </c>
      <c r="J1280">
        <f t="shared" si="154"/>
        <v>9.8117362206605652</v>
      </c>
      <c r="K1280">
        <f t="shared" si="155"/>
        <v>0.61766388433547659</v>
      </c>
      <c r="L1280">
        <f t="shared" si="156"/>
        <v>0.30883194216773829</v>
      </c>
      <c r="M1280">
        <f t="shared" si="157"/>
        <v>0</v>
      </c>
      <c r="N1280" s="45">
        <f t="shared" si="158"/>
        <v>44978.916666663645</v>
      </c>
    </row>
    <row r="1281" spans="2:14" x14ac:dyDescent="0.25">
      <c r="B1281">
        <f t="shared" si="152"/>
        <v>2</v>
      </c>
      <c r="C1281" s="16">
        <v>1247</v>
      </c>
      <c r="D1281" cm="1">
        <f t="array" ref="D1281">IFERROR(INDEX(Jesper!AH$2:AH$366,ROUNDDOWN($C1281/24,0)+1,1)*INDEX($D$3:$AA$30,INDEX(Jesper!$R$2:$R$366,ROW(INDEX(Jesper!AH$2:AH$366,ROUNDDOWN($C1281/24,0)+1,1))-1)+IF('Standard Profiles'!$G$18=$B$10,7,0)+IF('Standard Profiles'!$G$18=$B$17,14,0)+IF('Standard Profiles'!$G$18=$B$24,21,0),MOD($C1281,24)+1)/SUM(INDEX($D$3:$AA$30,INDEX(Jesper!$R$2:$R$366,ROW(INDEX(Jesper!AH$2:AH$366,ROUNDDOWN($C1281/24,0)+1,1))-1)+IF('Standard Profiles'!$G$18=$B$10,7,0)+IF('Standard Profiles'!$G$18=$B$17,14,0)+IF('Standard Profiles'!$G$18=$B$24,21,0),0)),0)</f>
        <v>5.7905989156450923</v>
      </c>
      <c r="E1281" cm="1">
        <f t="array" ref="E1281">IFERROR(INDEX(Jesper!AI$2:AI$366,ROUNDDOWN($C1281/24,0)+1,1)*INDEX($D$3:$AA$30,INDEX(Jesper!$R$2:$R$366,ROW(INDEX(Jesper!AI$2:AI$366,ROUNDDOWN($C1281/24,0)+1,1))-1)+IF('Standard Profiles'!$G$19=$B$10,7,0)+IF('Standard Profiles'!$G$19=$B$17,14,0)+IF('Standard Profiles'!$G$19=$B$24,21,0),MOD($C1281,24)+1)/SUM(INDEX($D$3:$AA$30,INDEX(Jesper!$R$2:$R$366,ROW(INDEX(Jesper!AI$2:AI$366,ROUNDDOWN($C1281/24,0)+1,1))-1)+IF('Standard Profiles'!$G$19=$B$10,7,0)+IF('Standard Profiles'!$G$19=$B$17,14,0)+IF('Standard Profiles'!$G$19=$B$24,21,0),0)),0)</f>
        <v>4.2820233402198058</v>
      </c>
      <c r="F1281" cm="1">
        <f t="array" ref="F1281">IFERROR(INDEX(Jesper!AJ$2:AJ$366,ROUNDDOWN($C1281/24,0)+1,1)*INDEX($D$3:$AA$30,INDEX(Jesper!$R$2:$R$366,ROW(INDEX(Jesper!AJ$2:AJ$366,ROUNDDOWN($C1281/24,0)+1,1))-1)+IF('Standard Profiles'!$G$20=$B$10,7,0)+IF('Standard Profiles'!$G$20=$B$17,14,0)+IF('Standard Profiles'!$G$20=$B$24,21,0),MOD($C1281,24)+1)/SUM(INDEX($D$3:$AA$30,INDEX(Jesper!$R$2:$R$366,ROW(INDEX(Jesper!AJ$2:AJ$366,ROUNDDOWN($C1281/24,0)+1,1))-1)+IF('Standard Profiles'!$G$20=$B$10,7,0)+IF('Standard Profiles'!$G$20=$B$17,14,0)+IF('Standard Profiles'!$G$20=$B$24,21,0),0)),0)</f>
        <v>0</v>
      </c>
      <c r="G1281" cm="1">
        <f t="array" ref="G1281">IFERROR(INDEX(Jesper!AK$2:AK$366,ROUNDDOWN($C1281/24,0)+1,1)*INDEX($D$3:$AA$30,INDEX(Jesper!$R$2:$R$366,ROW(INDEX(Jesper!AK$2:AK$366,ROUNDDOWN($C1281/24,0)+1,1))-1)+IF('Standard Profiles'!$G$21=$B$10,7,0)+IF('Standard Profiles'!$G$21=$B$17,14,0)+IF('Standard Profiles'!$G$21=$B$24,21,0),MOD($C1281,24)+1)/SUM(INDEX($D$3:$AA$30,INDEX(Jesper!$R$2:$R$366,ROW(INDEX(Jesper!AK$2:AK$366,ROUNDDOWN($C1281/24,0)+1,1))-1)+IF('Standard Profiles'!$G$21=$B$10,7,0)+IF('Standard Profiles'!$G$21=$B$17,14,0)+IF('Standard Profiles'!$G$21=$B$24,21,0),0)),0)</f>
        <v>1.280018829420926</v>
      </c>
      <c r="H1281" cm="1">
        <f t="array" ref="H1281">IFERROR(INDEX(Jesper!AL$2:AL$366,ROUNDDOWN($C1281/24,0)+1,1)*INDEX($D$3:$AA$30,INDEX(Jesper!$R$2:$R$366,ROW(INDEX(Jesper!AL$2:AL$366,ROUNDDOWN($C1281/24,0)+1,1))-1)+IF('Standard Profiles'!$G$22=$B$10,7,0)+IF('Standard Profiles'!$G$22=$B$17,14,0)+IF('Standard Profiles'!$G$22=$B$24,21,0),MOD($C1281,24)+1)/SUM(INDEX($D$3:$AA$30,INDEX(Jesper!$R$2:$R$366,ROW(INDEX(Jesper!AL$2:AL$366,ROUNDDOWN($C1281/24,0)+1,1))-1)+IF('Standard Profiles'!$G$22=$B$10,7,0)+IF('Standard Profiles'!$G$22=$B$17,14,0)+IF('Standard Profiles'!$G$22=$B$24,21,0),0)),0)</f>
        <v>0</v>
      </c>
      <c r="I1281">
        <f t="shared" si="153"/>
        <v>0.61440903812204417</v>
      </c>
      <c r="J1281">
        <f t="shared" si="154"/>
        <v>9.8117362206605652</v>
      </c>
      <c r="K1281">
        <f t="shared" si="155"/>
        <v>0.61766388433547659</v>
      </c>
      <c r="L1281">
        <f t="shared" si="156"/>
        <v>0.30883194216773829</v>
      </c>
      <c r="M1281">
        <f t="shared" si="157"/>
        <v>0</v>
      </c>
      <c r="N1281" s="45">
        <f t="shared" si="158"/>
        <v>44978.958333330309</v>
      </c>
    </row>
    <row r="1282" spans="2:14" x14ac:dyDescent="0.25">
      <c r="B1282">
        <f t="shared" si="152"/>
        <v>3</v>
      </c>
      <c r="C1282" s="16">
        <v>1248</v>
      </c>
      <c r="D1282" cm="1">
        <f t="array" ref="D1282">IFERROR(INDEX(Jesper!AH$2:AH$366,ROUNDDOWN($C1282/24,0)+1,1)*INDEX($D$3:$AA$30,INDEX(Jesper!$R$2:$R$366,ROW(INDEX(Jesper!AH$2:AH$366,ROUNDDOWN($C1282/24,0)+1,1))-1)+IF('Standard Profiles'!$G$18=$B$10,7,0)+IF('Standard Profiles'!$G$18=$B$17,14,0)+IF('Standard Profiles'!$G$18=$B$24,21,0),MOD($C1282,24)+1)/SUM(INDEX($D$3:$AA$30,INDEX(Jesper!$R$2:$R$366,ROW(INDEX(Jesper!AH$2:AH$366,ROUNDDOWN($C1282/24,0)+1,1))-1)+IF('Standard Profiles'!$G$18=$B$10,7,0)+IF('Standard Profiles'!$G$18=$B$17,14,0)+IF('Standard Profiles'!$G$18=$B$24,21,0),0)),0)</f>
        <v>5.7293200985028676</v>
      </c>
      <c r="E1282" cm="1">
        <f t="array" ref="E1282">IFERROR(INDEX(Jesper!AI$2:AI$366,ROUNDDOWN($C1282/24,0)+1,1)*INDEX($D$3:$AA$30,INDEX(Jesper!$R$2:$R$366,ROW(INDEX(Jesper!AI$2:AI$366,ROUNDDOWN($C1282/24,0)+1,1))-1)+IF('Standard Profiles'!$G$19=$B$10,7,0)+IF('Standard Profiles'!$G$19=$B$17,14,0)+IF('Standard Profiles'!$G$19=$B$24,21,0),MOD($C1282,24)+1)/SUM(INDEX($D$3:$AA$30,INDEX(Jesper!$R$2:$R$366,ROW(INDEX(Jesper!AI$2:AI$366,ROUNDDOWN($C1282/24,0)+1,1))-1)+IF('Standard Profiles'!$G$19=$B$10,7,0)+IF('Standard Profiles'!$G$19=$B$17,14,0)+IF('Standard Profiles'!$G$19=$B$24,21,0),0)),0)</f>
        <v>4.1416951876846699</v>
      </c>
      <c r="F1282" cm="1">
        <f t="array" ref="F1282">IFERROR(INDEX(Jesper!AJ$2:AJ$366,ROUNDDOWN($C1282/24,0)+1,1)*INDEX($D$3:$AA$30,INDEX(Jesper!$R$2:$R$366,ROW(INDEX(Jesper!AJ$2:AJ$366,ROUNDDOWN($C1282/24,0)+1,1))-1)+IF('Standard Profiles'!$G$20=$B$10,7,0)+IF('Standard Profiles'!$G$20=$B$17,14,0)+IF('Standard Profiles'!$G$20=$B$24,21,0),MOD($C1282,24)+1)/SUM(INDEX($D$3:$AA$30,INDEX(Jesper!$R$2:$R$366,ROW(INDEX(Jesper!AJ$2:AJ$366,ROUNDDOWN($C1282/24,0)+1,1))-1)+IF('Standard Profiles'!$G$20=$B$10,7,0)+IF('Standard Profiles'!$G$20=$B$17,14,0)+IF('Standard Profiles'!$G$20=$B$24,21,0),0)),0)</f>
        <v>0</v>
      </c>
      <c r="G1282" cm="1">
        <f t="array" ref="G1282">IFERROR(INDEX(Jesper!AK$2:AK$366,ROUNDDOWN($C1282/24,0)+1,1)*INDEX($D$3:$AA$30,INDEX(Jesper!$R$2:$R$366,ROW(INDEX(Jesper!AK$2:AK$366,ROUNDDOWN($C1282/24,0)+1,1))-1)+IF('Standard Profiles'!$G$21=$B$10,7,0)+IF('Standard Profiles'!$G$21=$B$17,14,0)+IF('Standard Profiles'!$G$21=$B$24,21,0),MOD($C1282,24)+1)/SUM(INDEX($D$3:$AA$30,INDEX(Jesper!$R$2:$R$366,ROW(INDEX(Jesper!AK$2:AK$366,ROUNDDOWN($C1282/24,0)+1,1))-1)+IF('Standard Profiles'!$G$21=$B$10,7,0)+IF('Standard Profiles'!$G$21=$B$17,14,0)+IF('Standard Profiles'!$G$21=$B$24,21,0),0)),0)</f>
        <v>1.2117067649126421</v>
      </c>
      <c r="H1282" cm="1">
        <f t="array" ref="H1282">IFERROR(INDEX(Jesper!AL$2:AL$366,ROUNDDOWN($C1282/24,0)+1,1)*INDEX($D$3:$AA$30,INDEX(Jesper!$R$2:$R$366,ROW(INDEX(Jesper!AL$2:AL$366,ROUNDDOWN($C1282/24,0)+1,1))-1)+IF('Standard Profiles'!$G$22=$B$10,7,0)+IF('Standard Profiles'!$G$22=$B$17,14,0)+IF('Standard Profiles'!$G$22=$B$24,21,0),MOD($C1282,24)+1)/SUM(INDEX($D$3:$AA$30,INDEX(Jesper!$R$2:$R$366,ROW(INDEX(Jesper!AL$2:AL$366,ROUNDDOWN($C1282/24,0)+1,1))-1)+IF('Standard Profiles'!$G$22=$B$10,7,0)+IF('Standard Profiles'!$G$22=$B$17,14,0)+IF('Standard Profiles'!$G$22=$B$24,21,0),0)),0)</f>
        <v>0</v>
      </c>
      <c r="I1282">
        <f t="shared" si="153"/>
        <v>0.5816192471580679</v>
      </c>
      <c r="J1282">
        <f t="shared" si="154"/>
        <v>9.5844115881816521</v>
      </c>
      <c r="K1282">
        <f t="shared" si="155"/>
        <v>0.61112747717363924</v>
      </c>
      <c r="L1282">
        <f t="shared" si="156"/>
        <v>0.30556373858681962</v>
      </c>
      <c r="M1282">
        <f t="shared" si="157"/>
        <v>0</v>
      </c>
      <c r="N1282" s="45">
        <f t="shared" si="158"/>
        <v>44978.999999996973</v>
      </c>
    </row>
    <row r="1283" spans="2:14" x14ac:dyDescent="0.25">
      <c r="B1283">
        <f t="shared" si="152"/>
        <v>3</v>
      </c>
      <c r="C1283" s="16">
        <v>1249</v>
      </c>
      <c r="D1283" cm="1">
        <f t="array" ref="D1283">IFERROR(INDEX(Jesper!AH$2:AH$366,ROUNDDOWN($C1283/24,0)+1,1)*INDEX($D$3:$AA$30,INDEX(Jesper!$R$2:$R$366,ROW(INDEX(Jesper!AH$2:AH$366,ROUNDDOWN($C1283/24,0)+1,1))-1)+IF('Standard Profiles'!$G$18=$B$10,7,0)+IF('Standard Profiles'!$G$18=$B$17,14,0)+IF('Standard Profiles'!$G$18=$B$24,21,0),MOD($C1283,24)+1)/SUM(INDEX($D$3:$AA$30,INDEX(Jesper!$R$2:$R$366,ROW(INDEX(Jesper!AH$2:AH$366,ROUNDDOWN($C1283/24,0)+1,1))-1)+IF('Standard Profiles'!$G$18=$B$10,7,0)+IF('Standard Profiles'!$G$18=$B$17,14,0)+IF('Standard Profiles'!$G$18=$B$24,21,0),0)),0)</f>
        <v>5.7293200985028676</v>
      </c>
      <c r="E1283" cm="1">
        <f t="array" ref="E1283">IFERROR(INDEX(Jesper!AI$2:AI$366,ROUNDDOWN($C1283/24,0)+1,1)*INDEX($D$3:$AA$30,INDEX(Jesper!$R$2:$R$366,ROW(INDEX(Jesper!AI$2:AI$366,ROUNDDOWN($C1283/24,0)+1,1))-1)+IF('Standard Profiles'!$G$19=$B$10,7,0)+IF('Standard Profiles'!$G$19=$B$17,14,0)+IF('Standard Profiles'!$G$19=$B$24,21,0),MOD($C1283,24)+1)/SUM(INDEX($D$3:$AA$30,INDEX(Jesper!$R$2:$R$366,ROW(INDEX(Jesper!AI$2:AI$366,ROUNDDOWN($C1283/24,0)+1,1))-1)+IF('Standard Profiles'!$G$19=$B$10,7,0)+IF('Standard Profiles'!$G$19=$B$17,14,0)+IF('Standard Profiles'!$G$19=$B$24,21,0),0)),0)</f>
        <v>4.1416951876846699</v>
      </c>
      <c r="F1283" cm="1">
        <f t="array" ref="F1283">IFERROR(INDEX(Jesper!AJ$2:AJ$366,ROUNDDOWN($C1283/24,0)+1,1)*INDEX($D$3:$AA$30,INDEX(Jesper!$R$2:$R$366,ROW(INDEX(Jesper!AJ$2:AJ$366,ROUNDDOWN($C1283/24,0)+1,1))-1)+IF('Standard Profiles'!$G$20=$B$10,7,0)+IF('Standard Profiles'!$G$20=$B$17,14,0)+IF('Standard Profiles'!$G$20=$B$24,21,0),MOD($C1283,24)+1)/SUM(INDEX($D$3:$AA$30,INDEX(Jesper!$R$2:$R$366,ROW(INDEX(Jesper!AJ$2:AJ$366,ROUNDDOWN($C1283/24,0)+1,1))-1)+IF('Standard Profiles'!$G$20=$B$10,7,0)+IF('Standard Profiles'!$G$20=$B$17,14,0)+IF('Standard Profiles'!$G$20=$B$24,21,0),0)),0)</f>
        <v>0</v>
      </c>
      <c r="G1283" cm="1">
        <f t="array" ref="G1283">IFERROR(INDEX(Jesper!AK$2:AK$366,ROUNDDOWN($C1283/24,0)+1,1)*INDEX($D$3:$AA$30,INDEX(Jesper!$R$2:$R$366,ROW(INDEX(Jesper!AK$2:AK$366,ROUNDDOWN($C1283/24,0)+1,1))-1)+IF('Standard Profiles'!$G$21=$B$10,7,0)+IF('Standard Profiles'!$G$21=$B$17,14,0)+IF('Standard Profiles'!$G$21=$B$24,21,0),MOD($C1283,24)+1)/SUM(INDEX($D$3:$AA$30,INDEX(Jesper!$R$2:$R$366,ROW(INDEX(Jesper!AK$2:AK$366,ROUNDDOWN($C1283/24,0)+1,1))-1)+IF('Standard Profiles'!$G$21=$B$10,7,0)+IF('Standard Profiles'!$G$21=$B$17,14,0)+IF('Standard Profiles'!$G$21=$B$24,21,0),0)),0)</f>
        <v>1.2117067649126421</v>
      </c>
      <c r="H1283" cm="1">
        <f t="array" ref="H1283">IFERROR(INDEX(Jesper!AL$2:AL$366,ROUNDDOWN($C1283/24,0)+1,1)*INDEX($D$3:$AA$30,INDEX(Jesper!$R$2:$R$366,ROW(INDEX(Jesper!AL$2:AL$366,ROUNDDOWN($C1283/24,0)+1,1))-1)+IF('Standard Profiles'!$G$22=$B$10,7,0)+IF('Standard Profiles'!$G$22=$B$17,14,0)+IF('Standard Profiles'!$G$22=$B$24,21,0),MOD($C1283,24)+1)/SUM(INDEX($D$3:$AA$30,INDEX(Jesper!$R$2:$R$366,ROW(INDEX(Jesper!AL$2:AL$366,ROUNDDOWN($C1283/24,0)+1,1))-1)+IF('Standard Profiles'!$G$22=$B$10,7,0)+IF('Standard Profiles'!$G$22=$B$17,14,0)+IF('Standard Profiles'!$G$22=$B$24,21,0),0)),0)</f>
        <v>0</v>
      </c>
      <c r="I1283">
        <f t="shared" si="153"/>
        <v>0.5816192471580679</v>
      </c>
      <c r="J1283">
        <f t="shared" si="154"/>
        <v>9.5844115881816521</v>
      </c>
      <c r="K1283">
        <f t="shared" si="155"/>
        <v>0.61112747717363924</v>
      </c>
      <c r="L1283">
        <f t="shared" si="156"/>
        <v>0.30556373858681962</v>
      </c>
      <c r="M1283">
        <f t="shared" si="157"/>
        <v>0</v>
      </c>
      <c r="N1283" s="45">
        <f t="shared" si="158"/>
        <v>44979.041666663637</v>
      </c>
    </row>
    <row r="1284" spans="2:14" x14ac:dyDescent="0.25">
      <c r="B1284">
        <f t="shared" si="152"/>
        <v>3</v>
      </c>
      <c r="C1284" s="16">
        <v>1250</v>
      </c>
      <c r="D1284" cm="1">
        <f t="array" ref="D1284">IFERROR(INDEX(Jesper!AH$2:AH$366,ROUNDDOWN($C1284/24,0)+1,1)*INDEX($D$3:$AA$30,INDEX(Jesper!$R$2:$R$366,ROW(INDEX(Jesper!AH$2:AH$366,ROUNDDOWN($C1284/24,0)+1,1))-1)+IF('Standard Profiles'!$G$18=$B$10,7,0)+IF('Standard Profiles'!$G$18=$B$17,14,0)+IF('Standard Profiles'!$G$18=$B$24,21,0),MOD($C1284,24)+1)/SUM(INDEX($D$3:$AA$30,INDEX(Jesper!$R$2:$R$366,ROW(INDEX(Jesper!AH$2:AH$366,ROUNDDOWN($C1284/24,0)+1,1))-1)+IF('Standard Profiles'!$G$18=$B$10,7,0)+IF('Standard Profiles'!$G$18=$B$17,14,0)+IF('Standard Profiles'!$G$18=$B$24,21,0),0)),0)</f>
        <v>5.7293200985028676</v>
      </c>
      <c r="E1284" cm="1">
        <f t="array" ref="E1284">IFERROR(INDEX(Jesper!AI$2:AI$366,ROUNDDOWN($C1284/24,0)+1,1)*INDEX($D$3:$AA$30,INDEX(Jesper!$R$2:$R$366,ROW(INDEX(Jesper!AI$2:AI$366,ROUNDDOWN($C1284/24,0)+1,1))-1)+IF('Standard Profiles'!$G$19=$B$10,7,0)+IF('Standard Profiles'!$G$19=$B$17,14,0)+IF('Standard Profiles'!$G$19=$B$24,21,0),MOD($C1284,24)+1)/SUM(INDEX($D$3:$AA$30,INDEX(Jesper!$R$2:$R$366,ROW(INDEX(Jesper!AI$2:AI$366,ROUNDDOWN($C1284/24,0)+1,1))-1)+IF('Standard Profiles'!$G$19=$B$10,7,0)+IF('Standard Profiles'!$G$19=$B$17,14,0)+IF('Standard Profiles'!$G$19=$B$24,21,0),0)),0)</f>
        <v>4.1416951876846699</v>
      </c>
      <c r="F1284" cm="1">
        <f t="array" ref="F1284">IFERROR(INDEX(Jesper!AJ$2:AJ$366,ROUNDDOWN($C1284/24,0)+1,1)*INDEX($D$3:$AA$30,INDEX(Jesper!$R$2:$R$366,ROW(INDEX(Jesper!AJ$2:AJ$366,ROUNDDOWN($C1284/24,0)+1,1))-1)+IF('Standard Profiles'!$G$20=$B$10,7,0)+IF('Standard Profiles'!$G$20=$B$17,14,0)+IF('Standard Profiles'!$G$20=$B$24,21,0),MOD($C1284,24)+1)/SUM(INDEX($D$3:$AA$30,INDEX(Jesper!$R$2:$R$366,ROW(INDEX(Jesper!AJ$2:AJ$366,ROUNDDOWN($C1284/24,0)+1,1))-1)+IF('Standard Profiles'!$G$20=$B$10,7,0)+IF('Standard Profiles'!$G$20=$B$17,14,0)+IF('Standard Profiles'!$G$20=$B$24,21,0),0)),0)</f>
        <v>0</v>
      </c>
      <c r="G1284" cm="1">
        <f t="array" ref="G1284">IFERROR(INDEX(Jesper!AK$2:AK$366,ROUNDDOWN($C1284/24,0)+1,1)*INDEX($D$3:$AA$30,INDEX(Jesper!$R$2:$R$366,ROW(INDEX(Jesper!AK$2:AK$366,ROUNDDOWN($C1284/24,0)+1,1))-1)+IF('Standard Profiles'!$G$21=$B$10,7,0)+IF('Standard Profiles'!$G$21=$B$17,14,0)+IF('Standard Profiles'!$G$21=$B$24,21,0),MOD($C1284,24)+1)/SUM(INDEX($D$3:$AA$30,INDEX(Jesper!$R$2:$R$366,ROW(INDEX(Jesper!AK$2:AK$366,ROUNDDOWN($C1284/24,0)+1,1))-1)+IF('Standard Profiles'!$G$21=$B$10,7,0)+IF('Standard Profiles'!$G$21=$B$17,14,0)+IF('Standard Profiles'!$G$21=$B$24,21,0),0)),0)</f>
        <v>1.2117067649126421</v>
      </c>
      <c r="H1284" cm="1">
        <f t="array" ref="H1284">IFERROR(INDEX(Jesper!AL$2:AL$366,ROUNDDOWN($C1284/24,0)+1,1)*INDEX($D$3:$AA$30,INDEX(Jesper!$R$2:$R$366,ROW(INDEX(Jesper!AL$2:AL$366,ROUNDDOWN($C1284/24,0)+1,1))-1)+IF('Standard Profiles'!$G$22=$B$10,7,0)+IF('Standard Profiles'!$G$22=$B$17,14,0)+IF('Standard Profiles'!$G$22=$B$24,21,0),MOD($C1284,24)+1)/SUM(INDEX($D$3:$AA$30,INDEX(Jesper!$R$2:$R$366,ROW(INDEX(Jesper!AL$2:AL$366,ROUNDDOWN($C1284/24,0)+1,1))-1)+IF('Standard Profiles'!$G$22=$B$10,7,0)+IF('Standard Profiles'!$G$22=$B$17,14,0)+IF('Standard Profiles'!$G$22=$B$24,21,0),0)),0)</f>
        <v>0</v>
      </c>
      <c r="I1284">
        <f t="shared" si="153"/>
        <v>0.5816192471580679</v>
      </c>
      <c r="J1284">
        <f t="shared" si="154"/>
        <v>9.5844115881816521</v>
      </c>
      <c r="K1284">
        <f t="shared" si="155"/>
        <v>0.61112747717363924</v>
      </c>
      <c r="L1284">
        <f t="shared" si="156"/>
        <v>0.30556373858681962</v>
      </c>
      <c r="M1284">
        <f t="shared" si="157"/>
        <v>0</v>
      </c>
      <c r="N1284" s="45">
        <f t="shared" si="158"/>
        <v>44979.083333330302</v>
      </c>
    </row>
    <row r="1285" spans="2:14" x14ac:dyDescent="0.25">
      <c r="B1285">
        <f t="shared" si="152"/>
        <v>3</v>
      </c>
      <c r="C1285" s="16">
        <v>1251</v>
      </c>
      <c r="D1285" cm="1">
        <f t="array" ref="D1285">IFERROR(INDEX(Jesper!AH$2:AH$366,ROUNDDOWN($C1285/24,0)+1,1)*INDEX($D$3:$AA$30,INDEX(Jesper!$R$2:$R$366,ROW(INDEX(Jesper!AH$2:AH$366,ROUNDDOWN($C1285/24,0)+1,1))-1)+IF('Standard Profiles'!$G$18=$B$10,7,0)+IF('Standard Profiles'!$G$18=$B$17,14,0)+IF('Standard Profiles'!$G$18=$B$24,21,0),MOD($C1285,24)+1)/SUM(INDEX($D$3:$AA$30,INDEX(Jesper!$R$2:$R$366,ROW(INDEX(Jesper!AH$2:AH$366,ROUNDDOWN($C1285/24,0)+1,1))-1)+IF('Standard Profiles'!$G$18=$B$10,7,0)+IF('Standard Profiles'!$G$18=$B$17,14,0)+IF('Standard Profiles'!$G$18=$B$24,21,0),0)),0)</f>
        <v>5.7293200985028676</v>
      </c>
      <c r="E1285" cm="1">
        <f t="array" ref="E1285">IFERROR(INDEX(Jesper!AI$2:AI$366,ROUNDDOWN($C1285/24,0)+1,1)*INDEX($D$3:$AA$30,INDEX(Jesper!$R$2:$R$366,ROW(INDEX(Jesper!AI$2:AI$366,ROUNDDOWN($C1285/24,0)+1,1))-1)+IF('Standard Profiles'!$G$19=$B$10,7,0)+IF('Standard Profiles'!$G$19=$B$17,14,0)+IF('Standard Profiles'!$G$19=$B$24,21,0),MOD($C1285,24)+1)/SUM(INDEX($D$3:$AA$30,INDEX(Jesper!$R$2:$R$366,ROW(INDEX(Jesper!AI$2:AI$366,ROUNDDOWN($C1285/24,0)+1,1))-1)+IF('Standard Profiles'!$G$19=$B$10,7,0)+IF('Standard Profiles'!$G$19=$B$17,14,0)+IF('Standard Profiles'!$G$19=$B$24,21,0),0)),0)</f>
        <v>4.1416951876846699</v>
      </c>
      <c r="F1285" cm="1">
        <f t="array" ref="F1285">IFERROR(INDEX(Jesper!AJ$2:AJ$366,ROUNDDOWN($C1285/24,0)+1,1)*INDEX($D$3:$AA$30,INDEX(Jesper!$R$2:$R$366,ROW(INDEX(Jesper!AJ$2:AJ$366,ROUNDDOWN($C1285/24,0)+1,1))-1)+IF('Standard Profiles'!$G$20=$B$10,7,0)+IF('Standard Profiles'!$G$20=$B$17,14,0)+IF('Standard Profiles'!$G$20=$B$24,21,0),MOD($C1285,24)+1)/SUM(INDEX($D$3:$AA$30,INDEX(Jesper!$R$2:$R$366,ROW(INDEX(Jesper!AJ$2:AJ$366,ROUNDDOWN($C1285/24,0)+1,1))-1)+IF('Standard Profiles'!$G$20=$B$10,7,0)+IF('Standard Profiles'!$G$20=$B$17,14,0)+IF('Standard Profiles'!$G$20=$B$24,21,0),0)),0)</f>
        <v>0</v>
      </c>
      <c r="G1285" cm="1">
        <f t="array" ref="G1285">IFERROR(INDEX(Jesper!AK$2:AK$366,ROUNDDOWN($C1285/24,0)+1,1)*INDEX($D$3:$AA$30,INDEX(Jesper!$R$2:$R$366,ROW(INDEX(Jesper!AK$2:AK$366,ROUNDDOWN($C1285/24,0)+1,1))-1)+IF('Standard Profiles'!$G$21=$B$10,7,0)+IF('Standard Profiles'!$G$21=$B$17,14,0)+IF('Standard Profiles'!$G$21=$B$24,21,0),MOD($C1285,24)+1)/SUM(INDEX($D$3:$AA$30,INDEX(Jesper!$R$2:$R$366,ROW(INDEX(Jesper!AK$2:AK$366,ROUNDDOWN($C1285/24,0)+1,1))-1)+IF('Standard Profiles'!$G$21=$B$10,7,0)+IF('Standard Profiles'!$G$21=$B$17,14,0)+IF('Standard Profiles'!$G$21=$B$24,21,0),0)),0)</f>
        <v>1.2117067649126421</v>
      </c>
      <c r="H1285" cm="1">
        <f t="array" ref="H1285">IFERROR(INDEX(Jesper!AL$2:AL$366,ROUNDDOWN($C1285/24,0)+1,1)*INDEX($D$3:$AA$30,INDEX(Jesper!$R$2:$R$366,ROW(INDEX(Jesper!AL$2:AL$366,ROUNDDOWN($C1285/24,0)+1,1))-1)+IF('Standard Profiles'!$G$22=$B$10,7,0)+IF('Standard Profiles'!$G$22=$B$17,14,0)+IF('Standard Profiles'!$G$22=$B$24,21,0),MOD($C1285,24)+1)/SUM(INDEX($D$3:$AA$30,INDEX(Jesper!$R$2:$R$366,ROW(INDEX(Jesper!AL$2:AL$366,ROUNDDOWN($C1285/24,0)+1,1))-1)+IF('Standard Profiles'!$G$22=$B$10,7,0)+IF('Standard Profiles'!$G$22=$B$17,14,0)+IF('Standard Profiles'!$G$22=$B$24,21,0),0)),0)</f>
        <v>0</v>
      </c>
      <c r="I1285">
        <f t="shared" si="153"/>
        <v>0.5816192471580679</v>
      </c>
      <c r="J1285">
        <f t="shared" si="154"/>
        <v>9.5844115881816521</v>
      </c>
      <c r="K1285">
        <f t="shared" si="155"/>
        <v>0.61112747717363924</v>
      </c>
      <c r="L1285">
        <f t="shared" si="156"/>
        <v>0.30556373858681962</v>
      </c>
      <c r="M1285">
        <f t="shared" si="157"/>
        <v>0</v>
      </c>
      <c r="N1285" s="45">
        <f t="shared" si="158"/>
        <v>44979.124999996966</v>
      </c>
    </row>
    <row r="1286" spans="2:14" x14ac:dyDescent="0.25">
      <c r="B1286">
        <f t="shared" si="152"/>
        <v>3</v>
      </c>
      <c r="C1286" s="16">
        <v>1252</v>
      </c>
      <c r="D1286" cm="1">
        <f t="array" ref="D1286">IFERROR(INDEX(Jesper!AH$2:AH$366,ROUNDDOWN($C1286/24,0)+1,1)*INDEX($D$3:$AA$30,INDEX(Jesper!$R$2:$R$366,ROW(INDEX(Jesper!AH$2:AH$366,ROUNDDOWN($C1286/24,0)+1,1))-1)+IF('Standard Profiles'!$G$18=$B$10,7,0)+IF('Standard Profiles'!$G$18=$B$17,14,0)+IF('Standard Profiles'!$G$18=$B$24,21,0),MOD($C1286,24)+1)/SUM(INDEX($D$3:$AA$30,INDEX(Jesper!$R$2:$R$366,ROW(INDEX(Jesper!AH$2:AH$366,ROUNDDOWN($C1286/24,0)+1,1))-1)+IF('Standard Profiles'!$G$18=$B$10,7,0)+IF('Standard Profiles'!$G$18=$B$17,14,0)+IF('Standard Profiles'!$G$18=$B$24,21,0),0)),0)</f>
        <v>5.7293200985028676</v>
      </c>
      <c r="E1286" cm="1">
        <f t="array" ref="E1286">IFERROR(INDEX(Jesper!AI$2:AI$366,ROUNDDOWN($C1286/24,0)+1,1)*INDEX($D$3:$AA$30,INDEX(Jesper!$R$2:$R$366,ROW(INDEX(Jesper!AI$2:AI$366,ROUNDDOWN($C1286/24,0)+1,1))-1)+IF('Standard Profiles'!$G$19=$B$10,7,0)+IF('Standard Profiles'!$G$19=$B$17,14,0)+IF('Standard Profiles'!$G$19=$B$24,21,0),MOD($C1286,24)+1)/SUM(INDEX($D$3:$AA$30,INDEX(Jesper!$R$2:$R$366,ROW(INDEX(Jesper!AI$2:AI$366,ROUNDDOWN($C1286/24,0)+1,1))-1)+IF('Standard Profiles'!$G$19=$B$10,7,0)+IF('Standard Profiles'!$G$19=$B$17,14,0)+IF('Standard Profiles'!$G$19=$B$24,21,0),0)),0)</f>
        <v>4.1416951876846699</v>
      </c>
      <c r="F1286" cm="1">
        <f t="array" ref="F1286">IFERROR(INDEX(Jesper!AJ$2:AJ$366,ROUNDDOWN($C1286/24,0)+1,1)*INDEX($D$3:$AA$30,INDEX(Jesper!$R$2:$R$366,ROW(INDEX(Jesper!AJ$2:AJ$366,ROUNDDOWN($C1286/24,0)+1,1))-1)+IF('Standard Profiles'!$G$20=$B$10,7,0)+IF('Standard Profiles'!$G$20=$B$17,14,0)+IF('Standard Profiles'!$G$20=$B$24,21,0),MOD($C1286,24)+1)/SUM(INDEX($D$3:$AA$30,INDEX(Jesper!$R$2:$R$366,ROW(INDEX(Jesper!AJ$2:AJ$366,ROUNDDOWN($C1286/24,0)+1,1))-1)+IF('Standard Profiles'!$G$20=$B$10,7,0)+IF('Standard Profiles'!$G$20=$B$17,14,0)+IF('Standard Profiles'!$G$20=$B$24,21,0),0)),0)</f>
        <v>0</v>
      </c>
      <c r="G1286" cm="1">
        <f t="array" ref="G1286">IFERROR(INDEX(Jesper!AK$2:AK$366,ROUNDDOWN($C1286/24,0)+1,1)*INDEX($D$3:$AA$30,INDEX(Jesper!$R$2:$R$366,ROW(INDEX(Jesper!AK$2:AK$366,ROUNDDOWN($C1286/24,0)+1,1))-1)+IF('Standard Profiles'!$G$21=$B$10,7,0)+IF('Standard Profiles'!$G$21=$B$17,14,0)+IF('Standard Profiles'!$G$21=$B$24,21,0),MOD($C1286,24)+1)/SUM(INDEX($D$3:$AA$30,INDEX(Jesper!$R$2:$R$366,ROW(INDEX(Jesper!AK$2:AK$366,ROUNDDOWN($C1286/24,0)+1,1))-1)+IF('Standard Profiles'!$G$21=$B$10,7,0)+IF('Standard Profiles'!$G$21=$B$17,14,0)+IF('Standard Profiles'!$G$21=$B$24,21,0),0)),0)</f>
        <v>1.2117067649126421</v>
      </c>
      <c r="H1286" cm="1">
        <f t="array" ref="H1286">IFERROR(INDEX(Jesper!AL$2:AL$366,ROUNDDOWN($C1286/24,0)+1,1)*INDEX($D$3:$AA$30,INDEX(Jesper!$R$2:$R$366,ROW(INDEX(Jesper!AL$2:AL$366,ROUNDDOWN($C1286/24,0)+1,1))-1)+IF('Standard Profiles'!$G$22=$B$10,7,0)+IF('Standard Profiles'!$G$22=$B$17,14,0)+IF('Standard Profiles'!$G$22=$B$24,21,0),MOD($C1286,24)+1)/SUM(INDEX($D$3:$AA$30,INDEX(Jesper!$R$2:$R$366,ROW(INDEX(Jesper!AL$2:AL$366,ROUNDDOWN($C1286/24,0)+1,1))-1)+IF('Standard Profiles'!$G$22=$B$10,7,0)+IF('Standard Profiles'!$G$22=$B$17,14,0)+IF('Standard Profiles'!$G$22=$B$24,21,0),0)),0)</f>
        <v>0</v>
      </c>
      <c r="I1286">
        <f t="shared" si="153"/>
        <v>0.5816192471580679</v>
      </c>
      <c r="J1286">
        <f t="shared" si="154"/>
        <v>9.5844115881816521</v>
      </c>
      <c r="K1286">
        <f t="shared" si="155"/>
        <v>0.61112747717363924</v>
      </c>
      <c r="L1286">
        <f t="shared" si="156"/>
        <v>0.30556373858681962</v>
      </c>
      <c r="M1286">
        <f t="shared" si="157"/>
        <v>0</v>
      </c>
      <c r="N1286" s="45">
        <f t="shared" si="158"/>
        <v>44979.16666666363</v>
      </c>
    </row>
    <row r="1287" spans="2:14" x14ac:dyDescent="0.25">
      <c r="B1287">
        <f t="shared" si="152"/>
        <v>3</v>
      </c>
      <c r="C1287" s="16">
        <v>1253</v>
      </c>
      <c r="D1287" cm="1">
        <f t="array" ref="D1287">IFERROR(INDEX(Jesper!AH$2:AH$366,ROUNDDOWN($C1287/24,0)+1,1)*INDEX($D$3:$AA$30,INDEX(Jesper!$R$2:$R$366,ROW(INDEX(Jesper!AH$2:AH$366,ROUNDDOWN($C1287/24,0)+1,1))-1)+IF('Standard Profiles'!$G$18=$B$10,7,0)+IF('Standard Profiles'!$G$18=$B$17,14,0)+IF('Standard Profiles'!$G$18=$B$24,21,0),MOD($C1287,24)+1)/SUM(INDEX($D$3:$AA$30,INDEX(Jesper!$R$2:$R$366,ROW(INDEX(Jesper!AH$2:AH$366,ROUNDDOWN($C1287/24,0)+1,1))-1)+IF('Standard Profiles'!$G$18=$B$10,7,0)+IF('Standard Profiles'!$G$18=$B$17,14,0)+IF('Standard Profiles'!$G$18=$B$24,21,0),0)),0)</f>
        <v>5.7293200985028676</v>
      </c>
      <c r="E1287" cm="1">
        <f t="array" ref="E1287">IFERROR(INDEX(Jesper!AI$2:AI$366,ROUNDDOWN($C1287/24,0)+1,1)*INDEX($D$3:$AA$30,INDEX(Jesper!$R$2:$R$366,ROW(INDEX(Jesper!AI$2:AI$366,ROUNDDOWN($C1287/24,0)+1,1))-1)+IF('Standard Profiles'!$G$19=$B$10,7,0)+IF('Standard Profiles'!$G$19=$B$17,14,0)+IF('Standard Profiles'!$G$19=$B$24,21,0),MOD($C1287,24)+1)/SUM(INDEX($D$3:$AA$30,INDEX(Jesper!$R$2:$R$366,ROW(INDEX(Jesper!AI$2:AI$366,ROUNDDOWN($C1287/24,0)+1,1))-1)+IF('Standard Profiles'!$G$19=$B$10,7,0)+IF('Standard Profiles'!$G$19=$B$17,14,0)+IF('Standard Profiles'!$G$19=$B$24,21,0),0)),0)</f>
        <v>4.1416951876846699</v>
      </c>
      <c r="F1287" cm="1">
        <f t="array" ref="F1287">IFERROR(INDEX(Jesper!AJ$2:AJ$366,ROUNDDOWN($C1287/24,0)+1,1)*INDEX($D$3:$AA$30,INDEX(Jesper!$R$2:$R$366,ROW(INDEX(Jesper!AJ$2:AJ$366,ROUNDDOWN($C1287/24,0)+1,1))-1)+IF('Standard Profiles'!$G$20=$B$10,7,0)+IF('Standard Profiles'!$G$20=$B$17,14,0)+IF('Standard Profiles'!$G$20=$B$24,21,0),MOD($C1287,24)+1)/SUM(INDEX($D$3:$AA$30,INDEX(Jesper!$R$2:$R$366,ROW(INDEX(Jesper!AJ$2:AJ$366,ROUNDDOWN($C1287/24,0)+1,1))-1)+IF('Standard Profiles'!$G$20=$B$10,7,0)+IF('Standard Profiles'!$G$20=$B$17,14,0)+IF('Standard Profiles'!$G$20=$B$24,21,0),0)),0)</f>
        <v>0</v>
      </c>
      <c r="G1287" cm="1">
        <f t="array" ref="G1287">IFERROR(INDEX(Jesper!AK$2:AK$366,ROUNDDOWN($C1287/24,0)+1,1)*INDEX($D$3:$AA$30,INDEX(Jesper!$R$2:$R$366,ROW(INDEX(Jesper!AK$2:AK$366,ROUNDDOWN($C1287/24,0)+1,1))-1)+IF('Standard Profiles'!$G$21=$B$10,7,0)+IF('Standard Profiles'!$G$21=$B$17,14,0)+IF('Standard Profiles'!$G$21=$B$24,21,0),MOD($C1287,24)+1)/SUM(INDEX($D$3:$AA$30,INDEX(Jesper!$R$2:$R$366,ROW(INDEX(Jesper!AK$2:AK$366,ROUNDDOWN($C1287/24,0)+1,1))-1)+IF('Standard Profiles'!$G$21=$B$10,7,0)+IF('Standard Profiles'!$G$21=$B$17,14,0)+IF('Standard Profiles'!$G$21=$B$24,21,0),0)),0)</f>
        <v>1.2117067649126421</v>
      </c>
      <c r="H1287" cm="1">
        <f t="array" ref="H1287">IFERROR(INDEX(Jesper!AL$2:AL$366,ROUNDDOWN($C1287/24,0)+1,1)*INDEX($D$3:$AA$30,INDEX(Jesper!$R$2:$R$366,ROW(INDEX(Jesper!AL$2:AL$366,ROUNDDOWN($C1287/24,0)+1,1))-1)+IF('Standard Profiles'!$G$22=$B$10,7,0)+IF('Standard Profiles'!$G$22=$B$17,14,0)+IF('Standard Profiles'!$G$22=$B$24,21,0),MOD($C1287,24)+1)/SUM(INDEX($D$3:$AA$30,INDEX(Jesper!$R$2:$R$366,ROW(INDEX(Jesper!AL$2:AL$366,ROUNDDOWN($C1287/24,0)+1,1))-1)+IF('Standard Profiles'!$G$22=$B$10,7,0)+IF('Standard Profiles'!$G$22=$B$17,14,0)+IF('Standard Profiles'!$G$22=$B$24,21,0),0)),0)</f>
        <v>0</v>
      </c>
      <c r="I1287">
        <f t="shared" si="153"/>
        <v>0.5816192471580679</v>
      </c>
      <c r="J1287">
        <f t="shared" si="154"/>
        <v>9.5844115881816521</v>
      </c>
      <c r="K1287">
        <f t="shared" si="155"/>
        <v>0.61112747717363924</v>
      </c>
      <c r="L1287">
        <f t="shared" si="156"/>
        <v>0.30556373858681962</v>
      </c>
      <c r="M1287">
        <f t="shared" si="157"/>
        <v>0</v>
      </c>
      <c r="N1287" s="45">
        <f t="shared" si="158"/>
        <v>44979.208333330294</v>
      </c>
    </row>
    <row r="1288" spans="2:14" x14ac:dyDescent="0.25">
      <c r="B1288">
        <f t="shared" si="152"/>
        <v>3</v>
      </c>
      <c r="C1288" s="16">
        <v>1254</v>
      </c>
      <c r="D1288" cm="1">
        <f t="array" ref="D1288">IFERROR(INDEX(Jesper!AH$2:AH$366,ROUNDDOWN($C1288/24,0)+1,1)*INDEX($D$3:$AA$30,INDEX(Jesper!$R$2:$R$366,ROW(INDEX(Jesper!AH$2:AH$366,ROUNDDOWN($C1288/24,0)+1,1))-1)+IF('Standard Profiles'!$G$18=$B$10,7,0)+IF('Standard Profiles'!$G$18=$B$17,14,0)+IF('Standard Profiles'!$G$18=$B$24,21,0),MOD($C1288,24)+1)/SUM(INDEX($D$3:$AA$30,INDEX(Jesper!$R$2:$R$366,ROW(INDEX(Jesper!AH$2:AH$366,ROUNDDOWN($C1288/24,0)+1,1))-1)+IF('Standard Profiles'!$G$18=$B$10,7,0)+IF('Standard Profiles'!$G$18=$B$17,14,0)+IF('Standard Profiles'!$G$18=$B$24,21,0),0)),0)</f>
        <v>5.7293200985028676</v>
      </c>
      <c r="E1288" cm="1">
        <f t="array" ref="E1288">IFERROR(INDEX(Jesper!AI$2:AI$366,ROUNDDOWN($C1288/24,0)+1,1)*INDEX($D$3:$AA$30,INDEX(Jesper!$R$2:$R$366,ROW(INDEX(Jesper!AI$2:AI$366,ROUNDDOWN($C1288/24,0)+1,1))-1)+IF('Standard Profiles'!$G$19=$B$10,7,0)+IF('Standard Profiles'!$G$19=$B$17,14,0)+IF('Standard Profiles'!$G$19=$B$24,21,0),MOD($C1288,24)+1)/SUM(INDEX($D$3:$AA$30,INDEX(Jesper!$R$2:$R$366,ROW(INDEX(Jesper!AI$2:AI$366,ROUNDDOWN($C1288/24,0)+1,1))-1)+IF('Standard Profiles'!$G$19=$B$10,7,0)+IF('Standard Profiles'!$G$19=$B$17,14,0)+IF('Standard Profiles'!$G$19=$B$24,21,0),0)),0)</f>
        <v>4.1416951876846699</v>
      </c>
      <c r="F1288" cm="1">
        <f t="array" ref="F1288">IFERROR(INDEX(Jesper!AJ$2:AJ$366,ROUNDDOWN($C1288/24,0)+1,1)*INDEX($D$3:$AA$30,INDEX(Jesper!$R$2:$R$366,ROW(INDEX(Jesper!AJ$2:AJ$366,ROUNDDOWN($C1288/24,0)+1,1))-1)+IF('Standard Profiles'!$G$20=$B$10,7,0)+IF('Standard Profiles'!$G$20=$B$17,14,0)+IF('Standard Profiles'!$G$20=$B$24,21,0),MOD($C1288,24)+1)/SUM(INDEX($D$3:$AA$30,INDEX(Jesper!$R$2:$R$366,ROW(INDEX(Jesper!AJ$2:AJ$366,ROUNDDOWN($C1288/24,0)+1,1))-1)+IF('Standard Profiles'!$G$20=$B$10,7,0)+IF('Standard Profiles'!$G$20=$B$17,14,0)+IF('Standard Profiles'!$G$20=$B$24,21,0),0)),0)</f>
        <v>0</v>
      </c>
      <c r="G1288" cm="1">
        <f t="array" ref="G1288">IFERROR(INDEX(Jesper!AK$2:AK$366,ROUNDDOWN($C1288/24,0)+1,1)*INDEX($D$3:$AA$30,INDEX(Jesper!$R$2:$R$366,ROW(INDEX(Jesper!AK$2:AK$366,ROUNDDOWN($C1288/24,0)+1,1))-1)+IF('Standard Profiles'!$G$21=$B$10,7,0)+IF('Standard Profiles'!$G$21=$B$17,14,0)+IF('Standard Profiles'!$G$21=$B$24,21,0),MOD($C1288,24)+1)/SUM(INDEX($D$3:$AA$30,INDEX(Jesper!$R$2:$R$366,ROW(INDEX(Jesper!AK$2:AK$366,ROUNDDOWN($C1288/24,0)+1,1))-1)+IF('Standard Profiles'!$G$21=$B$10,7,0)+IF('Standard Profiles'!$G$21=$B$17,14,0)+IF('Standard Profiles'!$G$21=$B$24,21,0),0)),0)</f>
        <v>1.2117067649126421</v>
      </c>
      <c r="H1288" cm="1">
        <f t="array" ref="H1288">IFERROR(INDEX(Jesper!AL$2:AL$366,ROUNDDOWN($C1288/24,0)+1,1)*INDEX($D$3:$AA$30,INDEX(Jesper!$R$2:$R$366,ROW(INDEX(Jesper!AL$2:AL$366,ROUNDDOWN($C1288/24,0)+1,1))-1)+IF('Standard Profiles'!$G$22=$B$10,7,0)+IF('Standard Profiles'!$G$22=$B$17,14,0)+IF('Standard Profiles'!$G$22=$B$24,21,0),MOD($C1288,24)+1)/SUM(INDEX($D$3:$AA$30,INDEX(Jesper!$R$2:$R$366,ROW(INDEX(Jesper!AL$2:AL$366,ROUNDDOWN($C1288/24,0)+1,1))-1)+IF('Standard Profiles'!$G$22=$B$10,7,0)+IF('Standard Profiles'!$G$22=$B$17,14,0)+IF('Standard Profiles'!$G$22=$B$24,21,0),0)),0)</f>
        <v>0</v>
      </c>
      <c r="I1288">
        <f t="shared" si="153"/>
        <v>0.5816192471580679</v>
      </c>
      <c r="J1288">
        <f t="shared" si="154"/>
        <v>9.5844115881816521</v>
      </c>
      <c r="K1288">
        <f t="shared" si="155"/>
        <v>0.61112747717363924</v>
      </c>
      <c r="L1288">
        <f t="shared" si="156"/>
        <v>0.30556373858681962</v>
      </c>
      <c r="M1288">
        <f t="shared" si="157"/>
        <v>0</v>
      </c>
      <c r="N1288" s="45">
        <f t="shared" si="158"/>
        <v>44979.249999996959</v>
      </c>
    </row>
    <row r="1289" spans="2:14" x14ac:dyDescent="0.25">
      <c r="B1289">
        <f t="shared" si="152"/>
        <v>3</v>
      </c>
      <c r="C1289" s="16">
        <v>1255</v>
      </c>
      <c r="D1289" cm="1">
        <f t="array" ref="D1289">IFERROR(INDEX(Jesper!AH$2:AH$366,ROUNDDOWN($C1289/24,0)+1,1)*INDEX($D$3:$AA$30,INDEX(Jesper!$R$2:$R$366,ROW(INDEX(Jesper!AH$2:AH$366,ROUNDDOWN($C1289/24,0)+1,1))-1)+IF('Standard Profiles'!$G$18=$B$10,7,0)+IF('Standard Profiles'!$G$18=$B$17,14,0)+IF('Standard Profiles'!$G$18=$B$24,21,0),MOD($C1289,24)+1)/SUM(INDEX($D$3:$AA$30,INDEX(Jesper!$R$2:$R$366,ROW(INDEX(Jesper!AH$2:AH$366,ROUNDDOWN($C1289/24,0)+1,1))-1)+IF('Standard Profiles'!$G$18=$B$10,7,0)+IF('Standard Profiles'!$G$18=$B$17,14,0)+IF('Standard Profiles'!$G$18=$B$24,21,0),0)),0)</f>
        <v>23.420766099637476</v>
      </c>
      <c r="E1289" cm="1">
        <f t="array" ref="E1289">IFERROR(INDEX(Jesper!AI$2:AI$366,ROUNDDOWN($C1289/24,0)+1,1)*INDEX($D$3:$AA$30,INDEX(Jesper!$R$2:$R$366,ROW(INDEX(Jesper!AI$2:AI$366,ROUNDDOWN($C1289/24,0)+1,1))-1)+IF('Standard Profiles'!$G$19=$B$10,7,0)+IF('Standard Profiles'!$G$19=$B$17,14,0)+IF('Standard Profiles'!$G$19=$B$24,21,0),MOD($C1289,24)+1)/SUM(INDEX($D$3:$AA$30,INDEX(Jesper!$R$2:$R$366,ROW(INDEX(Jesper!AI$2:AI$366,ROUNDDOWN($C1289/24,0)+1,1))-1)+IF('Standard Profiles'!$G$19=$B$10,7,0)+IF('Standard Profiles'!$G$19=$B$17,14,0)+IF('Standard Profiles'!$G$19=$B$24,21,0),0)),0)</f>
        <v>16.930747903595815</v>
      </c>
      <c r="F1289" cm="1">
        <f t="array" ref="F1289">IFERROR(INDEX(Jesper!AJ$2:AJ$366,ROUNDDOWN($C1289/24,0)+1,1)*INDEX($D$3:$AA$30,INDEX(Jesper!$R$2:$R$366,ROW(INDEX(Jesper!AJ$2:AJ$366,ROUNDDOWN($C1289/24,0)+1,1))-1)+IF('Standard Profiles'!$G$20=$B$10,7,0)+IF('Standard Profiles'!$G$20=$B$17,14,0)+IF('Standard Profiles'!$G$20=$B$24,21,0),MOD($C1289,24)+1)/SUM(INDEX($D$3:$AA$30,INDEX(Jesper!$R$2:$R$366,ROW(INDEX(Jesper!AJ$2:AJ$366,ROUNDDOWN($C1289/24,0)+1,1))-1)+IF('Standard Profiles'!$G$20=$B$10,7,0)+IF('Standard Profiles'!$G$20=$B$17,14,0)+IF('Standard Profiles'!$G$20=$B$24,21,0),0)),0)</f>
        <v>0</v>
      </c>
      <c r="G1289" cm="1">
        <f t="array" ref="G1289">IFERROR(INDEX(Jesper!AK$2:AK$366,ROUNDDOWN($C1289/24,0)+1,1)*INDEX($D$3:$AA$30,INDEX(Jesper!$R$2:$R$366,ROW(INDEX(Jesper!AK$2:AK$366,ROUNDDOWN($C1289/24,0)+1,1))-1)+IF('Standard Profiles'!$G$21=$B$10,7,0)+IF('Standard Profiles'!$G$21=$B$17,14,0)+IF('Standard Profiles'!$G$21=$B$24,21,0),MOD($C1289,24)+1)/SUM(INDEX($D$3:$AA$30,INDEX(Jesper!$R$2:$R$366,ROW(INDEX(Jesper!AK$2:AK$366,ROUNDDOWN($C1289/24,0)+1,1))-1)+IF('Standard Profiles'!$G$21=$B$10,7,0)+IF('Standard Profiles'!$G$21=$B$17,14,0)+IF('Standard Profiles'!$G$21=$B$24,21,0),0)),0)</f>
        <v>3.3382521373343286</v>
      </c>
      <c r="H1289" cm="1">
        <f t="array" ref="H1289">IFERROR(INDEX(Jesper!AL$2:AL$366,ROUNDDOWN($C1289/24,0)+1,1)*INDEX($D$3:$AA$30,INDEX(Jesper!$R$2:$R$366,ROW(INDEX(Jesper!AL$2:AL$366,ROUNDDOWN($C1289/24,0)+1,1))-1)+IF('Standard Profiles'!$G$22=$B$10,7,0)+IF('Standard Profiles'!$G$22=$B$17,14,0)+IF('Standard Profiles'!$G$22=$B$24,21,0),MOD($C1289,24)+1)/SUM(INDEX($D$3:$AA$30,INDEX(Jesper!$R$2:$R$366,ROW(INDEX(Jesper!AL$2:AL$366,ROUNDDOWN($C1289/24,0)+1,1))-1)+IF('Standard Profiles'!$G$22=$B$10,7,0)+IF('Standard Profiles'!$G$22=$B$17,14,0)+IF('Standard Profiles'!$G$22=$B$24,21,0),0)),0)</f>
        <v>0</v>
      </c>
      <c r="I1289">
        <f t="shared" si="153"/>
        <v>1.602361025920477</v>
      </c>
      <c r="J1289">
        <f t="shared" si="154"/>
        <v>38.340082538705147</v>
      </c>
      <c r="K1289">
        <f t="shared" si="155"/>
        <v>2.4982150506279974</v>
      </c>
      <c r="L1289">
        <f t="shared" si="156"/>
        <v>1.2491075253139987</v>
      </c>
      <c r="M1289">
        <f t="shared" si="157"/>
        <v>0</v>
      </c>
      <c r="N1289" s="45">
        <f t="shared" si="158"/>
        <v>44979.291666663623</v>
      </c>
    </row>
    <row r="1290" spans="2:14" x14ac:dyDescent="0.25">
      <c r="B1290">
        <f t="shared" si="152"/>
        <v>3</v>
      </c>
      <c r="C1290" s="16">
        <v>1256</v>
      </c>
      <c r="D1290" cm="1">
        <f t="array" ref="D1290">IFERROR(INDEX(Jesper!AH$2:AH$366,ROUNDDOWN($C1290/24,0)+1,1)*INDEX($D$3:$AA$30,INDEX(Jesper!$R$2:$R$366,ROW(INDEX(Jesper!AH$2:AH$366,ROUNDDOWN($C1290/24,0)+1,1))-1)+IF('Standard Profiles'!$G$18=$B$10,7,0)+IF('Standard Profiles'!$G$18=$B$17,14,0)+IF('Standard Profiles'!$G$18=$B$24,21,0),MOD($C1290,24)+1)/SUM(INDEX($D$3:$AA$30,INDEX(Jesper!$R$2:$R$366,ROW(INDEX(Jesper!AH$2:AH$366,ROUNDDOWN($C1290/24,0)+1,1))-1)+IF('Standard Profiles'!$G$18=$B$10,7,0)+IF('Standard Profiles'!$G$18=$B$17,14,0)+IF('Standard Profiles'!$G$18=$B$24,21,0),0)),0)</f>
        <v>26.132644279595503</v>
      </c>
      <c r="E1290" cm="1">
        <f t="array" ref="E1290">IFERROR(INDEX(Jesper!AI$2:AI$366,ROUNDDOWN($C1290/24,0)+1,1)*INDEX($D$3:$AA$30,INDEX(Jesper!$R$2:$R$366,ROW(INDEX(Jesper!AI$2:AI$366,ROUNDDOWN($C1290/24,0)+1,1))-1)+IF('Standard Profiles'!$G$19=$B$10,7,0)+IF('Standard Profiles'!$G$19=$B$17,14,0)+IF('Standard Profiles'!$G$19=$B$24,21,0),MOD($C1290,24)+1)/SUM(INDEX($D$3:$AA$30,INDEX(Jesper!$R$2:$R$366,ROW(INDEX(Jesper!AI$2:AI$366,ROUNDDOWN($C1290/24,0)+1,1))-1)+IF('Standard Profiles'!$G$19=$B$10,7,0)+IF('Standard Profiles'!$G$19=$B$17,14,0)+IF('Standard Profiles'!$G$19=$B$24,21,0),0)),0)</f>
        <v>18.891150292433224</v>
      </c>
      <c r="F1290" cm="1">
        <f t="array" ref="F1290">IFERROR(INDEX(Jesper!AJ$2:AJ$366,ROUNDDOWN($C1290/24,0)+1,1)*INDEX($D$3:$AA$30,INDEX(Jesper!$R$2:$R$366,ROW(INDEX(Jesper!AJ$2:AJ$366,ROUNDDOWN($C1290/24,0)+1,1))-1)+IF('Standard Profiles'!$G$20=$B$10,7,0)+IF('Standard Profiles'!$G$20=$B$17,14,0)+IF('Standard Profiles'!$G$20=$B$24,21,0),MOD($C1290,24)+1)/SUM(INDEX($D$3:$AA$30,INDEX(Jesper!$R$2:$R$366,ROW(INDEX(Jesper!AJ$2:AJ$366,ROUNDDOWN($C1290/24,0)+1,1))-1)+IF('Standard Profiles'!$G$20=$B$10,7,0)+IF('Standard Profiles'!$G$20=$B$17,14,0)+IF('Standard Profiles'!$G$20=$B$24,21,0),0)),0)</f>
        <v>0</v>
      </c>
      <c r="G1290" cm="1">
        <f t="array" ref="G1290">IFERROR(INDEX(Jesper!AK$2:AK$366,ROUNDDOWN($C1290/24,0)+1,1)*INDEX($D$3:$AA$30,INDEX(Jesper!$R$2:$R$366,ROW(INDEX(Jesper!AK$2:AK$366,ROUNDDOWN($C1290/24,0)+1,1))-1)+IF('Standard Profiles'!$G$21=$B$10,7,0)+IF('Standard Profiles'!$G$21=$B$17,14,0)+IF('Standard Profiles'!$G$21=$B$24,21,0),MOD($C1290,24)+1)/SUM(INDEX($D$3:$AA$30,INDEX(Jesper!$R$2:$R$366,ROW(INDEX(Jesper!AK$2:AK$366,ROUNDDOWN($C1290/24,0)+1,1))-1)+IF('Standard Profiles'!$G$21=$B$10,7,0)+IF('Standard Profiles'!$G$21=$B$17,14,0)+IF('Standard Profiles'!$G$21=$B$24,21,0),0)),0)</f>
        <v>3.7247865953414618</v>
      </c>
      <c r="H1290" cm="1">
        <f t="array" ref="H1290">IFERROR(INDEX(Jesper!AL$2:AL$366,ROUNDDOWN($C1290/24,0)+1,1)*INDEX($D$3:$AA$30,INDEX(Jesper!$R$2:$R$366,ROW(INDEX(Jesper!AL$2:AL$366,ROUNDDOWN($C1290/24,0)+1,1))-1)+IF('Standard Profiles'!$G$22=$B$10,7,0)+IF('Standard Profiles'!$G$22=$B$17,14,0)+IF('Standard Profiles'!$G$22=$B$24,21,0),MOD($C1290,24)+1)/SUM(INDEX($D$3:$AA$30,INDEX(Jesper!$R$2:$R$366,ROW(INDEX(Jesper!AL$2:AL$366,ROUNDDOWN($C1290/24,0)+1,1))-1)+IF('Standard Profiles'!$G$22=$B$10,7,0)+IF('Standard Profiles'!$G$22=$B$17,14,0)+IF('Standard Profiles'!$G$22=$B$24,21,0),0)),0)</f>
        <v>0</v>
      </c>
      <c r="I1290">
        <f t="shared" si="153"/>
        <v>1.7878975657639007</v>
      </c>
      <c r="J1290">
        <f t="shared" si="154"/>
        <v>42.779460516871005</v>
      </c>
      <c r="K1290">
        <f t="shared" si="155"/>
        <v>2.787482056490187</v>
      </c>
      <c r="L1290">
        <f t="shared" si="156"/>
        <v>1.3937410282450935</v>
      </c>
      <c r="M1290">
        <f t="shared" si="157"/>
        <v>0</v>
      </c>
      <c r="N1290" s="45">
        <f t="shared" si="158"/>
        <v>44979.333333330287</v>
      </c>
    </row>
    <row r="1291" spans="2:14" x14ac:dyDescent="0.25">
      <c r="B1291">
        <f t="shared" si="152"/>
        <v>3</v>
      </c>
      <c r="C1291" s="16">
        <v>1257</v>
      </c>
      <c r="D1291" cm="1">
        <f t="array" ref="D1291">IFERROR(INDEX(Jesper!AH$2:AH$366,ROUNDDOWN($C1291/24,0)+1,1)*INDEX($D$3:$AA$30,INDEX(Jesper!$R$2:$R$366,ROW(INDEX(Jesper!AH$2:AH$366,ROUNDDOWN($C1291/24,0)+1,1))-1)+IF('Standard Profiles'!$G$18=$B$10,7,0)+IF('Standard Profiles'!$G$18=$B$17,14,0)+IF('Standard Profiles'!$G$18=$B$24,21,0),MOD($C1291,24)+1)/SUM(INDEX($D$3:$AA$30,INDEX(Jesper!$R$2:$R$366,ROW(INDEX(Jesper!AH$2:AH$366,ROUNDDOWN($C1291/24,0)+1,1))-1)+IF('Standard Profiles'!$G$18=$B$10,7,0)+IF('Standard Profiles'!$G$18=$B$17,14,0)+IF('Standard Profiles'!$G$18=$B$24,21,0),0)),0)</f>
        <v>28.844522459553527</v>
      </c>
      <c r="E1291" cm="1">
        <f t="array" ref="E1291">IFERROR(INDEX(Jesper!AI$2:AI$366,ROUNDDOWN($C1291/24,0)+1,1)*INDEX($D$3:$AA$30,INDEX(Jesper!$R$2:$R$366,ROW(INDEX(Jesper!AI$2:AI$366,ROUNDDOWN($C1291/24,0)+1,1))-1)+IF('Standard Profiles'!$G$19=$B$10,7,0)+IF('Standard Profiles'!$G$19=$B$17,14,0)+IF('Standard Profiles'!$G$19=$B$24,21,0),MOD($C1291,24)+1)/SUM(INDEX($D$3:$AA$30,INDEX(Jesper!$R$2:$R$366,ROW(INDEX(Jesper!AI$2:AI$366,ROUNDDOWN($C1291/24,0)+1,1))-1)+IF('Standard Profiles'!$G$19=$B$10,7,0)+IF('Standard Profiles'!$G$19=$B$17,14,0)+IF('Standard Profiles'!$G$19=$B$24,21,0),0)),0)</f>
        <v>20.851552681270636</v>
      </c>
      <c r="F1291" cm="1">
        <f t="array" ref="F1291">IFERROR(INDEX(Jesper!AJ$2:AJ$366,ROUNDDOWN($C1291/24,0)+1,1)*INDEX($D$3:$AA$30,INDEX(Jesper!$R$2:$R$366,ROW(INDEX(Jesper!AJ$2:AJ$366,ROUNDDOWN($C1291/24,0)+1,1))-1)+IF('Standard Profiles'!$G$20=$B$10,7,0)+IF('Standard Profiles'!$G$20=$B$17,14,0)+IF('Standard Profiles'!$G$20=$B$24,21,0),MOD($C1291,24)+1)/SUM(INDEX($D$3:$AA$30,INDEX(Jesper!$R$2:$R$366,ROW(INDEX(Jesper!AJ$2:AJ$366,ROUNDDOWN($C1291/24,0)+1,1))-1)+IF('Standard Profiles'!$G$20=$B$10,7,0)+IF('Standard Profiles'!$G$20=$B$17,14,0)+IF('Standard Profiles'!$G$20=$B$24,21,0),0)),0)</f>
        <v>0</v>
      </c>
      <c r="G1291" cm="1">
        <f t="array" ref="G1291">IFERROR(INDEX(Jesper!AK$2:AK$366,ROUNDDOWN($C1291/24,0)+1,1)*INDEX($D$3:$AA$30,INDEX(Jesper!$R$2:$R$366,ROW(INDEX(Jesper!AK$2:AK$366,ROUNDDOWN($C1291/24,0)+1,1))-1)+IF('Standard Profiles'!$G$21=$B$10,7,0)+IF('Standard Profiles'!$G$21=$B$17,14,0)+IF('Standard Profiles'!$G$21=$B$24,21,0),MOD($C1291,24)+1)/SUM(INDEX($D$3:$AA$30,INDEX(Jesper!$R$2:$R$366,ROW(INDEX(Jesper!AK$2:AK$366,ROUNDDOWN($C1291/24,0)+1,1))-1)+IF('Standard Profiles'!$G$21=$B$10,7,0)+IF('Standard Profiles'!$G$21=$B$17,14,0)+IF('Standard Profiles'!$G$21=$B$24,21,0),0)),0)</f>
        <v>4.1113210533485942</v>
      </c>
      <c r="H1291" cm="1">
        <f t="array" ref="H1291">IFERROR(INDEX(Jesper!AL$2:AL$366,ROUNDDOWN($C1291/24,0)+1,1)*INDEX($D$3:$AA$30,INDEX(Jesper!$R$2:$R$366,ROW(INDEX(Jesper!AL$2:AL$366,ROUNDDOWN($C1291/24,0)+1,1))-1)+IF('Standard Profiles'!$G$22=$B$10,7,0)+IF('Standard Profiles'!$G$22=$B$17,14,0)+IF('Standard Profiles'!$G$22=$B$24,21,0),MOD($C1291,24)+1)/SUM(INDEX($D$3:$AA$30,INDEX(Jesper!$R$2:$R$366,ROW(INDEX(Jesper!AL$2:AL$366,ROUNDDOWN($C1291/24,0)+1,1))-1)+IF('Standard Profiles'!$G$22=$B$10,7,0)+IF('Standard Profiles'!$G$22=$B$17,14,0)+IF('Standard Profiles'!$G$22=$B$24,21,0),0)),0)</f>
        <v>0</v>
      </c>
      <c r="I1291">
        <f t="shared" si="153"/>
        <v>1.9734341056073241</v>
      </c>
      <c r="J1291">
        <f t="shared" si="154"/>
        <v>47.21883849503687</v>
      </c>
      <c r="K1291">
        <f t="shared" si="155"/>
        <v>3.0767490623523766</v>
      </c>
      <c r="L1291">
        <f t="shared" si="156"/>
        <v>1.5383745311761883</v>
      </c>
      <c r="M1291">
        <f t="shared" si="157"/>
        <v>0</v>
      </c>
      <c r="N1291" s="45">
        <f t="shared" si="158"/>
        <v>44979.374999996951</v>
      </c>
    </row>
    <row r="1292" spans="2:14" x14ac:dyDescent="0.25">
      <c r="B1292">
        <f t="shared" si="152"/>
        <v>3</v>
      </c>
      <c r="C1292" s="16">
        <v>1258</v>
      </c>
      <c r="D1292" cm="1">
        <f t="array" ref="D1292">IFERROR(INDEX(Jesper!AH$2:AH$366,ROUNDDOWN($C1292/24,0)+1,1)*INDEX($D$3:$AA$30,INDEX(Jesper!$R$2:$R$366,ROW(INDEX(Jesper!AH$2:AH$366,ROUNDDOWN($C1292/24,0)+1,1))-1)+IF('Standard Profiles'!$G$18=$B$10,7,0)+IF('Standard Profiles'!$G$18=$B$17,14,0)+IF('Standard Profiles'!$G$18=$B$24,21,0),MOD($C1292,24)+1)/SUM(INDEX($D$3:$AA$30,INDEX(Jesper!$R$2:$R$366,ROW(INDEX(Jesper!AH$2:AH$366,ROUNDDOWN($C1292/24,0)+1,1))-1)+IF('Standard Profiles'!$G$18=$B$10,7,0)+IF('Standard Profiles'!$G$18=$B$17,14,0)+IF('Standard Profiles'!$G$18=$B$24,21,0),0)),0)</f>
        <v>28.844522459553527</v>
      </c>
      <c r="E1292" cm="1">
        <f t="array" ref="E1292">IFERROR(INDEX(Jesper!AI$2:AI$366,ROUNDDOWN($C1292/24,0)+1,1)*INDEX($D$3:$AA$30,INDEX(Jesper!$R$2:$R$366,ROW(INDEX(Jesper!AI$2:AI$366,ROUNDDOWN($C1292/24,0)+1,1))-1)+IF('Standard Profiles'!$G$19=$B$10,7,0)+IF('Standard Profiles'!$G$19=$B$17,14,0)+IF('Standard Profiles'!$G$19=$B$24,21,0),MOD($C1292,24)+1)/SUM(INDEX($D$3:$AA$30,INDEX(Jesper!$R$2:$R$366,ROW(INDEX(Jesper!AI$2:AI$366,ROUNDDOWN($C1292/24,0)+1,1))-1)+IF('Standard Profiles'!$G$19=$B$10,7,0)+IF('Standard Profiles'!$G$19=$B$17,14,0)+IF('Standard Profiles'!$G$19=$B$24,21,0),0)),0)</f>
        <v>20.851552681270636</v>
      </c>
      <c r="F1292" cm="1">
        <f t="array" ref="F1292">IFERROR(INDEX(Jesper!AJ$2:AJ$366,ROUNDDOWN($C1292/24,0)+1,1)*INDEX($D$3:$AA$30,INDEX(Jesper!$R$2:$R$366,ROW(INDEX(Jesper!AJ$2:AJ$366,ROUNDDOWN($C1292/24,0)+1,1))-1)+IF('Standard Profiles'!$G$20=$B$10,7,0)+IF('Standard Profiles'!$G$20=$B$17,14,0)+IF('Standard Profiles'!$G$20=$B$24,21,0),MOD($C1292,24)+1)/SUM(INDEX($D$3:$AA$30,INDEX(Jesper!$R$2:$R$366,ROW(INDEX(Jesper!AJ$2:AJ$366,ROUNDDOWN($C1292/24,0)+1,1))-1)+IF('Standard Profiles'!$G$20=$B$10,7,0)+IF('Standard Profiles'!$G$20=$B$17,14,0)+IF('Standard Profiles'!$G$20=$B$24,21,0),0)),0)</f>
        <v>0</v>
      </c>
      <c r="G1292" cm="1">
        <f t="array" ref="G1292">IFERROR(INDEX(Jesper!AK$2:AK$366,ROUNDDOWN($C1292/24,0)+1,1)*INDEX($D$3:$AA$30,INDEX(Jesper!$R$2:$R$366,ROW(INDEX(Jesper!AK$2:AK$366,ROUNDDOWN($C1292/24,0)+1,1))-1)+IF('Standard Profiles'!$G$21=$B$10,7,0)+IF('Standard Profiles'!$G$21=$B$17,14,0)+IF('Standard Profiles'!$G$21=$B$24,21,0),MOD($C1292,24)+1)/SUM(INDEX($D$3:$AA$30,INDEX(Jesper!$R$2:$R$366,ROW(INDEX(Jesper!AK$2:AK$366,ROUNDDOWN($C1292/24,0)+1,1))-1)+IF('Standard Profiles'!$G$21=$B$10,7,0)+IF('Standard Profiles'!$G$21=$B$17,14,0)+IF('Standard Profiles'!$G$21=$B$24,21,0),0)),0)</f>
        <v>4.1113210533485942</v>
      </c>
      <c r="H1292" cm="1">
        <f t="array" ref="H1292">IFERROR(INDEX(Jesper!AL$2:AL$366,ROUNDDOWN($C1292/24,0)+1,1)*INDEX($D$3:$AA$30,INDEX(Jesper!$R$2:$R$366,ROW(INDEX(Jesper!AL$2:AL$366,ROUNDDOWN($C1292/24,0)+1,1))-1)+IF('Standard Profiles'!$G$22=$B$10,7,0)+IF('Standard Profiles'!$G$22=$B$17,14,0)+IF('Standard Profiles'!$G$22=$B$24,21,0),MOD($C1292,24)+1)/SUM(INDEX($D$3:$AA$30,INDEX(Jesper!$R$2:$R$366,ROW(INDEX(Jesper!AL$2:AL$366,ROUNDDOWN($C1292/24,0)+1,1))-1)+IF('Standard Profiles'!$G$22=$B$10,7,0)+IF('Standard Profiles'!$G$22=$B$17,14,0)+IF('Standard Profiles'!$G$22=$B$24,21,0),0)),0)</f>
        <v>0</v>
      </c>
      <c r="I1292">
        <f t="shared" si="153"/>
        <v>1.9734341056073241</v>
      </c>
      <c r="J1292">
        <f t="shared" si="154"/>
        <v>47.21883849503687</v>
      </c>
      <c r="K1292">
        <f t="shared" si="155"/>
        <v>3.0767490623523766</v>
      </c>
      <c r="L1292">
        <f t="shared" si="156"/>
        <v>1.5383745311761883</v>
      </c>
      <c r="M1292">
        <f t="shared" si="157"/>
        <v>0</v>
      </c>
      <c r="N1292" s="45">
        <f t="shared" si="158"/>
        <v>44979.416666663616</v>
      </c>
    </row>
    <row r="1293" spans="2:14" x14ac:dyDescent="0.25">
      <c r="B1293">
        <f t="shared" si="152"/>
        <v>3</v>
      </c>
      <c r="C1293" s="16">
        <v>1259</v>
      </c>
      <c r="D1293" cm="1">
        <f t="array" ref="D1293">IFERROR(INDEX(Jesper!AH$2:AH$366,ROUNDDOWN($C1293/24,0)+1,1)*INDEX($D$3:$AA$30,INDEX(Jesper!$R$2:$R$366,ROW(INDEX(Jesper!AH$2:AH$366,ROUNDDOWN($C1293/24,0)+1,1))-1)+IF('Standard Profiles'!$G$18=$B$10,7,0)+IF('Standard Profiles'!$G$18=$B$17,14,0)+IF('Standard Profiles'!$G$18=$B$24,21,0),MOD($C1293,24)+1)/SUM(INDEX($D$3:$AA$30,INDEX(Jesper!$R$2:$R$366,ROW(INDEX(Jesper!AH$2:AH$366,ROUNDDOWN($C1293/24,0)+1,1))-1)+IF('Standard Profiles'!$G$18=$B$10,7,0)+IF('Standard Profiles'!$G$18=$B$17,14,0)+IF('Standard Profiles'!$G$18=$B$24,21,0),0)),0)</f>
        <v>34.514813199465756</v>
      </c>
      <c r="E1293" cm="1">
        <f t="array" ref="E1293">IFERROR(INDEX(Jesper!AI$2:AI$366,ROUNDDOWN($C1293/24,0)+1,1)*INDEX($D$3:$AA$30,INDEX(Jesper!$R$2:$R$366,ROW(INDEX(Jesper!AI$2:AI$366,ROUNDDOWN($C1293/24,0)+1,1))-1)+IF('Standard Profiles'!$G$19=$B$10,7,0)+IF('Standard Profiles'!$G$19=$B$17,14,0)+IF('Standard Profiles'!$G$19=$B$24,21,0),MOD($C1293,24)+1)/SUM(INDEX($D$3:$AA$30,INDEX(Jesper!$R$2:$R$366,ROW(INDEX(Jesper!AI$2:AI$366,ROUNDDOWN($C1293/24,0)+1,1))-1)+IF('Standard Profiles'!$G$19=$B$10,7,0)+IF('Standard Profiles'!$G$19=$B$17,14,0)+IF('Standard Profiles'!$G$19=$B$24,21,0),0)),0)</f>
        <v>24.950575857930673</v>
      </c>
      <c r="F1293" cm="1">
        <f t="array" ref="F1293">IFERROR(INDEX(Jesper!AJ$2:AJ$366,ROUNDDOWN($C1293/24,0)+1,1)*INDEX($D$3:$AA$30,INDEX(Jesper!$R$2:$R$366,ROW(INDEX(Jesper!AJ$2:AJ$366,ROUNDDOWN($C1293/24,0)+1,1))-1)+IF('Standard Profiles'!$G$20=$B$10,7,0)+IF('Standard Profiles'!$G$20=$B$17,14,0)+IF('Standard Profiles'!$G$20=$B$24,21,0),MOD($C1293,24)+1)/SUM(INDEX($D$3:$AA$30,INDEX(Jesper!$R$2:$R$366,ROW(INDEX(Jesper!AJ$2:AJ$366,ROUNDDOWN($C1293/24,0)+1,1))-1)+IF('Standard Profiles'!$G$20=$B$10,7,0)+IF('Standard Profiles'!$G$20=$B$17,14,0)+IF('Standard Profiles'!$G$20=$B$24,21,0),0)),0)</f>
        <v>0</v>
      </c>
      <c r="G1293" cm="1">
        <f t="array" ref="G1293">IFERROR(INDEX(Jesper!AK$2:AK$366,ROUNDDOWN($C1293/24,0)+1,1)*INDEX($D$3:$AA$30,INDEX(Jesper!$R$2:$R$366,ROW(INDEX(Jesper!AK$2:AK$366,ROUNDDOWN($C1293/24,0)+1,1))-1)+IF('Standard Profiles'!$G$21=$B$10,7,0)+IF('Standard Profiles'!$G$21=$B$17,14,0)+IF('Standard Profiles'!$G$21=$B$24,21,0),MOD($C1293,24)+1)/SUM(INDEX($D$3:$AA$30,INDEX(Jesper!$R$2:$R$366,ROW(INDEX(Jesper!AK$2:AK$366,ROUNDDOWN($C1293/24,0)+1,1))-1)+IF('Standard Profiles'!$G$21=$B$10,7,0)+IF('Standard Profiles'!$G$21=$B$17,14,0)+IF('Standard Profiles'!$G$21=$B$24,21,0),0)),0)</f>
        <v>4.9195294655453257</v>
      </c>
      <c r="H1293" cm="1">
        <f t="array" ref="H1293">IFERROR(INDEX(Jesper!AL$2:AL$366,ROUNDDOWN($C1293/24,0)+1,1)*INDEX($D$3:$AA$30,INDEX(Jesper!$R$2:$R$366,ROW(INDEX(Jesper!AL$2:AL$366,ROUNDDOWN($C1293/24,0)+1,1))-1)+IF('Standard Profiles'!$G$22=$B$10,7,0)+IF('Standard Profiles'!$G$22=$B$17,14,0)+IF('Standard Profiles'!$G$22=$B$24,21,0),MOD($C1293,24)+1)/SUM(INDEX($D$3:$AA$30,INDEX(Jesper!$R$2:$R$366,ROW(INDEX(Jesper!AL$2:AL$366,ROUNDDOWN($C1293/24,0)+1,1))-1)+IF('Standard Profiles'!$G$22=$B$10,7,0)+IF('Standard Profiles'!$G$22=$B$17,14,0)+IF('Standard Profiles'!$G$22=$B$24,21,0),0)),0)</f>
        <v>0</v>
      </c>
      <c r="I1293">
        <f t="shared" si="153"/>
        <v>2.361374143461755</v>
      </c>
      <c r="J1293">
        <f t="shared" si="154"/>
        <v>56.501174267565482</v>
      </c>
      <c r="K1293">
        <f t="shared" si="155"/>
        <v>3.681580074609681</v>
      </c>
      <c r="L1293">
        <f t="shared" si="156"/>
        <v>1.8407900373048405</v>
      </c>
      <c r="M1293">
        <f t="shared" si="157"/>
        <v>0</v>
      </c>
      <c r="N1293" s="45">
        <f t="shared" si="158"/>
        <v>44979.45833333028</v>
      </c>
    </row>
    <row r="1294" spans="2:14" x14ac:dyDescent="0.25">
      <c r="B1294">
        <f t="shared" si="152"/>
        <v>3</v>
      </c>
      <c r="C1294" s="16">
        <v>1260</v>
      </c>
      <c r="D1294" cm="1">
        <f t="array" ref="D1294">IFERROR(INDEX(Jesper!AH$2:AH$366,ROUNDDOWN($C1294/24,0)+1,1)*INDEX($D$3:$AA$30,INDEX(Jesper!$R$2:$R$366,ROW(INDEX(Jesper!AH$2:AH$366,ROUNDDOWN($C1294/24,0)+1,1))-1)+IF('Standard Profiles'!$G$18=$B$10,7,0)+IF('Standard Profiles'!$G$18=$B$17,14,0)+IF('Standard Profiles'!$G$18=$B$24,21,0),MOD($C1294,24)+1)/SUM(INDEX($D$3:$AA$30,INDEX(Jesper!$R$2:$R$366,ROW(INDEX(Jesper!AH$2:AH$366,ROUNDDOWN($C1294/24,0)+1,1))-1)+IF('Standard Profiles'!$G$18=$B$10,7,0)+IF('Standard Profiles'!$G$18=$B$17,14,0)+IF('Standard Profiles'!$G$18=$B$24,21,0),0)),0)</f>
        <v>34.514813199465756</v>
      </c>
      <c r="E1294" cm="1">
        <f t="array" ref="E1294">IFERROR(INDEX(Jesper!AI$2:AI$366,ROUNDDOWN($C1294/24,0)+1,1)*INDEX($D$3:$AA$30,INDEX(Jesper!$R$2:$R$366,ROW(INDEX(Jesper!AI$2:AI$366,ROUNDDOWN($C1294/24,0)+1,1))-1)+IF('Standard Profiles'!$G$19=$B$10,7,0)+IF('Standard Profiles'!$G$19=$B$17,14,0)+IF('Standard Profiles'!$G$19=$B$24,21,0),MOD($C1294,24)+1)/SUM(INDEX($D$3:$AA$30,INDEX(Jesper!$R$2:$R$366,ROW(INDEX(Jesper!AI$2:AI$366,ROUNDDOWN($C1294/24,0)+1,1))-1)+IF('Standard Profiles'!$G$19=$B$10,7,0)+IF('Standard Profiles'!$G$19=$B$17,14,0)+IF('Standard Profiles'!$G$19=$B$24,21,0),0)),0)</f>
        <v>24.950575857930673</v>
      </c>
      <c r="F1294" cm="1">
        <f t="array" ref="F1294">IFERROR(INDEX(Jesper!AJ$2:AJ$366,ROUNDDOWN($C1294/24,0)+1,1)*INDEX($D$3:$AA$30,INDEX(Jesper!$R$2:$R$366,ROW(INDEX(Jesper!AJ$2:AJ$366,ROUNDDOWN($C1294/24,0)+1,1))-1)+IF('Standard Profiles'!$G$20=$B$10,7,0)+IF('Standard Profiles'!$G$20=$B$17,14,0)+IF('Standard Profiles'!$G$20=$B$24,21,0),MOD($C1294,24)+1)/SUM(INDEX($D$3:$AA$30,INDEX(Jesper!$R$2:$R$366,ROW(INDEX(Jesper!AJ$2:AJ$366,ROUNDDOWN($C1294/24,0)+1,1))-1)+IF('Standard Profiles'!$G$20=$B$10,7,0)+IF('Standard Profiles'!$G$20=$B$17,14,0)+IF('Standard Profiles'!$G$20=$B$24,21,0),0)),0)</f>
        <v>0</v>
      </c>
      <c r="G1294" cm="1">
        <f t="array" ref="G1294">IFERROR(INDEX(Jesper!AK$2:AK$366,ROUNDDOWN($C1294/24,0)+1,1)*INDEX($D$3:$AA$30,INDEX(Jesper!$R$2:$R$366,ROW(INDEX(Jesper!AK$2:AK$366,ROUNDDOWN($C1294/24,0)+1,1))-1)+IF('Standard Profiles'!$G$21=$B$10,7,0)+IF('Standard Profiles'!$G$21=$B$17,14,0)+IF('Standard Profiles'!$G$21=$B$24,21,0),MOD($C1294,24)+1)/SUM(INDEX($D$3:$AA$30,INDEX(Jesper!$R$2:$R$366,ROW(INDEX(Jesper!AK$2:AK$366,ROUNDDOWN($C1294/24,0)+1,1))-1)+IF('Standard Profiles'!$G$21=$B$10,7,0)+IF('Standard Profiles'!$G$21=$B$17,14,0)+IF('Standard Profiles'!$G$21=$B$24,21,0),0)),0)</f>
        <v>4.9195294655453257</v>
      </c>
      <c r="H1294" cm="1">
        <f t="array" ref="H1294">IFERROR(INDEX(Jesper!AL$2:AL$366,ROUNDDOWN($C1294/24,0)+1,1)*INDEX($D$3:$AA$30,INDEX(Jesper!$R$2:$R$366,ROW(INDEX(Jesper!AL$2:AL$366,ROUNDDOWN($C1294/24,0)+1,1))-1)+IF('Standard Profiles'!$G$22=$B$10,7,0)+IF('Standard Profiles'!$G$22=$B$17,14,0)+IF('Standard Profiles'!$G$22=$B$24,21,0),MOD($C1294,24)+1)/SUM(INDEX($D$3:$AA$30,INDEX(Jesper!$R$2:$R$366,ROW(INDEX(Jesper!AL$2:AL$366,ROUNDDOWN($C1294/24,0)+1,1))-1)+IF('Standard Profiles'!$G$22=$B$10,7,0)+IF('Standard Profiles'!$G$22=$B$17,14,0)+IF('Standard Profiles'!$G$22=$B$24,21,0),0)),0)</f>
        <v>0</v>
      </c>
      <c r="I1294">
        <f t="shared" si="153"/>
        <v>2.361374143461755</v>
      </c>
      <c r="J1294">
        <f t="shared" si="154"/>
        <v>56.501174267565482</v>
      </c>
      <c r="K1294">
        <f t="shared" si="155"/>
        <v>3.681580074609681</v>
      </c>
      <c r="L1294">
        <f t="shared" si="156"/>
        <v>1.8407900373048405</v>
      </c>
      <c r="M1294">
        <f t="shared" si="157"/>
        <v>0</v>
      </c>
      <c r="N1294" s="45">
        <f t="shared" si="158"/>
        <v>44979.499999996944</v>
      </c>
    </row>
    <row r="1295" spans="2:14" x14ac:dyDescent="0.25">
      <c r="B1295">
        <f t="shared" si="152"/>
        <v>3</v>
      </c>
      <c r="C1295" s="16">
        <v>1261</v>
      </c>
      <c r="D1295" cm="1">
        <f t="array" ref="D1295">IFERROR(INDEX(Jesper!AH$2:AH$366,ROUNDDOWN($C1295/24,0)+1,1)*INDEX($D$3:$AA$30,INDEX(Jesper!$R$2:$R$366,ROW(INDEX(Jesper!AH$2:AH$366,ROUNDDOWN($C1295/24,0)+1,1))-1)+IF('Standard Profiles'!$G$18=$B$10,7,0)+IF('Standard Profiles'!$G$18=$B$17,14,0)+IF('Standard Profiles'!$G$18=$B$24,21,0),MOD($C1295,24)+1)/SUM(INDEX($D$3:$AA$30,INDEX(Jesper!$R$2:$R$366,ROW(INDEX(Jesper!AH$2:AH$366,ROUNDDOWN($C1295/24,0)+1,1))-1)+IF('Standard Profiles'!$G$18=$B$10,7,0)+IF('Standard Profiles'!$G$18=$B$17,14,0)+IF('Standard Profiles'!$G$18=$B$24,21,0),0)),0)</f>
        <v>22.92769733964511</v>
      </c>
      <c r="E1295" cm="1">
        <f t="array" ref="E1295">IFERROR(INDEX(Jesper!AI$2:AI$366,ROUNDDOWN($C1295/24,0)+1,1)*INDEX($D$3:$AA$30,INDEX(Jesper!$R$2:$R$366,ROW(INDEX(Jesper!AI$2:AI$366,ROUNDDOWN($C1295/24,0)+1,1))-1)+IF('Standard Profiles'!$G$19=$B$10,7,0)+IF('Standard Profiles'!$G$19=$B$17,14,0)+IF('Standard Profiles'!$G$19=$B$24,21,0),MOD($C1295,24)+1)/SUM(INDEX($D$3:$AA$30,INDEX(Jesper!$R$2:$R$366,ROW(INDEX(Jesper!AI$2:AI$366,ROUNDDOWN($C1295/24,0)+1,1))-1)+IF('Standard Profiles'!$G$19=$B$10,7,0)+IF('Standard Profiles'!$G$19=$B$17,14,0)+IF('Standard Profiles'!$G$19=$B$24,21,0),0)),0)</f>
        <v>16.574311105625377</v>
      </c>
      <c r="F1295" cm="1">
        <f t="array" ref="F1295">IFERROR(INDEX(Jesper!AJ$2:AJ$366,ROUNDDOWN($C1295/24,0)+1,1)*INDEX($D$3:$AA$30,INDEX(Jesper!$R$2:$R$366,ROW(INDEX(Jesper!AJ$2:AJ$366,ROUNDDOWN($C1295/24,0)+1,1))-1)+IF('Standard Profiles'!$G$20=$B$10,7,0)+IF('Standard Profiles'!$G$20=$B$17,14,0)+IF('Standard Profiles'!$G$20=$B$24,21,0),MOD($C1295,24)+1)/SUM(INDEX($D$3:$AA$30,INDEX(Jesper!$R$2:$R$366,ROW(INDEX(Jesper!AJ$2:AJ$366,ROUNDDOWN($C1295/24,0)+1,1))-1)+IF('Standard Profiles'!$G$20=$B$10,7,0)+IF('Standard Profiles'!$G$20=$B$17,14,0)+IF('Standard Profiles'!$G$20=$B$24,21,0),0)),0)</f>
        <v>0</v>
      </c>
      <c r="G1295" cm="1">
        <f t="array" ref="G1295">IFERROR(INDEX(Jesper!AK$2:AK$366,ROUNDDOWN($C1295/24,0)+1,1)*INDEX($D$3:$AA$30,INDEX(Jesper!$R$2:$R$366,ROW(INDEX(Jesper!AK$2:AK$366,ROUNDDOWN($C1295/24,0)+1,1))-1)+IF('Standard Profiles'!$G$21=$B$10,7,0)+IF('Standard Profiles'!$G$21=$B$17,14,0)+IF('Standard Profiles'!$G$21=$B$24,21,0),MOD($C1295,24)+1)/SUM(INDEX($D$3:$AA$30,INDEX(Jesper!$R$2:$R$366,ROW(INDEX(Jesper!AK$2:AK$366,ROUNDDOWN($C1295/24,0)+1,1))-1)+IF('Standard Profiles'!$G$21=$B$10,7,0)+IF('Standard Profiles'!$G$21=$B$17,14,0)+IF('Standard Profiles'!$G$21=$B$24,21,0),0)),0)</f>
        <v>3.2679731449693952</v>
      </c>
      <c r="H1295" cm="1">
        <f t="array" ref="H1295">IFERROR(INDEX(Jesper!AL$2:AL$366,ROUNDDOWN($C1295/24,0)+1,1)*INDEX($D$3:$AA$30,INDEX(Jesper!$R$2:$R$366,ROW(INDEX(Jesper!AL$2:AL$366,ROUNDDOWN($C1295/24,0)+1,1))-1)+IF('Standard Profiles'!$G$22=$B$10,7,0)+IF('Standard Profiles'!$G$22=$B$17,14,0)+IF('Standard Profiles'!$G$22=$B$24,21,0),MOD($C1295,24)+1)/SUM(INDEX($D$3:$AA$30,INDEX(Jesper!$R$2:$R$366,ROW(INDEX(Jesper!AL$2:AL$366,ROUNDDOWN($C1295/24,0)+1,1))-1)+IF('Standard Profiles'!$G$22=$B$10,7,0)+IF('Standard Profiles'!$G$22=$B$17,14,0)+IF('Standard Profiles'!$G$22=$B$24,21,0),0)),0)</f>
        <v>0</v>
      </c>
      <c r="I1295">
        <f t="shared" si="153"/>
        <v>1.5686271095853088</v>
      </c>
      <c r="J1295">
        <f t="shared" si="154"/>
        <v>37.532922906311356</v>
      </c>
      <c r="K1295">
        <f t="shared" si="155"/>
        <v>2.4456210495621451</v>
      </c>
      <c r="L1295">
        <f t="shared" si="156"/>
        <v>1.2228105247810725</v>
      </c>
      <c r="M1295">
        <f t="shared" si="157"/>
        <v>0</v>
      </c>
      <c r="N1295" s="45">
        <f t="shared" si="158"/>
        <v>44979.541666663608</v>
      </c>
    </row>
    <row r="1296" spans="2:14" x14ac:dyDescent="0.25">
      <c r="B1296">
        <f t="shared" si="152"/>
        <v>3</v>
      </c>
      <c r="C1296" s="16">
        <v>1262</v>
      </c>
      <c r="D1296" cm="1">
        <f t="array" ref="D1296">IFERROR(INDEX(Jesper!AH$2:AH$366,ROUNDDOWN($C1296/24,0)+1,1)*INDEX($D$3:$AA$30,INDEX(Jesper!$R$2:$R$366,ROW(INDEX(Jesper!AH$2:AH$366,ROUNDDOWN($C1296/24,0)+1,1))-1)+IF('Standard Profiles'!$G$18=$B$10,7,0)+IF('Standard Profiles'!$G$18=$B$17,14,0)+IF('Standard Profiles'!$G$18=$B$24,21,0),MOD($C1296,24)+1)/SUM(INDEX($D$3:$AA$30,INDEX(Jesper!$R$2:$R$366,ROW(INDEX(Jesper!AH$2:AH$366,ROUNDDOWN($C1296/24,0)+1,1))-1)+IF('Standard Profiles'!$G$18=$B$10,7,0)+IF('Standard Profiles'!$G$18=$B$17,14,0)+IF('Standard Profiles'!$G$18=$B$24,21,0),0)),0)</f>
        <v>34.514813199465756</v>
      </c>
      <c r="E1296" cm="1">
        <f t="array" ref="E1296">IFERROR(INDEX(Jesper!AI$2:AI$366,ROUNDDOWN($C1296/24,0)+1,1)*INDEX($D$3:$AA$30,INDEX(Jesper!$R$2:$R$366,ROW(INDEX(Jesper!AI$2:AI$366,ROUNDDOWN($C1296/24,0)+1,1))-1)+IF('Standard Profiles'!$G$19=$B$10,7,0)+IF('Standard Profiles'!$G$19=$B$17,14,0)+IF('Standard Profiles'!$G$19=$B$24,21,0),MOD($C1296,24)+1)/SUM(INDEX($D$3:$AA$30,INDEX(Jesper!$R$2:$R$366,ROW(INDEX(Jesper!AI$2:AI$366,ROUNDDOWN($C1296/24,0)+1,1))-1)+IF('Standard Profiles'!$G$19=$B$10,7,0)+IF('Standard Profiles'!$G$19=$B$17,14,0)+IF('Standard Profiles'!$G$19=$B$24,21,0),0)),0)</f>
        <v>24.950575857930673</v>
      </c>
      <c r="F1296" cm="1">
        <f t="array" ref="F1296">IFERROR(INDEX(Jesper!AJ$2:AJ$366,ROUNDDOWN($C1296/24,0)+1,1)*INDEX($D$3:$AA$30,INDEX(Jesper!$R$2:$R$366,ROW(INDEX(Jesper!AJ$2:AJ$366,ROUNDDOWN($C1296/24,0)+1,1))-1)+IF('Standard Profiles'!$G$20=$B$10,7,0)+IF('Standard Profiles'!$G$20=$B$17,14,0)+IF('Standard Profiles'!$G$20=$B$24,21,0),MOD($C1296,24)+1)/SUM(INDEX($D$3:$AA$30,INDEX(Jesper!$R$2:$R$366,ROW(INDEX(Jesper!AJ$2:AJ$366,ROUNDDOWN($C1296/24,0)+1,1))-1)+IF('Standard Profiles'!$G$20=$B$10,7,0)+IF('Standard Profiles'!$G$20=$B$17,14,0)+IF('Standard Profiles'!$G$20=$B$24,21,0),0)),0)</f>
        <v>0</v>
      </c>
      <c r="G1296" cm="1">
        <f t="array" ref="G1296">IFERROR(INDEX(Jesper!AK$2:AK$366,ROUNDDOWN($C1296/24,0)+1,1)*INDEX($D$3:$AA$30,INDEX(Jesper!$R$2:$R$366,ROW(INDEX(Jesper!AK$2:AK$366,ROUNDDOWN($C1296/24,0)+1,1))-1)+IF('Standard Profiles'!$G$21=$B$10,7,0)+IF('Standard Profiles'!$G$21=$B$17,14,0)+IF('Standard Profiles'!$G$21=$B$24,21,0),MOD($C1296,24)+1)/SUM(INDEX($D$3:$AA$30,INDEX(Jesper!$R$2:$R$366,ROW(INDEX(Jesper!AK$2:AK$366,ROUNDDOWN($C1296/24,0)+1,1))-1)+IF('Standard Profiles'!$G$21=$B$10,7,0)+IF('Standard Profiles'!$G$21=$B$17,14,0)+IF('Standard Profiles'!$G$21=$B$24,21,0),0)),0)</f>
        <v>4.9195294655453257</v>
      </c>
      <c r="H1296" cm="1">
        <f t="array" ref="H1296">IFERROR(INDEX(Jesper!AL$2:AL$366,ROUNDDOWN($C1296/24,0)+1,1)*INDEX($D$3:$AA$30,INDEX(Jesper!$R$2:$R$366,ROW(INDEX(Jesper!AL$2:AL$366,ROUNDDOWN($C1296/24,0)+1,1))-1)+IF('Standard Profiles'!$G$22=$B$10,7,0)+IF('Standard Profiles'!$G$22=$B$17,14,0)+IF('Standard Profiles'!$G$22=$B$24,21,0),MOD($C1296,24)+1)/SUM(INDEX($D$3:$AA$30,INDEX(Jesper!$R$2:$R$366,ROW(INDEX(Jesper!AL$2:AL$366,ROUNDDOWN($C1296/24,0)+1,1))-1)+IF('Standard Profiles'!$G$22=$B$10,7,0)+IF('Standard Profiles'!$G$22=$B$17,14,0)+IF('Standard Profiles'!$G$22=$B$24,21,0),0)),0)</f>
        <v>0</v>
      </c>
      <c r="I1296">
        <f t="shared" si="153"/>
        <v>2.361374143461755</v>
      </c>
      <c r="J1296">
        <f t="shared" si="154"/>
        <v>56.501174267565482</v>
      </c>
      <c r="K1296">
        <f t="shared" si="155"/>
        <v>3.681580074609681</v>
      </c>
      <c r="L1296">
        <f t="shared" si="156"/>
        <v>1.8407900373048405</v>
      </c>
      <c r="M1296">
        <f t="shared" si="157"/>
        <v>0</v>
      </c>
      <c r="N1296" s="45">
        <f t="shared" si="158"/>
        <v>44979.583333330273</v>
      </c>
    </row>
    <row r="1297" spans="2:14" x14ac:dyDescent="0.25">
      <c r="B1297">
        <f t="shared" si="152"/>
        <v>3</v>
      </c>
      <c r="C1297" s="16">
        <v>1263</v>
      </c>
      <c r="D1297" cm="1">
        <f t="array" ref="D1297">IFERROR(INDEX(Jesper!AH$2:AH$366,ROUNDDOWN($C1297/24,0)+1,1)*INDEX($D$3:$AA$30,INDEX(Jesper!$R$2:$R$366,ROW(INDEX(Jesper!AH$2:AH$366,ROUNDDOWN($C1297/24,0)+1,1))-1)+IF('Standard Profiles'!$G$18=$B$10,7,0)+IF('Standard Profiles'!$G$18=$B$17,14,0)+IF('Standard Profiles'!$G$18=$B$24,21,0),MOD($C1297,24)+1)/SUM(INDEX($D$3:$AA$30,INDEX(Jesper!$R$2:$R$366,ROW(INDEX(Jesper!AH$2:AH$366,ROUNDDOWN($C1297/24,0)+1,1))-1)+IF('Standard Profiles'!$G$18=$B$10,7,0)+IF('Standard Profiles'!$G$18=$B$17,14,0)+IF('Standard Profiles'!$G$18=$B$24,21,0),0)),0)</f>
        <v>34.514813199465756</v>
      </c>
      <c r="E1297" cm="1">
        <f t="array" ref="E1297">IFERROR(INDEX(Jesper!AI$2:AI$366,ROUNDDOWN($C1297/24,0)+1,1)*INDEX($D$3:$AA$30,INDEX(Jesper!$R$2:$R$366,ROW(INDEX(Jesper!AI$2:AI$366,ROUNDDOWN($C1297/24,0)+1,1))-1)+IF('Standard Profiles'!$G$19=$B$10,7,0)+IF('Standard Profiles'!$G$19=$B$17,14,0)+IF('Standard Profiles'!$G$19=$B$24,21,0),MOD($C1297,24)+1)/SUM(INDEX($D$3:$AA$30,INDEX(Jesper!$R$2:$R$366,ROW(INDEX(Jesper!AI$2:AI$366,ROUNDDOWN($C1297/24,0)+1,1))-1)+IF('Standard Profiles'!$G$19=$B$10,7,0)+IF('Standard Profiles'!$G$19=$B$17,14,0)+IF('Standard Profiles'!$G$19=$B$24,21,0),0)),0)</f>
        <v>24.950575857930673</v>
      </c>
      <c r="F1297" cm="1">
        <f t="array" ref="F1297">IFERROR(INDEX(Jesper!AJ$2:AJ$366,ROUNDDOWN($C1297/24,0)+1,1)*INDEX($D$3:$AA$30,INDEX(Jesper!$R$2:$R$366,ROW(INDEX(Jesper!AJ$2:AJ$366,ROUNDDOWN($C1297/24,0)+1,1))-1)+IF('Standard Profiles'!$G$20=$B$10,7,0)+IF('Standard Profiles'!$G$20=$B$17,14,0)+IF('Standard Profiles'!$G$20=$B$24,21,0),MOD($C1297,24)+1)/SUM(INDEX($D$3:$AA$30,INDEX(Jesper!$R$2:$R$366,ROW(INDEX(Jesper!AJ$2:AJ$366,ROUNDDOWN($C1297/24,0)+1,1))-1)+IF('Standard Profiles'!$G$20=$B$10,7,0)+IF('Standard Profiles'!$G$20=$B$17,14,0)+IF('Standard Profiles'!$G$20=$B$24,21,0),0)),0)</f>
        <v>0</v>
      </c>
      <c r="G1297" cm="1">
        <f t="array" ref="G1297">IFERROR(INDEX(Jesper!AK$2:AK$366,ROUNDDOWN($C1297/24,0)+1,1)*INDEX($D$3:$AA$30,INDEX(Jesper!$R$2:$R$366,ROW(INDEX(Jesper!AK$2:AK$366,ROUNDDOWN($C1297/24,0)+1,1))-1)+IF('Standard Profiles'!$G$21=$B$10,7,0)+IF('Standard Profiles'!$G$21=$B$17,14,0)+IF('Standard Profiles'!$G$21=$B$24,21,0),MOD($C1297,24)+1)/SUM(INDEX($D$3:$AA$30,INDEX(Jesper!$R$2:$R$366,ROW(INDEX(Jesper!AK$2:AK$366,ROUNDDOWN($C1297/24,0)+1,1))-1)+IF('Standard Profiles'!$G$21=$B$10,7,0)+IF('Standard Profiles'!$G$21=$B$17,14,0)+IF('Standard Profiles'!$G$21=$B$24,21,0),0)),0)</f>
        <v>4.9195294655453257</v>
      </c>
      <c r="H1297" cm="1">
        <f t="array" ref="H1297">IFERROR(INDEX(Jesper!AL$2:AL$366,ROUNDDOWN($C1297/24,0)+1,1)*INDEX($D$3:$AA$30,INDEX(Jesper!$R$2:$R$366,ROW(INDEX(Jesper!AL$2:AL$366,ROUNDDOWN($C1297/24,0)+1,1))-1)+IF('Standard Profiles'!$G$22=$B$10,7,0)+IF('Standard Profiles'!$G$22=$B$17,14,0)+IF('Standard Profiles'!$G$22=$B$24,21,0),MOD($C1297,24)+1)/SUM(INDEX($D$3:$AA$30,INDEX(Jesper!$R$2:$R$366,ROW(INDEX(Jesper!AL$2:AL$366,ROUNDDOWN($C1297/24,0)+1,1))-1)+IF('Standard Profiles'!$G$22=$B$10,7,0)+IF('Standard Profiles'!$G$22=$B$17,14,0)+IF('Standard Profiles'!$G$22=$B$24,21,0),0)),0)</f>
        <v>0</v>
      </c>
      <c r="I1297">
        <f t="shared" si="153"/>
        <v>2.361374143461755</v>
      </c>
      <c r="J1297">
        <f t="shared" si="154"/>
        <v>56.501174267565482</v>
      </c>
      <c r="K1297">
        <f t="shared" si="155"/>
        <v>3.681580074609681</v>
      </c>
      <c r="L1297">
        <f t="shared" si="156"/>
        <v>1.8407900373048405</v>
      </c>
      <c r="M1297">
        <f t="shared" si="157"/>
        <v>0</v>
      </c>
      <c r="N1297" s="45">
        <f t="shared" si="158"/>
        <v>44979.624999996937</v>
      </c>
    </row>
    <row r="1298" spans="2:14" x14ac:dyDescent="0.25">
      <c r="B1298">
        <f t="shared" si="152"/>
        <v>3</v>
      </c>
      <c r="C1298" s="16">
        <v>1264</v>
      </c>
      <c r="D1298" cm="1">
        <f t="array" ref="D1298">IFERROR(INDEX(Jesper!AH$2:AH$366,ROUNDDOWN($C1298/24,0)+1,1)*INDEX($D$3:$AA$30,INDEX(Jesper!$R$2:$R$366,ROW(INDEX(Jesper!AH$2:AH$366,ROUNDDOWN($C1298/24,0)+1,1))-1)+IF('Standard Profiles'!$G$18=$B$10,7,0)+IF('Standard Profiles'!$G$18=$B$17,14,0)+IF('Standard Profiles'!$G$18=$B$24,21,0),MOD($C1298,24)+1)/SUM(INDEX($D$3:$AA$30,INDEX(Jesper!$R$2:$R$366,ROW(INDEX(Jesper!AH$2:AH$366,ROUNDDOWN($C1298/24,0)+1,1))-1)+IF('Standard Profiles'!$G$18=$B$10,7,0)+IF('Standard Profiles'!$G$18=$B$17,14,0)+IF('Standard Profiles'!$G$18=$B$24,21,0),0)),0)</f>
        <v>20.339086349685179</v>
      </c>
      <c r="E1298" cm="1">
        <f t="array" ref="E1298">IFERROR(INDEX(Jesper!AI$2:AI$366,ROUNDDOWN($C1298/24,0)+1,1)*INDEX($D$3:$AA$30,INDEX(Jesper!$R$2:$R$366,ROW(INDEX(Jesper!AI$2:AI$366,ROUNDDOWN($C1298/24,0)+1,1))-1)+IF('Standard Profiles'!$G$19=$B$10,7,0)+IF('Standard Profiles'!$G$19=$B$17,14,0)+IF('Standard Profiles'!$G$19=$B$24,21,0),MOD($C1298,24)+1)/SUM(INDEX($D$3:$AA$30,INDEX(Jesper!$R$2:$R$366,ROW(INDEX(Jesper!AI$2:AI$366,ROUNDDOWN($C1298/24,0)+1,1))-1)+IF('Standard Profiles'!$G$19=$B$10,7,0)+IF('Standard Profiles'!$G$19=$B$17,14,0)+IF('Standard Profiles'!$G$19=$B$24,21,0),0)),0)</f>
        <v>14.703017916280576</v>
      </c>
      <c r="F1298" cm="1">
        <f t="array" ref="F1298">IFERROR(INDEX(Jesper!AJ$2:AJ$366,ROUNDDOWN($C1298/24,0)+1,1)*INDEX($D$3:$AA$30,INDEX(Jesper!$R$2:$R$366,ROW(INDEX(Jesper!AJ$2:AJ$366,ROUNDDOWN($C1298/24,0)+1,1))-1)+IF('Standard Profiles'!$G$20=$B$10,7,0)+IF('Standard Profiles'!$G$20=$B$17,14,0)+IF('Standard Profiles'!$G$20=$B$24,21,0),MOD($C1298,24)+1)/SUM(INDEX($D$3:$AA$30,INDEX(Jesper!$R$2:$R$366,ROW(INDEX(Jesper!AJ$2:AJ$366,ROUNDDOWN($C1298/24,0)+1,1))-1)+IF('Standard Profiles'!$G$20=$B$10,7,0)+IF('Standard Profiles'!$G$20=$B$17,14,0)+IF('Standard Profiles'!$G$20=$B$24,21,0),0)),0)</f>
        <v>0</v>
      </c>
      <c r="G1298" cm="1">
        <f t="array" ref="G1298">IFERROR(INDEX(Jesper!AK$2:AK$366,ROUNDDOWN($C1298/24,0)+1,1)*INDEX($D$3:$AA$30,INDEX(Jesper!$R$2:$R$366,ROW(INDEX(Jesper!AK$2:AK$366,ROUNDDOWN($C1298/24,0)+1,1))-1)+IF('Standard Profiles'!$G$21=$B$10,7,0)+IF('Standard Profiles'!$G$21=$B$17,14,0)+IF('Standard Profiles'!$G$21=$B$24,21,0),MOD($C1298,24)+1)/SUM(INDEX($D$3:$AA$30,INDEX(Jesper!$R$2:$R$366,ROW(INDEX(Jesper!AK$2:AK$366,ROUNDDOWN($C1298/24,0)+1,1))-1)+IF('Standard Profiles'!$G$21=$B$10,7,0)+IF('Standard Profiles'!$G$21=$B$17,14,0)+IF('Standard Profiles'!$G$21=$B$24,21,0),0)),0)</f>
        <v>4.1107151999661378</v>
      </c>
      <c r="H1298" cm="1">
        <f t="array" ref="H1298">IFERROR(INDEX(Jesper!AL$2:AL$366,ROUNDDOWN($C1298/24,0)+1,1)*INDEX($D$3:$AA$30,INDEX(Jesper!$R$2:$R$366,ROW(INDEX(Jesper!AL$2:AL$366,ROUNDDOWN($C1298/24,0)+1,1))-1)+IF('Standard Profiles'!$G$22=$B$10,7,0)+IF('Standard Profiles'!$G$22=$B$17,14,0)+IF('Standard Profiles'!$G$22=$B$24,21,0),MOD($C1298,24)+1)/SUM(INDEX($D$3:$AA$30,INDEX(Jesper!$R$2:$R$366,ROW(INDEX(Jesper!AL$2:AL$366,ROUNDDOWN($C1298/24,0)+1,1))-1)+IF('Standard Profiles'!$G$22=$B$10,7,0)+IF('Standard Profiles'!$G$22=$B$17,14,0)+IF('Standard Profiles'!$G$22=$B$24,21,0),0)),0)</f>
        <v>0</v>
      </c>
      <c r="I1298">
        <f t="shared" si="153"/>
        <v>1.9731432959837452</v>
      </c>
      <c r="J1298">
        <f t="shared" si="154"/>
        <v>33.92542235399852</v>
      </c>
      <c r="K1298">
        <f t="shared" si="155"/>
        <v>2.1695025439664191</v>
      </c>
      <c r="L1298">
        <f t="shared" si="156"/>
        <v>1.0847512719832095</v>
      </c>
      <c r="M1298">
        <f t="shared" si="157"/>
        <v>0</v>
      </c>
      <c r="N1298" s="45">
        <f t="shared" si="158"/>
        <v>44979.666666663601</v>
      </c>
    </row>
    <row r="1299" spans="2:14" x14ac:dyDescent="0.25">
      <c r="B1299">
        <f t="shared" si="152"/>
        <v>3</v>
      </c>
      <c r="C1299" s="16">
        <v>1265</v>
      </c>
      <c r="D1299" cm="1">
        <f t="array" ref="D1299">IFERROR(INDEX(Jesper!AH$2:AH$366,ROUNDDOWN($C1299/24,0)+1,1)*INDEX($D$3:$AA$30,INDEX(Jesper!$R$2:$R$366,ROW(INDEX(Jesper!AH$2:AH$366,ROUNDDOWN($C1299/24,0)+1,1))-1)+IF('Standard Profiles'!$G$18=$B$10,7,0)+IF('Standard Profiles'!$G$18=$B$17,14,0)+IF('Standard Profiles'!$G$18=$B$24,21,0),MOD($C1299,24)+1)/SUM(INDEX($D$3:$AA$30,INDEX(Jesper!$R$2:$R$366,ROW(INDEX(Jesper!AH$2:AH$366,ROUNDDOWN($C1299/24,0)+1,1))-1)+IF('Standard Profiles'!$G$18=$B$10,7,0)+IF('Standard Profiles'!$G$18=$B$17,14,0)+IF('Standard Profiles'!$G$18=$B$24,21,0),0)),0)</f>
        <v>8.6807880280346481</v>
      </c>
      <c r="E1299" cm="1">
        <f t="array" ref="E1299">IFERROR(INDEX(Jesper!AI$2:AI$366,ROUNDDOWN($C1299/24,0)+1,1)*INDEX($D$3:$AA$30,INDEX(Jesper!$R$2:$R$366,ROW(INDEX(Jesper!AI$2:AI$366,ROUNDDOWN($C1299/24,0)+1,1))-1)+IF('Standard Profiles'!$G$19=$B$10,7,0)+IF('Standard Profiles'!$G$19=$B$17,14,0)+IF('Standard Profiles'!$G$19=$B$24,21,0),MOD($C1299,24)+1)/SUM(INDEX($D$3:$AA$30,INDEX(Jesper!$R$2:$R$366,ROW(INDEX(Jesper!AI$2:AI$366,ROUNDDOWN($C1299/24,0)+1,1))-1)+IF('Standard Profiles'!$G$19=$B$10,7,0)+IF('Standard Profiles'!$G$19=$B$17,14,0)+IF('Standard Profiles'!$G$19=$B$24,21,0),0)),0)</f>
        <v>6.2752957389161654</v>
      </c>
      <c r="F1299" cm="1">
        <f t="array" ref="F1299">IFERROR(INDEX(Jesper!AJ$2:AJ$366,ROUNDDOWN($C1299/24,0)+1,1)*INDEX($D$3:$AA$30,INDEX(Jesper!$R$2:$R$366,ROW(INDEX(Jesper!AJ$2:AJ$366,ROUNDDOWN($C1299/24,0)+1,1))-1)+IF('Standard Profiles'!$G$20=$B$10,7,0)+IF('Standard Profiles'!$G$20=$B$17,14,0)+IF('Standard Profiles'!$G$20=$B$24,21,0),MOD($C1299,24)+1)/SUM(INDEX($D$3:$AA$30,INDEX(Jesper!$R$2:$R$366,ROW(INDEX(Jesper!AJ$2:AJ$366,ROUNDDOWN($C1299/24,0)+1,1))-1)+IF('Standard Profiles'!$G$20=$B$10,7,0)+IF('Standard Profiles'!$G$20=$B$17,14,0)+IF('Standard Profiles'!$G$20=$B$24,21,0),0)),0)</f>
        <v>0</v>
      </c>
      <c r="G1299" cm="1">
        <f t="array" ref="G1299">IFERROR(INDEX(Jesper!AK$2:AK$366,ROUNDDOWN($C1299/24,0)+1,1)*INDEX($D$3:$AA$30,INDEX(Jesper!$R$2:$R$366,ROW(INDEX(Jesper!AK$2:AK$366,ROUNDDOWN($C1299/24,0)+1,1))-1)+IF('Standard Profiles'!$G$21=$B$10,7,0)+IF('Standard Profiles'!$G$21=$B$17,14,0)+IF('Standard Profiles'!$G$21=$B$24,21,0),MOD($C1299,24)+1)/SUM(INDEX($D$3:$AA$30,INDEX(Jesper!$R$2:$R$366,ROW(INDEX(Jesper!AK$2:AK$366,ROUNDDOWN($C1299/24,0)+1,1))-1)+IF('Standard Profiles'!$G$21=$B$10,7,0)+IF('Standard Profiles'!$G$21=$B$17,14,0)+IF('Standard Profiles'!$G$21=$B$24,21,0),0)),0)</f>
        <v>3.2685789983518521</v>
      </c>
      <c r="H1299" cm="1">
        <f t="array" ref="H1299">IFERROR(INDEX(Jesper!AL$2:AL$366,ROUNDDOWN($C1299/24,0)+1,1)*INDEX($D$3:$AA$30,INDEX(Jesper!$R$2:$R$366,ROW(INDEX(Jesper!AL$2:AL$366,ROUNDDOWN($C1299/24,0)+1,1))-1)+IF('Standard Profiles'!$G$22=$B$10,7,0)+IF('Standard Profiles'!$G$22=$B$17,14,0)+IF('Standard Profiles'!$G$22=$B$24,21,0),MOD($C1299,24)+1)/SUM(INDEX($D$3:$AA$30,INDEX(Jesper!$R$2:$R$366,ROW(INDEX(Jesper!AL$2:AL$366,ROUNDDOWN($C1299/24,0)+1,1))-1)+IF('Standard Profiles'!$G$22=$B$10,7,0)+IF('Standard Profiles'!$G$22=$B$17,14,0)+IF('Standard Profiles'!$G$22=$B$24,21,0),0)),0)</f>
        <v>0</v>
      </c>
      <c r="I1299">
        <f t="shared" si="153"/>
        <v>1.5689179192088882</v>
      </c>
      <c r="J1299">
        <f t="shared" si="154"/>
        <v>15.266818761608233</v>
      </c>
      <c r="K1299">
        <f t="shared" si="155"/>
        <v>0.92595072299036252</v>
      </c>
      <c r="L1299">
        <f t="shared" si="156"/>
        <v>0.46297536149518126</v>
      </c>
      <c r="M1299">
        <f t="shared" si="157"/>
        <v>0</v>
      </c>
      <c r="N1299" s="45">
        <f t="shared" si="158"/>
        <v>44979.708333330265</v>
      </c>
    </row>
    <row r="1300" spans="2:14" x14ac:dyDescent="0.25">
      <c r="B1300">
        <f t="shared" si="152"/>
        <v>3</v>
      </c>
      <c r="C1300" s="16">
        <v>1266</v>
      </c>
      <c r="D1300" cm="1">
        <f t="array" ref="D1300">IFERROR(INDEX(Jesper!AH$2:AH$366,ROUNDDOWN($C1300/24,0)+1,1)*INDEX($D$3:$AA$30,INDEX(Jesper!$R$2:$R$366,ROW(INDEX(Jesper!AH$2:AH$366,ROUNDDOWN($C1300/24,0)+1,1))-1)+IF('Standard Profiles'!$G$18=$B$10,7,0)+IF('Standard Profiles'!$G$18=$B$17,14,0)+IF('Standard Profiles'!$G$18=$B$24,21,0),MOD($C1300,24)+1)/SUM(INDEX($D$3:$AA$30,INDEX(Jesper!$R$2:$R$366,ROW(INDEX(Jesper!AH$2:AH$366,ROUNDDOWN($C1300/24,0)+1,1))-1)+IF('Standard Profiles'!$G$18=$B$10,7,0)+IF('Standard Profiles'!$G$18=$B$17,14,0)+IF('Standard Profiles'!$G$18=$B$24,21,0),0)),0)</f>
        <v>5.7293200985028676</v>
      </c>
      <c r="E1300" cm="1">
        <f t="array" ref="E1300">IFERROR(INDEX(Jesper!AI$2:AI$366,ROUNDDOWN($C1300/24,0)+1,1)*INDEX($D$3:$AA$30,INDEX(Jesper!$R$2:$R$366,ROW(INDEX(Jesper!AI$2:AI$366,ROUNDDOWN($C1300/24,0)+1,1))-1)+IF('Standard Profiles'!$G$19=$B$10,7,0)+IF('Standard Profiles'!$G$19=$B$17,14,0)+IF('Standard Profiles'!$G$19=$B$24,21,0),MOD($C1300,24)+1)/SUM(INDEX($D$3:$AA$30,INDEX(Jesper!$R$2:$R$366,ROW(INDEX(Jesper!AI$2:AI$366,ROUNDDOWN($C1300/24,0)+1,1))-1)+IF('Standard Profiles'!$G$19=$B$10,7,0)+IF('Standard Profiles'!$G$19=$B$17,14,0)+IF('Standard Profiles'!$G$19=$B$24,21,0),0)),0)</f>
        <v>4.1416951876846699</v>
      </c>
      <c r="F1300" cm="1">
        <f t="array" ref="F1300">IFERROR(INDEX(Jesper!AJ$2:AJ$366,ROUNDDOWN($C1300/24,0)+1,1)*INDEX($D$3:$AA$30,INDEX(Jesper!$R$2:$R$366,ROW(INDEX(Jesper!AJ$2:AJ$366,ROUNDDOWN($C1300/24,0)+1,1))-1)+IF('Standard Profiles'!$G$20=$B$10,7,0)+IF('Standard Profiles'!$G$20=$B$17,14,0)+IF('Standard Profiles'!$G$20=$B$24,21,0),MOD($C1300,24)+1)/SUM(INDEX($D$3:$AA$30,INDEX(Jesper!$R$2:$R$366,ROW(INDEX(Jesper!AJ$2:AJ$366,ROUNDDOWN($C1300/24,0)+1,1))-1)+IF('Standard Profiles'!$G$20=$B$10,7,0)+IF('Standard Profiles'!$G$20=$B$17,14,0)+IF('Standard Profiles'!$G$20=$B$24,21,0),0)),0)</f>
        <v>0</v>
      </c>
      <c r="G1300" cm="1">
        <f t="array" ref="G1300">IFERROR(INDEX(Jesper!AK$2:AK$366,ROUNDDOWN($C1300/24,0)+1,1)*INDEX($D$3:$AA$30,INDEX(Jesper!$R$2:$R$366,ROW(INDEX(Jesper!AK$2:AK$366,ROUNDDOWN($C1300/24,0)+1,1))-1)+IF('Standard Profiles'!$G$21=$B$10,7,0)+IF('Standard Profiles'!$G$21=$B$17,14,0)+IF('Standard Profiles'!$G$21=$B$24,21,0),MOD($C1300,24)+1)/SUM(INDEX($D$3:$AA$30,INDEX(Jesper!$R$2:$R$366,ROW(INDEX(Jesper!AK$2:AK$366,ROUNDDOWN($C1300/24,0)+1,1))-1)+IF('Standard Profiles'!$G$21=$B$10,7,0)+IF('Standard Profiles'!$G$21=$B$17,14,0)+IF('Standard Profiles'!$G$21=$B$24,21,0),0)),0)</f>
        <v>1.2117067649126421</v>
      </c>
      <c r="H1300" cm="1">
        <f t="array" ref="H1300">IFERROR(INDEX(Jesper!AL$2:AL$366,ROUNDDOWN($C1300/24,0)+1,1)*INDEX($D$3:$AA$30,INDEX(Jesper!$R$2:$R$366,ROW(INDEX(Jesper!AL$2:AL$366,ROUNDDOWN($C1300/24,0)+1,1))-1)+IF('Standard Profiles'!$G$22=$B$10,7,0)+IF('Standard Profiles'!$G$22=$B$17,14,0)+IF('Standard Profiles'!$G$22=$B$24,21,0),MOD($C1300,24)+1)/SUM(INDEX($D$3:$AA$30,INDEX(Jesper!$R$2:$R$366,ROW(INDEX(Jesper!AL$2:AL$366,ROUNDDOWN($C1300/24,0)+1,1))-1)+IF('Standard Profiles'!$G$22=$B$10,7,0)+IF('Standard Profiles'!$G$22=$B$17,14,0)+IF('Standard Profiles'!$G$22=$B$24,21,0),0)),0)</f>
        <v>0</v>
      </c>
      <c r="I1300">
        <f t="shared" si="153"/>
        <v>0.5816192471580679</v>
      </c>
      <c r="J1300">
        <f t="shared" si="154"/>
        <v>9.5844115881816521</v>
      </c>
      <c r="K1300">
        <f t="shared" si="155"/>
        <v>0.61112747717363924</v>
      </c>
      <c r="L1300">
        <f t="shared" si="156"/>
        <v>0.30556373858681962</v>
      </c>
      <c r="M1300">
        <f t="shared" si="157"/>
        <v>0</v>
      </c>
      <c r="N1300" s="45">
        <f t="shared" si="158"/>
        <v>44979.74999999693</v>
      </c>
    </row>
    <row r="1301" spans="2:14" x14ac:dyDescent="0.25">
      <c r="B1301">
        <f t="shared" si="152"/>
        <v>3</v>
      </c>
      <c r="C1301" s="16">
        <v>1267</v>
      </c>
      <c r="D1301" cm="1">
        <f t="array" ref="D1301">IFERROR(INDEX(Jesper!AH$2:AH$366,ROUNDDOWN($C1301/24,0)+1,1)*INDEX($D$3:$AA$30,INDEX(Jesper!$R$2:$R$366,ROW(INDEX(Jesper!AH$2:AH$366,ROUNDDOWN($C1301/24,0)+1,1))-1)+IF('Standard Profiles'!$G$18=$B$10,7,0)+IF('Standard Profiles'!$G$18=$B$17,14,0)+IF('Standard Profiles'!$G$18=$B$24,21,0),MOD($C1301,24)+1)/SUM(INDEX($D$3:$AA$30,INDEX(Jesper!$R$2:$R$366,ROW(INDEX(Jesper!AH$2:AH$366,ROUNDDOWN($C1301/24,0)+1,1))-1)+IF('Standard Profiles'!$G$18=$B$10,7,0)+IF('Standard Profiles'!$G$18=$B$17,14,0)+IF('Standard Profiles'!$G$18=$B$24,21,0),0)),0)</f>
        <v>5.7293200985028676</v>
      </c>
      <c r="E1301" cm="1">
        <f t="array" ref="E1301">IFERROR(INDEX(Jesper!AI$2:AI$366,ROUNDDOWN($C1301/24,0)+1,1)*INDEX($D$3:$AA$30,INDEX(Jesper!$R$2:$R$366,ROW(INDEX(Jesper!AI$2:AI$366,ROUNDDOWN($C1301/24,0)+1,1))-1)+IF('Standard Profiles'!$G$19=$B$10,7,0)+IF('Standard Profiles'!$G$19=$B$17,14,0)+IF('Standard Profiles'!$G$19=$B$24,21,0),MOD($C1301,24)+1)/SUM(INDEX($D$3:$AA$30,INDEX(Jesper!$R$2:$R$366,ROW(INDEX(Jesper!AI$2:AI$366,ROUNDDOWN($C1301/24,0)+1,1))-1)+IF('Standard Profiles'!$G$19=$B$10,7,0)+IF('Standard Profiles'!$G$19=$B$17,14,0)+IF('Standard Profiles'!$G$19=$B$24,21,0),0)),0)</f>
        <v>4.1416951876846699</v>
      </c>
      <c r="F1301" cm="1">
        <f t="array" ref="F1301">IFERROR(INDEX(Jesper!AJ$2:AJ$366,ROUNDDOWN($C1301/24,0)+1,1)*INDEX($D$3:$AA$30,INDEX(Jesper!$R$2:$R$366,ROW(INDEX(Jesper!AJ$2:AJ$366,ROUNDDOWN($C1301/24,0)+1,1))-1)+IF('Standard Profiles'!$G$20=$B$10,7,0)+IF('Standard Profiles'!$G$20=$B$17,14,0)+IF('Standard Profiles'!$G$20=$B$24,21,0),MOD($C1301,24)+1)/SUM(INDEX($D$3:$AA$30,INDEX(Jesper!$R$2:$R$366,ROW(INDEX(Jesper!AJ$2:AJ$366,ROUNDDOWN($C1301/24,0)+1,1))-1)+IF('Standard Profiles'!$G$20=$B$10,7,0)+IF('Standard Profiles'!$G$20=$B$17,14,0)+IF('Standard Profiles'!$G$20=$B$24,21,0),0)),0)</f>
        <v>0</v>
      </c>
      <c r="G1301" cm="1">
        <f t="array" ref="G1301">IFERROR(INDEX(Jesper!AK$2:AK$366,ROUNDDOWN($C1301/24,0)+1,1)*INDEX($D$3:$AA$30,INDEX(Jesper!$R$2:$R$366,ROW(INDEX(Jesper!AK$2:AK$366,ROUNDDOWN($C1301/24,0)+1,1))-1)+IF('Standard Profiles'!$G$21=$B$10,7,0)+IF('Standard Profiles'!$G$21=$B$17,14,0)+IF('Standard Profiles'!$G$21=$B$24,21,0),MOD($C1301,24)+1)/SUM(INDEX($D$3:$AA$30,INDEX(Jesper!$R$2:$R$366,ROW(INDEX(Jesper!AK$2:AK$366,ROUNDDOWN($C1301/24,0)+1,1))-1)+IF('Standard Profiles'!$G$21=$B$10,7,0)+IF('Standard Profiles'!$G$21=$B$17,14,0)+IF('Standard Profiles'!$G$21=$B$24,21,0),0)),0)</f>
        <v>1.2117067649126421</v>
      </c>
      <c r="H1301" cm="1">
        <f t="array" ref="H1301">IFERROR(INDEX(Jesper!AL$2:AL$366,ROUNDDOWN($C1301/24,0)+1,1)*INDEX($D$3:$AA$30,INDEX(Jesper!$R$2:$R$366,ROW(INDEX(Jesper!AL$2:AL$366,ROUNDDOWN($C1301/24,0)+1,1))-1)+IF('Standard Profiles'!$G$22=$B$10,7,0)+IF('Standard Profiles'!$G$22=$B$17,14,0)+IF('Standard Profiles'!$G$22=$B$24,21,0),MOD($C1301,24)+1)/SUM(INDEX($D$3:$AA$30,INDEX(Jesper!$R$2:$R$366,ROW(INDEX(Jesper!AL$2:AL$366,ROUNDDOWN($C1301/24,0)+1,1))-1)+IF('Standard Profiles'!$G$22=$B$10,7,0)+IF('Standard Profiles'!$G$22=$B$17,14,0)+IF('Standard Profiles'!$G$22=$B$24,21,0),0)),0)</f>
        <v>0</v>
      </c>
      <c r="I1301">
        <f t="shared" si="153"/>
        <v>0.5816192471580679</v>
      </c>
      <c r="J1301">
        <f t="shared" si="154"/>
        <v>9.5844115881816521</v>
      </c>
      <c r="K1301">
        <f t="shared" si="155"/>
        <v>0.61112747717363924</v>
      </c>
      <c r="L1301">
        <f t="shared" si="156"/>
        <v>0.30556373858681962</v>
      </c>
      <c r="M1301">
        <f t="shared" si="157"/>
        <v>0</v>
      </c>
      <c r="N1301" s="45">
        <f t="shared" si="158"/>
        <v>44979.791666663594</v>
      </c>
    </row>
    <row r="1302" spans="2:14" x14ac:dyDescent="0.25">
      <c r="B1302">
        <f t="shared" si="152"/>
        <v>3</v>
      </c>
      <c r="C1302" s="16">
        <v>1268</v>
      </c>
      <c r="D1302" cm="1">
        <f t="array" ref="D1302">IFERROR(INDEX(Jesper!AH$2:AH$366,ROUNDDOWN($C1302/24,0)+1,1)*INDEX($D$3:$AA$30,INDEX(Jesper!$R$2:$R$366,ROW(INDEX(Jesper!AH$2:AH$366,ROUNDDOWN($C1302/24,0)+1,1))-1)+IF('Standard Profiles'!$G$18=$B$10,7,0)+IF('Standard Profiles'!$G$18=$B$17,14,0)+IF('Standard Profiles'!$G$18=$B$24,21,0),MOD($C1302,24)+1)/SUM(INDEX($D$3:$AA$30,INDEX(Jesper!$R$2:$R$366,ROW(INDEX(Jesper!AH$2:AH$366,ROUNDDOWN($C1302/24,0)+1,1))-1)+IF('Standard Profiles'!$G$18=$B$10,7,0)+IF('Standard Profiles'!$G$18=$B$17,14,0)+IF('Standard Profiles'!$G$18=$B$24,21,0),0)),0)</f>
        <v>5.7293200985028676</v>
      </c>
      <c r="E1302" cm="1">
        <f t="array" ref="E1302">IFERROR(INDEX(Jesper!AI$2:AI$366,ROUNDDOWN($C1302/24,0)+1,1)*INDEX($D$3:$AA$30,INDEX(Jesper!$R$2:$R$366,ROW(INDEX(Jesper!AI$2:AI$366,ROUNDDOWN($C1302/24,0)+1,1))-1)+IF('Standard Profiles'!$G$19=$B$10,7,0)+IF('Standard Profiles'!$G$19=$B$17,14,0)+IF('Standard Profiles'!$G$19=$B$24,21,0),MOD($C1302,24)+1)/SUM(INDEX($D$3:$AA$30,INDEX(Jesper!$R$2:$R$366,ROW(INDEX(Jesper!AI$2:AI$366,ROUNDDOWN($C1302/24,0)+1,1))-1)+IF('Standard Profiles'!$G$19=$B$10,7,0)+IF('Standard Profiles'!$G$19=$B$17,14,0)+IF('Standard Profiles'!$G$19=$B$24,21,0),0)),0)</f>
        <v>4.1416951876846699</v>
      </c>
      <c r="F1302" cm="1">
        <f t="array" ref="F1302">IFERROR(INDEX(Jesper!AJ$2:AJ$366,ROUNDDOWN($C1302/24,0)+1,1)*INDEX($D$3:$AA$30,INDEX(Jesper!$R$2:$R$366,ROW(INDEX(Jesper!AJ$2:AJ$366,ROUNDDOWN($C1302/24,0)+1,1))-1)+IF('Standard Profiles'!$G$20=$B$10,7,0)+IF('Standard Profiles'!$G$20=$B$17,14,0)+IF('Standard Profiles'!$G$20=$B$24,21,0),MOD($C1302,24)+1)/SUM(INDEX($D$3:$AA$30,INDEX(Jesper!$R$2:$R$366,ROW(INDEX(Jesper!AJ$2:AJ$366,ROUNDDOWN($C1302/24,0)+1,1))-1)+IF('Standard Profiles'!$G$20=$B$10,7,0)+IF('Standard Profiles'!$G$20=$B$17,14,0)+IF('Standard Profiles'!$G$20=$B$24,21,0),0)),0)</f>
        <v>0</v>
      </c>
      <c r="G1302" cm="1">
        <f t="array" ref="G1302">IFERROR(INDEX(Jesper!AK$2:AK$366,ROUNDDOWN($C1302/24,0)+1,1)*INDEX($D$3:$AA$30,INDEX(Jesper!$R$2:$R$366,ROW(INDEX(Jesper!AK$2:AK$366,ROUNDDOWN($C1302/24,0)+1,1))-1)+IF('Standard Profiles'!$G$21=$B$10,7,0)+IF('Standard Profiles'!$G$21=$B$17,14,0)+IF('Standard Profiles'!$G$21=$B$24,21,0),MOD($C1302,24)+1)/SUM(INDEX($D$3:$AA$30,INDEX(Jesper!$R$2:$R$366,ROW(INDEX(Jesper!AK$2:AK$366,ROUNDDOWN($C1302/24,0)+1,1))-1)+IF('Standard Profiles'!$G$21=$B$10,7,0)+IF('Standard Profiles'!$G$21=$B$17,14,0)+IF('Standard Profiles'!$G$21=$B$24,21,0),0)),0)</f>
        <v>1.2117067649126421</v>
      </c>
      <c r="H1302" cm="1">
        <f t="array" ref="H1302">IFERROR(INDEX(Jesper!AL$2:AL$366,ROUNDDOWN($C1302/24,0)+1,1)*INDEX($D$3:$AA$30,INDEX(Jesper!$R$2:$R$366,ROW(INDEX(Jesper!AL$2:AL$366,ROUNDDOWN($C1302/24,0)+1,1))-1)+IF('Standard Profiles'!$G$22=$B$10,7,0)+IF('Standard Profiles'!$G$22=$B$17,14,0)+IF('Standard Profiles'!$G$22=$B$24,21,0),MOD($C1302,24)+1)/SUM(INDEX($D$3:$AA$30,INDEX(Jesper!$R$2:$R$366,ROW(INDEX(Jesper!AL$2:AL$366,ROUNDDOWN($C1302/24,0)+1,1))-1)+IF('Standard Profiles'!$G$22=$B$10,7,0)+IF('Standard Profiles'!$G$22=$B$17,14,0)+IF('Standard Profiles'!$G$22=$B$24,21,0),0)),0)</f>
        <v>0</v>
      </c>
      <c r="I1302">
        <f t="shared" si="153"/>
        <v>0.5816192471580679</v>
      </c>
      <c r="J1302">
        <f t="shared" si="154"/>
        <v>9.5844115881816521</v>
      </c>
      <c r="K1302">
        <f t="shared" si="155"/>
        <v>0.61112747717363924</v>
      </c>
      <c r="L1302">
        <f t="shared" si="156"/>
        <v>0.30556373858681962</v>
      </c>
      <c r="M1302">
        <f t="shared" si="157"/>
        <v>0</v>
      </c>
      <c r="N1302" s="45">
        <f t="shared" si="158"/>
        <v>44979.833333330258</v>
      </c>
    </row>
    <row r="1303" spans="2:14" x14ac:dyDescent="0.25">
      <c r="B1303">
        <f t="shared" si="152"/>
        <v>3</v>
      </c>
      <c r="C1303" s="16">
        <v>1269</v>
      </c>
      <c r="D1303" cm="1">
        <f t="array" ref="D1303">IFERROR(INDEX(Jesper!AH$2:AH$366,ROUNDDOWN($C1303/24,0)+1,1)*INDEX($D$3:$AA$30,INDEX(Jesper!$R$2:$R$366,ROW(INDEX(Jesper!AH$2:AH$366,ROUNDDOWN($C1303/24,0)+1,1))-1)+IF('Standard Profiles'!$G$18=$B$10,7,0)+IF('Standard Profiles'!$G$18=$B$17,14,0)+IF('Standard Profiles'!$G$18=$B$24,21,0),MOD($C1303,24)+1)/SUM(INDEX($D$3:$AA$30,INDEX(Jesper!$R$2:$R$366,ROW(INDEX(Jesper!AH$2:AH$366,ROUNDDOWN($C1303/24,0)+1,1))-1)+IF('Standard Profiles'!$G$18=$B$10,7,0)+IF('Standard Profiles'!$G$18=$B$17,14,0)+IF('Standard Profiles'!$G$18=$B$24,21,0),0)),0)</f>
        <v>5.7293200985028676</v>
      </c>
      <c r="E1303" cm="1">
        <f t="array" ref="E1303">IFERROR(INDEX(Jesper!AI$2:AI$366,ROUNDDOWN($C1303/24,0)+1,1)*INDEX($D$3:$AA$30,INDEX(Jesper!$R$2:$R$366,ROW(INDEX(Jesper!AI$2:AI$366,ROUNDDOWN($C1303/24,0)+1,1))-1)+IF('Standard Profiles'!$G$19=$B$10,7,0)+IF('Standard Profiles'!$G$19=$B$17,14,0)+IF('Standard Profiles'!$G$19=$B$24,21,0),MOD($C1303,24)+1)/SUM(INDEX($D$3:$AA$30,INDEX(Jesper!$R$2:$R$366,ROW(INDEX(Jesper!AI$2:AI$366,ROUNDDOWN($C1303/24,0)+1,1))-1)+IF('Standard Profiles'!$G$19=$B$10,7,0)+IF('Standard Profiles'!$G$19=$B$17,14,0)+IF('Standard Profiles'!$G$19=$B$24,21,0),0)),0)</f>
        <v>4.1416951876846699</v>
      </c>
      <c r="F1303" cm="1">
        <f t="array" ref="F1303">IFERROR(INDEX(Jesper!AJ$2:AJ$366,ROUNDDOWN($C1303/24,0)+1,1)*INDEX($D$3:$AA$30,INDEX(Jesper!$R$2:$R$366,ROW(INDEX(Jesper!AJ$2:AJ$366,ROUNDDOWN($C1303/24,0)+1,1))-1)+IF('Standard Profiles'!$G$20=$B$10,7,0)+IF('Standard Profiles'!$G$20=$B$17,14,0)+IF('Standard Profiles'!$G$20=$B$24,21,0),MOD($C1303,24)+1)/SUM(INDEX($D$3:$AA$30,INDEX(Jesper!$R$2:$R$366,ROW(INDEX(Jesper!AJ$2:AJ$366,ROUNDDOWN($C1303/24,0)+1,1))-1)+IF('Standard Profiles'!$G$20=$B$10,7,0)+IF('Standard Profiles'!$G$20=$B$17,14,0)+IF('Standard Profiles'!$G$20=$B$24,21,0),0)),0)</f>
        <v>0</v>
      </c>
      <c r="G1303" cm="1">
        <f t="array" ref="G1303">IFERROR(INDEX(Jesper!AK$2:AK$366,ROUNDDOWN($C1303/24,0)+1,1)*INDEX($D$3:$AA$30,INDEX(Jesper!$R$2:$R$366,ROW(INDEX(Jesper!AK$2:AK$366,ROUNDDOWN($C1303/24,0)+1,1))-1)+IF('Standard Profiles'!$G$21=$B$10,7,0)+IF('Standard Profiles'!$G$21=$B$17,14,0)+IF('Standard Profiles'!$G$21=$B$24,21,0),MOD($C1303,24)+1)/SUM(INDEX($D$3:$AA$30,INDEX(Jesper!$R$2:$R$366,ROW(INDEX(Jesper!AK$2:AK$366,ROUNDDOWN($C1303/24,0)+1,1))-1)+IF('Standard Profiles'!$G$21=$B$10,7,0)+IF('Standard Profiles'!$G$21=$B$17,14,0)+IF('Standard Profiles'!$G$21=$B$24,21,0),0)),0)</f>
        <v>1.2117067649126421</v>
      </c>
      <c r="H1303" cm="1">
        <f t="array" ref="H1303">IFERROR(INDEX(Jesper!AL$2:AL$366,ROUNDDOWN($C1303/24,0)+1,1)*INDEX($D$3:$AA$30,INDEX(Jesper!$R$2:$R$366,ROW(INDEX(Jesper!AL$2:AL$366,ROUNDDOWN($C1303/24,0)+1,1))-1)+IF('Standard Profiles'!$G$22=$B$10,7,0)+IF('Standard Profiles'!$G$22=$B$17,14,0)+IF('Standard Profiles'!$G$22=$B$24,21,0),MOD($C1303,24)+1)/SUM(INDEX($D$3:$AA$30,INDEX(Jesper!$R$2:$R$366,ROW(INDEX(Jesper!AL$2:AL$366,ROUNDDOWN($C1303/24,0)+1,1))-1)+IF('Standard Profiles'!$G$22=$B$10,7,0)+IF('Standard Profiles'!$G$22=$B$17,14,0)+IF('Standard Profiles'!$G$22=$B$24,21,0),0)),0)</f>
        <v>0</v>
      </c>
      <c r="I1303">
        <f t="shared" si="153"/>
        <v>0.5816192471580679</v>
      </c>
      <c r="J1303">
        <f t="shared" si="154"/>
        <v>9.5844115881816521</v>
      </c>
      <c r="K1303">
        <f t="shared" si="155"/>
        <v>0.61112747717363924</v>
      </c>
      <c r="L1303">
        <f t="shared" si="156"/>
        <v>0.30556373858681962</v>
      </c>
      <c r="M1303">
        <f t="shared" si="157"/>
        <v>0</v>
      </c>
      <c r="N1303" s="45">
        <f t="shared" si="158"/>
        <v>44979.874999996922</v>
      </c>
    </row>
    <row r="1304" spans="2:14" x14ac:dyDescent="0.25">
      <c r="B1304">
        <f t="shared" si="152"/>
        <v>3</v>
      </c>
      <c r="C1304" s="16">
        <v>1270</v>
      </c>
      <c r="D1304" cm="1">
        <f t="array" ref="D1304">IFERROR(INDEX(Jesper!AH$2:AH$366,ROUNDDOWN($C1304/24,0)+1,1)*INDEX($D$3:$AA$30,INDEX(Jesper!$R$2:$R$366,ROW(INDEX(Jesper!AH$2:AH$366,ROUNDDOWN($C1304/24,0)+1,1))-1)+IF('Standard Profiles'!$G$18=$B$10,7,0)+IF('Standard Profiles'!$G$18=$B$17,14,0)+IF('Standard Profiles'!$G$18=$B$24,21,0),MOD($C1304,24)+1)/SUM(INDEX($D$3:$AA$30,INDEX(Jesper!$R$2:$R$366,ROW(INDEX(Jesper!AH$2:AH$366,ROUNDDOWN($C1304/24,0)+1,1))-1)+IF('Standard Profiles'!$G$18=$B$10,7,0)+IF('Standard Profiles'!$G$18=$B$17,14,0)+IF('Standard Profiles'!$G$18=$B$24,21,0),0)),0)</f>
        <v>5.7293200985028676</v>
      </c>
      <c r="E1304" cm="1">
        <f t="array" ref="E1304">IFERROR(INDEX(Jesper!AI$2:AI$366,ROUNDDOWN($C1304/24,0)+1,1)*INDEX($D$3:$AA$30,INDEX(Jesper!$R$2:$R$366,ROW(INDEX(Jesper!AI$2:AI$366,ROUNDDOWN($C1304/24,0)+1,1))-1)+IF('Standard Profiles'!$G$19=$B$10,7,0)+IF('Standard Profiles'!$G$19=$B$17,14,0)+IF('Standard Profiles'!$G$19=$B$24,21,0),MOD($C1304,24)+1)/SUM(INDEX($D$3:$AA$30,INDEX(Jesper!$R$2:$R$366,ROW(INDEX(Jesper!AI$2:AI$366,ROUNDDOWN($C1304/24,0)+1,1))-1)+IF('Standard Profiles'!$G$19=$B$10,7,0)+IF('Standard Profiles'!$G$19=$B$17,14,0)+IF('Standard Profiles'!$G$19=$B$24,21,0),0)),0)</f>
        <v>4.1416951876846699</v>
      </c>
      <c r="F1304" cm="1">
        <f t="array" ref="F1304">IFERROR(INDEX(Jesper!AJ$2:AJ$366,ROUNDDOWN($C1304/24,0)+1,1)*INDEX($D$3:$AA$30,INDEX(Jesper!$R$2:$R$366,ROW(INDEX(Jesper!AJ$2:AJ$366,ROUNDDOWN($C1304/24,0)+1,1))-1)+IF('Standard Profiles'!$G$20=$B$10,7,0)+IF('Standard Profiles'!$G$20=$B$17,14,0)+IF('Standard Profiles'!$G$20=$B$24,21,0),MOD($C1304,24)+1)/SUM(INDEX($D$3:$AA$30,INDEX(Jesper!$R$2:$R$366,ROW(INDEX(Jesper!AJ$2:AJ$366,ROUNDDOWN($C1304/24,0)+1,1))-1)+IF('Standard Profiles'!$G$20=$B$10,7,0)+IF('Standard Profiles'!$G$20=$B$17,14,0)+IF('Standard Profiles'!$G$20=$B$24,21,0),0)),0)</f>
        <v>0</v>
      </c>
      <c r="G1304" cm="1">
        <f t="array" ref="G1304">IFERROR(INDEX(Jesper!AK$2:AK$366,ROUNDDOWN($C1304/24,0)+1,1)*INDEX($D$3:$AA$30,INDEX(Jesper!$R$2:$R$366,ROW(INDEX(Jesper!AK$2:AK$366,ROUNDDOWN($C1304/24,0)+1,1))-1)+IF('Standard Profiles'!$G$21=$B$10,7,0)+IF('Standard Profiles'!$G$21=$B$17,14,0)+IF('Standard Profiles'!$G$21=$B$24,21,0),MOD($C1304,24)+1)/SUM(INDEX($D$3:$AA$30,INDEX(Jesper!$R$2:$R$366,ROW(INDEX(Jesper!AK$2:AK$366,ROUNDDOWN($C1304/24,0)+1,1))-1)+IF('Standard Profiles'!$G$21=$B$10,7,0)+IF('Standard Profiles'!$G$21=$B$17,14,0)+IF('Standard Profiles'!$G$21=$B$24,21,0),0)),0)</f>
        <v>1.2117067649126421</v>
      </c>
      <c r="H1304" cm="1">
        <f t="array" ref="H1304">IFERROR(INDEX(Jesper!AL$2:AL$366,ROUNDDOWN($C1304/24,0)+1,1)*INDEX($D$3:$AA$30,INDEX(Jesper!$R$2:$R$366,ROW(INDEX(Jesper!AL$2:AL$366,ROUNDDOWN($C1304/24,0)+1,1))-1)+IF('Standard Profiles'!$G$22=$B$10,7,0)+IF('Standard Profiles'!$G$22=$B$17,14,0)+IF('Standard Profiles'!$G$22=$B$24,21,0),MOD($C1304,24)+1)/SUM(INDEX($D$3:$AA$30,INDEX(Jesper!$R$2:$R$366,ROW(INDEX(Jesper!AL$2:AL$366,ROUNDDOWN($C1304/24,0)+1,1))-1)+IF('Standard Profiles'!$G$22=$B$10,7,0)+IF('Standard Profiles'!$G$22=$B$17,14,0)+IF('Standard Profiles'!$G$22=$B$24,21,0),0)),0)</f>
        <v>0</v>
      </c>
      <c r="I1304">
        <f t="shared" si="153"/>
        <v>0.5816192471580679</v>
      </c>
      <c r="J1304">
        <f t="shared" si="154"/>
        <v>9.5844115881816521</v>
      </c>
      <c r="K1304">
        <f t="shared" si="155"/>
        <v>0.61112747717363924</v>
      </c>
      <c r="L1304">
        <f t="shared" si="156"/>
        <v>0.30556373858681962</v>
      </c>
      <c r="M1304">
        <f t="shared" si="157"/>
        <v>0</v>
      </c>
      <c r="N1304" s="45">
        <f t="shared" si="158"/>
        <v>44979.916666663587</v>
      </c>
    </row>
    <row r="1305" spans="2:14" x14ac:dyDescent="0.25">
      <c r="B1305">
        <f t="shared" si="152"/>
        <v>3</v>
      </c>
      <c r="C1305" s="16">
        <v>1271</v>
      </c>
      <c r="D1305" cm="1">
        <f t="array" ref="D1305">IFERROR(INDEX(Jesper!AH$2:AH$366,ROUNDDOWN($C1305/24,0)+1,1)*INDEX($D$3:$AA$30,INDEX(Jesper!$R$2:$R$366,ROW(INDEX(Jesper!AH$2:AH$366,ROUNDDOWN($C1305/24,0)+1,1))-1)+IF('Standard Profiles'!$G$18=$B$10,7,0)+IF('Standard Profiles'!$G$18=$B$17,14,0)+IF('Standard Profiles'!$G$18=$B$24,21,0),MOD($C1305,24)+1)/SUM(INDEX($D$3:$AA$30,INDEX(Jesper!$R$2:$R$366,ROW(INDEX(Jesper!AH$2:AH$366,ROUNDDOWN($C1305/24,0)+1,1))-1)+IF('Standard Profiles'!$G$18=$B$10,7,0)+IF('Standard Profiles'!$G$18=$B$17,14,0)+IF('Standard Profiles'!$G$18=$B$24,21,0),0)),0)</f>
        <v>5.7293200985028676</v>
      </c>
      <c r="E1305" cm="1">
        <f t="array" ref="E1305">IFERROR(INDEX(Jesper!AI$2:AI$366,ROUNDDOWN($C1305/24,0)+1,1)*INDEX($D$3:$AA$30,INDEX(Jesper!$R$2:$R$366,ROW(INDEX(Jesper!AI$2:AI$366,ROUNDDOWN($C1305/24,0)+1,1))-1)+IF('Standard Profiles'!$G$19=$B$10,7,0)+IF('Standard Profiles'!$G$19=$B$17,14,0)+IF('Standard Profiles'!$G$19=$B$24,21,0),MOD($C1305,24)+1)/SUM(INDEX($D$3:$AA$30,INDEX(Jesper!$R$2:$R$366,ROW(INDEX(Jesper!AI$2:AI$366,ROUNDDOWN($C1305/24,0)+1,1))-1)+IF('Standard Profiles'!$G$19=$B$10,7,0)+IF('Standard Profiles'!$G$19=$B$17,14,0)+IF('Standard Profiles'!$G$19=$B$24,21,0),0)),0)</f>
        <v>4.1416951876846699</v>
      </c>
      <c r="F1305" cm="1">
        <f t="array" ref="F1305">IFERROR(INDEX(Jesper!AJ$2:AJ$366,ROUNDDOWN($C1305/24,0)+1,1)*INDEX($D$3:$AA$30,INDEX(Jesper!$R$2:$R$366,ROW(INDEX(Jesper!AJ$2:AJ$366,ROUNDDOWN($C1305/24,0)+1,1))-1)+IF('Standard Profiles'!$G$20=$B$10,7,0)+IF('Standard Profiles'!$G$20=$B$17,14,0)+IF('Standard Profiles'!$G$20=$B$24,21,0),MOD($C1305,24)+1)/SUM(INDEX($D$3:$AA$30,INDEX(Jesper!$R$2:$R$366,ROW(INDEX(Jesper!AJ$2:AJ$366,ROUNDDOWN($C1305/24,0)+1,1))-1)+IF('Standard Profiles'!$G$20=$B$10,7,0)+IF('Standard Profiles'!$G$20=$B$17,14,0)+IF('Standard Profiles'!$G$20=$B$24,21,0),0)),0)</f>
        <v>0</v>
      </c>
      <c r="G1305" cm="1">
        <f t="array" ref="G1305">IFERROR(INDEX(Jesper!AK$2:AK$366,ROUNDDOWN($C1305/24,0)+1,1)*INDEX($D$3:$AA$30,INDEX(Jesper!$R$2:$R$366,ROW(INDEX(Jesper!AK$2:AK$366,ROUNDDOWN($C1305/24,0)+1,1))-1)+IF('Standard Profiles'!$G$21=$B$10,7,0)+IF('Standard Profiles'!$G$21=$B$17,14,0)+IF('Standard Profiles'!$G$21=$B$24,21,0),MOD($C1305,24)+1)/SUM(INDEX($D$3:$AA$30,INDEX(Jesper!$R$2:$R$366,ROW(INDEX(Jesper!AK$2:AK$366,ROUNDDOWN($C1305/24,0)+1,1))-1)+IF('Standard Profiles'!$G$21=$B$10,7,0)+IF('Standard Profiles'!$G$21=$B$17,14,0)+IF('Standard Profiles'!$G$21=$B$24,21,0),0)),0)</f>
        <v>1.2117067649126421</v>
      </c>
      <c r="H1305" cm="1">
        <f t="array" ref="H1305">IFERROR(INDEX(Jesper!AL$2:AL$366,ROUNDDOWN($C1305/24,0)+1,1)*INDEX($D$3:$AA$30,INDEX(Jesper!$R$2:$R$366,ROW(INDEX(Jesper!AL$2:AL$366,ROUNDDOWN($C1305/24,0)+1,1))-1)+IF('Standard Profiles'!$G$22=$B$10,7,0)+IF('Standard Profiles'!$G$22=$B$17,14,0)+IF('Standard Profiles'!$G$22=$B$24,21,0),MOD($C1305,24)+1)/SUM(INDEX($D$3:$AA$30,INDEX(Jesper!$R$2:$R$366,ROW(INDEX(Jesper!AL$2:AL$366,ROUNDDOWN($C1305/24,0)+1,1))-1)+IF('Standard Profiles'!$G$22=$B$10,7,0)+IF('Standard Profiles'!$G$22=$B$17,14,0)+IF('Standard Profiles'!$G$22=$B$24,21,0),0)),0)</f>
        <v>0</v>
      </c>
      <c r="I1305">
        <f t="shared" si="153"/>
        <v>0.5816192471580679</v>
      </c>
      <c r="J1305">
        <f t="shared" si="154"/>
        <v>9.5844115881816521</v>
      </c>
      <c r="K1305">
        <f t="shared" si="155"/>
        <v>0.61112747717363924</v>
      </c>
      <c r="L1305">
        <f t="shared" si="156"/>
        <v>0.30556373858681962</v>
      </c>
      <c r="M1305">
        <f t="shared" si="157"/>
        <v>0</v>
      </c>
      <c r="N1305" s="45">
        <f t="shared" si="158"/>
        <v>44979.958333330251</v>
      </c>
    </row>
    <row r="1306" spans="2:14" x14ac:dyDescent="0.25">
      <c r="B1306">
        <f t="shared" si="152"/>
        <v>4</v>
      </c>
      <c r="C1306" s="16">
        <v>1272</v>
      </c>
      <c r="D1306" cm="1">
        <f t="array" ref="D1306">IFERROR(INDEX(Jesper!AH$2:AH$366,ROUNDDOWN($C1306/24,0)+1,1)*INDEX($D$3:$AA$30,INDEX(Jesper!$R$2:$R$366,ROW(INDEX(Jesper!AH$2:AH$366,ROUNDDOWN($C1306/24,0)+1,1))-1)+IF('Standard Profiles'!$G$18=$B$10,7,0)+IF('Standard Profiles'!$G$18=$B$17,14,0)+IF('Standard Profiles'!$G$18=$B$24,21,0),MOD($C1306,24)+1)/SUM(INDEX($D$3:$AA$30,INDEX(Jesper!$R$2:$R$366,ROW(INDEX(Jesper!AH$2:AH$366,ROUNDDOWN($C1306/24,0)+1,1))-1)+IF('Standard Profiles'!$G$18=$B$10,7,0)+IF('Standard Profiles'!$G$18=$B$17,14,0)+IF('Standard Profiles'!$G$18=$B$24,21,0),0)),0)</f>
        <v>5.8511016857798124</v>
      </c>
      <c r="E1306" cm="1">
        <f t="array" ref="E1306">IFERROR(INDEX(Jesper!AI$2:AI$366,ROUNDDOWN($C1306/24,0)+1,1)*INDEX($D$3:$AA$30,INDEX(Jesper!$R$2:$R$366,ROW(INDEX(Jesper!AI$2:AI$366,ROUNDDOWN($C1306/24,0)+1,1))-1)+IF('Standard Profiles'!$G$19=$B$10,7,0)+IF('Standard Profiles'!$G$19=$B$17,14,0)+IF('Standard Profiles'!$G$19=$B$24,21,0),MOD($C1306,24)+1)/SUM(INDEX($D$3:$AA$30,INDEX(Jesper!$R$2:$R$366,ROW(INDEX(Jesper!AI$2:AI$366,ROUNDDOWN($C1306/24,0)+1,1))-1)+IF('Standard Profiles'!$G$19=$B$10,7,0)+IF('Standard Profiles'!$G$19=$B$17,14,0)+IF('Standard Profiles'!$G$19=$B$24,21,0),0)),0)</f>
        <v>5.1502166439956474</v>
      </c>
      <c r="F1306" cm="1">
        <f t="array" ref="F1306">IFERROR(INDEX(Jesper!AJ$2:AJ$366,ROUNDDOWN($C1306/24,0)+1,1)*INDEX($D$3:$AA$30,INDEX(Jesper!$R$2:$R$366,ROW(INDEX(Jesper!AJ$2:AJ$366,ROUNDDOWN($C1306/24,0)+1,1))-1)+IF('Standard Profiles'!$G$20=$B$10,7,0)+IF('Standard Profiles'!$G$20=$B$17,14,0)+IF('Standard Profiles'!$G$20=$B$24,21,0),MOD($C1306,24)+1)/SUM(INDEX($D$3:$AA$30,INDEX(Jesper!$R$2:$R$366,ROW(INDEX(Jesper!AJ$2:AJ$366,ROUNDDOWN($C1306/24,0)+1,1))-1)+IF('Standard Profiles'!$G$20=$B$10,7,0)+IF('Standard Profiles'!$G$20=$B$17,14,0)+IF('Standard Profiles'!$G$20=$B$24,21,0),0)),0)</f>
        <v>0</v>
      </c>
      <c r="G1306" cm="1">
        <f t="array" ref="G1306">IFERROR(INDEX(Jesper!AK$2:AK$366,ROUNDDOWN($C1306/24,0)+1,1)*INDEX($D$3:$AA$30,INDEX(Jesper!$R$2:$R$366,ROW(INDEX(Jesper!AK$2:AK$366,ROUNDDOWN($C1306/24,0)+1,1))-1)+IF('Standard Profiles'!$G$21=$B$10,7,0)+IF('Standard Profiles'!$G$21=$B$17,14,0)+IF('Standard Profiles'!$G$21=$B$24,21,0),MOD($C1306,24)+1)/SUM(INDEX($D$3:$AA$30,INDEX(Jesper!$R$2:$R$366,ROW(INDEX(Jesper!AK$2:AK$366,ROUNDDOWN($C1306/24,0)+1,1))-1)+IF('Standard Profiles'!$G$21=$B$10,7,0)+IF('Standard Profiles'!$G$21=$B$17,14,0)+IF('Standard Profiles'!$G$21=$B$24,21,0),0)),0)</f>
        <v>3.6631463294771387</v>
      </c>
      <c r="H1306" cm="1">
        <f t="array" ref="H1306">IFERROR(INDEX(Jesper!AL$2:AL$366,ROUNDDOWN($C1306/24,0)+1,1)*INDEX($D$3:$AA$30,INDEX(Jesper!$R$2:$R$366,ROW(INDEX(Jesper!AL$2:AL$366,ROUNDDOWN($C1306/24,0)+1,1))-1)+IF('Standard Profiles'!$G$22=$B$10,7,0)+IF('Standard Profiles'!$G$22=$B$17,14,0)+IF('Standard Profiles'!$G$22=$B$24,21,0),MOD($C1306,24)+1)/SUM(INDEX($D$3:$AA$30,INDEX(Jesper!$R$2:$R$366,ROW(INDEX(Jesper!AL$2:AL$366,ROUNDDOWN($C1306/24,0)+1,1))-1)+IF('Standard Profiles'!$G$22=$B$10,7,0)+IF('Standard Profiles'!$G$22=$B$17,14,0)+IF('Standard Profiles'!$G$22=$B$24,21,0),0)),0)</f>
        <v>0</v>
      </c>
      <c r="I1306">
        <f t="shared" si="153"/>
        <v>1.7583102381490257</v>
      </c>
      <c r="J1306">
        <f t="shared" si="154"/>
        <v>11.969978151378802</v>
      </c>
      <c r="K1306">
        <f t="shared" si="155"/>
        <v>0.62411751314984665</v>
      </c>
      <c r="L1306">
        <f t="shared" si="156"/>
        <v>0.31205875657492332</v>
      </c>
      <c r="M1306">
        <f t="shared" si="157"/>
        <v>0</v>
      </c>
      <c r="N1306" s="45">
        <f t="shared" si="158"/>
        <v>44979.999999996915</v>
      </c>
    </row>
    <row r="1307" spans="2:14" x14ac:dyDescent="0.25">
      <c r="B1307">
        <f t="shared" si="152"/>
        <v>4</v>
      </c>
      <c r="C1307" s="16">
        <v>1273</v>
      </c>
      <c r="D1307" cm="1">
        <f t="array" ref="D1307">IFERROR(INDEX(Jesper!AH$2:AH$366,ROUNDDOWN($C1307/24,0)+1,1)*INDEX($D$3:$AA$30,INDEX(Jesper!$R$2:$R$366,ROW(INDEX(Jesper!AH$2:AH$366,ROUNDDOWN($C1307/24,0)+1,1))-1)+IF('Standard Profiles'!$G$18=$B$10,7,0)+IF('Standard Profiles'!$G$18=$B$17,14,0)+IF('Standard Profiles'!$G$18=$B$24,21,0),MOD($C1307,24)+1)/SUM(INDEX($D$3:$AA$30,INDEX(Jesper!$R$2:$R$366,ROW(INDEX(Jesper!AH$2:AH$366,ROUNDDOWN($C1307/24,0)+1,1))-1)+IF('Standard Profiles'!$G$18=$B$10,7,0)+IF('Standard Profiles'!$G$18=$B$17,14,0)+IF('Standard Profiles'!$G$18=$B$24,21,0),0)),0)</f>
        <v>5.8511016857798124</v>
      </c>
      <c r="E1307" cm="1">
        <f t="array" ref="E1307">IFERROR(INDEX(Jesper!AI$2:AI$366,ROUNDDOWN($C1307/24,0)+1,1)*INDEX($D$3:$AA$30,INDEX(Jesper!$R$2:$R$366,ROW(INDEX(Jesper!AI$2:AI$366,ROUNDDOWN($C1307/24,0)+1,1))-1)+IF('Standard Profiles'!$G$19=$B$10,7,0)+IF('Standard Profiles'!$G$19=$B$17,14,0)+IF('Standard Profiles'!$G$19=$B$24,21,0),MOD($C1307,24)+1)/SUM(INDEX($D$3:$AA$30,INDEX(Jesper!$R$2:$R$366,ROW(INDEX(Jesper!AI$2:AI$366,ROUNDDOWN($C1307/24,0)+1,1))-1)+IF('Standard Profiles'!$G$19=$B$10,7,0)+IF('Standard Profiles'!$G$19=$B$17,14,0)+IF('Standard Profiles'!$G$19=$B$24,21,0),0)),0)</f>
        <v>5.1502166439956474</v>
      </c>
      <c r="F1307" cm="1">
        <f t="array" ref="F1307">IFERROR(INDEX(Jesper!AJ$2:AJ$366,ROUNDDOWN($C1307/24,0)+1,1)*INDEX($D$3:$AA$30,INDEX(Jesper!$R$2:$R$366,ROW(INDEX(Jesper!AJ$2:AJ$366,ROUNDDOWN($C1307/24,0)+1,1))-1)+IF('Standard Profiles'!$G$20=$B$10,7,0)+IF('Standard Profiles'!$G$20=$B$17,14,0)+IF('Standard Profiles'!$G$20=$B$24,21,0),MOD($C1307,24)+1)/SUM(INDEX($D$3:$AA$30,INDEX(Jesper!$R$2:$R$366,ROW(INDEX(Jesper!AJ$2:AJ$366,ROUNDDOWN($C1307/24,0)+1,1))-1)+IF('Standard Profiles'!$G$20=$B$10,7,0)+IF('Standard Profiles'!$G$20=$B$17,14,0)+IF('Standard Profiles'!$G$20=$B$24,21,0),0)),0)</f>
        <v>0</v>
      </c>
      <c r="G1307" cm="1">
        <f t="array" ref="G1307">IFERROR(INDEX(Jesper!AK$2:AK$366,ROUNDDOWN($C1307/24,0)+1,1)*INDEX($D$3:$AA$30,INDEX(Jesper!$R$2:$R$366,ROW(INDEX(Jesper!AK$2:AK$366,ROUNDDOWN($C1307/24,0)+1,1))-1)+IF('Standard Profiles'!$G$21=$B$10,7,0)+IF('Standard Profiles'!$G$21=$B$17,14,0)+IF('Standard Profiles'!$G$21=$B$24,21,0),MOD($C1307,24)+1)/SUM(INDEX($D$3:$AA$30,INDEX(Jesper!$R$2:$R$366,ROW(INDEX(Jesper!AK$2:AK$366,ROUNDDOWN($C1307/24,0)+1,1))-1)+IF('Standard Profiles'!$G$21=$B$10,7,0)+IF('Standard Profiles'!$G$21=$B$17,14,0)+IF('Standard Profiles'!$G$21=$B$24,21,0),0)),0)</f>
        <v>3.6631463294771387</v>
      </c>
      <c r="H1307" cm="1">
        <f t="array" ref="H1307">IFERROR(INDEX(Jesper!AL$2:AL$366,ROUNDDOWN($C1307/24,0)+1,1)*INDEX($D$3:$AA$30,INDEX(Jesper!$R$2:$R$366,ROW(INDEX(Jesper!AL$2:AL$366,ROUNDDOWN($C1307/24,0)+1,1))-1)+IF('Standard Profiles'!$G$22=$B$10,7,0)+IF('Standard Profiles'!$G$22=$B$17,14,0)+IF('Standard Profiles'!$G$22=$B$24,21,0),MOD($C1307,24)+1)/SUM(INDEX($D$3:$AA$30,INDEX(Jesper!$R$2:$R$366,ROW(INDEX(Jesper!AL$2:AL$366,ROUNDDOWN($C1307/24,0)+1,1))-1)+IF('Standard Profiles'!$G$22=$B$10,7,0)+IF('Standard Profiles'!$G$22=$B$17,14,0)+IF('Standard Profiles'!$G$22=$B$24,21,0),0)),0)</f>
        <v>0</v>
      </c>
      <c r="I1307">
        <f t="shared" si="153"/>
        <v>1.7583102381490257</v>
      </c>
      <c r="J1307">
        <f t="shared" si="154"/>
        <v>11.969978151378802</v>
      </c>
      <c r="K1307">
        <f t="shared" si="155"/>
        <v>0.62411751314984665</v>
      </c>
      <c r="L1307">
        <f t="shared" si="156"/>
        <v>0.31205875657492332</v>
      </c>
      <c r="M1307">
        <f t="shared" si="157"/>
        <v>0</v>
      </c>
      <c r="N1307" s="45">
        <f t="shared" si="158"/>
        <v>44980.041666663579</v>
      </c>
    </row>
    <row r="1308" spans="2:14" x14ac:dyDescent="0.25">
      <c r="B1308">
        <f t="shared" si="152"/>
        <v>4</v>
      </c>
      <c r="C1308" s="16">
        <v>1274</v>
      </c>
      <c r="D1308" cm="1">
        <f t="array" ref="D1308">IFERROR(INDEX(Jesper!AH$2:AH$366,ROUNDDOWN($C1308/24,0)+1,1)*INDEX($D$3:$AA$30,INDEX(Jesper!$R$2:$R$366,ROW(INDEX(Jesper!AH$2:AH$366,ROUNDDOWN($C1308/24,0)+1,1))-1)+IF('Standard Profiles'!$G$18=$B$10,7,0)+IF('Standard Profiles'!$G$18=$B$17,14,0)+IF('Standard Profiles'!$G$18=$B$24,21,0),MOD($C1308,24)+1)/SUM(INDEX($D$3:$AA$30,INDEX(Jesper!$R$2:$R$366,ROW(INDEX(Jesper!AH$2:AH$366,ROUNDDOWN($C1308/24,0)+1,1))-1)+IF('Standard Profiles'!$G$18=$B$10,7,0)+IF('Standard Profiles'!$G$18=$B$17,14,0)+IF('Standard Profiles'!$G$18=$B$24,21,0),0)),0)</f>
        <v>5.8511016857798124</v>
      </c>
      <c r="E1308" cm="1">
        <f t="array" ref="E1308">IFERROR(INDEX(Jesper!AI$2:AI$366,ROUNDDOWN($C1308/24,0)+1,1)*INDEX($D$3:$AA$30,INDEX(Jesper!$R$2:$R$366,ROW(INDEX(Jesper!AI$2:AI$366,ROUNDDOWN($C1308/24,0)+1,1))-1)+IF('Standard Profiles'!$G$19=$B$10,7,0)+IF('Standard Profiles'!$G$19=$B$17,14,0)+IF('Standard Profiles'!$G$19=$B$24,21,0),MOD($C1308,24)+1)/SUM(INDEX($D$3:$AA$30,INDEX(Jesper!$R$2:$R$366,ROW(INDEX(Jesper!AI$2:AI$366,ROUNDDOWN($C1308/24,0)+1,1))-1)+IF('Standard Profiles'!$G$19=$B$10,7,0)+IF('Standard Profiles'!$G$19=$B$17,14,0)+IF('Standard Profiles'!$G$19=$B$24,21,0),0)),0)</f>
        <v>5.1502166439956474</v>
      </c>
      <c r="F1308" cm="1">
        <f t="array" ref="F1308">IFERROR(INDEX(Jesper!AJ$2:AJ$366,ROUNDDOWN($C1308/24,0)+1,1)*INDEX($D$3:$AA$30,INDEX(Jesper!$R$2:$R$366,ROW(INDEX(Jesper!AJ$2:AJ$366,ROUNDDOWN($C1308/24,0)+1,1))-1)+IF('Standard Profiles'!$G$20=$B$10,7,0)+IF('Standard Profiles'!$G$20=$B$17,14,0)+IF('Standard Profiles'!$G$20=$B$24,21,0),MOD($C1308,24)+1)/SUM(INDEX($D$3:$AA$30,INDEX(Jesper!$R$2:$R$366,ROW(INDEX(Jesper!AJ$2:AJ$366,ROUNDDOWN($C1308/24,0)+1,1))-1)+IF('Standard Profiles'!$G$20=$B$10,7,0)+IF('Standard Profiles'!$G$20=$B$17,14,0)+IF('Standard Profiles'!$G$20=$B$24,21,0),0)),0)</f>
        <v>0</v>
      </c>
      <c r="G1308" cm="1">
        <f t="array" ref="G1308">IFERROR(INDEX(Jesper!AK$2:AK$366,ROUNDDOWN($C1308/24,0)+1,1)*INDEX($D$3:$AA$30,INDEX(Jesper!$R$2:$R$366,ROW(INDEX(Jesper!AK$2:AK$366,ROUNDDOWN($C1308/24,0)+1,1))-1)+IF('Standard Profiles'!$G$21=$B$10,7,0)+IF('Standard Profiles'!$G$21=$B$17,14,0)+IF('Standard Profiles'!$G$21=$B$24,21,0),MOD($C1308,24)+1)/SUM(INDEX($D$3:$AA$30,INDEX(Jesper!$R$2:$R$366,ROW(INDEX(Jesper!AK$2:AK$366,ROUNDDOWN($C1308/24,0)+1,1))-1)+IF('Standard Profiles'!$G$21=$B$10,7,0)+IF('Standard Profiles'!$G$21=$B$17,14,0)+IF('Standard Profiles'!$G$21=$B$24,21,0),0)),0)</f>
        <v>3.6631463294771387</v>
      </c>
      <c r="H1308" cm="1">
        <f t="array" ref="H1308">IFERROR(INDEX(Jesper!AL$2:AL$366,ROUNDDOWN($C1308/24,0)+1,1)*INDEX($D$3:$AA$30,INDEX(Jesper!$R$2:$R$366,ROW(INDEX(Jesper!AL$2:AL$366,ROUNDDOWN($C1308/24,0)+1,1))-1)+IF('Standard Profiles'!$G$22=$B$10,7,0)+IF('Standard Profiles'!$G$22=$B$17,14,0)+IF('Standard Profiles'!$G$22=$B$24,21,0),MOD($C1308,24)+1)/SUM(INDEX($D$3:$AA$30,INDEX(Jesper!$R$2:$R$366,ROW(INDEX(Jesper!AL$2:AL$366,ROUNDDOWN($C1308/24,0)+1,1))-1)+IF('Standard Profiles'!$G$22=$B$10,7,0)+IF('Standard Profiles'!$G$22=$B$17,14,0)+IF('Standard Profiles'!$G$22=$B$24,21,0),0)),0)</f>
        <v>0</v>
      </c>
      <c r="I1308">
        <f t="shared" si="153"/>
        <v>1.7583102381490257</v>
      </c>
      <c r="J1308">
        <f t="shared" si="154"/>
        <v>11.969978151378802</v>
      </c>
      <c r="K1308">
        <f t="shared" si="155"/>
        <v>0.62411751314984665</v>
      </c>
      <c r="L1308">
        <f t="shared" si="156"/>
        <v>0.31205875657492332</v>
      </c>
      <c r="M1308">
        <f t="shared" si="157"/>
        <v>0</v>
      </c>
      <c r="N1308" s="45">
        <f t="shared" si="158"/>
        <v>44980.083333330243</v>
      </c>
    </row>
    <row r="1309" spans="2:14" x14ac:dyDescent="0.25">
      <c r="B1309">
        <f t="shared" si="152"/>
        <v>4</v>
      </c>
      <c r="C1309" s="16">
        <v>1275</v>
      </c>
      <c r="D1309" cm="1">
        <f t="array" ref="D1309">IFERROR(INDEX(Jesper!AH$2:AH$366,ROUNDDOWN($C1309/24,0)+1,1)*INDEX($D$3:$AA$30,INDEX(Jesper!$R$2:$R$366,ROW(INDEX(Jesper!AH$2:AH$366,ROUNDDOWN($C1309/24,0)+1,1))-1)+IF('Standard Profiles'!$G$18=$B$10,7,0)+IF('Standard Profiles'!$G$18=$B$17,14,0)+IF('Standard Profiles'!$G$18=$B$24,21,0),MOD($C1309,24)+1)/SUM(INDEX($D$3:$AA$30,INDEX(Jesper!$R$2:$R$366,ROW(INDEX(Jesper!AH$2:AH$366,ROUNDDOWN($C1309/24,0)+1,1))-1)+IF('Standard Profiles'!$G$18=$B$10,7,0)+IF('Standard Profiles'!$G$18=$B$17,14,0)+IF('Standard Profiles'!$G$18=$B$24,21,0),0)),0)</f>
        <v>5.8511016857798124</v>
      </c>
      <c r="E1309" cm="1">
        <f t="array" ref="E1309">IFERROR(INDEX(Jesper!AI$2:AI$366,ROUNDDOWN($C1309/24,0)+1,1)*INDEX($D$3:$AA$30,INDEX(Jesper!$R$2:$R$366,ROW(INDEX(Jesper!AI$2:AI$366,ROUNDDOWN($C1309/24,0)+1,1))-1)+IF('Standard Profiles'!$G$19=$B$10,7,0)+IF('Standard Profiles'!$G$19=$B$17,14,0)+IF('Standard Profiles'!$G$19=$B$24,21,0),MOD($C1309,24)+1)/SUM(INDEX($D$3:$AA$30,INDEX(Jesper!$R$2:$R$366,ROW(INDEX(Jesper!AI$2:AI$366,ROUNDDOWN($C1309/24,0)+1,1))-1)+IF('Standard Profiles'!$G$19=$B$10,7,0)+IF('Standard Profiles'!$G$19=$B$17,14,0)+IF('Standard Profiles'!$G$19=$B$24,21,0),0)),0)</f>
        <v>5.1502166439956474</v>
      </c>
      <c r="F1309" cm="1">
        <f t="array" ref="F1309">IFERROR(INDEX(Jesper!AJ$2:AJ$366,ROUNDDOWN($C1309/24,0)+1,1)*INDEX($D$3:$AA$30,INDEX(Jesper!$R$2:$R$366,ROW(INDEX(Jesper!AJ$2:AJ$366,ROUNDDOWN($C1309/24,0)+1,1))-1)+IF('Standard Profiles'!$G$20=$B$10,7,0)+IF('Standard Profiles'!$G$20=$B$17,14,0)+IF('Standard Profiles'!$G$20=$B$24,21,0),MOD($C1309,24)+1)/SUM(INDEX($D$3:$AA$30,INDEX(Jesper!$R$2:$R$366,ROW(INDEX(Jesper!AJ$2:AJ$366,ROUNDDOWN($C1309/24,0)+1,1))-1)+IF('Standard Profiles'!$G$20=$B$10,7,0)+IF('Standard Profiles'!$G$20=$B$17,14,0)+IF('Standard Profiles'!$G$20=$B$24,21,0),0)),0)</f>
        <v>0</v>
      </c>
      <c r="G1309" cm="1">
        <f t="array" ref="G1309">IFERROR(INDEX(Jesper!AK$2:AK$366,ROUNDDOWN($C1309/24,0)+1,1)*INDEX($D$3:$AA$30,INDEX(Jesper!$R$2:$R$366,ROW(INDEX(Jesper!AK$2:AK$366,ROUNDDOWN($C1309/24,0)+1,1))-1)+IF('Standard Profiles'!$G$21=$B$10,7,0)+IF('Standard Profiles'!$G$21=$B$17,14,0)+IF('Standard Profiles'!$G$21=$B$24,21,0),MOD($C1309,24)+1)/SUM(INDEX($D$3:$AA$30,INDEX(Jesper!$R$2:$R$366,ROW(INDEX(Jesper!AK$2:AK$366,ROUNDDOWN($C1309/24,0)+1,1))-1)+IF('Standard Profiles'!$G$21=$B$10,7,0)+IF('Standard Profiles'!$G$21=$B$17,14,0)+IF('Standard Profiles'!$G$21=$B$24,21,0),0)),0)</f>
        <v>3.6631463294771387</v>
      </c>
      <c r="H1309" cm="1">
        <f t="array" ref="H1309">IFERROR(INDEX(Jesper!AL$2:AL$366,ROUNDDOWN($C1309/24,0)+1,1)*INDEX($D$3:$AA$30,INDEX(Jesper!$R$2:$R$366,ROW(INDEX(Jesper!AL$2:AL$366,ROUNDDOWN($C1309/24,0)+1,1))-1)+IF('Standard Profiles'!$G$22=$B$10,7,0)+IF('Standard Profiles'!$G$22=$B$17,14,0)+IF('Standard Profiles'!$G$22=$B$24,21,0),MOD($C1309,24)+1)/SUM(INDEX($D$3:$AA$30,INDEX(Jesper!$R$2:$R$366,ROW(INDEX(Jesper!AL$2:AL$366,ROUNDDOWN($C1309/24,0)+1,1))-1)+IF('Standard Profiles'!$G$22=$B$10,7,0)+IF('Standard Profiles'!$G$22=$B$17,14,0)+IF('Standard Profiles'!$G$22=$B$24,21,0),0)),0)</f>
        <v>0</v>
      </c>
      <c r="I1309">
        <f t="shared" si="153"/>
        <v>1.7583102381490257</v>
      </c>
      <c r="J1309">
        <f t="shared" si="154"/>
        <v>11.969978151378802</v>
      </c>
      <c r="K1309">
        <f t="shared" si="155"/>
        <v>0.62411751314984665</v>
      </c>
      <c r="L1309">
        <f t="shared" si="156"/>
        <v>0.31205875657492332</v>
      </c>
      <c r="M1309">
        <f t="shared" si="157"/>
        <v>0</v>
      </c>
      <c r="N1309" s="45">
        <f t="shared" si="158"/>
        <v>44980.124999996908</v>
      </c>
    </row>
    <row r="1310" spans="2:14" x14ac:dyDescent="0.25">
      <c r="B1310">
        <f t="shared" si="152"/>
        <v>4</v>
      </c>
      <c r="C1310" s="16">
        <v>1276</v>
      </c>
      <c r="D1310" cm="1">
        <f t="array" ref="D1310">IFERROR(INDEX(Jesper!AH$2:AH$366,ROUNDDOWN($C1310/24,0)+1,1)*INDEX($D$3:$AA$30,INDEX(Jesper!$R$2:$R$366,ROW(INDEX(Jesper!AH$2:AH$366,ROUNDDOWN($C1310/24,0)+1,1))-1)+IF('Standard Profiles'!$G$18=$B$10,7,0)+IF('Standard Profiles'!$G$18=$B$17,14,0)+IF('Standard Profiles'!$G$18=$B$24,21,0),MOD($C1310,24)+1)/SUM(INDEX($D$3:$AA$30,INDEX(Jesper!$R$2:$R$366,ROW(INDEX(Jesper!AH$2:AH$366,ROUNDDOWN($C1310/24,0)+1,1))-1)+IF('Standard Profiles'!$G$18=$B$10,7,0)+IF('Standard Profiles'!$G$18=$B$17,14,0)+IF('Standard Profiles'!$G$18=$B$24,21,0),0)),0)</f>
        <v>5.8511016857798124</v>
      </c>
      <c r="E1310" cm="1">
        <f t="array" ref="E1310">IFERROR(INDEX(Jesper!AI$2:AI$366,ROUNDDOWN($C1310/24,0)+1,1)*INDEX($D$3:$AA$30,INDEX(Jesper!$R$2:$R$366,ROW(INDEX(Jesper!AI$2:AI$366,ROUNDDOWN($C1310/24,0)+1,1))-1)+IF('Standard Profiles'!$G$19=$B$10,7,0)+IF('Standard Profiles'!$G$19=$B$17,14,0)+IF('Standard Profiles'!$G$19=$B$24,21,0),MOD($C1310,24)+1)/SUM(INDEX($D$3:$AA$30,INDEX(Jesper!$R$2:$R$366,ROW(INDEX(Jesper!AI$2:AI$366,ROUNDDOWN($C1310/24,0)+1,1))-1)+IF('Standard Profiles'!$G$19=$B$10,7,0)+IF('Standard Profiles'!$G$19=$B$17,14,0)+IF('Standard Profiles'!$G$19=$B$24,21,0),0)),0)</f>
        <v>5.1502166439956474</v>
      </c>
      <c r="F1310" cm="1">
        <f t="array" ref="F1310">IFERROR(INDEX(Jesper!AJ$2:AJ$366,ROUNDDOWN($C1310/24,0)+1,1)*INDEX($D$3:$AA$30,INDEX(Jesper!$R$2:$R$366,ROW(INDEX(Jesper!AJ$2:AJ$366,ROUNDDOWN($C1310/24,0)+1,1))-1)+IF('Standard Profiles'!$G$20=$B$10,7,0)+IF('Standard Profiles'!$G$20=$B$17,14,0)+IF('Standard Profiles'!$G$20=$B$24,21,0),MOD($C1310,24)+1)/SUM(INDEX($D$3:$AA$30,INDEX(Jesper!$R$2:$R$366,ROW(INDEX(Jesper!AJ$2:AJ$366,ROUNDDOWN($C1310/24,0)+1,1))-1)+IF('Standard Profiles'!$G$20=$B$10,7,0)+IF('Standard Profiles'!$G$20=$B$17,14,0)+IF('Standard Profiles'!$G$20=$B$24,21,0),0)),0)</f>
        <v>0</v>
      </c>
      <c r="G1310" cm="1">
        <f t="array" ref="G1310">IFERROR(INDEX(Jesper!AK$2:AK$366,ROUNDDOWN($C1310/24,0)+1,1)*INDEX($D$3:$AA$30,INDEX(Jesper!$R$2:$R$366,ROW(INDEX(Jesper!AK$2:AK$366,ROUNDDOWN($C1310/24,0)+1,1))-1)+IF('Standard Profiles'!$G$21=$B$10,7,0)+IF('Standard Profiles'!$G$21=$B$17,14,0)+IF('Standard Profiles'!$G$21=$B$24,21,0),MOD($C1310,24)+1)/SUM(INDEX($D$3:$AA$30,INDEX(Jesper!$R$2:$R$366,ROW(INDEX(Jesper!AK$2:AK$366,ROUNDDOWN($C1310/24,0)+1,1))-1)+IF('Standard Profiles'!$G$21=$B$10,7,0)+IF('Standard Profiles'!$G$21=$B$17,14,0)+IF('Standard Profiles'!$G$21=$B$24,21,0),0)),0)</f>
        <v>3.6631463294771387</v>
      </c>
      <c r="H1310" cm="1">
        <f t="array" ref="H1310">IFERROR(INDEX(Jesper!AL$2:AL$366,ROUNDDOWN($C1310/24,0)+1,1)*INDEX($D$3:$AA$30,INDEX(Jesper!$R$2:$R$366,ROW(INDEX(Jesper!AL$2:AL$366,ROUNDDOWN($C1310/24,0)+1,1))-1)+IF('Standard Profiles'!$G$22=$B$10,7,0)+IF('Standard Profiles'!$G$22=$B$17,14,0)+IF('Standard Profiles'!$G$22=$B$24,21,0),MOD($C1310,24)+1)/SUM(INDEX($D$3:$AA$30,INDEX(Jesper!$R$2:$R$366,ROW(INDEX(Jesper!AL$2:AL$366,ROUNDDOWN($C1310/24,0)+1,1))-1)+IF('Standard Profiles'!$G$22=$B$10,7,0)+IF('Standard Profiles'!$G$22=$B$17,14,0)+IF('Standard Profiles'!$G$22=$B$24,21,0),0)),0)</f>
        <v>0</v>
      </c>
      <c r="I1310">
        <f t="shared" si="153"/>
        <v>1.7583102381490257</v>
      </c>
      <c r="J1310">
        <f t="shared" si="154"/>
        <v>11.969978151378802</v>
      </c>
      <c r="K1310">
        <f t="shared" si="155"/>
        <v>0.62411751314984665</v>
      </c>
      <c r="L1310">
        <f t="shared" si="156"/>
        <v>0.31205875657492332</v>
      </c>
      <c r="M1310">
        <f t="shared" si="157"/>
        <v>0</v>
      </c>
      <c r="N1310" s="45">
        <f t="shared" si="158"/>
        <v>44980.166666663572</v>
      </c>
    </row>
    <row r="1311" spans="2:14" x14ac:dyDescent="0.25">
      <c r="B1311">
        <f t="shared" si="152"/>
        <v>4</v>
      </c>
      <c r="C1311" s="16">
        <v>1277</v>
      </c>
      <c r="D1311" cm="1">
        <f t="array" ref="D1311">IFERROR(INDEX(Jesper!AH$2:AH$366,ROUNDDOWN($C1311/24,0)+1,1)*INDEX($D$3:$AA$30,INDEX(Jesper!$R$2:$R$366,ROW(INDEX(Jesper!AH$2:AH$366,ROUNDDOWN($C1311/24,0)+1,1))-1)+IF('Standard Profiles'!$G$18=$B$10,7,0)+IF('Standard Profiles'!$G$18=$B$17,14,0)+IF('Standard Profiles'!$G$18=$B$24,21,0),MOD($C1311,24)+1)/SUM(INDEX($D$3:$AA$30,INDEX(Jesper!$R$2:$R$366,ROW(INDEX(Jesper!AH$2:AH$366,ROUNDDOWN($C1311/24,0)+1,1))-1)+IF('Standard Profiles'!$G$18=$B$10,7,0)+IF('Standard Profiles'!$G$18=$B$17,14,0)+IF('Standard Profiles'!$G$18=$B$24,21,0),0)),0)</f>
        <v>5.8511016857798124</v>
      </c>
      <c r="E1311" cm="1">
        <f t="array" ref="E1311">IFERROR(INDEX(Jesper!AI$2:AI$366,ROUNDDOWN($C1311/24,0)+1,1)*INDEX($D$3:$AA$30,INDEX(Jesper!$R$2:$R$366,ROW(INDEX(Jesper!AI$2:AI$366,ROUNDDOWN($C1311/24,0)+1,1))-1)+IF('Standard Profiles'!$G$19=$B$10,7,0)+IF('Standard Profiles'!$G$19=$B$17,14,0)+IF('Standard Profiles'!$G$19=$B$24,21,0),MOD($C1311,24)+1)/SUM(INDEX($D$3:$AA$30,INDEX(Jesper!$R$2:$R$366,ROW(INDEX(Jesper!AI$2:AI$366,ROUNDDOWN($C1311/24,0)+1,1))-1)+IF('Standard Profiles'!$G$19=$B$10,7,0)+IF('Standard Profiles'!$G$19=$B$17,14,0)+IF('Standard Profiles'!$G$19=$B$24,21,0),0)),0)</f>
        <v>5.1502166439956474</v>
      </c>
      <c r="F1311" cm="1">
        <f t="array" ref="F1311">IFERROR(INDEX(Jesper!AJ$2:AJ$366,ROUNDDOWN($C1311/24,0)+1,1)*INDEX($D$3:$AA$30,INDEX(Jesper!$R$2:$R$366,ROW(INDEX(Jesper!AJ$2:AJ$366,ROUNDDOWN($C1311/24,0)+1,1))-1)+IF('Standard Profiles'!$G$20=$B$10,7,0)+IF('Standard Profiles'!$G$20=$B$17,14,0)+IF('Standard Profiles'!$G$20=$B$24,21,0),MOD($C1311,24)+1)/SUM(INDEX($D$3:$AA$30,INDEX(Jesper!$R$2:$R$366,ROW(INDEX(Jesper!AJ$2:AJ$366,ROUNDDOWN($C1311/24,0)+1,1))-1)+IF('Standard Profiles'!$G$20=$B$10,7,0)+IF('Standard Profiles'!$G$20=$B$17,14,0)+IF('Standard Profiles'!$G$20=$B$24,21,0),0)),0)</f>
        <v>0</v>
      </c>
      <c r="G1311" cm="1">
        <f t="array" ref="G1311">IFERROR(INDEX(Jesper!AK$2:AK$366,ROUNDDOWN($C1311/24,0)+1,1)*INDEX($D$3:$AA$30,INDEX(Jesper!$R$2:$R$366,ROW(INDEX(Jesper!AK$2:AK$366,ROUNDDOWN($C1311/24,0)+1,1))-1)+IF('Standard Profiles'!$G$21=$B$10,7,0)+IF('Standard Profiles'!$G$21=$B$17,14,0)+IF('Standard Profiles'!$G$21=$B$24,21,0),MOD($C1311,24)+1)/SUM(INDEX($D$3:$AA$30,INDEX(Jesper!$R$2:$R$366,ROW(INDEX(Jesper!AK$2:AK$366,ROUNDDOWN($C1311/24,0)+1,1))-1)+IF('Standard Profiles'!$G$21=$B$10,7,0)+IF('Standard Profiles'!$G$21=$B$17,14,0)+IF('Standard Profiles'!$G$21=$B$24,21,0),0)),0)</f>
        <v>3.6631463294771387</v>
      </c>
      <c r="H1311" cm="1">
        <f t="array" ref="H1311">IFERROR(INDEX(Jesper!AL$2:AL$366,ROUNDDOWN($C1311/24,0)+1,1)*INDEX($D$3:$AA$30,INDEX(Jesper!$R$2:$R$366,ROW(INDEX(Jesper!AL$2:AL$366,ROUNDDOWN($C1311/24,0)+1,1))-1)+IF('Standard Profiles'!$G$22=$B$10,7,0)+IF('Standard Profiles'!$G$22=$B$17,14,0)+IF('Standard Profiles'!$G$22=$B$24,21,0),MOD($C1311,24)+1)/SUM(INDEX($D$3:$AA$30,INDEX(Jesper!$R$2:$R$366,ROW(INDEX(Jesper!AL$2:AL$366,ROUNDDOWN($C1311/24,0)+1,1))-1)+IF('Standard Profiles'!$G$22=$B$10,7,0)+IF('Standard Profiles'!$G$22=$B$17,14,0)+IF('Standard Profiles'!$G$22=$B$24,21,0),0)),0)</f>
        <v>0</v>
      </c>
      <c r="I1311">
        <f t="shared" si="153"/>
        <v>1.7583102381490257</v>
      </c>
      <c r="J1311">
        <f t="shared" si="154"/>
        <v>11.969978151378802</v>
      </c>
      <c r="K1311">
        <f t="shared" si="155"/>
        <v>0.62411751314984665</v>
      </c>
      <c r="L1311">
        <f t="shared" si="156"/>
        <v>0.31205875657492332</v>
      </c>
      <c r="M1311">
        <f t="shared" si="157"/>
        <v>0</v>
      </c>
      <c r="N1311" s="45">
        <f t="shared" si="158"/>
        <v>44980.208333330236</v>
      </c>
    </row>
    <row r="1312" spans="2:14" x14ac:dyDescent="0.25">
      <c r="B1312">
        <f t="shared" si="152"/>
        <v>4</v>
      </c>
      <c r="C1312" s="16">
        <v>1278</v>
      </c>
      <c r="D1312" cm="1">
        <f t="array" ref="D1312">IFERROR(INDEX(Jesper!AH$2:AH$366,ROUNDDOWN($C1312/24,0)+1,1)*INDEX($D$3:$AA$30,INDEX(Jesper!$R$2:$R$366,ROW(INDEX(Jesper!AH$2:AH$366,ROUNDDOWN($C1312/24,0)+1,1))-1)+IF('Standard Profiles'!$G$18=$B$10,7,0)+IF('Standard Profiles'!$G$18=$B$17,14,0)+IF('Standard Profiles'!$G$18=$B$24,21,0),MOD($C1312,24)+1)/SUM(INDEX($D$3:$AA$30,INDEX(Jesper!$R$2:$R$366,ROW(INDEX(Jesper!AH$2:AH$366,ROUNDDOWN($C1312/24,0)+1,1))-1)+IF('Standard Profiles'!$G$18=$B$10,7,0)+IF('Standard Profiles'!$G$18=$B$17,14,0)+IF('Standard Profiles'!$G$18=$B$24,21,0),0)),0)</f>
        <v>5.8511016857798124</v>
      </c>
      <c r="E1312" cm="1">
        <f t="array" ref="E1312">IFERROR(INDEX(Jesper!AI$2:AI$366,ROUNDDOWN($C1312/24,0)+1,1)*INDEX($D$3:$AA$30,INDEX(Jesper!$R$2:$R$366,ROW(INDEX(Jesper!AI$2:AI$366,ROUNDDOWN($C1312/24,0)+1,1))-1)+IF('Standard Profiles'!$G$19=$B$10,7,0)+IF('Standard Profiles'!$G$19=$B$17,14,0)+IF('Standard Profiles'!$G$19=$B$24,21,0),MOD($C1312,24)+1)/SUM(INDEX($D$3:$AA$30,INDEX(Jesper!$R$2:$R$366,ROW(INDEX(Jesper!AI$2:AI$366,ROUNDDOWN($C1312/24,0)+1,1))-1)+IF('Standard Profiles'!$G$19=$B$10,7,0)+IF('Standard Profiles'!$G$19=$B$17,14,0)+IF('Standard Profiles'!$G$19=$B$24,21,0),0)),0)</f>
        <v>5.1502166439956474</v>
      </c>
      <c r="F1312" cm="1">
        <f t="array" ref="F1312">IFERROR(INDEX(Jesper!AJ$2:AJ$366,ROUNDDOWN($C1312/24,0)+1,1)*INDEX($D$3:$AA$30,INDEX(Jesper!$R$2:$R$366,ROW(INDEX(Jesper!AJ$2:AJ$366,ROUNDDOWN($C1312/24,0)+1,1))-1)+IF('Standard Profiles'!$G$20=$B$10,7,0)+IF('Standard Profiles'!$G$20=$B$17,14,0)+IF('Standard Profiles'!$G$20=$B$24,21,0),MOD($C1312,24)+1)/SUM(INDEX($D$3:$AA$30,INDEX(Jesper!$R$2:$R$366,ROW(INDEX(Jesper!AJ$2:AJ$366,ROUNDDOWN($C1312/24,0)+1,1))-1)+IF('Standard Profiles'!$G$20=$B$10,7,0)+IF('Standard Profiles'!$G$20=$B$17,14,0)+IF('Standard Profiles'!$G$20=$B$24,21,0),0)),0)</f>
        <v>0</v>
      </c>
      <c r="G1312" cm="1">
        <f t="array" ref="G1312">IFERROR(INDEX(Jesper!AK$2:AK$366,ROUNDDOWN($C1312/24,0)+1,1)*INDEX($D$3:$AA$30,INDEX(Jesper!$R$2:$R$366,ROW(INDEX(Jesper!AK$2:AK$366,ROUNDDOWN($C1312/24,0)+1,1))-1)+IF('Standard Profiles'!$G$21=$B$10,7,0)+IF('Standard Profiles'!$G$21=$B$17,14,0)+IF('Standard Profiles'!$G$21=$B$24,21,0),MOD($C1312,24)+1)/SUM(INDEX($D$3:$AA$30,INDEX(Jesper!$R$2:$R$366,ROW(INDEX(Jesper!AK$2:AK$366,ROUNDDOWN($C1312/24,0)+1,1))-1)+IF('Standard Profiles'!$G$21=$B$10,7,0)+IF('Standard Profiles'!$G$21=$B$17,14,0)+IF('Standard Profiles'!$G$21=$B$24,21,0),0)),0)</f>
        <v>3.6631463294771387</v>
      </c>
      <c r="H1312" cm="1">
        <f t="array" ref="H1312">IFERROR(INDEX(Jesper!AL$2:AL$366,ROUNDDOWN($C1312/24,0)+1,1)*INDEX($D$3:$AA$30,INDEX(Jesper!$R$2:$R$366,ROW(INDEX(Jesper!AL$2:AL$366,ROUNDDOWN($C1312/24,0)+1,1))-1)+IF('Standard Profiles'!$G$22=$B$10,7,0)+IF('Standard Profiles'!$G$22=$B$17,14,0)+IF('Standard Profiles'!$G$22=$B$24,21,0),MOD($C1312,24)+1)/SUM(INDEX($D$3:$AA$30,INDEX(Jesper!$R$2:$R$366,ROW(INDEX(Jesper!AL$2:AL$366,ROUNDDOWN($C1312/24,0)+1,1))-1)+IF('Standard Profiles'!$G$22=$B$10,7,0)+IF('Standard Profiles'!$G$22=$B$17,14,0)+IF('Standard Profiles'!$G$22=$B$24,21,0),0)),0)</f>
        <v>0</v>
      </c>
      <c r="I1312">
        <f t="shared" si="153"/>
        <v>1.7583102381490257</v>
      </c>
      <c r="J1312">
        <f t="shared" si="154"/>
        <v>11.969978151378802</v>
      </c>
      <c r="K1312">
        <f t="shared" si="155"/>
        <v>0.62411751314984665</v>
      </c>
      <c r="L1312">
        <f t="shared" si="156"/>
        <v>0.31205875657492332</v>
      </c>
      <c r="M1312">
        <f t="shared" si="157"/>
        <v>0</v>
      </c>
      <c r="N1312" s="45">
        <f t="shared" si="158"/>
        <v>44980.2499999969</v>
      </c>
    </row>
    <row r="1313" spans="2:14" x14ac:dyDescent="0.25">
      <c r="B1313">
        <f t="shared" si="152"/>
        <v>4</v>
      </c>
      <c r="C1313" s="16">
        <v>1279</v>
      </c>
      <c r="D1313" cm="1">
        <f t="array" ref="D1313">IFERROR(INDEX(Jesper!AH$2:AH$366,ROUNDDOWN($C1313/24,0)+1,1)*INDEX($D$3:$AA$30,INDEX(Jesper!$R$2:$R$366,ROW(INDEX(Jesper!AH$2:AH$366,ROUNDDOWN($C1313/24,0)+1,1))-1)+IF('Standard Profiles'!$G$18=$B$10,7,0)+IF('Standard Profiles'!$G$18=$B$17,14,0)+IF('Standard Profiles'!$G$18=$B$24,21,0),MOD($C1313,24)+1)/SUM(INDEX($D$3:$AA$30,INDEX(Jesper!$R$2:$R$366,ROW(INDEX(Jesper!AH$2:AH$366,ROUNDDOWN($C1313/24,0)+1,1))-1)+IF('Standard Profiles'!$G$18=$B$10,7,0)+IF('Standard Profiles'!$G$18=$B$17,14,0)+IF('Standard Profiles'!$G$18=$B$24,21,0),0)),0)</f>
        <v>23.918594467021112</v>
      </c>
      <c r="E1313" cm="1">
        <f t="array" ref="E1313">IFERROR(INDEX(Jesper!AI$2:AI$366,ROUNDDOWN($C1313/24,0)+1,1)*INDEX($D$3:$AA$30,INDEX(Jesper!$R$2:$R$366,ROW(INDEX(Jesper!AI$2:AI$366,ROUNDDOWN($C1313/24,0)+1,1))-1)+IF('Standard Profiles'!$G$19=$B$10,7,0)+IF('Standard Profiles'!$G$19=$B$17,14,0)+IF('Standard Profiles'!$G$19=$B$24,21,0),MOD($C1313,24)+1)/SUM(INDEX($D$3:$AA$30,INDEX(Jesper!$R$2:$R$366,ROW(INDEX(Jesper!AI$2:AI$366,ROUNDDOWN($C1313/24,0)+1,1))-1)+IF('Standard Profiles'!$G$19=$B$10,7,0)+IF('Standard Profiles'!$G$19=$B$17,14,0)+IF('Standard Profiles'!$G$19=$B$24,21,0),0)),0)</f>
        <v>21.053461371970091</v>
      </c>
      <c r="F1313" cm="1">
        <f t="array" ref="F1313">IFERROR(INDEX(Jesper!AJ$2:AJ$366,ROUNDDOWN($C1313/24,0)+1,1)*INDEX($D$3:$AA$30,INDEX(Jesper!$R$2:$R$366,ROW(INDEX(Jesper!AJ$2:AJ$366,ROUNDDOWN($C1313/24,0)+1,1))-1)+IF('Standard Profiles'!$G$20=$B$10,7,0)+IF('Standard Profiles'!$G$20=$B$17,14,0)+IF('Standard Profiles'!$G$20=$B$24,21,0),MOD($C1313,24)+1)/SUM(INDEX($D$3:$AA$30,INDEX(Jesper!$R$2:$R$366,ROW(INDEX(Jesper!AJ$2:AJ$366,ROUNDDOWN($C1313/24,0)+1,1))-1)+IF('Standard Profiles'!$G$20=$B$10,7,0)+IF('Standard Profiles'!$G$20=$B$17,14,0)+IF('Standard Profiles'!$G$20=$B$24,21,0),0)),0)</f>
        <v>0</v>
      </c>
      <c r="G1313" cm="1">
        <f t="array" ref="G1313">IFERROR(INDEX(Jesper!AK$2:AK$366,ROUNDDOWN($C1313/24,0)+1,1)*INDEX($D$3:$AA$30,INDEX(Jesper!$R$2:$R$366,ROW(INDEX(Jesper!AK$2:AK$366,ROUNDDOWN($C1313/24,0)+1,1))-1)+IF('Standard Profiles'!$G$21=$B$10,7,0)+IF('Standard Profiles'!$G$21=$B$17,14,0)+IF('Standard Profiles'!$G$21=$B$24,21,0),MOD($C1313,24)+1)/SUM(INDEX($D$3:$AA$30,INDEX(Jesper!$R$2:$R$366,ROW(INDEX(Jesper!AK$2:AK$366,ROUNDDOWN($C1313/24,0)+1,1))-1)+IF('Standard Profiles'!$G$21=$B$10,7,0)+IF('Standard Profiles'!$G$21=$B$17,14,0)+IF('Standard Profiles'!$G$21=$B$24,21,0),0)),0)</f>
        <v>10.091968137709515</v>
      </c>
      <c r="H1313" cm="1">
        <f t="array" ref="H1313">IFERROR(INDEX(Jesper!AL$2:AL$366,ROUNDDOWN($C1313/24,0)+1,1)*INDEX($D$3:$AA$30,INDEX(Jesper!$R$2:$R$366,ROW(INDEX(Jesper!AL$2:AL$366,ROUNDDOWN($C1313/24,0)+1,1))-1)+IF('Standard Profiles'!$G$22=$B$10,7,0)+IF('Standard Profiles'!$G$22=$B$17,14,0)+IF('Standard Profiles'!$G$22=$B$24,21,0),MOD($C1313,24)+1)/SUM(INDEX($D$3:$AA$30,INDEX(Jesper!$R$2:$R$366,ROW(INDEX(Jesper!AL$2:AL$366,ROUNDDOWN($C1313/24,0)+1,1))-1)+IF('Standard Profiles'!$G$22=$B$10,7,0)+IF('Standard Profiles'!$G$22=$B$17,14,0)+IF('Standard Profiles'!$G$22=$B$24,21,0),0)),0)</f>
        <v>0</v>
      </c>
      <c r="I1313">
        <f t="shared" si="153"/>
        <v>4.8441447061005647</v>
      </c>
      <c r="J1313">
        <f t="shared" si="154"/>
        <v>46.392904155876778</v>
      </c>
      <c r="K1313">
        <f t="shared" si="155"/>
        <v>2.5513167431489188</v>
      </c>
      <c r="L1313">
        <f t="shared" si="156"/>
        <v>1.2756583715744594</v>
      </c>
      <c r="M1313">
        <f t="shared" si="157"/>
        <v>0</v>
      </c>
      <c r="N1313" s="45">
        <f t="shared" si="158"/>
        <v>44980.291666663565</v>
      </c>
    </row>
    <row r="1314" spans="2:14" x14ac:dyDescent="0.25">
      <c r="B1314">
        <f t="shared" si="152"/>
        <v>4</v>
      </c>
      <c r="C1314" s="16">
        <v>1280</v>
      </c>
      <c r="D1314" cm="1">
        <f t="array" ref="D1314">IFERROR(INDEX(Jesper!AH$2:AH$366,ROUNDDOWN($C1314/24,0)+1,1)*INDEX($D$3:$AA$30,INDEX(Jesper!$R$2:$R$366,ROW(INDEX(Jesper!AH$2:AH$366,ROUNDDOWN($C1314/24,0)+1,1))-1)+IF('Standard Profiles'!$G$18=$B$10,7,0)+IF('Standard Profiles'!$G$18=$B$17,14,0)+IF('Standard Profiles'!$G$18=$B$24,21,0),MOD($C1314,24)+1)/SUM(INDEX($D$3:$AA$30,INDEX(Jesper!$R$2:$R$366,ROW(INDEX(Jesper!AH$2:AH$366,ROUNDDOWN($C1314/24,0)+1,1))-1)+IF('Standard Profiles'!$G$18=$B$10,7,0)+IF('Standard Profiles'!$G$18=$B$17,14,0)+IF('Standard Profiles'!$G$18=$B$24,21,0),0)),0)</f>
        <v>26.68811593162356</v>
      </c>
      <c r="E1314" cm="1">
        <f t="array" ref="E1314">IFERROR(INDEX(Jesper!AI$2:AI$366,ROUNDDOWN($C1314/24,0)+1,1)*INDEX($D$3:$AA$30,INDEX(Jesper!$R$2:$R$366,ROW(INDEX(Jesper!AI$2:AI$366,ROUNDDOWN($C1314/24,0)+1,1))-1)+IF('Standard Profiles'!$G$19=$B$10,7,0)+IF('Standard Profiles'!$G$19=$B$17,14,0)+IF('Standard Profiles'!$G$19=$B$24,21,0),MOD($C1314,24)+1)/SUM(INDEX($D$3:$AA$30,INDEX(Jesper!$R$2:$R$366,ROW(INDEX(Jesper!AI$2:AI$366,ROUNDDOWN($C1314/24,0)+1,1))-1)+IF('Standard Profiles'!$G$19=$B$10,7,0)+IF('Standard Profiles'!$G$19=$B$17,14,0)+IF('Standard Profiles'!$G$19=$B$24,21,0),0)),0)</f>
        <v>23.491230583461359</v>
      </c>
      <c r="F1314" cm="1">
        <f t="array" ref="F1314">IFERROR(INDEX(Jesper!AJ$2:AJ$366,ROUNDDOWN($C1314/24,0)+1,1)*INDEX($D$3:$AA$30,INDEX(Jesper!$R$2:$R$366,ROW(INDEX(Jesper!AJ$2:AJ$366,ROUNDDOWN($C1314/24,0)+1,1))-1)+IF('Standard Profiles'!$G$20=$B$10,7,0)+IF('Standard Profiles'!$G$20=$B$17,14,0)+IF('Standard Profiles'!$G$20=$B$24,21,0),MOD($C1314,24)+1)/SUM(INDEX($D$3:$AA$30,INDEX(Jesper!$R$2:$R$366,ROW(INDEX(Jesper!AJ$2:AJ$366,ROUNDDOWN($C1314/24,0)+1,1))-1)+IF('Standard Profiles'!$G$20=$B$10,7,0)+IF('Standard Profiles'!$G$20=$B$17,14,0)+IF('Standard Profiles'!$G$20=$B$24,21,0),0)),0)</f>
        <v>0</v>
      </c>
      <c r="G1314" cm="1">
        <f t="array" ref="G1314">IFERROR(INDEX(Jesper!AK$2:AK$366,ROUNDDOWN($C1314/24,0)+1,1)*INDEX($D$3:$AA$30,INDEX(Jesper!$R$2:$R$366,ROW(INDEX(Jesper!AK$2:AK$366,ROUNDDOWN($C1314/24,0)+1,1))-1)+IF('Standard Profiles'!$G$21=$B$10,7,0)+IF('Standard Profiles'!$G$21=$B$17,14,0)+IF('Standard Profiles'!$G$21=$B$24,21,0),MOD($C1314,24)+1)/SUM(INDEX($D$3:$AA$30,INDEX(Jesper!$R$2:$R$366,ROW(INDEX(Jesper!AK$2:AK$366,ROUNDDOWN($C1314/24,0)+1,1))-1)+IF('Standard Profiles'!$G$21=$B$10,7,0)+IF('Standard Profiles'!$G$21=$B$17,14,0)+IF('Standard Profiles'!$G$21=$B$24,21,0),0)),0)</f>
        <v>11.260511816812722</v>
      </c>
      <c r="H1314" cm="1">
        <f t="array" ref="H1314">IFERROR(INDEX(Jesper!AL$2:AL$366,ROUNDDOWN($C1314/24,0)+1,1)*INDEX($D$3:$AA$30,INDEX(Jesper!$R$2:$R$366,ROW(INDEX(Jesper!AL$2:AL$366,ROUNDDOWN($C1314/24,0)+1,1))-1)+IF('Standard Profiles'!$G$22=$B$10,7,0)+IF('Standard Profiles'!$G$22=$B$17,14,0)+IF('Standard Profiles'!$G$22=$B$24,21,0),MOD($C1314,24)+1)/SUM(INDEX($D$3:$AA$30,INDEX(Jesper!$R$2:$R$366,ROW(INDEX(Jesper!AL$2:AL$366,ROUNDDOWN($C1314/24,0)+1,1))-1)+IF('Standard Profiles'!$G$22=$B$10,7,0)+IF('Standard Profiles'!$G$22=$B$17,14,0)+IF('Standard Profiles'!$G$22=$B$24,21,0),0)),0)</f>
        <v>0</v>
      </c>
      <c r="I1314">
        <f t="shared" si="153"/>
        <v>5.4050456720701039</v>
      </c>
      <c r="J1314">
        <f t="shared" si="154"/>
        <v>51.76471411076777</v>
      </c>
      <c r="K1314">
        <f t="shared" si="155"/>
        <v>2.8467323660398467</v>
      </c>
      <c r="L1314">
        <f t="shared" si="156"/>
        <v>1.4233661830199233</v>
      </c>
      <c r="M1314">
        <f t="shared" si="157"/>
        <v>0</v>
      </c>
      <c r="N1314" s="45">
        <f t="shared" si="158"/>
        <v>44980.333333330229</v>
      </c>
    </row>
    <row r="1315" spans="2:14" x14ac:dyDescent="0.25">
      <c r="B1315">
        <f t="shared" ref="B1315:B1378" si="159">WEEKDAY(N1315,2)</f>
        <v>4</v>
      </c>
      <c r="C1315" s="16">
        <v>1281</v>
      </c>
      <c r="D1315" cm="1">
        <f t="array" ref="D1315">IFERROR(INDEX(Jesper!AH$2:AH$366,ROUNDDOWN($C1315/24,0)+1,1)*INDEX($D$3:$AA$30,INDEX(Jesper!$R$2:$R$366,ROW(INDEX(Jesper!AH$2:AH$366,ROUNDDOWN($C1315/24,0)+1,1))-1)+IF('Standard Profiles'!$G$18=$B$10,7,0)+IF('Standard Profiles'!$G$18=$B$17,14,0)+IF('Standard Profiles'!$G$18=$B$24,21,0),MOD($C1315,24)+1)/SUM(INDEX($D$3:$AA$30,INDEX(Jesper!$R$2:$R$366,ROW(INDEX(Jesper!AH$2:AH$366,ROUNDDOWN($C1315/24,0)+1,1))-1)+IF('Standard Profiles'!$G$18=$B$10,7,0)+IF('Standard Profiles'!$G$18=$B$17,14,0)+IF('Standard Profiles'!$G$18=$B$24,21,0),0)),0)</f>
        <v>29.457637396226005</v>
      </c>
      <c r="E1315" cm="1">
        <f t="array" ref="E1315">IFERROR(INDEX(Jesper!AI$2:AI$366,ROUNDDOWN($C1315/24,0)+1,1)*INDEX($D$3:$AA$30,INDEX(Jesper!$R$2:$R$366,ROW(INDEX(Jesper!AI$2:AI$366,ROUNDDOWN($C1315/24,0)+1,1))-1)+IF('Standard Profiles'!$G$19=$B$10,7,0)+IF('Standard Profiles'!$G$19=$B$17,14,0)+IF('Standard Profiles'!$G$19=$B$24,21,0),MOD($C1315,24)+1)/SUM(INDEX($D$3:$AA$30,INDEX(Jesper!$R$2:$R$366,ROW(INDEX(Jesper!AI$2:AI$366,ROUNDDOWN($C1315/24,0)+1,1))-1)+IF('Standard Profiles'!$G$19=$B$10,7,0)+IF('Standard Profiles'!$G$19=$B$17,14,0)+IF('Standard Profiles'!$G$19=$B$24,21,0),0)),0)</f>
        <v>25.928999794952635</v>
      </c>
      <c r="F1315" cm="1">
        <f t="array" ref="F1315">IFERROR(INDEX(Jesper!AJ$2:AJ$366,ROUNDDOWN($C1315/24,0)+1,1)*INDEX($D$3:$AA$30,INDEX(Jesper!$R$2:$R$366,ROW(INDEX(Jesper!AJ$2:AJ$366,ROUNDDOWN($C1315/24,0)+1,1))-1)+IF('Standard Profiles'!$G$20=$B$10,7,0)+IF('Standard Profiles'!$G$20=$B$17,14,0)+IF('Standard Profiles'!$G$20=$B$24,21,0),MOD($C1315,24)+1)/SUM(INDEX($D$3:$AA$30,INDEX(Jesper!$R$2:$R$366,ROW(INDEX(Jesper!AJ$2:AJ$366,ROUNDDOWN($C1315/24,0)+1,1))-1)+IF('Standard Profiles'!$G$20=$B$10,7,0)+IF('Standard Profiles'!$G$20=$B$17,14,0)+IF('Standard Profiles'!$G$20=$B$24,21,0),0)),0)</f>
        <v>0</v>
      </c>
      <c r="G1315" cm="1">
        <f t="array" ref="G1315">IFERROR(INDEX(Jesper!AK$2:AK$366,ROUNDDOWN($C1315/24,0)+1,1)*INDEX($D$3:$AA$30,INDEX(Jesper!$R$2:$R$366,ROW(INDEX(Jesper!AK$2:AK$366,ROUNDDOWN($C1315/24,0)+1,1))-1)+IF('Standard Profiles'!$G$21=$B$10,7,0)+IF('Standard Profiles'!$G$21=$B$17,14,0)+IF('Standard Profiles'!$G$21=$B$24,21,0),MOD($C1315,24)+1)/SUM(INDEX($D$3:$AA$30,INDEX(Jesper!$R$2:$R$366,ROW(INDEX(Jesper!AK$2:AK$366,ROUNDDOWN($C1315/24,0)+1,1))-1)+IF('Standard Profiles'!$G$21=$B$10,7,0)+IF('Standard Profiles'!$G$21=$B$17,14,0)+IF('Standard Profiles'!$G$21=$B$24,21,0),0)),0)</f>
        <v>12.429055495915929</v>
      </c>
      <c r="H1315" cm="1">
        <f t="array" ref="H1315">IFERROR(INDEX(Jesper!AL$2:AL$366,ROUNDDOWN($C1315/24,0)+1,1)*INDEX($D$3:$AA$30,INDEX(Jesper!$R$2:$R$366,ROW(INDEX(Jesper!AL$2:AL$366,ROUNDDOWN($C1315/24,0)+1,1))-1)+IF('Standard Profiles'!$G$22=$B$10,7,0)+IF('Standard Profiles'!$G$22=$B$17,14,0)+IF('Standard Profiles'!$G$22=$B$24,21,0),MOD($C1315,24)+1)/SUM(INDEX($D$3:$AA$30,INDEX(Jesper!$R$2:$R$366,ROW(INDEX(Jesper!AL$2:AL$366,ROUNDDOWN($C1315/24,0)+1,1))-1)+IF('Standard Profiles'!$G$22=$B$10,7,0)+IF('Standard Profiles'!$G$22=$B$17,14,0)+IF('Standard Profiles'!$G$22=$B$24,21,0),0)),0)</f>
        <v>0</v>
      </c>
      <c r="I1315">
        <f t="shared" ref="I1315:I1378" si="160">IF($B1315&lt;6,AC$37*$D1315+AC$38*$E1315+AC$39*$F1315+AC$40*$G1315,AC$46*$D1315+AC$47*$E1315+AC$48*$F1315+AC$49*$G1315+AC$50*$H1315)</f>
        <v>5.9659466380396431</v>
      </c>
      <c r="J1315">
        <f t="shared" ref="J1315:J1378" si="161">IF($B1315&lt;6,AD$37*$D1315+AD$38*$E1315+AD$39*$F1315+AD$40*$G1315,AD$46*$D1315+AD$47*$E1315+AD$48*$F1315+AD$49*$G1315+AD$50*$H1315)</f>
        <v>57.136524065658769</v>
      </c>
      <c r="K1315">
        <f t="shared" ref="K1315:K1378" si="162">IF($B1315&lt;6,AE$37*$D1315+AE$38*$E1315+AE$39*$F1315+AE$40*$G1315,AE$46*$D1315+AE$47*$E1315+AE$48*$F1315+AE$49*$G1315+AE$50*$H1315)</f>
        <v>3.1421479889307742</v>
      </c>
      <c r="L1315">
        <f t="shared" ref="L1315:L1378" si="163">IF($B1315&lt;6,AF$37*$D1315+AF$38*$E1315+AF$39*$F1315+AF$40*$G1315,AF$46*$D1315+AF$47*$E1315+AF$48*$F1315+AF$49*$G1315+AF$50*$H1315)</f>
        <v>1.5710739944653871</v>
      </c>
      <c r="M1315">
        <f t="shared" ref="M1315:M1378" si="164">IF($B1315&lt;6,AG$37*$D1315+AG$38*$E1315+AG$39*$F1315+AG$40*$G1315,AG$46*$D1315+AG$47*$E1315+AG$48*$F1315+AG$49*$G1315+AG$50*$H1315)</f>
        <v>0</v>
      </c>
      <c r="N1315" s="45">
        <f t="shared" si="158"/>
        <v>44980.374999996893</v>
      </c>
    </row>
    <row r="1316" spans="2:14" x14ac:dyDescent="0.25">
      <c r="B1316">
        <f t="shared" si="159"/>
        <v>4</v>
      </c>
      <c r="C1316" s="16">
        <v>1282</v>
      </c>
      <c r="D1316" cm="1">
        <f t="array" ref="D1316">IFERROR(INDEX(Jesper!AH$2:AH$366,ROUNDDOWN($C1316/24,0)+1,1)*INDEX($D$3:$AA$30,INDEX(Jesper!$R$2:$R$366,ROW(INDEX(Jesper!AH$2:AH$366,ROUNDDOWN($C1316/24,0)+1,1))-1)+IF('Standard Profiles'!$G$18=$B$10,7,0)+IF('Standard Profiles'!$G$18=$B$17,14,0)+IF('Standard Profiles'!$G$18=$B$24,21,0),MOD($C1316,24)+1)/SUM(INDEX($D$3:$AA$30,INDEX(Jesper!$R$2:$R$366,ROW(INDEX(Jesper!AH$2:AH$366,ROUNDDOWN($C1316/24,0)+1,1))-1)+IF('Standard Profiles'!$G$18=$B$10,7,0)+IF('Standard Profiles'!$G$18=$B$17,14,0)+IF('Standard Profiles'!$G$18=$B$24,21,0),0)),0)</f>
        <v>29.457637396226005</v>
      </c>
      <c r="E1316" cm="1">
        <f t="array" ref="E1316">IFERROR(INDEX(Jesper!AI$2:AI$366,ROUNDDOWN($C1316/24,0)+1,1)*INDEX($D$3:$AA$30,INDEX(Jesper!$R$2:$R$366,ROW(INDEX(Jesper!AI$2:AI$366,ROUNDDOWN($C1316/24,0)+1,1))-1)+IF('Standard Profiles'!$G$19=$B$10,7,0)+IF('Standard Profiles'!$G$19=$B$17,14,0)+IF('Standard Profiles'!$G$19=$B$24,21,0),MOD($C1316,24)+1)/SUM(INDEX($D$3:$AA$30,INDEX(Jesper!$R$2:$R$366,ROW(INDEX(Jesper!AI$2:AI$366,ROUNDDOWN($C1316/24,0)+1,1))-1)+IF('Standard Profiles'!$G$19=$B$10,7,0)+IF('Standard Profiles'!$G$19=$B$17,14,0)+IF('Standard Profiles'!$G$19=$B$24,21,0),0)),0)</f>
        <v>25.928999794952635</v>
      </c>
      <c r="F1316" cm="1">
        <f t="array" ref="F1316">IFERROR(INDEX(Jesper!AJ$2:AJ$366,ROUNDDOWN($C1316/24,0)+1,1)*INDEX($D$3:$AA$30,INDEX(Jesper!$R$2:$R$366,ROW(INDEX(Jesper!AJ$2:AJ$366,ROUNDDOWN($C1316/24,0)+1,1))-1)+IF('Standard Profiles'!$G$20=$B$10,7,0)+IF('Standard Profiles'!$G$20=$B$17,14,0)+IF('Standard Profiles'!$G$20=$B$24,21,0),MOD($C1316,24)+1)/SUM(INDEX($D$3:$AA$30,INDEX(Jesper!$R$2:$R$366,ROW(INDEX(Jesper!AJ$2:AJ$366,ROUNDDOWN($C1316/24,0)+1,1))-1)+IF('Standard Profiles'!$G$20=$B$10,7,0)+IF('Standard Profiles'!$G$20=$B$17,14,0)+IF('Standard Profiles'!$G$20=$B$24,21,0),0)),0)</f>
        <v>0</v>
      </c>
      <c r="G1316" cm="1">
        <f t="array" ref="G1316">IFERROR(INDEX(Jesper!AK$2:AK$366,ROUNDDOWN($C1316/24,0)+1,1)*INDEX($D$3:$AA$30,INDEX(Jesper!$R$2:$R$366,ROW(INDEX(Jesper!AK$2:AK$366,ROUNDDOWN($C1316/24,0)+1,1))-1)+IF('Standard Profiles'!$G$21=$B$10,7,0)+IF('Standard Profiles'!$G$21=$B$17,14,0)+IF('Standard Profiles'!$G$21=$B$24,21,0),MOD($C1316,24)+1)/SUM(INDEX($D$3:$AA$30,INDEX(Jesper!$R$2:$R$366,ROW(INDEX(Jesper!AK$2:AK$366,ROUNDDOWN($C1316/24,0)+1,1))-1)+IF('Standard Profiles'!$G$21=$B$10,7,0)+IF('Standard Profiles'!$G$21=$B$17,14,0)+IF('Standard Profiles'!$G$21=$B$24,21,0),0)),0)</f>
        <v>12.429055495915929</v>
      </c>
      <c r="H1316" cm="1">
        <f t="array" ref="H1316">IFERROR(INDEX(Jesper!AL$2:AL$366,ROUNDDOWN($C1316/24,0)+1,1)*INDEX($D$3:$AA$30,INDEX(Jesper!$R$2:$R$366,ROW(INDEX(Jesper!AL$2:AL$366,ROUNDDOWN($C1316/24,0)+1,1))-1)+IF('Standard Profiles'!$G$22=$B$10,7,0)+IF('Standard Profiles'!$G$22=$B$17,14,0)+IF('Standard Profiles'!$G$22=$B$24,21,0),MOD($C1316,24)+1)/SUM(INDEX($D$3:$AA$30,INDEX(Jesper!$R$2:$R$366,ROW(INDEX(Jesper!AL$2:AL$366,ROUNDDOWN($C1316/24,0)+1,1))-1)+IF('Standard Profiles'!$G$22=$B$10,7,0)+IF('Standard Profiles'!$G$22=$B$17,14,0)+IF('Standard Profiles'!$G$22=$B$24,21,0),0)),0)</f>
        <v>0</v>
      </c>
      <c r="I1316">
        <f t="shared" si="160"/>
        <v>5.9659466380396431</v>
      </c>
      <c r="J1316">
        <f t="shared" si="161"/>
        <v>57.136524065658769</v>
      </c>
      <c r="K1316">
        <f t="shared" si="162"/>
        <v>3.1421479889307742</v>
      </c>
      <c r="L1316">
        <f t="shared" si="163"/>
        <v>1.5710739944653871</v>
      </c>
      <c r="M1316">
        <f t="shared" si="164"/>
        <v>0</v>
      </c>
      <c r="N1316" s="45">
        <f t="shared" ref="N1316:N1379" si="165">N1315+1/24</f>
        <v>44980.416666663557</v>
      </c>
    </row>
    <row r="1317" spans="2:14" x14ac:dyDescent="0.25">
      <c r="B1317">
        <f t="shared" si="159"/>
        <v>4</v>
      </c>
      <c r="C1317" s="16">
        <v>1283</v>
      </c>
      <c r="D1317" cm="1">
        <f t="array" ref="D1317">IFERROR(INDEX(Jesper!AH$2:AH$366,ROUNDDOWN($C1317/24,0)+1,1)*INDEX($D$3:$AA$30,INDEX(Jesper!$R$2:$R$366,ROW(INDEX(Jesper!AH$2:AH$366,ROUNDDOWN($C1317/24,0)+1,1))-1)+IF('Standard Profiles'!$G$18=$B$10,7,0)+IF('Standard Profiles'!$G$18=$B$17,14,0)+IF('Standard Profiles'!$G$18=$B$24,21,0),MOD($C1317,24)+1)/SUM(INDEX($D$3:$AA$30,INDEX(Jesper!$R$2:$R$366,ROW(INDEX(Jesper!AH$2:AH$366,ROUNDDOWN($C1317/24,0)+1,1))-1)+IF('Standard Profiles'!$G$18=$B$10,7,0)+IF('Standard Profiles'!$G$18=$B$17,14,0)+IF('Standard Profiles'!$G$18=$B$24,21,0),0)),0)</f>
        <v>35.248455004031115</v>
      </c>
      <c r="E1317" cm="1">
        <f t="array" ref="E1317">IFERROR(INDEX(Jesper!AI$2:AI$366,ROUNDDOWN($C1317/24,0)+1,1)*INDEX($D$3:$AA$30,INDEX(Jesper!$R$2:$R$366,ROW(INDEX(Jesper!AI$2:AI$366,ROUNDDOWN($C1317/24,0)+1,1))-1)+IF('Standard Profiles'!$G$19=$B$10,7,0)+IF('Standard Profiles'!$G$19=$B$17,14,0)+IF('Standard Profiles'!$G$19=$B$24,21,0),MOD($C1317,24)+1)/SUM(INDEX($D$3:$AA$30,INDEX(Jesper!$R$2:$R$366,ROW(INDEX(Jesper!AI$2:AI$366,ROUNDDOWN($C1317/24,0)+1,1))-1)+IF('Standard Profiles'!$G$19=$B$10,7,0)+IF('Standard Profiles'!$G$19=$B$17,14,0)+IF('Standard Profiles'!$G$19=$B$24,21,0),0)),0)</f>
        <v>31.026153600798025</v>
      </c>
      <c r="F1317" cm="1">
        <f t="array" ref="F1317">IFERROR(INDEX(Jesper!AJ$2:AJ$366,ROUNDDOWN($C1317/24,0)+1,1)*INDEX($D$3:$AA$30,INDEX(Jesper!$R$2:$R$366,ROW(INDEX(Jesper!AJ$2:AJ$366,ROUNDDOWN($C1317/24,0)+1,1))-1)+IF('Standard Profiles'!$G$20=$B$10,7,0)+IF('Standard Profiles'!$G$20=$B$17,14,0)+IF('Standard Profiles'!$G$20=$B$24,21,0),MOD($C1317,24)+1)/SUM(INDEX($D$3:$AA$30,INDEX(Jesper!$R$2:$R$366,ROW(INDEX(Jesper!AJ$2:AJ$366,ROUNDDOWN($C1317/24,0)+1,1))-1)+IF('Standard Profiles'!$G$20=$B$10,7,0)+IF('Standard Profiles'!$G$20=$B$17,14,0)+IF('Standard Profiles'!$G$20=$B$24,21,0),0)),0)</f>
        <v>0</v>
      </c>
      <c r="G1317" cm="1">
        <f t="array" ref="G1317">IFERROR(INDEX(Jesper!AK$2:AK$366,ROUNDDOWN($C1317/24,0)+1,1)*INDEX($D$3:$AA$30,INDEX(Jesper!$R$2:$R$366,ROW(INDEX(Jesper!AK$2:AK$366,ROUNDDOWN($C1317/24,0)+1,1))-1)+IF('Standard Profiles'!$G$21=$B$10,7,0)+IF('Standard Profiles'!$G$21=$B$17,14,0)+IF('Standard Profiles'!$G$21=$B$24,21,0),MOD($C1317,24)+1)/SUM(INDEX($D$3:$AA$30,INDEX(Jesper!$R$2:$R$366,ROW(INDEX(Jesper!AK$2:AK$366,ROUNDDOWN($C1317/24,0)+1,1))-1)+IF('Standard Profiles'!$G$21=$B$10,7,0)+IF('Standard Profiles'!$G$21=$B$17,14,0)+IF('Standard Profiles'!$G$21=$B$24,21,0),0)),0)</f>
        <v>14.872374097677179</v>
      </c>
      <c r="H1317" cm="1">
        <f t="array" ref="H1317">IFERROR(INDEX(Jesper!AL$2:AL$366,ROUNDDOWN($C1317/24,0)+1,1)*INDEX($D$3:$AA$30,INDEX(Jesper!$R$2:$R$366,ROW(INDEX(Jesper!AL$2:AL$366,ROUNDDOWN($C1317/24,0)+1,1))-1)+IF('Standard Profiles'!$G$22=$B$10,7,0)+IF('Standard Profiles'!$G$22=$B$17,14,0)+IF('Standard Profiles'!$G$22=$B$24,21,0),MOD($C1317,24)+1)/SUM(INDEX($D$3:$AA$30,INDEX(Jesper!$R$2:$R$366,ROW(INDEX(Jesper!AL$2:AL$366,ROUNDDOWN($C1317/24,0)+1,1))-1)+IF('Standard Profiles'!$G$22=$B$10,7,0)+IF('Standard Profiles'!$G$22=$B$17,14,0)+IF('Standard Profiles'!$G$22=$B$24,21,0),0)),0)</f>
        <v>0</v>
      </c>
      <c r="I1317">
        <f t="shared" si="160"/>
        <v>7.1387395668850422</v>
      </c>
      <c r="J1317">
        <f t="shared" si="161"/>
        <v>68.368490334976286</v>
      </c>
      <c r="K1317">
        <f t="shared" si="162"/>
        <v>3.7598352004299858</v>
      </c>
      <c r="L1317">
        <f t="shared" si="163"/>
        <v>1.8799176002149929</v>
      </c>
      <c r="M1317">
        <f t="shared" si="164"/>
        <v>0</v>
      </c>
      <c r="N1317" s="45">
        <f t="shared" si="165"/>
        <v>44980.458333330222</v>
      </c>
    </row>
    <row r="1318" spans="2:14" x14ac:dyDescent="0.25">
      <c r="B1318">
        <f t="shared" si="159"/>
        <v>4</v>
      </c>
      <c r="C1318" s="16">
        <v>1284</v>
      </c>
      <c r="D1318" cm="1">
        <f t="array" ref="D1318">IFERROR(INDEX(Jesper!AH$2:AH$366,ROUNDDOWN($C1318/24,0)+1,1)*INDEX($D$3:$AA$30,INDEX(Jesper!$R$2:$R$366,ROW(INDEX(Jesper!AH$2:AH$366,ROUNDDOWN($C1318/24,0)+1,1))-1)+IF('Standard Profiles'!$G$18=$B$10,7,0)+IF('Standard Profiles'!$G$18=$B$17,14,0)+IF('Standard Profiles'!$G$18=$B$24,21,0),MOD($C1318,24)+1)/SUM(INDEX($D$3:$AA$30,INDEX(Jesper!$R$2:$R$366,ROW(INDEX(Jesper!AH$2:AH$366,ROUNDDOWN($C1318/24,0)+1,1))-1)+IF('Standard Profiles'!$G$18=$B$10,7,0)+IF('Standard Profiles'!$G$18=$B$17,14,0)+IF('Standard Profiles'!$G$18=$B$24,21,0),0)),0)</f>
        <v>35.248455004031115</v>
      </c>
      <c r="E1318" cm="1">
        <f t="array" ref="E1318">IFERROR(INDEX(Jesper!AI$2:AI$366,ROUNDDOWN($C1318/24,0)+1,1)*INDEX($D$3:$AA$30,INDEX(Jesper!$R$2:$R$366,ROW(INDEX(Jesper!AI$2:AI$366,ROUNDDOWN($C1318/24,0)+1,1))-1)+IF('Standard Profiles'!$G$19=$B$10,7,0)+IF('Standard Profiles'!$G$19=$B$17,14,0)+IF('Standard Profiles'!$G$19=$B$24,21,0),MOD($C1318,24)+1)/SUM(INDEX($D$3:$AA$30,INDEX(Jesper!$R$2:$R$366,ROW(INDEX(Jesper!AI$2:AI$366,ROUNDDOWN($C1318/24,0)+1,1))-1)+IF('Standard Profiles'!$G$19=$B$10,7,0)+IF('Standard Profiles'!$G$19=$B$17,14,0)+IF('Standard Profiles'!$G$19=$B$24,21,0),0)),0)</f>
        <v>31.026153600798025</v>
      </c>
      <c r="F1318" cm="1">
        <f t="array" ref="F1318">IFERROR(INDEX(Jesper!AJ$2:AJ$366,ROUNDDOWN($C1318/24,0)+1,1)*INDEX($D$3:$AA$30,INDEX(Jesper!$R$2:$R$366,ROW(INDEX(Jesper!AJ$2:AJ$366,ROUNDDOWN($C1318/24,0)+1,1))-1)+IF('Standard Profiles'!$G$20=$B$10,7,0)+IF('Standard Profiles'!$G$20=$B$17,14,0)+IF('Standard Profiles'!$G$20=$B$24,21,0),MOD($C1318,24)+1)/SUM(INDEX($D$3:$AA$30,INDEX(Jesper!$R$2:$R$366,ROW(INDEX(Jesper!AJ$2:AJ$366,ROUNDDOWN($C1318/24,0)+1,1))-1)+IF('Standard Profiles'!$G$20=$B$10,7,0)+IF('Standard Profiles'!$G$20=$B$17,14,0)+IF('Standard Profiles'!$G$20=$B$24,21,0),0)),0)</f>
        <v>0</v>
      </c>
      <c r="G1318" cm="1">
        <f t="array" ref="G1318">IFERROR(INDEX(Jesper!AK$2:AK$366,ROUNDDOWN($C1318/24,0)+1,1)*INDEX($D$3:$AA$30,INDEX(Jesper!$R$2:$R$366,ROW(INDEX(Jesper!AK$2:AK$366,ROUNDDOWN($C1318/24,0)+1,1))-1)+IF('Standard Profiles'!$G$21=$B$10,7,0)+IF('Standard Profiles'!$G$21=$B$17,14,0)+IF('Standard Profiles'!$G$21=$B$24,21,0),MOD($C1318,24)+1)/SUM(INDEX($D$3:$AA$30,INDEX(Jesper!$R$2:$R$366,ROW(INDEX(Jesper!AK$2:AK$366,ROUNDDOWN($C1318/24,0)+1,1))-1)+IF('Standard Profiles'!$G$21=$B$10,7,0)+IF('Standard Profiles'!$G$21=$B$17,14,0)+IF('Standard Profiles'!$G$21=$B$24,21,0),0)),0)</f>
        <v>14.872374097677179</v>
      </c>
      <c r="H1318" cm="1">
        <f t="array" ref="H1318">IFERROR(INDEX(Jesper!AL$2:AL$366,ROUNDDOWN($C1318/24,0)+1,1)*INDEX($D$3:$AA$30,INDEX(Jesper!$R$2:$R$366,ROW(INDEX(Jesper!AL$2:AL$366,ROUNDDOWN($C1318/24,0)+1,1))-1)+IF('Standard Profiles'!$G$22=$B$10,7,0)+IF('Standard Profiles'!$G$22=$B$17,14,0)+IF('Standard Profiles'!$G$22=$B$24,21,0),MOD($C1318,24)+1)/SUM(INDEX($D$3:$AA$30,INDEX(Jesper!$R$2:$R$366,ROW(INDEX(Jesper!AL$2:AL$366,ROUNDDOWN($C1318/24,0)+1,1))-1)+IF('Standard Profiles'!$G$22=$B$10,7,0)+IF('Standard Profiles'!$G$22=$B$17,14,0)+IF('Standard Profiles'!$G$22=$B$24,21,0),0)),0)</f>
        <v>0</v>
      </c>
      <c r="I1318">
        <f t="shared" si="160"/>
        <v>7.1387395668850422</v>
      </c>
      <c r="J1318">
        <f t="shared" si="161"/>
        <v>68.368490334976286</v>
      </c>
      <c r="K1318">
        <f t="shared" si="162"/>
        <v>3.7598352004299858</v>
      </c>
      <c r="L1318">
        <f t="shared" si="163"/>
        <v>1.8799176002149929</v>
      </c>
      <c r="M1318">
        <f t="shared" si="164"/>
        <v>0</v>
      </c>
      <c r="N1318" s="45">
        <f t="shared" si="165"/>
        <v>44980.499999996886</v>
      </c>
    </row>
    <row r="1319" spans="2:14" x14ac:dyDescent="0.25">
      <c r="B1319">
        <f t="shared" si="159"/>
        <v>4</v>
      </c>
      <c r="C1319" s="16">
        <v>1285</v>
      </c>
      <c r="D1319" cm="1">
        <f t="array" ref="D1319">IFERROR(INDEX(Jesper!AH$2:AH$366,ROUNDDOWN($C1319/24,0)+1,1)*INDEX($D$3:$AA$30,INDEX(Jesper!$R$2:$R$366,ROW(INDEX(Jesper!AH$2:AH$366,ROUNDDOWN($C1319/24,0)+1,1))-1)+IF('Standard Profiles'!$G$18=$B$10,7,0)+IF('Standard Profiles'!$G$18=$B$17,14,0)+IF('Standard Profiles'!$G$18=$B$24,21,0),MOD($C1319,24)+1)/SUM(INDEX($D$3:$AA$30,INDEX(Jesper!$R$2:$R$366,ROW(INDEX(Jesper!AH$2:AH$366,ROUNDDOWN($C1319/24,0)+1,1))-1)+IF('Standard Profiles'!$G$18=$B$10,7,0)+IF('Standard Profiles'!$G$18=$B$17,14,0)+IF('Standard Profiles'!$G$18=$B$24,21,0),0)),0)</f>
        <v>23.415045109820671</v>
      </c>
      <c r="E1319" cm="1">
        <f t="array" ref="E1319">IFERROR(INDEX(Jesper!AI$2:AI$366,ROUNDDOWN($C1319/24,0)+1,1)*INDEX($D$3:$AA$30,INDEX(Jesper!$R$2:$R$366,ROW(INDEX(Jesper!AI$2:AI$366,ROUNDDOWN($C1319/24,0)+1,1))-1)+IF('Standard Profiles'!$G$19=$B$10,7,0)+IF('Standard Profiles'!$G$19=$B$17,14,0)+IF('Standard Profiles'!$G$19=$B$24,21,0),MOD($C1319,24)+1)/SUM(INDEX($D$3:$AA$30,INDEX(Jesper!$R$2:$R$366,ROW(INDEX(Jesper!AI$2:AI$366,ROUNDDOWN($C1319/24,0)+1,1))-1)+IF('Standard Profiles'!$G$19=$B$10,7,0)+IF('Standard Profiles'!$G$19=$B$17,14,0)+IF('Standard Profiles'!$G$19=$B$24,21,0),0)),0)</f>
        <v>20.610230606244404</v>
      </c>
      <c r="F1319" cm="1">
        <f t="array" ref="F1319">IFERROR(INDEX(Jesper!AJ$2:AJ$366,ROUNDDOWN($C1319/24,0)+1,1)*INDEX($D$3:$AA$30,INDEX(Jesper!$R$2:$R$366,ROW(INDEX(Jesper!AJ$2:AJ$366,ROUNDDOWN($C1319/24,0)+1,1))-1)+IF('Standard Profiles'!$G$20=$B$10,7,0)+IF('Standard Profiles'!$G$20=$B$17,14,0)+IF('Standard Profiles'!$G$20=$B$24,21,0),MOD($C1319,24)+1)/SUM(INDEX($D$3:$AA$30,INDEX(Jesper!$R$2:$R$366,ROW(INDEX(Jesper!AJ$2:AJ$366,ROUNDDOWN($C1319/24,0)+1,1))-1)+IF('Standard Profiles'!$G$20=$B$10,7,0)+IF('Standard Profiles'!$G$20=$B$17,14,0)+IF('Standard Profiles'!$G$20=$B$24,21,0),0)),0)</f>
        <v>0</v>
      </c>
      <c r="G1319" cm="1">
        <f t="array" ref="G1319">IFERROR(INDEX(Jesper!AK$2:AK$366,ROUNDDOWN($C1319/24,0)+1,1)*INDEX($D$3:$AA$30,INDEX(Jesper!$R$2:$R$366,ROW(INDEX(Jesper!AK$2:AK$366,ROUNDDOWN($C1319/24,0)+1,1))-1)+IF('Standard Profiles'!$G$21=$B$10,7,0)+IF('Standard Profiles'!$G$21=$B$17,14,0)+IF('Standard Profiles'!$G$21=$B$24,21,0),MOD($C1319,24)+1)/SUM(INDEX($D$3:$AA$30,INDEX(Jesper!$R$2:$R$366,ROW(INDEX(Jesper!AK$2:AK$366,ROUNDDOWN($C1319/24,0)+1,1))-1)+IF('Standard Profiles'!$G$21=$B$10,7,0)+IF('Standard Profiles'!$G$21=$B$17,14,0)+IF('Standard Profiles'!$G$21=$B$24,21,0),0)),0)</f>
        <v>9.8795056505998424</v>
      </c>
      <c r="H1319" cm="1">
        <f t="array" ref="H1319">IFERROR(INDEX(Jesper!AL$2:AL$366,ROUNDDOWN($C1319/24,0)+1,1)*INDEX($D$3:$AA$30,INDEX(Jesper!$R$2:$R$366,ROW(INDEX(Jesper!AL$2:AL$366,ROUNDDOWN($C1319/24,0)+1,1))-1)+IF('Standard Profiles'!$G$22=$B$10,7,0)+IF('Standard Profiles'!$G$22=$B$17,14,0)+IF('Standard Profiles'!$G$22=$B$24,21,0),MOD($C1319,24)+1)/SUM(INDEX($D$3:$AA$30,INDEX(Jesper!$R$2:$R$366,ROW(INDEX(Jesper!AL$2:AL$366,ROUNDDOWN($C1319/24,0)+1,1))-1)+IF('Standard Profiles'!$G$22=$B$10,7,0)+IF('Standard Profiles'!$G$22=$B$17,14,0)+IF('Standard Profiles'!$G$22=$B$24,21,0),0)),0)</f>
        <v>0</v>
      </c>
      <c r="I1319">
        <f t="shared" si="160"/>
        <v>4.7421627122879224</v>
      </c>
      <c r="J1319">
        <f t="shared" si="161"/>
        <v>45.416211436805682</v>
      </c>
      <c r="K1319">
        <f t="shared" si="162"/>
        <v>2.4976048117142051</v>
      </c>
      <c r="L1319">
        <f t="shared" si="163"/>
        <v>1.2488024058571026</v>
      </c>
      <c r="M1319">
        <f t="shared" si="164"/>
        <v>0</v>
      </c>
      <c r="N1319" s="45">
        <f t="shared" si="165"/>
        <v>44980.54166666355</v>
      </c>
    </row>
    <row r="1320" spans="2:14" x14ac:dyDescent="0.25">
      <c r="B1320">
        <f t="shared" si="159"/>
        <v>4</v>
      </c>
      <c r="C1320" s="16">
        <v>1286</v>
      </c>
      <c r="D1320" cm="1">
        <f t="array" ref="D1320">IFERROR(INDEX(Jesper!AH$2:AH$366,ROUNDDOWN($C1320/24,0)+1,1)*INDEX($D$3:$AA$30,INDEX(Jesper!$R$2:$R$366,ROW(INDEX(Jesper!AH$2:AH$366,ROUNDDOWN($C1320/24,0)+1,1))-1)+IF('Standard Profiles'!$G$18=$B$10,7,0)+IF('Standard Profiles'!$G$18=$B$17,14,0)+IF('Standard Profiles'!$G$18=$B$24,21,0),MOD($C1320,24)+1)/SUM(INDEX($D$3:$AA$30,INDEX(Jesper!$R$2:$R$366,ROW(INDEX(Jesper!AH$2:AH$366,ROUNDDOWN($C1320/24,0)+1,1))-1)+IF('Standard Profiles'!$G$18=$B$10,7,0)+IF('Standard Profiles'!$G$18=$B$17,14,0)+IF('Standard Profiles'!$G$18=$B$24,21,0),0)),0)</f>
        <v>35.248455004031115</v>
      </c>
      <c r="E1320" cm="1">
        <f t="array" ref="E1320">IFERROR(INDEX(Jesper!AI$2:AI$366,ROUNDDOWN($C1320/24,0)+1,1)*INDEX($D$3:$AA$30,INDEX(Jesper!$R$2:$R$366,ROW(INDEX(Jesper!AI$2:AI$366,ROUNDDOWN($C1320/24,0)+1,1))-1)+IF('Standard Profiles'!$G$19=$B$10,7,0)+IF('Standard Profiles'!$G$19=$B$17,14,0)+IF('Standard Profiles'!$G$19=$B$24,21,0),MOD($C1320,24)+1)/SUM(INDEX($D$3:$AA$30,INDEX(Jesper!$R$2:$R$366,ROW(INDEX(Jesper!AI$2:AI$366,ROUNDDOWN($C1320/24,0)+1,1))-1)+IF('Standard Profiles'!$G$19=$B$10,7,0)+IF('Standard Profiles'!$G$19=$B$17,14,0)+IF('Standard Profiles'!$G$19=$B$24,21,0),0)),0)</f>
        <v>31.026153600798025</v>
      </c>
      <c r="F1320" cm="1">
        <f t="array" ref="F1320">IFERROR(INDEX(Jesper!AJ$2:AJ$366,ROUNDDOWN($C1320/24,0)+1,1)*INDEX($D$3:$AA$30,INDEX(Jesper!$R$2:$R$366,ROW(INDEX(Jesper!AJ$2:AJ$366,ROUNDDOWN($C1320/24,0)+1,1))-1)+IF('Standard Profiles'!$G$20=$B$10,7,0)+IF('Standard Profiles'!$G$20=$B$17,14,0)+IF('Standard Profiles'!$G$20=$B$24,21,0),MOD($C1320,24)+1)/SUM(INDEX($D$3:$AA$30,INDEX(Jesper!$R$2:$R$366,ROW(INDEX(Jesper!AJ$2:AJ$366,ROUNDDOWN($C1320/24,0)+1,1))-1)+IF('Standard Profiles'!$G$20=$B$10,7,0)+IF('Standard Profiles'!$G$20=$B$17,14,0)+IF('Standard Profiles'!$G$20=$B$24,21,0),0)),0)</f>
        <v>0</v>
      </c>
      <c r="G1320" cm="1">
        <f t="array" ref="G1320">IFERROR(INDEX(Jesper!AK$2:AK$366,ROUNDDOWN($C1320/24,0)+1,1)*INDEX($D$3:$AA$30,INDEX(Jesper!$R$2:$R$366,ROW(INDEX(Jesper!AK$2:AK$366,ROUNDDOWN($C1320/24,0)+1,1))-1)+IF('Standard Profiles'!$G$21=$B$10,7,0)+IF('Standard Profiles'!$G$21=$B$17,14,0)+IF('Standard Profiles'!$G$21=$B$24,21,0),MOD($C1320,24)+1)/SUM(INDEX($D$3:$AA$30,INDEX(Jesper!$R$2:$R$366,ROW(INDEX(Jesper!AK$2:AK$366,ROUNDDOWN($C1320/24,0)+1,1))-1)+IF('Standard Profiles'!$G$21=$B$10,7,0)+IF('Standard Profiles'!$G$21=$B$17,14,0)+IF('Standard Profiles'!$G$21=$B$24,21,0),0)),0)</f>
        <v>14.872374097677179</v>
      </c>
      <c r="H1320" cm="1">
        <f t="array" ref="H1320">IFERROR(INDEX(Jesper!AL$2:AL$366,ROUNDDOWN($C1320/24,0)+1,1)*INDEX($D$3:$AA$30,INDEX(Jesper!$R$2:$R$366,ROW(INDEX(Jesper!AL$2:AL$366,ROUNDDOWN($C1320/24,0)+1,1))-1)+IF('Standard Profiles'!$G$22=$B$10,7,0)+IF('Standard Profiles'!$G$22=$B$17,14,0)+IF('Standard Profiles'!$G$22=$B$24,21,0),MOD($C1320,24)+1)/SUM(INDEX($D$3:$AA$30,INDEX(Jesper!$R$2:$R$366,ROW(INDEX(Jesper!AL$2:AL$366,ROUNDDOWN($C1320/24,0)+1,1))-1)+IF('Standard Profiles'!$G$22=$B$10,7,0)+IF('Standard Profiles'!$G$22=$B$17,14,0)+IF('Standard Profiles'!$G$22=$B$24,21,0),0)),0)</f>
        <v>0</v>
      </c>
      <c r="I1320">
        <f t="shared" si="160"/>
        <v>7.1387395668850422</v>
      </c>
      <c r="J1320">
        <f t="shared" si="161"/>
        <v>68.368490334976286</v>
      </c>
      <c r="K1320">
        <f t="shared" si="162"/>
        <v>3.7598352004299858</v>
      </c>
      <c r="L1320">
        <f t="shared" si="163"/>
        <v>1.8799176002149929</v>
      </c>
      <c r="M1320">
        <f t="shared" si="164"/>
        <v>0</v>
      </c>
      <c r="N1320" s="45">
        <f t="shared" si="165"/>
        <v>44980.583333330214</v>
      </c>
    </row>
    <row r="1321" spans="2:14" x14ac:dyDescent="0.25">
      <c r="B1321">
        <f t="shared" si="159"/>
        <v>4</v>
      </c>
      <c r="C1321" s="16">
        <v>1287</v>
      </c>
      <c r="D1321" cm="1">
        <f t="array" ref="D1321">IFERROR(INDEX(Jesper!AH$2:AH$366,ROUNDDOWN($C1321/24,0)+1,1)*INDEX($D$3:$AA$30,INDEX(Jesper!$R$2:$R$366,ROW(INDEX(Jesper!AH$2:AH$366,ROUNDDOWN($C1321/24,0)+1,1))-1)+IF('Standard Profiles'!$G$18=$B$10,7,0)+IF('Standard Profiles'!$G$18=$B$17,14,0)+IF('Standard Profiles'!$G$18=$B$24,21,0),MOD($C1321,24)+1)/SUM(INDEX($D$3:$AA$30,INDEX(Jesper!$R$2:$R$366,ROW(INDEX(Jesper!AH$2:AH$366,ROUNDDOWN($C1321/24,0)+1,1))-1)+IF('Standard Profiles'!$G$18=$B$10,7,0)+IF('Standard Profiles'!$G$18=$B$17,14,0)+IF('Standard Profiles'!$G$18=$B$24,21,0),0)),0)</f>
        <v>35.248455004031115</v>
      </c>
      <c r="E1321" cm="1">
        <f t="array" ref="E1321">IFERROR(INDEX(Jesper!AI$2:AI$366,ROUNDDOWN($C1321/24,0)+1,1)*INDEX($D$3:$AA$30,INDEX(Jesper!$R$2:$R$366,ROW(INDEX(Jesper!AI$2:AI$366,ROUNDDOWN($C1321/24,0)+1,1))-1)+IF('Standard Profiles'!$G$19=$B$10,7,0)+IF('Standard Profiles'!$G$19=$B$17,14,0)+IF('Standard Profiles'!$G$19=$B$24,21,0),MOD($C1321,24)+1)/SUM(INDEX($D$3:$AA$30,INDEX(Jesper!$R$2:$R$366,ROW(INDEX(Jesper!AI$2:AI$366,ROUNDDOWN($C1321/24,0)+1,1))-1)+IF('Standard Profiles'!$G$19=$B$10,7,0)+IF('Standard Profiles'!$G$19=$B$17,14,0)+IF('Standard Profiles'!$G$19=$B$24,21,0),0)),0)</f>
        <v>31.026153600798025</v>
      </c>
      <c r="F1321" cm="1">
        <f t="array" ref="F1321">IFERROR(INDEX(Jesper!AJ$2:AJ$366,ROUNDDOWN($C1321/24,0)+1,1)*INDEX($D$3:$AA$30,INDEX(Jesper!$R$2:$R$366,ROW(INDEX(Jesper!AJ$2:AJ$366,ROUNDDOWN($C1321/24,0)+1,1))-1)+IF('Standard Profiles'!$G$20=$B$10,7,0)+IF('Standard Profiles'!$G$20=$B$17,14,0)+IF('Standard Profiles'!$G$20=$B$24,21,0),MOD($C1321,24)+1)/SUM(INDEX($D$3:$AA$30,INDEX(Jesper!$R$2:$R$366,ROW(INDEX(Jesper!AJ$2:AJ$366,ROUNDDOWN($C1321/24,0)+1,1))-1)+IF('Standard Profiles'!$G$20=$B$10,7,0)+IF('Standard Profiles'!$G$20=$B$17,14,0)+IF('Standard Profiles'!$G$20=$B$24,21,0),0)),0)</f>
        <v>0</v>
      </c>
      <c r="G1321" cm="1">
        <f t="array" ref="G1321">IFERROR(INDEX(Jesper!AK$2:AK$366,ROUNDDOWN($C1321/24,0)+1,1)*INDEX($D$3:$AA$30,INDEX(Jesper!$R$2:$R$366,ROW(INDEX(Jesper!AK$2:AK$366,ROUNDDOWN($C1321/24,0)+1,1))-1)+IF('Standard Profiles'!$G$21=$B$10,7,0)+IF('Standard Profiles'!$G$21=$B$17,14,0)+IF('Standard Profiles'!$G$21=$B$24,21,0),MOD($C1321,24)+1)/SUM(INDEX($D$3:$AA$30,INDEX(Jesper!$R$2:$R$366,ROW(INDEX(Jesper!AK$2:AK$366,ROUNDDOWN($C1321/24,0)+1,1))-1)+IF('Standard Profiles'!$G$21=$B$10,7,0)+IF('Standard Profiles'!$G$21=$B$17,14,0)+IF('Standard Profiles'!$G$21=$B$24,21,0),0)),0)</f>
        <v>14.872374097677179</v>
      </c>
      <c r="H1321" cm="1">
        <f t="array" ref="H1321">IFERROR(INDEX(Jesper!AL$2:AL$366,ROUNDDOWN($C1321/24,0)+1,1)*INDEX($D$3:$AA$30,INDEX(Jesper!$R$2:$R$366,ROW(INDEX(Jesper!AL$2:AL$366,ROUNDDOWN($C1321/24,0)+1,1))-1)+IF('Standard Profiles'!$G$22=$B$10,7,0)+IF('Standard Profiles'!$G$22=$B$17,14,0)+IF('Standard Profiles'!$G$22=$B$24,21,0),MOD($C1321,24)+1)/SUM(INDEX($D$3:$AA$30,INDEX(Jesper!$R$2:$R$366,ROW(INDEX(Jesper!AL$2:AL$366,ROUNDDOWN($C1321/24,0)+1,1))-1)+IF('Standard Profiles'!$G$22=$B$10,7,0)+IF('Standard Profiles'!$G$22=$B$17,14,0)+IF('Standard Profiles'!$G$22=$B$24,21,0),0)),0)</f>
        <v>0</v>
      </c>
      <c r="I1321">
        <f t="shared" si="160"/>
        <v>7.1387395668850422</v>
      </c>
      <c r="J1321">
        <f t="shared" si="161"/>
        <v>68.368490334976286</v>
      </c>
      <c r="K1321">
        <f t="shared" si="162"/>
        <v>3.7598352004299858</v>
      </c>
      <c r="L1321">
        <f t="shared" si="163"/>
        <v>1.8799176002149929</v>
      </c>
      <c r="M1321">
        <f t="shared" si="164"/>
        <v>0</v>
      </c>
      <c r="N1321" s="45">
        <f t="shared" si="165"/>
        <v>44980.624999996879</v>
      </c>
    </row>
    <row r="1322" spans="2:14" x14ac:dyDescent="0.25">
      <c r="B1322">
        <f t="shared" si="159"/>
        <v>4</v>
      </c>
      <c r="C1322" s="16">
        <v>1288</v>
      </c>
      <c r="D1322" cm="1">
        <f t="array" ref="D1322">IFERROR(INDEX(Jesper!AH$2:AH$366,ROUNDDOWN($C1322/24,0)+1,1)*INDEX($D$3:$AA$30,INDEX(Jesper!$R$2:$R$366,ROW(INDEX(Jesper!AH$2:AH$366,ROUNDDOWN($C1322/24,0)+1,1))-1)+IF('Standard Profiles'!$G$18=$B$10,7,0)+IF('Standard Profiles'!$G$18=$B$17,14,0)+IF('Standard Profiles'!$G$18=$B$24,21,0),MOD($C1322,24)+1)/SUM(INDEX($D$3:$AA$30,INDEX(Jesper!$R$2:$R$366,ROW(INDEX(Jesper!AH$2:AH$366,ROUNDDOWN($C1322/24,0)+1,1))-1)+IF('Standard Profiles'!$G$18=$B$10,7,0)+IF('Standard Profiles'!$G$18=$B$17,14,0)+IF('Standard Profiles'!$G$18=$B$24,21,0),0)),0)</f>
        <v>20.771410984518337</v>
      </c>
      <c r="E1322" cm="1">
        <f t="array" ref="E1322">IFERROR(INDEX(Jesper!AI$2:AI$366,ROUNDDOWN($C1322/24,0)+1,1)*INDEX($D$3:$AA$30,INDEX(Jesper!$R$2:$R$366,ROW(INDEX(Jesper!AI$2:AI$366,ROUNDDOWN($C1322/24,0)+1,1))-1)+IF('Standard Profiles'!$G$19=$B$10,7,0)+IF('Standard Profiles'!$G$19=$B$17,14,0)+IF('Standard Profiles'!$G$19=$B$24,21,0),MOD($C1322,24)+1)/SUM(INDEX($D$3:$AA$30,INDEX(Jesper!$R$2:$R$366,ROW(INDEX(Jesper!AI$2:AI$366,ROUNDDOWN($C1322/24,0)+1,1))-1)+IF('Standard Profiles'!$G$19=$B$10,7,0)+IF('Standard Profiles'!$G$19=$B$17,14,0)+IF('Standard Profiles'!$G$19=$B$24,21,0),0)),0)</f>
        <v>18.28326908618455</v>
      </c>
      <c r="F1322" cm="1">
        <f t="array" ref="F1322">IFERROR(INDEX(Jesper!AJ$2:AJ$366,ROUNDDOWN($C1322/24,0)+1,1)*INDEX($D$3:$AA$30,INDEX(Jesper!$R$2:$R$366,ROW(INDEX(Jesper!AJ$2:AJ$366,ROUNDDOWN($C1322/24,0)+1,1))-1)+IF('Standard Profiles'!$G$20=$B$10,7,0)+IF('Standard Profiles'!$G$20=$B$17,14,0)+IF('Standard Profiles'!$G$20=$B$24,21,0),MOD($C1322,24)+1)/SUM(INDEX($D$3:$AA$30,INDEX(Jesper!$R$2:$R$366,ROW(INDEX(Jesper!AJ$2:AJ$366,ROUNDDOWN($C1322/24,0)+1,1))-1)+IF('Standard Profiles'!$G$20=$B$10,7,0)+IF('Standard Profiles'!$G$20=$B$17,14,0)+IF('Standard Profiles'!$G$20=$B$24,21,0),0)),0)</f>
        <v>0</v>
      </c>
      <c r="G1322" cm="1">
        <f t="array" ref="G1322">IFERROR(INDEX(Jesper!AK$2:AK$366,ROUNDDOWN($C1322/24,0)+1,1)*INDEX($D$3:$AA$30,INDEX(Jesper!$R$2:$R$366,ROW(INDEX(Jesper!AK$2:AK$366,ROUNDDOWN($C1322/24,0)+1,1))-1)+IF('Standard Profiles'!$G$21=$B$10,7,0)+IF('Standard Profiles'!$G$21=$B$17,14,0)+IF('Standard Profiles'!$G$21=$B$24,21,0),MOD($C1322,24)+1)/SUM(INDEX($D$3:$AA$30,INDEX(Jesper!$R$2:$R$366,ROW(INDEX(Jesper!AK$2:AK$366,ROUNDDOWN($C1322/24,0)+1,1))-1)+IF('Standard Profiles'!$G$21=$B$10,7,0)+IF('Standard Profiles'!$G$21=$B$17,14,0)+IF('Standard Profiles'!$G$21=$B$24,21,0),0)),0)</f>
        <v>12.427223922751191</v>
      </c>
      <c r="H1322" cm="1">
        <f t="array" ref="H1322">IFERROR(INDEX(Jesper!AL$2:AL$366,ROUNDDOWN($C1322/24,0)+1,1)*INDEX($D$3:$AA$30,INDEX(Jesper!$R$2:$R$366,ROW(INDEX(Jesper!AL$2:AL$366,ROUNDDOWN($C1322/24,0)+1,1))-1)+IF('Standard Profiles'!$G$22=$B$10,7,0)+IF('Standard Profiles'!$G$22=$B$17,14,0)+IF('Standard Profiles'!$G$22=$B$24,21,0),MOD($C1322,24)+1)/SUM(INDEX($D$3:$AA$30,INDEX(Jesper!$R$2:$R$366,ROW(INDEX(Jesper!AL$2:AL$366,ROUNDDOWN($C1322/24,0)+1,1))-1)+IF('Standard Profiles'!$G$22=$B$10,7,0)+IF('Standard Profiles'!$G$22=$B$17,14,0)+IF('Standard Profiles'!$G$22=$B$24,21,0),0)),0)</f>
        <v>0</v>
      </c>
      <c r="I1322">
        <f t="shared" si="160"/>
        <v>5.9650674829205688</v>
      </c>
      <c r="J1322">
        <f t="shared" si="161"/>
        <v>42.193410753010575</v>
      </c>
      <c r="K1322">
        <f t="shared" si="162"/>
        <v>2.2156171716819562</v>
      </c>
      <c r="L1322">
        <f t="shared" si="163"/>
        <v>1.1078085858409781</v>
      </c>
      <c r="M1322">
        <f t="shared" si="164"/>
        <v>0</v>
      </c>
      <c r="N1322" s="45">
        <f t="shared" si="165"/>
        <v>44980.666666663543</v>
      </c>
    </row>
    <row r="1323" spans="2:14" x14ac:dyDescent="0.25">
      <c r="B1323">
        <f t="shared" si="159"/>
        <v>4</v>
      </c>
      <c r="C1323" s="16">
        <v>1289</v>
      </c>
      <c r="D1323" cm="1">
        <f t="array" ref="D1323">IFERROR(INDEX(Jesper!AH$2:AH$366,ROUNDDOWN($C1323/24,0)+1,1)*INDEX($D$3:$AA$30,INDEX(Jesper!$R$2:$R$366,ROW(INDEX(Jesper!AH$2:AH$366,ROUNDDOWN($C1323/24,0)+1,1))-1)+IF('Standard Profiles'!$G$18=$B$10,7,0)+IF('Standard Profiles'!$G$18=$B$17,14,0)+IF('Standard Profiles'!$G$18=$B$24,21,0),MOD($C1323,24)+1)/SUM(INDEX($D$3:$AA$30,INDEX(Jesper!$R$2:$R$366,ROW(INDEX(Jesper!AH$2:AH$366,ROUNDDOWN($C1323/24,0)+1,1))-1)+IF('Standard Profiles'!$G$18=$B$10,7,0)+IF('Standard Profiles'!$G$18=$B$17,14,0)+IF('Standard Profiles'!$G$18=$B$24,21,0),0)),0)</f>
        <v>8.8653055845148678</v>
      </c>
      <c r="E1323" cm="1">
        <f t="array" ref="E1323">IFERROR(INDEX(Jesper!AI$2:AI$366,ROUNDDOWN($C1323/24,0)+1,1)*INDEX($D$3:$AA$30,INDEX(Jesper!$R$2:$R$366,ROW(INDEX(Jesper!AI$2:AI$366,ROUNDDOWN($C1323/24,0)+1,1))-1)+IF('Standard Profiles'!$G$19=$B$10,7,0)+IF('Standard Profiles'!$G$19=$B$17,14,0)+IF('Standard Profiles'!$G$19=$B$24,21,0),MOD($C1323,24)+1)/SUM(INDEX($D$3:$AA$30,INDEX(Jesper!$R$2:$R$366,ROW(INDEX(Jesper!AI$2:AI$366,ROUNDDOWN($C1323/24,0)+1,1))-1)+IF('Standard Profiles'!$G$19=$B$10,7,0)+IF('Standard Profiles'!$G$19=$B$17,14,0)+IF('Standard Profiles'!$G$19=$B$24,21,0),0)),0)</f>
        <v>7.8033585515085582</v>
      </c>
      <c r="F1323" cm="1">
        <f t="array" ref="F1323">IFERROR(INDEX(Jesper!AJ$2:AJ$366,ROUNDDOWN($C1323/24,0)+1,1)*INDEX($D$3:$AA$30,INDEX(Jesper!$R$2:$R$366,ROW(INDEX(Jesper!AJ$2:AJ$366,ROUNDDOWN($C1323/24,0)+1,1))-1)+IF('Standard Profiles'!$G$20=$B$10,7,0)+IF('Standard Profiles'!$G$20=$B$17,14,0)+IF('Standard Profiles'!$G$20=$B$24,21,0),MOD($C1323,24)+1)/SUM(INDEX($D$3:$AA$30,INDEX(Jesper!$R$2:$R$366,ROW(INDEX(Jesper!AJ$2:AJ$366,ROUNDDOWN($C1323/24,0)+1,1))-1)+IF('Standard Profiles'!$G$20=$B$10,7,0)+IF('Standard Profiles'!$G$20=$B$17,14,0)+IF('Standard Profiles'!$G$20=$B$24,21,0),0)),0)</f>
        <v>0</v>
      </c>
      <c r="G1323" cm="1">
        <f t="array" ref="G1323">IFERROR(INDEX(Jesper!AK$2:AK$366,ROUNDDOWN($C1323/24,0)+1,1)*INDEX($D$3:$AA$30,INDEX(Jesper!$R$2:$R$366,ROW(INDEX(Jesper!AK$2:AK$366,ROUNDDOWN($C1323/24,0)+1,1))-1)+IF('Standard Profiles'!$G$21=$B$10,7,0)+IF('Standard Profiles'!$G$21=$B$17,14,0)+IF('Standard Profiles'!$G$21=$B$24,21,0),MOD($C1323,24)+1)/SUM(INDEX($D$3:$AA$30,INDEX(Jesper!$R$2:$R$366,ROW(INDEX(Jesper!AK$2:AK$366,ROUNDDOWN($C1323/24,0)+1,1))-1)+IF('Standard Profiles'!$G$21=$B$10,7,0)+IF('Standard Profiles'!$G$21=$B$17,14,0)+IF('Standard Profiles'!$G$21=$B$24,21,0),0)),0)</f>
        <v>9.8813372237645805</v>
      </c>
      <c r="H1323" cm="1">
        <f t="array" ref="H1323">IFERROR(INDEX(Jesper!AL$2:AL$366,ROUNDDOWN($C1323/24,0)+1,1)*INDEX($D$3:$AA$30,INDEX(Jesper!$R$2:$R$366,ROW(INDEX(Jesper!AL$2:AL$366,ROUNDDOWN($C1323/24,0)+1,1))-1)+IF('Standard Profiles'!$G$22=$B$10,7,0)+IF('Standard Profiles'!$G$22=$B$17,14,0)+IF('Standard Profiles'!$G$22=$B$24,21,0),MOD($C1323,24)+1)/SUM(INDEX($D$3:$AA$30,INDEX(Jesper!$R$2:$R$366,ROW(INDEX(Jesper!AL$2:AL$366,ROUNDDOWN($C1323/24,0)+1,1))-1)+IF('Standard Profiles'!$G$22=$B$10,7,0)+IF('Standard Profiles'!$G$22=$B$17,14,0)+IF('Standard Profiles'!$G$22=$B$24,21,0),0)),0)</f>
        <v>0</v>
      </c>
      <c r="I1323">
        <f t="shared" si="160"/>
        <v>4.7430418674069958</v>
      </c>
      <c r="J1323">
        <f t="shared" si="161"/>
        <v>20.38851059885863</v>
      </c>
      <c r="K1323">
        <f t="shared" si="162"/>
        <v>0.94563259568158597</v>
      </c>
      <c r="L1323">
        <f t="shared" si="163"/>
        <v>0.47281629784079299</v>
      </c>
      <c r="M1323">
        <f t="shared" si="164"/>
        <v>0</v>
      </c>
      <c r="N1323" s="45">
        <f t="shared" si="165"/>
        <v>44980.708333330207</v>
      </c>
    </row>
    <row r="1324" spans="2:14" x14ac:dyDescent="0.25">
      <c r="B1324">
        <f t="shared" si="159"/>
        <v>4</v>
      </c>
      <c r="C1324" s="16">
        <v>1290</v>
      </c>
      <c r="D1324" cm="1">
        <f t="array" ref="D1324">IFERROR(INDEX(Jesper!AH$2:AH$366,ROUNDDOWN($C1324/24,0)+1,1)*INDEX($D$3:$AA$30,INDEX(Jesper!$R$2:$R$366,ROW(INDEX(Jesper!AH$2:AH$366,ROUNDDOWN($C1324/24,0)+1,1))-1)+IF('Standard Profiles'!$G$18=$B$10,7,0)+IF('Standard Profiles'!$G$18=$B$17,14,0)+IF('Standard Profiles'!$G$18=$B$24,21,0),MOD($C1324,24)+1)/SUM(INDEX($D$3:$AA$30,INDEX(Jesper!$R$2:$R$366,ROW(INDEX(Jesper!AH$2:AH$366,ROUNDDOWN($C1324/24,0)+1,1))-1)+IF('Standard Profiles'!$G$18=$B$10,7,0)+IF('Standard Profiles'!$G$18=$B$17,14,0)+IF('Standard Profiles'!$G$18=$B$24,21,0),0)),0)</f>
        <v>5.8511016857798124</v>
      </c>
      <c r="E1324" cm="1">
        <f t="array" ref="E1324">IFERROR(INDEX(Jesper!AI$2:AI$366,ROUNDDOWN($C1324/24,0)+1,1)*INDEX($D$3:$AA$30,INDEX(Jesper!$R$2:$R$366,ROW(INDEX(Jesper!AI$2:AI$366,ROUNDDOWN($C1324/24,0)+1,1))-1)+IF('Standard Profiles'!$G$19=$B$10,7,0)+IF('Standard Profiles'!$G$19=$B$17,14,0)+IF('Standard Profiles'!$G$19=$B$24,21,0),MOD($C1324,24)+1)/SUM(INDEX($D$3:$AA$30,INDEX(Jesper!$R$2:$R$366,ROW(INDEX(Jesper!AI$2:AI$366,ROUNDDOWN($C1324/24,0)+1,1))-1)+IF('Standard Profiles'!$G$19=$B$10,7,0)+IF('Standard Profiles'!$G$19=$B$17,14,0)+IF('Standard Profiles'!$G$19=$B$24,21,0),0)),0)</f>
        <v>5.1502166439956474</v>
      </c>
      <c r="F1324" cm="1">
        <f t="array" ref="F1324">IFERROR(INDEX(Jesper!AJ$2:AJ$366,ROUNDDOWN($C1324/24,0)+1,1)*INDEX($D$3:$AA$30,INDEX(Jesper!$R$2:$R$366,ROW(INDEX(Jesper!AJ$2:AJ$366,ROUNDDOWN($C1324/24,0)+1,1))-1)+IF('Standard Profiles'!$G$20=$B$10,7,0)+IF('Standard Profiles'!$G$20=$B$17,14,0)+IF('Standard Profiles'!$G$20=$B$24,21,0),MOD($C1324,24)+1)/SUM(INDEX($D$3:$AA$30,INDEX(Jesper!$R$2:$R$366,ROW(INDEX(Jesper!AJ$2:AJ$366,ROUNDDOWN($C1324/24,0)+1,1))-1)+IF('Standard Profiles'!$G$20=$B$10,7,0)+IF('Standard Profiles'!$G$20=$B$17,14,0)+IF('Standard Profiles'!$G$20=$B$24,21,0),0)),0)</f>
        <v>0</v>
      </c>
      <c r="G1324" cm="1">
        <f t="array" ref="G1324">IFERROR(INDEX(Jesper!AK$2:AK$366,ROUNDDOWN($C1324/24,0)+1,1)*INDEX($D$3:$AA$30,INDEX(Jesper!$R$2:$R$366,ROW(INDEX(Jesper!AK$2:AK$366,ROUNDDOWN($C1324/24,0)+1,1))-1)+IF('Standard Profiles'!$G$21=$B$10,7,0)+IF('Standard Profiles'!$G$21=$B$17,14,0)+IF('Standard Profiles'!$G$21=$B$24,21,0),MOD($C1324,24)+1)/SUM(INDEX($D$3:$AA$30,INDEX(Jesper!$R$2:$R$366,ROW(INDEX(Jesper!AK$2:AK$366,ROUNDDOWN($C1324/24,0)+1,1))-1)+IF('Standard Profiles'!$G$21=$B$10,7,0)+IF('Standard Profiles'!$G$21=$B$17,14,0)+IF('Standard Profiles'!$G$21=$B$24,21,0),0)),0)</f>
        <v>3.6631463294771387</v>
      </c>
      <c r="H1324" cm="1">
        <f t="array" ref="H1324">IFERROR(INDEX(Jesper!AL$2:AL$366,ROUNDDOWN($C1324/24,0)+1,1)*INDEX($D$3:$AA$30,INDEX(Jesper!$R$2:$R$366,ROW(INDEX(Jesper!AL$2:AL$366,ROUNDDOWN($C1324/24,0)+1,1))-1)+IF('Standard Profiles'!$G$22=$B$10,7,0)+IF('Standard Profiles'!$G$22=$B$17,14,0)+IF('Standard Profiles'!$G$22=$B$24,21,0),MOD($C1324,24)+1)/SUM(INDEX($D$3:$AA$30,INDEX(Jesper!$R$2:$R$366,ROW(INDEX(Jesper!AL$2:AL$366,ROUNDDOWN($C1324/24,0)+1,1))-1)+IF('Standard Profiles'!$G$22=$B$10,7,0)+IF('Standard Profiles'!$G$22=$B$17,14,0)+IF('Standard Profiles'!$G$22=$B$24,21,0),0)),0)</f>
        <v>0</v>
      </c>
      <c r="I1324">
        <f t="shared" si="160"/>
        <v>1.7583102381490257</v>
      </c>
      <c r="J1324">
        <f t="shared" si="161"/>
        <v>11.969978151378802</v>
      </c>
      <c r="K1324">
        <f t="shared" si="162"/>
        <v>0.62411751314984665</v>
      </c>
      <c r="L1324">
        <f t="shared" si="163"/>
        <v>0.31205875657492332</v>
      </c>
      <c r="M1324">
        <f t="shared" si="164"/>
        <v>0</v>
      </c>
      <c r="N1324" s="45">
        <f t="shared" si="165"/>
        <v>44980.749999996871</v>
      </c>
    </row>
    <row r="1325" spans="2:14" x14ac:dyDescent="0.25">
      <c r="B1325">
        <f t="shared" si="159"/>
        <v>4</v>
      </c>
      <c r="C1325" s="16">
        <v>1291</v>
      </c>
      <c r="D1325" cm="1">
        <f t="array" ref="D1325">IFERROR(INDEX(Jesper!AH$2:AH$366,ROUNDDOWN($C1325/24,0)+1,1)*INDEX($D$3:$AA$30,INDEX(Jesper!$R$2:$R$366,ROW(INDEX(Jesper!AH$2:AH$366,ROUNDDOWN($C1325/24,0)+1,1))-1)+IF('Standard Profiles'!$G$18=$B$10,7,0)+IF('Standard Profiles'!$G$18=$B$17,14,0)+IF('Standard Profiles'!$G$18=$B$24,21,0),MOD($C1325,24)+1)/SUM(INDEX($D$3:$AA$30,INDEX(Jesper!$R$2:$R$366,ROW(INDEX(Jesper!AH$2:AH$366,ROUNDDOWN($C1325/24,0)+1,1))-1)+IF('Standard Profiles'!$G$18=$B$10,7,0)+IF('Standard Profiles'!$G$18=$B$17,14,0)+IF('Standard Profiles'!$G$18=$B$24,21,0),0)),0)</f>
        <v>5.8511016857798124</v>
      </c>
      <c r="E1325" cm="1">
        <f t="array" ref="E1325">IFERROR(INDEX(Jesper!AI$2:AI$366,ROUNDDOWN($C1325/24,0)+1,1)*INDEX($D$3:$AA$30,INDEX(Jesper!$R$2:$R$366,ROW(INDEX(Jesper!AI$2:AI$366,ROUNDDOWN($C1325/24,0)+1,1))-1)+IF('Standard Profiles'!$G$19=$B$10,7,0)+IF('Standard Profiles'!$G$19=$B$17,14,0)+IF('Standard Profiles'!$G$19=$B$24,21,0),MOD($C1325,24)+1)/SUM(INDEX($D$3:$AA$30,INDEX(Jesper!$R$2:$R$366,ROW(INDEX(Jesper!AI$2:AI$366,ROUNDDOWN($C1325/24,0)+1,1))-1)+IF('Standard Profiles'!$G$19=$B$10,7,0)+IF('Standard Profiles'!$G$19=$B$17,14,0)+IF('Standard Profiles'!$G$19=$B$24,21,0),0)),0)</f>
        <v>5.1502166439956474</v>
      </c>
      <c r="F1325" cm="1">
        <f t="array" ref="F1325">IFERROR(INDEX(Jesper!AJ$2:AJ$366,ROUNDDOWN($C1325/24,0)+1,1)*INDEX($D$3:$AA$30,INDEX(Jesper!$R$2:$R$366,ROW(INDEX(Jesper!AJ$2:AJ$366,ROUNDDOWN($C1325/24,0)+1,1))-1)+IF('Standard Profiles'!$G$20=$B$10,7,0)+IF('Standard Profiles'!$G$20=$B$17,14,0)+IF('Standard Profiles'!$G$20=$B$24,21,0),MOD($C1325,24)+1)/SUM(INDEX($D$3:$AA$30,INDEX(Jesper!$R$2:$R$366,ROW(INDEX(Jesper!AJ$2:AJ$366,ROUNDDOWN($C1325/24,0)+1,1))-1)+IF('Standard Profiles'!$G$20=$B$10,7,0)+IF('Standard Profiles'!$G$20=$B$17,14,0)+IF('Standard Profiles'!$G$20=$B$24,21,0),0)),0)</f>
        <v>0</v>
      </c>
      <c r="G1325" cm="1">
        <f t="array" ref="G1325">IFERROR(INDEX(Jesper!AK$2:AK$366,ROUNDDOWN($C1325/24,0)+1,1)*INDEX($D$3:$AA$30,INDEX(Jesper!$R$2:$R$366,ROW(INDEX(Jesper!AK$2:AK$366,ROUNDDOWN($C1325/24,0)+1,1))-1)+IF('Standard Profiles'!$G$21=$B$10,7,0)+IF('Standard Profiles'!$G$21=$B$17,14,0)+IF('Standard Profiles'!$G$21=$B$24,21,0),MOD($C1325,24)+1)/SUM(INDEX($D$3:$AA$30,INDEX(Jesper!$R$2:$R$366,ROW(INDEX(Jesper!AK$2:AK$366,ROUNDDOWN($C1325/24,0)+1,1))-1)+IF('Standard Profiles'!$G$21=$B$10,7,0)+IF('Standard Profiles'!$G$21=$B$17,14,0)+IF('Standard Profiles'!$G$21=$B$24,21,0),0)),0)</f>
        <v>3.6631463294771387</v>
      </c>
      <c r="H1325" cm="1">
        <f t="array" ref="H1325">IFERROR(INDEX(Jesper!AL$2:AL$366,ROUNDDOWN($C1325/24,0)+1,1)*INDEX($D$3:$AA$30,INDEX(Jesper!$R$2:$R$366,ROW(INDEX(Jesper!AL$2:AL$366,ROUNDDOWN($C1325/24,0)+1,1))-1)+IF('Standard Profiles'!$G$22=$B$10,7,0)+IF('Standard Profiles'!$G$22=$B$17,14,0)+IF('Standard Profiles'!$G$22=$B$24,21,0),MOD($C1325,24)+1)/SUM(INDEX($D$3:$AA$30,INDEX(Jesper!$R$2:$R$366,ROW(INDEX(Jesper!AL$2:AL$366,ROUNDDOWN($C1325/24,0)+1,1))-1)+IF('Standard Profiles'!$G$22=$B$10,7,0)+IF('Standard Profiles'!$G$22=$B$17,14,0)+IF('Standard Profiles'!$G$22=$B$24,21,0),0)),0)</f>
        <v>0</v>
      </c>
      <c r="I1325">
        <f t="shared" si="160"/>
        <v>1.7583102381490257</v>
      </c>
      <c r="J1325">
        <f t="shared" si="161"/>
        <v>11.969978151378802</v>
      </c>
      <c r="K1325">
        <f t="shared" si="162"/>
        <v>0.62411751314984665</v>
      </c>
      <c r="L1325">
        <f t="shared" si="163"/>
        <v>0.31205875657492332</v>
      </c>
      <c r="M1325">
        <f t="shared" si="164"/>
        <v>0</v>
      </c>
      <c r="N1325" s="45">
        <f t="shared" si="165"/>
        <v>44980.791666663536</v>
      </c>
    </row>
    <row r="1326" spans="2:14" x14ac:dyDescent="0.25">
      <c r="B1326">
        <f t="shared" si="159"/>
        <v>4</v>
      </c>
      <c r="C1326" s="16">
        <v>1292</v>
      </c>
      <c r="D1326" cm="1">
        <f t="array" ref="D1326">IFERROR(INDEX(Jesper!AH$2:AH$366,ROUNDDOWN($C1326/24,0)+1,1)*INDEX($D$3:$AA$30,INDEX(Jesper!$R$2:$R$366,ROW(INDEX(Jesper!AH$2:AH$366,ROUNDDOWN($C1326/24,0)+1,1))-1)+IF('Standard Profiles'!$G$18=$B$10,7,0)+IF('Standard Profiles'!$G$18=$B$17,14,0)+IF('Standard Profiles'!$G$18=$B$24,21,0),MOD($C1326,24)+1)/SUM(INDEX($D$3:$AA$30,INDEX(Jesper!$R$2:$R$366,ROW(INDEX(Jesper!AH$2:AH$366,ROUNDDOWN($C1326/24,0)+1,1))-1)+IF('Standard Profiles'!$G$18=$B$10,7,0)+IF('Standard Profiles'!$G$18=$B$17,14,0)+IF('Standard Profiles'!$G$18=$B$24,21,0),0)),0)</f>
        <v>5.8511016857798124</v>
      </c>
      <c r="E1326" cm="1">
        <f t="array" ref="E1326">IFERROR(INDEX(Jesper!AI$2:AI$366,ROUNDDOWN($C1326/24,0)+1,1)*INDEX($D$3:$AA$30,INDEX(Jesper!$R$2:$R$366,ROW(INDEX(Jesper!AI$2:AI$366,ROUNDDOWN($C1326/24,0)+1,1))-1)+IF('Standard Profiles'!$G$19=$B$10,7,0)+IF('Standard Profiles'!$G$19=$B$17,14,0)+IF('Standard Profiles'!$G$19=$B$24,21,0),MOD($C1326,24)+1)/SUM(INDEX($D$3:$AA$30,INDEX(Jesper!$R$2:$R$366,ROW(INDEX(Jesper!AI$2:AI$366,ROUNDDOWN($C1326/24,0)+1,1))-1)+IF('Standard Profiles'!$G$19=$B$10,7,0)+IF('Standard Profiles'!$G$19=$B$17,14,0)+IF('Standard Profiles'!$G$19=$B$24,21,0),0)),0)</f>
        <v>5.1502166439956474</v>
      </c>
      <c r="F1326" cm="1">
        <f t="array" ref="F1326">IFERROR(INDEX(Jesper!AJ$2:AJ$366,ROUNDDOWN($C1326/24,0)+1,1)*INDEX($D$3:$AA$30,INDEX(Jesper!$R$2:$R$366,ROW(INDEX(Jesper!AJ$2:AJ$366,ROUNDDOWN($C1326/24,0)+1,1))-1)+IF('Standard Profiles'!$G$20=$B$10,7,0)+IF('Standard Profiles'!$G$20=$B$17,14,0)+IF('Standard Profiles'!$G$20=$B$24,21,0),MOD($C1326,24)+1)/SUM(INDEX($D$3:$AA$30,INDEX(Jesper!$R$2:$R$366,ROW(INDEX(Jesper!AJ$2:AJ$366,ROUNDDOWN($C1326/24,0)+1,1))-1)+IF('Standard Profiles'!$G$20=$B$10,7,0)+IF('Standard Profiles'!$G$20=$B$17,14,0)+IF('Standard Profiles'!$G$20=$B$24,21,0),0)),0)</f>
        <v>0</v>
      </c>
      <c r="G1326" cm="1">
        <f t="array" ref="G1326">IFERROR(INDEX(Jesper!AK$2:AK$366,ROUNDDOWN($C1326/24,0)+1,1)*INDEX($D$3:$AA$30,INDEX(Jesper!$R$2:$R$366,ROW(INDEX(Jesper!AK$2:AK$366,ROUNDDOWN($C1326/24,0)+1,1))-1)+IF('Standard Profiles'!$G$21=$B$10,7,0)+IF('Standard Profiles'!$G$21=$B$17,14,0)+IF('Standard Profiles'!$G$21=$B$24,21,0),MOD($C1326,24)+1)/SUM(INDEX($D$3:$AA$30,INDEX(Jesper!$R$2:$R$366,ROW(INDEX(Jesper!AK$2:AK$366,ROUNDDOWN($C1326/24,0)+1,1))-1)+IF('Standard Profiles'!$G$21=$B$10,7,0)+IF('Standard Profiles'!$G$21=$B$17,14,0)+IF('Standard Profiles'!$G$21=$B$24,21,0),0)),0)</f>
        <v>3.6631463294771387</v>
      </c>
      <c r="H1326" cm="1">
        <f t="array" ref="H1326">IFERROR(INDEX(Jesper!AL$2:AL$366,ROUNDDOWN($C1326/24,0)+1,1)*INDEX($D$3:$AA$30,INDEX(Jesper!$R$2:$R$366,ROW(INDEX(Jesper!AL$2:AL$366,ROUNDDOWN($C1326/24,0)+1,1))-1)+IF('Standard Profiles'!$G$22=$B$10,7,0)+IF('Standard Profiles'!$G$22=$B$17,14,0)+IF('Standard Profiles'!$G$22=$B$24,21,0),MOD($C1326,24)+1)/SUM(INDEX($D$3:$AA$30,INDEX(Jesper!$R$2:$R$366,ROW(INDEX(Jesper!AL$2:AL$366,ROUNDDOWN($C1326/24,0)+1,1))-1)+IF('Standard Profiles'!$G$22=$B$10,7,0)+IF('Standard Profiles'!$G$22=$B$17,14,0)+IF('Standard Profiles'!$G$22=$B$24,21,0),0)),0)</f>
        <v>0</v>
      </c>
      <c r="I1326">
        <f t="shared" si="160"/>
        <v>1.7583102381490257</v>
      </c>
      <c r="J1326">
        <f t="shared" si="161"/>
        <v>11.969978151378802</v>
      </c>
      <c r="K1326">
        <f t="shared" si="162"/>
        <v>0.62411751314984665</v>
      </c>
      <c r="L1326">
        <f t="shared" si="163"/>
        <v>0.31205875657492332</v>
      </c>
      <c r="M1326">
        <f t="shared" si="164"/>
        <v>0</v>
      </c>
      <c r="N1326" s="45">
        <f t="shared" si="165"/>
        <v>44980.8333333302</v>
      </c>
    </row>
    <row r="1327" spans="2:14" x14ac:dyDescent="0.25">
      <c r="B1327">
        <f t="shared" si="159"/>
        <v>4</v>
      </c>
      <c r="C1327" s="16">
        <v>1293</v>
      </c>
      <c r="D1327" cm="1">
        <f t="array" ref="D1327">IFERROR(INDEX(Jesper!AH$2:AH$366,ROUNDDOWN($C1327/24,0)+1,1)*INDEX($D$3:$AA$30,INDEX(Jesper!$R$2:$R$366,ROW(INDEX(Jesper!AH$2:AH$366,ROUNDDOWN($C1327/24,0)+1,1))-1)+IF('Standard Profiles'!$G$18=$B$10,7,0)+IF('Standard Profiles'!$G$18=$B$17,14,0)+IF('Standard Profiles'!$G$18=$B$24,21,0),MOD($C1327,24)+1)/SUM(INDEX($D$3:$AA$30,INDEX(Jesper!$R$2:$R$366,ROW(INDEX(Jesper!AH$2:AH$366,ROUNDDOWN($C1327/24,0)+1,1))-1)+IF('Standard Profiles'!$G$18=$B$10,7,0)+IF('Standard Profiles'!$G$18=$B$17,14,0)+IF('Standard Profiles'!$G$18=$B$24,21,0),0)),0)</f>
        <v>5.8511016857798124</v>
      </c>
      <c r="E1327" cm="1">
        <f t="array" ref="E1327">IFERROR(INDEX(Jesper!AI$2:AI$366,ROUNDDOWN($C1327/24,0)+1,1)*INDEX($D$3:$AA$30,INDEX(Jesper!$R$2:$R$366,ROW(INDEX(Jesper!AI$2:AI$366,ROUNDDOWN($C1327/24,0)+1,1))-1)+IF('Standard Profiles'!$G$19=$B$10,7,0)+IF('Standard Profiles'!$G$19=$B$17,14,0)+IF('Standard Profiles'!$G$19=$B$24,21,0),MOD($C1327,24)+1)/SUM(INDEX($D$3:$AA$30,INDEX(Jesper!$R$2:$R$366,ROW(INDEX(Jesper!AI$2:AI$366,ROUNDDOWN($C1327/24,0)+1,1))-1)+IF('Standard Profiles'!$G$19=$B$10,7,0)+IF('Standard Profiles'!$G$19=$B$17,14,0)+IF('Standard Profiles'!$G$19=$B$24,21,0),0)),0)</f>
        <v>5.1502166439956474</v>
      </c>
      <c r="F1327" cm="1">
        <f t="array" ref="F1327">IFERROR(INDEX(Jesper!AJ$2:AJ$366,ROUNDDOWN($C1327/24,0)+1,1)*INDEX($D$3:$AA$30,INDEX(Jesper!$R$2:$R$366,ROW(INDEX(Jesper!AJ$2:AJ$366,ROUNDDOWN($C1327/24,0)+1,1))-1)+IF('Standard Profiles'!$G$20=$B$10,7,0)+IF('Standard Profiles'!$G$20=$B$17,14,0)+IF('Standard Profiles'!$G$20=$B$24,21,0),MOD($C1327,24)+1)/SUM(INDEX($D$3:$AA$30,INDEX(Jesper!$R$2:$R$366,ROW(INDEX(Jesper!AJ$2:AJ$366,ROUNDDOWN($C1327/24,0)+1,1))-1)+IF('Standard Profiles'!$G$20=$B$10,7,0)+IF('Standard Profiles'!$G$20=$B$17,14,0)+IF('Standard Profiles'!$G$20=$B$24,21,0),0)),0)</f>
        <v>0</v>
      </c>
      <c r="G1327" cm="1">
        <f t="array" ref="G1327">IFERROR(INDEX(Jesper!AK$2:AK$366,ROUNDDOWN($C1327/24,0)+1,1)*INDEX($D$3:$AA$30,INDEX(Jesper!$R$2:$R$366,ROW(INDEX(Jesper!AK$2:AK$366,ROUNDDOWN($C1327/24,0)+1,1))-1)+IF('Standard Profiles'!$G$21=$B$10,7,0)+IF('Standard Profiles'!$G$21=$B$17,14,0)+IF('Standard Profiles'!$G$21=$B$24,21,0),MOD($C1327,24)+1)/SUM(INDEX($D$3:$AA$30,INDEX(Jesper!$R$2:$R$366,ROW(INDEX(Jesper!AK$2:AK$366,ROUNDDOWN($C1327/24,0)+1,1))-1)+IF('Standard Profiles'!$G$21=$B$10,7,0)+IF('Standard Profiles'!$G$21=$B$17,14,0)+IF('Standard Profiles'!$G$21=$B$24,21,0),0)),0)</f>
        <v>3.6631463294771387</v>
      </c>
      <c r="H1327" cm="1">
        <f t="array" ref="H1327">IFERROR(INDEX(Jesper!AL$2:AL$366,ROUNDDOWN($C1327/24,0)+1,1)*INDEX($D$3:$AA$30,INDEX(Jesper!$R$2:$R$366,ROW(INDEX(Jesper!AL$2:AL$366,ROUNDDOWN($C1327/24,0)+1,1))-1)+IF('Standard Profiles'!$G$22=$B$10,7,0)+IF('Standard Profiles'!$G$22=$B$17,14,0)+IF('Standard Profiles'!$G$22=$B$24,21,0),MOD($C1327,24)+1)/SUM(INDEX($D$3:$AA$30,INDEX(Jesper!$R$2:$R$366,ROW(INDEX(Jesper!AL$2:AL$366,ROUNDDOWN($C1327/24,0)+1,1))-1)+IF('Standard Profiles'!$G$22=$B$10,7,0)+IF('Standard Profiles'!$G$22=$B$17,14,0)+IF('Standard Profiles'!$G$22=$B$24,21,0),0)),0)</f>
        <v>0</v>
      </c>
      <c r="I1327">
        <f t="shared" si="160"/>
        <v>1.7583102381490257</v>
      </c>
      <c r="J1327">
        <f t="shared" si="161"/>
        <v>11.969978151378802</v>
      </c>
      <c r="K1327">
        <f t="shared" si="162"/>
        <v>0.62411751314984665</v>
      </c>
      <c r="L1327">
        <f t="shared" si="163"/>
        <v>0.31205875657492332</v>
      </c>
      <c r="M1327">
        <f t="shared" si="164"/>
        <v>0</v>
      </c>
      <c r="N1327" s="45">
        <f t="shared" si="165"/>
        <v>44980.874999996864</v>
      </c>
    </row>
    <row r="1328" spans="2:14" x14ac:dyDescent="0.25">
      <c r="B1328">
        <f t="shared" si="159"/>
        <v>4</v>
      </c>
      <c r="C1328" s="16">
        <v>1294</v>
      </c>
      <c r="D1328" cm="1">
        <f t="array" ref="D1328">IFERROR(INDEX(Jesper!AH$2:AH$366,ROUNDDOWN($C1328/24,0)+1,1)*INDEX($D$3:$AA$30,INDEX(Jesper!$R$2:$R$366,ROW(INDEX(Jesper!AH$2:AH$366,ROUNDDOWN($C1328/24,0)+1,1))-1)+IF('Standard Profiles'!$G$18=$B$10,7,0)+IF('Standard Profiles'!$G$18=$B$17,14,0)+IF('Standard Profiles'!$G$18=$B$24,21,0),MOD($C1328,24)+1)/SUM(INDEX($D$3:$AA$30,INDEX(Jesper!$R$2:$R$366,ROW(INDEX(Jesper!AH$2:AH$366,ROUNDDOWN($C1328/24,0)+1,1))-1)+IF('Standard Profiles'!$G$18=$B$10,7,0)+IF('Standard Profiles'!$G$18=$B$17,14,0)+IF('Standard Profiles'!$G$18=$B$24,21,0),0)),0)</f>
        <v>5.8511016857798124</v>
      </c>
      <c r="E1328" cm="1">
        <f t="array" ref="E1328">IFERROR(INDEX(Jesper!AI$2:AI$366,ROUNDDOWN($C1328/24,0)+1,1)*INDEX($D$3:$AA$30,INDEX(Jesper!$R$2:$R$366,ROW(INDEX(Jesper!AI$2:AI$366,ROUNDDOWN($C1328/24,0)+1,1))-1)+IF('Standard Profiles'!$G$19=$B$10,7,0)+IF('Standard Profiles'!$G$19=$B$17,14,0)+IF('Standard Profiles'!$G$19=$B$24,21,0),MOD($C1328,24)+1)/SUM(INDEX($D$3:$AA$30,INDEX(Jesper!$R$2:$R$366,ROW(INDEX(Jesper!AI$2:AI$366,ROUNDDOWN($C1328/24,0)+1,1))-1)+IF('Standard Profiles'!$G$19=$B$10,7,0)+IF('Standard Profiles'!$G$19=$B$17,14,0)+IF('Standard Profiles'!$G$19=$B$24,21,0),0)),0)</f>
        <v>5.1502166439956474</v>
      </c>
      <c r="F1328" cm="1">
        <f t="array" ref="F1328">IFERROR(INDEX(Jesper!AJ$2:AJ$366,ROUNDDOWN($C1328/24,0)+1,1)*INDEX($D$3:$AA$30,INDEX(Jesper!$R$2:$R$366,ROW(INDEX(Jesper!AJ$2:AJ$366,ROUNDDOWN($C1328/24,0)+1,1))-1)+IF('Standard Profiles'!$G$20=$B$10,7,0)+IF('Standard Profiles'!$G$20=$B$17,14,0)+IF('Standard Profiles'!$G$20=$B$24,21,0),MOD($C1328,24)+1)/SUM(INDEX($D$3:$AA$30,INDEX(Jesper!$R$2:$R$366,ROW(INDEX(Jesper!AJ$2:AJ$366,ROUNDDOWN($C1328/24,0)+1,1))-1)+IF('Standard Profiles'!$G$20=$B$10,7,0)+IF('Standard Profiles'!$G$20=$B$17,14,0)+IF('Standard Profiles'!$G$20=$B$24,21,0),0)),0)</f>
        <v>0</v>
      </c>
      <c r="G1328" cm="1">
        <f t="array" ref="G1328">IFERROR(INDEX(Jesper!AK$2:AK$366,ROUNDDOWN($C1328/24,0)+1,1)*INDEX($D$3:$AA$30,INDEX(Jesper!$R$2:$R$366,ROW(INDEX(Jesper!AK$2:AK$366,ROUNDDOWN($C1328/24,0)+1,1))-1)+IF('Standard Profiles'!$G$21=$B$10,7,0)+IF('Standard Profiles'!$G$21=$B$17,14,0)+IF('Standard Profiles'!$G$21=$B$24,21,0),MOD($C1328,24)+1)/SUM(INDEX($D$3:$AA$30,INDEX(Jesper!$R$2:$R$366,ROW(INDEX(Jesper!AK$2:AK$366,ROUNDDOWN($C1328/24,0)+1,1))-1)+IF('Standard Profiles'!$G$21=$B$10,7,0)+IF('Standard Profiles'!$G$21=$B$17,14,0)+IF('Standard Profiles'!$G$21=$B$24,21,0),0)),0)</f>
        <v>3.6631463294771387</v>
      </c>
      <c r="H1328" cm="1">
        <f t="array" ref="H1328">IFERROR(INDEX(Jesper!AL$2:AL$366,ROUNDDOWN($C1328/24,0)+1,1)*INDEX($D$3:$AA$30,INDEX(Jesper!$R$2:$R$366,ROW(INDEX(Jesper!AL$2:AL$366,ROUNDDOWN($C1328/24,0)+1,1))-1)+IF('Standard Profiles'!$G$22=$B$10,7,0)+IF('Standard Profiles'!$G$22=$B$17,14,0)+IF('Standard Profiles'!$G$22=$B$24,21,0),MOD($C1328,24)+1)/SUM(INDEX($D$3:$AA$30,INDEX(Jesper!$R$2:$R$366,ROW(INDEX(Jesper!AL$2:AL$366,ROUNDDOWN($C1328/24,0)+1,1))-1)+IF('Standard Profiles'!$G$22=$B$10,7,0)+IF('Standard Profiles'!$G$22=$B$17,14,0)+IF('Standard Profiles'!$G$22=$B$24,21,0),0)),0)</f>
        <v>0</v>
      </c>
      <c r="I1328">
        <f t="shared" si="160"/>
        <v>1.7583102381490257</v>
      </c>
      <c r="J1328">
        <f t="shared" si="161"/>
        <v>11.969978151378802</v>
      </c>
      <c r="K1328">
        <f t="shared" si="162"/>
        <v>0.62411751314984665</v>
      </c>
      <c r="L1328">
        <f t="shared" si="163"/>
        <v>0.31205875657492332</v>
      </c>
      <c r="M1328">
        <f t="shared" si="164"/>
        <v>0</v>
      </c>
      <c r="N1328" s="45">
        <f t="shared" si="165"/>
        <v>44980.916666663528</v>
      </c>
    </row>
    <row r="1329" spans="2:14" x14ac:dyDescent="0.25">
      <c r="B1329">
        <f t="shared" si="159"/>
        <v>4</v>
      </c>
      <c r="C1329" s="16">
        <v>1295</v>
      </c>
      <c r="D1329" cm="1">
        <f t="array" ref="D1329">IFERROR(INDEX(Jesper!AH$2:AH$366,ROUNDDOWN($C1329/24,0)+1,1)*INDEX($D$3:$AA$30,INDEX(Jesper!$R$2:$R$366,ROW(INDEX(Jesper!AH$2:AH$366,ROUNDDOWN($C1329/24,0)+1,1))-1)+IF('Standard Profiles'!$G$18=$B$10,7,0)+IF('Standard Profiles'!$G$18=$B$17,14,0)+IF('Standard Profiles'!$G$18=$B$24,21,0),MOD($C1329,24)+1)/SUM(INDEX($D$3:$AA$30,INDEX(Jesper!$R$2:$R$366,ROW(INDEX(Jesper!AH$2:AH$366,ROUNDDOWN($C1329/24,0)+1,1))-1)+IF('Standard Profiles'!$G$18=$B$10,7,0)+IF('Standard Profiles'!$G$18=$B$17,14,0)+IF('Standard Profiles'!$G$18=$B$24,21,0),0)),0)</f>
        <v>5.8511016857798124</v>
      </c>
      <c r="E1329" cm="1">
        <f t="array" ref="E1329">IFERROR(INDEX(Jesper!AI$2:AI$366,ROUNDDOWN($C1329/24,0)+1,1)*INDEX($D$3:$AA$30,INDEX(Jesper!$R$2:$R$366,ROW(INDEX(Jesper!AI$2:AI$366,ROUNDDOWN($C1329/24,0)+1,1))-1)+IF('Standard Profiles'!$G$19=$B$10,7,0)+IF('Standard Profiles'!$G$19=$B$17,14,0)+IF('Standard Profiles'!$G$19=$B$24,21,0),MOD($C1329,24)+1)/SUM(INDEX($D$3:$AA$30,INDEX(Jesper!$R$2:$R$366,ROW(INDEX(Jesper!AI$2:AI$366,ROUNDDOWN($C1329/24,0)+1,1))-1)+IF('Standard Profiles'!$G$19=$B$10,7,0)+IF('Standard Profiles'!$G$19=$B$17,14,0)+IF('Standard Profiles'!$G$19=$B$24,21,0),0)),0)</f>
        <v>5.1502166439956474</v>
      </c>
      <c r="F1329" cm="1">
        <f t="array" ref="F1329">IFERROR(INDEX(Jesper!AJ$2:AJ$366,ROUNDDOWN($C1329/24,0)+1,1)*INDEX($D$3:$AA$30,INDEX(Jesper!$R$2:$R$366,ROW(INDEX(Jesper!AJ$2:AJ$366,ROUNDDOWN($C1329/24,0)+1,1))-1)+IF('Standard Profiles'!$G$20=$B$10,7,0)+IF('Standard Profiles'!$G$20=$B$17,14,0)+IF('Standard Profiles'!$G$20=$B$24,21,0),MOD($C1329,24)+1)/SUM(INDEX($D$3:$AA$30,INDEX(Jesper!$R$2:$R$366,ROW(INDEX(Jesper!AJ$2:AJ$366,ROUNDDOWN($C1329/24,0)+1,1))-1)+IF('Standard Profiles'!$G$20=$B$10,7,0)+IF('Standard Profiles'!$G$20=$B$17,14,0)+IF('Standard Profiles'!$G$20=$B$24,21,0),0)),0)</f>
        <v>0</v>
      </c>
      <c r="G1329" cm="1">
        <f t="array" ref="G1329">IFERROR(INDEX(Jesper!AK$2:AK$366,ROUNDDOWN($C1329/24,0)+1,1)*INDEX($D$3:$AA$30,INDEX(Jesper!$R$2:$R$366,ROW(INDEX(Jesper!AK$2:AK$366,ROUNDDOWN($C1329/24,0)+1,1))-1)+IF('Standard Profiles'!$G$21=$B$10,7,0)+IF('Standard Profiles'!$G$21=$B$17,14,0)+IF('Standard Profiles'!$G$21=$B$24,21,0),MOD($C1329,24)+1)/SUM(INDEX($D$3:$AA$30,INDEX(Jesper!$R$2:$R$366,ROW(INDEX(Jesper!AK$2:AK$366,ROUNDDOWN($C1329/24,0)+1,1))-1)+IF('Standard Profiles'!$G$21=$B$10,7,0)+IF('Standard Profiles'!$G$21=$B$17,14,0)+IF('Standard Profiles'!$G$21=$B$24,21,0),0)),0)</f>
        <v>3.6631463294771387</v>
      </c>
      <c r="H1329" cm="1">
        <f t="array" ref="H1329">IFERROR(INDEX(Jesper!AL$2:AL$366,ROUNDDOWN($C1329/24,0)+1,1)*INDEX($D$3:$AA$30,INDEX(Jesper!$R$2:$R$366,ROW(INDEX(Jesper!AL$2:AL$366,ROUNDDOWN($C1329/24,0)+1,1))-1)+IF('Standard Profiles'!$G$22=$B$10,7,0)+IF('Standard Profiles'!$G$22=$B$17,14,0)+IF('Standard Profiles'!$G$22=$B$24,21,0),MOD($C1329,24)+1)/SUM(INDEX($D$3:$AA$30,INDEX(Jesper!$R$2:$R$366,ROW(INDEX(Jesper!AL$2:AL$366,ROUNDDOWN($C1329/24,0)+1,1))-1)+IF('Standard Profiles'!$G$22=$B$10,7,0)+IF('Standard Profiles'!$G$22=$B$17,14,0)+IF('Standard Profiles'!$G$22=$B$24,21,0),0)),0)</f>
        <v>0</v>
      </c>
      <c r="I1329">
        <f t="shared" si="160"/>
        <v>1.7583102381490257</v>
      </c>
      <c r="J1329">
        <f t="shared" si="161"/>
        <v>11.969978151378802</v>
      </c>
      <c r="K1329">
        <f t="shared" si="162"/>
        <v>0.62411751314984665</v>
      </c>
      <c r="L1329">
        <f t="shared" si="163"/>
        <v>0.31205875657492332</v>
      </c>
      <c r="M1329">
        <f t="shared" si="164"/>
        <v>0</v>
      </c>
      <c r="N1329" s="45">
        <f t="shared" si="165"/>
        <v>44980.958333330193</v>
      </c>
    </row>
    <row r="1330" spans="2:14" x14ac:dyDescent="0.25">
      <c r="B1330">
        <f t="shared" si="159"/>
        <v>5</v>
      </c>
      <c r="C1330" s="16">
        <v>1296</v>
      </c>
      <c r="D1330" cm="1">
        <f t="array" ref="D1330">IFERROR(INDEX(Jesper!AH$2:AH$366,ROUNDDOWN($C1330/24,0)+1,1)*INDEX($D$3:$AA$30,INDEX(Jesper!$R$2:$R$366,ROW(INDEX(Jesper!AH$2:AH$366,ROUNDDOWN($C1330/24,0)+1,1))-1)+IF('Standard Profiles'!$G$18=$B$10,7,0)+IF('Standard Profiles'!$G$18=$B$17,14,0)+IF('Standard Profiles'!$G$18=$B$24,21,0),MOD($C1330,24)+1)/SUM(INDEX($D$3:$AA$30,INDEX(Jesper!$R$2:$R$366,ROW(INDEX(Jesper!AH$2:AH$366,ROUNDDOWN($C1330/24,0)+1,1))-1)+IF('Standard Profiles'!$G$18=$B$10,7,0)+IF('Standard Profiles'!$G$18=$B$17,14,0)+IF('Standard Profiles'!$G$18=$B$24,21,0),0)),0)</f>
        <v>8.7770960689621287</v>
      </c>
      <c r="E1330" cm="1">
        <f t="array" ref="E1330">IFERROR(INDEX(Jesper!AI$2:AI$366,ROUNDDOWN($C1330/24,0)+1,1)*INDEX($D$3:$AA$30,INDEX(Jesper!$R$2:$R$366,ROW(INDEX(Jesper!AI$2:AI$366,ROUNDDOWN($C1330/24,0)+1,1))-1)+IF('Standard Profiles'!$G$19=$B$10,7,0)+IF('Standard Profiles'!$G$19=$B$17,14,0)+IF('Standard Profiles'!$G$19=$B$24,21,0),MOD($C1330,24)+1)/SUM(INDEX($D$3:$AA$30,INDEX(Jesper!$R$2:$R$366,ROW(INDEX(Jesper!AI$2:AI$366,ROUNDDOWN($C1330/24,0)+1,1))-1)+IF('Standard Profiles'!$G$19=$B$10,7,0)+IF('Standard Profiles'!$G$19=$B$17,14,0)+IF('Standard Profiles'!$G$19=$B$24,21,0),0)),0)</f>
        <v>6.4904737444521112</v>
      </c>
      <c r="F1330" cm="1">
        <f t="array" ref="F1330">IFERROR(INDEX(Jesper!AJ$2:AJ$366,ROUNDDOWN($C1330/24,0)+1,1)*INDEX($D$3:$AA$30,INDEX(Jesper!$R$2:$R$366,ROW(INDEX(Jesper!AJ$2:AJ$366,ROUNDDOWN($C1330/24,0)+1,1))-1)+IF('Standard Profiles'!$G$20=$B$10,7,0)+IF('Standard Profiles'!$G$20=$B$17,14,0)+IF('Standard Profiles'!$G$20=$B$24,21,0),MOD($C1330,24)+1)/SUM(INDEX($D$3:$AA$30,INDEX(Jesper!$R$2:$R$366,ROW(INDEX(Jesper!AJ$2:AJ$366,ROUNDDOWN($C1330/24,0)+1,1))-1)+IF('Standard Profiles'!$G$20=$B$10,7,0)+IF('Standard Profiles'!$G$20=$B$17,14,0)+IF('Standard Profiles'!$G$20=$B$24,21,0),0)),0)</f>
        <v>0</v>
      </c>
      <c r="G1330" cm="1">
        <f t="array" ref="G1330">IFERROR(INDEX(Jesper!AK$2:AK$366,ROUNDDOWN($C1330/24,0)+1,1)*INDEX($D$3:$AA$30,INDEX(Jesper!$R$2:$R$366,ROW(INDEX(Jesper!AK$2:AK$366,ROUNDDOWN($C1330/24,0)+1,1))-1)+IF('Standard Profiles'!$G$21=$B$10,7,0)+IF('Standard Profiles'!$G$21=$B$17,14,0)+IF('Standard Profiles'!$G$21=$B$24,21,0),MOD($C1330,24)+1)/SUM(INDEX($D$3:$AA$30,INDEX(Jesper!$R$2:$R$366,ROW(INDEX(Jesper!AK$2:AK$366,ROUNDDOWN($C1330/24,0)+1,1))-1)+IF('Standard Profiles'!$G$21=$B$10,7,0)+IF('Standard Profiles'!$G$21=$B$17,14,0)+IF('Standard Profiles'!$G$21=$B$24,21,0),0)),0)</f>
        <v>1.2773588456253879</v>
      </c>
      <c r="H1330" cm="1">
        <f t="array" ref="H1330">IFERROR(INDEX(Jesper!AL$2:AL$366,ROUNDDOWN($C1330/24,0)+1,1)*INDEX($D$3:$AA$30,INDEX(Jesper!$R$2:$R$366,ROW(INDEX(Jesper!AL$2:AL$366,ROUNDDOWN($C1330/24,0)+1,1))-1)+IF('Standard Profiles'!$G$22=$B$10,7,0)+IF('Standard Profiles'!$G$22=$B$17,14,0)+IF('Standard Profiles'!$G$22=$B$24,21,0),MOD($C1330,24)+1)/SUM(INDEX($D$3:$AA$30,INDEX(Jesper!$R$2:$R$366,ROW(INDEX(Jesper!AL$2:AL$366,ROUNDDOWN($C1330/24,0)+1,1))-1)+IF('Standard Profiles'!$G$22=$B$10,7,0)+IF('Standard Profiles'!$G$22=$B$17,14,0)+IF('Standard Profiles'!$G$22=$B$24,21,0),0)),0)</f>
        <v>0</v>
      </c>
      <c r="I1330">
        <f t="shared" si="160"/>
        <v>0.61313224590018589</v>
      </c>
      <c r="J1330">
        <f t="shared" si="161"/>
        <v>14.527461042105502</v>
      </c>
      <c r="K1330">
        <f t="shared" si="162"/>
        <v>0.93622358068929379</v>
      </c>
      <c r="L1330">
        <f t="shared" si="163"/>
        <v>0.46811179034464689</v>
      </c>
      <c r="M1330">
        <f t="shared" si="164"/>
        <v>0</v>
      </c>
      <c r="N1330" s="45">
        <f t="shared" si="165"/>
        <v>44980.999999996857</v>
      </c>
    </row>
    <row r="1331" spans="2:14" x14ac:dyDescent="0.25">
      <c r="B1331">
        <f t="shared" si="159"/>
        <v>5</v>
      </c>
      <c r="C1331" s="16">
        <v>1297</v>
      </c>
      <c r="D1331" cm="1">
        <f t="array" ref="D1331">IFERROR(INDEX(Jesper!AH$2:AH$366,ROUNDDOWN($C1331/24,0)+1,1)*INDEX($D$3:$AA$30,INDEX(Jesper!$R$2:$R$366,ROW(INDEX(Jesper!AH$2:AH$366,ROUNDDOWN($C1331/24,0)+1,1))-1)+IF('Standard Profiles'!$G$18=$B$10,7,0)+IF('Standard Profiles'!$G$18=$B$17,14,0)+IF('Standard Profiles'!$G$18=$B$24,21,0),MOD($C1331,24)+1)/SUM(INDEX($D$3:$AA$30,INDEX(Jesper!$R$2:$R$366,ROW(INDEX(Jesper!AH$2:AH$366,ROUNDDOWN($C1331/24,0)+1,1))-1)+IF('Standard Profiles'!$G$18=$B$10,7,0)+IF('Standard Profiles'!$G$18=$B$17,14,0)+IF('Standard Profiles'!$G$18=$B$24,21,0),0)),0)</f>
        <v>5.3194521630073508</v>
      </c>
      <c r="E1331" cm="1">
        <f t="array" ref="E1331">IFERROR(INDEX(Jesper!AI$2:AI$366,ROUNDDOWN($C1331/24,0)+1,1)*INDEX($D$3:$AA$30,INDEX(Jesper!$R$2:$R$366,ROW(INDEX(Jesper!AI$2:AI$366,ROUNDDOWN($C1331/24,0)+1,1))-1)+IF('Standard Profiles'!$G$19=$B$10,7,0)+IF('Standard Profiles'!$G$19=$B$17,14,0)+IF('Standard Profiles'!$G$19=$B$24,21,0),MOD($C1331,24)+1)/SUM(INDEX($D$3:$AA$30,INDEX(Jesper!$R$2:$R$366,ROW(INDEX(Jesper!AI$2:AI$366,ROUNDDOWN($C1331/24,0)+1,1))-1)+IF('Standard Profiles'!$G$19=$B$10,7,0)+IF('Standard Profiles'!$G$19=$B$17,14,0)+IF('Standard Profiles'!$G$19=$B$24,21,0),0)),0)</f>
        <v>3.9336204511830974</v>
      </c>
      <c r="F1331" cm="1">
        <f t="array" ref="F1331">IFERROR(INDEX(Jesper!AJ$2:AJ$366,ROUNDDOWN($C1331/24,0)+1,1)*INDEX($D$3:$AA$30,INDEX(Jesper!$R$2:$R$366,ROW(INDEX(Jesper!AJ$2:AJ$366,ROUNDDOWN($C1331/24,0)+1,1))-1)+IF('Standard Profiles'!$G$20=$B$10,7,0)+IF('Standard Profiles'!$G$20=$B$17,14,0)+IF('Standard Profiles'!$G$20=$B$24,21,0),MOD($C1331,24)+1)/SUM(INDEX($D$3:$AA$30,INDEX(Jesper!$R$2:$R$366,ROW(INDEX(Jesper!AJ$2:AJ$366,ROUNDDOWN($C1331/24,0)+1,1))-1)+IF('Standard Profiles'!$G$20=$B$10,7,0)+IF('Standard Profiles'!$G$20=$B$17,14,0)+IF('Standard Profiles'!$G$20=$B$24,21,0),0)),0)</f>
        <v>0</v>
      </c>
      <c r="G1331" cm="1">
        <f t="array" ref="G1331">IFERROR(INDEX(Jesper!AK$2:AK$366,ROUNDDOWN($C1331/24,0)+1,1)*INDEX($D$3:$AA$30,INDEX(Jesper!$R$2:$R$366,ROW(INDEX(Jesper!AK$2:AK$366,ROUNDDOWN($C1331/24,0)+1,1))-1)+IF('Standard Profiles'!$G$21=$B$10,7,0)+IF('Standard Profiles'!$G$21=$B$17,14,0)+IF('Standard Profiles'!$G$21=$B$24,21,0),MOD($C1331,24)+1)/SUM(INDEX($D$3:$AA$30,INDEX(Jesper!$R$2:$R$366,ROW(INDEX(Jesper!AK$2:AK$366,ROUNDDOWN($C1331/24,0)+1,1))-1)+IF('Standard Profiles'!$G$21=$B$10,7,0)+IF('Standard Profiles'!$G$21=$B$17,14,0)+IF('Standard Profiles'!$G$21=$B$24,21,0),0)),0)</f>
        <v>1.2773588456253879</v>
      </c>
      <c r="H1331" cm="1">
        <f t="array" ref="H1331">IFERROR(INDEX(Jesper!AL$2:AL$366,ROUNDDOWN($C1331/24,0)+1,1)*INDEX($D$3:$AA$30,INDEX(Jesper!$R$2:$R$366,ROW(INDEX(Jesper!AL$2:AL$366,ROUNDDOWN($C1331/24,0)+1,1))-1)+IF('Standard Profiles'!$G$22=$B$10,7,0)+IF('Standard Profiles'!$G$22=$B$17,14,0)+IF('Standard Profiles'!$G$22=$B$24,21,0),MOD($C1331,24)+1)/SUM(INDEX($D$3:$AA$30,INDEX(Jesper!$R$2:$R$366,ROW(INDEX(Jesper!AL$2:AL$366,ROUNDDOWN($C1331/24,0)+1,1))-1)+IF('Standard Profiles'!$G$22=$B$10,7,0)+IF('Standard Profiles'!$G$22=$B$17,14,0)+IF('Standard Profiles'!$G$22=$B$24,21,0),0)),0)</f>
        <v>0</v>
      </c>
      <c r="I1331">
        <f t="shared" si="160"/>
        <v>0.61313224590018589</v>
      </c>
      <c r="J1331">
        <f t="shared" si="161"/>
        <v>9.0661868678344728</v>
      </c>
      <c r="K1331">
        <f t="shared" si="162"/>
        <v>0.56740823072078417</v>
      </c>
      <c r="L1331">
        <f t="shared" si="163"/>
        <v>0.28370411536039208</v>
      </c>
      <c r="M1331">
        <f t="shared" si="164"/>
        <v>0</v>
      </c>
      <c r="N1331" s="45">
        <f t="shared" si="165"/>
        <v>44981.041666663521</v>
      </c>
    </row>
    <row r="1332" spans="2:14" x14ac:dyDescent="0.25">
      <c r="B1332">
        <f t="shared" si="159"/>
        <v>5</v>
      </c>
      <c r="C1332" s="16">
        <v>1298</v>
      </c>
      <c r="D1332" cm="1">
        <f t="array" ref="D1332">IFERROR(INDEX(Jesper!AH$2:AH$366,ROUNDDOWN($C1332/24,0)+1,1)*INDEX($D$3:$AA$30,INDEX(Jesper!$R$2:$R$366,ROW(INDEX(Jesper!AH$2:AH$366,ROUNDDOWN($C1332/24,0)+1,1))-1)+IF('Standard Profiles'!$G$18=$B$10,7,0)+IF('Standard Profiles'!$G$18=$B$17,14,0)+IF('Standard Profiles'!$G$18=$B$24,21,0),MOD($C1332,24)+1)/SUM(INDEX($D$3:$AA$30,INDEX(Jesper!$R$2:$R$366,ROW(INDEX(Jesper!AH$2:AH$366,ROUNDDOWN($C1332/24,0)+1,1))-1)+IF('Standard Profiles'!$G$18=$B$10,7,0)+IF('Standard Profiles'!$G$18=$B$17,14,0)+IF('Standard Profiles'!$G$18=$B$24,21,0),0)),0)</f>
        <v>5.3194521630073508</v>
      </c>
      <c r="E1332" cm="1">
        <f t="array" ref="E1332">IFERROR(INDEX(Jesper!AI$2:AI$366,ROUNDDOWN($C1332/24,0)+1,1)*INDEX($D$3:$AA$30,INDEX(Jesper!$R$2:$R$366,ROW(INDEX(Jesper!AI$2:AI$366,ROUNDDOWN($C1332/24,0)+1,1))-1)+IF('Standard Profiles'!$G$19=$B$10,7,0)+IF('Standard Profiles'!$G$19=$B$17,14,0)+IF('Standard Profiles'!$G$19=$B$24,21,0),MOD($C1332,24)+1)/SUM(INDEX($D$3:$AA$30,INDEX(Jesper!$R$2:$R$366,ROW(INDEX(Jesper!AI$2:AI$366,ROUNDDOWN($C1332/24,0)+1,1))-1)+IF('Standard Profiles'!$G$19=$B$10,7,0)+IF('Standard Profiles'!$G$19=$B$17,14,0)+IF('Standard Profiles'!$G$19=$B$24,21,0),0)),0)</f>
        <v>3.9336204511830974</v>
      </c>
      <c r="F1332" cm="1">
        <f t="array" ref="F1332">IFERROR(INDEX(Jesper!AJ$2:AJ$366,ROUNDDOWN($C1332/24,0)+1,1)*INDEX($D$3:$AA$30,INDEX(Jesper!$R$2:$R$366,ROW(INDEX(Jesper!AJ$2:AJ$366,ROUNDDOWN($C1332/24,0)+1,1))-1)+IF('Standard Profiles'!$G$20=$B$10,7,0)+IF('Standard Profiles'!$G$20=$B$17,14,0)+IF('Standard Profiles'!$G$20=$B$24,21,0),MOD($C1332,24)+1)/SUM(INDEX($D$3:$AA$30,INDEX(Jesper!$R$2:$R$366,ROW(INDEX(Jesper!AJ$2:AJ$366,ROUNDDOWN($C1332/24,0)+1,1))-1)+IF('Standard Profiles'!$G$20=$B$10,7,0)+IF('Standard Profiles'!$G$20=$B$17,14,0)+IF('Standard Profiles'!$G$20=$B$24,21,0),0)),0)</f>
        <v>0</v>
      </c>
      <c r="G1332" cm="1">
        <f t="array" ref="G1332">IFERROR(INDEX(Jesper!AK$2:AK$366,ROUNDDOWN($C1332/24,0)+1,1)*INDEX($D$3:$AA$30,INDEX(Jesper!$R$2:$R$366,ROW(INDEX(Jesper!AK$2:AK$366,ROUNDDOWN($C1332/24,0)+1,1))-1)+IF('Standard Profiles'!$G$21=$B$10,7,0)+IF('Standard Profiles'!$G$21=$B$17,14,0)+IF('Standard Profiles'!$G$21=$B$24,21,0),MOD($C1332,24)+1)/SUM(INDEX($D$3:$AA$30,INDEX(Jesper!$R$2:$R$366,ROW(INDEX(Jesper!AK$2:AK$366,ROUNDDOWN($C1332/24,0)+1,1))-1)+IF('Standard Profiles'!$G$21=$B$10,7,0)+IF('Standard Profiles'!$G$21=$B$17,14,0)+IF('Standard Profiles'!$G$21=$B$24,21,0),0)),0)</f>
        <v>1.2773588456253879</v>
      </c>
      <c r="H1332" cm="1">
        <f t="array" ref="H1332">IFERROR(INDEX(Jesper!AL$2:AL$366,ROUNDDOWN($C1332/24,0)+1,1)*INDEX($D$3:$AA$30,INDEX(Jesper!$R$2:$R$366,ROW(INDEX(Jesper!AL$2:AL$366,ROUNDDOWN($C1332/24,0)+1,1))-1)+IF('Standard Profiles'!$G$22=$B$10,7,0)+IF('Standard Profiles'!$G$22=$B$17,14,0)+IF('Standard Profiles'!$G$22=$B$24,21,0),MOD($C1332,24)+1)/SUM(INDEX($D$3:$AA$30,INDEX(Jesper!$R$2:$R$366,ROW(INDEX(Jesper!AL$2:AL$366,ROUNDDOWN($C1332/24,0)+1,1))-1)+IF('Standard Profiles'!$G$22=$B$10,7,0)+IF('Standard Profiles'!$G$22=$B$17,14,0)+IF('Standard Profiles'!$G$22=$B$24,21,0),0)),0)</f>
        <v>0</v>
      </c>
      <c r="I1332">
        <f t="shared" si="160"/>
        <v>0.61313224590018589</v>
      </c>
      <c r="J1332">
        <f t="shared" si="161"/>
        <v>9.0661868678344728</v>
      </c>
      <c r="K1332">
        <f t="shared" si="162"/>
        <v>0.56740823072078417</v>
      </c>
      <c r="L1332">
        <f t="shared" si="163"/>
        <v>0.28370411536039208</v>
      </c>
      <c r="M1332">
        <f t="shared" si="164"/>
        <v>0</v>
      </c>
      <c r="N1332" s="45">
        <f t="shared" si="165"/>
        <v>44981.083333330185</v>
      </c>
    </row>
    <row r="1333" spans="2:14" x14ac:dyDescent="0.25">
      <c r="B1333">
        <f t="shared" si="159"/>
        <v>5</v>
      </c>
      <c r="C1333" s="16">
        <v>1299</v>
      </c>
      <c r="D1333" cm="1">
        <f t="array" ref="D1333">IFERROR(INDEX(Jesper!AH$2:AH$366,ROUNDDOWN($C1333/24,0)+1,1)*INDEX($D$3:$AA$30,INDEX(Jesper!$R$2:$R$366,ROW(INDEX(Jesper!AH$2:AH$366,ROUNDDOWN($C1333/24,0)+1,1))-1)+IF('Standard Profiles'!$G$18=$B$10,7,0)+IF('Standard Profiles'!$G$18=$B$17,14,0)+IF('Standard Profiles'!$G$18=$B$24,21,0),MOD($C1333,24)+1)/SUM(INDEX($D$3:$AA$30,INDEX(Jesper!$R$2:$R$366,ROW(INDEX(Jesper!AH$2:AH$366,ROUNDDOWN($C1333/24,0)+1,1))-1)+IF('Standard Profiles'!$G$18=$B$10,7,0)+IF('Standard Profiles'!$G$18=$B$17,14,0)+IF('Standard Profiles'!$G$18=$B$24,21,0),0)),0)</f>
        <v>5.3194521630073508</v>
      </c>
      <c r="E1333" cm="1">
        <f t="array" ref="E1333">IFERROR(INDEX(Jesper!AI$2:AI$366,ROUNDDOWN($C1333/24,0)+1,1)*INDEX($D$3:$AA$30,INDEX(Jesper!$R$2:$R$366,ROW(INDEX(Jesper!AI$2:AI$366,ROUNDDOWN($C1333/24,0)+1,1))-1)+IF('Standard Profiles'!$G$19=$B$10,7,0)+IF('Standard Profiles'!$G$19=$B$17,14,0)+IF('Standard Profiles'!$G$19=$B$24,21,0),MOD($C1333,24)+1)/SUM(INDEX($D$3:$AA$30,INDEX(Jesper!$R$2:$R$366,ROW(INDEX(Jesper!AI$2:AI$366,ROUNDDOWN($C1333/24,0)+1,1))-1)+IF('Standard Profiles'!$G$19=$B$10,7,0)+IF('Standard Profiles'!$G$19=$B$17,14,0)+IF('Standard Profiles'!$G$19=$B$24,21,0),0)),0)</f>
        <v>3.9336204511830974</v>
      </c>
      <c r="F1333" cm="1">
        <f t="array" ref="F1333">IFERROR(INDEX(Jesper!AJ$2:AJ$366,ROUNDDOWN($C1333/24,0)+1,1)*INDEX($D$3:$AA$30,INDEX(Jesper!$R$2:$R$366,ROW(INDEX(Jesper!AJ$2:AJ$366,ROUNDDOWN($C1333/24,0)+1,1))-1)+IF('Standard Profiles'!$G$20=$B$10,7,0)+IF('Standard Profiles'!$G$20=$B$17,14,0)+IF('Standard Profiles'!$G$20=$B$24,21,0),MOD($C1333,24)+1)/SUM(INDEX($D$3:$AA$30,INDEX(Jesper!$R$2:$R$366,ROW(INDEX(Jesper!AJ$2:AJ$366,ROUNDDOWN($C1333/24,0)+1,1))-1)+IF('Standard Profiles'!$G$20=$B$10,7,0)+IF('Standard Profiles'!$G$20=$B$17,14,0)+IF('Standard Profiles'!$G$20=$B$24,21,0),0)),0)</f>
        <v>0</v>
      </c>
      <c r="G1333" cm="1">
        <f t="array" ref="G1333">IFERROR(INDEX(Jesper!AK$2:AK$366,ROUNDDOWN($C1333/24,0)+1,1)*INDEX($D$3:$AA$30,INDEX(Jesper!$R$2:$R$366,ROW(INDEX(Jesper!AK$2:AK$366,ROUNDDOWN($C1333/24,0)+1,1))-1)+IF('Standard Profiles'!$G$21=$B$10,7,0)+IF('Standard Profiles'!$G$21=$B$17,14,0)+IF('Standard Profiles'!$G$21=$B$24,21,0),MOD($C1333,24)+1)/SUM(INDEX($D$3:$AA$30,INDEX(Jesper!$R$2:$R$366,ROW(INDEX(Jesper!AK$2:AK$366,ROUNDDOWN($C1333/24,0)+1,1))-1)+IF('Standard Profiles'!$G$21=$B$10,7,0)+IF('Standard Profiles'!$G$21=$B$17,14,0)+IF('Standard Profiles'!$G$21=$B$24,21,0),0)),0)</f>
        <v>1.2773588456253879</v>
      </c>
      <c r="H1333" cm="1">
        <f t="array" ref="H1333">IFERROR(INDEX(Jesper!AL$2:AL$366,ROUNDDOWN($C1333/24,0)+1,1)*INDEX($D$3:$AA$30,INDEX(Jesper!$R$2:$R$366,ROW(INDEX(Jesper!AL$2:AL$366,ROUNDDOWN($C1333/24,0)+1,1))-1)+IF('Standard Profiles'!$G$22=$B$10,7,0)+IF('Standard Profiles'!$G$22=$B$17,14,0)+IF('Standard Profiles'!$G$22=$B$24,21,0),MOD($C1333,24)+1)/SUM(INDEX($D$3:$AA$30,INDEX(Jesper!$R$2:$R$366,ROW(INDEX(Jesper!AL$2:AL$366,ROUNDDOWN($C1333/24,0)+1,1))-1)+IF('Standard Profiles'!$G$22=$B$10,7,0)+IF('Standard Profiles'!$G$22=$B$17,14,0)+IF('Standard Profiles'!$G$22=$B$24,21,0),0)),0)</f>
        <v>0</v>
      </c>
      <c r="I1333">
        <f t="shared" si="160"/>
        <v>0.61313224590018589</v>
      </c>
      <c r="J1333">
        <f t="shared" si="161"/>
        <v>9.0661868678344728</v>
      </c>
      <c r="K1333">
        <f t="shared" si="162"/>
        <v>0.56740823072078417</v>
      </c>
      <c r="L1333">
        <f t="shared" si="163"/>
        <v>0.28370411536039208</v>
      </c>
      <c r="M1333">
        <f t="shared" si="164"/>
        <v>0</v>
      </c>
      <c r="N1333" s="45">
        <f t="shared" si="165"/>
        <v>44981.12499999685</v>
      </c>
    </row>
    <row r="1334" spans="2:14" x14ac:dyDescent="0.25">
      <c r="B1334">
        <f t="shared" si="159"/>
        <v>5</v>
      </c>
      <c r="C1334" s="16">
        <v>1300</v>
      </c>
      <c r="D1334" cm="1">
        <f t="array" ref="D1334">IFERROR(INDEX(Jesper!AH$2:AH$366,ROUNDDOWN($C1334/24,0)+1,1)*INDEX($D$3:$AA$30,INDEX(Jesper!$R$2:$R$366,ROW(INDEX(Jesper!AH$2:AH$366,ROUNDDOWN($C1334/24,0)+1,1))-1)+IF('Standard Profiles'!$G$18=$B$10,7,0)+IF('Standard Profiles'!$G$18=$B$17,14,0)+IF('Standard Profiles'!$G$18=$B$24,21,0),MOD($C1334,24)+1)/SUM(INDEX($D$3:$AA$30,INDEX(Jesper!$R$2:$R$366,ROW(INDEX(Jesper!AH$2:AH$366,ROUNDDOWN($C1334/24,0)+1,1))-1)+IF('Standard Profiles'!$G$18=$B$10,7,0)+IF('Standard Profiles'!$G$18=$B$17,14,0)+IF('Standard Profiles'!$G$18=$B$24,21,0),0)),0)</f>
        <v>5.3194521630073508</v>
      </c>
      <c r="E1334" cm="1">
        <f t="array" ref="E1334">IFERROR(INDEX(Jesper!AI$2:AI$366,ROUNDDOWN($C1334/24,0)+1,1)*INDEX($D$3:$AA$30,INDEX(Jesper!$R$2:$R$366,ROW(INDEX(Jesper!AI$2:AI$366,ROUNDDOWN($C1334/24,0)+1,1))-1)+IF('Standard Profiles'!$G$19=$B$10,7,0)+IF('Standard Profiles'!$G$19=$B$17,14,0)+IF('Standard Profiles'!$G$19=$B$24,21,0),MOD($C1334,24)+1)/SUM(INDEX($D$3:$AA$30,INDEX(Jesper!$R$2:$R$366,ROW(INDEX(Jesper!AI$2:AI$366,ROUNDDOWN($C1334/24,0)+1,1))-1)+IF('Standard Profiles'!$G$19=$B$10,7,0)+IF('Standard Profiles'!$G$19=$B$17,14,0)+IF('Standard Profiles'!$G$19=$B$24,21,0),0)),0)</f>
        <v>3.9336204511830974</v>
      </c>
      <c r="F1334" cm="1">
        <f t="array" ref="F1334">IFERROR(INDEX(Jesper!AJ$2:AJ$366,ROUNDDOWN($C1334/24,0)+1,1)*INDEX($D$3:$AA$30,INDEX(Jesper!$R$2:$R$366,ROW(INDEX(Jesper!AJ$2:AJ$366,ROUNDDOWN($C1334/24,0)+1,1))-1)+IF('Standard Profiles'!$G$20=$B$10,7,0)+IF('Standard Profiles'!$G$20=$B$17,14,0)+IF('Standard Profiles'!$G$20=$B$24,21,0),MOD($C1334,24)+1)/SUM(INDEX($D$3:$AA$30,INDEX(Jesper!$R$2:$R$366,ROW(INDEX(Jesper!AJ$2:AJ$366,ROUNDDOWN($C1334/24,0)+1,1))-1)+IF('Standard Profiles'!$G$20=$B$10,7,0)+IF('Standard Profiles'!$G$20=$B$17,14,0)+IF('Standard Profiles'!$G$20=$B$24,21,0),0)),0)</f>
        <v>0</v>
      </c>
      <c r="G1334" cm="1">
        <f t="array" ref="G1334">IFERROR(INDEX(Jesper!AK$2:AK$366,ROUNDDOWN($C1334/24,0)+1,1)*INDEX($D$3:$AA$30,INDEX(Jesper!$R$2:$R$366,ROW(INDEX(Jesper!AK$2:AK$366,ROUNDDOWN($C1334/24,0)+1,1))-1)+IF('Standard Profiles'!$G$21=$B$10,7,0)+IF('Standard Profiles'!$G$21=$B$17,14,0)+IF('Standard Profiles'!$G$21=$B$24,21,0),MOD($C1334,24)+1)/SUM(INDEX($D$3:$AA$30,INDEX(Jesper!$R$2:$R$366,ROW(INDEX(Jesper!AK$2:AK$366,ROUNDDOWN($C1334/24,0)+1,1))-1)+IF('Standard Profiles'!$G$21=$B$10,7,0)+IF('Standard Profiles'!$G$21=$B$17,14,0)+IF('Standard Profiles'!$G$21=$B$24,21,0),0)),0)</f>
        <v>1.2773588456253879</v>
      </c>
      <c r="H1334" cm="1">
        <f t="array" ref="H1334">IFERROR(INDEX(Jesper!AL$2:AL$366,ROUNDDOWN($C1334/24,0)+1,1)*INDEX($D$3:$AA$30,INDEX(Jesper!$R$2:$R$366,ROW(INDEX(Jesper!AL$2:AL$366,ROUNDDOWN($C1334/24,0)+1,1))-1)+IF('Standard Profiles'!$G$22=$B$10,7,0)+IF('Standard Profiles'!$G$22=$B$17,14,0)+IF('Standard Profiles'!$G$22=$B$24,21,0),MOD($C1334,24)+1)/SUM(INDEX($D$3:$AA$30,INDEX(Jesper!$R$2:$R$366,ROW(INDEX(Jesper!AL$2:AL$366,ROUNDDOWN($C1334/24,0)+1,1))-1)+IF('Standard Profiles'!$G$22=$B$10,7,0)+IF('Standard Profiles'!$G$22=$B$17,14,0)+IF('Standard Profiles'!$G$22=$B$24,21,0),0)),0)</f>
        <v>0</v>
      </c>
      <c r="I1334">
        <f t="shared" si="160"/>
        <v>0.61313224590018589</v>
      </c>
      <c r="J1334">
        <f t="shared" si="161"/>
        <v>9.0661868678344728</v>
      </c>
      <c r="K1334">
        <f t="shared" si="162"/>
        <v>0.56740823072078417</v>
      </c>
      <c r="L1334">
        <f t="shared" si="163"/>
        <v>0.28370411536039208</v>
      </c>
      <c r="M1334">
        <f t="shared" si="164"/>
        <v>0</v>
      </c>
      <c r="N1334" s="45">
        <f t="shared" si="165"/>
        <v>44981.166666663514</v>
      </c>
    </row>
    <row r="1335" spans="2:14" x14ac:dyDescent="0.25">
      <c r="B1335">
        <f t="shared" si="159"/>
        <v>5</v>
      </c>
      <c r="C1335" s="16">
        <v>1301</v>
      </c>
      <c r="D1335" cm="1">
        <f t="array" ref="D1335">IFERROR(INDEX(Jesper!AH$2:AH$366,ROUNDDOWN($C1335/24,0)+1,1)*INDEX($D$3:$AA$30,INDEX(Jesper!$R$2:$R$366,ROW(INDEX(Jesper!AH$2:AH$366,ROUNDDOWN($C1335/24,0)+1,1))-1)+IF('Standard Profiles'!$G$18=$B$10,7,0)+IF('Standard Profiles'!$G$18=$B$17,14,0)+IF('Standard Profiles'!$G$18=$B$24,21,0),MOD($C1335,24)+1)/SUM(INDEX($D$3:$AA$30,INDEX(Jesper!$R$2:$R$366,ROW(INDEX(Jesper!AH$2:AH$366,ROUNDDOWN($C1335/24,0)+1,1))-1)+IF('Standard Profiles'!$G$18=$B$10,7,0)+IF('Standard Profiles'!$G$18=$B$17,14,0)+IF('Standard Profiles'!$G$18=$B$24,21,0),0)),0)</f>
        <v>5.3194521630073508</v>
      </c>
      <c r="E1335" cm="1">
        <f t="array" ref="E1335">IFERROR(INDEX(Jesper!AI$2:AI$366,ROUNDDOWN($C1335/24,0)+1,1)*INDEX($D$3:$AA$30,INDEX(Jesper!$R$2:$R$366,ROW(INDEX(Jesper!AI$2:AI$366,ROUNDDOWN($C1335/24,0)+1,1))-1)+IF('Standard Profiles'!$G$19=$B$10,7,0)+IF('Standard Profiles'!$G$19=$B$17,14,0)+IF('Standard Profiles'!$G$19=$B$24,21,0),MOD($C1335,24)+1)/SUM(INDEX($D$3:$AA$30,INDEX(Jesper!$R$2:$R$366,ROW(INDEX(Jesper!AI$2:AI$366,ROUNDDOWN($C1335/24,0)+1,1))-1)+IF('Standard Profiles'!$G$19=$B$10,7,0)+IF('Standard Profiles'!$G$19=$B$17,14,0)+IF('Standard Profiles'!$G$19=$B$24,21,0),0)),0)</f>
        <v>3.9336204511830974</v>
      </c>
      <c r="F1335" cm="1">
        <f t="array" ref="F1335">IFERROR(INDEX(Jesper!AJ$2:AJ$366,ROUNDDOWN($C1335/24,0)+1,1)*INDEX($D$3:$AA$30,INDEX(Jesper!$R$2:$R$366,ROW(INDEX(Jesper!AJ$2:AJ$366,ROUNDDOWN($C1335/24,0)+1,1))-1)+IF('Standard Profiles'!$G$20=$B$10,7,0)+IF('Standard Profiles'!$G$20=$B$17,14,0)+IF('Standard Profiles'!$G$20=$B$24,21,0),MOD($C1335,24)+1)/SUM(INDEX($D$3:$AA$30,INDEX(Jesper!$R$2:$R$366,ROW(INDEX(Jesper!AJ$2:AJ$366,ROUNDDOWN($C1335/24,0)+1,1))-1)+IF('Standard Profiles'!$G$20=$B$10,7,0)+IF('Standard Profiles'!$G$20=$B$17,14,0)+IF('Standard Profiles'!$G$20=$B$24,21,0),0)),0)</f>
        <v>0</v>
      </c>
      <c r="G1335" cm="1">
        <f t="array" ref="G1335">IFERROR(INDEX(Jesper!AK$2:AK$366,ROUNDDOWN($C1335/24,0)+1,1)*INDEX($D$3:$AA$30,INDEX(Jesper!$R$2:$R$366,ROW(INDEX(Jesper!AK$2:AK$366,ROUNDDOWN($C1335/24,0)+1,1))-1)+IF('Standard Profiles'!$G$21=$B$10,7,0)+IF('Standard Profiles'!$G$21=$B$17,14,0)+IF('Standard Profiles'!$G$21=$B$24,21,0),MOD($C1335,24)+1)/SUM(INDEX($D$3:$AA$30,INDEX(Jesper!$R$2:$R$366,ROW(INDEX(Jesper!AK$2:AK$366,ROUNDDOWN($C1335/24,0)+1,1))-1)+IF('Standard Profiles'!$G$21=$B$10,7,0)+IF('Standard Profiles'!$G$21=$B$17,14,0)+IF('Standard Profiles'!$G$21=$B$24,21,0),0)),0)</f>
        <v>1.2773588456253879</v>
      </c>
      <c r="H1335" cm="1">
        <f t="array" ref="H1335">IFERROR(INDEX(Jesper!AL$2:AL$366,ROUNDDOWN($C1335/24,0)+1,1)*INDEX($D$3:$AA$30,INDEX(Jesper!$R$2:$R$366,ROW(INDEX(Jesper!AL$2:AL$366,ROUNDDOWN($C1335/24,0)+1,1))-1)+IF('Standard Profiles'!$G$22=$B$10,7,0)+IF('Standard Profiles'!$G$22=$B$17,14,0)+IF('Standard Profiles'!$G$22=$B$24,21,0),MOD($C1335,24)+1)/SUM(INDEX($D$3:$AA$30,INDEX(Jesper!$R$2:$R$366,ROW(INDEX(Jesper!AL$2:AL$366,ROUNDDOWN($C1335/24,0)+1,1))-1)+IF('Standard Profiles'!$G$22=$B$10,7,0)+IF('Standard Profiles'!$G$22=$B$17,14,0)+IF('Standard Profiles'!$G$22=$B$24,21,0),0)),0)</f>
        <v>0</v>
      </c>
      <c r="I1335">
        <f t="shared" si="160"/>
        <v>0.61313224590018589</v>
      </c>
      <c r="J1335">
        <f t="shared" si="161"/>
        <v>9.0661868678344728</v>
      </c>
      <c r="K1335">
        <f t="shared" si="162"/>
        <v>0.56740823072078417</v>
      </c>
      <c r="L1335">
        <f t="shared" si="163"/>
        <v>0.28370411536039208</v>
      </c>
      <c r="M1335">
        <f t="shared" si="164"/>
        <v>0</v>
      </c>
      <c r="N1335" s="45">
        <f t="shared" si="165"/>
        <v>44981.208333330178</v>
      </c>
    </row>
    <row r="1336" spans="2:14" x14ac:dyDescent="0.25">
      <c r="B1336">
        <f t="shared" si="159"/>
        <v>5</v>
      </c>
      <c r="C1336" s="16">
        <v>1302</v>
      </c>
      <c r="D1336" cm="1">
        <f t="array" ref="D1336">IFERROR(INDEX(Jesper!AH$2:AH$366,ROUNDDOWN($C1336/24,0)+1,1)*INDEX($D$3:$AA$30,INDEX(Jesper!$R$2:$R$366,ROW(INDEX(Jesper!AH$2:AH$366,ROUNDDOWN($C1336/24,0)+1,1))-1)+IF('Standard Profiles'!$G$18=$B$10,7,0)+IF('Standard Profiles'!$G$18=$B$17,14,0)+IF('Standard Profiles'!$G$18=$B$24,21,0),MOD($C1336,24)+1)/SUM(INDEX($D$3:$AA$30,INDEX(Jesper!$R$2:$R$366,ROW(INDEX(Jesper!AH$2:AH$366,ROUNDDOWN($C1336/24,0)+1,1))-1)+IF('Standard Profiles'!$G$18=$B$10,7,0)+IF('Standard Profiles'!$G$18=$B$17,14,0)+IF('Standard Profiles'!$G$18=$B$24,21,0),0)),0)</f>
        <v>5.3194521630073508</v>
      </c>
      <c r="E1336" cm="1">
        <f t="array" ref="E1336">IFERROR(INDEX(Jesper!AI$2:AI$366,ROUNDDOWN($C1336/24,0)+1,1)*INDEX($D$3:$AA$30,INDEX(Jesper!$R$2:$R$366,ROW(INDEX(Jesper!AI$2:AI$366,ROUNDDOWN($C1336/24,0)+1,1))-1)+IF('Standard Profiles'!$G$19=$B$10,7,0)+IF('Standard Profiles'!$G$19=$B$17,14,0)+IF('Standard Profiles'!$G$19=$B$24,21,0),MOD($C1336,24)+1)/SUM(INDEX($D$3:$AA$30,INDEX(Jesper!$R$2:$R$366,ROW(INDEX(Jesper!AI$2:AI$366,ROUNDDOWN($C1336/24,0)+1,1))-1)+IF('Standard Profiles'!$G$19=$B$10,7,0)+IF('Standard Profiles'!$G$19=$B$17,14,0)+IF('Standard Profiles'!$G$19=$B$24,21,0),0)),0)</f>
        <v>3.9336204511830974</v>
      </c>
      <c r="F1336" cm="1">
        <f t="array" ref="F1336">IFERROR(INDEX(Jesper!AJ$2:AJ$366,ROUNDDOWN($C1336/24,0)+1,1)*INDEX($D$3:$AA$30,INDEX(Jesper!$R$2:$R$366,ROW(INDEX(Jesper!AJ$2:AJ$366,ROUNDDOWN($C1336/24,0)+1,1))-1)+IF('Standard Profiles'!$G$20=$B$10,7,0)+IF('Standard Profiles'!$G$20=$B$17,14,0)+IF('Standard Profiles'!$G$20=$B$24,21,0),MOD($C1336,24)+1)/SUM(INDEX($D$3:$AA$30,INDEX(Jesper!$R$2:$R$366,ROW(INDEX(Jesper!AJ$2:AJ$366,ROUNDDOWN($C1336/24,0)+1,1))-1)+IF('Standard Profiles'!$G$20=$B$10,7,0)+IF('Standard Profiles'!$G$20=$B$17,14,0)+IF('Standard Profiles'!$G$20=$B$24,21,0),0)),0)</f>
        <v>0</v>
      </c>
      <c r="G1336" cm="1">
        <f t="array" ref="G1336">IFERROR(INDEX(Jesper!AK$2:AK$366,ROUNDDOWN($C1336/24,0)+1,1)*INDEX($D$3:$AA$30,INDEX(Jesper!$R$2:$R$366,ROW(INDEX(Jesper!AK$2:AK$366,ROUNDDOWN($C1336/24,0)+1,1))-1)+IF('Standard Profiles'!$G$21=$B$10,7,0)+IF('Standard Profiles'!$G$21=$B$17,14,0)+IF('Standard Profiles'!$G$21=$B$24,21,0),MOD($C1336,24)+1)/SUM(INDEX($D$3:$AA$30,INDEX(Jesper!$R$2:$R$366,ROW(INDEX(Jesper!AK$2:AK$366,ROUNDDOWN($C1336/24,0)+1,1))-1)+IF('Standard Profiles'!$G$21=$B$10,7,0)+IF('Standard Profiles'!$G$21=$B$17,14,0)+IF('Standard Profiles'!$G$21=$B$24,21,0),0)),0)</f>
        <v>1.2773588456253879</v>
      </c>
      <c r="H1336" cm="1">
        <f t="array" ref="H1336">IFERROR(INDEX(Jesper!AL$2:AL$366,ROUNDDOWN($C1336/24,0)+1,1)*INDEX($D$3:$AA$30,INDEX(Jesper!$R$2:$R$366,ROW(INDEX(Jesper!AL$2:AL$366,ROUNDDOWN($C1336/24,0)+1,1))-1)+IF('Standard Profiles'!$G$22=$B$10,7,0)+IF('Standard Profiles'!$G$22=$B$17,14,0)+IF('Standard Profiles'!$G$22=$B$24,21,0),MOD($C1336,24)+1)/SUM(INDEX($D$3:$AA$30,INDEX(Jesper!$R$2:$R$366,ROW(INDEX(Jesper!AL$2:AL$366,ROUNDDOWN($C1336/24,0)+1,1))-1)+IF('Standard Profiles'!$G$22=$B$10,7,0)+IF('Standard Profiles'!$G$22=$B$17,14,0)+IF('Standard Profiles'!$G$22=$B$24,21,0),0)),0)</f>
        <v>0</v>
      </c>
      <c r="I1336">
        <f t="shared" si="160"/>
        <v>0.61313224590018589</v>
      </c>
      <c r="J1336">
        <f t="shared" si="161"/>
        <v>9.0661868678344728</v>
      </c>
      <c r="K1336">
        <f t="shared" si="162"/>
        <v>0.56740823072078417</v>
      </c>
      <c r="L1336">
        <f t="shared" si="163"/>
        <v>0.28370411536039208</v>
      </c>
      <c r="M1336">
        <f t="shared" si="164"/>
        <v>0</v>
      </c>
      <c r="N1336" s="45">
        <f t="shared" si="165"/>
        <v>44981.249999996842</v>
      </c>
    </row>
    <row r="1337" spans="2:14" x14ac:dyDescent="0.25">
      <c r="B1337">
        <f t="shared" si="159"/>
        <v>5</v>
      </c>
      <c r="C1337" s="16">
        <v>1303</v>
      </c>
      <c r="D1337" cm="1">
        <f t="array" ref="D1337">IFERROR(INDEX(Jesper!AH$2:AH$366,ROUNDDOWN($C1337/24,0)+1,1)*INDEX($D$3:$AA$30,INDEX(Jesper!$R$2:$R$366,ROW(INDEX(Jesper!AH$2:AH$366,ROUNDDOWN($C1337/24,0)+1,1))-1)+IF('Standard Profiles'!$G$18=$B$10,7,0)+IF('Standard Profiles'!$G$18=$B$17,14,0)+IF('Standard Profiles'!$G$18=$B$24,21,0),MOD($C1337,24)+1)/SUM(INDEX($D$3:$AA$30,INDEX(Jesper!$R$2:$R$366,ROW(INDEX(Jesper!AH$2:AH$366,ROUNDDOWN($C1337/24,0)+1,1))-1)+IF('Standard Profiles'!$G$18=$B$10,7,0)+IF('Standard Profiles'!$G$18=$B$17,14,0)+IF('Standard Profiles'!$G$18=$B$24,21,0),0)),0)</f>
        <v>22.66086621441131</v>
      </c>
      <c r="E1337" cm="1">
        <f t="array" ref="E1337">IFERROR(INDEX(Jesper!AI$2:AI$366,ROUNDDOWN($C1337/24,0)+1,1)*INDEX($D$3:$AA$30,INDEX(Jesper!$R$2:$R$366,ROW(INDEX(Jesper!AI$2:AI$366,ROUNDDOWN($C1337/24,0)+1,1))-1)+IF('Standard Profiles'!$G$19=$B$10,7,0)+IF('Standard Profiles'!$G$19=$B$17,14,0)+IF('Standard Profiles'!$G$19=$B$24,21,0),MOD($C1337,24)+1)/SUM(INDEX($D$3:$AA$30,INDEX(Jesper!$R$2:$R$366,ROW(INDEX(Jesper!AI$2:AI$366,ROUNDDOWN($C1337/24,0)+1,1))-1)+IF('Standard Profiles'!$G$19=$B$10,7,0)+IF('Standard Profiles'!$G$19=$B$17,14,0)+IF('Standard Profiles'!$G$19=$B$24,21,0),0)),0)</f>
        <v>16.757223122039996</v>
      </c>
      <c r="F1337" cm="1">
        <f t="array" ref="F1337">IFERROR(INDEX(Jesper!AJ$2:AJ$366,ROUNDDOWN($C1337/24,0)+1,1)*INDEX($D$3:$AA$30,INDEX(Jesper!$R$2:$R$366,ROW(INDEX(Jesper!AJ$2:AJ$366,ROUNDDOWN($C1337/24,0)+1,1))-1)+IF('Standard Profiles'!$G$20=$B$10,7,0)+IF('Standard Profiles'!$G$20=$B$17,14,0)+IF('Standard Profiles'!$G$20=$B$24,21,0),MOD($C1337,24)+1)/SUM(INDEX($D$3:$AA$30,INDEX(Jesper!$R$2:$R$366,ROW(INDEX(Jesper!AJ$2:AJ$366,ROUNDDOWN($C1337/24,0)+1,1))-1)+IF('Standard Profiles'!$G$20=$B$10,7,0)+IF('Standard Profiles'!$G$20=$B$17,14,0)+IF('Standard Profiles'!$G$20=$B$24,21,0),0)),0)</f>
        <v>0</v>
      </c>
      <c r="G1337" cm="1">
        <f t="array" ref="G1337">IFERROR(INDEX(Jesper!AK$2:AK$366,ROUNDDOWN($C1337/24,0)+1,1)*INDEX($D$3:$AA$30,INDEX(Jesper!$R$2:$R$366,ROW(INDEX(Jesper!AK$2:AK$366,ROUNDDOWN($C1337/24,0)+1,1))-1)+IF('Standard Profiles'!$G$21=$B$10,7,0)+IF('Standard Profiles'!$G$21=$B$17,14,0)+IF('Standard Profiles'!$G$21=$B$24,21,0),MOD($C1337,24)+1)/SUM(INDEX($D$3:$AA$30,INDEX(Jesper!$R$2:$R$366,ROW(INDEX(Jesper!AK$2:AK$366,ROUNDDOWN($C1337/24,0)+1,1))-1)+IF('Standard Profiles'!$G$21=$B$10,7,0)+IF('Standard Profiles'!$G$21=$B$17,14,0)+IF('Standard Profiles'!$G$21=$B$24,21,0),0)),0)</f>
        <v>3.4612304204042768</v>
      </c>
      <c r="H1337" cm="1">
        <f t="array" ref="H1337">IFERROR(INDEX(Jesper!AL$2:AL$366,ROUNDDOWN($C1337/24,0)+1,1)*INDEX($D$3:$AA$30,INDEX(Jesper!$R$2:$R$366,ROW(INDEX(Jesper!AL$2:AL$366,ROUNDDOWN($C1337/24,0)+1,1))-1)+IF('Standard Profiles'!$G$22=$B$10,7,0)+IF('Standard Profiles'!$G$22=$B$17,14,0)+IF('Standard Profiles'!$G$22=$B$24,21,0),MOD($C1337,24)+1)/SUM(INDEX($D$3:$AA$30,INDEX(Jesper!$R$2:$R$366,ROW(INDEX(Jesper!AL$2:AL$366,ROUNDDOWN($C1337/24,0)+1,1))-1)+IF('Standard Profiles'!$G$22=$B$10,7,0)+IF('Standard Profiles'!$G$22=$B$17,14,0)+IF('Standard Profiles'!$G$22=$B$24,21,0),0)),0)</f>
        <v>0</v>
      </c>
      <c r="I1337">
        <f t="shared" si="160"/>
        <v>1.6613906017940521</v>
      </c>
      <c r="J1337">
        <f t="shared" si="161"/>
        <v>37.592190560755718</v>
      </c>
      <c r="K1337">
        <f t="shared" si="162"/>
        <v>2.4171590628705397</v>
      </c>
      <c r="L1337">
        <f t="shared" si="163"/>
        <v>1.2085795314352699</v>
      </c>
      <c r="M1337">
        <f t="shared" si="164"/>
        <v>0</v>
      </c>
      <c r="N1337" s="45">
        <f t="shared" si="165"/>
        <v>44981.291666663506</v>
      </c>
    </row>
    <row r="1338" spans="2:14" x14ac:dyDescent="0.25">
      <c r="B1338">
        <f t="shared" si="159"/>
        <v>5</v>
      </c>
      <c r="C1338" s="16">
        <v>1304</v>
      </c>
      <c r="D1338" cm="1">
        <f t="array" ref="D1338">IFERROR(INDEX(Jesper!AH$2:AH$366,ROUNDDOWN($C1338/24,0)+1,1)*INDEX($D$3:$AA$30,INDEX(Jesper!$R$2:$R$366,ROW(INDEX(Jesper!AH$2:AH$366,ROUNDDOWN($C1338/24,0)+1,1))-1)+IF('Standard Profiles'!$G$18=$B$10,7,0)+IF('Standard Profiles'!$G$18=$B$17,14,0)+IF('Standard Profiles'!$G$18=$B$24,21,0),MOD($C1338,24)+1)/SUM(INDEX($D$3:$AA$30,INDEX(Jesper!$R$2:$R$366,ROW(INDEX(Jesper!AH$2:AH$366,ROUNDDOWN($C1338/24,0)+1,1))-1)+IF('Standard Profiles'!$G$18=$B$10,7,0)+IF('Standard Profiles'!$G$18=$B$17,14,0)+IF('Standard Profiles'!$G$18=$B$24,21,0),0)),0)</f>
        <v>28.326082768014139</v>
      </c>
      <c r="E1338" cm="1">
        <f t="array" ref="E1338">IFERROR(INDEX(Jesper!AI$2:AI$366,ROUNDDOWN($C1338/24,0)+1,1)*INDEX($D$3:$AA$30,INDEX(Jesper!$R$2:$R$366,ROW(INDEX(Jesper!AI$2:AI$366,ROUNDDOWN($C1338/24,0)+1,1))-1)+IF('Standard Profiles'!$G$19=$B$10,7,0)+IF('Standard Profiles'!$G$19=$B$17,14,0)+IF('Standard Profiles'!$G$19=$B$24,21,0),MOD($C1338,24)+1)/SUM(INDEX($D$3:$AA$30,INDEX(Jesper!$R$2:$R$366,ROW(INDEX(Jesper!AI$2:AI$366,ROUNDDOWN($C1338/24,0)+1,1))-1)+IF('Standard Profiles'!$G$19=$B$10,7,0)+IF('Standard Profiles'!$G$19=$B$17,14,0)+IF('Standard Profiles'!$G$19=$B$24,21,0),0)),0)</f>
        <v>20.946528902549996</v>
      </c>
      <c r="F1338" cm="1">
        <f t="array" ref="F1338">IFERROR(INDEX(Jesper!AJ$2:AJ$366,ROUNDDOWN($C1338/24,0)+1,1)*INDEX($D$3:$AA$30,INDEX(Jesper!$R$2:$R$366,ROW(INDEX(Jesper!AJ$2:AJ$366,ROUNDDOWN($C1338/24,0)+1,1))-1)+IF('Standard Profiles'!$G$20=$B$10,7,0)+IF('Standard Profiles'!$G$20=$B$17,14,0)+IF('Standard Profiles'!$G$20=$B$24,21,0),MOD($C1338,24)+1)/SUM(INDEX($D$3:$AA$30,INDEX(Jesper!$R$2:$R$366,ROW(INDEX(Jesper!AJ$2:AJ$366,ROUNDDOWN($C1338/24,0)+1,1))-1)+IF('Standard Profiles'!$G$20=$B$10,7,0)+IF('Standard Profiles'!$G$20=$B$17,14,0)+IF('Standard Profiles'!$G$20=$B$24,21,0),0)),0)</f>
        <v>0</v>
      </c>
      <c r="G1338" cm="1">
        <f t="array" ref="G1338">IFERROR(INDEX(Jesper!AK$2:AK$366,ROUNDDOWN($C1338/24,0)+1,1)*INDEX($D$3:$AA$30,INDEX(Jesper!$R$2:$R$366,ROW(INDEX(Jesper!AK$2:AK$366,ROUNDDOWN($C1338/24,0)+1,1))-1)+IF('Standard Profiles'!$G$21=$B$10,7,0)+IF('Standard Profiles'!$G$21=$B$17,14,0)+IF('Standard Profiles'!$G$21=$B$24,21,0),MOD($C1338,24)+1)/SUM(INDEX($D$3:$AA$30,INDEX(Jesper!$R$2:$R$366,ROW(INDEX(Jesper!AK$2:AK$366,ROUNDDOWN($C1338/24,0)+1,1))-1)+IF('Standard Profiles'!$G$21=$B$10,7,0)+IF('Standard Profiles'!$G$21=$B$17,14,0)+IF('Standard Profiles'!$G$21=$B$24,21,0),0)),0)</f>
        <v>4.3265380255053465</v>
      </c>
      <c r="H1338" cm="1">
        <f t="array" ref="H1338">IFERROR(INDEX(Jesper!AL$2:AL$366,ROUNDDOWN($C1338/24,0)+1,1)*INDEX($D$3:$AA$30,INDEX(Jesper!$R$2:$R$366,ROW(INDEX(Jesper!AL$2:AL$366,ROUNDDOWN($C1338/24,0)+1,1))-1)+IF('Standard Profiles'!$G$22=$B$10,7,0)+IF('Standard Profiles'!$G$22=$B$17,14,0)+IF('Standard Profiles'!$G$22=$B$24,21,0),MOD($C1338,24)+1)/SUM(INDEX($D$3:$AA$30,INDEX(Jesper!$R$2:$R$366,ROW(INDEX(Jesper!AL$2:AL$366,ROUNDDOWN($C1338/24,0)+1,1))-1)+IF('Standard Profiles'!$G$22=$B$10,7,0)+IF('Standard Profiles'!$G$22=$B$17,14,0)+IF('Standard Profiles'!$G$22=$B$24,21,0),0)),0)</f>
        <v>0</v>
      </c>
      <c r="I1338">
        <f t="shared" si="160"/>
        <v>2.0767382522425653</v>
      </c>
      <c r="J1338">
        <f t="shared" si="161"/>
        <v>46.990238200944653</v>
      </c>
      <c r="K1338">
        <f t="shared" si="162"/>
        <v>3.0214488285881749</v>
      </c>
      <c r="L1338">
        <f t="shared" si="163"/>
        <v>1.5107244142940874</v>
      </c>
      <c r="M1338">
        <f t="shared" si="164"/>
        <v>0</v>
      </c>
      <c r="N1338" s="45">
        <f t="shared" si="165"/>
        <v>44981.333333330171</v>
      </c>
    </row>
    <row r="1339" spans="2:14" x14ac:dyDescent="0.25">
      <c r="B1339">
        <f t="shared" si="159"/>
        <v>5</v>
      </c>
      <c r="C1339" s="16">
        <v>1305</v>
      </c>
      <c r="D1339" cm="1">
        <f t="array" ref="D1339">IFERROR(INDEX(Jesper!AH$2:AH$366,ROUNDDOWN($C1339/24,0)+1,1)*INDEX($D$3:$AA$30,INDEX(Jesper!$R$2:$R$366,ROW(INDEX(Jesper!AH$2:AH$366,ROUNDDOWN($C1339/24,0)+1,1))-1)+IF('Standard Profiles'!$G$18=$B$10,7,0)+IF('Standard Profiles'!$G$18=$B$17,14,0)+IF('Standard Profiles'!$G$18=$B$24,21,0),MOD($C1339,24)+1)/SUM(INDEX($D$3:$AA$30,INDEX(Jesper!$R$2:$R$366,ROW(INDEX(Jesper!AH$2:AH$366,ROUNDDOWN($C1339/24,0)+1,1))-1)+IF('Standard Profiles'!$G$18=$B$10,7,0)+IF('Standard Profiles'!$G$18=$B$17,14,0)+IF('Standard Profiles'!$G$18=$B$24,21,0),0)),0)</f>
        <v>31.158691044815555</v>
      </c>
      <c r="E1339" cm="1">
        <f t="array" ref="E1339">IFERROR(INDEX(Jesper!AI$2:AI$366,ROUNDDOWN($C1339/24,0)+1,1)*INDEX($D$3:$AA$30,INDEX(Jesper!$R$2:$R$366,ROW(INDEX(Jesper!AI$2:AI$366,ROUNDDOWN($C1339/24,0)+1,1))-1)+IF('Standard Profiles'!$G$19=$B$10,7,0)+IF('Standard Profiles'!$G$19=$B$17,14,0)+IF('Standard Profiles'!$G$19=$B$24,21,0),MOD($C1339,24)+1)/SUM(INDEX($D$3:$AA$30,INDEX(Jesper!$R$2:$R$366,ROW(INDEX(Jesper!AI$2:AI$366,ROUNDDOWN($C1339/24,0)+1,1))-1)+IF('Standard Profiles'!$G$19=$B$10,7,0)+IF('Standard Profiles'!$G$19=$B$17,14,0)+IF('Standard Profiles'!$G$19=$B$24,21,0),0)),0)</f>
        <v>23.041181792804995</v>
      </c>
      <c r="F1339" cm="1">
        <f t="array" ref="F1339">IFERROR(INDEX(Jesper!AJ$2:AJ$366,ROUNDDOWN($C1339/24,0)+1,1)*INDEX($D$3:$AA$30,INDEX(Jesper!$R$2:$R$366,ROW(INDEX(Jesper!AJ$2:AJ$366,ROUNDDOWN($C1339/24,0)+1,1))-1)+IF('Standard Profiles'!$G$20=$B$10,7,0)+IF('Standard Profiles'!$G$20=$B$17,14,0)+IF('Standard Profiles'!$G$20=$B$24,21,0),MOD($C1339,24)+1)/SUM(INDEX($D$3:$AA$30,INDEX(Jesper!$R$2:$R$366,ROW(INDEX(Jesper!AJ$2:AJ$366,ROUNDDOWN($C1339/24,0)+1,1))-1)+IF('Standard Profiles'!$G$20=$B$10,7,0)+IF('Standard Profiles'!$G$20=$B$17,14,0)+IF('Standard Profiles'!$G$20=$B$24,21,0),0)),0)</f>
        <v>0</v>
      </c>
      <c r="G1339" cm="1">
        <f t="array" ref="G1339">IFERROR(INDEX(Jesper!AK$2:AK$366,ROUNDDOWN($C1339/24,0)+1,1)*INDEX($D$3:$AA$30,INDEX(Jesper!$R$2:$R$366,ROW(INDEX(Jesper!AK$2:AK$366,ROUNDDOWN($C1339/24,0)+1,1))-1)+IF('Standard Profiles'!$G$21=$B$10,7,0)+IF('Standard Profiles'!$G$21=$B$17,14,0)+IF('Standard Profiles'!$G$21=$B$24,21,0),MOD($C1339,24)+1)/SUM(INDEX($D$3:$AA$30,INDEX(Jesper!$R$2:$R$366,ROW(INDEX(Jesper!AK$2:AK$366,ROUNDDOWN($C1339/24,0)+1,1))-1)+IF('Standard Profiles'!$G$21=$B$10,7,0)+IF('Standard Profiles'!$G$21=$B$17,14,0)+IF('Standard Profiles'!$G$21=$B$24,21,0),0)),0)</f>
        <v>4.7591918280558811</v>
      </c>
      <c r="H1339" cm="1">
        <f t="array" ref="H1339">IFERROR(INDEX(Jesper!AL$2:AL$366,ROUNDDOWN($C1339/24,0)+1,1)*INDEX($D$3:$AA$30,INDEX(Jesper!$R$2:$R$366,ROW(INDEX(Jesper!AL$2:AL$366,ROUNDDOWN($C1339/24,0)+1,1))-1)+IF('Standard Profiles'!$G$22=$B$10,7,0)+IF('Standard Profiles'!$G$22=$B$17,14,0)+IF('Standard Profiles'!$G$22=$B$24,21,0),MOD($C1339,24)+1)/SUM(INDEX($D$3:$AA$30,INDEX(Jesper!$R$2:$R$366,ROW(INDEX(Jesper!AL$2:AL$366,ROUNDDOWN($C1339/24,0)+1,1))-1)+IF('Standard Profiles'!$G$22=$B$10,7,0)+IF('Standard Profiles'!$G$22=$B$17,14,0)+IF('Standard Profiles'!$G$22=$B$24,21,0),0)),0)</f>
        <v>0</v>
      </c>
      <c r="I1339">
        <f t="shared" si="160"/>
        <v>2.284412077466822</v>
      </c>
      <c r="J1339">
        <f t="shared" si="161"/>
        <v>51.68926202103912</v>
      </c>
      <c r="K1339">
        <f t="shared" si="162"/>
        <v>3.3235937114469927</v>
      </c>
      <c r="L1339">
        <f t="shared" si="163"/>
        <v>1.6617968557234963</v>
      </c>
      <c r="M1339">
        <f t="shared" si="164"/>
        <v>0</v>
      </c>
      <c r="N1339" s="45">
        <f t="shared" si="165"/>
        <v>44981.374999996835</v>
      </c>
    </row>
    <row r="1340" spans="2:14" x14ac:dyDescent="0.25">
      <c r="B1340">
        <f t="shared" si="159"/>
        <v>5</v>
      </c>
      <c r="C1340" s="16">
        <v>1306</v>
      </c>
      <c r="D1340" cm="1">
        <f t="array" ref="D1340">IFERROR(INDEX(Jesper!AH$2:AH$366,ROUNDDOWN($C1340/24,0)+1,1)*INDEX($D$3:$AA$30,INDEX(Jesper!$R$2:$R$366,ROW(INDEX(Jesper!AH$2:AH$366,ROUNDDOWN($C1340/24,0)+1,1))-1)+IF('Standard Profiles'!$G$18=$B$10,7,0)+IF('Standard Profiles'!$G$18=$B$17,14,0)+IF('Standard Profiles'!$G$18=$B$24,21,0),MOD($C1340,24)+1)/SUM(INDEX($D$3:$AA$30,INDEX(Jesper!$R$2:$R$366,ROW(INDEX(Jesper!AH$2:AH$366,ROUNDDOWN($C1340/24,0)+1,1))-1)+IF('Standard Profiles'!$G$18=$B$10,7,0)+IF('Standard Profiles'!$G$18=$B$17,14,0)+IF('Standard Profiles'!$G$18=$B$24,21,0),0)),0)</f>
        <v>31.158691044815555</v>
      </c>
      <c r="E1340" cm="1">
        <f t="array" ref="E1340">IFERROR(INDEX(Jesper!AI$2:AI$366,ROUNDDOWN($C1340/24,0)+1,1)*INDEX($D$3:$AA$30,INDEX(Jesper!$R$2:$R$366,ROW(INDEX(Jesper!AI$2:AI$366,ROUNDDOWN($C1340/24,0)+1,1))-1)+IF('Standard Profiles'!$G$19=$B$10,7,0)+IF('Standard Profiles'!$G$19=$B$17,14,0)+IF('Standard Profiles'!$G$19=$B$24,21,0),MOD($C1340,24)+1)/SUM(INDEX($D$3:$AA$30,INDEX(Jesper!$R$2:$R$366,ROW(INDEX(Jesper!AI$2:AI$366,ROUNDDOWN($C1340/24,0)+1,1))-1)+IF('Standard Profiles'!$G$19=$B$10,7,0)+IF('Standard Profiles'!$G$19=$B$17,14,0)+IF('Standard Profiles'!$G$19=$B$24,21,0),0)),0)</f>
        <v>23.041181792804995</v>
      </c>
      <c r="F1340" cm="1">
        <f t="array" ref="F1340">IFERROR(INDEX(Jesper!AJ$2:AJ$366,ROUNDDOWN($C1340/24,0)+1,1)*INDEX($D$3:$AA$30,INDEX(Jesper!$R$2:$R$366,ROW(INDEX(Jesper!AJ$2:AJ$366,ROUNDDOWN($C1340/24,0)+1,1))-1)+IF('Standard Profiles'!$G$20=$B$10,7,0)+IF('Standard Profiles'!$G$20=$B$17,14,0)+IF('Standard Profiles'!$G$20=$B$24,21,0),MOD($C1340,24)+1)/SUM(INDEX($D$3:$AA$30,INDEX(Jesper!$R$2:$R$366,ROW(INDEX(Jesper!AJ$2:AJ$366,ROUNDDOWN($C1340/24,0)+1,1))-1)+IF('Standard Profiles'!$G$20=$B$10,7,0)+IF('Standard Profiles'!$G$20=$B$17,14,0)+IF('Standard Profiles'!$G$20=$B$24,21,0),0)),0)</f>
        <v>0</v>
      </c>
      <c r="G1340" cm="1">
        <f t="array" ref="G1340">IFERROR(INDEX(Jesper!AK$2:AK$366,ROUNDDOWN($C1340/24,0)+1,1)*INDEX($D$3:$AA$30,INDEX(Jesper!$R$2:$R$366,ROW(INDEX(Jesper!AK$2:AK$366,ROUNDDOWN($C1340/24,0)+1,1))-1)+IF('Standard Profiles'!$G$21=$B$10,7,0)+IF('Standard Profiles'!$G$21=$B$17,14,0)+IF('Standard Profiles'!$G$21=$B$24,21,0),MOD($C1340,24)+1)/SUM(INDEX($D$3:$AA$30,INDEX(Jesper!$R$2:$R$366,ROW(INDEX(Jesper!AK$2:AK$366,ROUNDDOWN($C1340/24,0)+1,1))-1)+IF('Standard Profiles'!$G$21=$B$10,7,0)+IF('Standard Profiles'!$G$21=$B$17,14,0)+IF('Standard Profiles'!$G$21=$B$24,21,0),0)),0)</f>
        <v>4.7591918280558811</v>
      </c>
      <c r="H1340" cm="1">
        <f t="array" ref="H1340">IFERROR(INDEX(Jesper!AL$2:AL$366,ROUNDDOWN($C1340/24,0)+1,1)*INDEX($D$3:$AA$30,INDEX(Jesper!$R$2:$R$366,ROW(INDEX(Jesper!AL$2:AL$366,ROUNDDOWN($C1340/24,0)+1,1))-1)+IF('Standard Profiles'!$G$22=$B$10,7,0)+IF('Standard Profiles'!$G$22=$B$17,14,0)+IF('Standard Profiles'!$G$22=$B$24,21,0),MOD($C1340,24)+1)/SUM(INDEX($D$3:$AA$30,INDEX(Jesper!$R$2:$R$366,ROW(INDEX(Jesper!AL$2:AL$366,ROUNDDOWN($C1340/24,0)+1,1))-1)+IF('Standard Profiles'!$G$22=$B$10,7,0)+IF('Standard Profiles'!$G$22=$B$17,14,0)+IF('Standard Profiles'!$G$22=$B$24,21,0),0)),0)</f>
        <v>0</v>
      </c>
      <c r="I1340">
        <f t="shared" si="160"/>
        <v>2.284412077466822</v>
      </c>
      <c r="J1340">
        <f t="shared" si="161"/>
        <v>51.68926202103912</v>
      </c>
      <c r="K1340">
        <f t="shared" si="162"/>
        <v>3.3235937114469927</v>
      </c>
      <c r="L1340">
        <f t="shared" si="163"/>
        <v>1.6617968557234963</v>
      </c>
      <c r="M1340">
        <f t="shared" si="164"/>
        <v>0</v>
      </c>
      <c r="N1340" s="45">
        <f t="shared" si="165"/>
        <v>44981.416666663499</v>
      </c>
    </row>
    <row r="1341" spans="2:14" x14ac:dyDescent="0.25">
      <c r="B1341">
        <f t="shared" si="159"/>
        <v>5</v>
      </c>
      <c r="C1341" s="16">
        <v>1307</v>
      </c>
      <c r="D1341" cm="1">
        <f t="array" ref="D1341">IFERROR(INDEX(Jesper!AH$2:AH$366,ROUNDDOWN($C1341/24,0)+1,1)*INDEX($D$3:$AA$30,INDEX(Jesper!$R$2:$R$366,ROW(INDEX(Jesper!AH$2:AH$366,ROUNDDOWN($C1341/24,0)+1,1))-1)+IF('Standard Profiles'!$G$18=$B$10,7,0)+IF('Standard Profiles'!$G$18=$B$17,14,0)+IF('Standard Profiles'!$G$18=$B$24,21,0),MOD($C1341,24)+1)/SUM(INDEX($D$3:$AA$30,INDEX(Jesper!$R$2:$R$366,ROW(INDEX(Jesper!AH$2:AH$366,ROUNDDOWN($C1341/24,0)+1,1))-1)+IF('Standard Profiles'!$G$18=$B$10,7,0)+IF('Standard Profiles'!$G$18=$B$17,14,0)+IF('Standard Profiles'!$G$18=$B$24,21,0),0)),0)</f>
        <v>36.82390759841838</v>
      </c>
      <c r="E1341" cm="1">
        <f t="array" ref="E1341">IFERROR(INDEX(Jesper!AI$2:AI$366,ROUNDDOWN($C1341/24,0)+1,1)*INDEX($D$3:$AA$30,INDEX(Jesper!$R$2:$R$366,ROW(INDEX(Jesper!AI$2:AI$366,ROUNDDOWN($C1341/24,0)+1,1))-1)+IF('Standard Profiles'!$G$19=$B$10,7,0)+IF('Standard Profiles'!$G$19=$B$17,14,0)+IF('Standard Profiles'!$G$19=$B$24,21,0),MOD($C1341,24)+1)/SUM(INDEX($D$3:$AA$30,INDEX(Jesper!$R$2:$R$366,ROW(INDEX(Jesper!AI$2:AI$366,ROUNDDOWN($C1341/24,0)+1,1))-1)+IF('Standard Profiles'!$G$19=$B$10,7,0)+IF('Standard Profiles'!$G$19=$B$17,14,0)+IF('Standard Profiles'!$G$19=$B$24,21,0),0)),0)</f>
        <v>27.230487573314992</v>
      </c>
      <c r="F1341" cm="1">
        <f t="array" ref="F1341">IFERROR(INDEX(Jesper!AJ$2:AJ$366,ROUNDDOWN($C1341/24,0)+1,1)*INDEX($D$3:$AA$30,INDEX(Jesper!$R$2:$R$366,ROW(INDEX(Jesper!AJ$2:AJ$366,ROUNDDOWN($C1341/24,0)+1,1))-1)+IF('Standard Profiles'!$G$20=$B$10,7,0)+IF('Standard Profiles'!$G$20=$B$17,14,0)+IF('Standard Profiles'!$G$20=$B$24,21,0),MOD($C1341,24)+1)/SUM(INDEX($D$3:$AA$30,INDEX(Jesper!$R$2:$R$366,ROW(INDEX(Jesper!AJ$2:AJ$366,ROUNDDOWN($C1341/24,0)+1,1))-1)+IF('Standard Profiles'!$G$20=$B$10,7,0)+IF('Standard Profiles'!$G$20=$B$17,14,0)+IF('Standard Profiles'!$G$20=$B$24,21,0),0)),0)</f>
        <v>0</v>
      </c>
      <c r="G1341" cm="1">
        <f t="array" ref="G1341">IFERROR(INDEX(Jesper!AK$2:AK$366,ROUNDDOWN($C1341/24,0)+1,1)*INDEX($D$3:$AA$30,INDEX(Jesper!$R$2:$R$366,ROW(INDEX(Jesper!AK$2:AK$366,ROUNDDOWN($C1341/24,0)+1,1))-1)+IF('Standard Profiles'!$G$21=$B$10,7,0)+IF('Standard Profiles'!$G$21=$B$17,14,0)+IF('Standard Profiles'!$G$21=$B$24,21,0),MOD($C1341,24)+1)/SUM(INDEX($D$3:$AA$30,INDEX(Jesper!$R$2:$R$366,ROW(INDEX(Jesper!AK$2:AK$366,ROUNDDOWN($C1341/24,0)+1,1))-1)+IF('Standard Profiles'!$G$21=$B$10,7,0)+IF('Standard Profiles'!$G$21=$B$17,14,0)+IF('Standard Profiles'!$G$21=$B$24,21,0),0)),0)</f>
        <v>5.6244994331569504</v>
      </c>
      <c r="H1341" cm="1">
        <f t="array" ref="H1341">IFERROR(INDEX(Jesper!AL$2:AL$366,ROUNDDOWN($C1341/24,0)+1,1)*INDEX($D$3:$AA$30,INDEX(Jesper!$R$2:$R$366,ROW(INDEX(Jesper!AL$2:AL$366,ROUNDDOWN($C1341/24,0)+1,1))-1)+IF('Standard Profiles'!$G$22=$B$10,7,0)+IF('Standard Profiles'!$G$22=$B$17,14,0)+IF('Standard Profiles'!$G$22=$B$24,21,0),MOD($C1341,24)+1)/SUM(INDEX($D$3:$AA$30,INDEX(Jesper!$R$2:$R$366,ROW(INDEX(Jesper!AL$2:AL$366,ROUNDDOWN($C1341/24,0)+1,1))-1)+IF('Standard Profiles'!$G$22=$B$10,7,0)+IF('Standard Profiles'!$G$22=$B$17,14,0)+IF('Standard Profiles'!$G$22=$B$24,21,0),0)),0)</f>
        <v>0</v>
      </c>
      <c r="I1341">
        <f t="shared" si="160"/>
        <v>2.6997597279153349</v>
      </c>
      <c r="J1341">
        <f t="shared" si="161"/>
        <v>61.087309661228041</v>
      </c>
      <c r="K1341">
        <f t="shared" si="162"/>
        <v>3.9278834771646274</v>
      </c>
      <c r="L1341">
        <f t="shared" si="163"/>
        <v>1.9639417385823137</v>
      </c>
      <c r="M1341">
        <f t="shared" si="164"/>
        <v>0</v>
      </c>
      <c r="N1341" s="45">
        <f t="shared" si="165"/>
        <v>44981.458333330163</v>
      </c>
    </row>
    <row r="1342" spans="2:14" x14ac:dyDescent="0.25">
      <c r="B1342">
        <f t="shared" si="159"/>
        <v>5</v>
      </c>
      <c r="C1342" s="16">
        <v>1308</v>
      </c>
      <c r="D1342" cm="1">
        <f t="array" ref="D1342">IFERROR(INDEX(Jesper!AH$2:AH$366,ROUNDDOWN($C1342/24,0)+1,1)*INDEX($D$3:$AA$30,INDEX(Jesper!$R$2:$R$366,ROW(INDEX(Jesper!AH$2:AH$366,ROUNDDOWN($C1342/24,0)+1,1))-1)+IF('Standard Profiles'!$G$18=$B$10,7,0)+IF('Standard Profiles'!$G$18=$B$17,14,0)+IF('Standard Profiles'!$G$18=$B$24,21,0),MOD($C1342,24)+1)/SUM(INDEX($D$3:$AA$30,INDEX(Jesper!$R$2:$R$366,ROW(INDEX(Jesper!AH$2:AH$366,ROUNDDOWN($C1342/24,0)+1,1))-1)+IF('Standard Profiles'!$G$18=$B$10,7,0)+IF('Standard Profiles'!$G$18=$B$17,14,0)+IF('Standard Profiles'!$G$18=$B$24,21,0),0)),0)</f>
        <v>36.82390759841838</v>
      </c>
      <c r="E1342" cm="1">
        <f t="array" ref="E1342">IFERROR(INDEX(Jesper!AI$2:AI$366,ROUNDDOWN($C1342/24,0)+1,1)*INDEX($D$3:$AA$30,INDEX(Jesper!$R$2:$R$366,ROW(INDEX(Jesper!AI$2:AI$366,ROUNDDOWN($C1342/24,0)+1,1))-1)+IF('Standard Profiles'!$G$19=$B$10,7,0)+IF('Standard Profiles'!$G$19=$B$17,14,0)+IF('Standard Profiles'!$G$19=$B$24,21,0),MOD($C1342,24)+1)/SUM(INDEX($D$3:$AA$30,INDEX(Jesper!$R$2:$R$366,ROW(INDEX(Jesper!AI$2:AI$366,ROUNDDOWN($C1342/24,0)+1,1))-1)+IF('Standard Profiles'!$G$19=$B$10,7,0)+IF('Standard Profiles'!$G$19=$B$17,14,0)+IF('Standard Profiles'!$G$19=$B$24,21,0),0)),0)</f>
        <v>27.230487573314992</v>
      </c>
      <c r="F1342" cm="1">
        <f t="array" ref="F1342">IFERROR(INDEX(Jesper!AJ$2:AJ$366,ROUNDDOWN($C1342/24,0)+1,1)*INDEX($D$3:$AA$30,INDEX(Jesper!$R$2:$R$366,ROW(INDEX(Jesper!AJ$2:AJ$366,ROUNDDOWN($C1342/24,0)+1,1))-1)+IF('Standard Profiles'!$G$20=$B$10,7,0)+IF('Standard Profiles'!$G$20=$B$17,14,0)+IF('Standard Profiles'!$G$20=$B$24,21,0),MOD($C1342,24)+1)/SUM(INDEX($D$3:$AA$30,INDEX(Jesper!$R$2:$R$366,ROW(INDEX(Jesper!AJ$2:AJ$366,ROUNDDOWN($C1342/24,0)+1,1))-1)+IF('Standard Profiles'!$G$20=$B$10,7,0)+IF('Standard Profiles'!$G$20=$B$17,14,0)+IF('Standard Profiles'!$G$20=$B$24,21,0),0)),0)</f>
        <v>0</v>
      </c>
      <c r="G1342" cm="1">
        <f t="array" ref="G1342">IFERROR(INDEX(Jesper!AK$2:AK$366,ROUNDDOWN($C1342/24,0)+1,1)*INDEX($D$3:$AA$30,INDEX(Jesper!$R$2:$R$366,ROW(INDEX(Jesper!AK$2:AK$366,ROUNDDOWN($C1342/24,0)+1,1))-1)+IF('Standard Profiles'!$G$21=$B$10,7,0)+IF('Standard Profiles'!$G$21=$B$17,14,0)+IF('Standard Profiles'!$G$21=$B$24,21,0),MOD($C1342,24)+1)/SUM(INDEX($D$3:$AA$30,INDEX(Jesper!$R$2:$R$366,ROW(INDEX(Jesper!AK$2:AK$366,ROUNDDOWN($C1342/24,0)+1,1))-1)+IF('Standard Profiles'!$G$21=$B$10,7,0)+IF('Standard Profiles'!$G$21=$B$17,14,0)+IF('Standard Profiles'!$G$21=$B$24,21,0),0)),0)</f>
        <v>5.6244994331569504</v>
      </c>
      <c r="H1342" cm="1">
        <f t="array" ref="H1342">IFERROR(INDEX(Jesper!AL$2:AL$366,ROUNDDOWN($C1342/24,0)+1,1)*INDEX($D$3:$AA$30,INDEX(Jesper!$R$2:$R$366,ROW(INDEX(Jesper!AL$2:AL$366,ROUNDDOWN($C1342/24,0)+1,1))-1)+IF('Standard Profiles'!$G$22=$B$10,7,0)+IF('Standard Profiles'!$G$22=$B$17,14,0)+IF('Standard Profiles'!$G$22=$B$24,21,0),MOD($C1342,24)+1)/SUM(INDEX($D$3:$AA$30,INDEX(Jesper!$R$2:$R$366,ROW(INDEX(Jesper!AL$2:AL$366,ROUNDDOWN($C1342/24,0)+1,1))-1)+IF('Standard Profiles'!$G$22=$B$10,7,0)+IF('Standard Profiles'!$G$22=$B$17,14,0)+IF('Standard Profiles'!$G$22=$B$24,21,0),0)),0)</f>
        <v>0</v>
      </c>
      <c r="I1342">
        <f t="shared" si="160"/>
        <v>2.6997597279153349</v>
      </c>
      <c r="J1342">
        <f t="shared" si="161"/>
        <v>61.087309661228041</v>
      </c>
      <c r="K1342">
        <f t="shared" si="162"/>
        <v>3.9278834771646274</v>
      </c>
      <c r="L1342">
        <f t="shared" si="163"/>
        <v>1.9639417385823137</v>
      </c>
      <c r="M1342">
        <f t="shared" si="164"/>
        <v>0</v>
      </c>
      <c r="N1342" s="45">
        <f t="shared" si="165"/>
        <v>44981.499999996828</v>
      </c>
    </row>
    <row r="1343" spans="2:14" x14ac:dyDescent="0.25">
      <c r="B1343">
        <f t="shared" si="159"/>
        <v>5</v>
      </c>
      <c r="C1343" s="16">
        <v>1309</v>
      </c>
      <c r="D1343" cm="1">
        <f t="array" ref="D1343">IFERROR(INDEX(Jesper!AH$2:AH$366,ROUNDDOWN($C1343/24,0)+1,1)*INDEX($D$3:$AA$30,INDEX(Jesper!$R$2:$R$366,ROW(INDEX(Jesper!AH$2:AH$366,ROUNDDOWN($C1343/24,0)+1,1))-1)+IF('Standard Profiles'!$G$18=$B$10,7,0)+IF('Standard Profiles'!$G$18=$B$17,14,0)+IF('Standard Profiles'!$G$18=$B$24,21,0),MOD($C1343,24)+1)/SUM(INDEX($D$3:$AA$30,INDEX(Jesper!$R$2:$R$366,ROW(INDEX(Jesper!AH$2:AH$366,ROUNDDOWN($C1343/24,0)+1,1))-1)+IF('Standard Profiles'!$G$18=$B$10,7,0)+IF('Standard Profiles'!$G$18=$B$17,14,0)+IF('Standard Profiles'!$G$18=$B$24,21,0),0)),0)</f>
        <v>25.493474491212726</v>
      </c>
      <c r="E1343" cm="1">
        <f t="array" ref="E1343">IFERROR(INDEX(Jesper!AI$2:AI$366,ROUNDDOWN($C1343/24,0)+1,1)*INDEX($D$3:$AA$30,INDEX(Jesper!$R$2:$R$366,ROW(INDEX(Jesper!AI$2:AI$366,ROUNDDOWN($C1343/24,0)+1,1))-1)+IF('Standard Profiles'!$G$19=$B$10,7,0)+IF('Standard Profiles'!$G$19=$B$17,14,0)+IF('Standard Profiles'!$G$19=$B$24,21,0),MOD($C1343,24)+1)/SUM(INDEX($D$3:$AA$30,INDEX(Jesper!$R$2:$R$366,ROW(INDEX(Jesper!AI$2:AI$366,ROUNDDOWN($C1343/24,0)+1,1))-1)+IF('Standard Profiles'!$G$19=$B$10,7,0)+IF('Standard Profiles'!$G$19=$B$17,14,0)+IF('Standard Profiles'!$G$19=$B$24,21,0),0)),0)</f>
        <v>18.851876012294998</v>
      </c>
      <c r="F1343" cm="1">
        <f t="array" ref="F1343">IFERROR(INDEX(Jesper!AJ$2:AJ$366,ROUNDDOWN($C1343/24,0)+1,1)*INDEX($D$3:$AA$30,INDEX(Jesper!$R$2:$R$366,ROW(INDEX(Jesper!AJ$2:AJ$366,ROUNDDOWN($C1343/24,0)+1,1))-1)+IF('Standard Profiles'!$G$20=$B$10,7,0)+IF('Standard Profiles'!$G$20=$B$17,14,0)+IF('Standard Profiles'!$G$20=$B$24,21,0),MOD($C1343,24)+1)/SUM(INDEX($D$3:$AA$30,INDEX(Jesper!$R$2:$R$366,ROW(INDEX(Jesper!AJ$2:AJ$366,ROUNDDOWN($C1343/24,0)+1,1))-1)+IF('Standard Profiles'!$G$20=$B$10,7,0)+IF('Standard Profiles'!$G$20=$B$17,14,0)+IF('Standard Profiles'!$G$20=$B$24,21,0),0)),0)</f>
        <v>0</v>
      </c>
      <c r="G1343" cm="1">
        <f t="array" ref="G1343">IFERROR(INDEX(Jesper!AK$2:AK$366,ROUNDDOWN($C1343/24,0)+1,1)*INDEX($D$3:$AA$30,INDEX(Jesper!$R$2:$R$366,ROW(INDEX(Jesper!AK$2:AK$366,ROUNDDOWN($C1343/24,0)+1,1))-1)+IF('Standard Profiles'!$G$21=$B$10,7,0)+IF('Standard Profiles'!$G$21=$B$17,14,0)+IF('Standard Profiles'!$G$21=$B$24,21,0),MOD($C1343,24)+1)/SUM(INDEX($D$3:$AA$30,INDEX(Jesper!$R$2:$R$366,ROW(INDEX(Jesper!AK$2:AK$366,ROUNDDOWN($C1343/24,0)+1,1))-1)+IF('Standard Profiles'!$G$21=$B$10,7,0)+IF('Standard Profiles'!$G$21=$B$17,14,0)+IF('Standard Profiles'!$G$21=$B$24,21,0),0)),0)</f>
        <v>3.8938842229548123</v>
      </c>
      <c r="H1343" cm="1">
        <f t="array" ref="H1343">IFERROR(INDEX(Jesper!AL$2:AL$366,ROUNDDOWN($C1343/24,0)+1,1)*INDEX($D$3:$AA$30,INDEX(Jesper!$R$2:$R$366,ROW(INDEX(Jesper!AL$2:AL$366,ROUNDDOWN($C1343/24,0)+1,1))-1)+IF('Standard Profiles'!$G$22=$B$10,7,0)+IF('Standard Profiles'!$G$22=$B$17,14,0)+IF('Standard Profiles'!$G$22=$B$24,21,0),MOD($C1343,24)+1)/SUM(INDEX($D$3:$AA$30,INDEX(Jesper!$R$2:$R$366,ROW(INDEX(Jesper!AL$2:AL$366,ROUNDDOWN($C1343/24,0)+1,1))-1)+IF('Standard Profiles'!$G$22=$B$10,7,0)+IF('Standard Profiles'!$G$22=$B$17,14,0)+IF('Standard Profiles'!$G$22=$B$24,21,0),0)),0)</f>
        <v>0</v>
      </c>
      <c r="I1343">
        <f t="shared" si="160"/>
        <v>1.869064427018309</v>
      </c>
      <c r="J1343">
        <f t="shared" si="161"/>
        <v>42.291214380850185</v>
      </c>
      <c r="K1343">
        <f t="shared" si="162"/>
        <v>2.7193039457293575</v>
      </c>
      <c r="L1343">
        <f t="shared" si="163"/>
        <v>1.3596519728646788</v>
      </c>
      <c r="M1343">
        <f t="shared" si="164"/>
        <v>0</v>
      </c>
      <c r="N1343" s="45">
        <f t="shared" si="165"/>
        <v>44981.541666663492</v>
      </c>
    </row>
    <row r="1344" spans="2:14" x14ac:dyDescent="0.25">
      <c r="B1344">
        <f t="shared" si="159"/>
        <v>5</v>
      </c>
      <c r="C1344" s="16">
        <v>1310</v>
      </c>
      <c r="D1344" cm="1">
        <f t="array" ref="D1344">IFERROR(INDEX(Jesper!AH$2:AH$366,ROUNDDOWN($C1344/24,0)+1,1)*INDEX($D$3:$AA$30,INDEX(Jesper!$R$2:$R$366,ROW(INDEX(Jesper!AH$2:AH$366,ROUNDDOWN($C1344/24,0)+1,1))-1)+IF('Standard Profiles'!$G$18=$B$10,7,0)+IF('Standard Profiles'!$G$18=$B$17,14,0)+IF('Standard Profiles'!$G$18=$B$24,21,0),MOD($C1344,24)+1)/SUM(INDEX($D$3:$AA$30,INDEX(Jesper!$R$2:$R$366,ROW(INDEX(Jesper!AH$2:AH$366,ROUNDDOWN($C1344/24,0)+1,1))-1)+IF('Standard Profiles'!$G$18=$B$10,7,0)+IF('Standard Profiles'!$G$18=$B$17,14,0)+IF('Standard Profiles'!$G$18=$B$24,21,0),0)),0)</f>
        <v>36.82390759841838</v>
      </c>
      <c r="E1344" cm="1">
        <f t="array" ref="E1344">IFERROR(INDEX(Jesper!AI$2:AI$366,ROUNDDOWN($C1344/24,0)+1,1)*INDEX($D$3:$AA$30,INDEX(Jesper!$R$2:$R$366,ROW(INDEX(Jesper!AI$2:AI$366,ROUNDDOWN($C1344/24,0)+1,1))-1)+IF('Standard Profiles'!$G$19=$B$10,7,0)+IF('Standard Profiles'!$G$19=$B$17,14,0)+IF('Standard Profiles'!$G$19=$B$24,21,0),MOD($C1344,24)+1)/SUM(INDEX($D$3:$AA$30,INDEX(Jesper!$R$2:$R$366,ROW(INDEX(Jesper!AI$2:AI$366,ROUNDDOWN($C1344/24,0)+1,1))-1)+IF('Standard Profiles'!$G$19=$B$10,7,0)+IF('Standard Profiles'!$G$19=$B$17,14,0)+IF('Standard Profiles'!$G$19=$B$24,21,0),0)),0)</f>
        <v>27.230487573314992</v>
      </c>
      <c r="F1344" cm="1">
        <f t="array" ref="F1344">IFERROR(INDEX(Jesper!AJ$2:AJ$366,ROUNDDOWN($C1344/24,0)+1,1)*INDEX($D$3:$AA$30,INDEX(Jesper!$R$2:$R$366,ROW(INDEX(Jesper!AJ$2:AJ$366,ROUNDDOWN($C1344/24,0)+1,1))-1)+IF('Standard Profiles'!$G$20=$B$10,7,0)+IF('Standard Profiles'!$G$20=$B$17,14,0)+IF('Standard Profiles'!$G$20=$B$24,21,0),MOD($C1344,24)+1)/SUM(INDEX($D$3:$AA$30,INDEX(Jesper!$R$2:$R$366,ROW(INDEX(Jesper!AJ$2:AJ$366,ROUNDDOWN($C1344/24,0)+1,1))-1)+IF('Standard Profiles'!$G$20=$B$10,7,0)+IF('Standard Profiles'!$G$20=$B$17,14,0)+IF('Standard Profiles'!$G$20=$B$24,21,0),0)),0)</f>
        <v>0</v>
      </c>
      <c r="G1344" cm="1">
        <f t="array" ref="G1344">IFERROR(INDEX(Jesper!AK$2:AK$366,ROUNDDOWN($C1344/24,0)+1,1)*INDEX($D$3:$AA$30,INDEX(Jesper!$R$2:$R$366,ROW(INDEX(Jesper!AK$2:AK$366,ROUNDDOWN($C1344/24,0)+1,1))-1)+IF('Standard Profiles'!$G$21=$B$10,7,0)+IF('Standard Profiles'!$G$21=$B$17,14,0)+IF('Standard Profiles'!$G$21=$B$24,21,0),MOD($C1344,24)+1)/SUM(INDEX($D$3:$AA$30,INDEX(Jesper!$R$2:$R$366,ROW(INDEX(Jesper!AK$2:AK$366,ROUNDDOWN($C1344/24,0)+1,1))-1)+IF('Standard Profiles'!$G$21=$B$10,7,0)+IF('Standard Profiles'!$G$21=$B$17,14,0)+IF('Standard Profiles'!$G$21=$B$24,21,0),0)),0)</f>
        <v>5.6244994331569504</v>
      </c>
      <c r="H1344" cm="1">
        <f t="array" ref="H1344">IFERROR(INDEX(Jesper!AL$2:AL$366,ROUNDDOWN($C1344/24,0)+1,1)*INDEX($D$3:$AA$30,INDEX(Jesper!$R$2:$R$366,ROW(INDEX(Jesper!AL$2:AL$366,ROUNDDOWN($C1344/24,0)+1,1))-1)+IF('Standard Profiles'!$G$22=$B$10,7,0)+IF('Standard Profiles'!$G$22=$B$17,14,0)+IF('Standard Profiles'!$G$22=$B$24,21,0),MOD($C1344,24)+1)/SUM(INDEX($D$3:$AA$30,INDEX(Jesper!$R$2:$R$366,ROW(INDEX(Jesper!AL$2:AL$366,ROUNDDOWN($C1344/24,0)+1,1))-1)+IF('Standard Profiles'!$G$22=$B$10,7,0)+IF('Standard Profiles'!$G$22=$B$17,14,0)+IF('Standard Profiles'!$G$22=$B$24,21,0),0)),0)</f>
        <v>0</v>
      </c>
      <c r="I1344">
        <f t="shared" si="160"/>
        <v>2.6997597279153349</v>
      </c>
      <c r="J1344">
        <f t="shared" si="161"/>
        <v>61.087309661228041</v>
      </c>
      <c r="K1344">
        <f t="shared" si="162"/>
        <v>3.9278834771646274</v>
      </c>
      <c r="L1344">
        <f t="shared" si="163"/>
        <v>1.9639417385823137</v>
      </c>
      <c r="M1344">
        <f t="shared" si="164"/>
        <v>0</v>
      </c>
      <c r="N1344" s="45">
        <f t="shared" si="165"/>
        <v>44981.583333330156</v>
      </c>
    </row>
    <row r="1345" spans="2:14" x14ac:dyDescent="0.25">
      <c r="B1345">
        <f t="shared" si="159"/>
        <v>5</v>
      </c>
      <c r="C1345" s="16">
        <v>1311</v>
      </c>
      <c r="D1345" cm="1">
        <f t="array" ref="D1345">IFERROR(INDEX(Jesper!AH$2:AH$366,ROUNDDOWN($C1345/24,0)+1,1)*INDEX($D$3:$AA$30,INDEX(Jesper!$R$2:$R$366,ROW(INDEX(Jesper!AH$2:AH$366,ROUNDDOWN($C1345/24,0)+1,1))-1)+IF('Standard Profiles'!$G$18=$B$10,7,0)+IF('Standard Profiles'!$G$18=$B$17,14,0)+IF('Standard Profiles'!$G$18=$B$24,21,0),MOD($C1345,24)+1)/SUM(INDEX($D$3:$AA$30,INDEX(Jesper!$R$2:$R$366,ROW(INDEX(Jesper!AH$2:AH$366,ROUNDDOWN($C1345/24,0)+1,1))-1)+IF('Standard Profiles'!$G$18=$B$10,7,0)+IF('Standard Profiles'!$G$18=$B$17,14,0)+IF('Standard Profiles'!$G$18=$B$24,21,0),0)),0)</f>
        <v>28.326082768014139</v>
      </c>
      <c r="E1345" cm="1">
        <f t="array" ref="E1345">IFERROR(INDEX(Jesper!AI$2:AI$366,ROUNDDOWN($C1345/24,0)+1,1)*INDEX($D$3:$AA$30,INDEX(Jesper!$R$2:$R$366,ROW(INDEX(Jesper!AI$2:AI$366,ROUNDDOWN($C1345/24,0)+1,1))-1)+IF('Standard Profiles'!$G$19=$B$10,7,0)+IF('Standard Profiles'!$G$19=$B$17,14,0)+IF('Standard Profiles'!$G$19=$B$24,21,0),MOD($C1345,24)+1)/SUM(INDEX($D$3:$AA$30,INDEX(Jesper!$R$2:$R$366,ROW(INDEX(Jesper!AI$2:AI$366,ROUNDDOWN($C1345/24,0)+1,1))-1)+IF('Standard Profiles'!$G$19=$B$10,7,0)+IF('Standard Profiles'!$G$19=$B$17,14,0)+IF('Standard Profiles'!$G$19=$B$24,21,0),0)),0)</f>
        <v>20.946528902549996</v>
      </c>
      <c r="F1345" cm="1">
        <f t="array" ref="F1345">IFERROR(INDEX(Jesper!AJ$2:AJ$366,ROUNDDOWN($C1345/24,0)+1,1)*INDEX($D$3:$AA$30,INDEX(Jesper!$R$2:$R$366,ROW(INDEX(Jesper!AJ$2:AJ$366,ROUNDDOWN($C1345/24,0)+1,1))-1)+IF('Standard Profiles'!$G$20=$B$10,7,0)+IF('Standard Profiles'!$G$20=$B$17,14,0)+IF('Standard Profiles'!$G$20=$B$24,21,0),MOD($C1345,24)+1)/SUM(INDEX($D$3:$AA$30,INDEX(Jesper!$R$2:$R$366,ROW(INDEX(Jesper!AJ$2:AJ$366,ROUNDDOWN($C1345/24,0)+1,1))-1)+IF('Standard Profiles'!$G$20=$B$10,7,0)+IF('Standard Profiles'!$G$20=$B$17,14,0)+IF('Standard Profiles'!$G$20=$B$24,21,0),0)),0)</f>
        <v>0</v>
      </c>
      <c r="G1345" cm="1">
        <f t="array" ref="G1345">IFERROR(INDEX(Jesper!AK$2:AK$366,ROUNDDOWN($C1345/24,0)+1,1)*INDEX($D$3:$AA$30,INDEX(Jesper!$R$2:$R$366,ROW(INDEX(Jesper!AK$2:AK$366,ROUNDDOWN($C1345/24,0)+1,1))-1)+IF('Standard Profiles'!$G$21=$B$10,7,0)+IF('Standard Profiles'!$G$21=$B$17,14,0)+IF('Standard Profiles'!$G$21=$B$24,21,0),MOD($C1345,24)+1)/SUM(INDEX($D$3:$AA$30,INDEX(Jesper!$R$2:$R$366,ROW(INDEX(Jesper!AK$2:AK$366,ROUNDDOWN($C1345/24,0)+1,1))-1)+IF('Standard Profiles'!$G$21=$B$10,7,0)+IF('Standard Profiles'!$G$21=$B$17,14,0)+IF('Standard Profiles'!$G$21=$B$24,21,0),0)),0)</f>
        <v>4.7591918280558811</v>
      </c>
      <c r="H1345" cm="1">
        <f t="array" ref="H1345">IFERROR(INDEX(Jesper!AL$2:AL$366,ROUNDDOWN($C1345/24,0)+1,1)*INDEX($D$3:$AA$30,INDEX(Jesper!$R$2:$R$366,ROW(INDEX(Jesper!AL$2:AL$366,ROUNDDOWN($C1345/24,0)+1,1))-1)+IF('Standard Profiles'!$G$22=$B$10,7,0)+IF('Standard Profiles'!$G$22=$B$17,14,0)+IF('Standard Profiles'!$G$22=$B$24,21,0),MOD($C1345,24)+1)/SUM(INDEX($D$3:$AA$30,INDEX(Jesper!$R$2:$R$366,ROW(INDEX(Jesper!AL$2:AL$366,ROUNDDOWN($C1345/24,0)+1,1))-1)+IF('Standard Profiles'!$G$22=$B$10,7,0)+IF('Standard Profiles'!$G$22=$B$17,14,0)+IF('Standard Profiles'!$G$22=$B$24,21,0),0)),0)</f>
        <v>0</v>
      </c>
      <c r="I1345">
        <f t="shared" si="160"/>
        <v>2.284412077466822</v>
      </c>
      <c r="J1345">
        <f t="shared" si="161"/>
        <v>47.215218178270931</v>
      </c>
      <c r="K1345">
        <f t="shared" si="162"/>
        <v>3.0214488285881749</v>
      </c>
      <c r="L1345">
        <f t="shared" si="163"/>
        <v>1.5107244142940874</v>
      </c>
      <c r="M1345">
        <f t="shared" si="164"/>
        <v>0</v>
      </c>
      <c r="N1345" s="45">
        <f t="shared" si="165"/>
        <v>44981.62499999682</v>
      </c>
    </row>
    <row r="1346" spans="2:14" x14ac:dyDescent="0.25">
      <c r="B1346">
        <f t="shared" si="159"/>
        <v>5</v>
      </c>
      <c r="C1346" s="16">
        <v>1312</v>
      </c>
      <c r="D1346" cm="1">
        <f t="array" ref="D1346">IFERROR(INDEX(Jesper!AH$2:AH$366,ROUNDDOWN($C1346/24,0)+1,1)*INDEX($D$3:$AA$30,INDEX(Jesper!$R$2:$R$366,ROW(INDEX(Jesper!AH$2:AH$366,ROUNDDOWN($C1346/24,0)+1,1))-1)+IF('Standard Profiles'!$G$18=$B$10,7,0)+IF('Standard Profiles'!$G$18=$B$17,14,0)+IF('Standard Profiles'!$G$18=$B$24,21,0),MOD($C1346,24)+1)/SUM(INDEX($D$3:$AA$30,INDEX(Jesper!$R$2:$R$366,ROW(INDEX(Jesper!AH$2:AH$366,ROUNDDOWN($C1346/24,0)+1,1))-1)+IF('Standard Profiles'!$G$18=$B$10,7,0)+IF('Standard Profiles'!$G$18=$B$17,14,0)+IF('Standard Profiles'!$G$18=$B$24,21,0),0)),0)</f>
        <v>13.298630407518377</v>
      </c>
      <c r="E1346" cm="1">
        <f t="array" ref="E1346">IFERROR(INDEX(Jesper!AI$2:AI$366,ROUNDDOWN($C1346/24,0)+1,1)*INDEX($D$3:$AA$30,INDEX(Jesper!$R$2:$R$366,ROW(INDEX(Jesper!AI$2:AI$366,ROUNDDOWN($C1346/24,0)+1,1))-1)+IF('Standard Profiles'!$G$19=$B$10,7,0)+IF('Standard Profiles'!$G$19=$B$17,14,0)+IF('Standard Profiles'!$G$19=$B$24,21,0),MOD($C1346,24)+1)/SUM(INDEX($D$3:$AA$30,INDEX(Jesper!$R$2:$R$366,ROW(INDEX(Jesper!AI$2:AI$366,ROUNDDOWN($C1346/24,0)+1,1))-1)+IF('Standard Profiles'!$G$19=$B$10,7,0)+IF('Standard Profiles'!$G$19=$B$17,14,0)+IF('Standard Profiles'!$G$19=$B$24,21,0),0)),0)</f>
        <v>9.8340511279577445</v>
      </c>
      <c r="F1346" cm="1">
        <f t="array" ref="F1346">IFERROR(INDEX(Jesper!AJ$2:AJ$366,ROUNDDOWN($C1346/24,0)+1,1)*INDEX($D$3:$AA$30,INDEX(Jesper!$R$2:$R$366,ROW(INDEX(Jesper!AJ$2:AJ$366,ROUNDDOWN($C1346/24,0)+1,1))-1)+IF('Standard Profiles'!$G$20=$B$10,7,0)+IF('Standard Profiles'!$G$20=$B$17,14,0)+IF('Standard Profiles'!$G$20=$B$24,21,0),MOD($C1346,24)+1)/SUM(INDEX($D$3:$AA$30,INDEX(Jesper!$R$2:$R$366,ROW(INDEX(Jesper!AJ$2:AJ$366,ROUNDDOWN($C1346/24,0)+1,1))-1)+IF('Standard Profiles'!$G$20=$B$10,7,0)+IF('Standard Profiles'!$G$20=$B$17,14,0)+IF('Standard Profiles'!$G$20=$B$24,21,0),0)),0)</f>
        <v>0</v>
      </c>
      <c r="G1346" cm="1">
        <f t="array" ref="G1346">IFERROR(INDEX(Jesper!AK$2:AK$366,ROUNDDOWN($C1346/24,0)+1,1)*INDEX($D$3:$AA$30,INDEX(Jesper!$R$2:$R$366,ROW(INDEX(Jesper!AK$2:AK$366,ROUNDDOWN($C1346/24,0)+1,1))-1)+IF('Standard Profiles'!$G$21=$B$10,7,0)+IF('Standard Profiles'!$G$21=$B$17,14,0)+IF('Standard Profiles'!$G$21=$B$24,21,0),MOD($C1346,24)+1)/SUM(INDEX($D$3:$AA$30,INDEX(Jesper!$R$2:$R$366,ROW(INDEX(Jesper!AK$2:AK$366,ROUNDDOWN($C1346/24,0)+1,1))-1)+IF('Standard Profiles'!$G$21=$B$10,7,0)+IF('Standard Profiles'!$G$21=$B$17,14,0)+IF('Standard Profiles'!$G$21=$B$24,21,0),0)),0)</f>
        <v>4.1205124052431872</v>
      </c>
      <c r="H1346" cm="1">
        <f t="array" ref="H1346">IFERROR(INDEX(Jesper!AL$2:AL$366,ROUNDDOWN($C1346/24,0)+1,1)*INDEX($D$3:$AA$30,INDEX(Jesper!$R$2:$R$366,ROW(INDEX(Jesper!AL$2:AL$366,ROUNDDOWN($C1346/24,0)+1,1))-1)+IF('Standard Profiles'!$G$22=$B$10,7,0)+IF('Standard Profiles'!$G$22=$B$17,14,0)+IF('Standard Profiles'!$G$22=$B$24,21,0),MOD($C1346,24)+1)/SUM(INDEX($D$3:$AA$30,INDEX(Jesper!$R$2:$R$366,ROW(INDEX(Jesper!AL$2:AL$366,ROUNDDOWN($C1346/24,0)+1,1))-1)+IF('Standard Profiles'!$G$22=$B$10,7,0)+IF('Standard Profiles'!$G$22=$B$17,14,0)+IF('Standard Profiles'!$G$22=$B$24,21,0),0)),0)</f>
        <v>0</v>
      </c>
      <c r="I1346">
        <f t="shared" si="160"/>
        <v>1.9778459545167288</v>
      </c>
      <c r="J1346">
        <f t="shared" si="161"/>
        <v>23.147567120999639</v>
      </c>
      <c r="K1346">
        <f t="shared" si="162"/>
        <v>1.4185205768019604</v>
      </c>
      <c r="L1346">
        <f t="shared" si="163"/>
        <v>0.70926028840098021</v>
      </c>
      <c r="M1346">
        <f t="shared" si="164"/>
        <v>0</v>
      </c>
      <c r="N1346" s="45">
        <f t="shared" si="165"/>
        <v>44981.666666663485</v>
      </c>
    </row>
    <row r="1347" spans="2:14" x14ac:dyDescent="0.25">
      <c r="B1347">
        <f t="shared" si="159"/>
        <v>5</v>
      </c>
      <c r="C1347" s="16">
        <v>1313</v>
      </c>
      <c r="D1347" cm="1">
        <f t="array" ref="D1347">IFERROR(INDEX(Jesper!AH$2:AH$366,ROUNDDOWN($C1347/24,0)+1,1)*INDEX($D$3:$AA$30,INDEX(Jesper!$R$2:$R$366,ROW(INDEX(Jesper!AH$2:AH$366,ROUNDDOWN($C1347/24,0)+1,1))-1)+IF('Standard Profiles'!$G$18=$B$10,7,0)+IF('Standard Profiles'!$G$18=$B$17,14,0)+IF('Standard Profiles'!$G$18=$B$24,21,0),MOD($C1347,24)+1)/SUM(INDEX($D$3:$AA$30,INDEX(Jesper!$R$2:$R$366,ROW(INDEX(Jesper!AH$2:AH$366,ROUNDDOWN($C1347/24,0)+1,1))-1)+IF('Standard Profiles'!$G$18=$B$10,7,0)+IF('Standard Profiles'!$G$18=$B$17,14,0)+IF('Standard Profiles'!$G$18=$B$24,21,0),0)),0)</f>
        <v>8.7770960689621287</v>
      </c>
      <c r="E1347" cm="1">
        <f t="array" ref="E1347">IFERROR(INDEX(Jesper!AI$2:AI$366,ROUNDDOWN($C1347/24,0)+1,1)*INDEX($D$3:$AA$30,INDEX(Jesper!$R$2:$R$366,ROW(INDEX(Jesper!AI$2:AI$366,ROUNDDOWN($C1347/24,0)+1,1))-1)+IF('Standard Profiles'!$G$19=$B$10,7,0)+IF('Standard Profiles'!$G$19=$B$17,14,0)+IF('Standard Profiles'!$G$19=$B$24,21,0),MOD($C1347,24)+1)/SUM(INDEX($D$3:$AA$30,INDEX(Jesper!$R$2:$R$366,ROW(INDEX(Jesper!AI$2:AI$366,ROUNDDOWN($C1347/24,0)+1,1))-1)+IF('Standard Profiles'!$G$19=$B$10,7,0)+IF('Standard Profiles'!$G$19=$B$17,14,0)+IF('Standard Profiles'!$G$19=$B$24,21,0),0)),0)</f>
        <v>6.4904737444521112</v>
      </c>
      <c r="F1347" cm="1">
        <f t="array" ref="F1347">IFERROR(INDEX(Jesper!AJ$2:AJ$366,ROUNDDOWN($C1347/24,0)+1,1)*INDEX($D$3:$AA$30,INDEX(Jesper!$R$2:$R$366,ROW(INDEX(Jesper!AJ$2:AJ$366,ROUNDDOWN($C1347/24,0)+1,1))-1)+IF('Standard Profiles'!$G$20=$B$10,7,0)+IF('Standard Profiles'!$G$20=$B$17,14,0)+IF('Standard Profiles'!$G$20=$B$24,21,0),MOD($C1347,24)+1)/SUM(INDEX($D$3:$AA$30,INDEX(Jesper!$R$2:$R$366,ROW(INDEX(Jesper!AJ$2:AJ$366,ROUNDDOWN($C1347/24,0)+1,1))-1)+IF('Standard Profiles'!$G$20=$B$10,7,0)+IF('Standard Profiles'!$G$20=$B$17,14,0)+IF('Standard Profiles'!$G$20=$B$24,21,0),0)),0)</f>
        <v>0</v>
      </c>
      <c r="G1347" cm="1">
        <f t="array" ref="G1347">IFERROR(INDEX(Jesper!AK$2:AK$366,ROUNDDOWN($C1347/24,0)+1,1)*INDEX($D$3:$AA$30,INDEX(Jesper!$R$2:$R$366,ROW(INDEX(Jesper!AK$2:AK$366,ROUNDDOWN($C1347/24,0)+1,1))-1)+IF('Standard Profiles'!$G$21=$B$10,7,0)+IF('Standard Profiles'!$G$21=$B$17,14,0)+IF('Standard Profiles'!$G$21=$B$24,21,0),MOD($C1347,24)+1)/SUM(INDEX($D$3:$AA$30,INDEX(Jesper!$R$2:$R$366,ROW(INDEX(Jesper!AK$2:AK$366,ROUNDDOWN($C1347/24,0)+1,1))-1)+IF('Standard Profiles'!$G$21=$B$10,7,0)+IF('Standard Profiles'!$G$21=$B$17,14,0)+IF('Standard Profiles'!$G$21=$B$24,21,0),0)),0)</f>
        <v>3.4612304204042768</v>
      </c>
      <c r="H1347" cm="1">
        <f t="array" ref="H1347">IFERROR(INDEX(Jesper!AL$2:AL$366,ROUNDDOWN($C1347/24,0)+1,1)*INDEX($D$3:$AA$30,INDEX(Jesper!$R$2:$R$366,ROW(INDEX(Jesper!AL$2:AL$366,ROUNDDOWN($C1347/24,0)+1,1))-1)+IF('Standard Profiles'!$G$22=$B$10,7,0)+IF('Standard Profiles'!$G$22=$B$17,14,0)+IF('Standard Profiles'!$G$22=$B$24,21,0),MOD($C1347,24)+1)/SUM(INDEX($D$3:$AA$30,INDEX(Jesper!$R$2:$R$366,ROW(INDEX(Jesper!AL$2:AL$366,ROUNDDOWN($C1347/24,0)+1,1))-1)+IF('Standard Profiles'!$G$22=$B$10,7,0)+IF('Standard Profiles'!$G$22=$B$17,14,0)+IF('Standard Profiles'!$G$22=$B$24,21,0),0)),0)</f>
        <v>0</v>
      </c>
      <c r="I1347">
        <f t="shared" si="160"/>
        <v>1.6613906017940521</v>
      </c>
      <c r="J1347">
        <f t="shared" si="161"/>
        <v>15.663074260990525</v>
      </c>
      <c r="K1347">
        <f t="shared" si="162"/>
        <v>0.93622358068929379</v>
      </c>
      <c r="L1347">
        <f t="shared" si="163"/>
        <v>0.46811179034464689</v>
      </c>
      <c r="M1347">
        <f t="shared" si="164"/>
        <v>0</v>
      </c>
      <c r="N1347" s="45">
        <f t="shared" si="165"/>
        <v>44981.708333330149</v>
      </c>
    </row>
    <row r="1348" spans="2:14" x14ac:dyDescent="0.25">
      <c r="B1348">
        <f t="shared" si="159"/>
        <v>5</v>
      </c>
      <c r="C1348" s="16">
        <v>1314</v>
      </c>
      <c r="D1348" cm="1">
        <f t="array" ref="D1348">IFERROR(INDEX(Jesper!AH$2:AH$366,ROUNDDOWN($C1348/24,0)+1,1)*INDEX($D$3:$AA$30,INDEX(Jesper!$R$2:$R$366,ROW(INDEX(Jesper!AH$2:AH$366,ROUNDDOWN($C1348/24,0)+1,1))-1)+IF('Standard Profiles'!$G$18=$B$10,7,0)+IF('Standard Profiles'!$G$18=$B$17,14,0)+IF('Standard Profiles'!$G$18=$B$24,21,0),MOD($C1348,24)+1)/SUM(INDEX($D$3:$AA$30,INDEX(Jesper!$R$2:$R$366,ROW(INDEX(Jesper!AH$2:AH$366,ROUNDDOWN($C1348/24,0)+1,1))-1)+IF('Standard Profiles'!$G$18=$B$10,7,0)+IF('Standard Profiles'!$G$18=$B$17,14,0)+IF('Standard Profiles'!$G$18=$B$24,21,0),0)),0)</f>
        <v>5.5854247711577178</v>
      </c>
      <c r="E1348" cm="1">
        <f t="array" ref="E1348">IFERROR(INDEX(Jesper!AI$2:AI$366,ROUNDDOWN($C1348/24,0)+1,1)*INDEX($D$3:$AA$30,INDEX(Jesper!$R$2:$R$366,ROW(INDEX(Jesper!AI$2:AI$366,ROUNDDOWN($C1348/24,0)+1,1))-1)+IF('Standard Profiles'!$G$19=$B$10,7,0)+IF('Standard Profiles'!$G$19=$B$17,14,0)+IF('Standard Profiles'!$G$19=$B$24,21,0),MOD($C1348,24)+1)/SUM(INDEX($D$3:$AA$30,INDEX(Jesper!$R$2:$R$366,ROW(INDEX(Jesper!AI$2:AI$366,ROUNDDOWN($C1348/24,0)+1,1))-1)+IF('Standard Profiles'!$G$19=$B$10,7,0)+IF('Standard Profiles'!$G$19=$B$17,14,0)+IF('Standard Profiles'!$G$19=$B$24,21,0),0)),0)</f>
        <v>4.1303014737422519</v>
      </c>
      <c r="F1348" cm="1">
        <f t="array" ref="F1348">IFERROR(INDEX(Jesper!AJ$2:AJ$366,ROUNDDOWN($C1348/24,0)+1,1)*INDEX($D$3:$AA$30,INDEX(Jesper!$R$2:$R$366,ROW(INDEX(Jesper!AJ$2:AJ$366,ROUNDDOWN($C1348/24,0)+1,1))-1)+IF('Standard Profiles'!$G$20=$B$10,7,0)+IF('Standard Profiles'!$G$20=$B$17,14,0)+IF('Standard Profiles'!$G$20=$B$24,21,0),MOD($C1348,24)+1)/SUM(INDEX($D$3:$AA$30,INDEX(Jesper!$R$2:$R$366,ROW(INDEX(Jesper!AJ$2:AJ$366,ROUNDDOWN($C1348/24,0)+1,1))-1)+IF('Standard Profiles'!$G$20=$B$10,7,0)+IF('Standard Profiles'!$G$20=$B$17,14,0)+IF('Standard Profiles'!$G$20=$B$24,21,0),0)),0)</f>
        <v>0</v>
      </c>
      <c r="G1348" cm="1">
        <f t="array" ref="G1348">IFERROR(INDEX(Jesper!AK$2:AK$366,ROUNDDOWN($C1348/24,0)+1,1)*INDEX($D$3:$AA$30,INDEX(Jesper!$R$2:$R$366,ROW(INDEX(Jesper!AK$2:AK$366,ROUNDDOWN($C1348/24,0)+1,1))-1)+IF('Standard Profiles'!$G$21=$B$10,7,0)+IF('Standard Profiles'!$G$21=$B$17,14,0)+IF('Standard Profiles'!$G$21=$B$24,21,0),MOD($C1348,24)+1)/SUM(INDEX($D$3:$AA$30,INDEX(Jesper!$R$2:$R$366,ROW(INDEX(Jesper!AK$2:AK$366,ROUNDDOWN($C1348/24,0)+1,1))-1)+IF('Standard Profiles'!$G$21=$B$10,7,0)+IF('Standard Profiles'!$G$21=$B$17,14,0)+IF('Standard Profiles'!$G$21=$B$24,21,0),0)),0)</f>
        <v>1.2773588456253879</v>
      </c>
      <c r="H1348" cm="1">
        <f t="array" ref="H1348">IFERROR(INDEX(Jesper!AL$2:AL$366,ROUNDDOWN($C1348/24,0)+1,1)*INDEX($D$3:$AA$30,INDEX(Jesper!$R$2:$R$366,ROW(INDEX(Jesper!AL$2:AL$366,ROUNDDOWN($C1348/24,0)+1,1))-1)+IF('Standard Profiles'!$G$22=$B$10,7,0)+IF('Standard Profiles'!$G$22=$B$17,14,0)+IF('Standard Profiles'!$G$22=$B$24,21,0),MOD($C1348,24)+1)/SUM(INDEX($D$3:$AA$30,INDEX(Jesper!$R$2:$R$366,ROW(INDEX(Jesper!AL$2:AL$366,ROUNDDOWN($C1348/24,0)+1,1))-1)+IF('Standard Profiles'!$G$22=$B$10,7,0)+IF('Standard Profiles'!$G$22=$B$17,14,0)+IF('Standard Profiles'!$G$22=$B$24,21,0),0)),0)</f>
        <v>0</v>
      </c>
      <c r="I1348">
        <f t="shared" si="160"/>
        <v>0.61313224590018589</v>
      </c>
      <c r="J1348">
        <f t="shared" si="161"/>
        <v>9.4862848812399374</v>
      </c>
      <c r="K1348">
        <f t="shared" si="162"/>
        <v>0.59577864225682331</v>
      </c>
      <c r="L1348">
        <f t="shared" si="163"/>
        <v>0.29788932112841165</v>
      </c>
      <c r="M1348">
        <f t="shared" si="164"/>
        <v>0</v>
      </c>
      <c r="N1348" s="45">
        <f t="shared" si="165"/>
        <v>44981.749999996813</v>
      </c>
    </row>
    <row r="1349" spans="2:14" x14ac:dyDescent="0.25">
      <c r="B1349">
        <f t="shared" si="159"/>
        <v>5</v>
      </c>
      <c r="C1349" s="16">
        <v>1315</v>
      </c>
      <c r="D1349" cm="1">
        <f t="array" ref="D1349">IFERROR(INDEX(Jesper!AH$2:AH$366,ROUNDDOWN($C1349/24,0)+1,1)*INDEX($D$3:$AA$30,INDEX(Jesper!$R$2:$R$366,ROW(INDEX(Jesper!AH$2:AH$366,ROUNDDOWN($C1349/24,0)+1,1))-1)+IF('Standard Profiles'!$G$18=$B$10,7,0)+IF('Standard Profiles'!$G$18=$B$17,14,0)+IF('Standard Profiles'!$G$18=$B$24,21,0),MOD($C1349,24)+1)/SUM(INDEX($D$3:$AA$30,INDEX(Jesper!$R$2:$R$366,ROW(INDEX(Jesper!AH$2:AH$366,ROUNDDOWN($C1349/24,0)+1,1))-1)+IF('Standard Profiles'!$G$18=$B$10,7,0)+IF('Standard Profiles'!$G$18=$B$17,14,0)+IF('Standard Profiles'!$G$18=$B$24,21,0),0)),0)</f>
        <v>5.3194521630073508</v>
      </c>
      <c r="E1349" cm="1">
        <f t="array" ref="E1349">IFERROR(INDEX(Jesper!AI$2:AI$366,ROUNDDOWN($C1349/24,0)+1,1)*INDEX($D$3:$AA$30,INDEX(Jesper!$R$2:$R$366,ROW(INDEX(Jesper!AI$2:AI$366,ROUNDDOWN($C1349/24,0)+1,1))-1)+IF('Standard Profiles'!$G$19=$B$10,7,0)+IF('Standard Profiles'!$G$19=$B$17,14,0)+IF('Standard Profiles'!$G$19=$B$24,21,0),MOD($C1349,24)+1)/SUM(INDEX($D$3:$AA$30,INDEX(Jesper!$R$2:$R$366,ROW(INDEX(Jesper!AI$2:AI$366,ROUNDDOWN($C1349/24,0)+1,1))-1)+IF('Standard Profiles'!$G$19=$B$10,7,0)+IF('Standard Profiles'!$G$19=$B$17,14,0)+IF('Standard Profiles'!$G$19=$B$24,21,0),0)),0)</f>
        <v>3.9336204511830974</v>
      </c>
      <c r="F1349" cm="1">
        <f t="array" ref="F1349">IFERROR(INDEX(Jesper!AJ$2:AJ$366,ROUNDDOWN($C1349/24,0)+1,1)*INDEX($D$3:$AA$30,INDEX(Jesper!$R$2:$R$366,ROW(INDEX(Jesper!AJ$2:AJ$366,ROUNDDOWN($C1349/24,0)+1,1))-1)+IF('Standard Profiles'!$G$20=$B$10,7,0)+IF('Standard Profiles'!$G$20=$B$17,14,0)+IF('Standard Profiles'!$G$20=$B$24,21,0),MOD($C1349,24)+1)/SUM(INDEX($D$3:$AA$30,INDEX(Jesper!$R$2:$R$366,ROW(INDEX(Jesper!AJ$2:AJ$366,ROUNDDOWN($C1349/24,0)+1,1))-1)+IF('Standard Profiles'!$G$20=$B$10,7,0)+IF('Standard Profiles'!$G$20=$B$17,14,0)+IF('Standard Profiles'!$G$20=$B$24,21,0),0)),0)</f>
        <v>0</v>
      </c>
      <c r="G1349" cm="1">
        <f t="array" ref="G1349">IFERROR(INDEX(Jesper!AK$2:AK$366,ROUNDDOWN($C1349/24,0)+1,1)*INDEX($D$3:$AA$30,INDEX(Jesper!$R$2:$R$366,ROW(INDEX(Jesper!AK$2:AK$366,ROUNDDOWN($C1349/24,0)+1,1))-1)+IF('Standard Profiles'!$G$21=$B$10,7,0)+IF('Standard Profiles'!$G$21=$B$17,14,0)+IF('Standard Profiles'!$G$21=$B$24,21,0),MOD($C1349,24)+1)/SUM(INDEX($D$3:$AA$30,INDEX(Jesper!$R$2:$R$366,ROW(INDEX(Jesper!AK$2:AK$366,ROUNDDOWN($C1349/24,0)+1,1))-1)+IF('Standard Profiles'!$G$21=$B$10,7,0)+IF('Standard Profiles'!$G$21=$B$17,14,0)+IF('Standard Profiles'!$G$21=$B$24,21,0),0)),0)</f>
        <v>1.2773588456253879</v>
      </c>
      <c r="H1349" cm="1">
        <f t="array" ref="H1349">IFERROR(INDEX(Jesper!AL$2:AL$366,ROUNDDOWN($C1349/24,0)+1,1)*INDEX($D$3:$AA$30,INDEX(Jesper!$R$2:$R$366,ROW(INDEX(Jesper!AL$2:AL$366,ROUNDDOWN($C1349/24,0)+1,1))-1)+IF('Standard Profiles'!$G$22=$B$10,7,0)+IF('Standard Profiles'!$G$22=$B$17,14,0)+IF('Standard Profiles'!$G$22=$B$24,21,0),MOD($C1349,24)+1)/SUM(INDEX($D$3:$AA$30,INDEX(Jesper!$R$2:$R$366,ROW(INDEX(Jesper!AL$2:AL$366,ROUNDDOWN($C1349/24,0)+1,1))-1)+IF('Standard Profiles'!$G$22=$B$10,7,0)+IF('Standard Profiles'!$G$22=$B$17,14,0)+IF('Standard Profiles'!$G$22=$B$24,21,0),0)),0)</f>
        <v>0</v>
      </c>
      <c r="I1349">
        <f t="shared" si="160"/>
        <v>0.61313224590018589</v>
      </c>
      <c r="J1349">
        <f t="shared" si="161"/>
        <v>9.0661868678344728</v>
      </c>
      <c r="K1349">
        <f t="shared" si="162"/>
        <v>0.56740823072078417</v>
      </c>
      <c r="L1349">
        <f t="shared" si="163"/>
        <v>0.28370411536039208</v>
      </c>
      <c r="M1349">
        <f t="shared" si="164"/>
        <v>0</v>
      </c>
      <c r="N1349" s="45">
        <f t="shared" si="165"/>
        <v>44981.791666663477</v>
      </c>
    </row>
    <row r="1350" spans="2:14" x14ac:dyDescent="0.25">
      <c r="B1350">
        <f t="shared" si="159"/>
        <v>5</v>
      </c>
      <c r="C1350" s="16">
        <v>1316</v>
      </c>
      <c r="D1350" cm="1">
        <f t="array" ref="D1350">IFERROR(INDEX(Jesper!AH$2:AH$366,ROUNDDOWN($C1350/24,0)+1,1)*INDEX($D$3:$AA$30,INDEX(Jesper!$R$2:$R$366,ROW(INDEX(Jesper!AH$2:AH$366,ROUNDDOWN($C1350/24,0)+1,1))-1)+IF('Standard Profiles'!$G$18=$B$10,7,0)+IF('Standard Profiles'!$G$18=$B$17,14,0)+IF('Standard Profiles'!$G$18=$B$24,21,0),MOD($C1350,24)+1)/SUM(INDEX($D$3:$AA$30,INDEX(Jesper!$R$2:$R$366,ROW(INDEX(Jesper!AH$2:AH$366,ROUNDDOWN($C1350/24,0)+1,1))-1)+IF('Standard Profiles'!$G$18=$B$10,7,0)+IF('Standard Profiles'!$G$18=$B$17,14,0)+IF('Standard Profiles'!$G$18=$B$24,21,0),0)),0)</f>
        <v>5.3194521630073508</v>
      </c>
      <c r="E1350" cm="1">
        <f t="array" ref="E1350">IFERROR(INDEX(Jesper!AI$2:AI$366,ROUNDDOWN($C1350/24,0)+1,1)*INDEX($D$3:$AA$30,INDEX(Jesper!$R$2:$R$366,ROW(INDEX(Jesper!AI$2:AI$366,ROUNDDOWN($C1350/24,0)+1,1))-1)+IF('Standard Profiles'!$G$19=$B$10,7,0)+IF('Standard Profiles'!$G$19=$B$17,14,0)+IF('Standard Profiles'!$G$19=$B$24,21,0),MOD($C1350,24)+1)/SUM(INDEX($D$3:$AA$30,INDEX(Jesper!$R$2:$R$366,ROW(INDEX(Jesper!AI$2:AI$366,ROUNDDOWN($C1350/24,0)+1,1))-1)+IF('Standard Profiles'!$G$19=$B$10,7,0)+IF('Standard Profiles'!$G$19=$B$17,14,0)+IF('Standard Profiles'!$G$19=$B$24,21,0),0)),0)</f>
        <v>3.9336204511830974</v>
      </c>
      <c r="F1350" cm="1">
        <f t="array" ref="F1350">IFERROR(INDEX(Jesper!AJ$2:AJ$366,ROUNDDOWN($C1350/24,0)+1,1)*INDEX($D$3:$AA$30,INDEX(Jesper!$R$2:$R$366,ROW(INDEX(Jesper!AJ$2:AJ$366,ROUNDDOWN($C1350/24,0)+1,1))-1)+IF('Standard Profiles'!$G$20=$B$10,7,0)+IF('Standard Profiles'!$G$20=$B$17,14,0)+IF('Standard Profiles'!$G$20=$B$24,21,0),MOD($C1350,24)+1)/SUM(INDEX($D$3:$AA$30,INDEX(Jesper!$R$2:$R$366,ROW(INDEX(Jesper!AJ$2:AJ$366,ROUNDDOWN($C1350/24,0)+1,1))-1)+IF('Standard Profiles'!$G$20=$B$10,7,0)+IF('Standard Profiles'!$G$20=$B$17,14,0)+IF('Standard Profiles'!$G$20=$B$24,21,0),0)),0)</f>
        <v>0</v>
      </c>
      <c r="G1350" cm="1">
        <f t="array" ref="G1350">IFERROR(INDEX(Jesper!AK$2:AK$366,ROUNDDOWN($C1350/24,0)+1,1)*INDEX($D$3:$AA$30,INDEX(Jesper!$R$2:$R$366,ROW(INDEX(Jesper!AK$2:AK$366,ROUNDDOWN($C1350/24,0)+1,1))-1)+IF('Standard Profiles'!$G$21=$B$10,7,0)+IF('Standard Profiles'!$G$21=$B$17,14,0)+IF('Standard Profiles'!$G$21=$B$24,21,0),MOD($C1350,24)+1)/SUM(INDEX($D$3:$AA$30,INDEX(Jesper!$R$2:$R$366,ROW(INDEX(Jesper!AK$2:AK$366,ROUNDDOWN($C1350/24,0)+1,1))-1)+IF('Standard Profiles'!$G$21=$B$10,7,0)+IF('Standard Profiles'!$G$21=$B$17,14,0)+IF('Standard Profiles'!$G$21=$B$24,21,0),0)),0)</f>
        <v>1.2773588456253879</v>
      </c>
      <c r="H1350" cm="1">
        <f t="array" ref="H1350">IFERROR(INDEX(Jesper!AL$2:AL$366,ROUNDDOWN($C1350/24,0)+1,1)*INDEX($D$3:$AA$30,INDEX(Jesper!$R$2:$R$366,ROW(INDEX(Jesper!AL$2:AL$366,ROUNDDOWN($C1350/24,0)+1,1))-1)+IF('Standard Profiles'!$G$22=$B$10,7,0)+IF('Standard Profiles'!$G$22=$B$17,14,0)+IF('Standard Profiles'!$G$22=$B$24,21,0),MOD($C1350,24)+1)/SUM(INDEX($D$3:$AA$30,INDEX(Jesper!$R$2:$R$366,ROW(INDEX(Jesper!AL$2:AL$366,ROUNDDOWN($C1350/24,0)+1,1))-1)+IF('Standard Profiles'!$G$22=$B$10,7,0)+IF('Standard Profiles'!$G$22=$B$17,14,0)+IF('Standard Profiles'!$G$22=$B$24,21,0),0)),0)</f>
        <v>0</v>
      </c>
      <c r="I1350">
        <f t="shared" si="160"/>
        <v>0.61313224590018589</v>
      </c>
      <c r="J1350">
        <f t="shared" si="161"/>
        <v>9.0661868678344728</v>
      </c>
      <c r="K1350">
        <f t="shared" si="162"/>
        <v>0.56740823072078417</v>
      </c>
      <c r="L1350">
        <f t="shared" si="163"/>
        <v>0.28370411536039208</v>
      </c>
      <c r="M1350">
        <f t="shared" si="164"/>
        <v>0</v>
      </c>
      <c r="N1350" s="45">
        <f t="shared" si="165"/>
        <v>44981.833333330142</v>
      </c>
    </row>
    <row r="1351" spans="2:14" x14ac:dyDescent="0.25">
      <c r="B1351">
        <f t="shared" si="159"/>
        <v>5</v>
      </c>
      <c r="C1351" s="16">
        <v>1317</v>
      </c>
      <c r="D1351" cm="1">
        <f t="array" ref="D1351">IFERROR(INDEX(Jesper!AH$2:AH$366,ROUNDDOWN($C1351/24,0)+1,1)*INDEX($D$3:$AA$30,INDEX(Jesper!$R$2:$R$366,ROW(INDEX(Jesper!AH$2:AH$366,ROUNDDOWN($C1351/24,0)+1,1))-1)+IF('Standard Profiles'!$G$18=$B$10,7,0)+IF('Standard Profiles'!$G$18=$B$17,14,0)+IF('Standard Profiles'!$G$18=$B$24,21,0),MOD($C1351,24)+1)/SUM(INDEX($D$3:$AA$30,INDEX(Jesper!$R$2:$R$366,ROW(INDEX(Jesper!AH$2:AH$366,ROUNDDOWN($C1351/24,0)+1,1))-1)+IF('Standard Profiles'!$G$18=$B$10,7,0)+IF('Standard Profiles'!$G$18=$B$17,14,0)+IF('Standard Profiles'!$G$18=$B$24,21,0),0)),0)</f>
        <v>5.3194521630073508</v>
      </c>
      <c r="E1351" cm="1">
        <f t="array" ref="E1351">IFERROR(INDEX(Jesper!AI$2:AI$366,ROUNDDOWN($C1351/24,0)+1,1)*INDEX($D$3:$AA$30,INDEX(Jesper!$R$2:$R$366,ROW(INDEX(Jesper!AI$2:AI$366,ROUNDDOWN($C1351/24,0)+1,1))-1)+IF('Standard Profiles'!$G$19=$B$10,7,0)+IF('Standard Profiles'!$G$19=$B$17,14,0)+IF('Standard Profiles'!$G$19=$B$24,21,0),MOD($C1351,24)+1)/SUM(INDEX($D$3:$AA$30,INDEX(Jesper!$R$2:$R$366,ROW(INDEX(Jesper!AI$2:AI$366,ROUNDDOWN($C1351/24,0)+1,1))-1)+IF('Standard Profiles'!$G$19=$B$10,7,0)+IF('Standard Profiles'!$G$19=$B$17,14,0)+IF('Standard Profiles'!$G$19=$B$24,21,0),0)),0)</f>
        <v>3.9336204511830974</v>
      </c>
      <c r="F1351" cm="1">
        <f t="array" ref="F1351">IFERROR(INDEX(Jesper!AJ$2:AJ$366,ROUNDDOWN($C1351/24,0)+1,1)*INDEX($D$3:$AA$30,INDEX(Jesper!$R$2:$R$366,ROW(INDEX(Jesper!AJ$2:AJ$366,ROUNDDOWN($C1351/24,0)+1,1))-1)+IF('Standard Profiles'!$G$20=$B$10,7,0)+IF('Standard Profiles'!$G$20=$B$17,14,0)+IF('Standard Profiles'!$G$20=$B$24,21,0),MOD($C1351,24)+1)/SUM(INDEX($D$3:$AA$30,INDEX(Jesper!$R$2:$R$366,ROW(INDEX(Jesper!AJ$2:AJ$366,ROUNDDOWN($C1351/24,0)+1,1))-1)+IF('Standard Profiles'!$G$20=$B$10,7,0)+IF('Standard Profiles'!$G$20=$B$17,14,0)+IF('Standard Profiles'!$G$20=$B$24,21,0),0)),0)</f>
        <v>0</v>
      </c>
      <c r="G1351" cm="1">
        <f t="array" ref="G1351">IFERROR(INDEX(Jesper!AK$2:AK$366,ROUNDDOWN($C1351/24,0)+1,1)*INDEX($D$3:$AA$30,INDEX(Jesper!$R$2:$R$366,ROW(INDEX(Jesper!AK$2:AK$366,ROUNDDOWN($C1351/24,0)+1,1))-1)+IF('Standard Profiles'!$G$21=$B$10,7,0)+IF('Standard Profiles'!$G$21=$B$17,14,0)+IF('Standard Profiles'!$G$21=$B$24,21,0),MOD($C1351,24)+1)/SUM(INDEX($D$3:$AA$30,INDEX(Jesper!$R$2:$R$366,ROW(INDEX(Jesper!AK$2:AK$366,ROUNDDOWN($C1351/24,0)+1,1))-1)+IF('Standard Profiles'!$G$21=$B$10,7,0)+IF('Standard Profiles'!$G$21=$B$17,14,0)+IF('Standard Profiles'!$G$21=$B$24,21,0),0)),0)</f>
        <v>1.2773588456253879</v>
      </c>
      <c r="H1351" cm="1">
        <f t="array" ref="H1351">IFERROR(INDEX(Jesper!AL$2:AL$366,ROUNDDOWN($C1351/24,0)+1,1)*INDEX($D$3:$AA$30,INDEX(Jesper!$R$2:$R$366,ROW(INDEX(Jesper!AL$2:AL$366,ROUNDDOWN($C1351/24,0)+1,1))-1)+IF('Standard Profiles'!$G$22=$B$10,7,0)+IF('Standard Profiles'!$G$22=$B$17,14,0)+IF('Standard Profiles'!$G$22=$B$24,21,0),MOD($C1351,24)+1)/SUM(INDEX($D$3:$AA$30,INDEX(Jesper!$R$2:$R$366,ROW(INDEX(Jesper!AL$2:AL$366,ROUNDDOWN($C1351/24,0)+1,1))-1)+IF('Standard Profiles'!$G$22=$B$10,7,0)+IF('Standard Profiles'!$G$22=$B$17,14,0)+IF('Standard Profiles'!$G$22=$B$24,21,0),0)),0)</f>
        <v>0</v>
      </c>
      <c r="I1351">
        <f t="shared" si="160"/>
        <v>0.61313224590018589</v>
      </c>
      <c r="J1351">
        <f t="shared" si="161"/>
        <v>9.0661868678344728</v>
      </c>
      <c r="K1351">
        <f t="shared" si="162"/>
        <v>0.56740823072078417</v>
      </c>
      <c r="L1351">
        <f t="shared" si="163"/>
        <v>0.28370411536039208</v>
      </c>
      <c r="M1351">
        <f t="shared" si="164"/>
        <v>0</v>
      </c>
      <c r="N1351" s="45">
        <f t="shared" si="165"/>
        <v>44981.874999996806</v>
      </c>
    </row>
    <row r="1352" spans="2:14" x14ac:dyDescent="0.25">
      <c r="B1352">
        <f t="shared" si="159"/>
        <v>5</v>
      </c>
      <c r="C1352" s="16">
        <v>1318</v>
      </c>
      <c r="D1352" cm="1">
        <f t="array" ref="D1352">IFERROR(INDEX(Jesper!AH$2:AH$366,ROUNDDOWN($C1352/24,0)+1,1)*INDEX($D$3:$AA$30,INDEX(Jesper!$R$2:$R$366,ROW(INDEX(Jesper!AH$2:AH$366,ROUNDDOWN($C1352/24,0)+1,1))-1)+IF('Standard Profiles'!$G$18=$B$10,7,0)+IF('Standard Profiles'!$G$18=$B$17,14,0)+IF('Standard Profiles'!$G$18=$B$24,21,0),MOD($C1352,24)+1)/SUM(INDEX($D$3:$AA$30,INDEX(Jesper!$R$2:$R$366,ROW(INDEX(Jesper!AH$2:AH$366,ROUNDDOWN($C1352/24,0)+1,1))-1)+IF('Standard Profiles'!$G$18=$B$10,7,0)+IF('Standard Profiles'!$G$18=$B$17,14,0)+IF('Standard Profiles'!$G$18=$B$24,21,0),0)),0)</f>
        <v>5.3194521630073508</v>
      </c>
      <c r="E1352" cm="1">
        <f t="array" ref="E1352">IFERROR(INDEX(Jesper!AI$2:AI$366,ROUNDDOWN($C1352/24,0)+1,1)*INDEX($D$3:$AA$30,INDEX(Jesper!$R$2:$R$366,ROW(INDEX(Jesper!AI$2:AI$366,ROUNDDOWN($C1352/24,0)+1,1))-1)+IF('Standard Profiles'!$G$19=$B$10,7,0)+IF('Standard Profiles'!$G$19=$B$17,14,0)+IF('Standard Profiles'!$G$19=$B$24,21,0),MOD($C1352,24)+1)/SUM(INDEX($D$3:$AA$30,INDEX(Jesper!$R$2:$R$366,ROW(INDEX(Jesper!AI$2:AI$366,ROUNDDOWN($C1352/24,0)+1,1))-1)+IF('Standard Profiles'!$G$19=$B$10,7,0)+IF('Standard Profiles'!$G$19=$B$17,14,0)+IF('Standard Profiles'!$G$19=$B$24,21,0),0)),0)</f>
        <v>3.9336204511830974</v>
      </c>
      <c r="F1352" cm="1">
        <f t="array" ref="F1352">IFERROR(INDEX(Jesper!AJ$2:AJ$366,ROUNDDOWN($C1352/24,0)+1,1)*INDEX($D$3:$AA$30,INDEX(Jesper!$R$2:$R$366,ROW(INDEX(Jesper!AJ$2:AJ$366,ROUNDDOWN($C1352/24,0)+1,1))-1)+IF('Standard Profiles'!$G$20=$B$10,7,0)+IF('Standard Profiles'!$G$20=$B$17,14,0)+IF('Standard Profiles'!$G$20=$B$24,21,0),MOD($C1352,24)+1)/SUM(INDEX($D$3:$AA$30,INDEX(Jesper!$R$2:$R$366,ROW(INDEX(Jesper!AJ$2:AJ$366,ROUNDDOWN($C1352/24,0)+1,1))-1)+IF('Standard Profiles'!$G$20=$B$10,7,0)+IF('Standard Profiles'!$G$20=$B$17,14,0)+IF('Standard Profiles'!$G$20=$B$24,21,0),0)),0)</f>
        <v>0</v>
      </c>
      <c r="G1352" cm="1">
        <f t="array" ref="G1352">IFERROR(INDEX(Jesper!AK$2:AK$366,ROUNDDOWN($C1352/24,0)+1,1)*INDEX($D$3:$AA$30,INDEX(Jesper!$R$2:$R$366,ROW(INDEX(Jesper!AK$2:AK$366,ROUNDDOWN($C1352/24,0)+1,1))-1)+IF('Standard Profiles'!$G$21=$B$10,7,0)+IF('Standard Profiles'!$G$21=$B$17,14,0)+IF('Standard Profiles'!$G$21=$B$24,21,0),MOD($C1352,24)+1)/SUM(INDEX($D$3:$AA$30,INDEX(Jesper!$R$2:$R$366,ROW(INDEX(Jesper!AK$2:AK$366,ROUNDDOWN($C1352/24,0)+1,1))-1)+IF('Standard Profiles'!$G$21=$B$10,7,0)+IF('Standard Profiles'!$G$21=$B$17,14,0)+IF('Standard Profiles'!$G$21=$B$24,21,0),0)),0)</f>
        <v>1.2773588456253879</v>
      </c>
      <c r="H1352" cm="1">
        <f t="array" ref="H1352">IFERROR(INDEX(Jesper!AL$2:AL$366,ROUNDDOWN($C1352/24,0)+1,1)*INDEX($D$3:$AA$30,INDEX(Jesper!$R$2:$R$366,ROW(INDEX(Jesper!AL$2:AL$366,ROUNDDOWN($C1352/24,0)+1,1))-1)+IF('Standard Profiles'!$G$22=$B$10,7,0)+IF('Standard Profiles'!$G$22=$B$17,14,0)+IF('Standard Profiles'!$G$22=$B$24,21,0),MOD($C1352,24)+1)/SUM(INDEX($D$3:$AA$30,INDEX(Jesper!$R$2:$R$366,ROW(INDEX(Jesper!AL$2:AL$366,ROUNDDOWN($C1352/24,0)+1,1))-1)+IF('Standard Profiles'!$G$22=$B$10,7,0)+IF('Standard Profiles'!$G$22=$B$17,14,0)+IF('Standard Profiles'!$G$22=$B$24,21,0),0)),0)</f>
        <v>0</v>
      </c>
      <c r="I1352">
        <f t="shared" si="160"/>
        <v>0.61313224590018589</v>
      </c>
      <c r="J1352">
        <f t="shared" si="161"/>
        <v>9.0661868678344728</v>
      </c>
      <c r="K1352">
        <f t="shared" si="162"/>
        <v>0.56740823072078417</v>
      </c>
      <c r="L1352">
        <f t="shared" si="163"/>
        <v>0.28370411536039208</v>
      </c>
      <c r="M1352">
        <f t="shared" si="164"/>
        <v>0</v>
      </c>
      <c r="N1352" s="45">
        <f t="shared" si="165"/>
        <v>44981.91666666347</v>
      </c>
    </row>
    <row r="1353" spans="2:14" x14ac:dyDescent="0.25">
      <c r="B1353">
        <f t="shared" si="159"/>
        <v>5</v>
      </c>
      <c r="C1353" s="16">
        <v>1319</v>
      </c>
      <c r="D1353" cm="1">
        <f t="array" ref="D1353">IFERROR(INDEX(Jesper!AH$2:AH$366,ROUNDDOWN($C1353/24,0)+1,1)*INDEX($D$3:$AA$30,INDEX(Jesper!$R$2:$R$366,ROW(INDEX(Jesper!AH$2:AH$366,ROUNDDOWN($C1353/24,0)+1,1))-1)+IF('Standard Profiles'!$G$18=$B$10,7,0)+IF('Standard Profiles'!$G$18=$B$17,14,0)+IF('Standard Profiles'!$G$18=$B$24,21,0),MOD($C1353,24)+1)/SUM(INDEX($D$3:$AA$30,INDEX(Jesper!$R$2:$R$366,ROW(INDEX(Jesper!AH$2:AH$366,ROUNDDOWN($C1353/24,0)+1,1))-1)+IF('Standard Profiles'!$G$18=$B$10,7,0)+IF('Standard Profiles'!$G$18=$B$17,14,0)+IF('Standard Profiles'!$G$18=$B$24,21,0),0)),0)</f>
        <v>5.3194521630073508</v>
      </c>
      <c r="E1353" cm="1">
        <f t="array" ref="E1353">IFERROR(INDEX(Jesper!AI$2:AI$366,ROUNDDOWN($C1353/24,0)+1,1)*INDEX($D$3:$AA$30,INDEX(Jesper!$R$2:$R$366,ROW(INDEX(Jesper!AI$2:AI$366,ROUNDDOWN($C1353/24,0)+1,1))-1)+IF('Standard Profiles'!$G$19=$B$10,7,0)+IF('Standard Profiles'!$G$19=$B$17,14,0)+IF('Standard Profiles'!$G$19=$B$24,21,0),MOD($C1353,24)+1)/SUM(INDEX($D$3:$AA$30,INDEX(Jesper!$R$2:$R$366,ROW(INDEX(Jesper!AI$2:AI$366,ROUNDDOWN($C1353/24,0)+1,1))-1)+IF('Standard Profiles'!$G$19=$B$10,7,0)+IF('Standard Profiles'!$G$19=$B$17,14,0)+IF('Standard Profiles'!$G$19=$B$24,21,0),0)),0)</f>
        <v>3.9336204511830974</v>
      </c>
      <c r="F1353" cm="1">
        <f t="array" ref="F1353">IFERROR(INDEX(Jesper!AJ$2:AJ$366,ROUNDDOWN($C1353/24,0)+1,1)*INDEX($D$3:$AA$30,INDEX(Jesper!$R$2:$R$366,ROW(INDEX(Jesper!AJ$2:AJ$366,ROUNDDOWN($C1353/24,0)+1,1))-1)+IF('Standard Profiles'!$G$20=$B$10,7,0)+IF('Standard Profiles'!$G$20=$B$17,14,0)+IF('Standard Profiles'!$G$20=$B$24,21,0),MOD($C1353,24)+1)/SUM(INDEX($D$3:$AA$30,INDEX(Jesper!$R$2:$R$366,ROW(INDEX(Jesper!AJ$2:AJ$366,ROUNDDOWN($C1353/24,0)+1,1))-1)+IF('Standard Profiles'!$G$20=$B$10,7,0)+IF('Standard Profiles'!$G$20=$B$17,14,0)+IF('Standard Profiles'!$G$20=$B$24,21,0),0)),0)</f>
        <v>0</v>
      </c>
      <c r="G1353" cm="1">
        <f t="array" ref="G1353">IFERROR(INDEX(Jesper!AK$2:AK$366,ROUNDDOWN($C1353/24,0)+1,1)*INDEX($D$3:$AA$30,INDEX(Jesper!$R$2:$R$366,ROW(INDEX(Jesper!AK$2:AK$366,ROUNDDOWN($C1353/24,0)+1,1))-1)+IF('Standard Profiles'!$G$21=$B$10,7,0)+IF('Standard Profiles'!$G$21=$B$17,14,0)+IF('Standard Profiles'!$G$21=$B$24,21,0),MOD($C1353,24)+1)/SUM(INDEX($D$3:$AA$30,INDEX(Jesper!$R$2:$R$366,ROW(INDEX(Jesper!AK$2:AK$366,ROUNDDOWN($C1353/24,0)+1,1))-1)+IF('Standard Profiles'!$G$21=$B$10,7,0)+IF('Standard Profiles'!$G$21=$B$17,14,0)+IF('Standard Profiles'!$G$21=$B$24,21,0),0)),0)</f>
        <v>1.2773588456253879</v>
      </c>
      <c r="H1353" cm="1">
        <f t="array" ref="H1353">IFERROR(INDEX(Jesper!AL$2:AL$366,ROUNDDOWN($C1353/24,0)+1,1)*INDEX($D$3:$AA$30,INDEX(Jesper!$R$2:$R$366,ROW(INDEX(Jesper!AL$2:AL$366,ROUNDDOWN($C1353/24,0)+1,1))-1)+IF('Standard Profiles'!$G$22=$B$10,7,0)+IF('Standard Profiles'!$G$22=$B$17,14,0)+IF('Standard Profiles'!$G$22=$B$24,21,0),MOD($C1353,24)+1)/SUM(INDEX($D$3:$AA$30,INDEX(Jesper!$R$2:$R$366,ROW(INDEX(Jesper!AL$2:AL$366,ROUNDDOWN($C1353/24,0)+1,1))-1)+IF('Standard Profiles'!$G$22=$B$10,7,0)+IF('Standard Profiles'!$G$22=$B$17,14,0)+IF('Standard Profiles'!$G$22=$B$24,21,0),0)),0)</f>
        <v>0</v>
      </c>
      <c r="I1353">
        <f t="shared" si="160"/>
        <v>0.61313224590018589</v>
      </c>
      <c r="J1353">
        <f t="shared" si="161"/>
        <v>9.0661868678344728</v>
      </c>
      <c r="K1353">
        <f t="shared" si="162"/>
        <v>0.56740823072078417</v>
      </c>
      <c r="L1353">
        <f t="shared" si="163"/>
        <v>0.28370411536039208</v>
      </c>
      <c r="M1353">
        <f t="shared" si="164"/>
        <v>0</v>
      </c>
      <c r="N1353" s="45">
        <f t="shared" si="165"/>
        <v>44981.958333330134</v>
      </c>
    </row>
    <row r="1354" spans="2:14" x14ac:dyDescent="0.25">
      <c r="B1354">
        <f t="shared" si="159"/>
        <v>6</v>
      </c>
      <c r="C1354" s="16">
        <v>1320</v>
      </c>
      <c r="D1354" cm="1">
        <f t="array" ref="D1354">IFERROR(INDEX(Jesper!AH$2:AH$366,ROUNDDOWN($C1354/24,0)+1,1)*INDEX($D$3:$AA$30,INDEX(Jesper!$R$2:$R$366,ROW(INDEX(Jesper!AH$2:AH$366,ROUNDDOWN($C1354/24,0)+1,1))-1)+IF('Standard Profiles'!$G$18=$B$10,7,0)+IF('Standard Profiles'!$G$18=$B$17,14,0)+IF('Standard Profiles'!$G$18=$B$24,21,0),MOD($C1354,24)+1)/SUM(INDEX($D$3:$AA$30,INDEX(Jesper!$R$2:$R$366,ROW(INDEX(Jesper!AH$2:AH$366,ROUNDDOWN($C1354/24,0)+1,1))-1)+IF('Standard Profiles'!$G$18=$B$10,7,0)+IF('Standard Profiles'!$G$18=$B$17,14,0)+IF('Standard Profiles'!$G$18=$B$24,21,0),0)),0)</f>
        <v>0</v>
      </c>
      <c r="E1354" cm="1">
        <f t="array" ref="E1354">IFERROR(INDEX(Jesper!AI$2:AI$366,ROUNDDOWN($C1354/24,0)+1,1)*INDEX($D$3:$AA$30,INDEX(Jesper!$R$2:$R$366,ROW(INDEX(Jesper!AI$2:AI$366,ROUNDDOWN($C1354/24,0)+1,1))-1)+IF('Standard Profiles'!$G$19=$B$10,7,0)+IF('Standard Profiles'!$G$19=$B$17,14,0)+IF('Standard Profiles'!$G$19=$B$24,21,0),MOD($C1354,24)+1)/SUM(INDEX($D$3:$AA$30,INDEX(Jesper!$R$2:$R$366,ROW(INDEX(Jesper!AI$2:AI$366,ROUNDDOWN($C1354/24,0)+1,1))-1)+IF('Standard Profiles'!$G$19=$B$10,7,0)+IF('Standard Profiles'!$G$19=$B$17,14,0)+IF('Standard Profiles'!$G$19=$B$24,21,0),0)),0)</f>
        <v>4.8152436684054019</v>
      </c>
      <c r="F1354" cm="1">
        <f t="array" ref="F1354">IFERROR(INDEX(Jesper!AJ$2:AJ$366,ROUNDDOWN($C1354/24,0)+1,1)*INDEX($D$3:$AA$30,INDEX(Jesper!$R$2:$R$366,ROW(INDEX(Jesper!AJ$2:AJ$366,ROUNDDOWN($C1354/24,0)+1,1))-1)+IF('Standard Profiles'!$G$20=$B$10,7,0)+IF('Standard Profiles'!$G$20=$B$17,14,0)+IF('Standard Profiles'!$G$20=$B$24,21,0),MOD($C1354,24)+1)/SUM(INDEX($D$3:$AA$30,INDEX(Jesper!$R$2:$R$366,ROW(INDEX(Jesper!AJ$2:AJ$366,ROUNDDOWN($C1354/24,0)+1,1))-1)+IF('Standard Profiles'!$G$20=$B$10,7,0)+IF('Standard Profiles'!$G$20=$B$17,14,0)+IF('Standard Profiles'!$G$20=$B$24,21,0),0)),0)</f>
        <v>3.7596312198737465</v>
      </c>
      <c r="G1354" cm="1">
        <f t="array" ref="G1354">IFERROR(INDEX(Jesper!AK$2:AK$366,ROUNDDOWN($C1354/24,0)+1,1)*INDEX($D$3:$AA$30,INDEX(Jesper!$R$2:$R$366,ROW(INDEX(Jesper!AK$2:AK$366,ROUNDDOWN($C1354/24,0)+1,1))-1)+IF('Standard Profiles'!$G$21=$B$10,7,0)+IF('Standard Profiles'!$G$21=$B$17,14,0)+IF('Standard Profiles'!$G$21=$B$24,21,0),MOD($C1354,24)+1)/SUM(INDEX($D$3:$AA$30,INDEX(Jesper!$R$2:$R$366,ROW(INDEX(Jesper!AK$2:AK$366,ROUNDDOWN($C1354/24,0)+1,1))-1)+IF('Standard Profiles'!$G$21=$B$10,7,0)+IF('Standard Profiles'!$G$21=$B$17,14,0)+IF('Standard Profiles'!$G$21=$B$24,21,0),0)),0)</f>
        <v>4.9547474427464175</v>
      </c>
      <c r="H1354" cm="1">
        <f t="array" ref="H1354">IFERROR(INDEX(Jesper!AL$2:AL$366,ROUNDDOWN($C1354/24,0)+1,1)*INDEX($D$3:$AA$30,INDEX(Jesper!$R$2:$R$366,ROW(INDEX(Jesper!AL$2:AL$366,ROUNDDOWN($C1354/24,0)+1,1))-1)+IF('Standard Profiles'!$G$22=$B$10,7,0)+IF('Standard Profiles'!$G$22=$B$17,14,0)+IF('Standard Profiles'!$G$22=$B$24,21,0),MOD($C1354,24)+1)/SUM(INDEX($D$3:$AA$30,INDEX(Jesper!$R$2:$R$366,ROW(INDEX(Jesper!AL$2:AL$366,ROUNDDOWN($C1354/24,0)+1,1))-1)+IF('Standard Profiles'!$G$22=$B$10,7,0)+IF('Standard Profiles'!$G$22=$B$17,14,0)+IF('Standard Profiles'!$G$22=$B$24,21,0),0)),0)</f>
        <v>1.3356029755395493</v>
      </c>
      <c r="I1354">
        <f t="shared" si="160"/>
        <v>1.2821788565179681</v>
      </c>
      <c r="J1354">
        <f t="shared" si="161"/>
        <v>13.005217209838499</v>
      </c>
      <c r="K1354">
        <f t="shared" si="162"/>
        <v>0.38521949347243217</v>
      </c>
      <c r="L1354">
        <f t="shared" si="163"/>
        <v>0.19260974673621609</v>
      </c>
      <c r="M1354">
        <f t="shared" si="164"/>
        <v>0</v>
      </c>
      <c r="N1354" s="45">
        <f t="shared" si="165"/>
        <v>44981.999999996799</v>
      </c>
    </row>
    <row r="1355" spans="2:14" x14ac:dyDescent="0.25">
      <c r="B1355">
        <f t="shared" si="159"/>
        <v>6</v>
      </c>
      <c r="C1355" s="16">
        <v>1321</v>
      </c>
      <c r="D1355" cm="1">
        <f t="array" ref="D1355">IFERROR(INDEX(Jesper!AH$2:AH$366,ROUNDDOWN($C1355/24,0)+1,1)*INDEX($D$3:$AA$30,INDEX(Jesper!$R$2:$R$366,ROW(INDEX(Jesper!AH$2:AH$366,ROUNDDOWN($C1355/24,0)+1,1))-1)+IF('Standard Profiles'!$G$18=$B$10,7,0)+IF('Standard Profiles'!$G$18=$B$17,14,0)+IF('Standard Profiles'!$G$18=$B$24,21,0),MOD($C1355,24)+1)/SUM(INDEX($D$3:$AA$30,INDEX(Jesper!$R$2:$R$366,ROW(INDEX(Jesper!AH$2:AH$366,ROUNDDOWN($C1355/24,0)+1,1))-1)+IF('Standard Profiles'!$G$18=$B$10,7,0)+IF('Standard Profiles'!$G$18=$B$17,14,0)+IF('Standard Profiles'!$G$18=$B$24,21,0),0)),0)</f>
        <v>0</v>
      </c>
      <c r="E1355" cm="1">
        <f t="array" ref="E1355">IFERROR(INDEX(Jesper!AI$2:AI$366,ROUNDDOWN($C1355/24,0)+1,1)*INDEX($D$3:$AA$30,INDEX(Jesper!$R$2:$R$366,ROW(INDEX(Jesper!AI$2:AI$366,ROUNDDOWN($C1355/24,0)+1,1))-1)+IF('Standard Profiles'!$G$19=$B$10,7,0)+IF('Standard Profiles'!$G$19=$B$17,14,0)+IF('Standard Profiles'!$G$19=$B$24,21,0),MOD($C1355,24)+1)/SUM(INDEX($D$3:$AA$30,INDEX(Jesper!$R$2:$R$366,ROW(INDEX(Jesper!AI$2:AI$366,ROUNDDOWN($C1355/24,0)+1,1))-1)+IF('Standard Profiles'!$G$19=$B$10,7,0)+IF('Standard Profiles'!$G$19=$B$17,14,0)+IF('Standard Profiles'!$G$19=$B$24,21,0),0)),0)</f>
        <v>4.3337193015648614</v>
      </c>
      <c r="F1355" cm="1">
        <f t="array" ref="F1355">IFERROR(INDEX(Jesper!AJ$2:AJ$366,ROUNDDOWN($C1355/24,0)+1,1)*INDEX($D$3:$AA$30,INDEX(Jesper!$R$2:$R$366,ROW(INDEX(Jesper!AJ$2:AJ$366,ROUNDDOWN($C1355/24,0)+1,1))-1)+IF('Standard Profiles'!$G$20=$B$10,7,0)+IF('Standard Profiles'!$G$20=$B$17,14,0)+IF('Standard Profiles'!$G$20=$B$24,21,0),MOD($C1355,24)+1)/SUM(INDEX($D$3:$AA$30,INDEX(Jesper!$R$2:$R$366,ROW(INDEX(Jesper!AJ$2:AJ$366,ROUNDDOWN($C1355/24,0)+1,1))-1)+IF('Standard Profiles'!$G$20=$B$10,7,0)+IF('Standard Profiles'!$G$20=$B$17,14,0)+IF('Standard Profiles'!$G$20=$B$24,21,0),0)),0)</f>
        <v>3.3836680978863725</v>
      </c>
      <c r="G1355" cm="1">
        <f t="array" ref="G1355">IFERROR(INDEX(Jesper!AK$2:AK$366,ROUNDDOWN($C1355/24,0)+1,1)*INDEX($D$3:$AA$30,INDEX(Jesper!$R$2:$R$366,ROW(INDEX(Jesper!AK$2:AK$366,ROUNDDOWN($C1355/24,0)+1,1))-1)+IF('Standard Profiles'!$G$21=$B$10,7,0)+IF('Standard Profiles'!$G$21=$B$17,14,0)+IF('Standard Profiles'!$G$21=$B$24,21,0),MOD($C1355,24)+1)/SUM(INDEX($D$3:$AA$30,INDEX(Jesper!$R$2:$R$366,ROW(INDEX(Jesper!AK$2:AK$366,ROUNDDOWN($C1355/24,0)+1,1))-1)+IF('Standard Profiles'!$G$21=$B$10,7,0)+IF('Standard Profiles'!$G$21=$B$17,14,0)+IF('Standard Profiles'!$G$21=$B$24,21,0),0)),0)</f>
        <v>4.9547474427464175</v>
      </c>
      <c r="H1355" cm="1">
        <f t="array" ref="H1355">IFERROR(INDEX(Jesper!AL$2:AL$366,ROUNDDOWN($C1355/24,0)+1,1)*INDEX($D$3:$AA$30,INDEX(Jesper!$R$2:$R$366,ROW(INDEX(Jesper!AL$2:AL$366,ROUNDDOWN($C1355/24,0)+1,1))-1)+IF('Standard Profiles'!$G$22=$B$10,7,0)+IF('Standard Profiles'!$G$22=$B$17,14,0)+IF('Standard Profiles'!$G$22=$B$24,21,0),MOD($C1355,24)+1)/SUM(INDEX($D$3:$AA$30,INDEX(Jesper!$R$2:$R$366,ROW(INDEX(Jesper!AL$2:AL$366,ROUNDDOWN($C1355/24,0)+1,1))-1)+IF('Standard Profiles'!$G$22=$B$10,7,0)+IF('Standard Profiles'!$G$22=$B$17,14,0)+IF('Standard Profiles'!$G$22=$B$24,21,0),0)),0)</f>
        <v>2.6076058093867394</v>
      </c>
      <c r="I1355">
        <f t="shared" si="160"/>
        <v>2.5033015770112712</v>
      </c>
      <c r="J1355">
        <f t="shared" si="161"/>
        <v>12.256392758385337</v>
      </c>
      <c r="K1355">
        <f t="shared" si="162"/>
        <v>0.34669754412518894</v>
      </c>
      <c r="L1355">
        <f t="shared" si="163"/>
        <v>0.17334877206259447</v>
      </c>
      <c r="M1355">
        <f t="shared" si="164"/>
        <v>0</v>
      </c>
      <c r="N1355" s="45">
        <f t="shared" si="165"/>
        <v>44982.041666663463</v>
      </c>
    </row>
    <row r="1356" spans="2:14" x14ac:dyDescent="0.25">
      <c r="B1356">
        <f t="shared" si="159"/>
        <v>6</v>
      </c>
      <c r="C1356" s="16">
        <v>1322</v>
      </c>
      <c r="D1356" cm="1">
        <f t="array" ref="D1356">IFERROR(INDEX(Jesper!AH$2:AH$366,ROUNDDOWN($C1356/24,0)+1,1)*INDEX($D$3:$AA$30,INDEX(Jesper!$R$2:$R$366,ROW(INDEX(Jesper!AH$2:AH$366,ROUNDDOWN($C1356/24,0)+1,1))-1)+IF('Standard Profiles'!$G$18=$B$10,7,0)+IF('Standard Profiles'!$G$18=$B$17,14,0)+IF('Standard Profiles'!$G$18=$B$24,21,0),MOD($C1356,24)+1)/SUM(INDEX($D$3:$AA$30,INDEX(Jesper!$R$2:$R$366,ROW(INDEX(Jesper!AH$2:AH$366,ROUNDDOWN($C1356/24,0)+1,1))-1)+IF('Standard Profiles'!$G$18=$B$10,7,0)+IF('Standard Profiles'!$G$18=$B$17,14,0)+IF('Standard Profiles'!$G$18=$B$24,21,0),0)),0)</f>
        <v>0</v>
      </c>
      <c r="E1356" cm="1">
        <f t="array" ref="E1356">IFERROR(INDEX(Jesper!AI$2:AI$366,ROUNDDOWN($C1356/24,0)+1,1)*INDEX($D$3:$AA$30,INDEX(Jesper!$R$2:$R$366,ROW(INDEX(Jesper!AI$2:AI$366,ROUNDDOWN($C1356/24,0)+1,1))-1)+IF('Standard Profiles'!$G$19=$B$10,7,0)+IF('Standard Profiles'!$G$19=$B$17,14,0)+IF('Standard Profiles'!$G$19=$B$24,21,0),MOD($C1356,24)+1)/SUM(INDEX($D$3:$AA$30,INDEX(Jesper!$R$2:$R$366,ROW(INDEX(Jesper!AI$2:AI$366,ROUNDDOWN($C1356/24,0)+1,1))-1)+IF('Standard Profiles'!$G$19=$B$10,7,0)+IF('Standard Profiles'!$G$19=$B$17,14,0)+IF('Standard Profiles'!$G$19=$B$24,21,0),0)),0)</f>
        <v>4.3337193015648614</v>
      </c>
      <c r="F1356" cm="1">
        <f t="array" ref="F1356">IFERROR(INDEX(Jesper!AJ$2:AJ$366,ROUNDDOWN($C1356/24,0)+1,1)*INDEX($D$3:$AA$30,INDEX(Jesper!$R$2:$R$366,ROW(INDEX(Jesper!AJ$2:AJ$366,ROUNDDOWN($C1356/24,0)+1,1))-1)+IF('Standard Profiles'!$G$20=$B$10,7,0)+IF('Standard Profiles'!$G$20=$B$17,14,0)+IF('Standard Profiles'!$G$20=$B$24,21,0),MOD($C1356,24)+1)/SUM(INDEX($D$3:$AA$30,INDEX(Jesper!$R$2:$R$366,ROW(INDEX(Jesper!AJ$2:AJ$366,ROUNDDOWN($C1356/24,0)+1,1))-1)+IF('Standard Profiles'!$G$20=$B$10,7,0)+IF('Standard Profiles'!$G$20=$B$17,14,0)+IF('Standard Profiles'!$G$20=$B$24,21,0),0)),0)</f>
        <v>3.3836680978863725</v>
      </c>
      <c r="G1356" cm="1">
        <f t="array" ref="G1356">IFERROR(INDEX(Jesper!AK$2:AK$366,ROUNDDOWN($C1356/24,0)+1,1)*INDEX($D$3:$AA$30,INDEX(Jesper!$R$2:$R$366,ROW(INDEX(Jesper!AK$2:AK$366,ROUNDDOWN($C1356/24,0)+1,1))-1)+IF('Standard Profiles'!$G$21=$B$10,7,0)+IF('Standard Profiles'!$G$21=$B$17,14,0)+IF('Standard Profiles'!$G$21=$B$24,21,0),MOD($C1356,24)+1)/SUM(INDEX($D$3:$AA$30,INDEX(Jesper!$R$2:$R$366,ROW(INDEX(Jesper!AK$2:AK$366,ROUNDDOWN($C1356/24,0)+1,1))-1)+IF('Standard Profiles'!$G$21=$B$10,7,0)+IF('Standard Profiles'!$G$21=$B$17,14,0)+IF('Standard Profiles'!$G$21=$B$24,21,0),0)),0)</f>
        <v>4.9547474427464175</v>
      </c>
      <c r="H1356" cm="1">
        <f t="array" ref="H1356">IFERROR(INDEX(Jesper!AL$2:AL$366,ROUNDDOWN($C1356/24,0)+1,1)*INDEX($D$3:$AA$30,INDEX(Jesper!$R$2:$R$366,ROW(INDEX(Jesper!AL$2:AL$366,ROUNDDOWN($C1356/24,0)+1,1))-1)+IF('Standard Profiles'!$G$22=$B$10,7,0)+IF('Standard Profiles'!$G$22=$B$17,14,0)+IF('Standard Profiles'!$G$22=$B$24,21,0),MOD($C1356,24)+1)/SUM(INDEX($D$3:$AA$30,INDEX(Jesper!$R$2:$R$366,ROW(INDEX(Jesper!AL$2:AL$366,ROUNDDOWN($C1356/24,0)+1,1))-1)+IF('Standard Profiles'!$G$22=$B$10,7,0)+IF('Standard Profiles'!$G$22=$B$17,14,0)+IF('Standard Profiles'!$G$22=$B$24,21,0),0)),0)</f>
        <v>2.6076058093867394</v>
      </c>
      <c r="I1356">
        <f t="shared" si="160"/>
        <v>2.5033015770112712</v>
      </c>
      <c r="J1356">
        <f t="shared" si="161"/>
        <v>12.256392758385337</v>
      </c>
      <c r="K1356">
        <f t="shared" si="162"/>
        <v>0.34669754412518894</v>
      </c>
      <c r="L1356">
        <f t="shared" si="163"/>
        <v>0.17334877206259447</v>
      </c>
      <c r="M1356">
        <f t="shared" si="164"/>
        <v>0</v>
      </c>
      <c r="N1356" s="45">
        <f t="shared" si="165"/>
        <v>44982.083333330127</v>
      </c>
    </row>
    <row r="1357" spans="2:14" x14ac:dyDescent="0.25">
      <c r="B1357">
        <f t="shared" si="159"/>
        <v>6</v>
      </c>
      <c r="C1357" s="16">
        <v>1323</v>
      </c>
      <c r="D1357" cm="1">
        <f t="array" ref="D1357">IFERROR(INDEX(Jesper!AH$2:AH$366,ROUNDDOWN($C1357/24,0)+1,1)*INDEX($D$3:$AA$30,INDEX(Jesper!$R$2:$R$366,ROW(INDEX(Jesper!AH$2:AH$366,ROUNDDOWN($C1357/24,0)+1,1))-1)+IF('Standard Profiles'!$G$18=$B$10,7,0)+IF('Standard Profiles'!$G$18=$B$17,14,0)+IF('Standard Profiles'!$G$18=$B$24,21,0),MOD($C1357,24)+1)/SUM(INDEX($D$3:$AA$30,INDEX(Jesper!$R$2:$R$366,ROW(INDEX(Jesper!AH$2:AH$366,ROUNDDOWN($C1357/24,0)+1,1))-1)+IF('Standard Profiles'!$G$18=$B$10,7,0)+IF('Standard Profiles'!$G$18=$B$17,14,0)+IF('Standard Profiles'!$G$18=$B$24,21,0),0)),0)</f>
        <v>0</v>
      </c>
      <c r="E1357" cm="1">
        <f t="array" ref="E1357">IFERROR(INDEX(Jesper!AI$2:AI$366,ROUNDDOWN($C1357/24,0)+1,1)*INDEX($D$3:$AA$30,INDEX(Jesper!$R$2:$R$366,ROW(INDEX(Jesper!AI$2:AI$366,ROUNDDOWN($C1357/24,0)+1,1))-1)+IF('Standard Profiles'!$G$19=$B$10,7,0)+IF('Standard Profiles'!$G$19=$B$17,14,0)+IF('Standard Profiles'!$G$19=$B$24,21,0),MOD($C1357,24)+1)/SUM(INDEX($D$3:$AA$30,INDEX(Jesper!$R$2:$R$366,ROW(INDEX(Jesper!AI$2:AI$366,ROUNDDOWN($C1357/24,0)+1,1))-1)+IF('Standard Profiles'!$G$19=$B$10,7,0)+IF('Standard Profiles'!$G$19=$B$17,14,0)+IF('Standard Profiles'!$G$19=$B$24,21,0),0)),0)</f>
        <v>4.3337193015648614</v>
      </c>
      <c r="F1357" cm="1">
        <f t="array" ref="F1357">IFERROR(INDEX(Jesper!AJ$2:AJ$366,ROUNDDOWN($C1357/24,0)+1,1)*INDEX($D$3:$AA$30,INDEX(Jesper!$R$2:$R$366,ROW(INDEX(Jesper!AJ$2:AJ$366,ROUNDDOWN($C1357/24,0)+1,1))-1)+IF('Standard Profiles'!$G$20=$B$10,7,0)+IF('Standard Profiles'!$G$20=$B$17,14,0)+IF('Standard Profiles'!$G$20=$B$24,21,0),MOD($C1357,24)+1)/SUM(INDEX($D$3:$AA$30,INDEX(Jesper!$R$2:$R$366,ROW(INDEX(Jesper!AJ$2:AJ$366,ROUNDDOWN($C1357/24,0)+1,1))-1)+IF('Standard Profiles'!$G$20=$B$10,7,0)+IF('Standard Profiles'!$G$20=$B$17,14,0)+IF('Standard Profiles'!$G$20=$B$24,21,0),0)),0)</f>
        <v>3.3836680978863725</v>
      </c>
      <c r="G1357" cm="1">
        <f t="array" ref="G1357">IFERROR(INDEX(Jesper!AK$2:AK$366,ROUNDDOWN($C1357/24,0)+1,1)*INDEX($D$3:$AA$30,INDEX(Jesper!$R$2:$R$366,ROW(INDEX(Jesper!AK$2:AK$366,ROUNDDOWN($C1357/24,0)+1,1))-1)+IF('Standard Profiles'!$G$21=$B$10,7,0)+IF('Standard Profiles'!$G$21=$B$17,14,0)+IF('Standard Profiles'!$G$21=$B$24,21,0),MOD($C1357,24)+1)/SUM(INDEX($D$3:$AA$30,INDEX(Jesper!$R$2:$R$366,ROW(INDEX(Jesper!AK$2:AK$366,ROUNDDOWN($C1357/24,0)+1,1))-1)+IF('Standard Profiles'!$G$21=$B$10,7,0)+IF('Standard Profiles'!$G$21=$B$17,14,0)+IF('Standard Profiles'!$G$21=$B$24,21,0),0)),0)</f>
        <v>4.9547474427464175</v>
      </c>
      <c r="H1357" cm="1">
        <f t="array" ref="H1357">IFERROR(INDEX(Jesper!AL$2:AL$366,ROUNDDOWN($C1357/24,0)+1,1)*INDEX($D$3:$AA$30,INDEX(Jesper!$R$2:$R$366,ROW(INDEX(Jesper!AL$2:AL$366,ROUNDDOWN($C1357/24,0)+1,1))-1)+IF('Standard Profiles'!$G$22=$B$10,7,0)+IF('Standard Profiles'!$G$22=$B$17,14,0)+IF('Standard Profiles'!$G$22=$B$24,21,0),MOD($C1357,24)+1)/SUM(INDEX($D$3:$AA$30,INDEX(Jesper!$R$2:$R$366,ROW(INDEX(Jesper!AL$2:AL$366,ROUNDDOWN($C1357/24,0)+1,1))-1)+IF('Standard Profiles'!$G$22=$B$10,7,0)+IF('Standard Profiles'!$G$22=$B$17,14,0)+IF('Standard Profiles'!$G$22=$B$24,21,0),0)),0)</f>
        <v>2.6076058093867394</v>
      </c>
      <c r="I1357">
        <f t="shared" si="160"/>
        <v>2.5033015770112712</v>
      </c>
      <c r="J1357">
        <f t="shared" si="161"/>
        <v>12.256392758385337</v>
      </c>
      <c r="K1357">
        <f t="shared" si="162"/>
        <v>0.34669754412518894</v>
      </c>
      <c r="L1357">
        <f t="shared" si="163"/>
        <v>0.17334877206259447</v>
      </c>
      <c r="M1357">
        <f t="shared" si="164"/>
        <v>0</v>
      </c>
      <c r="N1357" s="45">
        <f t="shared" si="165"/>
        <v>44982.124999996791</v>
      </c>
    </row>
    <row r="1358" spans="2:14" x14ac:dyDescent="0.25">
      <c r="B1358">
        <f t="shared" si="159"/>
        <v>6</v>
      </c>
      <c r="C1358" s="16">
        <v>1324</v>
      </c>
      <c r="D1358" cm="1">
        <f t="array" ref="D1358">IFERROR(INDEX(Jesper!AH$2:AH$366,ROUNDDOWN($C1358/24,0)+1,1)*INDEX($D$3:$AA$30,INDEX(Jesper!$R$2:$R$366,ROW(INDEX(Jesper!AH$2:AH$366,ROUNDDOWN($C1358/24,0)+1,1))-1)+IF('Standard Profiles'!$G$18=$B$10,7,0)+IF('Standard Profiles'!$G$18=$B$17,14,0)+IF('Standard Profiles'!$G$18=$B$24,21,0),MOD($C1358,24)+1)/SUM(INDEX($D$3:$AA$30,INDEX(Jesper!$R$2:$R$366,ROW(INDEX(Jesper!AH$2:AH$366,ROUNDDOWN($C1358/24,0)+1,1))-1)+IF('Standard Profiles'!$G$18=$B$10,7,0)+IF('Standard Profiles'!$G$18=$B$17,14,0)+IF('Standard Profiles'!$G$18=$B$24,21,0),0)),0)</f>
        <v>0</v>
      </c>
      <c r="E1358" cm="1">
        <f t="array" ref="E1358">IFERROR(INDEX(Jesper!AI$2:AI$366,ROUNDDOWN($C1358/24,0)+1,1)*INDEX($D$3:$AA$30,INDEX(Jesper!$R$2:$R$366,ROW(INDEX(Jesper!AI$2:AI$366,ROUNDDOWN($C1358/24,0)+1,1))-1)+IF('Standard Profiles'!$G$19=$B$10,7,0)+IF('Standard Profiles'!$G$19=$B$17,14,0)+IF('Standard Profiles'!$G$19=$B$24,21,0),MOD($C1358,24)+1)/SUM(INDEX($D$3:$AA$30,INDEX(Jesper!$R$2:$R$366,ROW(INDEX(Jesper!AI$2:AI$366,ROUNDDOWN($C1358/24,0)+1,1))-1)+IF('Standard Profiles'!$G$19=$B$10,7,0)+IF('Standard Profiles'!$G$19=$B$17,14,0)+IF('Standard Profiles'!$G$19=$B$24,21,0),0)),0)</f>
        <v>4.3337193015648614</v>
      </c>
      <c r="F1358" cm="1">
        <f t="array" ref="F1358">IFERROR(INDEX(Jesper!AJ$2:AJ$366,ROUNDDOWN($C1358/24,0)+1,1)*INDEX($D$3:$AA$30,INDEX(Jesper!$R$2:$R$366,ROW(INDEX(Jesper!AJ$2:AJ$366,ROUNDDOWN($C1358/24,0)+1,1))-1)+IF('Standard Profiles'!$G$20=$B$10,7,0)+IF('Standard Profiles'!$G$20=$B$17,14,0)+IF('Standard Profiles'!$G$20=$B$24,21,0),MOD($C1358,24)+1)/SUM(INDEX($D$3:$AA$30,INDEX(Jesper!$R$2:$R$366,ROW(INDEX(Jesper!AJ$2:AJ$366,ROUNDDOWN($C1358/24,0)+1,1))-1)+IF('Standard Profiles'!$G$20=$B$10,7,0)+IF('Standard Profiles'!$G$20=$B$17,14,0)+IF('Standard Profiles'!$G$20=$B$24,21,0),0)),0)</f>
        <v>3.3836680978863725</v>
      </c>
      <c r="G1358" cm="1">
        <f t="array" ref="G1358">IFERROR(INDEX(Jesper!AK$2:AK$366,ROUNDDOWN($C1358/24,0)+1,1)*INDEX($D$3:$AA$30,INDEX(Jesper!$R$2:$R$366,ROW(INDEX(Jesper!AK$2:AK$366,ROUNDDOWN($C1358/24,0)+1,1))-1)+IF('Standard Profiles'!$G$21=$B$10,7,0)+IF('Standard Profiles'!$G$21=$B$17,14,0)+IF('Standard Profiles'!$G$21=$B$24,21,0),MOD($C1358,24)+1)/SUM(INDEX($D$3:$AA$30,INDEX(Jesper!$R$2:$R$366,ROW(INDEX(Jesper!AK$2:AK$366,ROUNDDOWN($C1358/24,0)+1,1))-1)+IF('Standard Profiles'!$G$21=$B$10,7,0)+IF('Standard Profiles'!$G$21=$B$17,14,0)+IF('Standard Profiles'!$G$21=$B$24,21,0),0)),0)</f>
        <v>4.9547474427464175</v>
      </c>
      <c r="H1358" cm="1">
        <f t="array" ref="H1358">IFERROR(INDEX(Jesper!AL$2:AL$366,ROUNDDOWN($C1358/24,0)+1,1)*INDEX($D$3:$AA$30,INDEX(Jesper!$R$2:$R$366,ROW(INDEX(Jesper!AL$2:AL$366,ROUNDDOWN($C1358/24,0)+1,1))-1)+IF('Standard Profiles'!$G$22=$B$10,7,0)+IF('Standard Profiles'!$G$22=$B$17,14,0)+IF('Standard Profiles'!$G$22=$B$24,21,0),MOD($C1358,24)+1)/SUM(INDEX($D$3:$AA$30,INDEX(Jesper!$R$2:$R$366,ROW(INDEX(Jesper!AL$2:AL$366,ROUNDDOWN($C1358/24,0)+1,1))-1)+IF('Standard Profiles'!$G$22=$B$10,7,0)+IF('Standard Profiles'!$G$22=$B$17,14,0)+IF('Standard Profiles'!$G$22=$B$24,21,0),0)),0)</f>
        <v>2.6076058093867394</v>
      </c>
      <c r="I1358">
        <f t="shared" si="160"/>
        <v>2.5033015770112712</v>
      </c>
      <c r="J1358">
        <f t="shared" si="161"/>
        <v>12.256392758385337</v>
      </c>
      <c r="K1358">
        <f t="shared" si="162"/>
        <v>0.34669754412518894</v>
      </c>
      <c r="L1358">
        <f t="shared" si="163"/>
        <v>0.17334877206259447</v>
      </c>
      <c r="M1358">
        <f t="shared" si="164"/>
        <v>0</v>
      </c>
      <c r="N1358" s="45">
        <f t="shared" si="165"/>
        <v>44982.166666663456</v>
      </c>
    </row>
    <row r="1359" spans="2:14" x14ac:dyDescent="0.25">
      <c r="B1359">
        <f t="shared" si="159"/>
        <v>6</v>
      </c>
      <c r="C1359" s="16">
        <v>1325</v>
      </c>
      <c r="D1359" cm="1">
        <f t="array" ref="D1359">IFERROR(INDEX(Jesper!AH$2:AH$366,ROUNDDOWN($C1359/24,0)+1,1)*INDEX($D$3:$AA$30,INDEX(Jesper!$R$2:$R$366,ROW(INDEX(Jesper!AH$2:AH$366,ROUNDDOWN($C1359/24,0)+1,1))-1)+IF('Standard Profiles'!$G$18=$B$10,7,0)+IF('Standard Profiles'!$G$18=$B$17,14,0)+IF('Standard Profiles'!$G$18=$B$24,21,0),MOD($C1359,24)+1)/SUM(INDEX($D$3:$AA$30,INDEX(Jesper!$R$2:$R$366,ROW(INDEX(Jesper!AH$2:AH$366,ROUNDDOWN($C1359/24,0)+1,1))-1)+IF('Standard Profiles'!$G$18=$B$10,7,0)+IF('Standard Profiles'!$G$18=$B$17,14,0)+IF('Standard Profiles'!$G$18=$B$24,21,0),0)),0)</f>
        <v>0</v>
      </c>
      <c r="E1359" cm="1">
        <f t="array" ref="E1359">IFERROR(INDEX(Jesper!AI$2:AI$366,ROUNDDOWN($C1359/24,0)+1,1)*INDEX($D$3:$AA$30,INDEX(Jesper!$R$2:$R$366,ROW(INDEX(Jesper!AI$2:AI$366,ROUNDDOWN($C1359/24,0)+1,1))-1)+IF('Standard Profiles'!$G$19=$B$10,7,0)+IF('Standard Profiles'!$G$19=$B$17,14,0)+IF('Standard Profiles'!$G$19=$B$24,21,0),MOD($C1359,24)+1)/SUM(INDEX($D$3:$AA$30,INDEX(Jesper!$R$2:$R$366,ROW(INDEX(Jesper!AI$2:AI$366,ROUNDDOWN($C1359/24,0)+1,1))-1)+IF('Standard Profiles'!$G$19=$B$10,7,0)+IF('Standard Profiles'!$G$19=$B$17,14,0)+IF('Standard Profiles'!$G$19=$B$24,21,0),0)),0)</f>
        <v>4.3337193015648614</v>
      </c>
      <c r="F1359" cm="1">
        <f t="array" ref="F1359">IFERROR(INDEX(Jesper!AJ$2:AJ$366,ROUNDDOWN($C1359/24,0)+1,1)*INDEX($D$3:$AA$30,INDEX(Jesper!$R$2:$R$366,ROW(INDEX(Jesper!AJ$2:AJ$366,ROUNDDOWN($C1359/24,0)+1,1))-1)+IF('Standard Profiles'!$G$20=$B$10,7,0)+IF('Standard Profiles'!$G$20=$B$17,14,0)+IF('Standard Profiles'!$G$20=$B$24,21,0),MOD($C1359,24)+1)/SUM(INDEX($D$3:$AA$30,INDEX(Jesper!$R$2:$R$366,ROW(INDEX(Jesper!AJ$2:AJ$366,ROUNDDOWN($C1359/24,0)+1,1))-1)+IF('Standard Profiles'!$G$20=$B$10,7,0)+IF('Standard Profiles'!$G$20=$B$17,14,0)+IF('Standard Profiles'!$G$20=$B$24,21,0),0)),0)</f>
        <v>3.3836680978863725</v>
      </c>
      <c r="G1359" cm="1">
        <f t="array" ref="G1359">IFERROR(INDEX(Jesper!AK$2:AK$366,ROUNDDOWN($C1359/24,0)+1,1)*INDEX($D$3:$AA$30,INDEX(Jesper!$R$2:$R$366,ROW(INDEX(Jesper!AK$2:AK$366,ROUNDDOWN($C1359/24,0)+1,1))-1)+IF('Standard Profiles'!$G$21=$B$10,7,0)+IF('Standard Profiles'!$G$21=$B$17,14,0)+IF('Standard Profiles'!$G$21=$B$24,21,0),MOD($C1359,24)+1)/SUM(INDEX($D$3:$AA$30,INDEX(Jesper!$R$2:$R$366,ROW(INDEX(Jesper!AK$2:AK$366,ROUNDDOWN($C1359/24,0)+1,1))-1)+IF('Standard Profiles'!$G$21=$B$10,7,0)+IF('Standard Profiles'!$G$21=$B$17,14,0)+IF('Standard Profiles'!$G$21=$B$24,21,0),0)),0)</f>
        <v>4.9547474427464175</v>
      </c>
      <c r="H1359" cm="1">
        <f t="array" ref="H1359">IFERROR(INDEX(Jesper!AL$2:AL$366,ROUNDDOWN($C1359/24,0)+1,1)*INDEX($D$3:$AA$30,INDEX(Jesper!$R$2:$R$366,ROW(INDEX(Jesper!AL$2:AL$366,ROUNDDOWN($C1359/24,0)+1,1))-1)+IF('Standard Profiles'!$G$22=$B$10,7,0)+IF('Standard Profiles'!$G$22=$B$17,14,0)+IF('Standard Profiles'!$G$22=$B$24,21,0),MOD($C1359,24)+1)/SUM(INDEX($D$3:$AA$30,INDEX(Jesper!$R$2:$R$366,ROW(INDEX(Jesper!AL$2:AL$366,ROUNDDOWN($C1359/24,0)+1,1))-1)+IF('Standard Profiles'!$G$22=$B$10,7,0)+IF('Standard Profiles'!$G$22=$B$17,14,0)+IF('Standard Profiles'!$G$22=$B$24,21,0),0)),0)</f>
        <v>3.2436072263103344</v>
      </c>
      <c r="I1359">
        <f t="shared" si="160"/>
        <v>3.1138629372579225</v>
      </c>
      <c r="J1359">
        <f t="shared" si="161"/>
        <v>12.28183281506228</v>
      </c>
      <c r="K1359">
        <f t="shared" si="162"/>
        <v>0.34669754412518894</v>
      </c>
      <c r="L1359">
        <f t="shared" si="163"/>
        <v>0.17334877206259447</v>
      </c>
      <c r="M1359">
        <f t="shared" si="164"/>
        <v>0</v>
      </c>
      <c r="N1359" s="45">
        <f t="shared" si="165"/>
        <v>44982.20833333012</v>
      </c>
    </row>
    <row r="1360" spans="2:14" x14ac:dyDescent="0.25">
      <c r="B1360">
        <f t="shared" si="159"/>
        <v>6</v>
      </c>
      <c r="C1360" s="16">
        <v>1326</v>
      </c>
      <c r="D1360" cm="1">
        <f t="array" ref="D1360">IFERROR(INDEX(Jesper!AH$2:AH$366,ROUNDDOWN($C1360/24,0)+1,1)*INDEX($D$3:$AA$30,INDEX(Jesper!$R$2:$R$366,ROW(INDEX(Jesper!AH$2:AH$366,ROUNDDOWN($C1360/24,0)+1,1))-1)+IF('Standard Profiles'!$G$18=$B$10,7,0)+IF('Standard Profiles'!$G$18=$B$17,14,0)+IF('Standard Profiles'!$G$18=$B$24,21,0),MOD($C1360,24)+1)/SUM(INDEX($D$3:$AA$30,INDEX(Jesper!$R$2:$R$366,ROW(INDEX(Jesper!AH$2:AH$366,ROUNDDOWN($C1360/24,0)+1,1))-1)+IF('Standard Profiles'!$G$18=$B$10,7,0)+IF('Standard Profiles'!$G$18=$B$17,14,0)+IF('Standard Profiles'!$G$18=$B$24,21,0),0)),0)</f>
        <v>0</v>
      </c>
      <c r="E1360" cm="1">
        <f t="array" ref="E1360">IFERROR(INDEX(Jesper!AI$2:AI$366,ROUNDDOWN($C1360/24,0)+1,1)*INDEX($D$3:$AA$30,INDEX(Jesper!$R$2:$R$366,ROW(INDEX(Jesper!AI$2:AI$366,ROUNDDOWN($C1360/24,0)+1,1))-1)+IF('Standard Profiles'!$G$19=$B$10,7,0)+IF('Standard Profiles'!$G$19=$B$17,14,0)+IF('Standard Profiles'!$G$19=$B$24,21,0),MOD($C1360,24)+1)/SUM(INDEX($D$3:$AA$30,INDEX(Jesper!$R$2:$R$366,ROW(INDEX(Jesper!AI$2:AI$366,ROUNDDOWN($C1360/24,0)+1,1))-1)+IF('Standard Profiles'!$G$19=$B$10,7,0)+IF('Standard Profiles'!$G$19=$B$17,14,0)+IF('Standard Profiles'!$G$19=$B$24,21,0),0)),0)</f>
        <v>4.3337193015648614</v>
      </c>
      <c r="F1360" cm="1">
        <f t="array" ref="F1360">IFERROR(INDEX(Jesper!AJ$2:AJ$366,ROUNDDOWN($C1360/24,0)+1,1)*INDEX($D$3:$AA$30,INDEX(Jesper!$R$2:$R$366,ROW(INDEX(Jesper!AJ$2:AJ$366,ROUNDDOWN($C1360/24,0)+1,1))-1)+IF('Standard Profiles'!$G$20=$B$10,7,0)+IF('Standard Profiles'!$G$20=$B$17,14,0)+IF('Standard Profiles'!$G$20=$B$24,21,0),MOD($C1360,24)+1)/SUM(INDEX($D$3:$AA$30,INDEX(Jesper!$R$2:$R$366,ROW(INDEX(Jesper!AJ$2:AJ$366,ROUNDDOWN($C1360/24,0)+1,1))-1)+IF('Standard Profiles'!$G$20=$B$10,7,0)+IF('Standard Profiles'!$G$20=$B$17,14,0)+IF('Standard Profiles'!$G$20=$B$24,21,0),0)),0)</f>
        <v>3.3836680978863725</v>
      </c>
      <c r="G1360" cm="1">
        <f t="array" ref="G1360">IFERROR(INDEX(Jesper!AK$2:AK$366,ROUNDDOWN($C1360/24,0)+1,1)*INDEX($D$3:$AA$30,INDEX(Jesper!$R$2:$R$366,ROW(INDEX(Jesper!AK$2:AK$366,ROUNDDOWN($C1360/24,0)+1,1))-1)+IF('Standard Profiles'!$G$21=$B$10,7,0)+IF('Standard Profiles'!$G$21=$B$17,14,0)+IF('Standard Profiles'!$G$21=$B$24,21,0),MOD($C1360,24)+1)/SUM(INDEX($D$3:$AA$30,INDEX(Jesper!$R$2:$R$366,ROW(INDEX(Jesper!AK$2:AK$366,ROUNDDOWN($C1360/24,0)+1,1))-1)+IF('Standard Profiles'!$G$21=$B$10,7,0)+IF('Standard Profiles'!$G$21=$B$17,14,0)+IF('Standard Profiles'!$G$21=$B$24,21,0),0)),0)</f>
        <v>4.9547474427464175</v>
      </c>
      <c r="H1360" cm="1">
        <f t="array" ref="H1360">IFERROR(INDEX(Jesper!AL$2:AL$366,ROUNDDOWN($C1360/24,0)+1,1)*INDEX($D$3:$AA$30,INDEX(Jesper!$R$2:$R$366,ROW(INDEX(Jesper!AL$2:AL$366,ROUNDDOWN($C1360/24,0)+1,1))-1)+IF('Standard Profiles'!$G$22=$B$10,7,0)+IF('Standard Profiles'!$G$22=$B$17,14,0)+IF('Standard Profiles'!$G$22=$B$24,21,0),MOD($C1360,24)+1)/SUM(INDEX($D$3:$AA$30,INDEX(Jesper!$R$2:$R$366,ROW(INDEX(Jesper!AL$2:AL$366,ROUNDDOWN($C1360/24,0)+1,1))-1)+IF('Standard Profiles'!$G$22=$B$10,7,0)+IF('Standard Profiles'!$G$22=$B$17,14,0)+IF('Standard Profiles'!$G$22=$B$24,21,0),0)),0)</f>
        <v>4.0704090683110081</v>
      </c>
      <c r="I1360">
        <f t="shared" si="160"/>
        <v>3.90759270557857</v>
      </c>
      <c r="J1360">
        <f t="shared" si="161"/>
        <v>12.314904888742307</v>
      </c>
      <c r="K1360">
        <f t="shared" si="162"/>
        <v>0.34669754412518894</v>
      </c>
      <c r="L1360">
        <f t="shared" si="163"/>
        <v>0.17334877206259447</v>
      </c>
      <c r="M1360">
        <f t="shared" si="164"/>
        <v>0</v>
      </c>
      <c r="N1360" s="45">
        <f t="shared" si="165"/>
        <v>44982.249999996784</v>
      </c>
    </row>
    <row r="1361" spans="2:14" x14ac:dyDescent="0.25">
      <c r="B1361">
        <f t="shared" si="159"/>
        <v>6</v>
      </c>
      <c r="C1361" s="16">
        <v>1327</v>
      </c>
      <c r="D1361" cm="1">
        <f t="array" ref="D1361">IFERROR(INDEX(Jesper!AH$2:AH$366,ROUNDDOWN($C1361/24,0)+1,1)*INDEX($D$3:$AA$30,INDEX(Jesper!$R$2:$R$366,ROW(INDEX(Jesper!AH$2:AH$366,ROUNDDOWN($C1361/24,0)+1,1))-1)+IF('Standard Profiles'!$G$18=$B$10,7,0)+IF('Standard Profiles'!$G$18=$B$17,14,0)+IF('Standard Profiles'!$G$18=$B$24,21,0),MOD($C1361,24)+1)/SUM(INDEX($D$3:$AA$30,INDEX(Jesper!$R$2:$R$366,ROW(INDEX(Jesper!AH$2:AH$366,ROUNDDOWN($C1361/24,0)+1,1))-1)+IF('Standard Profiles'!$G$18=$B$10,7,0)+IF('Standard Profiles'!$G$18=$B$17,14,0)+IF('Standard Profiles'!$G$18=$B$24,21,0),0)),0)</f>
        <v>0</v>
      </c>
      <c r="E1361" cm="1">
        <f t="array" ref="E1361">IFERROR(INDEX(Jesper!AI$2:AI$366,ROUNDDOWN($C1361/24,0)+1,1)*INDEX($D$3:$AA$30,INDEX(Jesper!$R$2:$R$366,ROW(INDEX(Jesper!AI$2:AI$366,ROUNDDOWN($C1361/24,0)+1,1))-1)+IF('Standard Profiles'!$G$19=$B$10,7,0)+IF('Standard Profiles'!$G$19=$B$17,14,0)+IF('Standard Profiles'!$G$19=$B$24,21,0),MOD($C1361,24)+1)/SUM(INDEX($D$3:$AA$30,INDEX(Jesper!$R$2:$R$366,ROW(INDEX(Jesper!AI$2:AI$366,ROUNDDOWN($C1361/24,0)+1,1))-1)+IF('Standard Profiles'!$G$19=$B$10,7,0)+IF('Standard Profiles'!$G$19=$B$17,14,0)+IF('Standard Profiles'!$G$19=$B$24,21,0),0)),0)</f>
        <v>4.3337193015648614</v>
      </c>
      <c r="F1361" cm="1">
        <f t="array" ref="F1361">IFERROR(INDEX(Jesper!AJ$2:AJ$366,ROUNDDOWN($C1361/24,0)+1,1)*INDEX($D$3:$AA$30,INDEX(Jesper!$R$2:$R$366,ROW(INDEX(Jesper!AJ$2:AJ$366,ROUNDDOWN($C1361/24,0)+1,1))-1)+IF('Standard Profiles'!$G$20=$B$10,7,0)+IF('Standard Profiles'!$G$20=$B$17,14,0)+IF('Standard Profiles'!$G$20=$B$24,21,0),MOD($C1361,24)+1)/SUM(INDEX($D$3:$AA$30,INDEX(Jesper!$R$2:$R$366,ROW(INDEX(Jesper!AJ$2:AJ$366,ROUNDDOWN($C1361/24,0)+1,1))-1)+IF('Standard Profiles'!$G$20=$B$10,7,0)+IF('Standard Profiles'!$G$20=$B$17,14,0)+IF('Standard Profiles'!$G$20=$B$24,21,0),0)),0)</f>
        <v>3.3836680978863725</v>
      </c>
      <c r="G1361" cm="1">
        <f t="array" ref="G1361">IFERROR(INDEX(Jesper!AK$2:AK$366,ROUNDDOWN($C1361/24,0)+1,1)*INDEX($D$3:$AA$30,INDEX(Jesper!$R$2:$R$366,ROW(INDEX(Jesper!AK$2:AK$366,ROUNDDOWN($C1361/24,0)+1,1))-1)+IF('Standard Profiles'!$G$21=$B$10,7,0)+IF('Standard Profiles'!$G$21=$B$17,14,0)+IF('Standard Profiles'!$G$21=$B$24,21,0),MOD($C1361,24)+1)/SUM(INDEX($D$3:$AA$30,INDEX(Jesper!$R$2:$R$366,ROW(INDEX(Jesper!AK$2:AK$366,ROUNDDOWN($C1361/24,0)+1,1))-1)+IF('Standard Profiles'!$G$21=$B$10,7,0)+IF('Standard Profiles'!$G$21=$B$17,14,0)+IF('Standard Profiles'!$G$21=$B$24,21,0),0)),0)</f>
        <v>4.9547474427464175</v>
      </c>
      <c r="H1361" cm="1">
        <f t="array" ref="H1361">IFERROR(INDEX(Jesper!AL$2:AL$366,ROUNDDOWN($C1361/24,0)+1,1)*INDEX($D$3:$AA$30,INDEX(Jesper!$R$2:$R$366,ROW(INDEX(Jesper!AL$2:AL$366,ROUNDDOWN($C1361/24,0)+1,1))-1)+IF('Standard Profiles'!$G$22=$B$10,7,0)+IF('Standard Profiles'!$G$22=$B$17,14,0)+IF('Standard Profiles'!$G$22=$B$24,21,0),MOD($C1361,24)+1)/SUM(INDEX($D$3:$AA$30,INDEX(Jesper!$R$2:$R$366,ROW(INDEX(Jesper!AL$2:AL$366,ROUNDDOWN($C1361/24,0)+1,1))-1)+IF('Standard Profiles'!$G$22=$B$10,7,0)+IF('Standard Profiles'!$G$22=$B$17,14,0)+IF('Standard Profiles'!$G$22=$B$24,21,0),0)),0)</f>
        <v>4.6428103435422434</v>
      </c>
      <c r="I1361">
        <f t="shared" si="160"/>
        <v>4.4570979298005557</v>
      </c>
      <c r="J1361">
        <f t="shared" si="161"/>
        <v>12.337800939751556</v>
      </c>
      <c r="K1361">
        <f t="shared" si="162"/>
        <v>0.34669754412518894</v>
      </c>
      <c r="L1361">
        <f t="shared" si="163"/>
        <v>0.17334877206259447</v>
      </c>
      <c r="M1361">
        <f t="shared" si="164"/>
        <v>0</v>
      </c>
      <c r="N1361" s="45">
        <f t="shared" si="165"/>
        <v>44982.291666663448</v>
      </c>
    </row>
    <row r="1362" spans="2:14" x14ac:dyDescent="0.25">
      <c r="B1362">
        <f t="shared" si="159"/>
        <v>6</v>
      </c>
      <c r="C1362" s="16">
        <v>1328</v>
      </c>
      <c r="D1362" cm="1">
        <f t="array" ref="D1362">IFERROR(INDEX(Jesper!AH$2:AH$366,ROUNDDOWN($C1362/24,0)+1,1)*INDEX($D$3:$AA$30,INDEX(Jesper!$R$2:$R$366,ROW(INDEX(Jesper!AH$2:AH$366,ROUNDDOWN($C1362/24,0)+1,1))-1)+IF('Standard Profiles'!$G$18=$B$10,7,0)+IF('Standard Profiles'!$G$18=$B$17,14,0)+IF('Standard Profiles'!$G$18=$B$24,21,0),MOD($C1362,24)+1)/SUM(INDEX($D$3:$AA$30,INDEX(Jesper!$R$2:$R$366,ROW(INDEX(Jesper!AH$2:AH$366,ROUNDDOWN($C1362/24,0)+1,1))-1)+IF('Standard Profiles'!$G$18=$B$10,7,0)+IF('Standard Profiles'!$G$18=$B$17,14,0)+IF('Standard Profiles'!$G$18=$B$24,21,0),0)),0)</f>
        <v>0</v>
      </c>
      <c r="E1362" cm="1">
        <f t="array" ref="E1362">IFERROR(INDEX(Jesper!AI$2:AI$366,ROUNDDOWN($C1362/24,0)+1,1)*INDEX($D$3:$AA$30,INDEX(Jesper!$R$2:$R$366,ROW(INDEX(Jesper!AI$2:AI$366,ROUNDDOWN($C1362/24,0)+1,1))-1)+IF('Standard Profiles'!$G$19=$B$10,7,0)+IF('Standard Profiles'!$G$19=$B$17,14,0)+IF('Standard Profiles'!$G$19=$B$24,21,0),MOD($C1362,24)+1)/SUM(INDEX($D$3:$AA$30,INDEX(Jesper!$R$2:$R$366,ROW(INDEX(Jesper!AI$2:AI$366,ROUNDDOWN($C1362/24,0)+1,1))-1)+IF('Standard Profiles'!$G$19=$B$10,7,0)+IF('Standard Profiles'!$G$19=$B$17,14,0)+IF('Standard Profiles'!$G$19=$B$24,21,0),0)),0)</f>
        <v>4.3337193015648614</v>
      </c>
      <c r="F1362" cm="1">
        <f t="array" ref="F1362">IFERROR(INDEX(Jesper!AJ$2:AJ$366,ROUNDDOWN($C1362/24,0)+1,1)*INDEX($D$3:$AA$30,INDEX(Jesper!$R$2:$R$366,ROW(INDEX(Jesper!AJ$2:AJ$366,ROUNDDOWN($C1362/24,0)+1,1))-1)+IF('Standard Profiles'!$G$20=$B$10,7,0)+IF('Standard Profiles'!$G$20=$B$17,14,0)+IF('Standard Profiles'!$G$20=$B$24,21,0),MOD($C1362,24)+1)/SUM(INDEX($D$3:$AA$30,INDEX(Jesper!$R$2:$R$366,ROW(INDEX(Jesper!AJ$2:AJ$366,ROUNDDOWN($C1362/24,0)+1,1))-1)+IF('Standard Profiles'!$G$20=$B$10,7,0)+IF('Standard Profiles'!$G$20=$B$17,14,0)+IF('Standard Profiles'!$G$20=$B$24,21,0),0)),0)</f>
        <v>3.3836680978863725</v>
      </c>
      <c r="G1362" cm="1">
        <f t="array" ref="G1362">IFERROR(INDEX(Jesper!AK$2:AK$366,ROUNDDOWN($C1362/24,0)+1,1)*INDEX($D$3:$AA$30,INDEX(Jesper!$R$2:$R$366,ROW(INDEX(Jesper!AK$2:AK$366,ROUNDDOWN($C1362/24,0)+1,1))-1)+IF('Standard Profiles'!$G$21=$B$10,7,0)+IF('Standard Profiles'!$G$21=$B$17,14,0)+IF('Standard Profiles'!$G$21=$B$24,21,0),MOD($C1362,24)+1)/SUM(INDEX($D$3:$AA$30,INDEX(Jesper!$R$2:$R$366,ROW(INDEX(Jesper!AK$2:AK$366,ROUNDDOWN($C1362/24,0)+1,1))-1)+IF('Standard Profiles'!$G$21=$B$10,7,0)+IF('Standard Profiles'!$G$21=$B$17,14,0)+IF('Standard Profiles'!$G$21=$B$24,21,0),0)),0)</f>
        <v>4.9547474427464175</v>
      </c>
      <c r="H1362" cm="1">
        <f t="array" ref="H1362">IFERROR(INDEX(Jesper!AL$2:AL$366,ROUNDDOWN($C1362/24,0)+1,1)*INDEX($D$3:$AA$30,INDEX(Jesper!$R$2:$R$366,ROW(INDEX(Jesper!AL$2:AL$366,ROUNDDOWN($C1362/24,0)+1,1))-1)+IF('Standard Profiles'!$G$22=$B$10,7,0)+IF('Standard Profiles'!$G$22=$B$17,14,0)+IF('Standard Profiles'!$G$22=$B$24,21,0),MOD($C1362,24)+1)/SUM(INDEX($D$3:$AA$30,INDEX(Jesper!$R$2:$R$366,ROW(INDEX(Jesper!AL$2:AL$366,ROUNDDOWN($C1362/24,0)+1,1))-1)+IF('Standard Profiles'!$G$22=$B$10,7,0)+IF('Standard Profiles'!$G$22=$B$17,14,0)+IF('Standard Profiles'!$G$22=$B$24,21,0),0)),0)</f>
        <v>4.6428103435422434</v>
      </c>
      <c r="I1362">
        <f t="shared" si="160"/>
        <v>4.4570979298005557</v>
      </c>
      <c r="J1362">
        <f t="shared" si="161"/>
        <v>12.337800939751556</v>
      </c>
      <c r="K1362">
        <f t="shared" si="162"/>
        <v>0.34669754412518894</v>
      </c>
      <c r="L1362">
        <f t="shared" si="163"/>
        <v>0.17334877206259447</v>
      </c>
      <c r="M1362">
        <f t="shared" si="164"/>
        <v>0</v>
      </c>
      <c r="N1362" s="45">
        <f t="shared" si="165"/>
        <v>44982.333333330113</v>
      </c>
    </row>
    <row r="1363" spans="2:14" x14ac:dyDescent="0.25">
      <c r="B1363">
        <f t="shared" si="159"/>
        <v>6</v>
      </c>
      <c r="C1363" s="16">
        <v>1329</v>
      </c>
      <c r="D1363" cm="1">
        <f t="array" ref="D1363">IFERROR(INDEX(Jesper!AH$2:AH$366,ROUNDDOWN($C1363/24,0)+1,1)*INDEX($D$3:$AA$30,INDEX(Jesper!$R$2:$R$366,ROW(INDEX(Jesper!AH$2:AH$366,ROUNDDOWN($C1363/24,0)+1,1))-1)+IF('Standard Profiles'!$G$18=$B$10,7,0)+IF('Standard Profiles'!$G$18=$B$17,14,0)+IF('Standard Profiles'!$G$18=$B$24,21,0),MOD($C1363,24)+1)/SUM(INDEX($D$3:$AA$30,INDEX(Jesper!$R$2:$R$366,ROW(INDEX(Jesper!AH$2:AH$366,ROUNDDOWN($C1363/24,0)+1,1))-1)+IF('Standard Profiles'!$G$18=$B$10,7,0)+IF('Standard Profiles'!$G$18=$B$17,14,0)+IF('Standard Profiles'!$G$18=$B$24,21,0),0)),0)</f>
        <v>0</v>
      </c>
      <c r="E1363" cm="1">
        <f t="array" ref="E1363">IFERROR(INDEX(Jesper!AI$2:AI$366,ROUNDDOWN($C1363/24,0)+1,1)*INDEX($D$3:$AA$30,INDEX(Jesper!$R$2:$R$366,ROW(INDEX(Jesper!AI$2:AI$366,ROUNDDOWN($C1363/24,0)+1,1))-1)+IF('Standard Profiles'!$G$19=$B$10,7,0)+IF('Standard Profiles'!$G$19=$B$17,14,0)+IF('Standard Profiles'!$G$19=$B$24,21,0),MOD($C1363,24)+1)/SUM(INDEX($D$3:$AA$30,INDEX(Jesper!$R$2:$R$366,ROW(INDEX(Jesper!AI$2:AI$366,ROUNDDOWN($C1363/24,0)+1,1))-1)+IF('Standard Profiles'!$G$19=$B$10,7,0)+IF('Standard Profiles'!$G$19=$B$17,14,0)+IF('Standard Profiles'!$G$19=$B$24,21,0),0)),0)</f>
        <v>4.3337193015648614</v>
      </c>
      <c r="F1363" cm="1">
        <f t="array" ref="F1363">IFERROR(INDEX(Jesper!AJ$2:AJ$366,ROUNDDOWN($C1363/24,0)+1,1)*INDEX($D$3:$AA$30,INDEX(Jesper!$R$2:$R$366,ROW(INDEX(Jesper!AJ$2:AJ$366,ROUNDDOWN($C1363/24,0)+1,1))-1)+IF('Standard Profiles'!$G$20=$B$10,7,0)+IF('Standard Profiles'!$G$20=$B$17,14,0)+IF('Standard Profiles'!$G$20=$B$24,21,0),MOD($C1363,24)+1)/SUM(INDEX($D$3:$AA$30,INDEX(Jesper!$R$2:$R$366,ROW(INDEX(Jesper!AJ$2:AJ$366,ROUNDDOWN($C1363/24,0)+1,1))-1)+IF('Standard Profiles'!$G$20=$B$10,7,0)+IF('Standard Profiles'!$G$20=$B$17,14,0)+IF('Standard Profiles'!$G$20=$B$24,21,0),0)),0)</f>
        <v>3.3836680978863725</v>
      </c>
      <c r="G1363" cm="1">
        <f t="array" ref="G1363">IFERROR(INDEX(Jesper!AK$2:AK$366,ROUNDDOWN($C1363/24,0)+1,1)*INDEX($D$3:$AA$30,INDEX(Jesper!$R$2:$R$366,ROW(INDEX(Jesper!AK$2:AK$366,ROUNDDOWN($C1363/24,0)+1,1))-1)+IF('Standard Profiles'!$G$21=$B$10,7,0)+IF('Standard Profiles'!$G$21=$B$17,14,0)+IF('Standard Profiles'!$G$21=$B$24,21,0),MOD($C1363,24)+1)/SUM(INDEX($D$3:$AA$30,INDEX(Jesper!$R$2:$R$366,ROW(INDEX(Jesper!AK$2:AK$366,ROUNDDOWN($C1363/24,0)+1,1))-1)+IF('Standard Profiles'!$G$21=$B$10,7,0)+IF('Standard Profiles'!$G$21=$B$17,14,0)+IF('Standard Profiles'!$G$21=$B$24,21,0),0)),0)</f>
        <v>4.9547474427464175</v>
      </c>
      <c r="H1363" cm="1">
        <f t="array" ref="H1363">IFERROR(INDEX(Jesper!AL$2:AL$366,ROUNDDOWN($C1363/24,0)+1,1)*INDEX($D$3:$AA$30,INDEX(Jesper!$R$2:$R$366,ROW(INDEX(Jesper!AL$2:AL$366,ROUNDDOWN($C1363/24,0)+1,1))-1)+IF('Standard Profiles'!$G$22=$B$10,7,0)+IF('Standard Profiles'!$G$22=$B$17,14,0)+IF('Standard Profiles'!$G$22=$B$24,21,0),MOD($C1363,24)+1)/SUM(INDEX($D$3:$AA$30,INDEX(Jesper!$R$2:$R$366,ROW(INDEX(Jesper!AL$2:AL$366,ROUNDDOWN($C1363/24,0)+1,1))-1)+IF('Standard Profiles'!$G$22=$B$10,7,0)+IF('Standard Profiles'!$G$22=$B$17,14,0)+IF('Standard Profiles'!$G$22=$B$24,21,0),0)),0)</f>
        <v>4.6428103435422434</v>
      </c>
      <c r="I1363">
        <f t="shared" si="160"/>
        <v>4.4570979298005557</v>
      </c>
      <c r="J1363">
        <f t="shared" si="161"/>
        <v>12.337800939751556</v>
      </c>
      <c r="K1363">
        <f t="shared" si="162"/>
        <v>0.34669754412518894</v>
      </c>
      <c r="L1363">
        <f t="shared" si="163"/>
        <v>0.17334877206259447</v>
      </c>
      <c r="M1363">
        <f t="shared" si="164"/>
        <v>0</v>
      </c>
      <c r="N1363" s="45">
        <f t="shared" si="165"/>
        <v>44982.374999996777</v>
      </c>
    </row>
    <row r="1364" spans="2:14" x14ac:dyDescent="0.25">
      <c r="B1364">
        <f t="shared" si="159"/>
        <v>6</v>
      </c>
      <c r="C1364" s="16">
        <v>1330</v>
      </c>
      <c r="D1364" cm="1">
        <f t="array" ref="D1364">IFERROR(INDEX(Jesper!AH$2:AH$366,ROUNDDOWN($C1364/24,0)+1,1)*INDEX($D$3:$AA$30,INDEX(Jesper!$R$2:$R$366,ROW(INDEX(Jesper!AH$2:AH$366,ROUNDDOWN($C1364/24,0)+1,1))-1)+IF('Standard Profiles'!$G$18=$B$10,7,0)+IF('Standard Profiles'!$G$18=$B$17,14,0)+IF('Standard Profiles'!$G$18=$B$24,21,0),MOD($C1364,24)+1)/SUM(INDEX($D$3:$AA$30,INDEX(Jesper!$R$2:$R$366,ROW(INDEX(Jesper!AH$2:AH$366,ROUNDDOWN($C1364/24,0)+1,1))-1)+IF('Standard Profiles'!$G$18=$B$10,7,0)+IF('Standard Profiles'!$G$18=$B$17,14,0)+IF('Standard Profiles'!$G$18=$B$24,21,0),0)),0)</f>
        <v>0</v>
      </c>
      <c r="E1364" cm="1">
        <f t="array" ref="E1364">IFERROR(INDEX(Jesper!AI$2:AI$366,ROUNDDOWN($C1364/24,0)+1,1)*INDEX($D$3:$AA$30,INDEX(Jesper!$R$2:$R$366,ROW(INDEX(Jesper!AI$2:AI$366,ROUNDDOWN($C1364/24,0)+1,1))-1)+IF('Standard Profiles'!$G$19=$B$10,7,0)+IF('Standard Profiles'!$G$19=$B$17,14,0)+IF('Standard Profiles'!$G$19=$B$24,21,0),MOD($C1364,24)+1)/SUM(INDEX($D$3:$AA$30,INDEX(Jesper!$R$2:$R$366,ROW(INDEX(Jesper!AI$2:AI$366,ROUNDDOWN($C1364/24,0)+1,1))-1)+IF('Standard Profiles'!$G$19=$B$10,7,0)+IF('Standard Profiles'!$G$19=$B$17,14,0)+IF('Standard Profiles'!$G$19=$B$24,21,0),0)),0)</f>
        <v>4.3337193015648614</v>
      </c>
      <c r="F1364" cm="1">
        <f t="array" ref="F1364">IFERROR(INDEX(Jesper!AJ$2:AJ$366,ROUNDDOWN($C1364/24,0)+1,1)*INDEX($D$3:$AA$30,INDEX(Jesper!$R$2:$R$366,ROW(INDEX(Jesper!AJ$2:AJ$366,ROUNDDOWN($C1364/24,0)+1,1))-1)+IF('Standard Profiles'!$G$20=$B$10,7,0)+IF('Standard Profiles'!$G$20=$B$17,14,0)+IF('Standard Profiles'!$G$20=$B$24,21,0),MOD($C1364,24)+1)/SUM(INDEX($D$3:$AA$30,INDEX(Jesper!$R$2:$R$366,ROW(INDEX(Jesper!AJ$2:AJ$366,ROUNDDOWN($C1364/24,0)+1,1))-1)+IF('Standard Profiles'!$G$20=$B$10,7,0)+IF('Standard Profiles'!$G$20=$B$17,14,0)+IF('Standard Profiles'!$G$20=$B$24,21,0),0)),0)</f>
        <v>3.3836680978863725</v>
      </c>
      <c r="G1364" cm="1">
        <f t="array" ref="G1364">IFERROR(INDEX(Jesper!AK$2:AK$366,ROUNDDOWN($C1364/24,0)+1,1)*INDEX($D$3:$AA$30,INDEX(Jesper!$R$2:$R$366,ROW(INDEX(Jesper!AK$2:AK$366,ROUNDDOWN($C1364/24,0)+1,1))-1)+IF('Standard Profiles'!$G$21=$B$10,7,0)+IF('Standard Profiles'!$G$21=$B$17,14,0)+IF('Standard Profiles'!$G$21=$B$24,21,0),MOD($C1364,24)+1)/SUM(INDEX($D$3:$AA$30,INDEX(Jesper!$R$2:$R$366,ROW(INDEX(Jesper!AK$2:AK$366,ROUNDDOWN($C1364/24,0)+1,1))-1)+IF('Standard Profiles'!$G$21=$B$10,7,0)+IF('Standard Profiles'!$G$21=$B$17,14,0)+IF('Standard Profiles'!$G$21=$B$24,21,0),0)),0)</f>
        <v>4.9547474427464175</v>
      </c>
      <c r="H1364" cm="1">
        <f t="array" ref="H1364">IFERROR(INDEX(Jesper!AL$2:AL$366,ROUNDDOWN($C1364/24,0)+1,1)*INDEX($D$3:$AA$30,INDEX(Jesper!$R$2:$R$366,ROW(INDEX(Jesper!AL$2:AL$366,ROUNDDOWN($C1364/24,0)+1,1))-1)+IF('Standard Profiles'!$G$22=$B$10,7,0)+IF('Standard Profiles'!$G$22=$B$17,14,0)+IF('Standard Profiles'!$G$22=$B$24,21,0),MOD($C1364,24)+1)/SUM(INDEX($D$3:$AA$30,INDEX(Jesper!$R$2:$R$366,ROW(INDEX(Jesper!AL$2:AL$366,ROUNDDOWN($C1364/24,0)+1,1))-1)+IF('Standard Profiles'!$G$22=$B$10,7,0)+IF('Standard Profiles'!$G$22=$B$17,14,0)+IF('Standard Profiles'!$G$22=$B$24,21,0),0)),0)</f>
        <v>4.6428103435422434</v>
      </c>
      <c r="I1364">
        <f t="shared" si="160"/>
        <v>4.4570979298005557</v>
      </c>
      <c r="J1364">
        <f t="shared" si="161"/>
        <v>12.337800939751556</v>
      </c>
      <c r="K1364">
        <f t="shared" si="162"/>
        <v>0.34669754412518894</v>
      </c>
      <c r="L1364">
        <f t="shared" si="163"/>
        <v>0.17334877206259447</v>
      </c>
      <c r="M1364">
        <f t="shared" si="164"/>
        <v>0</v>
      </c>
      <c r="N1364" s="45">
        <f t="shared" si="165"/>
        <v>44982.416666663441</v>
      </c>
    </row>
    <row r="1365" spans="2:14" x14ac:dyDescent="0.25">
      <c r="B1365">
        <f t="shared" si="159"/>
        <v>6</v>
      </c>
      <c r="C1365" s="16">
        <v>1331</v>
      </c>
      <c r="D1365" cm="1">
        <f t="array" ref="D1365">IFERROR(INDEX(Jesper!AH$2:AH$366,ROUNDDOWN($C1365/24,0)+1,1)*INDEX($D$3:$AA$30,INDEX(Jesper!$R$2:$R$366,ROW(INDEX(Jesper!AH$2:AH$366,ROUNDDOWN($C1365/24,0)+1,1))-1)+IF('Standard Profiles'!$G$18=$B$10,7,0)+IF('Standard Profiles'!$G$18=$B$17,14,0)+IF('Standard Profiles'!$G$18=$B$24,21,0),MOD($C1365,24)+1)/SUM(INDEX($D$3:$AA$30,INDEX(Jesper!$R$2:$R$366,ROW(INDEX(Jesper!AH$2:AH$366,ROUNDDOWN($C1365/24,0)+1,1))-1)+IF('Standard Profiles'!$G$18=$B$10,7,0)+IF('Standard Profiles'!$G$18=$B$17,14,0)+IF('Standard Profiles'!$G$18=$B$24,21,0),0)),0)</f>
        <v>0</v>
      </c>
      <c r="E1365" cm="1">
        <f t="array" ref="E1365">IFERROR(INDEX(Jesper!AI$2:AI$366,ROUNDDOWN($C1365/24,0)+1,1)*INDEX($D$3:$AA$30,INDEX(Jesper!$R$2:$R$366,ROW(INDEX(Jesper!AI$2:AI$366,ROUNDDOWN($C1365/24,0)+1,1))-1)+IF('Standard Profiles'!$G$19=$B$10,7,0)+IF('Standard Profiles'!$G$19=$B$17,14,0)+IF('Standard Profiles'!$G$19=$B$24,21,0),MOD($C1365,24)+1)/SUM(INDEX($D$3:$AA$30,INDEX(Jesper!$R$2:$R$366,ROW(INDEX(Jesper!AI$2:AI$366,ROUNDDOWN($C1365/24,0)+1,1))-1)+IF('Standard Profiles'!$G$19=$B$10,7,0)+IF('Standard Profiles'!$G$19=$B$17,14,0)+IF('Standard Profiles'!$G$19=$B$24,21,0),0)),0)</f>
        <v>4.3337193015648614</v>
      </c>
      <c r="F1365" cm="1">
        <f t="array" ref="F1365">IFERROR(INDEX(Jesper!AJ$2:AJ$366,ROUNDDOWN($C1365/24,0)+1,1)*INDEX($D$3:$AA$30,INDEX(Jesper!$R$2:$R$366,ROW(INDEX(Jesper!AJ$2:AJ$366,ROUNDDOWN($C1365/24,0)+1,1))-1)+IF('Standard Profiles'!$G$20=$B$10,7,0)+IF('Standard Profiles'!$G$20=$B$17,14,0)+IF('Standard Profiles'!$G$20=$B$24,21,0),MOD($C1365,24)+1)/SUM(INDEX($D$3:$AA$30,INDEX(Jesper!$R$2:$R$366,ROW(INDEX(Jesper!AJ$2:AJ$366,ROUNDDOWN($C1365/24,0)+1,1))-1)+IF('Standard Profiles'!$G$20=$B$10,7,0)+IF('Standard Profiles'!$G$20=$B$17,14,0)+IF('Standard Profiles'!$G$20=$B$24,21,0),0)),0)</f>
        <v>3.3836680978863725</v>
      </c>
      <c r="G1365" cm="1">
        <f t="array" ref="G1365">IFERROR(INDEX(Jesper!AK$2:AK$366,ROUNDDOWN($C1365/24,0)+1,1)*INDEX($D$3:$AA$30,INDEX(Jesper!$R$2:$R$366,ROW(INDEX(Jesper!AK$2:AK$366,ROUNDDOWN($C1365/24,0)+1,1))-1)+IF('Standard Profiles'!$G$21=$B$10,7,0)+IF('Standard Profiles'!$G$21=$B$17,14,0)+IF('Standard Profiles'!$G$21=$B$24,21,0),MOD($C1365,24)+1)/SUM(INDEX($D$3:$AA$30,INDEX(Jesper!$R$2:$R$366,ROW(INDEX(Jesper!AK$2:AK$366,ROUNDDOWN($C1365/24,0)+1,1))-1)+IF('Standard Profiles'!$G$21=$B$10,7,0)+IF('Standard Profiles'!$G$21=$B$17,14,0)+IF('Standard Profiles'!$G$21=$B$24,21,0),0)),0)</f>
        <v>4.9547474427464175</v>
      </c>
      <c r="H1365" cm="1">
        <f t="array" ref="H1365">IFERROR(INDEX(Jesper!AL$2:AL$366,ROUNDDOWN($C1365/24,0)+1,1)*INDEX($D$3:$AA$30,INDEX(Jesper!$R$2:$R$366,ROW(INDEX(Jesper!AL$2:AL$366,ROUNDDOWN($C1365/24,0)+1,1))-1)+IF('Standard Profiles'!$G$22=$B$10,7,0)+IF('Standard Profiles'!$G$22=$B$17,14,0)+IF('Standard Profiles'!$G$22=$B$24,21,0),MOD($C1365,24)+1)/SUM(INDEX($D$3:$AA$30,INDEX(Jesper!$R$2:$R$366,ROW(INDEX(Jesper!AL$2:AL$366,ROUNDDOWN($C1365/24,0)+1,1))-1)+IF('Standard Profiles'!$G$22=$B$10,7,0)+IF('Standard Profiles'!$G$22=$B$17,14,0)+IF('Standard Profiles'!$G$22=$B$24,21,0),0)),0)</f>
        <v>4.6428103435422434</v>
      </c>
      <c r="I1365">
        <f t="shared" si="160"/>
        <v>4.4570979298005557</v>
      </c>
      <c r="J1365">
        <f t="shared" si="161"/>
        <v>12.337800939751556</v>
      </c>
      <c r="K1365">
        <f t="shared" si="162"/>
        <v>0.34669754412518894</v>
      </c>
      <c r="L1365">
        <f t="shared" si="163"/>
        <v>0.17334877206259447</v>
      </c>
      <c r="M1365">
        <f t="shared" si="164"/>
        <v>0</v>
      </c>
      <c r="N1365" s="45">
        <f t="shared" si="165"/>
        <v>44982.458333330105</v>
      </c>
    </row>
    <row r="1366" spans="2:14" x14ac:dyDescent="0.25">
      <c r="B1366">
        <f t="shared" si="159"/>
        <v>6</v>
      </c>
      <c r="C1366" s="16">
        <v>1332</v>
      </c>
      <c r="D1366" cm="1">
        <f t="array" ref="D1366">IFERROR(INDEX(Jesper!AH$2:AH$366,ROUNDDOWN($C1366/24,0)+1,1)*INDEX($D$3:$AA$30,INDEX(Jesper!$R$2:$R$366,ROW(INDEX(Jesper!AH$2:AH$366,ROUNDDOWN($C1366/24,0)+1,1))-1)+IF('Standard Profiles'!$G$18=$B$10,7,0)+IF('Standard Profiles'!$G$18=$B$17,14,0)+IF('Standard Profiles'!$G$18=$B$24,21,0),MOD($C1366,24)+1)/SUM(INDEX($D$3:$AA$30,INDEX(Jesper!$R$2:$R$366,ROW(INDEX(Jesper!AH$2:AH$366,ROUNDDOWN($C1366/24,0)+1,1))-1)+IF('Standard Profiles'!$G$18=$B$10,7,0)+IF('Standard Profiles'!$G$18=$B$17,14,0)+IF('Standard Profiles'!$G$18=$B$24,21,0),0)),0)</f>
        <v>0</v>
      </c>
      <c r="E1366" cm="1">
        <f t="array" ref="E1366">IFERROR(INDEX(Jesper!AI$2:AI$366,ROUNDDOWN($C1366/24,0)+1,1)*INDEX($D$3:$AA$30,INDEX(Jesper!$R$2:$R$366,ROW(INDEX(Jesper!AI$2:AI$366,ROUNDDOWN($C1366/24,0)+1,1))-1)+IF('Standard Profiles'!$G$19=$B$10,7,0)+IF('Standard Profiles'!$G$19=$B$17,14,0)+IF('Standard Profiles'!$G$19=$B$24,21,0),MOD($C1366,24)+1)/SUM(INDEX($D$3:$AA$30,INDEX(Jesper!$R$2:$R$366,ROW(INDEX(Jesper!AI$2:AI$366,ROUNDDOWN($C1366/24,0)+1,1))-1)+IF('Standard Profiles'!$G$19=$B$10,7,0)+IF('Standard Profiles'!$G$19=$B$17,14,0)+IF('Standard Profiles'!$G$19=$B$24,21,0),0)),0)</f>
        <v>4.3337193015648614</v>
      </c>
      <c r="F1366" cm="1">
        <f t="array" ref="F1366">IFERROR(INDEX(Jesper!AJ$2:AJ$366,ROUNDDOWN($C1366/24,0)+1,1)*INDEX($D$3:$AA$30,INDEX(Jesper!$R$2:$R$366,ROW(INDEX(Jesper!AJ$2:AJ$366,ROUNDDOWN($C1366/24,0)+1,1))-1)+IF('Standard Profiles'!$G$20=$B$10,7,0)+IF('Standard Profiles'!$G$20=$B$17,14,0)+IF('Standard Profiles'!$G$20=$B$24,21,0),MOD($C1366,24)+1)/SUM(INDEX($D$3:$AA$30,INDEX(Jesper!$R$2:$R$366,ROW(INDEX(Jesper!AJ$2:AJ$366,ROUNDDOWN($C1366/24,0)+1,1))-1)+IF('Standard Profiles'!$G$20=$B$10,7,0)+IF('Standard Profiles'!$G$20=$B$17,14,0)+IF('Standard Profiles'!$G$20=$B$24,21,0),0)),0)</f>
        <v>3.3836680978863725</v>
      </c>
      <c r="G1366" cm="1">
        <f t="array" ref="G1366">IFERROR(INDEX(Jesper!AK$2:AK$366,ROUNDDOWN($C1366/24,0)+1,1)*INDEX($D$3:$AA$30,INDEX(Jesper!$R$2:$R$366,ROW(INDEX(Jesper!AK$2:AK$366,ROUNDDOWN($C1366/24,0)+1,1))-1)+IF('Standard Profiles'!$G$21=$B$10,7,0)+IF('Standard Profiles'!$G$21=$B$17,14,0)+IF('Standard Profiles'!$G$21=$B$24,21,0),MOD($C1366,24)+1)/SUM(INDEX($D$3:$AA$30,INDEX(Jesper!$R$2:$R$366,ROW(INDEX(Jesper!AK$2:AK$366,ROUNDDOWN($C1366/24,0)+1,1))-1)+IF('Standard Profiles'!$G$21=$B$10,7,0)+IF('Standard Profiles'!$G$21=$B$17,14,0)+IF('Standard Profiles'!$G$21=$B$24,21,0),0)),0)</f>
        <v>4.9547474427464175</v>
      </c>
      <c r="H1366" cm="1">
        <f t="array" ref="H1366">IFERROR(INDEX(Jesper!AL$2:AL$366,ROUNDDOWN($C1366/24,0)+1,1)*INDEX($D$3:$AA$30,INDEX(Jesper!$R$2:$R$366,ROW(INDEX(Jesper!AL$2:AL$366,ROUNDDOWN($C1366/24,0)+1,1))-1)+IF('Standard Profiles'!$G$22=$B$10,7,0)+IF('Standard Profiles'!$G$22=$B$17,14,0)+IF('Standard Profiles'!$G$22=$B$24,21,0),MOD($C1366,24)+1)/SUM(INDEX($D$3:$AA$30,INDEX(Jesper!$R$2:$R$366,ROW(INDEX(Jesper!AL$2:AL$366,ROUNDDOWN($C1366/24,0)+1,1))-1)+IF('Standard Profiles'!$G$22=$B$10,7,0)+IF('Standard Profiles'!$G$22=$B$17,14,0)+IF('Standard Profiles'!$G$22=$B$24,21,0),0)),0)</f>
        <v>4.6428103435422434</v>
      </c>
      <c r="I1366">
        <f t="shared" si="160"/>
        <v>4.4570979298005557</v>
      </c>
      <c r="J1366">
        <f t="shared" si="161"/>
        <v>12.337800939751556</v>
      </c>
      <c r="K1366">
        <f t="shared" si="162"/>
        <v>0.34669754412518894</v>
      </c>
      <c r="L1366">
        <f t="shared" si="163"/>
        <v>0.17334877206259447</v>
      </c>
      <c r="M1366">
        <f t="shared" si="164"/>
        <v>0</v>
      </c>
      <c r="N1366" s="45">
        <f t="shared" si="165"/>
        <v>44982.499999996769</v>
      </c>
    </row>
    <row r="1367" spans="2:14" x14ac:dyDescent="0.25">
      <c r="B1367">
        <f t="shared" si="159"/>
        <v>6</v>
      </c>
      <c r="C1367" s="16">
        <v>1333</v>
      </c>
      <c r="D1367" cm="1">
        <f t="array" ref="D1367">IFERROR(INDEX(Jesper!AH$2:AH$366,ROUNDDOWN($C1367/24,0)+1,1)*INDEX($D$3:$AA$30,INDEX(Jesper!$R$2:$R$366,ROW(INDEX(Jesper!AH$2:AH$366,ROUNDDOWN($C1367/24,0)+1,1))-1)+IF('Standard Profiles'!$G$18=$B$10,7,0)+IF('Standard Profiles'!$G$18=$B$17,14,0)+IF('Standard Profiles'!$G$18=$B$24,21,0),MOD($C1367,24)+1)/SUM(INDEX($D$3:$AA$30,INDEX(Jesper!$R$2:$R$366,ROW(INDEX(Jesper!AH$2:AH$366,ROUNDDOWN($C1367/24,0)+1,1))-1)+IF('Standard Profiles'!$G$18=$B$10,7,0)+IF('Standard Profiles'!$G$18=$B$17,14,0)+IF('Standard Profiles'!$G$18=$B$24,21,0),0)),0)</f>
        <v>0</v>
      </c>
      <c r="E1367" cm="1">
        <f t="array" ref="E1367">IFERROR(INDEX(Jesper!AI$2:AI$366,ROUNDDOWN($C1367/24,0)+1,1)*INDEX($D$3:$AA$30,INDEX(Jesper!$R$2:$R$366,ROW(INDEX(Jesper!AI$2:AI$366,ROUNDDOWN($C1367/24,0)+1,1))-1)+IF('Standard Profiles'!$G$19=$B$10,7,0)+IF('Standard Profiles'!$G$19=$B$17,14,0)+IF('Standard Profiles'!$G$19=$B$24,21,0),MOD($C1367,24)+1)/SUM(INDEX($D$3:$AA$30,INDEX(Jesper!$R$2:$R$366,ROW(INDEX(Jesper!AI$2:AI$366,ROUNDDOWN($C1367/24,0)+1,1))-1)+IF('Standard Profiles'!$G$19=$B$10,7,0)+IF('Standard Profiles'!$G$19=$B$17,14,0)+IF('Standard Profiles'!$G$19=$B$24,21,0),0)),0)</f>
        <v>4.3337193015648614</v>
      </c>
      <c r="F1367" cm="1">
        <f t="array" ref="F1367">IFERROR(INDEX(Jesper!AJ$2:AJ$366,ROUNDDOWN($C1367/24,0)+1,1)*INDEX($D$3:$AA$30,INDEX(Jesper!$R$2:$R$366,ROW(INDEX(Jesper!AJ$2:AJ$366,ROUNDDOWN($C1367/24,0)+1,1))-1)+IF('Standard Profiles'!$G$20=$B$10,7,0)+IF('Standard Profiles'!$G$20=$B$17,14,0)+IF('Standard Profiles'!$G$20=$B$24,21,0),MOD($C1367,24)+1)/SUM(INDEX($D$3:$AA$30,INDEX(Jesper!$R$2:$R$366,ROW(INDEX(Jesper!AJ$2:AJ$366,ROUNDDOWN($C1367/24,0)+1,1))-1)+IF('Standard Profiles'!$G$20=$B$10,7,0)+IF('Standard Profiles'!$G$20=$B$17,14,0)+IF('Standard Profiles'!$G$20=$B$24,21,0),0)),0)</f>
        <v>3.3836680978863725</v>
      </c>
      <c r="G1367" cm="1">
        <f t="array" ref="G1367">IFERROR(INDEX(Jesper!AK$2:AK$366,ROUNDDOWN($C1367/24,0)+1,1)*INDEX($D$3:$AA$30,INDEX(Jesper!$R$2:$R$366,ROW(INDEX(Jesper!AK$2:AK$366,ROUNDDOWN($C1367/24,0)+1,1))-1)+IF('Standard Profiles'!$G$21=$B$10,7,0)+IF('Standard Profiles'!$G$21=$B$17,14,0)+IF('Standard Profiles'!$G$21=$B$24,21,0),MOD($C1367,24)+1)/SUM(INDEX($D$3:$AA$30,INDEX(Jesper!$R$2:$R$366,ROW(INDEX(Jesper!AK$2:AK$366,ROUNDDOWN($C1367/24,0)+1,1))-1)+IF('Standard Profiles'!$G$21=$B$10,7,0)+IF('Standard Profiles'!$G$21=$B$17,14,0)+IF('Standard Profiles'!$G$21=$B$24,21,0),0)),0)</f>
        <v>4.9547474427464175</v>
      </c>
      <c r="H1367" cm="1">
        <f t="array" ref="H1367">IFERROR(INDEX(Jesper!AL$2:AL$366,ROUNDDOWN($C1367/24,0)+1,1)*INDEX($D$3:$AA$30,INDEX(Jesper!$R$2:$R$366,ROW(INDEX(Jesper!AL$2:AL$366,ROUNDDOWN($C1367/24,0)+1,1))-1)+IF('Standard Profiles'!$G$22=$B$10,7,0)+IF('Standard Profiles'!$G$22=$B$17,14,0)+IF('Standard Profiles'!$G$22=$B$24,21,0),MOD($C1367,24)+1)/SUM(INDEX($D$3:$AA$30,INDEX(Jesper!$R$2:$R$366,ROW(INDEX(Jesper!AL$2:AL$366,ROUNDDOWN($C1367/24,0)+1,1))-1)+IF('Standard Profiles'!$G$22=$B$10,7,0)+IF('Standard Profiles'!$G$22=$B$17,14,0)+IF('Standard Profiles'!$G$22=$B$24,21,0),0)),0)</f>
        <v>4.6428103435422434</v>
      </c>
      <c r="I1367">
        <f t="shared" si="160"/>
        <v>4.4570979298005557</v>
      </c>
      <c r="J1367">
        <f t="shared" si="161"/>
        <v>12.337800939751556</v>
      </c>
      <c r="K1367">
        <f t="shared" si="162"/>
        <v>0.34669754412518894</v>
      </c>
      <c r="L1367">
        <f t="shared" si="163"/>
        <v>0.17334877206259447</v>
      </c>
      <c r="M1367">
        <f t="shared" si="164"/>
        <v>0</v>
      </c>
      <c r="N1367" s="45">
        <f t="shared" si="165"/>
        <v>44982.541666663434</v>
      </c>
    </row>
    <row r="1368" spans="2:14" x14ac:dyDescent="0.25">
      <c r="B1368">
        <f t="shared" si="159"/>
        <v>6</v>
      </c>
      <c r="C1368" s="16">
        <v>1334</v>
      </c>
      <c r="D1368" cm="1">
        <f t="array" ref="D1368">IFERROR(INDEX(Jesper!AH$2:AH$366,ROUNDDOWN($C1368/24,0)+1,1)*INDEX($D$3:$AA$30,INDEX(Jesper!$R$2:$R$366,ROW(INDEX(Jesper!AH$2:AH$366,ROUNDDOWN($C1368/24,0)+1,1))-1)+IF('Standard Profiles'!$G$18=$B$10,7,0)+IF('Standard Profiles'!$G$18=$B$17,14,0)+IF('Standard Profiles'!$G$18=$B$24,21,0),MOD($C1368,24)+1)/SUM(INDEX($D$3:$AA$30,INDEX(Jesper!$R$2:$R$366,ROW(INDEX(Jesper!AH$2:AH$366,ROUNDDOWN($C1368/24,0)+1,1))-1)+IF('Standard Profiles'!$G$18=$B$10,7,0)+IF('Standard Profiles'!$G$18=$B$17,14,0)+IF('Standard Profiles'!$G$18=$B$24,21,0),0)),0)</f>
        <v>0</v>
      </c>
      <c r="E1368" cm="1">
        <f t="array" ref="E1368">IFERROR(INDEX(Jesper!AI$2:AI$366,ROUNDDOWN($C1368/24,0)+1,1)*INDEX($D$3:$AA$30,INDEX(Jesper!$R$2:$R$366,ROW(INDEX(Jesper!AI$2:AI$366,ROUNDDOWN($C1368/24,0)+1,1))-1)+IF('Standard Profiles'!$G$19=$B$10,7,0)+IF('Standard Profiles'!$G$19=$B$17,14,0)+IF('Standard Profiles'!$G$19=$B$24,21,0),MOD($C1368,24)+1)/SUM(INDEX($D$3:$AA$30,INDEX(Jesper!$R$2:$R$366,ROW(INDEX(Jesper!AI$2:AI$366,ROUNDDOWN($C1368/24,0)+1,1))-1)+IF('Standard Profiles'!$G$19=$B$10,7,0)+IF('Standard Profiles'!$G$19=$B$17,14,0)+IF('Standard Profiles'!$G$19=$B$24,21,0),0)),0)</f>
        <v>4.3337193015648614</v>
      </c>
      <c r="F1368" cm="1">
        <f t="array" ref="F1368">IFERROR(INDEX(Jesper!AJ$2:AJ$366,ROUNDDOWN($C1368/24,0)+1,1)*INDEX($D$3:$AA$30,INDEX(Jesper!$R$2:$R$366,ROW(INDEX(Jesper!AJ$2:AJ$366,ROUNDDOWN($C1368/24,0)+1,1))-1)+IF('Standard Profiles'!$G$20=$B$10,7,0)+IF('Standard Profiles'!$G$20=$B$17,14,0)+IF('Standard Profiles'!$G$20=$B$24,21,0),MOD($C1368,24)+1)/SUM(INDEX($D$3:$AA$30,INDEX(Jesper!$R$2:$R$366,ROW(INDEX(Jesper!AJ$2:AJ$366,ROUNDDOWN($C1368/24,0)+1,1))-1)+IF('Standard Profiles'!$G$20=$B$10,7,0)+IF('Standard Profiles'!$G$20=$B$17,14,0)+IF('Standard Profiles'!$G$20=$B$24,21,0),0)),0)</f>
        <v>3.3836680978863725</v>
      </c>
      <c r="G1368" cm="1">
        <f t="array" ref="G1368">IFERROR(INDEX(Jesper!AK$2:AK$366,ROUNDDOWN($C1368/24,0)+1,1)*INDEX($D$3:$AA$30,INDEX(Jesper!$R$2:$R$366,ROW(INDEX(Jesper!AK$2:AK$366,ROUNDDOWN($C1368/24,0)+1,1))-1)+IF('Standard Profiles'!$G$21=$B$10,7,0)+IF('Standard Profiles'!$G$21=$B$17,14,0)+IF('Standard Profiles'!$G$21=$B$24,21,0),MOD($C1368,24)+1)/SUM(INDEX($D$3:$AA$30,INDEX(Jesper!$R$2:$R$366,ROW(INDEX(Jesper!AK$2:AK$366,ROUNDDOWN($C1368/24,0)+1,1))-1)+IF('Standard Profiles'!$G$21=$B$10,7,0)+IF('Standard Profiles'!$G$21=$B$17,14,0)+IF('Standard Profiles'!$G$21=$B$24,21,0),0)),0)</f>
        <v>4.9547474427464175</v>
      </c>
      <c r="H1368" cm="1">
        <f t="array" ref="H1368">IFERROR(INDEX(Jesper!AL$2:AL$366,ROUNDDOWN($C1368/24,0)+1,1)*INDEX($D$3:$AA$30,INDEX(Jesper!$R$2:$R$366,ROW(INDEX(Jesper!AL$2:AL$366,ROUNDDOWN($C1368/24,0)+1,1))-1)+IF('Standard Profiles'!$G$22=$B$10,7,0)+IF('Standard Profiles'!$G$22=$B$17,14,0)+IF('Standard Profiles'!$G$22=$B$24,21,0),MOD($C1368,24)+1)/SUM(INDEX($D$3:$AA$30,INDEX(Jesper!$R$2:$R$366,ROW(INDEX(Jesper!AL$2:AL$366,ROUNDDOWN($C1368/24,0)+1,1))-1)+IF('Standard Profiles'!$G$22=$B$10,7,0)+IF('Standard Profiles'!$G$22=$B$17,14,0)+IF('Standard Profiles'!$G$22=$B$24,21,0),0)),0)</f>
        <v>4.6428103435422434</v>
      </c>
      <c r="I1368">
        <f t="shared" si="160"/>
        <v>4.4570979298005557</v>
      </c>
      <c r="J1368">
        <f t="shared" si="161"/>
        <v>12.337800939751556</v>
      </c>
      <c r="K1368">
        <f t="shared" si="162"/>
        <v>0.34669754412518894</v>
      </c>
      <c r="L1368">
        <f t="shared" si="163"/>
        <v>0.17334877206259447</v>
      </c>
      <c r="M1368">
        <f t="shared" si="164"/>
        <v>0</v>
      </c>
      <c r="N1368" s="45">
        <f t="shared" si="165"/>
        <v>44982.583333330098</v>
      </c>
    </row>
    <row r="1369" spans="2:14" x14ac:dyDescent="0.25">
      <c r="B1369">
        <f t="shared" si="159"/>
        <v>6</v>
      </c>
      <c r="C1369" s="16">
        <v>1335</v>
      </c>
      <c r="D1369" cm="1">
        <f t="array" ref="D1369">IFERROR(INDEX(Jesper!AH$2:AH$366,ROUNDDOWN($C1369/24,0)+1,1)*INDEX($D$3:$AA$30,INDEX(Jesper!$R$2:$R$366,ROW(INDEX(Jesper!AH$2:AH$366,ROUNDDOWN($C1369/24,0)+1,1))-1)+IF('Standard Profiles'!$G$18=$B$10,7,0)+IF('Standard Profiles'!$G$18=$B$17,14,0)+IF('Standard Profiles'!$G$18=$B$24,21,0),MOD($C1369,24)+1)/SUM(INDEX($D$3:$AA$30,INDEX(Jesper!$R$2:$R$366,ROW(INDEX(Jesper!AH$2:AH$366,ROUNDDOWN($C1369/24,0)+1,1))-1)+IF('Standard Profiles'!$G$18=$B$10,7,0)+IF('Standard Profiles'!$G$18=$B$17,14,0)+IF('Standard Profiles'!$G$18=$B$24,21,0),0)),0)</f>
        <v>0</v>
      </c>
      <c r="E1369" cm="1">
        <f t="array" ref="E1369">IFERROR(INDEX(Jesper!AI$2:AI$366,ROUNDDOWN($C1369/24,0)+1,1)*INDEX($D$3:$AA$30,INDEX(Jesper!$R$2:$R$366,ROW(INDEX(Jesper!AI$2:AI$366,ROUNDDOWN($C1369/24,0)+1,1))-1)+IF('Standard Profiles'!$G$19=$B$10,7,0)+IF('Standard Profiles'!$G$19=$B$17,14,0)+IF('Standard Profiles'!$G$19=$B$24,21,0),MOD($C1369,24)+1)/SUM(INDEX($D$3:$AA$30,INDEX(Jesper!$R$2:$R$366,ROW(INDEX(Jesper!AI$2:AI$366,ROUNDDOWN($C1369/24,0)+1,1))-1)+IF('Standard Profiles'!$G$19=$B$10,7,0)+IF('Standard Profiles'!$G$19=$B$17,14,0)+IF('Standard Profiles'!$G$19=$B$24,21,0),0)),0)</f>
        <v>4.3337193015648614</v>
      </c>
      <c r="F1369" cm="1">
        <f t="array" ref="F1369">IFERROR(INDEX(Jesper!AJ$2:AJ$366,ROUNDDOWN($C1369/24,0)+1,1)*INDEX($D$3:$AA$30,INDEX(Jesper!$R$2:$R$366,ROW(INDEX(Jesper!AJ$2:AJ$366,ROUNDDOWN($C1369/24,0)+1,1))-1)+IF('Standard Profiles'!$G$20=$B$10,7,0)+IF('Standard Profiles'!$G$20=$B$17,14,0)+IF('Standard Profiles'!$G$20=$B$24,21,0),MOD($C1369,24)+1)/SUM(INDEX($D$3:$AA$30,INDEX(Jesper!$R$2:$R$366,ROW(INDEX(Jesper!AJ$2:AJ$366,ROUNDDOWN($C1369/24,0)+1,1))-1)+IF('Standard Profiles'!$G$20=$B$10,7,0)+IF('Standard Profiles'!$G$20=$B$17,14,0)+IF('Standard Profiles'!$G$20=$B$24,21,0),0)),0)</f>
        <v>3.3836680978863725</v>
      </c>
      <c r="G1369" cm="1">
        <f t="array" ref="G1369">IFERROR(INDEX(Jesper!AK$2:AK$366,ROUNDDOWN($C1369/24,0)+1,1)*INDEX($D$3:$AA$30,INDEX(Jesper!$R$2:$R$366,ROW(INDEX(Jesper!AK$2:AK$366,ROUNDDOWN($C1369/24,0)+1,1))-1)+IF('Standard Profiles'!$G$21=$B$10,7,0)+IF('Standard Profiles'!$G$21=$B$17,14,0)+IF('Standard Profiles'!$G$21=$B$24,21,0),MOD($C1369,24)+1)/SUM(INDEX($D$3:$AA$30,INDEX(Jesper!$R$2:$R$366,ROW(INDEX(Jesper!AK$2:AK$366,ROUNDDOWN($C1369/24,0)+1,1))-1)+IF('Standard Profiles'!$G$21=$B$10,7,0)+IF('Standard Profiles'!$G$21=$B$17,14,0)+IF('Standard Profiles'!$G$21=$B$24,21,0),0)),0)</f>
        <v>4.9547474427464175</v>
      </c>
      <c r="H1369" cm="1">
        <f t="array" ref="H1369">IFERROR(INDEX(Jesper!AL$2:AL$366,ROUNDDOWN($C1369/24,0)+1,1)*INDEX($D$3:$AA$30,INDEX(Jesper!$R$2:$R$366,ROW(INDEX(Jesper!AL$2:AL$366,ROUNDDOWN($C1369/24,0)+1,1))-1)+IF('Standard Profiles'!$G$22=$B$10,7,0)+IF('Standard Profiles'!$G$22=$B$17,14,0)+IF('Standard Profiles'!$G$22=$B$24,21,0),MOD($C1369,24)+1)/SUM(INDEX($D$3:$AA$30,INDEX(Jesper!$R$2:$R$366,ROW(INDEX(Jesper!AL$2:AL$366,ROUNDDOWN($C1369/24,0)+1,1))-1)+IF('Standard Profiles'!$G$22=$B$10,7,0)+IF('Standard Profiles'!$G$22=$B$17,14,0)+IF('Standard Profiles'!$G$22=$B$24,21,0),0)),0)</f>
        <v>4.1976093516957258</v>
      </c>
      <c r="I1369">
        <f t="shared" si="160"/>
        <v>4.0297049776278993</v>
      </c>
      <c r="J1369">
        <f t="shared" si="161"/>
        <v>12.319992900077697</v>
      </c>
      <c r="K1369">
        <f t="shared" si="162"/>
        <v>0.34669754412518894</v>
      </c>
      <c r="L1369">
        <f t="shared" si="163"/>
        <v>0.17334877206259447</v>
      </c>
      <c r="M1369">
        <f t="shared" si="164"/>
        <v>0</v>
      </c>
      <c r="N1369" s="45">
        <f t="shared" si="165"/>
        <v>44982.624999996762</v>
      </c>
    </row>
    <row r="1370" spans="2:14" x14ac:dyDescent="0.25">
      <c r="B1370">
        <f t="shared" si="159"/>
        <v>6</v>
      </c>
      <c r="C1370" s="16">
        <v>1336</v>
      </c>
      <c r="D1370" cm="1">
        <f t="array" ref="D1370">IFERROR(INDEX(Jesper!AH$2:AH$366,ROUNDDOWN($C1370/24,0)+1,1)*INDEX($D$3:$AA$30,INDEX(Jesper!$R$2:$R$366,ROW(INDEX(Jesper!AH$2:AH$366,ROUNDDOWN($C1370/24,0)+1,1))-1)+IF('Standard Profiles'!$G$18=$B$10,7,0)+IF('Standard Profiles'!$G$18=$B$17,14,0)+IF('Standard Profiles'!$G$18=$B$24,21,0),MOD($C1370,24)+1)/SUM(INDEX($D$3:$AA$30,INDEX(Jesper!$R$2:$R$366,ROW(INDEX(Jesper!AH$2:AH$366,ROUNDDOWN($C1370/24,0)+1,1))-1)+IF('Standard Profiles'!$G$18=$B$10,7,0)+IF('Standard Profiles'!$G$18=$B$17,14,0)+IF('Standard Profiles'!$G$18=$B$24,21,0),0)),0)</f>
        <v>0</v>
      </c>
      <c r="E1370" cm="1">
        <f t="array" ref="E1370">IFERROR(INDEX(Jesper!AI$2:AI$366,ROUNDDOWN($C1370/24,0)+1,1)*INDEX($D$3:$AA$30,INDEX(Jesper!$R$2:$R$366,ROW(INDEX(Jesper!AI$2:AI$366,ROUNDDOWN($C1370/24,0)+1,1))-1)+IF('Standard Profiles'!$G$19=$B$10,7,0)+IF('Standard Profiles'!$G$19=$B$17,14,0)+IF('Standard Profiles'!$G$19=$B$24,21,0),MOD($C1370,24)+1)/SUM(INDEX($D$3:$AA$30,INDEX(Jesper!$R$2:$R$366,ROW(INDEX(Jesper!AI$2:AI$366,ROUNDDOWN($C1370/24,0)+1,1))-1)+IF('Standard Profiles'!$G$19=$B$10,7,0)+IF('Standard Profiles'!$G$19=$B$17,14,0)+IF('Standard Profiles'!$G$19=$B$24,21,0),0)),0)</f>
        <v>4.3337193015648614</v>
      </c>
      <c r="F1370" cm="1">
        <f t="array" ref="F1370">IFERROR(INDEX(Jesper!AJ$2:AJ$366,ROUNDDOWN($C1370/24,0)+1,1)*INDEX($D$3:$AA$30,INDEX(Jesper!$R$2:$R$366,ROW(INDEX(Jesper!AJ$2:AJ$366,ROUNDDOWN($C1370/24,0)+1,1))-1)+IF('Standard Profiles'!$G$20=$B$10,7,0)+IF('Standard Profiles'!$G$20=$B$17,14,0)+IF('Standard Profiles'!$G$20=$B$24,21,0),MOD($C1370,24)+1)/SUM(INDEX($D$3:$AA$30,INDEX(Jesper!$R$2:$R$366,ROW(INDEX(Jesper!AJ$2:AJ$366,ROUNDDOWN($C1370/24,0)+1,1))-1)+IF('Standard Profiles'!$G$20=$B$10,7,0)+IF('Standard Profiles'!$G$20=$B$17,14,0)+IF('Standard Profiles'!$G$20=$B$24,21,0),0)),0)</f>
        <v>3.3836680978863725</v>
      </c>
      <c r="G1370" cm="1">
        <f t="array" ref="G1370">IFERROR(INDEX(Jesper!AK$2:AK$366,ROUNDDOWN($C1370/24,0)+1,1)*INDEX($D$3:$AA$30,INDEX(Jesper!$R$2:$R$366,ROW(INDEX(Jesper!AK$2:AK$366,ROUNDDOWN($C1370/24,0)+1,1))-1)+IF('Standard Profiles'!$G$21=$B$10,7,0)+IF('Standard Profiles'!$G$21=$B$17,14,0)+IF('Standard Profiles'!$G$21=$B$24,21,0),MOD($C1370,24)+1)/SUM(INDEX($D$3:$AA$30,INDEX(Jesper!$R$2:$R$366,ROW(INDEX(Jesper!AK$2:AK$366,ROUNDDOWN($C1370/24,0)+1,1))-1)+IF('Standard Profiles'!$G$21=$B$10,7,0)+IF('Standard Profiles'!$G$21=$B$17,14,0)+IF('Standard Profiles'!$G$21=$B$24,21,0),0)),0)</f>
        <v>4.9547474427464175</v>
      </c>
      <c r="H1370" cm="1">
        <f t="array" ref="H1370">IFERROR(INDEX(Jesper!AL$2:AL$366,ROUNDDOWN($C1370/24,0)+1,1)*INDEX($D$3:$AA$30,INDEX(Jesper!$R$2:$R$366,ROW(INDEX(Jesper!AL$2:AL$366,ROUNDDOWN($C1370/24,0)+1,1))-1)+IF('Standard Profiles'!$G$22=$B$10,7,0)+IF('Standard Profiles'!$G$22=$B$17,14,0)+IF('Standard Profiles'!$G$22=$B$24,21,0),MOD($C1370,24)+1)/SUM(INDEX($D$3:$AA$30,INDEX(Jesper!$R$2:$R$366,ROW(INDEX(Jesper!AL$2:AL$366,ROUNDDOWN($C1370/24,0)+1,1))-1)+IF('Standard Profiles'!$G$22=$B$10,7,0)+IF('Standard Profiles'!$G$22=$B$17,14,0)+IF('Standard Profiles'!$G$22=$B$24,21,0),0)),0)</f>
        <v>3.8160085015415697</v>
      </c>
      <c r="I1370">
        <f t="shared" si="160"/>
        <v>3.6633681614799087</v>
      </c>
      <c r="J1370">
        <f t="shared" si="161"/>
        <v>12.30472886607153</v>
      </c>
      <c r="K1370">
        <f t="shared" si="162"/>
        <v>0.34669754412518894</v>
      </c>
      <c r="L1370">
        <f t="shared" si="163"/>
        <v>0.17334877206259447</v>
      </c>
      <c r="M1370">
        <f t="shared" si="164"/>
        <v>0</v>
      </c>
      <c r="N1370" s="45">
        <f t="shared" si="165"/>
        <v>44982.666666663426</v>
      </c>
    </row>
    <row r="1371" spans="2:14" x14ac:dyDescent="0.25">
      <c r="B1371">
        <f t="shared" si="159"/>
        <v>6</v>
      </c>
      <c r="C1371" s="16">
        <v>1337</v>
      </c>
      <c r="D1371" cm="1">
        <f t="array" ref="D1371">IFERROR(INDEX(Jesper!AH$2:AH$366,ROUNDDOWN($C1371/24,0)+1,1)*INDEX($D$3:$AA$30,INDEX(Jesper!$R$2:$R$366,ROW(INDEX(Jesper!AH$2:AH$366,ROUNDDOWN($C1371/24,0)+1,1))-1)+IF('Standard Profiles'!$G$18=$B$10,7,0)+IF('Standard Profiles'!$G$18=$B$17,14,0)+IF('Standard Profiles'!$G$18=$B$24,21,0),MOD($C1371,24)+1)/SUM(INDEX($D$3:$AA$30,INDEX(Jesper!$R$2:$R$366,ROW(INDEX(Jesper!AH$2:AH$366,ROUNDDOWN($C1371/24,0)+1,1))-1)+IF('Standard Profiles'!$G$18=$B$10,7,0)+IF('Standard Profiles'!$G$18=$B$17,14,0)+IF('Standard Profiles'!$G$18=$B$24,21,0),0)),0)</f>
        <v>0</v>
      </c>
      <c r="E1371" cm="1">
        <f t="array" ref="E1371">IFERROR(INDEX(Jesper!AI$2:AI$366,ROUNDDOWN($C1371/24,0)+1,1)*INDEX($D$3:$AA$30,INDEX(Jesper!$R$2:$R$366,ROW(INDEX(Jesper!AI$2:AI$366,ROUNDDOWN($C1371/24,0)+1,1))-1)+IF('Standard Profiles'!$G$19=$B$10,7,0)+IF('Standard Profiles'!$G$19=$B$17,14,0)+IF('Standard Profiles'!$G$19=$B$24,21,0),MOD($C1371,24)+1)/SUM(INDEX($D$3:$AA$30,INDEX(Jesper!$R$2:$R$366,ROW(INDEX(Jesper!AI$2:AI$366,ROUNDDOWN($C1371/24,0)+1,1))-1)+IF('Standard Profiles'!$G$19=$B$10,7,0)+IF('Standard Profiles'!$G$19=$B$17,14,0)+IF('Standard Profiles'!$G$19=$B$24,21,0),0)),0)</f>
        <v>4.3337193015648614</v>
      </c>
      <c r="F1371" cm="1">
        <f t="array" ref="F1371">IFERROR(INDEX(Jesper!AJ$2:AJ$366,ROUNDDOWN($C1371/24,0)+1,1)*INDEX($D$3:$AA$30,INDEX(Jesper!$R$2:$R$366,ROW(INDEX(Jesper!AJ$2:AJ$366,ROUNDDOWN($C1371/24,0)+1,1))-1)+IF('Standard Profiles'!$G$20=$B$10,7,0)+IF('Standard Profiles'!$G$20=$B$17,14,0)+IF('Standard Profiles'!$G$20=$B$24,21,0),MOD($C1371,24)+1)/SUM(INDEX($D$3:$AA$30,INDEX(Jesper!$R$2:$R$366,ROW(INDEX(Jesper!AJ$2:AJ$366,ROUNDDOWN($C1371/24,0)+1,1))-1)+IF('Standard Profiles'!$G$20=$B$10,7,0)+IF('Standard Profiles'!$G$20=$B$17,14,0)+IF('Standard Profiles'!$G$20=$B$24,21,0),0)),0)</f>
        <v>3.3836680978863725</v>
      </c>
      <c r="G1371" cm="1">
        <f t="array" ref="G1371">IFERROR(INDEX(Jesper!AK$2:AK$366,ROUNDDOWN($C1371/24,0)+1,1)*INDEX($D$3:$AA$30,INDEX(Jesper!$R$2:$R$366,ROW(INDEX(Jesper!AK$2:AK$366,ROUNDDOWN($C1371/24,0)+1,1))-1)+IF('Standard Profiles'!$G$21=$B$10,7,0)+IF('Standard Profiles'!$G$21=$B$17,14,0)+IF('Standard Profiles'!$G$21=$B$24,21,0),MOD($C1371,24)+1)/SUM(INDEX($D$3:$AA$30,INDEX(Jesper!$R$2:$R$366,ROW(INDEX(Jesper!AK$2:AK$366,ROUNDDOWN($C1371/24,0)+1,1))-1)+IF('Standard Profiles'!$G$21=$B$10,7,0)+IF('Standard Profiles'!$G$21=$B$17,14,0)+IF('Standard Profiles'!$G$21=$B$24,21,0),0)),0)</f>
        <v>4.9547474427464175</v>
      </c>
      <c r="H1371" cm="1">
        <f t="array" ref="H1371">IFERROR(INDEX(Jesper!AL$2:AL$366,ROUNDDOWN($C1371/24,0)+1,1)*INDEX($D$3:$AA$30,INDEX(Jesper!$R$2:$R$366,ROW(INDEX(Jesper!AL$2:AL$366,ROUNDDOWN($C1371/24,0)+1,1))-1)+IF('Standard Profiles'!$G$22=$B$10,7,0)+IF('Standard Profiles'!$G$22=$B$17,14,0)+IF('Standard Profiles'!$G$22=$B$24,21,0),MOD($C1371,24)+1)/SUM(INDEX($D$3:$AA$30,INDEX(Jesper!$R$2:$R$366,ROW(INDEX(Jesper!AL$2:AL$366,ROUNDDOWN($C1371/24,0)+1,1))-1)+IF('Standard Profiles'!$G$22=$B$10,7,0)+IF('Standard Profiles'!$G$22=$B$17,14,0)+IF('Standard Profiles'!$G$22=$B$24,21,0),0)),0)</f>
        <v>3.4344076513874127</v>
      </c>
      <c r="I1371">
        <f t="shared" si="160"/>
        <v>3.2970313453319178</v>
      </c>
      <c r="J1371">
        <f t="shared" si="161"/>
        <v>12.289464832065365</v>
      </c>
      <c r="K1371">
        <f t="shared" si="162"/>
        <v>0.34669754412518894</v>
      </c>
      <c r="L1371">
        <f t="shared" si="163"/>
        <v>0.17334877206259447</v>
      </c>
      <c r="M1371">
        <f t="shared" si="164"/>
        <v>0</v>
      </c>
      <c r="N1371" s="45">
        <f t="shared" si="165"/>
        <v>44982.708333330091</v>
      </c>
    </row>
    <row r="1372" spans="2:14" x14ac:dyDescent="0.25">
      <c r="B1372">
        <f t="shared" si="159"/>
        <v>6</v>
      </c>
      <c r="C1372" s="16">
        <v>1338</v>
      </c>
      <c r="D1372" cm="1">
        <f t="array" ref="D1372">IFERROR(INDEX(Jesper!AH$2:AH$366,ROUNDDOWN($C1372/24,0)+1,1)*INDEX($D$3:$AA$30,INDEX(Jesper!$R$2:$R$366,ROW(INDEX(Jesper!AH$2:AH$366,ROUNDDOWN($C1372/24,0)+1,1))-1)+IF('Standard Profiles'!$G$18=$B$10,7,0)+IF('Standard Profiles'!$G$18=$B$17,14,0)+IF('Standard Profiles'!$G$18=$B$24,21,0),MOD($C1372,24)+1)/SUM(INDEX($D$3:$AA$30,INDEX(Jesper!$R$2:$R$366,ROW(INDEX(Jesper!AH$2:AH$366,ROUNDDOWN($C1372/24,0)+1,1))-1)+IF('Standard Profiles'!$G$18=$B$10,7,0)+IF('Standard Profiles'!$G$18=$B$17,14,0)+IF('Standard Profiles'!$G$18=$B$24,21,0),0)),0)</f>
        <v>0</v>
      </c>
      <c r="E1372" cm="1">
        <f t="array" ref="E1372">IFERROR(INDEX(Jesper!AI$2:AI$366,ROUNDDOWN($C1372/24,0)+1,1)*INDEX($D$3:$AA$30,INDEX(Jesper!$R$2:$R$366,ROW(INDEX(Jesper!AI$2:AI$366,ROUNDDOWN($C1372/24,0)+1,1))-1)+IF('Standard Profiles'!$G$19=$B$10,7,0)+IF('Standard Profiles'!$G$19=$B$17,14,0)+IF('Standard Profiles'!$G$19=$B$24,21,0),MOD($C1372,24)+1)/SUM(INDEX($D$3:$AA$30,INDEX(Jesper!$R$2:$R$366,ROW(INDEX(Jesper!AI$2:AI$366,ROUNDDOWN($C1372/24,0)+1,1))-1)+IF('Standard Profiles'!$G$19=$B$10,7,0)+IF('Standard Profiles'!$G$19=$B$17,14,0)+IF('Standard Profiles'!$G$19=$B$24,21,0),0)),0)</f>
        <v>4.3337193015648614</v>
      </c>
      <c r="F1372" cm="1">
        <f t="array" ref="F1372">IFERROR(INDEX(Jesper!AJ$2:AJ$366,ROUNDDOWN($C1372/24,0)+1,1)*INDEX($D$3:$AA$30,INDEX(Jesper!$R$2:$R$366,ROW(INDEX(Jesper!AJ$2:AJ$366,ROUNDDOWN($C1372/24,0)+1,1))-1)+IF('Standard Profiles'!$G$20=$B$10,7,0)+IF('Standard Profiles'!$G$20=$B$17,14,0)+IF('Standard Profiles'!$G$20=$B$24,21,0),MOD($C1372,24)+1)/SUM(INDEX($D$3:$AA$30,INDEX(Jesper!$R$2:$R$366,ROW(INDEX(Jesper!AJ$2:AJ$366,ROUNDDOWN($C1372/24,0)+1,1))-1)+IF('Standard Profiles'!$G$20=$B$10,7,0)+IF('Standard Profiles'!$G$20=$B$17,14,0)+IF('Standard Profiles'!$G$20=$B$24,21,0),0)),0)</f>
        <v>3.3836680978863725</v>
      </c>
      <c r="G1372" cm="1">
        <f t="array" ref="G1372">IFERROR(INDEX(Jesper!AK$2:AK$366,ROUNDDOWN($C1372/24,0)+1,1)*INDEX($D$3:$AA$30,INDEX(Jesper!$R$2:$R$366,ROW(INDEX(Jesper!AK$2:AK$366,ROUNDDOWN($C1372/24,0)+1,1))-1)+IF('Standard Profiles'!$G$21=$B$10,7,0)+IF('Standard Profiles'!$G$21=$B$17,14,0)+IF('Standard Profiles'!$G$21=$B$24,21,0),MOD($C1372,24)+1)/SUM(INDEX($D$3:$AA$30,INDEX(Jesper!$R$2:$R$366,ROW(INDEX(Jesper!AK$2:AK$366,ROUNDDOWN($C1372/24,0)+1,1))-1)+IF('Standard Profiles'!$G$21=$B$10,7,0)+IF('Standard Profiles'!$G$21=$B$17,14,0)+IF('Standard Profiles'!$G$21=$B$24,21,0),0)),0)</f>
        <v>4.9547474427464175</v>
      </c>
      <c r="H1372" cm="1">
        <f t="array" ref="H1372">IFERROR(INDEX(Jesper!AL$2:AL$366,ROUNDDOWN($C1372/24,0)+1,1)*INDEX($D$3:$AA$30,INDEX(Jesper!$R$2:$R$366,ROW(INDEX(Jesper!AL$2:AL$366,ROUNDDOWN($C1372/24,0)+1,1))-1)+IF('Standard Profiles'!$G$22=$B$10,7,0)+IF('Standard Profiles'!$G$22=$B$17,14,0)+IF('Standard Profiles'!$G$22=$B$24,21,0),MOD($C1372,24)+1)/SUM(INDEX($D$3:$AA$30,INDEX(Jesper!$R$2:$R$366,ROW(INDEX(Jesper!AL$2:AL$366,ROUNDDOWN($C1372/24,0)+1,1))-1)+IF('Standard Profiles'!$G$22=$B$10,7,0)+IF('Standard Profiles'!$G$22=$B$17,14,0)+IF('Standard Profiles'!$G$22=$B$24,21,0),0)),0)</f>
        <v>3.3072073680026937</v>
      </c>
      <c r="I1372">
        <f t="shared" si="160"/>
        <v>3.1749190732825876</v>
      </c>
      <c r="J1372">
        <f t="shared" si="161"/>
        <v>12.284376820729975</v>
      </c>
      <c r="K1372">
        <f t="shared" si="162"/>
        <v>0.34669754412518894</v>
      </c>
      <c r="L1372">
        <f t="shared" si="163"/>
        <v>0.17334877206259447</v>
      </c>
      <c r="M1372">
        <f t="shared" si="164"/>
        <v>0</v>
      </c>
      <c r="N1372" s="45">
        <f t="shared" si="165"/>
        <v>44982.749999996755</v>
      </c>
    </row>
    <row r="1373" spans="2:14" x14ac:dyDescent="0.25">
      <c r="B1373">
        <f t="shared" si="159"/>
        <v>6</v>
      </c>
      <c r="C1373" s="16">
        <v>1339</v>
      </c>
      <c r="D1373" cm="1">
        <f t="array" ref="D1373">IFERROR(INDEX(Jesper!AH$2:AH$366,ROUNDDOWN($C1373/24,0)+1,1)*INDEX($D$3:$AA$30,INDEX(Jesper!$R$2:$R$366,ROW(INDEX(Jesper!AH$2:AH$366,ROUNDDOWN($C1373/24,0)+1,1))-1)+IF('Standard Profiles'!$G$18=$B$10,7,0)+IF('Standard Profiles'!$G$18=$B$17,14,0)+IF('Standard Profiles'!$G$18=$B$24,21,0),MOD($C1373,24)+1)/SUM(INDEX($D$3:$AA$30,INDEX(Jesper!$R$2:$R$366,ROW(INDEX(Jesper!AH$2:AH$366,ROUNDDOWN($C1373/24,0)+1,1))-1)+IF('Standard Profiles'!$G$18=$B$10,7,0)+IF('Standard Profiles'!$G$18=$B$17,14,0)+IF('Standard Profiles'!$G$18=$B$24,21,0),0)),0)</f>
        <v>0</v>
      </c>
      <c r="E1373" cm="1">
        <f t="array" ref="E1373">IFERROR(INDEX(Jesper!AI$2:AI$366,ROUNDDOWN($C1373/24,0)+1,1)*INDEX($D$3:$AA$30,INDEX(Jesper!$R$2:$R$366,ROW(INDEX(Jesper!AI$2:AI$366,ROUNDDOWN($C1373/24,0)+1,1))-1)+IF('Standard Profiles'!$G$19=$B$10,7,0)+IF('Standard Profiles'!$G$19=$B$17,14,0)+IF('Standard Profiles'!$G$19=$B$24,21,0),MOD($C1373,24)+1)/SUM(INDEX($D$3:$AA$30,INDEX(Jesper!$R$2:$R$366,ROW(INDEX(Jesper!AI$2:AI$366,ROUNDDOWN($C1373/24,0)+1,1))-1)+IF('Standard Profiles'!$G$19=$B$10,7,0)+IF('Standard Profiles'!$G$19=$B$17,14,0)+IF('Standard Profiles'!$G$19=$B$24,21,0),0)),0)</f>
        <v>4.3337193015648614</v>
      </c>
      <c r="F1373" cm="1">
        <f t="array" ref="F1373">IFERROR(INDEX(Jesper!AJ$2:AJ$366,ROUNDDOWN($C1373/24,0)+1,1)*INDEX($D$3:$AA$30,INDEX(Jesper!$R$2:$R$366,ROW(INDEX(Jesper!AJ$2:AJ$366,ROUNDDOWN($C1373/24,0)+1,1))-1)+IF('Standard Profiles'!$G$20=$B$10,7,0)+IF('Standard Profiles'!$G$20=$B$17,14,0)+IF('Standard Profiles'!$G$20=$B$24,21,0),MOD($C1373,24)+1)/SUM(INDEX($D$3:$AA$30,INDEX(Jesper!$R$2:$R$366,ROW(INDEX(Jesper!AJ$2:AJ$366,ROUNDDOWN($C1373/24,0)+1,1))-1)+IF('Standard Profiles'!$G$20=$B$10,7,0)+IF('Standard Profiles'!$G$20=$B$17,14,0)+IF('Standard Profiles'!$G$20=$B$24,21,0),0)),0)</f>
        <v>3.3836680978863725</v>
      </c>
      <c r="G1373" cm="1">
        <f t="array" ref="G1373">IFERROR(INDEX(Jesper!AK$2:AK$366,ROUNDDOWN($C1373/24,0)+1,1)*INDEX($D$3:$AA$30,INDEX(Jesper!$R$2:$R$366,ROW(INDEX(Jesper!AK$2:AK$366,ROUNDDOWN($C1373/24,0)+1,1))-1)+IF('Standard Profiles'!$G$21=$B$10,7,0)+IF('Standard Profiles'!$G$21=$B$17,14,0)+IF('Standard Profiles'!$G$21=$B$24,21,0),MOD($C1373,24)+1)/SUM(INDEX($D$3:$AA$30,INDEX(Jesper!$R$2:$R$366,ROW(INDEX(Jesper!AK$2:AK$366,ROUNDDOWN($C1373/24,0)+1,1))-1)+IF('Standard Profiles'!$G$21=$B$10,7,0)+IF('Standard Profiles'!$G$21=$B$17,14,0)+IF('Standard Profiles'!$G$21=$B$24,21,0),0)),0)</f>
        <v>4.9547474427464175</v>
      </c>
      <c r="H1373" cm="1">
        <f t="array" ref="H1373">IFERROR(INDEX(Jesper!AL$2:AL$366,ROUNDDOWN($C1373/24,0)+1,1)*INDEX($D$3:$AA$30,INDEX(Jesper!$R$2:$R$366,ROW(INDEX(Jesper!AL$2:AL$366,ROUNDDOWN($C1373/24,0)+1,1))-1)+IF('Standard Profiles'!$G$22=$B$10,7,0)+IF('Standard Profiles'!$G$22=$B$17,14,0)+IF('Standard Profiles'!$G$22=$B$24,21,0),MOD($C1373,24)+1)/SUM(INDEX($D$3:$AA$30,INDEX(Jesper!$R$2:$R$366,ROW(INDEX(Jesper!AL$2:AL$366,ROUNDDOWN($C1373/24,0)+1,1))-1)+IF('Standard Profiles'!$G$22=$B$10,7,0)+IF('Standard Profiles'!$G$22=$B$17,14,0)+IF('Standard Profiles'!$G$22=$B$24,21,0),0)),0)</f>
        <v>2.6712059510790986</v>
      </c>
      <c r="I1373">
        <f t="shared" si="160"/>
        <v>2.5643577130359363</v>
      </c>
      <c r="J1373">
        <f t="shared" si="161"/>
        <v>12.258936764053033</v>
      </c>
      <c r="K1373">
        <f t="shared" si="162"/>
        <v>0.34669754412518894</v>
      </c>
      <c r="L1373">
        <f t="shared" si="163"/>
        <v>0.17334877206259447</v>
      </c>
      <c r="M1373">
        <f t="shared" si="164"/>
        <v>0</v>
      </c>
      <c r="N1373" s="45">
        <f t="shared" si="165"/>
        <v>44982.791666663419</v>
      </c>
    </row>
    <row r="1374" spans="2:14" x14ac:dyDescent="0.25">
      <c r="B1374">
        <f t="shared" si="159"/>
        <v>6</v>
      </c>
      <c r="C1374" s="16">
        <v>1340</v>
      </c>
      <c r="D1374" cm="1">
        <f t="array" ref="D1374">IFERROR(INDEX(Jesper!AH$2:AH$366,ROUNDDOWN($C1374/24,0)+1,1)*INDEX($D$3:$AA$30,INDEX(Jesper!$R$2:$R$366,ROW(INDEX(Jesper!AH$2:AH$366,ROUNDDOWN($C1374/24,0)+1,1))-1)+IF('Standard Profiles'!$G$18=$B$10,7,0)+IF('Standard Profiles'!$G$18=$B$17,14,0)+IF('Standard Profiles'!$G$18=$B$24,21,0),MOD($C1374,24)+1)/SUM(INDEX($D$3:$AA$30,INDEX(Jesper!$R$2:$R$366,ROW(INDEX(Jesper!AH$2:AH$366,ROUNDDOWN($C1374/24,0)+1,1))-1)+IF('Standard Profiles'!$G$18=$B$10,7,0)+IF('Standard Profiles'!$G$18=$B$17,14,0)+IF('Standard Profiles'!$G$18=$B$24,21,0),0)),0)</f>
        <v>0</v>
      </c>
      <c r="E1374" cm="1">
        <f t="array" ref="E1374">IFERROR(INDEX(Jesper!AI$2:AI$366,ROUNDDOWN($C1374/24,0)+1,1)*INDEX($D$3:$AA$30,INDEX(Jesper!$R$2:$R$366,ROW(INDEX(Jesper!AI$2:AI$366,ROUNDDOWN($C1374/24,0)+1,1))-1)+IF('Standard Profiles'!$G$19=$B$10,7,0)+IF('Standard Profiles'!$G$19=$B$17,14,0)+IF('Standard Profiles'!$G$19=$B$24,21,0),MOD($C1374,24)+1)/SUM(INDEX($D$3:$AA$30,INDEX(Jesper!$R$2:$R$366,ROW(INDEX(Jesper!AI$2:AI$366,ROUNDDOWN($C1374/24,0)+1,1))-1)+IF('Standard Profiles'!$G$19=$B$10,7,0)+IF('Standard Profiles'!$G$19=$B$17,14,0)+IF('Standard Profiles'!$G$19=$B$24,21,0),0)),0)</f>
        <v>4.3337193015648614</v>
      </c>
      <c r="F1374" cm="1">
        <f t="array" ref="F1374">IFERROR(INDEX(Jesper!AJ$2:AJ$366,ROUNDDOWN($C1374/24,0)+1,1)*INDEX($D$3:$AA$30,INDEX(Jesper!$R$2:$R$366,ROW(INDEX(Jesper!AJ$2:AJ$366,ROUNDDOWN($C1374/24,0)+1,1))-1)+IF('Standard Profiles'!$G$20=$B$10,7,0)+IF('Standard Profiles'!$G$20=$B$17,14,0)+IF('Standard Profiles'!$G$20=$B$24,21,0),MOD($C1374,24)+1)/SUM(INDEX($D$3:$AA$30,INDEX(Jesper!$R$2:$R$366,ROW(INDEX(Jesper!AJ$2:AJ$366,ROUNDDOWN($C1374/24,0)+1,1))-1)+IF('Standard Profiles'!$G$20=$B$10,7,0)+IF('Standard Profiles'!$G$20=$B$17,14,0)+IF('Standard Profiles'!$G$20=$B$24,21,0),0)),0)</f>
        <v>3.3836680978863725</v>
      </c>
      <c r="G1374" cm="1">
        <f t="array" ref="G1374">IFERROR(INDEX(Jesper!AK$2:AK$366,ROUNDDOWN($C1374/24,0)+1,1)*INDEX($D$3:$AA$30,INDEX(Jesper!$R$2:$R$366,ROW(INDEX(Jesper!AK$2:AK$366,ROUNDDOWN($C1374/24,0)+1,1))-1)+IF('Standard Profiles'!$G$21=$B$10,7,0)+IF('Standard Profiles'!$G$21=$B$17,14,0)+IF('Standard Profiles'!$G$21=$B$24,21,0),MOD($C1374,24)+1)/SUM(INDEX($D$3:$AA$30,INDEX(Jesper!$R$2:$R$366,ROW(INDEX(Jesper!AK$2:AK$366,ROUNDDOWN($C1374/24,0)+1,1))-1)+IF('Standard Profiles'!$G$21=$B$10,7,0)+IF('Standard Profiles'!$G$21=$B$17,14,0)+IF('Standard Profiles'!$G$21=$B$24,21,0),0)),0)</f>
        <v>4.9547474427464175</v>
      </c>
      <c r="H1374" cm="1">
        <f t="array" ref="H1374">IFERROR(INDEX(Jesper!AL$2:AL$366,ROUNDDOWN($C1374/24,0)+1,1)*INDEX($D$3:$AA$30,INDEX(Jesper!$R$2:$R$366,ROW(INDEX(Jesper!AL$2:AL$366,ROUNDDOWN($C1374/24,0)+1,1))-1)+IF('Standard Profiles'!$G$22=$B$10,7,0)+IF('Standard Profiles'!$G$22=$B$17,14,0)+IF('Standard Profiles'!$G$22=$B$24,21,0),MOD($C1374,24)+1)/SUM(INDEX($D$3:$AA$30,INDEX(Jesper!$R$2:$R$366,ROW(INDEX(Jesper!AL$2:AL$366,ROUNDDOWN($C1374/24,0)+1,1))-1)+IF('Standard Profiles'!$G$22=$B$10,7,0)+IF('Standard Profiles'!$G$22=$B$17,14,0)+IF('Standard Profiles'!$G$22=$B$24,21,0),0)),0)</f>
        <v>1.9716043924631443</v>
      </c>
      <c r="I1374">
        <f t="shared" si="160"/>
        <v>1.8927402167646197</v>
      </c>
      <c r="J1374">
        <f t="shared" si="161"/>
        <v>12.230952701708395</v>
      </c>
      <c r="K1374">
        <f t="shared" si="162"/>
        <v>0.34669754412518894</v>
      </c>
      <c r="L1374">
        <f t="shared" si="163"/>
        <v>0.17334877206259447</v>
      </c>
      <c r="M1374">
        <f t="shared" si="164"/>
        <v>0</v>
      </c>
      <c r="N1374" s="45">
        <f t="shared" si="165"/>
        <v>44982.833333330083</v>
      </c>
    </row>
    <row r="1375" spans="2:14" x14ac:dyDescent="0.25">
      <c r="B1375">
        <f t="shared" si="159"/>
        <v>6</v>
      </c>
      <c r="C1375" s="16">
        <v>1341</v>
      </c>
      <c r="D1375" cm="1">
        <f t="array" ref="D1375">IFERROR(INDEX(Jesper!AH$2:AH$366,ROUNDDOWN($C1375/24,0)+1,1)*INDEX($D$3:$AA$30,INDEX(Jesper!$R$2:$R$366,ROW(INDEX(Jesper!AH$2:AH$366,ROUNDDOWN($C1375/24,0)+1,1))-1)+IF('Standard Profiles'!$G$18=$B$10,7,0)+IF('Standard Profiles'!$G$18=$B$17,14,0)+IF('Standard Profiles'!$G$18=$B$24,21,0),MOD($C1375,24)+1)/SUM(INDEX($D$3:$AA$30,INDEX(Jesper!$R$2:$R$366,ROW(INDEX(Jesper!AH$2:AH$366,ROUNDDOWN($C1375/24,0)+1,1))-1)+IF('Standard Profiles'!$G$18=$B$10,7,0)+IF('Standard Profiles'!$G$18=$B$17,14,0)+IF('Standard Profiles'!$G$18=$B$24,21,0),0)),0)</f>
        <v>0</v>
      </c>
      <c r="E1375" cm="1">
        <f t="array" ref="E1375">IFERROR(INDEX(Jesper!AI$2:AI$366,ROUNDDOWN($C1375/24,0)+1,1)*INDEX($D$3:$AA$30,INDEX(Jesper!$R$2:$R$366,ROW(INDEX(Jesper!AI$2:AI$366,ROUNDDOWN($C1375/24,0)+1,1))-1)+IF('Standard Profiles'!$G$19=$B$10,7,0)+IF('Standard Profiles'!$G$19=$B$17,14,0)+IF('Standard Profiles'!$G$19=$B$24,21,0),MOD($C1375,24)+1)/SUM(INDEX($D$3:$AA$30,INDEX(Jesper!$R$2:$R$366,ROW(INDEX(Jesper!AI$2:AI$366,ROUNDDOWN($C1375/24,0)+1,1))-1)+IF('Standard Profiles'!$G$19=$B$10,7,0)+IF('Standard Profiles'!$G$19=$B$17,14,0)+IF('Standard Profiles'!$G$19=$B$24,21,0),0)),0)</f>
        <v>4.3337193015648614</v>
      </c>
      <c r="F1375" cm="1">
        <f t="array" ref="F1375">IFERROR(INDEX(Jesper!AJ$2:AJ$366,ROUNDDOWN($C1375/24,0)+1,1)*INDEX($D$3:$AA$30,INDEX(Jesper!$R$2:$R$366,ROW(INDEX(Jesper!AJ$2:AJ$366,ROUNDDOWN($C1375/24,0)+1,1))-1)+IF('Standard Profiles'!$G$20=$B$10,7,0)+IF('Standard Profiles'!$G$20=$B$17,14,0)+IF('Standard Profiles'!$G$20=$B$24,21,0),MOD($C1375,24)+1)/SUM(INDEX($D$3:$AA$30,INDEX(Jesper!$R$2:$R$366,ROW(INDEX(Jesper!AJ$2:AJ$366,ROUNDDOWN($C1375/24,0)+1,1))-1)+IF('Standard Profiles'!$G$20=$B$10,7,0)+IF('Standard Profiles'!$G$20=$B$17,14,0)+IF('Standard Profiles'!$G$20=$B$24,21,0),0)),0)</f>
        <v>3.3836680978863725</v>
      </c>
      <c r="G1375" cm="1">
        <f t="array" ref="G1375">IFERROR(INDEX(Jesper!AK$2:AK$366,ROUNDDOWN($C1375/24,0)+1,1)*INDEX($D$3:$AA$30,INDEX(Jesper!$R$2:$R$366,ROW(INDEX(Jesper!AK$2:AK$366,ROUNDDOWN($C1375/24,0)+1,1))-1)+IF('Standard Profiles'!$G$21=$B$10,7,0)+IF('Standard Profiles'!$G$21=$B$17,14,0)+IF('Standard Profiles'!$G$21=$B$24,21,0),MOD($C1375,24)+1)/SUM(INDEX($D$3:$AA$30,INDEX(Jesper!$R$2:$R$366,ROW(INDEX(Jesper!AK$2:AK$366,ROUNDDOWN($C1375/24,0)+1,1))-1)+IF('Standard Profiles'!$G$21=$B$10,7,0)+IF('Standard Profiles'!$G$21=$B$17,14,0)+IF('Standard Profiles'!$G$21=$B$24,21,0),0)),0)</f>
        <v>4.9547474427464175</v>
      </c>
      <c r="H1375" cm="1">
        <f t="array" ref="H1375">IFERROR(INDEX(Jesper!AL$2:AL$366,ROUNDDOWN($C1375/24,0)+1,1)*INDEX($D$3:$AA$30,INDEX(Jesper!$R$2:$R$366,ROW(INDEX(Jesper!AL$2:AL$366,ROUNDDOWN($C1375/24,0)+1,1))-1)+IF('Standard Profiles'!$G$22=$B$10,7,0)+IF('Standard Profiles'!$G$22=$B$17,14,0)+IF('Standard Profiles'!$G$22=$B$24,21,0),MOD($C1375,24)+1)/SUM(INDEX($D$3:$AA$30,INDEX(Jesper!$R$2:$R$366,ROW(INDEX(Jesper!AL$2:AL$366,ROUNDDOWN($C1375/24,0)+1,1))-1)+IF('Standard Profiles'!$G$22=$B$10,7,0)+IF('Standard Profiles'!$G$22=$B$17,14,0)+IF('Standard Profiles'!$G$22=$B$24,21,0),0)),0)</f>
        <v>1.9716043924631443</v>
      </c>
      <c r="I1375">
        <f t="shared" si="160"/>
        <v>1.8927402167646197</v>
      </c>
      <c r="J1375">
        <f t="shared" si="161"/>
        <v>12.230952701708395</v>
      </c>
      <c r="K1375">
        <f t="shared" si="162"/>
        <v>0.34669754412518894</v>
      </c>
      <c r="L1375">
        <f t="shared" si="163"/>
        <v>0.17334877206259447</v>
      </c>
      <c r="M1375">
        <f t="shared" si="164"/>
        <v>0</v>
      </c>
      <c r="N1375" s="45">
        <f t="shared" si="165"/>
        <v>44982.874999996748</v>
      </c>
    </row>
    <row r="1376" spans="2:14" x14ac:dyDescent="0.25">
      <c r="B1376">
        <f t="shared" si="159"/>
        <v>6</v>
      </c>
      <c r="C1376" s="16">
        <v>1342</v>
      </c>
      <c r="D1376" cm="1">
        <f t="array" ref="D1376">IFERROR(INDEX(Jesper!AH$2:AH$366,ROUNDDOWN($C1376/24,0)+1,1)*INDEX($D$3:$AA$30,INDEX(Jesper!$R$2:$R$366,ROW(INDEX(Jesper!AH$2:AH$366,ROUNDDOWN($C1376/24,0)+1,1))-1)+IF('Standard Profiles'!$G$18=$B$10,7,0)+IF('Standard Profiles'!$G$18=$B$17,14,0)+IF('Standard Profiles'!$G$18=$B$24,21,0),MOD($C1376,24)+1)/SUM(INDEX($D$3:$AA$30,INDEX(Jesper!$R$2:$R$366,ROW(INDEX(Jesper!AH$2:AH$366,ROUNDDOWN($C1376/24,0)+1,1))-1)+IF('Standard Profiles'!$G$18=$B$10,7,0)+IF('Standard Profiles'!$G$18=$B$17,14,0)+IF('Standard Profiles'!$G$18=$B$24,21,0),0)),0)</f>
        <v>0</v>
      </c>
      <c r="E1376" cm="1">
        <f t="array" ref="E1376">IFERROR(INDEX(Jesper!AI$2:AI$366,ROUNDDOWN($C1376/24,0)+1,1)*INDEX($D$3:$AA$30,INDEX(Jesper!$R$2:$R$366,ROW(INDEX(Jesper!AI$2:AI$366,ROUNDDOWN($C1376/24,0)+1,1))-1)+IF('Standard Profiles'!$G$19=$B$10,7,0)+IF('Standard Profiles'!$G$19=$B$17,14,0)+IF('Standard Profiles'!$G$19=$B$24,21,0),MOD($C1376,24)+1)/SUM(INDEX($D$3:$AA$30,INDEX(Jesper!$R$2:$R$366,ROW(INDEX(Jesper!AI$2:AI$366,ROUNDDOWN($C1376/24,0)+1,1))-1)+IF('Standard Profiles'!$G$19=$B$10,7,0)+IF('Standard Profiles'!$G$19=$B$17,14,0)+IF('Standard Profiles'!$G$19=$B$24,21,0),0)),0)</f>
        <v>4.3337193015648614</v>
      </c>
      <c r="F1376" cm="1">
        <f t="array" ref="F1376">IFERROR(INDEX(Jesper!AJ$2:AJ$366,ROUNDDOWN($C1376/24,0)+1,1)*INDEX($D$3:$AA$30,INDEX(Jesper!$R$2:$R$366,ROW(INDEX(Jesper!AJ$2:AJ$366,ROUNDDOWN($C1376/24,0)+1,1))-1)+IF('Standard Profiles'!$G$20=$B$10,7,0)+IF('Standard Profiles'!$G$20=$B$17,14,0)+IF('Standard Profiles'!$G$20=$B$24,21,0),MOD($C1376,24)+1)/SUM(INDEX($D$3:$AA$30,INDEX(Jesper!$R$2:$R$366,ROW(INDEX(Jesper!AJ$2:AJ$366,ROUNDDOWN($C1376/24,0)+1,1))-1)+IF('Standard Profiles'!$G$20=$B$10,7,0)+IF('Standard Profiles'!$G$20=$B$17,14,0)+IF('Standard Profiles'!$G$20=$B$24,21,0),0)),0)</f>
        <v>3.3836680978863725</v>
      </c>
      <c r="G1376" cm="1">
        <f t="array" ref="G1376">IFERROR(INDEX(Jesper!AK$2:AK$366,ROUNDDOWN($C1376/24,0)+1,1)*INDEX($D$3:$AA$30,INDEX(Jesper!$R$2:$R$366,ROW(INDEX(Jesper!AK$2:AK$366,ROUNDDOWN($C1376/24,0)+1,1))-1)+IF('Standard Profiles'!$G$21=$B$10,7,0)+IF('Standard Profiles'!$G$21=$B$17,14,0)+IF('Standard Profiles'!$G$21=$B$24,21,0),MOD($C1376,24)+1)/SUM(INDEX($D$3:$AA$30,INDEX(Jesper!$R$2:$R$366,ROW(INDEX(Jesper!AK$2:AK$366,ROUNDDOWN($C1376/24,0)+1,1))-1)+IF('Standard Profiles'!$G$21=$B$10,7,0)+IF('Standard Profiles'!$G$21=$B$17,14,0)+IF('Standard Profiles'!$G$21=$B$24,21,0),0)),0)</f>
        <v>4.9547474427464175</v>
      </c>
      <c r="H1376" cm="1">
        <f t="array" ref="H1376">IFERROR(INDEX(Jesper!AL$2:AL$366,ROUNDDOWN($C1376/24,0)+1,1)*INDEX($D$3:$AA$30,INDEX(Jesper!$R$2:$R$366,ROW(INDEX(Jesper!AL$2:AL$366,ROUNDDOWN($C1376/24,0)+1,1))-1)+IF('Standard Profiles'!$G$22=$B$10,7,0)+IF('Standard Profiles'!$G$22=$B$17,14,0)+IF('Standard Profiles'!$G$22=$B$24,21,0),MOD($C1376,24)+1)/SUM(INDEX($D$3:$AA$30,INDEX(Jesper!$R$2:$R$366,ROW(INDEX(Jesper!AL$2:AL$366,ROUNDDOWN($C1376/24,0)+1,1))-1)+IF('Standard Profiles'!$G$22=$B$10,7,0)+IF('Standard Profiles'!$G$22=$B$17,14,0)+IF('Standard Profiles'!$G$22=$B$24,21,0),0)),0)</f>
        <v>1.9716043924631443</v>
      </c>
      <c r="I1376">
        <f t="shared" si="160"/>
        <v>1.8927402167646197</v>
      </c>
      <c r="J1376">
        <f t="shared" si="161"/>
        <v>12.230952701708395</v>
      </c>
      <c r="K1376">
        <f t="shared" si="162"/>
        <v>0.34669754412518894</v>
      </c>
      <c r="L1376">
        <f t="shared" si="163"/>
        <v>0.17334877206259447</v>
      </c>
      <c r="M1376">
        <f t="shared" si="164"/>
        <v>0</v>
      </c>
      <c r="N1376" s="45">
        <f t="shared" si="165"/>
        <v>44982.916666663412</v>
      </c>
    </row>
    <row r="1377" spans="2:14" x14ac:dyDescent="0.25">
      <c r="B1377">
        <f t="shared" si="159"/>
        <v>6</v>
      </c>
      <c r="C1377" s="16">
        <v>1343</v>
      </c>
      <c r="D1377" cm="1">
        <f t="array" ref="D1377">IFERROR(INDEX(Jesper!AH$2:AH$366,ROUNDDOWN($C1377/24,0)+1,1)*INDEX($D$3:$AA$30,INDEX(Jesper!$R$2:$R$366,ROW(INDEX(Jesper!AH$2:AH$366,ROUNDDOWN($C1377/24,0)+1,1))-1)+IF('Standard Profiles'!$G$18=$B$10,7,0)+IF('Standard Profiles'!$G$18=$B$17,14,0)+IF('Standard Profiles'!$G$18=$B$24,21,0),MOD($C1377,24)+1)/SUM(INDEX($D$3:$AA$30,INDEX(Jesper!$R$2:$R$366,ROW(INDEX(Jesper!AH$2:AH$366,ROUNDDOWN($C1377/24,0)+1,1))-1)+IF('Standard Profiles'!$G$18=$B$10,7,0)+IF('Standard Profiles'!$G$18=$B$17,14,0)+IF('Standard Profiles'!$G$18=$B$24,21,0),0)),0)</f>
        <v>0</v>
      </c>
      <c r="E1377" cm="1">
        <f t="array" ref="E1377">IFERROR(INDEX(Jesper!AI$2:AI$366,ROUNDDOWN($C1377/24,0)+1,1)*INDEX($D$3:$AA$30,INDEX(Jesper!$R$2:$R$366,ROW(INDEX(Jesper!AI$2:AI$366,ROUNDDOWN($C1377/24,0)+1,1))-1)+IF('Standard Profiles'!$G$19=$B$10,7,0)+IF('Standard Profiles'!$G$19=$B$17,14,0)+IF('Standard Profiles'!$G$19=$B$24,21,0),MOD($C1377,24)+1)/SUM(INDEX($D$3:$AA$30,INDEX(Jesper!$R$2:$R$366,ROW(INDEX(Jesper!AI$2:AI$366,ROUNDDOWN($C1377/24,0)+1,1))-1)+IF('Standard Profiles'!$G$19=$B$10,7,0)+IF('Standard Profiles'!$G$19=$B$17,14,0)+IF('Standard Profiles'!$G$19=$B$24,21,0),0)),0)</f>
        <v>4.3337193015648614</v>
      </c>
      <c r="F1377" cm="1">
        <f t="array" ref="F1377">IFERROR(INDEX(Jesper!AJ$2:AJ$366,ROUNDDOWN($C1377/24,0)+1,1)*INDEX($D$3:$AA$30,INDEX(Jesper!$R$2:$R$366,ROW(INDEX(Jesper!AJ$2:AJ$366,ROUNDDOWN($C1377/24,0)+1,1))-1)+IF('Standard Profiles'!$G$20=$B$10,7,0)+IF('Standard Profiles'!$G$20=$B$17,14,0)+IF('Standard Profiles'!$G$20=$B$24,21,0),MOD($C1377,24)+1)/SUM(INDEX($D$3:$AA$30,INDEX(Jesper!$R$2:$R$366,ROW(INDEX(Jesper!AJ$2:AJ$366,ROUNDDOWN($C1377/24,0)+1,1))-1)+IF('Standard Profiles'!$G$20=$B$10,7,0)+IF('Standard Profiles'!$G$20=$B$17,14,0)+IF('Standard Profiles'!$G$20=$B$24,21,0),0)),0)</f>
        <v>3.3836680978863725</v>
      </c>
      <c r="G1377" cm="1">
        <f t="array" ref="G1377">IFERROR(INDEX(Jesper!AK$2:AK$366,ROUNDDOWN($C1377/24,0)+1,1)*INDEX($D$3:$AA$30,INDEX(Jesper!$R$2:$R$366,ROW(INDEX(Jesper!AK$2:AK$366,ROUNDDOWN($C1377/24,0)+1,1))-1)+IF('Standard Profiles'!$G$21=$B$10,7,0)+IF('Standard Profiles'!$G$21=$B$17,14,0)+IF('Standard Profiles'!$G$21=$B$24,21,0),MOD($C1377,24)+1)/SUM(INDEX($D$3:$AA$30,INDEX(Jesper!$R$2:$R$366,ROW(INDEX(Jesper!AK$2:AK$366,ROUNDDOWN($C1377/24,0)+1,1))-1)+IF('Standard Profiles'!$G$21=$B$10,7,0)+IF('Standard Profiles'!$G$21=$B$17,14,0)+IF('Standard Profiles'!$G$21=$B$24,21,0),0)),0)</f>
        <v>4.9547474427464175</v>
      </c>
      <c r="H1377" cm="1">
        <f t="array" ref="H1377">IFERROR(INDEX(Jesper!AL$2:AL$366,ROUNDDOWN($C1377/24,0)+1,1)*INDEX($D$3:$AA$30,INDEX(Jesper!$R$2:$R$366,ROW(INDEX(Jesper!AL$2:AL$366,ROUNDDOWN($C1377/24,0)+1,1))-1)+IF('Standard Profiles'!$G$22=$B$10,7,0)+IF('Standard Profiles'!$G$22=$B$17,14,0)+IF('Standard Profiles'!$G$22=$B$24,21,0),MOD($C1377,24)+1)/SUM(INDEX($D$3:$AA$30,INDEX(Jesper!$R$2:$R$366,ROW(INDEX(Jesper!AL$2:AL$366,ROUNDDOWN($C1377/24,0)+1,1))-1)+IF('Standard Profiles'!$G$22=$B$10,7,0)+IF('Standard Profiles'!$G$22=$B$17,14,0)+IF('Standard Profiles'!$G$22=$B$24,21,0),0)),0)</f>
        <v>1.9716043924631443</v>
      </c>
      <c r="I1377">
        <f t="shared" si="160"/>
        <v>1.8927402167646197</v>
      </c>
      <c r="J1377">
        <f t="shared" si="161"/>
        <v>12.230952701708395</v>
      </c>
      <c r="K1377">
        <f t="shared" si="162"/>
        <v>0.34669754412518894</v>
      </c>
      <c r="L1377">
        <f t="shared" si="163"/>
        <v>0.17334877206259447</v>
      </c>
      <c r="M1377">
        <f t="shared" si="164"/>
        <v>0</v>
      </c>
      <c r="N1377" s="45">
        <f t="shared" si="165"/>
        <v>44982.958333330076</v>
      </c>
    </row>
    <row r="1378" spans="2:14" x14ac:dyDescent="0.25">
      <c r="B1378">
        <f t="shared" si="159"/>
        <v>7</v>
      </c>
      <c r="C1378" s="16">
        <v>1344</v>
      </c>
      <c r="D1378" cm="1">
        <f t="array" ref="D1378">IFERROR(INDEX(Jesper!AH$2:AH$366,ROUNDDOWN($C1378/24,0)+1,1)*INDEX($D$3:$AA$30,INDEX(Jesper!$R$2:$R$366,ROW(INDEX(Jesper!AH$2:AH$366,ROUNDDOWN($C1378/24,0)+1,1))-1)+IF('Standard Profiles'!$G$18=$B$10,7,0)+IF('Standard Profiles'!$G$18=$B$17,14,0)+IF('Standard Profiles'!$G$18=$B$24,21,0),MOD($C1378,24)+1)/SUM(INDEX($D$3:$AA$30,INDEX(Jesper!$R$2:$R$366,ROW(INDEX(Jesper!AH$2:AH$366,ROUNDDOWN($C1378/24,0)+1,1))-1)+IF('Standard Profiles'!$G$18=$B$10,7,0)+IF('Standard Profiles'!$G$18=$B$17,14,0)+IF('Standard Profiles'!$G$18=$B$24,21,0),0)),0)</f>
        <v>0</v>
      </c>
      <c r="E1378" cm="1">
        <f t="array" ref="E1378">IFERROR(INDEX(Jesper!AI$2:AI$366,ROUNDDOWN($C1378/24,0)+1,1)*INDEX($D$3:$AA$30,INDEX(Jesper!$R$2:$R$366,ROW(INDEX(Jesper!AI$2:AI$366,ROUNDDOWN($C1378/24,0)+1,1))-1)+IF('Standard Profiles'!$G$19=$B$10,7,0)+IF('Standard Profiles'!$G$19=$B$17,14,0)+IF('Standard Profiles'!$G$19=$B$24,21,0),MOD($C1378,24)+1)/SUM(INDEX($D$3:$AA$30,INDEX(Jesper!$R$2:$R$366,ROW(INDEX(Jesper!AI$2:AI$366,ROUNDDOWN($C1378/24,0)+1,1))-1)+IF('Standard Profiles'!$G$19=$B$10,7,0)+IF('Standard Profiles'!$G$19=$B$17,14,0)+IF('Standard Profiles'!$G$19=$B$24,21,0),0)),0)</f>
        <v>5.5191228974664126</v>
      </c>
      <c r="F1378" cm="1">
        <f t="array" ref="F1378">IFERROR(INDEX(Jesper!AJ$2:AJ$366,ROUNDDOWN($C1378/24,0)+1,1)*INDEX($D$3:$AA$30,INDEX(Jesper!$R$2:$R$366,ROW(INDEX(Jesper!AJ$2:AJ$366,ROUNDDOWN($C1378/24,0)+1,1))-1)+IF('Standard Profiles'!$G$20=$B$10,7,0)+IF('Standard Profiles'!$G$20=$B$17,14,0)+IF('Standard Profiles'!$G$20=$B$24,21,0),MOD($C1378,24)+1)/SUM(INDEX($D$3:$AA$30,INDEX(Jesper!$R$2:$R$366,ROW(INDEX(Jesper!AJ$2:AJ$366,ROUNDDOWN($C1378/24,0)+1,1))-1)+IF('Standard Profiles'!$G$20=$B$10,7,0)+IF('Standard Profiles'!$G$20=$B$17,14,0)+IF('Standard Profiles'!$G$20=$B$24,21,0),0)),0)</f>
        <v>4.8557507415936092</v>
      </c>
      <c r="G1378" cm="1">
        <f t="array" ref="G1378">IFERROR(INDEX(Jesper!AK$2:AK$366,ROUNDDOWN($C1378/24,0)+1,1)*INDEX($D$3:$AA$30,INDEX(Jesper!$R$2:$R$366,ROW(INDEX(Jesper!AK$2:AK$366,ROUNDDOWN($C1378/24,0)+1,1))-1)+IF('Standard Profiles'!$G$21=$B$10,7,0)+IF('Standard Profiles'!$G$21=$B$17,14,0)+IF('Standard Profiles'!$G$21=$B$24,21,0),MOD($C1378,24)+1)/SUM(INDEX($D$3:$AA$30,INDEX(Jesper!$R$2:$R$366,ROW(INDEX(Jesper!AK$2:AK$366,ROUNDDOWN($C1378/24,0)+1,1))-1)+IF('Standard Profiles'!$G$21=$B$10,7,0)+IF('Standard Profiles'!$G$21=$B$17,14,0)+IF('Standard Profiles'!$G$21=$B$24,21,0),0)),0)</f>
        <v>8.2724742717206023</v>
      </c>
      <c r="H1378" cm="1">
        <f t="array" ref="H1378">IFERROR(INDEX(Jesper!AL$2:AL$366,ROUNDDOWN($C1378/24,0)+1,1)*INDEX($D$3:$AA$30,INDEX(Jesper!$R$2:$R$366,ROW(INDEX(Jesper!AL$2:AL$366,ROUNDDOWN($C1378/24,0)+1,1))-1)+IF('Standard Profiles'!$G$22=$B$10,7,0)+IF('Standard Profiles'!$G$22=$B$17,14,0)+IF('Standard Profiles'!$G$22=$B$24,21,0),MOD($C1378,24)+1)/SUM(INDEX($D$3:$AA$30,INDEX(Jesper!$R$2:$R$366,ROW(INDEX(Jesper!AL$2:AL$366,ROUNDDOWN($C1378/24,0)+1,1))-1)+IF('Standard Profiles'!$G$22=$B$10,7,0)+IF('Standard Profiles'!$G$22=$B$17,14,0)+IF('Standard Profiles'!$G$22=$B$24,21,0),0)),0)</f>
        <v>3.9850497175112074</v>
      </c>
      <c r="I1378">
        <f t="shared" si="160"/>
        <v>3.8256477288107611</v>
      </c>
      <c r="J1378">
        <f t="shared" si="161"/>
        <v>18.144455151785102</v>
      </c>
      <c r="K1378">
        <f t="shared" si="162"/>
        <v>0.44152983179731303</v>
      </c>
      <c r="L1378">
        <f t="shared" si="163"/>
        <v>0.22076491589865652</v>
      </c>
      <c r="M1378">
        <f t="shared" si="164"/>
        <v>0</v>
      </c>
      <c r="N1378" s="45">
        <f t="shared" si="165"/>
        <v>44982.99999999674</v>
      </c>
    </row>
    <row r="1379" spans="2:14" x14ac:dyDescent="0.25">
      <c r="B1379">
        <f t="shared" ref="B1379:B1442" si="166">WEEKDAY(N1379,2)</f>
        <v>7</v>
      </c>
      <c r="C1379" s="16">
        <v>1345</v>
      </c>
      <c r="D1379" cm="1">
        <f t="array" ref="D1379">IFERROR(INDEX(Jesper!AH$2:AH$366,ROUNDDOWN($C1379/24,0)+1,1)*INDEX($D$3:$AA$30,INDEX(Jesper!$R$2:$R$366,ROW(INDEX(Jesper!AH$2:AH$366,ROUNDDOWN($C1379/24,0)+1,1))-1)+IF('Standard Profiles'!$G$18=$B$10,7,0)+IF('Standard Profiles'!$G$18=$B$17,14,0)+IF('Standard Profiles'!$G$18=$B$24,21,0),MOD($C1379,24)+1)/SUM(INDEX($D$3:$AA$30,INDEX(Jesper!$R$2:$R$366,ROW(INDEX(Jesper!AH$2:AH$366,ROUNDDOWN($C1379/24,0)+1,1))-1)+IF('Standard Profiles'!$G$18=$B$10,7,0)+IF('Standard Profiles'!$G$18=$B$17,14,0)+IF('Standard Profiles'!$G$18=$B$24,21,0),0)),0)</f>
        <v>0</v>
      </c>
      <c r="E1379" cm="1">
        <f t="array" ref="E1379">IFERROR(INDEX(Jesper!AI$2:AI$366,ROUNDDOWN($C1379/24,0)+1,1)*INDEX($D$3:$AA$30,INDEX(Jesper!$R$2:$R$366,ROW(INDEX(Jesper!AI$2:AI$366,ROUNDDOWN($C1379/24,0)+1,1))-1)+IF('Standard Profiles'!$G$19=$B$10,7,0)+IF('Standard Profiles'!$G$19=$B$17,14,0)+IF('Standard Profiles'!$G$19=$B$24,21,0),MOD($C1379,24)+1)/SUM(INDEX($D$3:$AA$30,INDEX(Jesper!$R$2:$R$366,ROW(INDEX(Jesper!AI$2:AI$366,ROUNDDOWN($C1379/24,0)+1,1))-1)+IF('Standard Profiles'!$G$19=$B$10,7,0)+IF('Standard Profiles'!$G$19=$B$17,14,0)+IF('Standard Profiles'!$G$19=$B$24,21,0),0)),0)</f>
        <v>5.5191228974664126</v>
      </c>
      <c r="F1379" cm="1">
        <f t="array" ref="F1379">IFERROR(INDEX(Jesper!AJ$2:AJ$366,ROUNDDOWN($C1379/24,0)+1,1)*INDEX($D$3:$AA$30,INDEX(Jesper!$R$2:$R$366,ROW(INDEX(Jesper!AJ$2:AJ$366,ROUNDDOWN($C1379/24,0)+1,1))-1)+IF('Standard Profiles'!$G$20=$B$10,7,0)+IF('Standard Profiles'!$G$20=$B$17,14,0)+IF('Standard Profiles'!$G$20=$B$24,21,0),MOD($C1379,24)+1)/SUM(INDEX($D$3:$AA$30,INDEX(Jesper!$R$2:$R$366,ROW(INDEX(Jesper!AJ$2:AJ$366,ROUNDDOWN($C1379/24,0)+1,1))-1)+IF('Standard Profiles'!$G$20=$B$10,7,0)+IF('Standard Profiles'!$G$20=$B$17,14,0)+IF('Standard Profiles'!$G$20=$B$24,21,0),0)),0)</f>
        <v>4.8557507415936092</v>
      </c>
      <c r="G1379" cm="1">
        <f t="array" ref="G1379">IFERROR(INDEX(Jesper!AK$2:AK$366,ROUNDDOWN($C1379/24,0)+1,1)*INDEX($D$3:$AA$30,INDEX(Jesper!$R$2:$R$366,ROW(INDEX(Jesper!AK$2:AK$366,ROUNDDOWN($C1379/24,0)+1,1))-1)+IF('Standard Profiles'!$G$21=$B$10,7,0)+IF('Standard Profiles'!$G$21=$B$17,14,0)+IF('Standard Profiles'!$G$21=$B$24,21,0),MOD($C1379,24)+1)/SUM(INDEX($D$3:$AA$30,INDEX(Jesper!$R$2:$R$366,ROW(INDEX(Jesper!AK$2:AK$366,ROUNDDOWN($C1379/24,0)+1,1))-1)+IF('Standard Profiles'!$G$21=$B$10,7,0)+IF('Standard Profiles'!$G$21=$B$17,14,0)+IF('Standard Profiles'!$G$21=$B$24,21,0),0)),0)</f>
        <v>8.2724742717206023</v>
      </c>
      <c r="H1379" cm="1">
        <f t="array" ref="H1379">IFERROR(INDEX(Jesper!AL$2:AL$366,ROUNDDOWN($C1379/24,0)+1,1)*INDEX($D$3:$AA$30,INDEX(Jesper!$R$2:$R$366,ROW(INDEX(Jesper!AL$2:AL$366,ROUNDDOWN($C1379/24,0)+1,1))-1)+IF('Standard Profiles'!$G$22=$B$10,7,0)+IF('Standard Profiles'!$G$22=$B$17,14,0)+IF('Standard Profiles'!$G$22=$B$24,21,0),MOD($C1379,24)+1)/SUM(INDEX($D$3:$AA$30,INDEX(Jesper!$R$2:$R$366,ROW(INDEX(Jesper!AL$2:AL$366,ROUNDDOWN($C1379/24,0)+1,1))-1)+IF('Standard Profiles'!$G$22=$B$10,7,0)+IF('Standard Profiles'!$G$22=$B$17,14,0)+IF('Standard Profiles'!$G$22=$B$24,21,0),0)),0)</f>
        <v>4.6277996719484991</v>
      </c>
      <c r="I1379">
        <f t="shared" ref="I1379:I1442" si="167">IF($B1379&lt;6,AC$37*$D1379+AC$38*$E1379+AC$39*$F1379+AC$40*$G1379,AC$46*$D1379+AC$47*$E1379+AC$48*$F1379+AC$49*$G1379+AC$50*$H1379)</f>
        <v>4.4426876850705614</v>
      </c>
      <c r="J1379">
        <f t="shared" ref="J1379:J1442" si="168">IF($B1379&lt;6,AD$37*$D1379+AD$38*$E1379+AD$39*$F1379+AD$40*$G1379,AD$46*$D1379+AD$47*$E1379+AD$48*$F1379+AD$49*$G1379+AD$50*$H1379)</f>
        <v>18.170165149962596</v>
      </c>
      <c r="K1379">
        <f t="shared" ref="K1379:K1442" si="169">IF($B1379&lt;6,AE$37*$D1379+AE$38*$E1379+AE$39*$F1379+AE$40*$G1379,AE$46*$D1379+AE$47*$E1379+AE$48*$F1379+AE$49*$G1379+AE$50*$H1379)</f>
        <v>0.44152983179731303</v>
      </c>
      <c r="L1379">
        <f t="shared" ref="L1379:L1442" si="170">IF($B1379&lt;6,AF$37*$D1379+AF$38*$E1379+AF$39*$F1379+AF$40*$G1379,AF$46*$D1379+AF$47*$E1379+AF$48*$F1379+AF$49*$G1379+AF$50*$H1379)</f>
        <v>0.22076491589865652</v>
      </c>
      <c r="M1379">
        <f t="shared" ref="M1379:M1442" si="171">IF($B1379&lt;6,AG$37*$D1379+AG$38*$E1379+AG$39*$F1379+AG$40*$G1379,AG$46*$D1379+AG$47*$E1379+AG$48*$F1379+AG$49*$G1379+AG$50*$H1379)</f>
        <v>0</v>
      </c>
      <c r="N1379" s="45">
        <f t="shared" si="165"/>
        <v>44983.041666663405</v>
      </c>
    </row>
    <row r="1380" spans="2:14" x14ac:dyDescent="0.25">
      <c r="B1380">
        <f t="shared" si="166"/>
        <v>7</v>
      </c>
      <c r="C1380" s="16">
        <v>1346</v>
      </c>
      <c r="D1380" cm="1">
        <f t="array" ref="D1380">IFERROR(INDEX(Jesper!AH$2:AH$366,ROUNDDOWN($C1380/24,0)+1,1)*INDEX($D$3:$AA$30,INDEX(Jesper!$R$2:$R$366,ROW(INDEX(Jesper!AH$2:AH$366,ROUNDDOWN($C1380/24,0)+1,1))-1)+IF('Standard Profiles'!$G$18=$B$10,7,0)+IF('Standard Profiles'!$G$18=$B$17,14,0)+IF('Standard Profiles'!$G$18=$B$24,21,0),MOD($C1380,24)+1)/SUM(INDEX($D$3:$AA$30,INDEX(Jesper!$R$2:$R$366,ROW(INDEX(Jesper!AH$2:AH$366,ROUNDDOWN($C1380/24,0)+1,1))-1)+IF('Standard Profiles'!$G$18=$B$10,7,0)+IF('Standard Profiles'!$G$18=$B$17,14,0)+IF('Standard Profiles'!$G$18=$B$24,21,0),0)),0)</f>
        <v>0</v>
      </c>
      <c r="E1380" cm="1">
        <f t="array" ref="E1380">IFERROR(INDEX(Jesper!AI$2:AI$366,ROUNDDOWN($C1380/24,0)+1,1)*INDEX($D$3:$AA$30,INDEX(Jesper!$R$2:$R$366,ROW(INDEX(Jesper!AI$2:AI$366,ROUNDDOWN($C1380/24,0)+1,1))-1)+IF('Standard Profiles'!$G$19=$B$10,7,0)+IF('Standard Profiles'!$G$19=$B$17,14,0)+IF('Standard Profiles'!$G$19=$B$24,21,0),MOD($C1380,24)+1)/SUM(INDEX($D$3:$AA$30,INDEX(Jesper!$R$2:$R$366,ROW(INDEX(Jesper!AI$2:AI$366,ROUNDDOWN($C1380/24,0)+1,1))-1)+IF('Standard Profiles'!$G$19=$B$10,7,0)+IF('Standard Profiles'!$G$19=$B$17,14,0)+IF('Standard Profiles'!$G$19=$B$24,21,0),0)),0)</f>
        <v>5.5191228974664126</v>
      </c>
      <c r="F1380" cm="1">
        <f t="array" ref="F1380">IFERROR(INDEX(Jesper!AJ$2:AJ$366,ROUNDDOWN($C1380/24,0)+1,1)*INDEX($D$3:$AA$30,INDEX(Jesper!$R$2:$R$366,ROW(INDEX(Jesper!AJ$2:AJ$366,ROUNDDOWN($C1380/24,0)+1,1))-1)+IF('Standard Profiles'!$G$20=$B$10,7,0)+IF('Standard Profiles'!$G$20=$B$17,14,0)+IF('Standard Profiles'!$G$20=$B$24,21,0),MOD($C1380,24)+1)/SUM(INDEX($D$3:$AA$30,INDEX(Jesper!$R$2:$R$366,ROW(INDEX(Jesper!AJ$2:AJ$366,ROUNDDOWN($C1380/24,0)+1,1))-1)+IF('Standard Profiles'!$G$20=$B$10,7,0)+IF('Standard Profiles'!$G$20=$B$17,14,0)+IF('Standard Profiles'!$G$20=$B$24,21,0),0)),0)</f>
        <v>4.8557507415936092</v>
      </c>
      <c r="G1380" cm="1">
        <f t="array" ref="G1380">IFERROR(INDEX(Jesper!AK$2:AK$366,ROUNDDOWN($C1380/24,0)+1,1)*INDEX($D$3:$AA$30,INDEX(Jesper!$R$2:$R$366,ROW(INDEX(Jesper!AK$2:AK$366,ROUNDDOWN($C1380/24,0)+1,1))-1)+IF('Standard Profiles'!$G$21=$B$10,7,0)+IF('Standard Profiles'!$G$21=$B$17,14,0)+IF('Standard Profiles'!$G$21=$B$24,21,0),MOD($C1380,24)+1)/SUM(INDEX($D$3:$AA$30,INDEX(Jesper!$R$2:$R$366,ROW(INDEX(Jesper!AK$2:AK$366,ROUNDDOWN($C1380/24,0)+1,1))-1)+IF('Standard Profiles'!$G$21=$B$10,7,0)+IF('Standard Profiles'!$G$21=$B$17,14,0)+IF('Standard Profiles'!$G$21=$B$24,21,0),0)),0)</f>
        <v>8.2724742717206023</v>
      </c>
      <c r="H1380" cm="1">
        <f t="array" ref="H1380">IFERROR(INDEX(Jesper!AL$2:AL$366,ROUNDDOWN($C1380/24,0)+1,1)*INDEX($D$3:$AA$30,INDEX(Jesper!$R$2:$R$366,ROW(INDEX(Jesper!AL$2:AL$366,ROUNDDOWN($C1380/24,0)+1,1))-1)+IF('Standard Profiles'!$G$22=$B$10,7,0)+IF('Standard Profiles'!$G$22=$B$17,14,0)+IF('Standard Profiles'!$G$22=$B$24,21,0),MOD($C1380,24)+1)/SUM(INDEX($D$3:$AA$30,INDEX(Jesper!$R$2:$R$366,ROW(INDEX(Jesper!AL$2:AL$366,ROUNDDOWN($C1380/24,0)+1,1))-1)+IF('Standard Profiles'!$G$22=$B$10,7,0)+IF('Standard Profiles'!$G$22=$B$17,14,0)+IF('Standard Profiles'!$G$22=$B$24,21,0),0)),0)</f>
        <v>4.6277996719484991</v>
      </c>
      <c r="I1380">
        <f t="shared" si="167"/>
        <v>4.4426876850705614</v>
      </c>
      <c r="J1380">
        <f t="shared" si="168"/>
        <v>18.170165149962596</v>
      </c>
      <c r="K1380">
        <f t="shared" si="169"/>
        <v>0.44152983179731303</v>
      </c>
      <c r="L1380">
        <f t="shared" si="170"/>
        <v>0.22076491589865652</v>
      </c>
      <c r="M1380">
        <f t="shared" si="171"/>
        <v>0</v>
      </c>
      <c r="N1380" s="45">
        <f t="shared" ref="N1380:N1443" si="172">N1379+1/24</f>
        <v>44983.083333330069</v>
      </c>
    </row>
    <row r="1381" spans="2:14" x14ac:dyDescent="0.25">
      <c r="B1381">
        <f t="shared" si="166"/>
        <v>7</v>
      </c>
      <c r="C1381" s="16">
        <v>1347</v>
      </c>
      <c r="D1381" cm="1">
        <f t="array" ref="D1381">IFERROR(INDEX(Jesper!AH$2:AH$366,ROUNDDOWN($C1381/24,0)+1,1)*INDEX($D$3:$AA$30,INDEX(Jesper!$R$2:$R$366,ROW(INDEX(Jesper!AH$2:AH$366,ROUNDDOWN($C1381/24,0)+1,1))-1)+IF('Standard Profiles'!$G$18=$B$10,7,0)+IF('Standard Profiles'!$G$18=$B$17,14,0)+IF('Standard Profiles'!$G$18=$B$24,21,0),MOD($C1381,24)+1)/SUM(INDEX($D$3:$AA$30,INDEX(Jesper!$R$2:$R$366,ROW(INDEX(Jesper!AH$2:AH$366,ROUNDDOWN($C1381/24,0)+1,1))-1)+IF('Standard Profiles'!$G$18=$B$10,7,0)+IF('Standard Profiles'!$G$18=$B$17,14,0)+IF('Standard Profiles'!$G$18=$B$24,21,0),0)),0)</f>
        <v>0</v>
      </c>
      <c r="E1381" cm="1">
        <f t="array" ref="E1381">IFERROR(INDEX(Jesper!AI$2:AI$366,ROUNDDOWN($C1381/24,0)+1,1)*INDEX($D$3:$AA$30,INDEX(Jesper!$R$2:$R$366,ROW(INDEX(Jesper!AI$2:AI$366,ROUNDDOWN($C1381/24,0)+1,1))-1)+IF('Standard Profiles'!$G$19=$B$10,7,0)+IF('Standard Profiles'!$G$19=$B$17,14,0)+IF('Standard Profiles'!$G$19=$B$24,21,0),MOD($C1381,24)+1)/SUM(INDEX($D$3:$AA$30,INDEX(Jesper!$R$2:$R$366,ROW(INDEX(Jesper!AI$2:AI$366,ROUNDDOWN($C1381/24,0)+1,1))-1)+IF('Standard Profiles'!$G$19=$B$10,7,0)+IF('Standard Profiles'!$G$19=$B$17,14,0)+IF('Standard Profiles'!$G$19=$B$24,21,0),0)),0)</f>
        <v>5.5191228974664126</v>
      </c>
      <c r="F1381" cm="1">
        <f t="array" ref="F1381">IFERROR(INDEX(Jesper!AJ$2:AJ$366,ROUNDDOWN($C1381/24,0)+1,1)*INDEX($D$3:$AA$30,INDEX(Jesper!$R$2:$R$366,ROW(INDEX(Jesper!AJ$2:AJ$366,ROUNDDOWN($C1381/24,0)+1,1))-1)+IF('Standard Profiles'!$G$20=$B$10,7,0)+IF('Standard Profiles'!$G$20=$B$17,14,0)+IF('Standard Profiles'!$G$20=$B$24,21,0),MOD($C1381,24)+1)/SUM(INDEX($D$3:$AA$30,INDEX(Jesper!$R$2:$R$366,ROW(INDEX(Jesper!AJ$2:AJ$366,ROUNDDOWN($C1381/24,0)+1,1))-1)+IF('Standard Profiles'!$G$20=$B$10,7,0)+IF('Standard Profiles'!$G$20=$B$17,14,0)+IF('Standard Profiles'!$G$20=$B$24,21,0),0)),0)</f>
        <v>4.8557507415936092</v>
      </c>
      <c r="G1381" cm="1">
        <f t="array" ref="G1381">IFERROR(INDEX(Jesper!AK$2:AK$366,ROUNDDOWN($C1381/24,0)+1,1)*INDEX($D$3:$AA$30,INDEX(Jesper!$R$2:$R$366,ROW(INDEX(Jesper!AK$2:AK$366,ROUNDDOWN($C1381/24,0)+1,1))-1)+IF('Standard Profiles'!$G$21=$B$10,7,0)+IF('Standard Profiles'!$G$21=$B$17,14,0)+IF('Standard Profiles'!$G$21=$B$24,21,0),MOD($C1381,24)+1)/SUM(INDEX($D$3:$AA$30,INDEX(Jesper!$R$2:$R$366,ROW(INDEX(Jesper!AK$2:AK$366,ROUNDDOWN($C1381/24,0)+1,1))-1)+IF('Standard Profiles'!$G$21=$B$10,7,0)+IF('Standard Profiles'!$G$21=$B$17,14,0)+IF('Standard Profiles'!$G$21=$B$24,21,0),0)),0)</f>
        <v>8.2724742717206023</v>
      </c>
      <c r="H1381" cm="1">
        <f t="array" ref="H1381">IFERROR(INDEX(Jesper!AL$2:AL$366,ROUNDDOWN($C1381/24,0)+1,1)*INDEX($D$3:$AA$30,INDEX(Jesper!$R$2:$R$366,ROW(INDEX(Jesper!AL$2:AL$366,ROUNDDOWN($C1381/24,0)+1,1))-1)+IF('Standard Profiles'!$G$22=$B$10,7,0)+IF('Standard Profiles'!$G$22=$B$17,14,0)+IF('Standard Profiles'!$G$22=$B$24,21,0),MOD($C1381,24)+1)/SUM(INDEX($D$3:$AA$30,INDEX(Jesper!$R$2:$R$366,ROW(INDEX(Jesper!AL$2:AL$366,ROUNDDOWN($C1381/24,0)+1,1))-1)+IF('Standard Profiles'!$G$22=$B$10,7,0)+IF('Standard Profiles'!$G$22=$B$17,14,0)+IF('Standard Profiles'!$G$22=$B$24,21,0),0)),0)</f>
        <v>4.6277996719484991</v>
      </c>
      <c r="I1381">
        <f t="shared" si="167"/>
        <v>4.4426876850705614</v>
      </c>
      <c r="J1381">
        <f t="shared" si="168"/>
        <v>18.170165149962596</v>
      </c>
      <c r="K1381">
        <f t="shared" si="169"/>
        <v>0.44152983179731303</v>
      </c>
      <c r="L1381">
        <f t="shared" si="170"/>
        <v>0.22076491589865652</v>
      </c>
      <c r="M1381">
        <f t="shared" si="171"/>
        <v>0</v>
      </c>
      <c r="N1381" s="45">
        <f t="shared" si="172"/>
        <v>44983.124999996733</v>
      </c>
    </row>
    <row r="1382" spans="2:14" x14ac:dyDescent="0.25">
      <c r="B1382">
        <f t="shared" si="166"/>
        <v>7</v>
      </c>
      <c r="C1382" s="16">
        <v>1348</v>
      </c>
      <c r="D1382" cm="1">
        <f t="array" ref="D1382">IFERROR(INDEX(Jesper!AH$2:AH$366,ROUNDDOWN($C1382/24,0)+1,1)*INDEX($D$3:$AA$30,INDEX(Jesper!$R$2:$R$366,ROW(INDEX(Jesper!AH$2:AH$366,ROUNDDOWN($C1382/24,0)+1,1))-1)+IF('Standard Profiles'!$G$18=$B$10,7,0)+IF('Standard Profiles'!$G$18=$B$17,14,0)+IF('Standard Profiles'!$G$18=$B$24,21,0),MOD($C1382,24)+1)/SUM(INDEX($D$3:$AA$30,INDEX(Jesper!$R$2:$R$366,ROW(INDEX(Jesper!AH$2:AH$366,ROUNDDOWN($C1382/24,0)+1,1))-1)+IF('Standard Profiles'!$G$18=$B$10,7,0)+IF('Standard Profiles'!$G$18=$B$17,14,0)+IF('Standard Profiles'!$G$18=$B$24,21,0),0)),0)</f>
        <v>0</v>
      </c>
      <c r="E1382" cm="1">
        <f t="array" ref="E1382">IFERROR(INDEX(Jesper!AI$2:AI$366,ROUNDDOWN($C1382/24,0)+1,1)*INDEX($D$3:$AA$30,INDEX(Jesper!$R$2:$R$366,ROW(INDEX(Jesper!AI$2:AI$366,ROUNDDOWN($C1382/24,0)+1,1))-1)+IF('Standard Profiles'!$G$19=$B$10,7,0)+IF('Standard Profiles'!$G$19=$B$17,14,0)+IF('Standard Profiles'!$G$19=$B$24,21,0),MOD($C1382,24)+1)/SUM(INDEX($D$3:$AA$30,INDEX(Jesper!$R$2:$R$366,ROW(INDEX(Jesper!AI$2:AI$366,ROUNDDOWN($C1382/24,0)+1,1))-1)+IF('Standard Profiles'!$G$19=$B$10,7,0)+IF('Standard Profiles'!$G$19=$B$17,14,0)+IF('Standard Profiles'!$G$19=$B$24,21,0),0)),0)</f>
        <v>5.5191228974664126</v>
      </c>
      <c r="F1382" cm="1">
        <f t="array" ref="F1382">IFERROR(INDEX(Jesper!AJ$2:AJ$366,ROUNDDOWN($C1382/24,0)+1,1)*INDEX($D$3:$AA$30,INDEX(Jesper!$R$2:$R$366,ROW(INDEX(Jesper!AJ$2:AJ$366,ROUNDDOWN($C1382/24,0)+1,1))-1)+IF('Standard Profiles'!$G$20=$B$10,7,0)+IF('Standard Profiles'!$G$20=$B$17,14,0)+IF('Standard Profiles'!$G$20=$B$24,21,0),MOD($C1382,24)+1)/SUM(INDEX($D$3:$AA$30,INDEX(Jesper!$R$2:$R$366,ROW(INDEX(Jesper!AJ$2:AJ$366,ROUNDDOWN($C1382/24,0)+1,1))-1)+IF('Standard Profiles'!$G$20=$B$10,7,0)+IF('Standard Profiles'!$G$20=$B$17,14,0)+IF('Standard Profiles'!$G$20=$B$24,21,0),0)),0)</f>
        <v>4.8557507415936092</v>
      </c>
      <c r="G1382" cm="1">
        <f t="array" ref="G1382">IFERROR(INDEX(Jesper!AK$2:AK$366,ROUNDDOWN($C1382/24,0)+1,1)*INDEX($D$3:$AA$30,INDEX(Jesper!$R$2:$R$366,ROW(INDEX(Jesper!AK$2:AK$366,ROUNDDOWN($C1382/24,0)+1,1))-1)+IF('Standard Profiles'!$G$21=$B$10,7,0)+IF('Standard Profiles'!$G$21=$B$17,14,0)+IF('Standard Profiles'!$G$21=$B$24,21,0),MOD($C1382,24)+1)/SUM(INDEX($D$3:$AA$30,INDEX(Jesper!$R$2:$R$366,ROW(INDEX(Jesper!AK$2:AK$366,ROUNDDOWN($C1382/24,0)+1,1))-1)+IF('Standard Profiles'!$G$21=$B$10,7,0)+IF('Standard Profiles'!$G$21=$B$17,14,0)+IF('Standard Profiles'!$G$21=$B$24,21,0),0)),0)</f>
        <v>8.2724742717206023</v>
      </c>
      <c r="H1382" cm="1">
        <f t="array" ref="H1382">IFERROR(INDEX(Jesper!AL$2:AL$366,ROUNDDOWN($C1382/24,0)+1,1)*INDEX($D$3:$AA$30,INDEX(Jesper!$R$2:$R$366,ROW(INDEX(Jesper!AL$2:AL$366,ROUNDDOWN($C1382/24,0)+1,1))-1)+IF('Standard Profiles'!$G$22=$B$10,7,0)+IF('Standard Profiles'!$G$22=$B$17,14,0)+IF('Standard Profiles'!$G$22=$B$24,21,0),MOD($C1382,24)+1)/SUM(INDEX($D$3:$AA$30,INDEX(Jesper!$R$2:$R$366,ROW(INDEX(Jesper!AL$2:AL$366,ROUNDDOWN($C1382/24,0)+1,1))-1)+IF('Standard Profiles'!$G$22=$B$10,7,0)+IF('Standard Profiles'!$G$22=$B$17,14,0)+IF('Standard Profiles'!$G$22=$B$24,21,0),0)),0)</f>
        <v>4.6277996719484991</v>
      </c>
      <c r="I1382">
        <f t="shared" si="167"/>
        <v>4.4426876850705614</v>
      </c>
      <c r="J1382">
        <f t="shared" si="168"/>
        <v>18.170165149962596</v>
      </c>
      <c r="K1382">
        <f t="shared" si="169"/>
        <v>0.44152983179731303</v>
      </c>
      <c r="L1382">
        <f t="shared" si="170"/>
        <v>0.22076491589865652</v>
      </c>
      <c r="M1382">
        <f t="shared" si="171"/>
        <v>0</v>
      </c>
      <c r="N1382" s="45">
        <f t="shared" si="172"/>
        <v>44983.166666663397</v>
      </c>
    </row>
    <row r="1383" spans="2:14" x14ac:dyDescent="0.25">
      <c r="B1383">
        <f t="shared" si="166"/>
        <v>7</v>
      </c>
      <c r="C1383" s="16">
        <v>1349</v>
      </c>
      <c r="D1383" cm="1">
        <f t="array" ref="D1383">IFERROR(INDEX(Jesper!AH$2:AH$366,ROUNDDOWN($C1383/24,0)+1,1)*INDEX($D$3:$AA$30,INDEX(Jesper!$R$2:$R$366,ROW(INDEX(Jesper!AH$2:AH$366,ROUNDDOWN($C1383/24,0)+1,1))-1)+IF('Standard Profiles'!$G$18=$B$10,7,0)+IF('Standard Profiles'!$G$18=$B$17,14,0)+IF('Standard Profiles'!$G$18=$B$24,21,0),MOD($C1383,24)+1)/SUM(INDEX($D$3:$AA$30,INDEX(Jesper!$R$2:$R$366,ROW(INDEX(Jesper!AH$2:AH$366,ROUNDDOWN($C1383/24,0)+1,1))-1)+IF('Standard Profiles'!$G$18=$B$10,7,0)+IF('Standard Profiles'!$G$18=$B$17,14,0)+IF('Standard Profiles'!$G$18=$B$24,21,0),0)),0)</f>
        <v>0</v>
      </c>
      <c r="E1383" cm="1">
        <f t="array" ref="E1383">IFERROR(INDEX(Jesper!AI$2:AI$366,ROUNDDOWN($C1383/24,0)+1,1)*INDEX($D$3:$AA$30,INDEX(Jesper!$R$2:$R$366,ROW(INDEX(Jesper!AI$2:AI$366,ROUNDDOWN($C1383/24,0)+1,1))-1)+IF('Standard Profiles'!$G$19=$B$10,7,0)+IF('Standard Profiles'!$G$19=$B$17,14,0)+IF('Standard Profiles'!$G$19=$B$24,21,0),MOD($C1383,24)+1)/SUM(INDEX($D$3:$AA$30,INDEX(Jesper!$R$2:$R$366,ROW(INDEX(Jesper!AI$2:AI$366,ROUNDDOWN($C1383/24,0)+1,1))-1)+IF('Standard Profiles'!$G$19=$B$10,7,0)+IF('Standard Profiles'!$G$19=$B$17,14,0)+IF('Standard Profiles'!$G$19=$B$24,21,0),0)),0)</f>
        <v>5.5191228974664126</v>
      </c>
      <c r="F1383" cm="1">
        <f t="array" ref="F1383">IFERROR(INDEX(Jesper!AJ$2:AJ$366,ROUNDDOWN($C1383/24,0)+1,1)*INDEX($D$3:$AA$30,INDEX(Jesper!$R$2:$R$366,ROW(INDEX(Jesper!AJ$2:AJ$366,ROUNDDOWN($C1383/24,0)+1,1))-1)+IF('Standard Profiles'!$G$20=$B$10,7,0)+IF('Standard Profiles'!$G$20=$B$17,14,0)+IF('Standard Profiles'!$G$20=$B$24,21,0),MOD($C1383,24)+1)/SUM(INDEX($D$3:$AA$30,INDEX(Jesper!$R$2:$R$366,ROW(INDEX(Jesper!AJ$2:AJ$366,ROUNDDOWN($C1383/24,0)+1,1))-1)+IF('Standard Profiles'!$G$20=$B$10,7,0)+IF('Standard Profiles'!$G$20=$B$17,14,0)+IF('Standard Profiles'!$G$20=$B$24,21,0),0)),0)</f>
        <v>4.8557507415936092</v>
      </c>
      <c r="G1383" cm="1">
        <f t="array" ref="G1383">IFERROR(INDEX(Jesper!AK$2:AK$366,ROUNDDOWN($C1383/24,0)+1,1)*INDEX($D$3:$AA$30,INDEX(Jesper!$R$2:$R$366,ROW(INDEX(Jesper!AK$2:AK$366,ROUNDDOWN($C1383/24,0)+1,1))-1)+IF('Standard Profiles'!$G$21=$B$10,7,0)+IF('Standard Profiles'!$G$21=$B$17,14,0)+IF('Standard Profiles'!$G$21=$B$24,21,0),MOD($C1383,24)+1)/SUM(INDEX($D$3:$AA$30,INDEX(Jesper!$R$2:$R$366,ROW(INDEX(Jesper!AK$2:AK$366,ROUNDDOWN($C1383/24,0)+1,1))-1)+IF('Standard Profiles'!$G$21=$B$10,7,0)+IF('Standard Profiles'!$G$21=$B$17,14,0)+IF('Standard Profiles'!$G$21=$B$24,21,0),0)),0)</f>
        <v>8.2724742717206023</v>
      </c>
      <c r="H1383" cm="1">
        <f t="array" ref="H1383">IFERROR(INDEX(Jesper!AL$2:AL$366,ROUNDDOWN($C1383/24,0)+1,1)*INDEX($D$3:$AA$30,INDEX(Jesper!$R$2:$R$366,ROW(INDEX(Jesper!AL$2:AL$366,ROUNDDOWN($C1383/24,0)+1,1))-1)+IF('Standard Profiles'!$G$22=$B$10,7,0)+IF('Standard Profiles'!$G$22=$B$17,14,0)+IF('Standard Profiles'!$G$22=$B$24,21,0),MOD($C1383,24)+1)/SUM(INDEX($D$3:$AA$30,INDEX(Jesper!$R$2:$R$366,ROW(INDEX(Jesper!AL$2:AL$366,ROUNDDOWN($C1383/24,0)+1,1))-1)+IF('Standard Profiles'!$G$22=$B$10,7,0)+IF('Standard Profiles'!$G$22=$B$17,14,0)+IF('Standard Profiles'!$G$22=$B$24,21,0),0)),0)</f>
        <v>5.7847495899356245</v>
      </c>
      <c r="I1383">
        <f t="shared" si="167"/>
        <v>5.5533596063382022</v>
      </c>
      <c r="J1383">
        <f t="shared" si="168"/>
        <v>18.216443146682078</v>
      </c>
      <c r="K1383">
        <f t="shared" si="169"/>
        <v>0.44152983179731303</v>
      </c>
      <c r="L1383">
        <f t="shared" si="170"/>
        <v>0.22076491589865652</v>
      </c>
      <c r="M1383">
        <f t="shared" si="171"/>
        <v>0</v>
      </c>
      <c r="N1383" s="45">
        <f t="shared" si="172"/>
        <v>44983.208333330062</v>
      </c>
    </row>
    <row r="1384" spans="2:14" x14ac:dyDescent="0.25">
      <c r="B1384">
        <f t="shared" si="166"/>
        <v>7</v>
      </c>
      <c r="C1384" s="16">
        <v>1350</v>
      </c>
      <c r="D1384" cm="1">
        <f t="array" ref="D1384">IFERROR(INDEX(Jesper!AH$2:AH$366,ROUNDDOWN($C1384/24,0)+1,1)*INDEX($D$3:$AA$30,INDEX(Jesper!$R$2:$R$366,ROW(INDEX(Jesper!AH$2:AH$366,ROUNDDOWN($C1384/24,0)+1,1))-1)+IF('Standard Profiles'!$G$18=$B$10,7,0)+IF('Standard Profiles'!$G$18=$B$17,14,0)+IF('Standard Profiles'!$G$18=$B$24,21,0),MOD($C1384,24)+1)/SUM(INDEX($D$3:$AA$30,INDEX(Jesper!$R$2:$R$366,ROW(INDEX(Jesper!AH$2:AH$366,ROUNDDOWN($C1384/24,0)+1,1))-1)+IF('Standard Profiles'!$G$18=$B$10,7,0)+IF('Standard Profiles'!$G$18=$B$17,14,0)+IF('Standard Profiles'!$G$18=$B$24,21,0),0)),0)</f>
        <v>0</v>
      </c>
      <c r="E1384" cm="1">
        <f t="array" ref="E1384">IFERROR(INDEX(Jesper!AI$2:AI$366,ROUNDDOWN($C1384/24,0)+1,1)*INDEX($D$3:$AA$30,INDEX(Jesper!$R$2:$R$366,ROW(INDEX(Jesper!AI$2:AI$366,ROUNDDOWN($C1384/24,0)+1,1))-1)+IF('Standard Profiles'!$G$19=$B$10,7,0)+IF('Standard Profiles'!$G$19=$B$17,14,0)+IF('Standard Profiles'!$G$19=$B$24,21,0),MOD($C1384,24)+1)/SUM(INDEX($D$3:$AA$30,INDEX(Jesper!$R$2:$R$366,ROW(INDEX(Jesper!AI$2:AI$366,ROUNDDOWN($C1384/24,0)+1,1))-1)+IF('Standard Profiles'!$G$19=$B$10,7,0)+IF('Standard Profiles'!$G$19=$B$17,14,0)+IF('Standard Profiles'!$G$19=$B$24,21,0),0)),0)</f>
        <v>5.5191228974664126</v>
      </c>
      <c r="F1384" cm="1">
        <f t="array" ref="F1384">IFERROR(INDEX(Jesper!AJ$2:AJ$366,ROUNDDOWN($C1384/24,0)+1,1)*INDEX($D$3:$AA$30,INDEX(Jesper!$R$2:$R$366,ROW(INDEX(Jesper!AJ$2:AJ$366,ROUNDDOWN($C1384/24,0)+1,1))-1)+IF('Standard Profiles'!$G$20=$B$10,7,0)+IF('Standard Profiles'!$G$20=$B$17,14,0)+IF('Standard Profiles'!$G$20=$B$24,21,0),MOD($C1384,24)+1)/SUM(INDEX($D$3:$AA$30,INDEX(Jesper!$R$2:$R$366,ROW(INDEX(Jesper!AJ$2:AJ$366,ROUNDDOWN($C1384/24,0)+1,1))-1)+IF('Standard Profiles'!$G$20=$B$10,7,0)+IF('Standard Profiles'!$G$20=$B$17,14,0)+IF('Standard Profiles'!$G$20=$B$24,21,0),0)),0)</f>
        <v>4.8557507415936092</v>
      </c>
      <c r="G1384" cm="1">
        <f t="array" ref="G1384">IFERROR(INDEX(Jesper!AK$2:AK$366,ROUNDDOWN($C1384/24,0)+1,1)*INDEX($D$3:$AA$30,INDEX(Jesper!$R$2:$R$366,ROW(INDEX(Jesper!AK$2:AK$366,ROUNDDOWN($C1384/24,0)+1,1))-1)+IF('Standard Profiles'!$G$21=$B$10,7,0)+IF('Standard Profiles'!$G$21=$B$17,14,0)+IF('Standard Profiles'!$G$21=$B$24,21,0),MOD($C1384,24)+1)/SUM(INDEX($D$3:$AA$30,INDEX(Jesper!$R$2:$R$366,ROW(INDEX(Jesper!AK$2:AK$366,ROUNDDOWN($C1384/24,0)+1,1))-1)+IF('Standard Profiles'!$G$21=$B$10,7,0)+IF('Standard Profiles'!$G$21=$B$17,14,0)+IF('Standard Profiles'!$G$21=$B$24,21,0),0)),0)</f>
        <v>8.2724742717206023</v>
      </c>
      <c r="H1384" cm="1">
        <f t="array" ref="H1384">IFERROR(INDEX(Jesper!AL$2:AL$366,ROUNDDOWN($C1384/24,0)+1,1)*INDEX($D$3:$AA$30,INDEX(Jesper!$R$2:$R$366,ROW(INDEX(Jesper!AL$2:AL$366,ROUNDDOWN($C1384/24,0)+1,1))-1)+IF('Standard Profiles'!$G$22=$B$10,7,0)+IF('Standard Profiles'!$G$22=$B$17,14,0)+IF('Standard Profiles'!$G$22=$B$24,21,0),MOD($C1384,24)+1)/SUM(INDEX($D$3:$AA$30,INDEX(Jesper!$R$2:$R$366,ROW(INDEX(Jesper!AL$2:AL$366,ROUNDDOWN($C1384/24,0)+1,1))-1)+IF('Standard Profiles'!$G$22=$B$10,7,0)+IF('Standard Profiles'!$G$22=$B$17,14,0)+IF('Standard Profiles'!$G$22=$B$24,21,0),0)),0)</f>
        <v>6.8131495170352903</v>
      </c>
      <c r="I1384">
        <f t="shared" si="167"/>
        <v>6.5406235363538823</v>
      </c>
      <c r="J1384">
        <f t="shared" si="168"/>
        <v>18.257579143766065</v>
      </c>
      <c r="K1384">
        <f t="shared" si="169"/>
        <v>0.44152983179731303</v>
      </c>
      <c r="L1384">
        <f t="shared" si="170"/>
        <v>0.22076491589865652</v>
      </c>
      <c r="M1384">
        <f t="shared" si="171"/>
        <v>0</v>
      </c>
      <c r="N1384" s="45">
        <f t="shared" si="172"/>
        <v>44983.249999996726</v>
      </c>
    </row>
    <row r="1385" spans="2:14" x14ac:dyDescent="0.25">
      <c r="B1385">
        <f t="shared" si="166"/>
        <v>7</v>
      </c>
      <c r="C1385" s="16">
        <v>1351</v>
      </c>
      <c r="D1385" cm="1">
        <f t="array" ref="D1385">IFERROR(INDEX(Jesper!AH$2:AH$366,ROUNDDOWN($C1385/24,0)+1,1)*INDEX($D$3:$AA$30,INDEX(Jesper!$R$2:$R$366,ROW(INDEX(Jesper!AH$2:AH$366,ROUNDDOWN($C1385/24,0)+1,1))-1)+IF('Standard Profiles'!$G$18=$B$10,7,0)+IF('Standard Profiles'!$G$18=$B$17,14,0)+IF('Standard Profiles'!$G$18=$B$24,21,0),MOD($C1385,24)+1)/SUM(INDEX($D$3:$AA$30,INDEX(Jesper!$R$2:$R$366,ROW(INDEX(Jesper!AH$2:AH$366,ROUNDDOWN($C1385/24,0)+1,1))-1)+IF('Standard Profiles'!$G$18=$B$10,7,0)+IF('Standard Profiles'!$G$18=$B$17,14,0)+IF('Standard Profiles'!$G$18=$B$24,21,0),0)),0)</f>
        <v>0</v>
      </c>
      <c r="E1385" cm="1">
        <f t="array" ref="E1385">IFERROR(INDEX(Jesper!AI$2:AI$366,ROUNDDOWN($C1385/24,0)+1,1)*INDEX($D$3:$AA$30,INDEX(Jesper!$R$2:$R$366,ROW(INDEX(Jesper!AI$2:AI$366,ROUNDDOWN($C1385/24,0)+1,1))-1)+IF('Standard Profiles'!$G$19=$B$10,7,0)+IF('Standard Profiles'!$G$19=$B$17,14,0)+IF('Standard Profiles'!$G$19=$B$24,21,0),MOD($C1385,24)+1)/SUM(INDEX($D$3:$AA$30,INDEX(Jesper!$R$2:$R$366,ROW(INDEX(Jesper!AI$2:AI$366,ROUNDDOWN($C1385/24,0)+1,1))-1)+IF('Standard Profiles'!$G$19=$B$10,7,0)+IF('Standard Profiles'!$G$19=$B$17,14,0)+IF('Standard Profiles'!$G$19=$B$24,21,0),0)),0)</f>
        <v>5.5191228974664126</v>
      </c>
      <c r="F1385" cm="1">
        <f t="array" ref="F1385">IFERROR(INDEX(Jesper!AJ$2:AJ$366,ROUNDDOWN($C1385/24,0)+1,1)*INDEX($D$3:$AA$30,INDEX(Jesper!$R$2:$R$366,ROW(INDEX(Jesper!AJ$2:AJ$366,ROUNDDOWN($C1385/24,0)+1,1))-1)+IF('Standard Profiles'!$G$20=$B$10,7,0)+IF('Standard Profiles'!$G$20=$B$17,14,0)+IF('Standard Profiles'!$G$20=$B$24,21,0),MOD($C1385,24)+1)/SUM(INDEX($D$3:$AA$30,INDEX(Jesper!$R$2:$R$366,ROW(INDEX(Jesper!AJ$2:AJ$366,ROUNDDOWN($C1385/24,0)+1,1))-1)+IF('Standard Profiles'!$G$20=$B$10,7,0)+IF('Standard Profiles'!$G$20=$B$17,14,0)+IF('Standard Profiles'!$G$20=$B$24,21,0),0)),0)</f>
        <v>4.8557507415936092</v>
      </c>
      <c r="G1385" cm="1">
        <f t="array" ref="G1385">IFERROR(INDEX(Jesper!AK$2:AK$366,ROUNDDOWN($C1385/24,0)+1,1)*INDEX($D$3:$AA$30,INDEX(Jesper!$R$2:$R$366,ROW(INDEX(Jesper!AK$2:AK$366,ROUNDDOWN($C1385/24,0)+1,1))-1)+IF('Standard Profiles'!$G$21=$B$10,7,0)+IF('Standard Profiles'!$G$21=$B$17,14,0)+IF('Standard Profiles'!$G$21=$B$24,21,0),MOD($C1385,24)+1)/SUM(INDEX($D$3:$AA$30,INDEX(Jesper!$R$2:$R$366,ROW(INDEX(Jesper!AK$2:AK$366,ROUNDDOWN($C1385/24,0)+1,1))-1)+IF('Standard Profiles'!$G$21=$B$10,7,0)+IF('Standard Profiles'!$G$21=$B$17,14,0)+IF('Standard Profiles'!$G$21=$B$24,21,0),0)),0)</f>
        <v>8.2724742717206023</v>
      </c>
      <c r="H1385" cm="1">
        <f t="array" ref="H1385">IFERROR(INDEX(Jesper!AL$2:AL$366,ROUNDDOWN($C1385/24,0)+1,1)*INDEX($D$3:$AA$30,INDEX(Jesper!$R$2:$R$366,ROW(INDEX(Jesper!AL$2:AL$366,ROUNDDOWN($C1385/24,0)+1,1))-1)+IF('Standard Profiles'!$G$22=$B$10,7,0)+IF('Standard Profiles'!$G$22=$B$17,14,0)+IF('Standard Profiles'!$G$22=$B$24,21,0),MOD($C1385,24)+1)/SUM(INDEX($D$3:$AA$30,INDEX(Jesper!$R$2:$R$366,ROW(INDEX(Jesper!AL$2:AL$366,ROUNDDOWN($C1385/24,0)+1,1))-1)+IF('Standard Profiles'!$G$22=$B$10,7,0)+IF('Standard Profiles'!$G$22=$B$17,14,0)+IF('Standard Profiles'!$G$22=$B$24,21,0),0)),0)</f>
        <v>8.0986494259098745</v>
      </c>
      <c r="I1385">
        <f t="shared" si="167"/>
        <v>7.7747034488734839</v>
      </c>
      <c r="J1385">
        <f t="shared" si="168"/>
        <v>18.308999140121049</v>
      </c>
      <c r="K1385">
        <f t="shared" si="169"/>
        <v>0.44152983179731303</v>
      </c>
      <c r="L1385">
        <f t="shared" si="170"/>
        <v>0.22076491589865652</v>
      </c>
      <c r="M1385">
        <f t="shared" si="171"/>
        <v>0</v>
      </c>
      <c r="N1385" s="45">
        <f t="shared" si="172"/>
        <v>44983.29166666339</v>
      </c>
    </row>
    <row r="1386" spans="2:14" x14ac:dyDescent="0.25">
      <c r="B1386">
        <f t="shared" si="166"/>
        <v>7</v>
      </c>
      <c r="C1386" s="16">
        <v>1352</v>
      </c>
      <c r="D1386" cm="1">
        <f t="array" ref="D1386">IFERROR(INDEX(Jesper!AH$2:AH$366,ROUNDDOWN($C1386/24,0)+1,1)*INDEX($D$3:$AA$30,INDEX(Jesper!$R$2:$R$366,ROW(INDEX(Jesper!AH$2:AH$366,ROUNDDOWN($C1386/24,0)+1,1))-1)+IF('Standard Profiles'!$G$18=$B$10,7,0)+IF('Standard Profiles'!$G$18=$B$17,14,0)+IF('Standard Profiles'!$G$18=$B$24,21,0),MOD($C1386,24)+1)/SUM(INDEX($D$3:$AA$30,INDEX(Jesper!$R$2:$R$366,ROW(INDEX(Jesper!AH$2:AH$366,ROUNDDOWN($C1386/24,0)+1,1))-1)+IF('Standard Profiles'!$G$18=$B$10,7,0)+IF('Standard Profiles'!$G$18=$B$17,14,0)+IF('Standard Profiles'!$G$18=$B$24,21,0),0)),0)</f>
        <v>0</v>
      </c>
      <c r="E1386" cm="1">
        <f t="array" ref="E1386">IFERROR(INDEX(Jesper!AI$2:AI$366,ROUNDDOWN($C1386/24,0)+1,1)*INDEX($D$3:$AA$30,INDEX(Jesper!$R$2:$R$366,ROW(INDEX(Jesper!AI$2:AI$366,ROUNDDOWN($C1386/24,0)+1,1))-1)+IF('Standard Profiles'!$G$19=$B$10,7,0)+IF('Standard Profiles'!$G$19=$B$17,14,0)+IF('Standard Profiles'!$G$19=$B$24,21,0),MOD($C1386,24)+1)/SUM(INDEX($D$3:$AA$30,INDEX(Jesper!$R$2:$R$366,ROW(INDEX(Jesper!AI$2:AI$366,ROUNDDOWN($C1386/24,0)+1,1))-1)+IF('Standard Profiles'!$G$19=$B$10,7,0)+IF('Standard Profiles'!$G$19=$B$17,14,0)+IF('Standard Profiles'!$G$19=$B$24,21,0),0)),0)</f>
        <v>5.5191228974664126</v>
      </c>
      <c r="F1386" cm="1">
        <f t="array" ref="F1386">IFERROR(INDEX(Jesper!AJ$2:AJ$366,ROUNDDOWN($C1386/24,0)+1,1)*INDEX($D$3:$AA$30,INDEX(Jesper!$R$2:$R$366,ROW(INDEX(Jesper!AJ$2:AJ$366,ROUNDDOWN($C1386/24,0)+1,1))-1)+IF('Standard Profiles'!$G$20=$B$10,7,0)+IF('Standard Profiles'!$G$20=$B$17,14,0)+IF('Standard Profiles'!$G$20=$B$24,21,0),MOD($C1386,24)+1)/SUM(INDEX($D$3:$AA$30,INDEX(Jesper!$R$2:$R$366,ROW(INDEX(Jesper!AJ$2:AJ$366,ROUNDDOWN($C1386/24,0)+1,1))-1)+IF('Standard Profiles'!$G$20=$B$10,7,0)+IF('Standard Profiles'!$G$20=$B$17,14,0)+IF('Standard Profiles'!$G$20=$B$24,21,0),0)),0)</f>
        <v>4.8557507415936092</v>
      </c>
      <c r="G1386" cm="1">
        <f t="array" ref="G1386">IFERROR(INDEX(Jesper!AK$2:AK$366,ROUNDDOWN($C1386/24,0)+1,1)*INDEX($D$3:$AA$30,INDEX(Jesper!$R$2:$R$366,ROW(INDEX(Jesper!AK$2:AK$366,ROUNDDOWN($C1386/24,0)+1,1))-1)+IF('Standard Profiles'!$G$21=$B$10,7,0)+IF('Standard Profiles'!$G$21=$B$17,14,0)+IF('Standard Profiles'!$G$21=$B$24,21,0),MOD($C1386,24)+1)/SUM(INDEX($D$3:$AA$30,INDEX(Jesper!$R$2:$R$366,ROW(INDEX(Jesper!AK$2:AK$366,ROUNDDOWN($C1386/24,0)+1,1))-1)+IF('Standard Profiles'!$G$21=$B$10,7,0)+IF('Standard Profiles'!$G$21=$B$17,14,0)+IF('Standard Profiles'!$G$21=$B$24,21,0),0)),0)</f>
        <v>8.2724742717206023</v>
      </c>
      <c r="H1386" cm="1">
        <f t="array" ref="H1386">IFERROR(INDEX(Jesper!AL$2:AL$366,ROUNDDOWN($C1386/24,0)+1,1)*INDEX($D$3:$AA$30,INDEX(Jesper!$R$2:$R$366,ROW(INDEX(Jesper!AL$2:AL$366,ROUNDDOWN($C1386/24,0)+1,1))-1)+IF('Standard Profiles'!$G$22=$B$10,7,0)+IF('Standard Profiles'!$G$22=$B$17,14,0)+IF('Standard Profiles'!$G$22=$B$24,21,0),MOD($C1386,24)+1)/SUM(INDEX($D$3:$AA$30,INDEX(Jesper!$R$2:$R$366,ROW(INDEX(Jesper!AL$2:AL$366,ROUNDDOWN($C1386/24,0)+1,1))-1)+IF('Standard Profiles'!$G$22=$B$10,7,0)+IF('Standard Profiles'!$G$22=$B$17,14,0)+IF('Standard Profiles'!$G$22=$B$24,21,0),0)),0)</f>
        <v>8.0986494259098745</v>
      </c>
      <c r="I1386">
        <f t="shared" si="167"/>
        <v>7.7747034488734839</v>
      </c>
      <c r="J1386">
        <f t="shared" si="168"/>
        <v>18.308999140121049</v>
      </c>
      <c r="K1386">
        <f t="shared" si="169"/>
        <v>0.44152983179731303</v>
      </c>
      <c r="L1386">
        <f t="shared" si="170"/>
        <v>0.22076491589865652</v>
      </c>
      <c r="M1386">
        <f t="shared" si="171"/>
        <v>0</v>
      </c>
      <c r="N1386" s="45">
        <f t="shared" si="172"/>
        <v>44983.333333330054</v>
      </c>
    </row>
    <row r="1387" spans="2:14" x14ac:dyDescent="0.25">
      <c r="B1387">
        <f t="shared" si="166"/>
        <v>7</v>
      </c>
      <c r="C1387" s="16">
        <v>1353</v>
      </c>
      <c r="D1387" cm="1">
        <f t="array" ref="D1387">IFERROR(INDEX(Jesper!AH$2:AH$366,ROUNDDOWN($C1387/24,0)+1,1)*INDEX($D$3:$AA$30,INDEX(Jesper!$R$2:$R$366,ROW(INDEX(Jesper!AH$2:AH$366,ROUNDDOWN($C1387/24,0)+1,1))-1)+IF('Standard Profiles'!$G$18=$B$10,7,0)+IF('Standard Profiles'!$G$18=$B$17,14,0)+IF('Standard Profiles'!$G$18=$B$24,21,0),MOD($C1387,24)+1)/SUM(INDEX($D$3:$AA$30,INDEX(Jesper!$R$2:$R$366,ROW(INDEX(Jesper!AH$2:AH$366,ROUNDDOWN($C1387/24,0)+1,1))-1)+IF('Standard Profiles'!$G$18=$B$10,7,0)+IF('Standard Profiles'!$G$18=$B$17,14,0)+IF('Standard Profiles'!$G$18=$B$24,21,0),0)),0)</f>
        <v>0</v>
      </c>
      <c r="E1387" cm="1">
        <f t="array" ref="E1387">IFERROR(INDEX(Jesper!AI$2:AI$366,ROUNDDOWN($C1387/24,0)+1,1)*INDEX($D$3:$AA$30,INDEX(Jesper!$R$2:$R$366,ROW(INDEX(Jesper!AI$2:AI$366,ROUNDDOWN($C1387/24,0)+1,1))-1)+IF('Standard Profiles'!$G$19=$B$10,7,0)+IF('Standard Profiles'!$G$19=$B$17,14,0)+IF('Standard Profiles'!$G$19=$B$24,21,0),MOD($C1387,24)+1)/SUM(INDEX($D$3:$AA$30,INDEX(Jesper!$R$2:$R$366,ROW(INDEX(Jesper!AI$2:AI$366,ROUNDDOWN($C1387/24,0)+1,1))-1)+IF('Standard Profiles'!$G$19=$B$10,7,0)+IF('Standard Profiles'!$G$19=$B$17,14,0)+IF('Standard Profiles'!$G$19=$B$24,21,0),0)),0)</f>
        <v>5.5191228974664126</v>
      </c>
      <c r="F1387" cm="1">
        <f t="array" ref="F1387">IFERROR(INDEX(Jesper!AJ$2:AJ$366,ROUNDDOWN($C1387/24,0)+1,1)*INDEX($D$3:$AA$30,INDEX(Jesper!$R$2:$R$366,ROW(INDEX(Jesper!AJ$2:AJ$366,ROUNDDOWN($C1387/24,0)+1,1))-1)+IF('Standard Profiles'!$G$20=$B$10,7,0)+IF('Standard Profiles'!$G$20=$B$17,14,0)+IF('Standard Profiles'!$G$20=$B$24,21,0),MOD($C1387,24)+1)/SUM(INDEX($D$3:$AA$30,INDEX(Jesper!$R$2:$R$366,ROW(INDEX(Jesper!AJ$2:AJ$366,ROUNDDOWN($C1387/24,0)+1,1))-1)+IF('Standard Profiles'!$G$20=$B$10,7,0)+IF('Standard Profiles'!$G$20=$B$17,14,0)+IF('Standard Profiles'!$G$20=$B$24,21,0),0)),0)</f>
        <v>4.8557507415936092</v>
      </c>
      <c r="G1387" cm="1">
        <f t="array" ref="G1387">IFERROR(INDEX(Jesper!AK$2:AK$366,ROUNDDOWN($C1387/24,0)+1,1)*INDEX($D$3:$AA$30,INDEX(Jesper!$R$2:$R$366,ROW(INDEX(Jesper!AK$2:AK$366,ROUNDDOWN($C1387/24,0)+1,1))-1)+IF('Standard Profiles'!$G$21=$B$10,7,0)+IF('Standard Profiles'!$G$21=$B$17,14,0)+IF('Standard Profiles'!$G$21=$B$24,21,0),MOD($C1387,24)+1)/SUM(INDEX($D$3:$AA$30,INDEX(Jesper!$R$2:$R$366,ROW(INDEX(Jesper!AK$2:AK$366,ROUNDDOWN($C1387/24,0)+1,1))-1)+IF('Standard Profiles'!$G$21=$B$10,7,0)+IF('Standard Profiles'!$G$21=$B$17,14,0)+IF('Standard Profiles'!$G$21=$B$24,21,0),0)),0)</f>
        <v>8.2724742717206023</v>
      </c>
      <c r="H1387" cm="1">
        <f t="array" ref="H1387">IFERROR(INDEX(Jesper!AL$2:AL$366,ROUNDDOWN($C1387/24,0)+1,1)*INDEX($D$3:$AA$30,INDEX(Jesper!$R$2:$R$366,ROW(INDEX(Jesper!AL$2:AL$366,ROUNDDOWN($C1387/24,0)+1,1))-1)+IF('Standard Profiles'!$G$22=$B$10,7,0)+IF('Standard Profiles'!$G$22=$B$17,14,0)+IF('Standard Profiles'!$G$22=$B$24,21,0),MOD($C1387,24)+1)/SUM(INDEX($D$3:$AA$30,INDEX(Jesper!$R$2:$R$366,ROW(INDEX(Jesper!AL$2:AL$366,ROUNDDOWN($C1387/24,0)+1,1))-1)+IF('Standard Profiles'!$G$22=$B$10,7,0)+IF('Standard Profiles'!$G$22=$B$17,14,0)+IF('Standard Profiles'!$G$22=$B$24,21,0),0)),0)</f>
        <v>8.0986494259098745</v>
      </c>
      <c r="I1387">
        <f t="shared" si="167"/>
        <v>7.7747034488734839</v>
      </c>
      <c r="J1387">
        <f t="shared" si="168"/>
        <v>18.308999140121049</v>
      </c>
      <c r="K1387">
        <f t="shared" si="169"/>
        <v>0.44152983179731303</v>
      </c>
      <c r="L1387">
        <f t="shared" si="170"/>
        <v>0.22076491589865652</v>
      </c>
      <c r="M1387">
        <f t="shared" si="171"/>
        <v>0</v>
      </c>
      <c r="N1387" s="45">
        <f t="shared" si="172"/>
        <v>44983.374999996719</v>
      </c>
    </row>
    <row r="1388" spans="2:14" x14ac:dyDescent="0.25">
      <c r="B1388">
        <f t="shared" si="166"/>
        <v>7</v>
      </c>
      <c r="C1388" s="16">
        <v>1354</v>
      </c>
      <c r="D1388" cm="1">
        <f t="array" ref="D1388">IFERROR(INDEX(Jesper!AH$2:AH$366,ROUNDDOWN($C1388/24,0)+1,1)*INDEX($D$3:$AA$30,INDEX(Jesper!$R$2:$R$366,ROW(INDEX(Jesper!AH$2:AH$366,ROUNDDOWN($C1388/24,0)+1,1))-1)+IF('Standard Profiles'!$G$18=$B$10,7,0)+IF('Standard Profiles'!$G$18=$B$17,14,0)+IF('Standard Profiles'!$G$18=$B$24,21,0),MOD($C1388,24)+1)/SUM(INDEX($D$3:$AA$30,INDEX(Jesper!$R$2:$R$366,ROW(INDEX(Jesper!AH$2:AH$366,ROUNDDOWN($C1388/24,0)+1,1))-1)+IF('Standard Profiles'!$G$18=$B$10,7,0)+IF('Standard Profiles'!$G$18=$B$17,14,0)+IF('Standard Profiles'!$G$18=$B$24,21,0),0)),0)</f>
        <v>0</v>
      </c>
      <c r="E1388" cm="1">
        <f t="array" ref="E1388">IFERROR(INDEX(Jesper!AI$2:AI$366,ROUNDDOWN($C1388/24,0)+1,1)*INDEX($D$3:$AA$30,INDEX(Jesper!$R$2:$R$366,ROW(INDEX(Jesper!AI$2:AI$366,ROUNDDOWN($C1388/24,0)+1,1))-1)+IF('Standard Profiles'!$G$19=$B$10,7,0)+IF('Standard Profiles'!$G$19=$B$17,14,0)+IF('Standard Profiles'!$G$19=$B$24,21,0),MOD($C1388,24)+1)/SUM(INDEX($D$3:$AA$30,INDEX(Jesper!$R$2:$R$366,ROW(INDEX(Jesper!AI$2:AI$366,ROUNDDOWN($C1388/24,0)+1,1))-1)+IF('Standard Profiles'!$G$19=$B$10,7,0)+IF('Standard Profiles'!$G$19=$B$17,14,0)+IF('Standard Profiles'!$G$19=$B$24,21,0),0)),0)</f>
        <v>5.5191228974664126</v>
      </c>
      <c r="F1388" cm="1">
        <f t="array" ref="F1388">IFERROR(INDEX(Jesper!AJ$2:AJ$366,ROUNDDOWN($C1388/24,0)+1,1)*INDEX($D$3:$AA$30,INDEX(Jesper!$R$2:$R$366,ROW(INDEX(Jesper!AJ$2:AJ$366,ROUNDDOWN($C1388/24,0)+1,1))-1)+IF('Standard Profiles'!$G$20=$B$10,7,0)+IF('Standard Profiles'!$G$20=$B$17,14,0)+IF('Standard Profiles'!$G$20=$B$24,21,0),MOD($C1388,24)+1)/SUM(INDEX($D$3:$AA$30,INDEX(Jesper!$R$2:$R$366,ROW(INDEX(Jesper!AJ$2:AJ$366,ROUNDDOWN($C1388/24,0)+1,1))-1)+IF('Standard Profiles'!$G$20=$B$10,7,0)+IF('Standard Profiles'!$G$20=$B$17,14,0)+IF('Standard Profiles'!$G$20=$B$24,21,0),0)),0)</f>
        <v>4.8557507415936092</v>
      </c>
      <c r="G1388" cm="1">
        <f t="array" ref="G1388">IFERROR(INDEX(Jesper!AK$2:AK$366,ROUNDDOWN($C1388/24,0)+1,1)*INDEX($D$3:$AA$30,INDEX(Jesper!$R$2:$R$366,ROW(INDEX(Jesper!AK$2:AK$366,ROUNDDOWN($C1388/24,0)+1,1))-1)+IF('Standard Profiles'!$G$21=$B$10,7,0)+IF('Standard Profiles'!$G$21=$B$17,14,0)+IF('Standard Profiles'!$G$21=$B$24,21,0),MOD($C1388,24)+1)/SUM(INDEX($D$3:$AA$30,INDEX(Jesper!$R$2:$R$366,ROW(INDEX(Jesper!AK$2:AK$366,ROUNDDOWN($C1388/24,0)+1,1))-1)+IF('Standard Profiles'!$G$21=$B$10,7,0)+IF('Standard Profiles'!$G$21=$B$17,14,0)+IF('Standard Profiles'!$G$21=$B$24,21,0),0)),0)</f>
        <v>8.2724742717206023</v>
      </c>
      <c r="H1388" cm="1">
        <f t="array" ref="H1388">IFERROR(INDEX(Jesper!AL$2:AL$366,ROUNDDOWN($C1388/24,0)+1,1)*INDEX($D$3:$AA$30,INDEX(Jesper!$R$2:$R$366,ROW(INDEX(Jesper!AL$2:AL$366,ROUNDDOWN($C1388/24,0)+1,1))-1)+IF('Standard Profiles'!$G$22=$B$10,7,0)+IF('Standard Profiles'!$G$22=$B$17,14,0)+IF('Standard Profiles'!$G$22=$B$24,21,0),MOD($C1388,24)+1)/SUM(INDEX($D$3:$AA$30,INDEX(Jesper!$R$2:$R$366,ROW(INDEX(Jesper!AL$2:AL$366,ROUNDDOWN($C1388/24,0)+1,1))-1)+IF('Standard Profiles'!$G$22=$B$10,7,0)+IF('Standard Profiles'!$G$22=$B$17,14,0)+IF('Standard Profiles'!$G$22=$B$24,21,0),0)),0)</f>
        <v>8.0986494259098745</v>
      </c>
      <c r="I1388">
        <f t="shared" si="167"/>
        <v>7.7747034488734839</v>
      </c>
      <c r="J1388">
        <f t="shared" si="168"/>
        <v>18.308999140121049</v>
      </c>
      <c r="K1388">
        <f t="shared" si="169"/>
        <v>0.44152983179731303</v>
      </c>
      <c r="L1388">
        <f t="shared" si="170"/>
        <v>0.22076491589865652</v>
      </c>
      <c r="M1388">
        <f t="shared" si="171"/>
        <v>0</v>
      </c>
      <c r="N1388" s="45">
        <f t="shared" si="172"/>
        <v>44983.416666663383</v>
      </c>
    </row>
    <row r="1389" spans="2:14" x14ac:dyDescent="0.25">
      <c r="B1389">
        <f t="shared" si="166"/>
        <v>7</v>
      </c>
      <c r="C1389" s="16">
        <v>1355</v>
      </c>
      <c r="D1389" cm="1">
        <f t="array" ref="D1389">IFERROR(INDEX(Jesper!AH$2:AH$366,ROUNDDOWN($C1389/24,0)+1,1)*INDEX($D$3:$AA$30,INDEX(Jesper!$R$2:$R$366,ROW(INDEX(Jesper!AH$2:AH$366,ROUNDDOWN($C1389/24,0)+1,1))-1)+IF('Standard Profiles'!$G$18=$B$10,7,0)+IF('Standard Profiles'!$G$18=$B$17,14,0)+IF('Standard Profiles'!$G$18=$B$24,21,0),MOD($C1389,24)+1)/SUM(INDEX($D$3:$AA$30,INDEX(Jesper!$R$2:$R$366,ROW(INDEX(Jesper!AH$2:AH$366,ROUNDDOWN($C1389/24,0)+1,1))-1)+IF('Standard Profiles'!$G$18=$B$10,7,0)+IF('Standard Profiles'!$G$18=$B$17,14,0)+IF('Standard Profiles'!$G$18=$B$24,21,0),0)),0)</f>
        <v>0</v>
      </c>
      <c r="E1389" cm="1">
        <f t="array" ref="E1389">IFERROR(INDEX(Jesper!AI$2:AI$366,ROUNDDOWN($C1389/24,0)+1,1)*INDEX($D$3:$AA$30,INDEX(Jesper!$R$2:$R$366,ROW(INDEX(Jesper!AI$2:AI$366,ROUNDDOWN($C1389/24,0)+1,1))-1)+IF('Standard Profiles'!$G$19=$B$10,7,0)+IF('Standard Profiles'!$G$19=$B$17,14,0)+IF('Standard Profiles'!$G$19=$B$24,21,0),MOD($C1389,24)+1)/SUM(INDEX($D$3:$AA$30,INDEX(Jesper!$R$2:$R$366,ROW(INDEX(Jesper!AI$2:AI$366,ROUNDDOWN($C1389/24,0)+1,1))-1)+IF('Standard Profiles'!$G$19=$B$10,7,0)+IF('Standard Profiles'!$G$19=$B$17,14,0)+IF('Standard Profiles'!$G$19=$B$24,21,0),0)),0)</f>
        <v>5.5191228974664126</v>
      </c>
      <c r="F1389" cm="1">
        <f t="array" ref="F1389">IFERROR(INDEX(Jesper!AJ$2:AJ$366,ROUNDDOWN($C1389/24,0)+1,1)*INDEX($D$3:$AA$30,INDEX(Jesper!$R$2:$R$366,ROW(INDEX(Jesper!AJ$2:AJ$366,ROUNDDOWN($C1389/24,0)+1,1))-1)+IF('Standard Profiles'!$G$20=$B$10,7,0)+IF('Standard Profiles'!$G$20=$B$17,14,0)+IF('Standard Profiles'!$G$20=$B$24,21,0),MOD($C1389,24)+1)/SUM(INDEX($D$3:$AA$30,INDEX(Jesper!$R$2:$R$366,ROW(INDEX(Jesper!AJ$2:AJ$366,ROUNDDOWN($C1389/24,0)+1,1))-1)+IF('Standard Profiles'!$G$20=$B$10,7,0)+IF('Standard Profiles'!$G$20=$B$17,14,0)+IF('Standard Profiles'!$G$20=$B$24,21,0),0)),0)</f>
        <v>4.8557507415936092</v>
      </c>
      <c r="G1389" cm="1">
        <f t="array" ref="G1389">IFERROR(INDEX(Jesper!AK$2:AK$366,ROUNDDOWN($C1389/24,0)+1,1)*INDEX($D$3:$AA$30,INDEX(Jesper!$R$2:$R$366,ROW(INDEX(Jesper!AK$2:AK$366,ROUNDDOWN($C1389/24,0)+1,1))-1)+IF('Standard Profiles'!$G$21=$B$10,7,0)+IF('Standard Profiles'!$G$21=$B$17,14,0)+IF('Standard Profiles'!$G$21=$B$24,21,0),MOD($C1389,24)+1)/SUM(INDEX($D$3:$AA$30,INDEX(Jesper!$R$2:$R$366,ROW(INDEX(Jesper!AK$2:AK$366,ROUNDDOWN($C1389/24,0)+1,1))-1)+IF('Standard Profiles'!$G$21=$B$10,7,0)+IF('Standard Profiles'!$G$21=$B$17,14,0)+IF('Standard Profiles'!$G$21=$B$24,21,0),0)),0)</f>
        <v>8.2724742717206023</v>
      </c>
      <c r="H1389" cm="1">
        <f t="array" ref="H1389">IFERROR(INDEX(Jesper!AL$2:AL$366,ROUNDDOWN($C1389/24,0)+1,1)*INDEX($D$3:$AA$30,INDEX(Jesper!$R$2:$R$366,ROW(INDEX(Jesper!AL$2:AL$366,ROUNDDOWN($C1389/24,0)+1,1))-1)+IF('Standard Profiles'!$G$22=$B$10,7,0)+IF('Standard Profiles'!$G$22=$B$17,14,0)+IF('Standard Profiles'!$G$22=$B$24,21,0),MOD($C1389,24)+1)/SUM(INDEX($D$3:$AA$30,INDEX(Jesper!$R$2:$R$366,ROW(INDEX(Jesper!AL$2:AL$366,ROUNDDOWN($C1389/24,0)+1,1))-1)+IF('Standard Profiles'!$G$22=$B$10,7,0)+IF('Standard Profiles'!$G$22=$B$17,14,0)+IF('Standard Profiles'!$G$22=$B$24,21,0),0)),0)</f>
        <v>8.0986494259098745</v>
      </c>
      <c r="I1389">
        <f t="shared" si="167"/>
        <v>7.7747034488734839</v>
      </c>
      <c r="J1389">
        <f t="shared" si="168"/>
        <v>18.308999140121049</v>
      </c>
      <c r="K1389">
        <f t="shared" si="169"/>
        <v>0.44152983179731303</v>
      </c>
      <c r="L1389">
        <f t="shared" si="170"/>
        <v>0.22076491589865652</v>
      </c>
      <c r="M1389">
        <f t="shared" si="171"/>
        <v>0</v>
      </c>
      <c r="N1389" s="45">
        <f t="shared" si="172"/>
        <v>44983.458333330047</v>
      </c>
    </row>
    <row r="1390" spans="2:14" x14ac:dyDescent="0.25">
      <c r="B1390">
        <f t="shared" si="166"/>
        <v>7</v>
      </c>
      <c r="C1390" s="16">
        <v>1356</v>
      </c>
      <c r="D1390" cm="1">
        <f t="array" ref="D1390">IFERROR(INDEX(Jesper!AH$2:AH$366,ROUNDDOWN($C1390/24,0)+1,1)*INDEX($D$3:$AA$30,INDEX(Jesper!$R$2:$R$366,ROW(INDEX(Jesper!AH$2:AH$366,ROUNDDOWN($C1390/24,0)+1,1))-1)+IF('Standard Profiles'!$G$18=$B$10,7,0)+IF('Standard Profiles'!$G$18=$B$17,14,0)+IF('Standard Profiles'!$G$18=$B$24,21,0),MOD($C1390,24)+1)/SUM(INDEX($D$3:$AA$30,INDEX(Jesper!$R$2:$R$366,ROW(INDEX(Jesper!AH$2:AH$366,ROUNDDOWN($C1390/24,0)+1,1))-1)+IF('Standard Profiles'!$G$18=$B$10,7,0)+IF('Standard Profiles'!$G$18=$B$17,14,0)+IF('Standard Profiles'!$G$18=$B$24,21,0),0)),0)</f>
        <v>0</v>
      </c>
      <c r="E1390" cm="1">
        <f t="array" ref="E1390">IFERROR(INDEX(Jesper!AI$2:AI$366,ROUNDDOWN($C1390/24,0)+1,1)*INDEX($D$3:$AA$30,INDEX(Jesper!$R$2:$R$366,ROW(INDEX(Jesper!AI$2:AI$366,ROUNDDOWN($C1390/24,0)+1,1))-1)+IF('Standard Profiles'!$G$19=$B$10,7,0)+IF('Standard Profiles'!$G$19=$B$17,14,0)+IF('Standard Profiles'!$G$19=$B$24,21,0),MOD($C1390,24)+1)/SUM(INDEX($D$3:$AA$30,INDEX(Jesper!$R$2:$R$366,ROW(INDEX(Jesper!AI$2:AI$366,ROUNDDOWN($C1390/24,0)+1,1))-1)+IF('Standard Profiles'!$G$19=$B$10,7,0)+IF('Standard Profiles'!$G$19=$B$17,14,0)+IF('Standard Profiles'!$G$19=$B$24,21,0),0)),0)</f>
        <v>5.5191228974664126</v>
      </c>
      <c r="F1390" cm="1">
        <f t="array" ref="F1390">IFERROR(INDEX(Jesper!AJ$2:AJ$366,ROUNDDOWN($C1390/24,0)+1,1)*INDEX($D$3:$AA$30,INDEX(Jesper!$R$2:$R$366,ROW(INDEX(Jesper!AJ$2:AJ$366,ROUNDDOWN($C1390/24,0)+1,1))-1)+IF('Standard Profiles'!$G$20=$B$10,7,0)+IF('Standard Profiles'!$G$20=$B$17,14,0)+IF('Standard Profiles'!$G$20=$B$24,21,0),MOD($C1390,24)+1)/SUM(INDEX($D$3:$AA$30,INDEX(Jesper!$R$2:$R$366,ROW(INDEX(Jesper!AJ$2:AJ$366,ROUNDDOWN($C1390/24,0)+1,1))-1)+IF('Standard Profiles'!$G$20=$B$10,7,0)+IF('Standard Profiles'!$G$20=$B$17,14,0)+IF('Standard Profiles'!$G$20=$B$24,21,0),0)),0)</f>
        <v>4.8557507415936092</v>
      </c>
      <c r="G1390" cm="1">
        <f t="array" ref="G1390">IFERROR(INDEX(Jesper!AK$2:AK$366,ROUNDDOWN($C1390/24,0)+1,1)*INDEX($D$3:$AA$30,INDEX(Jesper!$R$2:$R$366,ROW(INDEX(Jesper!AK$2:AK$366,ROUNDDOWN($C1390/24,0)+1,1))-1)+IF('Standard Profiles'!$G$21=$B$10,7,0)+IF('Standard Profiles'!$G$21=$B$17,14,0)+IF('Standard Profiles'!$G$21=$B$24,21,0),MOD($C1390,24)+1)/SUM(INDEX($D$3:$AA$30,INDEX(Jesper!$R$2:$R$366,ROW(INDEX(Jesper!AK$2:AK$366,ROUNDDOWN($C1390/24,0)+1,1))-1)+IF('Standard Profiles'!$G$21=$B$10,7,0)+IF('Standard Profiles'!$G$21=$B$17,14,0)+IF('Standard Profiles'!$G$21=$B$24,21,0),0)),0)</f>
        <v>8.2724742717206023</v>
      </c>
      <c r="H1390" cm="1">
        <f t="array" ref="H1390">IFERROR(INDEX(Jesper!AL$2:AL$366,ROUNDDOWN($C1390/24,0)+1,1)*INDEX($D$3:$AA$30,INDEX(Jesper!$R$2:$R$366,ROW(INDEX(Jesper!AL$2:AL$366,ROUNDDOWN($C1390/24,0)+1,1))-1)+IF('Standard Profiles'!$G$22=$B$10,7,0)+IF('Standard Profiles'!$G$22=$B$17,14,0)+IF('Standard Profiles'!$G$22=$B$24,21,0),MOD($C1390,24)+1)/SUM(INDEX($D$3:$AA$30,INDEX(Jesper!$R$2:$R$366,ROW(INDEX(Jesper!AL$2:AL$366,ROUNDDOWN($C1390/24,0)+1,1))-1)+IF('Standard Profiles'!$G$22=$B$10,7,0)+IF('Standard Profiles'!$G$22=$B$17,14,0)+IF('Standard Profiles'!$G$22=$B$24,21,0),0)),0)</f>
        <v>8.0986494259098745</v>
      </c>
      <c r="I1390">
        <f t="shared" si="167"/>
        <v>7.7747034488734839</v>
      </c>
      <c r="J1390">
        <f t="shared" si="168"/>
        <v>18.308999140121049</v>
      </c>
      <c r="K1390">
        <f t="shared" si="169"/>
        <v>0.44152983179731303</v>
      </c>
      <c r="L1390">
        <f t="shared" si="170"/>
        <v>0.22076491589865652</v>
      </c>
      <c r="M1390">
        <f t="shared" si="171"/>
        <v>0</v>
      </c>
      <c r="N1390" s="45">
        <f t="shared" si="172"/>
        <v>44983.499999996711</v>
      </c>
    </row>
    <row r="1391" spans="2:14" x14ac:dyDescent="0.25">
      <c r="B1391">
        <f t="shared" si="166"/>
        <v>7</v>
      </c>
      <c r="C1391" s="16">
        <v>1357</v>
      </c>
      <c r="D1391" cm="1">
        <f t="array" ref="D1391">IFERROR(INDEX(Jesper!AH$2:AH$366,ROUNDDOWN($C1391/24,0)+1,1)*INDEX($D$3:$AA$30,INDEX(Jesper!$R$2:$R$366,ROW(INDEX(Jesper!AH$2:AH$366,ROUNDDOWN($C1391/24,0)+1,1))-1)+IF('Standard Profiles'!$G$18=$B$10,7,0)+IF('Standard Profiles'!$G$18=$B$17,14,0)+IF('Standard Profiles'!$G$18=$B$24,21,0),MOD($C1391,24)+1)/SUM(INDEX($D$3:$AA$30,INDEX(Jesper!$R$2:$R$366,ROW(INDEX(Jesper!AH$2:AH$366,ROUNDDOWN($C1391/24,0)+1,1))-1)+IF('Standard Profiles'!$G$18=$B$10,7,0)+IF('Standard Profiles'!$G$18=$B$17,14,0)+IF('Standard Profiles'!$G$18=$B$24,21,0),0)),0)</f>
        <v>0</v>
      </c>
      <c r="E1391" cm="1">
        <f t="array" ref="E1391">IFERROR(INDEX(Jesper!AI$2:AI$366,ROUNDDOWN($C1391/24,0)+1,1)*INDEX($D$3:$AA$30,INDEX(Jesper!$R$2:$R$366,ROW(INDEX(Jesper!AI$2:AI$366,ROUNDDOWN($C1391/24,0)+1,1))-1)+IF('Standard Profiles'!$G$19=$B$10,7,0)+IF('Standard Profiles'!$G$19=$B$17,14,0)+IF('Standard Profiles'!$G$19=$B$24,21,0),MOD($C1391,24)+1)/SUM(INDEX($D$3:$AA$30,INDEX(Jesper!$R$2:$R$366,ROW(INDEX(Jesper!AI$2:AI$366,ROUNDDOWN($C1391/24,0)+1,1))-1)+IF('Standard Profiles'!$G$19=$B$10,7,0)+IF('Standard Profiles'!$G$19=$B$17,14,0)+IF('Standard Profiles'!$G$19=$B$24,21,0),0)),0)</f>
        <v>5.5191228974664126</v>
      </c>
      <c r="F1391" cm="1">
        <f t="array" ref="F1391">IFERROR(INDEX(Jesper!AJ$2:AJ$366,ROUNDDOWN($C1391/24,0)+1,1)*INDEX($D$3:$AA$30,INDEX(Jesper!$R$2:$R$366,ROW(INDEX(Jesper!AJ$2:AJ$366,ROUNDDOWN($C1391/24,0)+1,1))-1)+IF('Standard Profiles'!$G$20=$B$10,7,0)+IF('Standard Profiles'!$G$20=$B$17,14,0)+IF('Standard Profiles'!$G$20=$B$24,21,0),MOD($C1391,24)+1)/SUM(INDEX($D$3:$AA$30,INDEX(Jesper!$R$2:$R$366,ROW(INDEX(Jesper!AJ$2:AJ$366,ROUNDDOWN($C1391/24,0)+1,1))-1)+IF('Standard Profiles'!$G$20=$B$10,7,0)+IF('Standard Profiles'!$G$20=$B$17,14,0)+IF('Standard Profiles'!$G$20=$B$24,21,0),0)),0)</f>
        <v>4.8557507415936092</v>
      </c>
      <c r="G1391" cm="1">
        <f t="array" ref="G1391">IFERROR(INDEX(Jesper!AK$2:AK$366,ROUNDDOWN($C1391/24,0)+1,1)*INDEX($D$3:$AA$30,INDEX(Jesper!$R$2:$R$366,ROW(INDEX(Jesper!AK$2:AK$366,ROUNDDOWN($C1391/24,0)+1,1))-1)+IF('Standard Profiles'!$G$21=$B$10,7,0)+IF('Standard Profiles'!$G$21=$B$17,14,0)+IF('Standard Profiles'!$G$21=$B$24,21,0),MOD($C1391,24)+1)/SUM(INDEX($D$3:$AA$30,INDEX(Jesper!$R$2:$R$366,ROW(INDEX(Jesper!AK$2:AK$366,ROUNDDOWN($C1391/24,0)+1,1))-1)+IF('Standard Profiles'!$G$21=$B$10,7,0)+IF('Standard Profiles'!$G$21=$B$17,14,0)+IF('Standard Profiles'!$G$21=$B$24,21,0),0)),0)</f>
        <v>8.2724742717206023</v>
      </c>
      <c r="H1391" cm="1">
        <f t="array" ref="H1391">IFERROR(INDEX(Jesper!AL$2:AL$366,ROUNDDOWN($C1391/24,0)+1,1)*INDEX($D$3:$AA$30,INDEX(Jesper!$R$2:$R$366,ROW(INDEX(Jesper!AL$2:AL$366,ROUNDDOWN($C1391/24,0)+1,1))-1)+IF('Standard Profiles'!$G$22=$B$10,7,0)+IF('Standard Profiles'!$G$22=$B$17,14,0)+IF('Standard Profiles'!$G$22=$B$24,21,0),MOD($C1391,24)+1)/SUM(INDEX($D$3:$AA$30,INDEX(Jesper!$R$2:$R$366,ROW(INDEX(Jesper!AL$2:AL$366,ROUNDDOWN($C1391/24,0)+1,1))-1)+IF('Standard Profiles'!$G$22=$B$10,7,0)+IF('Standard Profiles'!$G$22=$B$17,14,0)+IF('Standard Profiles'!$G$22=$B$24,21,0),0)),0)</f>
        <v>8.0986494259098745</v>
      </c>
      <c r="I1391">
        <f t="shared" si="167"/>
        <v>7.7747034488734839</v>
      </c>
      <c r="J1391">
        <f t="shared" si="168"/>
        <v>18.308999140121049</v>
      </c>
      <c r="K1391">
        <f t="shared" si="169"/>
        <v>0.44152983179731303</v>
      </c>
      <c r="L1391">
        <f t="shared" si="170"/>
        <v>0.22076491589865652</v>
      </c>
      <c r="M1391">
        <f t="shared" si="171"/>
        <v>0</v>
      </c>
      <c r="N1391" s="45">
        <f t="shared" si="172"/>
        <v>44983.541666663376</v>
      </c>
    </row>
    <row r="1392" spans="2:14" x14ac:dyDescent="0.25">
      <c r="B1392">
        <f t="shared" si="166"/>
        <v>7</v>
      </c>
      <c r="C1392" s="16">
        <v>1358</v>
      </c>
      <c r="D1392" cm="1">
        <f t="array" ref="D1392">IFERROR(INDEX(Jesper!AH$2:AH$366,ROUNDDOWN($C1392/24,0)+1,1)*INDEX($D$3:$AA$30,INDEX(Jesper!$R$2:$R$366,ROW(INDEX(Jesper!AH$2:AH$366,ROUNDDOWN($C1392/24,0)+1,1))-1)+IF('Standard Profiles'!$G$18=$B$10,7,0)+IF('Standard Profiles'!$G$18=$B$17,14,0)+IF('Standard Profiles'!$G$18=$B$24,21,0),MOD($C1392,24)+1)/SUM(INDEX($D$3:$AA$30,INDEX(Jesper!$R$2:$R$366,ROW(INDEX(Jesper!AH$2:AH$366,ROUNDDOWN($C1392/24,0)+1,1))-1)+IF('Standard Profiles'!$G$18=$B$10,7,0)+IF('Standard Profiles'!$G$18=$B$17,14,0)+IF('Standard Profiles'!$G$18=$B$24,21,0),0)),0)</f>
        <v>0</v>
      </c>
      <c r="E1392" cm="1">
        <f t="array" ref="E1392">IFERROR(INDEX(Jesper!AI$2:AI$366,ROUNDDOWN($C1392/24,0)+1,1)*INDEX($D$3:$AA$30,INDEX(Jesper!$R$2:$R$366,ROW(INDEX(Jesper!AI$2:AI$366,ROUNDDOWN($C1392/24,0)+1,1))-1)+IF('Standard Profiles'!$G$19=$B$10,7,0)+IF('Standard Profiles'!$G$19=$B$17,14,0)+IF('Standard Profiles'!$G$19=$B$24,21,0),MOD($C1392,24)+1)/SUM(INDEX($D$3:$AA$30,INDEX(Jesper!$R$2:$R$366,ROW(INDEX(Jesper!AI$2:AI$366,ROUNDDOWN($C1392/24,0)+1,1))-1)+IF('Standard Profiles'!$G$19=$B$10,7,0)+IF('Standard Profiles'!$G$19=$B$17,14,0)+IF('Standard Profiles'!$G$19=$B$24,21,0),0)),0)</f>
        <v>5.5191228974664126</v>
      </c>
      <c r="F1392" cm="1">
        <f t="array" ref="F1392">IFERROR(INDEX(Jesper!AJ$2:AJ$366,ROUNDDOWN($C1392/24,0)+1,1)*INDEX($D$3:$AA$30,INDEX(Jesper!$R$2:$R$366,ROW(INDEX(Jesper!AJ$2:AJ$366,ROUNDDOWN($C1392/24,0)+1,1))-1)+IF('Standard Profiles'!$G$20=$B$10,7,0)+IF('Standard Profiles'!$G$20=$B$17,14,0)+IF('Standard Profiles'!$G$20=$B$24,21,0),MOD($C1392,24)+1)/SUM(INDEX($D$3:$AA$30,INDEX(Jesper!$R$2:$R$366,ROW(INDEX(Jesper!AJ$2:AJ$366,ROUNDDOWN($C1392/24,0)+1,1))-1)+IF('Standard Profiles'!$G$20=$B$10,7,0)+IF('Standard Profiles'!$G$20=$B$17,14,0)+IF('Standard Profiles'!$G$20=$B$24,21,0),0)),0)</f>
        <v>4.8557507415936092</v>
      </c>
      <c r="G1392" cm="1">
        <f t="array" ref="G1392">IFERROR(INDEX(Jesper!AK$2:AK$366,ROUNDDOWN($C1392/24,0)+1,1)*INDEX($D$3:$AA$30,INDEX(Jesper!$R$2:$R$366,ROW(INDEX(Jesper!AK$2:AK$366,ROUNDDOWN($C1392/24,0)+1,1))-1)+IF('Standard Profiles'!$G$21=$B$10,7,0)+IF('Standard Profiles'!$G$21=$B$17,14,0)+IF('Standard Profiles'!$G$21=$B$24,21,0),MOD($C1392,24)+1)/SUM(INDEX($D$3:$AA$30,INDEX(Jesper!$R$2:$R$366,ROW(INDEX(Jesper!AK$2:AK$366,ROUNDDOWN($C1392/24,0)+1,1))-1)+IF('Standard Profiles'!$G$21=$B$10,7,0)+IF('Standard Profiles'!$G$21=$B$17,14,0)+IF('Standard Profiles'!$G$21=$B$24,21,0),0)),0)</f>
        <v>8.2724742717206023</v>
      </c>
      <c r="H1392" cm="1">
        <f t="array" ref="H1392">IFERROR(INDEX(Jesper!AL$2:AL$366,ROUNDDOWN($C1392/24,0)+1,1)*INDEX($D$3:$AA$30,INDEX(Jesper!$R$2:$R$366,ROW(INDEX(Jesper!AL$2:AL$366,ROUNDDOWN($C1392/24,0)+1,1))-1)+IF('Standard Profiles'!$G$22=$B$10,7,0)+IF('Standard Profiles'!$G$22=$B$17,14,0)+IF('Standard Profiles'!$G$22=$B$24,21,0),MOD($C1392,24)+1)/SUM(INDEX($D$3:$AA$30,INDEX(Jesper!$R$2:$R$366,ROW(INDEX(Jesper!AL$2:AL$366,ROUNDDOWN($C1392/24,0)+1,1))-1)+IF('Standard Profiles'!$G$22=$B$10,7,0)+IF('Standard Profiles'!$G$22=$B$17,14,0)+IF('Standard Profiles'!$G$22=$B$24,21,0),0)),0)</f>
        <v>8.0986494259098745</v>
      </c>
      <c r="I1392">
        <f t="shared" si="167"/>
        <v>7.7747034488734839</v>
      </c>
      <c r="J1392">
        <f t="shared" si="168"/>
        <v>18.308999140121049</v>
      </c>
      <c r="K1392">
        <f t="shared" si="169"/>
        <v>0.44152983179731303</v>
      </c>
      <c r="L1392">
        <f t="shared" si="170"/>
        <v>0.22076491589865652</v>
      </c>
      <c r="M1392">
        <f t="shared" si="171"/>
        <v>0</v>
      </c>
      <c r="N1392" s="45">
        <f t="shared" si="172"/>
        <v>44983.58333333004</v>
      </c>
    </row>
    <row r="1393" spans="2:14" x14ac:dyDescent="0.25">
      <c r="B1393">
        <f t="shared" si="166"/>
        <v>7</v>
      </c>
      <c r="C1393" s="16">
        <v>1359</v>
      </c>
      <c r="D1393" cm="1">
        <f t="array" ref="D1393">IFERROR(INDEX(Jesper!AH$2:AH$366,ROUNDDOWN($C1393/24,0)+1,1)*INDEX($D$3:$AA$30,INDEX(Jesper!$R$2:$R$366,ROW(INDEX(Jesper!AH$2:AH$366,ROUNDDOWN($C1393/24,0)+1,1))-1)+IF('Standard Profiles'!$G$18=$B$10,7,0)+IF('Standard Profiles'!$G$18=$B$17,14,0)+IF('Standard Profiles'!$G$18=$B$24,21,0),MOD($C1393,24)+1)/SUM(INDEX($D$3:$AA$30,INDEX(Jesper!$R$2:$R$366,ROW(INDEX(Jesper!AH$2:AH$366,ROUNDDOWN($C1393/24,0)+1,1))-1)+IF('Standard Profiles'!$G$18=$B$10,7,0)+IF('Standard Profiles'!$G$18=$B$17,14,0)+IF('Standard Profiles'!$G$18=$B$24,21,0),0)),0)</f>
        <v>0</v>
      </c>
      <c r="E1393" cm="1">
        <f t="array" ref="E1393">IFERROR(INDEX(Jesper!AI$2:AI$366,ROUNDDOWN($C1393/24,0)+1,1)*INDEX($D$3:$AA$30,INDEX(Jesper!$R$2:$R$366,ROW(INDEX(Jesper!AI$2:AI$366,ROUNDDOWN($C1393/24,0)+1,1))-1)+IF('Standard Profiles'!$G$19=$B$10,7,0)+IF('Standard Profiles'!$G$19=$B$17,14,0)+IF('Standard Profiles'!$G$19=$B$24,21,0),MOD($C1393,24)+1)/SUM(INDEX($D$3:$AA$30,INDEX(Jesper!$R$2:$R$366,ROW(INDEX(Jesper!AI$2:AI$366,ROUNDDOWN($C1393/24,0)+1,1))-1)+IF('Standard Profiles'!$G$19=$B$10,7,0)+IF('Standard Profiles'!$G$19=$B$17,14,0)+IF('Standard Profiles'!$G$19=$B$24,21,0),0)),0)</f>
        <v>5.5191228974664126</v>
      </c>
      <c r="F1393" cm="1">
        <f t="array" ref="F1393">IFERROR(INDEX(Jesper!AJ$2:AJ$366,ROUNDDOWN($C1393/24,0)+1,1)*INDEX($D$3:$AA$30,INDEX(Jesper!$R$2:$R$366,ROW(INDEX(Jesper!AJ$2:AJ$366,ROUNDDOWN($C1393/24,0)+1,1))-1)+IF('Standard Profiles'!$G$20=$B$10,7,0)+IF('Standard Profiles'!$G$20=$B$17,14,0)+IF('Standard Profiles'!$G$20=$B$24,21,0),MOD($C1393,24)+1)/SUM(INDEX($D$3:$AA$30,INDEX(Jesper!$R$2:$R$366,ROW(INDEX(Jesper!AJ$2:AJ$366,ROUNDDOWN($C1393/24,0)+1,1))-1)+IF('Standard Profiles'!$G$20=$B$10,7,0)+IF('Standard Profiles'!$G$20=$B$17,14,0)+IF('Standard Profiles'!$G$20=$B$24,21,0),0)),0)</f>
        <v>4.8557507415936092</v>
      </c>
      <c r="G1393" cm="1">
        <f t="array" ref="G1393">IFERROR(INDEX(Jesper!AK$2:AK$366,ROUNDDOWN($C1393/24,0)+1,1)*INDEX($D$3:$AA$30,INDEX(Jesper!$R$2:$R$366,ROW(INDEX(Jesper!AK$2:AK$366,ROUNDDOWN($C1393/24,0)+1,1))-1)+IF('Standard Profiles'!$G$21=$B$10,7,0)+IF('Standard Profiles'!$G$21=$B$17,14,0)+IF('Standard Profiles'!$G$21=$B$24,21,0),MOD($C1393,24)+1)/SUM(INDEX($D$3:$AA$30,INDEX(Jesper!$R$2:$R$366,ROW(INDEX(Jesper!AK$2:AK$366,ROUNDDOWN($C1393/24,0)+1,1))-1)+IF('Standard Profiles'!$G$21=$B$10,7,0)+IF('Standard Profiles'!$G$21=$B$17,14,0)+IF('Standard Profiles'!$G$21=$B$24,21,0),0)),0)</f>
        <v>8.2724742717206023</v>
      </c>
      <c r="H1393" cm="1">
        <f t="array" ref="H1393">IFERROR(INDEX(Jesper!AL$2:AL$366,ROUNDDOWN($C1393/24,0)+1,1)*INDEX($D$3:$AA$30,INDEX(Jesper!$R$2:$R$366,ROW(INDEX(Jesper!AL$2:AL$366,ROUNDDOWN($C1393/24,0)+1,1))-1)+IF('Standard Profiles'!$G$22=$B$10,7,0)+IF('Standard Profiles'!$G$22=$B$17,14,0)+IF('Standard Profiles'!$G$22=$B$24,21,0),MOD($C1393,24)+1)/SUM(INDEX($D$3:$AA$30,INDEX(Jesper!$R$2:$R$366,ROW(INDEX(Jesper!AL$2:AL$366,ROUNDDOWN($C1393/24,0)+1,1))-1)+IF('Standard Profiles'!$G$22=$B$10,7,0)+IF('Standard Profiles'!$G$22=$B$17,14,0)+IF('Standard Profiles'!$G$22=$B$24,21,0),0)),0)</f>
        <v>7.1987994896976657</v>
      </c>
      <c r="I1393">
        <f t="shared" si="167"/>
        <v>6.9108475101097628</v>
      </c>
      <c r="J1393">
        <f t="shared" si="168"/>
        <v>18.273005142672559</v>
      </c>
      <c r="K1393">
        <f t="shared" si="169"/>
        <v>0.44152983179731303</v>
      </c>
      <c r="L1393">
        <f t="shared" si="170"/>
        <v>0.22076491589865652</v>
      </c>
      <c r="M1393">
        <f t="shared" si="171"/>
        <v>0</v>
      </c>
      <c r="N1393" s="45">
        <f t="shared" si="172"/>
        <v>44983.624999996704</v>
      </c>
    </row>
    <row r="1394" spans="2:14" x14ac:dyDescent="0.25">
      <c r="B1394">
        <f t="shared" si="166"/>
        <v>7</v>
      </c>
      <c r="C1394" s="16">
        <v>1360</v>
      </c>
      <c r="D1394" cm="1">
        <f t="array" ref="D1394">IFERROR(INDEX(Jesper!AH$2:AH$366,ROUNDDOWN($C1394/24,0)+1,1)*INDEX($D$3:$AA$30,INDEX(Jesper!$R$2:$R$366,ROW(INDEX(Jesper!AH$2:AH$366,ROUNDDOWN($C1394/24,0)+1,1))-1)+IF('Standard Profiles'!$G$18=$B$10,7,0)+IF('Standard Profiles'!$G$18=$B$17,14,0)+IF('Standard Profiles'!$G$18=$B$24,21,0),MOD($C1394,24)+1)/SUM(INDEX($D$3:$AA$30,INDEX(Jesper!$R$2:$R$366,ROW(INDEX(Jesper!AH$2:AH$366,ROUNDDOWN($C1394/24,0)+1,1))-1)+IF('Standard Profiles'!$G$18=$B$10,7,0)+IF('Standard Profiles'!$G$18=$B$17,14,0)+IF('Standard Profiles'!$G$18=$B$24,21,0),0)),0)</f>
        <v>0</v>
      </c>
      <c r="E1394" cm="1">
        <f t="array" ref="E1394">IFERROR(INDEX(Jesper!AI$2:AI$366,ROUNDDOWN($C1394/24,0)+1,1)*INDEX($D$3:$AA$30,INDEX(Jesper!$R$2:$R$366,ROW(INDEX(Jesper!AI$2:AI$366,ROUNDDOWN($C1394/24,0)+1,1))-1)+IF('Standard Profiles'!$G$19=$B$10,7,0)+IF('Standard Profiles'!$G$19=$B$17,14,0)+IF('Standard Profiles'!$G$19=$B$24,21,0),MOD($C1394,24)+1)/SUM(INDEX($D$3:$AA$30,INDEX(Jesper!$R$2:$R$366,ROW(INDEX(Jesper!AI$2:AI$366,ROUNDDOWN($C1394/24,0)+1,1))-1)+IF('Standard Profiles'!$G$19=$B$10,7,0)+IF('Standard Profiles'!$G$19=$B$17,14,0)+IF('Standard Profiles'!$G$19=$B$24,21,0),0)),0)</f>
        <v>5.5191228974664126</v>
      </c>
      <c r="F1394" cm="1">
        <f t="array" ref="F1394">IFERROR(INDEX(Jesper!AJ$2:AJ$366,ROUNDDOWN($C1394/24,0)+1,1)*INDEX($D$3:$AA$30,INDEX(Jesper!$R$2:$R$366,ROW(INDEX(Jesper!AJ$2:AJ$366,ROUNDDOWN($C1394/24,0)+1,1))-1)+IF('Standard Profiles'!$G$20=$B$10,7,0)+IF('Standard Profiles'!$G$20=$B$17,14,0)+IF('Standard Profiles'!$G$20=$B$24,21,0),MOD($C1394,24)+1)/SUM(INDEX($D$3:$AA$30,INDEX(Jesper!$R$2:$R$366,ROW(INDEX(Jesper!AJ$2:AJ$366,ROUNDDOWN($C1394/24,0)+1,1))-1)+IF('Standard Profiles'!$G$20=$B$10,7,0)+IF('Standard Profiles'!$G$20=$B$17,14,0)+IF('Standard Profiles'!$G$20=$B$24,21,0),0)),0)</f>
        <v>4.8557507415936092</v>
      </c>
      <c r="G1394" cm="1">
        <f t="array" ref="G1394">IFERROR(INDEX(Jesper!AK$2:AK$366,ROUNDDOWN($C1394/24,0)+1,1)*INDEX($D$3:$AA$30,INDEX(Jesper!$R$2:$R$366,ROW(INDEX(Jesper!AK$2:AK$366,ROUNDDOWN($C1394/24,0)+1,1))-1)+IF('Standard Profiles'!$G$21=$B$10,7,0)+IF('Standard Profiles'!$G$21=$B$17,14,0)+IF('Standard Profiles'!$G$21=$B$24,21,0),MOD($C1394,24)+1)/SUM(INDEX($D$3:$AA$30,INDEX(Jesper!$R$2:$R$366,ROW(INDEX(Jesper!AK$2:AK$366,ROUNDDOWN($C1394/24,0)+1,1))-1)+IF('Standard Profiles'!$G$21=$B$10,7,0)+IF('Standard Profiles'!$G$21=$B$17,14,0)+IF('Standard Profiles'!$G$21=$B$24,21,0),0)),0)</f>
        <v>8.2724742717206023</v>
      </c>
      <c r="H1394" cm="1">
        <f t="array" ref="H1394">IFERROR(INDEX(Jesper!AL$2:AL$366,ROUNDDOWN($C1394/24,0)+1,1)*INDEX($D$3:$AA$30,INDEX(Jesper!$R$2:$R$366,ROW(INDEX(Jesper!AL$2:AL$366,ROUNDDOWN($C1394/24,0)+1,1))-1)+IF('Standard Profiles'!$G$22=$B$10,7,0)+IF('Standard Profiles'!$G$22=$B$17,14,0)+IF('Standard Profiles'!$G$22=$B$24,21,0),MOD($C1394,24)+1)/SUM(INDEX($D$3:$AA$30,INDEX(Jesper!$R$2:$R$366,ROW(INDEX(Jesper!AL$2:AL$366,ROUNDDOWN($C1394/24,0)+1,1))-1)+IF('Standard Profiles'!$G$22=$B$10,7,0)+IF('Standard Profiles'!$G$22=$B$17,14,0)+IF('Standard Profiles'!$G$22=$B$24,21,0),0)),0)</f>
        <v>7.0702494988102069</v>
      </c>
      <c r="I1394">
        <f t="shared" si="167"/>
        <v>6.7874395188578021</v>
      </c>
      <c r="J1394">
        <f t="shared" si="168"/>
        <v>18.267863143037061</v>
      </c>
      <c r="K1394">
        <f t="shared" si="169"/>
        <v>0.44152983179731303</v>
      </c>
      <c r="L1394">
        <f t="shared" si="170"/>
        <v>0.22076491589865652</v>
      </c>
      <c r="M1394">
        <f t="shared" si="171"/>
        <v>0</v>
      </c>
      <c r="N1394" s="45">
        <f t="shared" si="172"/>
        <v>44983.666666663368</v>
      </c>
    </row>
    <row r="1395" spans="2:14" x14ac:dyDescent="0.25">
      <c r="B1395">
        <f t="shared" si="166"/>
        <v>7</v>
      </c>
      <c r="C1395" s="16">
        <v>1361</v>
      </c>
      <c r="D1395" cm="1">
        <f t="array" ref="D1395">IFERROR(INDEX(Jesper!AH$2:AH$366,ROUNDDOWN($C1395/24,0)+1,1)*INDEX($D$3:$AA$30,INDEX(Jesper!$R$2:$R$366,ROW(INDEX(Jesper!AH$2:AH$366,ROUNDDOWN($C1395/24,0)+1,1))-1)+IF('Standard Profiles'!$G$18=$B$10,7,0)+IF('Standard Profiles'!$G$18=$B$17,14,0)+IF('Standard Profiles'!$G$18=$B$24,21,0),MOD($C1395,24)+1)/SUM(INDEX($D$3:$AA$30,INDEX(Jesper!$R$2:$R$366,ROW(INDEX(Jesper!AH$2:AH$366,ROUNDDOWN($C1395/24,0)+1,1))-1)+IF('Standard Profiles'!$G$18=$B$10,7,0)+IF('Standard Profiles'!$G$18=$B$17,14,0)+IF('Standard Profiles'!$G$18=$B$24,21,0),0)),0)</f>
        <v>0</v>
      </c>
      <c r="E1395" cm="1">
        <f t="array" ref="E1395">IFERROR(INDEX(Jesper!AI$2:AI$366,ROUNDDOWN($C1395/24,0)+1,1)*INDEX($D$3:$AA$30,INDEX(Jesper!$R$2:$R$366,ROW(INDEX(Jesper!AI$2:AI$366,ROUNDDOWN($C1395/24,0)+1,1))-1)+IF('Standard Profiles'!$G$19=$B$10,7,0)+IF('Standard Profiles'!$G$19=$B$17,14,0)+IF('Standard Profiles'!$G$19=$B$24,21,0),MOD($C1395,24)+1)/SUM(INDEX($D$3:$AA$30,INDEX(Jesper!$R$2:$R$366,ROW(INDEX(Jesper!AI$2:AI$366,ROUNDDOWN($C1395/24,0)+1,1))-1)+IF('Standard Profiles'!$G$19=$B$10,7,0)+IF('Standard Profiles'!$G$19=$B$17,14,0)+IF('Standard Profiles'!$G$19=$B$24,21,0),0)),0)</f>
        <v>5.5191228974664126</v>
      </c>
      <c r="F1395" cm="1">
        <f t="array" ref="F1395">IFERROR(INDEX(Jesper!AJ$2:AJ$366,ROUNDDOWN($C1395/24,0)+1,1)*INDEX($D$3:$AA$30,INDEX(Jesper!$R$2:$R$366,ROW(INDEX(Jesper!AJ$2:AJ$366,ROUNDDOWN($C1395/24,0)+1,1))-1)+IF('Standard Profiles'!$G$20=$B$10,7,0)+IF('Standard Profiles'!$G$20=$B$17,14,0)+IF('Standard Profiles'!$G$20=$B$24,21,0),MOD($C1395,24)+1)/SUM(INDEX($D$3:$AA$30,INDEX(Jesper!$R$2:$R$366,ROW(INDEX(Jesper!AJ$2:AJ$366,ROUNDDOWN($C1395/24,0)+1,1))-1)+IF('Standard Profiles'!$G$20=$B$10,7,0)+IF('Standard Profiles'!$G$20=$B$17,14,0)+IF('Standard Profiles'!$G$20=$B$24,21,0),0)),0)</f>
        <v>4.8557507415936092</v>
      </c>
      <c r="G1395" cm="1">
        <f t="array" ref="G1395">IFERROR(INDEX(Jesper!AK$2:AK$366,ROUNDDOWN($C1395/24,0)+1,1)*INDEX($D$3:$AA$30,INDEX(Jesper!$R$2:$R$366,ROW(INDEX(Jesper!AK$2:AK$366,ROUNDDOWN($C1395/24,0)+1,1))-1)+IF('Standard Profiles'!$G$21=$B$10,7,0)+IF('Standard Profiles'!$G$21=$B$17,14,0)+IF('Standard Profiles'!$G$21=$B$24,21,0),MOD($C1395,24)+1)/SUM(INDEX($D$3:$AA$30,INDEX(Jesper!$R$2:$R$366,ROW(INDEX(Jesper!AK$2:AK$366,ROUNDDOWN($C1395/24,0)+1,1))-1)+IF('Standard Profiles'!$G$21=$B$10,7,0)+IF('Standard Profiles'!$G$21=$B$17,14,0)+IF('Standard Profiles'!$G$21=$B$24,21,0),0)),0)</f>
        <v>8.2724742717206023</v>
      </c>
      <c r="H1395" cm="1">
        <f t="array" ref="H1395">IFERROR(INDEX(Jesper!AL$2:AL$366,ROUNDDOWN($C1395/24,0)+1,1)*INDEX($D$3:$AA$30,INDEX(Jesper!$R$2:$R$366,ROW(INDEX(Jesper!AL$2:AL$366,ROUNDDOWN($C1395/24,0)+1,1))-1)+IF('Standard Profiles'!$G$22=$B$10,7,0)+IF('Standard Profiles'!$G$22=$B$17,14,0)+IF('Standard Profiles'!$G$22=$B$24,21,0),MOD($C1395,24)+1)/SUM(INDEX($D$3:$AA$30,INDEX(Jesper!$R$2:$R$366,ROW(INDEX(Jesper!AL$2:AL$366,ROUNDDOWN($C1395/24,0)+1,1))-1)+IF('Standard Profiles'!$G$22=$B$10,7,0)+IF('Standard Profiles'!$G$22=$B$17,14,0)+IF('Standard Profiles'!$G$22=$B$24,21,0),0)),0)</f>
        <v>6.0418495717105412</v>
      </c>
      <c r="I1395">
        <f t="shared" si="167"/>
        <v>5.8001755888421229</v>
      </c>
      <c r="J1395">
        <f t="shared" si="168"/>
        <v>18.226727145953074</v>
      </c>
      <c r="K1395">
        <f t="shared" si="169"/>
        <v>0.44152983179731303</v>
      </c>
      <c r="L1395">
        <f t="shared" si="170"/>
        <v>0.22076491589865652</v>
      </c>
      <c r="M1395">
        <f t="shared" si="171"/>
        <v>0</v>
      </c>
      <c r="N1395" s="45">
        <f t="shared" si="172"/>
        <v>44983.708333330032</v>
      </c>
    </row>
    <row r="1396" spans="2:14" x14ac:dyDescent="0.25">
      <c r="B1396">
        <f t="shared" si="166"/>
        <v>7</v>
      </c>
      <c r="C1396" s="16">
        <v>1362</v>
      </c>
      <c r="D1396" cm="1">
        <f t="array" ref="D1396">IFERROR(INDEX(Jesper!AH$2:AH$366,ROUNDDOWN($C1396/24,0)+1,1)*INDEX($D$3:$AA$30,INDEX(Jesper!$R$2:$R$366,ROW(INDEX(Jesper!AH$2:AH$366,ROUNDDOWN($C1396/24,0)+1,1))-1)+IF('Standard Profiles'!$G$18=$B$10,7,0)+IF('Standard Profiles'!$G$18=$B$17,14,0)+IF('Standard Profiles'!$G$18=$B$24,21,0),MOD($C1396,24)+1)/SUM(INDEX($D$3:$AA$30,INDEX(Jesper!$R$2:$R$366,ROW(INDEX(Jesper!AH$2:AH$366,ROUNDDOWN($C1396/24,0)+1,1))-1)+IF('Standard Profiles'!$G$18=$B$10,7,0)+IF('Standard Profiles'!$G$18=$B$17,14,0)+IF('Standard Profiles'!$G$18=$B$24,21,0),0)),0)</f>
        <v>0</v>
      </c>
      <c r="E1396" cm="1">
        <f t="array" ref="E1396">IFERROR(INDEX(Jesper!AI$2:AI$366,ROUNDDOWN($C1396/24,0)+1,1)*INDEX($D$3:$AA$30,INDEX(Jesper!$R$2:$R$366,ROW(INDEX(Jesper!AI$2:AI$366,ROUNDDOWN($C1396/24,0)+1,1))-1)+IF('Standard Profiles'!$G$19=$B$10,7,0)+IF('Standard Profiles'!$G$19=$B$17,14,0)+IF('Standard Profiles'!$G$19=$B$24,21,0),MOD($C1396,24)+1)/SUM(INDEX($D$3:$AA$30,INDEX(Jesper!$R$2:$R$366,ROW(INDEX(Jesper!AI$2:AI$366,ROUNDDOWN($C1396/24,0)+1,1))-1)+IF('Standard Profiles'!$G$19=$B$10,7,0)+IF('Standard Profiles'!$G$19=$B$17,14,0)+IF('Standard Profiles'!$G$19=$B$24,21,0),0)),0)</f>
        <v>5.5191228974664126</v>
      </c>
      <c r="F1396" cm="1">
        <f t="array" ref="F1396">IFERROR(INDEX(Jesper!AJ$2:AJ$366,ROUNDDOWN($C1396/24,0)+1,1)*INDEX($D$3:$AA$30,INDEX(Jesper!$R$2:$R$366,ROW(INDEX(Jesper!AJ$2:AJ$366,ROUNDDOWN($C1396/24,0)+1,1))-1)+IF('Standard Profiles'!$G$20=$B$10,7,0)+IF('Standard Profiles'!$G$20=$B$17,14,0)+IF('Standard Profiles'!$G$20=$B$24,21,0),MOD($C1396,24)+1)/SUM(INDEX($D$3:$AA$30,INDEX(Jesper!$R$2:$R$366,ROW(INDEX(Jesper!AJ$2:AJ$366,ROUNDDOWN($C1396/24,0)+1,1))-1)+IF('Standard Profiles'!$G$20=$B$10,7,0)+IF('Standard Profiles'!$G$20=$B$17,14,0)+IF('Standard Profiles'!$G$20=$B$24,21,0),0)),0)</f>
        <v>4.8557507415936092</v>
      </c>
      <c r="G1396" cm="1">
        <f t="array" ref="G1396">IFERROR(INDEX(Jesper!AK$2:AK$366,ROUNDDOWN($C1396/24,0)+1,1)*INDEX($D$3:$AA$30,INDEX(Jesper!$R$2:$R$366,ROW(INDEX(Jesper!AK$2:AK$366,ROUNDDOWN($C1396/24,0)+1,1))-1)+IF('Standard Profiles'!$G$21=$B$10,7,0)+IF('Standard Profiles'!$G$21=$B$17,14,0)+IF('Standard Profiles'!$G$21=$B$24,21,0),MOD($C1396,24)+1)/SUM(INDEX($D$3:$AA$30,INDEX(Jesper!$R$2:$R$366,ROW(INDEX(Jesper!AK$2:AK$366,ROUNDDOWN($C1396/24,0)+1,1))-1)+IF('Standard Profiles'!$G$21=$B$10,7,0)+IF('Standard Profiles'!$G$21=$B$17,14,0)+IF('Standard Profiles'!$G$21=$B$24,21,0),0)),0)</f>
        <v>8.2724742717206023</v>
      </c>
      <c r="H1396" cm="1">
        <f t="array" ref="H1396">IFERROR(INDEX(Jesper!AL$2:AL$366,ROUNDDOWN($C1396/24,0)+1,1)*INDEX($D$3:$AA$30,INDEX(Jesper!$R$2:$R$366,ROW(INDEX(Jesper!AL$2:AL$366,ROUNDDOWN($C1396/24,0)+1,1))-1)+IF('Standard Profiles'!$G$22=$B$10,7,0)+IF('Standard Profiles'!$G$22=$B$17,14,0)+IF('Standard Profiles'!$G$22=$B$24,21,0),MOD($C1396,24)+1)/SUM(INDEX($D$3:$AA$30,INDEX(Jesper!$R$2:$R$366,ROW(INDEX(Jesper!AL$2:AL$366,ROUNDDOWN($C1396/24,0)+1,1))-1)+IF('Standard Profiles'!$G$22=$B$10,7,0)+IF('Standard Profiles'!$G$22=$B$17,14,0)+IF('Standard Profiles'!$G$22=$B$24,21,0),0)),0)</f>
        <v>5.6561995990481657</v>
      </c>
      <c r="I1396">
        <f t="shared" si="167"/>
        <v>5.4299516150862424</v>
      </c>
      <c r="J1396">
        <f t="shared" si="168"/>
        <v>18.21130114704658</v>
      </c>
      <c r="K1396">
        <f t="shared" si="169"/>
        <v>0.44152983179731303</v>
      </c>
      <c r="L1396">
        <f t="shared" si="170"/>
        <v>0.22076491589865652</v>
      </c>
      <c r="M1396">
        <f t="shared" si="171"/>
        <v>0</v>
      </c>
      <c r="N1396" s="45">
        <f t="shared" si="172"/>
        <v>44983.749999996697</v>
      </c>
    </row>
    <row r="1397" spans="2:14" x14ac:dyDescent="0.25">
      <c r="B1397">
        <f t="shared" si="166"/>
        <v>7</v>
      </c>
      <c r="C1397" s="16">
        <v>1363</v>
      </c>
      <c r="D1397" cm="1">
        <f t="array" ref="D1397">IFERROR(INDEX(Jesper!AH$2:AH$366,ROUNDDOWN($C1397/24,0)+1,1)*INDEX($D$3:$AA$30,INDEX(Jesper!$R$2:$R$366,ROW(INDEX(Jesper!AH$2:AH$366,ROUNDDOWN($C1397/24,0)+1,1))-1)+IF('Standard Profiles'!$G$18=$B$10,7,0)+IF('Standard Profiles'!$G$18=$B$17,14,0)+IF('Standard Profiles'!$G$18=$B$24,21,0),MOD($C1397,24)+1)/SUM(INDEX($D$3:$AA$30,INDEX(Jesper!$R$2:$R$366,ROW(INDEX(Jesper!AH$2:AH$366,ROUNDDOWN($C1397/24,0)+1,1))-1)+IF('Standard Profiles'!$G$18=$B$10,7,0)+IF('Standard Profiles'!$G$18=$B$17,14,0)+IF('Standard Profiles'!$G$18=$B$24,21,0),0)),0)</f>
        <v>0</v>
      </c>
      <c r="E1397" cm="1">
        <f t="array" ref="E1397">IFERROR(INDEX(Jesper!AI$2:AI$366,ROUNDDOWN($C1397/24,0)+1,1)*INDEX($D$3:$AA$30,INDEX(Jesper!$R$2:$R$366,ROW(INDEX(Jesper!AI$2:AI$366,ROUNDDOWN($C1397/24,0)+1,1))-1)+IF('Standard Profiles'!$G$19=$B$10,7,0)+IF('Standard Profiles'!$G$19=$B$17,14,0)+IF('Standard Profiles'!$G$19=$B$24,21,0),MOD($C1397,24)+1)/SUM(INDEX($D$3:$AA$30,INDEX(Jesper!$R$2:$R$366,ROW(INDEX(Jesper!AI$2:AI$366,ROUNDDOWN($C1397/24,0)+1,1))-1)+IF('Standard Profiles'!$G$19=$B$10,7,0)+IF('Standard Profiles'!$G$19=$B$17,14,0)+IF('Standard Profiles'!$G$19=$B$24,21,0),0)),0)</f>
        <v>5.5191228974664126</v>
      </c>
      <c r="F1397" cm="1">
        <f t="array" ref="F1397">IFERROR(INDEX(Jesper!AJ$2:AJ$366,ROUNDDOWN($C1397/24,0)+1,1)*INDEX($D$3:$AA$30,INDEX(Jesper!$R$2:$R$366,ROW(INDEX(Jesper!AJ$2:AJ$366,ROUNDDOWN($C1397/24,0)+1,1))-1)+IF('Standard Profiles'!$G$20=$B$10,7,0)+IF('Standard Profiles'!$G$20=$B$17,14,0)+IF('Standard Profiles'!$G$20=$B$24,21,0),MOD($C1397,24)+1)/SUM(INDEX($D$3:$AA$30,INDEX(Jesper!$R$2:$R$366,ROW(INDEX(Jesper!AJ$2:AJ$366,ROUNDDOWN($C1397/24,0)+1,1))-1)+IF('Standard Profiles'!$G$20=$B$10,7,0)+IF('Standard Profiles'!$G$20=$B$17,14,0)+IF('Standard Profiles'!$G$20=$B$24,21,0),0)),0)</f>
        <v>4.8557507415936092</v>
      </c>
      <c r="G1397" cm="1">
        <f t="array" ref="G1397">IFERROR(INDEX(Jesper!AK$2:AK$366,ROUNDDOWN($C1397/24,0)+1,1)*INDEX($D$3:$AA$30,INDEX(Jesper!$R$2:$R$366,ROW(INDEX(Jesper!AK$2:AK$366,ROUNDDOWN($C1397/24,0)+1,1))-1)+IF('Standard Profiles'!$G$21=$B$10,7,0)+IF('Standard Profiles'!$G$21=$B$17,14,0)+IF('Standard Profiles'!$G$21=$B$24,21,0),MOD($C1397,24)+1)/SUM(INDEX($D$3:$AA$30,INDEX(Jesper!$R$2:$R$366,ROW(INDEX(Jesper!AK$2:AK$366,ROUNDDOWN($C1397/24,0)+1,1))-1)+IF('Standard Profiles'!$G$21=$B$10,7,0)+IF('Standard Profiles'!$G$21=$B$17,14,0)+IF('Standard Profiles'!$G$21=$B$24,21,0),0)),0)</f>
        <v>8.2724742717206023</v>
      </c>
      <c r="H1397" cm="1">
        <f t="array" ref="H1397">IFERROR(INDEX(Jesper!AL$2:AL$366,ROUNDDOWN($C1397/24,0)+1,1)*INDEX($D$3:$AA$30,INDEX(Jesper!$R$2:$R$366,ROW(INDEX(Jesper!AL$2:AL$366,ROUNDDOWN($C1397/24,0)+1,1))-1)+IF('Standard Profiles'!$G$22=$B$10,7,0)+IF('Standard Profiles'!$G$22=$B$17,14,0)+IF('Standard Profiles'!$G$22=$B$24,21,0),MOD($C1397,24)+1)/SUM(INDEX($D$3:$AA$30,INDEX(Jesper!$R$2:$R$366,ROW(INDEX(Jesper!AL$2:AL$366,ROUNDDOWN($C1397/24,0)+1,1))-1)+IF('Standard Profiles'!$G$22=$B$10,7,0)+IF('Standard Profiles'!$G$22=$B$17,14,0)+IF('Standard Profiles'!$G$22=$B$24,21,0),0)),0)</f>
        <v>4.7563496628359578</v>
      </c>
      <c r="I1397">
        <f t="shared" si="167"/>
        <v>4.5660956763225222</v>
      </c>
      <c r="J1397">
        <f t="shared" si="168"/>
        <v>18.175307149598094</v>
      </c>
      <c r="K1397">
        <f t="shared" si="169"/>
        <v>0.44152983179731303</v>
      </c>
      <c r="L1397">
        <f t="shared" si="170"/>
        <v>0.22076491589865652</v>
      </c>
      <c r="M1397">
        <f t="shared" si="171"/>
        <v>0</v>
      </c>
      <c r="N1397" s="45">
        <f t="shared" si="172"/>
        <v>44983.791666663361</v>
      </c>
    </row>
    <row r="1398" spans="2:14" x14ac:dyDescent="0.25">
      <c r="B1398">
        <f t="shared" si="166"/>
        <v>7</v>
      </c>
      <c r="C1398" s="16">
        <v>1364</v>
      </c>
      <c r="D1398" cm="1">
        <f t="array" ref="D1398">IFERROR(INDEX(Jesper!AH$2:AH$366,ROUNDDOWN($C1398/24,0)+1,1)*INDEX($D$3:$AA$30,INDEX(Jesper!$R$2:$R$366,ROW(INDEX(Jesper!AH$2:AH$366,ROUNDDOWN($C1398/24,0)+1,1))-1)+IF('Standard Profiles'!$G$18=$B$10,7,0)+IF('Standard Profiles'!$G$18=$B$17,14,0)+IF('Standard Profiles'!$G$18=$B$24,21,0),MOD($C1398,24)+1)/SUM(INDEX($D$3:$AA$30,INDEX(Jesper!$R$2:$R$366,ROW(INDEX(Jesper!AH$2:AH$366,ROUNDDOWN($C1398/24,0)+1,1))-1)+IF('Standard Profiles'!$G$18=$B$10,7,0)+IF('Standard Profiles'!$G$18=$B$17,14,0)+IF('Standard Profiles'!$G$18=$B$24,21,0),0)),0)</f>
        <v>0</v>
      </c>
      <c r="E1398" cm="1">
        <f t="array" ref="E1398">IFERROR(INDEX(Jesper!AI$2:AI$366,ROUNDDOWN($C1398/24,0)+1,1)*INDEX($D$3:$AA$30,INDEX(Jesper!$R$2:$R$366,ROW(INDEX(Jesper!AI$2:AI$366,ROUNDDOWN($C1398/24,0)+1,1))-1)+IF('Standard Profiles'!$G$19=$B$10,7,0)+IF('Standard Profiles'!$G$19=$B$17,14,0)+IF('Standard Profiles'!$G$19=$B$24,21,0),MOD($C1398,24)+1)/SUM(INDEX($D$3:$AA$30,INDEX(Jesper!$R$2:$R$366,ROW(INDEX(Jesper!AI$2:AI$366,ROUNDDOWN($C1398/24,0)+1,1))-1)+IF('Standard Profiles'!$G$19=$B$10,7,0)+IF('Standard Profiles'!$G$19=$B$17,14,0)+IF('Standard Profiles'!$G$19=$B$24,21,0),0)),0)</f>
        <v>5.5191228974664126</v>
      </c>
      <c r="F1398" cm="1">
        <f t="array" ref="F1398">IFERROR(INDEX(Jesper!AJ$2:AJ$366,ROUNDDOWN($C1398/24,0)+1,1)*INDEX($D$3:$AA$30,INDEX(Jesper!$R$2:$R$366,ROW(INDEX(Jesper!AJ$2:AJ$366,ROUNDDOWN($C1398/24,0)+1,1))-1)+IF('Standard Profiles'!$G$20=$B$10,7,0)+IF('Standard Profiles'!$G$20=$B$17,14,0)+IF('Standard Profiles'!$G$20=$B$24,21,0),MOD($C1398,24)+1)/SUM(INDEX($D$3:$AA$30,INDEX(Jesper!$R$2:$R$366,ROW(INDEX(Jesper!AJ$2:AJ$366,ROUNDDOWN($C1398/24,0)+1,1))-1)+IF('Standard Profiles'!$G$20=$B$10,7,0)+IF('Standard Profiles'!$G$20=$B$17,14,0)+IF('Standard Profiles'!$G$20=$B$24,21,0),0)),0)</f>
        <v>4.8557507415936092</v>
      </c>
      <c r="G1398" cm="1">
        <f t="array" ref="G1398">IFERROR(INDEX(Jesper!AK$2:AK$366,ROUNDDOWN($C1398/24,0)+1,1)*INDEX($D$3:$AA$30,INDEX(Jesper!$R$2:$R$366,ROW(INDEX(Jesper!AK$2:AK$366,ROUNDDOWN($C1398/24,0)+1,1))-1)+IF('Standard Profiles'!$G$21=$B$10,7,0)+IF('Standard Profiles'!$G$21=$B$17,14,0)+IF('Standard Profiles'!$G$21=$B$24,21,0),MOD($C1398,24)+1)/SUM(INDEX($D$3:$AA$30,INDEX(Jesper!$R$2:$R$366,ROW(INDEX(Jesper!AK$2:AK$366,ROUNDDOWN($C1398/24,0)+1,1))-1)+IF('Standard Profiles'!$G$21=$B$10,7,0)+IF('Standard Profiles'!$G$21=$B$17,14,0)+IF('Standard Profiles'!$G$21=$B$24,21,0),0)),0)</f>
        <v>8.2724742717206023</v>
      </c>
      <c r="H1398" cm="1">
        <f t="array" ref="H1398">IFERROR(INDEX(Jesper!AL$2:AL$366,ROUNDDOWN($C1398/24,0)+1,1)*INDEX($D$3:$AA$30,INDEX(Jesper!$R$2:$R$366,ROW(INDEX(Jesper!AL$2:AL$366,ROUNDDOWN($C1398/24,0)+1,1))-1)+IF('Standard Profiles'!$G$22=$B$10,7,0)+IF('Standard Profiles'!$G$22=$B$17,14,0)+IF('Standard Profiles'!$G$22=$B$24,21,0),MOD($C1398,24)+1)/SUM(INDEX($D$3:$AA$30,INDEX(Jesper!$R$2:$R$366,ROW(INDEX(Jesper!AL$2:AL$366,ROUNDDOWN($C1398/24,0)+1,1))-1)+IF('Standard Profiles'!$G$22=$B$10,7,0)+IF('Standard Profiles'!$G$22=$B$17,14,0)+IF('Standard Profiles'!$G$22=$B$24,21,0),0)),0)</f>
        <v>3.9850497175112074</v>
      </c>
      <c r="I1398">
        <f t="shared" si="167"/>
        <v>3.8256477288107611</v>
      </c>
      <c r="J1398">
        <f t="shared" si="168"/>
        <v>18.144455151785102</v>
      </c>
      <c r="K1398">
        <f t="shared" si="169"/>
        <v>0.44152983179731303</v>
      </c>
      <c r="L1398">
        <f t="shared" si="170"/>
        <v>0.22076491589865652</v>
      </c>
      <c r="M1398">
        <f t="shared" si="171"/>
        <v>0</v>
      </c>
      <c r="N1398" s="45">
        <f t="shared" si="172"/>
        <v>44983.833333330025</v>
      </c>
    </row>
    <row r="1399" spans="2:14" x14ac:dyDescent="0.25">
      <c r="B1399">
        <f t="shared" si="166"/>
        <v>7</v>
      </c>
      <c r="C1399" s="16">
        <v>1365</v>
      </c>
      <c r="D1399" cm="1">
        <f t="array" ref="D1399">IFERROR(INDEX(Jesper!AH$2:AH$366,ROUNDDOWN($C1399/24,0)+1,1)*INDEX($D$3:$AA$30,INDEX(Jesper!$R$2:$R$366,ROW(INDEX(Jesper!AH$2:AH$366,ROUNDDOWN($C1399/24,0)+1,1))-1)+IF('Standard Profiles'!$G$18=$B$10,7,0)+IF('Standard Profiles'!$G$18=$B$17,14,0)+IF('Standard Profiles'!$G$18=$B$24,21,0),MOD($C1399,24)+1)/SUM(INDEX($D$3:$AA$30,INDEX(Jesper!$R$2:$R$366,ROW(INDEX(Jesper!AH$2:AH$366,ROUNDDOWN($C1399/24,0)+1,1))-1)+IF('Standard Profiles'!$G$18=$B$10,7,0)+IF('Standard Profiles'!$G$18=$B$17,14,0)+IF('Standard Profiles'!$G$18=$B$24,21,0),0)),0)</f>
        <v>0</v>
      </c>
      <c r="E1399" cm="1">
        <f t="array" ref="E1399">IFERROR(INDEX(Jesper!AI$2:AI$366,ROUNDDOWN($C1399/24,0)+1,1)*INDEX($D$3:$AA$30,INDEX(Jesper!$R$2:$R$366,ROW(INDEX(Jesper!AI$2:AI$366,ROUNDDOWN($C1399/24,0)+1,1))-1)+IF('Standard Profiles'!$G$19=$B$10,7,0)+IF('Standard Profiles'!$G$19=$B$17,14,0)+IF('Standard Profiles'!$G$19=$B$24,21,0),MOD($C1399,24)+1)/SUM(INDEX($D$3:$AA$30,INDEX(Jesper!$R$2:$R$366,ROW(INDEX(Jesper!AI$2:AI$366,ROUNDDOWN($C1399/24,0)+1,1))-1)+IF('Standard Profiles'!$G$19=$B$10,7,0)+IF('Standard Profiles'!$G$19=$B$17,14,0)+IF('Standard Profiles'!$G$19=$B$24,21,0),0)),0)</f>
        <v>5.5191228974664126</v>
      </c>
      <c r="F1399" cm="1">
        <f t="array" ref="F1399">IFERROR(INDEX(Jesper!AJ$2:AJ$366,ROUNDDOWN($C1399/24,0)+1,1)*INDEX($D$3:$AA$30,INDEX(Jesper!$R$2:$R$366,ROW(INDEX(Jesper!AJ$2:AJ$366,ROUNDDOWN($C1399/24,0)+1,1))-1)+IF('Standard Profiles'!$G$20=$B$10,7,0)+IF('Standard Profiles'!$G$20=$B$17,14,0)+IF('Standard Profiles'!$G$20=$B$24,21,0),MOD($C1399,24)+1)/SUM(INDEX($D$3:$AA$30,INDEX(Jesper!$R$2:$R$366,ROW(INDEX(Jesper!AJ$2:AJ$366,ROUNDDOWN($C1399/24,0)+1,1))-1)+IF('Standard Profiles'!$G$20=$B$10,7,0)+IF('Standard Profiles'!$G$20=$B$17,14,0)+IF('Standard Profiles'!$G$20=$B$24,21,0),0)),0)</f>
        <v>4.8557507415936092</v>
      </c>
      <c r="G1399" cm="1">
        <f t="array" ref="G1399">IFERROR(INDEX(Jesper!AK$2:AK$366,ROUNDDOWN($C1399/24,0)+1,1)*INDEX($D$3:$AA$30,INDEX(Jesper!$R$2:$R$366,ROW(INDEX(Jesper!AK$2:AK$366,ROUNDDOWN($C1399/24,0)+1,1))-1)+IF('Standard Profiles'!$G$21=$B$10,7,0)+IF('Standard Profiles'!$G$21=$B$17,14,0)+IF('Standard Profiles'!$G$21=$B$24,21,0),MOD($C1399,24)+1)/SUM(INDEX($D$3:$AA$30,INDEX(Jesper!$R$2:$R$366,ROW(INDEX(Jesper!AK$2:AK$366,ROUNDDOWN($C1399/24,0)+1,1))-1)+IF('Standard Profiles'!$G$21=$B$10,7,0)+IF('Standard Profiles'!$G$21=$B$17,14,0)+IF('Standard Profiles'!$G$21=$B$24,21,0),0)),0)</f>
        <v>8.2724742717206023</v>
      </c>
      <c r="H1399" cm="1">
        <f t="array" ref="H1399">IFERROR(INDEX(Jesper!AL$2:AL$366,ROUNDDOWN($C1399/24,0)+1,1)*INDEX($D$3:$AA$30,INDEX(Jesper!$R$2:$R$366,ROW(INDEX(Jesper!AL$2:AL$366,ROUNDDOWN($C1399/24,0)+1,1))-1)+IF('Standard Profiles'!$G$22=$B$10,7,0)+IF('Standard Profiles'!$G$22=$B$17,14,0)+IF('Standard Profiles'!$G$22=$B$24,21,0),MOD($C1399,24)+1)/SUM(INDEX($D$3:$AA$30,INDEX(Jesper!$R$2:$R$366,ROW(INDEX(Jesper!AL$2:AL$366,ROUNDDOWN($C1399/24,0)+1,1))-1)+IF('Standard Profiles'!$G$22=$B$10,7,0)+IF('Standard Profiles'!$G$22=$B$17,14,0)+IF('Standard Profiles'!$G$22=$B$24,21,0),0)),0)</f>
        <v>3.470849753961375</v>
      </c>
      <c r="I1399">
        <f t="shared" si="167"/>
        <v>3.332015763802922</v>
      </c>
      <c r="J1399">
        <f t="shared" si="168"/>
        <v>18.123887153243111</v>
      </c>
      <c r="K1399">
        <f t="shared" si="169"/>
        <v>0.44152983179731303</v>
      </c>
      <c r="L1399">
        <f t="shared" si="170"/>
        <v>0.22076491589865652</v>
      </c>
      <c r="M1399">
        <f t="shared" si="171"/>
        <v>0</v>
      </c>
      <c r="N1399" s="45">
        <f t="shared" si="172"/>
        <v>44983.874999996689</v>
      </c>
    </row>
    <row r="1400" spans="2:14" x14ac:dyDescent="0.25">
      <c r="B1400">
        <f t="shared" si="166"/>
        <v>7</v>
      </c>
      <c r="C1400" s="16">
        <v>1366</v>
      </c>
      <c r="D1400" cm="1">
        <f t="array" ref="D1400">IFERROR(INDEX(Jesper!AH$2:AH$366,ROUNDDOWN($C1400/24,0)+1,1)*INDEX($D$3:$AA$30,INDEX(Jesper!$R$2:$R$366,ROW(INDEX(Jesper!AH$2:AH$366,ROUNDDOWN($C1400/24,0)+1,1))-1)+IF('Standard Profiles'!$G$18=$B$10,7,0)+IF('Standard Profiles'!$G$18=$B$17,14,0)+IF('Standard Profiles'!$G$18=$B$24,21,0),MOD($C1400,24)+1)/SUM(INDEX($D$3:$AA$30,INDEX(Jesper!$R$2:$R$366,ROW(INDEX(Jesper!AH$2:AH$366,ROUNDDOWN($C1400/24,0)+1,1))-1)+IF('Standard Profiles'!$G$18=$B$10,7,0)+IF('Standard Profiles'!$G$18=$B$17,14,0)+IF('Standard Profiles'!$G$18=$B$24,21,0),0)),0)</f>
        <v>0</v>
      </c>
      <c r="E1400" cm="1">
        <f t="array" ref="E1400">IFERROR(INDEX(Jesper!AI$2:AI$366,ROUNDDOWN($C1400/24,0)+1,1)*INDEX($D$3:$AA$30,INDEX(Jesper!$R$2:$R$366,ROW(INDEX(Jesper!AI$2:AI$366,ROUNDDOWN($C1400/24,0)+1,1))-1)+IF('Standard Profiles'!$G$19=$B$10,7,0)+IF('Standard Profiles'!$G$19=$B$17,14,0)+IF('Standard Profiles'!$G$19=$B$24,21,0),MOD($C1400,24)+1)/SUM(INDEX($D$3:$AA$30,INDEX(Jesper!$R$2:$R$366,ROW(INDEX(Jesper!AI$2:AI$366,ROUNDDOWN($C1400/24,0)+1,1))-1)+IF('Standard Profiles'!$G$19=$B$10,7,0)+IF('Standard Profiles'!$G$19=$B$17,14,0)+IF('Standard Profiles'!$G$19=$B$24,21,0),0)),0)</f>
        <v>5.5191228974664126</v>
      </c>
      <c r="F1400" cm="1">
        <f t="array" ref="F1400">IFERROR(INDEX(Jesper!AJ$2:AJ$366,ROUNDDOWN($C1400/24,0)+1,1)*INDEX($D$3:$AA$30,INDEX(Jesper!$R$2:$R$366,ROW(INDEX(Jesper!AJ$2:AJ$366,ROUNDDOWN($C1400/24,0)+1,1))-1)+IF('Standard Profiles'!$G$20=$B$10,7,0)+IF('Standard Profiles'!$G$20=$B$17,14,0)+IF('Standard Profiles'!$G$20=$B$24,21,0),MOD($C1400,24)+1)/SUM(INDEX($D$3:$AA$30,INDEX(Jesper!$R$2:$R$366,ROW(INDEX(Jesper!AJ$2:AJ$366,ROUNDDOWN($C1400/24,0)+1,1))-1)+IF('Standard Profiles'!$G$20=$B$10,7,0)+IF('Standard Profiles'!$G$20=$B$17,14,0)+IF('Standard Profiles'!$G$20=$B$24,21,0),0)),0)</f>
        <v>4.8557507415936092</v>
      </c>
      <c r="G1400" cm="1">
        <f t="array" ref="G1400">IFERROR(INDEX(Jesper!AK$2:AK$366,ROUNDDOWN($C1400/24,0)+1,1)*INDEX($D$3:$AA$30,INDEX(Jesper!$R$2:$R$366,ROW(INDEX(Jesper!AK$2:AK$366,ROUNDDOWN($C1400/24,0)+1,1))-1)+IF('Standard Profiles'!$G$21=$B$10,7,0)+IF('Standard Profiles'!$G$21=$B$17,14,0)+IF('Standard Profiles'!$G$21=$B$24,21,0),MOD($C1400,24)+1)/SUM(INDEX($D$3:$AA$30,INDEX(Jesper!$R$2:$R$366,ROW(INDEX(Jesper!AK$2:AK$366,ROUNDDOWN($C1400/24,0)+1,1))-1)+IF('Standard Profiles'!$G$21=$B$10,7,0)+IF('Standard Profiles'!$G$21=$B$17,14,0)+IF('Standard Profiles'!$G$21=$B$24,21,0),0)),0)</f>
        <v>8.2724742717206023</v>
      </c>
      <c r="H1400" cm="1">
        <f t="array" ref="H1400">IFERROR(INDEX(Jesper!AL$2:AL$366,ROUNDDOWN($C1400/24,0)+1,1)*INDEX($D$3:$AA$30,INDEX(Jesper!$R$2:$R$366,ROW(INDEX(Jesper!AL$2:AL$366,ROUNDDOWN($C1400/24,0)+1,1))-1)+IF('Standard Profiles'!$G$22=$B$10,7,0)+IF('Standard Profiles'!$G$22=$B$17,14,0)+IF('Standard Profiles'!$G$22=$B$24,21,0),MOD($C1400,24)+1)/SUM(INDEX($D$3:$AA$30,INDEX(Jesper!$R$2:$R$366,ROW(INDEX(Jesper!AL$2:AL$366,ROUNDDOWN($C1400/24,0)+1,1))-1)+IF('Standard Profiles'!$G$22=$B$10,7,0)+IF('Standard Profiles'!$G$22=$B$17,14,0)+IF('Standard Profiles'!$G$22=$B$24,21,0),0)),0)</f>
        <v>3.470849753961375</v>
      </c>
      <c r="I1400">
        <f t="shared" si="167"/>
        <v>3.332015763802922</v>
      </c>
      <c r="J1400">
        <f t="shared" si="168"/>
        <v>18.123887153243111</v>
      </c>
      <c r="K1400">
        <f t="shared" si="169"/>
        <v>0.44152983179731303</v>
      </c>
      <c r="L1400">
        <f t="shared" si="170"/>
        <v>0.22076491589865652</v>
      </c>
      <c r="M1400">
        <f t="shared" si="171"/>
        <v>0</v>
      </c>
      <c r="N1400" s="45">
        <f t="shared" si="172"/>
        <v>44983.916666663354</v>
      </c>
    </row>
    <row r="1401" spans="2:14" x14ac:dyDescent="0.25">
      <c r="B1401">
        <f t="shared" si="166"/>
        <v>7</v>
      </c>
      <c r="C1401" s="16">
        <v>1367</v>
      </c>
      <c r="D1401" cm="1">
        <f t="array" ref="D1401">IFERROR(INDEX(Jesper!AH$2:AH$366,ROUNDDOWN($C1401/24,0)+1,1)*INDEX($D$3:$AA$30,INDEX(Jesper!$R$2:$R$366,ROW(INDEX(Jesper!AH$2:AH$366,ROUNDDOWN($C1401/24,0)+1,1))-1)+IF('Standard Profiles'!$G$18=$B$10,7,0)+IF('Standard Profiles'!$G$18=$B$17,14,0)+IF('Standard Profiles'!$G$18=$B$24,21,0),MOD($C1401,24)+1)/SUM(INDEX($D$3:$AA$30,INDEX(Jesper!$R$2:$R$366,ROW(INDEX(Jesper!AH$2:AH$366,ROUNDDOWN($C1401/24,0)+1,1))-1)+IF('Standard Profiles'!$G$18=$B$10,7,0)+IF('Standard Profiles'!$G$18=$B$17,14,0)+IF('Standard Profiles'!$G$18=$B$24,21,0),0)),0)</f>
        <v>0</v>
      </c>
      <c r="E1401" cm="1">
        <f t="array" ref="E1401">IFERROR(INDEX(Jesper!AI$2:AI$366,ROUNDDOWN($C1401/24,0)+1,1)*INDEX($D$3:$AA$30,INDEX(Jesper!$R$2:$R$366,ROW(INDEX(Jesper!AI$2:AI$366,ROUNDDOWN($C1401/24,0)+1,1))-1)+IF('Standard Profiles'!$G$19=$B$10,7,0)+IF('Standard Profiles'!$G$19=$B$17,14,0)+IF('Standard Profiles'!$G$19=$B$24,21,0),MOD($C1401,24)+1)/SUM(INDEX($D$3:$AA$30,INDEX(Jesper!$R$2:$R$366,ROW(INDEX(Jesper!AI$2:AI$366,ROUNDDOWN($C1401/24,0)+1,1))-1)+IF('Standard Profiles'!$G$19=$B$10,7,0)+IF('Standard Profiles'!$G$19=$B$17,14,0)+IF('Standard Profiles'!$G$19=$B$24,21,0),0)),0)</f>
        <v>5.5191228974664126</v>
      </c>
      <c r="F1401" cm="1">
        <f t="array" ref="F1401">IFERROR(INDEX(Jesper!AJ$2:AJ$366,ROUNDDOWN($C1401/24,0)+1,1)*INDEX($D$3:$AA$30,INDEX(Jesper!$R$2:$R$366,ROW(INDEX(Jesper!AJ$2:AJ$366,ROUNDDOWN($C1401/24,0)+1,1))-1)+IF('Standard Profiles'!$G$20=$B$10,7,0)+IF('Standard Profiles'!$G$20=$B$17,14,0)+IF('Standard Profiles'!$G$20=$B$24,21,0),MOD($C1401,24)+1)/SUM(INDEX($D$3:$AA$30,INDEX(Jesper!$R$2:$R$366,ROW(INDEX(Jesper!AJ$2:AJ$366,ROUNDDOWN($C1401/24,0)+1,1))-1)+IF('Standard Profiles'!$G$20=$B$10,7,0)+IF('Standard Profiles'!$G$20=$B$17,14,0)+IF('Standard Profiles'!$G$20=$B$24,21,0),0)),0)</f>
        <v>4.8557507415936092</v>
      </c>
      <c r="G1401" cm="1">
        <f t="array" ref="G1401">IFERROR(INDEX(Jesper!AK$2:AK$366,ROUNDDOWN($C1401/24,0)+1,1)*INDEX($D$3:$AA$30,INDEX(Jesper!$R$2:$R$366,ROW(INDEX(Jesper!AK$2:AK$366,ROUNDDOWN($C1401/24,0)+1,1))-1)+IF('Standard Profiles'!$G$21=$B$10,7,0)+IF('Standard Profiles'!$G$21=$B$17,14,0)+IF('Standard Profiles'!$G$21=$B$24,21,0),MOD($C1401,24)+1)/SUM(INDEX($D$3:$AA$30,INDEX(Jesper!$R$2:$R$366,ROW(INDEX(Jesper!AK$2:AK$366,ROUNDDOWN($C1401/24,0)+1,1))-1)+IF('Standard Profiles'!$G$21=$B$10,7,0)+IF('Standard Profiles'!$G$21=$B$17,14,0)+IF('Standard Profiles'!$G$21=$B$24,21,0),0)),0)</f>
        <v>8.2724742717206023</v>
      </c>
      <c r="H1401" cm="1">
        <f t="array" ref="H1401">IFERROR(INDEX(Jesper!AL$2:AL$366,ROUNDDOWN($C1401/24,0)+1,1)*INDEX($D$3:$AA$30,INDEX(Jesper!$R$2:$R$366,ROW(INDEX(Jesper!AL$2:AL$366,ROUNDDOWN($C1401/24,0)+1,1))-1)+IF('Standard Profiles'!$G$22=$B$10,7,0)+IF('Standard Profiles'!$G$22=$B$17,14,0)+IF('Standard Profiles'!$G$22=$B$24,21,0),MOD($C1401,24)+1)/SUM(INDEX($D$3:$AA$30,INDEX(Jesper!$R$2:$R$366,ROW(INDEX(Jesper!AL$2:AL$366,ROUNDDOWN($C1401/24,0)+1,1))-1)+IF('Standard Profiles'!$G$22=$B$10,7,0)+IF('Standard Profiles'!$G$22=$B$17,14,0)+IF('Standard Profiles'!$G$22=$B$24,21,0),0)),0)</f>
        <v>3.470849753961375</v>
      </c>
      <c r="I1401">
        <f t="shared" si="167"/>
        <v>3.332015763802922</v>
      </c>
      <c r="J1401">
        <f t="shared" si="168"/>
        <v>18.123887153243111</v>
      </c>
      <c r="K1401">
        <f t="shared" si="169"/>
        <v>0.44152983179731303</v>
      </c>
      <c r="L1401">
        <f t="shared" si="170"/>
        <v>0.22076491589865652</v>
      </c>
      <c r="M1401">
        <f t="shared" si="171"/>
        <v>0</v>
      </c>
      <c r="N1401" s="45">
        <f t="shared" si="172"/>
        <v>44983.958333330018</v>
      </c>
    </row>
    <row r="1402" spans="2:14" x14ac:dyDescent="0.25">
      <c r="B1402">
        <f t="shared" si="166"/>
        <v>1</v>
      </c>
      <c r="C1402" s="16">
        <v>1368</v>
      </c>
      <c r="D1402" cm="1">
        <f t="array" ref="D1402">IFERROR(INDEX(Jesper!AH$2:AH$366,ROUNDDOWN($C1402/24,0)+1,1)*INDEX($D$3:$AA$30,INDEX(Jesper!$R$2:$R$366,ROW(INDEX(Jesper!AH$2:AH$366,ROUNDDOWN($C1402/24,0)+1,1))-1)+IF('Standard Profiles'!$G$18=$B$10,7,0)+IF('Standard Profiles'!$G$18=$B$17,14,0)+IF('Standard Profiles'!$G$18=$B$24,21,0),MOD($C1402,24)+1)/SUM(INDEX($D$3:$AA$30,INDEX(Jesper!$R$2:$R$366,ROW(INDEX(Jesper!AH$2:AH$366,ROUNDDOWN($C1402/24,0)+1,1))-1)+IF('Standard Profiles'!$G$18=$B$10,7,0)+IF('Standard Profiles'!$G$18=$B$17,14,0)+IF('Standard Profiles'!$G$18=$B$24,21,0),0)),0)</f>
        <v>5.9877041937572839</v>
      </c>
      <c r="E1402" cm="1">
        <f t="array" ref="E1402">IFERROR(INDEX(Jesper!AI$2:AI$366,ROUNDDOWN($C1402/24,0)+1,1)*INDEX($D$3:$AA$30,INDEX(Jesper!$R$2:$R$366,ROW(INDEX(Jesper!AI$2:AI$366,ROUNDDOWN($C1402/24,0)+1,1))-1)+IF('Standard Profiles'!$G$19=$B$10,7,0)+IF('Standard Profiles'!$G$19=$B$17,14,0)+IF('Standard Profiles'!$G$19=$B$24,21,0),MOD($C1402,24)+1)/SUM(INDEX($D$3:$AA$30,INDEX(Jesper!$R$2:$R$366,ROW(INDEX(Jesper!AI$2:AI$366,ROUNDDOWN($C1402/24,0)+1,1))-1)+IF('Standard Profiles'!$G$19=$B$10,7,0)+IF('Standard Profiles'!$G$19=$B$17,14,0)+IF('Standard Profiles'!$G$19=$B$24,21,0),0)),0)</f>
        <v>7.6784754295931013</v>
      </c>
      <c r="F1402" cm="1">
        <f t="array" ref="F1402">IFERROR(INDEX(Jesper!AJ$2:AJ$366,ROUNDDOWN($C1402/24,0)+1,1)*INDEX($D$3:$AA$30,INDEX(Jesper!$R$2:$R$366,ROW(INDEX(Jesper!AJ$2:AJ$366,ROUNDDOWN($C1402/24,0)+1,1))-1)+IF('Standard Profiles'!$G$20=$B$10,7,0)+IF('Standard Profiles'!$G$20=$B$17,14,0)+IF('Standard Profiles'!$G$20=$B$24,21,0),MOD($C1402,24)+1)/SUM(INDEX($D$3:$AA$30,INDEX(Jesper!$R$2:$R$366,ROW(INDEX(Jesper!AJ$2:AJ$366,ROUNDDOWN($C1402/24,0)+1,1))-1)+IF('Standard Profiles'!$G$20=$B$10,7,0)+IF('Standard Profiles'!$G$20=$B$17,14,0)+IF('Standard Profiles'!$G$20=$B$24,21,0),0)),0)</f>
        <v>0</v>
      </c>
      <c r="G1402" cm="1">
        <f t="array" ref="G1402">IFERROR(INDEX(Jesper!AK$2:AK$366,ROUNDDOWN($C1402/24,0)+1,1)*INDEX($D$3:$AA$30,INDEX(Jesper!$R$2:$R$366,ROW(INDEX(Jesper!AK$2:AK$366,ROUNDDOWN($C1402/24,0)+1,1))-1)+IF('Standard Profiles'!$G$21=$B$10,7,0)+IF('Standard Profiles'!$G$21=$B$17,14,0)+IF('Standard Profiles'!$G$21=$B$24,21,0),MOD($C1402,24)+1)/SUM(INDEX($D$3:$AA$30,INDEX(Jesper!$R$2:$R$366,ROW(INDEX(Jesper!AK$2:AK$366,ROUNDDOWN($C1402/24,0)+1,1))-1)+IF('Standard Profiles'!$G$21=$B$10,7,0)+IF('Standard Profiles'!$G$21=$B$17,14,0)+IF('Standard Profiles'!$G$21=$B$24,21,0),0)),0)</f>
        <v>7.2854638912301946</v>
      </c>
      <c r="H1402" cm="1">
        <f t="array" ref="H1402">IFERROR(INDEX(Jesper!AL$2:AL$366,ROUNDDOWN($C1402/24,0)+1,1)*INDEX($D$3:$AA$30,INDEX(Jesper!$R$2:$R$366,ROW(INDEX(Jesper!AL$2:AL$366,ROUNDDOWN($C1402/24,0)+1,1))-1)+IF('Standard Profiles'!$G$22=$B$10,7,0)+IF('Standard Profiles'!$G$22=$B$17,14,0)+IF('Standard Profiles'!$G$22=$B$24,21,0),MOD($C1402,24)+1)/SUM(INDEX($D$3:$AA$30,INDEX(Jesper!$R$2:$R$366,ROW(INDEX(Jesper!AL$2:AL$366,ROUNDDOWN($C1402/24,0)+1,1))-1)+IF('Standard Profiles'!$G$22=$B$10,7,0)+IF('Standard Profiles'!$G$22=$B$17,14,0)+IF('Standard Profiles'!$G$22=$B$24,21,0),0)),0)</f>
        <v>0</v>
      </c>
      <c r="I1402">
        <f t="shared" si="167"/>
        <v>3.4970226677904916</v>
      </c>
      <c r="J1402">
        <f t="shared" si="168"/>
        <v>16.496588175788922</v>
      </c>
      <c r="K1402">
        <f t="shared" si="169"/>
        <v>0.63868844733411034</v>
      </c>
      <c r="L1402">
        <f t="shared" si="170"/>
        <v>0.31934422366705517</v>
      </c>
      <c r="M1402">
        <f t="shared" si="171"/>
        <v>0</v>
      </c>
      <c r="N1402" s="45">
        <f t="shared" si="172"/>
        <v>44983.999999996682</v>
      </c>
    </row>
    <row r="1403" spans="2:14" x14ac:dyDescent="0.25">
      <c r="B1403">
        <f t="shared" si="166"/>
        <v>1</v>
      </c>
      <c r="C1403" s="16">
        <v>1369</v>
      </c>
      <c r="D1403" cm="1">
        <f t="array" ref="D1403">IFERROR(INDEX(Jesper!AH$2:AH$366,ROUNDDOWN($C1403/24,0)+1,1)*INDEX($D$3:$AA$30,INDEX(Jesper!$R$2:$R$366,ROW(INDEX(Jesper!AH$2:AH$366,ROUNDDOWN($C1403/24,0)+1,1))-1)+IF('Standard Profiles'!$G$18=$B$10,7,0)+IF('Standard Profiles'!$G$18=$B$17,14,0)+IF('Standard Profiles'!$G$18=$B$24,21,0),MOD($C1403,24)+1)/SUM(INDEX($D$3:$AA$30,INDEX(Jesper!$R$2:$R$366,ROW(INDEX(Jesper!AH$2:AH$366,ROUNDDOWN($C1403/24,0)+1,1))-1)+IF('Standard Profiles'!$G$18=$B$10,7,0)+IF('Standard Profiles'!$G$18=$B$17,14,0)+IF('Standard Profiles'!$G$18=$B$24,21,0),0)),0)</f>
        <v>5.9877041937572839</v>
      </c>
      <c r="E1403" cm="1">
        <f t="array" ref="E1403">IFERROR(INDEX(Jesper!AI$2:AI$366,ROUNDDOWN($C1403/24,0)+1,1)*INDEX($D$3:$AA$30,INDEX(Jesper!$R$2:$R$366,ROW(INDEX(Jesper!AI$2:AI$366,ROUNDDOWN($C1403/24,0)+1,1))-1)+IF('Standard Profiles'!$G$19=$B$10,7,0)+IF('Standard Profiles'!$G$19=$B$17,14,0)+IF('Standard Profiles'!$G$19=$B$24,21,0),MOD($C1403,24)+1)/SUM(INDEX($D$3:$AA$30,INDEX(Jesper!$R$2:$R$366,ROW(INDEX(Jesper!AI$2:AI$366,ROUNDDOWN($C1403/24,0)+1,1))-1)+IF('Standard Profiles'!$G$19=$B$10,7,0)+IF('Standard Profiles'!$G$19=$B$17,14,0)+IF('Standard Profiles'!$G$19=$B$24,21,0),0)),0)</f>
        <v>7.6784754295931013</v>
      </c>
      <c r="F1403" cm="1">
        <f t="array" ref="F1403">IFERROR(INDEX(Jesper!AJ$2:AJ$366,ROUNDDOWN($C1403/24,0)+1,1)*INDEX($D$3:$AA$30,INDEX(Jesper!$R$2:$R$366,ROW(INDEX(Jesper!AJ$2:AJ$366,ROUNDDOWN($C1403/24,0)+1,1))-1)+IF('Standard Profiles'!$G$20=$B$10,7,0)+IF('Standard Profiles'!$G$20=$B$17,14,0)+IF('Standard Profiles'!$G$20=$B$24,21,0),MOD($C1403,24)+1)/SUM(INDEX($D$3:$AA$30,INDEX(Jesper!$R$2:$R$366,ROW(INDEX(Jesper!AJ$2:AJ$366,ROUNDDOWN($C1403/24,0)+1,1))-1)+IF('Standard Profiles'!$G$20=$B$10,7,0)+IF('Standard Profiles'!$G$20=$B$17,14,0)+IF('Standard Profiles'!$G$20=$B$24,21,0),0)),0)</f>
        <v>0</v>
      </c>
      <c r="G1403" cm="1">
        <f t="array" ref="G1403">IFERROR(INDEX(Jesper!AK$2:AK$366,ROUNDDOWN($C1403/24,0)+1,1)*INDEX($D$3:$AA$30,INDEX(Jesper!$R$2:$R$366,ROW(INDEX(Jesper!AK$2:AK$366,ROUNDDOWN($C1403/24,0)+1,1))-1)+IF('Standard Profiles'!$G$21=$B$10,7,0)+IF('Standard Profiles'!$G$21=$B$17,14,0)+IF('Standard Profiles'!$G$21=$B$24,21,0),MOD($C1403,24)+1)/SUM(INDEX($D$3:$AA$30,INDEX(Jesper!$R$2:$R$366,ROW(INDEX(Jesper!AK$2:AK$366,ROUNDDOWN($C1403/24,0)+1,1))-1)+IF('Standard Profiles'!$G$21=$B$10,7,0)+IF('Standard Profiles'!$G$21=$B$17,14,0)+IF('Standard Profiles'!$G$21=$B$24,21,0),0)),0)</f>
        <v>7.2854638912301946</v>
      </c>
      <c r="H1403" cm="1">
        <f t="array" ref="H1403">IFERROR(INDEX(Jesper!AL$2:AL$366,ROUNDDOWN($C1403/24,0)+1,1)*INDEX($D$3:$AA$30,INDEX(Jesper!$R$2:$R$366,ROW(INDEX(Jesper!AL$2:AL$366,ROUNDDOWN($C1403/24,0)+1,1))-1)+IF('Standard Profiles'!$G$22=$B$10,7,0)+IF('Standard Profiles'!$G$22=$B$17,14,0)+IF('Standard Profiles'!$G$22=$B$24,21,0),MOD($C1403,24)+1)/SUM(INDEX($D$3:$AA$30,INDEX(Jesper!$R$2:$R$366,ROW(INDEX(Jesper!AL$2:AL$366,ROUNDDOWN($C1403/24,0)+1,1))-1)+IF('Standard Profiles'!$G$22=$B$10,7,0)+IF('Standard Profiles'!$G$22=$B$17,14,0)+IF('Standard Profiles'!$G$22=$B$24,21,0),0)),0)</f>
        <v>0</v>
      </c>
      <c r="I1403">
        <f t="shared" si="167"/>
        <v>3.4970226677904916</v>
      </c>
      <c r="J1403">
        <f t="shared" si="168"/>
        <v>16.496588175788922</v>
      </c>
      <c r="K1403">
        <f t="shared" si="169"/>
        <v>0.63868844733411034</v>
      </c>
      <c r="L1403">
        <f t="shared" si="170"/>
        <v>0.31934422366705517</v>
      </c>
      <c r="M1403">
        <f t="shared" si="171"/>
        <v>0</v>
      </c>
      <c r="N1403" s="45">
        <f t="shared" si="172"/>
        <v>44984.041666663346</v>
      </c>
    </row>
    <row r="1404" spans="2:14" x14ac:dyDescent="0.25">
      <c r="B1404">
        <f t="shared" si="166"/>
        <v>1</v>
      </c>
      <c r="C1404" s="16">
        <v>1370</v>
      </c>
      <c r="D1404" cm="1">
        <f t="array" ref="D1404">IFERROR(INDEX(Jesper!AH$2:AH$366,ROUNDDOWN($C1404/24,0)+1,1)*INDEX($D$3:$AA$30,INDEX(Jesper!$R$2:$R$366,ROW(INDEX(Jesper!AH$2:AH$366,ROUNDDOWN($C1404/24,0)+1,1))-1)+IF('Standard Profiles'!$G$18=$B$10,7,0)+IF('Standard Profiles'!$G$18=$B$17,14,0)+IF('Standard Profiles'!$G$18=$B$24,21,0),MOD($C1404,24)+1)/SUM(INDEX($D$3:$AA$30,INDEX(Jesper!$R$2:$R$366,ROW(INDEX(Jesper!AH$2:AH$366,ROUNDDOWN($C1404/24,0)+1,1))-1)+IF('Standard Profiles'!$G$18=$B$10,7,0)+IF('Standard Profiles'!$G$18=$B$17,14,0)+IF('Standard Profiles'!$G$18=$B$24,21,0),0)),0)</f>
        <v>5.9877041937572839</v>
      </c>
      <c r="E1404" cm="1">
        <f t="array" ref="E1404">IFERROR(INDEX(Jesper!AI$2:AI$366,ROUNDDOWN($C1404/24,0)+1,1)*INDEX($D$3:$AA$30,INDEX(Jesper!$R$2:$R$366,ROW(INDEX(Jesper!AI$2:AI$366,ROUNDDOWN($C1404/24,0)+1,1))-1)+IF('Standard Profiles'!$G$19=$B$10,7,0)+IF('Standard Profiles'!$G$19=$B$17,14,0)+IF('Standard Profiles'!$G$19=$B$24,21,0),MOD($C1404,24)+1)/SUM(INDEX($D$3:$AA$30,INDEX(Jesper!$R$2:$R$366,ROW(INDEX(Jesper!AI$2:AI$366,ROUNDDOWN($C1404/24,0)+1,1))-1)+IF('Standard Profiles'!$G$19=$B$10,7,0)+IF('Standard Profiles'!$G$19=$B$17,14,0)+IF('Standard Profiles'!$G$19=$B$24,21,0),0)),0)</f>
        <v>7.6784754295931013</v>
      </c>
      <c r="F1404" cm="1">
        <f t="array" ref="F1404">IFERROR(INDEX(Jesper!AJ$2:AJ$366,ROUNDDOWN($C1404/24,0)+1,1)*INDEX($D$3:$AA$30,INDEX(Jesper!$R$2:$R$366,ROW(INDEX(Jesper!AJ$2:AJ$366,ROUNDDOWN($C1404/24,0)+1,1))-1)+IF('Standard Profiles'!$G$20=$B$10,7,0)+IF('Standard Profiles'!$G$20=$B$17,14,0)+IF('Standard Profiles'!$G$20=$B$24,21,0),MOD($C1404,24)+1)/SUM(INDEX($D$3:$AA$30,INDEX(Jesper!$R$2:$R$366,ROW(INDEX(Jesper!AJ$2:AJ$366,ROUNDDOWN($C1404/24,0)+1,1))-1)+IF('Standard Profiles'!$G$20=$B$10,7,0)+IF('Standard Profiles'!$G$20=$B$17,14,0)+IF('Standard Profiles'!$G$20=$B$24,21,0),0)),0)</f>
        <v>0</v>
      </c>
      <c r="G1404" cm="1">
        <f t="array" ref="G1404">IFERROR(INDEX(Jesper!AK$2:AK$366,ROUNDDOWN($C1404/24,0)+1,1)*INDEX($D$3:$AA$30,INDEX(Jesper!$R$2:$R$366,ROW(INDEX(Jesper!AK$2:AK$366,ROUNDDOWN($C1404/24,0)+1,1))-1)+IF('Standard Profiles'!$G$21=$B$10,7,0)+IF('Standard Profiles'!$G$21=$B$17,14,0)+IF('Standard Profiles'!$G$21=$B$24,21,0),MOD($C1404,24)+1)/SUM(INDEX($D$3:$AA$30,INDEX(Jesper!$R$2:$R$366,ROW(INDEX(Jesper!AK$2:AK$366,ROUNDDOWN($C1404/24,0)+1,1))-1)+IF('Standard Profiles'!$G$21=$B$10,7,0)+IF('Standard Profiles'!$G$21=$B$17,14,0)+IF('Standard Profiles'!$G$21=$B$24,21,0),0)),0)</f>
        <v>7.2854638912301946</v>
      </c>
      <c r="H1404" cm="1">
        <f t="array" ref="H1404">IFERROR(INDEX(Jesper!AL$2:AL$366,ROUNDDOWN($C1404/24,0)+1,1)*INDEX($D$3:$AA$30,INDEX(Jesper!$R$2:$R$366,ROW(INDEX(Jesper!AL$2:AL$366,ROUNDDOWN($C1404/24,0)+1,1))-1)+IF('Standard Profiles'!$G$22=$B$10,7,0)+IF('Standard Profiles'!$G$22=$B$17,14,0)+IF('Standard Profiles'!$G$22=$B$24,21,0),MOD($C1404,24)+1)/SUM(INDEX($D$3:$AA$30,INDEX(Jesper!$R$2:$R$366,ROW(INDEX(Jesper!AL$2:AL$366,ROUNDDOWN($C1404/24,0)+1,1))-1)+IF('Standard Profiles'!$G$22=$B$10,7,0)+IF('Standard Profiles'!$G$22=$B$17,14,0)+IF('Standard Profiles'!$G$22=$B$24,21,0),0)),0)</f>
        <v>0</v>
      </c>
      <c r="I1404">
        <f t="shared" si="167"/>
        <v>3.4970226677904916</v>
      </c>
      <c r="J1404">
        <f t="shared" si="168"/>
        <v>16.496588175788922</v>
      </c>
      <c r="K1404">
        <f t="shared" si="169"/>
        <v>0.63868844733411034</v>
      </c>
      <c r="L1404">
        <f t="shared" si="170"/>
        <v>0.31934422366705517</v>
      </c>
      <c r="M1404">
        <f t="shared" si="171"/>
        <v>0</v>
      </c>
      <c r="N1404" s="45">
        <f t="shared" si="172"/>
        <v>44984.083333330011</v>
      </c>
    </row>
    <row r="1405" spans="2:14" x14ac:dyDescent="0.25">
      <c r="B1405">
        <f t="shared" si="166"/>
        <v>1</v>
      </c>
      <c r="C1405" s="16">
        <v>1371</v>
      </c>
      <c r="D1405" cm="1">
        <f t="array" ref="D1405">IFERROR(INDEX(Jesper!AH$2:AH$366,ROUNDDOWN($C1405/24,0)+1,1)*INDEX($D$3:$AA$30,INDEX(Jesper!$R$2:$R$366,ROW(INDEX(Jesper!AH$2:AH$366,ROUNDDOWN($C1405/24,0)+1,1))-1)+IF('Standard Profiles'!$G$18=$B$10,7,0)+IF('Standard Profiles'!$G$18=$B$17,14,0)+IF('Standard Profiles'!$G$18=$B$24,21,0),MOD($C1405,24)+1)/SUM(INDEX($D$3:$AA$30,INDEX(Jesper!$R$2:$R$366,ROW(INDEX(Jesper!AH$2:AH$366,ROUNDDOWN($C1405/24,0)+1,1))-1)+IF('Standard Profiles'!$G$18=$B$10,7,0)+IF('Standard Profiles'!$G$18=$B$17,14,0)+IF('Standard Profiles'!$G$18=$B$24,21,0),0)),0)</f>
        <v>5.9877041937572839</v>
      </c>
      <c r="E1405" cm="1">
        <f t="array" ref="E1405">IFERROR(INDEX(Jesper!AI$2:AI$366,ROUNDDOWN($C1405/24,0)+1,1)*INDEX($D$3:$AA$30,INDEX(Jesper!$R$2:$R$366,ROW(INDEX(Jesper!AI$2:AI$366,ROUNDDOWN($C1405/24,0)+1,1))-1)+IF('Standard Profiles'!$G$19=$B$10,7,0)+IF('Standard Profiles'!$G$19=$B$17,14,0)+IF('Standard Profiles'!$G$19=$B$24,21,0),MOD($C1405,24)+1)/SUM(INDEX($D$3:$AA$30,INDEX(Jesper!$R$2:$R$366,ROW(INDEX(Jesper!AI$2:AI$366,ROUNDDOWN($C1405/24,0)+1,1))-1)+IF('Standard Profiles'!$G$19=$B$10,7,0)+IF('Standard Profiles'!$G$19=$B$17,14,0)+IF('Standard Profiles'!$G$19=$B$24,21,0),0)),0)</f>
        <v>7.6784754295931013</v>
      </c>
      <c r="F1405" cm="1">
        <f t="array" ref="F1405">IFERROR(INDEX(Jesper!AJ$2:AJ$366,ROUNDDOWN($C1405/24,0)+1,1)*INDEX($D$3:$AA$30,INDEX(Jesper!$R$2:$R$366,ROW(INDEX(Jesper!AJ$2:AJ$366,ROUNDDOWN($C1405/24,0)+1,1))-1)+IF('Standard Profiles'!$G$20=$B$10,7,0)+IF('Standard Profiles'!$G$20=$B$17,14,0)+IF('Standard Profiles'!$G$20=$B$24,21,0),MOD($C1405,24)+1)/SUM(INDEX($D$3:$AA$30,INDEX(Jesper!$R$2:$R$366,ROW(INDEX(Jesper!AJ$2:AJ$366,ROUNDDOWN($C1405/24,0)+1,1))-1)+IF('Standard Profiles'!$G$20=$B$10,7,0)+IF('Standard Profiles'!$G$20=$B$17,14,0)+IF('Standard Profiles'!$G$20=$B$24,21,0),0)),0)</f>
        <v>0</v>
      </c>
      <c r="G1405" cm="1">
        <f t="array" ref="G1405">IFERROR(INDEX(Jesper!AK$2:AK$366,ROUNDDOWN($C1405/24,0)+1,1)*INDEX($D$3:$AA$30,INDEX(Jesper!$R$2:$R$366,ROW(INDEX(Jesper!AK$2:AK$366,ROUNDDOWN($C1405/24,0)+1,1))-1)+IF('Standard Profiles'!$G$21=$B$10,7,0)+IF('Standard Profiles'!$G$21=$B$17,14,0)+IF('Standard Profiles'!$G$21=$B$24,21,0),MOD($C1405,24)+1)/SUM(INDEX($D$3:$AA$30,INDEX(Jesper!$R$2:$R$366,ROW(INDEX(Jesper!AK$2:AK$366,ROUNDDOWN($C1405/24,0)+1,1))-1)+IF('Standard Profiles'!$G$21=$B$10,7,0)+IF('Standard Profiles'!$G$21=$B$17,14,0)+IF('Standard Profiles'!$G$21=$B$24,21,0),0)),0)</f>
        <v>7.2854638912301946</v>
      </c>
      <c r="H1405" cm="1">
        <f t="array" ref="H1405">IFERROR(INDEX(Jesper!AL$2:AL$366,ROUNDDOWN($C1405/24,0)+1,1)*INDEX($D$3:$AA$30,INDEX(Jesper!$R$2:$R$366,ROW(INDEX(Jesper!AL$2:AL$366,ROUNDDOWN($C1405/24,0)+1,1))-1)+IF('Standard Profiles'!$G$22=$B$10,7,0)+IF('Standard Profiles'!$G$22=$B$17,14,0)+IF('Standard Profiles'!$G$22=$B$24,21,0),MOD($C1405,24)+1)/SUM(INDEX($D$3:$AA$30,INDEX(Jesper!$R$2:$R$366,ROW(INDEX(Jesper!AL$2:AL$366,ROUNDDOWN($C1405/24,0)+1,1))-1)+IF('Standard Profiles'!$G$22=$B$10,7,0)+IF('Standard Profiles'!$G$22=$B$17,14,0)+IF('Standard Profiles'!$G$22=$B$24,21,0),0)),0)</f>
        <v>0</v>
      </c>
      <c r="I1405">
        <f t="shared" si="167"/>
        <v>3.4970226677904916</v>
      </c>
      <c r="J1405">
        <f t="shared" si="168"/>
        <v>16.496588175788922</v>
      </c>
      <c r="K1405">
        <f t="shared" si="169"/>
        <v>0.63868844733411034</v>
      </c>
      <c r="L1405">
        <f t="shared" si="170"/>
        <v>0.31934422366705517</v>
      </c>
      <c r="M1405">
        <f t="shared" si="171"/>
        <v>0</v>
      </c>
      <c r="N1405" s="45">
        <f t="shared" si="172"/>
        <v>44984.124999996675</v>
      </c>
    </row>
    <row r="1406" spans="2:14" x14ac:dyDescent="0.25">
      <c r="B1406">
        <f t="shared" si="166"/>
        <v>1</v>
      </c>
      <c r="C1406" s="16">
        <v>1372</v>
      </c>
      <c r="D1406" cm="1">
        <f t="array" ref="D1406">IFERROR(INDEX(Jesper!AH$2:AH$366,ROUNDDOWN($C1406/24,0)+1,1)*INDEX($D$3:$AA$30,INDEX(Jesper!$R$2:$R$366,ROW(INDEX(Jesper!AH$2:AH$366,ROUNDDOWN($C1406/24,0)+1,1))-1)+IF('Standard Profiles'!$G$18=$B$10,7,0)+IF('Standard Profiles'!$G$18=$B$17,14,0)+IF('Standard Profiles'!$G$18=$B$24,21,0),MOD($C1406,24)+1)/SUM(INDEX($D$3:$AA$30,INDEX(Jesper!$R$2:$R$366,ROW(INDEX(Jesper!AH$2:AH$366,ROUNDDOWN($C1406/24,0)+1,1))-1)+IF('Standard Profiles'!$G$18=$B$10,7,0)+IF('Standard Profiles'!$G$18=$B$17,14,0)+IF('Standard Profiles'!$G$18=$B$24,21,0),0)),0)</f>
        <v>5.9877041937572839</v>
      </c>
      <c r="E1406" cm="1">
        <f t="array" ref="E1406">IFERROR(INDEX(Jesper!AI$2:AI$366,ROUNDDOWN($C1406/24,0)+1,1)*INDEX($D$3:$AA$30,INDEX(Jesper!$R$2:$R$366,ROW(INDEX(Jesper!AI$2:AI$366,ROUNDDOWN($C1406/24,0)+1,1))-1)+IF('Standard Profiles'!$G$19=$B$10,7,0)+IF('Standard Profiles'!$G$19=$B$17,14,0)+IF('Standard Profiles'!$G$19=$B$24,21,0),MOD($C1406,24)+1)/SUM(INDEX($D$3:$AA$30,INDEX(Jesper!$R$2:$R$366,ROW(INDEX(Jesper!AI$2:AI$366,ROUNDDOWN($C1406/24,0)+1,1))-1)+IF('Standard Profiles'!$G$19=$B$10,7,0)+IF('Standard Profiles'!$G$19=$B$17,14,0)+IF('Standard Profiles'!$G$19=$B$24,21,0),0)),0)</f>
        <v>7.6784754295931013</v>
      </c>
      <c r="F1406" cm="1">
        <f t="array" ref="F1406">IFERROR(INDEX(Jesper!AJ$2:AJ$366,ROUNDDOWN($C1406/24,0)+1,1)*INDEX($D$3:$AA$30,INDEX(Jesper!$R$2:$R$366,ROW(INDEX(Jesper!AJ$2:AJ$366,ROUNDDOWN($C1406/24,0)+1,1))-1)+IF('Standard Profiles'!$G$20=$B$10,7,0)+IF('Standard Profiles'!$G$20=$B$17,14,0)+IF('Standard Profiles'!$G$20=$B$24,21,0),MOD($C1406,24)+1)/SUM(INDEX($D$3:$AA$30,INDEX(Jesper!$R$2:$R$366,ROW(INDEX(Jesper!AJ$2:AJ$366,ROUNDDOWN($C1406/24,0)+1,1))-1)+IF('Standard Profiles'!$G$20=$B$10,7,0)+IF('Standard Profiles'!$G$20=$B$17,14,0)+IF('Standard Profiles'!$G$20=$B$24,21,0),0)),0)</f>
        <v>0</v>
      </c>
      <c r="G1406" cm="1">
        <f t="array" ref="G1406">IFERROR(INDEX(Jesper!AK$2:AK$366,ROUNDDOWN($C1406/24,0)+1,1)*INDEX($D$3:$AA$30,INDEX(Jesper!$R$2:$R$366,ROW(INDEX(Jesper!AK$2:AK$366,ROUNDDOWN($C1406/24,0)+1,1))-1)+IF('Standard Profiles'!$G$21=$B$10,7,0)+IF('Standard Profiles'!$G$21=$B$17,14,0)+IF('Standard Profiles'!$G$21=$B$24,21,0),MOD($C1406,24)+1)/SUM(INDEX($D$3:$AA$30,INDEX(Jesper!$R$2:$R$366,ROW(INDEX(Jesper!AK$2:AK$366,ROUNDDOWN($C1406/24,0)+1,1))-1)+IF('Standard Profiles'!$G$21=$B$10,7,0)+IF('Standard Profiles'!$G$21=$B$17,14,0)+IF('Standard Profiles'!$G$21=$B$24,21,0),0)),0)</f>
        <v>7.2854638912301946</v>
      </c>
      <c r="H1406" cm="1">
        <f t="array" ref="H1406">IFERROR(INDEX(Jesper!AL$2:AL$366,ROUNDDOWN($C1406/24,0)+1,1)*INDEX($D$3:$AA$30,INDEX(Jesper!$R$2:$R$366,ROW(INDEX(Jesper!AL$2:AL$366,ROUNDDOWN($C1406/24,0)+1,1))-1)+IF('Standard Profiles'!$G$22=$B$10,7,0)+IF('Standard Profiles'!$G$22=$B$17,14,0)+IF('Standard Profiles'!$G$22=$B$24,21,0),MOD($C1406,24)+1)/SUM(INDEX($D$3:$AA$30,INDEX(Jesper!$R$2:$R$366,ROW(INDEX(Jesper!AL$2:AL$366,ROUNDDOWN($C1406/24,0)+1,1))-1)+IF('Standard Profiles'!$G$22=$B$10,7,0)+IF('Standard Profiles'!$G$22=$B$17,14,0)+IF('Standard Profiles'!$G$22=$B$24,21,0),0)),0)</f>
        <v>0</v>
      </c>
      <c r="I1406">
        <f t="shared" si="167"/>
        <v>3.4970226677904916</v>
      </c>
      <c r="J1406">
        <f t="shared" si="168"/>
        <v>16.496588175788922</v>
      </c>
      <c r="K1406">
        <f t="shared" si="169"/>
        <v>0.63868844733411034</v>
      </c>
      <c r="L1406">
        <f t="shared" si="170"/>
        <v>0.31934422366705517</v>
      </c>
      <c r="M1406">
        <f t="shared" si="171"/>
        <v>0</v>
      </c>
      <c r="N1406" s="45">
        <f t="shared" si="172"/>
        <v>44984.166666663339</v>
      </c>
    </row>
    <row r="1407" spans="2:14" x14ac:dyDescent="0.25">
      <c r="B1407">
        <f t="shared" si="166"/>
        <v>1</v>
      </c>
      <c r="C1407" s="16">
        <v>1373</v>
      </c>
      <c r="D1407" cm="1">
        <f t="array" ref="D1407">IFERROR(INDEX(Jesper!AH$2:AH$366,ROUNDDOWN($C1407/24,0)+1,1)*INDEX($D$3:$AA$30,INDEX(Jesper!$R$2:$R$366,ROW(INDEX(Jesper!AH$2:AH$366,ROUNDDOWN($C1407/24,0)+1,1))-1)+IF('Standard Profiles'!$G$18=$B$10,7,0)+IF('Standard Profiles'!$G$18=$B$17,14,0)+IF('Standard Profiles'!$G$18=$B$24,21,0),MOD($C1407,24)+1)/SUM(INDEX($D$3:$AA$30,INDEX(Jesper!$R$2:$R$366,ROW(INDEX(Jesper!AH$2:AH$366,ROUNDDOWN($C1407/24,0)+1,1))-1)+IF('Standard Profiles'!$G$18=$B$10,7,0)+IF('Standard Profiles'!$G$18=$B$17,14,0)+IF('Standard Profiles'!$G$18=$B$24,21,0),0)),0)</f>
        <v>5.9877041937572839</v>
      </c>
      <c r="E1407" cm="1">
        <f t="array" ref="E1407">IFERROR(INDEX(Jesper!AI$2:AI$366,ROUNDDOWN($C1407/24,0)+1,1)*INDEX($D$3:$AA$30,INDEX(Jesper!$R$2:$R$366,ROW(INDEX(Jesper!AI$2:AI$366,ROUNDDOWN($C1407/24,0)+1,1))-1)+IF('Standard Profiles'!$G$19=$B$10,7,0)+IF('Standard Profiles'!$G$19=$B$17,14,0)+IF('Standard Profiles'!$G$19=$B$24,21,0),MOD($C1407,24)+1)/SUM(INDEX($D$3:$AA$30,INDEX(Jesper!$R$2:$R$366,ROW(INDEX(Jesper!AI$2:AI$366,ROUNDDOWN($C1407/24,0)+1,1))-1)+IF('Standard Profiles'!$G$19=$B$10,7,0)+IF('Standard Profiles'!$G$19=$B$17,14,0)+IF('Standard Profiles'!$G$19=$B$24,21,0),0)),0)</f>
        <v>7.6784754295931013</v>
      </c>
      <c r="F1407" cm="1">
        <f t="array" ref="F1407">IFERROR(INDEX(Jesper!AJ$2:AJ$366,ROUNDDOWN($C1407/24,0)+1,1)*INDEX($D$3:$AA$30,INDEX(Jesper!$R$2:$R$366,ROW(INDEX(Jesper!AJ$2:AJ$366,ROUNDDOWN($C1407/24,0)+1,1))-1)+IF('Standard Profiles'!$G$20=$B$10,7,0)+IF('Standard Profiles'!$G$20=$B$17,14,0)+IF('Standard Profiles'!$G$20=$B$24,21,0),MOD($C1407,24)+1)/SUM(INDEX($D$3:$AA$30,INDEX(Jesper!$R$2:$R$366,ROW(INDEX(Jesper!AJ$2:AJ$366,ROUNDDOWN($C1407/24,0)+1,1))-1)+IF('Standard Profiles'!$G$20=$B$10,7,0)+IF('Standard Profiles'!$G$20=$B$17,14,0)+IF('Standard Profiles'!$G$20=$B$24,21,0),0)),0)</f>
        <v>0</v>
      </c>
      <c r="G1407" cm="1">
        <f t="array" ref="G1407">IFERROR(INDEX(Jesper!AK$2:AK$366,ROUNDDOWN($C1407/24,0)+1,1)*INDEX($D$3:$AA$30,INDEX(Jesper!$R$2:$R$366,ROW(INDEX(Jesper!AK$2:AK$366,ROUNDDOWN($C1407/24,0)+1,1))-1)+IF('Standard Profiles'!$G$21=$B$10,7,0)+IF('Standard Profiles'!$G$21=$B$17,14,0)+IF('Standard Profiles'!$G$21=$B$24,21,0),MOD($C1407,24)+1)/SUM(INDEX($D$3:$AA$30,INDEX(Jesper!$R$2:$R$366,ROW(INDEX(Jesper!AK$2:AK$366,ROUNDDOWN($C1407/24,0)+1,1))-1)+IF('Standard Profiles'!$G$21=$B$10,7,0)+IF('Standard Profiles'!$G$21=$B$17,14,0)+IF('Standard Profiles'!$G$21=$B$24,21,0),0)),0)</f>
        <v>7.2854638912301946</v>
      </c>
      <c r="H1407" cm="1">
        <f t="array" ref="H1407">IFERROR(INDEX(Jesper!AL$2:AL$366,ROUNDDOWN($C1407/24,0)+1,1)*INDEX($D$3:$AA$30,INDEX(Jesper!$R$2:$R$366,ROW(INDEX(Jesper!AL$2:AL$366,ROUNDDOWN($C1407/24,0)+1,1))-1)+IF('Standard Profiles'!$G$22=$B$10,7,0)+IF('Standard Profiles'!$G$22=$B$17,14,0)+IF('Standard Profiles'!$G$22=$B$24,21,0),MOD($C1407,24)+1)/SUM(INDEX($D$3:$AA$30,INDEX(Jesper!$R$2:$R$366,ROW(INDEX(Jesper!AL$2:AL$366,ROUNDDOWN($C1407/24,0)+1,1))-1)+IF('Standard Profiles'!$G$22=$B$10,7,0)+IF('Standard Profiles'!$G$22=$B$17,14,0)+IF('Standard Profiles'!$G$22=$B$24,21,0),0)),0)</f>
        <v>0</v>
      </c>
      <c r="I1407">
        <f t="shared" si="167"/>
        <v>3.4970226677904916</v>
      </c>
      <c r="J1407">
        <f t="shared" si="168"/>
        <v>16.496588175788922</v>
      </c>
      <c r="K1407">
        <f t="shared" si="169"/>
        <v>0.63868844733411034</v>
      </c>
      <c r="L1407">
        <f t="shared" si="170"/>
        <v>0.31934422366705517</v>
      </c>
      <c r="M1407">
        <f t="shared" si="171"/>
        <v>0</v>
      </c>
      <c r="N1407" s="45">
        <f t="shared" si="172"/>
        <v>44984.208333330003</v>
      </c>
    </row>
    <row r="1408" spans="2:14" x14ac:dyDescent="0.25">
      <c r="B1408">
        <f t="shared" si="166"/>
        <v>1</v>
      </c>
      <c r="C1408" s="16">
        <v>1374</v>
      </c>
      <c r="D1408" cm="1">
        <f t="array" ref="D1408">IFERROR(INDEX(Jesper!AH$2:AH$366,ROUNDDOWN($C1408/24,0)+1,1)*INDEX($D$3:$AA$30,INDEX(Jesper!$R$2:$R$366,ROW(INDEX(Jesper!AH$2:AH$366,ROUNDDOWN($C1408/24,0)+1,1))-1)+IF('Standard Profiles'!$G$18=$B$10,7,0)+IF('Standard Profiles'!$G$18=$B$17,14,0)+IF('Standard Profiles'!$G$18=$B$24,21,0),MOD($C1408,24)+1)/SUM(INDEX($D$3:$AA$30,INDEX(Jesper!$R$2:$R$366,ROW(INDEX(Jesper!AH$2:AH$366,ROUNDDOWN($C1408/24,0)+1,1))-1)+IF('Standard Profiles'!$G$18=$B$10,7,0)+IF('Standard Profiles'!$G$18=$B$17,14,0)+IF('Standard Profiles'!$G$18=$B$24,21,0),0)),0)</f>
        <v>5.9877041937572839</v>
      </c>
      <c r="E1408" cm="1">
        <f t="array" ref="E1408">IFERROR(INDEX(Jesper!AI$2:AI$366,ROUNDDOWN($C1408/24,0)+1,1)*INDEX($D$3:$AA$30,INDEX(Jesper!$R$2:$R$366,ROW(INDEX(Jesper!AI$2:AI$366,ROUNDDOWN($C1408/24,0)+1,1))-1)+IF('Standard Profiles'!$G$19=$B$10,7,0)+IF('Standard Profiles'!$G$19=$B$17,14,0)+IF('Standard Profiles'!$G$19=$B$24,21,0),MOD($C1408,24)+1)/SUM(INDEX($D$3:$AA$30,INDEX(Jesper!$R$2:$R$366,ROW(INDEX(Jesper!AI$2:AI$366,ROUNDDOWN($C1408/24,0)+1,1))-1)+IF('Standard Profiles'!$G$19=$B$10,7,0)+IF('Standard Profiles'!$G$19=$B$17,14,0)+IF('Standard Profiles'!$G$19=$B$24,21,0),0)),0)</f>
        <v>7.6784754295931013</v>
      </c>
      <c r="F1408" cm="1">
        <f t="array" ref="F1408">IFERROR(INDEX(Jesper!AJ$2:AJ$366,ROUNDDOWN($C1408/24,0)+1,1)*INDEX($D$3:$AA$30,INDEX(Jesper!$R$2:$R$366,ROW(INDEX(Jesper!AJ$2:AJ$366,ROUNDDOWN($C1408/24,0)+1,1))-1)+IF('Standard Profiles'!$G$20=$B$10,7,0)+IF('Standard Profiles'!$G$20=$B$17,14,0)+IF('Standard Profiles'!$G$20=$B$24,21,0),MOD($C1408,24)+1)/SUM(INDEX($D$3:$AA$30,INDEX(Jesper!$R$2:$R$366,ROW(INDEX(Jesper!AJ$2:AJ$366,ROUNDDOWN($C1408/24,0)+1,1))-1)+IF('Standard Profiles'!$G$20=$B$10,7,0)+IF('Standard Profiles'!$G$20=$B$17,14,0)+IF('Standard Profiles'!$G$20=$B$24,21,0),0)),0)</f>
        <v>0</v>
      </c>
      <c r="G1408" cm="1">
        <f t="array" ref="G1408">IFERROR(INDEX(Jesper!AK$2:AK$366,ROUNDDOWN($C1408/24,0)+1,1)*INDEX($D$3:$AA$30,INDEX(Jesper!$R$2:$R$366,ROW(INDEX(Jesper!AK$2:AK$366,ROUNDDOWN($C1408/24,0)+1,1))-1)+IF('Standard Profiles'!$G$21=$B$10,7,0)+IF('Standard Profiles'!$G$21=$B$17,14,0)+IF('Standard Profiles'!$G$21=$B$24,21,0),MOD($C1408,24)+1)/SUM(INDEX($D$3:$AA$30,INDEX(Jesper!$R$2:$R$366,ROW(INDEX(Jesper!AK$2:AK$366,ROUNDDOWN($C1408/24,0)+1,1))-1)+IF('Standard Profiles'!$G$21=$B$10,7,0)+IF('Standard Profiles'!$G$21=$B$17,14,0)+IF('Standard Profiles'!$G$21=$B$24,21,0),0)),0)</f>
        <v>7.2854638912301946</v>
      </c>
      <c r="H1408" cm="1">
        <f t="array" ref="H1408">IFERROR(INDEX(Jesper!AL$2:AL$366,ROUNDDOWN($C1408/24,0)+1,1)*INDEX($D$3:$AA$30,INDEX(Jesper!$R$2:$R$366,ROW(INDEX(Jesper!AL$2:AL$366,ROUNDDOWN($C1408/24,0)+1,1))-1)+IF('Standard Profiles'!$G$22=$B$10,7,0)+IF('Standard Profiles'!$G$22=$B$17,14,0)+IF('Standard Profiles'!$G$22=$B$24,21,0),MOD($C1408,24)+1)/SUM(INDEX($D$3:$AA$30,INDEX(Jesper!$R$2:$R$366,ROW(INDEX(Jesper!AL$2:AL$366,ROUNDDOWN($C1408/24,0)+1,1))-1)+IF('Standard Profiles'!$G$22=$B$10,7,0)+IF('Standard Profiles'!$G$22=$B$17,14,0)+IF('Standard Profiles'!$G$22=$B$24,21,0),0)),0)</f>
        <v>0</v>
      </c>
      <c r="I1408">
        <f t="shared" si="167"/>
        <v>3.4970226677904916</v>
      </c>
      <c r="J1408">
        <f t="shared" si="168"/>
        <v>16.496588175788922</v>
      </c>
      <c r="K1408">
        <f t="shared" si="169"/>
        <v>0.63868844733411034</v>
      </c>
      <c r="L1408">
        <f t="shared" si="170"/>
        <v>0.31934422366705517</v>
      </c>
      <c r="M1408">
        <f t="shared" si="171"/>
        <v>0</v>
      </c>
      <c r="N1408" s="45">
        <f t="shared" si="172"/>
        <v>44984.249999996668</v>
      </c>
    </row>
    <row r="1409" spans="2:14" x14ac:dyDescent="0.25">
      <c r="B1409">
        <f t="shared" si="166"/>
        <v>1</v>
      </c>
      <c r="C1409" s="16">
        <v>1375</v>
      </c>
      <c r="D1409" cm="1">
        <f t="array" ref="D1409">IFERROR(INDEX(Jesper!AH$2:AH$366,ROUNDDOWN($C1409/24,0)+1,1)*INDEX($D$3:$AA$30,INDEX(Jesper!$R$2:$R$366,ROW(INDEX(Jesper!AH$2:AH$366,ROUNDDOWN($C1409/24,0)+1,1))-1)+IF('Standard Profiles'!$G$18=$B$10,7,0)+IF('Standard Profiles'!$G$18=$B$17,14,0)+IF('Standard Profiles'!$G$18=$B$24,21,0),MOD($C1409,24)+1)/SUM(INDEX($D$3:$AA$30,INDEX(Jesper!$R$2:$R$366,ROW(INDEX(Jesper!AH$2:AH$366,ROUNDDOWN($C1409/24,0)+1,1))-1)+IF('Standard Profiles'!$G$18=$B$10,7,0)+IF('Standard Profiles'!$G$18=$B$17,14,0)+IF('Standard Profiles'!$G$18=$B$24,21,0),0)),0)</f>
        <v>25.507619865406031</v>
      </c>
      <c r="E1409" cm="1">
        <f t="array" ref="E1409">IFERROR(INDEX(Jesper!AI$2:AI$366,ROUNDDOWN($C1409/24,0)+1,1)*INDEX($D$3:$AA$30,INDEX(Jesper!$R$2:$R$366,ROW(INDEX(Jesper!AI$2:AI$366,ROUNDDOWN($C1409/24,0)+1,1))-1)+IF('Standard Profiles'!$G$19=$B$10,7,0)+IF('Standard Profiles'!$G$19=$B$17,14,0)+IF('Standard Profiles'!$G$19=$B$24,21,0),MOD($C1409,24)+1)/SUM(INDEX($D$3:$AA$30,INDEX(Jesper!$R$2:$R$366,ROW(INDEX(Jesper!AI$2:AI$366,ROUNDDOWN($C1409/24,0)+1,1))-1)+IF('Standard Profiles'!$G$19=$B$10,7,0)+IF('Standard Profiles'!$G$19=$B$17,14,0)+IF('Standard Profiles'!$G$19=$B$24,21,0),0)),0)</f>
        <v>32.71030533006661</v>
      </c>
      <c r="F1409" cm="1">
        <f t="array" ref="F1409">IFERROR(INDEX(Jesper!AJ$2:AJ$366,ROUNDDOWN($C1409/24,0)+1,1)*INDEX($D$3:$AA$30,INDEX(Jesper!$R$2:$R$366,ROW(INDEX(Jesper!AJ$2:AJ$366,ROUNDDOWN($C1409/24,0)+1,1))-1)+IF('Standard Profiles'!$G$20=$B$10,7,0)+IF('Standard Profiles'!$G$20=$B$17,14,0)+IF('Standard Profiles'!$G$20=$B$24,21,0),MOD($C1409,24)+1)/SUM(INDEX($D$3:$AA$30,INDEX(Jesper!$R$2:$R$366,ROW(INDEX(Jesper!AJ$2:AJ$366,ROUNDDOWN($C1409/24,0)+1,1))-1)+IF('Standard Profiles'!$G$20=$B$10,7,0)+IF('Standard Profiles'!$G$20=$B$17,14,0)+IF('Standard Profiles'!$G$20=$B$24,21,0),0)),0)</f>
        <v>0</v>
      </c>
      <c r="G1409" cm="1">
        <f t="array" ref="G1409">IFERROR(INDEX(Jesper!AK$2:AK$366,ROUNDDOWN($C1409/24,0)+1,1)*INDEX($D$3:$AA$30,INDEX(Jesper!$R$2:$R$366,ROW(INDEX(Jesper!AK$2:AK$366,ROUNDDOWN($C1409/24,0)+1,1))-1)+IF('Standard Profiles'!$G$21=$B$10,7,0)+IF('Standard Profiles'!$G$21=$B$17,14,0)+IF('Standard Profiles'!$G$21=$B$24,21,0),MOD($C1409,24)+1)/SUM(INDEX($D$3:$AA$30,INDEX(Jesper!$R$2:$R$366,ROW(INDEX(Jesper!AK$2:AK$366,ROUNDDOWN($C1409/24,0)+1,1))-1)+IF('Standard Profiles'!$G$21=$B$10,7,0)+IF('Standard Profiles'!$G$21=$B$17,14,0)+IF('Standard Profiles'!$G$21=$B$24,21,0),0)),0)</f>
        <v>31.691767926851341</v>
      </c>
      <c r="H1409" cm="1">
        <f t="array" ref="H1409">IFERROR(INDEX(Jesper!AL$2:AL$366,ROUNDDOWN($C1409/24,0)+1,1)*INDEX($D$3:$AA$30,INDEX(Jesper!$R$2:$R$366,ROW(INDEX(Jesper!AL$2:AL$366,ROUNDDOWN($C1409/24,0)+1,1))-1)+IF('Standard Profiles'!$G$22=$B$10,7,0)+IF('Standard Profiles'!$G$22=$B$17,14,0)+IF('Standard Profiles'!$G$22=$B$24,21,0),MOD($C1409,24)+1)/SUM(INDEX($D$3:$AA$30,INDEX(Jesper!$R$2:$R$366,ROW(INDEX(Jesper!AL$2:AL$366,ROUNDDOWN($C1409/24,0)+1,1))-1)+IF('Standard Profiles'!$G$22=$B$10,7,0)+IF('Standard Profiles'!$G$22=$B$17,14,0)+IF('Standard Profiles'!$G$22=$B$24,21,0),0)),0)</f>
        <v>0</v>
      </c>
      <c r="I1409">
        <f t="shared" si="167"/>
        <v>15.212048604888636</v>
      </c>
      <c r="J1409">
        <f t="shared" si="168"/>
        <v>70.616425338970373</v>
      </c>
      <c r="K1409">
        <f t="shared" si="169"/>
        <v>2.72081278564331</v>
      </c>
      <c r="L1409">
        <f t="shared" si="170"/>
        <v>1.360406392821655</v>
      </c>
      <c r="M1409">
        <f t="shared" si="171"/>
        <v>0</v>
      </c>
      <c r="N1409" s="45">
        <f t="shared" si="172"/>
        <v>44984.291666663332</v>
      </c>
    </row>
    <row r="1410" spans="2:14" x14ac:dyDescent="0.25">
      <c r="B1410">
        <f t="shared" si="166"/>
        <v>1</v>
      </c>
      <c r="C1410" s="16">
        <v>1376</v>
      </c>
      <c r="D1410" cm="1">
        <f t="array" ref="D1410">IFERROR(INDEX(Jesper!AH$2:AH$366,ROUNDDOWN($C1410/24,0)+1,1)*INDEX($D$3:$AA$30,INDEX(Jesper!$R$2:$R$366,ROW(INDEX(Jesper!AH$2:AH$366,ROUNDDOWN($C1410/24,0)+1,1))-1)+IF('Standard Profiles'!$G$18=$B$10,7,0)+IF('Standard Profiles'!$G$18=$B$17,14,0)+IF('Standard Profiles'!$G$18=$B$24,21,0),MOD($C1410,24)+1)/SUM(INDEX($D$3:$AA$30,INDEX(Jesper!$R$2:$R$366,ROW(INDEX(Jesper!AH$2:AH$366,ROUNDDOWN($C1410/24,0)+1,1))-1)+IF('Standard Profiles'!$G$18=$B$10,7,0)+IF('Standard Profiles'!$G$18=$B$17,14,0)+IF('Standard Profiles'!$G$18=$B$24,21,0),0)),0)</f>
        <v>28.696072348581783</v>
      </c>
      <c r="E1410" cm="1">
        <f t="array" ref="E1410">IFERROR(INDEX(Jesper!AI$2:AI$366,ROUNDDOWN($C1410/24,0)+1,1)*INDEX($D$3:$AA$30,INDEX(Jesper!$R$2:$R$366,ROW(INDEX(Jesper!AI$2:AI$366,ROUNDDOWN($C1410/24,0)+1,1))-1)+IF('Standard Profiles'!$G$19=$B$10,7,0)+IF('Standard Profiles'!$G$19=$B$17,14,0)+IF('Standard Profiles'!$G$19=$B$24,21,0),MOD($C1410,24)+1)/SUM(INDEX($D$3:$AA$30,INDEX(Jesper!$R$2:$R$366,ROW(INDEX(Jesper!AI$2:AI$366,ROUNDDOWN($C1410/24,0)+1,1))-1)+IF('Standard Profiles'!$G$19=$B$10,7,0)+IF('Standard Profiles'!$G$19=$B$17,14,0)+IF('Standard Profiles'!$G$19=$B$24,21,0),0)),0)</f>
        <v>36.799093496324936</v>
      </c>
      <c r="F1410" cm="1">
        <f t="array" ref="F1410">IFERROR(INDEX(Jesper!AJ$2:AJ$366,ROUNDDOWN($C1410/24,0)+1,1)*INDEX($D$3:$AA$30,INDEX(Jesper!$R$2:$R$366,ROW(INDEX(Jesper!AJ$2:AJ$366,ROUNDDOWN($C1410/24,0)+1,1))-1)+IF('Standard Profiles'!$G$20=$B$10,7,0)+IF('Standard Profiles'!$G$20=$B$17,14,0)+IF('Standard Profiles'!$G$20=$B$24,21,0),MOD($C1410,24)+1)/SUM(INDEX($D$3:$AA$30,INDEX(Jesper!$R$2:$R$366,ROW(INDEX(Jesper!AJ$2:AJ$366,ROUNDDOWN($C1410/24,0)+1,1))-1)+IF('Standard Profiles'!$G$20=$B$10,7,0)+IF('Standard Profiles'!$G$20=$B$17,14,0)+IF('Standard Profiles'!$G$20=$B$24,21,0),0)),0)</f>
        <v>0</v>
      </c>
      <c r="G1410" cm="1">
        <f t="array" ref="G1410">IFERROR(INDEX(Jesper!AK$2:AK$366,ROUNDDOWN($C1410/24,0)+1,1)*INDEX($D$3:$AA$30,INDEX(Jesper!$R$2:$R$366,ROW(INDEX(Jesper!AK$2:AK$366,ROUNDDOWN($C1410/24,0)+1,1))-1)+IF('Standard Profiles'!$G$21=$B$10,7,0)+IF('Standard Profiles'!$G$21=$B$17,14,0)+IF('Standard Profiles'!$G$21=$B$24,21,0),MOD($C1410,24)+1)/SUM(INDEX($D$3:$AA$30,INDEX(Jesper!$R$2:$R$366,ROW(INDEX(Jesper!AK$2:AK$366,ROUNDDOWN($C1410/24,0)+1,1))-1)+IF('Standard Profiles'!$G$21=$B$10,7,0)+IF('Standard Profiles'!$G$21=$B$17,14,0)+IF('Standard Profiles'!$G$21=$B$24,21,0),0)),0)</f>
        <v>35.65323891770776</v>
      </c>
      <c r="H1410" cm="1">
        <f t="array" ref="H1410">IFERROR(INDEX(Jesper!AL$2:AL$366,ROUNDDOWN($C1410/24,0)+1,1)*INDEX($D$3:$AA$30,INDEX(Jesper!$R$2:$R$366,ROW(INDEX(Jesper!AL$2:AL$366,ROUNDDOWN($C1410/24,0)+1,1))-1)+IF('Standard Profiles'!$G$22=$B$10,7,0)+IF('Standard Profiles'!$G$22=$B$17,14,0)+IF('Standard Profiles'!$G$22=$B$24,21,0),MOD($C1410,24)+1)/SUM(INDEX($D$3:$AA$30,INDEX(Jesper!$R$2:$R$366,ROW(INDEX(Jesper!AL$2:AL$366,ROUNDDOWN($C1410/24,0)+1,1))-1)+IF('Standard Profiles'!$G$22=$B$10,7,0)+IF('Standard Profiles'!$G$22=$B$17,14,0)+IF('Standard Profiles'!$G$22=$B$24,21,0),0)),0)</f>
        <v>0</v>
      </c>
      <c r="I1410">
        <f t="shared" si="167"/>
        <v>17.113554680499718</v>
      </c>
      <c r="J1410">
        <f t="shared" si="168"/>
        <v>79.443478506341677</v>
      </c>
      <c r="K1410">
        <f t="shared" si="169"/>
        <v>3.0609143838487238</v>
      </c>
      <c r="L1410">
        <f t="shared" si="170"/>
        <v>1.5304571919243619</v>
      </c>
      <c r="M1410">
        <f t="shared" si="171"/>
        <v>0</v>
      </c>
      <c r="N1410" s="45">
        <f t="shared" si="172"/>
        <v>44984.333333329996</v>
      </c>
    </row>
    <row r="1411" spans="2:14" x14ac:dyDescent="0.25">
      <c r="B1411">
        <f t="shared" si="166"/>
        <v>1</v>
      </c>
      <c r="C1411" s="16">
        <v>1377</v>
      </c>
      <c r="D1411" cm="1">
        <f t="array" ref="D1411">IFERROR(INDEX(Jesper!AH$2:AH$366,ROUNDDOWN($C1411/24,0)+1,1)*INDEX($D$3:$AA$30,INDEX(Jesper!$R$2:$R$366,ROW(INDEX(Jesper!AH$2:AH$366,ROUNDDOWN($C1411/24,0)+1,1))-1)+IF('Standard Profiles'!$G$18=$B$10,7,0)+IF('Standard Profiles'!$G$18=$B$17,14,0)+IF('Standard Profiles'!$G$18=$B$24,21,0),MOD($C1411,24)+1)/SUM(INDEX($D$3:$AA$30,INDEX(Jesper!$R$2:$R$366,ROW(INDEX(Jesper!AH$2:AH$366,ROUNDDOWN($C1411/24,0)+1,1))-1)+IF('Standard Profiles'!$G$18=$B$10,7,0)+IF('Standard Profiles'!$G$18=$B$17,14,0)+IF('Standard Profiles'!$G$18=$B$24,21,0),0)),0)</f>
        <v>31.884524831757535</v>
      </c>
      <c r="E1411" cm="1">
        <f t="array" ref="E1411">IFERROR(INDEX(Jesper!AI$2:AI$366,ROUNDDOWN($C1411/24,0)+1,1)*INDEX($D$3:$AA$30,INDEX(Jesper!$R$2:$R$366,ROW(INDEX(Jesper!AI$2:AI$366,ROUNDDOWN($C1411/24,0)+1,1))-1)+IF('Standard Profiles'!$G$19=$B$10,7,0)+IF('Standard Profiles'!$G$19=$B$17,14,0)+IF('Standard Profiles'!$G$19=$B$24,21,0),MOD($C1411,24)+1)/SUM(INDEX($D$3:$AA$30,INDEX(Jesper!$R$2:$R$366,ROW(INDEX(Jesper!AI$2:AI$366,ROUNDDOWN($C1411/24,0)+1,1))-1)+IF('Standard Profiles'!$G$19=$B$10,7,0)+IF('Standard Profiles'!$G$19=$B$17,14,0)+IF('Standard Profiles'!$G$19=$B$24,21,0),0)),0)</f>
        <v>40.887881662583261</v>
      </c>
      <c r="F1411" cm="1">
        <f t="array" ref="F1411">IFERROR(INDEX(Jesper!AJ$2:AJ$366,ROUNDDOWN($C1411/24,0)+1,1)*INDEX($D$3:$AA$30,INDEX(Jesper!$R$2:$R$366,ROW(INDEX(Jesper!AJ$2:AJ$366,ROUNDDOWN($C1411/24,0)+1,1))-1)+IF('Standard Profiles'!$G$20=$B$10,7,0)+IF('Standard Profiles'!$G$20=$B$17,14,0)+IF('Standard Profiles'!$G$20=$B$24,21,0),MOD($C1411,24)+1)/SUM(INDEX($D$3:$AA$30,INDEX(Jesper!$R$2:$R$366,ROW(INDEX(Jesper!AJ$2:AJ$366,ROUNDDOWN($C1411/24,0)+1,1))-1)+IF('Standard Profiles'!$G$20=$B$10,7,0)+IF('Standard Profiles'!$G$20=$B$17,14,0)+IF('Standard Profiles'!$G$20=$B$24,21,0),0)),0)</f>
        <v>0</v>
      </c>
      <c r="G1411" cm="1">
        <f t="array" ref="G1411">IFERROR(INDEX(Jesper!AK$2:AK$366,ROUNDDOWN($C1411/24,0)+1,1)*INDEX($D$3:$AA$30,INDEX(Jesper!$R$2:$R$366,ROW(INDEX(Jesper!AK$2:AK$366,ROUNDDOWN($C1411/24,0)+1,1))-1)+IF('Standard Profiles'!$G$21=$B$10,7,0)+IF('Standard Profiles'!$G$21=$B$17,14,0)+IF('Standard Profiles'!$G$21=$B$24,21,0),MOD($C1411,24)+1)/SUM(INDEX($D$3:$AA$30,INDEX(Jesper!$R$2:$R$366,ROW(INDEX(Jesper!AK$2:AK$366,ROUNDDOWN($C1411/24,0)+1,1))-1)+IF('Standard Profiles'!$G$21=$B$10,7,0)+IF('Standard Profiles'!$G$21=$B$17,14,0)+IF('Standard Profiles'!$G$21=$B$24,21,0),0)),0)</f>
        <v>39.61470990856418</v>
      </c>
      <c r="H1411" cm="1">
        <f t="array" ref="H1411">IFERROR(INDEX(Jesper!AL$2:AL$366,ROUNDDOWN($C1411/24,0)+1,1)*INDEX($D$3:$AA$30,INDEX(Jesper!$R$2:$R$366,ROW(INDEX(Jesper!AL$2:AL$366,ROUNDDOWN($C1411/24,0)+1,1))-1)+IF('Standard Profiles'!$G$22=$B$10,7,0)+IF('Standard Profiles'!$G$22=$B$17,14,0)+IF('Standard Profiles'!$G$22=$B$24,21,0),MOD($C1411,24)+1)/SUM(INDEX($D$3:$AA$30,INDEX(Jesper!$R$2:$R$366,ROW(INDEX(Jesper!AL$2:AL$366,ROUNDDOWN($C1411/24,0)+1,1))-1)+IF('Standard Profiles'!$G$22=$B$10,7,0)+IF('Standard Profiles'!$G$22=$B$17,14,0)+IF('Standard Profiles'!$G$22=$B$24,21,0),0)),0)</f>
        <v>0</v>
      </c>
      <c r="I1411">
        <f t="shared" si="167"/>
        <v>19.015060756110795</v>
      </c>
      <c r="J1411">
        <f t="shared" si="168"/>
        <v>88.270531673712966</v>
      </c>
      <c r="K1411">
        <f t="shared" si="169"/>
        <v>3.4010159820541372</v>
      </c>
      <c r="L1411">
        <f t="shared" si="170"/>
        <v>1.7005079910270686</v>
      </c>
      <c r="M1411">
        <f t="shared" si="171"/>
        <v>0</v>
      </c>
      <c r="N1411" s="45">
        <f t="shared" si="172"/>
        <v>44984.37499999666</v>
      </c>
    </row>
    <row r="1412" spans="2:14" x14ac:dyDescent="0.25">
      <c r="B1412">
        <f t="shared" si="166"/>
        <v>1</v>
      </c>
      <c r="C1412" s="16">
        <v>1378</v>
      </c>
      <c r="D1412" cm="1">
        <f t="array" ref="D1412">IFERROR(INDEX(Jesper!AH$2:AH$366,ROUNDDOWN($C1412/24,0)+1,1)*INDEX($D$3:$AA$30,INDEX(Jesper!$R$2:$R$366,ROW(INDEX(Jesper!AH$2:AH$366,ROUNDDOWN($C1412/24,0)+1,1))-1)+IF('Standard Profiles'!$G$18=$B$10,7,0)+IF('Standard Profiles'!$G$18=$B$17,14,0)+IF('Standard Profiles'!$G$18=$B$24,21,0),MOD($C1412,24)+1)/SUM(INDEX($D$3:$AA$30,INDEX(Jesper!$R$2:$R$366,ROW(INDEX(Jesper!AH$2:AH$366,ROUNDDOWN($C1412/24,0)+1,1))-1)+IF('Standard Profiles'!$G$18=$B$10,7,0)+IF('Standard Profiles'!$G$18=$B$17,14,0)+IF('Standard Profiles'!$G$18=$B$24,21,0),0)),0)</f>
        <v>31.884524831757535</v>
      </c>
      <c r="E1412" cm="1">
        <f t="array" ref="E1412">IFERROR(INDEX(Jesper!AI$2:AI$366,ROUNDDOWN($C1412/24,0)+1,1)*INDEX($D$3:$AA$30,INDEX(Jesper!$R$2:$R$366,ROW(INDEX(Jesper!AI$2:AI$366,ROUNDDOWN($C1412/24,0)+1,1))-1)+IF('Standard Profiles'!$G$19=$B$10,7,0)+IF('Standard Profiles'!$G$19=$B$17,14,0)+IF('Standard Profiles'!$G$19=$B$24,21,0),MOD($C1412,24)+1)/SUM(INDEX($D$3:$AA$30,INDEX(Jesper!$R$2:$R$366,ROW(INDEX(Jesper!AI$2:AI$366,ROUNDDOWN($C1412/24,0)+1,1))-1)+IF('Standard Profiles'!$G$19=$B$10,7,0)+IF('Standard Profiles'!$G$19=$B$17,14,0)+IF('Standard Profiles'!$G$19=$B$24,21,0),0)),0)</f>
        <v>40.887881662583261</v>
      </c>
      <c r="F1412" cm="1">
        <f t="array" ref="F1412">IFERROR(INDEX(Jesper!AJ$2:AJ$366,ROUNDDOWN($C1412/24,0)+1,1)*INDEX($D$3:$AA$30,INDEX(Jesper!$R$2:$R$366,ROW(INDEX(Jesper!AJ$2:AJ$366,ROUNDDOWN($C1412/24,0)+1,1))-1)+IF('Standard Profiles'!$G$20=$B$10,7,0)+IF('Standard Profiles'!$G$20=$B$17,14,0)+IF('Standard Profiles'!$G$20=$B$24,21,0),MOD($C1412,24)+1)/SUM(INDEX($D$3:$AA$30,INDEX(Jesper!$R$2:$R$366,ROW(INDEX(Jesper!AJ$2:AJ$366,ROUNDDOWN($C1412/24,0)+1,1))-1)+IF('Standard Profiles'!$G$20=$B$10,7,0)+IF('Standard Profiles'!$G$20=$B$17,14,0)+IF('Standard Profiles'!$G$20=$B$24,21,0),0)),0)</f>
        <v>0</v>
      </c>
      <c r="G1412" cm="1">
        <f t="array" ref="G1412">IFERROR(INDEX(Jesper!AK$2:AK$366,ROUNDDOWN($C1412/24,0)+1,1)*INDEX($D$3:$AA$30,INDEX(Jesper!$R$2:$R$366,ROW(INDEX(Jesper!AK$2:AK$366,ROUNDDOWN($C1412/24,0)+1,1))-1)+IF('Standard Profiles'!$G$21=$B$10,7,0)+IF('Standard Profiles'!$G$21=$B$17,14,0)+IF('Standard Profiles'!$G$21=$B$24,21,0),MOD($C1412,24)+1)/SUM(INDEX($D$3:$AA$30,INDEX(Jesper!$R$2:$R$366,ROW(INDEX(Jesper!AK$2:AK$366,ROUNDDOWN($C1412/24,0)+1,1))-1)+IF('Standard Profiles'!$G$21=$B$10,7,0)+IF('Standard Profiles'!$G$21=$B$17,14,0)+IF('Standard Profiles'!$G$21=$B$24,21,0),0)),0)</f>
        <v>39.61470990856418</v>
      </c>
      <c r="H1412" cm="1">
        <f t="array" ref="H1412">IFERROR(INDEX(Jesper!AL$2:AL$366,ROUNDDOWN($C1412/24,0)+1,1)*INDEX($D$3:$AA$30,INDEX(Jesper!$R$2:$R$366,ROW(INDEX(Jesper!AL$2:AL$366,ROUNDDOWN($C1412/24,0)+1,1))-1)+IF('Standard Profiles'!$G$22=$B$10,7,0)+IF('Standard Profiles'!$G$22=$B$17,14,0)+IF('Standard Profiles'!$G$22=$B$24,21,0),MOD($C1412,24)+1)/SUM(INDEX($D$3:$AA$30,INDEX(Jesper!$R$2:$R$366,ROW(INDEX(Jesper!AL$2:AL$366,ROUNDDOWN($C1412/24,0)+1,1))-1)+IF('Standard Profiles'!$G$22=$B$10,7,0)+IF('Standard Profiles'!$G$22=$B$17,14,0)+IF('Standard Profiles'!$G$22=$B$24,21,0),0)),0)</f>
        <v>0</v>
      </c>
      <c r="I1412">
        <f t="shared" si="167"/>
        <v>19.015060756110795</v>
      </c>
      <c r="J1412">
        <f t="shared" si="168"/>
        <v>88.270531673712966</v>
      </c>
      <c r="K1412">
        <f t="shared" si="169"/>
        <v>3.4010159820541372</v>
      </c>
      <c r="L1412">
        <f t="shared" si="170"/>
        <v>1.7005079910270686</v>
      </c>
      <c r="M1412">
        <f t="shared" si="171"/>
        <v>0</v>
      </c>
      <c r="N1412" s="45">
        <f t="shared" si="172"/>
        <v>44984.416666663325</v>
      </c>
    </row>
    <row r="1413" spans="2:14" x14ac:dyDescent="0.25">
      <c r="B1413">
        <f t="shared" si="166"/>
        <v>1</v>
      </c>
      <c r="C1413" s="16">
        <v>1379</v>
      </c>
      <c r="D1413" cm="1">
        <f t="array" ref="D1413">IFERROR(INDEX(Jesper!AH$2:AH$366,ROUNDDOWN($C1413/24,0)+1,1)*INDEX($D$3:$AA$30,INDEX(Jesper!$R$2:$R$366,ROW(INDEX(Jesper!AH$2:AH$366,ROUNDDOWN($C1413/24,0)+1,1))-1)+IF('Standard Profiles'!$G$18=$B$10,7,0)+IF('Standard Profiles'!$G$18=$B$17,14,0)+IF('Standard Profiles'!$G$18=$B$24,21,0),MOD($C1413,24)+1)/SUM(INDEX($D$3:$AA$30,INDEX(Jesper!$R$2:$R$366,ROW(INDEX(Jesper!AH$2:AH$366,ROUNDDOWN($C1413/24,0)+1,1))-1)+IF('Standard Profiles'!$G$18=$B$10,7,0)+IF('Standard Profiles'!$G$18=$B$17,14,0)+IF('Standard Profiles'!$G$18=$B$24,21,0),0)),0)</f>
        <v>38.261429798109042</v>
      </c>
      <c r="E1413" cm="1">
        <f t="array" ref="E1413">IFERROR(INDEX(Jesper!AI$2:AI$366,ROUNDDOWN($C1413/24,0)+1,1)*INDEX($D$3:$AA$30,INDEX(Jesper!$R$2:$R$366,ROW(INDEX(Jesper!AI$2:AI$366,ROUNDDOWN($C1413/24,0)+1,1))-1)+IF('Standard Profiles'!$G$19=$B$10,7,0)+IF('Standard Profiles'!$G$19=$B$17,14,0)+IF('Standard Profiles'!$G$19=$B$24,21,0),MOD($C1413,24)+1)/SUM(INDEX($D$3:$AA$30,INDEX(Jesper!$R$2:$R$366,ROW(INDEX(Jesper!AI$2:AI$366,ROUNDDOWN($C1413/24,0)+1,1))-1)+IF('Standard Profiles'!$G$19=$B$10,7,0)+IF('Standard Profiles'!$G$19=$B$17,14,0)+IF('Standard Profiles'!$G$19=$B$24,21,0),0)),0)</f>
        <v>49.065457995099912</v>
      </c>
      <c r="F1413" cm="1">
        <f t="array" ref="F1413">IFERROR(INDEX(Jesper!AJ$2:AJ$366,ROUNDDOWN($C1413/24,0)+1,1)*INDEX($D$3:$AA$30,INDEX(Jesper!$R$2:$R$366,ROW(INDEX(Jesper!AJ$2:AJ$366,ROUNDDOWN($C1413/24,0)+1,1))-1)+IF('Standard Profiles'!$G$20=$B$10,7,0)+IF('Standard Profiles'!$G$20=$B$17,14,0)+IF('Standard Profiles'!$G$20=$B$24,21,0),MOD($C1413,24)+1)/SUM(INDEX($D$3:$AA$30,INDEX(Jesper!$R$2:$R$366,ROW(INDEX(Jesper!AJ$2:AJ$366,ROUNDDOWN($C1413/24,0)+1,1))-1)+IF('Standard Profiles'!$G$20=$B$10,7,0)+IF('Standard Profiles'!$G$20=$B$17,14,0)+IF('Standard Profiles'!$G$20=$B$24,21,0),0)),0)</f>
        <v>0</v>
      </c>
      <c r="G1413" cm="1">
        <f t="array" ref="G1413">IFERROR(INDEX(Jesper!AK$2:AK$366,ROUNDDOWN($C1413/24,0)+1,1)*INDEX($D$3:$AA$30,INDEX(Jesper!$R$2:$R$366,ROW(INDEX(Jesper!AK$2:AK$366,ROUNDDOWN($C1413/24,0)+1,1))-1)+IF('Standard Profiles'!$G$21=$B$10,7,0)+IF('Standard Profiles'!$G$21=$B$17,14,0)+IF('Standard Profiles'!$G$21=$B$24,21,0),MOD($C1413,24)+1)/SUM(INDEX($D$3:$AA$30,INDEX(Jesper!$R$2:$R$366,ROW(INDEX(Jesper!AK$2:AK$366,ROUNDDOWN($C1413/24,0)+1,1))-1)+IF('Standard Profiles'!$G$21=$B$10,7,0)+IF('Standard Profiles'!$G$21=$B$17,14,0)+IF('Standard Profiles'!$G$21=$B$24,21,0),0)),0)</f>
        <v>47.537651890277004</v>
      </c>
      <c r="H1413" cm="1">
        <f t="array" ref="H1413">IFERROR(INDEX(Jesper!AL$2:AL$366,ROUNDDOWN($C1413/24,0)+1,1)*INDEX($D$3:$AA$30,INDEX(Jesper!$R$2:$R$366,ROW(INDEX(Jesper!AL$2:AL$366,ROUNDDOWN($C1413/24,0)+1,1))-1)+IF('Standard Profiles'!$G$22=$B$10,7,0)+IF('Standard Profiles'!$G$22=$B$17,14,0)+IF('Standard Profiles'!$G$22=$B$24,21,0),MOD($C1413,24)+1)/SUM(INDEX($D$3:$AA$30,INDEX(Jesper!$R$2:$R$366,ROW(INDEX(Jesper!AL$2:AL$366,ROUNDDOWN($C1413/24,0)+1,1))-1)+IF('Standard Profiles'!$G$22=$B$10,7,0)+IF('Standard Profiles'!$G$22=$B$17,14,0)+IF('Standard Profiles'!$G$22=$B$24,21,0),0)),0)</f>
        <v>0</v>
      </c>
      <c r="I1413">
        <f t="shared" si="167"/>
        <v>22.818072907332951</v>
      </c>
      <c r="J1413">
        <f t="shared" si="168"/>
        <v>105.92463800845556</v>
      </c>
      <c r="K1413">
        <f t="shared" si="169"/>
        <v>4.0812191784649645</v>
      </c>
      <c r="L1413">
        <f t="shared" si="170"/>
        <v>2.0406095892324823</v>
      </c>
      <c r="M1413">
        <f t="shared" si="171"/>
        <v>0</v>
      </c>
      <c r="N1413" s="45">
        <f t="shared" si="172"/>
        <v>44984.458333329989</v>
      </c>
    </row>
    <row r="1414" spans="2:14" x14ac:dyDescent="0.25">
      <c r="B1414">
        <f t="shared" si="166"/>
        <v>1</v>
      </c>
      <c r="C1414" s="16">
        <v>1380</v>
      </c>
      <c r="D1414" cm="1">
        <f t="array" ref="D1414">IFERROR(INDEX(Jesper!AH$2:AH$366,ROUNDDOWN($C1414/24,0)+1,1)*INDEX($D$3:$AA$30,INDEX(Jesper!$R$2:$R$366,ROW(INDEX(Jesper!AH$2:AH$366,ROUNDDOWN($C1414/24,0)+1,1))-1)+IF('Standard Profiles'!$G$18=$B$10,7,0)+IF('Standard Profiles'!$G$18=$B$17,14,0)+IF('Standard Profiles'!$G$18=$B$24,21,0),MOD($C1414,24)+1)/SUM(INDEX($D$3:$AA$30,INDEX(Jesper!$R$2:$R$366,ROW(INDEX(Jesper!AH$2:AH$366,ROUNDDOWN($C1414/24,0)+1,1))-1)+IF('Standard Profiles'!$G$18=$B$10,7,0)+IF('Standard Profiles'!$G$18=$B$17,14,0)+IF('Standard Profiles'!$G$18=$B$24,21,0),0)),0)</f>
        <v>38.261429798109042</v>
      </c>
      <c r="E1414" cm="1">
        <f t="array" ref="E1414">IFERROR(INDEX(Jesper!AI$2:AI$366,ROUNDDOWN($C1414/24,0)+1,1)*INDEX($D$3:$AA$30,INDEX(Jesper!$R$2:$R$366,ROW(INDEX(Jesper!AI$2:AI$366,ROUNDDOWN($C1414/24,0)+1,1))-1)+IF('Standard Profiles'!$G$19=$B$10,7,0)+IF('Standard Profiles'!$G$19=$B$17,14,0)+IF('Standard Profiles'!$G$19=$B$24,21,0),MOD($C1414,24)+1)/SUM(INDEX($D$3:$AA$30,INDEX(Jesper!$R$2:$R$366,ROW(INDEX(Jesper!AI$2:AI$366,ROUNDDOWN($C1414/24,0)+1,1))-1)+IF('Standard Profiles'!$G$19=$B$10,7,0)+IF('Standard Profiles'!$G$19=$B$17,14,0)+IF('Standard Profiles'!$G$19=$B$24,21,0),0)),0)</f>
        <v>49.065457995099912</v>
      </c>
      <c r="F1414" cm="1">
        <f t="array" ref="F1414">IFERROR(INDEX(Jesper!AJ$2:AJ$366,ROUNDDOWN($C1414/24,0)+1,1)*INDEX($D$3:$AA$30,INDEX(Jesper!$R$2:$R$366,ROW(INDEX(Jesper!AJ$2:AJ$366,ROUNDDOWN($C1414/24,0)+1,1))-1)+IF('Standard Profiles'!$G$20=$B$10,7,0)+IF('Standard Profiles'!$G$20=$B$17,14,0)+IF('Standard Profiles'!$G$20=$B$24,21,0),MOD($C1414,24)+1)/SUM(INDEX($D$3:$AA$30,INDEX(Jesper!$R$2:$R$366,ROW(INDEX(Jesper!AJ$2:AJ$366,ROUNDDOWN($C1414/24,0)+1,1))-1)+IF('Standard Profiles'!$G$20=$B$10,7,0)+IF('Standard Profiles'!$G$20=$B$17,14,0)+IF('Standard Profiles'!$G$20=$B$24,21,0),0)),0)</f>
        <v>0</v>
      </c>
      <c r="G1414" cm="1">
        <f t="array" ref="G1414">IFERROR(INDEX(Jesper!AK$2:AK$366,ROUNDDOWN($C1414/24,0)+1,1)*INDEX($D$3:$AA$30,INDEX(Jesper!$R$2:$R$366,ROW(INDEX(Jesper!AK$2:AK$366,ROUNDDOWN($C1414/24,0)+1,1))-1)+IF('Standard Profiles'!$G$21=$B$10,7,0)+IF('Standard Profiles'!$G$21=$B$17,14,0)+IF('Standard Profiles'!$G$21=$B$24,21,0),MOD($C1414,24)+1)/SUM(INDEX($D$3:$AA$30,INDEX(Jesper!$R$2:$R$366,ROW(INDEX(Jesper!AK$2:AK$366,ROUNDDOWN($C1414/24,0)+1,1))-1)+IF('Standard Profiles'!$G$21=$B$10,7,0)+IF('Standard Profiles'!$G$21=$B$17,14,0)+IF('Standard Profiles'!$G$21=$B$24,21,0),0)),0)</f>
        <v>47.537651890277004</v>
      </c>
      <c r="H1414" cm="1">
        <f t="array" ref="H1414">IFERROR(INDEX(Jesper!AL$2:AL$366,ROUNDDOWN($C1414/24,0)+1,1)*INDEX($D$3:$AA$30,INDEX(Jesper!$R$2:$R$366,ROW(INDEX(Jesper!AL$2:AL$366,ROUNDDOWN($C1414/24,0)+1,1))-1)+IF('Standard Profiles'!$G$22=$B$10,7,0)+IF('Standard Profiles'!$G$22=$B$17,14,0)+IF('Standard Profiles'!$G$22=$B$24,21,0),MOD($C1414,24)+1)/SUM(INDEX($D$3:$AA$30,INDEX(Jesper!$R$2:$R$366,ROW(INDEX(Jesper!AL$2:AL$366,ROUNDDOWN($C1414/24,0)+1,1))-1)+IF('Standard Profiles'!$G$22=$B$10,7,0)+IF('Standard Profiles'!$G$22=$B$17,14,0)+IF('Standard Profiles'!$G$22=$B$24,21,0),0)),0)</f>
        <v>0</v>
      </c>
      <c r="I1414">
        <f t="shared" si="167"/>
        <v>22.818072907332951</v>
      </c>
      <c r="J1414">
        <f t="shared" si="168"/>
        <v>105.92463800845556</v>
      </c>
      <c r="K1414">
        <f t="shared" si="169"/>
        <v>4.0812191784649645</v>
      </c>
      <c r="L1414">
        <f t="shared" si="170"/>
        <v>2.0406095892324823</v>
      </c>
      <c r="M1414">
        <f t="shared" si="171"/>
        <v>0</v>
      </c>
      <c r="N1414" s="45">
        <f t="shared" si="172"/>
        <v>44984.499999996653</v>
      </c>
    </row>
    <row r="1415" spans="2:14" x14ac:dyDescent="0.25">
      <c r="B1415">
        <f t="shared" si="166"/>
        <v>1</v>
      </c>
      <c r="C1415" s="16">
        <v>1381</v>
      </c>
      <c r="D1415" cm="1">
        <f t="array" ref="D1415">IFERROR(INDEX(Jesper!AH$2:AH$366,ROUNDDOWN($C1415/24,0)+1,1)*INDEX($D$3:$AA$30,INDEX(Jesper!$R$2:$R$366,ROW(INDEX(Jesper!AH$2:AH$366,ROUNDDOWN($C1415/24,0)+1,1))-1)+IF('Standard Profiles'!$G$18=$B$10,7,0)+IF('Standard Profiles'!$G$18=$B$17,14,0)+IF('Standard Profiles'!$G$18=$B$24,21,0),MOD($C1415,24)+1)/SUM(INDEX($D$3:$AA$30,INDEX(Jesper!$R$2:$R$366,ROW(INDEX(Jesper!AH$2:AH$366,ROUNDDOWN($C1415/24,0)+1,1))-1)+IF('Standard Profiles'!$G$18=$B$10,7,0)+IF('Standard Profiles'!$G$18=$B$17,14,0)+IF('Standard Profiles'!$G$18=$B$24,21,0),0)),0)</f>
        <v>25.507619865406031</v>
      </c>
      <c r="E1415" cm="1">
        <f t="array" ref="E1415">IFERROR(INDEX(Jesper!AI$2:AI$366,ROUNDDOWN($C1415/24,0)+1,1)*INDEX($D$3:$AA$30,INDEX(Jesper!$R$2:$R$366,ROW(INDEX(Jesper!AI$2:AI$366,ROUNDDOWN($C1415/24,0)+1,1))-1)+IF('Standard Profiles'!$G$19=$B$10,7,0)+IF('Standard Profiles'!$G$19=$B$17,14,0)+IF('Standard Profiles'!$G$19=$B$24,21,0),MOD($C1415,24)+1)/SUM(INDEX($D$3:$AA$30,INDEX(Jesper!$R$2:$R$366,ROW(INDEX(Jesper!AI$2:AI$366,ROUNDDOWN($C1415/24,0)+1,1))-1)+IF('Standard Profiles'!$G$19=$B$10,7,0)+IF('Standard Profiles'!$G$19=$B$17,14,0)+IF('Standard Profiles'!$G$19=$B$24,21,0),0)),0)</f>
        <v>32.71030533006661</v>
      </c>
      <c r="F1415" cm="1">
        <f t="array" ref="F1415">IFERROR(INDEX(Jesper!AJ$2:AJ$366,ROUNDDOWN($C1415/24,0)+1,1)*INDEX($D$3:$AA$30,INDEX(Jesper!$R$2:$R$366,ROW(INDEX(Jesper!AJ$2:AJ$366,ROUNDDOWN($C1415/24,0)+1,1))-1)+IF('Standard Profiles'!$G$20=$B$10,7,0)+IF('Standard Profiles'!$G$20=$B$17,14,0)+IF('Standard Profiles'!$G$20=$B$24,21,0),MOD($C1415,24)+1)/SUM(INDEX($D$3:$AA$30,INDEX(Jesper!$R$2:$R$366,ROW(INDEX(Jesper!AJ$2:AJ$366,ROUNDDOWN($C1415/24,0)+1,1))-1)+IF('Standard Profiles'!$G$20=$B$10,7,0)+IF('Standard Profiles'!$G$20=$B$17,14,0)+IF('Standard Profiles'!$G$20=$B$24,21,0),0)),0)</f>
        <v>0</v>
      </c>
      <c r="G1415" cm="1">
        <f t="array" ref="G1415">IFERROR(INDEX(Jesper!AK$2:AK$366,ROUNDDOWN($C1415/24,0)+1,1)*INDEX($D$3:$AA$30,INDEX(Jesper!$R$2:$R$366,ROW(INDEX(Jesper!AK$2:AK$366,ROUNDDOWN($C1415/24,0)+1,1))-1)+IF('Standard Profiles'!$G$21=$B$10,7,0)+IF('Standard Profiles'!$G$21=$B$17,14,0)+IF('Standard Profiles'!$G$21=$B$24,21,0),MOD($C1415,24)+1)/SUM(INDEX($D$3:$AA$30,INDEX(Jesper!$R$2:$R$366,ROW(INDEX(Jesper!AK$2:AK$366,ROUNDDOWN($C1415/24,0)+1,1))-1)+IF('Standard Profiles'!$G$21=$B$10,7,0)+IF('Standard Profiles'!$G$21=$B$17,14,0)+IF('Standard Profiles'!$G$21=$B$24,21,0),0)),0)</f>
        <v>31.691767926851341</v>
      </c>
      <c r="H1415" cm="1">
        <f t="array" ref="H1415">IFERROR(INDEX(Jesper!AL$2:AL$366,ROUNDDOWN($C1415/24,0)+1,1)*INDEX($D$3:$AA$30,INDEX(Jesper!$R$2:$R$366,ROW(INDEX(Jesper!AL$2:AL$366,ROUNDDOWN($C1415/24,0)+1,1))-1)+IF('Standard Profiles'!$G$22=$B$10,7,0)+IF('Standard Profiles'!$G$22=$B$17,14,0)+IF('Standard Profiles'!$G$22=$B$24,21,0),MOD($C1415,24)+1)/SUM(INDEX($D$3:$AA$30,INDEX(Jesper!$R$2:$R$366,ROW(INDEX(Jesper!AL$2:AL$366,ROUNDDOWN($C1415/24,0)+1,1))-1)+IF('Standard Profiles'!$G$22=$B$10,7,0)+IF('Standard Profiles'!$G$22=$B$17,14,0)+IF('Standard Profiles'!$G$22=$B$24,21,0),0)),0)</f>
        <v>0</v>
      </c>
      <c r="I1415">
        <f t="shared" si="167"/>
        <v>15.212048604888636</v>
      </c>
      <c r="J1415">
        <f t="shared" si="168"/>
        <v>70.616425338970373</v>
      </c>
      <c r="K1415">
        <f t="shared" si="169"/>
        <v>2.72081278564331</v>
      </c>
      <c r="L1415">
        <f t="shared" si="170"/>
        <v>1.360406392821655</v>
      </c>
      <c r="M1415">
        <f t="shared" si="171"/>
        <v>0</v>
      </c>
      <c r="N1415" s="45">
        <f t="shared" si="172"/>
        <v>44984.541666663317</v>
      </c>
    </row>
    <row r="1416" spans="2:14" x14ac:dyDescent="0.25">
      <c r="B1416">
        <f t="shared" si="166"/>
        <v>1</v>
      </c>
      <c r="C1416" s="16">
        <v>1382</v>
      </c>
      <c r="D1416" cm="1">
        <f t="array" ref="D1416">IFERROR(INDEX(Jesper!AH$2:AH$366,ROUNDDOWN($C1416/24,0)+1,1)*INDEX($D$3:$AA$30,INDEX(Jesper!$R$2:$R$366,ROW(INDEX(Jesper!AH$2:AH$366,ROUNDDOWN($C1416/24,0)+1,1))-1)+IF('Standard Profiles'!$G$18=$B$10,7,0)+IF('Standard Profiles'!$G$18=$B$17,14,0)+IF('Standard Profiles'!$G$18=$B$24,21,0),MOD($C1416,24)+1)/SUM(INDEX($D$3:$AA$30,INDEX(Jesper!$R$2:$R$366,ROW(INDEX(Jesper!AH$2:AH$366,ROUNDDOWN($C1416/24,0)+1,1))-1)+IF('Standard Profiles'!$G$18=$B$10,7,0)+IF('Standard Profiles'!$G$18=$B$17,14,0)+IF('Standard Profiles'!$G$18=$B$24,21,0),0)),0)</f>
        <v>38.261429798109042</v>
      </c>
      <c r="E1416" cm="1">
        <f t="array" ref="E1416">IFERROR(INDEX(Jesper!AI$2:AI$366,ROUNDDOWN($C1416/24,0)+1,1)*INDEX($D$3:$AA$30,INDEX(Jesper!$R$2:$R$366,ROW(INDEX(Jesper!AI$2:AI$366,ROUNDDOWN($C1416/24,0)+1,1))-1)+IF('Standard Profiles'!$G$19=$B$10,7,0)+IF('Standard Profiles'!$G$19=$B$17,14,0)+IF('Standard Profiles'!$G$19=$B$24,21,0),MOD($C1416,24)+1)/SUM(INDEX($D$3:$AA$30,INDEX(Jesper!$R$2:$R$366,ROW(INDEX(Jesper!AI$2:AI$366,ROUNDDOWN($C1416/24,0)+1,1))-1)+IF('Standard Profiles'!$G$19=$B$10,7,0)+IF('Standard Profiles'!$G$19=$B$17,14,0)+IF('Standard Profiles'!$G$19=$B$24,21,0),0)),0)</f>
        <v>49.065457995099912</v>
      </c>
      <c r="F1416" cm="1">
        <f t="array" ref="F1416">IFERROR(INDEX(Jesper!AJ$2:AJ$366,ROUNDDOWN($C1416/24,0)+1,1)*INDEX($D$3:$AA$30,INDEX(Jesper!$R$2:$R$366,ROW(INDEX(Jesper!AJ$2:AJ$366,ROUNDDOWN($C1416/24,0)+1,1))-1)+IF('Standard Profiles'!$G$20=$B$10,7,0)+IF('Standard Profiles'!$G$20=$B$17,14,0)+IF('Standard Profiles'!$G$20=$B$24,21,0),MOD($C1416,24)+1)/SUM(INDEX($D$3:$AA$30,INDEX(Jesper!$R$2:$R$366,ROW(INDEX(Jesper!AJ$2:AJ$366,ROUNDDOWN($C1416/24,0)+1,1))-1)+IF('Standard Profiles'!$G$20=$B$10,7,0)+IF('Standard Profiles'!$G$20=$B$17,14,0)+IF('Standard Profiles'!$G$20=$B$24,21,0),0)),0)</f>
        <v>0</v>
      </c>
      <c r="G1416" cm="1">
        <f t="array" ref="G1416">IFERROR(INDEX(Jesper!AK$2:AK$366,ROUNDDOWN($C1416/24,0)+1,1)*INDEX($D$3:$AA$30,INDEX(Jesper!$R$2:$R$366,ROW(INDEX(Jesper!AK$2:AK$366,ROUNDDOWN($C1416/24,0)+1,1))-1)+IF('Standard Profiles'!$G$21=$B$10,7,0)+IF('Standard Profiles'!$G$21=$B$17,14,0)+IF('Standard Profiles'!$G$21=$B$24,21,0),MOD($C1416,24)+1)/SUM(INDEX($D$3:$AA$30,INDEX(Jesper!$R$2:$R$366,ROW(INDEX(Jesper!AK$2:AK$366,ROUNDDOWN($C1416/24,0)+1,1))-1)+IF('Standard Profiles'!$G$21=$B$10,7,0)+IF('Standard Profiles'!$G$21=$B$17,14,0)+IF('Standard Profiles'!$G$21=$B$24,21,0),0)),0)</f>
        <v>47.537651890277004</v>
      </c>
      <c r="H1416" cm="1">
        <f t="array" ref="H1416">IFERROR(INDEX(Jesper!AL$2:AL$366,ROUNDDOWN($C1416/24,0)+1,1)*INDEX($D$3:$AA$30,INDEX(Jesper!$R$2:$R$366,ROW(INDEX(Jesper!AL$2:AL$366,ROUNDDOWN($C1416/24,0)+1,1))-1)+IF('Standard Profiles'!$G$22=$B$10,7,0)+IF('Standard Profiles'!$G$22=$B$17,14,0)+IF('Standard Profiles'!$G$22=$B$24,21,0),MOD($C1416,24)+1)/SUM(INDEX($D$3:$AA$30,INDEX(Jesper!$R$2:$R$366,ROW(INDEX(Jesper!AL$2:AL$366,ROUNDDOWN($C1416/24,0)+1,1))-1)+IF('Standard Profiles'!$G$22=$B$10,7,0)+IF('Standard Profiles'!$G$22=$B$17,14,0)+IF('Standard Profiles'!$G$22=$B$24,21,0),0)),0)</f>
        <v>0</v>
      </c>
      <c r="I1416">
        <f t="shared" si="167"/>
        <v>22.818072907332951</v>
      </c>
      <c r="J1416">
        <f t="shared" si="168"/>
        <v>105.92463800845556</v>
      </c>
      <c r="K1416">
        <f t="shared" si="169"/>
        <v>4.0812191784649645</v>
      </c>
      <c r="L1416">
        <f t="shared" si="170"/>
        <v>2.0406095892324823</v>
      </c>
      <c r="M1416">
        <f t="shared" si="171"/>
        <v>0</v>
      </c>
      <c r="N1416" s="45">
        <f t="shared" si="172"/>
        <v>44984.583333329982</v>
      </c>
    </row>
    <row r="1417" spans="2:14" x14ac:dyDescent="0.25">
      <c r="B1417">
        <f t="shared" si="166"/>
        <v>1</v>
      </c>
      <c r="C1417" s="16">
        <v>1383</v>
      </c>
      <c r="D1417" cm="1">
        <f t="array" ref="D1417">IFERROR(INDEX(Jesper!AH$2:AH$366,ROUNDDOWN($C1417/24,0)+1,1)*INDEX($D$3:$AA$30,INDEX(Jesper!$R$2:$R$366,ROW(INDEX(Jesper!AH$2:AH$366,ROUNDDOWN($C1417/24,0)+1,1))-1)+IF('Standard Profiles'!$G$18=$B$10,7,0)+IF('Standard Profiles'!$G$18=$B$17,14,0)+IF('Standard Profiles'!$G$18=$B$24,21,0),MOD($C1417,24)+1)/SUM(INDEX($D$3:$AA$30,INDEX(Jesper!$R$2:$R$366,ROW(INDEX(Jesper!AH$2:AH$366,ROUNDDOWN($C1417/24,0)+1,1))-1)+IF('Standard Profiles'!$G$18=$B$10,7,0)+IF('Standard Profiles'!$G$18=$B$17,14,0)+IF('Standard Profiles'!$G$18=$B$24,21,0),0)),0)</f>
        <v>38.261429798109042</v>
      </c>
      <c r="E1417" cm="1">
        <f t="array" ref="E1417">IFERROR(INDEX(Jesper!AI$2:AI$366,ROUNDDOWN($C1417/24,0)+1,1)*INDEX($D$3:$AA$30,INDEX(Jesper!$R$2:$R$366,ROW(INDEX(Jesper!AI$2:AI$366,ROUNDDOWN($C1417/24,0)+1,1))-1)+IF('Standard Profiles'!$G$19=$B$10,7,0)+IF('Standard Profiles'!$G$19=$B$17,14,0)+IF('Standard Profiles'!$G$19=$B$24,21,0),MOD($C1417,24)+1)/SUM(INDEX($D$3:$AA$30,INDEX(Jesper!$R$2:$R$366,ROW(INDEX(Jesper!AI$2:AI$366,ROUNDDOWN($C1417/24,0)+1,1))-1)+IF('Standard Profiles'!$G$19=$B$10,7,0)+IF('Standard Profiles'!$G$19=$B$17,14,0)+IF('Standard Profiles'!$G$19=$B$24,21,0),0)),0)</f>
        <v>49.065457995099912</v>
      </c>
      <c r="F1417" cm="1">
        <f t="array" ref="F1417">IFERROR(INDEX(Jesper!AJ$2:AJ$366,ROUNDDOWN($C1417/24,0)+1,1)*INDEX($D$3:$AA$30,INDEX(Jesper!$R$2:$R$366,ROW(INDEX(Jesper!AJ$2:AJ$366,ROUNDDOWN($C1417/24,0)+1,1))-1)+IF('Standard Profiles'!$G$20=$B$10,7,0)+IF('Standard Profiles'!$G$20=$B$17,14,0)+IF('Standard Profiles'!$G$20=$B$24,21,0),MOD($C1417,24)+1)/SUM(INDEX($D$3:$AA$30,INDEX(Jesper!$R$2:$R$366,ROW(INDEX(Jesper!AJ$2:AJ$366,ROUNDDOWN($C1417/24,0)+1,1))-1)+IF('Standard Profiles'!$G$20=$B$10,7,0)+IF('Standard Profiles'!$G$20=$B$17,14,0)+IF('Standard Profiles'!$G$20=$B$24,21,0),0)),0)</f>
        <v>0</v>
      </c>
      <c r="G1417" cm="1">
        <f t="array" ref="G1417">IFERROR(INDEX(Jesper!AK$2:AK$366,ROUNDDOWN($C1417/24,0)+1,1)*INDEX($D$3:$AA$30,INDEX(Jesper!$R$2:$R$366,ROW(INDEX(Jesper!AK$2:AK$366,ROUNDDOWN($C1417/24,0)+1,1))-1)+IF('Standard Profiles'!$G$21=$B$10,7,0)+IF('Standard Profiles'!$G$21=$B$17,14,0)+IF('Standard Profiles'!$G$21=$B$24,21,0),MOD($C1417,24)+1)/SUM(INDEX($D$3:$AA$30,INDEX(Jesper!$R$2:$R$366,ROW(INDEX(Jesper!AK$2:AK$366,ROUNDDOWN($C1417/24,0)+1,1))-1)+IF('Standard Profiles'!$G$21=$B$10,7,0)+IF('Standard Profiles'!$G$21=$B$17,14,0)+IF('Standard Profiles'!$G$21=$B$24,21,0),0)),0)</f>
        <v>47.537651890277004</v>
      </c>
      <c r="H1417" cm="1">
        <f t="array" ref="H1417">IFERROR(INDEX(Jesper!AL$2:AL$366,ROUNDDOWN($C1417/24,0)+1,1)*INDEX($D$3:$AA$30,INDEX(Jesper!$R$2:$R$366,ROW(INDEX(Jesper!AL$2:AL$366,ROUNDDOWN($C1417/24,0)+1,1))-1)+IF('Standard Profiles'!$G$22=$B$10,7,0)+IF('Standard Profiles'!$G$22=$B$17,14,0)+IF('Standard Profiles'!$G$22=$B$24,21,0),MOD($C1417,24)+1)/SUM(INDEX($D$3:$AA$30,INDEX(Jesper!$R$2:$R$366,ROW(INDEX(Jesper!AL$2:AL$366,ROUNDDOWN($C1417/24,0)+1,1))-1)+IF('Standard Profiles'!$G$22=$B$10,7,0)+IF('Standard Profiles'!$G$22=$B$17,14,0)+IF('Standard Profiles'!$G$22=$B$24,21,0),0)),0)</f>
        <v>0</v>
      </c>
      <c r="I1417">
        <f t="shared" si="167"/>
        <v>22.818072907332951</v>
      </c>
      <c r="J1417">
        <f t="shared" si="168"/>
        <v>105.92463800845556</v>
      </c>
      <c r="K1417">
        <f t="shared" si="169"/>
        <v>4.0812191784649645</v>
      </c>
      <c r="L1417">
        <f t="shared" si="170"/>
        <v>2.0406095892324823</v>
      </c>
      <c r="M1417">
        <f t="shared" si="171"/>
        <v>0</v>
      </c>
      <c r="N1417" s="45">
        <f t="shared" si="172"/>
        <v>44984.624999996646</v>
      </c>
    </row>
    <row r="1418" spans="2:14" x14ac:dyDescent="0.25">
      <c r="B1418">
        <f t="shared" si="166"/>
        <v>1</v>
      </c>
      <c r="C1418" s="16">
        <v>1384</v>
      </c>
      <c r="D1418" cm="1">
        <f t="array" ref="D1418">IFERROR(INDEX(Jesper!AH$2:AH$366,ROUNDDOWN($C1418/24,0)+1,1)*INDEX($D$3:$AA$30,INDEX(Jesper!$R$2:$R$366,ROW(INDEX(Jesper!AH$2:AH$366,ROUNDDOWN($C1418/24,0)+1,1))-1)+IF('Standard Profiles'!$G$18=$B$10,7,0)+IF('Standard Profiles'!$G$18=$B$17,14,0)+IF('Standard Profiles'!$G$18=$B$24,21,0),MOD($C1418,24)+1)/SUM(INDEX($D$3:$AA$30,INDEX(Jesper!$R$2:$R$366,ROW(INDEX(Jesper!AH$2:AH$366,ROUNDDOWN($C1418/24,0)+1,1))-1)+IF('Standard Profiles'!$G$18=$B$10,7,0)+IF('Standard Profiles'!$G$18=$B$17,14,0)+IF('Standard Profiles'!$G$18=$B$24,21,0),0)),0)</f>
        <v>22.319167382230273</v>
      </c>
      <c r="E1418" cm="1">
        <f t="array" ref="E1418">IFERROR(INDEX(Jesper!AI$2:AI$366,ROUNDDOWN($C1418/24,0)+1,1)*INDEX($D$3:$AA$30,INDEX(Jesper!$R$2:$R$366,ROW(INDEX(Jesper!AI$2:AI$366,ROUNDDOWN($C1418/24,0)+1,1))-1)+IF('Standard Profiles'!$G$19=$B$10,7,0)+IF('Standard Profiles'!$G$19=$B$17,14,0)+IF('Standard Profiles'!$G$19=$B$24,21,0),MOD($C1418,24)+1)/SUM(INDEX($D$3:$AA$30,INDEX(Jesper!$R$2:$R$366,ROW(INDEX(Jesper!AI$2:AI$366,ROUNDDOWN($C1418/24,0)+1,1))-1)+IF('Standard Profiles'!$G$19=$B$10,7,0)+IF('Standard Profiles'!$G$19=$B$17,14,0)+IF('Standard Profiles'!$G$19=$B$24,21,0),0)),0)</f>
        <v>28.621517163808278</v>
      </c>
      <c r="F1418" cm="1">
        <f t="array" ref="F1418">IFERROR(INDEX(Jesper!AJ$2:AJ$366,ROUNDDOWN($C1418/24,0)+1,1)*INDEX($D$3:$AA$30,INDEX(Jesper!$R$2:$R$366,ROW(INDEX(Jesper!AJ$2:AJ$366,ROUNDDOWN($C1418/24,0)+1,1))-1)+IF('Standard Profiles'!$G$20=$B$10,7,0)+IF('Standard Profiles'!$G$20=$B$17,14,0)+IF('Standard Profiles'!$G$20=$B$24,21,0),MOD($C1418,24)+1)/SUM(INDEX($D$3:$AA$30,INDEX(Jesper!$R$2:$R$366,ROW(INDEX(Jesper!AJ$2:AJ$366,ROUNDDOWN($C1418/24,0)+1,1))-1)+IF('Standard Profiles'!$G$20=$B$10,7,0)+IF('Standard Profiles'!$G$20=$B$17,14,0)+IF('Standard Profiles'!$G$20=$B$24,21,0),0)),0)</f>
        <v>0</v>
      </c>
      <c r="G1418" cm="1">
        <f t="array" ref="G1418">IFERROR(INDEX(Jesper!AK$2:AK$366,ROUNDDOWN($C1418/24,0)+1,1)*INDEX($D$3:$AA$30,INDEX(Jesper!$R$2:$R$366,ROW(INDEX(Jesper!AK$2:AK$366,ROUNDDOWN($C1418/24,0)+1,1))-1)+IF('Standard Profiles'!$G$21=$B$10,7,0)+IF('Standard Profiles'!$G$21=$B$17,14,0)+IF('Standard Profiles'!$G$21=$B$24,21,0),MOD($C1418,24)+1)/SUM(INDEX($D$3:$AA$30,INDEX(Jesper!$R$2:$R$366,ROW(INDEX(Jesper!AK$2:AK$366,ROUNDDOWN($C1418/24,0)+1,1))-1)+IF('Standard Profiles'!$G$21=$B$10,7,0)+IF('Standard Profiles'!$G$21=$B$17,14,0)+IF('Standard Profiles'!$G$21=$B$24,21,0),0)),0)</f>
        <v>39.61470990856418</v>
      </c>
      <c r="H1418" cm="1">
        <f t="array" ref="H1418">IFERROR(INDEX(Jesper!AL$2:AL$366,ROUNDDOWN($C1418/24,0)+1,1)*INDEX($D$3:$AA$30,INDEX(Jesper!$R$2:$R$366,ROW(INDEX(Jesper!AL$2:AL$366,ROUNDDOWN($C1418/24,0)+1,1))-1)+IF('Standard Profiles'!$G$22=$B$10,7,0)+IF('Standard Profiles'!$G$22=$B$17,14,0)+IF('Standard Profiles'!$G$22=$B$24,21,0),MOD($C1418,24)+1)/SUM(INDEX($D$3:$AA$30,INDEX(Jesper!$R$2:$R$366,ROW(INDEX(Jesper!AL$2:AL$366,ROUNDDOWN($C1418/24,0)+1,1))-1)+IF('Standard Profiles'!$G$22=$B$10,7,0)+IF('Standard Profiles'!$G$22=$B$17,14,0)+IF('Standard Profiles'!$G$22=$B$24,21,0),0)),0)</f>
        <v>0</v>
      </c>
      <c r="I1418">
        <f t="shared" si="167"/>
        <v>19.015060756110795</v>
      </c>
      <c r="J1418">
        <f t="shared" si="168"/>
        <v>67.969266917335091</v>
      </c>
      <c r="K1418">
        <f t="shared" si="169"/>
        <v>2.3807111874378957</v>
      </c>
      <c r="L1418">
        <f t="shared" si="170"/>
        <v>1.1903555937189478</v>
      </c>
      <c r="M1418">
        <f t="shared" si="171"/>
        <v>0</v>
      </c>
      <c r="N1418" s="45">
        <f t="shared" si="172"/>
        <v>44984.66666666331</v>
      </c>
    </row>
    <row r="1419" spans="2:14" x14ac:dyDescent="0.25">
      <c r="B1419">
        <f t="shared" si="166"/>
        <v>1</v>
      </c>
      <c r="C1419" s="16">
        <v>1385</v>
      </c>
      <c r="D1419" cm="1">
        <f t="array" ref="D1419">IFERROR(INDEX(Jesper!AH$2:AH$366,ROUNDDOWN($C1419/24,0)+1,1)*INDEX($D$3:$AA$30,INDEX(Jesper!$R$2:$R$366,ROW(INDEX(Jesper!AH$2:AH$366,ROUNDDOWN($C1419/24,0)+1,1))-1)+IF('Standard Profiles'!$G$18=$B$10,7,0)+IF('Standard Profiles'!$G$18=$B$17,14,0)+IF('Standard Profiles'!$G$18=$B$24,21,0),MOD($C1419,24)+1)/SUM(INDEX($D$3:$AA$30,INDEX(Jesper!$R$2:$R$366,ROW(INDEX(Jesper!AH$2:AH$366,ROUNDDOWN($C1419/24,0)+1,1))-1)+IF('Standard Profiles'!$G$18=$B$10,7,0)+IF('Standard Profiles'!$G$18=$B$17,14,0)+IF('Standard Profiles'!$G$18=$B$24,21,0),0)),0)</f>
        <v>6.3769049663515078</v>
      </c>
      <c r="E1419" cm="1">
        <f t="array" ref="E1419">IFERROR(INDEX(Jesper!AI$2:AI$366,ROUNDDOWN($C1419/24,0)+1,1)*INDEX($D$3:$AA$30,INDEX(Jesper!$R$2:$R$366,ROW(INDEX(Jesper!AI$2:AI$366,ROUNDDOWN($C1419/24,0)+1,1))-1)+IF('Standard Profiles'!$G$19=$B$10,7,0)+IF('Standard Profiles'!$G$19=$B$17,14,0)+IF('Standard Profiles'!$G$19=$B$24,21,0),MOD($C1419,24)+1)/SUM(INDEX($D$3:$AA$30,INDEX(Jesper!$R$2:$R$366,ROW(INDEX(Jesper!AI$2:AI$366,ROUNDDOWN($C1419/24,0)+1,1))-1)+IF('Standard Profiles'!$G$19=$B$10,7,0)+IF('Standard Profiles'!$G$19=$B$17,14,0)+IF('Standard Profiles'!$G$19=$B$24,21,0),0)),0)</f>
        <v>8.1775763325166526</v>
      </c>
      <c r="F1419" cm="1">
        <f t="array" ref="F1419">IFERROR(INDEX(Jesper!AJ$2:AJ$366,ROUNDDOWN($C1419/24,0)+1,1)*INDEX($D$3:$AA$30,INDEX(Jesper!$R$2:$R$366,ROW(INDEX(Jesper!AJ$2:AJ$366,ROUNDDOWN($C1419/24,0)+1,1))-1)+IF('Standard Profiles'!$G$20=$B$10,7,0)+IF('Standard Profiles'!$G$20=$B$17,14,0)+IF('Standard Profiles'!$G$20=$B$24,21,0),MOD($C1419,24)+1)/SUM(INDEX($D$3:$AA$30,INDEX(Jesper!$R$2:$R$366,ROW(INDEX(Jesper!AJ$2:AJ$366,ROUNDDOWN($C1419/24,0)+1,1))-1)+IF('Standard Profiles'!$G$20=$B$10,7,0)+IF('Standard Profiles'!$G$20=$B$17,14,0)+IF('Standard Profiles'!$G$20=$B$24,21,0),0)),0)</f>
        <v>0</v>
      </c>
      <c r="G1419" cm="1">
        <f t="array" ref="G1419">IFERROR(INDEX(Jesper!AK$2:AK$366,ROUNDDOWN($C1419/24,0)+1,1)*INDEX($D$3:$AA$30,INDEX(Jesper!$R$2:$R$366,ROW(INDEX(Jesper!AK$2:AK$366,ROUNDDOWN($C1419/24,0)+1,1))-1)+IF('Standard Profiles'!$G$21=$B$10,7,0)+IF('Standard Profiles'!$G$21=$B$17,14,0)+IF('Standard Profiles'!$G$21=$B$24,21,0),MOD($C1419,24)+1)/SUM(INDEX($D$3:$AA$30,INDEX(Jesper!$R$2:$R$366,ROW(INDEX(Jesper!AK$2:AK$366,ROUNDDOWN($C1419/24,0)+1,1))-1)+IF('Standard Profiles'!$G$21=$B$10,7,0)+IF('Standard Profiles'!$G$21=$B$17,14,0)+IF('Standard Profiles'!$G$21=$B$24,21,0),0)),0)</f>
        <v>31.873904524132101</v>
      </c>
      <c r="H1419" cm="1">
        <f t="array" ref="H1419">IFERROR(INDEX(Jesper!AL$2:AL$366,ROUNDDOWN($C1419/24,0)+1,1)*INDEX($D$3:$AA$30,INDEX(Jesper!$R$2:$R$366,ROW(INDEX(Jesper!AL$2:AL$366,ROUNDDOWN($C1419/24,0)+1,1))-1)+IF('Standard Profiles'!$G$22=$B$10,7,0)+IF('Standard Profiles'!$G$22=$B$17,14,0)+IF('Standard Profiles'!$G$22=$B$24,21,0),MOD($C1419,24)+1)/SUM(INDEX($D$3:$AA$30,INDEX(Jesper!$R$2:$R$366,ROW(INDEX(Jesper!AL$2:AL$366,ROUNDDOWN($C1419/24,0)+1,1))-1)+IF('Standard Profiles'!$G$22=$B$10,7,0)+IF('Standard Profiles'!$G$22=$B$17,14,0)+IF('Standard Profiles'!$G$22=$B$24,21,0),0)),0)</f>
        <v>0</v>
      </c>
      <c r="I1419">
        <f t="shared" si="167"/>
        <v>15.2994741715834</v>
      </c>
      <c r="J1419">
        <f t="shared" si="168"/>
        <v>30.10860685680062</v>
      </c>
      <c r="K1419">
        <f t="shared" si="169"/>
        <v>0.68020319641082749</v>
      </c>
      <c r="L1419">
        <f t="shared" si="170"/>
        <v>0.34010159820541375</v>
      </c>
      <c r="M1419">
        <f t="shared" si="171"/>
        <v>0</v>
      </c>
      <c r="N1419" s="45">
        <f t="shared" si="172"/>
        <v>44984.708333329974</v>
      </c>
    </row>
    <row r="1420" spans="2:14" x14ac:dyDescent="0.25">
      <c r="B1420">
        <f t="shared" si="166"/>
        <v>1</v>
      </c>
      <c r="C1420" s="16">
        <v>1386</v>
      </c>
      <c r="D1420" cm="1">
        <f t="array" ref="D1420">IFERROR(INDEX(Jesper!AH$2:AH$366,ROUNDDOWN($C1420/24,0)+1,1)*INDEX($D$3:$AA$30,INDEX(Jesper!$R$2:$R$366,ROW(INDEX(Jesper!AH$2:AH$366,ROUNDDOWN($C1420/24,0)+1,1))-1)+IF('Standard Profiles'!$G$18=$B$10,7,0)+IF('Standard Profiles'!$G$18=$B$17,14,0)+IF('Standard Profiles'!$G$18=$B$24,21,0),MOD($C1420,24)+1)/SUM(INDEX($D$3:$AA$30,INDEX(Jesper!$R$2:$R$366,ROW(INDEX(Jesper!AH$2:AH$366,ROUNDDOWN($C1420/24,0)+1,1))-1)+IF('Standard Profiles'!$G$18=$B$10,7,0)+IF('Standard Profiles'!$G$18=$B$17,14,0)+IF('Standard Profiles'!$G$18=$B$24,21,0),0)),0)</f>
        <v>6.2870894034451483</v>
      </c>
      <c r="E1420" cm="1">
        <f t="array" ref="E1420">IFERROR(INDEX(Jesper!AI$2:AI$366,ROUNDDOWN($C1420/24,0)+1,1)*INDEX($D$3:$AA$30,INDEX(Jesper!$R$2:$R$366,ROW(INDEX(Jesper!AI$2:AI$366,ROUNDDOWN($C1420/24,0)+1,1))-1)+IF('Standard Profiles'!$G$19=$B$10,7,0)+IF('Standard Profiles'!$G$19=$B$17,14,0)+IF('Standard Profiles'!$G$19=$B$24,21,0),MOD($C1420,24)+1)/SUM(INDEX($D$3:$AA$30,INDEX(Jesper!$R$2:$R$366,ROW(INDEX(Jesper!AI$2:AI$366,ROUNDDOWN($C1420/24,0)+1,1))-1)+IF('Standard Profiles'!$G$19=$B$10,7,0)+IF('Standard Profiles'!$G$19=$B$17,14,0)+IF('Standard Profiles'!$G$19=$B$24,21,0),0)),0)</f>
        <v>8.0623992010727541</v>
      </c>
      <c r="F1420" cm="1">
        <f t="array" ref="F1420">IFERROR(INDEX(Jesper!AJ$2:AJ$366,ROUNDDOWN($C1420/24,0)+1,1)*INDEX($D$3:$AA$30,INDEX(Jesper!$R$2:$R$366,ROW(INDEX(Jesper!AJ$2:AJ$366,ROUNDDOWN($C1420/24,0)+1,1))-1)+IF('Standard Profiles'!$G$20=$B$10,7,0)+IF('Standard Profiles'!$G$20=$B$17,14,0)+IF('Standard Profiles'!$G$20=$B$24,21,0),MOD($C1420,24)+1)/SUM(INDEX($D$3:$AA$30,INDEX(Jesper!$R$2:$R$366,ROW(INDEX(Jesper!AJ$2:AJ$366,ROUNDDOWN($C1420/24,0)+1,1))-1)+IF('Standard Profiles'!$G$20=$B$10,7,0)+IF('Standard Profiles'!$G$20=$B$17,14,0)+IF('Standard Profiles'!$G$20=$B$24,21,0),0)),0)</f>
        <v>0</v>
      </c>
      <c r="G1420" cm="1">
        <f t="array" ref="G1420">IFERROR(INDEX(Jesper!AK$2:AK$366,ROUNDDOWN($C1420/24,0)+1,1)*INDEX($D$3:$AA$30,INDEX(Jesper!$R$2:$R$366,ROW(INDEX(Jesper!AK$2:AK$366,ROUNDDOWN($C1420/24,0)+1,1))-1)+IF('Standard Profiles'!$G$21=$B$10,7,0)+IF('Standard Profiles'!$G$21=$B$17,14,0)+IF('Standard Profiles'!$G$21=$B$24,21,0),MOD($C1420,24)+1)/SUM(INDEX($D$3:$AA$30,INDEX(Jesper!$R$2:$R$366,ROW(INDEX(Jesper!AK$2:AK$366,ROUNDDOWN($C1420/24,0)+1,1))-1)+IF('Standard Profiles'!$G$21=$B$10,7,0)+IF('Standard Profiles'!$G$21=$B$17,14,0)+IF('Standard Profiles'!$G$21=$B$24,21,0),0)),0)</f>
        <v>11.383537330047179</v>
      </c>
      <c r="H1420" cm="1">
        <f t="array" ref="H1420">IFERROR(INDEX(Jesper!AL$2:AL$366,ROUNDDOWN($C1420/24,0)+1,1)*INDEX($D$3:$AA$30,INDEX(Jesper!$R$2:$R$366,ROW(INDEX(Jesper!AL$2:AL$366,ROUNDDOWN($C1420/24,0)+1,1))-1)+IF('Standard Profiles'!$G$22=$B$10,7,0)+IF('Standard Profiles'!$G$22=$B$17,14,0)+IF('Standard Profiles'!$G$22=$B$24,21,0),MOD($C1420,24)+1)/SUM(INDEX($D$3:$AA$30,INDEX(Jesper!$R$2:$R$366,ROW(INDEX(Jesper!AL$2:AL$366,ROUNDDOWN($C1420/24,0)+1,1))-1)+IF('Standard Profiles'!$G$22=$B$10,7,0)+IF('Standard Profiles'!$G$22=$B$17,14,0)+IF('Standard Profiles'!$G$22=$B$24,21,0),0)),0)</f>
        <v>0</v>
      </c>
      <c r="I1420">
        <f t="shared" si="167"/>
        <v>5.4640979184226435</v>
      </c>
      <c r="J1420">
        <f t="shared" si="168"/>
        <v>19.262993711591214</v>
      </c>
      <c r="K1420">
        <f t="shared" si="169"/>
        <v>0.67062286970081586</v>
      </c>
      <c r="L1420">
        <f t="shared" si="170"/>
        <v>0.33531143485040793</v>
      </c>
      <c r="M1420">
        <f t="shared" si="171"/>
        <v>0</v>
      </c>
      <c r="N1420" s="45">
        <f t="shared" si="172"/>
        <v>44984.749999996639</v>
      </c>
    </row>
    <row r="1421" spans="2:14" x14ac:dyDescent="0.25">
      <c r="B1421">
        <f t="shared" si="166"/>
        <v>1</v>
      </c>
      <c r="C1421" s="16">
        <v>1387</v>
      </c>
      <c r="D1421" cm="1">
        <f t="array" ref="D1421">IFERROR(INDEX(Jesper!AH$2:AH$366,ROUNDDOWN($C1421/24,0)+1,1)*INDEX($D$3:$AA$30,INDEX(Jesper!$R$2:$R$366,ROW(INDEX(Jesper!AH$2:AH$366,ROUNDDOWN($C1421/24,0)+1,1))-1)+IF('Standard Profiles'!$G$18=$B$10,7,0)+IF('Standard Profiles'!$G$18=$B$17,14,0)+IF('Standard Profiles'!$G$18=$B$24,21,0),MOD($C1421,24)+1)/SUM(INDEX($D$3:$AA$30,INDEX(Jesper!$R$2:$R$366,ROW(INDEX(Jesper!AH$2:AH$366,ROUNDDOWN($C1421/24,0)+1,1))-1)+IF('Standard Profiles'!$G$18=$B$10,7,0)+IF('Standard Profiles'!$G$18=$B$17,14,0)+IF('Standard Profiles'!$G$18=$B$24,21,0),0)),0)</f>
        <v>6.2870894034451483</v>
      </c>
      <c r="E1421" cm="1">
        <f t="array" ref="E1421">IFERROR(INDEX(Jesper!AI$2:AI$366,ROUNDDOWN($C1421/24,0)+1,1)*INDEX($D$3:$AA$30,INDEX(Jesper!$R$2:$R$366,ROW(INDEX(Jesper!AI$2:AI$366,ROUNDDOWN($C1421/24,0)+1,1))-1)+IF('Standard Profiles'!$G$19=$B$10,7,0)+IF('Standard Profiles'!$G$19=$B$17,14,0)+IF('Standard Profiles'!$G$19=$B$24,21,0),MOD($C1421,24)+1)/SUM(INDEX($D$3:$AA$30,INDEX(Jesper!$R$2:$R$366,ROW(INDEX(Jesper!AI$2:AI$366,ROUNDDOWN($C1421/24,0)+1,1))-1)+IF('Standard Profiles'!$G$19=$B$10,7,0)+IF('Standard Profiles'!$G$19=$B$17,14,0)+IF('Standard Profiles'!$G$19=$B$24,21,0),0)),0)</f>
        <v>8.0623992010727541</v>
      </c>
      <c r="F1421" cm="1">
        <f t="array" ref="F1421">IFERROR(INDEX(Jesper!AJ$2:AJ$366,ROUNDDOWN($C1421/24,0)+1,1)*INDEX($D$3:$AA$30,INDEX(Jesper!$R$2:$R$366,ROW(INDEX(Jesper!AJ$2:AJ$366,ROUNDDOWN($C1421/24,0)+1,1))-1)+IF('Standard Profiles'!$G$20=$B$10,7,0)+IF('Standard Profiles'!$G$20=$B$17,14,0)+IF('Standard Profiles'!$G$20=$B$24,21,0),MOD($C1421,24)+1)/SUM(INDEX($D$3:$AA$30,INDEX(Jesper!$R$2:$R$366,ROW(INDEX(Jesper!AJ$2:AJ$366,ROUNDDOWN($C1421/24,0)+1,1))-1)+IF('Standard Profiles'!$G$20=$B$10,7,0)+IF('Standard Profiles'!$G$20=$B$17,14,0)+IF('Standard Profiles'!$G$20=$B$24,21,0),0)),0)</f>
        <v>0</v>
      </c>
      <c r="G1421" cm="1">
        <f t="array" ref="G1421">IFERROR(INDEX(Jesper!AK$2:AK$366,ROUNDDOWN($C1421/24,0)+1,1)*INDEX($D$3:$AA$30,INDEX(Jesper!$R$2:$R$366,ROW(INDEX(Jesper!AK$2:AK$366,ROUNDDOWN($C1421/24,0)+1,1))-1)+IF('Standard Profiles'!$G$21=$B$10,7,0)+IF('Standard Profiles'!$G$21=$B$17,14,0)+IF('Standard Profiles'!$G$21=$B$24,21,0),MOD($C1421,24)+1)/SUM(INDEX($D$3:$AA$30,INDEX(Jesper!$R$2:$R$366,ROW(INDEX(Jesper!AK$2:AK$366,ROUNDDOWN($C1421/24,0)+1,1))-1)+IF('Standard Profiles'!$G$21=$B$10,7,0)+IF('Standard Profiles'!$G$21=$B$17,14,0)+IF('Standard Profiles'!$G$21=$B$24,21,0),0)),0)</f>
        <v>11.383537330047179</v>
      </c>
      <c r="H1421" cm="1">
        <f t="array" ref="H1421">IFERROR(INDEX(Jesper!AL$2:AL$366,ROUNDDOWN($C1421/24,0)+1,1)*INDEX($D$3:$AA$30,INDEX(Jesper!$R$2:$R$366,ROW(INDEX(Jesper!AL$2:AL$366,ROUNDDOWN($C1421/24,0)+1,1))-1)+IF('Standard Profiles'!$G$22=$B$10,7,0)+IF('Standard Profiles'!$G$22=$B$17,14,0)+IF('Standard Profiles'!$G$22=$B$24,21,0),MOD($C1421,24)+1)/SUM(INDEX($D$3:$AA$30,INDEX(Jesper!$R$2:$R$366,ROW(INDEX(Jesper!AL$2:AL$366,ROUNDDOWN($C1421/24,0)+1,1))-1)+IF('Standard Profiles'!$G$22=$B$10,7,0)+IF('Standard Profiles'!$G$22=$B$17,14,0)+IF('Standard Profiles'!$G$22=$B$24,21,0),0)),0)</f>
        <v>0</v>
      </c>
      <c r="I1421">
        <f t="shared" si="167"/>
        <v>5.4640979184226435</v>
      </c>
      <c r="J1421">
        <f t="shared" si="168"/>
        <v>19.262993711591214</v>
      </c>
      <c r="K1421">
        <f t="shared" si="169"/>
        <v>0.67062286970081586</v>
      </c>
      <c r="L1421">
        <f t="shared" si="170"/>
        <v>0.33531143485040793</v>
      </c>
      <c r="M1421">
        <f t="shared" si="171"/>
        <v>0</v>
      </c>
      <c r="N1421" s="45">
        <f t="shared" si="172"/>
        <v>44984.791666663303</v>
      </c>
    </row>
    <row r="1422" spans="2:14" x14ac:dyDescent="0.25">
      <c r="B1422">
        <f t="shared" si="166"/>
        <v>1</v>
      </c>
      <c r="C1422" s="16">
        <v>1388</v>
      </c>
      <c r="D1422" cm="1">
        <f t="array" ref="D1422">IFERROR(INDEX(Jesper!AH$2:AH$366,ROUNDDOWN($C1422/24,0)+1,1)*INDEX($D$3:$AA$30,INDEX(Jesper!$R$2:$R$366,ROW(INDEX(Jesper!AH$2:AH$366,ROUNDDOWN($C1422/24,0)+1,1))-1)+IF('Standard Profiles'!$G$18=$B$10,7,0)+IF('Standard Profiles'!$G$18=$B$17,14,0)+IF('Standard Profiles'!$G$18=$B$24,21,0),MOD($C1422,24)+1)/SUM(INDEX($D$3:$AA$30,INDEX(Jesper!$R$2:$R$366,ROW(INDEX(Jesper!AH$2:AH$366,ROUNDDOWN($C1422/24,0)+1,1))-1)+IF('Standard Profiles'!$G$18=$B$10,7,0)+IF('Standard Profiles'!$G$18=$B$17,14,0)+IF('Standard Profiles'!$G$18=$B$24,21,0),0)),0)</f>
        <v>6.2870894034451483</v>
      </c>
      <c r="E1422" cm="1">
        <f t="array" ref="E1422">IFERROR(INDEX(Jesper!AI$2:AI$366,ROUNDDOWN($C1422/24,0)+1,1)*INDEX($D$3:$AA$30,INDEX(Jesper!$R$2:$R$366,ROW(INDEX(Jesper!AI$2:AI$366,ROUNDDOWN($C1422/24,0)+1,1))-1)+IF('Standard Profiles'!$G$19=$B$10,7,0)+IF('Standard Profiles'!$G$19=$B$17,14,0)+IF('Standard Profiles'!$G$19=$B$24,21,0),MOD($C1422,24)+1)/SUM(INDEX($D$3:$AA$30,INDEX(Jesper!$R$2:$R$366,ROW(INDEX(Jesper!AI$2:AI$366,ROUNDDOWN($C1422/24,0)+1,1))-1)+IF('Standard Profiles'!$G$19=$B$10,7,0)+IF('Standard Profiles'!$G$19=$B$17,14,0)+IF('Standard Profiles'!$G$19=$B$24,21,0),0)),0)</f>
        <v>8.0623992010727541</v>
      </c>
      <c r="F1422" cm="1">
        <f t="array" ref="F1422">IFERROR(INDEX(Jesper!AJ$2:AJ$366,ROUNDDOWN($C1422/24,0)+1,1)*INDEX($D$3:$AA$30,INDEX(Jesper!$R$2:$R$366,ROW(INDEX(Jesper!AJ$2:AJ$366,ROUNDDOWN($C1422/24,0)+1,1))-1)+IF('Standard Profiles'!$G$20=$B$10,7,0)+IF('Standard Profiles'!$G$20=$B$17,14,0)+IF('Standard Profiles'!$G$20=$B$24,21,0),MOD($C1422,24)+1)/SUM(INDEX($D$3:$AA$30,INDEX(Jesper!$R$2:$R$366,ROW(INDEX(Jesper!AJ$2:AJ$366,ROUNDDOWN($C1422/24,0)+1,1))-1)+IF('Standard Profiles'!$G$20=$B$10,7,0)+IF('Standard Profiles'!$G$20=$B$17,14,0)+IF('Standard Profiles'!$G$20=$B$24,21,0),0)),0)</f>
        <v>0</v>
      </c>
      <c r="G1422" cm="1">
        <f t="array" ref="G1422">IFERROR(INDEX(Jesper!AK$2:AK$366,ROUNDDOWN($C1422/24,0)+1,1)*INDEX($D$3:$AA$30,INDEX(Jesper!$R$2:$R$366,ROW(INDEX(Jesper!AK$2:AK$366,ROUNDDOWN($C1422/24,0)+1,1))-1)+IF('Standard Profiles'!$G$21=$B$10,7,0)+IF('Standard Profiles'!$G$21=$B$17,14,0)+IF('Standard Profiles'!$G$21=$B$24,21,0),MOD($C1422,24)+1)/SUM(INDEX($D$3:$AA$30,INDEX(Jesper!$R$2:$R$366,ROW(INDEX(Jesper!AK$2:AK$366,ROUNDDOWN($C1422/24,0)+1,1))-1)+IF('Standard Profiles'!$G$21=$B$10,7,0)+IF('Standard Profiles'!$G$21=$B$17,14,0)+IF('Standard Profiles'!$G$21=$B$24,21,0),0)),0)</f>
        <v>11.383537330047179</v>
      </c>
      <c r="H1422" cm="1">
        <f t="array" ref="H1422">IFERROR(INDEX(Jesper!AL$2:AL$366,ROUNDDOWN($C1422/24,0)+1,1)*INDEX($D$3:$AA$30,INDEX(Jesper!$R$2:$R$366,ROW(INDEX(Jesper!AL$2:AL$366,ROUNDDOWN($C1422/24,0)+1,1))-1)+IF('Standard Profiles'!$G$22=$B$10,7,0)+IF('Standard Profiles'!$G$22=$B$17,14,0)+IF('Standard Profiles'!$G$22=$B$24,21,0),MOD($C1422,24)+1)/SUM(INDEX($D$3:$AA$30,INDEX(Jesper!$R$2:$R$366,ROW(INDEX(Jesper!AL$2:AL$366,ROUNDDOWN($C1422/24,0)+1,1))-1)+IF('Standard Profiles'!$G$22=$B$10,7,0)+IF('Standard Profiles'!$G$22=$B$17,14,0)+IF('Standard Profiles'!$G$22=$B$24,21,0),0)),0)</f>
        <v>0</v>
      </c>
      <c r="I1422">
        <f t="shared" si="167"/>
        <v>5.4640979184226435</v>
      </c>
      <c r="J1422">
        <f t="shared" si="168"/>
        <v>19.262993711591214</v>
      </c>
      <c r="K1422">
        <f t="shared" si="169"/>
        <v>0.67062286970081586</v>
      </c>
      <c r="L1422">
        <f t="shared" si="170"/>
        <v>0.33531143485040793</v>
      </c>
      <c r="M1422">
        <f t="shared" si="171"/>
        <v>0</v>
      </c>
      <c r="N1422" s="45">
        <f t="shared" si="172"/>
        <v>44984.833333329967</v>
      </c>
    </row>
    <row r="1423" spans="2:14" x14ac:dyDescent="0.25">
      <c r="B1423">
        <f t="shared" si="166"/>
        <v>1</v>
      </c>
      <c r="C1423" s="16">
        <v>1389</v>
      </c>
      <c r="D1423" cm="1">
        <f t="array" ref="D1423">IFERROR(INDEX(Jesper!AH$2:AH$366,ROUNDDOWN($C1423/24,0)+1,1)*INDEX($D$3:$AA$30,INDEX(Jesper!$R$2:$R$366,ROW(INDEX(Jesper!AH$2:AH$366,ROUNDDOWN($C1423/24,0)+1,1))-1)+IF('Standard Profiles'!$G$18=$B$10,7,0)+IF('Standard Profiles'!$G$18=$B$17,14,0)+IF('Standard Profiles'!$G$18=$B$24,21,0),MOD($C1423,24)+1)/SUM(INDEX($D$3:$AA$30,INDEX(Jesper!$R$2:$R$366,ROW(INDEX(Jesper!AH$2:AH$366,ROUNDDOWN($C1423/24,0)+1,1))-1)+IF('Standard Profiles'!$G$18=$B$10,7,0)+IF('Standard Profiles'!$G$18=$B$17,14,0)+IF('Standard Profiles'!$G$18=$B$24,21,0),0)),0)</f>
        <v>6.2870894034451483</v>
      </c>
      <c r="E1423" cm="1">
        <f t="array" ref="E1423">IFERROR(INDEX(Jesper!AI$2:AI$366,ROUNDDOWN($C1423/24,0)+1,1)*INDEX($D$3:$AA$30,INDEX(Jesper!$R$2:$R$366,ROW(INDEX(Jesper!AI$2:AI$366,ROUNDDOWN($C1423/24,0)+1,1))-1)+IF('Standard Profiles'!$G$19=$B$10,7,0)+IF('Standard Profiles'!$G$19=$B$17,14,0)+IF('Standard Profiles'!$G$19=$B$24,21,0),MOD($C1423,24)+1)/SUM(INDEX($D$3:$AA$30,INDEX(Jesper!$R$2:$R$366,ROW(INDEX(Jesper!AI$2:AI$366,ROUNDDOWN($C1423/24,0)+1,1))-1)+IF('Standard Profiles'!$G$19=$B$10,7,0)+IF('Standard Profiles'!$G$19=$B$17,14,0)+IF('Standard Profiles'!$G$19=$B$24,21,0),0)),0)</f>
        <v>8.0623992010727541</v>
      </c>
      <c r="F1423" cm="1">
        <f t="array" ref="F1423">IFERROR(INDEX(Jesper!AJ$2:AJ$366,ROUNDDOWN($C1423/24,0)+1,1)*INDEX($D$3:$AA$30,INDEX(Jesper!$R$2:$R$366,ROW(INDEX(Jesper!AJ$2:AJ$366,ROUNDDOWN($C1423/24,0)+1,1))-1)+IF('Standard Profiles'!$G$20=$B$10,7,0)+IF('Standard Profiles'!$G$20=$B$17,14,0)+IF('Standard Profiles'!$G$20=$B$24,21,0),MOD($C1423,24)+1)/SUM(INDEX($D$3:$AA$30,INDEX(Jesper!$R$2:$R$366,ROW(INDEX(Jesper!AJ$2:AJ$366,ROUNDDOWN($C1423/24,0)+1,1))-1)+IF('Standard Profiles'!$G$20=$B$10,7,0)+IF('Standard Profiles'!$G$20=$B$17,14,0)+IF('Standard Profiles'!$G$20=$B$24,21,0),0)),0)</f>
        <v>0</v>
      </c>
      <c r="G1423" cm="1">
        <f t="array" ref="G1423">IFERROR(INDEX(Jesper!AK$2:AK$366,ROUNDDOWN($C1423/24,0)+1,1)*INDEX($D$3:$AA$30,INDEX(Jesper!$R$2:$R$366,ROW(INDEX(Jesper!AK$2:AK$366,ROUNDDOWN($C1423/24,0)+1,1))-1)+IF('Standard Profiles'!$G$21=$B$10,7,0)+IF('Standard Profiles'!$G$21=$B$17,14,0)+IF('Standard Profiles'!$G$21=$B$24,21,0),MOD($C1423,24)+1)/SUM(INDEX($D$3:$AA$30,INDEX(Jesper!$R$2:$R$366,ROW(INDEX(Jesper!AK$2:AK$366,ROUNDDOWN($C1423/24,0)+1,1))-1)+IF('Standard Profiles'!$G$21=$B$10,7,0)+IF('Standard Profiles'!$G$21=$B$17,14,0)+IF('Standard Profiles'!$G$21=$B$24,21,0),0)),0)</f>
        <v>11.383537330047179</v>
      </c>
      <c r="H1423" cm="1">
        <f t="array" ref="H1423">IFERROR(INDEX(Jesper!AL$2:AL$366,ROUNDDOWN($C1423/24,0)+1,1)*INDEX($D$3:$AA$30,INDEX(Jesper!$R$2:$R$366,ROW(INDEX(Jesper!AL$2:AL$366,ROUNDDOWN($C1423/24,0)+1,1))-1)+IF('Standard Profiles'!$G$22=$B$10,7,0)+IF('Standard Profiles'!$G$22=$B$17,14,0)+IF('Standard Profiles'!$G$22=$B$24,21,0),MOD($C1423,24)+1)/SUM(INDEX($D$3:$AA$30,INDEX(Jesper!$R$2:$R$366,ROW(INDEX(Jesper!AL$2:AL$366,ROUNDDOWN($C1423/24,0)+1,1))-1)+IF('Standard Profiles'!$G$22=$B$10,7,0)+IF('Standard Profiles'!$G$22=$B$17,14,0)+IF('Standard Profiles'!$G$22=$B$24,21,0),0)),0)</f>
        <v>0</v>
      </c>
      <c r="I1423">
        <f t="shared" si="167"/>
        <v>5.4640979184226435</v>
      </c>
      <c r="J1423">
        <f t="shared" si="168"/>
        <v>19.262993711591214</v>
      </c>
      <c r="K1423">
        <f t="shared" si="169"/>
        <v>0.67062286970081586</v>
      </c>
      <c r="L1423">
        <f t="shared" si="170"/>
        <v>0.33531143485040793</v>
      </c>
      <c r="M1423">
        <f t="shared" si="171"/>
        <v>0</v>
      </c>
      <c r="N1423" s="45">
        <f t="shared" si="172"/>
        <v>44984.874999996631</v>
      </c>
    </row>
    <row r="1424" spans="2:14" x14ac:dyDescent="0.25">
      <c r="B1424">
        <f t="shared" si="166"/>
        <v>1</v>
      </c>
      <c r="C1424" s="16">
        <v>1390</v>
      </c>
      <c r="D1424" cm="1">
        <f t="array" ref="D1424">IFERROR(INDEX(Jesper!AH$2:AH$366,ROUNDDOWN($C1424/24,0)+1,1)*INDEX($D$3:$AA$30,INDEX(Jesper!$R$2:$R$366,ROW(INDEX(Jesper!AH$2:AH$366,ROUNDDOWN($C1424/24,0)+1,1))-1)+IF('Standard Profiles'!$G$18=$B$10,7,0)+IF('Standard Profiles'!$G$18=$B$17,14,0)+IF('Standard Profiles'!$G$18=$B$24,21,0),MOD($C1424,24)+1)/SUM(INDEX($D$3:$AA$30,INDEX(Jesper!$R$2:$R$366,ROW(INDEX(Jesper!AH$2:AH$366,ROUNDDOWN($C1424/24,0)+1,1))-1)+IF('Standard Profiles'!$G$18=$B$10,7,0)+IF('Standard Profiles'!$G$18=$B$17,14,0)+IF('Standard Profiles'!$G$18=$B$24,21,0),0)),0)</f>
        <v>6.2870894034451483</v>
      </c>
      <c r="E1424" cm="1">
        <f t="array" ref="E1424">IFERROR(INDEX(Jesper!AI$2:AI$366,ROUNDDOWN($C1424/24,0)+1,1)*INDEX($D$3:$AA$30,INDEX(Jesper!$R$2:$R$366,ROW(INDEX(Jesper!AI$2:AI$366,ROUNDDOWN($C1424/24,0)+1,1))-1)+IF('Standard Profiles'!$G$19=$B$10,7,0)+IF('Standard Profiles'!$G$19=$B$17,14,0)+IF('Standard Profiles'!$G$19=$B$24,21,0),MOD($C1424,24)+1)/SUM(INDEX($D$3:$AA$30,INDEX(Jesper!$R$2:$R$366,ROW(INDEX(Jesper!AI$2:AI$366,ROUNDDOWN($C1424/24,0)+1,1))-1)+IF('Standard Profiles'!$G$19=$B$10,7,0)+IF('Standard Profiles'!$G$19=$B$17,14,0)+IF('Standard Profiles'!$G$19=$B$24,21,0),0)),0)</f>
        <v>8.0623992010727541</v>
      </c>
      <c r="F1424" cm="1">
        <f t="array" ref="F1424">IFERROR(INDEX(Jesper!AJ$2:AJ$366,ROUNDDOWN($C1424/24,0)+1,1)*INDEX($D$3:$AA$30,INDEX(Jesper!$R$2:$R$366,ROW(INDEX(Jesper!AJ$2:AJ$366,ROUNDDOWN($C1424/24,0)+1,1))-1)+IF('Standard Profiles'!$G$20=$B$10,7,0)+IF('Standard Profiles'!$G$20=$B$17,14,0)+IF('Standard Profiles'!$G$20=$B$24,21,0),MOD($C1424,24)+1)/SUM(INDEX($D$3:$AA$30,INDEX(Jesper!$R$2:$R$366,ROW(INDEX(Jesper!AJ$2:AJ$366,ROUNDDOWN($C1424/24,0)+1,1))-1)+IF('Standard Profiles'!$G$20=$B$10,7,0)+IF('Standard Profiles'!$G$20=$B$17,14,0)+IF('Standard Profiles'!$G$20=$B$24,21,0),0)),0)</f>
        <v>0</v>
      </c>
      <c r="G1424" cm="1">
        <f t="array" ref="G1424">IFERROR(INDEX(Jesper!AK$2:AK$366,ROUNDDOWN($C1424/24,0)+1,1)*INDEX($D$3:$AA$30,INDEX(Jesper!$R$2:$R$366,ROW(INDEX(Jesper!AK$2:AK$366,ROUNDDOWN($C1424/24,0)+1,1))-1)+IF('Standard Profiles'!$G$21=$B$10,7,0)+IF('Standard Profiles'!$G$21=$B$17,14,0)+IF('Standard Profiles'!$G$21=$B$24,21,0),MOD($C1424,24)+1)/SUM(INDEX($D$3:$AA$30,INDEX(Jesper!$R$2:$R$366,ROW(INDEX(Jesper!AK$2:AK$366,ROUNDDOWN($C1424/24,0)+1,1))-1)+IF('Standard Profiles'!$G$21=$B$10,7,0)+IF('Standard Profiles'!$G$21=$B$17,14,0)+IF('Standard Profiles'!$G$21=$B$24,21,0),0)),0)</f>
        <v>11.383537330047179</v>
      </c>
      <c r="H1424" cm="1">
        <f t="array" ref="H1424">IFERROR(INDEX(Jesper!AL$2:AL$366,ROUNDDOWN($C1424/24,0)+1,1)*INDEX($D$3:$AA$30,INDEX(Jesper!$R$2:$R$366,ROW(INDEX(Jesper!AL$2:AL$366,ROUNDDOWN($C1424/24,0)+1,1))-1)+IF('Standard Profiles'!$G$22=$B$10,7,0)+IF('Standard Profiles'!$G$22=$B$17,14,0)+IF('Standard Profiles'!$G$22=$B$24,21,0),MOD($C1424,24)+1)/SUM(INDEX($D$3:$AA$30,INDEX(Jesper!$R$2:$R$366,ROW(INDEX(Jesper!AL$2:AL$366,ROUNDDOWN($C1424/24,0)+1,1))-1)+IF('Standard Profiles'!$G$22=$B$10,7,0)+IF('Standard Profiles'!$G$22=$B$17,14,0)+IF('Standard Profiles'!$G$22=$B$24,21,0),0)),0)</f>
        <v>0</v>
      </c>
      <c r="I1424">
        <f t="shared" si="167"/>
        <v>5.4640979184226435</v>
      </c>
      <c r="J1424">
        <f t="shared" si="168"/>
        <v>19.262993711591214</v>
      </c>
      <c r="K1424">
        <f t="shared" si="169"/>
        <v>0.67062286970081586</v>
      </c>
      <c r="L1424">
        <f t="shared" si="170"/>
        <v>0.33531143485040793</v>
      </c>
      <c r="M1424">
        <f t="shared" si="171"/>
        <v>0</v>
      </c>
      <c r="N1424" s="45">
        <f t="shared" si="172"/>
        <v>44984.916666663295</v>
      </c>
    </row>
    <row r="1425" spans="2:14" x14ac:dyDescent="0.25">
      <c r="B1425">
        <f t="shared" si="166"/>
        <v>1</v>
      </c>
      <c r="C1425" s="16">
        <v>1391</v>
      </c>
      <c r="D1425" cm="1">
        <f t="array" ref="D1425">IFERROR(INDEX(Jesper!AH$2:AH$366,ROUNDDOWN($C1425/24,0)+1,1)*INDEX($D$3:$AA$30,INDEX(Jesper!$R$2:$R$366,ROW(INDEX(Jesper!AH$2:AH$366,ROUNDDOWN($C1425/24,0)+1,1))-1)+IF('Standard Profiles'!$G$18=$B$10,7,0)+IF('Standard Profiles'!$G$18=$B$17,14,0)+IF('Standard Profiles'!$G$18=$B$24,21,0),MOD($C1425,24)+1)/SUM(INDEX($D$3:$AA$30,INDEX(Jesper!$R$2:$R$366,ROW(INDEX(Jesper!AH$2:AH$366,ROUNDDOWN($C1425/24,0)+1,1))-1)+IF('Standard Profiles'!$G$18=$B$10,7,0)+IF('Standard Profiles'!$G$18=$B$17,14,0)+IF('Standard Profiles'!$G$18=$B$24,21,0),0)),0)</f>
        <v>6.2870894034451483</v>
      </c>
      <c r="E1425" cm="1">
        <f t="array" ref="E1425">IFERROR(INDEX(Jesper!AI$2:AI$366,ROUNDDOWN($C1425/24,0)+1,1)*INDEX($D$3:$AA$30,INDEX(Jesper!$R$2:$R$366,ROW(INDEX(Jesper!AI$2:AI$366,ROUNDDOWN($C1425/24,0)+1,1))-1)+IF('Standard Profiles'!$G$19=$B$10,7,0)+IF('Standard Profiles'!$G$19=$B$17,14,0)+IF('Standard Profiles'!$G$19=$B$24,21,0),MOD($C1425,24)+1)/SUM(INDEX($D$3:$AA$30,INDEX(Jesper!$R$2:$R$366,ROW(INDEX(Jesper!AI$2:AI$366,ROUNDDOWN($C1425/24,0)+1,1))-1)+IF('Standard Profiles'!$G$19=$B$10,7,0)+IF('Standard Profiles'!$G$19=$B$17,14,0)+IF('Standard Profiles'!$G$19=$B$24,21,0),0)),0)</f>
        <v>8.0623992010727541</v>
      </c>
      <c r="F1425" cm="1">
        <f t="array" ref="F1425">IFERROR(INDEX(Jesper!AJ$2:AJ$366,ROUNDDOWN($C1425/24,0)+1,1)*INDEX($D$3:$AA$30,INDEX(Jesper!$R$2:$R$366,ROW(INDEX(Jesper!AJ$2:AJ$366,ROUNDDOWN($C1425/24,0)+1,1))-1)+IF('Standard Profiles'!$G$20=$B$10,7,0)+IF('Standard Profiles'!$G$20=$B$17,14,0)+IF('Standard Profiles'!$G$20=$B$24,21,0),MOD($C1425,24)+1)/SUM(INDEX($D$3:$AA$30,INDEX(Jesper!$R$2:$R$366,ROW(INDEX(Jesper!AJ$2:AJ$366,ROUNDDOWN($C1425/24,0)+1,1))-1)+IF('Standard Profiles'!$G$20=$B$10,7,0)+IF('Standard Profiles'!$G$20=$B$17,14,0)+IF('Standard Profiles'!$G$20=$B$24,21,0),0)),0)</f>
        <v>0</v>
      </c>
      <c r="G1425" cm="1">
        <f t="array" ref="G1425">IFERROR(INDEX(Jesper!AK$2:AK$366,ROUNDDOWN($C1425/24,0)+1,1)*INDEX($D$3:$AA$30,INDEX(Jesper!$R$2:$R$366,ROW(INDEX(Jesper!AK$2:AK$366,ROUNDDOWN($C1425/24,0)+1,1))-1)+IF('Standard Profiles'!$G$21=$B$10,7,0)+IF('Standard Profiles'!$G$21=$B$17,14,0)+IF('Standard Profiles'!$G$21=$B$24,21,0),MOD($C1425,24)+1)/SUM(INDEX($D$3:$AA$30,INDEX(Jesper!$R$2:$R$366,ROW(INDEX(Jesper!AK$2:AK$366,ROUNDDOWN($C1425/24,0)+1,1))-1)+IF('Standard Profiles'!$G$21=$B$10,7,0)+IF('Standard Profiles'!$G$21=$B$17,14,0)+IF('Standard Profiles'!$G$21=$B$24,21,0),0)),0)</f>
        <v>11.383537330047179</v>
      </c>
      <c r="H1425" cm="1">
        <f t="array" ref="H1425">IFERROR(INDEX(Jesper!AL$2:AL$366,ROUNDDOWN($C1425/24,0)+1,1)*INDEX($D$3:$AA$30,INDEX(Jesper!$R$2:$R$366,ROW(INDEX(Jesper!AL$2:AL$366,ROUNDDOWN($C1425/24,0)+1,1))-1)+IF('Standard Profiles'!$G$22=$B$10,7,0)+IF('Standard Profiles'!$G$22=$B$17,14,0)+IF('Standard Profiles'!$G$22=$B$24,21,0),MOD($C1425,24)+1)/SUM(INDEX($D$3:$AA$30,INDEX(Jesper!$R$2:$R$366,ROW(INDEX(Jesper!AL$2:AL$366,ROUNDDOWN($C1425/24,0)+1,1))-1)+IF('Standard Profiles'!$G$22=$B$10,7,0)+IF('Standard Profiles'!$G$22=$B$17,14,0)+IF('Standard Profiles'!$G$22=$B$24,21,0),0)),0)</f>
        <v>0</v>
      </c>
      <c r="I1425">
        <f t="shared" si="167"/>
        <v>5.4640979184226435</v>
      </c>
      <c r="J1425">
        <f t="shared" si="168"/>
        <v>19.262993711591214</v>
      </c>
      <c r="K1425">
        <f t="shared" si="169"/>
        <v>0.67062286970081586</v>
      </c>
      <c r="L1425">
        <f t="shared" si="170"/>
        <v>0.33531143485040793</v>
      </c>
      <c r="M1425">
        <f t="shared" si="171"/>
        <v>0</v>
      </c>
      <c r="N1425" s="45">
        <f t="shared" si="172"/>
        <v>44984.95833332996</v>
      </c>
    </row>
    <row r="1426" spans="2:14" x14ac:dyDescent="0.25">
      <c r="B1426">
        <f t="shared" si="166"/>
        <v>2</v>
      </c>
      <c r="C1426" s="16">
        <v>1392</v>
      </c>
      <c r="D1426" cm="1">
        <f t="array" ref="D1426">IFERROR(INDEX(Jesper!AH$2:AH$366,ROUNDDOWN($C1426/24,0)+1,1)*INDEX($D$3:$AA$30,INDEX(Jesper!$R$2:$R$366,ROW(INDEX(Jesper!AH$2:AH$366,ROUNDDOWN($C1426/24,0)+1,1))-1)+IF('Standard Profiles'!$G$18=$B$10,7,0)+IF('Standard Profiles'!$G$18=$B$17,14,0)+IF('Standard Profiles'!$G$18=$B$24,21,0),MOD($C1426,24)+1)/SUM(INDEX($D$3:$AA$30,INDEX(Jesper!$R$2:$R$366,ROW(INDEX(Jesper!AH$2:AH$366,ROUNDDOWN($C1426/24,0)+1,1))-1)+IF('Standard Profiles'!$G$18=$B$10,7,0)+IF('Standard Profiles'!$G$18=$B$17,14,0)+IF('Standard Profiles'!$G$18=$B$24,21,0),0)),0)</f>
        <v>3.9490345768477355</v>
      </c>
      <c r="E1426" cm="1">
        <f t="array" ref="E1426">IFERROR(INDEX(Jesper!AI$2:AI$366,ROUNDDOWN($C1426/24,0)+1,1)*INDEX($D$3:$AA$30,INDEX(Jesper!$R$2:$R$366,ROW(INDEX(Jesper!AI$2:AI$366,ROUNDDOWN($C1426/24,0)+1,1))-1)+IF('Standard Profiles'!$G$19=$B$10,7,0)+IF('Standard Profiles'!$G$19=$B$17,14,0)+IF('Standard Profiles'!$G$19=$B$24,21,0),MOD($C1426,24)+1)/SUM(INDEX($D$3:$AA$30,INDEX(Jesper!$R$2:$R$366,ROW(INDEX(Jesper!AI$2:AI$366,ROUNDDOWN($C1426/24,0)+1,1))-1)+IF('Standard Profiles'!$G$19=$B$10,7,0)+IF('Standard Profiles'!$G$19=$B$17,14,0)+IF('Standard Profiles'!$G$19=$B$24,21,0),0)),0)</f>
        <v>4.9121066275789813</v>
      </c>
      <c r="F1426" cm="1">
        <f t="array" ref="F1426">IFERROR(INDEX(Jesper!AJ$2:AJ$366,ROUNDDOWN($C1426/24,0)+1,1)*INDEX($D$3:$AA$30,INDEX(Jesper!$R$2:$R$366,ROW(INDEX(Jesper!AJ$2:AJ$366,ROUNDDOWN($C1426/24,0)+1,1))-1)+IF('Standard Profiles'!$G$20=$B$10,7,0)+IF('Standard Profiles'!$G$20=$B$17,14,0)+IF('Standard Profiles'!$G$20=$B$24,21,0),MOD($C1426,24)+1)/SUM(INDEX($D$3:$AA$30,INDEX(Jesper!$R$2:$R$366,ROW(INDEX(Jesper!AJ$2:AJ$366,ROUNDDOWN($C1426/24,0)+1,1))-1)+IF('Standard Profiles'!$G$20=$B$10,7,0)+IF('Standard Profiles'!$G$20=$B$17,14,0)+IF('Standard Profiles'!$G$20=$B$24,21,0),0)),0)</f>
        <v>0</v>
      </c>
      <c r="G1426" cm="1">
        <f t="array" ref="G1426">IFERROR(INDEX(Jesper!AK$2:AK$366,ROUNDDOWN($C1426/24,0)+1,1)*INDEX($D$3:$AA$30,INDEX(Jesper!$R$2:$R$366,ROW(INDEX(Jesper!AK$2:AK$366,ROUNDDOWN($C1426/24,0)+1,1))-1)+IF('Standard Profiles'!$G$21=$B$10,7,0)+IF('Standard Profiles'!$G$21=$B$17,14,0)+IF('Standard Profiles'!$G$21=$B$24,21,0),MOD($C1426,24)+1)/SUM(INDEX($D$3:$AA$30,INDEX(Jesper!$R$2:$R$366,ROW(INDEX(Jesper!AK$2:AK$366,ROUNDDOWN($C1426/24,0)+1,1))-1)+IF('Standard Profiles'!$G$21=$B$10,7,0)+IF('Standard Profiles'!$G$21=$B$17,14,0)+IF('Standard Profiles'!$G$21=$B$24,21,0),0)),0)</f>
        <v>9.809871721473419</v>
      </c>
      <c r="H1426" cm="1">
        <f t="array" ref="H1426">IFERROR(INDEX(Jesper!AL$2:AL$366,ROUNDDOWN($C1426/24,0)+1,1)*INDEX($D$3:$AA$30,INDEX(Jesper!$R$2:$R$366,ROW(INDEX(Jesper!AL$2:AL$366,ROUNDDOWN($C1426/24,0)+1,1))-1)+IF('Standard Profiles'!$G$22=$B$10,7,0)+IF('Standard Profiles'!$G$22=$B$17,14,0)+IF('Standard Profiles'!$G$22=$B$24,21,0),MOD($C1426,24)+1)/SUM(INDEX($D$3:$AA$30,INDEX(Jesper!$R$2:$R$366,ROW(INDEX(Jesper!AL$2:AL$366,ROUNDDOWN($C1426/24,0)+1,1))-1)+IF('Standard Profiles'!$G$22=$B$10,7,0)+IF('Standard Profiles'!$G$22=$B$17,14,0)+IF('Standard Profiles'!$G$22=$B$24,21,0),0)),0)</f>
        <v>0</v>
      </c>
      <c r="I1426">
        <f t="shared" si="167"/>
        <v>4.7087384263072387</v>
      </c>
      <c r="J1426">
        <f t="shared" si="168"/>
        <v>13.330428967297259</v>
      </c>
      <c r="K1426">
        <f t="shared" si="169"/>
        <v>0.42123035486375848</v>
      </c>
      <c r="L1426">
        <f t="shared" si="170"/>
        <v>0.21061517743187924</v>
      </c>
      <c r="M1426">
        <f t="shared" si="171"/>
        <v>0</v>
      </c>
      <c r="N1426" s="45">
        <f t="shared" si="172"/>
        <v>44984.999999996624</v>
      </c>
    </row>
    <row r="1427" spans="2:14" x14ac:dyDescent="0.25">
      <c r="B1427">
        <f t="shared" si="166"/>
        <v>2</v>
      </c>
      <c r="C1427" s="16">
        <v>1393</v>
      </c>
      <c r="D1427" cm="1">
        <f t="array" ref="D1427">IFERROR(INDEX(Jesper!AH$2:AH$366,ROUNDDOWN($C1427/24,0)+1,1)*INDEX($D$3:$AA$30,INDEX(Jesper!$R$2:$R$366,ROW(INDEX(Jesper!AH$2:AH$366,ROUNDDOWN($C1427/24,0)+1,1))-1)+IF('Standard Profiles'!$G$18=$B$10,7,0)+IF('Standard Profiles'!$G$18=$B$17,14,0)+IF('Standard Profiles'!$G$18=$B$24,21,0),MOD($C1427,24)+1)/SUM(INDEX($D$3:$AA$30,INDEX(Jesper!$R$2:$R$366,ROW(INDEX(Jesper!AH$2:AH$366,ROUNDDOWN($C1427/24,0)+1,1))-1)+IF('Standard Profiles'!$G$18=$B$10,7,0)+IF('Standard Profiles'!$G$18=$B$17,14,0)+IF('Standard Profiles'!$G$18=$B$24,21,0),0)),0)</f>
        <v>6.0175764980536934</v>
      </c>
      <c r="E1427" cm="1">
        <f t="array" ref="E1427">IFERROR(INDEX(Jesper!AI$2:AI$366,ROUNDDOWN($C1427/24,0)+1,1)*INDEX($D$3:$AA$30,INDEX(Jesper!$R$2:$R$366,ROW(INDEX(Jesper!AI$2:AI$366,ROUNDDOWN($C1427/24,0)+1,1))-1)+IF('Standard Profiles'!$G$19=$B$10,7,0)+IF('Standard Profiles'!$G$19=$B$17,14,0)+IF('Standard Profiles'!$G$19=$B$24,21,0),MOD($C1427,24)+1)/SUM(INDEX($D$3:$AA$30,INDEX(Jesper!$R$2:$R$366,ROW(INDEX(Jesper!AI$2:AI$366,ROUNDDOWN($C1427/24,0)+1,1))-1)+IF('Standard Profiles'!$G$19=$B$10,7,0)+IF('Standard Profiles'!$G$19=$B$17,14,0)+IF('Standard Profiles'!$G$19=$B$24,21,0),0)),0)</f>
        <v>7.4851148610727343</v>
      </c>
      <c r="F1427" cm="1">
        <f t="array" ref="F1427">IFERROR(INDEX(Jesper!AJ$2:AJ$366,ROUNDDOWN($C1427/24,0)+1,1)*INDEX($D$3:$AA$30,INDEX(Jesper!$R$2:$R$366,ROW(INDEX(Jesper!AJ$2:AJ$366,ROUNDDOWN($C1427/24,0)+1,1))-1)+IF('Standard Profiles'!$G$20=$B$10,7,0)+IF('Standard Profiles'!$G$20=$B$17,14,0)+IF('Standard Profiles'!$G$20=$B$24,21,0),MOD($C1427,24)+1)/SUM(INDEX($D$3:$AA$30,INDEX(Jesper!$R$2:$R$366,ROW(INDEX(Jesper!AJ$2:AJ$366,ROUNDDOWN($C1427/24,0)+1,1))-1)+IF('Standard Profiles'!$G$20=$B$10,7,0)+IF('Standard Profiles'!$G$20=$B$17,14,0)+IF('Standard Profiles'!$G$20=$B$24,21,0),0)),0)</f>
        <v>0</v>
      </c>
      <c r="G1427" cm="1">
        <f t="array" ref="G1427">IFERROR(INDEX(Jesper!AK$2:AK$366,ROUNDDOWN($C1427/24,0)+1,1)*INDEX($D$3:$AA$30,INDEX(Jesper!$R$2:$R$366,ROW(INDEX(Jesper!AK$2:AK$366,ROUNDDOWN($C1427/24,0)+1,1))-1)+IF('Standard Profiles'!$G$21=$B$10,7,0)+IF('Standard Profiles'!$G$21=$B$17,14,0)+IF('Standard Profiles'!$G$21=$B$24,21,0),MOD($C1427,24)+1)/SUM(INDEX($D$3:$AA$30,INDEX(Jesper!$R$2:$R$366,ROW(INDEX(Jesper!AK$2:AK$366,ROUNDDOWN($C1427/24,0)+1,1))-1)+IF('Standard Profiles'!$G$21=$B$10,7,0)+IF('Standard Profiles'!$G$21=$B$17,14,0)+IF('Standard Profiles'!$G$21=$B$24,21,0),0)),0)</f>
        <v>9.809871721473419</v>
      </c>
      <c r="H1427" cm="1">
        <f t="array" ref="H1427">IFERROR(INDEX(Jesper!AL$2:AL$366,ROUNDDOWN($C1427/24,0)+1,1)*INDEX($D$3:$AA$30,INDEX(Jesper!$R$2:$R$366,ROW(INDEX(Jesper!AL$2:AL$366,ROUNDDOWN($C1427/24,0)+1,1))-1)+IF('Standard Profiles'!$G$22=$B$10,7,0)+IF('Standard Profiles'!$G$22=$B$17,14,0)+IF('Standard Profiles'!$G$22=$B$24,21,0),MOD($C1427,24)+1)/SUM(INDEX($D$3:$AA$30,INDEX(Jesper!$R$2:$R$366,ROW(INDEX(Jesper!AL$2:AL$366,ROUNDDOWN($C1427/24,0)+1,1))-1)+IF('Standard Profiles'!$G$22=$B$10,7,0)+IF('Standard Profiles'!$G$22=$B$17,14,0)+IF('Standard Profiles'!$G$22=$B$24,21,0),0)),0)</f>
        <v>0</v>
      </c>
      <c r="I1427">
        <f t="shared" si="167"/>
        <v>4.7087384263072387</v>
      </c>
      <c r="J1427">
        <f t="shared" si="168"/>
        <v>17.641012414604017</v>
      </c>
      <c r="K1427">
        <f t="shared" si="169"/>
        <v>0.64187482645906069</v>
      </c>
      <c r="L1427">
        <f t="shared" si="170"/>
        <v>0.32093741322953034</v>
      </c>
      <c r="M1427">
        <f t="shared" si="171"/>
        <v>0</v>
      </c>
      <c r="N1427" s="45">
        <f t="shared" si="172"/>
        <v>44985.041666663288</v>
      </c>
    </row>
    <row r="1428" spans="2:14" x14ac:dyDescent="0.25">
      <c r="B1428">
        <f t="shared" si="166"/>
        <v>2</v>
      </c>
      <c r="C1428" s="16">
        <v>1394</v>
      </c>
      <c r="D1428" cm="1">
        <f t="array" ref="D1428">IFERROR(INDEX(Jesper!AH$2:AH$366,ROUNDDOWN($C1428/24,0)+1,1)*INDEX($D$3:$AA$30,INDEX(Jesper!$R$2:$R$366,ROW(INDEX(Jesper!AH$2:AH$366,ROUNDDOWN($C1428/24,0)+1,1))-1)+IF('Standard Profiles'!$G$18=$B$10,7,0)+IF('Standard Profiles'!$G$18=$B$17,14,0)+IF('Standard Profiles'!$G$18=$B$24,21,0),MOD($C1428,24)+1)/SUM(INDEX($D$3:$AA$30,INDEX(Jesper!$R$2:$R$366,ROW(INDEX(Jesper!AH$2:AH$366,ROUNDDOWN($C1428/24,0)+1,1))-1)+IF('Standard Profiles'!$G$18=$B$10,7,0)+IF('Standard Profiles'!$G$18=$B$17,14,0)+IF('Standard Profiles'!$G$18=$B$24,21,0),0)),0)</f>
        <v>6.0175764980536934</v>
      </c>
      <c r="E1428" cm="1">
        <f t="array" ref="E1428">IFERROR(INDEX(Jesper!AI$2:AI$366,ROUNDDOWN($C1428/24,0)+1,1)*INDEX($D$3:$AA$30,INDEX(Jesper!$R$2:$R$366,ROW(INDEX(Jesper!AI$2:AI$366,ROUNDDOWN($C1428/24,0)+1,1))-1)+IF('Standard Profiles'!$G$19=$B$10,7,0)+IF('Standard Profiles'!$G$19=$B$17,14,0)+IF('Standard Profiles'!$G$19=$B$24,21,0),MOD($C1428,24)+1)/SUM(INDEX($D$3:$AA$30,INDEX(Jesper!$R$2:$R$366,ROW(INDEX(Jesper!AI$2:AI$366,ROUNDDOWN($C1428/24,0)+1,1))-1)+IF('Standard Profiles'!$G$19=$B$10,7,0)+IF('Standard Profiles'!$G$19=$B$17,14,0)+IF('Standard Profiles'!$G$19=$B$24,21,0),0)),0)</f>
        <v>7.4851148610727343</v>
      </c>
      <c r="F1428" cm="1">
        <f t="array" ref="F1428">IFERROR(INDEX(Jesper!AJ$2:AJ$366,ROUNDDOWN($C1428/24,0)+1,1)*INDEX($D$3:$AA$30,INDEX(Jesper!$R$2:$R$366,ROW(INDEX(Jesper!AJ$2:AJ$366,ROUNDDOWN($C1428/24,0)+1,1))-1)+IF('Standard Profiles'!$G$20=$B$10,7,0)+IF('Standard Profiles'!$G$20=$B$17,14,0)+IF('Standard Profiles'!$G$20=$B$24,21,0),MOD($C1428,24)+1)/SUM(INDEX($D$3:$AA$30,INDEX(Jesper!$R$2:$R$366,ROW(INDEX(Jesper!AJ$2:AJ$366,ROUNDDOWN($C1428/24,0)+1,1))-1)+IF('Standard Profiles'!$G$20=$B$10,7,0)+IF('Standard Profiles'!$G$20=$B$17,14,0)+IF('Standard Profiles'!$G$20=$B$24,21,0),0)),0)</f>
        <v>0</v>
      </c>
      <c r="G1428" cm="1">
        <f t="array" ref="G1428">IFERROR(INDEX(Jesper!AK$2:AK$366,ROUNDDOWN($C1428/24,0)+1,1)*INDEX($D$3:$AA$30,INDEX(Jesper!$R$2:$R$366,ROW(INDEX(Jesper!AK$2:AK$366,ROUNDDOWN($C1428/24,0)+1,1))-1)+IF('Standard Profiles'!$G$21=$B$10,7,0)+IF('Standard Profiles'!$G$21=$B$17,14,0)+IF('Standard Profiles'!$G$21=$B$24,21,0),MOD($C1428,24)+1)/SUM(INDEX($D$3:$AA$30,INDEX(Jesper!$R$2:$R$366,ROW(INDEX(Jesper!AK$2:AK$366,ROUNDDOWN($C1428/24,0)+1,1))-1)+IF('Standard Profiles'!$G$21=$B$10,7,0)+IF('Standard Profiles'!$G$21=$B$17,14,0)+IF('Standard Profiles'!$G$21=$B$24,21,0),0)),0)</f>
        <v>9.809871721473419</v>
      </c>
      <c r="H1428" cm="1">
        <f t="array" ref="H1428">IFERROR(INDEX(Jesper!AL$2:AL$366,ROUNDDOWN($C1428/24,0)+1,1)*INDEX($D$3:$AA$30,INDEX(Jesper!$R$2:$R$366,ROW(INDEX(Jesper!AL$2:AL$366,ROUNDDOWN($C1428/24,0)+1,1))-1)+IF('Standard Profiles'!$G$22=$B$10,7,0)+IF('Standard Profiles'!$G$22=$B$17,14,0)+IF('Standard Profiles'!$G$22=$B$24,21,0),MOD($C1428,24)+1)/SUM(INDEX($D$3:$AA$30,INDEX(Jesper!$R$2:$R$366,ROW(INDEX(Jesper!AL$2:AL$366,ROUNDDOWN($C1428/24,0)+1,1))-1)+IF('Standard Profiles'!$G$22=$B$10,7,0)+IF('Standard Profiles'!$G$22=$B$17,14,0)+IF('Standard Profiles'!$G$22=$B$24,21,0),0)),0)</f>
        <v>0</v>
      </c>
      <c r="I1428">
        <f t="shared" si="167"/>
        <v>4.7087384263072387</v>
      </c>
      <c r="J1428">
        <f t="shared" si="168"/>
        <v>17.641012414604017</v>
      </c>
      <c r="K1428">
        <f t="shared" si="169"/>
        <v>0.64187482645906069</v>
      </c>
      <c r="L1428">
        <f t="shared" si="170"/>
        <v>0.32093741322953034</v>
      </c>
      <c r="M1428">
        <f t="shared" si="171"/>
        <v>0</v>
      </c>
      <c r="N1428" s="45">
        <f t="shared" si="172"/>
        <v>44985.083333329952</v>
      </c>
    </row>
    <row r="1429" spans="2:14" x14ac:dyDescent="0.25">
      <c r="B1429">
        <f t="shared" si="166"/>
        <v>2</v>
      </c>
      <c r="C1429" s="16">
        <v>1395</v>
      </c>
      <c r="D1429" cm="1">
        <f t="array" ref="D1429">IFERROR(INDEX(Jesper!AH$2:AH$366,ROUNDDOWN($C1429/24,0)+1,1)*INDEX($D$3:$AA$30,INDEX(Jesper!$R$2:$R$366,ROW(INDEX(Jesper!AH$2:AH$366,ROUNDDOWN($C1429/24,0)+1,1))-1)+IF('Standard Profiles'!$G$18=$B$10,7,0)+IF('Standard Profiles'!$G$18=$B$17,14,0)+IF('Standard Profiles'!$G$18=$B$24,21,0),MOD($C1429,24)+1)/SUM(INDEX($D$3:$AA$30,INDEX(Jesper!$R$2:$R$366,ROW(INDEX(Jesper!AH$2:AH$366,ROUNDDOWN($C1429/24,0)+1,1))-1)+IF('Standard Profiles'!$G$18=$B$10,7,0)+IF('Standard Profiles'!$G$18=$B$17,14,0)+IF('Standard Profiles'!$G$18=$B$24,21,0),0)),0)</f>
        <v>6.0175764980536934</v>
      </c>
      <c r="E1429" cm="1">
        <f t="array" ref="E1429">IFERROR(INDEX(Jesper!AI$2:AI$366,ROUNDDOWN($C1429/24,0)+1,1)*INDEX($D$3:$AA$30,INDEX(Jesper!$R$2:$R$366,ROW(INDEX(Jesper!AI$2:AI$366,ROUNDDOWN($C1429/24,0)+1,1))-1)+IF('Standard Profiles'!$G$19=$B$10,7,0)+IF('Standard Profiles'!$G$19=$B$17,14,0)+IF('Standard Profiles'!$G$19=$B$24,21,0),MOD($C1429,24)+1)/SUM(INDEX($D$3:$AA$30,INDEX(Jesper!$R$2:$R$366,ROW(INDEX(Jesper!AI$2:AI$366,ROUNDDOWN($C1429/24,0)+1,1))-1)+IF('Standard Profiles'!$G$19=$B$10,7,0)+IF('Standard Profiles'!$G$19=$B$17,14,0)+IF('Standard Profiles'!$G$19=$B$24,21,0),0)),0)</f>
        <v>7.4851148610727343</v>
      </c>
      <c r="F1429" cm="1">
        <f t="array" ref="F1429">IFERROR(INDEX(Jesper!AJ$2:AJ$366,ROUNDDOWN($C1429/24,0)+1,1)*INDEX($D$3:$AA$30,INDEX(Jesper!$R$2:$R$366,ROW(INDEX(Jesper!AJ$2:AJ$366,ROUNDDOWN($C1429/24,0)+1,1))-1)+IF('Standard Profiles'!$G$20=$B$10,7,0)+IF('Standard Profiles'!$G$20=$B$17,14,0)+IF('Standard Profiles'!$G$20=$B$24,21,0),MOD($C1429,24)+1)/SUM(INDEX($D$3:$AA$30,INDEX(Jesper!$R$2:$R$366,ROW(INDEX(Jesper!AJ$2:AJ$366,ROUNDDOWN($C1429/24,0)+1,1))-1)+IF('Standard Profiles'!$G$20=$B$10,7,0)+IF('Standard Profiles'!$G$20=$B$17,14,0)+IF('Standard Profiles'!$G$20=$B$24,21,0),0)),0)</f>
        <v>0</v>
      </c>
      <c r="G1429" cm="1">
        <f t="array" ref="G1429">IFERROR(INDEX(Jesper!AK$2:AK$366,ROUNDDOWN($C1429/24,0)+1,1)*INDEX($D$3:$AA$30,INDEX(Jesper!$R$2:$R$366,ROW(INDEX(Jesper!AK$2:AK$366,ROUNDDOWN($C1429/24,0)+1,1))-1)+IF('Standard Profiles'!$G$21=$B$10,7,0)+IF('Standard Profiles'!$G$21=$B$17,14,0)+IF('Standard Profiles'!$G$21=$B$24,21,0),MOD($C1429,24)+1)/SUM(INDEX($D$3:$AA$30,INDEX(Jesper!$R$2:$R$366,ROW(INDEX(Jesper!AK$2:AK$366,ROUNDDOWN($C1429/24,0)+1,1))-1)+IF('Standard Profiles'!$G$21=$B$10,7,0)+IF('Standard Profiles'!$G$21=$B$17,14,0)+IF('Standard Profiles'!$G$21=$B$24,21,0),0)),0)</f>
        <v>9.809871721473419</v>
      </c>
      <c r="H1429" cm="1">
        <f t="array" ref="H1429">IFERROR(INDEX(Jesper!AL$2:AL$366,ROUNDDOWN($C1429/24,0)+1,1)*INDEX($D$3:$AA$30,INDEX(Jesper!$R$2:$R$366,ROW(INDEX(Jesper!AL$2:AL$366,ROUNDDOWN($C1429/24,0)+1,1))-1)+IF('Standard Profiles'!$G$22=$B$10,7,0)+IF('Standard Profiles'!$G$22=$B$17,14,0)+IF('Standard Profiles'!$G$22=$B$24,21,0),MOD($C1429,24)+1)/SUM(INDEX($D$3:$AA$30,INDEX(Jesper!$R$2:$R$366,ROW(INDEX(Jesper!AL$2:AL$366,ROUNDDOWN($C1429/24,0)+1,1))-1)+IF('Standard Profiles'!$G$22=$B$10,7,0)+IF('Standard Profiles'!$G$22=$B$17,14,0)+IF('Standard Profiles'!$G$22=$B$24,21,0),0)),0)</f>
        <v>0</v>
      </c>
      <c r="I1429">
        <f t="shared" si="167"/>
        <v>4.7087384263072387</v>
      </c>
      <c r="J1429">
        <f t="shared" si="168"/>
        <v>17.641012414604017</v>
      </c>
      <c r="K1429">
        <f t="shared" si="169"/>
        <v>0.64187482645906069</v>
      </c>
      <c r="L1429">
        <f t="shared" si="170"/>
        <v>0.32093741322953034</v>
      </c>
      <c r="M1429">
        <f t="shared" si="171"/>
        <v>0</v>
      </c>
      <c r="N1429" s="45">
        <f t="shared" si="172"/>
        <v>44985.124999996617</v>
      </c>
    </row>
    <row r="1430" spans="2:14" x14ac:dyDescent="0.25">
      <c r="B1430">
        <f t="shared" si="166"/>
        <v>2</v>
      </c>
      <c r="C1430" s="16">
        <v>1396</v>
      </c>
      <c r="D1430" cm="1">
        <f t="array" ref="D1430">IFERROR(INDEX(Jesper!AH$2:AH$366,ROUNDDOWN($C1430/24,0)+1,1)*INDEX($D$3:$AA$30,INDEX(Jesper!$R$2:$R$366,ROW(INDEX(Jesper!AH$2:AH$366,ROUNDDOWN($C1430/24,0)+1,1))-1)+IF('Standard Profiles'!$G$18=$B$10,7,0)+IF('Standard Profiles'!$G$18=$B$17,14,0)+IF('Standard Profiles'!$G$18=$B$24,21,0),MOD($C1430,24)+1)/SUM(INDEX($D$3:$AA$30,INDEX(Jesper!$R$2:$R$366,ROW(INDEX(Jesper!AH$2:AH$366,ROUNDDOWN($C1430/24,0)+1,1))-1)+IF('Standard Profiles'!$G$18=$B$10,7,0)+IF('Standard Profiles'!$G$18=$B$17,14,0)+IF('Standard Profiles'!$G$18=$B$24,21,0),0)),0)</f>
        <v>6.0175764980536934</v>
      </c>
      <c r="E1430" cm="1">
        <f t="array" ref="E1430">IFERROR(INDEX(Jesper!AI$2:AI$366,ROUNDDOWN($C1430/24,0)+1,1)*INDEX($D$3:$AA$30,INDEX(Jesper!$R$2:$R$366,ROW(INDEX(Jesper!AI$2:AI$366,ROUNDDOWN($C1430/24,0)+1,1))-1)+IF('Standard Profiles'!$G$19=$B$10,7,0)+IF('Standard Profiles'!$G$19=$B$17,14,0)+IF('Standard Profiles'!$G$19=$B$24,21,0),MOD($C1430,24)+1)/SUM(INDEX($D$3:$AA$30,INDEX(Jesper!$R$2:$R$366,ROW(INDEX(Jesper!AI$2:AI$366,ROUNDDOWN($C1430/24,0)+1,1))-1)+IF('Standard Profiles'!$G$19=$B$10,7,0)+IF('Standard Profiles'!$G$19=$B$17,14,0)+IF('Standard Profiles'!$G$19=$B$24,21,0),0)),0)</f>
        <v>7.4851148610727343</v>
      </c>
      <c r="F1430" cm="1">
        <f t="array" ref="F1430">IFERROR(INDEX(Jesper!AJ$2:AJ$366,ROUNDDOWN($C1430/24,0)+1,1)*INDEX($D$3:$AA$30,INDEX(Jesper!$R$2:$R$366,ROW(INDEX(Jesper!AJ$2:AJ$366,ROUNDDOWN($C1430/24,0)+1,1))-1)+IF('Standard Profiles'!$G$20=$B$10,7,0)+IF('Standard Profiles'!$G$20=$B$17,14,0)+IF('Standard Profiles'!$G$20=$B$24,21,0),MOD($C1430,24)+1)/SUM(INDEX($D$3:$AA$30,INDEX(Jesper!$R$2:$R$366,ROW(INDEX(Jesper!AJ$2:AJ$366,ROUNDDOWN($C1430/24,0)+1,1))-1)+IF('Standard Profiles'!$G$20=$B$10,7,0)+IF('Standard Profiles'!$G$20=$B$17,14,0)+IF('Standard Profiles'!$G$20=$B$24,21,0),0)),0)</f>
        <v>0</v>
      </c>
      <c r="G1430" cm="1">
        <f t="array" ref="G1430">IFERROR(INDEX(Jesper!AK$2:AK$366,ROUNDDOWN($C1430/24,0)+1,1)*INDEX($D$3:$AA$30,INDEX(Jesper!$R$2:$R$366,ROW(INDEX(Jesper!AK$2:AK$366,ROUNDDOWN($C1430/24,0)+1,1))-1)+IF('Standard Profiles'!$G$21=$B$10,7,0)+IF('Standard Profiles'!$G$21=$B$17,14,0)+IF('Standard Profiles'!$G$21=$B$24,21,0),MOD($C1430,24)+1)/SUM(INDEX($D$3:$AA$30,INDEX(Jesper!$R$2:$R$366,ROW(INDEX(Jesper!AK$2:AK$366,ROUNDDOWN($C1430/24,0)+1,1))-1)+IF('Standard Profiles'!$G$21=$B$10,7,0)+IF('Standard Profiles'!$G$21=$B$17,14,0)+IF('Standard Profiles'!$G$21=$B$24,21,0),0)),0)</f>
        <v>9.809871721473419</v>
      </c>
      <c r="H1430" cm="1">
        <f t="array" ref="H1430">IFERROR(INDEX(Jesper!AL$2:AL$366,ROUNDDOWN($C1430/24,0)+1,1)*INDEX($D$3:$AA$30,INDEX(Jesper!$R$2:$R$366,ROW(INDEX(Jesper!AL$2:AL$366,ROUNDDOWN($C1430/24,0)+1,1))-1)+IF('Standard Profiles'!$G$22=$B$10,7,0)+IF('Standard Profiles'!$G$22=$B$17,14,0)+IF('Standard Profiles'!$G$22=$B$24,21,0),MOD($C1430,24)+1)/SUM(INDEX($D$3:$AA$30,INDEX(Jesper!$R$2:$R$366,ROW(INDEX(Jesper!AL$2:AL$366,ROUNDDOWN($C1430/24,0)+1,1))-1)+IF('Standard Profiles'!$G$22=$B$10,7,0)+IF('Standard Profiles'!$G$22=$B$17,14,0)+IF('Standard Profiles'!$G$22=$B$24,21,0),0)),0)</f>
        <v>0</v>
      </c>
      <c r="I1430">
        <f t="shared" si="167"/>
        <v>4.7087384263072387</v>
      </c>
      <c r="J1430">
        <f t="shared" si="168"/>
        <v>17.641012414604017</v>
      </c>
      <c r="K1430">
        <f t="shared" si="169"/>
        <v>0.64187482645906069</v>
      </c>
      <c r="L1430">
        <f t="shared" si="170"/>
        <v>0.32093741322953034</v>
      </c>
      <c r="M1430">
        <f t="shared" si="171"/>
        <v>0</v>
      </c>
      <c r="N1430" s="45">
        <f t="shared" si="172"/>
        <v>44985.166666663281</v>
      </c>
    </row>
    <row r="1431" spans="2:14" x14ac:dyDescent="0.25">
      <c r="B1431">
        <f t="shared" si="166"/>
        <v>2</v>
      </c>
      <c r="C1431" s="16">
        <v>1397</v>
      </c>
      <c r="D1431" cm="1">
        <f t="array" ref="D1431">IFERROR(INDEX(Jesper!AH$2:AH$366,ROUNDDOWN($C1431/24,0)+1,1)*INDEX($D$3:$AA$30,INDEX(Jesper!$R$2:$R$366,ROW(INDEX(Jesper!AH$2:AH$366,ROUNDDOWN($C1431/24,0)+1,1))-1)+IF('Standard Profiles'!$G$18=$B$10,7,0)+IF('Standard Profiles'!$G$18=$B$17,14,0)+IF('Standard Profiles'!$G$18=$B$24,21,0),MOD($C1431,24)+1)/SUM(INDEX($D$3:$AA$30,INDEX(Jesper!$R$2:$R$366,ROW(INDEX(Jesper!AH$2:AH$366,ROUNDDOWN($C1431/24,0)+1,1))-1)+IF('Standard Profiles'!$G$18=$B$10,7,0)+IF('Standard Profiles'!$G$18=$B$17,14,0)+IF('Standard Profiles'!$G$18=$B$24,21,0),0)),0)</f>
        <v>6.0175764980536934</v>
      </c>
      <c r="E1431" cm="1">
        <f t="array" ref="E1431">IFERROR(INDEX(Jesper!AI$2:AI$366,ROUNDDOWN($C1431/24,0)+1,1)*INDEX($D$3:$AA$30,INDEX(Jesper!$R$2:$R$366,ROW(INDEX(Jesper!AI$2:AI$366,ROUNDDOWN($C1431/24,0)+1,1))-1)+IF('Standard Profiles'!$G$19=$B$10,7,0)+IF('Standard Profiles'!$G$19=$B$17,14,0)+IF('Standard Profiles'!$G$19=$B$24,21,0),MOD($C1431,24)+1)/SUM(INDEX($D$3:$AA$30,INDEX(Jesper!$R$2:$R$366,ROW(INDEX(Jesper!AI$2:AI$366,ROUNDDOWN($C1431/24,0)+1,1))-1)+IF('Standard Profiles'!$G$19=$B$10,7,0)+IF('Standard Profiles'!$G$19=$B$17,14,0)+IF('Standard Profiles'!$G$19=$B$24,21,0),0)),0)</f>
        <v>7.4851148610727343</v>
      </c>
      <c r="F1431" cm="1">
        <f t="array" ref="F1431">IFERROR(INDEX(Jesper!AJ$2:AJ$366,ROUNDDOWN($C1431/24,0)+1,1)*INDEX($D$3:$AA$30,INDEX(Jesper!$R$2:$R$366,ROW(INDEX(Jesper!AJ$2:AJ$366,ROUNDDOWN($C1431/24,0)+1,1))-1)+IF('Standard Profiles'!$G$20=$B$10,7,0)+IF('Standard Profiles'!$G$20=$B$17,14,0)+IF('Standard Profiles'!$G$20=$B$24,21,0),MOD($C1431,24)+1)/SUM(INDEX($D$3:$AA$30,INDEX(Jesper!$R$2:$R$366,ROW(INDEX(Jesper!AJ$2:AJ$366,ROUNDDOWN($C1431/24,0)+1,1))-1)+IF('Standard Profiles'!$G$20=$B$10,7,0)+IF('Standard Profiles'!$G$20=$B$17,14,0)+IF('Standard Profiles'!$G$20=$B$24,21,0),0)),0)</f>
        <v>0</v>
      </c>
      <c r="G1431" cm="1">
        <f t="array" ref="G1431">IFERROR(INDEX(Jesper!AK$2:AK$366,ROUNDDOWN($C1431/24,0)+1,1)*INDEX($D$3:$AA$30,INDEX(Jesper!$R$2:$R$366,ROW(INDEX(Jesper!AK$2:AK$366,ROUNDDOWN($C1431/24,0)+1,1))-1)+IF('Standard Profiles'!$G$21=$B$10,7,0)+IF('Standard Profiles'!$G$21=$B$17,14,0)+IF('Standard Profiles'!$G$21=$B$24,21,0),MOD($C1431,24)+1)/SUM(INDEX($D$3:$AA$30,INDEX(Jesper!$R$2:$R$366,ROW(INDEX(Jesper!AK$2:AK$366,ROUNDDOWN($C1431/24,0)+1,1))-1)+IF('Standard Profiles'!$G$21=$B$10,7,0)+IF('Standard Profiles'!$G$21=$B$17,14,0)+IF('Standard Profiles'!$G$21=$B$24,21,0),0)),0)</f>
        <v>9.809871721473419</v>
      </c>
      <c r="H1431" cm="1">
        <f t="array" ref="H1431">IFERROR(INDEX(Jesper!AL$2:AL$366,ROUNDDOWN($C1431/24,0)+1,1)*INDEX($D$3:$AA$30,INDEX(Jesper!$R$2:$R$366,ROW(INDEX(Jesper!AL$2:AL$366,ROUNDDOWN($C1431/24,0)+1,1))-1)+IF('Standard Profiles'!$G$22=$B$10,7,0)+IF('Standard Profiles'!$G$22=$B$17,14,0)+IF('Standard Profiles'!$G$22=$B$24,21,0),MOD($C1431,24)+1)/SUM(INDEX($D$3:$AA$30,INDEX(Jesper!$R$2:$R$366,ROW(INDEX(Jesper!AL$2:AL$366,ROUNDDOWN($C1431/24,0)+1,1))-1)+IF('Standard Profiles'!$G$22=$B$10,7,0)+IF('Standard Profiles'!$G$22=$B$17,14,0)+IF('Standard Profiles'!$G$22=$B$24,21,0),0)),0)</f>
        <v>0</v>
      </c>
      <c r="I1431">
        <f t="shared" si="167"/>
        <v>4.7087384263072387</v>
      </c>
      <c r="J1431">
        <f t="shared" si="168"/>
        <v>17.641012414604017</v>
      </c>
      <c r="K1431">
        <f t="shared" si="169"/>
        <v>0.64187482645906069</v>
      </c>
      <c r="L1431">
        <f t="shared" si="170"/>
        <v>0.32093741322953034</v>
      </c>
      <c r="M1431">
        <f t="shared" si="171"/>
        <v>0</v>
      </c>
      <c r="N1431" s="45">
        <f t="shared" si="172"/>
        <v>44985.208333329945</v>
      </c>
    </row>
    <row r="1432" spans="2:14" x14ac:dyDescent="0.25">
      <c r="B1432">
        <f t="shared" si="166"/>
        <v>2</v>
      </c>
      <c r="C1432" s="16">
        <v>1398</v>
      </c>
      <c r="D1432" cm="1">
        <f t="array" ref="D1432">IFERROR(INDEX(Jesper!AH$2:AH$366,ROUNDDOWN($C1432/24,0)+1,1)*INDEX($D$3:$AA$30,INDEX(Jesper!$R$2:$R$366,ROW(INDEX(Jesper!AH$2:AH$366,ROUNDDOWN($C1432/24,0)+1,1))-1)+IF('Standard Profiles'!$G$18=$B$10,7,0)+IF('Standard Profiles'!$G$18=$B$17,14,0)+IF('Standard Profiles'!$G$18=$B$24,21,0),MOD($C1432,24)+1)/SUM(INDEX($D$3:$AA$30,INDEX(Jesper!$R$2:$R$366,ROW(INDEX(Jesper!AH$2:AH$366,ROUNDDOWN($C1432/24,0)+1,1))-1)+IF('Standard Profiles'!$G$18=$B$10,7,0)+IF('Standard Profiles'!$G$18=$B$17,14,0)+IF('Standard Profiles'!$G$18=$B$24,21,0),0)),0)</f>
        <v>6.0175764980536934</v>
      </c>
      <c r="E1432" cm="1">
        <f t="array" ref="E1432">IFERROR(INDEX(Jesper!AI$2:AI$366,ROUNDDOWN($C1432/24,0)+1,1)*INDEX($D$3:$AA$30,INDEX(Jesper!$R$2:$R$366,ROW(INDEX(Jesper!AI$2:AI$366,ROUNDDOWN($C1432/24,0)+1,1))-1)+IF('Standard Profiles'!$G$19=$B$10,7,0)+IF('Standard Profiles'!$G$19=$B$17,14,0)+IF('Standard Profiles'!$G$19=$B$24,21,0),MOD($C1432,24)+1)/SUM(INDEX($D$3:$AA$30,INDEX(Jesper!$R$2:$R$366,ROW(INDEX(Jesper!AI$2:AI$366,ROUNDDOWN($C1432/24,0)+1,1))-1)+IF('Standard Profiles'!$G$19=$B$10,7,0)+IF('Standard Profiles'!$G$19=$B$17,14,0)+IF('Standard Profiles'!$G$19=$B$24,21,0),0)),0)</f>
        <v>7.4851148610727343</v>
      </c>
      <c r="F1432" cm="1">
        <f t="array" ref="F1432">IFERROR(INDEX(Jesper!AJ$2:AJ$366,ROUNDDOWN($C1432/24,0)+1,1)*INDEX($D$3:$AA$30,INDEX(Jesper!$R$2:$R$366,ROW(INDEX(Jesper!AJ$2:AJ$366,ROUNDDOWN($C1432/24,0)+1,1))-1)+IF('Standard Profiles'!$G$20=$B$10,7,0)+IF('Standard Profiles'!$G$20=$B$17,14,0)+IF('Standard Profiles'!$G$20=$B$24,21,0),MOD($C1432,24)+1)/SUM(INDEX($D$3:$AA$30,INDEX(Jesper!$R$2:$R$366,ROW(INDEX(Jesper!AJ$2:AJ$366,ROUNDDOWN($C1432/24,0)+1,1))-1)+IF('Standard Profiles'!$G$20=$B$10,7,0)+IF('Standard Profiles'!$G$20=$B$17,14,0)+IF('Standard Profiles'!$G$20=$B$24,21,0),0)),0)</f>
        <v>0</v>
      </c>
      <c r="G1432" cm="1">
        <f t="array" ref="G1432">IFERROR(INDEX(Jesper!AK$2:AK$366,ROUNDDOWN($C1432/24,0)+1,1)*INDEX($D$3:$AA$30,INDEX(Jesper!$R$2:$R$366,ROW(INDEX(Jesper!AK$2:AK$366,ROUNDDOWN($C1432/24,0)+1,1))-1)+IF('Standard Profiles'!$G$21=$B$10,7,0)+IF('Standard Profiles'!$G$21=$B$17,14,0)+IF('Standard Profiles'!$G$21=$B$24,21,0),MOD($C1432,24)+1)/SUM(INDEX($D$3:$AA$30,INDEX(Jesper!$R$2:$R$366,ROW(INDEX(Jesper!AK$2:AK$366,ROUNDDOWN($C1432/24,0)+1,1))-1)+IF('Standard Profiles'!$G$21=$B$10,7,0)+IF('Standard Profiles'!$G$21=$B$17,14,0)+IF('Standard Profiles'!$G$21=$B$24,21,0),0)),0)</f>
        <v>9.809871721473419</v>
      </c>
      <c r="H1432" cm="1">
        <f t="array" ref="H1432">IFERROR(INDEX(Jesper!AL$2:AL$366,ROUNDDOWN($C1432/24,0)+1,1)*INDEX($D$3:$AA$30,INDEX(Jesper!$R$2:$R$366,ROW(INDEX(Jesper!AL$2:AL$366,ROUNDDOWN($C1432/24,0)+1,1))-1)+IF('Standard Profiles'!$G$22=$B$10,7,0)+IF('Standard Profiles'!$G$22=$B$17,14,0)+IF('Standard Profiles'!$G$22=$B$24,21,0),MOD($C1432,24)+1)/SUM(INDEX($D$3:$AA$30,INDEX(Jesper!$R$2:$R$366,ROW(INDEX(Jesper!AL$2:AL$366,ROUNDDOWN($C1432/24,0)+1,1))-1)+IF('Standard Profiles'!$G$22=$B$10,7,0)+IF('Standard Profiles'!$G$22=$B$17,14,0)+IF('Standard Profiles'!$G$22=$B$24,21,0),0)),0)</f>
        <v>0</v>
      </c>
      <c r="I1432">
        <f t="shared" si="167"/>
        <v>4.7087384263072387</v>
      </c>
      <c r="J1432">
        <f t="shared" si="168"/>
        <v>17.641012414604017</v>
      </c>
      <c r="K1432">
        <f t="shared" si="169"/>
        <v>0.64187482645906069</v>
      </c>
      <c r="L1432">
        <f t="shared" si="170"/>
        <v>0.32093741322953034</v>
      </c>
      <c r="M1432">
        <f t="shared" si="171"/>
        <v>0</v>
      </c>
      <c r="N1432" s="45">
        <f t="shared" si="172"/>
        <v>44985.249999996609</v>
      </c>
    </row>
    <row r="1433" spans="2:14" x14ac:dyDescent="0.25">
      <c r="B1433">
        <f t="shared" si="166"/>
        <v>2</v>
      </c>
      <c r="C1433" s="16">
        <v>1399</v>
      </c>
      <c r="D1433" cm="1">
        <f t="array" ref="D1433">IFERROR(INDEX(Jesper!AH$2:AH$366,ROUNDDOWN($C1433/24,0)+1,1)*INDEX($D$3:$AA$30,INDEX(Jesper!$R$2:$R$366,ROW(INDEX(Jesper!AH$2:AH$366,ROUNDDOWN($C1433/24,0)+1,1))-1)+IF('Standard Profiles'!$G$18=$B$10,7,0)+IF('Standard Profiles'!$G$18=$B$17,14,0)+IF('Standard Profiles'!$G$18=$B$24,21,0),MOD($C1433,24)+1)/SUM(INDEX($D$3:$AA$30,INDEX(Jesper!$R$2:$R$366,ROW(INDEX(Jesper!AH$2:AH$366,ROUNDDOWN($C1433/24,0)+1,1))-1)+IF('Standard Profiles'!$G$18=$B$10,7,0)+IF('Standard Profiles'!$G$18=$B$17,14,0)+IF('Standard Profiles'!$G$18=$B$24,21,0),0)),0)</f>
        <v>25.367845924607593</v>
      </c>
      <c r="E1433" cm="1">
        <f t="array" ref="E1433">IFERROR(INDEX(Jesper!AI$2:AI$366,ROUNDDOWN($C1433/24,0)+1,1)*INDEX($D$3:$AA$30,INDEX(Jesper!$R$2:$R$366,ROW(INDEX(Jesper!AI$2:AI$366,ROUNDDOWN($C1433/24,0)+1,1))-1)+IF('Standard Profiles'!$G$19=$B$10,7,0)+IF('Standard Profiles'!$G$19=$B$17,14,0)+IF('Standard Profiles'!$G$19=$B$24,21,0),MOD($C1433,24)+1)/SUM(INDEX($D$3:$AA$30,INDEX(Jesper!$R$2:$R$366,ROW(INDEX(Jesper!AI$2:AI$366,ROUNDDOWN($C1433/24,0)+1,1))-1)+IF('Standard Profiles'!$G$19=$B$10,7,0)+IF('Standard Profiles'!$G$19=$B$17,14,0)+IF('Standard Profiles'!$G$19=$B$24,21,0),0)),0)</f>
        <v>31.554437336209737</v>
      </c>
      <c r="F1433" cm="1">
        <f t="array" ref="F1433">IFERROR(INDEX(Jesper!AJ$2:AJ$366,ROUNDDOWN($C1433/24,0)+1,1)*INDEX($D$3:$AA$30,INDEX(Jesper!$R$2:$R$366,ROW(INDEX(Jesper!AJ$2:AJ$366,ROUNDDOWN($C1433/24,0)+1,1))-1)+IF('Standard Profiles'!$G$20=$B$10,7,0)+IF('Standard Profiles'!$G$20=$B$17,14,0)+IF('Standard Profiles'!$G$20=$B$24,21,0),MOD($C1433,24)+1)/SUM(INDEX($D$3:$AA$30,INDEX(Jesper!$R$2:$R$366,ROW(INDEX(Jesper!AJ$2:AJ$366,ROUNDDOWN($C1433/24,0)+1,1))-1)+IF('Standard Profiles'!$G$20=$B$10,7,0)+IF('Standard Profiles'!$G$20=$B$17,14,0)+IF('Standard Profiles'!$G$20=$B$24,21,0),0)),0)</f>
        <v>0</v>
      </c>
      <c r="G1433" cm="1">
        <f t="array" ref="G1433">IFERROR(INDEX(Jesper!AK$2:AK$366,ROUNDDOWN($C1433/24,0)+1,1)*INDEX($D$3:$AA$30,INDEX(Jesper!$R$2:$R$366,ROW(INDEX(Jesper!AK$2:AK$366,ROUNDDOWN($C1433/24,0)+1,1))-1)+IF('Standard Profiles'!$G$21=$B$10,7,0)+IF('Standard Profiles'!$G$21=$B$17,14,0)+IF('Standard Profiles'!$G$21=$B$24,21,0),MOD($C1433,24)+1)/SUM(INDEX($D$3:$AA$30,INDEX(Jesper!$R$2:$R$366,ROW(INDEX(Jesper!AK$2:AK$366,ROUNDDOWN($C1433/24,0)+1,1))-1)+IF('Standard Profiles'!$G$21=$B$10,7,0)+IF('Standard Profiles'!$G$21=$B$17,14,0)+IF('Standard Profiles'!$G$21=$B$24,21,0),0)),0)</f>
        <v>28.258759507341168</v>
      </c>
      <c r="H1433" cm="1">
        <f t="array" ref="H1433">IFERROR(INDEX(Jesper!AL$2:AL$366,ROUNDDOWN($C1433/24,0)+1,1)*INDEX($D$3:$AA$30,INDEX(Jesper!$R$2:$R$366,ROW(INDEX(Jesper!AL$2:AL$366,ROUNDDOWN($C1433/24,0)+1,1))-1)+IF('Standard Profiles'!$G$22=$B$10,7,0)+IF('Standard Profiles'!$G$22=$B$17,14,0)+IF('Standard Profiles'!$G$22=$B$24,21,0),MOD($C1433,24)+1)/SUM(INDEX($D$3:$AA$30,INDEX(Jesper!$R$2:$R$366,ROW(INDEX(Jesper!AL$2:AL$366,ROUNDDOWN($C1433/24,0)+1,1))-1)+IF('Standard Profiles'!$G$22=$B$10,7,0)+IF('Standard Profiles'!$G$22=$B$17,14,0)+IF('Standard Profiles'!$G$22=$B$24,21,0),0)),0)</f>
        <v>0</v>
      </c>
      <c r="I1433">
        <f t="shared" si="167"/>
        <v>13.564204563523754</v>
      </c>
      <c r="J1433">
        <f t="shared" si="168"/>
        <v>67.557982856697521</v>
      </c>
      <c r="K1433">
        <f t="shared" si="169"/>
        <v>2.7059035652914769</v>
      </c>
      <c r="L1433">
        <f t="shared" si="170"/>
        <v>1.3529517826457385</v>
      </c>
      <c r="M1433">
        <f t="shared" si="171"/>
        <v>0</v>
      </c>
      <c r="N1433" s="45">
        <f t="shared" si="172"/>
        <v>44985.291666663274</v>
      </c>
    </row>
    <row r="1434" spans="2:14" x14ac:dyDescent="0.25">
      <c r="B1434">
        <f t="shared" si="166"/>
        <v>2</v>
      </c>
      <c r="C1434" s="16">
        <v>1400</v>
      </c>
      <c r="D1434" cm="1">
        <f t="array" ref="D1434">IFERROR(INDEX(Jesper!AH$2:AH$366,ROUNDDOWN($C1434/24,0)+1,1)*INDEX($D$3:$AA$30,INDEX(Jesper!$R$2:$R$366,ROW(INDEX(Jesper!AH$2:AH$366,ROUNDDOWN($C1434/24,0)+1,1))-1)+IF('Standard Profiles'!$G$18=$B$10,7,0)+IF('Standard Profiles'!$G$18=$B$17,14,0)+IF('Standard Profiles'!$G$18=$B$24,21,0),MOD($C1434,24)+1)/SUM(INDEX($D$3:$AA$30,INDEX(Jesper!$R$2:$R$366,ROW(INDEX(Jesper!AH$2:AH$366,ROUNDDOWN($C1434/24,0)+1,1))-1)+IF('Standard Profiles'!$G$18=$B$10,7,0)+IF('Standard Profiles'!$G$18=$B$17,14,0)+IF('Standard Profiles'!$G$18=$B$24,21,0),0)),0)</f>
        <v>28.305175452720057</v>
      </c>
      <c r="E1434" cm="1">
        <f t="array" ref="E1434">IFERROR(INDEX(Jesper!AI$2:AI$366,ROUNDDOWN($C1434/24,0)+1,1)*INDEX($D$3:$AA$30,INDEX(Jesper!$R$2:$R$366,ROW(INDEX(Jesper!AI$2:AI$366,ROUNDDOWN($C1434/24,0)+1,1))-1)+IF('Standard Profiles'!$G$19=$B$10,7,0)+IF('Standard Profiles'!$G$19=$B$17,14,0)+IF('Standard Profiles'!$G$19=$B$24,21,0),MOD($C1434,24)+1)/SUM(INDEX($D$3:$AA$30,INDEX(Jesper!$R$2:$R$366,ROW(INDEX(Jesper!AI$2:AI$366,ROUNDDOWN($C1434/24,0)+1,1))-1)+IF('Standard Profiles'!$G$19=$B$10,7,0)+IF('Standard Profiles'!$G$19=$B$17,14,0)+IF('Standard Profiles'!$G$19=$B$24,21,0),0)),0)</f>
        <v>35.208109027770867</v>
      </c>
      <c r="F1434" cm="1">
        <f t="array" ref="F1434">IFERROR(INDEX(Jesper!AJ$2:AJ$366,ROUNDDOWN($C1434/24,0)+1,1)*INDEX($D$3:$AA$30,INDEX(Jesper!$R$2:$R$366,ROW(INDEX(Jesper!AJ$2:AJ$366,ROUNDDOWN($C1434/24,0)+1,1))-1)+IF('Standard Profiles'!$G$20=$B$10,7,0)+IF('Standard Profiles'!$G$20=$B$17,14,0)+IF('Standard Profiles'!$G$20=$B$24,21,0),MOD($C1434,24)+1)/SUM(INDEX($D$3:$AA$30,INDEX(Jesper!$R$2:$R$366,ROW(INDEX(Jesper!AJ$2:AJ$366,ROUNDDOWN($C1434/24,0)+1,1))-1)+IF('Standard Profiles'!$G$20=$B$10,7,0)+IF('Standard Profiles'!$G$20=$B$17,14,0)+IF('Standard Profiles'!$G$20=$B$24,21,0),0)),0)</f>
        <v>0</v>
      </c>
      <c r="G1434" cm="1">
        <f t="array" ref="G1434">IFERROR(INDEX(Jesper!AK$2:AK$366,ROUNDDOWN($C1434/24,0)+1,1)*INDEX($D$3:$AA$30,INDEX(Jesper!$R$2:$R$366,ROW(INDEX(Jesper!AK$2:AK$366,ROUNDDOWN($C1434/24,0)+1,1))-1)+IF('Standard Profiles'!$G$21=$B$10,7,0)+IF('Standard Profiles'!$G$21=$B$17,14,0)+IF('Standard Profiles'!$G$21=$B$24,21,0),MOD($C1434,24)+1)/SUM(INDEX($D$3:$AA$30,INDEX(Jesper!$R$2:$R$366,ROW(INDEX(Jesper!AK$2:AK$366,ROUNDDOWN($C1434/24,0)+1,1))-1)+IF('Standard Profiles'!$G$21=$B$10,7,0)+IF('Standard Profiles'!$G$21=$B$17,14,0)+IF('Standard Profiles'!$G$21=$B$24,21,0),0)),0)</f>
        <v>31.530826397664882</v>
      </c>
      <c r="H1434" cm="1">
        <f t="array" ref="H1434">IFERROR(INDEX(Jesper!AL$2:AL$366,ROUNDDOWN($C1434/24,0)+1,1)*INDEX($D$3:$AA$30,INDEX(Jesper!$R$2:$R$366,ROW(INDEX(Jesper!AL$2:AL$366,ROUNDDOWN($C1434/24,0)+1,1))-1)+IF('Standard Profiles'!$G$22=$B$10,7,0)+IF('Standard Profiles'!$G$22=$B$17,14,0)+IF('Standard Profiles'!$G$22=$B$24,21,0),MOD($C1434,24)+1)/SUM(INDEX($D$3:$AA$30,INDEX(Jesper!$R$2:$R$366,ROW(INDEX(Jesper!AL$2:AL$366,ROUNDDOWN($C1434/24,0)+1,1))-1)+IF('Standard Profiles'!$G$22=$B$10,7,0)+IF('Standard Profiles'!$G$22=$B$17,14,0)+IF('Standard Profiles'!$G$22=$B$24,21,0),0)),0)</f>
        <v>0</v>
      </c>
      <c r="I1434">
        <f t="shared" si="167"/>
        <v>15.134796670879135</v>
      </c>
      <c r="J1434">
        <f t="shared" si="168"/>
        <v>75.380486134841462</v>
      </c>
      <c r="K1434">
        <f t="shared" si="169"/>
        <v>3.0192187149568062</v>
      </c>
      <c r="L1434">
        <f t="shared" si="170"/>
        <v>1.5096093574784031</v>
      </c>
      <c r="M1434">
        <f t="shared" si="171"/>
        <v>0</v>
      </c>
      <c r="N1434" s="45">
        <f t="shared" si="172"/>
        <v>44985.333333329938</v>
      </c>
    </row>
    <row r="1435" spans="2:14" x14ac:dyDescent="0.25">
      <c r="B1435">
        <f t="shared" si="166"/>
        <v>2</v>
      </c>
      <c r="C1435" s="16">
        <v>1401</v>
      </c>
      <c r="D1435" cm="1">
        <f t="array" ref="D1435">IFERROR(INDEX(Jesper!AH$2:AH$366,ROUNDDOWN($C1435/24,0)+1,1)*INDEX($D$3:$AA$30,INDEX(Jesper!$R$2:$R$366,ROW(INDEX(Jesper!AH$2:AH$366,ROUNDDOWN($C1435/24,0)+1,1))-1)+IF('Standard Profiles'!$G$18=$B$10,7,0)+IF('Standard Profiles'!$G$18=$B$17,14,0)+IF('Standard Profiles'!$G$18=$B$24,21,0),MOD($C1435,24)+1)/SUM(INDEX($D$3:$AA$30,INDEX(Jesper!$R$2:$R$366,ROW(INDEX(Jesper!AH$2:AH$366,ROUNDDOWN($C1435/24,0)+1,1))-1)+IF('Standard Profiles'!$G$18=$B$10,7,0)+IF('Standard Profiles'!$G$18=$B$17,14,0)+IF('Standard Profiles'!$G$18=$B$24,21,0),0)),0)</f>
        <v>31.242504980832518</v>
      </c>
      <c r="E1435" cm="1">
        <f t="array" ref="E1435">IFERROR(INDEX(Jesper!AI$2:AI$366,ROUNDDOWN($C1435/24,0)+1,1)*INDEX($D$3:$AA$30,INDEX(Jesper!$R$2:$R$366,ROW(INDEX(Jesper!AI$2:AI$366,ROUNDDOWN($C1435/24,0)+1,1))-1)+IF('Standard Profiles'!$G$19=$B$10,7,0)+IF('Standard Profiles'!$G$19=$B$17,14,0)+IF('Standard Profiles'!$G$19=$B$24,21,0),MOD($C1435,24)+1)/SUM(INDEX($D$3:$AA$30,INDEX(Jesper!$R$2:$R$366,ROW(INDEX(Jesper!AI$2:AI$366,ROUNDDOWN($C1435/24,0)+1,1))-1)+IF('Standard Profiles'!$G$19=$B$10,7,0)+IF('Standard Profiles'!$G$19=$B$17,14,0)+IF('Standard Profiles'!$G$19=$B$24,21,0),0)),0)</f>
        <v>38.861780719331996</v>
      </c>
      <c r="F1435" cm="1">
        <f t="array" ref="F1435">IFERROR(INDEX(Jesper!AJ$2:AJ$366,ROUNDDOWN($C1435/24,0)+1,1)*INDEX($D$3:$AA$30,INDEX(Jesper!$R$2:$R$366,ROW(INDEX(Jesper!AJ$2:AJ$366,ROUNDDOWN($C1435/24,0)+1,1))-1)+IF('Standard Profiles'!$G$20=$B$10,7,0)+IF('Standard Profiles'!$G$20=$B$17,14,0)+IF('Standard Profiles'!$G$20=$B$24,21,0),MOD($C1435,24)+1)/SUM(INDEX($D$3:$AA$30,INDEX(Jesper!$R$2:$R$366,ROW(INDEX(Jesper!AJ$2:AJ$366,ROUNDDOWN($C1435/24,0)+1,1))-1)+IF('Standard Profiles'!$G$20=$B$10,7,0)+IF('Standard Profiles'!$G$20=$B$17,14,0)+IF('Standard Profiles'!$G$20=$B$24,21,0),0)),0)</f>
        <v>0</v>
      </c>
      <c r="G1435" cm="1">
        <f t="array" ref="G1435">IFERROR(INDEX(Jesper!AK$2:AK$366,ROUNDDOWN($C1435/24,0)+1,1)*INDEX($D$3:$AA$30,INDEX(Jesper!$R$2:$R$366,ROW(INDEX(Jesper!AK$2:AK$366,ROUNDDOWN($C1435/24,0)+1,1))-1)+IF('Standard Profiles'!$G$21=$B$10,7,0)+IF('Standard Profiles'!$G$21=$B$17,14,0)+IF('Standard Profiles'!$G$21=$B$24,21,0),MOD($C1435,24)+1)/SUM(INDEX($D$3:$AA$30,INDEX(Jesper!$R$2:$R$366,ROW(INDEX(Jesper!AK$2:AK$366,ROUNDDOWN($C1435/24,0)+1,1))-1)+IF('Standard Profiles'!$G$21=$B$10,7,0)+IF('Standard Profiles'!$G$21=$B$17,14,0)+IF('Standard Profiles'!$G$21=$B$24,21,0),0)),0)</f>
        <v>34.802893287988603</v>
      </c>
      <c r="H1435" cm="1">
        <f t="array" ref="H1435">IFERROR(INDEX(Jesper!AL$2:AL$366,ROUNDDOWN($C1435/24,0)+1,1)*INDEX($D$3:$AA$30,INDEX(Jesper!$R$2:$R$366,ROW(INDEX(Jesper!AL$2:AL$366,ROUNDDOWN($C1435/24,0)+1,1))-1)+IF('Standard Profiles'!$G$22=$B$10,7,0)+IF('Standard Profiles'!$G$22=$B$17,14,0)+IF('Standard Profiles'!$G$22=$B$24,21,0),MOD($C1435,24)+1)/SUM(INDEX($D$3:$AA$30,INDEX(Jesper!$R$2:$R$366,ROW(INDEX(Jesper!AL$2:AL$366,ROUNDDOWN($C1435/24,0)+1,1))-1)+IF('Standard Profiles'!$G$22=$B$10,7,0)+IF('Standard Profiles'!$G$22=$B$17,14,0)+IF('Standard Profiles'!$G$22=$B$24,21,0),0)),0)</f>
        <v>0</v>
      </c>
      <c r="I1435">
        <f t="shared" si="167"/>
        <v>16.705388778234521</v>
      </c>
      <c r="J1435">
        <f t="shared" si="168"/>
        <v>83.202989412985403</v>
      </c>
      <c r="K1435">
        <f t="shared" si="169"/>
        <v>3.3325338646221354</v>
      </c>
      <c r="L1435">
        <f t="shared" si="170"/>
        <v>1.6662669323110677</v>
      </c>
      <c r="M1435">
        <f t="shared" si="171"/>
        <v>0</v>
      </c>
      <c r="N1435" s="45">
        <f t="shared" si="172"/>
        <v>44985.374999996602</v>
      </c>
    </row>
    <row r="1436" spans="2:14" x14ac:dyDescent="0.25">
      <c r="B1436">
        <f t="shared" si="166"/>
        <v>2</v>
      </c>
      <c r="C1436" s="16">
        <v>1402</v>
      </c>
      <c r="D1436" cm="1">
        <f t="array" ref="D1436">IFERROR(INDEX(Jesper!AH$2:AH$366,ROUNDDOWN($C1436/24,0)+1,1)*INDEX($D$3:$AA$30,INDEX(Jesper!$R$2:$R$366,ROW(INDEX(Jesper!AH$2:AH$366,ROUNDDOWN($C1436/24,0)+1,1))-1)+IF('Standard Profiles'!$G$18=$B$10,7,0)+IF('Standard Profiles'!$G$18=$B$17,14,0)+IF('Standard Profiles'!$G$18=$B$24,21,0),MOD($C1436,24)+1)/SUM(INDEX($D$3:$AA$30,INDEX(Jesper!$R$2:$R$366,ROW(INDEX(Jesper!AH$2:AH$366,ROUNDDOWN($C1436/24,0)+1,1))-1)+IF('Standard Profiles'!$G$18=$B$10,7,0)+IF('Standard Profiles'!$G$18=$B$17,14,0)+IF('Standard Profiles'!$G$18=$B$24,21,0),0)),0)</f>
        <v>31.242504980832518</v>
      </c>
      <c r="E1436" cm="1">
        <f t="array" ref="E1436">IFERROR(INDEX(Jesper!AI$2:AI$366,ROUNDDOWN($C1436/24,0)+1,1)*INDEX($D$3:$AA$30,INDEX(Jesper!$R$2:$R$366,ROW(INDEX(Jesper!AI$2:AI$366,ROUNDDOWN($C1436/24,0)+1,1))-1)+IF('Standard Profiles'!$G$19=$B$10,7,0)+IF('Standard Profiles'!$G$19=$B$17,14,0)+IF('Standard Profiles'!$G$19=$B$24,21,0),MOD($C1436,24)+1)/SUM(INDEX($D$3:$AA$30,INDEX(Jesper!$R$2:$R$366,ROW(INDEX(Jesper!AI$2:AI$366,ROUNDDOWN($C1436/24,0)+1,1))-1)+IF('Standard Profiles'!$G$19=$B$10,7,0)+IF('Standard Profiles'!$G$19=$B$17,14,0)+IF('Standard Profiles'!$G$19=$B$24,21,0),0)),0)</f>
        <v>38.861780719331996</v>
      </c>
      <c r="F1436" cm="1">
        <f t="array" ref="F1436">IFERROR(INDEX(Jesper!AJ$2:AJ$366,ROUNDDOWN($C1436/24,0)+1,1)*INDEX($D$3:$AA$30,INDEX(Jesper!$R$2:$R$366,ROW(INDEX(Jesper!AJ$2:AJ$366,ROUNDDOWN($C1436/24,0)+1,1))-1)+IF('Standard Profiles'!$G$20=$B$10,7,0)+IF('Standard Profiles'!$G$20=$B$17,14,0)+IF('Standard Profiles'!$G$20=$B$24,21,0),MOD($C1436,24)+1)/SUM(INDEX($D$3:$AA$30,INDEX(Jesper!$R$2:$R$366,ROW(INDEX(Jesper!AJ$2:AJ$366,ROUNDDOWN($C1436/24,0)+1,1))-1)+IF('Standard Profiles'!$G$20=$B$10,7,0)+IF('Standard Profiles'!$G$20=$B$17,14,0)+IF('Standard Profiles'!$G$20=$B$24,21,0),0)),0)</f>
        <v>0</v>
      </c>
      <c r="G1436" cm="1">
        <f t="array" ref="G1436">IFERROR(INDEX(Jesper!AK$2:AK$366,ROUNDDOWN($C1436/24,0)+1,1)*INDEX($D$3:$AA$30,INDEX(Jesper!$R$2:$R$366,ROW(INDEX(Jesper!AK$2:AK$366,ROUNDDOWN($C1436/24,0)+1,1))-1)+IF('Standard Profiles'!$G$21=$B$10,7,0)+IF('Standard Profiles'!$G$21=$B$17,14,0)+IF('Standard Profiles'!$G$21=$B$24,21,0),MOD($C1436,24)+1)/SUM(INDEX($D$3:$AA$30,INDEX(Jesper!$R$2:$R$366,ROW(INDEX(Jesper!AK$2:AK$366,ROUNDDOWN($C1436/24,0)+1,1))-1)+IF('Standard Profiles'!$G$21=$B$10,7,0)+IF('Standard Profiles'!$G$21=$B$17,14,0)+IF('Standard Profiles'!$G$21=$B$24,21,0),0)),0)</f>
        <v>34.802893287988603</v>
      </c>
      <c r="H1436" cm="1">
        <f t="array" ref="H1436">IFERROR(INDEX(Jesper!AL$2:AL$366,ROUNDDOWN($C1436/24,0)+1,1)*INDEX($D$3:$AA$30,INDEX(Jesper!$R$2:$R$366,ROW(INDEX(Jesper!AL$2:AL$366,ROUNDDOWN($C1436/24,0)+1,1))-1)+IF('Standard Profiles'!$G$22=$B$10,7,0)+IF('Standard Profiles'!$G$22=$B$17,14,0)+IF('Standard Profiles'!$G$22=$B$24,21,0),MOD($C1436,24)+1)/SUM(INDEX($D$3:$AA$30,INDEX(Jesper!$R$2:$R$366,ROW(INDEX(Jesper!AL$2:AL$366,ROUNDDOWN($C1436/24,0)+1,1))-1)+IF('Standard Profiles'!$G$22=$B$10,7,0)+IF('Standard Profiles'!$G$22=$B$17,14,0)+IF('Standard Profiles'!$G$22=$B$24,21,0),0)),0)</f>
        <v>0</v>
      </c>
      <c r="I1436">
        <f t="shared" si="167"/>
        <v>16.705388778234521</v>
      </c>
      <c r="J1436">
        <f t="shared" si="168"/>
        <v>83.202989412985403</v>
      </c>
      <c r="K1436">
        <f t="shared" si="169"/>
        <v>3.3325338646221354</v>
      </c>
      <c r="L1436">
        <f t="shared" si="170"/>
        <v>1.6662669323110677</v>
      </c>
      <c r="M1436">
        <f t="shared" si="171"/>
        <v>0</v>
      </c>
      <c r="N1436" s="45">
        <f t="shared" si="172"/>
        <v>44985.416666663266</v>
      </c>
    </row>
    <row r="1437" spans="2:14" x14ac:dyDescent="0.25">
      <c r="B1437">
        <f t="shared" si="166"/>
        <v>2</v>
      </c>
      <c r="C1437" s="16">
        <v>1403</v>
      </c>
      <c r="D1437" cm="1">
        <f t="array" ref="D1437">IFERROR(INDEX(Jesper!AH$2:AH$366,ROUNDDOWN($C1437/24,0)+1,1)*INDEX($D$3:$AA$30,INDEX(Jesper!$R$2:$R$366,ROW(INDEX(Jesper!AH$2:AH$366,ROUNDDOWN($C1437/24,0)+1,1))-1)+IF('Standard Profiles'!$G$18=$B$10,7,0)+IF('Standard Profiles'!$G$18=$B$17,14,0)+IF('Standard Profiles'!$G$18=$B$24,21,0),MOD($C1437,24)+1)/SUM(INDEX($D$3:$AA$30,INDEX(Jesper!$R$2:$R$366,ROW(INDEX(Jesper!AH$2:AH$366,ROUNDDOWN($C1437/24,0)+1,1))-1)+IF('Standard Profiles'!$G$18=$B$10,7,0)+IF('Standard Profiles'!$G$18=$B$17,14,0)+IF('Standard Profiles'!$G$18=$B$24,21,0),0)),0)</f>
        <v>37.384193994158565</v>
      </c>
      <c r="E1437" cm="1">
        <f t="array" ref="E1437">IFERROR(INDEX(Jesper!AI$2:AI$366,ROUNDDOWN($C1437/24,0)+1,1)*INDEX($D$3:$AA$30,INDEX(Jesper!$R$2:$R$366,ROW(INDEX(Jesper!AI$2:AI$366,ROUNDDOWN($C1437/24,0)+1,1))-1)+IF('Standard Profiles'!$G$19=$B$10,7,0)+IF('Standard Profiles'!$G$19=$B$17,14,0)+IF('Standard Profiles'!$G$19=$B$24,21,0),MOD($C1437,24)+1)/SUM(INDEX($D$3:$AA$30,INDEX(Jesper!$R$2:$R$366,ROW(INDEX(Jesper!AI$2:AI$366,ROUNDDOWN($C1437/24,0)+1,1))-1)+IF('Standard Profiles'!$G$19=$B$10,7,0)+IF('Standard Profiles'!$G$19=$B$17,14,0)+IF('Standard Profiles'!$G$19=$B$24,21,0),0)),0)</f>
        <v>46.501276074414356</v>
      </c>
      <c r="F1437" cm="1">
        <f t="array" ref="F1437">IFERROR(INDEX(Jesper!AJ$2:AJ$366,ROUNDDOWN($C1437/24,0)+1,1)*INDEX($D$3:$AA$30,INDEX(Jesper!$R$2:$R$366,ROW(INDEX(Jesper!AJ$2:AJ$366,ROUNDDOWN($C1437/24,0)+1,1))-1)+IF('Standard Profiles'!$G$20=$B$10,7,0)+IF('Standard Profiles'!$G$20=$B$17,14,0)+IF('Standard Profiles'!$G$20=$B$24,21,0),MOD($C1437,24)+1)/SUM(INDEX($D$3:$AA$30,INDEX(Jesper!$R$2:$R$366,ROW(INDEX(Jesper!AJ$2:AJ$366,ROUNDDOWN($C1437/24,0)+1,1))-1)+IF('Standard Profiles'!$G$20=$B$10,7,0)+IF('Standard Profiles'!$G$20=$B$17,14,0)+IF('Standard Profiles'!$G$20=$B$24,21,0),0)),0)</f>
        <v>0</v>
      </c>
      <c r="G1437" cm="1">
        <f t="array" ref="G1437">IFERROR(INDEX(Jesper!AK$2:AK$366,ROUNDDOWN($C1437/24,0)+1,1)*INDEX($D$3:$AA$30,INDEX(Jesper!$R$2:$R$366,ROW(INDEX(Jesper!AK$2:AK$366,ROUNDDOWN($C1437/24,0)+1,1))-1)+IF('Standard Profiles'!$G$21=$B$10,7,0)+IF('Standard Profiles'!$G$21=$B$17,14,0)+IF('Standard Profiles'!$G$21=$B$24,21,0),MOD($C1437,24)+1)/SUM(INDEX($D$3:$AA$30,INDEX(Jesper!$R$2:$R$366,ROW(INDEX(Jesper!AK$2:AK$366,ROUNDDOWN($C1437/24,0)+1,1))-1)+IF('Standard Profiles'!$G$21=$B$10,7,0)+IF('Standard Profiles'!$G$21=$B$17,14,0)+IF('Standard Profiles'!$G$21=$B$24,21,0),0)),0)</f>
        <v>41.644487695029092</v>
      </c>
      <c r="H1437" cm="1">
        <f t="array" ref="H1437">IFERROR(INDEX(Jesper!AL$2:AL$366,ROUNDDOWN($C1437/24,0)+1,1)*INDEX($D$3:$AA$30,INDEX(Jesper!$R$2:$R$366,ROW(INDEX(Jesper!AL$2:AL$366,ROUNDDOWN($C1437/24,0)+1,1))-1)+IF('Standard Profiles'!$G$22=$B$10,7,0)+IF('Standard Profiles'!$G$22=$B$17,14,0)+IF('Standard Profiles'!$G$22=$B$24,21,0),MOD($C1437,24)+1)/SUM(INDEX($D$3:$AA$30,INDEX(Jesper!$R$2:$R$366,ROW(INDEX(Jesper!AL$2:AL$366,ROUNDDOWN($C1437/24,0)+1,1))-1)+IF('Standard Profiles'!$G$22=$B$10,7,0)+IF('Standard Profiles'!$G$22=$B$17,14,0)+IF('Standard Profiles'!$G$22=$B$24,21,0),0)),0)</f>
        <v>0</v>
      </c>
      <c r="I1437">
        <f t="shared" si="167"/>
        <v>19.989354093613954</v>
      </c>
      <c r="J1437">
        <f t="shared" si="168"/>
        <v>99.559132630922676</v>
      </c>
      <c r="K1437">
        <f t="shared" si="169"/>
        <v>3.9876473593769139</v>
      </c>
      <c r="L1437">
        <f t="shared" si="170"/>
        <v>1.993823679688457</v>
      </c>
      <c r="M1437">
        <f t="shared" si="171"/>
        <v>0</v>
      </c>
      <c r="N1437" s="45">
        <f t="shared" si="172"/>
        <v>44985.458333329931</v>
      </c>
    </row>
    <row r="1438" spans="2:14" x14ac:dyDescent="0.25">
      <c r="B1438">
        <f t="shared" si="166"/>
        <v>2</v>
      </c>
      <c r="C1438" s="16">
        <v>1404</v>
      </c>
      <c r="D1438" cm="1">
        <f t="array" ref="D1438">IFERROR(INDEX(Jesper!AH$2:AH$366,ROUNDDOWN($C1438/24,0)+1,1)*INDEX($D$3:$AA$30,INDEX(Jesper!$R$2:$R$366,ROW(INDEX(Jesper!AH$2:AH$366,ROUNDDOWN($C1438/24,0)+1,1))-1)+IF('Standard Profiles'!$G$18=$B$10,7,0)+IF('Standard Profiles'!$G$18=$B$17,14,0)+IF('Standard Profiles'!$G$18=$B$24,21,0),MOD($C1438,24)+1)/SUM(INDEX($D$3:$AA$30,INDEX(Jesper!$R$2:$R$366,ROW(INDEX(Jesper!AH$2:AH$366,ROUNDDOWN($C1438/24,0)+1,1))-1)+IF('Standard Profiles'!$G$18=$B$10,7,0)+IF('Standard Profiles'!$G$18=$B$17,14,0)+IF('Standard Profiles'!$G$18=$B$24,21,0),0)),0)</f>
        <v>37.384193994158565</v>
      </c>
      <c r="E1438" cm="1">
        <f t="array" ref="E1438">IFERROR(INDEX(Jesper!AI$2:AI$366,ROUNDDOWN($C1438/24,0)+1,1)*INDEX($D$3:$AA$30,INDEX(Jesper!$R$2:$R$366,ROW(INDEX(Jesper!AI$2:AI$366,ROUNDDOWN($C1438/24,0)+1,1))-1)+IF('Standard Profiles'!$G$19=$B$10,7,0)+IF('Standard Profiles'!$G$19=$B$17,14,0)+IF('Standard Profiles'!$G$19=$B$24,21,0),MOD($C1438,24)+1)/SUM(INDEX($D$3:$AA$30,INDEX(Jesper!$R$2:$R$366,ROW(INDEX(Jesper!AI$2:AI$366,ROUNDDOWN($C1438/24,0)+1,1))-1)+IF('Standard Profiles'!$G$19=$B$10,7,0)+IF('Standard Profiles'!$G$19=$B$17,14,0)+IF('Standard Profiles'!$G$19=$B$24,21,0),0)),0)</f>
        <v>46.501276074414356</v>
      </c>
      <c r="F1438" cm="1">
        <f t="array" ref="F1438">IFERROR(INDEX(Jesper!AJ$2:AJ$366,ROUNDDOWN($C1438/24,0)+1,1)*INDEX($D$3:$AA$30,INDEX(Jesper!$R$2:$R$366,ROW(INDEX(Jesper!AJ$2:AJ$366,ROUNDDOWN($C1438/24,0)+1,1))-1)+IF('Standard Profiles'!$G$20=$B$10,7,0)+IF('Standard Profiles'!$G$20=$B$17,14,0)+IF('Standard Profiles'!$G$20=$B$24,21,0),MOD($C1438,24)+1)/SUM(INDEX($D$3:$AA$30,INDEX(Jesper!$R$2:$R$366,ROW(INDEX(Jesper!AJ$2:AJ$366,ROUNDDOWN($C1438/24,0)+1,1))-1)+IF('Standard Profiles'!$G$20=$B$10,7,0)+IF('Standard Profiles'!$G$20=$B$17,14,0)+IF('Standard Profiles'!$G$20=$B$24,21,0),0)),0)</f>
        <v>0</v>
      </c>
      <c r="G1438" cm="1">
        <f t="array" ref="G1438">IFERROR(INDEX(Jesper!AK$2:AK$366,ROUNDDOWN($C1438/24,0)+1,1)*INDEX($D$3:$AA$30,INDEX(Jesper!$R$2:$R$366,ROW(INDEX(Jesper!AK$2:AK$366,ROUNDDOWN($C1438/24,0)+1,1))-1)+IF('Standard Profiles'!$G$21=$B$10,7,0)+IF('Standard Profiles'!$G$21=$B$17,14,0)+IF('Standard Profiles'!$G$21=$B$24,21,0),MOD($C1438,24)+1)/SUM(INDEX($D$3:$AA$30,INDEX(Jesper!$R$2:$R$366,ROW(INDEX(Jesper!AK$2:AK$366,ROUNDDOWN($C1438/24,0)+1,1))-1)+IF('Standard Profiles'!$G$21=$B$10,7,0)+IF('Standard Profiles'!$G$21=$B$17,14,0)+IF('Standard Profiles'!$G$21=$B$24,21,0),0)),0)</f>
        <v>41.644487695029092</v>
      </c>
      <c r="H1438" cm="1">
        <f t="array" ref="H1438">IFERROR(INDEX(Jesper!AL$2:AL$366,ROUNDDOWN($C1438/24,0)+1,1)*INDEX($D$3:$AA$30,INDEX(Jesper!$R$2:$R$366,ROW(INDEX(Jesper!AL$2:AL$366,ROUNDDOWN($C1438/24,0)+1,1))-1)+IF('Standard Profiles'!$G$22=$B$10,7,0)+IF('Standard Profiles'!$G$22=$B$17,14,0)+IF('Standard Profiles'!$G$22=$B$24,21,0),MOD($C1438,24)+1)/SUM(INDEX($D$3:$AA$30,INDEX(Jesper!$R$2:$R$366,ROW(INDEX(Jesper!AL$2:AL$366,ROUNDDOWN($C1438/24,0)+1,1))-1)+IF('Standard Profiles'!$G$22=$B$10,7,0)+IF('Standard Profiles'!$G$22=$B$17,14,0)+IF('Standard Profiles'!$G$22=$B$24,21,0),0)),0)</f>
        <v>0</v>
      </c>
      <c r="I1438">
        <f t="shared" si="167"/>
        <v>19.989354093613954</v>
      </c>
      <c r="J1438">
        <f t="shared" si="168"/>
        <v>99.559132630922676</v>
      </c>
      <c r="K1438">
        <f t="shared" si="169"/>
        <v>3.9876473593769139</v>
      </c>
      <c r="L1438">
        <f t="shared" si="170"/>
        <v>1.993823679688457</v>
      </c>
      <c r="M1438">
        <f t="shared" si="171"/>
        <v>0</v>
      </c>
      <c r="N1438" s="45">
        <f t="shared" si="172"/>
        <v>44985.499999996595</v>
      </c>
    </row>
    <row r="1439" spans="2:14" x14ac:dyDescent="0.25">
      <c r="B1439">
        <f t="shared" si="166"/>
        <v>2</v>
      </c>
      <c r="C1439" s="16">
        <v>1405</v>
      </c>
      <c r="D1439" cm="1">
        <f t="array" ref="D1439">IFERROR(INDEX(Jesper!AH$2:AH$366,ROUNDDOWN($C1439/24,0)+1,1)*INDEX($D$3:$AA$30,INDEX(Jesper!$R$2:$R$366,ROW(INDEX(Jesper!AH$2:AH$366,ROUNDDOWN($C1439/24,0)+1,1))-1)+IF('Standard Profiles'!$G$18=$B$10,7,0)+IF('Standard Profiles'!$G$18=$B$17,14,0)+IF('Standard Profiles'!$G$18=$B$24,21,0),MOD($C1439,24)+1)/SUM(INDEX($D$3:$AA$30,INDEX(Jesper!$R$2:$R$366,ROW(INDEX(Jesper!AH$2:AH$366,ROUNDDOWN($C1439/24,0)+1,1))-1)+IF('Standard Profiles'!$G$18=$B$10,7,0)+IF('Standard Profiles'!$G$18=$B$17,14,0)+IF('Standard Profiles'!$G$18=$B$24,21,0),0)),0)</f>
        <v>24.83378601040533</v>
      </c>
      <c r="E1439" cm="1">
        <f t="array" ref="E1439">IFERROR(INDEX(Jesper!AI$2:AI$366,ROUNDDOWN($C1439/24,0)+1,1)*INDEX($D$3:$AA$30,INDEX(Jesper!$R$2:$R$366,ROW(INDEX(Jesper!AI$2:AI$366,ROUNDDOWN($C1439/24,0)+1,1))-1)+IF('Standard Profiles'!$G$19=$B$10,7,0)+IF('Standard Profiles'!$G$19=$B$17,14,0)+IF('Standard Profiles'!$G$19=$B$24,21,0),MOD($C1439,24)+1)/SUM(INDEX($D$3:$AA$30,INDEX(Jesper!$R$2:$R$366,ROW(INDEX(Jesper!AI$2:AI$366,ROUNDDOWN($C1439/24,0)+1,1))-1)+IF('Standard Profiles'!$G$19=$B$10,7,0)+IF('Standard Profiles'!$G$19=$B$17,14,0)+IF('Standard Profiles'!$G$19=$B$24,21,0),0)),0)</f>
        <v>30.890133392289535</v>
      </c>
      <c r="F1439" cm="1">
        <f t="array" ref="F1439">IFERROR(INDEX(Jesper!AJ$2:AJ$366,ROUNDDOWN($C1439/24,0)+1,1)*INDEX($D$3:$AA$30,INDEX(Jesper!$R$2:$R$366,ROW(INDEX(Jesper!AJ$2:AJ$366,ROUNDDOWN($C1439/24,0)+1,1))-1)+IF('Standard Profiles'!$G$20=$B$10,7,0)+IF('Standard Profiles'!$G$20=$B$17,14,0)+IF('Standard Profiles'!$G$20=$B$24,21,0),MOD($C1439,24)+1)/SUM(INDEX($D$3:$AA$30,INDEX(Jesper!$R$2:$R$366,ROW(INDEX(Jesper!AJ$2:AJ$366,ROUNDDOWN($C1439/24,0)+1,1))-1)+IF('Standard Profiles'!$G$20=$B$10,7,0)+IF('Standard Profiles'!$G$20=$B$17,14,0)+IF('Standard Profiles'!$G$20=$B$24,21,0),0)),0)</f>
        <v>0</v>
      </c>
      <c r="G1439" cm="1">
        <f t="array" ref="G1439">IFERROR(INDEX(Jesper!AK$2:AK$366,ROUNDDOWN($C1439/24,0)+1,1)*INDEX($D$3:$AA$30,INDEX(Jesper!$R$2:$R$366,ROW(INDEX(Jesper!AK$2:AK$366,ROUNDDOWN($C1439/24,0)+1,1))-1)+IF('Standard Profiles'!$G$21=$B$10,7,0)+IF('Standard Profiles'!$G$21=$B$17,14,0)+IF('Standard Profiles'!$G$21=$B$24,21,0),MOD($C1439,24)+1)/SUM(INDEX($D$3:$AA$30,INDEX(Jesper!$R$2:$R$366,ROW(INDEX(Jesper!AK$2:AK$366,ROUNDDOWN($C1439/24,0)+1,1))-1)+IF('Standard Profiles'!$G$21=$B$10,7,0)+IF('Standard Profiles'!$G$21=$B$17,14,0)+IF('Standard Profiles'!$G$21=$B$24,21,0),0)),0)</f>
        <v>27.663838254555035</v>
      </c>
      <c r="H1439" cm="1">
        <f t="array" ref="H1439">IFERROR(INDEX(Jesper!AL$2:AL$366,ROUNDDOWN($C1439/24,0)+1,1)*INDEX($D$3:$AA$30,INDEX(Jesper!$R$2:$R$366,ROW(INDEX(Jesper!AL$2:AL$366,ROUNDDOWN($C1439/24,0)+1,1))-1)+IF('Standard Profiles'!$G$22=$B$10,7,0)+IF('Standard Profiles'!$G$22=$B$17,14,0)+IF('Standard Profiles'!$G$22=$B$24,21,0),MOD($C1439,24)+1)/SUM(INDEX($D$3:$AA$30,INDEX(Jesper!$R$2:$R$366,ROW(INDEX(Jesper!AL$2:AL$366,ROUNDDOWN($C1439/24,0)+1,1))-1)+IF('Standard Profiles'!$G$22=$B$10,7,0)+IF('Standard Profiles'!$G$22=$B$17,14,0)+IF('Standard Profiles'!$G$22=$B$24,21,0),0)),0)</f>
        <v>0</v>
      </c>
      <c r="I1439">
        <f t="shared" si="167"/>
        <v>13.27864236218641</v>
      </c>
      <c r="J1439">
        <f t="shared" si="168"/>
        <v>66.135709533398639</v>
      </c>
      <c r="K1439">
        <f t="shared" si="169"/>
        <v>2.6489371744432355</v>
      </c>
      <c r="L1439">
        <f t="shared" si="170"/>
        <v>1.3244685872216178</v>
      </c>
      <c r="M1439">
        <f t="shared" si="171"/>
        <v>0</v>
      </c>
      <c r="N1439" s="45">
        <f t="shared" si="172"/>
        <v>44985.541666663259</v>
      </c>
    </row>
    <row r="1440" spans="2:14" x14ac:dyDescent="0.25">
      <c r="B1440">
        <f t="shared" si="166"/>
        <v>2</v>
      </c>
      <c r="C1440" s="16">
        <v>1406</v>
      </c>
      <c r="D1440" cm="1">
        <f t="array" ref="D1440">IFERROR(INDEX(Jesper!AH$2:AH$366,ROUNDDOWN($C1440/24,0)+1,1)*INDEX($D$3:$AA$30,INDEX(Jesper!$R$2:$R$366,ROW(INDEX(Jesper!AH$2:AH$366,ROUNDDOWN($C1440/24,0)+1,1))-1)+IF('Standard Profiles'!$G$18=$B$10,7,0)+IF('Standard Profiles'!$G$18=$B$17,14,0)+IF('Standard Profiles'!$G$18=$B$24,21,0),MOD($C1440,24)+1)/SUM(INDEX($D$3:$AA$30,INDEX(Jesper!$R$2:$R$366,ROW(INDEX(Jesper!AH$2:AH$366,ROUNDDOWN($C1440/24,0)+1,1))-1)+IF('Standard Profiles'!$G$18=$B$10,7,0)+IF('Standard Profiles'!$G$18=$B$17,14,0)+IF('Standard Profiles'!$G$18=$B$24,21,0),0)),0)</f>
        <v>37.384193994158565</v>
      </c>
      <c r="E1440" cm="1">
        <f t="array" ref="E1440">IFERROR(INDEX(Jesper!AI$2:AI$366,ROUNDDOWN($C1440/24,0)+1,1)*INDEX($D$3:$AA$30,INDEX(Jesper!$R$2:$R$366,ROW(INDEX(Jesper!AI$2:AI$366,ROUNDDOWN($C1440/24,0)+1,1))-1)+IF('Standard Profiles'!$G$19=$B$10,7,0)+IF('Standard Profiles'!$G$19=$B$17,14,0)+IF('Standard Profiles'!$G$19=$B$24,21,0),MOD($C1440,24)+1)/SUM(INDEX($D$3:$AA$30,INDEX(Jesper!$R$2:$R$366,ROW(INDEX(Jesper!AI$2:AI$366,ROUNDDOWN($C1440/24,0)+1,1))-1)+IF('Standard Profiles'!$G$19=$B$10,7,0)+IF('Standard Profiles'!$G$19=$B$17,14,0)+IF('Standard Profiles'!$G$19=$B$24,21,0),0)),0)</f>
        <v>46.501276074414356</v>
      </c>
      <c r="F1440" cm="1">
        <f t="array" ref="F1440">IFERROR(INDEX(Jesper!AJ$2:AJ$366,ROUNDDOWN($C1440/24,0)+1,1)*INDEX($D$3:$AA$30,INDEX(Jesper!$R$2:$R$366,ROW(INDEX(Jesper!AJ$2:AJ$366,ROUNDDOWN($C1440/24,0)+1,1))-1)+IF('Standard Profiles'!$G$20=$B$10,7,0)+IF('Standard Profiles'!$G$20=$B$17,14,0)+IF('Standard Profiles'!$G$20=$B$24,21,0),MOD($C1440,24)+1)/SUM(INDEX($D$3:$AA$30,INDEX(Jesper!$R$2:$R$366,ROW(INDEX(Jesper!AJ$2:AJ$366,ROUNDDOWN($C1440/24,0)+1,1))-1)+IF('Standard Profiles'!$G$20=$B$10,7,0)+IF('Standard Profiles'!$G$20=$B$17,14,0)+IF('Standard Profiles'!$G$20=$B$24,21,0),0)),0)</f>
        <v>0</v>
      </c>
      <c r="G1440" cm="1">
        <f t="array" ref="G1440">IFERROR(INDEX(Jesper!AK$2:AK$366,ROUNDDOWN($C1440/24,0)+1,1)*INDEX($D$3:$AA$30,INDEX(Jesper!$R$2:$R$366,ROW(INDEX(Jesper!AK$2:AK$366,ROUNDDOWN($C1440/24,0)+1,1))-1)+IF('Standard Profiles'!$G$21=$B$10,7,0)+IF('Standard Profiles'!$G$21=$B$17,14,0)+IF('Standard Profiles'!$G$21=$B$24,21,0),MOD($C1440,24)+1)/SUM(INDEX($D$3:$AA$30,INDEX(Jesper!$R$2:$R$366,ROW(INDEX(Jesper!AK$2:AK$366,ROUNDDOWN($C1440/24,0)+1,1))-1)+IF('Standard Profiles'!$G$21=$B$10,7,0)+IF('Standard Profiles'!$G$21=$B$17,14,0)+IF('Standard Profiles'!$G$21=$B$24,21,0),0)),0)</f>
        <v>41.644487695029092</v>
      </c>
      <c r="H1440" cm="1">
        <f t="array" ref="H1440">IFERROR(INDEX(Jesper!AL$2:AL$366,ROUNDDOWN($C1440/24,0)+1,1)*INDEX($D$3:$AA$30,INDEX(Jesper!$R$2:$R$366,ROW(INDEX(Jesper!AL$2:AL$366,ROUNDDOWN($C1440/24,0)+1,1))-1)+IF('Standard Profiles'!$G$22=$B$10,7,0)+IF('Standard Profiles'!$G$22=$B$17,14,0)+IF('Standard Profiles'!$G$22=$B$24,21,0),MOD($C1440,24)+1)/SUM(INDEX($D$3:$AA$30,INDEX(Jesper!$R$2:$R$366,ROW(INDEX(Jesper!AL$2:AL$366,ROUNDDOWN($C1440/24,0)+1,1))-1)+IF('Standard Profiles'!$G$22=$B$10,7,0)+IF('Standard Profiles'!$G$22=$B$17,14,0)+IF('Standard Profiles'!$G$22=$B$24,21,0),0)),0)</f>
        <v>0</v>
      </c>
      <c r="I1440">
        <f t="shared" si="167"/>
        <v>19.989354093613954</v>
      </c>
      <c r="J1440">
        <f t="shared" si="168"/>
        <v>99.559132630922676</v>
      </c>
      <c r="K1440">
        <f t="shared" si="169"/>
        <v>3.9876473593769139</v>
      </c>
      <c r="L1440">
        <f t="shared" si="170"/>
        <v>1.993823679688457</v>
      </c>
      <c r="M1440">
        <f t="shared" si="171"/>
        <v>0</v>
      </c>
      <c r="N1440" s="45">
        <f t="shared" si="172"/>
        <v>44985.583333329923</v>
      </c>
    </row>
    <row r="1441" spans="2:14" x14ac:dyDescent="0.25">
      <c r="B1441">
        <f t="shared" si="166"/>
        <v>2</v>
      </c>
      <c r="C1441" s="16">
        <v>1407</v>
      </c>
      <c r="D1441" cm="1">
        <f t="array" ref="D1441">IFERROR(INDEX(Jesper!AH$2:AH$366,ROUNDDOWN($C1441/24,0)+1,1)*INDEX($D$3:$AA$30,INDEX(Jesper!$R$2:$R$366,ROW(INDEX(Jesper!AH$2:AH$366,ROUNDDOWN($C1441/24,0)+1,1))-1)+IF('Standard Profiles'!$G$18=$B$10,7,0)+IF('Standard Profiles'!$G$18=$B$17,14,0)+IF('Standard Profiles'!$G$18=$B$24,21,0),MOD($C1441,24)+1)/SUM(INDEX($D$3:$AA$30,INDEX(Jesper!$R$2:$R$366,ROW(INDEX(Jesper!AH$2:AH$366,ROUNDDOWN($C1441/24,0)+1,1))-1)+IF('Standard Profiles'!$G$18=$B$10,7,0)+IF('Standard Profiles'!$G$18=$B$17,14,0)+IF('Standard Profiles'!$G$18=$B$24,21,0),0)),0)</f>
        <v>37.384193994158565</v>
      </c>
      <c r="E1441" cm="1">
        <f t="array" ref="E1441">IFERROR(INDEX(Jesper!AI$2:AI$366,ROUNDDOWN($C1441/24,0)+1,1)*INDEX($D$3:$AA$30,INDEX(Jesper!$R$2:$R$366,ROW(INDEX(Jesper!AI$2:AI$366,ROUNDDOWN($C1441/24,0)+1,1))-1)+IF('Standard Profiles'!$G$19=$B$10,7,0)+IF('Standard Profiles'!$G$19=$B$17,14,0)+IF('Standard Profiles'!$G$19=$B$24,21,0),MOD($C1441,24)+1)/SUM(INDEX($D$3:$AA$30,INDEX(Jesper!$R$2:$R$366,ROW(INDEX(Jesper!AI$2:AI$366,ROUNDDOWN($C1441/24,0)+1,1))-1)+IF('Standard Profiles'!$G$19=$B$10,7,0)+IF('Standard Profiles'!$G$19=$B$17,14,0)+IF('Standard Profiles'!$G$19=$B$24,21,0),0)),0)</f>
        <v>46.501276074414356</v>
      </c>
      <c r="F1441" cm="1">
        <f t="array" ref="F1441">IFERROR(INDEX(Jesper!AJ$2:AJ$366,ROUNDDOWN($C1441/24,0)+1,1)*INDEX($D$3:$AA$30,INDEX(Jesper!$R$2:$R$366,ROW(INDEX(Jesper!AJ$2:AJ$366,ROUNDDOWN($C1441/24,0)+1,1))-1)+IF('Standard Profiles'!$G$20=$B$10,7,0)+IF('Standard Profiles'!$G$20=$B$17,14,0)+IF('Standard Profiles'!$G$20=$B$24,21,0),MOD($C1441,24)+1)/SUM(INDEX($D$3:$AA$30,INDEX(Jesper!$R$2:$R$366,ROW(INDEX(Jesper!AJ$2:AJ$366,ROUNDDOWN($C1441/24,0)+1,1))-1)+IF('Standard Profiles'!$G$20=$B$10,7,0)+IF('Standard Profiles'!$G$20=$B$17,14,0)+IF('Standard Profiles'!$G$20=$B$24,21,0),0)),0)</f>
        <v>0</v>
      </c>
      <c r="G1441" cm="1">
        <f t="array" ref="G1441">IFERROR(INDEX(Jesper!AK$2:AK$366,ROUNDDOWN($C1441/24,0)+1,1)*INDEX($D$3:$AA$30,INDEX(Jesper!$R$2:$R$366,ROW(INDEX(Jesper!AK$2:AK$366,ROUNDDOWN($C1441/24,0)+1,1))-1)+IF('Standard Profiles'!$G$21=$B$10,7,0)+IF('Standard Profiles'!$G$21=$B$17,14,0)+IF('Standard Profiles'!$G$21=$B$24,21,0),MOD($C1441,24)+1)/SUM(INDEX($D$3:$AA$30,INDEX(Jesper!$R$2:$R$366,ROW(INDEX(Jesper!AK$2:AK$366,ROUNDDOWN($C1441/24,0)+1,1))-1)+IF('Standard Profiles'!$G$21=$B$10,7,0)+IF('Standard Profiles'!$G$21=$B$17,14,0)+IF('Standard Profiles'!$G$21=$B$24,21,0),0)),0)</f>
        <v>41.644487695029092</v>
      </c>
      <c r="H1441" cm="1">
        <f t="array" ref="H1441">IFERROR(INDEX(Jesper!AL$2:AL$366,ROUNDDOWN($C1441/24,0)+1,1)*INDEX($D$3:$AA$30,INDEX(Jesper!$R$2:$R$366,ROW(INDEX(Jesper!AL$2:AL$366,ROUNDDOWN($C1441/24,0)+1,1))-1)+IF('Standard Profiles'!$G$22=$B$10,7,0)+IF('Standard Profiles'!$G$22=$B$17,14,0)+IF('Standard Profiles'!$G$22=$B$24,21,0),MOD($C1441,24)+1)/SUM(INDEX($D$3:$AA$30,INDEX(Jesper!$R$2:$R$366,ROW(INDEX(Jesper!AL$2:AL$366,ROUNDDOWN($C1441/24,0)+1,1))-1)+IF('Standard Profiles'!$G$22=$B$10,7,0)+IF('Standard Profiles'!$G$22=$B$17,14,0)+IF('Standard Profiles'!$G$22=$B$24,21,0),0)),0)</f>
        <v>0</v>
      </c>
      <c r="I1441">
        <f t="shared" si="167"/>
        <v>19.989354093613954</v>
      </c>
      <c r="J1441">
        <f t="shared" si="168"/>
        <v>99.559132630922676</v>
      </c>
      <c r="K1441">
        <f t="shared" si="169"/>
        <v>3.9876473593769139</v>
      </c>
      <c r="L1441">
        <f t="shared" si="170"/>
        <v>1.993823679688457</v>
      </c>
      <c r="M1441">
        <f t="shared" si="171"/>
        <v>0</v>
      </c>
      <c r="N1441" s="45">
        <f t="shared" si="172"/>
        <v>44985.624999996588</v>
      </c>
    </row>
    <row r="1442" spans="2:14" x14ac:dyDescent="0.25">
      <c r="B1442">
        <f t="shared" si="166"/>
        <v>2</v>
      </c>
      <c r="C1442" s="16">
        <v>1408</v>
      </c>
      <c r="D1442" cm="1">
        <f t="array" ref="D1442">IFERROR(INDEX(Jesper!AH$2:AH$366,ROUNDDOWN($C1442/24,0)+1,1)*INDEX($D$3:$AA$30,INDEX(Jesper!$R$2:$R$366,ROW(INDEX(Jesper!AH$2:AH$366,ROUNDDOWN($C1442/24,0)+1,1))-1)+IF('Standard Profiles'!$G$18=$B$10,7,0)+IF('Standard Profiles'!$G$18=$B$17,14,0)+IF('Standard Profiles'!$G$18=$B$24,21,0),MOD($C1442,24)+1)/SUM(INDEX($D$3:$AA$30,INDEX(Jesper!$R$2:$R$366,ROW(INDEX(Jesper!AH$2:AH$366,ROUNDDOWN($C1442/24,0)+1,1))-1)+IF('Standard Profiles'!$G$18=$B$10,7,0)+IF('Standard Profiles'!$G$18=$B$17,14,0)+IF('Standard Profiles'!$G$18=$B$24,21,0),0)),0)</f>
        <v>22.029971460843441</v>
      </c>
      <c r="E1442" cm="1">
        <f t="array" ref="E1442">IFERROR(INDEX(Jesper!AI$2:AI$366,ROUNDDOWN($C1442/24,0)+1,1)*INDEX($D$3:$AA$30,INDEX(Jesper!$R$2:$R$366,ROW(INDEX(Jesper!AI$2:AI$366,ROUNDDOWN($C1442/24,0)+1,1))-1)+IF('Standard Profiles'!$G$19=$B$10,7,0)+IF('Standard Profiles'!$G$19=$B$17,14,0)+IF('Standard Profiles'!$G$19=$B$24,21,0),MOD($C1442,24)+1)/SUM(INDEX($D$3:$AA$30,INDEX(Jesper!$R$2:$R$366,ROW(INDEX(Jesper!AI$2:AI$366,ROUNDDOWN($C1442/24,0)+1,1))-1)+IF('Standard Profiles'!$G$19=$B$10,7,0)+IF('Standard Profiles'!$G$19=$B$17,14,0)+IF('Standard Profiles'!$G$19=$B$24,21,0),0)),0)</f>
        <v>27.40253768670846</v>
      </c>
      <c r="F1442" cm="1">
        <f t="array" ref="F1442">IFERROR(INDEX(Jesper!AJ$2:AJ$366,ROUNDDOWN($C1442/24,0)+1,1)*INDEX($D$3:$AA$30,INDEX(Jesper!$R$2:$R$366,ROW(INDEX(Jesper!AJ$2:AJ$366,ROUNDDOWN($C1442/24,0)+1,1))-1)+IF('Standard Profiles'!$G$20=$B$10,7,0)+IF('Standard Profiles'!$G$20=$B$17,14,0)+IF('Standard Profiles'!$G$20=$B$24,21,0),MOD($C1442,24)+1)/SUM(INDEX($D$3:$AA$30,INDEX(Jesper!$R$2:$R$366,ROW(INDEX(Jesper!AJ$2:AJ$366,ROUNDDOWN($C1442/24,0)+1,1))-1)+IF('Standard Profiles'!$G$20=$B$10,7,0)+IF('Standard Profiles'!$G$20=$B$17,14,0)+IF('Standard Profiles'!$G$20=$B$24,21,0),0)),0)</f>
        <v>0</v>
      </c>
      <c r="G1442" cm="1">
        <f t="array" ref="G1442">IFERROR(INDEX(Jesper!AK$2:AK$366,ROUNDDOWN($C1442/24,0)+1,1)*INDEX($D$3:$AA$30,INDEX(Jesper!$R$2:$R$366,ROW(INDEX(Jesper!AK$2:AK$366,ROUNDDOWN($C1442/24,0)+1,1))-1)+IF('Standard Profiles'!$G$21=$B$10,7,0)+IF('Standard Profiles'!$G$21=$B$17,14,0)+IF('Standard Profiles'!$G$21=$B$24,21,0),MOD($C1442,24)+1)/SUM(INDEX($D$3:$AA$30,INDEX(Jesper!$R$2:$R$366,ROW(INDEX(Jesper!AK$2:AK$366,ROUNDDOWN($C1442/24,0)+1,1))-1)+IF('Standard Profiles'!$G$21=$B$10,7,0)+IF('Standard Profiles'!$G$21=$B$17,14,0)+IF('Standard Profiles'!$G$21=$B$24,21,0),0)),0)</f>
        <v>34.809222237486324</v>
      </c>
      <c r="H1442" cm="1">
        <f t="array" ref="H1442">IFERROR(INDEX(Jesper!AL$2:AL$366,ROUNDDOWN($C1442/24,0)+1,1)*INDEX($D$3:$AA$30,INDEX(Jesper!$R$2:$R$366,ROW(INDEX(Jesper!AL$2:AL$366,ROUNDDOWN($C1442/24,0)+1,1))-1)+IF('Standard Profiles'!$G$22=$B$10,7,0)+IF('Standard Profiles'!$G$22=$B$17,14,0)+IF('Standard Profiles'!$G$22=$B$24,21,0),MOD($C1442,24)+1)/SUM(INDEX($D$3:$AA$30,INDEX(Jesper!$R$2:$R$366,ROW(INDEX(Jesper!AL$2:AL$366,ROUNDDOWN($C1442/24,0)+1,1))-1)+IF('Standard Profiles'!$G$22=$B$10,7,0)+IF('Standard Profiles'!$G$22=$B$17,14,0)+IF('Standard Profiles'!$G$22=$B$24,21,0),0)),0)</f>
        <v>0</v>
      </c>
      <c r="I1442">
        <f t="shared" si="167"/>
        <v>16.708426673993426</v>
      </c>
      <c r="J1442">
        <f t="shared" si="168"/>
        <v>64.008509277309841</v>
      </c>
      <c r="K1442">
        <f t="shared" si="169"/>
        <v>2.3498636224899672</v>
      </c>
      <c r="L1442">
        <f t="shared" si="170"/>
        <v>1.1749318112449836</v>
      </c>
      <c r="M1442">
        <f t="shared" si="171"/>
        <v>0</v>
      </c>
      <c r="N1442" s="45">
        <f t="shared" si="172"/>
        <v>44985.666666663252</v>
      </c>
    </row>
    <row r="1443" spans="2:14" x14ac:dyDescent="0.25">
      <c r="B1443">
        <f t="shared" ref="B1443:B1506" si="173">WEEKDAY(N1443,2)</f>
        <v>2</v>
      </c>
      <c r="C1443" s="16">
        <v>1409</v>
      </c>
      <c r="D1443" cm="1">
        <f t="array" ref="D1443">IFERROR(INDEX(Jesper!AH$2:AH$366,ROUNDDOWN($C1443/24,0)+1,1)*INDEX($D$3:$AA$30,INDEX(Jesper!$R$2:$R$366,ROW(INDEX(Jesper!AH$2:AH$366,ROUNDDOWN($C1443/24,0)+1,1))-1)+IF('Standard Profiles'!$G$18=$B$10,7,0)+IF('Standard Profiles'!$G$18=$B$17,14,0)+IF('Standard Profiles'!$G$18=$B$24,21,0),MOD($C1443,24)+1)/SUM(INDEX($D$3:$AA$30,INDEX(Jesper!$R$2:$R$366,ROW(INDEX(Jesper!AH$2:AH$366,ROUNDDOWN($C1443/24,0)+1,1))-1)+IF('Standard Profiles'!$G$18=$B$10,7,0)+IF('Standard Profiles'!$G$18=$B$17,14,0)+IF('Standard Profiles'!$G$18=$B$24,21,0),0)),0)</f>
        <v>9.402463278208895</v>
      </c>
      <c r="E1443" cm="1">
        <f t="array" ref="E1443">IFERROR(INDEX(Jesper!AI$2:AI$366,ROUNDDOWN($C1443/24,0)+1,1)*INDEX($D$3:$AA$30,INDEX(Jesper!$R$2:$R$366,ROW(INDEX(Jesper!AI$2:AI$366,ROUNDDOWN($C1443/24,0)+1,1))-1)+IF('Standard Profiles'!$G$19=$B$10,7,0)+IF('Standard Profiles'!$G$19=$B$17,14,0)+IF('Standard Profiles'!$G$19=$B$24,21,0),MOD($C1443,24)+1)/SUM(INDEX($D$3:$AA$30,INDEX(Jesper!$R$2:$R$366,ROW(INDEX(Jesper!AI$2:AI$366,ROUNDDOWN($C1443/24,0)+1,1))-1)+IF('Standard Profiles'!$G$19=$B$10,7,0)+IF('Standard Profiles'!$G$19=$B$17,14,0)+IF('Standard Profiles'!$G$19=$B$24,21,0),0)),0)</f>
        <v>11.695491970426147</v>
      </c>
      <c r="F1443" cm="1">
        <f t="array" ref="F1443">IFERROR(INDEX(Jesper!AJ$2:AJ$366,ROUNDDOWN($C1443/24,0)+1,1)*INDEX($D$3:$AA$30,INDEX(Jesper!$R$2:$R$366,ROW(INDEX(Jesper!AJ$2:AJ$366,ROUNDDOWN($C1443/24,0)+1,1))-1)+IF('Standard Profiles'!$G$20=$B$10,7,0)+IF('Standard Profiles'!$G$20=$B$17,14,0)+IF('Standard Profiles'!$G$20=$B$24,21,0),MOD($C1443,24)+1)/SUM(INDEX($D$3:$AA$30,INDEX(Jesper!$R$2:$R$366,ROW(INDEX(Jesper!AJ$2:AJ$366,ROUNDDOWN($C1443/24,0)+1,1))-1)+IF('Standard Profiles'!$G$20=$B$10,7,0)+IF('Standard Profiles'!$G$20=$B$17,14,0)+IF('Standard Profiles'!$G$20=$B$24,21,0),0)),0)</f>
        <v>0</v>
      </c>
      <c r="G1443" cm="1">
        <f t="array" ref="G1443">IFERROR(INDEX(Jesper!AK$2:AK$366,ROUNDDOWN($C1443/24,0)+1,1)*INDEX($D$3:$AA$30,INDEX(Jesper!$R$2:$R$366,ROW(INDEX(Jesper!AK$2:AK$366,ROUNDDOWN($C1443/24,0)+1,1))-1)+IF('Standard Profiles'!$G$21=$B$10,7,0)+IF('Standard Profiles'!$G$21=$B$17,14,0)+IF('Standard Profiles'!$G$21=$B$24,21,0),MOD($C1443,24)+1)/SUM(INDEX($D$3:$AA$30,INDEX(Jesper!$R$2:$R$366,ROW(INDEX(Jesper!AK$2:AK$366,ROUNDDOWN($C1443/24,0)+1,1))-1)+IF('Standard Profiles'!$G$21=$B$10,7,0)+IF('Standard Profiles'!$G$21=$B$17,14,0)+IF('Standard Profiles'!$G$21=$B$24,21,0),0)),0)</f>
        <v>27.657509305057317</v>
      </c>
      <c r="H1443" cm="1">
        <f t="array" ref="H1443">IFERROR(INDEX(Jesper!AL$2:AL$366,ROUNDDOWN($C1443/24,0)+1,1)*INDEX($D$3:$AA$30,INDEX(Jesper!$R$2:$R$366,ROW(INDEX(Jesper!AL$2:AL$366,ROUNDDOWN($C1443/24,0)+1,1))-1)+IF('Standard Profiles'!$G$22=$B$10,7,0)+IF('Standard Profiles'!$G$22=$B$17,14,0)+IF('Standard Profiles'!$G$22=$B$24,21,0),MOD($C1443,24)+1)/SUM(INDEX($D$3:$AA$30,INDEX(Jesper!$R$2:$R$366,ROW(INDEX(Jesper!AL$2:AL$366,ROUNDDOWN($C1443/24,0)+1,1))-1)+IF('Standard Profiles'!$G$22=$B$10,7,0)+IF('Standard Profiles'!$G$22=$B$17,14,0)+IF('Standard Profiles'!$G$22=$B$24,21,0),0)),0)</f>
        <v>0</v>
      </c>
      <c r="I1443">
        <f t="shared" ref="I1443:I1506" si="174">IF($B1443&lt;6,AC$37*$D1443+AC$38*$E1443+AC$39*$F1443+AC$40*$G1443,AC$46*$D1443+AC$47*$E1443+AC$48*$F1443+AC$49*$G1443+AC$50*$H1443)</f>
        <v>13.275604466427506</v>
      </c>
      <c r="J1443">
        <f t="shared" ref="J1443:J1506" si="175">IF($B1443&lt;6,AD$37*$D1443+AD$38*$E1443+AD$39*$F1443+AD$40*$G1443,AD$46*$D1443+AD$47*$E1443+AD$48*$F1443+AD$49*$G1443+AD$50*$H1443)</f>
        <v>33.975465962751429</v>
      </c>
      <c r="K1443">
        <f t="shared" ref="K1443:K1506" si="176">IF($B1443&lt;6,AE$37*$D1443+AE$38*$E1443+AE$39*$F1443+AE$40*$G1443,AE$46*$D1443+AE$47*$E1443+AE$48*$F1443+AE$49*$G1443+AE$50*$H1443)</f>
        <v>1.0029294163422822</v>
      </c>
      <c r="L1443">
        <f t="shared" ref="L1443:L1506" si="177">IF($B1443&lt;6,AF$37*$D1443+AF$38*$E1443+AF$39*$F1443+AF$40*$G1443,AF$46*$D1443+AF$47*$E1443+AF$48*$F1443+AF$49*$G1443+AF$50*$H1443)</f>
        <v>0.50146470817114108</v>
      </c>
      <c r="M1443">
        <f t="shared" ref="M1443:M1506" si="178">IF($B1443&lt;6,AG$37*$D1443+AG$38*$E1443+AG$39*$F1443+AG$40*$G1443,AG$46*$D1443+AG$47*$E1443+AG$48*$F1443+AG$49*$G1443+AG$50*$H1443)</f>
        <v>0</v>
      </c>
      <c r="N1443" s="45">
        <f t="shared" si="172"/>
        <v>44985.708333329916</v>
      </c>
    </row>
    <row r="1444" spans="2:14" x14ac:dyDescent="0.25">
      <c r="B1444">
        <f t="shared" si="173"/>
        <v>2</v>
      </c>
      <c r="C1444" s="16">
        <v>1410</v>
      </c>
      <c r="D1444" cm="1">
        <f t="array" ref="D1444">IFERROR(INDEX(Jesper!AH$2:AH$366,ROUNDDOWN($C1444/24,0)+1,1)*INDEX($D$3:$AA$30,INDEX(Jesper!$R$2:$R$366,ROW(INDEX(Jesper!AH$2:AH$366,ROUNDDOWN($C1444/24,0)+1,1))-1)+IF('Standard Profiles'!$G$18=$B$10,7,0)+IF('Standard Profiles'!$G$18=$B$17,14,0)+IF('Standard Profiles'!$G$18=$B$24,21,0),MOD($C1444,24)+1)/SUM(INDEX($D$3:$AA$30,INDEX(Jesper!$R$2:$R$366,ROW(INDEX(Jesper!AH$2:AH$366,ROUNDDOWN($C1444/24,0)+1,1))-1)+IF('Standard Profiles'!$G$18=$B$10,7,0)+IF('Standard Profiles'!$G$18=$B$17,14,0)+IF('Standard Profiles'!$G$18=$B$24,21,0),0)),0)</f>
        <v>6.2056257636178707</v>
      </c>
      <c r="E1444" cm="1">
        <f t="array" ref="E1444">IFERROR(INDEX(Jesper!AI$2:AI$366,ROUNDDOWN($C1444/24,0)+1,1)*INDEX($D$3:$AA$30,INDEX(Jesper!$R$2:$R$366,ROW(INDEX(Jesper!AI$2:AI$366,ROUNDDOWN($C1444/24,0)+1,1))-1)+IF('Standard Profiles'!$G$19=$B$10,7,0)+IF('Standard Profiles'!$G$19=$B$17,14,0)+IF('Standard Profiles'!$G$19=$B$24,21,0),MOD($C1444,24)+1)/SUM(INDEX($D$3:$AA$30,INDEX(Jesper!$R$2:$R$366,ROW(INDEX(Jesper!AI$2:AI$366,ROUNDDOWN($C1444/24,0)+1,1))-1)+IF('Standard Profiles'!$G$19=$B$10,7,0)+IF('Standard Profiles'!$G$19=$B$17,14,0)+IF('Standard Profiles'!$G$19=$B$24,21,0),0)),0)</f>
        <v>7.7190247004812562</v>
      </c>
      <c r="F1444" cm="1">
        <f t="array" ref="F1444">IFERROR(INDEX(Jesper!AJ$2:AJ$366,ROUNDDOWN($C1444/24,0)+1,1)*INDEX($D$3:$AA$30,INDEX(Jesper!$R$2:$R$366,ROW(INDEX(Jesper!AJ$2:AJ$366,ROUNDDOWN($C1444/24,0)+1,1))-1)+IF('Standard Profiles'!$G$20=$B$10,7,0)+IF('Standard Profiles'!$G$20=$B$17,14,0)+IF('Standard Profiles'!$G$20=$B$24,21,0),MOD($C1444,24)+1)/SUM(INDEX($D$3:$AA$30,INDEX(Jesper!$R$2:$R$366,ROW(INDEX(Jesper!AJ$2:AJ$366,ROUNDDOWN($C1444/24,0)+1,1))-1)+IF('Standard Profiles'!$G$20=$B$10,7,0)+IF('Standard Profiles'!$G$20=$B$17,14,0)+IF('Standard Profiles'!$G$20=$B$24,21,0),0)),0)</f>
        <v>0</v>
      </c>
      <c r="G1444" cm="1">
        <f t="array" ref="G1444">IFERROR(INDEX(Jesper!AK$2:AK$366,ROUNDDOWN($C1444/24,0)+1,1)*INDEX($D$3:$AA$30,INDEX(Jesper!$R$2:$R$366,ROW(INDEX(Jesper!AK$2:AK$366,ROUNDDOWN($C1444/24,0)+1,1))-1)+IF('Standard Profiles'!$G$21=$B$10,7,0)+IF('Standard Profiles'!$G$21=$B$17,14,0)+IF('Standard Profiles'!$G$21=$B$24,21,0),MOD($C1444,24)+1)/SUM(INDEX($D$3:$AA$30,INDEX(Jesper!$R$2:$R$366,ROW(INDEX(Jesper!AK$2:AK$366,ROUNDDOWN($C1444/24,0)+1,1))-1)+IF('Standard Profiles'!$G$21=$B$10,7,0)+IF('Standard Profiles'!$G$21=$B$17,14,0)+IF('Standard Profiles'!$G$21=$B$24,21,0),0)),0)</f>
        <v>9.809871721473419</v>
      </c>
      <c r="H1444" cm="1">
        <f t="array" ref="H1444">IFERROR(INDEX(Jesper!AL$2:AL$366,ROUNDDOWN($C1444/24,0)+1,1)*INDEX($D$3:$AA$30,INDEX(Jesper!$R$2:$R$366,ROW(INDEX(Jesper!AL$2:AL$366,ROUNDDOWN($C1444/24,0)+1,1))-1)+IF('Standard Profiles'!$G$22=$B$10,7,0)+IF('Standard Profiles'!$G$22=$B$17,14,0)+IF('Standard Profiles'!$G$22=$B$24,21,0),MOD($C1444,24)+1)/SUM(INDEX($D$3:$AA$30,INDEX(Jesper!$R$2:$R$366,ROW(INDEX(Jesper!AL$2:AL$366,ROUNDDOWN($C1444/24,0)+1,1))-1)+IF('Standard Profiles'!$G$22=$B$10,7,0)+IF('Standard Profiles'!$G$22=$B$17,14,0)+IF('Standard Profiles'!$G$22=$B$24,21,0),0)),0)</f>
        <v>0</v>
      </c>
      <c r="I1444">
        <f t="shared" si="174"/>
        <v>4.7087384263072387</v>
      </c>
      <c r="J1444">
        <f t="shared" si="175"/>
        <v>18.032883637086449</v>
      </c>
      <c r="K1444">
        <f t="shared" si="176"/>
        <v>0.66193341478590628</v>
      </c>
      <c r="L1444">
        <f t="shared" si="177"/>
        <v>0.33096670739295314</v>
      </c>
      <c r="M1444">
        <f t="shared" si="178"/>
        <v>0</v>
      </c>
      <c r="N1444" s="45">
        <f t="shared" ref="N1444:N1507" si="179">N1443+1/24</f>
        <v>44985.74999999658</v>
      </c>
    </row>
    <row r="1445" spans="2:14" x14ac:dyDescent="0.25">
      <c r="B1445">
        <f t="shared" si="173"/>
        <v>2</v>
      </c>
      <c r="C1445" s="16">
        <v>1411</v>
      </c>
      <c r="D1445" cm="1">
        <f t="array" ref="D1445">IFERROR(INDEX(Jesper!AH$2:AH$366,ROUNDDOWN($C1445/24,0)+1,1)*INDEX($D$3:$AA$30,INDEX(Jesper!$R$2:$R$366,ROW(INDEX(Jesper!AH$2:AH$366,ROUNDDOWN($C1445/24,0)+1,1))-1)+IF('Standard Profiles'!$G$18=$B$10,7,0)+IF('Standard Profiles'!$G$18=$B$17,14,0)+IF('Standard Profiles'!$G$18=$B$24,21,0),MOD($C1445,24)+1)/SUM(INDEX($D$3:$AA$30,INDEX(Jesper!$R$2:$R$366,ROW(INDEX(Jesper!AH$2:AH$366,ROUNDDOWN($C1445/24,0)+1,1))-1)+IF('Standard Profiles'!$G$18=$B$10,7,0)+IF('Standard Profiles'!$G$18=$B$17,14,0)+IF('Standard Profiles'!$G$18=$B$24,21,0),0)),0)</f>
        <v>6.2056257636178707</v>
      </c>
      <c r="E1445" cm="1">
        <f t="array" ref="E1445">IFERROR(INDEX(Jesper!AI$2:AI$366,ROUNDDOWN($C1445/24,0)+1,1)*INDEX($D$3:$AA$30,INDEX(Jesper!$R$2:$R$366,ROW(INDEX(Jesper!AI$2:AI$366,ROUNDDOWN($C1445/24,0)+1,1))-1)+IF('Standard Profiles'!$G$19=$B$10,7,0)+IF('Standard Profiles'!$G$19=$B$17,14,0)+IF('Standard Profiles'!$G$19=$B$24,21,0),MOD($C1445,24)+1)/SUM(INDEX($D$3:$AA$30,INDEX(Jesper!$R$2:$R$366,ROW(INDEX(Jesper!AI$2:AI$366,ROUNDDOWN($C1445/24,0)+1,1))-1)+IF('Standard Profiles'!$G$19=$B$10,7,0)+IF('Standard Profiles'!$G$19=$B$17,14,0)+IF('Standard Profiles'!$G$19=$B$24,21,0),0)),0)</f>
        <v>7.7190247004812562</v>
      </c>
      <c r="F1445" cm="1">
        <f t="array" ref="F1445">IFERROR(INDEX(Jesper!AJ$2:AJ$366,ROUNDDOWN($C1445/24,0)+1,1)*INDEX($D$3:$AA$30,INDEX(Jesper!$R$2:$R$366,ROW(INDEX(Jesper!AJ$2:AJ$366,ROUNDDOWN($C1445/24,0)+1,1))-1)+IF('Standard Profiles'!$G$20=$B$10,7,0)+IF('Standard Profiles'!$G$20=$B$17,14,0)+IF('Standard Profiles'!$G$20=$B$24,21,0),MOD($C1445,24)+1)/SUM(INDEX($D$3:$AA$30,INDEX(Jesper!$R$2:$R$366,ROW(INDEX(Jesper!AJ$2:AJ$366,ROUNDDOWN($C1445/24,0)+1,1))-1)+IF('Standard Profiles'!$G$20=$B$10,7,0)+IF('Standard Profiles'!$G$20=$B$17,14,0)+IF('Standard Profiles'!$G$20=$B$24,21,0),0)),0)</f>
        <v>0</v>
      </c>
      <c r="G1445" cm="1">
        <f t="array" ref="G1445">IFERROR(INDEX(Jesper!AK$2:AK$366,ROUNDDOWN($C1445/24,0)+1,1)*INDEX($D$3:$AA$30,INDEX(Jesper!$R$2:$R$366,ROW(INDEX(Jesper!AK$2:AK$366,ROUNDDOWN($C1445/24,0)+1,1))-1)+IF('Standard Profiles'!$G$21=$B$10,7,0)+IF('Standard Profiles'!$G$21=$B$17,14,0)+IF('Standard Profiles'!$G$21=$B$24,21,0),MOD($C1445,24)+1)/SUM(INDEX($D$3:$AA$30,INDEX(Jesper!$R$2:$R$366,ROW(INDEX(Jesper!AK$2:AK$366,ROUNDDOWN($C1445/24,0)+1,1))-1)+IF('Standard Profiles'!$G$21=$B$10,7,0)+IF('Standard Profiles'!$G$21=$B$17,14,0)+IF('Standard Profiles'!$G$21=$B$24,21,0),0)),0)</f>
        <v>9.809871721473419</v>
      </c>
      <c r="H1445" cm="1">
        <f t="array" ref="H1445">IFERROR(INDEX(Jesper!AL$2:AL$366,ROUNDDOWN($C1445/24,0)+1,1)*INDEX($D$3:$AA$30,INDEX(Jesper!$R$2:$R$366,ROW(INDEX(Jesper!AL$2:AL$366,ROUNDDOWN($C1445/24,0)+1,1))-1)+IF('Standard Profiles'!$G$22=$B$10,7,0)+IF('Standard Profiles'!$G$22=$B$17,14,0)+IF('Standard Profiles'!$G$22=$B$24,21,0),MOD($C1445,24)+1)/SUM(INDEX($D$3:$AA$30,INDEX(Jesper!$R$2:$R$366,ROW(INDEX(Jesper!AL$2:AL$366,ROUNDDOWN($C1445/24,0)+1,1))-1)+IF('Standard Profiles'!$G$22=$B$10,7,0)+IF('Standard Profiles'!$G$22=$B$17,14,0)+IF('Standard Profiles'!$G$22=$B$24,21,0),0)),0)</f>
        <v>0</v>
      </c>
      <c r="I1445">
        <f t="shared" si="174"/>
        <v>4.7087384263072387</v>
      </c>
      <c r="J1445">
        <f t="shared" si="175"/>
        <v>18.032883637086449</v>
      </c>
      <c r="K1445">
        <f t="shared" si="176"/>
        <v>0.66193341478590628</v>
      </c>
      <c r="L1445">
        <f t="shared" si="177"/>
        <v>0.33096670739295314</v>
      </c>
      <c r="M1445">
        <f t="shared" si="178"/>
        <v>0</v>
      </c>
      <c r="N1445" s="45">
        <f t="shared" si="179"/>
        <v>44985.791666663245</v>
      </c>
    </row>
    <row r="1446" spans="2:14" x14ac:dyDescent="0.25">
      <c r="B1446">
        <f t="shared" si="173"/>
        <v>2</v>
      </c>
      <c r="C1446" s="16">
        <v>1412</v>
      </c>
      <c r="D1446" cm="1">
        <f t="array" ref="D1446">IFERROR(INDEX(Jesper!AH$2:AH$366,ROUNDDOWN($C1446/24,0)+1,1)*INDEX($D$3:$AA$30,INDEX(Jesper!$R$2:$R$366,ROW(INDEX(Jesper!AH$2:AH$366,ROUNDDOWN($C1446/24,0)+1,1))-1)+IF('Standard Profiles'!$G$18=$B$10,7,0)+IF('Standard Profiles'!$G$18=$B$17,14,0)+IF('Standard Profiles'!$G$18=$B$24,21,0),MOD($C1446,24)+1)/SUM(INDEX($D$3:$AA$30,INDEX(Jesper!$R$2:$R$366,ROW(INDEX(Jesper!AH$2:AH$366,ROUNDDOWN($C1446/24,0)+1,1))-1)+IF('Standard Profiles'!$G$18=$B$10,7,0)+IF('Standard Profiles'!$G$18=$B$17,14,0)+IF('Standard Profiles'!$G$18=$B$24,21,0),0)),0)</f>
        <v>6.2056257636178707</v>
      </c>
      <c r="E1446" cm="1">
        <f t="array" ref="E1446">IFERROR(INDEX(Jesper!AI$2:AI$366,ROUNDDOWN($C1446/24,0)+1,1)*INDEX($D$3:$AA$30,INDEX(Jesper!$R$2:$R$366,ROW(INDEX(Jesper!AI$2:AI$366,ROUNDDOWN($C1446/24,0)+1,1))-1)+IF('Standard Profiles'!$G$19=$B$10,7,0)+IF('Standard Profiles'!$G$19=$B$17,14,0)+IF('Standard Profiles'!$G$19=$B$24,21,0),MOD($C1446,24)+1)/SUM(INDEX($D$3:$AA$30,INDEX(Jesper!$R$2:$R$366,ROW(INDEX(Jesper!AI$2:AI$366,ROUNDDOWN($C1446/24,0)+1,1))-1)+IF('Standard Profiles'!$G$19=$B$10,7,0)+IF('Standard Profiles'!$G$19=$B$17,14,0)+IF('Standard Profiles'!$G$19=$B$24,21,0),0)),0)</f>
        <v>7.7190247004812562</v>
      </c>
      <c r="F1446" cm="1">
        <f t="array" ref="F1446">IFERROR(INDEX(Jesper!AJ$2:AJ$366,ROUNDDOWN($C1446/24,0)+1,1)*INDEX($D$3:$AA$30,INDEX(Jesper!$R$2:$R$366,ROW(INDEX(Jesper!AJ$2:AJ$366,ROUNDDOWN($C1446/24,0)+1,1))-1)+IF('Standard Profiles'!$G$20=$B$10,7,0)+IF('Standard Profiles'!$G$20=$B$17,14,0)+IF('Standard Profiles'!$G$20=$B$24,21,0),MOD($C1446,24)+1)/SUM(INDEX($D$3:$AA$30,INDEX(Jesper!$R$2:$R$366,ROW(INDEX(Jesper!AJ$2:AJ$366,ROUNDDOWN($C1446/24,0)+1,1))-1)+IF('Standard Profiles'!$G$20=$B$10,7,0)+IF('Standard Profiles'!$G$20=$B$17,14,0)+IF('Standard Profiles'!$G$20=$B$24,21,0),0)),0)</f>
        <v>0</v>
      </c>
      <c r="G1446" cm="1">
        <f t="array" ref="G1446">IFERROR(INDEX(Jesper!AK$2:AK$366,ROUNDDOWN($C1446/24,0)+1,1)*INDEX($D$3:$AA$30,INDEX(Jesper!$R$2:$R$366,ROW(INDEX(Jesper!AK$2:AK$366,ROUNDDOWN($C1446/24,0)+1,1))-1)+IF('Standard Profiles'!$G$21=$B$10,7,0)+IF('Standard Profiles'!$G$21=$B$17,14,0)+IF('Standard Profiles'!$G$21=$B$24,21,0),MOD($C1446,24)+1)/SUM(INDEX($D$3:$AA$30,INDEX(Jesper!$R$2:$R$366,ROW(INDEX(Jesper!AK$2:AK$366,ROUNDDOWN($C1446/24,0)+1,1))-1)+IF('Standard Profiles'!$G$21=$B$10,7,0)+IF('Standard Profiles'!$G$21=$B$17,14,0)+IF('Standard Profiles'!$G$21=$B$24,21,0),0)),0)</f>
        <v>9.809871721473419</v>
      </c>
      <c r="H1446" cm="1">
        <f t="array" ref="H1446">IFERROR(INDEX(Jesper!AL$2:AL$366,ROUNDDOWN($C1446/24,0)+1,1)*INDEX($D$3:$AA$30,INDEX(Jesper!$R$2:$R$366,ROW(INDEX(Jesper!AL$2:AL$366,ROUNDDOWN($C1446/24,0)+1,1))-1)+IF('Standard Profiles'!$G$22=$B$10,7,0)+IF('Standard Profiles'!$G$22=$B$17,14,0)+IF('Standard Profiles'!$G$22=$B$24,21,0),MOD($C1446,24)+1)/SUM(INDEX($D$3:$AA$30,INDEX(Jesper!$R$2:$R$366,ROW(INDEX(Jesper!AL$2:AL$366,ROUNDDOWN($C1446/24,0)+1,1))-1)+IF('Standard Profiles'!$G$22=$B$10,7,0)+IF('Standard Profiles'!$G$22=$B$17,14,0)+IF('Standard Profiles'!$G$22=$B$24,21,0),0)),0)</f>
        <v>0</v>
      </c>
      <c r="I1446">
        <f t="shared" si="174"/>
        <v>4.7087384263072387</v>
      </c>
      <c r="J1446">
        <f t="shared" si="175"/>
        <v>18.032883637086449</v>
      </c>
      <c r="K1446">
        <f t="shared" si="176"/>
        <v>0.66193341478590628</v>
      </c>
      <c r="L1446">
        <f t="shared" si="177"/>
        <v>0.33096670739295314</v>
      </c>
      <c r="M1446">
        <f t="shared" si="178"/>
        <v>0</v>
      </c>
      <c r="N1446" s="45">
        <f t="shared" si="179"/>
        <v>44985.833333329909</v>
      </c>
    </row>
    <row r="1447" spans="2:14" x14ac:dyDescent="0.25">
      <c r="B1447">
        <f t="shared" si="173"/>
        <v>2</v>
      </c>
      <c r="C1447" s="16">
        <v>1413</v>
      </c>
      <c r="D1447" cm="1">
        <f t="array" ref="D1447">IFERROR(INDEX(Jesper!AH$2:AH$366,ROUNDDOWN($C1447/24,0)+1,1)*INDEX($D$3:$AA$30,INDEX(Jesper!$R$2:$R$366,ROW(INDEX(Jesper!AH$2:AH$366,ROUNDDOWN($C1447/24,0)+1,1))-1)+IF('Standard Profiles'!$G$18=$B$10,7,0)+IF('Standard Profiles'!$G$18=$B$17,14,0)+IF('Standard Profiles'!$G$18=$B$24,21,0),MOD($C1447,24)+1)/SUM(INDEX($D$3:$AA$30,INDEX(Jesper!$R$2:$R$366,ROW(INDEX(Jesper!AH$2:AH$366,ROUNDDOWN($C1447/24,0)+1,1))-1)+IF('Standard Profiles'!$G$18=$B$10,7,0)+IF('Standard Profiles'!$G$18=$B$17,14,0)+IF('Standard Profiles'!$G$18=$B$24,21,0),0)),0)</f>
        <v>6.2056257636178707</v>
      </c>
      <c r="E1447" cm="1">
        <f t="array" ref="E1447">IFERROR(INDEX(Jesper!AI$2:AI$366,ROUNDDOWN($C1447/24,0)+1,1)*INDEX($D$3:$AA$30,INDEX(Jesper!$R$2:$R$366,ROW(INDEX(Jesper!AI$2:AI$366,ROUNDDOWN($C1447/24,0)+1,1))-1)+IF('Standard Profiles'!$G$19=$B$10,7,0)+IF('Standard Profiles'!$G$19=$B$17,14,0)+IF('Standard Profiles'!$G$19=$B$24,21,0),MOD($C1447,24)+1)/SUM(INDEX($D$3:$AA$30,INDEX(Jesper!$R$2:$R$366,ROW(INDEX(Jesper!AI$2:AI$366,ROUNDDOWN($C1447/24,0)+1,1))-1)+IF('Standard Profiles'!$G$19=$B$10,7,0)+IF('Standard Profiles'!$G$19=$B$17,14,0)+IF('Standard Profiles'!$G$19=$B$24,21,0),0)),0)</f>
        <v>7.7190247004812562</v>
      </c>
      <c r="F1447" cm="1">
        <f t="array" ref="F1447">IFERROR(INDEX(Jesper!AJ$2:AJ$366,ROUNDDOWN($C1447/24,0)+1,1)*INDEX($D$3:$AA$30,INDEX(Jesper!$R$2:$R$366,ROW(INDEX(Jesper!AJ$2:AJ$366,ROUNDDOWN($C1447/24,0)+1,1))-1)+IF('Standard Profiles'!$G$20=$B$10,7,0)+IF('Standard Profiles'!$G$20=$B$17,14,0)+IF('Standard Profiles'!$G$20=$B$24,21,0),MOD($C1447,24)+1)/SUM(INDEX($D$3:$AA$30,INDEX(Jesper!$R$2:$R$366,ROW(INDEX(Jesper!AJ$2:AJ$366,ROUNDDOWN($C1447/24,0)+1,1))-1)+IF('Standard Profiles'!$G$20=$B$10,7,0)+IF('Standard Profiles'!$G$20=$B$17,14,0)+IF('Standard Profiles'!$G$20=$B$24,21,0),0)),0)</f>
        <v>0</v>
      </c>
      <c r="G1447" cm="1">
        <f t="array" ref="G1447">IFERROR(INDEX(Jesper!AK$2:AK$366,ROUNDDOWN($C1447/24,0)+1,1)*INDEX($D$3:$AA$30,INDEX(Jesper!$R$2:$R$366,ROW(INDEX(Jesper!AK$2:AK$366,ROUNDDOWN($C1447/24,0)+1,1))-1)+IF('Standard Profiles'!$G$21=$B$10,7,0)+IF('Standard Profiles'!$G$21=$B$17,14,0)+IF('Standard Profiles'!$G$21=$B$24,21,0),MOD($C1447,24)+1)/SUM(INDEX($D$3:$AA$30,INDEX(Jesper!$R$2:$R$366,ROW(INDEX(Jesper!AK$2:AK$366,ROUNDDOWN($C1447/24,0)+1,1))-1)+IF('Standard Profiles'!$G$21=$B$10,7,0)+IF('Standard Profiles'!$G$21=$B$17,14,0)+IF('Standard Profiles'!$G$21=$B$24,21,0),0)),0)</f>
        <v>9.809871721473419</v>
      </c>
      <c r="H1447" cm="1">
        <f t="array" ref="H1447">IFERROR(INDEX(Jesper!AL$2:AL$366,ROUNDDOWN($C1447/24,0)+1,1)*INDEX($D$3:$AA$30,INDEX(Jesper!$R$2:$R$366,ROW(INDEX(Jesper!AL$2:AL$366,ROUNDDOWN($C1447/24,0)+1,1))-1)+IF('Standard Profiles'!$G$22=$B$10,7,0)+IF('Standard Profiles'!$G$22=$B$17,14,0)+IF('Standard Profiles'!$G$22=$B$24,21,0),MOD($C1447,24)+1)/SUM(INDEX($D$3:$AA$30,INDEX(Jesper!$R$2:$R$366,ROW(INDEX(Jesper!AL$2:AL$366,ROUNDDOWN($C1447/24,0)+1,1))-1)+IF('Standard Profiles'!$G$22=$B$10,7,0)+IF('Standard Profiles'!$G$22=$B$17,14,0)+IF('Standard Profiles'!$G$22=$B$24,21,0),0)),0)</f>
        <v>0</v>
      </c>
      <c r="I1447">
        <f t="shared" si="174"/>
        <v>4.7087384263072387</v>
      </c>
      <c r="J1447">
        <f t="shared" si="175"/>
        <v>18.032883637086449</v>
      </c>
      <c r="K1447">
        <f t="shared" si="176"/>
        <v>0.66193341478590628</v>
      </c>
      <c r="L1447">
        <f t="shared" si="177"/>
        <v>0.33096670739295314</v>
      </c>
      <c r="M1447">
        <f t="shared" si="178"/>
        <v>0</v>
      </c>
      <c r="N1447" s="45">
        <f t="shared" si="179"/>
        <v>44985.874999996573</v>
      </c>
    </row>
    <row r="1448" spans="2:14" x14ac:dyDescent="0.25">
      <c r="B1448">
        <f t="shared" si="173"/>
        <v>2</v>
      </c>
      <c r="C1448" s="16">
        <v>1414</v>
      </c>
      <c r="D1448" cm="1">
        <f t="array" ref="D1448">IFERROR(INDEX(Jesper!AH$2:AH$366,ROUNDDOWN($C1448/24,0)+1,1)*INDEX($D$3:$AA$30,INDEX(Jesper!$R$2:$R$366,ROW(INDEX(Jesper!AH$2:AH$366,ROUNDDOWN($C1448/24,0)+1,1))-1)+IF('Standard Profiles'!$G$18=$B$10,7,0)+IF('Standard Profiles'!$G$18=$B$17,14,0)+IF('Standard Profiles'!$G$18=$B$24,21,0),MOD($C1448,24)+1)/SUM(INDEX($D$3:$AA$30,INDEX(Jesper!$R$2:$R$366,ROW(INDEX(Jesper!AH$2:AH$366,ROUNDDOWN($C1448/24,0)+1,1))-1)+IF('Standard Profiles'!$G$18=$B$10,7,0)+IF('Standard Profiles'!$G$18=$B$17,14,0)+IF('Standard Profiles'!$G$18=$B$24,21,0),0)),0)</f>
        <v>6.2056257636178707</v>
      </c>
      <c r="E1448" cm="1">
        <f t="array" ref="E1448">IFERROR(INDEX(Jesper!AI$2:AI$366,ROUNDDOWN($C1448/24,0)+1,1)*INDEX($D$3:$AA$30,INDEX(Jesper!$R$2:$R$366,ROW(INDEX(Jesper!AI$2:AI$366,ROUNDDOWN($C1448/24,0)+1,1))-1)+IF('Standard Profiles'!$G$19=$B$10,7,0)+IF('Standard Profiles'!$G$19=$B$17,14,0)+IF('Standard Profiles'!$G$19=$B$24,21,0),MOD($C1448,24)+1)/SUM(INDEX($D$3:$AA$30,INDEX(Jesper!$R$2:$R$366,ROW(INDEX(Jesper!AI$2:AI$366,ROUNDDOWN($C1448/24,0)+1,1))-1)+IF('Standard Profiles'!$G$19=$B$10,7,0)+IF('Standard Profiles'!$G$19=$B$17,14,0)+IF('Standard Profiles'!$G$19=$B$24,21,0),0)),0)</f>
        <v>7.7190247004812562</v>
      </c>
      <c r="F1448" cm="1">
        <f t="array" ref="F1448">IFERROR(INDEX(Jesper!AJ$2:AJ$366,ROUNDDOWN($C1448/24,0)+1,1)*INDEX($D$3:$AA$30,INDEX(Jesper!$R$2:$R$366,ROW(INDEX(Jesper!AJ$2:AJ$366,ROUNDDOWN($C1448/24,0)+1,1))-1)+IF('Standard Profiles'!$G$20=$B$10,7,0)+IF('Standard Profiles'!$G$20=$B$17,14,0)+IF('Standard Profiles'!$G$20=$B$24,21,0),MOD($C1448,24)+1)/SUM(INDEX($D$3:$AA$30,INDEX(Jesper!$R$2:$R$366,ROW(INDEX(Jesper!AJ$2:AJ$366,ROUNDDOWN($C1448/24,0)+1,1))-1)+IF('Standard Profiles'!$G$20=$B$10,7,0)+IF('Standard Profiles'!$G$20=$B$17,14,0)+IF('Standard Profiles'!$G$20=$B$24,21,0),0)),0)</f>
        <v>0</v>
      </c>
      <c r="G1448" cm="1">
        <f t="array" ref="G1448">IFERROR(INDEX(Jesper!AK$2:AK$366,ROUNDDOWN($C1448/24,0)+1,1)*INDEX($D$3:$AA$30,INDEX(Jesper!$R$2:$R$366,ROW(INDEX(Jesper!AK$2:AK$366,ROUNDDOWN($C1448/24,0)+1,1))-1)+IF('Standard Profiles'!$G$21=$B$10,7,0)+IF('Standard Profiles'!$G$21=$B$17,14,0)+IF('Standard Profiles'!$G$21=$B$24,21,0),MOD($C1448,24)+1)/SUM(INDEX($D$3:$AA$30,INDEX(Jesper!$R$2:$R$366,ROW(INDEX(Jesper!AK$2:AK$366,ROUNDDOWN($C1448/24,0)+1,1))-1)+IF('Standard Profiles'!$G$21=$B$10,7,0)+IF('Standard Profiles'!$G$21=$B$17,14,0)+IF('Standard Profiles'!$G$21=$B$24,21,0),0)),0)</f>
        <v>9.809871721473419</v>
      </c>
      <c r="H1448" cm="1">
        <f t="array" ref="H1448">IFERROR(INDEX(Jesper!AL$2:AL$366,ROUNDDOWN($C1448/24,0)+1,1)*INDEX($D$3:$AA$30,INDEX(Jesper!$R$2:$R$366,ROW(INDEX(Jesper!AL$2:AL$366,ROUNDDOWN($C1448/24,0)+1,1))-1)+IF('Standard Profiles'!$G$22=$B$10,7,0)+IF('Standard Profiles'!$G$22=$B$17,14,0)+IF('Standard Profiles'!$G$22=$B$24,21,0),MOD($C1448,24)+1)/SUM(INDEX($D$3:$AA$30,INDEX(Jesper!$R$2:$R$366,ROW(INDEX(Jesper!AL$2:AL$366,ROUNDDOWN($C1448/24,0)+1,1))-1)+IF('Standard Profiles'!$G$22=$B$10,7,0)+IF('Standard Profiles'!$G$22=$B$17,14,0)+IF('Standard Profiles'!$G$22=$B$24,21,0),0)),0)</f>
        <v>0</v>
      </c>
      <c r="I1448">
        <f t="shared" si="174"/>
        <v>4.7087384263072387</v>
      </c>
      <c r="J1448">
        <f t="shared" si="175"/>
        <v>18.032883637086449</v>
      </c>
      <c r="K1448">
        <f t="shared" si="176"/>
        <v>0.66193341478590628</v>
      </c>
      <c r="L1448">
        <f t="shared" si="177"/>
        <v>0.33096670739295314</v>
      </c>
      <c r="M1448">
        <f t="shared" si="178"/>
        <v>0</v>
      </c>
      <c r="N1448" s="45">
        <f t="shared" si="179"/>
        <v>44985.916666663237</v>
      </c>
    </row>
    <row r="1449" spans="2:14" x14ac:dyDescent="0.25">
      <c r="B1449">
        <f t="shared" si="173"/>
        <v>2</v>
      </c>
      <c r="C1449" s="16">
        <v>1415</v>
      </c>
      <c r="D1449" cm="1">
        <f t="array" ref="D1449">IFERROR(INDEX(Jesper!AH$2:AH$366,ROUNDDOWN($C1449/24,0)+1,1)*INDEX($D$3:$AA$30,INDEX(Jesper!$R$2:$R$366,ROW(INDEX(Jesper!AH$2:AH$366,ROUNDDOWN($C1449/24,0)+1,1))-1)+IF('Standard Profiles'!$G$18=$B$10,7,0)+IF('Standard Profiles'!$G$18=$B$17,14,0)+IF('Standard Profiles'!$G$18=$B$24,21,0),MOD($C1449,24)+1)/SUM(INDEX($D$3:$AA$30,INDEX(Jesper!$R$2:$R$366,ROW(INDEX(Jesper!AH$2:AH$366,ROUNDDOWN($C1449/24,0)+1,1))-1)+IF('Standard Profiles'!$G$18=$B$10,7,0)+IF('Standard Profiles'!$G$18=$B$17,14,0)+IF('Standard Profiles'!$G$18=$B$24,21,0),0)),0)</f>
        <v>6.2056257636178707</v>
      </c>
      <c r="E1449" cm="1">
        <f t="array" ref="E1449">IFERROR(INDEX(Jesper!AI$2:AI$366,ROUNDDOWN($C1449/24,0)+1,1)*INDEX($D$3:$AA$30,INDEX(Jesper!$R$2:$R$366,ROW(INDEX(Jesper!AI$2:AI$366,ROUNDDOWN($C1449/24,0)+1,1))-1)+IF('Standard Profiles'!$G$19=$B$10,7,0)+IF('Standard Profiles'!$G$19=$B$17,14,0)+IF('Standard Profiles'!$G$19=$B$24,21,0),MOD($C1449,24)+1)/SUM(INDEX($D$3:$AA$30,INDEX(Jesper!$R$2:$R$366,ROW(INDEX(Jesper!AI$2:AI$366,ROUNDDOWN($C1449/24,0)+1,1))-1)+IF('Standard Profiles'!$G$19=$B$10,7,0)+IF('Standard Profiles'!$G$19=$B$17,14,0)+IF('Standard Profiles'!$G$19=$B$24,21,0),0)),0)</f>
        <v>7.7190247004812562</v>
      </c>
      <c r="F1449" cm="1">
        <f t="array" ref="F1449">IFERROR(INDEX(Jesper!AJ$2:AJ$366,ROUNDDOWN($C1449/24,0)+1,1)*INDEX($D$3:$AA$30,INDEX(Jesper!$R$2:$R$366,ROW(INDEX(Jesper!AJ$2:AJ$366,ROUNDDOWN($C1449/24,0)+1,1))-1)+IF('Standard Profiles'!$G$20=$B$10,7,0)+IF('Standard Profiles'!$G$20=$B$17,14,0)+IF('Standard Profiles'!$G$20=$B$24,21,0),MOD($C1449,24)+1)/SUM(INDEX($D$3:$AA$30,INDEX(Jesper!$R$2:$R$366,ROW(INDEX(Jesper!AJ$2:AJ$366,ROUNDDOWN($C1449/24,0)+1,1))-1)+IF('Standard Profiles'!$G$20=$B$10,7,0)+IF('Standard Profiles'!$G$20=$B$17,14,0)+IF('Standard Profiles'!$G$20=$B$24,21,0),0)),0)</f>
        <v>0</v>
      </c>
      <c r="G1449" cm="1">
        <f t="array" ref="G1449">IFERROR(INDEX(Jesper!AK$2:AK$366,ROUNDDOWN($C1449/24,0)+1,1)*INDEX($D$3:$AA$30,INDEX(Jesper!$R$2:$R$366,ROW(INDEX(Jesper!AK$2:AK$366,ROUNDDOWN($C1449/24,0)+1,1))-1)+IF('Standard Profiles'!$G$21=$B$10,7,0)+IF('Standard Profiles'!$G$21=$B$17,14,0)+IF('Standard Profiles'!$G$21=$B$24,21,0),MOD($C1449,24)+1)/SUM(INDEX($D$3:$AA$30,INDEX(Jesper!$R$2:$R$366,ROW(INDEX(Jesper!AK$2:AK$366,ROUNDDOWN($C1449/24,0)+1,1))-1)+IF('Standard Profiles'!$G$21=$B$10,7,0)+IF('Standard Profiles'!$G$21=$B$17,14,0)+IF('Standard Profiles'!$G$21=$B$24,21,0),0)),0)</f>
        <v>9.809871721473419</v>
      </c>
      <c r="H1449" cm="1">
        <f t="array" ref="H1449">IFERROR(INDEX(Jesper!AL$2:AL$366,ROUNDDOWN($C1449/24,0)+1,1)*INDEX($D$3:$AA$30,INDEX(Jesper!$R$2:$R$366,ROW(INDEX(Jesper!AL$2:AL$366,ROUNDDOWN($C1449/24,0)+1,1))-1)+IF('Standard Profiles'!$G$22=$B$10,7,0)+IF('Standard Profiles'!$G$22=$B$17,14,0)+IF('Standard Profiles'!$G$22=$B$24,21,0),MOD($C1449,24)+1)/SUM(INDEX($D$3:$AA$30,INDEX(Jesper!$R$2:$R$366,ROW(INDEX(Jesper!AL$2:AL$366,ROUNDDOWN($C1449/24,0)+1,1))-1)+IF('Standard Profiles'!$G$22=$B$10,7,0)+IF('Standard Profiles'!$G$22=$B$17,14,0)+IF('Standard Profiles'!$G$22=$B$24,21,0),0)),0)</f>
        <v>0</v>
      </c>
      <c r="I1449">
        <f t="shared" si="174"/>
        <v>4.7087384263072387</v>
      </c>
      <c r="J1449">
        <f t="shared" si="175"/>
        <v>18.032883637086449</v>
      </c>
      <c r="K1449">
        <f t="shared" si="176"/>
        <v>0.66193341478590628</v>
      </c>
      <c r="L1449">
        <f t="shared" si="177"/>
        <v>0.33096670739295314</v>
      </c>
      <c r="M1449">
        <f t="shared" si="178"/>
        <v>0</v>
      </c>
      <c r="N1449" s="45">
        <f t="shared" si="179"/>
        <v>44985.958333329902</v>
      </c>
    </row>
    <row r="1450" spans="2:14" x14ac:dyDescent="0.25">
      <c r="B1450">
        <f t="shared" si="173"/>
        <v>3</v>
      </c>
      <c r="C1450" s="16">
        <v>1416</v>
      </c>
      <c r="D1450" cm="1">
        <f t="array" ref="D1450">IFERROR(INDEX(Jesper!AH$2:AH$366,ROUNDDOWN($C1450/24,0)+1,1)*INDEX($D$3:$AA$30,INDEX(Jesper!$R$2:$R$366,ROW(INDEX(Jesper!AH$2:AH$366,ROUNDDOWN($C1450/24,0)+1,1))-1)+IF('Standard Profiles'!$G$18=$B$10,7,0)+IF('Standard Profiles'!$G$18=$B$17,14,0)+IF('Standard Profiles'!$G$18=$B$24,21,0),MOD($C1450,24)+1)/SUM(INDEX($D$3:$AA$30,INDEX(Jesper!$R$2:$R$366,ROW(INDEX(Jesper!AH$2:AH$366,ROUNDDOWN($C1450/24,0)+1,1))-1)+IF('Standard Profiles'!$G$18=$B$10,7,0)+IF('Standard Profiles'!$G$18=$B$17,14,0)+IF('Standard Profiles'!$G$18=$B$24,21,0),0)),0)</f>
        <v>6.0946648603337037</v>
      </c>
      <c r="E1450" cm="1">
        <f t="array" ref="E1450">IFERROR(INDEX(Jesper!AI$2:AI$366,ROUNDDOWN($C1450/24,0)+1,1)*INDEX($D$3:$AA$30,INDEX(Jesper!$R$2:$R$366,ROW(INDEX(Jesper!AI$2:AI$366,ROUNDDOWN($C1450/24,0)+1,1))-1)+IF('Standard Profiles'!$G$19=$B$10,7,0)+IF('Standard Profiles'!$G$19=$B$17,14,0)+IF('Standard Profiles'!$G$19=$B$24,21,0),MOD($C1450,24)+1)/SUM(INDEX($D$3:$AA$30,INDEX(Jesper!$R$2:$R$366,ROW(INDEX(Jesper!AI$2:AI$366,ROUNDDOWN($C1450/24,0)+1,1))-1)+IF('Standard Profiles'!$G$19=$B$10,7,0)+IF('Standard Profiles'!$G$19=$B$17,14,0)+IF('Standard Profiles'!$G$19=$B$24,21,0),0)),0)</f>
        <v>7.1672595566176049</v>
      </c>
      <c r="F1450" cm="1">
        <f t="array" ref="F1450">IFERROR(INDEX(Jesper!AJ$2:AJ$366,ROUNDDOWN($C1450/24,0)+1,1)*INDEX($D$3:$AA$30,INDEX(Jesper!$R$2:$R$366,ROW(INDEX(Jesper!AJ$2:AJ$366,ROUNDDOWN($C1450/24,0)+1,1))-1)+IF('Standard Profiles'!$G$20=$B$10,7,0)+IF('Standard Profiles'!$G$20=$B$17,14,0)+IF('Standard Profiles'!$G$20=$B$24,21,0),MOD($C1450,24)+1)/SUM(INDEX($D$3:$AA$30,INDEX(Jesper!$R$2:$R$366,ROW(INDEX(Jesper!AJ$2:AJ$366,ROUNDDOWN($C1450/24,0)+1,1))-1)+IF('Standard Profiles'!$G$20=$B$10,7,0)+IF('Standard Profiles'!$G$20=$B$17,14,0)+IF('Standard Profiles'!$G$20=$B$24,21,0),0)),0)</f>
        <v>0</v>
      </c>
      <c r="G1450" cm="1">
        <f t="array" ref="G1450">IFERROR(INDEX(Jesper!AK$2:AK$366,ROUNDDOWN($C1450/24,0)+1,1)*INDEX($D$3:$AA$30,INDEX(Jesper!$R$2:$R$366,ROW(INDEX(Jesper!AK$2:AK$366,ROUNDDOWN($C1450/24,0)+1,1))-1)+IF('Standard Profiles'!$G$21=$B$10,7,0)+IF('Standard Profiles'!$G$21=$B$17,14,0)+IF('Standard Profiles'!$G$21=$B$24,21,0),MOD($C1450,24)+1)/SUM(INDEX($D$3:$AA$30,INDEX(Jesper!$R$2:$R$366,ROW(INDEX(Jesper!AK$2:AK$366,ROUNDDOWN($C1450/24,0)+1,1))-1)+IF('Standard Profiles'!$G$21=$B$10,7,0)+IF('Standard Profiles'!$G$21=$B$17,14,0)+IF('Standard Profiles'!$G$21=$B$24,21,0),0)),0)</f>
        <v>8.882557918879856</v>
      </c>
      <c r="H1450" cm="1">
        <f t="array" ref="H1450">IFERROR(INDEX(Jesper!AL$2:AL$366,ROUNDDOWN($C1450/24,0)+1,1)*INDEX($D$3:$AA$30,INDEX(Jesper!$R$2:$R$366,ROW(INDEX(Jesper!AL$2:AL$366,ROUNDDOWN($C1450/24,0)+1,1))-1)+IF('Standard Profiles'!$G$22=$B$10,7,0)+IF('Standard Profiles'!$G$22=$B$17,14,0)+IF('Standard Profiles'!$G$22=$B$24,21,0),MOD($C1450,24)+1)/SUM(INDEX($D$3:$AA$30,INDEX(Jesper!$R$2:$R$366,ROW(INDEX(Jesper!AL$2:AL$366,ROUNDDOWN($C1450/24,0)+1,1))-1)+IF('Standard Profiles'!$G$22=$B$10,7,0)+IF('Standard Profiles'!$G$22=$B$17,14,0)+IF('Standard Profiles'!$G$22=$B$24,21,0),0)),0)</f>
        <v>0</v>
      </c>
      <c r="I1450">
        <f t="shared" si="174"/>
        <v>4.263627801062329</v>
      </c>
      <c r="J1450">
        <f t="shared" si="175"/>
        <v>16.905708157115441</v>
      </c>
      <c r="K1450">
        <f t="shared" si="176"/>
        <v>0.65009758510226179</v>
      </c>
      <c r="L1450">
        <f t="shared" si="177"/>
        <v>0.32504879255113089</v>
      </c>
      <c r="M1450">
        <f t="shared" si="178"/>
        <v>0</v>
      </c>
      <c r="N1450" s="45">
        <f t="shared" si="179"/>
        <v>44985.999999996566</v>
      </c>
    </row>
    <row r="1451" spans="2:14" x14ac:dyDescent="0.25">
      <c r="B1451">
        <f t="shared" si="173"/>
        <v>3</v>
      </c>
      <c r="C1451" s="16">
        <v>1417</v>
      </c>
      <c r="D1451" cm="1">
        <f t="array" ref="D1451">IFERROR(INDEX(Jesper!AH$2:AH$366,ROUNDDOWN($C1451/24,0)+1,1)*INDEX($D$3:$AA$30,INDEX(Jesper!$R$2:$R$366,ROW(INDEX(Jesper!AH$2:AH$366,ROUNDDOWN($C1451/24,0)+1,1))-1)+IF('Standard Profiles'!$G$18=$B$10,7,0)+IF('Standard Profiles'!$G$18=$B$17,14,0)+IF('Standard Profiles'!$G$18=$B$24,21,0),MOD($C1451,24)+1)/SUM(INDEX($D$3:$AA$30,INDEX(Jesper!$R$2:$R$366,ROW(INDEX(Jesper!AH$2:AH$366,ROUNDDOWN($C1451/24,0)+1,1))-1)+IF('Standard Profiles'!$G$18=$B$10,7,0)+IF('Standard Profiles'!$G$18=$B$17,14,0)+IF('Standard Profiles'!$G$18=$B$24,21,0),0)),0)</f>
        <v>6.0946648603337037</v>
      </c>
      <c r="E1451" cm="1">
        <f t="array" ref="E1451">IFERROR(INDEX(Jesper!AI$2:AI$366,ROUNDDOWN($C1451/24,0)+1,1)*INDEX($D$3:$AA$30,INDEX(Jesper!$R$2:$R$366,ROW(INDEX(Jesper!AI$2:AI$366,ROUNDDOWN($C1451/24,0)+1,1))-1)+IF('Standard Profiles'!$G$19=$B$10,7,0)+IF('Standard Profiles'!$G$19=$B$17,14,0)+IF('Standard Profiles'!$G$19=$B$24,21,0),MOD($C1451,24)+1)/SUM(INDEX($D$3:$AA$30,INDEX(Jesper!$R$2:$R$366,ROW(INDEX(Jesper!AI$2:AI$366,ROUNDDOWN($C1451/24,0)+1,1))-1)+IF('Standard Profiles'!$G$19=$B$10,7,0)+IF('Standard Profiles'!$G$19=$B$17,14,0)+IF('Standard Profiles'!$G$19=$B$24,21,0),0)),0)</f>
        <v>7.1672595566176049</v>
      </c>
      <c r="F1451" cm="1">
        <f t="array" ref="F1451">IFERROR(INDEX(Jesper!AJ$2:AJ$366,ROUNDDOWN($C1451/24,0)+1,1)*INDEX($D$3:$AA$30,INDEX(Jesper!$R$2:$R$366,ROW(INDEX(Jesper!AJ$2:AJ$366,ROUNDDOWN($C1451/24,0)+1,1))-1)+IF('Standard Profiles'!$G$20=$B$10,7,0)+IF('Standard Profiles'!$G$20=$B$17,14,0)+IF('Standard Profiles'!$G$20=$B$24,21,0),MOD($C1451,24)+1)/SUM(INDEX($D$3:$AA$30,INDEX(Jesper!$R$2:$R$366,ROW(INDEX(Jesper!AJ$2:AJ$366,ROUNDDOWN($C1451/24,0)+1,1))-1)+IF('Standard Profiles'!$G$20=$B$10,7,0)+IF('Standard Profiles'!$G$20=$B$17,14,0)+IF('Standard Profiles'!$G$20=$B$24,21,0),0)),0)</f>
        <v>0</v>
      </c>
      <c r="G1451" cm="1">
        <f t="array" ref="G1451">IFERROR(INDEX(Jesper!AK$2:AK$366,ROUNDDOWN($C1451/24,0)+1,1)*INDEX($D$3:$AA$30,INDEX(Jesper!$R$2:$R$366,ROW(INDEX(Jesper!AK$2:AK$366,ROUNDDOWN($C1451/24,0)+1,1))-1)+IF('Standard Profiles'!$G$21=$B$10,7,0)+IF('Standard Profiles'!$G$21=$B$17,14,0)+IF('Standard Profiles'!$G$21=$B$24,21,0),MOD($C1451,24)+1)/SUM(INDEX($D$3:$AA$30,INDEX(Jesper!$R$2:$R$366,ROW(INDEX(Jesper!AK$2:AK$366,ROUNDDOWN($C1451/24,0)+1,1))-1)+IF('Standard Profiles'!$G$21=$B$10,7,0)+IF('Standard Profiles'!$G$21=$B$17,14,0)+IF('Standard Profiles'!$G$21=$B$24,21,0),0)),0)</f>
        <v>8.882557918879856</v>
      </c>
      <c r="H1451" cm="1">
        <f t="array" ref="H1451">IFERROR(INDEX(Jesper!AL$2:AL$366,ROUNDDOWN($C1451/24,0)+1,1)*INDEX($D$3:$AA$30,INDEX(Jesper!$R$2:$R$366,ROW(INDEX(Jesper!AL$2:AL$366,ROUNDDOWN($C1451/24,0)+1,1))-1)+IF('Standard Profiles'!$G$22=$B$10,7,0)+IF('Standard Profiles'!$G$22=$B$17,14,0)+IF('Standard Profiles'!$G$22=$B$24,21,0),MOD($C1451,24)+1)/SUM(INDEX($D$3:$AA$30,INDEX(Jesper!$R$2:$R$366,ROW(INDEX(Jesper!AL$2:AL$366,ROUNDDOWN($C1451/24,0)+1,1))-1)+IF('Standard Profiles'!$G$22=$B$10,7,0)+IF('Standard Profiles'!$G$22=$B$17,14,0)+IF('Standard Profiles'!$G$22=$B$24,21,0),0)),0)</f>
        <v>0</v>
      </c>
      <c r="I1451">
        <f t="shared" si="174"/>
        <v>4.263627801062329</v>
      </c>
      <c r="J1451">
        <f t="shared" si="175"/>
        <v>16.905708157115441</v>
      </c>
      <c r="K1451">
        <f t="shared" si="176"/>
        <v>0.65009758510226179</v>
      </c>
      <c r="L1451">
        <f t="shared" si="177"/>
        <v>0.32504879255113089</v>
      </c>
      <c r="M1451">
        <f t="shared" si="178"/>
        <v>0</v>
      </c>
      <c r="N1451" s="45">
        <f t="shared" si="179"/>
        <v>44986.04166666323</v>
      </c>
    </row>
    <row r="1452" spans="2:14" x14ac:dyDescent="0.25">
      <c r="B1452">
        <f t="shared" si="173"/>
        <v>3</v>
      </c>
      <c r="C1452" s="16">
        <v>1418</v>
      </c>
      <c r="D1452" cm="1">
        <f t="array" ref="D1452">IFERROR(INDEX(Jesper!AH$2:AH$366,ROUNDDOWN($C1452/24,0)+1,1)*INDEX($D$3:$AA$30,INDEX(Jesper!$R$2:$R$366,ROW(INDEX(Jesper!AH$2:AH$366,ROUNDDOWN($C1452/24,0)+1,1))-1)+IF('Standard Profiles'!$G$18=$B$10,7,0)+IF('Standard Profiles'!$G$18=$B$17,14,0)+IF('Standard Profiles'!$G$18=$B$24,21,0),MOD($C1452,24)+1)/SUM(INDEX($D$3:$AA$30,INDEX(Jesper!$R$2:$R$366,ROW(INDEX(Jesper!AH$2:AH$366,ROUNDDOWN($C1452/24,0)+1,1))-1)+IF('Standard Profiles'!$G$18=$B$10,7,0)+IF('Standard Profiles'!$G$18=$B$17,14,0)+IF('Standard Profiles'!$G$18=$B$24,21,0),0)),0)</f>
        <v>6.0946648603337037</v>
      </c>
      <c r="E1452" cm="1">
        <f t="array" ref="E1452">IFERROR(INDEX(Jesper!AI$2:AI$366,ROUNDDOWN($C1452/24,0)+1,1)*INDEX($D$3:$AA$30,INDEX(Jesper!$R$2:$R$366,ROW(INDEX(Jesper!AI$2:AI$366,ROUNDDOWN($C1452/24,0)+1,1))-1)+IF('Standard Profiles'!$G$19=$B$10,7,0)+IF('Standard Profiles'!$G$19=$B$17,14,0)+IF('Standard Profiles'!$G$19=$B$24,21,0),MOD($C1452,24)+1)/SUM(INDEX($D$3:$AA$30,INDEX(Jesper!$R$2:$R$366,ROW(INDEX(Jesper!AI$2:AI$366,ROUNDDOWN($C1452/24,0)+1,1))-1)+IF('Standard Profiles'!$G$19=$B$10,7,0)+IF('Standard Profiles'!$G$19=$B$17,14,0)+IF('Standard Profiles'!$G$19=$B$24,21,0),0)),0)</f>
        <v>7.1672595566176049</v>
      </c>
      <c r="F1452" cm="1">
        <f t="array" ref="F1452">IFERROR(INDEX(Jesper!AJ$2:AJ$366,ROUNDDOWN($C1452/24,0)+1,1)*INDEX($D$3:$AA$30,INDEX(Jesper!$R$2:$R$366,ROW(INDEX(Jesper!AJ$2:AJ$366,ROUNDDOWN($C1452/24,0)+1,1))-1)+IF('Standard Profiles'!$G$20=$B$10,7,0)+IF('Standard Profiles'!$G$20=$B$17,14,0)+IF('Standard Profiles'!$G$20=$B$24,21,0),MOD($C1452,24)+1)/SUM(INDEX($D$3:$AA$30,INDEX(Jesper!$R$2:$R$366,ROW(INDEX(Jesper!AJ$2:AJ$366,ROUNDDOWN($C1452/24,0)+1,1))-1)+IF('Standard Profiles'!$G$20=$B$10,7,0)+IF('Standard Profiles'!$G$20=$B$17,14,0)+IF('Standard Profiles'!$G$20=$B$24,21,0),0)),0)</f>
        <v>0</v>
      </c>
      <c r="G1452" cm="1">
        <f t="array" ref="G1452">IFERROR(INDEX(Jesper!AK$2:AK$366,ROUNDDOWN($C1452/24,0)+1,1)*INDEX($D$3:$AA$30,INDEX(Jesper!$R$2:$R$366,ROW(INDEX(Jesper!AK$2:AK$366,ROUNDDOWN($C1452/24,0)+1,1))-1)+IF('Standard Profiles'!$G$21=$B$10,7,0)+IF('Standard Profiles'!$G$21=$B$17,14,0)+IF('Standard Profiles'!$G$21=$B$24,21,0),MOD($C1452,24)+1)/SUM(INDEX($D$3:$AA$30,INDEX(Jesper!$R$2:$R$366,ROW(INDEX(Jesper!AK$2:AK$366,ROUNDDOWN($C1452/24,0)+1,1))-1)+IF('Standard Profiles'!$G$21=$B$10,7,0)+IF('Standard Profiles'!$G$21=$B$17,14,0)+IF('Standard Profiles'!$G$21=$B$24,21,0),0)),0)</f>
        <v>8.882557918879856</v>
      </c>
      <c r="H1452" cm="1">
        <f t="array" ref="H1452">IFERROR(INDEX(Jesper!AL$2:AL$366,ROUNDDOWN($C1452/24,0)+1,1)*INDEX($D$3:$AA$30,INDEX(Jesper!$R$2:$R$366,ROW(INDEX(Jesper!AL$2:AL$366,ROUNDDOWN($C1452/24,0)+1,1))-1)+IF('Standard Profiles'!$G$22=$B$10,7,0)+IF('Standard Profiles'!$G$22=$B$17,14,0)+IF('Standard Profiles'!$G$22=$B$24,21,0),MOD($C1452,24)+1)/SUM(INDEX($D$3:$AA$30,INDEX(Jesper!$R$2:$R$366,ROW(INDEX(Jesper!AL$2:AL$366,ROUNDDOWN($C1452/24,0)+1,1))-1)+IF('Standard Profiles'!$G$22=$B$10,7,0)+IF('Standard Profiles'!$G$22=$B$17,14,0)+IF('Standard Profiles'!$G$22=$B$24,21,0),0)),0)</f>
        <v>0</v>
      </c>
      <c r="I1452">
        <f t="shared" si="174"/>
        <v>4.263627801062329</v>
      </c>
      <c r="J1452">
        <f t="shared" si="175"/>
        <v>16.905708157115441</v>
      </c>
      <c r="K1452">
        <f t="shared" si="176"/>
        <v>0.65009758510226179</v>
      </c>
      <c r="L1452">
        <f t="shared" si="177"/>
        <v>0.32504879255113089</v>
      </c>
      <c r="M1452">
        <f t="shared" si="178"/>
        <v>0</v>
      </c>
      <c r="N1452" s="45">
        <f t="shared" si="179"/>
        <v>44986.083333329894</v>
      </c>
    </row>
    <row r="1453" spans="2:14" x14ac:dyDescent="0.25">
      <c r="B1453">
        <f t="shared" si="173"/>
        <v>3</v>
      </c>
      <c r="C1453" s="16">
        <v>1419</v>
      </c>
      <c r="D1453" cm="1">
        <f t="array" ref="D1453">IFERROR(INDEX(Jesper!AH$2:AH$366,ROUNDDOWN($C1453/24,0)+1,1)*INDEX($D$3:$AA$30,INDEX(Jesper!$R$2:$R$366,ROW(INDEX(Jesper!AH$2:AH$366,ROUNDDOWN($C1453/24,0)+1,1))-1)+IF('Standard Profiles'!$G$18=$B$10,7,0)+IF('Standard Profiles'!$G$18=$B$17,14,0)+IF('Standard Profiles'!$G$18=$B$24,21,0),MOD($C1453,24)+1)/SUM(INDEX($D$3:$AA$30,INDEX(Jesper!$R$2:$R$366,ROW(INDEX(Jesper!AH$2:AH$366,ROUNDDOWN($C1453/24,0)+1,1))-1)+IF('Standard Profiles'!$G$18=$B$10,7,0)+IF('Standard Profiles'!$G$18=$B$17,14,0)+IF('Standard Profiles'!$G$18=$B$24,21,0),0)),0)</f>
        <v>6.0946648603337037</v>
      </c>
      <c r="E1453" cm="1">
        <f t="array" ref="E1453">IFERROR(INDEX(Jesper!AI$2:AI$366,ROUNDDOWN($C1453/24,0)+1,1)*INDEX($D$3:$AA$30,INDEX(Jesper!$R$2:$R$366,ROW(INDEX(Jesper!AI$2:AI$366,ROUNDDOWN($C1453/24,0)+1,1))-1)+IF('Standard Profiles'!$G$19=$B$10,7,0)+IF('Standard Profiles'!$G$19=$B$17,14,0)+IF('Standard Profiles'!$G$19=$B$24,21,0),MOD($C1453,24)+1)/SUM(INDEX($D$3:$AA$30,INDEX(Jesper!$R$2:$R$366,ROW(INDEX(Jesper!AI$2:AI$366,ROUNDDOWN($C1453/24,0)+1,1))-1)+IF('Standard Profiles'!$G$19=$B$10,7,0)+IF('Standard Profiles'!$G$19=$B$17,14,0)+IF('Standard Profiles'!$G$19=$B$24,21,0),0)),0)</f>
        <v>7.1672595566176049</v>
      </c>
      <c r="F1453" cm="1">
        <f t="array" ref="F1453">IFERROR(INDEX(Jesper!AJ$2:AJ$366,ROUNDDOWN($C1453/24,0)+1,1)*INDEX($D$3:$AA$30,INDEX(Jesper!$R$2:$R$366,ROW(INDEX(Jesper!AJ$2:AJ$366,ROUNDDOWN($C1453/24,0)+1,1))-1)+IF('Standard Profiles'!$G$20=$B$10,7,0)+IF('Standard Profiles'!$G$20=$B$17,14,0)+IF('Standard Profiles'!$G$20=$B$24,21,0),MOD($C1453,24)+1)/SUM(INDEX($D$3:$AA$30,INDEX(Jesper!$R$2:$R$366,ROW(INDEX(Jesper!AJ$2:AJ$366,ROUNDDOWN($C1453/24,0)+1,1))-1)+IF('Standard Profiles'!$G$20=$B$10,7,0)+IF('Standard Profiles'!$G$20=$B$17,14,0)+IF('Standard Profiles'!$G$20=$B$24,21,0),0)),0)</f>
        <v>0</v>
      </c>
      <c r="G1453" cm="1">
        <f t="array" ref="G1453">IFERROR(INDEX(Jesper!AK$2:AK$366,ROUNDDOWN($C1453/24,0)+1,1)*INDEX($D$3:$AA$30,INDEX(Jesper!$R$2:$R$366,ROW(INDEX(Jesper!AK$2:AK$366,ROUNDDOWN($C1453/24,0)+1,1))-1)+IF('Standard Profiles'!$G$21=$B$10,7,0)+IF('Standard Profiles'!$G$21=$B$17,14,0)+IF('Standard Profiles'!$G$21=$B$24,21,0),MOD($C1453,24)+1)/SUM(INDEX($D$3:$AA$30,INDEX(Jesper!$R$2:$R$366,ROW(INDEX(Jesper!AK$2:AK$366,ROUNDDOWN($C1453/24,0)+1,1))-1)+IF('Standard Profiles'!$G$21=$B$10,7,0)+IF('Standard Profiles'!$G$21=$B$17,14,0)+IF('Standard Profiles'!$G$21=$B$24,21,0),0)),0)</f>
        <v>8.882557918879856</v>
      </c>
      <c r="H1453" cm="1">
        <f t="array" ref="H1453">IFERROR(INDEX(Jesper!AL$2:AL$366,ROUNDDOWN($C1453/24,0)+1,1)*INDEX($D$3:$AA$30,INDEX(Jesper!$R$2:$R$366,ROW(INDEX(Jesper!AL$2:AL$366,ROUNDDOWN($C1453/24,0)+1,1))-1)+IF('Standard Profiles'!$G$22=$B$10,7,0)+IF('Standard Profiles'!$G$22=$B$17,14,0)+IF('Standard Profiles'!$G$22=$B$24,21,0),MOD($C1453,24)+1)/SUM(INDEX($D$3:$AA$30,INDEX(Jesper!$R$2:$R$366,ROW(INDEX(Jesper!AL$2:AL$366,ROUNDDOWN($C1453/24,0)+1,1))-1)+IF('Standard Profiles'!$G$22=$B$10,7,0)+IF('Standard Profiles'!$G$22=$B$17,14,0)+IF('Standard Profiles'!$G$22=$B$24,21,0),0)),0)</f>
        <v>0</v>
      </c>
      <c r="I1453">
        <f t="shared" si="174"/>
        <v>4.263627801062329</v>
      </c>
      <c r="J1453">
        <f t="shared" si="175"/>
        <v>16.905708157115441</v>
      </c>
      <c r="K1453">
        <f t="shared" si="176"/>
        <v>0.65009758510226179</v>
      </c>
      <c r="L1453">
        <f t="shared" si="177"/>
        <v>0.32504879255113089</v>
      </c>
      <c r="M1453">
        <f t="shared" si="178"/>
        <v>0</v>
      </c>
      <c r="N1453" s="45">
        <f t="shared" si="179"/>
        <v>44986.124999996558</v>
      </c>
    </row>
    <row r="1454" spans="2:14" x14ac:dyDescent="0.25">
      <c r="B1454">
        <f t="shared" si="173"/>
        <v>3</v>
      </c>
      <c r="C1454" s="16">
        <v>1420</v>
      </c>
      <c r="D1454" cm="1">
        <f t="array" ref="D1454">IFERROR(INDEX(Jesper!AH$2:AH$366,ROUNDDOWN($C1454/24,0)+1,1)*INDEX($D$3:$AA$30,INDEX(Jesper!$R$2:$R$366,ROW(INDEX(Jesper!AH$2:AH$366,ROUNDDOWN($C1454/24,0)+1,1))-1)+IF('Standard Profiles'!$G$18=$B$10,7,0)+IF('Standard Profiles'!$G$18=$B$17,14,0)+IF('Standard Profiles'!$G$18=$B$24,21,0),MOD($C1454,24)+1)/SUM(INDEX($D$3:$AA$30,INDEX(Jesper!$R$2:$R$366,ROW(INDEX(Jesper!AH$2:AH$366,ROUNDDOWN($C1454/24,0)+1,1))-1)+IF('Standard Profiles'!$G$18=$B$10,7,0)+IF('Standard Profiles'!$G$18=$B$17,14,0)+IF('Standard Profiles'!$G$18=$B$24,21,0),0)),0)</f>
        <v>6.0946648603337037</v>
      </c>
      <c r="E1454" cm="1">
        <f t="array" ref="E1454">IFERROR(INDEX(Jesper!AI$2:AI$366,ROUNDDOWN($C1454/24,0)+1,1)*INDEX($D$3:$AA$30,INDEX(Jesper!$R$2:$R$366,ROW(INDEX(Jesper!AI$2:AI$366,ROUNDDOWN($C1454/24,0)+1,1))-1)+IF('Standard Profiles'!$G$19=$B$10,7,0)+IF('Standard Profiles'!$G$19=$B$17,14,0)+IF('Standard Profiles'!$G$19=$B$24,21,0),MOD($C1454,24)+1)/SUM(INDEX($D$3:$AA$30,INDEX(Jesper!$R$2:$R$366,ROW(INDEX(Jesper!AI$2:AI$366,ROUNDDOWN($C1454/24,0)+1,1))-1)+IF('Standard Profiles'!$G$19=$B$10,7,0)+IF('Standard Profiles'!$G$19=$B$17,14,0)+IF('Standard Profiles'!$G$19=$B$24,21,0),0)),0)</f>
        <v>7.1672595566176049</v>
      </c>
      <c r="F1454" cm="1">
        <f t="array" ref="F1454">IFERROR(INDEX(Jesper!AJ$2:AJ$366,ROUNDDOWN($C1454/24,0)+1,1)*INDEX($D$3:$AA$30,INDEX(Jesper!$R$2:$R$366,ROW(INDEX(Jesper!AJ$2:AJ$366,ROUNDDOWN($C1454/24,0)+1,1))-1)+IF('Standard Profiles'!$G$20=$B$10,7,0)+IF('Standard Profiles'!$G$20=$B$17,14,0)+IF('Standard Profiles'!$G$20=$B$24,21,0),MOD($C1454,24)+1)/SUM(INDEX($D$3:$AA$30,INDEX(Jesper!$R$2:$R$366,ROW(INDEX(Jesper!AJ$2:AJ$366,ROUNDDOWN($C1454/24,0)+1,1))-1)+IF('Standard Profiles'!$G$20=$B$10,7,0)+IF('Standard Profiles'!$G$20=$B$17,14,0)+IF('Standard Profiles'!$G$20=$B$24,21,0),0)),0)</f>
        <v>0</v>
      </c>
      <c r="G1454" cm="1">
        <f t="array" ref="G1454">IFERROR(INDEX(Jesper!AK$2:AK$366,ROUNDDOWN($C1454/24,0)+1,1)*INDEX($D$3:$AA$30,INDEX(Jesper!$R$2:$R$366,ROW(INDEX(Jesper!AK$2:AK$366,ROUNDDOWN($C1454/24,0)+1,1))-1)+IF('Standard Profiles'!$G$21=$B$10,7,0)+IF('Standard Profiles'!$G$21=$B$17,14,0)+IF('Standard Profiles'!$G$21=$B$24,21,0),MOD($C1454,24)+1)/SUM(INDEX($D$3:$AA$30,INDEX(Jesper!$R$2:$R$366,ROW(INDEX(Jesper!AK$2:AK$366,ROUNDDOWN($C1454/24,0)+1,1))-1)+IF('Standard Profiles'!$G$21=$B$10,7,0)+IF('Standard Profiles'!$G$21=$B$17,14,0)+IF('Standard Profiles'!$G$21=$B$24,21,0),0)),0)</f>
        <v>8.882557918879856</v>
      </c>
      <c r="H1454" cm="1">
        <f t="array" ref="H1454">IFERROR(INDEX(Jesper!AL$2:AL$366,ROUNDDOWN($C1454/24,0)+1,1)*INDEX($D$3:$AA$30,INDEX(Jesper!$R$2:$R$366,ROW(INDEX(Jesper!AL$2:AL$366,ROUNDDOWN($C1454/24,0)+1,1))-1)+IF('Standard Profiles'!$G$22=$B$10,7,0)+IF('Standard Profiles'!$G$22=$B$17,14,0)+IF('Standard Profiles'!$G$22=$B$24,21,0),MOD($C1454,24)+1)/SUM(INDEX($D$3:$AA$30,INDEX(Jesper!$R$2:$R$366,ROW(INDEX(Jesper!AL$2:AL$366,ROUNDDOWN($C1454/24,0)+1,1))-1)+IF('Standard Profiles'!$G$22=$B$10,7,0)+IF('Standard Profiles'!$G$22=$B$17,14,0)+IF('Standard Profiles'!$G$22=$B$24,21,0),0)),0)</f>
        <v>0</v>
      </c>
      <c r="I1454">
        <f t="shared" si="174"/>
        <v>4.263627801062329</v>
      </c>
      <c r="J1454">
        <f t="shared" si="175"/>
        <v>16.905708157115441</v>
      </c>
      <c r="K1454">
        <f t="shared" si="176"/>
        <v>0.65009758510226179</v>
      </c>
      <c r="L1454">
        <f t="shared" si="177"/>
        <v>0.32504879255113089</v>
      </c>
      <c r="M1454">
        <f t="shared" si="178"/>
        <v>0</v>
      </c>
      <c r="N1454" s="45">
        <f t="shared" si="179"/>
        <v>44986.166666663223</v>
      </c>
    </row>
    <row r="1455" spans="2:14" x14ac:dyDescent="0.25">
      <c r="B1455">
        <f t="shared" si="173"/>
        <v>3</v>
      </c>
      <c r="C1455" s="16">
        <v>1421</v>
      </c>
      <c r="D1455" cm="1">
        <f t="array" ref="D1455">IFERROR(INDEX(Jesper!AH$2:AH$366,ROUNDDOWN($C1455/24,0)+1,1)*INDEX($D$3:$AA$30,INDEX(Jesper!$R$2:$R$366,ROW(INDEX(Jesper!AH$2:AH$366,ROUNDDOWN($C1455/24,0)+1,1))-1)+IF('Standard Profiles'!$G$18=$B$10,7,0)+IF('Standard Profiles'!$G$18=$B$17,14,0)+IF('Standard Profiles'!$G$18=$B$24,21,0),MOD($C1455,24)+1)/SUM(INDEX($D$3:$AA$30,INDEX(Jesper!$R$2:$R$366,ROW(INDEX(Jesper!AH$2:AH$366,ROUNDDOWN($C1455/24,0)+1,1))-1)+IF('Standard Profiles'!$G$18=$B$10,7,0)+IF('Standard Profiles'!$G$18=$B$17,14,0)+IF('Standard Profiles'!$G$18=$B$24,21,0),0)),0)</f>
        <v>6.0946648603337037</v>
      </c>
      <c r="E1455" cm="1">
        <f t="array" ref="E1455">IFERROR(INDEX(Jesper!AI$2:AI$366,ROUNDDOWN($C1455/24,0)+1,1)*INDEX($D$3:$AA$30,INDEX(Jesper!$R$2:$R$366,ROW(INDEX(Jesper!AI$2:AI$366,ROUNDDOWN($C1455/24,0)+1,1))-1)+IF('Standard Profiles'!$G$19=$B$10,7,0)+IF('Standard Profiles'!$G$19=$B$17,14,0)+IF('Standard Profiles'!$G$19=$B$24,21,0),MOD($C1455,24)+1)/SUM(INDEX($D$3:$AA$30,INDEX(Jesper!$R$2:$R$366,ROW(INDEX(Jesper!AI$2:AI$366,ROUNDDOWN($C1455/24,0)+1,1))-1)+IF('Standard Profiles'!$G$19=$B$10,7,0)+IF('Standard Profiles'!$G$19=$B$17,14,0)+IF('Standard Profiles'!$G$19=$B$24,21,0),0)),0)</f>
        <v>7.1672595566176049</v>
      </c>
      <c r="F1455" cm="1">
        <f t="array" ref="F1455">IFERROR(INDEX(Jesper!AJ$2:AJ$366,ROUNDDOWN($C1455/24,0)+1,1)*INDEX($D$3:$AA$30,INDEX(Jesper!$R$2:$R$366,ROW(INDEX(Jesper!AJ$2:AJ$366,ROUNDDOWN($C1455/24,0)+1,1))-1)+IF('Standard Profiles'!$G$20=$B$10,7,0)+IF('Standard Profiles'!$G$20=$B$17,14,0)+IF('Standard Profiles'!$G$20=$B$24,21,0),MOD($C1455,24)+1)/SUM(INDEX($D$3:$AA$30,INDEX(Jesper!$R$2:$R$366,ROW(INDEX(Jesper!AJ$2:AJ$366,ROUNDDOWN($C1455/24,0)+1,1))-1)+IF('Standard Profiles'!$G$20=$B$10,7,0)+IF('Standard Profiles'!$G$20=$B$17,14,0)+IF('Standard Profiles'!$G$20=$B$24,21,0),0)),0)</f>
        <v>0</v>
      </c>
      <c r="G1455" cm="1">
        <f t="array" ref="G1455">IFERROR(INDEX(Jesper!AK$2:AK$366,ROUNDDOWN($C1455/24,0)+1,1)*INDEX($D$3:$AA$30,INDEX(Jesper!$R$2:$R$366,ROW(INDEX(Jesper!AK$2:AK$366,ROUNDDOWN($C1455/24,0)+1,1))-1)+IF('Standard Profiles'!$G$21=$B$10,7,0)+IF('Standard Profiles'!$G$21=$B$17,14,0)+IF('Standard Profiles'!$G$21=$B$24,21,0),MOD($C1455,24)+1)/SUM(INDEX($D$3:$AA$30,INDEX(Jesper!$R$2:$R$366,ROW(INDEX(Jesper!AK$2:AK$366,ROUNDDOWN($C1455/24,0)+1,1))-1)+IF('Standard Profiles'!$G$21=$B$10,7,0)+IF('Standard Profiles'!$G$21=$B$17,14,0)+IF('Standard Profiles'!$G$21=$B$24,21,0),0)),0)</f>
        <v>8.882557918879856</v>
      </c>
      <c r="H1455" cm="1">
        <f t="array" ref="H1455">IFERROR(INDEX(Jesper!AL$2:AL$366,ROUNDDOWN($C1455/24,0)+1,1)*INDEX($D$3:$AA$30,INDEX(Jesper!$R$2:$R$366,ROW(INDEX(Jesper!AL$2:AL$366,ROUNDDOWN($C1455/24,0)+1,1))-1)+IF('Standard Profiles'!$G$22=$B$10,7,0)+IF('Standard Profiles'!$G$22=$B$17,14,0)+IF('Standard Profiles'!$G$22=$B$24,21,0),MOD($C1455,24)+1)/SUM(INDEX($D$3:$AA$30,INDEX(Jesper!$R$2:$R$366,ROW(INDEX(Jesper!AL$2:AL$366,ROUNDDOWN($C1455/24,0)+1,1))-1)+IF('Standard Profiles'!$G$22=$B$10,7,0)+IF('Standard Profiles'!$G$22=$B$17,14,0)+IF('Standard Profiles'!$G$22=$B$24,21,0),0)),0)</f>
        <v>0</v>
      </c>
      <c r="I1455">
        <f t="shared" si="174"/>
        <v>4.263627801062329</v>
      </c>
      <c r="J1455">
        <f t="shared" si="175"/>
        <v>16.905708157115441</v>
      </c>
      <c r="K1455">
        <f t="shared" si="176"/>
        <v>0.65009758510226179</v>
      </c>
      <c r="L1455">
        <f t="shared" si="177"/>
        <v>0.32504879255113089</v>
      </c>
      <c r="M1455">
        <f t="shared" si="178"/>
        <v>0</v>
      </c>
      <c r="N1455" s="45">
        <f t="shared" si="179"/>
        <v>44986.208333329887</v>
      </c>
    </row>
    <row r="1456" spans="2:14" x14ac:dyDescent="0.25">
      <c r="B1456">
        <f t="shared" si="173"/>
        <v>3</v>
      </c>
      <c r="C1456" s="16">
        <v>1422</v>
      </c>
      <c r="D1456" cm="1">
        <f t="array" ref="D1456">IFERROR(INDEX(Jesper!AH$2:AH$366,ROUNDDOWN($C1456/24,0)+1,1)*INDEX($D$3:$AA$30,INDEX(Jesper!$R$2:$R$366,ROW(INDEX(Jesper!AH$2:AH$366,ROUNDDOWN($C1456/24,0)+1,1))-1)+IF('Standard Profiles'!$G$18=$B$10,7,0)+IF('Standard Profiles'!$G$18=$B$17,14,0)+IF('Standard Profiles'!$G$18=$B$24,21,0),MOD($C1456,24)+1)/SUM(INDEX($D$3:$AA$30,INDEX(Jesper!$R$2:$R$366,ROW(INDEX(Jesper!AH$2:AH$366,ROUNDDOWN($C1456/24,0)+1,1))-1)+IF('Standard Profiles'!$G$18=$B$10,7,0)+IF('Standard Profiles'!$G$18=$B$17,14,0)+IF('Standard Profiles'!$G$18=$B$24,21,0),0)),0)</f>
        <v>6.0946648603337037</v>
      </c>
      <c r="E1456" cm="1">
        <f t="array" ref="E1456">IFERROR(INDEX(Jesper!AI$2:AI$366,ROUNDDOWN($C1456/24,0)+1,1)*INDEX($D$3:$AA$30,INDEX(Jesper!$R$2:$R$366,ROW(INDEX(Jesper!AI$2:AI$366,ROUNDDOWN($C1456/24,0)+1,1))-1)+IF('Standard Profiles'!$G$19=$B$10,7,0)+IF('Standard Profiles'!$G$19=$B$17,14,0)+IF('Standard Profiles'!$G$19=$B$24,21,0),MOD($C1456,24)+1)/SUM(INDEX($D$3:$AA$30,INDEX(Jesper!$R$2:$R$366,ROW(INDEX(Jesper!AI$2:AI$366,ROUNDDOWN($C1456/24,0)+1,1))-1)+IF('Standard Profiles'!$G$19=$B$10,7,0)+IF('Standard Profiles'!$G$19=$B$17,14,0)+IF('Standard Profiles'!$G$19=$B$24,21,0),0)),0)</f>
        <v>7.1672595566176049</v>
      </c>
      <c r="F1456" cm="1">
        <f t="array" ref="F1456">IFERROR(INDEX(Jesper!AJ$2:AJ$366,ROUNDDOWN($C1456/24,0)+1,1)*INDEX($D$3:$AA$30,INDEX(Jesper!$R$2:$R$366,ROW(INDEX(Jesper!AJ$2:AJ$366,ROUNDDOWN($C1456/24,0)+1,1))-1)+IF('Standard Profiles'!$G$20=$B$10,7,0)+IF('Standard Profiles'!$G$20=$B$17,14,0)+IF('Standard Profiles'!$G$20=$B$24,21,0),MOD($C1456,24)+1)/SUM(INDEX($D$3:$AA$30,INDEX(Jesper!$R$2:$R$366,ROW(INDEX(Jesper!AJ$2:AJ$366,ROUNDDOWN($C1456/24,0)+1,1))-1)+IF('Standard Profiles'!$G$20=$B$10,7,0)+IF('Standard Profiles'!$G$20=$B$17,14,0)+IF('Standard Profiles'!$G$20=$B$24,21,0),0)),0)</f>
        <v>0</v>
      </c>
      <c r="G1456" cm="1">
        <f t="array" ref="G1456">IFERROR(INDEX(Jesper!AK$2:AK$366,ROUNDDOWN($C1456/24,0)+1,1)*INDEX($D$3:$AA$30,INDEX(Jesper!$R$2:$R$366,ROW(INDEX(Jesper!AK$2:AK$366,ROUNDDOWN($C1456/24,0)+1,1))-1)+IF('Standard Profiles'!$G$21=$B$10,7,0)+IF('Standard Profiles'!$G$21=$B$17,14,0)+IF('Standard Profiles'!$G$21=$B$24,21,0),MOD($C1456,24)+1)/SUM(INDEX($D$3:$AA$30,INDEX(Jesper!$R$2:$R$366,ROW(INDEX(Jesper!AK$2:AK$366,ROUNDDOWN($C1456/24,0)+1,1))-1)+IF('Standard Profiles'!$G$21=$B$10,7,0)+IF('Standard Profiles'!$G$21=$B$17,14,0)+IF('Standard Profiles'!$G$21=$B$24,21,0),0)),0)</f>
        <v>8.882557918879856</v>
      </c>
      <c r="H1456" cm="1">
        <f t="array" ref="H1456">IFERROR(INDEX(Jesper!AL$2:AL$366,ROUNDDOWN($C1456/24,0)+1,1)*INDEX($D$3:$AA$30,INDEX(Jesper!$R$2:$R$366,ROW(INDEX(Jesper!AL$2:AL$366,ROUNDDOWN($C1456/24,0)+1,1))-1)+IF('Standard Profiles'!$G$22=$B$10,7,0)+IF('Standard Profiles'!$G$22=$B$17,14,0)+IF('Standard Profiles'!$G$22=$B$24,21,0),MOD($C1456,24)+1)/SUM(INDEX($D$3:$AA$30,INDEX(Jesper!$R$2:$R$366,ROW(INDEX(Jesper!AL$2:AL$366,ROUNDDOWN($C1456/24,0)+1,1))-1)+IF('Standard Profiles'!$G$22=$B$10,7,0)+IF('Standard Profiles'!$G$22=$B$17,14,0)+IF('Standard Profiles'!$G$22=$B$24,21,0),0)),0)</f>
        <v>0</v>
      </c>
      <c r="I1456">
        <f t="shared" si="174"/>
        <v>4.263627801062329</v>
      </c>
      <c r="J1456">
        <f t="shared" si="175"/>
        <v>16.905708157115441</v>
      </c>
      <c r="K1456">
        <f t="shared" si="176"/>
        <v>0.65009758510226179</v>
      </c>
      <c r="L1456">
        <f t="shared" si="177"/>
        <v>0.32504879255113089</v>
      </c>
      <c r="M1456">
        <f t="shared" si="178"/>
        <v>0</v>
      </c>
      <c r="N1456" s="45">
        <f t="shared" si="179"/>
        <v>44986.249999996551</v>
      </c>
    </row>
    <row r="1457" spans="2:14" x14ac:dyDescent="0.25">
      <c r="B1457">
        <f t="shared" si="173"/>
        <v>3</v>
      </c>
      <c r="C1457" s="16">
        <v>1423</v>
      </c>
      <c r="D1457" cm="1">
        <f t="array" ref="D1457">IFERROR(INDEX(Jesper!AH$2:AH$366,ROUNDDOWN($C1457/24,0)+1,1)*INDEX($D$3:$AA$30,INDEX(Jesper!$R$2:$R$366,ROW(INDEX(Jesper!AH$2:AH$366,ROUNDDOWN($C1457/24,0)+1,1))-1)+IF('Standard Profiles'!$G$18=$B$10,7,0)+IF('Standard Profiles'!$G$18=$B$17,14,0)+IF('Standard Profiles'!$G$18=$B$24,21,0),MOD($C1457,24)+1)/SUM(INDEX($D$3:$AA$30,INDEX(Jesper!$R$2:$R$366,ROW(INDEX(Jesper!AH$2:AH$366,ROUNDDOWN($C1457/24,0)+1,1))-1)+IF('Standard Profiles'!$G$18=$B$10,7,0)+IF('Standard Profiles'!$G$18=$B$17,14,0)+IF('Standard Profiles'!$G$18=$B$24,21,0),0)),0)</f>
        <v>24.914251201788378</v>
      </c>
      <c r="E1457" cm="1">
        <f t="array" ref="E1457">IFERROR(INDEX(Jesper!AI$2:AI$366,ROUNDDOWN($C1457/24,0)+1,1)*INDEX($D$3:$AA$30,INDEX(Jesper!$R$2:$R$366,ROW(INDEX(Jesper!AI$2:AI$366,ROUNDDOWN($C1457/24,0)+1,1))-1)+IF('Standard Profiles'!$G$19=$B$10,7,0)+IF('Standard Profiles'!$G$19=$B$17,14,0)+IF('Standard Profiles'!$G$19=$B$24,21,0),MOD($C1457,24)+1)/SUM(INDEX($D$3:$AA$30,INDEX(Jesper!$R$2:$R$366,ROW(INDEX(Jesper!AI$2:AI$366,ROUNDDOWN($C1457/24,0)+1,1))-1)+IF('Standard Profiles'!$G$19=$B$10,7,0)+IF('Standard Profiles'!$G$19=$B$17,14,0)+IF('Standard Profiles'!$G$19=$B$24,21,0),0)),0)</f>
        <v>29.298888308718631</v>
      </c>
      <c r="F1457" cm="1">
        <f t="array" ref="F1457">IFERROR(INDEX(Jesper!AJ$2:AJ$366,ROUNDDOWN($C1457/24,0)+1,1)*INDEX($D$3:$AA$30,INDEX(Jesper!$R$2:$R$366,ROW(INDEX(Jesper!AJ$2:AJ$366,ROUNDDOWN($C1457/24,0)+1,1))-1)+IF('Standard Profiles'!$G$20=$B$10,7,0)+IF('Standard Profiles'!$G$20=$B$17,14,0)+IF('Standard Profiles'!$G$20=$B$24,21,0),MOD($C1457,24)+1)/SUM(INDEX($D$3:$AA$30,INDEX(Jesper!$R$2:$R$366,ROW(INDEX(Jesper!AJ$2:AJ$366,ROUNDDOWN($C1457/24,0)+1,1))-1)+IF('Standard Profiles'!$G$20=$B$10,7,0)+IF('Standard Profiles'!$G$20=$B$17,14,0)+IF('Standard Profiles'!$G$20=$B$24,21,0),0)),0)</f>
        <v>0</v>
      </c>
      <c r="G1457" cm="1">
        <f t="array" ref="G1457">IFERROR(INDEX(Jesper!AK$2:AK$366,ROUNDDOWN($C1457/24,0)+1,1)*INDEX($D$3:$AA$30,INDEX(Jesper!$R$2:$R$366,ROW(INDEX(Jesper!AK$2:AK$366,ROUNDDOWN($C1457/24,0)+1,1))-1)+IF('Standard Profiles'!$G$21=$B$10,7,0)+IF('Standard Profiles'!$G$21=$B$17,14,0)+IF('Standard Profiles'!$G$21=$B$24,21,0),MOD($C1457,24)+1)/SUM(INDEX($D$3:$AA$30,INDEX(Jesper!$R$2:$R$366,ROW(INDEX(Jesper!AK$2:AK$366,ROUNDDOWN($C1457/24,0)+1,1))-1)+IF('Standard Profiles'!$G$21=$B$10,7,0)+IF('Standard Profiles'!$G$21=$B$17,14,0)+IF('Standard Profiles'!$G$21=$B$24,21,0),0)),0)</f>
        <v>24.471447066514003</v>
      </c>
      <c r="H1457" cm="1">
        <f t="array" ref="H1457">IFERROR(INDEX(Jesper!AL$2:AL$366,ROUNDDOWN($C1457/24,0)+1,1)*INDEX($D$3:$AA$30,INDEX(Jesper!$R$2:$R$366,ROW(INDEX(Jesper!AL$2:AL$366,ROUNDDOWN($C1457/24,0)+1,1))-1)+IF('Standard Profiles'!$G$22=$B$10,7,0)+IF('Standard Profiles'!$G$22=$B$17,14,0)+IF('Standard Profiles'!$G$22=$B$24,21,0),MOD($C1457,24)+1)/SUM(INDEX($D$3:$AA$30,INDEX(Jesper!$R$2:$R$366,ROW(INDEX(Jesper!AL$2:AL$366,ROUNDDOWN($C1457/24,0)+1,1))-1)+IF('Standard Profiles'!$G$22=$B$10,7,0)+IF('Standard Profiles'!$G$22=$B$17,14,0)+IF('Standard Profiles'!$G$22=$B$24,21,0),0)),0)</f>
        <v>0</v>
      </c>
      <c r="I1457">
        <f t="shared" si="174"/>
        <v>11.746294591926715</v>
      </c>
      <c r="J1457">
        <f t="shared" si="175"/>
        <v>62.952011792808158</v>
      </c>
      <c r="K1457">
        <f t="shared" si="176"/>
        <v>2.6575201281907606</v>
      </c>
      <c r="L1457">
        <f t="shared" si="177"/>
        <v>1.3287600640953803</v>
      </c>
      <c r="M1457">
        <f t="shared" si="178"/>
        <v>0</v>
      </c>
      <c r="N1457" s="45">
        <f t="shared" si="179"/>
        <v>44986.291666663215</v>
      </c>
    </row>
    <row r="1458" spans="2:14" x14ac:dyDescent="0.25">
      <c r="B1458">
        <f t="shared" si="173"/>
        <v>3</v>
      </c>
      <c r="C1458" s="16">
        <v>1424</v>
      </c>
      <c r="D1458" cm="1">
        <f t="array" ref="D1458">IFERROR(INDEX(Jesper!AH$2:AH$366,ROUNDDOWN($C1458/24,0)+1,1)*INDEX($D$3:$AA$30,INDEX(Jesper!$R$2:$R$366,ROW(INDEX(Jesper!AH$2:AH$366,ROUNDDOWN($C1458/24,0)+1,1))-1)+IF('Standard Profiles'!$G$18=$B$10,7,0)+IF('Standard Profiles'!$G$18=$B$17,14,0)+IF('Standard Profiles'!$G$18=$B$24,21,0),MOD($C1458,24)+1)/SUM(INDEX($D$3:$AA$30,INDEX(Jesper!$R$2:$R$366,ROW(INDEX(Jesper!AH$2:AH$366,ROUNDDOWN($C1458/24,0)+1,1))-1)+IF('Standard Profiles'!$G$18=$B$10,7,0)+IF('Standard Profiles'!$G$18=$B$17,14,0)+IF('Standard Profiles'!$G$18=$B$24,21,0),0)),0)</f>
        <v>27.799059235679668</v>
      </c>
      <c r="E1458" cm="1">
        <f t="array" ref="E1458">IFERROR(INDEX(Jesper!AI$2:AI$366,ROUNDDOWN($C1458/24,0)+1,1)*INDEX($D$3:$AA$30,INDEX(Jesper!$R$2:$R$366,ROW(INDEX(Jesper!AI$2:AI$366,ROUNDDOWN($C1458/24,0)+1,1))-1)+IF('Standard Profiles'!$G$19=$B$10,7,0)+IF('Standard Profiles'!$G$19=$B$17,14,0)+IF('Standard Profiles'!$G$19=$B$24,21,0),MOD($C1458,24)+1)/SUM(INDEX($D$3:$AA$30,INDEX(Jesper!$R$2:$R$366,ROW(INDEX(Jesper!AI$2:AI$366,ROUNDDOWN($C1458/24,0)+1,1))-1)+IF('Standard Profiles'!$G$19=$B$10,7,0)+IF('Standard Profiles'!$G$19=$B$17,14,0)+IF('Standard Profiles'!$G$19=$B$24,21,0),0)),0)</f>
        <v>32.691391165517636</v>
      </c>
      <c r="F1458" cm="1">
        <f t="array" ref="F1458">IFERROR(INDEX(Jesper!AJ$2:AJ$366,ROUNDDOWN($C1458/24,0)+1,1)*INDEX($D$3:$AA$30,INDEX(Jesper!$R$2:$R$366,ROW(INDEX(Jesper!AJ$2:AJ$366,ROUNDDOWN($C1458/24,0)+1,1))-1)+IF('Standard Profiles'!$G$20=$B$10,7,0)+IF('Standard Profiles'!$G$20=$B$17,14,0)+IF('Standard Profiles'!$G$20=$B$24,21,0),MOD($C1458,24)+1)/SUM(INDEX($D$3:$AA$30,INDEX(Jesper!$R$2:$R$366,ROW(INDEX(Jesper!AJ$2:AJ$366,ROUNDDOWN($C1458/24,0)+1,1))-1)+IF('Standard Profiles'!$G$20=$B$10,7,0)+IF('Standard Profiles'!$G$20=$B$17,14,0)+IF('Standard Profiles'!$G$20=$B$24,21,0),0)),0)</f>
        <v>0</v>
      </c>
      <c r="G1458" cm="1">
        <f t="array" ref="G1458">IFERROR(INDEX(Jesper!AK$2:AK$366,ROUNDDOWN($C1458/24,0)+1,1)*INDEX($D$3:$AA$30,INDEX(Jesper!$R$2:$R$366,ROW(INDEX(Jesper!AK$2:AK$366,ROUNDDOWN($C1458/24,0)+1,1))-1)+IF('Standard Profiles'!$G$21=$B$10,7,0)+IF('Standard Profiles'!$G$21=$B$17,14,0)+IF('Standard Profiles'!$G$21=$B$24,21,0),MOD($C1458,24)+1)/SUM(INDEX($D$3:$AA$30,INDEX(Jesper!$R$2:$R$366,ROW(INDEX(Jesper!AK$2:AK$366,ROUNDDOWN($C1458/24,0)+1,1))-1)+IF('Standard Profiles'!$G$21=$B$10,7,0)+IF('Standard Profiles'!$G$21=$B$17,14,0)+IF('Standard Profiles'!$G$21=$B$24,21,0),0)),0)</f>
        <v>27.304983042636678</v>
      </c>
      <c r="H1458" cm="1">
        <f t="array" ref="H1458">IFERROR(INDEX(Jesper!AL$2:AL$366,ROUNDDOWN($C1458/24,0)+1,1)*INDEX($D$3:$AA$30,INDEX(Jesper!$R$2:$R$366,ROW(INDEX(Jesper!AL$2:AL$366,ROUNDDOWN($C1458/24,0)+1,1))-1)+IF('Standard Profiles'!$G$22=$B$10,7,0)+IF('Standard Profiles'!$G$22=$B$17,14,0)+IF('Standard Profiles'!$G$22=$B$24,21,0),MOD($C1458,24)+1)/SUM(INDEX($D$3:$AA$30,INDEX(Jesper!$R$2:$R$366,ROW(INDEX(Jesper!AL$2:AL$366,ROUNDDOWN($C1458/24,0)+1,1))-1)+IF('Standard Profiles'!$G$22=$B$10,7,0)+IF('Standard Profiles'!$G$22=$B$17,14,0)+IF('Standard Profiles'!$G$22=$B$24,21,0),0)),0)</f>
        <v>0</v>
      </c>
      <c r="I1458">
        <f t="shared" si="174"/>
        <v>13.1063918604656</v>
      </c>
      <c r="J1458">
        <f t="shared" si="175"/>
        <v>70.241192105659636</v>
      </c>
      <c r="K1458">
        <f t="shared" si="176"/>
        <v>2.9652329851391648</v>
      </c>
      <c r="L1458">
        <f t="shared" si="177"/>
        <v>1.4826164925695824</v>
      </c>
      <c r="M1458">
        <f t="shared" si="178"/>
        <v>0</v>
      </c>
      <c r="N1458" s="45">
        <f t="shared" si="179"/>
        <v>44986.33333332988</v>
      </c>
    </row>
    <row r="1459" spans="2:14" x14ac:dyDescent="0.25">
      <c r="B1459">
        <f t="shared" si="173"/>
        <v>3</v>
      </c>
      <c r="C1459" s="16">
        <v>1425</v>
      </c>
      <c r="D1459" cm="1">
        <f t="array" ref="D1459">IFERROR(INDEX(Jesper!AH$2:AH$366,ROUNDDOWN($C1459/24,0)+1,1)*INDEX($D$3:$AA$30,INDEX(Jesper!$R$2:$R$366,ROW(INDEX(Jesper!AH$2:AH$366,ROUNDDOWN($C1459/24,0)+1,1))-1)+IF('Standard Profiles'!$G$18=$B$10,7,0)+IF('Standard Profiles'!$G$18=$B$17,14,0)+IF('Standard Profiles'!$G$18=$B$24,21,0),MOD($C1459,24)+1)/SUM(INDEX($D$3:$AA$30,INDEX(Jesper!$R$2:$R$366,ROW(INDEX(Jesper!AH$2:AH$366,ROUNDDOWN($C1459/24,0)+1,1))-1)+IF('Standard Profiles'!$G$18=$B$10,7,0)+IF('Standard Profiles'!$G$18=$B$17,14,0)+IF('Standard Profiles'!$G$18=$B$24,21,0),0)),0)</f>
        <v>30.683867269570953</v>
      </c>
      <c r="E1459" cm="1">
        <f t="array" ref="E1459">IFERROR(INDEX(Jesper!AI$2:AI$366,ROUNDDOWN($C1459/24,0)+1,1)*INDEX($D$3:$AA$30,INDEX(Jesper!$R$2:$R$366,ROW(INDEX(Jesper!AI$2:AI$366,ROUNDDOWN($C1459/24,0)+1,1))-1)+IF('Standard Profiles'!$G$19=$B$10,7,0)+IF('Standard Profiles'!$G$19=$B$17,14,0)+IF('Standard Profiles'!$G$19=$B$24,21,0),MOD($C1459,24)+1)/SUM(INDEX($D$3:$AA$30,INDEX(Jesper!$R$2:$R$366,ROW(INDEX(Jesper!AI$2:AI$366,ROUNDDOWN($C1459/24,0)+1,1))-1)+IF('Standard Profiles'!$G$19=$B$10,7,0)+IF('Standard Profiles'!$G$19=$B$17,14,0)+IF('Standard Profiles'!$G$19=$B$24,21,0),0)),0)</f>
        <v>36.083894022316635</v>
      </c>
      <c r="F1459" cm="1">
        <f t="array" ref="F1459">IFERROR(INDEX(Jesper!AJ$2:AJ$366,ROUNDDOWN($C1459/24,0)+1,1)*INDEX($D$3:$AA$30,INDEX(Jesper!$R$2:$R$366,ROW(INDEX(Jesper!AJ$2:AJ$366,ROUNDDOWN($C1459/24,0)+1,1))-1)+IF('Standard Profiles'!$G$20=$B$10,7,0)+IF('Standard Profiles'!$G$20=$B$17,14,0)+IF('Standard Profiles'!$G$20=$B$24,21,0),MOD($C1459,24)+1)/SUM(INDEX($D$3:$AA$30,INDEX(Jesper!$R$2:$R$366,ROW(INDEX(Jesper!AJ$2:AJ$366,ROUNDDOWN($C1459/24,0)+1,1))-1)+IF('Standard Profiles'!$G$20=$B$10,7,0)+IF('Standard Profiles'!$G$20=$B$17,14,0)+IF('Standard Profiles'!$G$20=$B$24,21,0),0)),0)</f>
        <v>0</v>
      </c>
      <c r="G1459" cm="1">
        <f t="array" ref="G1459">IFERROR(INDEX(Jesper!AK$2:AK$366,ROUNDDOWN($C1459/24,0)+1,1)*INDEX($D$3:$AA$30,INDEX(Jesper!$R$2:$R$366,ROW(INDEX(Jesper!AK$2:AK$366,ROUNDDOWN($C1459/24,0)+1,1))-1)+IF('Standard Profiles'!$G$21=$B$10,7,0)+IF('Standard Profiles'!$G$21=$B$17,14,0)+IF('Standard Profiles'!$G$21=$B$24,21,0),MOD($C1459,24)+1)/SUM(INDEX($D$3:$AA$30,INDEX(Jesper!$R$2:$R$366,ROW(INDEX(Jesper!AK$2:AK$366,ROUNDDOWN($C1459/24,0)+1,1))-1)+IF('Standard Profiles'!$G$21=$B$10,7,0)+IF('Standard Profiles'!$G$21=$B$17,14,0)+IF('Standard Profiles'!$G$21=$B$24,21,0),0)),0)</f>
        <v>30.13851901875935</v>
      </c>
      <c r="H1459" cm="1">
        <f t="array" ref="H1459">IFERROR(INDEX(Jesper!AL$2:AL$366,ROUNDDOWN($C1459/24,0)+1,1)*INDEX($D$3:$AA$30,INDEX(Jesper!$R$2:$R$366,ROW(INDEX(Jesper!AL$2:AL$366,ROUNDDOWN($C1459/24,0)+1,1))-1)+IF('Standard Profiles'!$G$22=$B$10,7,0)+IF('Standard Profiles'!$G$22=$B$17,14,0)+IF('Standard Profiles'!$G$22=$B$24,21,0),MOD($C1459,24)+1)/SUM(INDEX($D$3:$AA$30,INDEX(Jesper!$R$2:$R$366,ROW(INDEX(Jesper!AL$2:AL$366,ROUNDDOWN($C1459/24,0)+1,1))-1)+IF('Standard Profiles'!$G$22=$B$10,7,0)+IF('Standard Profiles'!$G$22=$B$17,14,0)+IF('Standard Profiles'!$G$22=$B$24,21,0),0)),0)</f>
        <v>0</v>
      </c>
      <c r="I1459">
        <f t="shared" si="174"/>
        <v>14.466489129004481</v>
      </c>
      <c r="J1459">
        <f t="shared" si="175"/>
        <v>77.530372418511107</v>
      </c>
      <c r="K1459">
        <f t="shared" si="176"/>
        <v>3.2729458420875686</v>
      </c>
      <c r="L1459">
        <f t="shared" si="177"/>
        <v>1.6364729210437843</v>
      </c>
      <c r="M1459">
        <f t="shared" si="178"/>
        <v>0</v>
      </c>
      <c r="N1459" s="45">
        <f t="shared" si="179"/>
        <v>44986.374999996544</v>
      </c>
    </row>
    <row r="1460" spans="2:14" x14ac:dyDescent="0.25">
      <c r="B1460">
        <f t="shared" si="173"/>
        <v>3</v>
      </c>
      <c r="C1460" s="16">
        <v>1426</v>
      </c>
      <c r="D1460" cm="1">
        <f t="array" ref="D1460">IFERROR(INDEX(Jesper!AH$2:AH$366,ROUNDDOWN($C1460/24,0)+1,1)*INDEX($D$3:$AA$30,INDEX(Jesper!$R$2:$R$366,ROW(INDEX(Jesper!AH$2:AH$366,ROUNDDOWN($C1460/24,0)+1,1))-1)+IF('Standard Profiles'!$G$18=$B$10,7,0)+IF('Standard Profiles'!$G$18=$B$17,14,0)+IF('Standard Profiles'!$G$18=$B$24,21,0),MOD($C1460,24)+1)/SUM(INDEX($D$3:$AA$30,INDEX(Jesper!$R$2:$R$366,ROW(INDEX(Jesper!AH$2:AH$366,ROUNDDOWN($C1460/24,0)+1,1))-1)+IF('Standard Profiles'!$G$18=$B$10,7,0)+IF('Standard Profiles'!$G$18=$B$17,14,0)+IF('Standard Profiles'!$G$18=$B$24,21,0),0)),0)</f>
        <v>30.683867269570953</v>
      </c>
      <c r="E1460" cm="1">
        <f t="array" ref="E1460">IFERROR(INDEX(Jesper!AI$2:AI$366,ROUNDDOWN($C1460/24,0)+1,1)*INDEX($D$3:$AA$30,INDEX(Jesper!$R$2:$R$366,ROW(INDEX(Jesper!AI$2:AI$366,ROUNDDOWN($C1460/24,0)+1,1))-1)+IF('Standard Profiles'!$G$19=$B$10,7,0)+IF('Standard Profiles'!$G$19=$B$17,14,0)+IF('Standard Profiles'!$G$19=$B$24,21,0),MOD($C1460,24)+1)/SUM(INDEX($D$3:$AA$30,INDEX(Jesper!$R$2:$R$366,ROW(INDEX(Jesper!AI$2:AI$366,ROUNDDOWN($C1460/24,0)+1,1))-1)+IF('Standard Profiles'!$G$19=$B$10,7,0)+IF('Standard Profiles'!$G$19=$B$17,14,0)+IF('Standard Profiles'!$G$19=$B$24,21,0),0)),0)</f>
        <v>36.083894022316635</v>
      </c>
      <c r="F1460" cm="1">
        <f t="array" ref="F1460">IFERROR(INDEX(Jesper!AJ$2:AJ$366,ROUNDDOWN($C1460/24,0)+1,1)*INDEX($D$3:$AA$30,INDEX(Jesper!$R$2:$R$366,ROW(INDEX(Jesper!AJ$2:AJ$366,ROUNDDOWN($C1460/24,0)+1,1))-1)+IF('Standard Profiles'!$G$20=$B$10,7,0)+IF('Standard Profiles'!$G$20=$B$17,14,0)+IF('Standard Profiles'!$G$20=$B$24,21,0),MOD($C1460,24)+1)/SUM(INDEX($D$3:$AA$30,INDEX(Jesper!$R$2:$R$366,ROW(INDEX(Jesper!AJ$2:AJ$366,ROUNDDOWN($C1460/24,0)+1,1))-1)+IF('Standard Profiles'!$G$20=$B$10,7,0)+IF('Standard Profiles'!$G$20=$B$17,14,0)+IF('Standard Profiles'!$G$20=$B$24,21,0),0)),0)</f>
        <v>0</v>
      </c>
      <c r="G1460" cm="1">
        <f t="array" ref="G1460">IFERROR(INDEX(Jesper!AK$2:AK$366,ROUNDDOWN($C1460/24,0)+1,1)*INDEX($D$3:$AA$30,INDEX(Jesper!$R$2:$R$366,ROW(INDEX(Jesper!AK$2:AK$366,ROUNDDOWN($C1460/24,0)+1,1))-1)+IF('Standard Profiles'!$G$21=$B$10,7,0)+IF('Standard Profiles'!$G$21=$B$17,14,0)+IF('Standard Profiles'!$G$21=$B$24,21,0),MOD($C1460,24)+1)/SUM(INDEX($D$3:$AA$30,INDEX(Jesper!$R$2:$R$366,ROW(INDEX(Jesper!AK$2:AK$366,ROUNDDOWN($C1460/24,0)+1,1))-1)+IF('Standard Profiles'!$G$21=$B$10,7,0)+IF('Standard Profiles'!$G$21=$B$17,14,0)+IF('Standard Profiles'!$G$21=$B$24,21,0),0)),0)</f>
        <v>30.13851901875935</v>
      </c>
      <c r="H1460" cm="1">
        <f t="array" ref="H1460">IFERROR(INDEX(Jesper!AL$2:AL$366,ROUNDDOWN($C1460/24,0)+1,1)*INDEX($D$3:$AA$30,INDEX(Jesper!$R$2:$R$366,ROW(INDEX(Jesper!AL$2:AL$366,ROUNDDOWN($C1460/24,0)+1,1))-1)+IF('Standard Profiles'!$G$22=$B$10,7,0)+IF('Standard Profiles'!$G$22=$B$17,14,0)+IF('Standard Profiles'!$G$22=$B$24,21,0),MOD($C1460,24)+1)/SUM(INDEX($D$3:$AA$30,INDEX(Jesper!$R$2:$R$366,ROW(INDEX(Jesper!AL$2:AL$366,ROUNDDOWN($C1460/24,0)+1,1))-1)+IF('Standard Profiles'!$G$22=$B$10,7,0)+IF('Standard Profiles'!$G$22=$B$17,14,0)+IF('Standard Profiles'!$G$22=$B$24,21,0),0)),0)</f>
        <v>0</v>
      </c>
      <c r="I1460">
        <f t="shared" si="174"/>
        <v>14.466489129004481</v>
      </c>
      <c r="J1460">
        <f t="shared" si="175"/>
        <v>77.530372418511107</v>
      </c>
      <c r="K1460">
        <f t="shared" si="176"/>
        <v>3.2729458420875686</v>
      </c>
      <c r="L1460">
        <f t="shared" si="177"/>
        <v>1.6364729210437843</v>
      </c>
      <c r="M1460">
        <f t="shared" si="178"/>
        <v>0</v>
      </c>
      <c r="N1460" s="45">
        <f t="shared" si="179"/>
        <v>44986.416666663208</v>
      </c>
    </row>
    <row r="1461" spans="2:14" x14ac:dyDescent="0.25">
      <c r="B1461">
        <f t="shared" si="173"/>
        <v>3</v>
      </c>
      <c r="C1461" s="16">
        <v>1427</v>
      </c>
      <c r="D1461" cm="1">
        <f t="array" ref="D1461">IFERROR(INDEX(Jesper!AH$2:AH$366,ROUNDDOWN($C1461/24,0)+1,1)*INDEX($D$3:$AA$30,INDEX(Jesper!$R$2:$R$366,ROW(INDEX(Jesper!AH$2:AH$366,ROUNDDOWN($C1461/24,0)+1,1))-1)+IF('Standard Profiles'!$G$18=$B$10,7,0)+IF('Standard Profiles'!$G$18=$B$17,14,0)+IF('Standard Profiles'!$G$18=$B$24,21,0),MOD($C1461,24)+1)/SUM(INDEX($D$3:$AA$30,INDEX(Jesper!$R$2:$R$366,ROW(INDEX(Jesper!AH$2:AH$366,ROUNDDOWN($C1461/24,0)+1,1))-1)+IF('Standard Profiles'!$G$18=$B$10,7,0)+IF('Standard Profiles'!$G$18=$B$17,14,0)+IF('Standard Profiles'!$G$18=$B$24,21,0),0)),0)</f>
        <v>36.715738613161825</v>
      </c>
      <c r="E1461" cm="1">
        <f t="array" ref="E1461">IFERROR(INDEX(Jesper!AI$2:AI$366,ROUNDDOWN($C1461/24,0)+1,1)*INDEX($D$3:$AA$30,INDEX(Jesper!$R$2:$R$366,ROW(INDEX(Jesper!AI$2:AI$366,ROUNDDOWN($C1461/24,0)+1,1))-1)+IF('Standard Profiles'!$G$19=$B$10,7,0)+IF('Standard Profiles'!$G$19=$B$17,14,0)+IF('Standard Profiles'!$G$19=$B$24,21,0),MOD($C1461,24)+1)/SUM(INDEX($D$3:$AA$30,INDEX(Jesper!$R$2:$R$366,ROW(INDEX(Jesper!AI$2:AI$366,ROUNDDOWN($C1461/24,0)+1,1))-1)+IF('Standard Profiles'!$G$19=$B$10,7,0)+IF('Standard Profiles'!$G$19=$B$17,14,0)+IF('Standard Profiles'!$G$19=$B$24,21,0),0)),0)</f>
        <v>43.177309086532716</v>
      </c>
      <c r="F1461" cm="1">
        <f t="array" ref="F1461">IFERROR(INDEX(Jesper!AJ$2:AJ$366,ROUNDDOWN($C1461/24,0)+1,1)*INDEX($D$3:$AA$30,INDEX(Jesper!$R$2:$R$366,ROW(INDEX(Jesper!AJ$2:AJ$366,ROUNDDOWN($C1461/24,0)+1,1))-1)+IF('Standard Profiles'!$G$20=$B$10,7,0)+IF('Standard Profiles'!$G$20=$B$17,14,0)+IF('Standard Profiles'!$G$20=$B$24,21,0),MOD($C1461,24)+1)/SUM(INDEX($D$3:$AA$30,INDEX(Jesper!$R$2:$R$366,ROW(INDEX(Jesper!AJ$2:AJ$366,ROUNDDOWN($C1461/24,0)+1,1))-1)+IF('Standard Profiles'!$G$20=$B$10,7,0)+IF('Standard Profiles'!$G$20=$B$17,14,0)+IF('Standard Profiles'!$G$20=$B$24,21,0),0)),0)</f>
        <v>0</v>
      </c>
      <c r="G1461" cm="1">
        <f t="array" ref="G1461">IFERROR(INDEX(Jesper!AK$2:AK$366,ROUNDDOWN($C1461/24,0)+1,1)*INDEX($D$3:$AA$30,INDEX(Jesper!$R$2:$R$366,ROW(INDEX(Jesper!AK$2:AK$366,ROUNDDOWN($C1461/24,0)+1,1))-1)+IF('Standard Profiles'!$G$21=$B$10,7,0)+IF('Standard Profiles'!$G$21=$B$17,14,0)+IF('Standard Profiles'!$G$21=$B$24,21,0),MOD($C1461,24)+1)/SUM(INDEX($D$3:$AA$30,INDEX(Jesper!$R$2:$R$366,ROW(INDEX(Jesper!AK$2:AK$366,ROUNDDOWN($C1461/24,0)+1,1))-1)+IF('Standard Profiles'!$G$21=$B$10,7,0)+IF('Standard Profiles'!$G$21=$B$17,14,0)+IF('Standard Profiles'!$G$21=$B$24,21,0),0)),0)</f>
        <v>36.06318515065221</v>
      </c>
      <c r="H1461" cm="1">
        <f t="array" ref="H1461">IFERROR(INDEX(Jesper!AL$2:AL$366,ROUNDDOWN($C1461/24,0)+1,1)*INDEX($D$3:$AA$30,INDEX(Jesper!$R$2:$R$366,ROW(INDEX(Jesper!AL$2:AL$366,ROUNDDOWN($C1461/24,0)+1,1))-1)+IF('Standard Profiles'!$G$22=$B$10,7,0)+IF('Standard Profiles'!$G$22=$B$17,14,0)+IF('Standard Profiles'!$G$22=$B$24,21,0),MOD($C1461,24)+1)/SUM(INDEX($D$3:$AA$30,INDEX(Jesper!$R$2:$R$366,ROW(INDEX(Jesper!AL$2:AL$366,ROUNDDOWN($C1461/24,0)+1,1))-1)+IF('Standard Profiles'!$G$22=$B$10,7,0)+IF('Standard Profiles'!$G$22=$B$17,14,0)+IF('Standard Profiles'!$G$22=$B$24,21,0),0)),0)</f>
        <v>0</v>
      </c>
      <c r="I1461">
        <f t="shared" si="174"/>
        <v>17.31032887231305</v>
      </c>
      <c r="J1461">
        <f t="shared" si="175"/>
        <v>92.771385799927799</v>
      </c>
      <c r="K1461">
        <f t="shared" si="176"/>
        <v>3.9163454520705949</v>
      </c>
      <c r="L1461">
        <f t="shared" si="177"/>
        <v>1.9581727260352975</v>
      </c>
      <c r="M1461">
        <f t="shared" si="178"/>
        <v>0</v>
      </c>
      <c r="N1461" s="45">
        <f t="shared" si="179"/>
        <v>44986.458333329872</v>
      </c>
    </row>
    <row r="1462" spans="2:14" x14ac:dyDescent="0.25">
      <c r="B1462">
        <f t="shared" si="173"/>
        <v>3</v>
      </c>
      <c r="C1462" s="16">
        <v>1428</v>
      </c>
      <c r="D1462" cm="1">
        <f t="array" ref="D1462">IFERROR(INDEX(Jesper!AH$2:AH$366,ROUNDDOWN($C1462/24,0)+1,1)*INDEX($D$3:$AA$30,INDEX(Jesper!$R$2:$R$366,ROW(INDEX(Jesper!AH$2:AH$366,ROUNDDOWN($C1462/24,0)+1,1))-1)+IF('Standard Profiles'!$G$18=$B$10,7,0)+IF('Standard Profiles'!$G$18=$B$17,14,0)+IF('Standard Profiles'!$G$18=$B$24,21,0),MOD($C1462,24)+1)/SUM(INDEX($D$3:$AA$30,INDEX(Jesper!$R$2:$R$366,ROW(INDEX(Jesper!AH$2:AH$366,ROUNDDOWN($C1462/24,0)+1,1))-1)+IF('Standard Profiles'!$G$18=$B$10,7,0)+IF('Standard Profiles'!$G$18=$B$17,14,0)+IF('Standard Profiles'!$G$18=$B$24,21,0),0)),0)</f>
        <v>36.715738613161825</v>
      </c>
      <c r="E1462" cm="1">
        <f t="array" ref="E1462">IFERROR(INDEX(Jesper!AI$2:AI$366,ROUNDDOWN($C1462/24,0)+1,1)*INDEX($D$3:$AA$30,INDEX(Jesper!$R$2:$R$366,ROW(INDEX(Jesper!AI$2:AI$366,ROUNDDOWN($C1462/24,0)+1,1))-1)+IF('Standard Profiles'!$G$19=$B$10,7,0)+IF('Standard Profiles'!$G$19=$B$17,14,0)+IF('Standard Profiles'!$G$19=$B$24,21,0),MOD($C1462,24)+1)/SUM(INDEX($D$3:$AA$30,INDEX(Jesper!$R$2:$R$366,ROW(INDEX(Jesper!AI$2:AI$366,ROUNDDOWN($C1462/24,0)+1,1))-1)+IF('Standard Profiles'!$G$19=$B$10,7,0)+IF('Standard Profiles'!$G$19=$B$17,14,0)+IF('Standard Profiles'!$G$19=$B$24,21,0),0)),0)</f>
        <v>43.177309086532716</v>
      </c>
      <c r="F1462" cm="1">
        <f t="array" ref="F1462">IFERROR(INDEX(Jesper!AJ$2:AJ$366,ROUNDDOWN($C1462/24,0)+1,1)*INDEX($D$3:$AA$30,INDEX(Jesper!$R$2:$R$366,ROW(INDEX(Jesper!AJ$2:AJ$366,ROUNDDOWN($C1462/24,0)+1,1))-1)+IF('Standard Profiles'!$G$20=$B$10,7,0)+IF('Standard Profiles'!$G$20=$B$17,14,0)+IF('Standard Profiles'!$G$20=$B$24,21,0),MOD($C1462,24)+1)/SUM(INDEX($D$3:$AA$30,INDEX(Jesper!$R$2:$R$366,ROW(INDEX(Jesper!AJ$2:AJ$366,ROUNDDOWN($C1462/24,0)+1,1))-1)+IF('Standard Profiles'!$G$20=$B$10,7,0)+IF('Standard Profiles'!$G$20=$B$17,14,0)+IF('Standard Profiles'!$G$20=$B$24,21,0),0)),0)</f>
        <v>0</v>
      </c>
      <c r="G1462" cm="1">
        <f t="array" ref="G1462">IFERROR(INDEX(Jesper!AK$2:AK$366,ROUNDDOWN($C1462/24,0)+1,1)*INDEX($D$3:$AA$30,INDEX(Jesper!$R$2:$R$366,ROW(INDEX(Jesper!AK$2:AK$366,ROUNDDOWN($C1462/24,0)+1,1))-1)+IF('Standard Profiles'!$G$21=$B$10,7,0)+IF('Standard Profiles'!$G$21=$B$17,14,0)+IF('Standard Profiles'!$G$21=$B$24,21,0),MOD($C1462,24)+1)/SUM(INDEX($D$3:$AA$30,INDEX(Jesper!$R$2:$R$366,ROW(INDEX(Jesper!AK$2:AK$366,ROUNDDOWN($C1462/24,0)+1,1))-1)+IF('Standard Profiles'!$G$21=$B$10,7,0)+IF('Standard Profiles'!$G$21=$B$17,14,0)+IF('Standard Profiles'!$G$21=$B$24,21,0),0)),0)</f>
        <v>36.06318515065221</v>
      </c>
      <c r="H1462" cm="1">
        <f t="array" ref="H1462">IFERROR(INDEX(Jesper!AL$2:AL$366,ROUNDDOWN($C1462/24,0)+1,1)*INDEX($D$3:$AA$30,INDEX(Jesper!$R$2:$R$366,ROW(INDEX(Jesper!AL$2:AL$366,ROUNDDOWN($C1462/24,0)+1,1))-1)+IF('Standard Profiles'!$G$22=$B$10,7,0)+IF('Standard Profiles'!$G$22=$B$17,14,0)+IF('Standard Profiles'!$G$22=$B$24,21,0),MOD($C1462,24)+1)/SUM(INDEX($D$3:$AA$30,INDEX(Jesper!$R$2:$R$366,ROW(INDEX(Jesper!AL$2:AL$366,ROUNDDOWN($C1462/24,0)+1,1))-1)+IF('Standard Profiles'!$G$22=$B$10,7,0)+IF('Standard Profiles'!$G$22=$B$17,14,0)+IF('Standard Profiles'!$G$22=$B$24,21,0),0)),0)</f>
        <v>0</v>
      </c>
      <c r="I1462">
        <f t="shared" si="174"/>
        <v>17.31032887231305</v>
      </c>
      <c r="J1462">
        <f t="shared" si="175"/>
        <v>92.771385799927799</v>
      </c>
      <c r="K1462">
        <f t="shared" si="176"/>
        <v>3.9163454520705949</v>
      </c>
      <c r="L1462">
        <f t="shared" si="177"/>
        <v>1.9581727260352975</v>
      </c>
      <c r="M1462">
        <f t="shared" si="178"/>
        <v>0</v>
      </c>
      <c r="N1462" s="45">
        <f t="shared" si="179"/>
        <v>44986.499999996537</v>
      </c>
    </row>
    <row r="1463" spans="2:14" x14ac:dyDescent="0.25">
      <c r="B1463">
        <f t="shared" si="173"/>
        <v>3</v>
      </c>
      <c r="C1463" s="16">
        <v>1429</v>
      </c>
      <c r="D1463" cm="1">
        <f t="array" ref="D1463">IFERROR(INDEX(Jesper!AH$2:AH$366,ROUNDDOWN($C1463/24,0)+1,1)*INDEX($D$3:$AA$30,INDEX(Jesper!$R$2:$R$366,ROW(INDEX(Jesper!AH$2:AH$366,ROUNDDOWN($C1463/24,0)+1,1))-1)+IF('Standard Profiles'!$G$18=$B$10,7,0)+IF('Standard Profiles'!$G$18=$B$17,14,0)+IF('Standard Profiles'!$G$18=$B$24,21,0),MOD($C1463,24)+1)/SUM(INDEX($D$3:$AA$30,INDEX(Jesper!$R$2:$R$366,ROW(INDEX(Jesper!AH$2:AH$366,ROUNDDOWN($C1463/24,0)+1,1))-1)+IF('Standard Profiles'!$G$18=$B$10,7,0)+IF('Standard Profiles'!$G$18=$B$17,14,0)+IF('Standard Profiles'!$G$18=$B$24,21,0),0)),0)</f>
        <v>24.389740650171781</v>
      </c>
      <c r="E1463" cm="1">
        <f t="array" ref="E1463">IFERROR(INDEX(Jesper!AI$2:AI$366,ROUNDDOWN($C1463/24,0)+1,1)*INDEX($D$3:$AA$30,INDEX(Jesper!$R$2:$R$366,ROW(INDEX(Jesper!AI$2:AI$366,ROUNDDOWN($C1463/24,0)+1,1))-1)+IF('Standard Profiles'!$G$19=$B$10,7,0)+IF('Standard Profiles'!$G$19=$B$17,14,0)+IF('Standard Profiles'!$G$19=$B$24,21,0),MOD($C1463,24)+1)/SUM(INDEX($D$3:$AA$30,INDEX(Jesper!$R$2:$R$366,ROW(INDEX(Jesper!AI$2:AI$366,ROUNDDOWN($C1463/24,0)+1,1))-1)+IF('Standard Profiles'!$G$19=$B$10,7,0)+IF('Standard Profiles'!$G$19=$B$17,14,0)+IF('Standard Profiles'!$G$19=$B$24,21,0),0)),0)</f>
        <v>28.68206960748245</v>
      </c>
      <c r="F1463" cm="1">
        <f t="array" ref="F1463">IFERROR(INDEX(Jesper!AJ$2:AJ$366,ROUNDDOWN($C1463/24,0)+1,1)*INDEX($D$3:$AA$30,INDEX(Jesper!$R$2:$R$366,ROW(INDEX(Jesper!AJ$2:AJ$366,ROUNDDOWN($C1463/24,0)+1,1))-1)+IF('Standard Profiles'!$G$20=$B$10,7,0)+IF('Standard Profiles'!$G$20=$B$17,14,0)+IF('Standard Profiles'!$G$20=$B$24,21,0),MOD($C1463,24)+1)/SUM(INDEX($D$3:$AA$30,INDEX(Jesper!$R$2:$R$366,ROW(INDEX(Jesper!AJ$2:AJ$366,ROUNDDOWN($C1463/24,0)+1,1))-1)+IF('Standard Profiles'!$G$20=$B$10,7,0)+IF('Standard Profiles'!$G$20=$B$17,14,0)+IF('Standard Profiles'!$G$20=$B$24,21,0),0)),0)</f>
        <v>0</v>
      </c>
      <c r="G1463" cm="1">
        <f t="array" ref="G1463">IFERROR(INDEX(Jesper!AK$2:AK$366,ROUNDDOWN($C1463/24,0)+1,1)*INDEX($D$3:$AA$30,INDEX(Jesper!$R$2:$R$366,ROW(INDEX(Jesper!AK$2:AK$366,ROUNDDOWN($C1463/24,0)+1,1))-1)+IF('Standard Profiles'!$G$21=$B$10,7,0)+IF('Standard Profiles'!$G$21=$B$17,14,0)+IF('Standard Profiles'!$G$21=$B$24,21,0),MOD($C1463,24)+1)/SUM(INDEX($D$3:$AA$30,INDEX(Jesper!$R$2:$R$366,ROW(INDEX(Jesper!AK$2:AK$366,ROUNDDOWN($C1463/24,0)+1,1))-1)+IF('Standard Profiles'!$G$21=$B$10,7,0)+IF('Standard Profiles'!$G$21=$B$17,14,0)+IF('Standard Profiles'!$G$21=$B$24,21,0),0)),0)</f>
        <v>23.956258707218971</v>
      </c>
      <c r="H1463" cm="1">
        <f t="array" ref="H1463">IFERROR(INDEX(Jesper!AL$2:AL$366,ROUNDDOWN($C1463/24,0)+1,1)*INDEX($D$3:$AA$30,INDEX(Jesper!$R$2:$R$366,ROW(INDEX(Jesper!AL$2:AL$366,ROUNDDOWN($C1463/24,0)+1,1))-1)+IF('Standard Profiles'!$G$22=$B$10,7,0)+IF('Standard Profiles'!$G$22=$B$17,14,0)+IF('Standard Profiles'!$G$22=$B$24,21,0),MOD($C1463,24)+1)/SUM(INDEX($D$3:$AA$30,INDEX(Jesper!$R$2:$R$366,ROW(INDEX(Jesper!AL$2:AL$366,ROUNDDOWN($C1463/24,0)+1,1))-1)+IF('Standard Profiles'!$G$22=$B$10,7,0)+IF('Standard Profiles'!$G$22=$B$17,14,0)+IF('Standard Profiles'!$G$22=$B$24,21,0),0)),0)</f>
        <v>0</v>
      </c>
      <c r="I1463">
        <f t="shared" si="174"/>
        <v>11.4990041794651</v>
      </c>
      <c r="J1463">
        <f t="shared" si="175"/>
        <v>61.626706281380621</v>
      </c>
      <c r="K1463">
        <f t="shared" si="176"/>
        <v>2.6015723360183234</v>
      </c>
      <c r="L1463">
        <f t="shared" si="177"/>
        <v>1.3007861680091617</v>
      </c>
      <c r="M1463">
        <f t="shared" si="178"/>
        <v>0</v>
      </c>
      <c r="N1463" s="45">
        <f t="shared" si="179"/>
        <v>44986.541666663201</v>
      </c>
    </row>
    <row r="1464" spans="2:14" x14ac:dyDescent="0.25">
      <c r="B1464">
        <f t="shared" si="173"/>
        <v>3</v>
      </c>
      <c r="C1464" s="16">
        <v>1430</v>
      </c>
      <c r="D1464" cm="1">
        <f t="array" ref="D1464">IFERROR(INDEX(Jesper!AH$2:AH$366,ROUNDDOWN($C1464/24,0)+1,1)*INDEX($D$3:$AA$30,INDEX(Jesper!$R$2:$R$366,ROW(INDEX(Jesper!AH$2:AH$366,ROUNDDOWN($C1464/24,0)+1,1))-1)+IF('Standard Profiles'!$G$18=$B$10,7,0)+IF('Standard Profiles'!$G$18=$B$17,14,0)+IF('Standard Profiles'!$G$18=$B$24,21,0),MOD($C1464,24)+1)/SUM(INDEX($D$3:$AA$30,INDEX(Jesper!$R$2:$R$366,ROW(INDEX(Jesper!AH$2:AH$366,ROUNDDOWN($C1464/24,0)+1,1))-1)+IF('Standard Profiles'!$G$18=$B$10,7,0)+IF('Standard Profiles'!$G$18=$B$17,14,0)+IF('Standard Profiles'!$G$18=$B$24,21,0),0)),0)</f>
        <v>36.715738613161825</v>
      </c>
      <c r="E1464" cm="1">
        <f t="array" ref="E1464">IFERROR(INDEX(Jesper!AI$2:AI$366,ROUNDDOWN($C1464/24,0)+1,1)*INDEX($D$3:$AA$30,INDEX(Jesper!$R$2:$R$366,ROW(INDEX(Jesper!AI$2:AI$366,ROUNDDOWN($C1464/24,0)+1,1))-1)+IF('Standard Profiles'!$G$19=$B$10,7,0)+IF('Standard Profiles'!$G$19=$B$17,14,0)+IF('Standard Profiles'!$G$19=$B$24,21,0),MOD($C1464,24)+1)/SUM(INDEX($D$3:$AA$30,INDEX(Jesper!$R$2:$R$366,ROW(INDEX(Jesper!AI$2:AI$366,ROUNDDOWN($C1464/24,0)+1,1))-1)+IF('Standard Profiles'!$G$19=$B$10,7,0)+IF('Standard Profiles'!$G$19=$B$17,14,0)+IF('Standard Profiles'!$G$19=$B$24,21,0),0)),0)</f>
        <v>43.177309086532716</v>
      </c>
      <c r="F1464" cm="1">
        <f t="array" ref="F1464">IFERROR(INDEX(Jesper!AJ$2:AJ$366,ROUNDDOWN($C1464/24,0)+1,1)*INDEX($D$3:$AA$30,INDEX(Jesper!$R$2:$R$366,ROW(INDEX(Jesper!AJ$2:AJ$366,ROUNDDOWN($C1464/24,0)+1,1))-1)+IF('Standard Profiles'!$G$20=$B$10,7,0)+IF('Standard Profiles'!$G$20=$B$17,14,0)+IF('Standard Profiles'!$G$20=$B$24,21,0),MOD($C1464,24)+1)/SUM(INDEX($D$3:$AA$30,INDEX(Jesper!$R$2:$R$366,ROW(INDEX(Jesper!AJ$2:AJ$366,ROUNDDOWN($C1464/24,0)+1,1))-1)+IF('Standard Profiles'!$G$20=$B$10,7,0)+IF('Standard Profiles'!$G$20=$B$17,14,0)+IF('Standard Profiles'!$G$20=$B$24,21,0),0)),0)</f>
        <v>0</v>
      </c>
      <c r="G1464" cm="1">
        <f t="array" ref="G1464">IFERROR(INDEX(Jesper!AK$2:AK$366,ROUNDDOWN($C1464/24,0)+1,1)*INDEX($D$3:$AA$30,INDEX(Jesper!$R$2:$R$366,ROW(INDEX(Jesper!AK$2:AK$366,ROUNDDOWN($C1464/24,0)+1,1))-1)+IF('Standard Profiles'!$G$21=$B$10,7,0)+IF('Standard Profiles'!$G$21=$B$17,14,0)+IF('Standard Profiles'!$G$21=$B$24,21,0),MOD($C1464,24)+1)/SUM(INDEX($D$3:$AA$30,INDEX(Jesper!$R$2:$R$366,ROW(INDEX(Jesper!AK$2:AK$366,ROUNDDOWN($C1464/24,0)+1,1))-1)+IF('Standard Profiles'!$G$21=$B$10,7,0)+IF('Standard Profiles'!$G$21=$B$17,14,0)+IF('Standard Profiles'!$G$21=$B$24,21,0),0)),0)</f>
        <v>36.06318515065221</v>
      </c>
      <c r="H1464" cm="1">
        <f t="array" ref="H1464">IFERROR(INDEX(Jesper!AL$2:AL$366,ROUNDDOWN($C1464/24,0)+1,1)*INDEX($D$3:$AA$30,INDEX(Jesper!$R$2:$R$366,ROW(INDEX(Jesper!AL$2:AL$366,ROUNDDOWN($C1464/24,0)+1,1))-1)+IF('Standard Profiles'!$G$22=$B$10,7,0)+IF('Standard Profiles'!$G$22=$B$17,14,0)+IF('Standard Profiles'!$G$22=$B$24,21,0),MOD($C1464,24)+1)/SUM(INDEX($D$3:$AA$30,INDEX(Jesper!$R$2:$R$366,ROW(INDEX(Jesper!AL$2:AL$366,ROUNDDOWN($C1464/24,0)+1,1))-1)+IF('Standard Profiles'!$G$22=$B$10,7,0)+IF('Standard Profiles'!$G$22=$B$17,14,0)+IF('Standard Profiles'!$G$22=$B$24,21,0),0)),0)</f>
        <v>0</v>
      </c>
      <c r="I1464">
        <f t="shared" si="174"/>
        <v>17.31032887231305</v>
      </c>
      <c r="J1464">
        <f t="shared" si="175"/>
        <v>92.771385799927799</v>
      </c>
      <c r="K1464">
        <f t="shared" si="176"/>
        <v>3.9163454520705949</v>
      </c>
      <c r="L1464">
        <f t="shared" si="177"/>
        <v>1.9581727260352975</v>
      </c>
      <c r="M1464">
        <f t="shared" si="178"/>
        <v>0</v>
      </c>
      <c r="N1464" s="45">
        <f t="shared" si="179"/>
        <v>44986.583333329865</v>
      </c>
    </row>
    <row r="1465" spans="2:14" x14ac:dyDescent="0.25">
      <c r="B1465">
        <f t="shared" si="173"/>
        <v>3</v>
      </c>
      <c r="C1465" s="16">
        <v>1431</v>
      </c>
      <c r="D1465" cm="1">
        <f t="array" ref="D1465">IFERROR(INDEX(Jesper!AH$2:AH$366,ROUNDDOWN($C1465/24,0)+1,1)*INDEX($D$3:$AA$30,INDEX(Jesper!$R$2:$R$366,ROW(INDEX(Jesper!AH$2:AH$366,ROUNDDOWN($C1465/24,0)+1,1))-1)+IF('Standard Profiles'!$G$18=$B$10,7,0)+IF('Standard Profiles'!$G$18=$B$17,14,0)+IF('Standard Profiles'!$G$18=$B$24,21,0),MOD($C1465,24)+1)/SUM(INDEX($D$3:$AA$30,INDEX(Jesper!$R$2:$R$366,ROW(INDEX(Jesper!AH$2:AH$366,ROUNDDOWN($C1465/24,0)+1,1))-1)+IF('Standard Profiles'!$G$18=$B$10,7,0)+IF('Standard Profiles'!$G$18=$B$17,14,0)+IF('Standard Profiles'!$G$18=$B$24,21,0),0)),0)</f>
        <v>36.715738613161825</v>
      </c>
      <c r="E1465" cm="1">
        <f t="array" ref="E1465">IFERROR(INDEX(Jesper!AI$2:AI$366,ROUNDDOWN($C1465/24,0)+1,1)*INDEX($D$3:$AA$30,INDEX(Jesper!$R$2:$R$366,ROW(INDEX(Jesper!AI$2:AI$366,ROUNDDOWN($C1465/24,0)+1,1))-1)+IF('Standard Profiles'!$G$19=$B$10,7,0)+IF('Standard Profiles'!$G$19=$B$17,14,0)+IF('Standard Profiles'!$G$19=$B$24,21,0),MOD($C1465,24)+1)/SUM(INDEX($D$3:$AA$30,INDEX(Jesper!$R$2:$R$366,ROW(INDEX(Jesper!AI$2:AI$366,ROUNDDOWN($C1465/24,0)+1,1))-1)+IF('Standard Profiles'!$G$19=$B$10,7,0)+IF('Standard Profiles'!$G$19=$B$17,14,0)+IF('Standard Profiles'!$G$19=$B$24,21,0),0)),0)</f>
        <v>43.177309086532716</v>
      </c>
      <c r="F1465" cm="1">
        <f t="array" ref="F1465">IFERROR(INDEX(Jesper!AJ$2:AJ$366,ROUNDDOWN($C1465/24,0)+1,1)*INDEX($D$3:$AA$30,INDEX(Jesper!$R$2:$R$366,ROW(INDEX(Jesper!AJ$2:AJ$366,ROUNDDOWN($C1465/24,0)+1,1))-1)+IF('Standard Profiles'!$G$20=$B$10,7,0)+IF('Standard Profiles'!$G$20=$B$17,14,0)+IF('Standard Profiles'!$G$20=$B$24,21,0),MOD($C1465,24)+1)/SUM(INDEX($D$3:$AA$30,INDEX(Jesper!$R$2:$R$366,ROW(INDEX(Jesper!AJ$2:AJ$366,ROUNDDOWN($C1465/24,0)+1,1))-1)+IF('Standard Profiles'!$G$20=$B$10,7,0)+IF('Standard Profiles'!$G$20=$B$17,14,0)+IF('Standard Profiles'!$G$20=$B$24,21,0),0)),0)</f>
        <v>0</v>
      </c>
      <c r="G1465" cm="1">
        <f t="array" ref="G1465">IFERROR(INDEX(Jesper!AK$2:AK$366,ROUNDDOWN($C1465/24,0)+1,1)*INDEX($D$3:$AA$30,INDEX(Jesper!$R$2:$R$366,ROW(INDEX(Jesper!AK$2:AK$366,ROUNDDOWN($C1465/24,0)+1,1))-1)+IF('Standard Profiles'!$G$21=$B$10,7,0)+IF('Standard Profiles'!$G$21=$B$17,14,0)+IF('Standard Profiles'!$G$21=$B$24,21,0),MOD($C1465,24)+1)/SUM(INDEX($D$3:$AA$30,INDEX(Jesper!$R$2:$R$366,ROW(INDEX(Jesper!AK$2:AK$366,ROUNDDOWN($C1465/24,0)+1,1))-1)+IF('Standard Profiles'!$G$21=$B$10,7,0)+IF('Standard Profiles'!$G$21=$B$17,14,0)+IF('Standard Profiles'!$G$21=$B$24,21,0),0)),0)</f>
        <v>36.06318515065221</v>
      </c>
      <c r="H1465" cm="1">
        <f t="array" ref="H1465">IFERROR(INDEX(Jesper!AL$2:AL$366,ROUNDDOWN($C1465/24,0)+1,1)*INDEX($D$3:$AA$30,INDEX(Jesper!$R$2:$R$366,ROW(INDEX(Jesper!AL$2:AL$366,ROUNDDOWN($C1465/24,0)+1,1))-1)+IF('Standard Profiles'!$G$22=$B$10,7,0)+IF('Standard Profiles'!$G$22=$B$17,14,0)+IF('Standard Profiles'!$G$22=$B$24,21,0),MOD($C1465,24)+1)/SUM(INDEX($D$3:$AA$30,INDEX(Jesper!$R$2:$R$366,ROW(INDEX(Jesper!AL$2:AL$366,ROUNDDOWN($C1465/24,0)+1,1))-1)+IF('Standard Profiles'!$G$22=$B$10,7,0)+IF('Standard Profiles'!$G$22=$B$17,14,0)+IF('Standard Profiles'!$G$22=$B$24,21,0),0)),0)</f>
        <v>0</v>
      </c>
      <c r="I1465">
        <f t="shared" si="174"/>
        <v>17.31032887231305</v>
      </c>
      <c r="J1465">
        <f t="shared" si="175"/>
        <v>92.771385799927799</v>
      </c>
      <c r="K1465">
        <f t="shared" si="176"/>
        <v>3.9163454520705949</v>
      </c>
      <c r="L1465">
        <f t="shared" si="177"/>
        <v>1.9581727260352975</v>
      </c>
      <c r="M1465">
        <f t="shared" si="178"/>
        <v>0</v>
      </c>
      <c r="N1465" s="45">
        <f t="shared" si="179"/>
        <v>44986.624999996529</v>
      </c>
    </row>
    <row r="1466" spans="2:14" x14ac:dyDescent="0.25">
      <c r="B1466">
        <f t="shared" si="173"/>
        <v>3</v>
      </c>
      <c r="C1466" s="16">
        <v>1432</v>
      </c>
      <c r="D1466" cm="1">
        <f t="array" ref="D1466">IFERROR(INDEX(Jesper!AH$2:AH$366,ROUNDDOWN($C1466/24,0)+1,1)*INDEX($D$3:$AA$30,INDEX(Jesper!$R$2:$R$366,ROW(INDEX(Jesper!AH$2:AH$366,ROUNDDOWN($C1466/24,0)+1,1))-1)+IF('Standard Profiles'!$G$18=$B$10,7,0)+IF('Standard Profiles'!$G$18=$B$17,14,0)+IF('Standard Profiles'!$G$18=$B$24,21,0),MOD($C1466,24)+1)/SUM(INDEX($D$3:$AA$30,INDEX(Jesper!$R$2:$R$366,ROW(INDEX(Jesper!AH$2:AH$366,ROUNDDOWN($C1466/24,0)+1,1))-1)+IF('Standard Profiles'!$G$18=$B$10,7,0)+IF('Standard Profiles'!$G$18=$B$17,14,0)+IF('Standard Profiles'!$G$18=$B$24,21,0),0)),0)</f>
        <v>21.636060254184649</v>
      </c>
      <c r="E1466" cm="1">
        <f t="array" ref="E1466">IFERROR(INDEX(Jesper!AI$2:AI$366,ROUNDDOWN($C1466/24,0)+1,1)*INDEX($D$3:$AA$30,INDEX(Jesper!$R$2:$R$366,ROW(INDEX(Jesper!AI$2:AI$366,ROUNDDOWN($C1466/24,0)+1,1))-1)+IF('Standard Profiles'!$G$19=$B$10,7,0)+IF('Standard Profiles'!$G$19=$B$17,14,0)+IF('Standard Profiles'!$G$19=$B$24,21,0),MOD($C1466,24)+1)/SUM(INDEX($D$3:$AA$30,INDEX(Jesper!$R$2:$R$366,ROW(INDEX(Jesper!AI$2:AI$366,ROUNDDOWN($C1466/24,0)+1,1))-1)+IF('Standard Profiles'!$G$19=$B$10,7,0)+IF('Standard Profiles'!$G$19=$B$17,14,0)+IF('Standard Profiles'!$G$19=$B$24,21,0),0)),0)</f>
        <v>25.443771425992495</v>
      </c>
      <c r="F1466" cm="1">
        <f t="array" ref="F1466">IFERROR(INDEX(Jesper!AJ$2:AJ$366,ROUNDDOWN($C1466/24,0)+1,1)*INDEX($D$3:$AA$30,INDEX(Jesper!$R$2:$R$366,ROW(INDEX(Jesper!AJ$2:AJ$366,ROUNDDOWN($C1466/24,0)+1,1))-1)+IF('Standard Profiles'!$G$20=$B$10,7,0)+IF('Standard Profiles'!$G$20=$B$17,14,0)+IF('Standard Profiles'!$G$20=$B$24,21,0),MOD($C1466,24)+1)/SUM(INDEX($D$3:$AA$30,INDEX(Jesper!$R$2:$R$366,ROW(INDEX(Jesper!AJ$2:AJ$366,ROUNDDOWN($C1466/24,0)+1,1))-1)+IF('Standard Profiles'!$G$20=$B$10,7,0)+IF('Standard Profiles'!$G$20=$B$17,14,0)+IF('Standard Profiles'!$G$20=$B$24,21,0),0)),0)</f>
        <v>0</v>
      </c>
      <c r="G1466" cm="1">
        <f t="array" ref="G1466">IFERROR(INDEX(Jesper!AK$2:AK$366,ROUNDDOWN($C1466/24,0)+1,1)*INDEX($D$3:$AA$30,INDEX(Jesper!$R$2:$R$366,ROW(INDEX(Jesper!AK$2:AK$366,ROUNDDOWN($C1466/24,0)+1,1))-1)+IF('Standard Profiles'!$G$21=$B$10,7,0)+IF('Standard Profiles'!$G$21=$B$17,14,0)+IF('Standard Profiles'!$G$21=$B$24,21,0),MOD($C1466,24)+1)/SUM(INDEX($D$3:$AA$30,INDEX(Jesper!$R$2:$R$366,ROW(INDEX(Jesper!AK$2:AK$366,ROUNDDOWN($C1466/24,0)+1,1))-1)+IF('Standard Profiles'!$G$21=$B$10,7,0)+IF('Standard Profiles'!$G$21=$B$17,14,0)+IF('Standard Profiles'!$G$21=$B$24,21,0),0)),0)</f>
        <v>30.134077739799913</v>
      </c>
      <c r="H1466" cm="1">
        <f t="array" ref="H1466">IFERROR(INDEX(Jesper!AL$2:AL$366,ROUNDDOWN($C1466/24,0)+1,1)*INDEX($D$3:$AA$30,INDEX(Jesper!$R$2:$R$366,ROW(INDEX(Jesper!AL$2:AL$366,ROUNDDOWN($C1466/24,0)+1,1))-1)+IF('Standard Profiles'!$G$22=$B$10,7,0)+IF('Standard Profiles'!$G$22=$B$17,14,0)+IF('Standard Profiles'!$G$22=$B$24,21,0),MOD($C1466,24)+1)/SUM(INDEX($D$3:$AA$30,INDEX(Jesper!$R$2:$R$366,ROW(INDEX(Jesper!AL$2:AL$366,ROUNDDOWN($C1466/24,0)+1,1))-1)+IF('Standard Profiles'!$G$22=$B$10,7,0)+IF('Standard Profiles'!$G$22=$B$17,14,0)+IF('Standard Profiles'!$G$22=$B$24,21,0),0)),0)</f>
        <v>0</v>
      </c>
      <c r="I1466">
        <f t="shared" si="174"/>
        <v>14.464357315103952</v>
      </c>
      <c r="J1466">
        <f t="shared" si="175"/>
        <v>59.287782464203559</v>
      </c>
      <c r="K1466">
        <f t="shared" si="176"/>
        <v>2.3078464271130295</v>
      </c>
      <c r="L1466">
        <f t="shared" si="177"/>
        <v>1.1539232135565147</v>
      </c>
      <c r="M1466">
        <f t="shared" si="178"/>
        <v>0</v>
      </c>
      <c r="N1466" s="45">
        <f t="shared" si="179"/>
        <v>44986.666666663194</v>
      </c>
    </row>
    <row r="1467" spans="2:14" x14ac:dyDescent="0.25">
      <c r="B1467">
        <f t="shared" si="173"/>
        <v>3</v>
      </c>
      <c r="C1467" s="16">
        <v>1433</v>
      </c>
      <c r="D1467" cm="1">
        <f t="array" ref="D1467">IFERROR(INDEX(Jesper!AH$2:AH$366,ROUNDDOWN($C1467/24,0)+1,1)*INDEX($D$3:$AA$30,INDEX(Jesper!$R$2:$R$366,ROW(INDEX(Jesper!AH$2:AH$366,ROUNDDOWN($C1467/24,0)+1,1))-1)+IF('Standard Profiles'!$G$18=$B$10,7,0)+IF('Standard Profiles'!$G$18=$B$17,14,0)+IF('Standard Profiles'!$G$18=$B$24,21,0),MOD($C1467,24)+1)/SUM(INDEX($D$3:$AA$30,INDEX(Jesper!$R$2:$R$366,ROW(INDEX(Jesper!AH$2:AH$366,ROUNDDOWN($C1467/24,0)+1,1))-1)+IF('Standard Profiles'!$G$18=$B$10,7,0)+IF('Standard Profiles'!$G$18=$B$17,14,0)+IF('Standard Profiles'!$G$18=$B$24,21,0),0)),0)</f>
        <v>9.2343406974753091</v>
      </c>
      <c r="E1467" cm="1">
        <f t="array" ref="E1467">IFERROR(INDEX(Jesper!AI$2:AI$366,ROUNDDOWN($C1467/24,0)+1,1)*INDEX($D$3:$AA$30,INDEX(Jesper!$R$2:$R$366,ROW(INDEX(Jesper!AI$2:AI$366,ROUNDDOWN($C1467/24,0)+1,1))-1)+IF('Standard Profiles'!$G$19=$B$10,7,0)+IF('Standard Profiles'!$G$19=$B$17,14,0)+IF('Standard Profiles'!$G$19=$B$24,21,0),MOD($C1467,24)+1)/SUM(INDEX($D$3:$AA$30,INDEX(Jesper!$R$2:$R$366,ROW(INDEX(Jesper!AI$2:AI$366,ROUNDDOWN($C1467/24,0)+1,1))-1)+IF('Standard Profiles'!$G$19=$B$10,7,0)+IF('Standard Profiles'!$G$19=$B$17,14,0)+IF('Standard Profiles'!$G$19=$B$24,21,0),0)),0)</f>
        <v>10.859484176693343</v>
      </c>
      <c r="F1467" cm="1">
        <f t="array" ref="F1467">IFERROR(INDEX(Jesper!AJ$2:AJ$366,ROUNDDOWN($C1467/24,0)+1,1)*INDEX($D$3:$AA$30,INDEX(Jesper!$R$2:$R$366,ROW(INDEX(Jesper!AJ$2:AJ$366,ROUNDDOWN($C1467/24,0)+1,1))-1)+IF('Standard Profiles'!$G$20=$B$10,7,0)+IF('Standard Profiles'!$G$20=$B$17,14,0)+IF('Standard Profiles'!$G$20=$B$24,21,0),MOD($C1467,24)+1)/SUM(INDEX($D$3:$AA$30,INDEX(Jesper!$R$2:$R$366,ROW(INDEX(Jesper!AJ$2:AJ$366,ROUNDDOWN($C1467/24,0)+1,1))-1)+IF('Standard Profiles'!$G$20=$B$10,7,0)+IF('Standard Profiles'!$G$20=$B$17,14,0)+IF('Standard Profiles'!$G$20=$B$24,21,0),0)),0)</f>
        <v>0</v>
      </c>
      <c r="G1467" cm="1">
        <f t="array" ref="G1467">IFERROR(INDEX(Jesper!AK$2:AK$366,ROUNDDOWN($C1467/24,0)+1,1)*INDEX($D$3:$AA$30,INDEX(Jesper!$R$2:$R$366,ROW(INDEX(Jesper!AK$2:AK$366,ROUNDDOWN($C1467/24,0)+1,1))-1)+IF('Standard Profiles'!$G$21=$B$10,7,0)+IF('Standard Profiles'!$G$21=$B$17,14,0)+IF('Standard Profiles'!$G$21=$B$24,21,0),MOD($C1467,24)+1)/SUM(INDEX($D$3:$AA$30,INDEX(Jesper!$R$2:$R$366,ROW(INDEX(Jesper!AK$2:AK$366,ROUNDDOWN($C1467/24,0)+1,1))-1)+IF('Standard Profiles'!$G$21=$B$10,7,0)+IF('Standard Profiles'!$G$21=$B$17,14,0)+IF('Standard Profiles'!$G$21=$B$24,21,0),0)),0)</f>
        <v>23.960699986178412</v>
      </c>
      <c r="H1467" cm="1">
        <f t="array" ref="H1467">IFERROR(INDEX(Jesper!AL$2:AL$366,ROUNDDOWN($C1467/24,0)+1,1)*INDEX($D$3:$AA$30,INDEX(Jesper!$R$2:$R$366,ROW(INDEX(Jesper!AL$2:AL$366,ROUNDDOWN($C1467/24,0)+1,1))-1)+IF('Standard Profiles'!$G$22=$B$10,7,0)+IF('Standard Profiles'!$G$22=$B$17,14,0)+IF('Standard Profiles'!$G$22=$B$24,21,0),MOD($C1467,24)+1)/SUM(INDEX($D$3:$AA$30,INDEX(Jesper!$R$2:$R$366,ROW(INDEX(Jesper!AL$2:AL$366,ROUNDDOWN($C1467/24,0)+1,1))-1)+IF('Standard Profiles'!$G$22=$B$10,7,0)+IF('Standard Profiles'!$G$22=$B$17,14,0)+IF('Standard Profiles'!$G$22=$B$24,21,0),0)),0)</f>
        <v>0</v>
      </c>
      <c r="I1467">
        <f t="shared" si="174"/>
        <v>11.501135993365631</v>
      </c>
      <c r="J1467">
        <f t="shared" si="175"/>
        <v>31.07589435538538</v>
      </c>
      <c r="K1467">
        <f t="shared" si="176"/>
        <v>0.984996341064033</v>
      </c>
      <c r="L1467">
        <f t="shared" si="177"/>
        <v>0.4924981705320165</v>
      </c>
      <c r="M1467">
        <f t="shared" si="178"/>
        <v>0</v>
      </c>
      <c r="N1467" s="45">
        <f t="shared" si="179"/>
        <v>44986.708333329858</v>
      </c>
    </row>
    <row r="1468" spans="2:14" x14ac:dyDescent="0.25">
      <c r="B1468">
        <f t="shared" si="173"/>
        <v>3</v>
      </c>
      <c r="C1468" s="16">
        <v>1434</v>
      </c>
      <c r="D1468" cm="1">
        <f t="array" ref="D1468">IFERROR(INDEX(Jesper!AH$2:AH$366,ROUNDDOWN($C1468/24,0)+1,1)*INDEX($D$3:$AA$30,INDEX(Jesper!$R$2:$R$366,ROW(INDEX(Jesper!AH$2:AH$366,ROUNDDOWN($C1468/24,0)+1,1))-1)+IF('Standard Profiles'!$G$18=$B$10,7,0)+IF('Standard Profiles'!$G$18=$B$17,14,0)+IF('Standard Profiles'!$G$18=$B$24,21,0),MOD($C1468,24)+1)/SUM(INDEX($D$3:$AA$30,INDEX(Jesper!$R$2:$R$366,ROW(INDEX(Jesper!AH$2:AH$366,ROUNDDOWN($C1468/24,0)+1,1))-1)+IF('Standard Profiles'!$G$18=$B$10,7,0)+IF('Standard Profiles'!$G$18=$B$17,14,0)+IF('Standard Profiles'!$G$18=$B$24,21,0),0)),0)</f>
        <v>6.0946648603337037</v>
      </c>
      <c r="E1468" cm="1">
        <f t="array" ref="E1468">IFERROR(INDEX(Jesper!AI$2:AI$366,ROUNDDOWN($C1468/24,0)+1,1)*INDEX($D$3:$AA$30,INDEX(Jesper!$R$2:$R$366,ROW(INDEX(Jesper!AI$2:AI$366,ROUNDDOWN($C1468/24,0)+1,1))-1)+IF('Standard Profiles'!$G$19=$B$10,7,0)+IF('Standard Profiles'!$G$19=$B$17,14,0)+IF('Standard Profiles'!$G$19=$B$24,21,0),MOD($C1468,24)+1)/SUM(INDEX($D$3:$AA$30,INDEX(Jesper!$R$2:$R$366,ROW(INDEX(Jesper!AI$2:AI$366,ROUNDDOWN($C1468/24,0)+1,1))-1)+IF('Standard Profiles'!$G$19=$B$10,7,0)+IF('Standard Profiles'!$G$19=$B$17,14,0)+IF('Standard Profiles'!$G$19=$B$24,21,0),0)),0)</f>
        <v>7.1672595566176049</v>
      </c>
      <c r="F1468" cm="1">
        <f t="array" ref="F1468">IFERROR(INDEX(Jesper!AJ$2:AJ$366,ROUNDDOWN($C1468/24,0)+1,1)*INDEX($D$3:$AA$30,INDEX(Jesper!$R$2:$R$366,ROW(INDEX(Jesper!AJ$2:AJ$366,ROUNDDOWN($C1468/24,0)+1,1))-1)+IF('Standard Profiles'!$G$20=$B$10,7,0)+IF('Standard Profiles'!$G$20=$B$17,14,0)+IF('Standard Profiles'!$G$20=$B$24,21,0),MOD($C1468,24)+1)/SUM(INDEX($D$3:$AA$30,INDEX(Jesper!$R$2:$R$366,ROW(INDEX(Jesper!AJ$2:AJ$366,ROUNDDOWN($C1468/24,0)+1,1))-1)+IF('Standard Profiles'!$G$20=$B$10,7,0)+IF('Standard Profiles'!$G$20=$B$17,14,0)+IF('Standard Profiles'!$G$20=$B$24,21,0),0)),0)</f>
        <v>0</v>
      </c>
      <c r="G1468" cm="1">
        <f t="array" ref="G1468">IFERROR(INDEX(Jesper!AK$2:AK$366,ROUNDDOWN($C1468/24,0)+1,1)*INDEX($D$3:$AA$30,INDEX(Jesper!$R$2:$R$366,ROW(INDEX(Jesper!AK$2:AK$366,ROUNDDOWN($C1468/24,0)+1,1))-1)+IF('Standard Profiles'!$G$21=$B$10,7,0)+IF('Standard Profiles'!$G$21=$B$17,14,0)+IF('Standard Profiles'!$G$21=$B$24,21,0),MOD($C1468,24)+1)/SUM(INDEX($D$3:$AA$30,INDEX(Jesper!$R$2:$R$366,ROW(INDEX(Jesper!AK$2:AK$366,ROUNDDOWN($C1468/24,0)+1,1))-1)+IF('Standard Profiles'!$G$21=$B$10,7,0)+IF('Standard Profiles'!$G$21=$B$17,14,0)+IF('Standard Profiles'!$G$21=$B$24,21,0),0)),0)</f>
        <v>8.882557918879856</v>
      </c>
      <c r="H1468" cm="1">
        <f t="array" ref="H1468">IFERROR(INDEX(Jesper!AL$2:AL$366,ROUNDDOWN($C1468/24,0)+1,1)*INDEX($D$3:$AA$30,INDEX(Jesper!$R$2:$R$366,ROW(INDEX(Jesper!AL$2:AL$366,ROUNDDOWN($C1468/24,0)+1,1))-1)+IF('Standard Profiles'!$G$22=$B$10,7,0)+IF('Standard Profiles'!$G$22=$B$17,14,0)+IF('Standard Profiles'!$G$22=$B$24,21,0),MOD($C1468,24)+1)/SUM(INDEX($D$3:$AA$30,INDEX(Jesper!$R$2:$R$366,ROW(INDEX(Jesper!AL$2:AL$366,ROUNDDOWN($C1468/24,0)+1,1))-1)+IF('Standard Profiles'!$G$22=$B$10,7,0)+IF('Standard Profiles'!$G$22=$B$17,14,0)+IF('Standard Profiles'!$G$22=$B$24,21,0),0)),0)</f>
        <v>0</v>
      </c>
      <c r="I1468">
        <f t="shared" si="174"/>
        <v>4.263627801062329</v>
      </c>
      <c r="J1468">
        <f t="shared" si="175"/>
        <v>16.905708157115441</v>
      </c>
      <c r="K1468">
        <f t="shared" si="176"/>
        <v>0.65009758510226179</v>
      </c>
      <c r="L1468">
        <f t="shared" si="177"/>
        <v>0.32504879255113089</v>
      </c>
      <c r="M1468">
        <f t="shared" si="178"/>
        <v>0</v>
      </c>
      <c r="N1468" s="45">
        <f t="shared" si="179"/>
        <v>44986.749999996522</v>
      </c>
    </row>
    <row r="1469" spans="2:14" x14ac:dyDescent="0.25">
      <c r="B1469">
        <f t="shared" si="173"/>
        <v>3</v>
      </c>
      <c r="C1469" s="16">
        <v>1435</v>
      </c>
      <c r="D1469" cm="1">
        <f t="array" ref="D1469">IFERROR(INDEX(Jesper!AH$2:AH$366,ROUNDDOWN($C1469/24,0)+1,1)*INDEX($D$3:$AA$30,INDEX(Jesper!$R$2:$R$366,ROW(INDEX(Jesper!AH$2:AH$366,ROUNDDOWN($C1469/24,0)+1,1))-1)+IF('Standard Profiles'!$G$18=$B$10,7,0)+IF('Standard Profiles'!$G$18=$B$17,14,0)+IF('Standard Profiles'!$G$18=$B$24,21,0),MOD($C1469,24)+1)/SUM(INDEX($D$3:$AA$30,INDEX(Jesper!$R$2:$R$366,ROW(INDEX(Jesper!AH$2:AH$366,ROUNDDOWN($C1469/24,0)+1,1))-1)+IF('Standard Profiles'!$G$18=$B$10,7,0)+IF('Standard Profiles'!$G$18=$B$17,14,0)+IF('Standard Profiles'!$G$18=$B$24,21,0),0)),0)</f>
        <v>6.0946648603337037</v>
      </c>
      <c r="E1469" cm="1">
        <f t="array" ref="E1469">IFERROR(INDEX(Jesper!AI$2:AI$366,ROUNDDOWN($C1469/24,0)+1,1)*INDEX($D$3:$AA$30,INDEX(Jesper!$R$2:$R$366,ROW(INDEX(Jesper!AI$2:AI$366,ROUNDDOWN($C1469/24,0)+1,1))-1)+IF('Standard Profiles'!$G$19=$B$10,7,0)+IF('Standard Profiles'!$G$19=$B$17,14,0)+IF('Standard Profiles'!$G$19=$B$24,21,0),MOD($C1469,24)+1)/SUM(INDEX($D$3:$AA$30,INDEX(Jesper!$R$2:$R$366,ROW(INDEX(Jesper!AI$2:AI$366,ROUNDDOWN($C1469/24,0)+1,1))-1)+IF('Standard Profiles'!$G$19=$B$10,7,0)+IF('Standard Profiles'!$G$19=$B$17,14,0)+IF('Standard Profiles'!$G$19=$B$24,21,0),0)),0)</f>
        <v>7.1672595566176049</v>
      </c>
      <c r="F1469" cm="1">
        <f t="array" ref="F1469">IFERROR(INDEX(Jesper!AJ$2:AJ$366,ROUNDDOWN($C1469/24,0)+1,1)*INDEX($D$3:$AA$30,INDEX(Jesper!$R$2:$R$366,ROW(INDEX(Jesper!AJ$2:AJ$366,ROUNDDOWN($C1469/24,0)+1,1))-1)+IF('Standard Profiles'!$G$20=$B$10,7,0)+IF('Standard Profiles'!$G$20=$B$17,14,0)+IF('Standard Profiles'!$G$20=$B$24,21,0),MOD($C1469,24)+1)/SUM(INDEX($D$3:$AA$30,INDEX(Jesper!$R$2:$R$366,ROW(INDEX(Jesper!AJ$2:AJ$366,ROUNDDOWN($C1469/24,0)+1,1))-1)+IF('Standard Profiles'!$G$20=$B$10,7,0)+IF('Standard Profiles'!$G$20=$B$17,14,0)+IF('Standard Profiles'!$G$20=$B$24,21,0),0)),0)</f>
        <v>0</v>
      </c>
      <c r="G1469" cm="1">
        <f t="array" ref="G1469">IFERROR(INDEX(Jesper!AK$2:AK$366,ROUNDDOWN($C1469/24,0)+1,1)*INDEX($D$3:$AA$30,INDEX(Jesper!$R$2:$R$366,ROW(INDEX(Jesper!AK$2:AK$366,ROUNDDOWN($C1469/24,0)+1,1))-1)+IF('Standard Profiles'!$G$21=$B$10,7,0)+IF('Standard Profiles'!$G$21=$B$17,14,0)+IF('Standard Profiles'!$G$21=$B$24,21,0),MOD($C1469,24)+1)/SUM(INDEX($D$3:$AA$30,INDEX(Jesper!$R$2:$R$366,ROW(INDEX(Jesper!AK$2:AK$366,ROUNDDOWN($C1469/24,0)+1,1))-1)+IF('Standard Profiles'!$G$21=$B$10,7,0)+IF('Standard Profiles'!$G$21=$B$17,14,0)+IF('Standard Profiles'!$G$21=$B$24,21,0),0)),0)</f>
        <v>8.882557918879856</v>
      </c>
      <c r="H1469" cm="1">
        <f t="array" ref="H1469">IFERROR(INDEX(Jesper!AL$2:AL$366,ROUNDDOWN($C1469/24,0)+1,1)*INDEX($D$3:$AA$30,INDEX(Jesper!$R$2:$R$366,ROW(INDEX(Jesper!AL$2:AL$366,ROUNDDOWN($C1469/24,0)+1,1))-1)+IF('Standard Profiles'!$G$22=$B$10,7,0)+IF('Standard Profiles'!$G$22=$B$17,14,0)+IF('Standard Profiles'!$G$22=$B$24,21,0),MOD($C1469,24)+1)/SUM(INDEX($D$3:$AA$30,INDEX(Jesper!$R$2:$R$366,ROW(INDEX(Jesper!AL$2:AL$366,ROUNDDOWN($C1469/24,0)+1,1))-1)+IF('Standard Profiles'!$G$22=$B$10,7,0)+IF('Standard Profiles'!$G$22=$B$17,14,0)+IF('Standard Profiles'!$G$22=$B$24,21,0),0)),0)</f>
        <v>0</v>
      </c>
      <c r="I1469">
        <f t="shared" si="174"/>
        <v>4.263627801062329</v>
      </c>
      <c r="J1469">
        <f t="shared" si="175"/>
        <v>16.905708157115441</v>
      </c>
      <c r="K1469">
        <f t="shared" si="176"/>
        <v>0.65009758510226179</v>
      </c>
      <c r="L1469">
        <f t="shared" si="177"/>
        <v>0.32504879255113089</v>
      </c>
      <c r="M1469">
        <f t="shared" si="178"/>
        <v>0</v>
      </c>
      <c r="N1469" s="45">
        <f t="shared" si="179"/>
        <v>44986.791666663186</v>
      </c>
    </row>
    <row r="1470" spans="2:14" x14ac:dyDescent="0.25">
      <c r="B1470">
        <f t="shared" si="173"/>
        <v>3</v>
      </c>
      <c r="C1470" s="16">
        <v>1436</v>
      </c>
      <c r="D1470" cm="1">
        <f t="array" ref="D1470">IFERROR(INDEX(Jesper!AH$2:AH$366,ROUNDDOWN($C1470/24,0)+1,1)*INDEX($D$3:$AA$30,INDEX(Jesper!$R$2:$R$366,ROW(INDEX(Jesper!AH$2:AH$366,ROUNDDOWN($C1470/24,0)+1,1))-1)+IF('Standard Profiles'!$G$18=$B$10,7,0)+IF('Standard Profiles'!$G$18=$B$17,14,0)+IF('Standard Profiles'!$G$18=$B$24,21,0),MOD($C1470,24)+1)/SUM(INDEX($D$3:$AA$30,INDEX(Jesper!$R$2:$R$366,ROW(INDEX(Jesper!AH$2:AH$366,ROUNDDOWN($C1470/24,0)+1,1))-1)+IF('Standard Profiles'!$G$18=$B$10,7,0)+IF('Standard Profiles'!$G$18=$B$17,14,0)+IF('Standard Profiles'!$G$18=$B$24,21,0),0)),0)</f>
        <v>6.0946648603337037</v>
      </c>
      <c r="E1470" cm="1">
        <f t="array" ref="E1470">IFERROR(INDEX(Jesper!AI$2:AI$366,ROUNDDOWN($C1470/24,0)+1,1)*INDEX($D$3:$AA$30,INDEX(Jesper!$R$2:$R$366,ROW(INDEX(Jesper!AI$2:AI$366,ROUNDDOWN($C1470/24,0)+1,1))-1)+IF('Standard Profiles'!$G$19=$B$10,7,0)+IF('Standard Profiles'!$G$19=$B$17,14,0)+IF('Standard Profiles'!$G$19=$B$24,21,0),MOD($C1470,24)+1)/SUM(INDEX($D$3:$AA$30,INDEX(Jesper!$R$2:$R$366,ROW(INDEX(Jesper!AI$2:AI$366,ROUNDDOWN($C1470/24,0)+1,1))-1)+IF('Standard Profiles'!$G$19=$B$10,7,0)+IF('Standard Profiles'!$G$19=$B$17,14,0)+IF('Standard Profiles'!$G$19=$B$24,21,0),0)),0)</f>
        <v>7.1672595566176049</v>
      </c>
      <c r="F1470" cm="1">
        <f t="array" ref="F1470">IFERROR(INDEX(Jesper!AJ$2:AJ$366,ROUNDDOWN($C1470/24,0)+1,1)*INDEX($D$3:$AA$30,INDEX(Jesper!$R$2:$R$366,ROW(INDEX(Jesper!AJ$2:AJ$366,ROUNDDOWN($C1470/24,0)+1,1))-1)+IF('Standard Profiles'!$G$20=$B$10,7,0)+IF('Standard Profiles'!$G$20=$B$17,14,0)+IF('Standard Profiles'!$G$20=$B$24,21,0),MOD($C1470,24)+1)/SUM(INDEX($D$3:$AA$30,INDEX(Jesper!$R$2:$R$366,ROW(INDEX(Jesper!AJ$2:AJ$366,ROUNDDOWN($C1470/24,0)+1,1))-1)+IF('Standard Profiles'!$G$20=$B$10,7,0)+IF('Standard Profiles'!$G$20=$B$17,14,0)+IF('Standard Profiles'!$G$20=$B$24,21,0),0)),0)</f>
        <v>0</v>
      </c>
      <c r="G1470" cm="1">
        <f t="array" ref="G1470">IFERROR(INDEX(Jesper!AK$2:AK$366,ROUNDDOWN($C1470/24,0)+1,1)*INDEX($D$3:$AA$30,INDEX(Jesper!$R$2:$R$366,ROW(INDEX(Jesper!AK$2:AK$366,ROUNDDOWN($C1470/24,0)+1,1))-1)+IF('Standard Profiles'!$G$21=$B$10,7,0)+IF('Standard Profiles'!$G$21=$B$17,14,0)+IF('Standard Profiles'!$G$21=$B$24,21,0),MOD($C1470,24)+1)/SUM(INDEX($D$3:$AA$30,INDEX(Jesper!$R$2:$R$366,ROW(INDEX(Jesper!AK$2:AK$366,ROUNDDOWN($C1470/24,0)+1,1))-1)+IF('Standard Profiles'!$G$21=$B$10,7,0)+IF('Standard Profiles'!$G$21=$B$17,14,0)+IF('Standard Profiles'!$G$21=$B$24,21,0),0)),0)</f>
        <v>8.882557918879856</v>
      </c>
      <c r="H1470" cm="1">
        <f t="array" ref="H1470">IFERROR(INDEX(Jesper!AL$2:AL$366,ROUNDDOWN($C1470/24,0)+1,1)*INDEX($D$3:$AA$30,INDEX(Jesper!$R$2:$R$366,ROW(INDEX(Jesper!AL$2:AL$366,ROUNDDOWN($C1470/24,0)+1,1))-1)+IF('Standard Profiles'!$G$22=$B$10,7,0)+IF('Standard Profiles'!$G$22=$B$17,14,0)+IF('Standard Profiles'!$G$22=$B$24,21,0),MOD($C1470,24)+1)/SUM(INDEX($D$3:$AA$30,INDEX(Jesper!$R$2:$R$366,ROW(INDEX(Jesper!AL$2:AL$366,ROUNDDOWN($C1470/24,0)+1,1))-1)+IF('Standard Profiles'!$G$22=$B$10,7,0)+IF('Standard Profiles'!$G$22=$B$17,14,0)+IF('Standard Profiles'!$G$22=$B$24,21,0),0)),0)</f>
        <v>0</v>
      </c>
      <c r="I1470">
        <f t="shared" si="174"/>
        <v>4.263627801062329</v>
      </c>
      <c r="J1470">
        <f t="shared" si="175"/>
        <v>16.905708157115441</v>
      </c>
      <c r="K1470">
        <f t="shared" si="176"/>
        <v>0.65009758510226179</v>
      </c>
      <c r="L1470">
        <f t="shared" si="177"/>
        <v>0.32504879255113089</v>
      </c>
      <c r="M1470">
        <f t="shared" si="178"/>
        <v>0</v>
      </c>
      <c r="N1470" s="45">
        <f t="shared" si="179"/>
        <v>44986.833333329851</v>
      </c>
    </row>
    <row r="1471" spans="2:14" x14ac:dyDescent="0.25">
      <c r="B1471">
        <f t="shared" si="173"/>
        <v>3</v>
      </c>
      <c r="C1471" s="16">
        <v>1437</v>
      </c>
      <c r="D1471" cm="1">
        <f t="array" ref="D1471">IFERROR(INDEX(Jesper!AH$2:AH$366,ROUNDDOWN($C1471/24,0)+1,1)*INDEX($D$3:$AA$30,INDEX(Jesper!$R$2:$R$366,ROW(INDEX(Jesper!AH$2:AH$366,ROUNDDOWN($C1471/24,0)+1,1))-1)+IF('Standard Profiles'!$G$18=$B$10,7,0)+IF('Standard Profiles'!$G$18=$B$17,14,0)+IF('Standard Profiles'!$G$18=$B$24,21,0),MOD($C1471,24)+1)/SUM(INDEX($D$3:$AA$30,INDEX(Jesper!$R$2:$R$366,ROW(INDEX(Jesper!AH$2:AH$366,ROUNDDOWN($C1471/24,0)+1,1))-1)+IF('Standard Profiles'!$G$18=$B$10,7,0)+IF('Standard Profiles'!$G$18=$B$17,14,0)+IF('Standard Profiles'!$G$18=$B$24,21,0),0)),0)</f>
        <v>6.0946648603337037</v>
      </c>
      <c r="E1471" cm="1">
        <f t="array" ref="E1471">IFERROR(INDEX(Jesper!AI$2:AI$366,ROUNDDOWN($C1471/24,0)+1,1)*INDEX($D$3:$AA$30,INDEX(Jesper!$R$2:$R$366,ROW(INDEX(Jesper!AI$2:AI$366,ROUNDDOWN($C1471/24,0)+1,1))-1)+IF('Standard Profiles'!$G$19=$B$10,7,0)+IF('Standard Profiles'!$G$19=$B$17,14,0)+IF('Standard Profiles'!$G$19=$B$24,21,0),MOD($C1471,24)+1)/SUM(INDEX($D$3:$AA$30,INDEX(Jesper!$R$2:$R$366,ROW(INDEX(Jesper!AI$2:AI$366,ROUNDDOWN($C1471/24,0)+1,1))-1)+IF('Standard Profiles'!$G$19=$B$10,7,0)+IF('Standard Profiles'!$G$19=$B$17,14,0)+IF('Standard Profiles'!$G$19=$B$24,21,0),0)),0)</f>
        <v>7.1672595566176049</v>
      </c>
      <c r="F1471" cm="1">
        <f t="array" ref="F1471">IFERROR(INDEX(Jesper!AJ$2:AJ$366,ROUNDDOWN($C1471/24,0)+1,1)*INDEX($D$3:$AA$30,INDEX(Jesper!$R$2:$R$366,ROW(INDEX(Jesper!AJ$2:AJ$366,ROUNDDOWN($C1471/24,0)+1,1))-1)+IF('Standard Profiles'!$G$20=$B$10,7,0)+IF('Standard Profiles'!$G$20=$B$17,14,0)+IF('Standard Profiles'!$G$20=$B$24,21,0),MOD($C1471,24)+1)/SUM(INDEX($D$3:$AA$30,INDEX(Jesper!$R$2:$R$366,ROW(INDEX(Jesper!AJ$2:AJ$366,ROUNDDOWN($C1471/24,0)+1,1))-1)+IF('Standard Profiles'!$G$20=$B$10,7,0)+IF('Standard Profiles'!$G$20=$B$17,14,0)+IF('Standard Profiles'!$G$20=$B$24,21,0),0)),0)</f>
        <v>0</v>
      </c>
      <c r="G1471" cm="1">
        <f t="array" ref="G1471">IFERROR(INDEX(Jesper!AK$2:AK$366,ROUNDDOWN($C1471/24,0)+1,1)*INDEX($D$3:$AA$30,INDEX(Jesper!$R$2:$R$366,ROW(INDEX(Jesper!AK$2:AK$366,ROUNDDOWN($C1471/24,0)+1,1))-1)+IF('Standard Profiles'!$G$21=$B$10,7,0)+IF('Standard Profiles'!$G$21=$B$17,14,0)+IF('Standard Profiles'!$G$21=$B$24,21,0),MOD($C1471,24)+1)/SUM(INDEX($D$3:$AA$30,INDEX(Jesper!$R$2:$R$366,ROW(INDEX(Jesper!AK$2:AK$366,ROUNDDOWN($C1471/24,0)+1,1))-1)+IF('Standard Profiles'!$G$21=$B$10,7,0)+IF('Standard Profiles'!$G$21=$B$17,14,0)+IF('Standard Profiles'!$G$21=$B$24,21,0),0)),0)</f>
        <v>8.882557918879856</v>
      </c>
      <c r="H1471" cm="1">
        <f t="array" ref="H1471">IFERROR(INDEX(Jesper!AL$2:AL$366,ROUNDDOWN($C1471/24,0)+1,1)*INDEX($D$3:$AA$30,INDEX(Jesper!$R$2:$R$366,ROW(INDEX(Jesper!AL$2:AL$366,ROUNDDOWN($C1471/24,0)+1,1))-1)+IF('Standard Profiles'!$G$22=$B$10,7,0)+IF('Standard Profiles'!$G$22=$B$17,14,0)+IF('Standard Profiles'!$G$22=$B$24,21,0),MOD($C1471,24)+1)/SUM(INDEX($D$3:$AA$30,INDEX(Jesper!$R$2:$R$366,ROW(INDEX(Jesper!AL$2:AL$366,ROUNDDOWN($C1471/24,0)+1,1))-1)+IF('Standard Profiles'!$G$22=$B$10,7,0)+IF('Standard Profiles'!$G$22=$B$17,14,0)+IF('Standard Profiles'!$G$22=$B$24,21,0),0)),0)</f>
        <v>0</v>
      </c>
      <c r="I1471">
        <f t="shared" si="174"/>
        <v>4.263627801062329</v>
      </c>
      <c r="J1471">
        <f t="shared" si="175"/>
        <v>16.905708157115441</v>
      </c>
      <c r="K1471">
        <f t="shared" si="176"/>
        <v>0.65009758510226179</v>
      </c>
      <c r="L1471">
        <f t="shared" si="177"/>
        <v>0.32504879255113089</v>
      </c>
      <c r="M1471">
        <f t="shared" si="178"/>
        <v>0</v>
      </c>
      <c r="N1471" s="45">
        <f t="shared" si="179"/>
        <v>44986.874999996515</v>
      </c>
    </row>
    <row r="1472" spans="2:14" x14ac:dyDescent="0.25">
      <c r="B1472">
        <f t="shared" si="173"/>
        <v>3</v>
      </c>
      <c r="C1472" s="16">
        <v>1438</v>
      </c>
      <c r="D1472" cm="1">
        <f t="array" ref="D1472">IFERROR(INDEX(Jesper!AH$2:AH$366,ROUNDDOWN($C1472/24,0)+1,1)*INDEX($D$3:$AA$30,INDEX(Jesper!$R$2:$R$366,ROW(INDEX(Jesper!AH$2:AH$366,ROUNDDOWN($C1472/24,0)+1,1))-1)+IF('Standard Profiles'!$G$18=$B$10,7,0)+IF('Standard Profiles'!$G$18=$B$17,14,0)+IF('Standard Profiles'!$G$18=$B$24,21,0),MOD($C1472,24)+1)/SUM(INDEX($D$3:$AA$30,INDEX(Jesper!$R$2:$R$366,ROW(INDEX(Jesper!AH$2:AH$366,ROUNDDOWN($C1472/24,0)+1,1))-1)+IF('Standard Profiles'!$G$18=$B$10,7,0)+IF('Standard Profiles'!$G$18=$B$17,14,0)+IF('Standard Profiles'!$G$18=$B$24,21,0),0)),0)</f>
        <v>6.0946648603337037</v>
      </c>
      <c r="E1472" cm="1">
        <f t="array" ref="E1472">IFERROR(INDEX(Jesper!AI$2:AI$366,ROUNDDOWN($C1472/24,0)+1,1)*INDEX($D$3:$AA$30,INDEX(Jesper!$R$2:$R$366,ROW(INDEX(Jesper!AI$2:AI$366,ROUNDDOWN($C1472/24,0)+1,1))-1)+IF('Standard Profiles'!$G$19=$B$10,7,0)+IF('Standard Profiles'!$G$19=$B$17,14,0)+IF('Standard Profiles'!$G$19=$B$24,21,0),MOD($C1472,24)+1)/SUM(INDEX($D$3:$AA$30,INDEX(Jesper!$R$2:$R$366,ROW(INDEX(Jesper!AI$2:AI$366,ROUNDDOWN($C1472/24,0)+1,1))-1)+IF('Standard Profiles'!$G$19=$B$10,7,0)+IF('Standard Profiles'!$G$19=$B$17,14,0)+IF('Standard Profiles'!$G$19=$B$24,21,0),0)),0)</f>
        <v>7.1672595566176049</v>
      </c>
      <c r="F1472" cm="1">
        <f t="array" ref="F1472">IFERROR(INDEX(Jesper!AJ$2:AJ$366,ROUNDDOWN($C1472/24,0)+1,1)*INDEX($D$3:$AA$30,INDEX(Jesper!$R$2:$R$366,ROW(INDEX(Jesper!AJ$2:AJ$366,ROUNDDOWN($C1472/24,0)+1,1))-1)+IF('Standard Profiles'!$G$20=$B$10,7,0)+IF('Standard Profiles'!$G$20=$B$17,14,0)+IF('Standard Profiles'!$G$20=$B$24,21,0),MOD($C1472,24)+1)/SUM(INDEX($D$3:$AA$30,INDEX(Jesper!$R$2:$R$366,ROW(INDEX(Jesper!AJ$2:AJ$366,ROUNDDOWN($C1472/24,0)+1,1))-1)+IF('Standard Profiles'!$G$20=$B$10,7,0)+IF('Standard Profiles'!$G$20=$B$17,14,0)+IF('Standard Profiles'!$G$20=$B$24,21,0),0)),0)</f>
        <v>0</v>
      </c>
      <c r="G1472" cm="1">
        <f t="array" ref="G1472">IFERROR(INDEX(Jesper!AK$2:AK$366,ROUNDDOWN($C1472/24,0)+1,1)*INDEX($D$3:$AA$30,INDEX(Jesper!$R$2:$R$366,ROW(INDEX(Jesper!AK$2:AK$366,ROUNDDOWN($C1472/24,0)+1,1))-1)+IF('Standard Profiles'!$G$21=$B$10,7,0)+IF('Standard Profiles'!$G$21=$B$17,14,0)+IF('Standard Profiles'!$G$21=$B$24,21,0),MOD($C1472,24)+1)/SUM(INDEX($D$3:$AA$30,INDEX(Jesper!$R$2:$R$366,ROW(INDEX(Jesper!AK$2:AK$366,ROUNDDOWN($C1472/24,0)+1,1))-1)+IF('Standard Profiles'!$G$21=$B$10,7,0)+IF('Standard Profiles'!$G$21=$B$17,14,0)+IF('Standard Profiles'!$G$21=$B$24,21,0),0)),0)</f>
        <v>8.882557918879856</v>
      </c>
      <c r="H1472" cm="1">
        <f t="array" ref="H1472">IFERROR(INDEX(Jesper!AL$2:AL$366,ROUNDDOWN($C1472/24,0)+1,1)*INDEX($D$3:$AA$30,INDEX(Jesper!$R$2:$R$366,ROW(INDEX(Jesper!AL$2:AL$366,ROUNDDOWN($C1472/24,0)+1,1))-1)+IF('Standard Profiles'!$G$22=$B$10,7,0)+IF('Standard Profiles'!$G$22=$B$17,14,0)+IF('Standard Profiles'!$G$22=$B$24,21,0),MOD($C1472,24)+1)/SUM(INDEX($D$3:$AA$30,INDEX(Jesper!$R$2:$R$366,ROW(INDEX(Jesper!AL$2:AL$366,ROUNDDOWN($C1472/24,0)+1,1))-1)+IF('Standard Profiles'!$G$22=$B$10,7,0)+IF('Standard Profiles'!$G$22=$B$17,14,0)+IF('Standard Profiles'!$G$22=$B$24,21,0),0)),0)</f>
        <v>0</v>
      </c>
      <c r="I1472">
        <f t="shared" si="174"/>
        <v>4.263627801062329</v>
      </c>
      <c r="J1472">
        <f t="shared" si="175"/>
        <v>16.905708157115441</v>
      </c>
      <c r="K1472">
        <f t="shared" si="176"/>
        <v>0.65009758510226179</v>
      </c>
      <c r="L1472">
        <f t="shared" si="177"/>
        <v>0.32504879255113089</v>
      </c>
      <c r="M1472">
        <f t="shared" si="178"/>
        <v>0</v>
      </c>
      <c r="N1472" s="45">
        <f t="shared" si="179"/>
        <v>44986.916666663179</v>
      </c>
    </row>
    <row r="1473" spans="2:14" x14ac:dyDescent="0.25">
      <c r="B1473">
        <f t="shared" si="173"/>
        <v>3</v>
      </c>
      <c r="C1473" s="16">
        <v>1439</v>
      </c>
      <c r="D1473" cm="1">
        <f t="array" ref="D1473">IFERROR(INDEX(Jesper!AH$2:AH$366,ROUNDDOWN($C1473/24,0)+1,1)*INDEX($D$3:$AA$30,INDEX(Jesper!$R$2:$R$366,ROW(INDEX(Jesper!AH$2:AH$366,ROUNDDOWN($C1473/24,0)+1,1))-1)+IF('Standard Profiles'!$G$18=$B$10,7,0)+IF('Standard Profiles'!$G$18=$B$17,14,0)+IF('Standard Profiles'!$G$18=$B$24,21,0),MOD($C1473,24)+1)/SUM(INDEX($D$3:$AA$30,INDEX(Jesper!$R$2:$R$366,ROW(INDEX(Jesper!AH$2:AH$366,ROUNDDOWN($C1473/24,0)+1,1))-1)+IF('Standard Profiles'!$G$18=$B$10,7,0)+IF('Standard Profiles'!$G$18=$B$17,14,0)+IF('Standard Profiles'!$G$18=$B$24,21,0),0)),0)</f>
        <v>6.0946648603337037</v>
      </c>
      <c r="E1473" cm="1">
        <f t="array" ref="E1473">IFERROR(INDEX(Jesper!AI$2:AI$366,ROUNDDOWN($C1473/24,0)+1,1)*INDEX($D$3:$AA$30,INDEX(Jesper!$R$2:$R$366,ROW(INDEX(Jesper!AI$2:AI$366,ROUNDDOWN($C1473/24,0)+1,1))-1)+IF('Standard Profiles'!$G$19=$B$10,7,0)+IF('Standard Profiles'!$G$19=$B$17,14,0)+IF('Standard Profiles'!$G$19=$B$24,21,0),MOD($C1473,24)+1)/SUM(INDEX($D$3:$AA$30,INDEX(Jesper!$R$2:$R$366,ROW(INDEX(Jesper!AI$2:AI$366,ROUNDDOWN($C1473/24,0)+1,1))-1)+IF('Standard Profiles'!$G$19=$B$10,7,0)+IF('Standard Profiles'!$G$19=$B$17,14,0)+IF('Standard Profiles'!$G$19=$B$24,21,0),0)),0)</f>
        <v>7.1672595566176049</v>
      </c>
      <c r="F1473" cm="1">
        <f t="array" ref="F1473">IFERROR(INDEX(Jesper!AJ$2:AJ$366,ROUNDDOWN($C1473/24,0)+1,1)*INDEX($D$3:$AA$30,INDEX(Jesper!$R$2:$R$366,ROW(INDEX(Jesper!AJ$2:AJ$366,ROUNDDOWN($C1473/24,0)+1,1))-1)+IF('Standard Profiles'!$G$20=$B$10,7,0)+IF('Standard Profiles'!$G$20=$B$17,14,0)+IF('Standard Profiles'!$G$20=$B$24,21,0),MOD($C1473,24)+1)/SUM(INDEX($D$3:$AA$30,INDEX(Jesper!$R$2:$R$366,ROW(INDEX(Jesper!AJ$2:AJ$366,ROUNDDOWN($C1473/24,0)+1,1))-1)+IF('Standard Profiles'!$G$20=$B$10,7,0)+IF('Standard Profiles'!$G$20=$B$17,14,0)+IF('Standard Profiles'!$G$20=$B$24,21,0),0)),0)</f>
        <v>0</v>
      </c>
      <c r="G1473" cm="1">
        <f t="array" ref="G1473">IFERROR(INDEX(Jesper!AK$2:AK$366,ROUNDDOWN($C1473/24,0)+1,1)*INDEX($D$3:$AA$30,INDEX(Jesper!$R$2:$R$366,ROW(INDEX(Jesper!AK$2:AK$366,ROUNDDOWN($C1473/24,0)+1,1))-1)+IF('Standard Profiles'!$G$21=$B$10,7,0)+IF('Standard Profiles'!$G$21=$B$17,14,0)+IF('Standard Profiles'!$G$21=$B$24,21,0),MOD($C1473,24)+1)/SUM(INDEX($D$3:$AA$30,INDEX(Jesper!$R$2:$R$366,ROW(INDEX(Jesper!AK$2:AK$366,ROUNDDOWN($C1473/24,0)+1,1))-1)+IF('Standard Profiles'!$G$21=$B$10,7,0)+IF('Standard Profiles'!$G$21=$B$17,14,0)+IF('Standard Profiles'!$G$21=$B$24,21,0),0)),0)</f>
        <v>8.882557918879856</v>
      </c>
      <c r="H1473" cm="1">
        <f t="array" ref="H1473">IFERROR(INDEX(Jesper!AL$2:AL$366,ROUNDDOWN($C1473/24,0)+1,1)*INDEX($D$3:$AA$30,INDEX(Jesper!$R$2:$R$366,ROW(INDEX(Jesper!AL$2:AL$366,ROUNDDOWN($C1473/24,0)+1,1))-1)+IF('Standard Profiles'!$G$22=$B$10,7,0)+IF('Standard Profiles'!$G$22=$B$17,14,0)+IF('Standard Profiles'!$G$22=$B$24,21,0),MOD($C1473,24)+1)/SUM(INDEX($D$3:$AA$30,INDEX(Jesper!$R$2:$R$366,ROW(INDEX(Jesper!AL$2:AL$366,ROUNDDOWN($C1473/24,0)+1,1))-1)+IF('Standard Profiles'!$G$22=$B$10,7,0)+IF('Standard Profiles'!$G$22=$B$17,14,0)+IF('Standard Profiles'!$G$22=$B$24,21,0),0)),0)</f>
        <v>0</v>
      </c>
      <c r="I1473">
        <f t="shared" si="174"/>
        <v>4.263627801062329</v>
      </c>
      <c r="J1473">
        <f t="shared" si="175"/>
        <v>16.905708157115441</v>
      </c>
      <c r="K1473">
        <f t="shared" si="176"/>
        <v>0.65009758510226179</v>
      </c>
      <c r="L1473">
        <f t="shared" si="177"/>
        <v>0.32504879255113089</v>
      </c>
      <c r="M1473">
        <f t="shared" si="178"/>
        <v>0</v>
      </c>
      <c r="N1473" s="45">
        <f t="shared" si="179"/>
        <v>44986.958333329843</v>
      </c>
    </row>
    <row r="1474" spans="2:14" x14ac:dyDescent="0.25">
      <c r="B1474">
        <f t="shared" si="173"/>
        <v>4</v>
      </c>
      <c r="C1474" s="16">
        <v>1440</v>
      </c>
      <c r="D1474" cm="1">
        <f t="array" ref="D1474">IFERROR(INDEX(Jesper!AH$2:AH$366,ROUNDDOWN($C1474/24,0)+1,1)*INDEX($D$3:$AA$30,INDEX(Jesper!$R$2:$R$366,ROW(INDEX(Jesper!AH$2:AH$366,ROUNDDOWN($C1474/24,0)+1,1))-1)+IF('Standard Profiles'!$G$18=$B$10,7,0)+IF('Standard Profiles'!$G$18=$B$17,14,0)+IF('Standard Profiles'!$G$18=$B$24,21,0),MOD($C1474,24)+1)/SUM(INDEX($D$3:$AA$30,INDEX(Jesper!$R$2:$R$366,ROW(INDEX(Jesper!AH$2:AH$366,ROUNDDOWN($C1474/24,0)+1,1))-1)+IF('Standard Profiles'!$G$18=$B$10,7,0)+IF('Standard Profiles'!$G$18=$B$17,14,0)+IF('Standard Profiles'!$G$18=$B$24,21,0),0)),0)</f>
        <v>5.9854813682923043</v>
      </c>
      <c r="E1474" cm="1">
        <f t="array" ref="E1474">IFERROR(INDEX(Jesper!AI$2:AI$366,ROUNDDOWN($C1474/24,0)+1,1)*INDEX($D$3:$AA$30,INDEX(Jesper!$R$2:$R$366,ROW(INDEX(Jesper!AI$2:AI$366,ROUNDDOWN($C1474/24,0)+1,1))-1)+IF('Standard Profiles'!$G$19=$B$10,7,0)+IF('Standard Profiles'!$G$19=$B$17,14,0)+IF('Standard Profiles'!$G$19=$B$24,21,0),MOD($C1474,24)+1)/SUM(INDEX($D$3:$AA$30,INDEX(Jesper!$R$2:$R$366,ROW(INDEX(Jesper!AI$2:AI$366,ROUNDDOWN($C1474/24,0)+1,1))-1)+IF('Standard Profiles'!$G$19=$B$10,7,0)+IF('Standard Profiles'!$G$19=$B$17,14,0)+IF('Standard Profiles'!$G$19=$B$24,21,0),0)),0)</f>
        <v>6.2630679061319006</v>
      </c>
      <c r="F1474" cm="1">
        <f t="array" ref="F1474">IFERROR(INDEX(Jesper!AJ$2:AJ$366,ROUNDDOWN($C1474/24,0)+1,1)*INDEX($D$3:$AA$30,INDEX(Jesper!$R$2:$R$366,ROW(INDEX(Jesper!AJ$2:AJ$366,ROUNDDOWN($C1474/24,0)+1,1))-1)+IF('Standard Profiles'!$G$20=$B$10,7,0)+IF('Standard Profiles'!$G$20=$B$17,14,0)+IF('Standard Profiles'!$G$20=$B$24,21,0),MOD($C1474,24)+1)/SUM(INDEX($D$3:$AA$30,INDEX(Jesper!$R$2:$R$366,ROW(INDEX(Jesper!AJ$2:AJ$366,ROUNDDOWN($C1474/24,0)+1,1))-1)+IF('Standard Profiles'!$G$20=$B$10,7,0)+IF('Standard Profiles'!$G$20=$B$17,14,0)+IF('Standard Profiles'!$G$20=$B$24,21,0),0)),0)</f>
        <v>0</v>
      </c>
      <c r="G1474" cm="1">
        <f t="array" ref="G1474">IFERROR(INDEX(Jesper!AK$2:AK$366,ROUNDDOWN($C1474/24,0)+1,1)*INDEX($D$3:$AA$30,INDEX(Jesper!$R$2:$R$366,ROW(INDEX(Jesper!AK$2:AK$366,ROUNDDOWN($C1474/24,0)+1,1))-1)+IF('Standard Profiles'!$G$21=$B$10,7,0)+IF('Standard Profiles'!$G$21=$B$17,14,0)+IF('Standard Profiles'!$G$21=$B$24,21,0),MOD($C1474,24)+1)/SUM(INDEX($D$3:$AA$30,INDEX(Jesper!$R$2:$R$366,ROW(INDEX(Jesper!AK$2:AK$366,ROUNDDOWN($C1474/24,0)+1,1))-1)+IF('Standard Profiles'!$G$21=$B$10,7,0)+IF('Standard Profiles'!$G$21=$B$17,14,0)+IF('Standard Profiles'!$G$21=$B$24,21,0),0)),0)</f>
        <v>6.542821689147603</v>
      </c>
      <c r="H1474" cm="1">
        <f t="array" ref="H1474">IFERROR(INDEX(Jesper!AL$2:AL$366,ROUNDDOWN($C1474/24,0)+1,1)*INDEX($D$3:$AA$30,INDEX(Jesper!$R$2:$R$366,ROW(INDEX(Jesper!AL$2:AL$366,ROUNDDOWN($C1474/24,0)+1,1))-1)+IF('Standard Profiles'!$G$22=$B$10,7,0)+IF('Standard Profiles'!$G$22=$B$17,14,0)+IF('Standard Profiles'!$G$22=$B$24,21,0),MOD($C1474,24)+1)/SUM(INDEX($D$3:$AA$30,INDEX(Jesper!$R$2:$R$366,ROW(INDEX(Jesper!AL$2:AL$366,ROUNDDOWN($C1474/24,0)+1,1))-1)+IF('Standard Profiles'!$G$22=$B$10,7,0)+IF('Standard Profiles'!$G$22=$B$17,14,0)+IF('Standard Profiles'!$G$22=$B$24,21,0),0)),0)</f>
        <v>0</v>
      </c>
      <c r="I1474">
        <f t="shared" si="174"/>
        <v>3.1405544107908479</v>
      </c>
      <c r="J1474">
        <f t="shared" si="175"/>
        <v>14.693139533854191</v>
      </c>
      <c r="K1474">
        <f t="shared" si="176"/>
        <v>0.63845134595117914</v>
      </c>
      <c r="L1474">
        <f t="shared" si="177"/>
        <v>0.31922567297558957</v>
      </c>
      <c r="M1474">
        <f t="shared" si="178"/>
        <v>0</v>
      </c>
      <c r="N1474" s="45">
        <f t="shared" si="179"/>
        <v>44986.999999996508</v>
      </c>
    </row>
    <row r="1475" spans="2:14" x14ac:dyDescent="0.25">
      <c r="B1475">
        <f t="shared" si="173"/>
        <v>4</v>
      </c>
      <c r="C1475" s="16">
        <v>1441</v>
      </c>
      <c r="D1475" cm="1">
        <f t="array" ref="D1475">IFERROR(INDEX(Jesper!AH$2:AH$366,ROUNDDOWN($C1475/24,0)+1,1)*INDEX($D$3:$AA$30,INDEX(Jesper!$R$2:$R$366,ROW(INDEX(Jesper!AH$2:AH$366,ROUNDDOWN($C1475/24,0)+1,1))-1)+IF('Standard Profiles'!$G$18=$B$10,7,0)+IF('Standard Profiles'!$G$18=$B$17,14,0)+IF('Standard Profiles'!$G$18=$B$24,21,0),MOD($C1475,24)+1)/SUM(INDEX($D$3:$AA$30,INDEX(Jesper!$R$2:$R$366,ROW(INDEX(Jesper!AH$2:AH$366,ROUNDDOWN($C1475/24,0)+1,1))-1)+IF('Standard Profiles'!$G$18=$B$10,7,0)+IF('Standard Profiles'!$G$18=$B$17,14,0)+IF('Standard Profiles'!$G$18=$B$24,21,0),0)),0)</f>
        <v>5.9854813682923043</v>
      </c>
      <c r="E1475" cm="1">
        <f t="array" ref="E1475">IFERROR(INDEX(Jesper!AI$2:AI$366,ROUNDDOWN($C1475/24,0)+1,1)*INDEX($D$3:$AA$30,INDEX(Jesper!$R$2:$R$366,ROW(INDEX(Jesper!AI$2:AI$366,ROUNDDOWN($C1475/24,0)+1,1))-1)+IF('Standard Profiles'!$G$19=$B$10,7,0)+IF('Standard Profiles'!$G$19=$B$17,14,0)+IF('Standard Profiles'!$G$19=$B$24,21,0),MOD($C1475,24)+1)/SUM(INDEX($D$3:$AA$30,INDEX(Jesper!$R$2:$R$366,ROW(INDEX(Jesper!AI$2:AI$366,ROUNDDOWN($C1475/24,0)+1,1))-1)+IF('Standard Profiles'!$G$19=$B$10,7,0)+IF('Standard Profiles'!$G$19=$B$17,14,0)+IF('Standard Profiles'!$G$19=$B$24,21,0),0)),0)</f>
        <v>6.2630679061319006</v>
      </c>
      <c r="F1475" cm="1">
        <f t="array" ref="F1475">IFERROR(INDEX(Jesper!AJ$2:AJ$366,ROUNDDOWN($C1475/24,0)+1,1)*INDEX($D$3:$AA$30,INDEX(Jesper!$R$2:$R$366,ROW(INDEX(Jesper!AJ$2:AJ$366,ROUNDDOWN($C1475/24,0)+1,1))-1)+IF('Standard Profiles'!$G$20=$B$10,7,0)+IF('Standard Profiles'!$G$20=$B$17,14,0)+IF('Standard Profiles'!$G$20=$B$24,21,0),MOD($C1475,24)+1)/SUM(INDEX($D$3:$AA$30,INDEX(Jesper!$R$2:$R$366,ROW(INDEX(Jesper!AJ$2:AJ$366,ROUNDDOWN($C1475/24,0)+1,1))-1)+IF('Standard Profiles'!$G$20=$B$10,7,0)+IF('Standard Profiles'!$G$20=$B$17,14,0)+IF('Standard Profiles'!$G$20=$B$24,21,0),0)),0)</f>
        <v>0</v>
      </c>
      <c r="G1475" cm="1">
        <f t="array" ref="G1475">IFERROR(INDEX(Jesper!AK$2:AK$366,ROUNDDOWN($C1475/24,0)+1,1)*INDEX($D$3:$AA$30,INDEX(Jesper!$R$2:$R$366,ROW(INDEX(Jesper!AK$2:AK$366,ROUNDDOWN($C1475/24,0)+1,1))-1)+IF('Standard Profiles'!$G$21=$B$10,7,0)+IF('Standard Profiles'!$G$21=$B$17,14,0)+IF('Standard Profiles'!$G$21=$B$24,21,0),MOD($C1475,24)+1)/SUM(INDEX($D$3:$AA$30,INDEX(Jesper!$R$2:$R$366,ROW(INDEX(Jesper!AK$2:AK$366,ROUNDDOWN($C1475/24,0)+1,1))-1)+IF('Standard Profiles'!$G$21=$B$10,7,0)+IF('Standard Profiles'!$G$21=$B$17,14,0)+IF('Standard Profiles'!$G$21=$B$24,21,0),0)),0)</f>
        <v>6.542821689147603</v>
      </c>
      <c r="H1475" cm="1">
        <f t="array" ref="H1475">IFERROR(INDEX(Jesper!AL$2:AL$366,ROUNDDOWN($C1475/24,0)+1,1)*INDEX($D$3:$AA$30,INDEX(Jesper!$R$2:$R$366,ROW(INDEX(Jesper!AL$2:AL$366,ROUNDDOWN($C1475/24,0)+1,1))-1)+IF('Standard Profiles'!$G$22=$B$10,7,0)+IF('Standard Profiles'!$G$22=$B$17,14,0)+IF('Standard Profiles'!$G$22=$B$24,21,0),MOD($C1475,24)+1)/SUM(INDEX($D$3:$AA$30,INDEX(Jesper!$R$2:$R$366,ROW(INDEX(Jesper!AL$2:AL$366,ROUNDDOWN($C1475/24,0)+1,1))-1)+IF('Standard Profiles'!$G$22=$B$10,7,0)+IF('Standard Profiles'!$G$22=$B$17,14,0)+IF('Standard Profiles'!$G$22=$B$24,21,0),0)),0)</f>
        <v>0</v>
      </c>
      <c r="I1475">
        <f t="shared" si="174"/>
        <v>3.1405544107908479</v>
      </c>
      <c r="J1475">
        <f t="shared" si="175"/>
        <v>14.693139533854191</v>
      </c>
      <c r="K1475">
        <f t="shared" si="176"/>
        <v>0.63845134595117914</v>
      </c>
      <c r="L1475">
        <f t="shared" si="177"/>
        <v>0.31922567297558957</v>
      </c>
      <c r="M1475">
        <f t="shared" si="178"/>
        <v>0</v>
      </c>
      <c r="N1475" s="45">
        <f t="shared" si="179"/>
        <v>44987.041666663172</v>
      </c>
    </row>
    <row r="1476" spans="2:14" x14ac:dyDescent="0.25">
      <c r="B1476">
        <f t="shared" si="173"/>
        <v>4</v>
      </c>
      <c r="C1476" s="16">
        <v>1442</v>
      </c>
      <c r="D1476" cm="1">
        <f t="array" ref="D1476">IFERROR(INDEX(Jesper!AH$2:AH$366,ROUNDDOWN($C1476/24,0)+1,1)*INDEX($D$3:$AA$30,INDEX(Jesper!$R$2:$R$366,ROW(INDEX(Jesper!AH$2:AH$366,ROUNDDOWN($C1476/24,0)+1,1))-1)+IF('Standard Profiles'!$G$18=$B$10,7,0)+IF('Standard Profiles'!$G$18=$B$17,14,0)+IF('Standard Profiles'!$G$18=$B$24,21,0),MOD($C1476,24)+1)/SUM(INDEX($D$3:$AA$30,INDEX(Jesper!$R$2:$R$366,ROW(INDEX(Jesper!AH$2:AH$366,ROUNDDOWN($C1476/24,0)+1,1))-1)+IF('Standard Profiles'!$G$18=$B$10,7,0)+IF('Standard Profiles'!$G$18=$B$17,14,0)+IF('Standard Profiles'!$G$18=$B$24,21,0),0)),0)</f>
        <v>5.9854813682923043</v>
      </c>
      <c r="E1476" cm="1">
        <f t="array" ref="E1476">IFERROR(INDEX(Jesper!AI$2:AI$366,ROUNDDOWN($C1476/24,0)+1,1)*INDEX($D$3:$AA$30,INDEX(Jesper!$R$2:$R$366,ROW(INDEX(Jesper!AI$2:AI$366,ROUNDDOWN($C1476/24,0)+1,1))-1)+IF('Standard Profiles'!$G$19=$B$10,7,0)+IF('Standard Profiles'!$G$19=$B$17,14,0)+IF('Standard Profiles'!$G$19=$B$24,21,0),MOD($C1476,24)+1)/SUM(INDEX($D$3:$AA$30,INDEX(Jesper!$R$2:$R$366,ROW(INDEX(Jesper!AI$2:AI$366,ROUNDDOWN($C1476/24,0)+1,1))-1)+IF('Standard Profiles'!$G$19=$B$10,7,0)+IF('Standard Profiles'!$G$19=$B$17,14,0)+IF('Standard Profiles'!$G$19=$B$24,21,0),0)),0)</f>
        <v>6.2630679061319006</v>
      </c>
      <c r="F1476" cm="1">
        <f t="array" ref="F1476">IFERROR(INDEX(Jesper!AJ$2:AJ$366,ROUNDDOWN($C1476/24,0)+1,1)*INDEX($D$3:$AA$30,INDEX(Jesper!$R$2:$R$366,ROW(INDEX(Jesper!AJ$2:AJ$366,ROUNDDOWN($C1476/24,0)+1,1))-1)+IF('Standard Profiles'!$G$20=$B$10,7,0)+IF('Standard Profiles'!$G$20=$B$17,14,0)+IF('Standard Profiles'!$G$20=$B$24,21,0),MOD($C1476,24)+1)/SUM(INDEX($D$3:$AA$30,INDEX(Jesper!$R$2:$R$366,ROW(INDEX(Jesper!AJ$2:AJ$366,ROUNDDOWN($C1476/24,0)+1,1))-1)+IF('Standard Profiles'!$G$20=$B$10,7,0)+IF('Standard Profiles'!$G$20=$B$17,14,0)+IF('Standard Profiles'!$G$20=$B$24,21,0),0)),0)</f>
        <v>0</v>
      </c>
      <c r="G1476" cm="1">
        <f t="array" ref="G1476">IFERROR(INDEX(Jesper!AK$2:AK$366,ROUNDDOWN($C1476/24,0)+1,1)*INDEX($D$3:$AA$30,INDEX(Jesper!$R$2:$R$366,ROW(INDEX(Jesper!AK$2:AK$366,ROUNDDOWN($C1476/24,0)+1,1))-1)+IF('Standard Profiles'!$G$21=$B$10,7,0)+IF('Standard Profiles'!$G$21=$B$17,14,0)+IF('Standard Profiles'!$G$21=$B$24,21,0),MOD($C1476,24)+1)/SUM(INDEX($D$3:$AA$30,INDEX(Jesper!$R$2:$R$366,ROW(INDEX(Jesper!AK$2:AK$366,ROUNDDOWN($C1476/24,0)+1,1))-1)+IF('Standard Profiles'!$G$21=$B$10,7,0)+IF('Standard Profiles'!$G$21=$B$17,14,0)+IF('Standard Profiles'!$G$21=$B$24,21,0),0)),0)</f>
        <v>6.542821689147603</v>
      </c>
      <c r="H1476" cm="1">
        <f t="array" ref="H1476">IFERROR(INDEX(Jesper!AL$2:AL$366,ROUNDDOWN($C1476/24,0)+1,1)*INDEX($D$3:$AA$30,INDEX(Jesper!$R$2:$R$366,ROW(INDEX(Jesper!AL$2:AL$366,ROUNDDOWN($C1476/24,0)+1,1))-1)+IF('Standard Profiles'!$G$22=$B$10,7,0)+IF('Standard Profiles'!$G$22=$B$17,14,0)+IF('Standard Profiles'!$G$22=$B$24,21,0),MOD($C1476,24)+1)/SUM(INDEX($D$3:$AA$30,INDEX(Jesper!$R$2:$R$366,ROW(INDEX(Jesper!AL$2:AL$366,ROUNDDOWN($C1476/24,0)+1,1))-1)+IF('Standard Profiles'!$G$22=$B$10,7,0)+IF('Standard Profiles'!$G$22=$B$17,14,0)+IF('Standard Profiles'!$G$22=$B$24,21,0),0)),0)</f>
        <v>0</v>
      </c>
      <c r="I1476">
        <f t="shared" si="174"/>
        <v>3.1405544107908479</v>
      </c>
      <c r="J1476">
        <f t="shared" si="175"/>
        <v>14.693139533854191</v>
      </c>
      <c r="K1476">
        <f t="shared" si="176"/>
        <v>0.63845134595117914</v>
      </c>
      <c r="L1476">
        <f t="shared" si="177"/>
        <v>0.31922567297558957</v>
      </c>
      <c r="M1476">
        <f t="shared" si="178"/>
        <v>0</v>
      </c>
      <c r="N1476" s="45">
        <f t="shared" si="179"/>
        <v>44987.083333329836</v>
      </c>
    </row>
    <row r="1477" spans="2:14" x14ac:dyDescent="0.25">
      <c r="B1477">
        <f t="shared" si="173"/>
        <v>4</v>
      </c>
      <c r="C1477" s="16">
        <v>1443</v>
      </c>
      <c r="D1477" cm="1">
        <f t="array" ref="D1477">IFERROR(INDEX(Jesper!AH$2:AH$366,ROUNDDOWN($C1477/24,0)+1,1)*INDEX($D$3:$AA$30,INDEX(Jesper!$R$2:$R$366,ROW(INDEX(Jesper!AH$2:AH$366,ROUNDDOWN($C1477/24,0)+1,1))-1)+IF('Standard Profiles'!$G$18=$B$10,7,0)+IF('Standard Profiles'!$G$18=$B$17,14,0)+IF('Standard Profiles'!$G$18=$B$24,21,0),MOD($C1477,24)+1)/SUM(INDEX($D$3:$AA$30,INDEX(Jesper!$R$2:$R$366,ROW(INDEX(Jesper!AH$2:AH$366,ROUNDDOWN($C1477/24,0)+1,1))-1)+IF('Standard Profiles'!$G$18=$B$10,7,0)+IF('Standard Profiles'!$G$18=$B$17,14,0)+IF('Standard Profiles'!$G$18=$B$24,21,0),0)),0)</f>
        <v>5.9854813682923043</v>
      </c>
      <c r="E1477" cm="1">
        <f t="array" ref="E1477">IFERROR(INDEX(Jesper!AI$2:AI$366,ROUNDDOWN($C1477/24,0)+1,1)*INDEX($D$3:$AA$30,INDEX(Jesper!$R$2:$R$366,ROW(INDEX(Jesper!AI$2:AI$366,ROUNDDOWN($C1477/24,0)+1,1))-1)+IF('Standard Profiles'!$G$19=$B$10,7,0)+IF('Standard Profiles'!$G$19=$B$17,14,0)+IF('Standard Profiles'!$G$19=$B$24,21,0),MOD($C1477,24)+1)/SUM(INDEX($D$3:$AA$30,INDEX(Jesper!$R$2:$R$366,ROW(INDEX(Jesper!AI$2:AI$366,ROUNDDOWN($C1477/24,0)+1,1))-1)+IF('Standard Profiles'!$G$19=$B$10,7,0)+IF('Standard Profiles'!$G$19=$B$17,14,0)+IF('Standard Profiles'!$G$19=$B$24,21,0),0)),0)</f>
        <v>6.2630679061319006</v>
      </c>
      <c r="F1477" cm="1">
        <f t="array" ref="F1477">IFERROR(INDEX(Jesper!AJ$2:AJ$366,ROUNDDOWN($C1477/24,0)+1,1)*INDEX($D$3:$AA$30,INDEX(Jesper!$R$2:$R$366,ROW(INDEX(Jesper!AJ$2:AJ$366,ROUNDDOWN($C1477/24,0)+1,1))-1)+IF('Standard Profiles'!$G$20=$B$10,7,0)+IF('Standard Profiles'!$G$20=$B$17,14,0)+IF('Standard Profiles'!$G$20=$B$24,21,0),MOD($C1477,24)+1)/SUM(INDEX($D$3:$AA$30,INDEX(Jesper!$R$2:$R$366,ROW(INDEX(Jesper!AJ$2:AJ$366,ROUNDDOWN($C1477/24,0)+1,1))-1)+IF('Standard Profiles'!$G$20=$B$10,7,0)+IF('Standard Profiles'!$G$20=$B$17,14,0)+IF('Standard Profiles'!$G$20=$B$24,21,0),0)),0)</f>
        <v>0</v>
      </c>
      <c r="G1477" cm="1">
        <f t="array" ref="G1477">IFERROR(INDEX(Jesper!AK$2:AK$366,ROUNDDOWN($C1477/24,0)+1,1)*INDEX($D$3:$AA$30,INDEX(Jesper!$R$2:$R$366,ROW(INDEX(Jesper!AK$2:AK$366,ROUNDDOWN($C1477/24,0)+1,1))-1)+IF('Standard Profiles'!$G$21=$B$10,7,0)+IF('Standard Profiles'!$G$21=$B$17,14,0)+IF('Standard Profiles'!$G$21=$B$24,21,0),MOD($C1477,24)+1)/SUM(INDEX($D$3:$AA$30,INDEX(Jesper!$R$2:$R$366,ROW(INDEX(Jesper!AK$2:AK$366,ROUNDDOWN($C1477/24,0)+1,1))-1)+IF('Standard Profiles'!$G$21=$B$10,7,0)+IF('Standard Profiles'!$G$21=$B$17,14,0)+IF('Standard Profiles'!$G$21=$B$24,21,0),0)),0)</f>
        <v>6.542821689147603</v>
      </c>
      <c r="H1477" cm="1">
        <f t="array" ref="H1477">IFERROR(INDEX(Jesper!AL$2:AL$366,ROUNDDOWN($C1477/24,0)+1,1)*INDEX($D$3:$AA$30,INDEX(Jesper!$R$2:$R$366,ROW(INDEX(Jesper!AL$2:AL$366,ROUNDDOWN($C1477/24,0)+1,1))-1)+IF('Standard Profiles'!$G$22=$B$10,7,0)+IF('Standard Profiles'!$G$22=$B$17,14,0)+IF('Standard Profiles'!$G$22=$B$24,21,0),MOD($C1477,24)+1)/SUM(INDEX($D$3:$AA$30,INDEX(Jesper!$R$2:$R$366,ROW(INDEX(Jesper!AL$2:AL$366,ROUNDDOWN($C1477/24,0)+1,1))-1)+IF('Standard Profiles'!$G$22=$B$10,7,0)+IF('Standard Profiles'!$G$22=$B$17,14,0)+IF('Standard Profiles'!$G$22=$B$24,21,0),0)),0)</f>
        <v>0</v>
      </c>
      <c r="I1477">
        <f t="shared" si="174"/>
        <v>3.1405544107908479</v>
      </c>
      <c r="J1477">
        <f t="shared" si="175"/>
        <v>14.693139533854191</v>
      </c>
      <c r="K1477">
        <f t="shared" si="176"/>
        <v>0.63845134595117914</v>
      </c>
      <c r="L1477">
        <f t="shared" si="177"/>
        <v>0.31922567297558957</v>
      </c>
      <c r="M1477">
        <f t="shared" si="178"/>
        <v>0</v>
      </c>
      <c r="N1477" s="45">
        <f t="shared" si="179"/>
        <v>44987.1249999965</v>
      </c>
    </row>
    <row r="1478" spans="2:14" x14ac:dyDescent="0.25">
      <c r="B1478">
        <f t="shared" si="173"/>
        <v>4</v>
      </c>
      <c r="C1478" s="16">
        <v>1444</v>
      </c>
      <c r="D1478" cm="1">
        <f t="array" ref="D1478">IFERROR(INDEX(Jesper!AH$2:AH$366,ROUNDDOWN($C1478/24,0)+1,1)*INDEX($D$3:$AA$30,INDEX(Jesper!$R$2:$R$366,ROW(INDEX(Jesper!AH$2:AH$366,ROUNDDOWN($C1478/24,0)+1,1))-1)+IF('Standard Profiles'!$G$18=$B$10,7,0)+IF('Standard Profiles'!$G$18=$B$17,14,0)+IF('Standard Profiles'!$G$18=$B$24,21,0),MOD($C1478,24)+1)/SUM(INDEX($D$3:$AA$30,INDEX(Jesper!$R$2:$R$366,ROW(INDEX(Jesper!AH$2:AH$366,ROUNDDOWN($C1478/24,0)+1,1))-1)+IF('Standard Profiles'!$G$18=$B$10,7,0)+IF('Standard Profiles'!$G$18=$B$17,14,0)+IF('Standard Profiles'!$G$18=$B$24,21,0),0)),0)</f>
        <v>5.9854813682923043</v>
      </c>
      <c r="E1478" cm="1">
        <f t="array" ref="E1478">IFERROR(INDEX(Jesper!AI$2:AI$366,ROUNDDOWN($C1478/24,0)+1,1)*INDEX($D$3:$AA$30,INDEX(Jesper!$R$2:$R$366,ROW(INDEX(Jesper!AI$2:AI$366,ROUNDDOWN($C1478/24,0)+1,1))-1)+IF('Standard Profiles'!$G$19=$B$10,7,0)+IF('Standard Profiles'!$G$19=$B$17,14,0)+IF('Standard Profiles'!$G$19=$B$24,21,0),MOD($C1478,24)+1)/SUM(INDEX($D$3:$AA$30,INDEX(Jesper!$R$2:$R$366,ROW(INDEX(Jesper!AI$2:AI$366,ROUNDDOWN($C1478/24,0)+1,1))-1)+IF('Standard Profiles'!$G$19=$B$10,7,0)+IF('Standard Profiles'!$G$19=$B$17,14,0)+IF('Standard Profiles'!$G$19=$B$24,21,0),0)),0)</f>
        <v>6.2630679061319006</v>
      </c>
      <c r="F1478" cm="1">
        <f t="array" ref="F1478">IFERROR(INDEX(Jesper!AJ$2:AJ$366,ROUNDDOWN($C1478/24,0)+1,1)*INDEX($D$3:$AA$30,INDEX(Jesper!$R$2:$R$366,ROW(INDEX(Jesper!AJ$2:AJ$366,ROUNDDOWN($C1478/24,0)+1,1))-1)+IF('Standard Profiles'!$G$20=$B$10,7,0)+IF('Standard Profiles'!$G$20=$B$17,14,0)+IF('Standard Profiles'!$G$20=$B$24,21,0),MOD($C1478,24)+1)/SUM(INDEX($D$3:$AA$30,INDEX(Jesper!$R$2:$R$366,ROW(INDEX(Jesper!AJ$2:AJ$366,ROUNDDOWN($C1478/24,0)+1,1))-1)+IF('Standard Profiles'!$G$20=$B$10,7,0)+IF('Standard Profiles'!$G$20=$B$17,14,0)+IF('Standard Profiles'!$G$20=$B$24,21,0),0)),0)</f>
        <v>0</v>
      </c>
      <c r="G1478" cm="1">
        <f t="array" ref="G1478">IFERROR(INDEX(Jesper!AK$2:AK$366,ROUNDDOWN($C1478/24,0)+1,1)*INDEX($D$3:$AA$30,INDEX(Jesper!$R$2:$R$366,ROW(INDEX(Jesper!AK$2:AK$366,ROUNDDOWN($C1478/24,0)+1,1))-1)+IF('Standard Profiles'!$G$21=$B$10,7,0)+IF('Standard Profiles'!$G$21=$B$17,14,0)+IF('Standard Profiles'!$G$21=$B$24,21,0),MOD($C1478,24)+1)/SUM(INDEX($D$3:$AA$30,INDEX(Jesper!$R$2:$R$366,ROW(INDEX(Jesper!AK$2:AK$366,ROUNDDOWN($C1478/24,0)+1,1))-1)+IF('Standard Profiles'!$G$21=$B$10,7,0)+IF('Standard Profiles'!$G$21=$B$17,14,0)+IF('Standard Profiles'!$G$21=$B$24,21,0),0)),0)</f>
        <v>6.542821689147603</v>
      </c>
      <c r="H1478" cm="1">
        <f t="array" ref="H1478">IFERROR(INDEX(Jesper!AL$2:AL$366,ROUNDDOWN($C1478/24,0)+1,1)*INDEX($D$3:$AA$30,INDEX(Jesper!$R$2:$R$366,ROW(INDEX(Jesper!AL$2:AL$366,ROUNDDOWN($C1478/24,0)+1,1))-1)+IF('Standard Profiles'!$G$22=$B$10,7,0)+IF('Standard Profiles'!$G$22=$B$17,14,0)+IF('Standard Profiles'!$G$22=$B$24,21,0),MOD($C1478,24)+1)/SUM(INDEX($D$3:$AA$30,INDEX(Jesper!$R$2:$R$366,ROW(INDEX(Jesper!AL$2:AL$366,ROUNDDOWN($C1478/24,0)+1,1))-1)+IF('Standard Profiles'!$G$22=$B$10,7,0)+IF('Standard Profiles'!$G$22=$B$17,14,0)+IF('Standard Profiles'!$G$22=$B$24,21,0),0)),0)</f>
        <v>0</v>
      </c>
      <c r="I1478">
        <f t="shared" si="174"/>
        <v>3.1405544107908479</v>
      </c>
      <c r="J1478">
        <f t="shared" si="175"/>
        <v>14.693139533854191</v>
      </c>
      <c r="K1478">
        <f t="shared" si="176"/>
        <v>0.63845134595117914</v>
      </c>
      <c r="L1478">
        <f t="shared" si="177"/>
        <v>0.31922567297558957</v>
      </c>
      <c r="M1478">
        <f t="shared" si="178"/>
        <v>0</v>
      </c>
      <c r="N1478" s="45">
        <f t="shared" si="179"/>
        <v>44987.166666663165</v>
      </c>
    </row>
    <row r="1479" spans="2:14" x14ac:dyDescent="0.25">
      <c r="B1479">
        <f t="shared" si="173"/>
        <v>4</v>
      </c>
      <c r="C1479" s="16">
        <v>1445</v>
      </c>
      <c r="D1479" cm="1">
        <f t="array" ref="D1479">IFERROR(INDEX(Jesper!AH$2:AH$366,ROUNDDOWN($C1479/24,0)+1,1)*INDEX($D$3:$AA$30,INDEX(Jesper!$R$2:$R$366,ROW(INDEX(Jesper!AH$2:AH$366,ROUNDDOWN($C1479/24,0)+1,1))-1)+IF('Standard Profiles'!$G$18=$B$10,7,0)+IF('Standard Profiles'!$G$18=$B$17,14,0)+IF('Standard Profiles'!$G$18=$B$24,21,0),MOD($C1479,24)+1)/SUM(INDEX($D$3:$AA$30,INDEX(Jesper!$R$2:$R$366,ROW(INDEX(Jesper!AH$2:AH$366,ROUNDDOWN($C1479/24,0)+1,1))-1)+IF('Standard Profiles'!$G$18=$B$10,7,0)+IF('Standard Profiles'!$G$18=$B$17,14,0)+IF('Standard Profiles'!$G$18=$B$24,21,0),0)),0)</f>
        <v>5.9854813682923043</v>
      </c>
      <c r="E1479" cm="1">
        <f t="array" ref="E1479">IFERROR(INDEX(Jesper!AI$2:AI$366,ROUNDDOWN($C1479/24,0)+1,1)*INDEX($D$3:$AA$30,INDEX(Jesper!$R$2:$R$366,ROW(INDEX(Jesper!AI$2:AI$366,ROUNDDOWN($C1479/24,0)+1,1))-1)+IF('Standard Profiles'!$G$19=$B$10,7,0)+IF('Standard Profiles'!$G$19=$B$17,14,0)+IF('Standard Profiles'!$G$19=$B$24,21,0),MOD($C1479,24)+1)/SUM(INDEX($D$3:$AA$30,INDEX(Jesper!$R$2:$R$366,ROW(INDEX(Jesper!AI$2:AI$366,ROUNDDOWN($C1479/24,0)+1,1))-1)+IF('Standard Profiles'!$G$19=$B$10,7,0)+IF('Standard Profiles'!$G$19=$B$17,14,0)+IF('Standard Profiles'!$G$19=$B$24,21,0),0)),0)</f>
        <v>6.2630679061319006</v>
      </c>
      <c r="F1479" cm="1">
        <f t="array" ref="F1479">IFERROR(INDEX(Jesper!AJ$2:AJ$366,ROUNDDOWN($C1479/24,0)+1,1)*INDEX($D$3:$AA$30,INDEX(Jesper!$R$2:$R$366,ROW(INDEX(Jesper!AJ$2:AJ$366,ROUNDDOWN($C1479/24,0)+1,1))-1)+IF('Standard Profiles'!$G$20=$B$10,7,0)+IF('Standard Profiles'!$G$20=$B$17,14,0)+IF('Standard Profiles'!$G$20=$B$24,21,0),MOD($C1479,24)+1)/SUM(INDEX($D$3:$AA$30,INDEX(Jesper!$R$2:$R$366,ROW(INDEX(Jesper!AJ$2:AJ$366,ROUNDDOWN($C1479/24,0)+1,1))-1)+IF('Standard Profiles'!$G$20=$B$10,7,0)+IF('Standard Profiles'!$G$20=$B$17,14,0)+IF('Standard Profiles'!$G$20=$B$24,21,0),0)),0)</f>
        <v>0</v>
      </c>
      <c r="G1479" cm="1">
        <f t="array" ref="G1479">IFERROR(INDEX(Jesper!AK$2:AK$366,ROUNDDOWN($C1479/24,0)+1,1)*INDEX($D$3:$AA$30,INDEX(Jesper!$R$2:$R$366,ROW(INDEX(Jesper!AK$2:AK$366,ROUNDDOWN($C1479/24,0)+1,1))-1)+IF('Standard Profiles'!$G$21=$B$10,7,0)+IF('Standard Profiles'!$G$21=$B$17,14,0)+IF('Standard Profiles'!$G$21=$B$24,21,0),MOD($C1479,24)+1)/SUM(INDEX($D$3:$AA$30,INDEX(Jesper!$R$2:$R$366,ROW(INDEX(Jesper!AK$2:AK$366,ROUNDDOWN($C1479/24,0)+1,1))-1)+IF('Standard Profiles'!$G$21=$B$10,7,0)+IF('Standard Profiles'!$G$21=$B$17,14,0)+IF('Standard Profiles'!$G$21=$B$24,21,0),0)),0)</f>
        <v>6.542821689147603</v>
      </c>
      <c r="H1479" cm="1">
        <f t="array" ref="H1479">IFERROR(INDEX(Jesper!AL$2:AL$366,ROUNDDOWN($C1479/24,0)+1,1)*INDEX($D$3:$AA$30,INDEX(Jesper!$R$2:$R$366,ROW(INDEX(Jesper!AL$2:AL$366,ROUNDDOWN($C1479/24,0)+1,1))-1)+IF('Standard Profiles'!$G$22=$B$10,7,0)+IF('Standard Profiles'!$G$22=$B$17,14,0)+IF('Standard Profiles'!$G$22=$B$24,21,0),MOD($C1479,24)+1)/SUM(INDEX($D$3:$AA$30,INDEX(Jesper!$R$2:$R$366,ROW(INDEX(Jesper!AL$2:AL$366,ROUNDDOWN($C1479/24,0)+1,1))-1)+IF('Standard Profiles'!$G$22=$B$10,7,0)+IF('Standard Profiles'!$G$22=$B$17,14,0)+IF('Standard Profiles'!$G$22=$B$24,21,0),0)),0)</f>
        <v>0</v>
      </c>
      <c r="I1479">
        <f t="shared" si="174"/>
        <v>3.1405544107908479</v>
      </c>
      <c r="J1479">
        <f t="shared" si="175"/>
        <v>14.693139533854191</v>
      </c>
      <c r="K1479">
        <f t="shared" si="176"/>
        <v>0.63845134595117914</v>
      </c>
      <c r="L1479">
        <f t="shared" si="177"/>
        <v>0.31922567297558957</v>
      </c>
      <c r="M1479">
        <f t="shared" si="178"/>
        <v>0</v>
      </c>
      <c r="N1479" s="45">
        <f t="shared" si="179"/>
        <v>44987.208333329829</v>
      </c>
    </row>
    <row r="1480" spans="2:14" x14ac:dyDescent="0.25">
      <c r="B1480">
        <f t="shared" si="173"/>
        <v>4</v>
      </c>
      <c r="C1480" s="16">
        <v>1446</v>
      </c>
      <c r="D1480" cm="1">
        <f t="array" ref="D1480">IFERROR(INDEX(Jesper!AH$2:AH$366,ROUNDDOWN($C1480/24,0)+1,1)*INDEX($D$3:$AA$30,INDEX(Jesper!$R$2:$R$366,ROW(INDEX(Jesper!AH$2:AH$366,ROUNDDOWN($C1480/24,0)+1,1))-1)+IF('Standard Profiles'!$G$18=$B$10,7,0)+IF('Standard Profiles'!$G$18=$B$17,14,0)+IF('Standard Profiles'!$G$18=$B$24,21,0),MOD($C1480,24)+1)/SUM(INDEX($D$3:$AA$30,INDEX(Jesper!$R$2:$R$366,ROW(INDEX(Jesper!AH$2:AH$366,ROUNDDOWN($C1480/24,0)+1,1))-1)+IF('Standard Profiles'!$G$18=$B$10,7,0)+IF('Standard Profiles'!$G$18=$B$17,14,0)+IF('Standard Profiles'!$G$18=$B$24,21,0),0)),0)</f>
        <v>5.9854813682923043</v>
      </c>
      <c r="E1480" cm="1">
        <f t="array" ref="E1480">IFERROR(INDEX(Jesper!AI$2:AI$366,ROUNDDOWN($C1480/24,0)+1,1)*INDEX($D$3:$AA$30,INDEX(Jesper!$R$2:$R$366,ROW(INDEX(Jesper!AI$2:AI$366,ROUNDDOWN($C1480/24,0)+1,1))-1)+IF('Standard Profiles'!$G$19=$B$10,7,0)+IF('Standard Profiles'!$G$19=$B$17,14,0)+IF('Standard Profiles'!$G$19=$B$24,21,0),MOD($C1480,24)+1)/SUM(INDEX($D$3:$AA$30,INDEX(Jesper!$R$2:$R$366,ROW(INDEX(Jesper!AI$2:AI$366,ROUNDDOWN($C1480/24,0)+1,1))-1)+IF('Standard Profiles'!$G$19=$B$10,7,0)+IF('Standard Profiles'!$G$19=$B$17,14,0)+IF('Standard Profiles'!$G$19=$B$24,21,0),0)),0)</f>
        <v>6.2630679061319006</v>
      </c>
      <c r="F1480" cm="1">
        <f t="array" ref="F1480">IFERROR(INDEX(Jesper!AJ$2:AJ$366,ROUNDDOWN($C1480/24,0)+1,1)*INDEX($D$3:$AA$30,INDEX(Jesper!$R$2:$R$366,ROW(INDEX(Jesper!AJ$2:AJ$366,ROUNDDOWN($C1480/24,0)+1,1))-1)+IF('Standard Profiles'!$G$20=$B$10,7,0)+IF('Standard Profiles'!$G$20=$B$17,14,0)+IF('Standard Profiles'!$G$20=$B$24,21,0),MOD($C1480,24)+1)/SUM(INDEX($D$3:$AA$30,INDEX(Jesper!$R$2:$R$366,ROW(INDEX(Jesper!AJ$2:AJ$366,ROUNDDOWN($C1480/24,0)+1,1))-1)+IF('Standard Profiles'!$G$20=$B$10,7,0)+IF('Standard Profiles'!$G$20=$B$17,14,0)+IF('Standard Profiles'!$G$20=$B$24,21,0),0)),0)</f>
        <v>0</v>
      </c>
      <c r="G1480" cm="1">
        <f t="array" ref="G1480">IFERROR(INDEX(Jesper!AK$2:AK$366,ROUNDDOWN($C1480/24,0)+1,1)*INDEX($D$3:$AA$30,INDEX(Jesper!$R$2:$R$366,ROW(INDEX(Jesper!AK$2:AK$366,ROUNDDOWN($C1480/24,0)+1,1))-1)+IF('Standard Profiles'!$G$21=$B$10,7,0)+IF('Standard Profiles'!$G$21=$B$17,14,0)+IF('Standard Profiles'!$G$21=$B$24,21,0),MOD($C1480,24)+1)/SUM(INDEX($D$3:$AA$30,INDEX(Jesper!$R$2:$R$366,ROW(INDEX(Jesper!AK$2:AK$366,ROUNDDOWN($C1480/24,0)+1,1))-1)+IF('Standard Profiles'!$G$21=$B$10,7,0)+IF('Standard Profiles'!$G$21=$B$17,14,0)+IF('Standard Profiles'!$G$21=$B$24,21,0),0)),0)</f>
        <v>6.542821689147603</v>
      </c>
      <c r="H1480" cm="1">
        <f t="array" ref="H1480">IFERROR(INDEX(Jesper!AL$2:AL$366,ROUNDDOWN($C1480/24,0)+1,1)*INDEX($D$3:$AA$30,INDEX(Jesper!$R$2:$R$366,ROW(INDEX(Jesper!AL$2:AL$366,ROUNDDOWN($C1480/24,0)+1,1))-1)+IF('Standard Profiles'!$G$22=$B$10,7,0)+IF('Standard Profiles'!$G$22=$B$17,14,0)+IF('Standard Profiles'!$G$22=$B$24,21,0),MOD($C1480,24)+1)/SUM(INDEX($D$3:$AA$30,INDEX(Jesper!$R$2:$R$366,ROW(INDEX(Jesper!AL$2:AL$366,ROUNDDOWN($C1480/24,0)+1,1))-1)+IF('Standard Profiles'!$G$22=$B$10,7,0)+IF('Standard Profiles'!$G$22=$B$17,14,0)+IF('Standard Profiles'!$G$22=$B$24,21,0),0)),0)</f>
        <v>0</v>
      </c>
      <c r="I1480">
        <f t="shared" si="174"/>
        <v>3.1405544107908479</v>
      </c>
      <c r="J1480">
        <f t="shared" si="175"/>
        <v>14.693139533854191</v>
      </c>
      <c r="K1480">
        <f t="shared" si="176"/>
        <v>0.63845134595117914</v>
      </c>
      <c r="L1480">
        <f t="shared" si="177"/>
        <v>0.31922567297558957</v>
      </c>
      <c r="M1480">
        <f t="shared" si="178"/>
        <v>0</v>
      </c>
      <c r="N1480" s="45">
        <f t="shared" si="179"/>
        <v>44987.249999996493</v>
      </c>
    </row>
    <row r="1481" spans="2:14" x14ac:dyDescent="0.25">
      <c r="B1481">
        <f t="shared" si="173"/>
        <v>4</v>
      </c>
      <c r="C1481" s="16">
        <v>1447</v>
      </c>
      <c r="D1481" cm="1">
        <f t="array" ref="D1481">IFERROR(INDEX(Jesper!AH$2:AH$366,ROUNDDOWN($C1481/24,0)+1,1)*INDEX($D$3:$AA$30,INDEX(Jesper!$R$2:$R$366,ROW(INDEX(Jesper!AH$2:AH$366,ROUNDDOWN($C1481/24,0)+1,1))-1)+IF('Standard Profiles'!$G$18=$B$10,7,0)+IF('Standard Profiles'!$G$18=$B$17,14,0)+IF('Standard Profiles'!$G$18=$B$24,21,0),MOD($C1481,24)+1)/SUM(INDEX($D$3:$AA$30,INDEX(Jesper!$R$2:$R$366,ROW(INDEX(Jesper!AH$2:AH$366,ROUNDDOWN($C1481/24,0)+1,1))-1)+IF('Standard Profiles'!$G$18=$B$10,7,0)+IF('Standard Profiles'!$G$18=$B$17,14,0)+IF('Standard Profiles'!$G$18=$B$24,21,0),0)),0)</f>
        <v>24.467922320685812</v>
      </c>
      <c r="E1481" cm="1">
        <f t="array" ref="E1481">IFERROR(INDEX(Jesper!AI$2:AI$366,ROUNDDOWN($C1481/24,0)+1,1)*INDEX($D$3:$AA$30,INDEX(Jesper!$R$2:$R$366,ROW(INDEX(Jesper!AI$2:AI$366,ROUNDDOWN($C1481/24,0)+1,1))-1)+IF('Standard Profiles'!$G$19=$B$10,7,0)+IF('Standard Profiles'!$G$19=$B$17,14,0)+IF('Standard Profiles'!$G$19=$B$24,21,0),MOD($C1481,24)+1)/SUM(INDEX($D$3:$AA$30,INDEX(Jesper!$R$2:$R$366,ROW(INDEX(Jesper!AI$2:AI$366,ROUNDDOWN($C1481/24,0)+1,1))-1)+IF('Standard Profiles'!$G$19=$B$10,7,0)+IF('Standard Profiles'!$G$19=$B$17,14,0)+IF('Standard Profiles'!$G$19=$B$24,21,0),0)),0)</f>
        <v>25.602662440521009</v>
      </c>
      <c r="F1481" cm="1">
        <f t="array" ref="F1481">IFERROR(INDEX(Jesper!AJ$2:AJ$366,ROUNDDOWN($C1481/24,0)+1,1)*INDEX($D$3:$AA$30,INDEX(Jesper!$R$2:$R$366,ROW(INDEX(Jesper!AJ$2:AJ$366,ROUNDDOWN($C1481/24,0)+1,1))-1)+IF('Standard Profiles'!$G$20=$B$10,7,0)+IF('Standard Profiles'!$G$20=$B$17,14,0)+IF('Standard Profiles'!$G$20=$B$24,21,0),MOD($C1481,24)+1)/SUM(INDEX($D$3:$AA$30,INDEX(Jesper!$R$2:$R$366,ROW(INDEX(Jesper!AJ$2:AJ$366,ROUNDDOWN($C1481/24,0)+1,1))-1)+IF('Standard Profiles'!$G$20=$B$10,7,0)+IF('Standard Profiles'!$G$20=$B$17,14,0)+IF('Standard Profiles'!$G$20=$B$24,21,0),0)),0)</f>
        <v>0</v>
      </c>
      <c r="G1481" cm="1">
        <f t="array" ref="G1481">IFERROR(INDEX(Jesper!AK$2:AK$366,ROUNDDOWN($C1481/24,0)+1,1)*INDEX($D$3:$AA$30,INDEX(Jesper!$R$2:$R$366,ROW(INDEX(Jesper!AK$2:AK$366,ROUNDDOWN($C1481/24,0)+1,1))-1)+IF('Standard Profiles'!$G$21=$B$10,7,0)+IF('Standard Profiles'!$G$21=$B$17,14,0)+IF('Standard Profiles'!$G$21=$B$24,21,0),MOD($C1481,24)+1)/SUM(INDEX($D$3:$AA$30,INDEX(Jesper!$R$2:$R$366,ROW(INDEX(Jesper!AK$2:AK$366,ROUNDDOWN($C1481/24,0)+1,1))-1)+IF('Standard Profiles'!$G$21=$B$10,7,0)+IF('Standard Profiles'!$G$21=$B$17,14,0)+IF('Standard Profiles'!$G$21=$B$24,21,0),0)),0)</f>
        <v>18.025473753601645</v>
      </c>
      <c r="H1481" cm="1">
        <f t="array" ref="H1481">IFERROR(INDEX(Jesper!AL$2:AL$366,ROUNDDOWN($C1481/24,0)+1,1)*INDEX($D$3:$AA$30,INDEX(Jesper!$R$2:$R$366,ROW(INDEX(Jesper!AL$2:AL$366,ROUNDDOWN($C1481/24,0)+1,1))-1)+IF('Standard Profiles'!$G$22=$B$10,7,0)+IF('Standard Profiles'!$G$22=$B$17,14,0)+IF('Standard Profiles'!$G$22=$B$24,21,0),MOD($C1481,24)+1)/SUM(INDEX($D$3:$AA$30,INDEX(Jesper!$R$2:$R$366,ROW(INDEX(Jesper!AL$2:AL$366,ROUNDDOWN($C1481/24,0)+1,1))-1)+IF('Standard Profiles'!$G$22=$B$10,7,0)+IF('Standard Profiles'!$G$22=$B$17,14,0)+IF('Standard Profiles'!$G$22=$B$24,21,0),0)),0)</f>
        <v>0</v>
      </c>
      <c r="I1481">
        <f t="shared" si="174"/>
        <v>8.6522274017287852</v>
      </c>
      <c r="J1481">
        <f t="shared" si="175"/>
        <v>55.528963541769947</v>
      </c>
      <c r="K1481">
        <f t="shared" si="176"/>
        <v>2.6099117142064867</v>
      </c>
      <c r="L1481">
        <f t="shared" si="177"/>
        <v>1.3049558571032434</v>
      </c>
      <c r="M1481">
        <f t="shared" si="178"/>
        <v>0</v>
      </c>
      <c r="N1481" s="45">
        <f t="shared" si="179"/>
        <v>44987.291666663157</v>
      </c>
    </row>
    <row r="1482" spans="2:14" x14ac:dyDescent="0.25">
      <c r="B1482">
        <f t="shared" si="173"/>
        <v>4</v>
      </c>
      <c r="C1482" s="16">
        <v>1448</v>
      </c>
      <c r="D1482" cm="1">
        <f t="array" ref="D1482">IFERROR(INDEX(Jesper!AH$2:AH$366,ROUNDDOWN($C1482/24,0)+1,1)*INDEX($D$3:$AA$30,INDEX(Jesper!$R$2:$R$366,ROW(INDEX(Jesper!AH$2:AH$366,ROUNDDOWN($C1482/24,0)+1,1))-1)+IF('Standard Profiles'!$G$18=$B$10,7,0)+IF('Standard Profiles'!$G$18=$B$17,14,0)+IF('Standard Profiles'!$G$18=$B$24,21,0),MOD($C1482,24)+1)/SUM(INDEX($D$3:$AA$30,INDEX(Jesper!$R$2:$R$366,ROW(INDEX(Jesper!AH$2:AH$366,ROUNDDOWN($C1482/24,0)+1,1))-1)+IF('Standard Profiles'!$G$18=$B$10,7,0)+IF('Standard Profiles'!$G$18=$B$17,14,0)+IF('Standard Profiles'!$G$18=$B$24,21,0),0)),0)</f>
        <v>27.301050168344169</v>
      </c>
      <c r="E1482" cm="1">
        <f t="array" ref="E1482">IFERROR(INDEX(Jesper!AI$2:AI$366,ROUNDDOWN($C1482/24,0)+1,1)*INDEX($D$3:$AA$30,INDEX(Jesper!$R$2:$R$366,ROW(INDEX(Jesper!AI$2:AI$366,ROUNDDOWN($C1482/24,0)+1,1))-1)+IF('Standard Profiles'!$G$19=$B$10,7,0)+IF('Standard Profiles'!$G$19=$B$17,14,0)+IF('Standard Profiles'!$G$19=$B$24,21,0),MOD($C1482,24)+1)/SUM(INDEX($D$3:$AA$30,INDEX(Jesper!$R$2:$R$366,ROW(INDEX(Jesper!AI$2:AI$366,ROUNDDOWN($C1482/24,0)+1,1))-1)+IF('Standard Profiles'!$G$19=$B$10,7,0)+IF('Standard Profiles'!$G$19=$B$17,14,0)+IF('Standard Profiles'!$G$19=$B$24,21,0),0)),0)</f>
        <v>28.567181249423445</v>
      </c>
      <c r="F1482" cm="1">
        <f t="array" ref="F1482">IFERROR(INDEX(Jesper!AJ$2:AJ$366,ROUNDDOWN($C1482/24,0)+1,1)*INDEX($D$3:$AA$30,INDEX(Jesper!$R$2:$R$366,ROW(INDEX(Jesper!AJ$2:AJ$366,ROUNDDOWN($C1482/24,0)+1,1))-1)+IF('Standard Profiles'!$G$20=$B$10,7,0)+IF('Standard Profiles'!$G$20=$B$17,14,0)+IF('Standard Profiles'!$G$20=$B$24,21,0),MOD($C1482,24)+1)/SUM(INDEX($D$3:$AA$30,INDEX(Jesper!$R$2:$R$366,ROW(INDEX(Jesper!AJ$2:AJ$366,ROUNDDOWN($C1482/24,0)+1,1))-1)+IF('Standard Profiles'!$G$20=$B$10,7,0)+IF('Standard Profiles'!$G$20=$B$17,14,0)+IF('Standard Profiles'!$G$20=$B$24,21,0),0)),0)</f>
        <v>0</v>
      </c>
      <c r="G1482" cm="1">
        <f t="array" ref="G1482">IFERROR(INDEX(Jesper!AK$2:AK$366,ROUNDDOWN($C1482/24,0)+1,1)*INDEX($D$3:$AA$30,INDEX(Jesper!$R$2:$R$366,ROW(INDEX(Jesper!AK$2:AK$366,ROUNDDOWN($C1482/24,0)+1,1))-1)+IF('Standard Profiles'!$G$21=$B$10,7,0)+IF('Standard Profiles'!$G$21=$B$17,14,0)+IF('Standard Profiles'!$G$21=$B$24,21,0),MOD($C1482,24)+1)/SUM(INDEX($D$3:$AA$30,INDEX(Jesper!$R$2:$R$366,ROW(INDEX(Jesper!AK$2:AK$366,ROUNDDOWN($C1482/24,0)+1,1))-1)+IF('Standard Profiles'!$G$21=$B$10,7,0)+IF('Standard Profiles'!$G$21=$B$17,14,0)+IF('Standard Profiles'!$G$21=$B$24,21,0),0)),0)</f>
        <v>20.112633872439734</v>
      </c>
      <c r="H1482" cm="1">
        <f t="array" ref="H1482">IFERROR(INDEX(Jesper!AL$2:AL$366,ROUNDDOWN($C1482/24,0)+1,1)*INDEX($D$3:$AA$30,INDEX(Jesper!$R$2:$R$366,ROW(INDEX(Jesper!AL$2:AL$366,ROUNDDOWN($C1482/24,0)+1,1))-1)+IF('Standard Profiles'!$G$22=$B$10,7,0)+IF('Standard Profiles'!$G$22=$B$17,14,0)+IF('Standard Profiles'!$G$22=$B$24,21,0),MOD($C1482,24)+1)/SUM(INDEX($D$3:$AA$30,INDEX(Jesper!$R$2:$R$366,ROW(INDEX(Jesper!AL$2:AL$366,ROUNDDOWN($C1482/24,0)+1,1))-1)+IF('Standard Profiles'!$G$22=$B$10,7,0)+IF('Standard Profiles'!$G$22=$B$17,14,0)+IF('Standard Profiles'!$G$22=$B$24,21,0),0)),0)</f>
        <v>0</v>
      </c>
      <c r="I1482">
        <f t="shared" si="174"/>
        <v>9.6540642587710668</v>
      </c>
      <c r="J1482">
        <f t="shared" si="175"/>
        <v>61.958633004501216</v>
      </c>
      <c r="K1482">
        <f t="shared" si="176"/>
        <v>2.9121120179567117</v>
      </c>
      <c r="L1482">
        <f t="shared" si="177"/>
        <v>1.4560560089783559</v>
      </c>
      <c r="M1482">
        <f t="shared" si="178"/>
        <v>0</v>
      </c>
      <c r="N1482" s="45">
        <f t="shared" si="179"/>
        <v>44987.333333329821</v>
      </c>
    </row>
    <row r="1483" spans="2:14" x14ac:dyDescent="0.25">
      <c r="B1483">
        <f t="shared" si="173"/>
        <v>4</v>
      </c>
      <c r="C1483" s="16">
        <v>1449</v>
      </c>
      <c r="D1483" cm="1">
        <f t="array" ref="D1483">IFERROR(INDEX(Jesper!AH$2:AH$366,ROUNDDOWN($C1483/24,0)+1,1)*INDEX($D$3:$AA$30,INDEX(Jesper!$R$2:$R$366,ROW(INDEX(Jesper!AH$2:AH$366,ROUNDDOWN($C1483/24,0)+1,1))-1)+IF('Standard Profiles'!$G$18=$B$10,7,0)+IF('Standard Profiles'!$G$18=$B$17,14,0)+IF('Standard Profiles'!$G$18=$B$24,21,0),MOD($C1483,24)+1)/SUM(INDEX($D$3:$AA$30,INDEX(Jesper!$R$2:$R$366,ROW(INDEX(Jesper!AH$2:AH$366,ROUNDDOWN($C1483/24,0)+1,1))-1)+IF('Standard Profiles'!$G$18=$B$10,7,0)+IF('Standard Profiles'!$G$18=$B$17,14,0)+IF('Standard Profiles'!$G$18=$B$24,21,0),0)),0)</f>
        <v>30.134178016002529</v>
      </c>
      <c r="E1483" cm="1">
        <f t="array" ref="E1483">IFERROR(INDEX(Jesper!AI$2:AI$366,ROUNDDOWN($C1483/24,0)+1,1)*INDEX($D$3:$AA$30,INDEX(Jesper!$R$2:$R$366,ROW(INDEX(Jesper!AI$2:AI$366,ROUNDDOWN($C1483/24,0)+1,1))-1)+IF('Standard Profiles'!$G$19=$B$10,7,0)+IF('Standard Profiles'!$G$19=$B$17,14,0)+IF('Standard Profiles'!$G$19=$B$24,21,0),MOD($C1483,24)+1)/SUM(INDEX($D$3:$AA$30,INDEX(Jesper!$R$2:$R$366,ROW(INDEX(Jesper!AI$2:AI$366,ROUNDDOWN($C1483/24,0)+1,1))-1)+IF('Standard Profiles'!$G$19=$B$10,7,0)+IF('Standard Profiles'!$G$19=$B$17,14,0)+IF('Standard Profiles'!$G$19=$B$24,21,0),0)),0)</f>
        <v>31.531700058325882</v>
      </c>
      <c r="F1483" cm="1">
        <f t="array" ref="F1483">IFERROR(INDEX(Jesper!AJ$2:AJ$366,ROUNDDOWN($C1483/24,0)+1,1)*INDEX($D$3:$AA$30,INDEX(Jesper!$R$2:$R$366,ROW(INDEX(Jesper!AJ$2:AJ$366,ROUNDDOWN($C1483/24,0)+1,1))-1)+IF('Standard Profiles'!$G$20=$B$10,7,0)+IF('Standard Profiles'!$G$20=$B$17,14,0)+IF('Standard Profiles'!$G$20=$B$24,21,0),MOD($C1483,24)+1)/SUM(INDEX($D$3:$AA$30,INDEX(Jesper!$R$2:$R$366,ROW(INDEX(Jesper!AJ$2:AJ$366,ROUNDDOWN($C1483/24,0)+1,1))-1)+IF('Standard Profiles'!$G$20=$B$10,7,0)+IF('Standard Profiles'!$G$20=$B$17,14,0)+IF('Standard Profiles'!$G$20=$B$24,21,0),0)),0)</f>
        <v>0</v>
      </c>
      <c r="G1483" cm="1">
        <f t="array" ref="G1483">IFERROR(INDEX(Jesper!AK$2:AK$366,ROUNDDOWN($C1483/24,0)+1,1)*INDEX($D$3:$AA$30,INDEX(Jesper!$R$2:$R$366,ROW(INDEX(Jesper!AK$2:AK$366,ROUNDDOWN($C1483/24,0)+1,1))-1)+IF('Standard Profiles'!$G$21=$B$10,7,0)+IF('Standard Profiles'!$G$21=$B$17,14,0)+IF('Standard Profiles'!$G$21=$B$24,21,0),MOD($C1483,24)+1)/SUM(INDEX($D$3:$AA$30,INDEX(Jesper!$R$2:$R$366,ROW(INDEX(Jesper!AK$2:AK$366,ROUNDDOWN($C1483/24,0)+1,1))-1)+IF('Standard Profiles'!$G$21=$B$10,7,0)+IF('Standard Profiles'!$G$21=$B$17,14,0)+IF('Standard Profiles'!$G$21=$B$24,21,0),0)),0)</f>
        <v>22.199793991277815</v>
      </c>
      <c r="H1483" cm="1">
        <f t="array" ref="H1483">IFERROR(INDEX(Jesper!AL$2:AL$366,ROUNDDOWN($C1483/24,0)+1,1)*INDEX($D$3:$AA$30,INDEX(Jesper!$R$2:$R$366,ROW(INDEX(Jesper!AL$2:AL$366,ROUNDDOWN($C1483/24,0)+1,1))-1)+IF('Standard Profiles'!$G$22=$B$10,7,0)+IF('Standard Profiles'!$G$22=$B$17,14,0)+IF('Standard Profiles'!$G$22=$B$24,21,0),MOD($C1483,24)+1)/SUM(INDEX($D$3:$AA$30,INDEX(Jesper!$R$2:$R$366,ROW(INDEX(Jesper!AL$2:AL$366,ROUNDDOWN($C1483/24,0)+1,1))-1)+IF('Standard Profiles'!$G$22=$B$10,7,0)+IF('Standard Profiles'!$G$22=$B$17,14,0)+IF('Standard Profiles'!$G$22=$B$24,21,0),0)),0)</f>
        <v>0</v>
      </c>
      <c r="I1483">
        <f t="shared" si="174"/>
        <v>10.655901115813347</v>
      </c>
      <c r="J1483">
        <f t="shared" si="175"/>
        <v>68.388302467232478</v>
      </c>
      <c r="K1483">
        <f t="shared" si="176"/>
        <v>3.2143123217069367</v>
      </c>
      <c r="L1483">
        <f t="shared" si="177"/>
        <v>1.6071561608534684</v>
      </c>
      <c r="M1483">
        <f t="shared" si="178"/>
        <v>0</v>
      </c>
      <c r="N1483" s="45">
        <f t="shared" si="179"/>
        <v>44987.374999996486</v>
      </c>
    </row>
    <row r="1484" spans="2:14" x14ac:dyDescent="0.25">
      <c r="B1484">
        <f t="shared" si="173"/>
        <v>4</v>
      </c>
      <c r="C1484" s="16">
        <v>1450</v>
      </c>
      <c r="D1484" cm="1">
        <f t="array" ref="D1484">IFERROR(INDEX(Jesper!AH$2:AH$366,ROUNDDOWN($C1484/24,0)+1,1)*INDEX($D$3:$AA$30,INDEX(Jesper!$R$2:$R$366,ROW(INDEX(Jesper!AH$2:AH$366,ROUNDDOWN($C1484/24,0)+1,1))-1)+IF('Standard Profiles'!$G$18=$B$10,7,0)+IF('Standard Profiles'!$G$18=$B$17,14,0)+IF('Standard Profiles'!$G$18=$B$24,21,0),MOD($C1484,24)+1)/SUM(INDEX($D$3:$AA$30,INDEX(Jesper!$R$2:$R$366,ROW(INDEX(Jesper!AH$2:AH$366,ROUNDDOWN($C1484/24,0)+1,1))-1)+IF('Standard Profiles'!$G$18=$B$10,7,0)+IF('Standard Profiles'!$G$18=$B$17,14,0)+IF('Standard Profiles'!$G$18=$B$24,21,0),0)),0)</f>
        <v>30.134178016002529</v>
      </c>
      <c r="E1484" cm="1">
        <f t="array" ref="E1484">IFERROR(INDEX(Jesper!AI$2:AI$366,ROUNDDOWN($C1484/24,0)+1,1)*INDEX($D$3:$AA$30,INDEX(Jesper!$R$2:$R$366,ROW(INDEX(Jesper!AI$2:AI$366,ROUNDDOWN($C1484/24,0)+1,1))-1)+IF('Standard Profiles'!$G$19=$B$10,7,0)+IF('Standard Profiles'!$G$19=$B$17,14,0)+IF('Standard Profiles'!$G$19=$B$24,21,0),MOD($C1484,24)+1)/SUM(INDEX($D$3:$AA$30,INDEX(Jesper!$R$2:$R$366,ROW(INDEX(Jesper!AI$2:AI$366,ROUNDDOWN($C1484/24,0)+1,1))-1)+IF('Standard Profiles'!$G$19=$B$10,7,0)+IF('Standard Profiles'!$G$19=$B$17,14,0)+IF('Standard Profiles'!$G$19=$B$24,21,0),0)),0)</f>
        <v>31.531700058325882</v>
      </c>
      <c r="F1484" cm="1">
        <f t="array" ref="F1484">IFERROR(INDEX(Jesper!AJ$2:AJ$366,ROUNDDOWN($C1484/24,0)+1,1)*INDEX($D$3:$AA$30,INDEX(Jesper!$R$2:$R$366,ROW(INDEX(Jesper!AJ$2:AJ$366,ROUNDDOWN($C1484/24,0)+1,1))-1)+IF('Standard Profiles'!$G$20=$B$10,7,0)+IF('Standard Profiles'!$G$20=$B$17,14,0)+IF('Standard Profiles'!$G$20=$B$24,21,0),MOD($C1484,24)+1)/SUM(INDEX($D$3:$AA$30,INDEX(Jesper!$R$2:$R$366,ROW(INDEX(Jesper!AJ$2:AJ$366,ROUNDDOWN($C1484/24,0)+1,1))-1)+IF('Standard Profiles'!$G$20=$B$10,7,0)+IF('Standard Profiles'!$G$20=$B$17,14,0)+IF('Standard Profiles'!$G$20=$B$24,21,0),0)),0)</f>
        <v>0</v>
      </c>
      <c r="G1484" cm="1">
        <f t="array" ref="G1484">IFERROR(INDEX(Jesper!AK$2:AK$366,ROUNDDOWN($C1484/24,0)+1,1)*INDEX($D$3:$AA$30,INDEX(Jesper!$R$2:$R$366,ROW(INDEX(Jesper!AK$2:AK$366,ROUNDDOWN($C1484/24,0)+1,1))-1)+IF('Standard Profiles'!$G$21=$B$10,7,0)+IF('Standard Profiles'!$G$21=$B$17,14,0)+IF('Standard Profiles'!$G$21=$B$24,21,0),MOD($C1484,24)+1)/SUM(INDEX($D$3:$AA$30,INDEX(Jesper!$R$2:$R$366,ROW(INDEX(Jesper!AK$2:AK$366,ROUNDDOWN($C1484/24,0)+1,1))-1)+IF('Standard Profiles'!$G$21=$B$10,7,0)+IF('Standard Profiles'!$G$21=$B$17,14,0)+IF('Standard Profiles'!$G$21=$B$24,21,0),0)),0)</f>
        <v>22.199793991277815</v>
      </c>
      <c r="H1484" cm="1">
        <f t="array" ref="H1484">IFERROR(INDEX(Jesper!AL$2:AL$366,ROUNDDOWN($C1484/24,0)+1,1)*INDEX($D$3:$AA$30,INDEX(Jesper!$R$2:$R$366,ROW(INDEX(Jesper!AL$2:AL$366,ROUNDDOWN($C1484/24,0)+1,1))-1)+IF('Standard Profiles'!$G$22=$B$10,7,0)+IF('Standard Profiles'!$G$22=$B$17,14,0)+IF('Standard Profiles'!$G$22=$B$24,21,0),MOD($C1484,24)+1)/SUM(INDEX($D$3:$AA$30,INDEX(Jesper!$R$2:$R$366,ROW(INDEX(Jesper!AL$2:AL$366,ROUNDDOWN($C1484/24,0)+1,1))-1)+IF('Standard Profiles'!$G$22=$B$10,7,0)+IF('Standard Profiles'!$G$22=$B$17,14,0)+IF('Standard Profiles'!$G$22=$B$24,21,0),0)),0)</f>
        <v>0</v>
      </c>
      <c r="I1484">
        <f t="shared" si="174"/>
        <v>10.655901115813347</v>
      </c>
      <c r="J1484">
        <f t="shared" si="175"/>
        <v>68.388302467232478</v>
      </c>
      <c r="K1484">
        <f t="shared" si="176"/>
        <v>3.2143123217069367</v>
      </c>
      <c r="L1484">
        <f t="shared" si="177"/>
        <v>1.6071561608534684</v>
      </c>
      <c r="M1484">
        <f t="shared" si="178"/>
        <v>0</v>
      </c>
      <c r="N1484" s="45">
        <f t="shared" si="179"/>
        <v>44987.41666666315</v>
      </c>
    </row>
    <row r="1485" spans="2:14" x14ac:dyDescent="0.25">
      <c r="B1485">
        <f t="shared" si="173"/>
        <v>4</v>
      </c>
      <c r="C1485" s="16">
        <v>1451</v>
      </c>
      <c r="D1485" cm="1">
        <f t="array" ref="D1485">IFERROR(INDEX(Jesper!AH$2:AH$366,ROUNDDOWN($C1485/24,0)+1,1)*INDEX($D$3:$AA$30,INDEX(Jesper!$R$2:$R$366,ROW(INDEX(Jesper!AH$2:AH$366,ROUNDDOWN($C1485/24,0)+1,1))-1)+IF('Standard Profiles'!$G$18=$B$10,7,0)+IF('Standard Profiles'!$G$18=$B$17,14,0)+IF('Standard Profiles'!$G$18=$B$24,21,0),MOD($C1485,24)+1)/SUM(INDEX($D$3:$AA$30,INDEX(Jesper!$R$2:$R$366,ROW(INDEX(Jesper!AH$2:AH$366,ROUNDDOWN($C1485/24,0)+1,1))-1)+IF('Standard Profiles'!$G$18=$B$10,7,0)+IF('Standard Profiles'!$G$18=$B$17,14,0)+IF('Standard Profiles'!$G$18=$B$24,21,0),0)),0)</f>
        <v>36.057990788379087</v>
      </c>
      <c r="E1485" cm="1">
        <f t="array" ref="E1485">IFERROR(INDEX(Jesper!AI$2:AI$366,ROUNDDOWN($C1485/24,0)+1,1)*INDEX($D$3:$AA$30,INDEX(Jesper!$R$2:$R$366,ROW(INDEX(Jesper!AI$2:AI$366,ROUNDDOWN($C1485/24,0)+1,1))-1)+IF('Standard Profiles'!$G$19=$B$10,7,0)+IF('Standard Profiles'!$G$19=$B$17,14,0)+IF('Standard Profiles'!$G$19=$B$24,21,0),MOD($C1485,24)+1)/SUM(INDEX($D$3:$AA$30,INDEX(Jesper!$R$2:$R$366,ROW(INDEX(Jesper!AI$2:AI$366,ROUNDDOWN($C1485/24,0)+1,1))-1)+IF('Standard Profiles'!$G$19=$B$10,7,0)+IF('Standard Profiles'!$G$19=$B$17,14,0)+IF('Standard Profiles'!$G$19=$B$24,21,0),0)),0)</f>
        <v>37.730239386030966</v>
      </c>
      <c r="F1485" cm="1">
        <f t="array" ref="F1485">IFERROR(INDEX(Jesper!AJ$2:AJ$366,ROUNDDOWN($C1485/24,0)+1,1)*INDEX($D$3:$AA$30,INDEX(Jesper!$R$2:$R$366,ROW(INDEX(Jesper!AJ$2:AJ$366,ROUNDDOWN($C1485/24,0)+1,1))-1)+IF('Standard Profiles'!$G$20=$B$10,7,0)+IF('Standard Profiles'!$G$20=$B$17,14,0)+IF('Standard Profiles'!$G$20=$B$24,21,0),MOD($C1485,24)+1)/SUM(INDEX($D$3:$AA$30,INDEX(Jesper!$R$2:$R$366,ROW(INDEX(Jesper!AJ$2:AJ$366,ROUNDDOWN($C1485/24,0)+1,1))-1)+IF('Standard Profiles'!$G$20=$B$10,7,0)+IF('Standard Profiles'!$G$20=$B$17,14,0)+IF('Standard Profiles'!$G$20=$B$24,21,0),0)),0)</f>
        <v>0</v>
      </c>
      <c r="G1485" cm="1">
        <f t="array" ref="G1485">IFERROR(INDEX(Jesper!AK$2:AK$366,ROUNDDOWN($C1485/24,0)+1,1)*INDEX($D$3:$AA$30,INDEX(Jesper!$R$2:$R$366,ROW(INDEX(Jesper!AK$2:AK$366,ROUNDDOWN($C1485/24,0)+1,1))-1)+IF('Standard Profiles'!$G$21=$B$10,7,0)+IF('Standard Profiles'!$G$21=$B$17,14,0)+IF('Standard Profiles'!$G$21=$B$24,21,0),MOD($C1485,24)+1)/SUM(INDEX($D$3:$AA$30,INDEX(Jesper!$R$2:$R$366,ROW(INDEX(Jesper!AK$2:AK$366,ROUNDDOWN($C1485/24,0)+1,1))-1)+IF('Standard Profiles'!$G$21=$B$10,7,0)+IF('Standard Profiles'!$G$21=$B$17,14,0)+IF('Standard Profiles'!$G$21=$B$24,21,0),0)),0)</f>
        <v>26.563856057939265</v>
      </c>
      <c r="H1485" cm="1">
        <f t="array" ref="H1485">IFERROR(INDEX(Jesper!AL$2:AL$366,ROUNDDOWN($C1485/24,0)+1,1)*INDEX($D$3:$AA$30,INDEX(Jesper!$R$2:$R$366,ROW(INDEX(Jesper!AL$2:AL$366,ROUNDDOWN($C1485/24,0)+1,1))-1)+IF('Standard Profiles'!$G$22=$B$10,7,0)+IF('Standard Profiles'!$G$22=$B$17,14,0)+IF('Standard Profiles'!$G$22=$B$24,21,0),MOD($C1485,24)+1)/SUM(INDEX($D$3:$AA$30,INDEX(Jesper!$R$2:$R$366,ROW(INDEX(Jesper!AL$2:AL$366,ROUNDDOWN($C1485/24,0)+1,1))-1)+IF('Standard Profiles'!$G$22=$B$10,7,0)+IF('Standard Profiles'!$G$22=$B$17,14,0)+IF('Standard Profiles'!$G$22=$B$24,21,0),0)),0)</f>
        <v>0</v>
      </c>
      <c r="I1485">
        <f t="shared" si="174"/>
        <v>12.75065090781084</v>
      </c>
      <c r="J1485">
        <f t="shared" si="175"/>
        <v>81.832156798397818</v>
      </c>
      <c r="K1485">
        <f t="shared" si="176"/>
        <v>3.8461856840937694</v>
      </c>
      <c r="L1485">
        <f t="shared" si="177"/>
        <v>1.9230928420468847</v>
      </c>
      <c r="M1485">
        <f t="shared" si="178"/>
        <v>0</v>
      </c>
      <c r="N1485" s="45">
        <f t="shared" si="179"/>
        <v>44987.458333329814</v>
      </c>
    </row>
    <row r="1486" spans="2:14" x14ac:dyDescent="0.25">
      <c r="B1486">
        <f t="shared" si="173"/>
        <v>4</v>
      </c>
      <c r="C1486" s="16">
        <v>1452</v>
      </c>
      <c r="D1486" cm="1">
        <f t="array" ref="D1486">IFERROR(INDEX(Jesper!AH$2:AH$366,ROUNDDOWN($C1486/24,0)+1,1)*INDEX($D$3:$AA$30,INDEX(Jesper!$R$2:$R$366,ROW(INDEX(Jesper!AH$2:AH$366,ROUNDDOWN($C1486/24,0)+1,1))-1)+IF('Standard Profiles'!$G$18=$B$10,7,0)+IF('Standard Profiles'!$G$18=$B$17,14,0)+IF('Standard Profiles'!$G$18=$B$24,21,0),MOD($C1486,24)+1)/SUM(INDEX($D$3:$AA$30,INDEX(Jesper!$R$2:$R$366,ROW(INDEX(Jesper!AH$2:AH$366,ROUNDDOWN($C1486/24,0)+1,1))-1)+IF('Standard Profiles'!$G$18=$B$10,7,0)+IF('Standard Profiles'!$G$18=$B$17,14,0)+IF('Standard Profiles'!$G$18=$B$24,21,0),0)),0)</f>
        <v>36.057990788379087</v>
      </c>
      <c r="E1486" cm="1">
        <f t="array" ref="E1486">IFERROR(INDEX(Jesper!AI$2:AI$366,ROUNDDOWN($C1486/24,0)+1,1)*INDEX($D$3:$AA$30,INDEX(Jesper!$R$2:$R$366,ROW(INDEX(Jesper!AI$2:AI$366,ROUNDDOWN($C1486/24,0)+1,1))-1)+IF('Standard Profiles'!$G$19=$B$10,7,0)+IF('Standard Profiles'!$G$19=$B$17,14,0)+IF('Standard Profiles'!$G$19=$B$24,21,0),MOD($C1486,24)+1)/SUM(INDEX($D$3:$AA$30,INDEX(Jesper!$R$2:$R$366,ROW(INDEX(Jesper!AI$2:AI$366,ROUNDDOWN($C1486/24,0)+1,1))-1)+IF('Standard Profiles'!$G$19=$B$10,7,0)+IF('Standard Profiles'!$G$19=$B$17,14,0)+IF('Standard Profiles'!$G$19=$B$24,21,0),0)),0)</f>
        <v>37.730239386030966</v>
      </c>
      <c r="F1486" cm="1">
        <f t="array" ref="F1486">IFERROR(INDEX(Jesper!AJ$2:AJ$366,ROUNDDOWN($C1486/24,0)+1,1)*INDEX($D$3:$AA$30,INDEX(Jesper!$R$2:$R$366,ROW(INDEX(Jesper!AJ$2:AJ$366,ROUNDDOWN($C1486/24,0)+1,1))-1)+IF('Standard Profiles'!$G$20=$B$10,7,0)+IF('Standard Profiles'!$G$20=$B$17,14,0)+IF('Standard Profiles'!$G$20=$B$24,21,0),MOD($C1486,24)+1)/SUM(INDEX($D$3:$AA$30,INDEX(Jesper!$R$2:$R$366,ROW(INDEX(Jesper!AJ$2:AJ$366,ROUNDDOWN($C1486/24,0)+1,1))-1)+IF('Standard Profiles'!$G$20=$B$10,7,0)+IF('Standard Profiles'!$G$20=$B$17,14,0)+IF('Standard Profiles'!$G$20=$B$24,21,0),0)),0)</f>
        <v>0</v>
      </c>
      <c r="G1486" cm="1">
        <f t="array" ref="G1486">IFERROR(INDEX(Jesper!AK$2:AK$366,ROUNDDOWN($C1486/24,0)+1,1)*INDEX($D$3:$AA$30,INDEX(Jesper!$R$2:$R$366,ROW(INDEX(Jesper!AK$2:AK$366,ROUNDDOWN($C1486/24,0)+1,1))-1)+IF('Standard Profiles'!$G$21=$B$10,7,0)+IF('Standard Profiles'!$G$21=$B$17,14,0)+IF('Standard Profiles'!$G$21=$B$24,21,0),MOD($C1486,24)+1)/SUM(INDEX($D$3:$AA$30,INDEX(Jesper!$R$2:$R$366,ROW(INDEX(Jesper!AK$2:AK$366,ROUNDDOWN($C1486/24,0)+1,1))-1)+IF('Standard Profiles'!$G$21=$B$10,7,0)+IF('Standard Profiles'!$G$21=$B$17,14,0)+IF('Standard Profiles'!$G$21=$B$24,21,0),0)),0)</f>
        <v>26.563856057939265</v>
      </c>
      <c r="H1486" cm="1">
        <f t="array" ref="H1486">IFERROR(INDEX(Jesper!AL$2:AL$366,ROUNDDOWN($C1486/24,0)+1,1)*INDEX($D$3:$AA$30,INDEX(Jesper!$R$2:$R$366,ROW(INDEX(Jesper!AL$2:AL$366,ROUNDDOWN($C1486/24,0)+1,1))-1)+IF('Standard Profiles'!$G$22=$B$10,7,0)+IF('Standard Profiles'!$G$22=$B$17,14,0)+IF('Standard Profiles'!$G$22=$B$24,21,0),MOD($C1486,24)+1)/SUM(INDEX($D$3:$AA$30,INDEX(Jesper!$R$2:$R$366,ROW(INDEX(Jesper!AL$2:AL$366,ROUNDDOWN($C1486/24,0)+1,1))-1)+IF('Standard Profiles'!$G$22=$B$10,7,0)+IF('Standard Profiles'!$G$22=$B$17,14,0)+IF('Standard Profiles'!$G$22=$B$24,21,0),0)),0)</f>
        <v>0</v>
      </c>
      <c r="I1486">
        <f t="shared" si="174"/>
        <v>12.75065090781084</v>
      </c>
      <c r="J1486">
        <f t="shared" si="175"/>
        <v>81.832156798397818</v>
      </c>
      <c r="K1486">
        <f t="shared" si="176"/>
        <v>3.8461856840937694</v>
      </c>
      <c r="L1486">
        <f t="shared" si="177"/>
        <v>1.9230928420468847</v>
      </c>
      <c r="M1486">
        <f t="shared" si="178"/>
        <v>0</v>
      </c>
      <c r="N1486" s="45">
        <f t="shared" si="179"/>
        <v>44987.499999996478</v>
      </c>
    </row>
    <row r="1487" spans="2:14" x14ac:dyDescent="0.25">
      <c r="B1487">
        <f t="shared" si="173"/>
        <v>4</v>
      </c>
      <c r="C1487" s="16">
        <v>1453</v>
      </c>
      <c r="D1487" cm="1">
        <f t="array" ref="D1487">IFERROR(INDEX(Jesper!AH$2:AH$366,ROUNDDOWN($C1487/24,0)+1,1)*INDEX($D$3:$AA$30,INDEX(Jesper!$R$2:$R$366,ROW(INDEX(Jesper!AH$2:AH$366,ROUNDDOWN($C1487/24,0)+1,1))-1)+IF('Standard Profiles'!$G$18=$B$10,7,0)+IF('Standard Profiles'!$G$18=$B$17,14,0)+IF('Standard Profiles'!$G$18=$B$24,21,0),MOD($C1487,24)+1)/SUM(INDEX($D$3:$AA$30,INDEX(Jesper!$R$2:$R$366,ROW(INDEX(Jesper!AH$2:AH$366,ROUNDDOWN($C1487/24,0)+1,1))-1)+IF('Standard Profiles'!$G$18=$B$10,7,0)+IF('Standard Profiles'!$G$18=$B$17,14,0)+IF('Standard Profiles'!$G$18=$B$24,21,0),0)),0)</f>
        <v>23.952808166566111</v>
      </c>
      <c r="E1487" cm="1">
        <f t="array" ref="E1487">IFERROR(INDEX(Jesper!AI$2:AI$366,ROUNDDOWN($C1487/24,0)+1,1)*INDEX($D$3:$AA$30,INDEX(Jesper!$R$2:$R$366,ROW(INDEX(Jesper!AI$2:AI$366,ROUNDDOWN($C1487/24,0)+1,1))-1)+IF('Standard Profiles'!$G$19=$B$10,7,0)+IF('Standard Profiles'!$G$19=$B$17,14,0)+IF('Standard Profiles'!$G$19=$B$24,21,0),MOD($C1487,24)+1)/SUM(INDEX($D$3:$AA$30,INDEX(Jesper!$R$2:$R$366,ROW(INDEX(Jesper!AI$2:AI$366,ROUNDDOWN($C1487/24,0)+1,1))-1)+IF('Standard Profiles'!$G$19=$B$10,7,0)+IF('Standard Profiles'!$G$19=$B$17,14,0)+IF('Standard Profiles'!$G$19=$B$24,21,0),0)),0)</f>
        <v>25.063659020720568</v>
      </c>
      <c r="F1487" cm="1">
        <f t="array" ref="F1487">IFERROR(INDEX(Jesper!AJ$2:AJ$366,ROUNDDOWN($C1487/24,0)+1,1)*INDEX($D$3:$AA$30,INDEX(Jesper!$R$2:$R$366,ROW(INDEX(Jesper!AJ$2:AJ$366,ROUNDDOWN($C1487/24,0)+1,1))-1)+IF('Standard Profiles'!$G$20=$B$10,7,0)+IF('Standard Profiles'!$G$20=$B$17,14,0)+IF('Standard Profiles'!$G$20=$B$24,21,0),MOD($C1487,24)+1)/SUM(INDEX($D$3:$AA$30,INDEX(Jesper!$R$2:$R$366,ROW(INDEX(Jesper!AJ$2:AJ$366,ROUNDDOWN($C1487/24,0)+1,1))-1)+IF('Standard Profiles'!$G$20=$B$10,7,0)+IF('Standard Profiles'!$G$20=$B$17,14,0)+IF('Standard Profiles'!$G$20=$B$24,21,0),0)),0)</f>
        <v>0</v>
      </c>
      <c r="G1487" cm="1">
        <f t="array" ref="G1487">IFERROR(INDEX(Jesper!AK$2:AK$366,ROUNDDOWN($C1487/24,0)+1,1)*INDEX($D$3:$AA$30,INDEX(Jesper!$R$2:$R$366,ROW(INDEX(Jesper!AK$2:AK$366,ROUNDDOWN($C1487/24,0)+1,1))-1)+IF('Standard Profiles'!$G$21=$B$10,7,0)+IF('Standard Profiles'!$G$21=$B$17,14,0)+IF('Standard Profiles'!$G$21=$B$24,21,0),MOD($C1487,24)+1)/SUM(INDEX($D$3:$AA$30,INDEX(Jesper!$R$2:$R$366,ROW(INDEX(Jesper!AK$2:AK$366,ROUNDDOWN($C1487/24,0)+1,1))-1)+IF('Standard Profiles'!$G$21=$B$10,7,0)+IF('Standard Profiles'!$G$21=$B$17,14,0)+IF('Standard Profiles'!$G$21=$B$24,21,0),0)),0)</f>
        <v>17.645990095631085</v>
      </c>
      <c r="H1487" cm="1">
        <f t="array" ref="H1487">IFERROR(INDEX(Jesper!AL$2:AL$366,ROUNDDOWN($C1487/24,0)+1,1)*INDEX($D$3:$AA$30,INDEX(Jesper!$R$2:$R$366,ROW(INDEX(Jesper!AL$2:AL$366,ROUNDDOWN($C1487/24,0)+1,1))-1)+IF('Standard Profiles'!$G$22=$B$10,7,0)+IF('Standard Profiles'!$G$22=$B$17,14,0)+IF('Standard Profiles'!$G$22=$B$24,21,0),MOD($C1487,24)+1)/SUM(INDEX($D$3:$AA$30,INDEX(Jesper!$R$2:$R$366,ROW(INDEX(Jesper!AL$2:AL$366,ROUNDDOWN($C1487/24,0)+1,1))-1)+IF('Standard Profiles'!$G$22=$B$10,7,0)+IF('Standard Profiles'!$G$22=$B$17,14,0)+IF('Standard Profiles'!$G$22=$B$24,21,0),0)),0)</f>
        <v>0</v>
      </c>
      <c r="I1487">
        <f t="shared" si="174"/>
        <v>8.4700752459029172</v>
      </c>
      <c r="J1487">
        <f t="shared" si="175"/>
        <v>54.359932730364271</v>
      </c>
      <c r="K1487">
        <f t="shared" si="176"/>
        <v>2.5549662044337187</v>
      </c>
      <c r="L1487">
        <f t="shared" si="177"/>
        <v>1.2774831022168593</v>
      </c>
      <c r="M1487">
        <f t="shared" si="178"/>
        <v>0</v>
      </c>
      <c r="N1487" s="45">
        <f t="shared" si="179"/>
        <v>44987.541666663143</v>
      </c>
    </row>
    <row r="1488" spans="2:14" x14ac:dyDescent="0.25">
      <c r="B1488">
        <f t="shared" si="173"/>
        <v>4</v>
      </c>
      <c r="C1488" s="16">
        <v>1454</v>
      </c>
      <c r="D1488" cm="1">
        <f t="array" ref="D1488">IFERROR(INDEX(Jesper!AH$2:AH$366,ROUNDDOWN($C1488/24,0)+1,1)*INDEX($D$3:$AA$30,INDEX(Jesper!$R$2:$R$366,ROW(INDEX(Jesper!AH$2:AH$366,ROUNDDOWN($C1488/24,0)+1,1))-1)+IF('Standard Profiles'!$G$18=$B$10,7,0)+IF('Standard Profiles'!$G$18=$B$17,14,0)+IF('Standard Profiles'!$G$18=$B$24,21,0),MOD($C1488,24)+1)/SUM(INDEX($D$3:$AA$30,INDEX(Jesper!$R$2:$R$366,ROW(INDEX(Jesper!AH$2:AH$366,ROUNDDOWN($C1488/24,0)+1,1))-1)+IF('Standard Profiles'!$G$18=$B$10,7,0)+IF('Standard Profiles'!$G$18=$B$17,14,0)+IF('Standard Profiles'!$G$18=$B$24,21,0),0)),0)</f>
        <v>36.057990788379087</v>
      </c>
      <c r="E1488" cm="1">
        <f t="array" ref="E1488">IFERROR(INDEX(Jesper!AI$2:AI$366,ROUNDDOWN($C1488/24,0)+1,1)*INDEX($D$3:$AA$30,INDEX(Jesper!$R$2:$R$366,ROW(INDEX(Jesper!AI$2:AI$366,ROUNDDOWN($C1488/24,0)+1,1))-1)+IF('Standard Profiles'!$G$19=$B$10,7,0)+IF('Standard Profiles'!$G$19=$B$17,14,0)+IF('Standard Profiles'!$G$19=$B$24,21,0),MOD($C1488,24)+1)/SUM(INDEX($D$3:$AA$30,INDEX(Jesper!$R$2:$R$366,ROW(INDEX(Jesper!AI$2:AI$366,ROUNDDOWN($C1488/24,0)+1,1))-1)+IF('Standard Profiles'!$G$19=$B$10,7,0)+IF('Standard Profiles'!$G$19=$B$17,14,0)+IF('Standard Profiles'!$G$19=$B$24,21,0),0)),0)</f>
        <v>37.730239386030966</v>
      </c>
      <c r="F1488" cm="1">
        <f t="array" ref="F1488">IFERROR(INDEX(Jesper!AJ$2:AJ$366,ROUNDDOWN($C1488/24,0)+1,1)*INDEX($D$3:$AA$30,INDEX(Jesper!$R$2:$R$366,ROW(INDEX(Jesper!AJ$2:AJ$366,ROUNDDOWN($C1488/24,0)+1,1))-1)+IF('Standard Profiles'!$G$20=$B$10,7,0)+IF('Standard Profiles'!$G$20=$B$17,14,0)+IF('Standard Profiles'!$G$20=$B$24,21,0),MOD($C1488,24)+1)/SUM(INDEX($D$3:$AA$30,INDEX(Jesper!$R$2:$R$366,ROW(INDEX(Jesper!AJ$2:AJ$366,ROUNDDOWN($C1488/24,0)+1,1))-1)+IF('Standard Profiles'!$G$20=$B$10,7,0)+IF('Standard Profiles'!$G$20=$B$17,14,0)+IF('Standard Profiles'!$G$20=$B$24,21,0),0)),0)</f>
        <v>0</v>
      </c>
      <c r="G1488" cm="1">
        <f t="array" ref="G1488">IFERROR(INDEX(Jesper!AK$2:AK$366,ROUNDDOWN($C1488/24,0)+1,1)*INDEX($D$3:$AA$30,INDEX(Jesper!$R$2:$R$366,ROW(INDEX(Jesper!AK$2:AK$366,ROUNDDOWN($C1488/24,0)+1,1))-1)+IF('Standard Profiles'!$G$21=$B$10,7,0)+IF('Standard Profiles'!$G$21=$B$17,14,0)+IF('Standard Profiles'!$G$21=$B$24,21,0),MOD($C1488,24)+1)/SUM(INDEX($D$3:$AA$30,INDEX(Jesper!$R$2:$R$366,ROW(INDEX(Jesper!AK$2:AK$366,ROUNDDOWN($C1488/24,0)+1,1))-1)+IF('Standard Profiles'!$G$21=$B$10,7,0)+IF('Standard Profiles'!$G$21=$B$17,14,0)+IF('Standard Profiles'!$G$21=$B$24,21,0),0)),0)</f>
        <v>26.563856057939265</v>
      </c>
      <c r="H1488" cm="1">
        <f t="array" ref="H1488">IFERROR(INDEX(Jesper!AL$2:AL$366,ROUNDDOWN($C1488/24,0)+1,1)*INDEX($D$3:$AA$30,INDEX(Jesper!$R$2:$R$366,ROW(INDEX(Jesper!AL$2:AL$366,ROUNDDOWN($C1488/24,0)+1,1))-1)+IF('Standard Profiles'!$G$22=$B$10,7,0)+IF('Standard Profiles'!$G$22=$B$17,14,0)+IF('Standard Profiles'!$G$22=$B$24,21,0),MOD($C1488,24)+1)/SUM(INDEX($D$3:$AA$30,INDEX(Jesper!$R$2:$R$366,ROW(INDEX(Jesper!AL$2:AL$366,ROUNDDOWN($C1488/24,0)+1,1))-1)+IF('Standard Profiles'!$G$22=$B$10,7,0)+IF('Standard Profiles'!$G$22=$B$17,14,0)+IF('Standard Profiles'!$G$22=$B$24,21,0),0)),0)</f>
        <v>0</v>
      </c>
      <c r="I1488">
        <f t="shared" si="174"/>
        <v>12.75065090781084</v>
      </c>
      <c r="J1488">
        <f t="shared" si="175"/>
        <v>81.832156798397818</v>
      </c>
      <c r="K1488">
        <f t="shared" si="176"/>
        <v>3.8461856840937694</v>
      </c>
      <c r="L1488">
        <f t="shared" si="177"/>
        <v>1.9230928420468847</v>
      </c>
      <c r="M1488">
        <f t="shared" si="178"/>
        <v>0</v>
      </c>
      <c r="N1488" s="45">
        <f t="shared" si="179"/>
        <v>44987.583333329807</v>
      </c>
    </row>
    <row r="1489" spans="2:14" x14ac:dyDescent="0.25">
      <c r="B1489">
        <f t="shared" si="173"/>
        <v>4</v>
      </c>
      <c r="C1489" s="16">
        <v>1455</v>
      </c>
      <c r="D1489" cm="1">
        <f t="array" ref="D1489">IFERROR(INDEX(Jesper!AH$2:AH$366,ROUNDDOWN($C1489/24,0)+1,1)*INDEX($D$3:$AA$30,INDEX(Jesper!$R$2:$R$366,ROW(INDEX(Jesper!AH$2:AH$366,ROUNDDOWN($C1489/24,0)+1,1))-1)+IF('Standard Profiles'!$G$18=$B$10,7,0)+IF('Standard Profiles'!$G$18=$B$17,14,0)+IF('Standard Profiles'!$G$18=$B$24,21,0),MOD($C1489,24)+1)/SUM(INDEX($D$3:$AA$30,INDEX(Jesper!$R$2:$R$366,ROW(INDEX(Jesper!AH$2:AH$366,ROUNDDOWN($C1489/24,0)+1,1))-1)+IF('Standard Profiles'!$G$18=$B$10,7,0)+IF('Standard Profiles'!$G$18=$B$17,14,0)+IF('Standard Profiles'!$G$18=$B$24,21,0),0)),0)</f>
        <v>36.057990788379087</v>
      </c>
      <c r="E1489" cm="1">
        <f t="array" ref="E1489">IFERROR(INDEX(Jesper!AI$2:AI$366,ROUNDDOWN($C1489/24,0)+1,1)*INDEX($D$3:$AA$30,INDEX(Jesper!$R$2:$R$366,ROW(INDEX(Jesper!AI$2:AI$366,ROUNDDOWN($C1489/24,0)+1,1))-1)+IF('Standard Profiles'!$G$19=$B$10,7,0)+IF('Standard Profiles'!$G$19=$B$17,14,0)+IF('Standard Profiles'!$G$19=$B$24,21,0),MOD($C1489,24)+1)/SUM(INDEX($D$3:$AA$30,INDEX(Jesper!$R$2:$R$366,ROW(INDEX(Jesper!AI$2:AI$366,ROUNDDOWN($C1489/24,0)+1,1))-1)+IF('Standard Profiles'!$G$19=$B$10,7,0)+IF('Standard Profiles'!$G$19=$B$17,14,0)+IF('Standard Profiles'!$G$19=$B$24,21,0),0)),0)</f>
        <v>37.730239386030966</v>
      </c>
      <c r="F1489" cm="1">
        <f t="array" ref="F1489">IFERROR(INDEX(Jesper!AJ$2:AJ$366,ROUNDDOWN($C1489/24,0)+1,1)*INDEX($D$3:$AA$30,INDEX(Jesper!$R$2:$R$366,ROW(INDEX(Jesper!AJ$2:AJ$366,ROUNDDOWN($C1489/24,0)+1,1))-1)+IF('Standard Profiles'!$G$20=$B$10,7,0)+IF('Standard Profiles'!$G$20=$B$17,14,0)+IF('Standard Profiles'!$G$20=$B$24,21,0),MOD($C1489,24)+1)/SUM(INDEX($D$3:$AA$30,INDEX(Jesper!$R$2:$R$366,ROW(INDEX(Jesper!AJ$2:AJ$366,ROUNDDOWN($C1489/24,0)+1,1))-1)+IF('Standard Profiles'!$G$20=$B$10,7,0)+IF('Standard Profiles'!$G$20=$B$17,14,0)+IF('Standard Profiles'!$G$20=$B$24,21,0),0)),0)</f>
        <v>0</v>
      </c>
      <c r="G1489" cm="1">
        <f t="array" ref="G1489">IFERROR(INDEX(Jesper!AK$2:AK$366,ROUNDDOWN($C1489/24,0)+1,1)*INDEX($D$3:$AA$30,INDEX(Jesper!$R$2:$R$366,ROW(INDEX(Jesper!AK$2:AK$366,ROUNDDOWN($C1489/24,0)+1,1))-1)+IF('Standard Profiles'!$G$21=$B$10,7,0)+IF('Standard Profiles'!$G$21=$B$17,14,0)+IF('Standard Profiles'!$G$21=$B$24,21,0),MOD($C1489,24)+1)/SUM(INDEX($D$3:$AA$30,INDEX(Jesper!$R$2:$R$366,ROW(INDEX(Jesper!AK$2:AK$366,ROUNDDOWN($C1489/24,0)+1,1))-1)+IF('Standard Profiles'!$G$21=$B$10,7,0)+IF('Standard Profiles'!$G$21=$B$17,14,0)+IF('Standard Profiles'!$G$21=$B$24,21,0),0)),0)</f>
        <v>26.563856057939265</v>
      </c>
      <c r="H1489" cm="1">
        <f t="array" ref="H1489">IFERROR(INDEX(Jesper!AL$2:AL$366,ROUNDDOWN($C1489/24,0)+1,1)*INDEX($D$3:$AA$30,INDEX(Jesper!$R$2:$R$366,ROW(INDEX(Jesper!AL$2:AL$366,ROUNDDOWN($C1489/24,0)+1,1))-1)+IF('Standard Profiles'!$G$22=$B$10,7,0)+IF('Standard Profiles'!$G$22=$B$17,14,0)+IF('Standard Profiles'!$G$22=$B$24,21,0),MOD($C1489,24)+1)/SUM(INDEX($D$3:$AA$30,INDEX(Jesper!$R$2:$R$366,ROW(INDEX(Jesper!AL$2:AL$366,ROUNDDOWN($C1489/24,0)+1,1))-1)+IF('Standard Profiles'!$G$22=$B$10,7,0)+IF('Standard Profiles'!$G$22=$B$17,14,0)+IF('Standard Profiles'!$G$22=$B$24,21,0),0)),0)</f>
        <v>0</v>
      </c>
      <c r="I1489">
        <f t="shared" si="174"/>
        <v>12.75065090781084</v>
      </c>
      <c r="J1489">
        <f t="shared" si="175"/>
        <v>81.832156798397818</v>
      </c>
      <c r="K1489">
        <f t="shared" si="176"/>
        <v>3.8461856840937694</v>
      </c>
      <c r="L1489">
        <f t="shared" si="177"/>
        <v>1.9230928420468847</v>
      </c>
      <c r="M1489">
        <f t="shared" si="178"/>
        <v>0</v>
      </c>
      <c r="N1489" s="45">
        <f t="shared" si="179"/>
        <v>44987.624999996471</v>
      </c>
    </row>
    <row r="1490" spans="2:14" x14ac:dyDescent="0.25">
      <c r="B1490">
        <f t="shared" si="173"/>
        <v>4</v>
      </c>
      <c r="C1490" s="16">
        <v>1456</v>
      </c>
      <c r="D1490" cm="1">
        <f t="array" ref="D1490">IFERROR(INDEX(Jesper!AH$2:AH$366,ROUNDDOWN($C1490/24,0)+1,1)*INDEX($D$3:$AA$30,INDEX(Jesper!$R$2:$R$366,ROW(INDEX(Jesper!AH$2:AH$366,ROUNDDOWN($C1490/24,0)+1,1))-1)+IF('Standard Profiles'!$G$18=$B$10,7,0)+IF('Standard Profiles'!$G$18=$B$17,14,0)+IF('Standard Profiles'!$G$18=$B$24,21,0),MOD($C1490,24)+1)/SUM(INDEX($D$3:$AA$30,INDEX(Jesper!$R$2:$R$366,ROW(INDEX(Jesper!AH$2:AH$366,ROUNDDOWN($C1490/24,0)+1,1))-1)+IF('Standard Profiles'!$G$18=$B$10,7,0)+IF('Standard Profiles'!$G$18=$B$17,14,0)+IF('Standard Profiles'!$G$18=$B$24,21,0),0)),0)</f>
        <v>21.248458857437683</v>
      </c>
      <c r="E1490" cm="1">
        <f t="array" ref="E1490">IFERROR(INDEX(Jesper!AI$2:AI$366,ROUNDDOWN($C1490/24,0)+1,1)*INDEX($D$3:$AA$30,INDEX(Jesper!$R$2:$R$366,ROW(INDEX(Jesper!AI$2:AI$366,ROUNDDOWN($C1490/24,0)+1,1))-1)+IF('Standard Profiles'!$G$19=$B$10,7,0)+IF('Standard Profiles'!$G$19=$B$17,14,0)+IF('Standard Profiles'!$G$19=$B$24,21,0),MOD($C1490,24)+1)/SUM(INDEX($D$3:$AA$30,INDEX(Jesper!$R$2:$R$366,ROW(INDEX(Jesper!AI$2:AI$366,ROUNDDOWN($C1490/24,0)+1,1))-1)+IF('Standard Profiles'!$G$19=$B$10,7,0)+IF('Standard Profiles'!$G$19=$B$17,14,0)+IF('Standard Profiles'!$G$19=$B$24,21,0),0)),0)</f>
        <v>22.233891066768248</v>
      </c>
      <c r="F1490" cm="1">
        <f t="array" ref="F1490">IFERROR(INDEX(Jesper!AJ$2:AJ$366,ROUNDDOWN($C1490/24,0)+1,1)*INDEX($D$3:$AA$30,INDEX(Jesper!$R$2:$R$366,ROW(INDEX(Jesper!AJ$2:AJ$366,ROUNDDOWN($C1490/24,0)+1,1))-1)+IF('Standard Profiles'!$G$20=$B$10,7,0)+IF('Standard Profiles'!$G$20=$B$17,14,0)+IF('Standard Profiles'!$G$20=$B$24,21,0),MOD($C1490,24)+1)/SUM(INDEX($D$3:$AA$30,INDEX(Jesper!$R$2:$R$366,ROW(INDEX(Jesper!AJ$2:AJ$366,ROUNDDOWN($C1490/24,0)+1,1))-1)+IF('Standard Profiles'!$G$20=$B$10,7,0)+IF('Standard Profiles'!$G$20=$B$17,14,0)+IF('Standard Profiles'!$G$20=$B$24,21,0),0)),0)</f>
        <v>0</v>
      </c>
      <c r="G1490" cm="1">
        <f t="array" ref="G1490">IFERROR(INDEX(Jesper!AK$2:AK$366,ROUNDDOWN($C1490/24,0)+1,1)*INDEX($D$3:$AA$30,INDEX(Jesper!$R$2:$R$366,ROW(INDEX(Jesper!AK$2:AK$366,ROUNDDOWN($C1490/24,0)+1,1))-1)+IF('Standard Profiles'!$G$21=$B$10,7,0)+IF('Standard Profiles'!$G$21=$B$17,14,0)+IF('Standard Profiles'!$G$21=$B$24,21,0),MOD($C1490,24)+1)/SUM(INDEX($D$3:$AA$30,INDEX(Jesper!$R$2:$R$366,ROW(INDEX(Jesper!AK$2:AK$366,ROUNDDOWN($C1490/24,0)+1,1))-1)+IF('Standard Profiles'!$G$21=$B$10,7,0)+IF('Standard Profiles'!$G$21=$B$17,14,0)+IF('Standard Profiles'!$G$21=$B$24,21,0),0)),0)</f>
        <v>22.196522580433246</v>
      </c>
      <c r="H1490" cm="1">
        <f t="array" ref="H1490">IFERROR(INDEX(Jesper!AL$2:AL$366,ROUNDDOWN($C1490/24,0)+1,1)*INDEX($D$3:$AA$30,INDEX(Jesper!$R$2:$R$366,ROW(INDEX(Jesper!AL$2:AL$366,ROUNDDOWN($C1490/24,0)+1,1))-1)+IF('Standard Profiles'!$G$22=$B$10,7,0)+IF('Standard Profiles'!$G$22=$B$17,14,0)+IF('Standard Profiles'!$G$22=$B$24,21,0),MOD($C1490,24)+1)/SUM(INDEX($D$3:$AA$30,INDEX(Jesper!$R$2:$R$366,ROW(INDEX(Jesper!AL$2:AL$366,ROUNDDOWN($C1490/24,0)+1,1))-1)+IF('Standard Profiles'!$G$22=$B$10,7,0)+IF('Standard Profiles'!$G$22=$B$17,14,0)+IF('Standard Profiles'!$G$22=$B$24,21,0),0)),0)</f>
        <v>0</v>
      </c>
      <c r="I1490">
        <f t="shared" si="174"/>
        <v>10.654330838607953</v>
      </c>
      <c r="J1490">
        <f t="shared" si="175"/>
        <v>51.624788248841192</v>
      </c>
      <c r="K1490">
        <f t="shared" si="176"/>
        <v>2.2665022781266861</v>
      </c>
      <c r="L1490">
        <f t="shared" si="177"/>
        <v>1.1332511390633431</v>
      </c>
      <c r="M1490">
        <f t="shared" si="178"/>
        <v>0</v>
      </c>
      <c r="N1490" s="45">
        <f t="shared" si="179"/>
        <v>44987.666666663135</v>
      </c>
    </row>
    <row r="1491" spans="2:14" x14ac:dyDescent="0.25">
      <c r="B1491">
        <f t="shared" si="173"/>
        <v>4</v>
      </c>
      <c r="C1491" s="16">
        <v>1457</v>
      </c>
      <c r="D1491" cm="1">
        <f t="array" ref="D1491">IFERROR(INDEX(Jesper!AH$2:AH$366,ROUNDDOWN($C1491/24,0)+1,1)*INDEX($D$3:$AA$30,INDEX(Jesper!$R$2:$R$366,ROW(INDEX(Jesper!AH$2:AH$366,ROUNDDOWN($C1491/24,0)+1,1))-1)+IF('Standard Profiles'!$G$18=$B$10,7,0)+IF('Standard Profiles'!$G$18=$B$17,14,0)+IF('Standard Profiles'!$G$18=$B$24,21,0),MOD($C1491,24)+1)/SUM(INDEX($D$3:$AA$30,INDEX(Jesper!$R$2:$R$366,ROW(INDEX(Jesper!AH$2:AH$366,ROUNDDOWN($C1491/24,0)+1,1))-1)+IF('Standard Profiles'!$G$18=$B$10,7,0)+IF('Standard Profiles'!$G$18=$B$17,14,0)+IF('Standard Profiles'!$G$18=$B$24,21,0),0)),0)</f>
        <v>9.0689111640792497</v>
      </c>
      <c r="E1491" cm="1">
        <f t="array" ref="E1491">IFERROR(INDEX(Jesper!AI$2:AI$366,ROUNDDOWN($C1491/24,0)+1,1)*INDEX($D$3:$AA$30,INDEX(Jesper!$R$2:$R$366,ROW(INDEX(Jesper!AI$2:AI$366,ROUNDDOWN($C1491/24,0)+1,1))-1)+IF('Standard Profiles'!$G$19=$B$10,7,0)+IF('Standard Profiles'!$G$19=$B$17,14,0)+IF('Standard Profiles'!$G$19=$B$24,21,0),MOD($C1491,24)+1)/SUM(INDEX($D$3:$AA$30,INDEX(Jesper!$R$2:$R$366,ROW(INDEX(Jesper!AI$2:AI$366,ROUNDDOWN($C1491/24,0)+1,1))-1)+IF('Standard Profiles'!$G$19=$B$10,7,0)+IF('Standard Profiles'!$G$19=$B$17,14,0)+IF('Standard Profiles'!$G$19=$B$24,21,0),0)),0)</f>
        <v>9.4894968274725766</v>
      </c>
      <c r="F1491" cm="1">
        <f t="array" ref="F1491">IFERROR(INDEX(Jesper!AJ$2:AJ$366,ROUNDDOWN($C1491/24,0)+1,1)*INDEX($D$3:$AA$30,INDEX(Jesper!$R$2:$R$366,ROW(INDEX(Jesper!AJ$2:AJ$366,ROUNDDOWN($C1491/24,0)+1,1))-1)+IF('Standard Profiles'!$G$20=$B$10,7,0)+IF('Standard Profiles'!$G$20=$B$17,14,0)+IF('Standard Profiles'!$G$20=$B$24,21,0),MOD($C1491,24)+1)/SUM(INDEX($D$3:$AA$30,INDEX(Jesper!$R$2:$R$366,ROW(INDEX(Jesper!AJ$2:AJ$366,ROUNDDOWN($C1491/24,0)+1,1))-1)+IF('Standard Profiles'!$G$20=$B$10,7,0)+IF('Standard Profiles'!$G$20=$B$17,14,0)+IF('Standard Profiles'!$G$20=$B$24,21,0),0)),0)</f>
        <v>0</v>
      </c>
      <c r="G1491" cm="1">
        <f t="array" ref="G1491">IFERROR(INDEX(Jesper!AK$2:AK$366,ROUNDDOWN($C1491/24,0)+1,1)*INDEX($D$3:$AA$30,INDEX(Jesper!$R$2:$R$366,ROW(INDEX(Jesper!AK$2:AK$366,ROUNDDOWN($C1491/24,0)+1,1))-1)+IF('Standard Profiles'!$G$21=$B$10,7,0)+IF('Standard Profiles'!$G$21=$B$17,14,0)+IF('Standard Profiles'!$G$21=$B$24,21,0),MOD($C1491,24)+1)/SUM(INDEX($D$3:$AA$30,INDEX(Jesper!$R$2:$R$366,ROW(INDEX(Jesper!AK$2:AK$366,ROUNDDOWN($C1491/24,0)+1,1))-1)+IF('Standard Profiles'!$G$21=$B$10,7,0)+IF('Standard Profiles'!$G$21=$B$17,14,0)+IF('Standard Profiles'!$G$21=$B$24,21,0),0)),0)</f>
        <v>17.649261506475661</v>
      </c>
      <c r="H1491" cm="1">
        <f t="array" ref="H1491">IFERROR(INDEX(Jesper!AL$2:AL$366,ROUNDDOWN($C1491/24,0)+1,1)*INDEX($D$3:$AA$30,INDEX(Jesper!$R$2:$R$366,ROW(INDEX(Jesper!AL$2:AL$366,ROUNDDOWN($C1491/24,0)+1,1))-1)+IF('Standard Profiles'!$G$22=$B$10,7,0)+IF('Standard Profiles'!$G$22=$B$17,14,0)+IF('Standard Profiles'!$G$22=$B$24,21,0),MOD($C1491,24)+1)/SUM(INDEX($D$3:$AA$30,INDEX(Jesper!$R$2:$R$366,ROW(INDEX(Jesper!AL$2:AL$366,ROUNDDOWN($C1491/24,0)+1,1))-1)+IF('Standard Profiles'!$G$22=$B$10,7,0)+IF('Standard Profiles'!$G$22=$B$17,14,0)+IF('Standard Profiles'!$G$22=$B$24,21,0),0)),0)</f>
        <v>0</v>
      </c>
      <c r="I1491">
        <f t="shared" si="174"/>
        <v>8.4716455231083128</v>
      </c>
      <c r="J1491">
        <f t="shared" si="175"/>
        <v>26.284998188666492</v>
      </c>
      <c r="K1491">
        <f t="shared" si="176"/>
        <v>0.96735052416845335</v>
      </c>
      <c r="L1491">
        <f t="shared" si="177"/>
        <v>0.48367526208422668</v>
      </c>
      <c r="M1491">
        <f t="shared" si="178"/>
        <v>0</v>
      </c>
      <c r="N1491" s="45">
        <f t="shared" si="179"/>
        <v>44987.7083333298</v>
      </c>
    </row>
    <row r="1492" spans="2:14" x14ac:dyDescent="0.25">
      <c r="B1492">
        <f t="shared" si="173"/>
        <v>4</v>
      </c>
      <c r="C1492" s="16">
        <v>1458</v>
      </c>
      <c r="D1492" cm="1">
        <f t="array" ref="D1492">IFERROR(INDEX(Jesper!AH$2:AH$366,ROUNDDOWN($C1492/24,0)+1,1)*INDEX($D$3:$AA$30,INDEX(Jesper!$R$2:$R$366,ROW(INDEX(Jesper!AH$2:AH$366,ROUNDDOWN($C1492/24,0)+1,1))-1)+IF('Standard Profiles'!$G$18=$B$10,7,0)+IF('Standard Profiles'!$G$18=$B$17,14,0)+IF('Standard Profiles'!$G$18=$B$24,21,0),MOD($C1492,24)+1)/SUM(INDEX($D$3:$AA$30,INDEX(Jesper!$R$2:$R$366,ROW(INDEX(Jesper!AH$2:AH$366,ROUNDDOWN($C1492/24,0)+1,1))-1)+IF('Standard Profiles'!$G$18=$B$10,7,0)+IF('Standard Profiles'!$G$18=$B$17,14,0)+IF('Standard Profiles'!$G$18=$B$24,21,0),0)),0)</f>
        <v>5.9854813682923043</v>
      </c>
      <c r="E1492" cm="1">
        <f t="array" ref="E1492">IFERROR(INDEX(Jesper!AI$2:AI$366,ROUNDDOWN($C1492/24,0)+1,1)*INDEX($D$3:$AA$30,INDEX(Jesper!$R$2:$R$366,ROW(INDEX(Jesper!AI$2:AI$366,ROUNDDOWN($C1492/24,0)+1,1))-1)+IF('Standard Profiles'!$G$19=$B$10,7,0)+IF('Standard Profiles'!$G$19=$B$17,14,0)+IF('Standard Profiles'!$G$19=$B$24,21,0),MOD($C1492,24)+1)/SUM(INDEX($D$3:$AA$30,INDEX(Jesper!$R$2:$R$366,ROW(INDEX(Jesper!AI$2:AI$366,ROUNDDOWN($C1492/24,0)+1,1))-1)+IF('Standard Profiles'!$G$19=$B$10,7,0)+IF('Standard Profiles'!$G$19=$B$17,14,0)+IF('Standard Profiles'!$G$19=$B$24,21,0),0)),0)</f>
        <v>6.2630679061319006</v>
      </c>
      <c r="F1492" cm="1">
        <f t="array" ref="F1492">IFERROR(INDEX(Jesper!AJ$2:AJ$366,ROUNDDOWN($C1492/24,0)+1,1)*INDEX($D$3:$AA$30,INDEX(Jesper!$R$2:$R$366,ROW(INDEX(Jesper!AJ$2:AJ$366,ROUNDDOWN($C1492/24,0)+1,1))-1)+IF('Standard Profiles'!$G$20=$B$10,7,0)+IF('Standard Profiles'!$G$20=$B$17,14,0)+IF('Standard Profiles'!$G$20=$B$24,21,0),MOD($C1492,24)+1)/SUM(INDEX($D$3:$AA$30,INDEX(Jesper!$R$2:$R$366,ROW(INDEX(Jesper!AJ$2:AJ$366,ROUNDDOWN($C1492/24,0)+1,1))-1)+IF('Standard Profiles'!$G$20=$B$10,7,0)+IF('Standard Profiles'!$G$20=$B$17,14,0)+IF('Standard Profiles'!$G$20=$B$24,21,0),0)),0)</f>
        <v>0</v>
      </c>
      <c r="G1492" cm="1">
        <f t="array" ref="G1492">IFERROR(INDEX(Jesper!AK$2:AK$366,ROUNDDOWN($C1492/24,0)+1,1)*INDEX($D$3:$AA$30,INDEX(Jesper!$R$2:$R$366,ROW(INDEX(Jesper!AK$2:AK$366,ROUNDDOWN($C1492/24,0)+1,1))-1)+IF('Standard Profiles'!$G$21=$B$10,7,0)+IF('Standard Profiles'!$G$21=$B$17,14,0)+IF('Standard Profiles'!$G$21=$B$24,21,0),MOD($C1492,24)+1)/SUM(INDEX($D$3:$AA$30,INDEX(Jesper!$R$2:$R$366,ROW(INDEX(Jesper!AK$2:AK$366,ROUNDDOWN($C1492/24,0)+1,1))-1)+IF('Standard Profiles'!$G$21=$B$10,7,0)+IF('Standard Profiles'!$G$21=$B$17,14,0)+IF('Standard Profiles'!$G$21=$B$24,21,0),0)),0)</f>
        <v>6.542821689147603</v>
      </c>
      <c r="H1492" cm="1">
        <f t="array" ref="H1492">IFERROR(INDEX(Jesper!AL$2:AL$366,ROUNDDOWN($C1492/24,0)+1,1)*INDEX($D$3:$AA$30,INDEX(Jesper!$R$2:$R$366,ROW(INDEX(Jesper!AL$2:AL$366,ROUNDDOWN($C1492/24,0)+1,1))-1)+IF('Standard Profiles'!$G$22=$B$10,7,0)+IF('Standard Profiles'!$G$22=$B$17,14,0)+IF('Standard Profiles'!$G$22=$B$24,21,0),MOD($C1492,24)+1)/SUM(INDEX($D$3:$AA$30,INDEX(Jesper!$R$2:$R$366,ROW(INDEX(Jesper!AL$2:AL$366,ROUNDDOWN($C1492/24,0)+1,1))-1)+IF('Standard Profiles'!$G$22=$B$10,7,0)+IF('Standard Profiles'!$G$22=$B$17,14,0)+IF('Standard Profiles'!$G$22=$B$24,21,0),0)),0)</f>
        <v>0</v>
      </c>
      <c r="I1492">
        <f t="shared" si="174"/>
        <v>3.1405544107908479</v>
      </c>
      <c r="J1492">
        <f t="shared" si="175"/>
        <v>14.693139533854191</v>
      </c>
      <c r="K1492">
        <f t="shared" si="176"/>
        <v>0.63845134595117914</v>
      </c>
      <c r="L1492">
        <f t="shared" si="177"/>
        <v>0.31922567297558957</v>
      </c>
      <c r="M1492">
        <f t="shared" si="178"/>
        <v>0</v>
      </c>
      <c r="N1492" s="45">
        <f t="shared" si="179"/>
        <v>44987.749999996464</v>
      </c>
    </row>
    <row r="1493" spans="2:14" x14ac:dyDescent="0.25">
      <c r="B1493">
        <f t="shared" si="173"/>
        <v>4</v>
      </c>
      <c r="C1493" s="16">
        <v>1459</v>
      </c>
      <c r="D1493" cm="1">
        <f t="array" ref="D1493">IFERROR(INDEX(Jesper!AH$2:AH$366,ROUNDDOWN($C1493/24,0)+1,1)*INDEX($D$3:$AA$30,INDEX(Jesper!$R$2:$R$366,ROW(INDEX(Jesper!AH$2:AH$366,ROUNDDOWN($C1493/24,0)+1,1))-1)+IF('Standard Profiles'!$G$18=$B$10,7,0)+IF('Standard Profiles'!$G$18=$B$17,14,0)+IF('Standard Profiles'!$G$18=$B$24,21,0),MOD($C1493,24)+1)/SUM(INDEX($D$3:$AA$30,INDEX(Jesper!$R$2:$R$366,ROW(INDEX(Jesper!AH$2:AH$366,ROUNDDOWN($C1493/24,0)+1,1))-1)+IF('Standard Profiles'!$G$18=$B$10,7,0)+IF('Standard Profiles'!$G$18=$B$17,14,0)+IF('Standard Profiles'!$G$18=$B$24,21,0),0)),0)</f>
        <v>5.9854813682923043</v>
      </c>
      <c r="E1493" cm="1">
        <f t="array" ref="E1493">IFERROR(INDEX(Jesper!AI$2:AI$366,ROUNDDOWN($C1493/24,0)+1,1)*INDEX($D$3:$AA$30,INDEX(Jesper!$R$2:$R$366,ROW(INDEX(Jesper!AI$2:AI$366,ROUNDDOWN($C1493/24,0)+1,1))-1)+IF('Standard Profiles'!$G$19=$B$10,7,0)+IF('Standard Profiles'!$G$19=$B$17,14,0)+IF('Standard Profiles'!$G$19=$B$24,21,0),MOD($C1493,24)+1)/SUM(INDEX($D$3:$AA$30,INDEX(Jesper!$R$2:$R$366,ROW(INDEX(Jesper!AI$2:AI$366,ROUNDDOWN($C1493/24,0)+1,1))-1)+IF('Standard Profiles'!$G$19=$B$10,7,0)+IF('Standard Profiles'!$G$19=$B$17,14,0)+IF('Standard Profiles'!$G$19=$B$24,21,0),0)),0)</f>
        <v>6.2630679061319006</v>
      </c>
      <c r="F1493" cm="1">
        <f t="array" ref="F1493">IFERROR(INDEX(Jesper!AJ$2:AJ$366,ROUNDDOWN($C1493/24,0)+1,1)*INDEX($D$3:$AA$30,INDEX(Jesper!$R$2:$R$366,ROW(INDEX(Jesper!AJ$2:AJ$366,ROUNDDOWN($C1493/24,0)+1,1))-1)+IF('Standard Profiles'!$G$20=$B$10,7,0)+IF('Standard Profiles'!$G$20=$B$17,14,0)+IF('Standard Profiles'!$G$20=$B$24,21,0),MOD($C1493,24)+1)/SUM(INDEX($D$3:$AA$30,INDEX(Jesper!$R$2:$R$366,ROW(INDEX(Jesper!AJ$2:AJ$366,ROUNDDOWN($C1493/24,0)+1,1))-1)+IF('Standard Profiles'!$G$20=$B$10,7,0)+IF('Standard Profiles'!$G$20=$B$17,14,0)+IF('Standard Profiles'!$G$20=$B$24,21,0),0)),0)</f>
        <v>0</v>
      </c>
      <c r="G1493" cm="1">
        <f t="array" ref="G1493">IFERROR(INDEX(Jesper!AK$2:AK$366,ROUNDDOWN($C1493/24,0)+1,1)*INDEX($D$3:$AA$30,INDEX(Jesper!$R$2:$R$366,ROW(INDEX(Jesper!AK$2:AK$366,ROUNDDOWN($C1493/24,0)+1,1))-1)+IF('Standard Profiles'!$G$21=$B$10,7,0)+IF('Standard Profiles'!$G$21=$B$17,14,0)+IF('Standard Profiles'!$G$21=$B$24,21,0),MOD($C1493,24)+1)/SUM(INDEX($D$3:$AA$30,INDEX(Jesper!$R$2:$R$366,ROW(INDEX(Jesper!AK$2:AK$366,ROUNDDOWN($C1493/24,0)+1,1))-1)+IF('Standard Profiles'!$G$21=$B$10,7,0)+IF('Standard Profiles'!$G$21=$B$17,14,0)+IF('Standard Profiles'!$G$21=$B$24,21,0),0)),0)</f>
        <v>6.542821689147603</v>
      </c>
      <c r="H1493" cm="1">
        <f t="array" ref="H1493">IFERROR(INDEX(Jesper!AL$2:AL$366,ROUNDDOWN($C1493/24,0)+1,1)*INDEX($D$3:$AA$30,INDEX(Jesper!$R$2:$R$366,ROW(INDEX(Jesper!AL$2:AL$366,ROUNDDOWN($C1493/24,0)+1,1))-1)+IF('Standard Profiles'!$G$22=$B$10,7,0)+IF('Standard Profiles'!$G$22=$B$17,14,0)+IF('Standard Profiles'!$G$22=$B$24,21,0),MOD($C1493,24)+1)/SUM(INDEX($D$3:$AA$30,INDEX(Jesper!$R$2:$R$366,ROW(INDEX(Jesper!AL$2:AL$366,ROUNDDOWN($C1493/24,0)+1,1))-1)+IF('Standard Profiles'!$G$22=$B$10,7,0)+IF('Standard Profiles'!$G$22=$B$17,14,0)+IF('Standard Profiles'!$G$22=$B$24,21,0),0)),0)</f>
        <v>0</v>
      </c>
      <c r="I1493">
        <f t="shared" si="174"/>
        <v>3.1405544107908479</v>
      </c>
      <c r="J1493">
        <f t="shared" si="175"/>
        <v>14.693139533854191</v>
      </c>
      <c r="K1493">
        <f t="shared" si="176"/>
        <v>0.63845134595117914</v>
      </c>
      <c r="L1493">
        <f t="shared" si="177"/>
        <v>0.31922567297558957</v>
      </c>
      <c r="M1493">
        <f t="shared" si="178"/>
        <v>0</v>
      </c>
      <c r="N1493" s="45">
        <f t="shared" si="179"/>
        <v>44987.791666663128</v>
      </c>
    </row>
    <row r="1494" spans="2:14" x14ac:dyDescent="0.25">
      <c r="B1494">
        <f t="shared" si="173"/>
        <v>4</v>
      </c>
      <c r="C1494" s="16">
        <v>1460</v>
      </c>
      <c r="D1494" cm="1">
        <f t="array" ref="D1494">IFERROR(INDEX(Jesper!AH$2:AH$366,ROUNDDOWN($C1494/24,0)+1,1)*INDEX($D$3:$AA$30,INDEX(Jesper!$R$2:$R$366,ROW(INDEX(Jesper!AH$2:AH$366,ROUNDDOWN($C1494/24,0)+1,1))-1)+IF('Standard Profiles'!$G$18=$B$10,7,0)+IF('Standard Profiles'!$G$18=$B$17,14,0)+IF('Standard Profiles'!$G$18=$B$24,21,0),MOD($C1494,24)+1)/SUM(INDEX($D$3:$AA$30,INDEX(Jesper!$R$2:$R$366,ROW(INDEX(Jesper!AH$2:AH$366,ROUNDDOWN($C1494/24,0)+1,1))-1)+IF('Standard Profiles'!$G$18=$B$10,7,0)+IF('Standard Profiles'!$G$18=$B$17,14,0)+IF('Standard Profiles'!$G$18=$B$24,21,0),0)),0)</f>
        <v>5.9854813682923043</v>
      </c>
      <c r="E1494" cm="1">
        <f t="array" ref="E1494">IFERROR(INDEX(Jesper!AI$2:AI$366,ROUNDDOWN($C1494/24,0)+1,1)*INDEX($D$3:$AA$30,INDEX(Jesper!$R$2:$R$366,ROW(INDEX(Jesper!AI$2:AI$366,ROUNDDOWN($C1494/24,0)+1,1))-1)+IF('Standard Profiles'!$G$19=$B$10,7,0)+IF('Standard Profiles'!$G$19=$B$17,14,0)+IF('Standard Profiles'!$G$19=$B$24,21,0),MOD($C1494,24)+1)/SUM(INDEX($D$3:$AA$30,INDEX(Jesper!$R$2:$R$366,ROW(INDEX(Jesper!AI$2:AI$366,ROUNDDOWN($C1494/24,0)+1,1))-1)+IF('Standard Profiles'!$G$19=$B$10,7,0)+IF('Standard Profiles'!$G$19=$B$17,14,0)+IF('Standard Profiles'!$G$19=$B$24,21,0),0)),0)</f>
        <v>6.2630679061319006</v>
      </c>
      <c r="F1494" cm="1">
        <f t="array" ref="F1494">IFERROR(INDEX(Jesper!AJ$2:AJ$366,ROUNDDOWN($C1494/24,0)+1,1)*INDEX($D$3:$AA$30,INDEX(Jesper!$R$2:$R$366,ROW(INDEX(Jesper!AJ$2:AJ$366,ROUNDDOWN($C1494/24,0)+1,1))-1)+IF('Standard Profiles'!$G$20=$B$10,7,0)+IF('Standard Profiles'!$G$20=$B$17,14,0)+IF('Standard Profiles'!$G$20=$B$24,21,0),MOD($C1494,24)+1)/SUM(INDEX($D$3:$AA$30,INDEX(Jesper!$R$2:$R$366,ROW(INDEX(Jesper!AJ$2:AJ$366,ROUNDDOWN($C1494/24,0)+1,1))-1)+IF('Standard Profiles'!$G$20=$B$10,7,0)+IF('Standard Profiles'!$G$20=$B$17,14,0)+IF('Standard Profiles'!$G$20=$B$24,21,0),0)),0)</f>
        <v>0</v>
      </c>
      <c r="G1494" cm="1">
        <f t="array" ref="G1494">IFERROR(INDEX(Jesper!AK$2:AK$366,ROUNDDOWN($C1494/24,0)+1,1)*INDEX($D$3:$AA$30,INDEX(Jesper!$R$2:$R$366,ROW(INDEX(Jesper!AK$2:AK$366,ROUNDDOWN($C1494/24,0)+1,1))-1)+IF('Standard Profiles'!$G$21=$B$10,7,0)+IF('Standard Profiles'!$G$21=$B$17,14,0)+IF('Standard Profiles'!$G$21=$B$24,21,0),MOD($C1494,24)+1)/SUM(INDEX($D$3:$AA$30,INDEX(Jesper!$R$2:$R$366,ROW(INDEX(Jesper!AK$2:AK$366,ROUNDDOWN($C1494/24,0)+1,1))-1)+IF('Standard Profiles'!$G$21=$B$10,7,0)+IF('Standard Profiles'!$G$21=$B$17,14,0)+IF('Standard Profiles'!$G$21=$B$24,21,0),0)),0)</f>
        <v>6.542821689147603</v>
      </c>
      <c r="H1494" cm="1">
        <f t="array" ref="H1494">IFERROR(INDEX(Jesper!AL$2:AL$366,ROUNDDOWN($C1494/24,0)+1,1)*INDEX($D$3:$AA$30,INDEX(Jesper!$R$2:$R$366,ROW(INDEX(Jesper!AL$2:AL$366,ROUNDDOWN($C1494/24,0)+1,1))-1)+IF('Standard Profiles'!$G$22=$B$10,7,0)+IF('Standard Profiles'!$G$22=$B$17,14,0)+IF('Standard Profiles'!$G$22=$B$24,21,0),MOD($C1494,24)+1)/SUM(INDEX($D$3:$AA$30,INDEX(Jesper!$R$2:$R$366,ROW(INDEX(Jesper!AL$2:AL$366,ROUNDDOWN($C1494/24,0)+1,1))-1)+IF('Standard Profiles'!$G$22=$B$10,7,0)+IF('Standard Profiles'!$G$22=$B$17,14,0)+IF('Standard Profiles'!$G$22=$B$24,21,0),0)),0)</f>
        <v>0</v>
      </c>
      <c r="I1494">
        <f t="shared" si="174"/>
        <v>3.1405544107908479</v>
      </c>
      <c r="J1494">
        <f t="shared" si="175"/>
        <v>14.693139533854191</v>
      </c>
      <c r="K1494">
        <f t="shared" si="176"/>
        <v>0.63845134595117914</v>
      </c>
      <c r="L1494">
        <f t="shared" si="177"/>
        <v>0.31922567297558957</v>
      </c>
      <c r="M1494">
        <f t="shared" si="178"/>
        <v>0</v>
      </c>
      <c r="N1494" s="45">
        <f t="shared" si="179"/>
        <v>44987.833333329792</v>
      </c>
    </row>
    <row r="1495" spans="2:14" x14ac:dyDescent="0.25">
      <c r="B1495">
        <f t="shared" si="173"/>
        <v>4</v>
      </c>
      <c r="C1495" s="16">
        <v>1461</v>
      </c>
      <c r="D1495" cm="1">
        <f t="array" ref="D1495">IFERROR(INDEX(Jesper!AH$2:AH$366,ROUNDDOWN($C1495/24,0)+1,1)*INDEX($D$3:$AA$30,INDEX(Jesper!$R$2:$R$366,ROW(INDEX(Jesper!AH$2:AH$366,ROUNDDOWN($C1495/24,0)+1,1))-1)+IF('Standard Profiles'!$G$18=$B$10,7,0)+IF('Standard Profiles'!$G$18=$B$17,14,0)+IF('Standard Profiles'!$G$18=$B$24,21,0),MOD($C1495,24)+1)/SUM(INDEX($D$3:$AA$30,INDEX(Jesper!$R$2:$R$366,ROW(INDEX(Jesper!AH$2:AH$366,ROUNDDOWN($C1495/24,0)+1,1))-1)+IF('Standard Profiles'!$G$18=$B$10,7,0)+IF('Standard Profiles'!$G$18=$B$17,14,0)+IF('Standard Profiles'!$G$18=$B$24,21,0),0)),0)</f>
        <v>5.9854813682923043</v>
      </c>
      <c r="E1495" cm="1">
        <f t="array" ref="E1495">IFERROR(INDEX(Jesper!AI$2:AI$366,ROUNDDOWN($C1495/24,0)+1,1)*INDEX($D$3:$AA$30,INDEX(Jesper!$R$2:$R$366,ROW(INDEX(Jesper!AI$2:AI$366,ROUNDDOWN($C1495/24,0)+1,1))-1)+IF('Standard Profiles'!$G$19=$B$10,7,0)+IF('Standard Profiles'!$G$19=$B$17,14,0)+IF('Standard Profiles'!$G$19=$B$24,21,0),MOD($C1495,24)+1)/SUM(INDEX($D$3:$AA$30,INDEX(Jesper!$R$2:$R$366,ROW(INDEX(Jesper!AI$2:AI$366,ROUNDDOWN($C1495/24,0)+1,1))-1)+IF('Standard Profiles'!$G$19=$B$10,7,0)+IF('Standard Profiles'!$G$19=$B$17,14,0)+IF('Standard Profiles'!$G$19=$B$24,21,0),0)),0)</f>
        <v>6.2630679061319006</v>
      </c>
      <c r="F1495" cm="1">
        <f t="array" ref="F1495">IFERROR(INDEX(Jesper!AJ$2:AJ$366,ROUNDDOWN($C1495/24,0)+1,1)*INDEX($D$3:$AA$30,INDEX(Jesper!$R$2:$R$366,ROW(INDEX(Jesper!AJ$2:AJ$366,ROUNDDOWN($C1495/24,0)+1,1))-1)+IF('Standard Profiles'!$G$20=$B$10,7,0)+IF('Standard Profiles'!$G$20=$B$17,14,0)+IF('Standard Profiles'!$G$20=$B$24,21,0),MOD($C1495,24)+1)/SUM(INDEX($D$3:$AA$30,INDEX(Jesper!$R$2:$R$366,ROW(INDEX(Jesper!AJ$2:AJ$366,ROUNDDOWN($C1495/24,0)+1,1))-1)+IF('Standard Profiles'!$G$20=$B$10,7,0)+IF('Standard Profiles'!$G$20=$B$17,14,0)+IF('Standard Profiles'!$G$20=$B$24,21,0),0)),0)</f>
        <v>0</v>
      </c>
      <c r="G1495" cm="1">
        <f t="array" ref="G1495">IFERROR(INDEX(Jesper!AK$2:AK$366,ROUNDDOWN($C1495/24,0)+1,1)*INDEX($D$3:$AA$30,INDEX(Jesper!$R$2:$R$366,ROW(INDEX(Jesper!AK$2:AK$366,ROUNDDOWN($C1495/24,0)+1,1))-1)+IF('Standard Profiles'!$G$21=$B$10,7,0)+IF('Standard Profiles'!$G$21=$B$17,14,0)+IF('Standard Profiles'!$G$21=$B$24,21,0),MOD($C1495,24)+1)/SUM(INDEX($D$3:$AA$30,INDEX(Jesper!$R$2:$R$366,ROW(INDEX(Jesper!AK$2:AK$366,ROUNDDOWN($C1495/24,0)+1,1))-1)+IF('Standard Profiles'!$G$21=$B$10,7,0)+IF('Standard Profiles'!$G$21=$B$17,14,0)+IF('Standard Profiles'!$G$21=$B$24,21,0),0)),0)</f>
        <v>6.542821689147603</v>
      </c>
      <c r="H1495" cm="1">
        <f t="array" ref="H1495">IFERROR(INDEX(Jesper!AL$2:AL$366,ROUNDDOWN($C1495/24,0)+1,1)*INDEX($D$3:$AA$30,INDEX(Jesper!$R$2:$R$366,ROW(INDEX(Jesper!AL$2:AL$366,ROUNDDOWN($C1495/24,0)+1,1))-1)+IF('Standard Profiles'!$G$22=$B$10,7,0)+IF('Standard Profiles'!$G$22=$B$17,14,0)+IF('Standard Profiles'!$G$22=$B$24,21,0),MOD($C1495,24)+1)/SUM(INDEX($D$3:$AA$30,INDEX(Jesper!$R$2:$R$366,ROW(INDEX(Jesper!AL$2:AL$366,ROUNDDOWN($C1495/24,0)+1,1))-1)+IF('Standard Profiles'!$G$22=$B$10,7,0)+IF('Standard Profiles'!$G$22=$B$17,14,0)+IF('Standard Profiles'!$G$22=$B$24,21,0),0)),0)</f>
        <v>0</v>
      </c>
      <c r="I1495">
        <f t="shared" si="174"/>
        <v>3.1405544107908479</v>
      </c>
      <c r="J1495">
        <f t="shared" si="175"/>
        <v>14.693139533854191</v>
      </c>
      <c r="K1495">
        <f t="shared" si="176"/>
        <v>0.63845134595117914</v>
      </c>
      <c r="L1495">
        <f t="shared" si="177"/>
        <v>0.31922567297558957</v>
      </c>
      <c r="M1495">
        <f t="shared" si="178"/>
        <v>0</v>
      </c>
      <c r="N1495" s="45">
        <f t="shared" si="179"/>
        <v>44987.874999996457</v>
      </c>
    </row>
    <row r="1496" spans="2:14" x14ac:dyDescent="0.25">
      <c r="B1496">
        <f t="shared" si="173"/>
        <v>4</v>
      </c>
      <c r="C1496" s="16">
        <v>1462</v>
      </c>
      <c r="D1496" cm="1">
        <f t="array" ref="D1496">IFERROR(INDEX(Jesper!AH$2:AH$366,ROUNDDOWN($C1496/24,0)+1,1)*INDEX($D$3:$AA$30,INDEX(Jesper!$R$2:$R$366,ROW(INDEX(Jesper!AH$2:AH$366,ROUNDDOWN($C1496/24,0)+1,1))-1)+IF('Standard Profiles'!$G$18=$B$10,7,0)+IF('Standard Profiles'!$G$18=$B$17,14,0)+IF('Standard Profiles'!$G$18=$B$24,21,0),MOD($C1496,24)+1)/SUM(INDEX($D$3:$AA$30,INDEX(Jesper!$R$2:$R$366,ROW(INDEX(Jesper!AH$2:AH$366,ROUNDDOWN($C1496/24,0)+1,1))-1)+IF('Standard Profiles'!$G$18=$B$10,7,0)+IF('Standard Profiles'!$G$18=$B$17,14,0)+IF('Standard Profiles'!$G$18=$B$24,21,0),0)),0)</f>
        <v>5.9854813682923043</v>
      </c>
      <c r="E1496" cm="1">
        <f t="array" ref="E1496">IFERROR(INDEX(Jesper!AI$2:AI$366,ROUNDDOWN($C1496/24,0)+1,1)*INDEX($D$3:$AA$30,INDEX(Jesper!$R$2:$R$366,ROW(INDEX(Jesper!AI$2:AI$366,ROUNDDOWN($C1496/24,0)+1,1))-1)+IF('Standard Profiles'!$G$19=$B$10,7,0)+IF('Standard Profiles'!$G$19=$B$17,14,0)+IF('Standard Profiles'!$G$19=$B$24,21,0),MOD($C1496,24)+1)/SUM(INDEX($D$3:$AA$30,INDEX(Jesper!$R$2:$R$366,ROW(INDEX(Jesper!AI$2:AI$366,ROUNDDOWN($C1496/24,0)+1,1))-1)+IF('Standard Profiles'!$G$19=$B$10,7,0)+IF('Standard Profiles'!$G$19=$B$17,14,0)+IF('Standard Profiles'!$G$19=$B$24,21,0),0)),0)</f>
        <v>6.2630679061319006</v>
      </c>
      <c r="F1496" cm="1">
        <f t="array" ref="F1496">IFERROR(INDEX(Jesper!AJ$2:AJ$366,ROUNDDOWN($C1496/24,0)+1,1)*INDEX($D$3:$AA$30,INDEX(Jesper!$R$2:$R$366,ROW(INDEX(Jesper!AJ$2:AJ$366,ROUNDDOWN($C1496/24,0)+1,1))-1)+IF('Standard Profiles'!$G$20=$B$10,7,0)+IF('Standard Profiles'!$G$20=$B$17,14,0)+IF('Standard Profiles'!$G$20=$B$24,21,0),MOD($C1496,24)+1)/SUM(INDEX($D$3:$AA$30,INDEX(Jesper!$R$2:$R$366,ROW(INDEX(Jesper!AJ$2:AJ$366,ROUNDDOWN($C1496/24,0)+1,1))-1)+IF('Standard Profiles'!$G$20=$B$10,7,0)+IF('Standard Profiles'!$G$20=$B$17,14,0)+IF('Standard Profiles'!$G$20=$B$24,21,0),0)),0)</f>
        <v>0</v>
      </c>
      <c r="G1496" cm="1">
        <f t="array" ref="G1496">IFERROR(INDEX(Jesper!AK$2:AK$366,ROUNDDOWN($C1496/24,0)+1,1)*INDEX($D$3:$AA$30,INDEX(Jesper!$R$2:$R$366,ROW(INDEX(Jesper!AK$2:AK$366,ROUNDDOWN($C1496/24,0)+1,1))-1)+IF('Standard Profiles'!$G$21=$B$10,7,0)+IF('Standard Profiles'!$G$21=$B$17,14,0)+IF('Standard Profiles'!$G$21=$B$24,21,0),MOD($C1496,24)+1)/SUM(INDEX($D$3:$AA$30,INDEX(Jesper!$R$2:$R$366,ROW(INDEX(Jesper!AK$2:AK$366,ROUNDDOWN($C1496/24,0)+1,1))-1)+IF('Standard Profiles'!$G$21=$B$10,7,0)+IF('Standard Profiles'!$G$21=$B$17,14,0)+IF('Standard Profiles'!$G$21=$B$24,21,0),0)),0)</f>
        <v>6.542821689147603</v>
      </c>
      <c r="H1496" cm="1">
        <f t="array" ref="H1496">IFERROR(INDEX(Jesper!AL$2:AL$366,ROUNDDOWN($C1496/24,0)+1,1)*INDEX($D$3:$AA$30,INDEX(Jesper!$R$2:$R$366,ROW(INDEX(Jesper!AL$2:AL$366,ROUNDDOWN($C1496/24,0)+1,1))-1)+IF('Standard Profiles'!$G$22=$B$10,7,0)+IF('Standard Profiles'!$G$22=$B$17,14,0)+IF('Standard Profiles'!$G$22=$B$24,21,0),MOD($C1496,24)+1)/SUM(INDEX($D$3:$AA$30,INDEX(Jesper!$R$2:$R$366,ROW(INDEX(Jesper!AL$2:AL$366,ROUNDDOWN($C1496/24,0)+1,1))-1)+IF('Standard Profiles'!$G$22=$B$10,7,0)+IF('Standard Profiles'!$G$22=$B$17,14,0)+IF('Standard Profiles'!$G$22=$B$24,21,0),0)),0)</f>
        <v>0</v>
      </c>
      <c r="I1496">
        <f t="shared" si="174"/>
        <v>3.1405544107908479</v>
      </c>
      <c r="J1496">
        <f t="shared" si="175"/>
        <v>14.693139533854191</v>
      </c>
      <c r="K1496">
        <f t="shared" si="176"/>
        <v>0.63845134595117914</v>
      </c>
      <c r="L1496">
        <f t="shared" si="177"/>
        <v>0.31922567297558957</v>
      </c>
      <c r="M1496">
        <f t="shared" si="178"/>
        <v>0</v>
      </c>
      <c r="N1496" s="45">
        <f t="shared" si="179"/>
        <v>44987.916666663121</v>
      </c>
    </row>
    <row r="1497" spans="2:14" x14ac:dyDescent="0.25">
      <c r="B1497">
        <f t="shared" si="173"/>
        <v>4</v>
      </c>
      <c r="C1497" s="16">
        <v>1463</v>
      </c>
      <c r="D1497" cm="1">
        <f t="array" ref="D1497">IFERROR(INDEX(Jesper!AH$2:AH$366,ROUNDDOWN($C1497/24,0)+1,1)*INDEX($D$3:$AA$30,INDEX(Jesper!$R$2:$R$366,ROW(INDEX(Jesper!AH$2:AH$366,ROUNDDOWN($C1497/24,0)+1,1))-1)+IF('Standard Profiles'!$G$18=$B$10,7,0)+IF('Standard Profiles'!$G$18=$B$17,14,0)+IF('Standard Profiles'!$G$18=$B$24,21,0),MOD($C1497,24)+1)/SUM(INDEX($D$3:$AA$30,INDEX(Jesper!$R$2:$R$366,ROW(INDEX(Jesper!AH$2:AH$366,ROUNDDOWN($C1497/24,0)+1,1))-1)+IF('Standard Profiles'!$G$18=$B$10,7,0)+IF('Standard Profiles'!$G$18=$B$17,14,0)+IF('Standard Profiles'!$G$18=$B$24,21,0),0)),0)</f>
        <v>5.9854813682923043</v>
      </c>
      <c r="E1497" cm="1">
        <f t="array" ref="E1497">IFERROR(INDEX(Jesper!AI$2:AI$366,ROUNDDOWN($C1497/24,0)+1,1)*INDEX($D$3:$AA$30,INDEX(Jesper!$R$2:$R$366,ROW(INDEX(Jesper!AI$2:AI$366,ROUNDDOWN($C1497/24,0)+1,1))-1)+IF('Standard Profiles'!$G$19=$B$10,7,0)+IF('Standard Profiles'!$G$19=$B$17,14,0)+IF('Standard Profiles'!$G$19=$B$24,21,0),MOD($C1497,24)+1)/SUM(INDEX($D$3:$AA$30,INDEX(Jesper!$R$2:$R$366,ROW(INDEX(Jesper!AI$2:AI$366,ROUNDDOWN($C1497/24,0)+1,1))-1)+IF('Standard Profiles'!$G$19=$B$10,7,0)+IF('Standard Profiles'!$G$19=$B$17,14,0)+IF('Standard Profiles'!$G$19=$B$24,21,0),0)),0)</f>
        <v>6.2630679061319006</v>
      </c>
      <c r="F1497" cm="1">
        <f t="array" ref="F1497">IFERROR(INDEX(Jesper!AJ$2:AJ$366,ROUNDDOWN($C1497/24,0)+1,1)*INDEX($D$3:$AA$30,INDEX(Jesper!$R$2:$R$366,ROW(INDEX(Jesper!AJ$2:AJ$366,ROUNDDOWN($C1497/24,0)+1,1))-1)+IF('Standard Profiles'!$G$20=$B$10,7,0)+IF('Standard Profiles'!$G$20=$B$17,14,0)+IF('Standard Profiles'!$G$20=$B$24,21,0),MOD($C1497,24)+1)/SUM(INDEX($D$3:$AA$30,INDEX(Jesper!$R$2:$R$366,ROW(INDEX(Jesper!AJ$2:AJ$366,ROUNDDOWN($C1497/24,0)+1,1))-1)+IF('Standard Profiles'!$G$20=$B$10,7,0)+IF('Standard Profiles'!$G$20=$B$17,14,0)+IF('Standard Profiles'!$G$20=$B$24,21,0),0)),0)</f>
        <v>0</v>
      </c>
      <c r="G1497" cm="1">
        <f t="array" ref="G1497">IFERROR(INDEX(Jesper!AK$2:AK$366,ROUNDDOWN($C1497/24,0)+1,1)*INDEX($D$3:$AA$30,INDEX(Jesper!$R$2:$R$366,ROW(INDEX(Jesper!AK$2:AK$366,ROUNDDOWN($C1497/24,0)+1,1))-1)+IF('Standard Profiles'!$G$21=$B$10,7,0)+IF('Standard Profiles'!$G$21=$B$17,14,0)+IF('Standard Profiles'!$G$21=$B$24,21,0),MOD($C1497,24)+1)/SUM(INDEX($D$3:$AA$30,INDEX(Jesper!$R$2:$R$366,ROW(INDEX(Jesper!AK$2:AK$366,ROUNDDOWN($C1497/24,0)+1,1))-1)+IF('Standard Profiles'!$G$21=$B$10,7,0)+IF('Standard Profiles'!$G$21=$B$17,14,0)+IF('Standard Profiles'!$G$21=$B$24,21,0),0)),0)</f>
        <v>6.542821689147603</v>
      </c>
      <c r="H1497" cm="1">
        <f t="array" ref="H1497">IFERROR(INDEX(Jesper!AL$2:AL$366,ROUNDDOWN($C1497/24,0)+1,1)*INDEX($D$3:$AA$30,INDEX(Jesper!$R$2:$R$366,ROW(INDEX(Jesper!AL$2:AL$366,ROUNDDOWN($C1497/24,0)+1,1))-1)+IF('Standard Profiles'!$G$22=$B$10,7,0)+IF('Standard Profiles'!$G$22=$B$17,14,0)+IF('Standard Profiles'!$G$22=$B$24,21,0),MOD($C1497,24)+1)/SUM(INDEX($D$3:$AA$30,INDEX(Jesper!$R$2:$R$366,ROW(INDEX(Jesper!AL$2:AL$366,ROUNDDOWN($C1497/24,0)+1,1))-1)+IF('Standard Profiles'!$G$22=$B$10,7,0)+IF('Standard Profiles'!$G$22=$B$17,14,0)+IF('Standard Profiles'!$G$22=$B$24,21,0),0)),0)</f>
        <v>0</v>
      </c>
      <c r="I1497">
        <f t="shared" si="174"/>
        <v>3.1405544107908479</v>
      </c>
      <c r="J1497">
        <f t="shared" si="175"/>
        <v>14.693139533854191</v>
      </c>
      <c r="K1497">
        <f t="shared" si="176"/>
        <v>0.63845134595117914</v>
      </c>
      <c r="L1497">
        <f t="shared" si="177"/>
        <v>0.31922567297558957</v>
      </c>
      <c r="M1497">
        <f t="shared" si="178"/>
        <v>0</v>
      </c>
      <c r="N1497" s="45">
        <f t="shared" si="179"/>
        <v>44987.958333329785</v>
      </c>
    </row>
    <row r="1498" spans="2:14" x14ac:dyDescent="0.25">
      <c r="B1498">
        <f t="shared" si="173"/>
        <v>5</v>
      </c>
      <c r="C1498" s="16">
        <v>1464</v>
      </c>
      <c r="D1498" cm="1">
        <f t="array" ref="D1498">IFERROR(INDEX(Jesper!AH$2:AH$366,ROUNDDOWN($C1498/24,0)+1,1)*INDEX($D$3:$AA$30,INDEX(Jesper!$R$2:$R$366,ROW(INDEX(Jesper!AH$2:AH$366,ROUNDDOWN($C1498/24,0)+1,1))-1)+IF('Standard Profiles'!$G$18=$B$10,7,0)+IF('Standard Profiles'!$G$18=$B$17,14,0)+IF('Standard Profiles'!$G$18=$B$24,21,0),MOD($C1498,24)+1)/SUM(INDEX($D$3:$AA$30,INDEX(Jesper!$R$2:$R$366,ROW(INDEX(Jesper!AH$2:AH$366,ROUNDDOWN($C1498/24,0)+1,1))-1)+IF('Standard Profiles'!$G$18=$B$10,7,0)+IF('Standard Profiles'!$G$18=$B$17,14,0)+IF('Standard Profiles'!$G$18=$B$24,21,0),0)),0)</f>
        <v>9.1494067341074707</v>
      </c>
      <c r="E1498" cm="1">
        <f t="array" ref="E1498">IFERROR(INDEX(Jesper!AI$2:AI$366,ROUNDDOWN($C1498/24,0)+1,1)*INDEX($D$3:$AA$30,INDEX(Jesper!$R$2:$R$366,ROW(INDEX(Jesper!AI$2:AI$366,ROUNDDOWN($C1498/24,0)+1,1))-1)+IF('Standard Profiles'!$G$19=$B$10,7,0)+IF('Standard Profiles'!$G$19=$B$17,14,0)+IF('Standard Profiles'!$G$19=$B$24,21,0),MOD($C1498,24)+1)/SUM(INDEX($D$3:$AA$30,INDEX(Jesper!$R$2:$R$366,ROW(INDEX(Jesper!AI$2:AI$366,ROUNDDOWN($C1498/24,0)+1,1))-1)+IF('Standard Profiles'!$G$19=$B$10,7,0)+IF('Standard Profiles'!$G$19=$B$17,14,0)+IF('Standard Profiles'!$G$19=$B$24,21,0),0)),0)</f>
        <v>9.573725511885538</v>
      </c>
      <c r="F1498" cm="1">
        <f t="array" ref="F1498">IFERROR(INDEX(Jesper!AJ$2:AJ$366,ROUNDDOWN($C1498/24,0)+1,1)*INDEX($D$3:$AA$30,INDEX(Jesper!$R$2:$R$366,ROW(INDEX(Jesper!AJ$2:AJ$366,ROUNDDOWN($C1498/24,0)+1,1))-1)+IF('Standard Profiles'!$G$20=$B$10,7,0)+IF('Standard Profiles'!$G$20=$B$17,14,0)+IF('Standard Profiles'!$G$20=$B$24,21,0),MOD($C1498,24)+1)/SUM(INDEX($D$3:$AA$30,INDEX(Jesper!$R$2:$R$366,ROW(INDEX(Jesper!AJ$2:AJ$366,ROUNDDOWN($C1498/24,0)+1,1))-1)+IF('Standard Profiles'!$G$20=$B$10,7,0)+IF('Standard Profiles'!$G$20=$B$17,14,0)+IF('Standard Profiles'!$G$20=$B$24,21,0),0)),0)</f>
        <v>0</v>
      </c>
      <c r="G1498" cm="1">
        <f t="array" ref="G1498">IFERROR(INDEX(Jesper!AK$2:AK$366,ROUNDDOWN($C1498/24,0)+1,1)*INDEX($D$3:$AA$30,INDEX(Jesper!$R$2:$R$366,ROW(INDEX(Jesper!AK$2:AK$366,ROUNDDOWN($C1498/24,0)+1,1))-1)+IF('Standard Profiles'!$G$21=$B$10,7,0)+IF('Standard Profiles'!$G$21=$B$17,14,0)+IF('Standard Profiles'!$G$21=$B$24,21,0),MOD($C1498,24)+1)/SUM(INDEX($D$3:$AA$30,INDEX(Jesper!$R$2:$R$366,ROW(INDEX(Jesper!AK$2:AK$366,ROUNDDOWN($C1498/24,0)+1,1))-1)+IF('Standard Profiles'!$G$21=$B$10,7,0)+IF('Standard Profiles'!$G$21=$B$17,14,0)+IF('Standard Profiles'!$G$21=$B$24,21,0),0)),0)</f>
        <v>6.3151483894474065</v>
      </c>
      <c r="H1498" cm="1">
        <f t="array" ref="H1498">IFERROR(INDEX(Jesper!AL$2:AL$366,ROUNDDOWN($C1498/24,0)+1,1)*INDEX($D$3:$AA$30,INDEX(Jesper!$R$2:$R$366,ROW(INDEX(Jesper!AL$2:AL$366,ROUNDDOWN($C1498/24,0)+1,1))-1)+IF('Standard Profiles'!$G$22=$B$10,7,0)+IF('Standard Profiles'!$G$22=$B$17,14,0)+IF('Standard Profiles'!$G$22=$B$24,21,0),MOD($C1498,24)+1)/SUM(INDEX($D$3:$AA$30,INDEX(Jesper!$R$2:$R$366,ROW(INDEX(Jesper!AL$2:AL$366,ROUNDDOWN($C1498/24,0)+1,1))-1)+IF('Standard Profiles'!$G$22=$B$10,7,0)+IF('Standard Profiles'!$G$22=$B$17,14,0)+IF('Standard Profiles'!$G$22=$B$24,21,0),0)),0)</f>
        <v>0</v>
      </c>
      <c r="I1498">
        <f t="shared" si="174"/>
        <v>3.0312712269347535</v>
      </c>
      <c r="J1498">
        <f t="shared" si="175"/>
        <v>20.543104331048465</v>
      </c>
      <c r="K1498">
        <f t="shared" si="176"/>
        <v>0.97593671830479689</v>
      </c>
      <c r="L1498">
        <f t="shared" si="177"/>
        <v>0.48796835915239845</v>
      </c>
      <c r="M1498">
        <f t="shared" si="178"/>
        <v>0</v>
      </c>
      <c r="N1498" s="45">
        <f t="shared" si="179"/>
        <v>44987.999999996449</v>
      </c>
    </row>
    <row r="1499" spans="2:14" x14ac:dyDescent="0.25">
      <c r="B1499">
        <f t="shared" si="173"/>
        <v>5</v>
      </c>
      <c r="C1499" s="16">
        <v>1465</v>
      </c>
      <c r="D1499" cm="1">
        <f t="array" ref="D1499">IFERROR(INDEX(Jesper!AH$2:AH$366,ROUNDDOWN($C1499/24,0)+1,1)*INDEX($D$3:$AA$30,INDEX(Jesper!$R$2:$R$366,ROW(INDEX(Jesper!AH$2:AH$366,ROUNDDOWN($C1499/24,0)+1,1))-1)+IF('Standard Profiles'!$G$18=$B$10,7,0)+IF('Standard Profiles'!$G$18=$B$17,14,0)+IF('Standard Profiles'!$G$18=$B$24,21,0),MOD($C1499,24)+1)/SUM(INDEX($D$3:$AA$30,INDEX(Jesper!$R$2:$R$366,ROW(INDEX(Jesper!AH$2:AH$366,ROUNDDOWN($C1499/24,0)+1,1))-1)+IF('Standard Profiles'!$G$18=$B$10,7,0)+IF('Standard Profiles'!$G$18=$B$17,14,0)+IF('Standard Profiles'!$G$18=$B$24,21,0),0)),0)</f>
        <v>5.545094990368165</v>
      </c>
      <c r="E1499" cm="1">
        <f t="array" ref="E1499">IFERROR(INDEX(Jesper!AI$2:AI$366,ROUNDDOWN($C1499/24,0)+1,1)*INDEX($D$3:$AA$30,INDEX(Jesper!$R$2:$R$366,ROW(INDEX(Jesper!AI$2:AI$366,ROUNDDOWN($C1499/24,0)+1,1))-1)+IF('Standard Profiles'!$G$19=$B$10,7,0)+IF('Standard Profiles'!$G$19=$B$17,14,0)+IF('Standard Profiles'!$G$19=$B$24,21,0),MOD($C1499,24)+1)/SUM(INDEX($D$3:$AA$30,INDEX(Jesper!$R$2:$R$366,ROW(INDEX(Jesper!AI$2:AI$366,ROUNDDOWN($C1499/24,0)+1,1))-1)+IF('Standard Profiles'!$G$19=$B$10,7,0)+IF('Standard Profiles'!$G$19=$B$17,14,0)+IF('Standard Profiles'!$G$19=$B$24,21,0),0)),0)</f>
        <v>5.802257885991235</v>
      </c>
      <c r="F1499" cm="1">
        <f t="array" ref="F1499">IFERROR(INDEX(Jesper!AJ$2:AJ$366,ROUNDDOWN($C1499/24,0)+1,1)*INDEX($D$3:$AA$30,INDEX(Jesper!$R$2:$R$366,ROW(INDEX(Jesper!AJ$2:AJ$366,ROUNDDOWN($C1499/24,0)+1,1))-1)+IF('Standard Profiles'!$G$20=$B$10,7,0)+IF('Standard Profiles'!$G$20=$B$17,14,0)+IF('Standard Profiles'!$G$20=$B$24,21,0),MOD($C1499,24)+1)/SUM(INDEX($D$3:$AA$30,INDEX(Jesper!$R$2:$R$366,ROW(INDEX(Jesper!AJ$2:AJ$366,ROUNDDOWN($C1499/24,0)+1,1))-1)+IF('Standard Profiles'!$G$20=$B$10,7,0)+IF('Standard Profiles'!$G$20=$B$17,14,0)+IF('Standard Profiles'!$G$20=$B$24,21,0),0)),0)</f>
        <v>0</v>
      </c>
      <c r="G1499" cm="1">
        <f t="array" ref="G1499">IFERROR(INDEX(Jesper!AK$2:AK$366,ROUNDDOWN($C1499/24,0)+1,1)*INDEX($D$3:$AA$30,INDEX(Jesper!$R$2:$R$366,ROW(INDEX(Jesper!AK$2:AK$366,ROUNDDOWN($C1499/24,0)+1,1))-1)+IF('Standard Profiles'!$G$21=$B$10,7,0)+IF('Standard Profiles'!$G$21=$B$17,14,0)+IF('Standard Profiles'!$G$21=$B$24,21,0),MOD($C1499,24)+1)/SUM(INDEX($D$3:$AA$30,INDEX(Jesper!$R$2:$R$366,ROW(INDEX(Jesper!AK$2:AK$366,ROUNDDOWN($C1499/24,0)+1,1))-1)+IF('Standard Profiles'!$G$21=$B$10,7,0)+IF('Standard Profiles'!$G$21=$B$17,14,0)+IF('Standard Profiles'!$G$21=$B$24,21,0),0)),0)</f>
        <v>6.3151483894474065</v>
      </c>
      <c r="H1499" cm="1">
        <f t="array" ref="H1499">IFERROR(INDEX(Jesper!AL$2:AL$366,ROUNDDOWN($C1499/24,0)+1,1)*INDEX($D$3:$AA$30,INDEX(Jesper!$R$2:$R$366,ROW(INDEX(Jesper!AL$2:AL$366,ROUNDDOWN($C1499/24,0)+1,1))-1)+IF('Standard Profiles'!$G$22=$B$10,7,0)+IF('Standard Profiles'!$G$22=$B$17,14,0)+IF('Standard Profiles'!$G$22=$B$24,21,0),MOD($C1499,24)+1)/SUM(INDEX($D$3:$AA$30,INDEX(Jesper!$R$2:$R$366,ROW(INDEX(Jesper!AL$2:AL$366,ROUNDDOWN($C1499/24,0)+1,1))-1)+IF('Standard Profiles'!$G$22=$B$10,7,0)+IF('Standard Profiles'!$G$22=$B$17,14,0)+IF('Standard Profiles'!$G$22=$B$24,21,0),0)),0)</f>
        <v>0</v>
      </c>
      <c r="I1499">
        <f t="shared" si="174"/>
        <v>3.0312712269347535</v>
      </c>
      <c r="J1499">
        <f t="shared" si="175"/>
        <v>13.744014840413147</v>
      </c>
      <c r="K1499">
        <f t="shared" si="176"/>
        <v>0.5914767989726043</v>
      </c>
      <c r="L1499">
        <f t="shared" si="177"/>
        <v>0.29573839948630215</v>
      </c>
      <c r="M1499">
        <f t="shared" si="178"/>
        <v>0</v>
      </c>
      <c r="N1499" s="45">
        <f t="shared" si="179"/>
        <v>44988.041666663114</v>
      </c>
    </row>
    <row r="1500" spans="2:14" x14ac:dyDescent="0.25">
      <c r="B1500">
        <f t="shared" si="173"/>
        <v>5</v>
      </c>
      <c r="C1500" s="16">
        <v>1466</v>
      </c>
      <c r="D1500" cm="1">
        <f t="array" ref="D1500">IFERROR(INDEX(Jesper!AH$2:AH$366,ROUNDDOWN($C1500/24,0)+1,1)*INDEX($D$3:$AA$30,INDEX(Jesper!$R$2:$R$366,ROW(INDEX(Jesper!AH$2:AH$366,ROUNDDOWN($C1500/24,0)+1,1))-1)+IF('Standard Profiles'!$G$18=$B$10,7,0)+IF('Standard Profiles'!$G$18=$B$17,14,0)+IF('Standard Profiles'!$G$18=$B$24,21,0),MOD($C1500,24)+1)/SUM(INDEX($D$3:$AA$30,INDEX(Jesper!$R$2:$R$366,ROW(INDEX(Jesper!AH$2:AH$366,ROUNDDOWN($C1500/24,0)+1,1))-1)+IF('Standard Profiles'!$G$18=$B$10,7,0)+IF('Standard Profiles'!$G$18=$B$17,14,0)+IF('Standard Profiles'!$G$18=$B$24,21,0),0)),0)</f>
        <v>5.545094990368165</v>
      </c>
      <c r="E1500" cm="1">
        <f t="array" ref="E1500">IFERROR(INDEX(Jesper!AI$2:AI$366,ROUNDDOWN($C1500/24,0)+1,1)*INDEX($D$3:$AA$30,INDEX(Jesper!$R$2:$R$366,ROW(INDEX(Jesper!AI$2:AI$366,ROUNDDOWN($C1500/24,0)+1,1))-1)+IF('Standard Profiles'!$G$19=$B$10,7,0)+IF('Standard Profiles'!$G$19=$B$17,14,0)+IF('Standard Profiles'!$G$19=$B$24,21,0),MOD($C1500,24)+1)/SUM(INDEX($D$3:$AA$30,INDEX(Jesper!$R$2:$R$366,ROW(INDEX(Jesper!AI$2:AI$366,ROUNDDOWN($C1500/24,0)+1,1))-1)+IF('Standard Profiles'!$G$19=$B$10,7,0)+IF('Standard Profiles'!$G$19=$B$17,14,0)+IF('Standard Profiles'!$G$19=$B$24,21,0),0)),0)</f>
        <v>5.802257885991235</v>
      </c>
      <c r="F1500" cm="1">
        <f t="array" ref="F1500">IFERROR(INDEX(Jesper!AJ$2:AJ$366,ROUNDDOWN($C1500/24,0)+1,1)*INDEX($D$3:$AA$30,INDEX(Jesper!$R$2:$R$366,ROW(INDEX(Jesper!AJ$2:AJ$366,ROUNDDOWN($C1500/24,0)+1,1))-1)+IF('Standard Profiles'!$G$20=$B$10,7,0)+IF('Standard Profiles'!$G$20=$B$17,14,0)+IF('Standard Profiles'!$G$20=$B$24,21,0),MOD($C1500,24)+1)/SUM(INDEX($D$3:$AA$30,INDEX(Jesper!$R$2:$R$366,ROW(INDEX(Jesper!AJ$2:AJ$366,ROUNDDOWN($C1500/24,0)+1,1))-1)+IF('Standard Profiles'!$G$20=$B$10,7,0)+IF('Standard Profiles'!$G$20=$B$17,14,0)+IF('Standard Profiles'!$G$20=$B$24,21,0),0)),0)</f>
        <v>0</v>
      </c>
      <c r="G1500" cm="1">
        <f t="array" ref="G1500">IFERROR(INDEX(Jesper!AK$2:AK$366,ROUNDDOWN($C1500/24,0)+1,1)*INDEX($D$3:$AA$30,INDEX(Jesper!$R$2:$R$366,ROW(INDEX(Jesper!AK$2:AK$366,ROUNDDOWN($C1500/24,0)+1,1))-1)+IF('Standard Profiles'!$G$21=$B$10,7,0)+IF('Standard Profiles'!$G$21=$B$17,14,0)+IF('Standard Profiles'!$G$21=$B$24,21,0),MOD($C1500,24)+1)/SUM(INDEX($D$3:$AA$30,INDEX(Jesper!$R$2:$R$366,ROW(INDEX(Jesper!AK$2:AK$366,ROUNDDOWN($C1500/24,0)+1,1))-1)+IF('Standard Profiles'!$G$21=$B$10,7,0)+IF('Standard Profiles'!$G$21=$B$17,14,0)+IF('Standard Profiles'!$G$21=$B$24,21,0),0)),0)</f>
        <v>6.3151483894474065</v>
      </c>
      <c r="H1500" cm="1">
        <f t="array" ref="H1500">IFERROR(INDEX(Jesper!AL$2:AL$366,ROUNDDOWN($C1500/24,0)+1,1)*INDEX($D$3:$AA$30,INDEX(Jesper!$R$2:$R$366,ROW(INDEX(Jesper!AL$2:AL$366,ROUNDDOWN($C1500/24,0)+1,1))-1)+IF('Standard Profiles'!$G$22=$B$10,7,0)+IF('Standard Profiles'!$G$22=$B$17,14,0)+IF('Standard Profiles'!$G$22=$B$24,21,0),MOD($C1500,24)+1)/SUM(INDEX($D$3:$AA$30,INDEX(Jesper!$R$2:$R$366,ROW(INDEX(Jesper!AL$2:AL$366,ROUNDDOWN($C1500/24,0)+1,1))-1)+IF('Standard Profiles'!$G$22=$B$10,7,0)+IF('Standard Profiles'!$G$22=$B$17,14,0)+IF('Standard Profiles'!$G$22=$B$24,21,0),0)),0)</f>
        <v>0</v>
      </c>
      <c r="I1500">
        <f t="shared" si="174"/>
        <v>3.0312712269347535</v>
      </c>
      <c r="J1500">
        <f t="shared" si="175"/>
        <v>13.744014840413147</v>
      </c>
      <c r="K1500">
        <f t="shared" si="176"/>
        <v>0.5914767989726043</v>
      </c>
      <c r="L1500">
        <f t="shared" si="177"/>
        <v>0.29573839948630215</v>
      </c>
      <c r="M1500">
        <f t="shared" si="178"/>
        <v>0</v>
      </c>
      <c r="N1500" s="45">
        <f t="shared" si="179"/>
        <v>44988.083333329778</v>
      </c>
    </row>
    <row r="1501" spans="2:14" x14ac:dyDescent="0.25">
      <c r="B1501">
        <f t="shared" si="173"/>
        <v>5</v>
      </c>
      <c r="C1501" s="16">
        <v>1467</v>
      </c>
      <c r="D1501" cm="1">
        <f t="array" ref="D1501">IFERROR(INDEX(Jesper!AH$2:AH$366,ROUNDDOWN($C1501/24,0)+1,1)*INDEX($D$3:$AA$30,INDEX(Jesper!$R$2:$R$366,ROW(INDEX(Jesper!AH$2:AH$366,ROUNDDOWN($C1501/24,0)+1,1))-1)+IF('Standard Profiles'!$G$18=$B$10,7,0)+IF('Standard Profiles'!$G$18=$B$17,14,0)+IF('Standard Profiles'!$G$18=$B$24,21,0),MOD($C1501,24)+1)/SUM(INDEX($D$3:$AA$30,INDEX(Jesper!$R$2:$R$366,ROW(INDEX(Jesper!AH$2:AH$366,ROUNDDOWN($C1501/24,0)+1,1))-1)+IF('Standard Profiles'!$G$18=$B$10,7,0)+IF('Standard Profiles'!$G$18=$B$17,14,0)+IF('Standard Profiles'!$G$18=$B$24,21,0),0)),0)</f>
        <v>5.545094990368165</v>
      </c>
      <c r="E1501" cm="1">
        <f t="array" ref="E1501">IFERROR(INDEX(Jesper!AI$2:AI$366,ROUNDDOWN($C1501/24,0)+1,1)*INDEX($D$3:$AA$30,INDEX(Jesper!$R$2:$R$366,ROW(INDEX(Jesper!AI$2:AI$366,ROUNDDOWN($C1501/24,0)+1,1))-1)+IF('Standard Profiles'!$G$19=$B$10,7,0)+IF('Standard Profiles'!$G$19=$B$17,14,0)+IF('Standard Profiles'!$G$19=$B$24,21,0),MOD($C1501,24)+1)/SUM(INDEX($D$3:$AA$30,INDEX(Jesper!$R$2:$R$366,ROW(INDEX(Jesper!AI$2:AI$366,ROUNDDOWN($C1501/24,0)+1,1))-1)+IF('Standard Profiles'!$G$19=$B$10,7,0)+IF('Standard Profiles'!$G$19=$B$17,14,0)+IF('Standard Profiles'!$G$19=$B$24,21,0),0)),0)</f>
        <v>5.802257885991235</v>
      </c>
      <c r="F1501" cm="1">
        <f t="array" ref="F1501">IFERROR(INDEX(Jesper!AJ$2:AJ$366,ROUNDDOWN($C1501/24,0)+1,1)*INDEX($D$3:$AA$30,INDEX(Jesper!$R$2:$R$366,ROW(INDEX(Jesper!AJ$2:AJ$366,ROUNDDOWN($C1501/24,0)+1,1))-1)+IF('Standard Profiles'!$G$20=$B$10,7,0)+IF('Standard Profiles'!$G$20=$B$17,14,0)+IF('Standard Profiles'!$G$20=$B$24,21,0),MOD($C1501,24)+1)/SUM(INDEX($D$3:$AA$30,INDEX(Jesper!$R$2:$R$366,ROW(INDEX(Jesper!AJ$2:AJ$366,ROUNDDOWN($C1501/24,0)+1,1))-1)+IF('Standard Profiles'!$G$20=$B$10,7,0)+IF('Standard Profiles'!$G$20=$B$17,14,0)+IF('Standard Profiles'!$G$20=$B$24,21,0),0)),0)</f>
        <v>0</v>
      </c>
      <c r="G1501" cm="1">
        <f t="array" ref="G1501">IFERROR(INDEX(Jesper!AK$2:AK$366,ROUNDDOWN($C1501/24,0)+1,1)*INDEX($D$3:$AA$30,INDEX(Jesper!$R$2:$R$366,ROW(INDEX(Jesper!AK$2:AK$366,ROUNDDOWN($C1501/24,0)+1,1))-1)+IF('Standard Profiles'!$G$21=$B$10,7,0)+IF('Standard Profiles'!$G$21=$B$17,14,0)+IF('Standard Profiles'!$G$21=$B$24,21,0),MOD($C1501,24)+1)/SUM(INDEX($D$3:$AA$30,INDEX(Jesper!$R$2:$R$366,ROW(INDEX(Jesper!AK$2:AK$366,ROUNDDOWN($C1501/24,0)+1,1))-1)+IF('Standard Profiles'!$G$21=$B$10,7,0)+IF('Standard Profiles'!$G$21=$B$17,14,0)+IF('Standard Profiles'!$G$21=$B$24,21,0),0)),0)</f>
        <v>6.3151483894474065</v>
      </c>
      <c r="H1501" cm="1">
        <f t="array" ref="H1501">IFERROR(INDEX(Jesper!AL$2:AL$366,ROUNDDOWN($C1501/24,0)+1,1)*INDEX($D$3:$AA$30,INDEX(Jesper!$R$2:$R$366,ROW(INDEX(Jesper!AL$2:AL$366,ROUNDDOWN($C1501/24,0)+1,1))-1)+IF('Standard Profiles'!$G$22=$B$10,7,0)+IF('Standard Profiles'!$G$22=$B$17,14,0)+IF('Standard Profiles'!$G$22=$B$24,21,0),MOD($C1501,24)+1)/SUM(INDEX($D$3:$AA$30,INDEX(Jesper!$R$2:$R$366,ROW(INDEX(Jesper!AL$2:AL$366,ROUNDDOWN($C1501/24,0)+1,1))-1)+IF('Standard Profiles'!$G$22=$B$10,7,0)+IF('Standard Profiles'!$G$22=$B$17,14,0)+IF('Standard Profiles'!$G$22=$B$24,21,0),0)),0)</f>
        <v>0</v>
      </c>
      <c r="I1501">
        <f t="shared" si="174"/>
        <v>3.0312712269347535</v>
      </c>
      <c r="J1501">
        <f t="shared" si="175"/>
        <v>13.744014840413147</v>
      </c>
      <c r="K1501">
        <f t="shared" si="176"/>
        <v>0.5914767989726043</v>
      </c>
      <c r="L1501">
        <f t="shared" si="177"/>
        <v>0.29573839948630215</v>
      </c>
      <c r="M1501">
        <f t="shared" si="178"/>
        <v>0</v>
      </c>
      <c r="N1501" s="45">
        <f t="shared" si="179"/>
        <v>44988.124999996442</v>
      </c>
    </row>
    <row r="1502" spans="2:14" x14ac:dyDescent="0.25">
      <c r="B1502">
        <f t="shared" si="173"/>
        <v>5</v>
      </c>
      <c r="C1502" s="16">
        <v>1468</v>
      </c>
      <c r="D1502" cm="1">
        <f t="array" ref="D1502">IFERROR(INDEX(Jesper!AH$2:AH$366,ROUNDDOWN($C1502/24,0)+1,1)*INDEX($D$3:$AA$30,INDEX(Jesper!$R$2:$R$366,ROW(INDEX(Jesper!AH$2:AH$366,ROUNDDOWN($C1502/24,0)+1,1))-1)+IF('Standard Profiles'!$G$18=$B$10,7,0)+IF('Standard Profiles'!$G$18=$B$17,14,0)+IF('Standard Profiles'!$G$18=$B$24,21,0),MOD($C1502,24)+1)/SUM(INDEX($D$3:$AA$30,INDEX(Jesper!$R$2:$R$366,ROW(INDEX(Jesper!AH$2:AH$366,ROUNDDOWN($C1502/24,0)+1,1))-1)+IF('Standard Profiles'!$G$18=$B$10,7,0)+IF('Standard Profiles'!$G$18=$B$17,14,0)+IF('Standard Profiles'!$G$18=$B$24,21,0),0)),0)</f>
        <v>5.545094990368165</v>
      </c>
      <c r="E1502" cm="1">
        <f t="array" ref="E1502">IFERROR(INDEX(Jesper!AI$2:AI$366,ROUNDDOWN($C1502/24,0)+1,1)*INDEX($D$3:$AA$30,INDEX(Jesper!$R$2:$R$366,ROW(INDEX(Jesper!AI$2:AI$366,ROUNDDOWN($C1502/24,0)+1,1))-1)+IF('Standard Profiles'!$G$19=$B$10,7,0)+IF('Standard Profiles'!$G$19=$B$17,14,0)+IF('Standard Profiles'!$G$19=$B$24,21,0),MOD($C1502,24)+1)/SUM(INDEX($D$3:$AA$30,INDEX(Jesper!$R$2:$R$366,ROW(INDEX(Jesper!AI$2:AI$366,ROUNDDOWN($C1502/24,0)+1,1))-1)+IF('Standard Profiles'!$G$19=$B$10,7,0)+IF('Standard Profiles'!$G$19=$B$17,14,0)+IF('Standard Profiles'!$G$19=$B$24,21,0),0)),0)</f>
        <v>5.802257885991235</v>
      </c>
      <c r="F1502" cm="1">
        <f t="array" ref="F1502">IFERROR(INDEX(Jesper!AJ$2:AJ$366,ROUNDDOWN($C1502/24,0)+1,1)*INDEX($D$3:$AA$30,INDEX(Jesper!$R$2:$R$366,ROW(INDEX(Jesper!AJ$2:AJ$366,ROUNDDOWN($C1502/24,0)+1,1))-1)+IF('Standard Profiles'!$G$20=$B$10,7,0)+IF('Standard Profiles'!$G$20=$B$17,14,0)+IF('Standard Profiles'!$G$20=$B$24,21,0),MOD($C1502,24)+1)/SUM(INDEX($D$3:$AA$30,INDEX(Jesper!$R$2:$R$366,ROW(INDEX(Jesper!AJ$2:AJ$366,ROUNDDOWN($C1502/24,0)+1,1))-1)+IF('Standard Profiles'!$G$20=$B$10,7,0)+IF('Standard Profiles'!$G$20=$B$17,14,0)+IF('Standard Profiles'!$G$20=$B$24,21,0),0)),0)</f>
        <v>0</v>
      </c>
      <c r="G1502" cm="1">
        <f t="array" ref="G1502">IFERROR(INDEX(Jesper!AK$2:AK$366,ROUNDDOWN($C1502/24,0)+1,1)*INDEX($D$3:$AA$30,INDEX(Jesper!$R$2:$R$366,ROW(INDEX(Jesper!AK$2:AK$366,ROUNDDOWN($C1502/24,0)+1,1))-1)+IF('Standard Profiles'!$G$21=$B$10,7,0)+IF('Standard Profiles'!$G$21=$B$17,14,0)+IF('Standard Profiles'!$G$21=$B$24,21,0),MOD($C1502,24)+1)/SUM(INDEX($D$3:$AA$30,INDEX(Jesper!$R$2:$R$366,ROW(INDEX(Jesper!AK$2:AK$366,ROUNDDOWN($C1502/24,0)+1,1))-1)+IF('Standard Profiles'!$G$21=$B$10,7,0)+IF('Standard Profiles'!$G$21=$B$17,14,0)+IF('Standard Profiles'!$G$21=$B$24,21,0),0)),0)</f>
        <v>6.3151483894474065</v>
      </c>
      <c r="H1502" cm="1">
        <f t="array" ref="H1502">IFERROR(INDEX(Jesper!AL$2:AL$366,ROUNDDOWN($C1502/24,0)+1,1)*INDEX($D$3:$AA$30,INDEX(Jesper!$R$2:$R$366,ROW(INDEX(Jesper!AL$2:AL$366,ROUNDDOWN($C1502/24,0)+1,1))-1)+IF('Standard Profiles'!$G$22=$B$10,7,0)+IF('Standard Profiles'!$G$22=$B$17,14,0)+IF('Standard Profiles'!$G$22=$B$24,21,0),MOD($C1502,24)+1)/SUM(INDEX($D$3:$AA$30,INDEX(Jesper!$R$2:$R$366,ROW(INDEX(Jesper!AL$2:AL$366,ROUNDDOWN($C1502/24,0)+1,1))-1)+IF('Standard Profiles'!$G$22=$B$10,7,0)+IF('Standard Profiles'!$G$22=$B$17,14,0)+IF('Standard Profiles'!$G$22=$B$24,21,0),0)),0)</f>
        <v>0</v>
      </c>
      <c r="I1502">
        <f t="shared" si="174"/>
        <v>3.0312712269347535</v>
      </c>
      <c r="J1502">
        <f t="shared" si="175"/>
        <v>13.744014840413147</v>
      </c>
      <c r="K1502">
        <f t="shared" si="176"/>
        <v>0.5914767989726043</v>
      </c>
      <c r="L1502">
        <f t="shared" si="177"/>
        <v>0.29573839948630215</v>
      </c>
      <c r="M1502">
        <f t="shared" si="178"/>
        <v>0</v>
      </c>
      <c r="N1502" s="45">
        <f t="shared" si="179"/>
        <v>44988.166666663106</v>
      </c>
    </row>
    <row r="1503" spans="2:14" x14ac:dyDescent="0.25">
      <c r="B1503">
        <f t="shared" si="173"/>
        <v>5</v>
      </c>
      <c r="C1503" s="16">
        <v>1469</v>
      </c>
      <c r="D1503" cm="1">
        <f t="array" ref="D1503">IFERROR(INDEX(Jesper!AH$2:AH$366,ROUNDDOWN($C1503/24,0)+1,1)*INDEX($D$3:$AA$30,INDEX(Jesper!$R$2:$R$366,ROW(INDEX(Jesper!AH$2:AH$366,ROUNDDOWN($C1503/24,0)+1,1))-1)+IF('Standard Profiles'!$G$18=$B$10,7,0)+IF('Standard Profiles'!$G$18=$B$17,14,0)+IF('Standard Profiles'!$G$18=$B$24,21,0),MOD($C1503,24)+1)/SUM(INDEX($D$3:$AA$30,INDEX(Jesper!$R$2:$R$366,ROW(INDEX(Jesper!AH$2:AH$366,ROUNDDOWN($C1503/24,0)+1,1))-1)+IF('Standard Profiles'!$G$18=$B$10,7,0)+IF('Standard Profiles'!$G$18=$B$17,14,0)+IF('Standard Profiles'!$G$18=$B$24,21,0),0)),0)</f>
        <v>5.545094990368165</v>
      </c>
      <c r="E1503" cm="1">
        <f t="array" ref="E1503">IFERROR(INDEX(Jesper!AI$2:AI$366,ROUNDDOWN($C1503/24,0)+1,1)*INDEX($D$3:$AA$30,INDEX(Jesper!$R$2:$R$366,ROW(INDEX(Jesper!AI$2:AI$366,ROUNDDOWN($C1503/24,0)+1,1))-1)+IF('Standard Profiles'!$G$19=$B$10,7,0)+IF('Standard Profiles'!$G$19=$B$17,14,0)+IF('Standard Profiles'!$G$19=$B$24,21,0),MOD($C1503,24)+1)/SUM(INDEX($D$3:$AA$30,INDEX(Jesper!$R$2:$R$366,ROW(INDEX(Jesper!AI$2:AI$366,ROUNDDOWN($C1503/24,0)+1,1))-1)+IF('Standard Profiles'!$G$19=$B$10,7,0)+IF('Standard Profiles'!$G$19=$B$17,14,0)+IF('Standard Profiles'!$G$19=$B$24,21,0),0)),0)</f>
        <v>5.802257885991235</v>
      </c>
      <c r="F1503" cm="1">
        <f t="array" ref="F1503">IFERROR(INDEX(Jesper!AJ$2:AJ$366,ROUNDDOWN($C1503/24,0)+1,1)*INDEX($D$3:$AA$30,INDEX(Jesper!$R$2:$R$366,ROW(INDEX(Jesper!AJ$2:AJ$366,ROUNDDOWN($C1503/24,0)+1,1))-1)+IF('Standard Profiles'!$G$20=$B$10,7,0)+IF('Standard Profiles'!$G$20=$B$17,14,0)+IF('Standard Profiles'!$G$20=$B$24,21,0),MOD($C1503,24)+1)/SUM(INDEX($D$3:$AA$30,INDEX(Jesper!$R$2:$R$366,ROW(INDEX(Jesper!AJ$2:AJ$366,ROUNDDOWN($C1503/24,0)+1,1))-1)+IF('Standard Profiles'!$G$20=$B$10,7,0)+IF('Standard Profiles'!$G$20=$B$17,14,0)+IF('Standard Profiles'!$G$20=$B$24,21,0),0)),0)</f>
        <v>0</v>
      </c>
      <c r="G1503" cm="1">
        <f t="array" ref="G1503">IFERROR(INDEX(Jesper!AK$2:AK$366,ROUNDDOWN($C1503/24,0)+1,1)*INDEX($D$3:$AA$30,INDEX(Jesper!$R$2:$R$366,ROW(INDEX(Jesper!AK$2:AK$366,ROUNDDOWN($C1503/24,0)+1,1))-1)+IF('Standard Profiles'!$G$21=$B$10,7,0)+IF('Standard Profiles'!$G$21=$B$17,14,0)+IF('Standard Profiles'!$G$21=$B$24,21,0),MOD($C1503,24)+1)/SUM(INDEX($D$3:$AA$30,INDEX(Jesper!$R$2:$R$366,ROW(INDEX(Jesper!AK$2:AK$366,ROUNDDOWN($C1503/24,0)+1,1))-1)+IF('Standard Profiles'!$G$21=$B$10,7,0)+IF('Standard Profiles'!$G$21=$B$17,14,0)+IF('Standard Profiles'!$G$21=$B$24,21,0),0)),0)</f>
        <v>6.3151483894474065</v>
      </c>
      <c r="H1503" cm="1">
        <f t="array" ref="H1503">IFERROR(INDEX(Jesper!AL$2:AL$366,ROUNDDOWN($C1503/24,0)+1,1)*INDEX($D$3:$AA$30,INDEX(Jesper!$R$2:$R$366,ROW(INDEX(Jesper!AL$2:AL$366,ROUNDDOWN($C1503/24,0)+1,1))-1)+IF('Standard Profiles'!$G$22=$B$10,7,0)+IF('Standard Profiles'!$G$22=$B$17,14,0)+IF('Standard Profiles'!$G$22=$B$24,21,0),MOD($C1503,24)+1)/SUM(INDEX($D$3:$AA$30,INDEX(Jesper!$R$2:$R$366,ROW(INDEX(Jesper!AL$2:AL$366,ROUNDDOWN($C1503/24,0)+1,1))-1)+IF('Standard Profiles'!$G$22=$B$10,7,0)+IF('Standard Profiles'!$G$22=$B$17,14,0)+IF('Standard Profiles'!$G$22=$B$24,21,0),0)),0)</f>
        <v>0</v>
      </c>
      <c r="I1503">
        <f t="shared" si="174"/>
        <v>3.0312712269347535</v>
      </c>
      <c r="J1503">
        <f t="shared" si="175"/>
        <v>13.744014840413147</v>
      </c>
      <c r="K1503">
        <f t="shared" si="176"/>
        <v>0.5914767989726043</v>
      </c>
      <c r="L1503">
        <f t="shared" si="177"/>
        <v>0.29573839948630215</v>
      </c>
      <c r="M1503">
        <f t="shared" si="178"/>
        <v>0</v>
      </c>
      <c r="N1503" s="45">
        <f t="shared" si="179"/>
        <v>44988.208333329771</v>
      </c>
    </row>
    <row r="1504" spans="2:14" x14ac:dyDescent="0.25">
      <c r="B1504">
        <f t="shared" si="173"/>
        <v>5</v>
      </c>
      <c r="C1504" s="16">
        <v>1470</v>
      </c>
      <c r="D1504" cm="1">
        <f t="array" ref="D1504">IFERROR(INDEX(Jesper!AH$2:AH$366,ROUNDDOWN($C1504/24,0)+1,1)*INDEX($D$3:$AA$30,INDEX(Jesper!$R$2:$R$366,ROW(INDEX(Jesper!AH$2:AH$366,ROUNDDOWN($C1504/24,0)+1,1))-1)+IF('Standard Profiles'!$G$18=$B$10,7,0)+IF('Standard Profiles'!$G$18=$B$17,14,0)+IF('Standard Profiles'!$G$18=$B$24,21,0),MOD($C1504,24)+1)/SUM(INDEX($D$3:$AA$30,INDEX(Jesper!$R$2:$R$366,ROW(INDEX(Jesper!AH$2:AH$366,ROUNDDOWN($C1504/24,0)+1,1))-1)+IF('Standard Profiles'!$G$18=$B$10,7,0)+IF('Standard Profiles'!$G$18=$B$17,14,0)+IF('Standard Profiles'!$G$18=$B$24,21,0),0)),0)</f>
        <v>5.545094990368165</v>
      </c>
      <c r="E1504" cm="1">
        <f t="array" ref="E1504">IFERROR(INDEX(Jesper!AI$2:AI$366,ROUNDDOWN($C1504/24,0)+1,1)*INDEX($D$3:$AA$30,INDEX(Jesper!$R$2:$R$366,ROW(INDEX(Jesper!AI$2:AI$366,ROUNDDOWN($C1504/24,0)+1,1))-1)+IF('Standard Profiles'!$G$19=$B$10,7,0)+IF('Standard Profiles'!$G$19=$B$17,14,0)+IF('Standard Profiles'!$G$19=$B$24,21,0),MOD($C1504,24)+1)/SUM(INDEX($D$3:$AA$30,INDEX(Jesper!$R$2:$R$366,ROW(INDEX(Jesper!AI$2:AI$366,ROUNDDOWN($C1504/24,0)+1,1))-1)+IF('Standard Profiles'!$G$19=$B$10,7,0)+IF('Standard Profiles'!$G$19=$B$17,14,0)+IF('Standard Profiles'!$G$19=$B$24,21,0),0)),0)</f>
        <v>5.802257885991235</v>
      </c>
      <c r="F1504" cm="1">
        <f t="array" ref="F1504">IFERROR(INDEX(Jesper!AJ$2:AJ$366,ROUNDDOWN($C1504/24,0)+1,1)*INDEX($D$3:$AA$30,INDEX(Jesper!$R$2:$R$366,ROW(INDEX(Jesper!AJ$2:AJ$366,ROUNDDOWN($C1504/24,0)+1,1))-1)+IF('Standard Profiles'!$G$20=$B$10,7,0)+IF('Standard Profiles'!$G$20=$B$17,14,0)+IF('Standard Profiles'!$G$20=$B$24,21,0),MOD($C1504,24)+1)/SUM(INDEX($D$3:$AA$30,INDEX(Jesper!$R$2:$R$366,ROW(INDEX(Jesper!AJ$2:AJ$366,ROUNDDOWN($C1504/24,0)+1,1))-1)+IF('Standard Profiles'!$G$20=$B$10,7,0)+IF('Standard Profiles'!$G$20=$B$17,14,0)+IF('Standard Profiles'!$G$20=$B$24,21,0),0)),0)</f>
        <v>0</v>
      </c>
      <c r="G1504" cm="1">
        <f t="array" ref="G1504">IFERROR(INDEX(Jesper!AK$2:AK$366,ROUNDDOWN($C1504/24,0)+1,1)*INDEX($D$3:$AA$30,INDEX(Jesper!$R$2:$R$366,ROW(INDEX(Jesper!AK$2:AK$366,ROUNDDOWN($C1504/24,0)+1,1))-1)+IF('Standard Profiles'!$G$21=$B$10,7,0)+IF('Standard Profiles'!$G$21=$B$17,14,0)+IF('Standard Profiles'!$G$21=$B$24,21,0),MOD($C1504,24)+1)/SUM(INDEX($D$3:$AA$30,INDEX(Jesper!$R$2:$R$366,ROW(INDEX(Jesper!AK$2:AK$366,ROUNDDOWN($C1504/24,0)+1,1))-1)+IF('Standard Profiles'!$G$21=$B$10,7,0)+IF('Standard Profiles'!$G$21=$B$17,14,0)+IF('Standard Profiles'!$G$21=$B$24,21,0),0)),0)</f>
        <v>6.3151483894474065</v>
      </c>
      <c r="H1504" cm="1">
        <f t="array" ref="H1504">IFERROR(INDEX(Jesper!AL$2:AL$366,ROUNDDOWN($C1504/24,0)+1,1)*INDEX($D$3:$AA$30,INDEX(Jesper!$R$2:$R$366,ROW(INDEX(Jesper!AL$2:AL$366,ROUNDDOWN($C1504/24,0)+1,1))-1)+IF('Standard Profiles'!$G$22=$B$10,7,0)+IF('Standard Profiles'!$G$22=$B$17,14,0)+IF('Standard Profiles'!$G$22=$B$24,21,0),MOD($C1504,24)+1)/SUM(INDEX($D$3:$AA$30,INDEX(Jesper!$R$2:$R$366,ROW(INDEX(Jesper!AL$2:AL$366,ROUNDDOWN($C1504/24,0)+1,1))-1)+IF('Standard Profiles'!$G$22=$B$10,7,0)+IF('Standard Profiles'!$G$22=$B$17,14,0)+IF('Standard Profiles'!$G$22=$B$24,21,0),0)),0)</f>
        <v>0</v>
      </c>
      <c r="I1504">
        <f t="shared" si="174"/>
        <v>3.0312712269347535</v>
      </c>
      <c r="J1504">
        <f t="shared" si="175"/>
        <v>13.744014840413147</v>
      </c>
      <c r="K1504">
        <f t="shared" si="176"/>
        <v>0.5914767989726043</v>
      </c>
      <c r="L1504">
        <f t="shared" si="177"/>
        <v>0.29573839948630215</v>
      </c>
      <c r="M1504">
        <f t="shared" si="178"/>
        <v>0</v>
      </c>
      <c r="N1504" s="45">
        <f t="shared" si="179"/>
        <v>44988.249999996435</v>
      </c>
    </row>
    <row r="1505" spans="2:14" x14ac:dyDescent="0.25">
      <c r="B1505">
        <f t="shared" si="173"/>
        <v>5</v>
      </c>
      <c r="C1505" s="16">
        <v>1471</v>
      </c>
      <c r="D1505" cm="1">
        <f t="array" ref="D1505">IFERROR(INDEX(Jesper!AH$2:AH$366,ROUNDDOWN($C1505/24,0)+1,1)*INDEX($D$3:$AA$30,INDEX(Jesper!$R$2:$R$366,ROW(INDEX(Jesper!AH$2:AH$366,ROUNDDOWN($C1505/24,0)+1,1))-1)+IF('Standard Profiles'!$G$18=$B$10,7,0)+IF('Standard Profiles'!$G$18=$B$17,14,0)+IF('Standard Profiles'!$G$18=$B$24,21,0),MOD($C1505,24)+1)/SUM(INDEX($D$3:$AA$30,INDEX(Jesper!$R$2:$R$366,ROW(INDEX(Jesper!AH$2:AH$366,ROUNDDOWN($C1505/24,0)+1,1))-1)+IF('Standard Profiles'!$G$18=$B$10,7,0)+IF('Standard Profiles'!$G$18=$B$17,14,0)+IF('Standard Profiles'!$G$18=$B$24,21,0),0)),0)</f>
        <v>23.622104658968379</v>
      </c>
      <c r="E1505" cm="1">
        <f t="array" ref="E1505">IFERROR(INDEX(Jesper!AI$2:AI$366,ROUNDDOWN($C1505/24,0)+1,1)*INDEX($D$3:$AA$30,INDEX(Jesper!$R$2:$R$366,ROW(INDEX(Jesper!AI$2:AI$366,ROUNDDOWN($C1505/24,0)+1,1))-1)+IF('Standard Profiles'!$G$19=$B$10,7,0)+IF('Standard Profiles'!$G$19=$B$17,14,0)+IF('Standard Profiles'!$G$19=$B$24,21,0),MOD($C1505,24)+1)/SUM(INDEX($D$3:$AA$30,INDEX(Jesper!$R$2:$R$366,ROW(INDEX(Jesper!AI$2:AI$366,ROUNDDOWN($C1505/24,0)+1,1))-1)+IF('Standard Profiles'!$G$19=$B$10,7,0)+IF('Standard Profiles'!$G$19=$B$17,14,0)+IF('Standard Profiles'!$G$19=$B$24,21,0),0)),0)</f>
        <v>24.717618594322662</v>
      </c>
      <c r="F1505" cm="1">
        <f t="array" ref="F1505">IFERROR(INDEX(Jesper!AJ$2:AJ$366,ROUNDDOWN($C1505/24,0)+1,1)*INDEX($D$3:$AA$30,INDEX(Jesper!$R$2:$R$366,ROW(INDEX(Jesper!AJ$2:AJ$366,ROUNDDOWN($C1505/24,0)+1,1))-1)+IF('Standard Profiles'!$G$20=$B$10,7,0)+IF('Standard Profiles'!$G$20=$B$17,14,0)+IF('Standard Profiles'!$G$20=$B$24,21,0),MOD($C1505,24)+1)/SUM(INDEX($D$3:$AA$30,INDEX(Jesper!$R$2:$R$366,ROW(INDEX(Jesper!AJ$2:AJ$366,ROUNDDOWN($C1505/24,0)+1,1))-1)+IF('Standard Profiles'!$G$20=$B$10,7,0)+IF('Standard Profiles'!$G$20=$B$17,14,0)+IF('Standard Profiles'!$G$20=$B$24,21,0),0)),0)</f>
        <v>0</v>
      </c>
      <c r="G1505" cm="1">
        <f t="array" ref="G1505">IFERROR(INDEX(Jesper!AK$2:AK$366,ROUNDDOWN($C1505/24,0)+1,1)*INDEX($D$3:$AA$30,INDEX(Jesper!$R$2:$R$366,ROW(INDEX(Jesper!AK$2:AK$366,ROUNDDOWN($C1505/24,0)+1,1))-1)+IF('Standard Profiles'!$G$21=$B$10,7,0)+IF('Standard Profiles'!$G$21=$B$17,14,0)+IF('Standard Profiles'!$G$21=$B$24,21,0),MOD($C1505,24)+1)/SUM(INDEX($D$3:$AA$30,INDEX(Jesper!$R$2:$R$366,ROW(INDEX(Jesper!AK$2:AK$366,ROUNDDOWN($C1505/24,0)+1,1))-1)+IF('Standard Profiles'!$G$21=$B$10,7,0)+IF('Standard Profiles'!$G$21=$B$17,14,0)+IF('Standard Profiles'!$G$21=$B$24,21,0),0)),0)</f>
        <v>17.112014990760713</v>
      </c>
      <c r="H1505" cm="1">
        <f t="array" ref="H1505">IFERROR(INDEX(Jesper!AL$2:AL$366,ROUNDDOWN($C1505/24,0)+1,1)*INDEX($D$3:$AA$30,INDEX(Jesper!$R$2:$R$366,ROW(INDEX(Jesper!AL$2:AL$366,ROUNDDOWN($C1505/24,0)+1,1))-1)+IF('Standard Profiles'!$G$22=$B$10,7,0)+IF('Standard Profiles'!$G$22=$B$17,14,0)+IF('Standard Profiles'!$G$22=$B$24,21,0),MOD($C1505,24)+1)/SUM(INDEX($D$3:$AA$30,INDEX(Jesper!$R$2:$R$366,ROW(INDEX(Jesper!AL$2:AL$366,ROUNDDOWN($C1505/24,0)+1,1))-1)+IF('Standard Profiles'!$G$22=$B$10,7,0)+IF('Standard Profiles'!$G$22=$B$17,14,0)+IF('Standard Profiles'!$G$22=$B$24,21,0),0)),0)</f>
        <v>0</v>
      </c>
      <c r="I1505">
        <f t="shared" si="174"/>
        <v>8.2137671955651381</v>
      </c>
      <c r="J1505">
        <f t="shared" si="175"/>
        <v>53.458434303051675</v>
      </c>
      <c r="K1505">
        <f t="shared" si="176"/>
        <v>2.5196911636232939</v>
      </c>
      <c r="L1505">
        <f t="shared" si="177"/>
        <v>1.259845581811647</v>
      </c>
      <c r="M1505">
        <f t="shared" si="178"/>
        <v>0</v>
      </c>
      <c r="N1505" s="45">
        <f t="shared" si="179"/>
        <v>44988.291666663099</v>
      </c>
    </row>
    <row r="1506" spans="2:14" x14ac:dyDescent="0.25">
      <c r="B1506">
        <f t="shared" si="173"/>
        <v>5</v>
      </c>
      <c r="C1506" s="16">
        <v>1472</v>
      </c>
      <c r="D1506" cm="1">
        <f t="array" ref="D1506">IFERROR(INDEX(Jesper!AH$2:AH$366,ROUNDDOWN($C1506/24,0)+1,1)*INDEX($D$3:$AA$30,INDEX(Jesper!$R$2:$R$366,ROW(INDEX(Jesper!AH$2:AH$366,ROUNDDOWN($C1506/24,0)+1,1))-1)+IF('Standard Profiles'!$G$18=$B$10,7,0)+IF('Standard Profiles'!$G$18=$B$17,14,0)+IF('Standard Profiles'!$G$18=$B$24,21,0),MOD($C1506,24)+1)/SUM(INDEX($D$3:$AA$30,INDEX(Jesper!$R$2:$R$366,ROW(INDEX(Jesper!AH$2:AH$366,ROUNDDOWN($C1506/24,0)+1,1))-1)+IF('Standard Profiles'!$G$18=$B$10,7,0)+IF('Standard Profiles'!$G$18=$B$17,14,0)+IF('Standard Profiles'!$G$18=$B$24,21,0),0)),0)</f>
        <v>29.527630823710474</v>
      </c>
      <c r="E1506" cm="1">
        <f t="array" ref="E1506">IFERROR(INDEX(Jesper!AI$2:AI$366,ROUNDDOWN($C1506/24,0)+1,1)*INDEX($D$3:$AA$30,INDEX(Jesper!$R$2:$R$366,ROW(INDEX(Jesper!AI$2:AI$366,ROUNDDOWN($C1506/24,0)+1,1))-1)+IF('Standard Profiles'!$G$19=$B$10,7,0)+IF('Standard Profiles'!$G$19=$B$17,14,0)+IF('Standard Profiles'!$G$19=$B$24,21,0),MOD($C1506,24)+1)/SUM(INDEX($D$3:$AA$30,INDEX(Jesper!$R$2:$R$366,ROW(INDEX(Jesper!AI$2:AI$366,ROUNDDOWN($C1506/24,0)+1,1))-1)+IF('Standard Profiles'!$G$19=$B$10,7,0)+IF('Standard Profiles'!$G$19=$B$17,14,0)+IF('Standard Profiles'!$G$19=$B$24,21,0),0)),0)</f>
        <v>30.897023242903327</v>
      </c>
      <c r="F1506" cm="1">
        <f t="array" ref="F1506">IFERROR(INDEX(Jesper!AJ$2:AJ$366,ROUNDDOWN($C1506/24,0)+1,1)*INDEX($D$3:$AA$30,INDEX(Jesper!$R$2:$R$366,ROW(INDEX(Jesper!AJ$2:AJ$366,ROUNDDOWN($C1506/24,0)+1,1))-1)+IF('Standard Profiles'!$G$20=$B$10,7,0)+IF('Standard Profiles'!$G$20=$B$17,14,0)+IF('Standard Profiles'!$G$20=$B$24,21,0),MOD($C1506,24)+1)/SUM(INDEX($D$3:$AA$30,INDEX(Jesper!$R$2:$R$366,ROW(INDEX(Jesper!AJ$2:AJ$366,ROUNDDOWN($C1506/24,0)+1,1))-1)+IF('Standard Profiles'!$G$20=$B$10,7,0)+IF('Standard Profiles'!$G$20=$B$17,14,0)+IF('Standard Profiles'!$G$20=$B$24,21,0),0)),0)</f>
        <v>0</v>
      </c>
      <c r="G1506" cm="1">
        <f t="array" ref="G1506">IFERROR(INDEX(Jesper!AK$2:AK$366,ROUNDDOWN($C1506/24,0)+1,1)*INDEX($D$3:$AA$30,INDEX(Jesper!$R$2:$R$366,ROW(INDEX(Jesper!AK$2:AK$366,ROUNDDOWN($C1506/24,0)+1,1))-1)+IF('Standard Profiles'!$G$21=$B$10,7,0)+IF('Standard Profiles'!$G$21=$B$17,14,0)+IF('Standard Profiles'!$G$21=$B$24,21,0),MOD($C1506,24)+1)/SUM(INDEX($D$3:$AA$30,INDEX(Jesper!$R$2:$R$366,ROW(INDEX(Jesper!AK$2:AK$366,ROUNDDOWN($C1506/24,0)+1,1))-1)+IF('Standard Profiles'!$G$21=$B$10,7,0)+IF('Standard Profiles'!$G$21=$B$17,14,0)+IF('Standard Profiles'!$G$21=$B$24,21,0),0)),0)</f>
        <v>21.390018738450891</v>
      </c>
      <c r="H1506" cm="1">
        <f t="array" ref="H1506">IFERROR(INDEX(Jesper!AL$2:AL$366,ROUNDDOWN($C1506/24,0)+1,1)*INDEX($D$3:$AA$30,INDEX(Jesper!$R$2:$R$366,ROW(INDEX(Jesper!AL$2:AL$366,ROUNDDOWN($C1506/24,0)+1,1))-1)+IF('Standard Profiles'!$G$22=$B$10,7,0)+IF('Standard Profiles'!$G$22=$B$17,14,0)+IF('Standard Profiles'!$G$22=$B$24,21,0),MOD($C1506,24)+1)/SUM(INDEX($D$3:$AA$30,INDEX(Jesper!$R$2:$R$366,ROW(INDEX(Jesper!AL$2:AL$366,ROUNDDOWN($C1506/24,0)+1,1))-1)+IF('Standard Profiles'!$G$22=$B$10,7,0)+IF('Standard Profiles'!$G$22=$B$17,14,0)+IF('Standard Profiles'!$G$22=$B$24,21,0),0)),0)</f>
        <v>0</v>
      </c>
      <c r="I1506">
        <f t="shared" si="174"/>
        <v>10.267208994456423</v>
      </c>
      <c r="J1506">
        <f t="shared" si="175"/>
        <v>66.82304287881459</v>
      </c>
      <c r="K1506">
        <f t="shared" si="176"/>
        <v>3.1496139545291175</v>
      </c>
      <c r="L1506">
        <f t="shared" si="177"/>
        <v>1.5748069772645588</v>
      </c>
      <c r="M1506">
        <f t="shared" si="178"/>
        <v>0</v>
      </c>
      <c r="N1506" s="45">
        <f t="shared" si="179"/>
        <v>44988.333333329763</v>
      </c>
    </row>
    <row r="1507" spans="2:14" x14ac:dyDescent="0.25">
      <c r="B1507">
        <f t="shared" ref="B1507:B1570" si="180">WEEKDAY(N1507,2)</f>
        <v>5</v>
      </c>
      <c r="C1507" s="16">
        <v>1473</v>
      </c>
      <c r="D1507" cm="1">
        <f t="array" ref="D1507">IFERROR(INDEX(Jesper!AH$2:AH$366,ROUNDDOWN($C1507/24,0)+1,1)*INDEX($D$3:$AA$30,INDEX(Jesper!$R$2:$R$366,ROW(INDEX(Jesper!AH$2:AH$366,ROUNDDOWN($C1507/24,0)+1,1))-1)+IF('Standard Profiles'!$G$18=$B$10,7,0)+IF('Standard Profiles'!$G$18=$B$17,14,0)+IF('Standard Profiles'!$G$18=$B$24,21,0),MOD($C1507,24)+1)/SUM(INDEX($D$3:$AA$30,INDEX(Jesper!$R$2:$R$366,ROW(INDEX(Jesper!AH$2:AH$366,ROUNDDOWN($C1507/24,0)+1,1))-1)+IF('Standard Profiles'!$G$18=$B$10,7,0)+IF('Standard Profiles'!$G$18=$B$17,14,0)+IF('Standard Profiles'!$G$18=$B$24,21,0),0)),0)</f>
        <v>32.480393906081524</v>
      </c>
      <c r="E1507" cm="1">
        <f t="array" ref="E1507">IFERROR(INDEX(Jesper!AI$2:AI$366,ROUNDDOWN($C1507/24,0)+1,1)*INDEX($D$3:$AA$30,INDEX(Jesper!$R$2:$R$366,ROW(INDEX(Jesper!AI$2:AI$366,ROUNDDOWN($C1507/24,0)+1,1))-1)+IF('Standard Profiles'!$G$19=$B$10,7,0)+IF('Standard Profiles'!$G$19=$B$17,14,0)+IF('Standard Profiles'!$G$19=$B$24,21,0),MOD($C1507,24)+1)/SUM(INDEX($D$3:$AA$30,INDEX(Jesper!$R$2:$R$366,ROW(INDEX(Jesper!AI$2:AI$366,ROUNDDOWN($C1507/24,0)+1,1))-1)+IF('Standard Profiles'!$G$19=$B$10,7,0)+IF('Standard Profiles'!$G$19=$B$17,14,0)+IF('Standard Profiles'!$G$19=$B$24,21,0),0)),0)</f>
        <v>33.986725567193659</v>
      </c>
      <c r="F1507" cm="1">
        <f t="array" ref="F1507">IFERROR(INDEX(Jesper!AJ$2:AJ$366,ROUNDDOWN($C1507/24,0)+1,1)*INDEX($D$3:$AA$30,INDEX(Jesper!$R$2:$R$366,ROW(INDEX(Jesper!AJ$2:AJ$366,ROUNDDOWN($C1507/24,0)+1,1))-1)+IF('Standard Profiles'!$G$20=$B$10,7,0)+IF('Standard Profiles'!$G$20=$B$17,14,0)+IF('Standard Profiles'!$G$20=$B$24,21,0),MOD($C1507,24)+1)/SUM(INDEX($D$3:$AA$30,INDEX(Jesper!$R$2:$R$366,ROW(INDEX(Jesper!AJ$2:AJ$366,ROUNDDOWN($C1507/24,0)+1,1))-1)+IF('Standard Profiles'!$G$20=$B$10,7,0)+IF('Standard Profiles'!$G$20=$B$17,14,0)+IF('Standard Profiles'!$G$20=$B$24,21,0),0)),0)</f>
        <v>0</v>
      </c>
      <c r="G1507" cm="1">
        <f t="array" ref="G1507">IFERROR(INDEX(Jesper!AK$2:AK$366,ROUNDDOWN($C1507/24,0)+1,1)*INDEX($D$3:$AA$30,INDEX(Jesper!$R$2:$R$366,ROW(INDEX(Jesper!AK$2:AK$366,ROUNDDOWN($C1507/24,0)+1,1))-1)+IF('Standard Profiles'!$G$21=$B$10,7,0)+IF('Standard Profiles'!$G$21=$B$17,14,0)+IF('Standard Profiles'!$G$21=$B$24,21,0),MOD($C1507,24)+1)/SUM(INDEX($D$3:$AA$30,INDEX(Jesper!$R$2:$R$366,ROW(INDEX(Jesper!AK$2:AK$366,ROUNDDOWN($C1507/24,0)+1,1))-1)+IF('Standard Profiles'!$G$21=$B$10,7,0)+IF('Standard Profiles'!$G$21=$B$17,14,0)+IF('Standard Profiles'!$G$21=$B$24,21,0),0)),0)</f>
        <v>23.52902061229598</v>
      </c>
      <c r="H1507" cm="1">
        <f t="array" ref="H1507">IFERROR(INDEX(Jesper!AL$2:AL$366,ROUNDDOWN($C1507/24,0)+1,1)*INDEX($D$3:$AA$30,INDEX(Jesper!$R$2:$R$366,ROW(INDEX(Jesper!AL$2:AL$366,ROUNDDOWN($C1507/24,0)+1,1))-1)+IF('Standard Profiles'!$G$22=$B$10,7,0)+IF('Standard Profiles'!$G$22=$B$17,14,0)+IF('Standard Profiles'!$G$22=$B$24,21,0),MOD($C1507,24)+1)/SUM(INDEX($D$3:$AA$30,INDEX(Jesper!$R$2:$R$366,ROW(INDEX(Jesper!AL$2:AL$366,ROUNDDOWN($C1507/24,0)+1,1))-1)+IF('Standard Profiles'!$G$22=$B$10,7,0)+IF('Standard Profiles'!$G$22=$B$17,14,0)+IF('Standard Profiles'!$G$22=$B$24,21,0),0)),0)</f>
        <v>0</v>
      </c>
      <c r="I1507">
        <f t="shared" ref="I1507:I1570" si="181">IF($B1507&lt;6,AC$37*$D1507+AC$38*$E1507+AC$39*$F1507+AC$40*$G1507,AC$46*$D1507+AC$47*$E1507+AC$48*$F1507+AC$49*$G1507+AC$50*$H1507)</f>
        <v>11.293929893902066</v>
      </c>
      <c r="J1507">
        <f t="shared" ref="J1507:J1570" si="182">IF($B1507&lt;6,AD$37*$D1507+AD$38*$E1507+AD$39*$F1507+AD$40*$G1507,AD$46*$D1507+AD$47*$E1507+AD$48*$F1507+AD$49*$G1507+AD$50*$H1507)</f>
        <v>73.505347166696055</v>
      </c>
      <c r="K1507">
        <f t="shared" ref="K1507:K1570" si="183">IF($B1507&lt;6,AE$37*$D1507+AE$38*$E1507+AE$39*$F1507+AE$40*$G1507,AE$46*$D1507+AE$47*$E1507+AE$48*$F1507+AE$49*$G1507+AE$50*$H1507)</f>
        <v>3.4645753499820295</v>
      </c>
      <c r="L1507">
        <f t="shared" ref="L1507:L1570" si="184">IF($B1507&lt;6,AF$37*$D1507+AF$38*$E1507+AF$39*$F1507+AF$40*$G1507,AF$46*$D1507+AF$47*$E1507+AF$48*$F1507+AF$49*$G1507+AF$50*$H1507)</f>
        <v>1.7322876749910148</v>
      </c>
      <c r="M1507">
        <f t="shared" ref="M1507:M1570" si="185">IF($B1507&lt;6,AG$37*$D1507+AG$38*$E1507+AG$39*$F1507+AG$40*$G1507,AG$46*$D1507+AG$47*$E1507+AG$48*$F1507+AG$49*$G1507+AG$50*$H1507)</f>
        <v>0</v>
      </c>
      <c r="N1507" s="45">
        <f t="shared" si="179"/>
        <v>44988.374999996428</v>
      </c>
    </row>
    <row r="1508" spans="2:14" x14ac:dyDescent="0.25">
      <c r="B1508">
        <f t="shared" si="180"/>
        <v>5</v>
      </c>
      <c r="C1508" s="16">
        <v>1474</v>
      </c>
      <c r="D1508" cm="1">
        <f t="array" ref="D1508">IFERROR(INDEX(Jesper!AH$2:AH$366,ROUNDDOWN($C1508/24,0)+1,1)*INDEX($D$3:$AA$30,INDEX(Jesper!$R$2:$R$366,ROW(INDEX(Jesper!AH$2:AH$366,ROUNDDOWN($C1508/24,0)+1,1))-1)+IF('Standard Profiles'!$G$18=$B$10,7,0)+IF('Standard Profiles'!$G$18=$B$17,14,0)+IF('Standard Profiles'!$G$18=$B$24,21,0),MOD($C1508,24)+1)/SUM(INDEX($D$3:$AA$30,INDEX(Jesper!$R$2:$R$366,ROW(INDEX(Jesper!AH$2:AH$366,ROUNDDOWN($C1508/24,0)+1,1))-1)+IF('Standard Profiles'!$G$18=$B$10,7,0)+IF('Standard Profiles'!$G$18=$B$17,14,0)+IF('Standard Profiles'!$G$18=$B$24,21,0),0)),0)</f>
        <v>32.480393906081524</v>
      </c>
      <c r="E1508" cm="1">
        <f t="array" ref="E1508">IFERROR(INDEX(Jesper!AI$2:AI$366,ROUNDDOWN($C1508/24,0)+1,1)*INDEX($D$3:$AA$30,INDEX(Jesper!$R$2:$R$366,ROW(INDEX(Jesper!AI$2:AI$366,ROUNDDOWN($C1508/24,0)+1,1))-1)+IF('Standard Profiles'!$G$19=$B$10,7,0)+IF('Standard Profiles'!$G$19=$B$17,14,0)+IF('Standard Profiles'!$G$19=$B$24,21,0),MOD($C1508,24)+1)/SUM(INDEX($D$3:$AA$30,INDEX(Jesper!$R$2:$R$366,ROW(INDEX(Jesper!AI$2:AI$366,ROUNDDOWN($C1508/24,0)+1,1))-1)+IF('Standard Profiles'!$G$19=$B$10,7,0)+IF('Standard Profiles'!$G$19=$B$17,14,0)+IF('Standard Profiles'!$G$19=$B$24,21,0),0)),0)</f>
        <v>33.986725567193659</v>
      </c>
      <c r="F1508" cm="1">
        <f t="array" ref="F1508">IFERROR(INDEX(Jesper!AJ$2:AJ$366,ROUNDDOWN($C1508/24,0)+1,1)*INDEX($D$3:$AA$30,INDEX(Jesper!$R$2:$R$366,ROW(INDEX(Jesper!AJ$2:AJ$366,ROUNDDOWN($C1508/24,0)+1,1))-1)+IF('Standard Profiles'!$G$20=$B$10,7,0)+IF('Standard Profiles'!$G$20=$B$17,14,0)+IF('Standard Profiles'!$G$20=$B$24,21,0),MOD($C1508,24)+1)/SUM(INDEX($D$3:$AA$30,INDEX(Jesper!$R$2:$R$366,ROW(INDEX(Jesper!AJ$2:AJ$366,ROUNDDOWN($C1508/24,0)+1,1))-1)+IF('Standard Profiles'!$G$20=$B$10,7,0)+IF('Standard Profiles'!$G$20=$B$17,14,0)+IF('Standard Profiles'!$G$20=$B$24,21,0),0)),0)</f>
        <v>0</v>
      </c>
      <c r="G1508" cm="1">
        <f t="array" ref="G1508">IFERROR(INDEX(Jesper!AK$2:AK$366,ROUNDDOWN($C1508/24,0)+1,1)*INDEX($D$3:$AA$30,INDEX(Jesper!$R$2:$R$366,ROW(INDEX(Jesper!AK$2:AK$366,ROUNDDOWN($C1508/24,0)+1,1))-1)+IF('Standard Profiles'!$G$21=$B$10,7,0)+IF('Standard Profiles'!$G$21=$B$17,14,0)+IF('Standard Profiles'!$G$21=$B$24,21,0),MOD($C1508,24)+1)/SUM(INDEX($D$3:$AA$30,INDEX(Jesper!$R$2:$R$366,ROW(INDEX(Jesper!AK$2:AK$366,ROUNDDOWN($C1508/24,0)+1,1))-1)+IF('Standard Profiles'!$G$21=$B$10,7,0)+IF('Standard Profiles'!$G$21=$B$17,14,0)+IF('Standard Profiles'!$G$21=$B$24,21,0),0)),0)</f>
        <v>23.52902061229598</v>
      </c>
      <c r="H1508" cm="1">
        <f t="array" ref="H1508">IFERROR(INDEX(Jesper!AL$2:AL$366,ROUNDDOWN($C1508/24,0)+1,1)*INDEX($D$3:$AA$30,INDEX(Jesper!$R$2:$R$366,ROW(INDEX(Jesper!AL$2:AL$366,ROUNDDOWN($C1508/24,0)+1,1))-1)+IF('Standard Profiles'!$G$22=$B$10,7,0)+IF('Standard Profiles'!$G$22=$B$17,14,0)+IF('Standard Profiles'!$G$22=$B$24,21,0),MOD($C1508,24)+1)/SUM(INDEX($D$3:$AA$30,INDEX(Jesper!$R$2:$R$366,ROW(INDEX(Jesper!AL$2:AL$366,ROUNDDOWN($C1508/24,0)+1,1))-1)+IF('Standard Profiles'!$G$22=$B$10,7,0)+IF('Standard Profiles'!$G$22=$B$17,14,0)+IF('Standard Profiles'!$G$22=$B$24,21,0),0)),0)</f>
        <v>0</v>
      </c>
      <c r="I1508">
        <f t="shared" si="181"/>
        <v>11.293929893902066</v>
      </c>
      <c r="J1508">
        <f t="shared" si="182"/>
        <v>73.505347166696055</v>
      </c>
      <c r="K1508">
        <f t="shared" si="183"/>
        <v>3.4645753499820295</v>
      </c>
      <c r="L1508">
        <f t="shared" si="184"/>
        <v>1.7322876749910148</v>
      </c>
      <c r="M1508">
        <f t="shared" si="185"/>
        <v>0</v>
      </c>
      <c r="N1508" s="45">
        <f t="shared" ref="N1508:N1571" si="186">N1507+1/24</f>
        <v>44988.416666663092</v>
      </c>
    </row>
    <row r="1509" spans="2:14" x14ac:dyDescent="0.25">
      <c r="B1509">
        <f t="shared" si="180"/>
        <v>5</v>
      </c>
      <c r="C1509" s="16">
        <v>1475</v>
      </c>
      <c r="D1509" cm="1">
        <f t="array" ref="D1509">IFERROR(INDEX(Jesper!AH$2:AH$366,ROUNDDOWN($C1509/24,0)+1,1)*INDEX($D$3:$AA$30,INDEX(Jesper!$R$2:$R$366,ROW(INDEX(Jesper!AH$2:AH$366,ROUNDDOWN($C1509/24,0)+1,1))-1)+IF('Standard Profiles'!$G$18=$B$10,7,0)+IF('Standard Profiles'!$G$18=$B$17,14,0)+IF('Standard Profiles'!$G$18=$B$24,21,0),MOD($C1509,24)+1)/SUM(INDEX($D$3:$AA$30,INDEX(Jesper!$R$2:$R$366,ROW(INDEX(Jesper!AH$2:AH$366,ROUNDDOWN($C1509/24,0)+1,1))-1)+IF('Standard Profiles'!$G$18=$B$10,7,0)+IF('Standard Profiles'!$G$18=$B$17,14,0)+IF('Standard Profiles'!$G$18=$B$24,21,0),0)),0)</f>
        <v>38.385920070823623</v>
      </c>
      <c r="E1509" cm="1">
        <f t="array" ref="E1509">IFERROR(INDEX(Jesper!AI$2:AI$366,ROUNDDOWN($C1509/24,0)+1,1)*INDEX($D$3:$AA$30,INDEX(Jesper!$R$2:$R$366,ROW(INDEX(Jesper!AI$2:AI$366,ROUNDDOWN($C1509/24,0)+1,1))-1)+IF('Standard Profiles'!$G$19=$B$10,7,0)+IF('Standard Profiles'!$G$19=$B$17,14,0)+IF('Standard Profiles'!$G$19=$B$24,21,0),MOD($C1509,24)+1)/SUM(INDEX($D$3:$AA$30,INDEX(Jesper!$R$2:$R$366,ROW(INDEX(Jesper!AI$2:AI$366,ROUNDDOWN($C1509/24,0)+1,1))-1)+IF('Standard Profiles'!$G$19=$B$10,7,0)+IF('Standard Profiles'!$G$19=$B$17,14,0)+IF('Standard Profiles'!$G$19=$B$24,21,0),0)),0)</f>
        <v>40.166130215774331</v>
      </c>
      <c r="F1509" cm="1">
        <f t="array" ref="F1509">IFERROR(INDEX(Jesper!AJ$2:AJ$366,ROUNDDOWN($C1509/24,0)+1,1)*INDEX($D$3:$AA$30,INDEX(Jesper!$R$2:$R$366,ROW(INDEX(Jesper!AJ$2:AJ$366,ROUNDDOWN($C1509/24,0)+1,1))-1)+IF('Standard Profiles'!$G$20=$B$10,7,0)+IF('Standard Profiles'!$G$20=$B$17,14,0)+IF('Standard Profiles'!$G$20=$B$24,21,0),MOD($C1509,24)+1)/SUM(INDEX($D$3:$AA$30,INDEX(Jesper!$R$2:$R$366,ROW(INDEX(Jesper!AJ$2:AJ$366,ROUNDDOWN($C1509/24,0)+1,1))-1)+IF('Standard Profiles'!$G$20=$B$10,7,0)+IF('Standard Profiles'!$G$20=$B$17,14,0)+IF('Standard Profiles'!$G$20=$B$24,21,0),0)),0)</f>
        <v>0</v>
      </c>
      <c r="G1509" cm="1">
        <f t="array" ref="G1509">IFERROR(INDEX(Jesper!AK$2:AK$366,ROUNDDOWN($C1509/24,0)+1,1)*INDEX($D$3:$AA$30,INDEX(Jesper!$R$2:$R$366,ROW(INDEX(Jesper!AK$2:AK$366,ROUNDDOWN($C1509/24,0)+1,1))-1)+IF('Standard Profiles'!$G$21=$B$10,7,0)+IF('Standard Profiles'!$G$21=$B$17,14,0)+IF('Standard Profiles'!$G$21=$B$24,21,0),MOD($C1509,24)+1)/SUM(INDEX($D$3:$AA$30,INDEX(Jesper!$R$2:$R$366,ROW(INDEX(Jesper!AK$2:AK$366,ROUNDDOWN($C1509/24,0)+1,1))-1)+IF('Standard Profiles'!$G$21=$B$10,7,0)+IF('Standard Profiles'!$G$21=$B$17,14,0)+IF('Standard Profiles'!$G$21=$B$24,21,0),0)),0)</f>
        <v>27.807024359986158</v>
      </c>
      <c r="H1509" cm="1">
        <f t="array" ref="H1509">IFERROR(INDEX(Jesper!AL$2:AL$366,ROUNDDOWN($C1509/24,0)+1,1)*INDEX($D$3:$AA$30,INDEX(Jesper!$R$2:$R$366,ROW(INDEX(Jesper!AL$2:AL$366,ROUNDDOWN($C1509/24,0)+1,1))-1)+IF('Standard Profiles'!$G$22=$B$10,7,0)+IF('Standard Profiles'!$G$22=$B$17,14,0)+IF('Standard Profiles'!$G$22=$B$24,21,0),MOD($C1509,24)+1)/SUM(INDEX($D$3:$AA$30,INDEX(Jesper!$R$2:$R$366,ROW(INDEX(Jesper!AL$2:AL$366,ROUNDDOWN($C1509/24,0)+1,1))-1)+IF('Standard Profiles'!$G$22=$B$10,7,0)+IF('Standard Profiles'!$G$22=$B$17,14,0)+IF('Standard Profiles'!$G$22=$B$24,21,0),0)),0)</f>
        <v>0</v>
      </c>
      <c r="I1509">
        <f t="shared" si="181"/>
        <v>13.347371692793349</v>
      </c>
      <c r="J1509">
        <f t="shared" si="182"/>
        <v>86.869955742458984</v>
      </c>
      <c r="K1509">
        <f t="shared" si="183"/>
        <v>4.0944981408878531</v>
      </c>
      <c r="L1509">
        <f t="shared" si="184"/>
        <v>2.0472490704439266</v>
      </c>
      <c r="M1509">
        <f t="shared" si="185"/>
        <v>0</v>
      </c>
      <c r="N1509" s="45">
        <f t="shared" si="186"/>
        <v>44988.458333329756</v>
      </c>
    </row>
    <row r="1510" spans="2:14" x14ac:dyDescent="0.25">
      <c r="B1510">
        <f t="shared" si="180"/>
        <v>5</v>
      </c>
      <c r="C1510" s="16">
        <v>1476</v>
      </c>
      <c r="D1510" cm="1">
        <f t="array" ref="D1510">IFERROR(INDEX(Jesper!AH$2:AH$366,ROUNDDOWN($C1510/24,0)+1,1)*INDEX($D$3:$AA$30,INDEX(Jesper!$R$2:$R$366,ROW(INDEX(Jesper!AH$2:AH$366,ROUNDDOWN($C1510/24,0)+1,1))-1)+IF('Standard Profiles'!$G$18=$B$10,7,0)+IF('Standard Profiles'!$G$18=$B$17,14,0)+IF('Standard Profiles'!$G$18=$B$24,21,0),MOD($C1510,24)+1)/SUM(INDEX($D$3:$AA$30,INDEX(Jesper!$R$2:$R$366,ROW(INDEX(Jesper!AH$2:AH$366,ROUNDDOWN($C1510/24,0)+1,1))-1)+IF('Standard Profiles'!$G$18=$B$10,7,0)+IF('Standard Profiles'!$G$18=$B$17,14,0)+IF('Standard Profiles'!$G$18=$B$24,21,0),0)),0)</f>
        <v>38.385920070823623</v>
      </c>
      <c r="E1510" cm="1">
        <f t="array" ref="E1510">IFERROR(INDEX(Jesper!AI$2:AI$366,ROUNDDOWN($C1510/24,0)+1,1)*INDEX($D$3:$AA$30,INDEX(Jesper!$R$2:$R$366,ROW(INDEX(Jesper!AI$2:AI$366,ROUNDDOWN($C1510/24,0)+1,1))-1)+IF('Standard Profiles'!$G$19=$B$10,7,0)+IF('Standard Profiles'!$G$19=$B$17,14,0)+IF('Standard Profiles'!$G$19=$B$24,21,0),MOD($C1510,24)+1)/SUM(INDEX($D$3:$AA$30,INDEX(Jesper!$R$2:$R$366,ROW(INDEX(Jesper!AI$2:AI$366,ROUNDDOWN($C1510/24,0)+1,1))-1)+IF('Standard Profiles'!$G$19=$B$10,7,0)+IF('Standard Profiles'!$G$19=$B$17,14,0)+IF('Standard Profiles'!$G$19=$B$24,21,0),0)),0)</f>
        <v>40.166130215774331</v>
      </c>
      <c r="F1510" cm="1">
        <f t="array" ref="F1510">IFERROR(INDEX(Jesper!AJ$2:AJ$366,ROUNDDOWN($C1510/24,0)+1,1)*INDEX($D$3:$AA$30,INDEX(Jesper!$R$2:$R$366,ROW(INDEX(Jesper!AJ$2:AJ$366,ROUNDDOWN($C1510/24,0)+1,1))-1)+IF('Standard Profiles'!$G$20=$B$10,7,0)+IF('Standard Profiles'!$G$20=$B$17,14,0)+IF('Standard Profiles'!$G$20=$B$24,21,0),MOD($C1510,24)+1)/SUM(INDEX($D$3:$AA$30,INDEX(Jesper!$R$2:$R$366,ROW(INDEX(Jesper!AJ$2:AJ$366,ROUNDDOWN($C1510/24,0)+1,1))-1)+IF('Standard Profiles'!$G$20=$B$10,7,0)+IF('Standard Profiles'!$G$20=$B$17,14,0)+IF('Standard Profiles'!$G$20=$B$24,21,0),0)),0)</f>
        <v>0</v>
      </c>
      <c r="G1510" cm="1">
        <f t="array" ref="G1510">IFERROR(INDEX(Jesper!AK$2:AK$366,ROUNDDOWN($C1510/24,0)+1,1)*INDEX($D$3:$AA$30,INDEX(Jesper!$R$2:$R$366,ROW(INDEX(Jesper!AK$2:AK$366,ROUNDDOWN($C1510/24,0)+1,1))-1)+IF('Standard Profiles'!$G$21=$B$10,7,0)+IF('Standard Profiles'!$G$21=$B$17,14,0)+IF('Standard Profiles'!$G$21=$B$24,21,0),MOD($C1510,24)+1)/SUM(INDEX($D$3:$AA$30,INDEX(Jesper!$R$2:$R$366,ROW(INDEX(Jesper!AK$2:AK$366,ROUNDDOWN($C1510/24,0)+1,1))-1)+IF('Standard Profiles'!$G$21=$B$10,7,0)+IF('Standard Profiles'!$G$21=$B$17,14,0)+IF('Standard Profiles'!$G$21=$B$24,21,0),0)),0)</f>
        <v>27.807024359986158</v>
      </c>
      <c r="H1510" cm="1">
        <f t="array" ref="H1510">IFERROR(INDEX(Jesper!AL$2:AL$366,ROUNDDOWN($C1510/24,0)+1,1)*INDEX($D$3:$AA$30,INDEX(Jesper!$R$2:$R$366,ROW(INDEX(Jesper!AL$2:AL$366,ROUNDDOWN($C1510/24,0)+1,1))-1)+IF('Standard Profiles'!$G$22=$B$10,7,0)+IF('Standard Profiles'!$G$22=$B$17,14,0)+IF('Standard Profiles'!$G$22=$B$24,21,0),MOD($C1510,24)+1)/SUM(INDEX($D$3:$AA$30,INDEX(Jesper!$R$2:$R$366,ROW(INDEX(Jesper!AL$2:AL$366,ROUNDDOWN($C1510/24,0)+1,1))-1)+IF('Standard Profiles'!$G$22=$B$10,7,0)+IF('Standard Profiles'!$G$22=$B$17,14,0)+IF('Standard Profiles'!$G$22=$B$24,21,0),0)),0)</f>
        <v>0</v>
      </c>
      <c r="I1510">
        <f t="shared" si="181"/>
        <v>13.347371692793349</v>
      </c>
      <c r="J1510">
        <f t="shared" si="182"/>
        <v>86.869955742458984</v>
      </c>
      <c r="K1510">
        <f t="shared" si="183"/>
        <v>4.0944981408878531</v>
      </c>
      <c r="L1510">
        <f t="shared" si="184"/>
        <v>2.0472490704439266</v>
      </c>
      <c r="M1510">
        <f t="shared" si="185"/>
        <v>0</v>
      </c>
      <c r="N1510" s="45">
        <f t="shared" si="186"/>
        <v>44988.49999999642</v>
      </c>
    </row>
    <row r="1511" spans="2:14" x14ac:dyDescent="0.25">
      <c r="B1511">
        <f t="shared" si="180"/>
        <v>5</v>
      </c>
      <c r="C1511" s="16">
        <v>1477</v>
      </c>
      <c r="D1511" cm="1">
        <f t="array" ref="D1511">IFERROR(INDEX(Jesper!AH$2:AH$366,ROUNDDOWN($C1511/24,0)+1,1)*INDEX($D$3:$AA$30,INDEX(Jesper!$R$2:$R$366,ROW(INDEX(Jesper!AH$2:AH$366,ROUNDDOWN($C1511/24,0)+1,1))-1)+IF('Standard Profiles'!$G$18=$B$10,7,0)+IF('Standard Profiles'!$G$18=$B$17,14,0)+IF('Standard Profiles'!$G$18=$B$24,21,0),MOD($C1511,24)+1)/SUM(INDEX($D$3:$AA$30,INDEX(Jesper!$R$2:$R$366,ROW(INDEX(Jesper!AH$2:AH$366,ROUNDDOWN($C1511/24,0)+1,1))-1)+IF('Standard Profiles'!$G$18=$B$10,7,0)+IF('Standard Profiles'!$G$18=$B$17,14,0)+IF('Standard Profiles'!$G$18=$B$24,21,0),0)),0)</f>
        <v>26.574867741339428</v>
      </c>
      <c r="E1511" cm="1">
        <f t="array" ref="E1511">IFERROR(INDEX(Jesper!AI$2:AI$366,ROUNDDOWN($C1511/24,0)+1,1)*INDEX($D$3:$AA$30,INDEX(Jesper!$R$2:$R$366,ROW(INDEX(Jesper!AI$2:AI$366,ROUNDDOWN($C1511/24,0)+1,1))-1)+IF('Standard Profiles'!$G$19=$B$10,7,0)+IF('Standard Profiles'!$G$19=$B$17,14,0)+IF('Standard Profiles'!$G$19=$B$24,21,0),MOD($C1511,24)+1)/SUM(INDEX($D$3:$AA$30,INDEX(Jesper!$R$2:$R$366,ROW(INDEX(Jesper!AI$2:AI$366,ROUNDDOWN($C1511/24,0)+1,1))-1)+IF('Standard Profiles'!$G$19=$B$10,7,0)+IF('Standard Profiles'!$G$19=$B$17,14,0)+IF('Standard Profiles'!$G$19=$B$24,21,0),0)),0)</f>
        <v>27.807320918612994</v>
      </c>
      <c r="F1511" cm="1">
        <f t="array" ref="F1511">IFERROR(INDEX(Jesper!AJ$2:AJ$366,ROUNDDOWN($C1511/24,0)+1,1)*INDEX($D$3:$AA$30,INDEX(Jesper!$R$2:$R$366,ROW(INDEX(Jesper!AJ$2:AJ$366,ROUNDDOWN($C1511/24,0)+1,1))-1)+IF('Standard Profiles'!$G$20=$B$10,7,0)+IF('Standard Profiles'!$G$20=$B$17,14,0)+IF('Standard Profiles'!$G$20=$B$24,21,0),MOD($C1511,24)+1)/SUM(INDEX($D$3:$AA$30,INDEX(Jesper!$R$2:$R$366,ROW(INDEX(Jesper!AJ$2:AJ$366,ROUNDDOWN($C1511/24,0)+1,1))-1)+IF('Standard Profiles'!$G$20=$B$10,7,0)+IF('Standard Profiles'!$G$20=$B$17,14,0)+IF('Standard Profiles'!$G$20=$B$24,21,0),0)),0)</f>
        <v>0</v>
      </c>
      <c r="G1511" cm="1">
        <f t="array" ref="G1511">IFERROR(INDEX(Jesper!AK$2:AK$366,ROUNDDOWN($C1511/24,0)+1,1)*INDEX($D$3:$AA$30,INDEX(Jesper!$R$2:$R$366,ROW(INDEX(Jesper!AK$2:AK$366,ROUNDDOWN($C1511/24,0)+1,1))-1)+IF('Standard Profiles'!$G$21=$B$10,7,0)+IF('Standard Profiles'!$G$21=$B$17,14,0)+IF('Standard Profiles'!$G$21=$B$24,21,0),MOD($C1511,24)+1)/SUM(INDEX($D$3:$AA$30,INDEX(Jesper!$R$2:$R$366,ROW(INDEX(Jesper!AK$2:AK$366,ROUNDDOWN($C1511/24,0)+1,1))-1)+IF('Standard Profiles'!$G$21=$B$10,7,0)+IF('Standard Profiles'!$G$21=$B$17,14,0)+IF('Standard Profiles'!$G$21=$B$24,21,0),0)),0)</f>
        <v>19.251016864605806</v>
      </c>
      <c r="H1511" cm="1">
        <f t="array" ref="H1511">IFERROR(INDEX(Jesper!AL$2:AL$366,ROUNDDOWN($C1511/24,0)+1,1)*INDEX($D$3:$AA$30,INDEX(Jesper!$R$2:$R$366,ROW(INDEX(Jesper!AL$2:AL$366,ROUNDDOWN($C1511/24,0)+1,1))-1)+IF('Standard Profiles'!$G$22=$B$10,7,0)+IF('Standard Profiles'!$G$22=$B$17,14,0)+IF('Standard Profiles'!$G$22=$B$24,21,0),MOD($C1511,24)+1)/SUM(INDEX($D$3:$AA$30,INDEX(Jesper!$R$2:$R$366,ROW(INDEX(Jesper!AL$2:AL$366,ROUNDDOWN($C1511/24,0)+1,1))-1)+IF('Standard Profiles'!$G$22=$B$10,7,0)+IF('Standard Profiles'!$G$22=$B$17,14,0)+IF('Standard Profiles'!$G$22=$B$24,21,0),0)),0)</f>
        <v>0</v>
      </c>
      <c r="I1511">
        <f t="shared" si="181"/>
        <v>9.2404880950107824</v>
      </c>
      <c r="J1511">
        <f t="shared" si="182"/>
        <v>60.14073859093314</v>
      </c>
      <c r="K1511">
        <f t="shared" si="183"/>
        <v>2.8346525590762059</v>
      </c>
      <c r="L1511">
        <f t="shared" si="184"/>
        <v>1.417326279538103</v>
      </c>
      <c r="M1511">
        <f t="shared" si="185"/>
        <v>0</v>
      </c>
      <c r="N1511" s="45">
        <f t="shared" si="186"/>
        <v>44988.541666663084</v>
      </c>
    </row>
    <row r="1512" spans="2:14" x14ac:dyDescent="0.25">
      <c r="B1512">
        <f t="shared" si="180"/>
        <v>5</v>
      </c>
      <c r="C1512" s="16">
        <v>1478</v>
      </c>
      <c r="D1512" cm="1">
        <f t="array" ref="D1512">IFERROR(INDEX(Jesper!AH$2:AH$366,ROUNDDOWN($C1512/24,0)+1,1)*INDEX($D$3:$AA$30,INDEX(Jesper!$R$2:$R$366,ROW(INDEX(Jesper!AH$2:AH$366,ROUNDDOWN($C1512/24,0)+1,1))-1)+IF('Standard Profiles'!$G$18=$B$10,7,0)+IF('Standard Profiles'!$G$18=$B$17,14,0)+IF('Standard Profiles'!$G$18=$B$24,21,0),MOD($C1512,24)+1)/SUM(INDEX($D$3:$AA$30,INDEX(Jesper!$R$2:$R$366,ROW(INDEX(Jesper!AH$2:AH$366,ROUNDDOWN($C1512/24,0)+1,1))-1)+IF('Standard Profiles'!$G$18=$B$10,7,0)+IF('Standard Profiles'!$G$18=$B$17,14,0)+IF('Standard Profiles'!$G$18=$B$24,21,0),0)),0)</f>
        <v>38.385920070823623</v>
      </c>
      <c r="E1512" cm="1">
        <f t="array" ref="E1512">IFERROR(INDEX(Jesper!AI$2:AI$366,ROUNDDOWN($C1512/24,0)+1,1)*INDEX($D$3:$AA$30,INDEX(Jesper!$R$2:$R$366,ROW(INDEX(Jesper!AI$2:AI$366,ROUNDDOWN($C1512/24,0)+1,1))-1)+IF('Standard Profiles'!$G$19=$B$10,7,0)+IF('Standard Profiles'!$G$19=$B$17,14,0)+IF('Standard Profiles'!$G$19=$B$24,21,0),MOD($C1512,24)+1)/SUM(INDEX($D$3:$AA$30,INDEX(Jesper!$R$2:$R$366,ROW(INDEX(Jesper!AI$2:AI$366,ROUNDDOWN($C1512/24,0)+1,1))-1)+IF('Standard Profiles'!$G$19=$B$10,7,0)+IF('Standard Profiles'!$G$19=$B$17,14,0)+IF('Standard Profiles'!$G$19=$B$24,21,0),0)),0)</f>
        <v>40.166130215774331</v>
      </c>
      <c r="F1512" cm="1">
        <f t="array" ref="F1512">IFERROR(INDEX(Jesper!AJ$2:AJ$366,ROUNDDOWN($C1512/24,0)+1,1)*INDEX($D$3:$AA$30,INDEX(Jesper!$R$2:$R$366,ROW(INDEX(Jesper!AJ$2:AJ$366,ROUNDDOWN($C1512/24,0)+1,1))-1)+IF('Standard Profiles'!$G$20=$B$10,7,0)+IF('Standard Profiles'!$G$20=$B$17,14,0)+IF('Standard Profiles'!$G$20=$B$24,21,0),MOD($C1512,24)+1)/SUM(INDEX($D$3:$AA$30,INDEX(Jesper!$R$2:$R$366,ROW(INDEX(Jesper!AJ$2:AJ$366,ROUNDDOWN($C1512/24,0)+1,1))-1)+IF('Standard Profiles'!$G$20=$B$10,7,0)+IF('Standard Profiles'!$G$20=$B$17,14,0)+IF('Standard Profiles'!$G$20=$B$24,21,0),0)),0)</f>
        <v>0</v>
      </c>
      <c r="G1512" cm="1">
        <f t="array" ref="G1512">IFERROR(INDEX(Jesper!AK$2:AK$366,ROUNDDOWN($C1512/24,0)+1,1)*INDEX($D$3:$AA$30,INDEX(Jesper!$R$2:$R$366,ROW(INDEX(Jesper!AK$2:AK$366,ROUNDDOWN($C1512/24,0)+1,1))-1)+IF('Standard Profiles'!$G$21=$B$10,7,0)+IF('Standard Profiles'!$G$21=$B$17,14,0)+IF('Standard Profiles'!$G$21=$B$24,21,0),MOD($C1512,24)+1)/SUM(INDEX($D$3:$AA$30,INDEX(Jesper!$R$2:$R$366,ROW(INDEX(Jesper!AK$2:AK$366,ROUNDDOWN($C1512/24,0)+1,1))-1)+IF('Standard Profiles'!$G$21=$B$10,7,0)+IF('Standard Profiles'!$G$21=$B$17,14,0)+IF('Standard Profiles'!$G$21=$B$24,21,0),0)),0)</f>
        <v>27.807024359986158</v>
      </c>
      <c r="H1512" cm="1">
        <f t="array" ref="H1512">IFERROR(INDEX(Jesper!AL$2:AL$366,ROUNDDOWN($C1512/24,0)+1,1)*INDEX($D$3:$AA$30,INDEX(Jesper!$R$2:$R$366,ROW(INDEX(Jesper!AL$2:AL$366,ROUNDDOWN($C1512/24,0)+1,1))-1)+IF('Standard Profiles'!$G$22=$B$10,7,0)+IF('Standard Profiles'!$G$22=$B$17,14,0)+IF('Standard Profiles'!$G$22=$B$24,21,0),MOD($C1512,24)+1)/SUM(INDEX($D$3:$AA$30,INDEX(Jesper!$R$2:$R$366,ROW(INDEX(Jesper!AL$2:AL$366,ROUNDDOWN($C1512/24,0)+1,1))-1)+IF('Standard Profiles'!$G$22=$B$10,7,0)+IF('Standard Profiles'!$G$22=$B$17,14,0)+IF('Standard Profiles'!$G$22=$B$24,21,0),0)),0)</f>
        <v>0</v>
      </c>
      <c r="I1512">
        <f t="shared" si="181"/>
        <v>13.347371692793349</v>
      </c>
      <c r="J1512">
        <f t="shared" si="182"/>
        <v>86.869955742458984</v>
      </c>
      <c r="K1512">
        <f t="shared" si="183"/>
        <v>4.0944981408878531</v>
      </c>
      <c r="L1512">
        <f t="shared" si="184"/>
        <v>2.0472490704439266</v>
      </c>
      <c r="M1512">
        <f t="shared" si="185"/>
        <v>0</v>
      </c>
      <c r="N1512" s="45">
        <f t="shared" si="186"/>
        <v>44988.583333329749</v>
      </c>
    </row>
    <row r="1513" spans="2:14" x14ac:dyDescent="0.25">
      <c r="B1513">
        <f t="shared" si="180"/>
        <v>5</v>
      </c>
      <c r="C1513" s="16">
        <v>1479</v>
      </c>
      <c r="D1513" cm="1">
        <f t="array" ref="D1513">IFERROR(INDEX(Jesper!AH$2:AH$366,ROUNDDOWN($C1513/24,0)+1,1)*INDEX($D$3:$AA$30,INDEX(Jesper!$R$2:$R$366,ROW(INDEX(Jesper!AH$2:AH$366,ROUNDDOWN($C1513/24,0)+1,1))-1)+IF('Standard Profiles'!$G$18=$B$10,7,0)+IF('Standard Profiles'!$G$18=$B$17,14,0)+IF('Standard Profiles'!$G$18=$B$24,21,0),MOD($C1513,24)+1)/SUM(INDEX($D$3:$AA$30,INDEX(Jesper!$R$2:$R$366,ROW(INDEX(Jesper!AH$2:AH$366,ROUNDDOWN($C1513/24,0)+1,1))-1)+IF('Standard Profiles'!$G$18=$B$10,7,0)+IF('Standard Profiles'!$G$18=$B$17,14,0)+IF('Standard Profiles'!$G$18=$B$24,21,0),0)),0)</f>
        <v>29.527630823710474</v>
      </c>
      <c r="E1513" cm="1">
        <f t="array" ref="E1513">IFERROR(INDEX(Jesper!AI$2:AI$366,ROUNDDOWN($C1513/24,0)+1,1)*INDEX($D$3:$AA$30,INDEX(Jesper!$R$2:$R$366,ROW(INDEX(Jesper!AI$2:AI$366,ROUNDDOWN($C1513/24,0)+1,1))-1)+IF('Standard Profiles'!$G$19=$B$10,7,0)+IF('Standard Profiles'!$G$19=$B$17,14,0)+IF('Standard Profiles'!$G$19=$B$24,21,0),MOD($C1513,24)+1)/SUM(INDEX($D$3:$AA$30,INDEX(Jesper!$R$2:$R$366,ROW(INDEX(Jesper!AI$2:AI$366,ROUNDDOWN($C1513/24,0)+1,1))-1)+IF('Standard Profiles'!$G$19=$B$10,7,0)+IF('Standard Profiles'!$G$19=$B$17,14,0)+IF('Standard Profiles'!$G$19=$B$24,21,0),0)),0)</f>
        <v>30.897023242903327</v>
      </c>
      <c r="F1513" cm="1">
        <f t="array" ref="F1513">IFERROR(INDEX(Jesper!AJ$2:AJ$366,ROUNDDOWN($C1513/24,0)+1,1)*INDEX($D$3:$AA$30,INDEX(Jesper!$R$2:$R$366,ROW(INDEX(Jesper!AJ$2:AJ$366,ROUNDDOWN($C1513/24,0)+1,1))-1)+IF('Standard Profiles'!$G$20=$B$10,7,0)+IF('Standard Profiles'!$G$20=$B$17,14,0)+IF('Standard Profiles'!$G$20=$B$24,21,0),MOD($C1513,24)+1)/SUM(INDEX($D$3:$AA$30,INDEX(Jesper!$R$2:$R$366,ROW(INDEX(Jesper!AJ$2:AJ$366,ROUNDDOWN($C1513/24,0)+1,1))-1)+IF('Standard Profiles'!$G$20=$B$10,7,0)+IF('Standard Profiles'!$G$20=$B$17,14,0)+IF('Standard Profiles'!$G$20=$B$24,21,0),0)),0)</f>
        <v>0</v>
      </c>
      <c r="G1513" cm="1">
        <f t="array" ref="G1513">IFERROR(INDEX(Jesper!AK$2:AK$366,ROUNDDOWN($C1513/24,0)+1,1)*INDEX($D$3:$AA$30,INDEX(Jesper!$R$2:$R$366,ROW(INDEX(Jesper!AK$2:AK$366,ROUNDDOWN($C1513/24,0)+1,1))-1)+IF('Standard Profiles'!$G$21=$B$10,7,0)+IF('Standard Profiles'!$G$21=$B$17,14,0)+IF('Standard Profiles'!$G$21=$B$24,21,0),MOD($C1513,24)+1)/SUM(INDEX($D$3:$AA$30,INDEX(Jesper!$R$2:$R$366,ROW(INDEX(Jesper!AK$2:AK$366,ROUNDDOWN($C1513/24,0)+1,1))-1)+IF('Standard Profiles'!$G$21=$B$10,7,0)+IF('Standard Profiles'!$G$21=$B$17,14,0)+IF('Standard Profiles'!$G$21=$B$24,21,0),0)),0)</f>
        <v>23.52902061229598</v>
      </c>
      <c r="H1513" cm="1">
        <f t="array" ref="H1513">IFERROR(INDEX(Jesper!AL$2:AL$366,ROUNDDOWN($C1513/24,0)+1,1)*INDEX($D$3:$AA$30,INDEX(Jesper!$R$2:$R$366,ROW(INDEX(Jesper!AL$2:AL$366,ROUNDDOWN($C1513/24,0)+1,1))-1)+IF('Standard Profiles'!$G$22=$B$10,7,0)+IF('Standard Profiles'!$G$22=$B$17,14,0)+IF('Standard Profiles'!$G$22=$B$24,21,0),MOD($C1513,24)+1)/SUM(INDEX($D$3:$AA$30,INDEX(Jesper!$R$2:$R$366,ROW(INDEX(Jesper!AL$2:AL$366,ROUNDDOWN($C1513/24,0)+1,1))-1)+IF('Standard Profiles'!$G$22=$B$10,7,0)+IF('Standard Profiles'!$G$22=$B$17,14,0)+IF('Standard Profiles'!$G$22=$B$24,21,0),0)),0)</f>
        <v>0</v>
      </c>
      <c r="I1513">
        <f t="shared" si="181"/>
        <v>11.293929893902066</v>
      </c>
      <c r="J1513">
        <f t="shared" si="182"/>
        <v>67.935323853214044</v>
      </c>
      <c r="K1513">
        <f t="shared" si="183"/>
        <v>3.1496139545291175</v>
      </c>
      <c r="L1513">
        <f t="shared" si="184"/>
        <v>1.5748069772645588</v>
      </c>
      <c r="M1513">
        <f t="shared" si="185"/>
        <v>0</v>
      </c>
      <c r="N1513" s="45">
        <f t="shared" si="186"/>
        <v>44988.624999996413</v>
      </c>
    </row>
    <row r="1514" spans="2:14" x14ac:dyDescent="0.25">
      <c r="B1514">
        <f t="shared" si="180"/>
        <v>5</v>
      </c>
      <c r="C1514" s="16">
        <v>1480</v>
      </c>
      <c r="D1514" cm="1">
        <f t="array" ref="D1514">IFERROR(INDEX(Jesper!AH$2:AH$366,ROUNDDOWN($C1514/24,0)+1,1)*INDEX($D$3:$AA$30,INDEX(Jesper!$R$2:$R$366,ROW(INDEX(Jesper!AH$2:AH$366,ROUNDDOWN($C1514/24,0)+1,1))-1)+IF('Standard Profiles'!$G$18=$B$10,7,0)+IF('Standard Profiles'!$G$18=$B$17,14,0)+IF('Standard Profiles'!$G$18=$B$24,21,0),MOD($C1514,24)+1)/SUM(INDEX($D$3:$AA$30,INDEX(Jesper!$R$2:$R$366,ROW(INDEX(Jesper!AH$2:AH$366,ROUNDDOWN($C1514/24,0)+1,1))-1)+IF('Standard Profiles'!$G$18=$B$10,7,0)+IF('Standard Profiles'!$G$18=$B$17,14,0)+IF('Standard Profiles'!$G$18=$B$24,21,0),0)),0)</f>
        <v>13.862737475920412</v>
      </c>
      <c r="E1514" cm="1">
        <f t="array" ref="E1514">IFERROR(INDEX(Jesper!AI$2:AI$366,ROUNDDOWN($C1514/24,0)+1,1)*INDEX($D$3:$AA$30,INDEX(Jesper!$R$2:$R$366,ROW(INDEX(Jesper!AI$2:AI$366,ROUNDDOWN($C1514/24,0)+1,1))-1)+IF('Standard Profiles'!$G$19=$B$10,7,0)+IF('Standard Profiles'!$G$19=$B$17,14,0)+IF('Standard Profiles'!$G$19=$B$24,21,0),MOD($C1514,24)+1)/SUM(INDEX($D$3:$AA$30,INDEX(Jesper!$R$2:$R$366,ROW(INDEX(Jesper!AI$2:AI$366,ROUNDDOWN($C1514/24,0)+1,1))-1)+IF('Standard Profiles'!$G$19=$B$10,7,0)+IF('Standard Profiles'!$G$19=$B$17,14,0)+IF('Standard Profiles'!$G$19=$B$24,21,0),0)),0)</f>
        <v>14.505644714978089</v>
      </c>
      <c r="F1514" cm="1">
        <f t="array" ref="F1514">IFERROR(INDEX(Jesper!AJ$2:AJ$366,ROUNDDOWN($C1514/24,0)+1,1)*INDEX($D$3:$AA$30,INDEX(Jesper!$R$2:$R$366,ROW(INDEX(Jesper!AJ$2:AJ$366,ROUNDDOWN($C1514/24,0)+1,1))-1)+IF('Standard Profiles'!$G$20=$B$10,7,0)+IF('Standard Profiles'!$G$20=$B$17,14,0)+IF('Standard Profiles'!$G$20=$B$24,21,0),MOD($C1514,24)+1)/SUM(INDEX($D$3:$AA$30,INDEX(Jesper!$R$2:$R$366,ROW(INDEX(Jesper!AJ$2:AJ$366,ROUNDDOWN($C1514/24,0)+1,1))-1)+IF('Standard Profiles'!$G$20=$B$10,7,0)+IF('Standard Profiles'!$G$20=$B$17,14,0)+IF('Standard Profiles'!$G$20=$B$24,21,0),0)),0)</f>
        <v>0</v>
      </c>
      <c r="G1514" cm="1">
        <f t="array" ref="G1514">IFERROR(INDEX(Jesper!AK$2:AK$366,ROUNDDOWN($C1514/24,0)+1,1)*INDEX($D$3:$AA$30,INDEX(Jesper!$R$2:$R$366,ROW(INDEX(Jesper!AK$2:AK$366,ROUNDDOWN($C1514/24,0)+1,1))-1)+IF('Standard Profiles'!$G$21=$B$10,7,0)+IF('Standard Profiles'!$G$21=$B$17,14,0)+IF('Standard Profiles'!$G$21=$B$24,21,0),MOD($C1514,24)+1)/SUM(INDEX($D$3:$AA$30,INDEX(Jesper!$R$2:$R$366,ROW(INDEX(Jesper!AK$2:AK$366,ROUNDDOWN($C1514/24,0)+1,1))-1)+IF('Standard Profiles'!$G$21=$B$10,7,0)+IF('Standard Profiles'!$G$21=$B$17,14,0)+IF('Standard Profiles'!$G$21=$B$24,21,0),0)),0)</f>
        <v>20.37144641757228</v>
      </c>
      <c r="H1514" cm="1">
        <f t="array" ref="H1514">IFERROR(INDEX(Jesper!AL$2:AL$366,ROUNDDOWN($C1514/24,0)+1,1)*INDEX($D$3:$AA$30,INDEX(Jesper!$R$2:$R$366,ROW(INDEX(Jesper!AL$2:AL$366,ROUNDDOWN($C1514/24,0)+1,1))-1)+IF('Standard Profiles'!$G$22=$B$10,7,0)+IF('Standard Profiles'!$G$22=$B$17,14,0)+IF('Standard Profiles'!$G$22=$B$24,21,0),MOD($C1514,24)+1)/SUM(INDEX($D$3:$AA$30,INDEX(Jesper!$R$2:$R$366,ROW(INDEX(Jesper!AL$2:AL$366,ROUNDDOWN($C1514/24,0)+1,1))-1)+IF('Standard Profiles'!$G$22=$B$10,7,0)+IF('Standard Profiles'!$G$22=$B$17,14,0)+IF('Standard Profiles'!$G$22=$B$24,21,0),0)),0)</f>
        <v>0</v>
      </c>
      <c r="I1514">
        <f t="shared" si="181"/>
        <v>9.7782942804346895</v>
      </c>
      <c r="J1514">
        <f t="shared" si="182"/>
        <v>36.743496331888821</v>
      </c>
      <c r="K1514">
        <f t="shared" si="183"/>
        <v>1.4786919974315107</v>
      </c>
      <c r="L1514">
        <f t="shared" si="184"/>
        <v>0.73934599871575535</v>
      </c>
      <c r="M1514">
        <f t="shared" si="185"/>
        <v>0</v>
      </c>
      <c r="N1514" s="45">
        <f t="shared" si="186"/>
        <v>44988.666666663077</v>
      </c>
    </row>
    <row r="1515" spans="2:14" x14ac:dyDescent="0.25">
      <c r="B1515">
        <f t="shared" si="180"/>
        <v>5</v>
      </c>
      <c r="C1515" s="16">
        <v>1481</v>
      </c>
      <c r="D1515" cm="1">
        <f t="array" ref="D1515">IFERROR(INDEX(Jesper!AH$2:AH$366,ROUNDDOWN($C1515/24,0)+1,1)*INDEX($D$3:$AA$30,INDEX(Jesper!$R$2:$R$366,ROW(INDEX(Jesper!AH$2:AH$366,ROUNDDOWN($C1515/24,0)+1,1))-1)+IF('Standard Profiles'!$G$18=$B$10,7,0)+IF('Standard Profiles'!$G$18=$B$17,14,0)+IF('Standard Profiles'!$G$18=$B$24,21,0),MOD($C1515,24)+1)/SUM(INDEX($D$3:$AA$30,INDEX(Jesper!$R$2:$R$366,ROW(INDEX(Jesper!AH$2:AH$366,ROUNDDOWN($C1515/24,0)+1,1))-1)+IF('Standard Profiles'!$G$18=$B$10,7,0)+IF('Standard Profiles'!$G$18=$B$17,14,0)+IF('Standard Profiles'!$G$18=$B$24,21,0),0)),0)</f>
        <v>9.1494067341074707</v>
      </c>
      <c r="E1515" cm="1">
        <f t="array" ref="E1515">IFERROR(INDEX(Jesper!AI$2:AI$366,ROUNDDOWN($C1515/24,0)+1,1)*INDEX($D$3:$AA$30,INDEX(Jesper!$R$2:$R$366,ROW(INDEX(Jesper!AI$2:AI$366,ROUNDDOWN($C1515/24,0)+1,1))-1)+IF('Standard Profiles'!$G$19=$B$10,7,0)+IF('Standard Profiles'!$G$19=$B$17,14,0)+IF('Standard Profiles'!$G$19=$B$24,21,0),MOD($C1515,24)+1)/SUM(INDEX($D$3:$AA$30,INDEX(Jesper!$R$2:$R$366,ROW(INDEX(Jesper!AI$2:AI$366,ROUNDDOWN($C1515/24,0)+1,1))-1)+IF('Standard Profiles'!$G$19=$B$10,7,0)+IF('Standard Profiles'!$G$19=$B$17,14,0)+IF('Standard Profiles'!$G$19=$B$24,21,0),0)),0)</f>
        <v>9.573725511885538</v>
      </c>
      <c r="F1515" cm="1">
        <f t="array" ref="F1515">IFERROR(INDEX(Jesper!AJ$2:AJ$366,ROUNDDOWN($C1515/24,0)+1,1)*INDEX($D$3:$AA$30,INDEX(Jesper!$R$2:$R$366,ROW(INDEX(Jesper!AJ$2:AJ$366,ROUNDDOWN($C1515/24,0)+1,1))-1)+IF('Standard Profiles'!$G$20=$B$10,7,0)+IF('Standard Profiles'!$G$20=$B$17,14,0)+IF('Standard Profiles'!$G$20=$B$24,21,0),MOD($C1515,24)+1)/SUM(INDEX($D$3:$AA$30,INDEX(Jesper!$R$2:$R$366,ROW(INDEX(Jesper!AJ$2:AJ$366,ROUNDDOWN($C1515/24,0)+1,1))-1)+IF('Standard Profiles'!$G$20=$B$10,7,0)+IF('Standard Profiles'!$G$20=$B$17,14,0)+IF('Standard Profiles'!$G$20=$B$24,21,0),0)),0)</f>
        <v>0</v>
      </c>
      <c r="G1515" cm="1">
        <f t="array" ref="G1515">IFERROR(INDEX(Jesper!AK$2:AK$366,ROUNDDOWN($C1515/24,0)+1,1)*INDEX($D$3:$AA$30,INDEX(Jesper!$R$2:$R$366,ROW(INDEX(Jesper!AK$2:AK$366,ROUNDDOWN($C1515/24,0)+1,1))-1)+IF('Standard Profiles'!$G$21=$B$10,7,0)+IF('Standard Profiles'!$G$21=$B$17,14,0)+IF('Standard Profiles'!$G$21=$B$24,21,0),MOD($C1515,24)+1)/SUM(INDEX($D$3:$AA$30,INDEX(Jesper!$R$2:$R$366,ROW(INDEX(Jesper!AK$2:AK$366,ROUNDDOWN($C1515/24,0)+1,1))-1)+IF('Standard Profiles'!$G$21=$B$10,7,0)+IF('Standard Profiles'!$G$21=$B$17,14,0)+IF('Standard Profiles'!$G$21=$B$24,21,0),0)),0)</f>
        <v>17.112014990760713</v>
      </c>
      <c r="H1515" cm="1">
        <f t="array" ref="H1515">IFERROR(INDEX(Jesper!AL$2:AL$366,ROUNDDOWN($C1515/24,0)+1,1)*INDEX($D$3:$AA$30,INDEX(Jesper!$R$2:$R$366,ROW(INDEX(Jesper!AL$2:AL$366,ROUNDDOWN($C1515/24,0)+1,1))-1)+IF('Standard Profiles'!$G$22=$B$10,7,0)+IF('Standard Profiles'!$G$22=$B$17,14,0)+IF('Standard Profiles'!$G$22=$B$24,21,0),MOD($C1515,24)+1)/SUM(INDEX($D$3:$AA$30,INDEX(Jesper!$R$2:$R$366,ROW(INDEX(Jesper!AL$2:AL$366,ROUNDDOWN($C1515/24,0)+1,1))-1)+IF('Standard Profiles'!$G$22=$B$10,7,0)+IF('Standard Profiles'!$G$22=$B$17,14,0)+IF('Standard Profiles'!$G$22=$B$24,21,0),0)),0)</f>
        <v>0</v>
      </c>
      <c r="I1515">
        <f t="shared" si="181"/>
        <v>8.2137671955651381</v>
      </c>
      <c r="J1515">
        <f t="shared" si="182"/>
        <v>26.157474963731389</v>
      </c>
      <c r="K1515">
        <f t="shared" si="183"/>
        <v>0.97593671830479689</v>
      </c>
      <c r="L1515">
        <f t="shared" si="184"/>
        <v>0.48796835915239845</v>
      </c>
      <c r="M1515">
        <f t="shared" si="185"/>
        <v>0</v>
      </c>
      <c r="N1515" s="45">
        <f t="shared" si="186"/>
        <v>44988.708333329741</v>
      </c>
    </row>
    <row r="1516" spans="2:14" x14ac:dyDescent="0.25">
      <c r="B1516">
        <f t="shared" si="180"/>
        <v>5</v>
      </c>
      <c r="C1516" s="16">
        <v>1482</v>
      </c>
      <c r="D1516" cm="1">
        <f t="array" ref="D1516">IFERROR(INDEX(Jesper!AH$2:AH$366,ROUNDDOWN($C1516/24,0)+1,1)*INDEX($D$3:$AA$30,INDEX(Jesper!$R$2:$R$366,ROW(INDEX(Jesper!AH$2:AH$366,ROUNDDOWN($C1516/24,0)+1,1))-1)+IF('Standard Profiles'!$G$18=$B$10,7,0)+IF('Standard Profiles'!$G$18=$B$17,14,0)+IF('Standard Profiles'!$G$18=$B$24,21,0),MOD($C1516,24)+1)/SUM(INDEX($D$3:$AA$30,INDEX(Jesper!$R$2:$R$366,ROW(INDEX(Jesper!AH$2:AH$366,ROUNDDOWN($C1516/24,0)+1,1))-1)+IF('Standard Profiles'!$G$18=$B$10,7,0)+IF('Standard Profiles'!$G$18=$B$17,14,0)+IF('Standard Profiles'!$G$18=$B$24,21,0),0)),0)</f>
        <v>5.8223497398865725</v>
      </c>
      <c r="E1516" cm="1">
        <f t="array" ref="E1516">IFERROR(INDEX(Jesper!AI$2:AI$366,ROUNDDOWN($C1516/24,0)+1,1)*INDEX($D$3:$AA$30,INDEX(Jesper!$R$2:$R$366,ROW(INDEX(Jesper!AI$2:AI$366,ROUNDDOWN($C1516/24,0)+1,1))-1)+IF('Standard Profiles'!$G$19=$B$10,7,0)+IF('Standard Profiles'!$G$19=$B$17,14,0)+IF('Standard Profiles'!$G$19=$B$24,21,0),MOD($C1516,24)+1)/SUM(INDEX($D$3:$AA$30,INDEX(Jesper!$R$2:$R$366,ROW(INDEX(Jesper!AI$2:AI$366,ROUNDDOWN($C1516/24,0)+1,1))-1)+IF('Standard Profiles'!$G$19=$B$10,7,0)+IF('Standard Profiles'!$G$19=$B$17,14,0)+IF('Standard Profiles'!$G$19=$B$24,21,0),0)),0)</f>
        <v>6.0923707802907971</v>
      </c>
      <c r="F1516" cm="1">
        <f t="array" ref="F1516">IFERROR(INDEX(Jesper!AJ$2:AJ$366,ROUNDDOWN($C1516/24,0)+1,1)*INDEX($D$3:$AA$30,INDEX(Jesper!$R$2:$R$366,ROW(INDEX(Jesper!AJ$2:AJ$366,ROUNDDOWN($C1516/24,0)+1,1))-1)+IF('Standard Profiles'!$G$20=$B$10,7,0)+IF('Standard Profiles'!$G$20=$B$17,14,0)+IF('Standard Profiles'!$G$20=$B$24,21,0),MOD($C1516,24)+1)/SUM(INDEX($D$3:$AA$30,INDEX(Jesper!$R$2:$R$366,ROW(INDEX(Jesper!AJ$2:AJ$366,ROUNDDOWN($C1516/24,0)+1,1))-1)+IF('Standard Profiles'!$G$20=$B$10,7,0)+IF('Standard Profiles'!$G$20=$B$17,14,0)+IF('Standard Profiles'!$G$20=$B$24,21,0),0)),0)</f>
        <v>0</v>
      </c>
      <c r="G1516" cm="1">
        <f t="array" ref="G1516">IFERROR(INDEX(Jesper!AK$2:AK$366,ROUNDDOWN($C1516/24,0)+1,1)*INDEX($D$3:$AA$30,INDEX(Jesper!$R$2:$R$366,ROW(INDEX(Jesper!AK$2:AK$366,ROUNDDOWN($C1516/24,0)+1,1))-1)+IF('Standard Profiles'!$G$21=$B$10,7,0)+IF('Standard Profiles'!$G$21=$B$17,14,0)+IF('Standard Profiles'!$G$21=$B$24,21,0),MOD($C1516,24)+1)/SUM(INDEX($D$3:$AA$30,INDEX(Jesper!$R$2:$R$366,ROW(INDEX(Jesper!AK$2:AK$366,ROUNDDOWN($C1516/24,0)+1,1))-1)+IF('Standard Profiles'!$G$21=$B$10,7,0)+IF('Standard Profiles'!$G$21=$B$17,14,0)+IF('Standard Profiles'!$G$21=$B$24,21,0),0)),0)</f>
        <v>6.3151483894474065</v>
      </c>
      <c r="H1516" cm="1">
        <f t="array" ref="H1516">IFERROR(INDEX(Jesper!AL$2:AL$366,ROUNDDOWN($C1516/24,0)+1,1)*INDEX($D$3:$AA$30,INDEX(Jesper!$R$2:$R$366,ROW(INDEX(Jesper!AL$2:AL$366,ROUNDDOWN($C1516/24,0)+1,1))-1)+IF('Standard Profiles'!$G$22=$B$10,7,0)+IF('Standard Profiles'!$G$22=$B$17,14,0)+IF('Standard Profiles'!$G$22=$B$24,21,0),MOD($C1516,24)+1)/SUM(INDEX($D$3:$AA$30,INDEX(Jesper!$R$2:$R$366,ROW(INDEX(Jesper!AL$2:AL$366,ROUNDDOWN($C1516/24,0)+1,1))-1)+IF('Standard Profiles'!$G$22=$B$10,7,0)+IF('Standard Profiles'!$G$22=$B$17,14,0)+IF('Standard Profiles'!$G$22=$B$24,21,0),0)),0)</f>
        <v>0</v>
      </c>
      <c r="I1516">
        <f t="shared" si="181"/>
        <v>3.0312712269347535</v>
      </c>
      <c r="J1516">
        <f t="shared" si="182"/>
        <v>14.267021724308171</v>
      </c>
      <c r="K1516">
        <f t="shared" si="183"/>
        <v>0.62105063892123447</v>
      </c>
      <c r="L1516">
        <f t="shared" si="184"/>
        <v>0.31052531946061723</v>
      </c>
      <c r="M1516">
        <f t="shared" si="185"/>
        <v>0</v>
      </c>
      <c r="N1516" s="45">
        <f t="shared" si="186"/>
        <v>44988.749999996406</v>
      </c>
    </row>
    <row r="1517" spans="2:14" x14ac:dyDescent="0.25">
      <c r="B1517">
        <f t="shared" si="180"/>
        <v>5</v>
      </c>
      <c r="C1517" s="16">
        <v>1483</v>
      </c>
      <c r="D1517" cm="1">
        <f t="array" ref="D1517">IFERROR(INDEX(Jesper!AH$2:AH$366,ROUNDDOWN($C1517/24,0)+1,1)*INDEX($D$3:$AA$30,INDEX(Jesper!$R$2:$R$366,ROW(INDEX(Jesper!AH$2:AH$366,ROUNDDOWN($C1517/24,0)+1,1))-1)+IF('Standard Profiles'!$G$18=$B$10,7,0)+IF('Standard Profiles'!$G$18=$B$17,14,0)+IF('Standard Profiles'!$G$18=$B$24,21,0),MOD($C1517,24)+1)/SUM(INDEX($D$3:$AA$30,INDEX(Jesper!$R$2:$R$366,ROW(INDEX(Jesper!AH$2:AH$366,ROUNDDOWN($C1517/24,0)+1,1))-1)+IF('Standard Profiles'!$G$18=$B$10,7,0)+IF('Standard Profiles'!$G$18=$B$17,14,0)+IF('Standard Profiles'!$G$18=$B$24,21,0),0)),0)</f>
        <v>5.545094990368165</v>
      </c>
      <c r="E1517" cm="1">
        <f t="array" ref="E1517">IFERROR(INDEX(Jesper!AI$2:AI$366,ROUNDDOWN($C1517/24,0)+1,1)*INDEX($D$3:$AA$30,INDEX(Jesper!$R$2:$R$366,ROW(INDEX(Jesper!AI$2:AI$366,ROUNDDOWN($C1517/24,0)+1,1))-1)+IF('Standard Profiles'!$G$19=$B$10,7,0)+IF('Standard Profiles'!$G$19=$B$17,14,0)+IF('Standard Profiles'!$G$19=$B$24,21,0),MOD($C1517,24)+1)/SUM(INDEX($D$3:$AA$30,INDEX(Jesper!$R$2:$R$366,ROW(INDEX(Jesper!AI$2:AI$366,ROUNDDOWN($C1517/24,0)+1,1))-1)+IF('Standard Profiles'!$G$19=$B$10,7,0)+IF('Standard Profiles'!$G$19=$B$17,14,0)+IF('Standard Profiles'!$G$19=$B$24,21,0),0)),0)</f>
        <v>5.802257885991235</v>
      </c>
      <c r="F1517" cm="1">
        <f t="array" ref="F1517">IFERROR(INDEX(Jesper!AJ$2:AJ$366,ROUNDDOWN($C1517/24,0)+1,1)*INDEX($D$3:$AA$30,INDEX(Jesper!$R$2:$R$366,ROW(INDEX(Jesper!AJ$2:AJ$366,ROUNDDOWN($C1517/24,0)+1,1))-1)+IF('Standard Profiles'!$G$20=$B$10,7,0)+IF('Standard Profiles'!$G$20=$B$17,14,0)+IF('Standard Profiles'!$G$20=$B$24,21,0),MOD($C1517,24)+1)/SUM(INDEX($D$3:$AA$30,INDEX(Jesper!$R$2:$R$366,ROW(INDEX(Jesper!AJ$2:AJ$366,ROUNDDOWN($C1517/24,0)+1,1))-1)+IF('Standard Profiles'!$G$20=$B$10,7,0)+IF('Standard Profiles'!$G$20=$B$17,14,0)+IF('Standard Profiles'!$G$20=$B$24,21,0),0)),0)</f>
        <v>0</v>
      </c>
      <c r="G1517" cm="1">
        <f t="array" ref="G1517">IFERROR(INDEX(Jesper!AK$2:AK$366,ROUNDDOWN($C1517/24,0)+1,1)*INDEX($D$3:$AA$30,INDEX(Jesper!$R$2:$R$366,ROW(INDEX(Jesper!AK$2:AK$366,ROUNDDOWN($C1517/24,0)+1,1))-1)+IF('Standard Profiles'!$G$21=$B$10,7,0)+IF('Standard Profiles'!$G$21=$B$17,14,0)+IF('Standard Profiles'!$G$21=$B$24,21,0),MOD($C1517,24)+1)/SUM(INDEX($D$3:$AA$30,INDEX(Jesper!$R$2:$R$366,ROW(INDEX(Jesper!AK$2:AK$366,ROUNDDOWN($C1517/24,0)+1,1))-1)+IF('Standard Profiles'!$G$21=$B$10,7,0)+IF('Standard Profiles'!$G$21=$B$17,14,0)+IF('Standard Profiles'!$G$21=$B$24,21,0),0)),0)</f>
        <v>6.3151483894474065</v>
      </c>
      <c r="H1517" cm="1">
        <f t="array" ref="H1517">IFERROR(INDEX(Jesper!AL$2:AL$366,ROUNDDOWN($C1517/24,0)+1,1)*INDEX($D$3:$AA$30,INDEX(Jesper!$R$2:$R$366,ROW(INDEX(Jesper!AL$2:AL$366,ROUNDDOWN($C1517/24,0)+1,1))-1)+IF('Standard Profiles'!$G$22=$B$10,7,0)+IF('Standard Profiles'!$G$22=$B$17,14,0)+IF('Standard Profiles'!$G$22=$B$24,21,0),MOD($C1517,24)+1)/SUM(INDEX($D$3:$AA$30,INDEX(Jesper!$R$2:$R$366,ROW(INDEX(Jesper!AL$2:AL$366,ROUNDDOWN($C1517/24,0)+1,1))-1)+IF('Standard Profiles'!$G$22=$B$10,7,0)+IF('Standard Profiles'!$G$22=$B$17,14,0)+IF('Standard Profiles'!$G$22=$B$24,21,0),0)),0)</f>
        <v>0</v>
      </c>
      <c r="I1517">
        <f t="shared" si="181"/>
        <v>3.0312712269347535</v>
      </c>
      <c r="J1517">
        <f t="shared" si="182"/>
        <v>13.744014840413147</v>
      </c>
      <c r="K1517">
        <f t="shared" si="183"/>
        <v>0.5914767989726043</v>
      </c>
      <c r="L1517">
        <f t="shared" si="184"/>
        <v>0.29573839948630215</v>
      </c>
      <c r="M1517">
        <f t="shared" si="185"/>
        <v>0</v>
      </c>
      <c r="N1517" s="45">
        <f t="shared" si="186"/>
        <v>44988.79166666307</v>
      </c>
    </row>
    <row r="1518" spans="2:14" x14ac:dyDescent="0.25">
      <c r="B1518">
        <f t="shared" si="180"/>
        <v>5</v>
      </c>
      <c r="C1518" s="16">
        <v>1484</v>
      </c>
      <c r="D1518" cm="1">
        <f t="array" ref="D1518">IFERROR(INDEX(Jesper!AH$2:AH$366,ROUNDDOWN($C1518/24,0)+1,1)*INDEX($D$3:$AA$30,INDEX(Jesper!$R$2:$R$366,ROW(INDEX(Jesper!AH$2:AH$366,ROUNDDOWN($C1518/24,0)+1,1))-1)+IF('Standard Profiles'!$G$18=$B$10,7,0)+IF('Standard Profiles'!$G$18=$B$17,14,0)+IF('Standard Profiles'!$G$18=$B$24,21,0),MOD($C1518,24)+1)/SUM(INDEX($D$3:$AA$30,INDEX(Jesper!$R$2:$R$366,ROW(INDEX(Jesper!AH$2:AH$366,ROUNDDOWN($C1518/24,0)+1,1))-1)+IF('Standard Profiles'!$G$18=$B$10,7,0)+IF('Standard Profiles'!$G$18=$B$17,14,0)+IF('Standard Profiles'!$G$18=$B$24,21,0),0)),0)</f>
        <v>5.545094990368165</v>
      </c>
      <c r="E1518" cm="1">
        <f t="array" ref="E1518">IFERROR(INDEX(Jesper!AI$2:AI$366,ROUNDDOWN($C1518/24,0)+1,1)*INDEX($D$3:$AA$30,INDEX(Jesper!$R$2:$R$366,ROW(INDEX(Jesper!AI$2:AI$366,ROUNDDOWN($C1518/24,0)+1,1))-1)+IF('Standard Profiles'!$G$19=$B$10,7,0)+IF('Standard Profiles'!$G$19=$B$17,14,0)+IF('Standard Profiles'!$G$19=$B$24,21,0),MOD($C1518,24)+1)/SUM(INDEX($D$3:$AA$30,INDEX(Jesper!$R$2:$R$366,ROW(INDEX(Jesper!AI$2:AI$366,ROUNDDOWN($C1518/24,0)+1,1))-1)+IF('Standard Profiles'!$G$19=$B$10,7,0)+IF('Standard Profiles'!$G$19=$B$17,14,0)+IF('Standard Profiles'!$G$19=$B$24,21,0),0)),0)</f>
        <v>5.802257885991235</v>
      </c>
      <c r="F1518" cm="1">
        <f t="array" ref="F1518">IFERROR(INDEX(Jesper!AJ$2:AJ$366,ROUNDDOWN($C1518/24,0)+1,1)*INDEX($D$3:$AA$30,INDEX(Jesper!$R$2:$R$366,ROW(INDEX(Jesper!AJ$2:AJ$366,ROUNDDOWN($C1518/24,0)+1,1))-1)+IF('Standard Profiles'!$G$20=$B$10,7,0)+IF('Standard Profiles'!$G$20=$B$17,14,0)+IF('Standard Profiles'!$G$20=$B$24,21,0),MOD($C1518,24)+1)/SUM(INDEX($D$3:$AA$30,INDEX(Jesper!$R$2:$R$366,ROW(INDEX(Jesper!AJ$2:AJ$366,ROUNDDOWN($C1518/24,0)+1,1))-1)+IF('Standard Profiles'!$G$20=$B$10,7,0)+IF('Standard Profiles'!$G$20=$B$17,14,0)+IF('Standard Profiles'!$G$20=$B$24,21,0),0)),0)</f>
        <v>0</v>
      </c>
      <c r="G1518" cm="1">
        <f t="array" ref="G1518">IFERROR(INDEX(Jesper!AK$2:AK$366,ROUNDDOWN($C1518/24,0)+1,1)*INDEX($D$3:$AA$30,INDEX(Jesper!$R$2:$R$366,ROW(INDEX(Jesper!AK$2:AK$366,ROUNDDOWN($C1518/24,0)+1,1))-1)+IF('Standard Profiles'!$G$21=$B$10,7,0)+IF('Standard Profiles'!$G$21=$B$17,14,0)+IF('Standard Profiles'!$G$21=$B$24,21,0),MOD($C1518,24)+1)/SUM(INDEX($D$3:$AA$30,INDEX(Jesper!$R$2:$R$366,ROW(INDEX(Jesper!AK$2:AK$366,ROUNDDOWN($C1518/24,0)+1,1))-1)+IF('Standard Profiles'!$G$21=$B$10,7,0)+IF('Standard Profiles'!$G$21=$B$17,14,0)+IF('Standard Profiles'!$G$21=$B$24,21,0),0)),0)</f>
        <v>6.3151483894474065</v>
      </c>
      <c r="H1518" cm="1">
        <f t="array" ref="H1518">IFERROR(INDEX(Jesper!AL$2:AL$366,ROUNDDOWN($C1518/24,0)+1,1)*INDEX($D$3:$AA$30,INDEX(Jesper!$R$2:$R$366,ROW(INDEX(Jesper!AL$2:AL$366,ROUNDDOWN($C1518/24,0)+1,1))-1)+IF('Standard Profiles'!$G$22=$B$10,7,0)+IF('Standard Profiles'!$G$22=$B$17,14,0)+IF('Standard Profiles'!$G$22=$B$24,21,0),MOD($C1518,24)+1)/SUM(INDEX($D$3:$AA$30,INDEX(Jesper!$R$2:$R$366,ROW(INDEX(Jesper!AL$2:AL$366,ROUNDDOWN($C1518/24,0)+1,1))-1)+IF('Standard Profiles'!$G$22=$B$10,7,0)+IF('Standard Profiles'!$G$22=$B$17,14,0)+IF('Standard Profiles'!$G$22=$B$24,21,0),0)),0)</f>
        <v>0</v>
      </c>
      <c r="I1518">
        <f t="shared" si="181"/>
        <v>3.0312712269347535</v>
      </c>
      <c r="J1518">
        <f t="shared" si="182"/>
        <v>13.744014840413147</v>
      </c>
      <c r="K1518">
        <f t="shared" si="183"/>
        <v>0.5914767989726043</v>
      </c>
      <c r="L1518">
        <f t="shared" si="184"/>
        <v>0.29573839948630215</v>
      </c>
      <c r="M1518">
        <f t="shared" si="185"/>
        <v>0</v>
      </c>
      <c r="N1518" s="45">
        <f t="shared" si="186"/>
        <v>44988.833333329734</v>
      </c>
    </row>
    <row r="1519" spans="2:14" x14ac:dyDescent="0.25">
      <c r="B1519">
        <f t="shared" si="180"/>
        <v>5</v>
      </c>
      <c r="C1519" s="16">
        <v>1485</v>
      </c>
      <c r="D1519" cm="1">
        <f t="array" ref="D1519">IFERROR(INDEX(Jesper!AH$2:AH$366,ROUNDDOWN($C1519/24,0)+1,1)*INDEX($D$3:$AA$30,INDEX(Jesper!$R$2:$R$366,ROW(INDEX(Jesper!AH$2:AH$366,ROUNDDOWN($C1519/24,0)+1,1))-1)+IF('Standard Profiles'!$G$18=$B$10,7,0)+IF('Standard Profiles'!$G$18=$B$17,14,0)+IF('Standard Profiles'!$G$18=$B$24,21,0),MOD($C1519,24)+1)/SUM(INDEX($D$3:$AA$30,INDEX(Jesper!$R$2:$R$366,ROW(INDEX(Jesper!AH$2:AH$366,ROUNDDOWN($C1519/24,0)+1,1))-1)+IF('Standard Profiles'!$G$18=$B$10,7,0)+IF('Standard Profiles'!$G$18=$B$17,14,0)+IF('Standard Profiles'!$G$18=$B$24,21,0),0)),0)</f>
        <v>5.545094990368165</v>
      </c>
      <c r="E1519" cm="1">
        <f t="array" ref="E1519">IFERROR(INDEX(Jesper!AI$2:AI$366,ROUNDDOWN($C1519/24,0)+1,1)*INDEX($D$3:$AA$30,INDEX(Jesper!$R$2:$R$366,ROW(INDEX(Jesper!AI$2:AI$366,ROUNDDOWN($C1519/24,0)+1,1))-1)+IF('Standard Profiles'!$G$19=$B$10,7,0)+IF('Standard Profiles'!$G$19=$B$17,14,0)+IF('Standard Profiles'!$G$19=$B$24,21,0),MOD($C1519,24)+1)/SUM(INDEX($D$3:$AA$30,INDEX(Jesper!$R$2:$R$366,ROW(INDEX(Jesper!AI$2:AI$366,ROUNDDOWN($C1519/24,0)+1,1))-1)+IF('Standard Profiles'!$G$19=$B$10,7,0)+IF('Standard Profiles'!$G$19=$B$17,14,0)+IF('Standard Profiles'!$G$19=$B$24,21,0),0)),0)</f>
        <v>5.802257885991235</v>
      </c>
      <c r="F1519" cm="1">
        <f t="array" ref="F1519">IFERROR(INDEX(Jesper!AJ$2:AJ$366,ROUNDDOWN($C1519/24,0)+1,1)*INDEX($D$3:$AA$30,INDEX(Jesper!$R$2:$R$366,ROW(INDEX(Jesper!AJ$2:AJ$366,ROUNDDOWN($C1519/24,0)+1,1))-1)+IF('Standard Profiles'!$G$20=$B$10,7,0)+IF('Standard Profiles'!$G$20=$B$17,14,0)+IF('Standard Profiles'!$G$20=$B$24,21,0),MOD($C1519,24)+1)/SUM(INDEX($D$3:$AA$30,INDEX(Jesper!$R$2:$R$366,ROW(INDEX(Jesper!AJ$2:AJ$366,ROUNDDOWN($C1519/24,0)+1,1))-1)+IF('Standard Profiles'!$G$20=$B$10,7,0)+IF('Standard Profiles'!$G$20=$B$17,14,0)+IF('Standard Profiles'!$G$20=$B$24,21,0),0)),0)</f>
        <v>0</v>
      </c>
      <c r="G1519" cm="1">
        <f t="array" ref="G1519">IFERROR(INDEX(Jesper!AK$2:AK$366,ROUNDDOWN($C1519/24,0)+1,1)*INDEX($D$3:$AA$30,INDEX(Jesper!$R$2:$R$366,ROW(INDEX(Jesper!AK$2:AK$366,ROUNDDOWN($C1519/24,0)+1,1))-1)+IF('Standard Profiles'!$G$21=$B$10,7,0)+IF('Standard Profiles'!$G$21=$B$17,14,0)+IF('Standard Profiles'!$G$21=$B$24,21,0),MOD($C1519,24)+1)/SUM(INDEX($D$3:$AA$30,INDEX(Jesper!$R$2:$R$366,ROW(INDEX(Jesper!AK$2:AK$366,ROUNDDOWN($C1519/24,0)+1,1))-1)+IF('Standard Profiles'!$G$21=$B$10,7,0)+IF('Standard Profiles'!$G$21=$B$17,14,0)+IF('Standard Profiles'!$G$21=$B$24,21,0),0)),0)</f>
        <v>6.3151483894474065</v>
      </c>
      <c r="H1519" cm="1">
        <f t="array" ref="H1519">IFERROR(INDEX(Jesper!AL$2:AL$366,ROUNDDOWN($C1519/24,0)+1,1)*INDEX($D$3:$AA$30,INDEX(Jesper!$R$2:$R$366,ROW(INDEX(Jesper!AL$2:AL$366,ROUNDDOWN($C1519/24,0)+1,1))-1)+IF('Standard Profiles'!$G$22=$B$10,7,0)+IF('Standard Profiles'!$G$22=$B$17,14,0)+IF('Standard Profiles'!$G$22=$B$24,21,0),MOD($C1519,24)+1)/SUM(INDEX($D$3:$AA$30,INDEX(Jesper!$R$2:$R$366,ROW(INDEX(Jesper!AL$2:AL$366,ROUNDDOWN($C1519/24,0)+1,1))-1)+IF('Standard Profiles'!$G$22=$B$10,7,0)+IF('Standard Profiles'!$G$22=$B$17,14,0)+IF('Standard Profiles'!$G$22=$B$24,21,0),0)),0)</f>
        <v>0</v>
      </c>
      <c r="I1519">
        <f t="shared" si="181"/>
        <v>3.0312712269347535</v>
      </c>
      <c r="J1519">
        <f t="shared" si="182"/>
        <v>13.744014840413147</v>
      </c>
      <c r="K1519">
        <f t="shared" si="183"/>
        <v>0.5914767989726043</v>
      </c>
      <c r="L1519">
        <f t="shared" si="184"/>
        <v>0.29573839948630215</v>
      </c>
      <c r="M1519">
        <f t="shared" si="185"/>
        <v>0</v>
      </c>
      <c r="N1519" s="45">
        <f t="shared" si="186"/>
        <v>44988.874999996398</v>
      </c>
    </row>
    <row r="1520" spans="2:14" x14ac:dyDescent="0.25">
      <c r="B1520">
        <f t="shared" si="180"/>
        <v>5</v>
      </c>
      <c r="C1520" s="16">
        <v>1486</v>
      </c>
      <c r="D1520" cm="1">
        <f t="array" ref="D1520">IFERROR(INDEX(Jesper!AH$2:AH$366,ROUNDDOWN($C1520/24,0)+1,1)*INDEX($D$3:$AA$30,INDEX(Jesper!$R$2:$R$366,ROW(INDEX(Jesper!AH$2:AH$366,ROUNDDOWN($C1520/24,0)+1,1))-1)+IF('Standard Profiles'!$G$18=$B$10,7,0)+IF('Standard Profiles'!$G$18=$B$17,14,0)+IF('Standard Profiles'!$G$18=$B$24,21,0),MOD($C1520,24)+1)/SUM(INDEX($D$3:$AA$30,INDEX(Jesper!$R$2:$R$366,ROW(INDEX(Jesper!AH$2:AH$366,ROUNDDOWN($C1520/24,0)+1,1))-1)+IF('Standard Profiles'!$G$18=$B$10,7,0)+IF('Standard Profiles'!$G$18=$B$17,14,0)+IF('Standard Profiles'!$G$18=$B$24,21,0),0)),0)</f>
        <v>5.545094990368165</v>
      </c>
      <c r="E1520" cm="1">
        <f t="array" ref="E1520">IFERROR(INDEX(Jesper!AI$2:AI$366,ROUNDDOWN($C1520/24,0)+1,1)*INDEX($D$3:$AA$30,INDEX(Jesper!$R$2:$R$366,ROW(INDEX(Jesper!AI$2:AI$366,ROUNDDOWN($C1520/24,0)+1,1))-1)+IF('Standard Profiles'!$G$19=$B$10,7,0)+IF('Standard Profiles'!$G$19=$B$17,14,0)+IF('Standard Profiles'!$G$19=$B$24,21,0),MOD($C1520,24)+1)/SUM(INDEX($D$3:$AA$30,INDEX(Jesper!$R$2:$R$366,ROW(INDEX(Jesper!AI$2:AI$366,ROUNDDOWN($C1520/24,0)+1,1))-1)+IF('Standard Profiles'!$G$19=$B$10,7,0)+IF('Standard Profiles'!$G$19=$B$17,14,0)+IF('Standard Profiles'!$G$19=$B$24,21,0),0)),0)</f>
        <v>5.802257885991235</v>
      </c>
      <c r="F1520" cm="1">
        <f t="array" ref="F1520">IFERROR(INDEX(Jesper!AJ$2:AJ$366,ROUNDDOWN($C1520/24,0)+1,1)*INDEX($D$3:$AA$30,INDEX(Jesper!$R$2:$R$366,ROW(INDEX(Jesper!AJ$2:AJ$366,ROUNDDOWN($C1520/24,0)+1,1))-1)+IF('Standard Profiles'!$G$20=$B$10,7,0)+IF('Standard Profiles'!$G$20=$B$17,14,0)+IF('Standard Profiles'!$G$20=$B$24,21,0),MOD($C1520,24)+1)/SUM(INDEX($D$3:$AA$30,INDEX(Jesper!$R$2:$R$366,ROW(INDEX(Jesper!AJ$2:AJ$366,ROUNDDOWN($C1520/24,0)+1,1))-1)+IF('Standard Profiles'!$G$20=$B$10,7,0)+IF('Standard Profiles'!$G$20=$B$17,14,0)+IF('Standard Profiles'!$G$20=$B$24,21,0),0)),0)</f>
        <v>0</v>
      </c>
      <c r="G1520" cm="1">
        <f t="array" ref="G1520">IFERROR(INDEX(Jesper!AK$2:AK$366,ROUNDDOWN($C1520/24,0)+1,1)*INDEX($D$3:$AA$30,INDEX(Jesper!$R$2:$R$366,ROW(INDEX(Jesper!AK$2:AK$366,ROUNDDOWN($C1520/24,0)+1,1))-1)+IF('Standard Profiles'!$G$21=$B$10,7,0)+IF('Standard Profiles'!$G$21=$B$17,14,0)+IF('Standard Profiles'!$G$21=$B$24,21,0),MOD($C1520,24)+1)/SUM(INDEX($D$3:$AA$30,INDEX(Jesper!$R$2:$R$366,ROW(INDEX(Jesper!AK$2:AK$366,ROUNDDOWN($C1520/24,0)+1,1))-1)+IF('Standard Profiles'!$G$21=$B$10,7,0)+IF('Standard Profiles'!$G$21=$B$17,14,0)+IF('Standard Profiles'!$G$21=$B$24,21,0),0)),0)</f>
        <v>6.3151483894474065</v>
      </c>
      <c r="H1520" cm="1">
        <f t="array" ref="H1520">IFERROR(INDEX(Jesper!AL$2:AL$366,ROUNDDOWN($C1520/24,0)+1,1)*INDEX($D$3:$AA$30,INDEX(Jesper!$R$2:$R$366,ROW(INDEX(Jesper!AL$2:AL$366,ROUNDDOWN($C1520/24,0)+1,1))-1)+IF('Standard Profiles'!$G$22=$B$10,7,0)+IF('Standard Profiles'!$G$22=$B$17,14,0)+IF('Standard Profiles'!$G$22=$B$24,21,0),MOD($C1520,24)+1)/SUM(INDEX($D$3:$AA$30,INDEX(Jesper!$R$2:$R$366,ROW(INDEX(Jesper!AL$2:AL$366,ROUNDDOWN($C1520/24,0)+1,1))-1)+IF('Standard Profiles'!$G$22=$B$10,7,0)+IF('Standard Profiles'!$G$22=$B$17,14,0)+IF('Standard Profiles'!$G$22=$B$24,21,0),0)),0)</f>
        <v>0</v>
      </c>
      <c r="I1520">
        <f t="shared" si="181"/>
        <v>3.0312712269347535</v>
      </c>
      <c r="J1520">
        <f t="shared" si="182"/>
        <v>13.744014840413147</v>
      </c>
      <c r="K1520">
        <f t="shared" si="183"/>
        <v>0.5914767989726043</v>
      </c>
      <c r="L1520">
        <f t="shared" si="184"/>
        <v>0.29573839948630215</v>
      </c>
      <c r="M1520">
        <f t="shared" si="185"/>
        <v>0</v>
      </c>
      <c r="N1520" s="45">
        <f t="shared" si="186"/>
        <v>44988.916666663063</v>
      </c>
    </row>
    <row r="1521" spans="2:14" x14ac:dyDescent="0.25">
      <c r="B1521">
        <f t="shared" si="180"/>
        <v>5</v>
      </c>
      <c r="C1521" s="16">
        <v>1487</v>
      </c>
      <c r="D1521" cm="1">
        <f t="array" ref="D1521">IFERROR(INDEX(Jesper!AH$2:AH$366,ROUNDDOWN($C1521/24,0)+1,1)*INDEX($D$3:$AA$30,INDEX(Jesper!$R$2:$R$366,ROW(INDEX(Jesper!AH$2:AH$366,ROUNDDOWN($C1521/24,0)+1,1))-1)+IF('Standard Profiles'!$G$18=$B$10,7,0)+IF('Standard Profiles'!$G$18=$B$17,14,0)+IF('Standard Profiles'!$G$18=$B$24,21,0),MOD($C1521,24)+1)/SUM(INDEX($D$3:$AA$30,INDEX(Jesper!$R$2:$R$366,ROW(INDEX(Jesper!AH$2:AH$366,ROUNDDOWN($C1521/24,0)+1,1))-1)+IF('Standard Profiles'!$G$18=$B$10,7,0)+IF('Standard Profiles'!$G$18=$B$17,14,0)+IF('Standard Profiles'!$G$18=$B$24,21,0),0)),0)</f>
        <v>5.545094990368165</v>
      </c>
      <c r="E1521" cm="1">
        <f t="array" ref="E1521">IFERROR(INDEX(Jesper!AI$2:AI$366,ROUNDDOWN($C1521/24,0)+1,1)*INDEX($D$3:$AA$30,INDEX(Jesper!$R$2:$R$366,ROW(INDEX(Jesper!AI$2:AI$366,ROUNDDOWN($C1521/24,0)+1,1))-1)+IF('Standard Profiles'!$G$19=$B$10,7,0)+IF('Standard Profiles'!$G$19=$B$17,14,0)+IF('Standard Profiles'!$G$19=$B$24,21,0),MOD($C1521,24)+1)/SUM(INDEX($D$3:$AA$30,INDEX(Jesper!$R$2:$R$366,ROW(INDEX(Jesper!AI$2:AI$366,ROUNDDOWN($C1521/24,0)+1,1))-1)+IF('Standard Profiles'!$G$19=$B$10,7,0)+IF('Standard Profiles'!$G$19=$B$17,14,0)+IF('Standard Profiles'!$G$19=$B$24,21,0),0)),0)</f>
        <v>5.802257885991235</v>
      </c>
      <c r="F1521" cm="1">
        <f t="array" ref="F1521">IFERROR(INDEX(Jesper!AJ$2:AJ$366,ROUNDDOWN($C1521/24,0)+1,1)*INDEX($D$3:$AA$30,INDEX(Jesper!$R$2:$R$366,ROW(INDEX(Jesper!AJ$2:AJ$366,ROUNDDOWN($C1521/24,0)+1,1))-1)+IF('Standard Profiles'!$G$20=$B$10,7,0)+IF('Standard Profiles'!$G$20=$B$17,14,0)+IF('Standard Profiles'!$G$20=$B$24,21,0),MOD($C1521,24)+1)/SUM(INDEX($D$3:$AA$30,INDEX(Jesper!$R$2:$R$366,ROW(INDEX(Jesper!AJ$2:AJ$366,ROUNDDOWN($C1521/24,0)+1,1))-1)+IF('Standard Profiles'!$G$20=$B$10,7,0)+IF('Standard Profiles'!$G$20=$B$17,14,0)+IF('Standard Profiles'!$G$20=$B$24,21,0),0)),0)</f>
        <v>0</v>
      </c>
      <c r="G1521" cm="1">
        <f t="array" ref="G1521">IFERROR(INDEX(Jesper!AK$2:AK$366,ROUNDDOWN($C1521/24,0)+1,1)*INDEX($D$3:$AA$30,INDEX(Jesper!$R$2:$R$366,ROW(INDEX(Jesper!AK$2:AK$366,ROUNDDOWN($C1521/24,0)+1,1))-1)+IF('Standard Profiles'!$G$21=$B$10,7,0)+IF('Standard Profiles'!$G$21=$B$17,14,0)+IF('Standard Profiles'!$G$21=$B$24,21,0),MOD($C1521,24)+1)/SUM(INDEX($D$3:$AA$30,INDEX(Jesper!$R$2:$R$366,ROW(INDEX(Jesper!AK$2:AK$366,ROUNDDOWN($C1521/24,0)+1,1))-1)+IF('Standard Profiles'!$G$21=$B$10,7,0)+IF('Standard Profiles'!$G$21=$B$17,14,0)+IF('Standard Profiles'!$G$21=$B$24,21,0),0)),0)</f>
        <v>6.3151483894474065</v>
      </c>
      <c r="H1521" cm="1">
        <f t="array" ref="H1521">IFERROR(INDEX(Jesper!AL$2:AL$366,ROUNDDOWN($C1521/24,0)+1,1)*INDEX($D$3:$AA$30,INDEX(Jesper!$R$2:$R$366,ROW(INDEX(Jesper!AL$2:AL$366,ROUNDDOWN($C1521/24,0)+1,1))-1)+IF('Standard Profiles'!$G$22=$B$10,7,0)+IF('Standard Profiles'!$G$22=$B$17,14,0)+IF('Standard Profiles'!$G$22=$B$24,21,0),MOD($C1521,24)+1)/SUM(INDEX($D$3:$AA$30,INDEX(Jesper!$R$2:$R$366,ROW(INDEX(Jesper!AL$2:AL$366,ROUNDDOWN($C1521/24,0)+1,1))-1)+IF('Standard Profiles'!$G$22=$B$10,7,0)+IF('Standard Profiles'!$G$22=$B$17,14,0)+IF('Standard Profiles'!$G$22=$B$24,21,0),0)),0)</f>
        <v>0</v>
      </c>
      <c r="I1521">
        <f t="shared" si="181"/>
        <v>3.0312712269347535</v>
      </c>
      <c r="J1521">
        <f t="shared" si="182"/>
        <v>13.744014840413147</v>
      </c>
      <c r="K1521">
        <f t="shared" si="183"/>
        <v>0.5914767989726043</v>
      </c>
      <c r="L1521">
        <f t="shared" si="184"/>
        <v>0.29573839948630215</v>
      </c>
      <c r="M1521">
        <f t="shared" si="185"/>
        <v>0</v>
      </c>
      <c r="N1521" s="45">
        <f t="shared" si="186"/>
        <v>44988.958333329727</v>
      </c>
    </row>
    <row r="1522" spans="2:14" x14ac:dyDescent="0.25">
      <c r="B1522">
        <f t="shared" si="180"/>
        <v>6</v>
      </c>
      <c r="C1522" s="16">
        <v>1488</v>
      </c>
      <c r="D1522" cm="1">
        <f t="array" ref="D1522">IFERROR(INDEX(Jesper!AH$2:AH$366,ROUNDDOWN($C1522/24,0)+1,1)*INDEX($D$3:$AA$30,INDEX(Jesper!$R$2:$R$366,ROW(INDEX(Jesper!AH$2:AH$366,ROUNDDOWN($C1522/24,0)+1,1))-1)+IF('Standard Profiles'!$G$18=$B$10,7,0)+IF('Standard Profiles'!$G$18=$B$17,14,0)+IF('Standard Profiles'!$G$18=$B$24,21,0),MOD($C1522,24)+1)/SUM(INDEX($D$3:$AA$30,INDEX(Jesper!$R$2:$R$366,ROW(INDEX(Jesper!AH$2:AH$366,ROUNDDOWN($C1522/24,0)+1,1))-1)+IF('Standard Profiles'!$G$18=$B$10,7,0)+IF('Standard Profiles'!$G$18=$B$17,14,0)+IF('Standard Profiles'!$G$18=$B$24,21,0),0)),0)</f>
        <v>0</v>
      </c>
      <c r="E1522" cm="1">
        <f t="array" ref="E1522">IFERROR(INDEX(Jesper!AI$2:AI$366,ROUNDDOWN($C1522/24,0)+1,1)*INDEX($D$3:$AA$30,INDEX(Jesper!$R$2:$R$366,ROW(INDEX(Jesper!AI$2:AI$366,ROUNDDOWN($C1522/24,0)+1,1))-1)+IF('Standard Profiles'!$G$19=$B$10,7,0)+IF('Standard Profiles'!$G$19=$B$17,14,0)+IF('Standard Profiles'!$G$19=$B$24,21,0),MOD($C1522,24)+1)/SUM(INDEX($D$3:$AA$30,INDEX(Jesper!$R$2:$R$366,ROW(INDEX(Jesper!AI$2:AI$366,ROUNDDOWN($C1522/24,0)+1,1))-1)+IF('Standard Profiles'!$G$19=$B$10,7,0)+IF('Standard Profiles'!$G$19=$B$17,14,0)+IF('Standard Profiles'!$G$19=$B$24,21,0),0)),0)</f>
        <v>5.0555387408749501</v>
      </c>
      <c r="F1522" cm="1">
        <f t="array" ref="F1522">IFERROR(INDEX(Jesper!AJ$2:AJ$366,ROUNDDOWN($C1522/24,0)+1,1)*INDEX($D$3:$AA$30,INDEX(Jesper!$R$2:$R$366,ROW(INDEX(Jesper!AJ$2:AJ$366,ROUNDDOWN($C1522/24,0)+1,1))-1)+IF('Standard Profiles'!$G$20=$B$10,7,0)+IF('Standard Profiles'!$G$20=$B$17,14,0)+IF('Standard Profiles'!$G$20=$B$24,21,0),MOD($C1522,24)+1)/SUM(INDEX($D$3:$AA$30,INDEX(Jesper!$R$2:$R$366,ROW(INDEX(Jesper!AJ$2:AJ$366,ROUNDDOWN($C1522/24,0)+1,1))-1)+IF('Standard Profiles'!$G$20=$B$10,7,0)+IF('Standard Profiles'!$G$20=$B$17,14,0)+IF('Standard Profiles'!$G$20=$B$24,21,0),0)),0)</f>
        <v>4.0599469455605774</v>
      </c>
      <c r="G1522" cm="1">
        <f t="array" ref="G1522">IFERROR(INDEX(Jesper!AK$2:AK$366,ROUNDDOWN($C1522/24,0)+1,1)*INDEX($D$3:$AA$30,INDEX(Jesper!$R$2:$R$366,ROW(INDEX(Jesper!AK$2:AK$366,ROUNDDOWN($C1522/24,0)+1,1))-1)+IF('Standard Profiles'!$G$21=$B$10,7,0)+IF('Standard Profiles'!$G$21=$B$17,14,0)+IF('Standard Profiles'!$G$21=$B$24,21,0),MOD($C1522,24)+1)/SUM(INDEX($D$3:$AA$30,INDEX(Jesper!$R$2:$R$366,ROW(INDEX(Jesper!AK$2:AK$366,ROUNDDOWN($C1522/24,0)+1,1))-1)+IF('Standard Profiles'!$G$21=$B$10,7,0)+IF('Standard Profiles'!$G$21=$B$17,14,0)+IF('Standard Profiles'!$G$21=$B$24,21,0),0)),0)</f>
        <v>5.573306682046689</v>
      </c>
      <c r="H1522" cm="1">
        <f t="array" ref="H1522">IFERROR(INDEX(Jesper!AL$2:AL$366,ROUNDDOWN($C1522/24,0)+1,1)*INDEX($D$3:$AA$30,INDEX(Jesper!$R$2:$R$366,ROW(INDEX(Jesper!AL$2:AL$366,ROUNDDOWN($C1522/24,0)+1,1))-1)+IF('Standard Profiles'!$G$22=$B$10,7,0)+IF('Standard Profiles'!$G$22=$B$17,14,0)+IF('Standard Profiles'!$G$22=$B$24,21,0),MOD($C1522,24)+1)/SUM(INDEX($D$3:$AA$30,INDEX(Jesper!$R$2:$R$366,ROW(INDEX(Jesper!AL$2:AL$366,ROUNDDOWN($C1522/24,0)+1,1))-1)+IF('Standard Profiles'!$G$22=$B$10,7,0)+IF('Standard Profiles'!$G$22=$B$17,14,0)+IF('Standard Profiles'!$G$22=$B$24,21,0),0)),0)</f>
        <v>1.5294386251403385</v>
      </c>
      <c r="I1522">
        <f t="shared" si="181"/>
        <v>1.4682610801347258</v>
      </c>
      <c r="J1522">
        <f t="shared" si="182"/>
        <v>14.143305264582835</v>
      </c>
      <c r="K1522">
        <f t="shared" si="183"/>
        <v>0.404443099269996</v>
      </c>
      <c r="L1522">
        <f t="shared" si="184"/>
        <v>0.202221549634998</v>
      </c>
      <c r="M1522">
        <f t="shared" si="185"/>
        <v>0</v>
      </c>
      <c r="N1522" s="45">
        <f t="shared" si="186"/>
        <v>44988.999999996391</v>
      </c>
    </row>
    <row r="1523" spans="2:14" x14ac:dyDescent="0.25">
      <c r="B1523">
        <f t="shared" si="180"/>
        <v>6</v>
      </c>
      <c r="C1523" s="16">
        <v>1489</v>
      </c>
      <c r="D1523" cm="1">
        <f t="array" ref="D1523">IFERROR(INDEX(Jesper!AH$2:AH$366,ROUNDDOWN($C1523/24,0)+1,1)*INDEX($D$3:$AA$30,INDEX(Jesper!$R$2:$R$366,ROW(INDEX(Jesper!AH$2:AH$366,ROUNDDOWN($C1523/24,0)+1,1))-1)+IF('Standard Profiles'!$G$18=$B$10,7,0)+IF('Standard Profiles'!$G$18=$B$17,14,0)+IF('Standard Profiles'!$G$18=$B$24,21,0),MOD($C1523,24)+1)/SUM(INDEX($D$3:$AA$30,INDEX(Jesper!$R$2:$R$366,ROW(INDEX(Jesper!AH$2:AH$366,ROUNDDOWN($C1523/24,0)+1,1))-1)+IF('Standard Profiles'!$G$18=$B$10,7,0)+IF('Standard Profiles'!$G$18=$B$17,14,0)+IF('Standard Profiles'!$G$18=$B$24,21,0),0)),0)</f>
        <v>0</v>
      </c>
      <c r="E1523" cm="1">
        <f t="array" ref="E1523">IFERROR(INDEX(Jesper!AI$2:AI$366,ROUNDDOWN($C1523/24,0)+1,1)*INDEX($D$3:$AA$30,INDEX(Jesper!$R$2:$R$366,ROW(INDEX(Jesper!AI$2:AI$366,ROUNDDOWN($C1523/24,0)+1,1))-1)+IF('Standard Profiles'!$G$19=$B$10,7,0)+IF('Standard Profiles'!$G$19=$B$17,14,0)+IF('Standard Profiles'!$G$19=$B$24,21,0),MOD($C1523,24)+1)/SUM(INDEX($D$3:$AA$30,INDEX(Jesper!$R$2:$R$366,ROW(INDEX(Jesper!AI$2:AI$366,ROUNDDOWN($C1523/24,0)+1,1))-1)+IF('Standard Profiles'!$G$19=$B$10,7,0)+IF('Standard Profiles'!$G$19=$B$17,14,0)+IF('Standard Profiles'!$G$19=$B$24,21,0),0)),0)</f>
        <v>4.5499848667874554</v>
      </c>
      <c r="F1523" cm="1">
        <f t="array" ref="F1523">IFERROR(INDEX(Jesper!AJ$2:AJ$366,ROUNDDOWN($C1523/24,0)+1,1)*INDEX($D$3:$AA$30,INDEX(Jesper!$R$2:$R$366,ROW(INDEX(Jesper!AJ$2:AJ$366,ROUNDDOWN($C1523/24,0)+1,1))-1)+IF('Standard Profiles'!$G$20=$B$10,7,0)+IF('Standard Profiles'!$G$20=$B$17,14,0)+IF('Standard Profiles'!$G$20=$B$24,21,0),MOD($C1523,24)+1)/SUM(INDEX($D$3:$AA$30,INDEX(Jesper!$R$2:$R$366,ROW(INDEX(Jesper!AJ$2:AJ$366,ROUNDDOWN($C1523/24,0)+1,1))-1)+IF('Standard Profiles'!$G$20=$B$10,7,0)+IF('Standard Profiles'!$G$20=$B$17,14,0)+IF('Standard Profiles'!$G$20=$B$24,21,0),0)),0)</f>
        <v>3.6539522510045188</v>
      </c>
      <c r="G1523" cm="1">
        <f t="array" ref="G1523">IFERROR(INDEX(Jesper!AK$2:AK$366,ROUNDDOWN($C1523/24,0)+1,1)*INDEX($D$3:$AA$30,INDEX(Jesper!$R$2:$R$366,ROW(INDEX(Jesper!AK$2:AK$366,ROUNDDOWN($C1523/24,0)+1,1))-1)+IF('Standard Profiles'!$G$21=$B$10,7,0)+IF('Standard Profiles'!$G$21=$B$17,14,0)+IF('Standard Profiles'!$G$21=$B$24,21,0),MOD($C1523,24)+1)/SUM(INDEX($D$3:$AA$30,INDEX(Jesper!$R$2:$R$366,ROW(INDEX(Jesper!AK$2:AK$366,ROUNDDOWN($C1523/24,0)+1,1))-1)+IF('Standard Profiles'!$G$21=$B$10,7,0)+IF('Standard Profiles'!$G$21=$B$17,14,0)+IF('Standard Profiles'!$G$21=$B$24,21,0),0)),0)</f>
        <v>5.573306682046689</v>
      </c>
      <c r="H1523" cm="1">
        <f t="array" ref="H1523">IFERROR(INDEX(Jesper!AL$2:AL$366,ROUNDDOWN($C1523/24,0)+1,1)*INDEX($D$3:$AA$30,INDEX(Jesper!$R$2:$R$366,ROW(INDEX(Jesper!AL$2:AL$366,ROUNDDOWN($C1523/24,0)+1,1))-1)+IF('Standard Profiles'!$G$22=$B$10,7,0)+IF('Standard Profiles'!$G$22=$B$17,14,0)+IF('Standard Profiles'!$G$22=$B$24,21,0),MOD($C1523,24)+1)/SUM(INDEX($D$3:$AA$30,INDEX(Jesper!$R$2:$R$366,ROW(INDEX(Jesper!AL$2:AL$366,ROUNDDOWN($C1523/24,0)+1,1))-1)+IF('Standard Profiles'!$G$22=$B$10,7,0)+IF('Standard Profiles'!$G$22=$B$17,14,0)+IF('Standard Profiles'!$G$22=$B$24,21,0),0)),0)</f>
        <v>2.9860468395597088</v>
      </c>
      <c r="I1523">
        <f t="shared" si="181"/>
        <v>2.8666049659773218</v>
      </c>
      <c r="J1523">
        <f t="shared" si="182"/>
        <v>13.350687489406555</v>
      </c>
      <c r="K1523">
        <f t="shared" si="183"/>
        <v>0.36399878934299645</v>
      </c>
      <c r="L1523">
        <f t="shared" si="184"/>
        <v>0.18199939467149823</v>
      </c>
      <c r="M1523">
        <f t="shared" si="185"/>
        <v>0</v>
      </c>
      <c r="N1523" s="45">
        <f t="shared" si="186"/>
        <v>44989.041666663055</v>
      </c>
    </row>
    <row r="1524" spans="2:14" x14ac:dyDescent="0.25">
      <c r="B1524">
        <f t="shared" si="180"/>
        <v>6</v>
      </c>
      <c r="C1524" s="16">
        <v>1490</v>
      </c>
      <c r="D1524" cm="1">
        <f t="array" ref="D1524">IFERROR(INDEX(Jesper!AH$2:AH$366,ROUNDDOWN($C1524/24,0)+1,1)*INDEX($D$3:$AA$30,INDEX(Jesper!$R$2:$R$366,ROW(INDEX(Jesper!AH$2:AH$366,ROUNDDOWN($C1524/24,0)+1,1))-1)+IF('Standard Profiles'!$G$18=$B$10,7,0)+IF('Standard Profiles'!$G$18=$B$17,14,0)+IF('Standard Profiles'!$G$18=$B$24,21,0),MOD($C1524,24)+1)/SUM(INDEX($D$3:$AA$30,INDEX(Jesper!$R$2:$R$366,ROW(INDEX(Jesper!AH$2:AH$366,ROUNDDOWN($C1524/24,0)+1,1))-1)+IF('Standard Profiles'!$G$18=$B$10,7,0)+IF('Standard Profiles'!$G$18=$B$17,14,0)+IF('Standard Profiles'!$G$18=$B$24,21,0),0)),0)</f>
        <v>0</v>
      </c>
      <c r="E1524" cm="1">
        <f t="array" ref="E1524">IFERROR(INDEX(Jesper!AI$2:AI$366,ROUNDDOWN($C1524/24,0)+1,1)*INDEX($D$3:$AA$30,INDEX(Jesper!$R$2:$R$366,ROW(INDEX(Jesper!AI$2:AI$366,ROUNDDOWN($C1524/24,0)+1,1))-1)+IF('Standard Profiles'!$G$19=$B$10,7,0)+IF('Standard Profiles'!$G$19=$B$17,14,0)+IF('Standard Profiles'!$G$19=$B$24,21,0),MOD($C1524,24)+1)/SUM(INDEX($D$3:$AA$30,INDEX(Jesper!$R$2:$R$366,ROW(INDEX(Jesper!AI$2:AI$366,ROUNDDOWN($C1524/24,0)+1,1))-1)+IF('Standard Profiles'!$G$19=$B$10,7,0)+IF('Standard Profiles'!$G$19=$B$17,14,0)+IF('Standard Profiles'!$G$19=$B$24,21,0),0)),0)</f>
        <v>4.5499848667874554</v>
      </c>
      <c r="F1524" cm="1">
        <f t="array" ref="F1524">IFERROR(INDEX(Jesper!AJ$2:AJ$366,ROUNDDOWN($C1524/24,0)+1,1)*INDEX($D$3:$AA$30,INDEX(Jesper!$R$2:$R$366,ROW(INDEX(Jesper!AJ$2:AJ$366,ROUNDDOWN($C1524/24,0)+1,1))-1)+IF('Standard Profiles'!$G$20=$B$10,7,0)+IF('Standard Profiles'!$G$20=$B$17,14,0)+IF('Standard Profiles'!$G$20=$B$24,21,0),MOD($C1524,24)+1)/SUM(INDEX($D$3:$AA$30,INDEX(Jesper!$R$2:$R$366,ROW(INDEX(Jesper!AJ$2:AJ$366,ROUNDDOWN($C1524/24,0)+1,1))-1)+IF('Standard Profiles'!$G$20=$B$10,7,0)+IF('Standard Profiles'!$G$20=$B$17,14,0)+IF('Standard Profiles'!$G$20=$B$24,21,0),0)),0)</f>
        <v>3.6539522510045188</v>
      </c>
      <c r="G1524" cm="1">
        <f t="array" ref="G1524">IFERROR(INDEX(Jesper!AK$2:AK$366,ROUNDDOWN($C1524/24,0)+1,1)*INDEX($D$3:$AA$30,INDEX(Jesper!$R$2:$R$366,ROW(INDEX(Jesper!AK$2:AK$366,ROUNDDOWN($C1524/24,0)+1,1))-1)+IF('Standard Profiles'!$G$21=$B$10,7,0)+IF('Standard Profiles'!$G$21=$B$17,14,0)+IF('Standard Profiles'!$G$21=$B$24,21,0),MOD($C1524,24)+1)/SUM(INDEX($D$3:$AA$30,INDEX(Jesper!$R$2:$R$366,ROW(INDEX(Jesper!AK$2:AK$366,ROUNDDOWN($C1524/24,0)+1,1))-1)+IF('Standard Profiles'!$G$21=$B$10,7,0)+IF('Standard Profiles'!$G$21=$B$17,14,0)+IF('Standard Profiles'!$G$21=$B$24,21,0),0)),0)</f>
        <v>5.573306682046689</v>
      </c>
      <c r="H1524" cm="1">
        <f t="array" ref="H1524">IFERROR(INDEX(Jesper!AL$2:AL$366,ROUNDDOWN($C1524/24,0)+1,1)*INDEX($D$3:$AA$30,INDEX(Jesper!$R$2:$R$366,ROW(INDEX(Jesper!AL$2:AL$366,ROUNDDOWN($C1524/24,0)+1,1))-1)+IF('Standard Profiles'!$G$22=$B$10,7,0)+IF('Standard Profiles'!$G$22=$B$17,14,0)+IF('Standard Profiles'!$G$22=$B$24,21,0),MOD($C1524,24)+1)/SUM(INDEX($D$3:$AA$30,INDEX(Jesper!$R$2:$R$366,ROW(INDEX(Jesper!AL$2:AL$366,ROUNDDOWN($C1524/24,0)+1,1))-1)+IF('Standard Profiles'!$G$22=$B$10,7,0)+IF('Standard Profiles'!$G$22=$B$17,14,0)+IF('Standard Profiles'!$G$22=$B$24,21,0),0)),0)</f>
        <v>2.9860468395597088</v>
      </c>
      <c r="I1524">
        <f t="shared" si="181"/>
        <v>2.8666049659773218</v>
      </c>
      <c r="J1524">
        <f t="shared" si="182"/>
        <v>13.350687489406555</v>
      </c>
      <c r="K1524">
        <f t="shared" si="183"/>
        <v>0.36399878934299645</v>
      </c>
      <c r="L1524">
        <f t="shared" si="184"/>
        <v>0.18199939467149823</v>
      </c>
      <c r="M1524">
        <f t="shared" si="185"/>
        <v>0</v>
      </c>
      <c r="N1524" s="45">
        <f t="shared" si="186"/>
        <v>44989.08333332972</v>
      </c>
    </row>
    <row r="1525" spans="2:14" x14ac:dyDescent="0.25">
      <c r="B1525">
        <f t="shared" si="180"/>
        <v>6</v>
      </c>
      <c r="C1525" s="16">
        <v>1491</v>
      </c>
      <c r="D1525" cm="1">
        <f t="array" ref="D1525">IFERROR(INDEX(Jesper!AH$2:AH$366,ROUNDDOWN($C1525/24,0)+1,1)*INDEX($D$3:$AA$30,INDEX(Jesper!$R$2:$R$366,ROW(INDEX(Jesper!AH$2:AH$366,ROUNDDOWN($C1525/24,0)+1,1))-1)+IF('Standard Profiles'!$G$18=$B$10,7,0)+IF('Standard Profiles'!$G$18=$B$17,14,0)+IF('Standard Profiles'!$G$18=$B$24,21,0),MOD($C1525,24)+1)/SUM(INDEX($D$3:$AA$30,INDEX(Jesper!$R$2:$R$366,ROW(INDEX(Jesper!AH$2:AH$366,ROUNDDOWN($C1525/24,0)+1,1))-1)+IF('Standard Profiles'!$G$18=$B$10,7,0)+IF('Standard Profiles'!$G$18=$B$17,14,0)+IF('Standard Profiles'!$G$18=$B$24,21,0),0)),0)</f>
        <v>0</v>
      </c>
      <c r="E1525" cm="1">
        <f t="array" ref="E1525">IFERROR(INDEX(Jesper!AI$2:AI$366,ROUNDDOWN($C1525/24,0)+1,1)*INDEX($D$3:$AA$30,INDEX(Jesper!$R$2:$R$366,ROW(INDEX(Jesper!AI$2:AI$366,ROUNDDOWN($C1525/24,0)+1,1))-1)+IF('Standard Profiles'!$G$19=$B$10,7,0)+IF('Standard Profiles'!$G$19=$B$17,14,0)+IF('Standard Profiles'!$G$19=$B$24,21,0),MOD($C1525,24)+1)/SUM(INDEX($D$3:$AA$30,INDEX(Jesper!$R$2:$R$366,ROW(INDEX(Jesper!AI$2:AI$366,ROUNDDOWN($C1525/24,0)+1,1))-1)+IF('Standard Profiles'!$G$19=$B$10,7,0)+IF('Standard Profiles'!$G$19=$B$17,14,0)+IF('Standard Profiles'!$G$19=$B$24,21,0),0)),0)</f>
        <v>4.5499848667874554</v>
      </c>
      <c r="F1525" cm="1">
        <f t="array" ref="F1525">IFERROR(INDEX(Jesper!AJ$2:AJ$366,ROUNDDOWN($C1525/24,0)+1,1)*INDEX($D$3:$AA$30,INDEX(Jesper!$R$2:$R$366,ROW(INDEX(Jesper!AJ$2:AJ$366,ROUNDDOWN($C1525/24,0)+1,1))-1)+IF('Standard Profiles'!$G$20=$B$10,7,0)+IF('Standard Profiles'!$G$20=$B$17,14,0)+IF('Standard Profiles'!$G$20=$B$24,21,0),MOD($C1525,24)+1)/SUM(INDEX($D$3:$AA$30,INDEX(Jesper!$R$2:$R$366,ROW(INDEX(Jesper!AJ$2:AJ$366,ROUNDDOWN($C1525/24,0)+1,1))-1)+IF('Standard Profiles'!$G$20=$B$10,7,0)+IF('Standard Profiles'!$G$20=$B$17,14,0)+IF('Standard Profiles'!$G$20=$B$24,21,0),0)),0)</f>
        <v>3.6539522510045188</v>
      </c>
      <c r="G1525" cm="1">
        <f t="array" ref="G1525">IFERROR(INDEX(Jesper!AK$2:AK$366,ROUNDDOWN($C1525/24,0)+1,1)*INDEX($D$3:$AA$30,INDEX(Jesper!$R$2:$R$366,ROW(INDEX(Jesper!AK$2:AK$366,ROUNDDOWN($C1525/24,0)+1,1))-1)+IF('Standard Profiles'!$G$21=$B$10,7,0)+IF('Standard Profiles'!$G$21=$B$17,14,0)+IF('Standard Profiles'!$G$21=$B$24,21,0),MOD($C1525,24)+1)/SUM(INDEX($D$3:$AA$30,INDEX(Jesper!$R$2:$R$366,ROW(INDEX(Jesper!AK$2:AK$366,ROUNDDOWN($C1525/24,0)+1,1))-1)+IF('Standard Profiles'!$G$21=$B$10,7,0)+IF('Standard Profiles'!$G$21=$B$17,14,0)+IF('Standard Profiles'!$G$21=$B$24,21,0),0)),0)</f>
        <v>5.573306682046689</v>
      </c>
      <c r="H1525" cm="1">
        <f t="array" ref="H1525">IFERROR(INDEX(Jesper!AL$2:AL$366,ROUNDDOWN($C1525/24,0)+1,1)*INDEX($D$3:$AA$30,INDEX(Jesper!$R$2:$R$366,ROW(INDEX(Jesper!AL$2:AL$366,ROUNDDOWN($C1525/24,0)+1,1))-1)+IF('Standard Profiles'!$G$22=$B$10,7,0)+IF('Standard Profiles'!$G$22=$B$17,14,0)+IF('Standard Profiles'!$G$22=$B$24,21,0),MOD($C1525,24)+1)/SUM(INDEX($D$3:$AA$30,INDEX(Jesper!$R$2:$R$366,ROW(INDEX(Jesper!AL$2:AL$366,ROUNDDOWN($C1525/24,0)+1,1))-1)+IF('Standard Profiles'!$G$22=$B$10,7,0)+IF('Standard Profiles'!$G$22=$B$17,14,0)+IF('Standard Profiles'!$G$22=$B$24,21,0),0)),0)</f>
        <v>2.9860468395597088</v>
      </c>
      <c r="I1525">
        <f t="shared" si="181"/>
        <v>2.8666049659773218</v>
      </c>
      <c r="J1525">
        <f t="shared" si="182"/>
        <v>13.350687489406555</v>
      </c>
      <c r="K1525">
        <f t="shared" si="183"/>
        <v>0.36399878934299645</v>
      </c>
      <c r="L1525">
        <f t="shared" si="184"/>
        <v>0.18199939467149823</v>
      </c>
      <c r="M1525">
        <f t="shared" si="185"/>
        <v>0</v>
      </c>
      <c r="N1525" s="45">
        <f t="shared" si="186"/>
        <v>44989.124999996384</v>
      </c>
    </row>
    <row r="1526" spans="2:14" x14ac:dyDescent="0.25">
      <c r="B1526">
        <f t="shared" si="180"/>
        <v>6</v>
      </c>
      <c r="C1526" s="16">
        <v>1492</v>
      </c>
      <c r="D1526" cm="1">
        <f t="array" ref="D1526">IFERROR(INDEX(Jesper!AH$2:AH$366,ROUNDDOWN($C1526/24,0)+1,1)*INDEX($D$3:$AA$30,INDEX(Jesper!$R$2:$R$366,ROW(INDEX(Jesper!AH$2:AH$366,ROUNDDOWN($C1526/24,0)+1,1))-1)+IF('Standard Profiles'!$G$18=$B$10,7,0)+IF('Standard Profiles'!$G$18=$B$17,14,0)+IF('Standard Profiles'!$G$18=$B$24,21,0),MOD($C1526,24)+1)/SUM(INDEX($D$3:$AA$30,INDEX(Jesper!$R$2:$R$366,ROW(INDEX(Jesper!AH$2:AH$366,ROUNDDOWN($C1526/24,0)+1,1))-1)+IF('Standard Profiles'!$G$18=$B$10,7,0)+IF('Standard Profiles'!$G$18=$B$17,14,0)+IF('Standard Profiles'!$G$18=$B$24,21,0),0)),0)</f>
        <v>0</v>
      </c>
      <c r="E1526" cm="1">
        <f t="array" ref="E1526">IFERROR(INDEX(Jesper!AI$2:AI$366,ROUNDDOWN($C1526/24,0)+1,1)*INDEX($D$3:$AA$30,INDEX(Jesper!$R$2:$R$366,ROW(INDEX(Jesper!AI$2:AI$366,ROUNDDOWN($C1526/24,0)+1,1))-1)+IF('Standard Profiles'!$G$19=$B$10,7,0)+IF('Standard Profiles'!$G$19=$B$17,14,0)+IF('Standard Profiles'!$G$19=$B$24,21,0),MOD($C1526,24)+1)/SUM(INDEX($D$3:$AA$30,INDEX(Jesper!$R$2:$R$366,ROW(INDEX(Jesper!AI$2:AI$366,ROUNDDOWN($C1526/24,0)+1,1))-1)+IF('Standard Profiles'!$G$19=$B$10,7,0)+IF('Standard Profiles'!$G$19=$B$17,14,0)+IF('Standard Profiles'!$G$19=$B$24,21,0),0)),0)</f>
        <v>4.5499848667874554</v>
      </c>
      <c r="F1526" cm="1">
        <f t="array" ref="F1526">IFERROR(INDEX(Jesper!AJ$2:AJ$366,ROUNDDOWN($C1526/24,0)+1,1)*INDEX($D$3:$AA$30,INDEX(Jesper!$R$2:$R$366,ROW(INDEX(Jesper!AJ$2:AJ$366,ROUNDDOWN($C1526/24,0)+1,1))-1)+IF('Standard Profiles'!$G$20=$B$10,7,0)+IF('Standard Profiles'!$G$20=$B$17,14,0)+IF('Standard Profiles'!$G$20=$B$24,21,0),MOD($C1526,24)+1)/SUM(INDEX($D$3:$AA$30,INDEX(Jesper!$R$2:$R$366,ROW(INDEX(Jesper!AJ$2:AJ$366,ROUNDDOWN($C1526/24,0)+1,1))-1)+IF('Standard Profiles'!$G$20=$B$10,7,0)+IF('Standard Profiles'!$G$20=$B$17,14,0)+IF('Standard Profiles'!$G$20=$B$24,21,0),0)),0)</f>
        <v>3.6539522510045188</v>
      </c>
      <c r="G1526" cm="1">
        <f t="array" ref="G1526">IFERROR(INDEX(Jesper!AK$2:AK$366,ROUNDDOWN($C1526/24,0)+1,1)*INDEX($D$3:$AA$30,INDEX(Jesper!$R$2:$R$366,ROW(INDEX(Jesper!AK$2:AK$366,ROUNDDOWN($C1526/24,0)+1,1))-1)+IF('Standard Profiles'!$G$21=$B$10,7,0)+IF('Standard Profiles'!$G$21=$B$17,14,0)+IF('Standard Profiles'!$G$21=$B$24,21,0),MOD($C1526,24)+1)/SUM(INDEX($D$3:$AA$30,INDEX(Jesper!$R$2:$R$366,ROW(INDEX(Jesper!AK$2:AK$366,ROUNDDOWN($C1526/24,0)+1,1))-1)+IF('Standard Profiles'!$G$21=$B$10,7,0)+IF('Standard Profiles'!$G$21=$B$17,14,0)+IF('Standard Profiles'!$G$21=$B$24,21,0),0)),0)</f>
        <v>5.573306682046689</v>
      </c>
      <c r="H1526" cm="1">
        <f t="array" ref="H1526">IFERROR(INDEX(Jesper!AL$2:AL$366,ROUNDDOWN($C1526/24,0)+1,1)*INDEX($D$3:$AA$30,INDEX(Jesper!$R$2:$R$366,ROW(INDEX(Jesper!AL$2:AL$366,ROUNDDOWN($C1526/24,0)+1,1))-1)+IF('Standard Profiles'!$G$22=$B$10,7,0)+IF('Standard Profiles'!$G$22=$B$17,14,0)+IF('Standard Profiles'!$G$22=$B$24,21,0),MOD($C1526,24)+1)/SUM(INDEX($D$3:$AA$30,INDEX(Jesper!$R$2:$R$366,ROW(INDEX(Jesper!AL$2:AL$366,ROUNDDOWN($C1526/24,0)+1,1))-1)+IF('Standard Profiles'!$G$22=$B$10,7,0)+IF('Standard Profiles'!$G$22=$B$17,14,0)+IF('Standard Profiles'!$G$22=$B$24,21,0),0)),0)</f>
        <v>2.9860468395597088</v>
      </c>
      <c r="I1526">
        <f t="shared" si="181"/>
        <v>2.8666049659773218</v>
      </c>
      <c r="J1526">
        <f t="shared" si="182"/>
        <v>13.350687489406555</v>
      </c>
      <c r="K1526">
        <f t="shared" si="183"/>
        <v>0.36399878934299645</v>
      </c>
      <c r="L1526">
        <f t="shared" si="184"/>
        <v>0.18199939467149823</v>
      </c>
      <c r="M1526">
        <f t="shared" si="185"/>
        <v>0</v>
      </c>
      <c r="N1526" s="45">
        <f t="shared" si="186"/>
        <v>44989.166666663048</v>
      </c>
    </row>
    <row r="1527" spans="2:14" x14ac:dyDescent="0.25">
      <c r="B1527">
        <f t="shared" si="180"/>
        <v>6</v>
      </c>
      <c r="C1527" s="16">
        <v>1493</v>
      </c>
      <c r="D1527" cm="1">
        <f t="array" ref="D1527">IFERROR(INDEX(Jesper!AH$2:AH$366,ROUNDDOWN($C1527/24,0)+1,1)*INDEX($D$3:$AA$30,INDEX(Jesper!$R$2:$R$366,ROW(INDEX(Jesper!AH$2:AH$366,ROUNDDOWN($C1527/24,0)+1,1))-1)+IF('Standard Profiles'!$G$18=$B$10,7,0)+IF('Standard Profiles'!$G$18=$B$17,14,0)+IF('Standard Profiles'!$G$18=$B$24,21,0),MOD($C1527,24)+1)/SUM(INDEX($D$3:$AA$30,INDEX(Jesper!$R$2:$R$366,ROW(INDEX(Jesper!AH$2:AH$366,ROUNDDOWN($C1527/24,0)+1,1))-1)+IF('Standard Profiles'!$G$18=$B$10,7,0)+IF('Standard Profiles'!$G$18=$B$17,14,0)+IF('Standard Profiles'!$G$18=$B$24,21,0),0)),0)</f>
        <v>0</v>
      </c>
      <c r="E1527" cm="1">
        <f t="array" ref="E1527">IFERROR(INDEX(Jesper!AI$2:AI$366,ROUNDDOWN($C1527/24,0)+1,1)*INDEX($D$3:$AA$30,INDEX(Jesper!$R$2:$R$366,ROW(INDEX(Jesper!AI$2:AI$366,ROUNDDOWN($C1527/24,0)+1,1))-1)+IF('Standard Profiles'!$G$19=$B$10,7,0)+IF('Standard Profiles'!$G$19=$B$17,14,0)+IF('Standard Profiles'!$G$19=$B$24,21,0),MOD($C1527,24)+1)/SUM(INDEX($D$3:$AA$30,INDEX(Jesper!$R$2:$R$366,ROW(INDEX(Jesper!AI$2:AI$366,ROUNDDOWN($C1527/24,0)+1,1))-1)+IF('Standard Profiles'!$G$19=$B$10,7,0)+IF('Standard Profiles'!$G$19=$B$17,14,0)+IF('Standard Profiles'!$G$19=$B$24,21,0),0)),0)</f>
        <v>4.5499848667874554</v>
      </c>
      <c r="F1527" cm="1">
        <f t="array" ref="F1527">IFERROR(INDEX(Jesper!AJ$2:AJ$366,ROUNDDOWN($C1527/24,0)+1,1)*INDEX($D$3:$AA$30,INDEX(Jesper!$R$2:$R$366,ROW(INDEX(Jesper!AJ$2:AJ$366,ROUNDDOWN($C1527/24,0)+1,1))-1)+IF('Standard Profiles'!$G$20=$B$10,7,0)+IF('Standard Profiles'!$G$20=$B$17,14,0)+IF('Standard Profiles'!$G$20=$B$24,21,0),MOD($C1527,24)+1)/SUM(INDEX($D$3:$AA$30,INDEX(Jesper!$R$2:$R$366,ROW(INDEX(Jesper!AJ$2:AJ$366,ROUNDDOWN($C1527/24,0)+1,1))-1)+IF('Standard Profiles'!$G$20=$B$10,7,0)+IF('Standard Profiles'!$G$20=$B$17,14,0)+IF('Standard Profiles'!$G$20=$B$24,21,0),0)),0)</f>
        <v>3.6539522510045188</v>
      </c>
      <c r="G1527" cm="1">
        <f t="array" ref="G1527">IFERROR(INDEX(Jesper!AK$2:AK$366,ROUNDDOWN($C1527/24,0)+1,1)*INDEX($D$3:$AA$30,INDEX(Jesper!$R$2:$R$366,ROW(INDEX(Jesper!AK$2:AK$366,ROUNDDOWN($C1527/24,0)+1,1))-1)+IF('Standard Profiles'!$G$21=$B$10,7,0)+IF('Standard Profiles'!$G$21=$B$17,14,0)+IF('Standard Profiles'!$G$21=$B$24,21,0),MOD($C1527,24)+1)/SUM(INDEX($D$3:$AA$30,INDEX(Jesper!$R$2:$R$366,ROW(INDEX(Jesper!AK$2:AK$366,ROUNDDOWN($C1527/24,0)+1,1))-1)+IF('Standard Profiles'!$G$21=$B$10,7,0)+IF('Standard Profiles'!$G$21=$B$17,14,0)+IF('Standard Profiles'!$G$21=$B$24,21,0),0)),0)</f>
        <v>5.573306682046689</v>
      </c>
      <c r="H1527" cm="1">
        <f t="array" ref="H1527">IFERROR(INDEX(Jesper!AL$2:AL$366,ROUNDDOWN($C1527/24,0)+1,1)*INDEX($D$3:$AA$30,INDEX(Jesper!$R$2:$R$366,ROW(INDEX(Jesper!AL$2:AL$366,ROUNDDOWN($C1527/24,0)+1,1))-1)+IF('Standard Profiles'!$G$22=$B$10,7,0)+IF('Standard Profiles'!$G$22=$B$17,14,0)+IF('Standard Profiles'!$G$22=$B$24,21,0),MOD($C1527,24)+1)/SUM(INDEX($D$3:$AA$30,INDEX(Jesper!$R$2:$R$366,ROW(INDEX(Jesper!AL$2:AL$366,ROUNDDOWN($C1527/24,0)+1,1))-1)+IF('Standard Profiles'!$G$22=$B$10,7,0)+IF('Standard Profiles'!$G$22=$B$17,14,0)+IF('Standard Profiles'!$G$22=$B$24,21,0),0)),0)</f>
        <v>3.714350946769394</v>
      </c>
      <c r="I1527">
        <f t="shared" si="181"/>
        <v>3.5657769088986204</v>
      </c>
      <c r="J1527">
        <f t="shared" si="182"/>
        <v>13.379819653694941</v>
      </c>
      <c r="K1527">
        <f t="shared" si="183"/>
        <v>0.36399878934299645</v>
      </c>
      <c r="L1527">
        <f t="shared" si="184"/>
        <v>0.18199939467149823</v>
      </c>
      <c r="M1527">
        <f t="shared" si="185"/>
        <v>0</v>
      </c>
      <c r="N1527" s="45">
        <f t="shared" si="186"/>
        <v>44989.208333329712</v>
      </c>
    </row>
    <row r="1528" spans="2:14" x14ac:dyDescent="0.25">
      <c r="B1528">
        <f t="shared" si="180"/>
        <v>6</v>
      </c>
      <c r="C1528" s="16">
        <v>1494</v>
      </c>
      <c r="D1528" cm="1">
        <f t="array" ref="D1528">IFERROR(INDEX(Jesper!AH$2:AH$366,ROUNDDOWN($C1528/24,0)+1,1)*INDEX($D$3:$AA$30,INDEX(Jesper!$R$2:$R$366,ROW(INDEX(Jesper!AH$2:AH$366,ROUNDDOWN($C1528/24,0)+1,1))-1)+IF('Standard Profiles'!$G$18=$B$10,7,0)+IF('Standard Profiles'!$G$18=$B$17,14,0)+IF('Standard Profiles'!$G$18=$B$24,21,0),MOD($C1528,24)+1)/SUM(INDEX($D$3:$AA$30,INDEX(Jesper!$R$2:$R$366,ROW(INDEX(Jesper!AH$2:AH$366,ROUNDDOWN($C1528/24,0)+1,1))-1)+IF('Standard Profiles'!$G$18=$B$10,7,0)+IF('Standard Profiles'!$G$18=$B$17,14,0)+IF('Standard Profiles'!$G$18=$B$24,21,0),0)),0)</f>
        <v>0</v>
      </c>
      <c r="E1528" cm="1">
        <f t="array" ref="E1528">IFERROR(INDEX(Jesper!AI$2:AI$366,ROUNDDOWN($C1528/24,0)+1,1)*INDEX($D$3:$AA$30,INDEX(Jesper!$R$2:$R$366,ROW(INDEX(Jesper!AI$2:AI$366,ROUNDDOWN($C1528/24,0)+1,1))-1)+IF('Standard Profiles'!$G$19=$B$10,7,0)+IF('Standard Profiles'!$G$19=$B$17,14,0)+IF('Standard Profiles'!$G$19=$B$24,21,0),MOD($C1528,24)+1)/SUM(INDEX($D$3:$AA$30,INDEX(Jesper!$R$2:$R$366,ROW(INDEX(Jesper!AI$2:AI$366,ROUNDDOWN($C1528/24,0)+1,1))-1)+IF('Standard Profiles'!$G$19=$B$10,7,0)+IF('Standard Profiles'!$G$19=$B$17,14,0)+IF('Standard Profiles'!$G$19=$B$24,21,0),0)),0)</f>
        <v>4.5499848667874554</v>
      </c>
      <c r="F1528" cm="1">
        <f t="array" ref="F1528">IFERROR(INDEX(Jesper!AJ$2:AJ$366,ROUNDDOWN($C1528/24,0)+1,1)*INDEX($D$3:$AA$30,INDEX(Jesper!$R$2:$R$366,ROW(INDEX(Jesper!AJ$2:AJ$366,ROUNDDOWN($C1528/24,0)+1,1))-1)+IF('Standard Profiles'!$G$20=$B$10,7,0)+IF('Standard Profiles'!$G$20=$B$17,14,0)+IF('Standard Profiles'!$G$20=$B$24,21,0),MOD($C1528,24)+1)/SUM(INDEX($D$3:$AA$30,INDEX(Jesper!$R$2:$R$366,ROW(INDEX(Jesper!AJ$2:AJ$366,ROUNDDOWN($C1528/24,0)+1,1))-1)+IF('Standard Profiles'!$G$20=$B$10,7,0)+IF('Standard Profiles'!$G$20=$B$17,14,0)+IF('Standard Profiles'!$G$20=$B$24,21,0),0)),0)</f>
        <v>3.6539522510045188</v>
      </c>
      <c r="G1528" cm="1">
        <f t="array" ref="G1528">IFERROR(INDEX(Jesper!AK$2:AK$366,ROUNDDOWN($C1528/24,0)+1,1)*INDEX($D$3:$AA$30,INDEX(Jesper!$R$2:$R$366,ROW(INDEX(Jesper!AK$2:AK$366,ROUNDDOWN($C1528/24,0)+1,1))-1)+IF('Standard Profiles'!$G$21=$B$10,7,0)+IF('Standard Profiles'!$G$21=$B$17,14,0)+IF('Standard Profiles'!$G$21=$B$24,21,0),MOD($C1528,24)+1)/SUM(INDEX($D$3:$AA$30,INDEX(Jesper!$R$2:$R$366,ROW(INDEX(Jesper!AK$2:AK$366,ROUNDDOWN($C1528/24,0)+1,1))-1)+IF('Standard Profiles'!$G$21=$B$10,7,0)+IF('Standard Profiles'!$G$21=$B$17,14,0)+IF('Standard Profiles'!$G$21=$B$24,21,0),0)),0)</f>
        <v>5.573306682046689</v>
      </c>
      <c r="H1528" cm="1">
        <f t="array" ref="H1528">IFERROR(INDEX(Jesper!AL$2:AL$366,ROUNDDOWN($C1528/24,0)+1,1)*INDEX($D$3:$AA$30,INDEX(Jesper!$R$2:$R$366,ROW(INDEX(Jesper!AL$2:AL$366,ROUNDDOWN($C1528/24,0)+1,1))-1)+IF('Standard Profiles'!$G$22=$B$10,7,0)+IF('Standard Profiles'!$G$22=$B$17,14,0)+IF('Standard Profiles'!$G$22=$B$24,21,0),MOD($C1528,24)+1)/SUM(INDEX($D$3:$AA$30,INDEX(Jesper!$R$2:$R$366,ROW(INDEX(Jesper!AL$2:AL$366,ROUNDDOWN($C1528/24,0)+1,1))-1)+IF('Standard Profiles'!$G$22=$B$10,7,0)+IF('Standard Profiles'!$G$22=$B$17,14,0)+IF('Standard Profiles'!$G$22=$B$24,21,0),0)),0)</f>
        <v>4.6611462861419843</v>
      </c>
      <c r="I1528">
        <f t="shared" si="181"/>
        <v>4.4747004346963077</v>
      </c>
      <c r="J1528">
        <f t="shared" si="182"/>
        <v>13.417691467269846</v>
      </c>
      <c r="K1528">
        <f t="shared" si="183"/>
        <v>0.36399878934299645</v>
      </c>
      <c r="L1528">
        <f t="shared" si="184"/>
        <v>0.18199939467149823</v>
      </c>
      <c r="M1528">
        <f t="shared" si="185"/>
        <v>0</v>
      </c>
      <c r="N1528" s="45">
        <f t="shared" si="186"/>
        <v>44989.249999996377</v>
      </c>
    </row>
    <row r="1529" spans="2:14" x14ac:dyDescent="0.25">
      <c r="B1529">
        <f t="shared" si="180"/>
        <v>6</v>
      </c>
      <c r="C1529" s="16">
        <v>1495</v>
      </c>
      <c r="D1529" cm="1">
        <f t="array" ref="D1529">IFERROR(INDEX(Jesper!AH$2:AH$366,ROUNDDOWN($C1529/24,0)+1,1)*INDEX($D$3:$AA$30,INDEX(Jesper!$R$2:$R$366,ROW(INDEX(Jesper!AH$2:AH$366,ROUNDDOWN($C1529/24,0)+1,1))-1)+IF('Standard Profiles'!$G$18=$B$10,7,0)+IF('Standard Profiles'!$G$18=$B$17,14,0)+IF('Standard Profiles'!$G$18=$B$24,21,0),MOD($C1529,24)+1)/SUM(INDEX($D$3:$AA$30,INDEX(Jesper!$R$2:$R$366,ROW(INDEX(Jesper!AH$2:AH$366,ROUNDDOWN($C1529/24,0)+1,1))-1)+IF('Standard Profiles'!$G$18=$B$10,7,0)+IF('Standard Profiles'!$G$18=$B$17,14,0)+IF('Standard Profiles'!$G$18=$B$24,21,0),0)),0)</f>
        <v>0</v>
      </c>
      <c r="E1529" cm="1">
        <f t="array" ref="E1529">IFERROR(INDEX(Jesper!AI$2:AI$366,ROUNDDOWN($C1529/24,0)+1,1)*INDEX($D$3:$AA$30,INDEX(Jesper!$R$2:$R$366,ROW(INDEX(Jesper!AI$2:AI$366,ROUNDDOWN($C1529/24,0)+1,1))-1)+IF('Standard Profiles'!$G$19=$B$10,7,0)+IF('Standard Profiles'!$G$19=$B$17,14,0)+IF('Standard Profiles'!$G$19=$B$24,21,0),MOD($C1529,24)+1)/SUM(INDEX($D$3:$AA$30,INDEX(Jesper!$R$2:$R$366,ROW(INDEX(Jesper!AI$2:AI$366,ROUNDDOWN($C1529/24,0)+1,1))-1)+IF('Standard Profiles'!$G$19=$B$10,7,0)+IF('Standard Profiles'!$G$19=$B$17,14,0)+IF('Standard Profiles'!$G$19=$B$24,21,0),0)),0)</f>
        <v>4.5499848667874554</v>
      </c>
      <c r="F1529" cm="1">
        <f t="array" ref="F1529">IFERROR(INDEX(Jesper!AJ$2:AJ$366,ROUNDDOWN($C1529/24,0)+1,1)*INDEX($D$3:$AA$30,INDEX(Jesper!$R$2:$R$366,ROW(INDEX(Jesper!AJ$2:AJ$366,ROUNDDOWN($C1529/24,0)+1,1))-1)+IF('Standard Profiles'!$G$20=$B$10,7,0)+IF('Standard Profiles'!$G$20=$B$17,14,0)+IF('Standard Profiles'!$G$20=$B$24,21,0),MOD($C1529,24)+1)/SUM(INDEX($D$3:$AA$30,INDEX(Jesper!$R$2:$R$366,ROW(INDEX(Jesper!AJ$2:AJ$366,ROUNDDOWN($C1529/24,0)+1,1))-1)+IF('Standard Profiles'!$G$20=$B$10,7,0)+IF('Standard Profiles'!$G$20=$B$17,14,0)+IF('Standard Profiles'!$G$20=$B$24,21,0),0)),0)</f>
        <v>3.6539522510045188</v>
      </c>
      <c r="G1529" cm="1">
        <f t="array" ref="G1529">IFERROR(INDEX(Jesper!AK$2:AK$366,ROUNDDOWN($C1529/24,0)+1,1)*INDEX($D$3:$AA$30,INDEX(Jesper!$R$2:$R$366,ROW(INDEX(Jesper!AK$2:AK$366,ROUNDDOWN($C1529/24,0)+1,1))-1)+IF('Standard Profiles'!$G$21=$B$10,7,0)+IF('Standard Profiles'!$G$21=$B$17,14,0)+IF('Standard Profiles'!$G$21=$B$24,21,0),MOD($C1529,24)+1)/SUM(INDEX($D$3:$AA$30,INDEX(Jesper!$R$2:$R$366,ROW(INDEX(Jesper!AK$2:AK$366,ROUNDDOWN($C1529/24,0)+1,1))-1)+IF('Standard Profiles'!$G$21=$B$10,7,0)+IF('Standard Profiles'!$G$21=$B$17,14,0)+IF('Standard Profiles'!$G$21=$B$24,21,0),0)),0)</f>
        <v>5.573306682046689</v>
      </c>
      <c r="H1529" cm="1">
        <f t="array" ref="H1529">IFERROR(INDEX(Jesper!AL$2:AL$366,ROUNDDOWN($C1529/24,0)+1,1)*INDEX($D$3:$AA$30,INDEX(Jesper!$R$2:$R$366,ROW(INDEX(Jesper!AL$2:AL$366,ROUNDDOWN($C1529/24,0)+1,1))-1)+IF('Standard Profiles'!$G$22=$B$10,7,0)+IF('Standard Profiles'!$G$22=$B$17,14,0)+IF('Standard Profiles'!$G$22=$B$24,21,0),MOD($C1529,24)+1)/SUM(INDEX($D$3:$AA$30,INDEX(Jesper!$R$2:$R$366,ROW(INDEX(Jesper!AL$2:AL$366,ROUNDDOWN($C1529/24,0)+1,1))-1)+IF('Standard Profiles'!$G$22=$B$10,7,0)+IF('Standard Profiles'!$G$22=$B$17,14,0)+IF('Standard Profiles'!$G$22=$B$24,21,0),0)),0)</f>
        <v>5.3166199826307006</v>
      </c>
      <c r="I1529">
        <f t="shared" si="181"/>
        <v>5.1039551833254757</v>
      </c>
      <c r="J1529">
        <f t="shared" si="182"/>
        <v>13.443910415129393</v>
      </c>
      <c r="K1529">
        <f t="shared" si="183"/>
        <v>0.36399878934299645</v>
      </c>
      <c r="L1529">
        <f t="shared" si="184"/>
        <v>0.18199939467149823</v>
      </c>
      <c r="M1529">
        <f t="shared" si="185"/>
        <v>0</v>
      </c>
      <c r="N1529" s="45">
        <f t="shared" si="186"/>
        <v>44989.291666663041</v>
      </c>
    </row>
    <row r="1530" spans="2:14" x14ac:dyDescent="0.25">
      <c r="B1530">
        <f t="shared" si="180"/>
        <v>6</v>
      </c>
      <c r="C1530" s="16">
        <v>1496</v>
      </c>
      <c r="D1530" cm="1">
        <f t="array" ref="D1530">IFERROR(INDEX(Jesper!AH$2:AH$366,ROUNDDOWN($C1530/24,0)+1,1)*INDEX($D$3:$AA$30,INDEX(Jesper!$R$2:$R$366,ROW(INDEX(Jesper!AH$2:AH$366,ROUNDDOWN($C1530/24,0)+1,1))-1)+IF('Standard Profiles'!$G$18=$B$10,7,0)+IF('Standard Profiles'!$G$18=$B$17,14,0)+IF('Standard Profiles'!$G$18=$B$24,21,0),MOD($C1530,24)+1)/SUM(INDEX($D$3:$AA$30,INDEX(Jesper!$R$2:$R$366,ROW(INDEX(Jesper!AH$2:AH$366,ROUNDDOWN($C1530/24,0)+1,1))-1)+IF('Standard Profiles'!$G$18=$B$10,7,0)+IF('Standard Profiles'!$G$18=$B$17,14,0)+IF('Standard Profiles'!$G$18=$B$24,21,0),0)),0)</f>
        <v>0</v>
      </c>
      <c r="E1530" cm="1">
        <f t="array" ref="E1530">IFERROR(INDEX(Jesper!AI$2:AI$366,ROUNDDOWN($C1530/24,0)+1,1)*INDEX($D$3:$AA$30,INDEX(Jesper!$R$2:$R$366,ROW(INDEX(Jesper!AI$2:AI$366,ROUNDDOWN($C1530/24,0)+1,1))-1)+IF('Standard Profiles'!$G$19=$B$10,7,0)+IF('Standard Profiles'!$G$19=$B$17,14,0)+IF('Standard Profiles'!$G$19=$B$24,21,0),MOD($C1530,24)+1)/SUM(INDEX($D$3:$AA$30,INDEX(Jesper!$R$2:$R$366,ROW(INDEX(Jesper!AI$2:AI$366,ROUNDDOWN($C1530/24,0)+1,1))-1)+IF('Standard Profiles'!$G$19=$B$10,7,0)+IF('Standard Profiles'!$G$19=$B$17,14,0)+IF('Standard Profiles'!$G$19=$B$24,21,0),0)),0)</f>
        <v>4.5499848667874554</v>
      </c>
      <c r="F1530" cm="1">
        <f t="array" ref="F1530">IFERROR(INDEX(Jesper!AJ$2:AJ$366,ROUNDDOWN($C1530/24,0)+1,1)*INDEX($D$3:$AA$30,INDEX(Jesper!$R$2:$R$366,ROW(INDEX(Jesper!AJ$2:AJ$366,ROUNDDOWN($C1530/24,0)+1,1))-1)+IF('Standard Profiles'!$G$20=$B$10,7,0)+IF('Standard Profiles'!$G$20=$B$17,14,0)+IF('Standard Profiles'!$G$20=$B$24,21,0),MOD($C1530,24)+1)/SUM(INDEX($D$3:$AA$30,INDEX(Jesper!$R$2:$R$366,ROW(INDEX(Jesper!AJ$2:AJ$366,ROUNDDOWN($C1530/24,0)+1,1))-1)+IF('Standard Profiles'!$G$20=$B$10,7,0)+IF('Standard Profiles'!$G$20=$B$17,14,0)+IF('Standard Profiles'!$G$20=$B$24,21,0),0)),0)</f>
        <v>3.6539522510045188</v>
      </c>
      <c r="G1530" cm="1">
        <f t="array" ref="G1530">IFERROR(INDEX(Jesper!AK$2:AK$366,ROUNDDOWN($C1530/24,0)+1,1)*INDEX($D$3:$AA$30,INDEX(Jesper!$R$2:$R$366,ROW(INDEX(Jesper!AK$2:AK$366,ROUNDDOWN($C1530/24,0)+1,1))-1)+IF('Standard Profiles'!$G$21=$B$10,7,0)+IF('Standard Profiles'!$G$21=$B$17,14,0)+IF('Standard Profiles'!$G$21=$B$24,21,0),MOD($C1530,24)+1)/SUM(INDEX($D$3:$AA$30,INDEX(Jesper!$R$2:$R$366,ROW(INDEX(Jesper!AK$2:AK$366,ROUNDDOWN($C1530/24,0)+1,1))-1)+IF('Standard Profiles'!$G$21=$B$10,7,0)+IF('Standard Profiles'!$G$21=$B$17,14,0)+IF('Standard Profiles'!$G$21=$B$24,21,0),0)),0)</f>
        <v>5.573306682046689</v>
      </c>
      <c r="H1530" cm="1">
        <f t="array" ref="H1530">IFERROR(INDEX(Jesper!AL$2:AL$366,ROUNDDOWN($C1530/24,0)+1,1)*INDEX($D$3:$AA$30,INDEX(Jesper!$R$2:$R$366,ROW(INDEX(Jesper!AL$2:AL$366,ROUNDDOWN($C1530/24,0)+1,1))-1)+IF('Standard Profiles'!$G$22=$B$10,7,0)+IF('Standard Profiles'!$G$22=$B$17,14,0)+IF('Standard Profiles'!$G$22=$B$24,21,0),MOD($C1530,24)+1)/SUM(INDEX($D$3:$AA$30,INDEX(Jesper!$R$2:$R$366,ROW(INDEX(Jesper!AL$2:AL$366,ROUNDDOWN($C1530/24,0)+1,1))-1)+IF('Standard Profiles'!$G$22=$B$10,7,0)+IF('Standard Profiles'!$G$22=$B$17,14,0)+IF('Standard Profiles'!$G$22=$B$24,21,0),0)),0)</f>
        <v>5.3166199826307006</v>
      </c>
      <c r="I1530">
        <f t="shared" si="181"/>
        <v>5.1039551833254757</v>
      </c>
      <c r="J1530">
        <f t="shared" si="182"/>
        <v>13.443910415129393</v>
      </c>
      <c r="K1530">
        <f t="shared" si="183"/>
        <v>0.36399878934299645</v>
      </c>
      <c r="L1530">
        <f t="shared" si="184"/>
        <v>0.18199939467149823</v>
      </c>
      <c r="M1530">
        <f t="shared" si="185"/>
        <v>0</v>
      </c>
      <c r="N1530" s="45">
        <f t="shared" si="186"/>
        <v>44989.333333329705</v>
      </c>
    </row>
    <row r="1531" spans="2:14" x14ac:dyDescent="0.25">
      <c r="B1531">
        <f t="shared" si="180"/>
        <v>6</v>
      </c>
      <c r="C1531" s="16">
        <v>1497</v>
      </c>
      <c r="D1531" cm="1">
        <f t="array" ref="D1531">IFERROR(INDEX(Jesper!AH$2:AH$366,ROUNDDOWN($C1531/24,0)+1,1)*INDEX($D$3:$AA$30,INDEX(Jesper!$R$2:$R$366,ROW(INDEX(Jesper!AH$2:AH$366,ROUNDDOWN($C1531/24,0)+1,1))-1)+IF('Standard Profiles'!$G$18=$B$10,7,0)+IF('Standard Profiles'!$G$18=$B$17,14,0)+IF('Standard Profiles'!$G$18=$B$24,21,0),MOD($C1531,24)+1)/SUM(INDEX($D$3:$AA$30,INDEX(Jesper!$R$2:$R$366,ROW(INDEX(Jesper!AH$2:AH$366,ROUNDDOWN($C1531/24,0)+1,1))-1)+IF('Standard Profiles'!$G$18=$B$10,7,0)+IF('Standard Profiles'!$G$18=$B$17,14,0)+IF('Standard Profiles'!$G$18=$B$24,21,0),0)),0)</f>
        <v>0</v>
      </c>
      <c r="E1531" cm="1">
        <f t="array" ref="E1531">IFERROR(INDEX(Jesper!AI$2:AI$366,ROUNDDOWN($C1531/24,0)+1,1)*INDEX($D$3:$AA$30,INDEX(Jesper!$R$2:$R$366,ROW(INDEX(Jesper!AI$2:AI$366,ROUNDDOWN($C1531/24,0)+1,1))-1)+IF('Standard Profiles'!$G$19=$B$10,7,0)+IF('Standard Profiles'!$G$19=$B$17,14,0)+IF('Standard Profiles'!$G$19=$B$24,21,0),MOD($C1531,24)+1)/SUM(INDEX($D$3:$AA$30,INDEX(Jesper!$R$2:$R$366,ROW(INDEX(Jesper!AI$2:AI$366,ROUNDDOWN($C1531/24,0)+1,1))-1)+IF('Standard Profiles'!$G$19=$B$10,7,0)+IF('Standard Profiles'!$G$19=$B$17,14,0)+IF('Standard Profiles'!$G$19=$B$24,21,0),0)),0)</f>
        <v>4.5499848667874554</v>
      </c>
      <c r="F1531" cm="1">
        <f t="array" ref="F1531">IFERROR(INDEX(Jesper!AJ$2:AJ$366,ROUNDDOWN($C1531/24,0)+1,1)*INDEX($D$3:$AA$30,INDEX(Jesper!$R$2:$R$366,ROW(INDEX(Jesper!AJ$2:AJ$366,ROUNDDOWN($C1531/24,0)+1,1))-1)+IF('Standard Profiles'!$G$20=$B$10,7,0)+IF('Standard Profiles'!$G$20=$B$17,14,0)+IF('Standard Profiles'!$G$20=$B$24,21,0),MOD($C1531,24)+1)/SUM(INDEX($D$3:$AA$30,INDEX(Jesper!$R$2:$R$366,ROW(INDEX(Jesper!AJ$2:AJ$366,ROUNDDOWN($C1531/24,0)+1,1))-1)+IF('Standard Profiles'!$G$20=$B$10,7,0)+IF('Standard Profiles'!$G$20=$B$17,14,0)+IF('Standard Profiles'!$G$20=$B$24,21,0),0)),0)</f>
        <v>3.6539522510045188</v>
      </c>
      <c r="G1531" cm="1">
        <f t="array" ref="G1531">IFERROR(INDEX(Jesper!AK$2:AK$366,ROUNDDOWN($C1531/24,0)+1,1)*INDEX($D$3:$AA$30,INDEX(Jesper!$R$2:$R$366,ROW(INDEX(Jesper!AK$2:AK$366,ROUNDDOWN($C1531/24,0)+1,1))-1)+IF('Standard Profiles'!$G$21=$B$10,7,0)+IF('Standard Profiles'!$G$21=$B$17,14,0)+IF('Standard Profiles'!$G$21=$B$24,21,0),MOD($C1531,24)+1)/SUM(INDEX($D$3:$AA$30,INDEX(Jesper!$R$2:$R$366,ROW(INDEX(Jesper!AK$2:AK$366,ROUNDDOWN($C1531/24,0)+1,1))-1)+IF('Standard Profiles'!$G$21=$B$10,7,0)+IF('Standard Profiles'!$G$21=$B$17,14,0)+IF('Standard Profiles'!$G$21=$B$24,21,0),0)),0)</f>
        <v>5.573306682046689</v>
      </c>
      <c r="H1531" cm="1">
        <f t="array" ref="H1531">IFERROR(INDEX(Jesper!AL$2:AL$366,ROUNDDOWN($C1531/24,0)+1,1)*INDEX($D$3:$AA$30,INDEX(Jesper!$R$2:$R$366,ROW(INDEX(Jesper!AL$2:AL$366,ROUNDDOWN($C1531/24,0)+1,1))-1)+IF('Standard Profiles'!$G$22=$B$10,7,0)+IF('Standard Profiles'!$G$22=$B$17,14,0)+IF('Standard Profiles'!$G$22=$B$24,21,0),MOD($C1531,24)+1)/SUM(INDEX($D$3:$AA$30,INDEX(Jesper!$R$2:$R$366,ROW(INDEX(Jesper!AL$2:AL$366,ROUNDDOWN($C1531/24,0)+1,1))-1)+IF('Standard Profiles'!$G$22=$B$10,7,0)+IF('Standard Profiles'!$G$22=$B$17,14,0)+IF('Standard Profiles'!$G$22=$B$24,21,0),0)),0)</f>
        <v>5.3166199826307006</v>
      </c>
      <c r="I1531">
        <f t="shared" si="181"/>
        <v>5.1039551833254757</v>
      </c>
      <c r="J1531">
        <f t="shared" si="182"/>
        <v>13.443910415129393</v>
      </c>
      <c r="K1531">
        <f t="shared" si="183"/>
        <v>0.36399878934299645</v>
      </c>
      <c r="L1531">
        <f t="shared" si="184"/>
        <v>0.18199939467149823</v>
      </c>
      <c r="M1531">
        <f t="shared" si="185"/>
        <v>0</v>
      </c>
      <c r="N1531" s="45">
        <f t="shared" si="186"/>
        <v>44989.374999996369</v>
      </c>
    </row>
    <row r="1532" spans="2:14" x14ac:dyDescent="0.25">
      <c r="B1532">
        <f t="shared" si="180"/>
        <v>6</v>
      </c>
      <c r="C1532" s="16">
        <v>1498</v>
      </c>
      <c r="D1532" cm="1">
        <f t="array" ref="D1532">IFERROR(INDEX(Jesper!AH$2:AH$366,ROUNDDOWN($C1532/24,0)+1,1)*INDEX($D$3:$AA$30,INDEX(Jesper!$R$2:$R$366,ROW(INDEX(Jesper!AH$2:AH$366,ROUNDDOWN($C1532/24,0)+1,1))-1)+IF('Standard Profiles'!$G$18=$B$10,7,0)+IF('Standard Profiles'!$G$18=$B$17,14,0)+IF('Standard Profiles'!$G$18=$B$24,21,0),MOD($C1532,24)+1)/SUM(INDEX($D$3:$AA$30,INDEX(Jesper!$R$2:$R$366,ROW(INDEX(Jesper!AH$2:AH$366,ROUNDDOWN($C1532/24,0)+1,1))-1)+IF('Standard Profiles'!$G$18=$B$10,7,0)+IF('Standard Profiles'!$G$18=$B$17,14,0)+IF('Standard Profiles'!$G$18=$B$24,21,0),0)),0)</f>
        <v>0</v>
      </c>
      <c r="E1532" cm="1">
        <f t="array" ref="E1532">IFERROR(INDEX(Jesper!AI$2:AI$366,ROUNDDOWN($C1532/24,0)+1,1)*INDEX($D$3:$AA$30,INDEX(Jesper!$R$2:$R$366,ROW(INDEX(Jesper!AI$2:AI$366,ROUNDDOWN($C1532/24,0)+1,1))-1)+IF('Standard Profiles'!$G$19=$B$10,7,0)+IF('Standard Profiles'!$G$19=$B$17,14,0)+IF('Standard Profiles'!$G$19=$B$24,21,0),MOD($C1532,24)+1)/SUM(INDEX($D$3:$AA$30,INDEX(Jesper!$R$2:$R$366,ROW(INDEX(Jesper!AI$2:AI$366,ROUNDDOWN($C1532/24,0)+1,1))-1)+IF('Standard Profiles'!$G$19=$B$10,7,0)+IF('Standard Profiles'!$G$19=$B$17,14,0)+IF('Standard Profiles'!$G$19=$B$24,21,0),0)),0)</f>
        <v>4.5499848667874554</v>
      </c>
      <c r="F1532" cm="1">
        <f t="array" ref="F1532">IFERROR(INDEX(Jesper!AJ$2:AJ$366,ROUNDDOWN($C1532/24,0)+1,1)*INDEX($D$3:$AA$30,INDEX(Jesper!$R$2:$R$366,ROW(INDEX(Jesper!AJ$2:AJ$366,ROUNDDOWN($C1532/24,0)+1,1))-1)+IF('Standard Profiles'!$G$20=$B$10,7,0)+IF('Standard Profiles'!$G$20=$B$17,14,0)+IF('Standard Profiles'!$G$20=$B$24,21,0),MOD($C1532,24)+1)/SUM(INDEX($D$3:$AA$30,INDEX(Jesper!$R$2:$R$366,ROW(INDEX(Jesper!AJ$2:AJ$366,ROUNDDOWN($C1532/24,0)+1,1))-1)+IF('Standard Profiles'!$G$20=$B$10,7,0)+IF('Standard Profiles'!$G$20=$B$17,14,0)+IF('Standard Profiles'!$G$20=$B$24,21,0),0)),0)</f>
        <v>3.6539522510045188</v>
      </c>
      <c r="G1532" cm="1">
        <f t="array" ref="G1532">IFERROR(INDEX(Jesper!AK$2:AK$366,ROUNDDOWN($C1532/24,0)+1,1)*INDEX($D$3:$AA$30,INDEX(Jesper!$R$2:$R$366,ROW(INDEX(Jesper!AK$2:AK$366,ROUNDDOWN($C1532/24,0)+1,1))-1)+IF('Standard Profiles'!$G$21=$B$10,7,0)+IF('Standard Profiles'!$G$21=$B$17,14,0)+IF('Standard Profiles'!$G$21=$B$24,21,0),MOD($C1532,24)+1)/SUM(INDEX($D$3:$AA$30,INDEX(Jesper!$R$2:$R$366,ROW(INDEX(Jesper!AK$2:AK$366,ROUNDDOWN($C1532/24,0)+1,1))-1)+IF('Standard Profiles'!$G$21=$B$10,7,0)+IF('Standard Profiles'!$G$21=$B$17,14,0)+IF('Standard Profiles'!$G$21=$B$24,21,0),0)),0)</f>
        <v>5.573306682046689</v>
      </c>
      <c r="H1532" cm="1">
        <f t="array" ref="H1532">IFERROR(INDEX(Jesper!AL$2:AL$366,ROUNDDOWN($C1532/24,0)+1,1)*INDEX($D$3:$AA$30,INDEX(Jesper!$R$2:$R$366,ROW(INDEX(Jesper!AL$2:AL$366,ROUNDDOWN($C1532/24,0)+1,1))-1)+IF('Standard Profiles'!$G$22=$B$10,7,0)+IF('Standard Profiles'!$G$22=$B$17,14,0)+IF('Standard Profiles'!$G$22=$B$24,21,0),MOD($C1532,24)+1)/SUM(INDEX($D$3:$AA$30,INDEX(Jesper!$R$2:$R$366,ROW(INDEX(Jesper!AL$2:AL$366,ROUNDDOWN($C1532/24,0)+1,1))-1)+IF('Standard Profiles'!$G$22=$B$10,7,0)+IF('Standard Profiles'!$G$22=$B$17,14,0)+IF('Standard Profiles'!$G$22=$B$24,21,0),0)),0)</f>
        <v>5.3166199826307006</v>
      </c>
      <c r="I1532">
        <f t="shared" si="181"/>
        <v>5.1039551833254757</v>
      </c>
      <c r="J1532">
        <f t="shared" si="182"/>
        <v>13.443910415129393</v>
      </c>
      <c r="K1532">
        <f t="shared" si="183"/>
        <v>0.36399878934299645</v>
      </c>
      <c r="L1532">
        <f t="shared" si="184"/>
        <v>0.18199939467149823</v>
      </c>
      <c r="M1532">
        <f t="shared" si="185"/>
        <v>0</v>
      </c>
      <c r="N1532" s="45">
        <f t="shared" si="186"/>
        <v>44989.416666663034</v>
      </c>
    </row>
    <row r="1533" spans="2:14" x14ac:dyDescent="0.25">
      <c r="B1533">
        <f t="shared" si="180"/>
        <v>6</v>
      </c>
      <c r="C1533" s="16">
        <v>1499</v>
      </c>
      <c r="D1533" cm="1">
        <f t="array" ref="D1533">IFERROR(INDEX(Jesper!AH$2:AH$366,ROUNDDOWN($C1533/24,0)+1,1)*INDEX($D$3:$AA$30,INDEX(Jesper!$R$2:$R$366,ROW(INDEX(Jesper!AH$2:AH$366,ROUNDDOWN($C1533/24,0)+1,1))-1)+IF('Standard Profiles'!$G$18=$B$10,7,0)+IF('Standard Profiles'!$G$18=$B$17,14,0)+IF('Standard Profiles'!$G$18=$B$24,21,0),MOD($C1533,24)+1)/SUM(INDEX($D$3:$AA$30,INDEX(Jesper!$R$2:$R$366,ROW(INDEX(Jesper!AH$2:AH$366,ROUNDDOWN($C1533/24,0)+1,1))-1)+IF('Standard Profiles'!$G$18=$B$10,7,0)+IF('Standard Profiles'!$G$18=$B$17,14,0)+IF('Standard Profiles'!$G$18=$B$24,21,0),0)),0)</f>
        <v>0</v>
      </c>
      <c r="E1533" cm="1">
        <f t="array" ref="E1533">IFERROR(INDEX(Jesper!AI$2:AI$366,ROUNDDOWN($C1533/24,0)+1,1)*INDEX($D$3:$AA$30,INDEX(Jesper!$R$2:$R$366,ROW(INDEX(Jesper!AI$2:AI$366,ROUNDDOWN($C1533/24,0)+1,1))-1)+IF('Standard Profiles'!$G$19=$B$10,7,0)+IF('Standard Profiles'!$G$19=$B$17,14,0)+IF('Standard Profiles'!$G$19=$B$24,21,0),MOD($C1533,24)+1)/SUM(INDEX($D$3:$AA$30,INDEX(Jesper!$R$2:$R$366,ROW(INDEX(Jesper!AI$2:AI$366,ROUNDDOWN($C1533/24,0)+1,1))-1)+IF('Standard Profiles'!$G$19=$B$10,7,0)+IF('Standard Profiles'!$G$19=$B$17,14,0)+IF('Standard Profiles'!$G$19=$B$24,21,0),0)),0)</f>
        <v>4.5499848667874554</v>
      </c>
      <c r="F1533" cm="1">
        <f t="array" ref="F1533">IFERROR(INDEX(Jesper!AJ$2:AJ$366,ROUNDDOWN($C1533/24,0)+1,1)*INDEX($D$3:$AA$30,INDEX(Jesper!$R$2:$R$366,ROW(INDEX(Jesper!AJ$2:AJ$366,ROUNDDOWN($C1533/24,0)+1,1))-1)+IF('Standard Profiles'!$G$20=$B$10,7,0)+IF('Standard Profiles'!$G$20=$B$17,14,0)+IF('Standard Profiles'!$G$20=$B$24,21,0),MOD($C1533,24)+1)/SUM(INDEX($D$3:$AA$30,INDEX(Jesper!$R$2:$R$366,ROW(INDEX(Jesper!AJ$2:AJ$366,ROUNDDOWN($C1533/24,0)+1,1))-1)+IF('Standard Profiles'!$G$20=$B$10,7,0)+IF('Standard Profiles'!$G$20=$B$17,14,0)+IF('Standard Profiles'!$G$20=$B$24,21,0),0)),0)</f>
        <v>3.6539522510045188</v>
      </c>
      <c r="G1533" cm="1">
        <f t="array" ref="G1533">IFERROR(INDEX(Jesper!AK$2:AK$366,ROUNDDOWN($C1533/24,0)+1,1)*INDEX($D$3:$AA$30,INDEX(Jesper!$R$2:$R$366,ROW(INDEX(Jesper!AK$2:AK$366,ROUNDDOWN($C1533/24,0)+1,1))-1)+IF('Standard Profiles'!$G$21=$B$10,7,0)+IF('Standard Profiles'!$G$21=$B$17,14,0)+IF('Standard Profiles'!$G$21=$B$24,21,0),MOD($C1533,24)+1)/SUM(INDEX($D$3:$AA$30,INDEX(Jesper!$R$2:$R$366,ROW(INDEX(Jesper!AK$2:AK$366,ROUNDDOWN($C1533/24,0)+1,1))-1)+IF('Standard Profiles'!$G$21=$B$10,7,0)+IF('Standard Profiles'!$G$21=$B$17,14,0)+IF('Standard Profiles'!$G$21=$B$24,21,0),0)),0)</f>
        <v>5.573306682046689</v>
      </c>
      <c r="H1533" cm="1">
        <f t="array" ref="H1533">IFERROR(INDEX(Jesper!AL$2:AL$366,ROUNDDOWN($C1533/24,0)+1,1)*INDEX($D$3:$AA$30,INDEX(Jesper!$R$2:$R$366,ROW(INDEX(Jesper!AL$2:AL$366,ROUNDDOWN($C1533/24,0)+1,1))-1)+IF('Standard Profiles'!$G$22=$B$10,7,0)+IF('Standard Profiles'!$G$22=$B$17,14,0)+IF('Standard Profiles'!$G$22=$B$24,21,0),MOD($C1533,24)+1)/SUM(INDEX($D$3:$AA$30,INDEX(Jesper!$R$2:$R$366,ROW(INDEX(Jesper!AL$2:AL$366,ROUNDDOWN($C1533/24,0)+1,1))-1)+IF('Standard Profiles'!$G$22=$B$10,7,0)+IF('Standard Profiles'!$G$22=$B$17,14,0)+IF('Standard Profiles'!$G$22=$B$24,21,0),0)),0)</f>
        <v>5.3166199826307006</v>
      </c>
      <c r="I1533">
        <f t="shared" si="181"/>
        <v>5.1039551833254757</v>
      </c>
      <c r="J1533">
        <f t="shared" si="182"/>
        <v>13.443910415129393</v>
      </c>
      <c r="K1533">
        <f t="shared" si="183"/>
        <v>0.36399878934299645</v>
      </c>
      <c r="L1533">
        <f t="shared" si="184"/>
        <v>0.18199939467149823</v>
      </c>
      <c r="M1533">
        <f t="shared" si="185"/>
        <v>0</v>
      </c>
      <c r="N1533" s="45">
        <f t="shared" si="186"/>
        <v>44989.458333329698</v>
      </c>
    </row>
    <row r="1534" spans="2:14" x14ac:dyDescent="0.25">
      <c r="B1534">
        <f t="shared" si="180"/>
        <v>6</v>
      </c>
      <c r="C1534" s="16">
        <v>1500</v>
      </c>
      <c r="D1534" cm="1">
        <f t="array" ref="D1534">IFERROR(INDEX(Jesper!AH$2:AH$366,ROUNDDOWN($C1534/24,0)+1,1)*INDEX($D$3:$AA$30,INDEX(Jesper!$R$2:$R$366,ROW(INDEX(Jesper!AH$2:AH$366,ROUNDDOWN($C1534/24,0)+1,1))-1)+IF('Standard Profiles'!$G$18=$B$10,7,0)+IF('Standard Profiles'!$G$18=$B$17,14,0)+IF('Standard Profiles'!$G$18=$B$24,21,0),MOD($C1534,24)+1)/SUM(INDEX($D$3:$AA$30,INDEX(Jesper!$R$2:$R$366,ROW(INDEX(Jesper!AH$2:AH$366,ROUNDDOWN($C1534/24,0)+1,1))-1)+IF('Standard Profiles'!$G$18=$B$10,7,0)+IF('Standard Profiles'!$G$18=$B$17,14,0)+IF('Standard Profiles'!$G$18=$B$24,21,0),0)),0)</f>
        <v>0</v>
      </c>
      <c r="E1534" cm="1">
        <f t="array" ref="E1534">IFERROR(INDEX(Jesper!AI$2:AI$366,ROUNDDOWN($C1534/24,0)+1,1)*INDEX($D$3:$AA$30,INDEX(Jesper!$R$2:$R$366,ROW(INDEX(Jesper!AI$2:AI$366,ROUNDDOWN($C1534/24,0)+1,1))-1)+IF('Standard Profiles'!$G$19=$B$10,7,0)+IF('Standard Profiles'!$G$19=$B$17,14,0)+IF('Standard Profiles'!$G$19=$B$24,21,0),MOD($C1534,24)+1)/SUM(INDEX($D$3:$AA$30,INDEX(Jesper!$R$2:$R$366,ROW(INDEX(Jesper!AI$2:AI$366,ROUNDDOWN($C1534/24,0)+1,1))-1)+IF('Standard Profiles'!$G$19=$B$10,7,0)+IF('Standard Profiles'!$G$19=$B$17,14,0)+IF('Standard Profiles'!$G$19=$B$24,21,0),0)),0)</f>
        <v>4.5499848667874554</v>
      </c>
      <c r="F1534" cm="1">
        <f t="array" ref="F1534">IFERROR(INDEX(Jesper!AJ$2:AJ$366,ROUNDDOWN($C1534/24,0)+1,1)*INDEX($D$3:$AA$30,INDEX(Jesper!$R$2:$R$366,ROW(INDEX(Jesper!AJ$2:AJ$366,ROUNDDOWN($C1534/24,0)+1,1))-1)+IF('Standard Profiles'!$G$20=$B$10,7,0)+IF('Standard Profiles'!$G$20=$B$17,14,0)+IF('Standard Profiles'!$G$20=$B$24,21,0),MOD($C1534,24)+1)/SUM(INDEX($D$3:$AA$30,INDEX(Jesper!$R$2:$R$366,ROW(INDEX(Jesper!AJ$2:AJ$366,ROUNDDOWN($C1534/24,0)+1,1))-1)+IF('Standard Profiles'!$G$20=$B$10,7,0)+IF('Standard Profiles'!$G$20=$B$17,14,0)+IF('Standard Profiles'!$G$20=$B$24,21,0),0)),0)</f>
        <v>3.6539522510045188</v>
      </c>
      <c r="G1534" cm="1">
        <f t="array" ref="G1534">IFERROR(INDEX(Jesper!AK$2:AK$366,ROUNDDOWN($C1534/24,0)+1,1)*INDEX($D$3:$AA$30,INDEX(Jesper!$R$2:$R$366,ROW(INDEX(Jesper!AK$2:AK$366,ROUNDDOWN($C1534/24,0)+1,1))-1)+IF('Standard Profiles'!$G$21=$B$10,7,0)+IF('Standard Profiles'!$G$21=$B$17,14,0)+IF('Standard Profiles'!$G$21=$B$24,21,0),MOD($C1534,24)+1)/SUM(INDEX($D$3:$AA$30,INDEX(Jesper!$R$2:$R$366,ROW(INDEX(Jesper!AK$2:AK$366,ROUNDDOWN($C1534/24,0)+1,1))-1)+IF('Standard Profiles'!$G$21=$B$10,7,0)+IF('Standard Profiles'!$G$21=$B$17,14,0)+IF('Standard Profiles'!$G$21=$B$24,21,0),0)),0)</f>
        <v>5.573306682046689</v>
      </c>
      <c r="H1534" cm="1">
        <f t="array" ref="H1534">IFERROR(INDEX(Jesper!AL$2:AL$366,ROUNDDOWN($C1534/24,0)+1,1)*INDEX($D$3:$AA$30,INDEX(Jesper!$R$2:$R$366,ROW(INDEX(Jesper!AL$2:AL$366,ROUNDDOWN($C1534/24,0)+1,1))-1)+IF('Standard Profiles'!$G$22=$B$10,7,0)+IF('Standard Profiles'!$G$22=$B$17,14,0)+IF('Standard Profiles'!$G$22=$B$24,21,0),MOD($C1534,24)+1)/SUM(INDEX($D$3:$AA$30,INDEX(Jesper!$R$2:$R$366,ROW(INDEX(Jesper!AL$2:AL$366,ROUNDDOWN($C1534/24,0)+1,1))-1)+IF('Standard Profiles'!$G$22=$B$10,7,0)+IF('Standard Profiles'!$G$22=$B$17,14,0)+IF('Standard Profiles'!$G$22=$B$24,21,0),0)),0)</f>
        <v>5.3166199826307006</v>
      </c>
      <c r="I1534">
        <f t="shared" si="181"/>
        <v>5.1039551833254757</v>
      </c>
      <c r="J1534">
        <f t="shared" si="182"/>
        <v>13.443910415129393</v>
      </c>
      <c r="K1534">
        <f t="shared" si="183"/>
        <v>0.36399878934299645</v>
      </c>
      <c r="L1534">
        <f t="shared" si="184"/>
        <v>0.18199939467149823</v>
      </c>
      <c r="M1534">
        <f t="shared" si="185"/>
        <v>0</v>
      </c>
      <c r="N1534" s="45">
        <f t="shared" si="186"/>
        <v>44989.499999996362</v>
      </c>
    </row>
    <row r="1535" spans="2:14" x14ac:dyDescent="0.25">
      <c r="B1535">
        <f t="shared" si="180"/>
        <v>6</v>
      </c>
      <c r="C1535" s="16">
        <v>1501</v>
      </c>
      <c r="D1535" cm="1">
        <f t="array" ref="D1535">IFERROR(INDEX(Jesper!AH$2:AH$366,ROUNDDOWN($C1535/24,0)+1,1)*INDEX($D$3:$AA$30,INDEX(Jesper!$R$2:$R$366,ROW(INDEX(Jesper!AH$2:AH$366,ROUNDDOWN($C1535/24,0)+1,1))-1)+IF('Standard Profiles'!$G$18=$B$10,7,0)+IF('Standard Profiles'!$G$18=$B$17,14,0)+IF('Standard Profiles'!$G$18=$B$24,21,0),MOD($C1535,24)+1)/SUM(INDEX($D$3:$AA$30,INDEX(Jesper!$R$2:$R$366,ROW(INDEX(Jesper!AH$2:AH$366,ROUNDDOWN($C1535/24,0)+1,1))-1)+IF('Standard Profiles'!$G$18=$B$10,7,0)+IF('Standard Profiles'!$G$18=$B$17,14,0)+IF('Standard Profiles'!$G$18=$B$24,21,0),0)),0)</f>
        <v>0</v>
      </c>
      <c r="E1535" cm="1">
        <f t="array" ref="E1535">IFERROR(INDEX(Jesper!AI$2:AI$366,ROUNDDOWN($C1535/24,0)+1,1)*INDEX($D$3:$AA$30,INDEX(Jesper!$R$2:$R$366,ROW(INDEX(Jesper!AI$2:AI$366,ROUNDDOWN($C1535/24,0)+1,1))-1)+IF('Standard Profiles'!$G$19=$B$10,7,0)+IF('Standard Profiles'!$G$19=$B$17,14,0)+IF('Standard Profiles'!$G$19=$B$24,21,0),MOD($C1535,24)+1)/SUM(INDEX($D$3:$AA$30,INDEX(Jesper!$R$2:$R$366,ROW(INDEX(Jesper!AI$2:AI$366,ROUNDDOWN($C1535/24,0)+1,1))-1)+IF('Standard Profiles'!$G$19=$B$10,7,0)+IF('Standard Profiles'!$G$19=$B$17,14,0)+IF('Standard Profiles'!$G$19=$B$24,21,0),0)),0)</f>
        <v>4.5499848667874554</v>
      </c>
      <c r="F1535" cm="1">
        <f t="array" ref="F1535">IFERROR(INDEX(Jesper!AJ$2:AJ$366,ROUNDDOWN($C1535/24,0)+1,1)*INDEX($D$3:$AA$30,INDEX(Jesper!$R$2:$R$366,ROW(INDEX(Jesper!AJ$2:AJ$366,ROUNDDOWN($C1535/24,0)+1,1))-1)+IF('Standard Profiles'!$G$20=$B$10,7,0)+IF('Standard Profiles'!$G$20=$B$17,14,0)+IF('Standard Profiles'!$G$20=$B$24,21,0),MOD($C1535,24)+1)/SUM(INDEX($D$3:$AA$30,INDEX(Jesper!$R$2:$R$366,ROW(INDEX(Jesper!AJ$2:AJ$366,ROUNDDOWN($C1535/24,0)+1,1))-1)+IF('Standard Profiles'!$G$20=$B$10,7,0)+IF('Standard Profiles'!$G$20=$B$17,14,0)+IF('Standard Profiles'!$G$20=$B$24,21,0),0)),0)</f>
        <v>3.6539522510045188</v>
      </c>
      <c r="G1535" cm="1">
        <f t="array" ref="G1535">IFERROR(INDEX(Jesper!AK$2:AK$366,ROUNDDOWN($C1535/24,0)+1,1)*INDEX($D$3:$AA$30,INDEX(Jesper!$R$2:$R$366,ROW(INDEX(Jesper!AK$2:AK$366,ROUNDDOWN($C1535/24,0)+1,1))-1)+IF('Standard Profiles'!$G$21=$B$10,7,0)+IF('Standard Profiles'!$G$21=$B$17,14,0)+IF('Standard Profiles'!$G$21=$B$24,21,0),MOD($C1535,24)+1)/SUM(INDEX($D$3:$AA$30,INDEX(Jesper!$R$2:$R$366,ROW(INDEX(Jesper!AK$2:AK$366,ROUNDDOWN($C1535/24,0)+1,1))-1)+IF('Standard Profiles'!$G$21=$B$10,7,0)+IF('Standard Profiles'!$G$21=$B$17,14,0)+IF('Standard Profiles'!$G$21=$B$24,21,0),0)),0)</f>
        <v>5.573306682046689</v>
      </c>
      <c r="H1535" cm="1">
        <f t="array" ref="H1535">IFERROR(INDEX(Jesper!AL$2:AL$366,ROUNDDOWN($C1535/24,0)+1,1)*INDEX($D$3:$AA$30,INDEX(Jesper!$R$2:$R$366,ROW(INDEX(Jesper!AL$2:AL$366,ROUNDDOWN($C1535/24,0)+1,1))-1)+IF('Standard Profiles'!$G$22=$B$10,7,0)+IF('Standard Profiles'!$G$22=$B$17,14,0)+IF('Standard Profiles'!$G$22=$B$24,21,0),MOD($C1535,24)+1)/SUM(INDEX($D$3:$AA$30,INDEX(Jesper!$R$2:$R$366,ROW(INDEX(Jesper!AL$2:AL$366,ROUNDDOWN($C1535/24,0)+1,1))-1)+IF('Standard Profiles'!$G$22=$B$10,7,0)+IF('Standard Profiles'!$G$22=$B$17,14,0)+IF('Standard Profiles'!$G$22=$B$24,21,0),0)),0)</f>
        <v>5.3166199826307006</v>
      </c>
      <c r="I1535">
        <f t="shared" si="181"/>
        <v>5.1039551833254757</v>
      </c>
      <c r="J1535">
        <f t="shared" si="182"/>
        <v>13.443910415129393</v>
      </c>
      <c r="K1535">
        <f t="shared" si="183"/>
        <v>0.36399878934299645</v>
      </c>
      <c r="L1535">
        <f t="shared" si="184"/>
        <v>0.18199939467149823</v>
      </c>
      <c r="M1535">
        <f t="shared" si="185"/>
        <v>0</v>
      </c>
      <c r="N1535" s="45">
        <f t="shared" si="186"/>
        <v>44989.541666663026</v>
      </c>
    </row>
    <row r="1536" spans="2:14" x14ac:dyDescent="0.25">
      <c r="B1536">
        <f t="shared" si="180"/>
        <v>6</v>
      </c>
      <c r="C1536" s="16">
        <v>1502</v>
      </c>
      <c r="D1536" cm="1">
        <f t="array" ref="D1536">IFERROR(INDEX(Jesper!AH$2:AH$366,ROUNDDOWN($C1536/24,0)+1,1)*INDEX($D$3:$AA$30,INDEX(Jesper!$R$2:$R$366,ROW(INDEX(Jesper!AH$2:AH$366,ROUNDDOWN($C1536/24,0)+1,1))-1)+IF('Standard Profiles'!$G$18=$B$10,7,0)+IF('Standard Profiles'!$G$18=$B$17,14,0)+IF('Standard Profiles'!$G$18=$B$24,21,0),MOD($C1536,24)+1)/SUM(INDEX($D$3:$AA$30,INDEX(Jesper!$R$2:$R$366,ROW(INDEX(Jesper!AH$2:AH$366,ROUNDDOWN($C1536/24,0)+1,1))-1)+IF('Standard Profiles'!$G$18=$B$10,7,0)+IF('Standard Profiles'!$G$18=$B$17,14,0)+IF('Standard Profiles'!$G$18=$B$24,21,0),0)),0)</f>
        <v>0</v>
      </c>
      <c r="E1536" cm="1">
        <f t="array" ref="E1536">IFERROR(INDEX(Jesper!AI$2:AI$366,ROUNDDOWN($C1536/24,0)+1,1)*INDEX($D$3:$AA$30,INDEX(Jesper!$R$2:$R$366,ROW(INDEX(Jesper!AI$2:AI$366,ROUNDDOWN($C1536/24,0)+1,1))-1)+IF('Standard Profiles'!$G$19=$B$10,7,0)+IF('Standard Profiles'!$G$19=$B$17,14,0)+IF('Standard Profiles'!$G$19=$B$24,21,0),MOD($C1536,24)+1)/SUM(INDEX($D$3:$AA$30,INDEX(Jesper!$R$2:$R$366,ROW(INDEX(Jesper!AI$2:AI$366,ROUNDDOWN($C1536/24,0)+1,1))-1)+IF('Standard Profiles'!$G$19=$B$10,7,0)+IF('Standard Profiles'!$G$19=$B$17,14,0)+IF('Standard Profiles'!$G$19=$B$24,21,0),0)),0)</f>
        <v>4.5499848667874554</v>
      </c>
      <c r="F1536" cm="1">
        <f t="array" ref="F1536">IFERROR(INDEX(Jesper!AJ$2:AJ$366,ROUNDDOWN($C1536/24,0)+1,1)*INDEX($D$3:$AA$30,INDEX(Jesper!$R$2:$R$366,ROW(INDEX(Jesper!AJ$2:AJ$366,ROUNDDOWN($C1536/24,0)+1,1))-1)+IF('Standard Profiles'!$G$20=$B$10,7,0)+IF('Standard Profiles'!$G$20=$B$17,14,0)+IF('Standard Profiles'!$G$20=$B$24,21,0),MOD($C1536,24)+1)/SUM(INDEX($D$3:$AA$30,INDEX(Jesper!$R$2:$R$366,ROW(INDEX(Jesper!AJ$2:AJ$366,ROUNDDOWN($C1536/24,0)+1,1))-1)+IF('Standard Profiles'!$G$20=$B$10,7,0)+IF('Standard Profiles'!$G$20=$B$17,14,0)+IF('Standard Profiles'!$G$20=$B$24,21,0),0)),0)</f>
        <v>3.6539522510045188</v>
      </c>
      <c r="G1536" cm="1">
        <f t="array" ref="G1536">IFERROR(INDEX(Jesper!AK$2:AK$366,ROUNDDOWN($C1536/24,0)+1,1)*INDEX($D$3:$AA$30,INDEX(Jesper!$R$2:$R$366,ROW(INDEX(Jesper!AK$2:AK$366,ROUNDDOWN($C1536/24,0)+1,1))-1)+IF('Standard Profiles'!$G$21=$B$10,7,0)+IF('Standard Profiles'!$G$21=$B$17,14,0)+IF('Standard Profiles'!$G$21=$B$24,21,0),MOD($C1536,24)+1)/SUM(INDEX($D$3:$AA$30,INDEX(Jesper!$R$2:$R$366,ROW(INDEX(Jesper!AK$2:AK$366,ROUNDDOWN($C1536/24,0)+1,1))-1)+IF('Standard Profiles'!$G$21=$B$10,7,0)+IF('Standard Profiles'!$G$21=$B$17,14,0)+IF('Standard Profiles'!$G$21=$B$24,21,0),0)),0)</f>
        <v>5.573306682046689</v>
      </c>
      <c r="H1536" cm="1">
        <f t="array" ref="H1536">IFERROR(INDEX(Jesper!AL$2:AL$366,ROUNDDOWN($C1536/24,0)+1,1)*INDEX($D$3:$AA$30,INDEX(Jesper!$R$2:$R$366,ROW(INDEX(Jesper!AL$2:AL$366,ROUNDDOWN($C1536/24,0)+1,1))-1)+IF('Standard Profiles'!$G$22=$B$10,7,0)+IF('Standard Profiles'!$G$22=$B$17,14,0)+IF('Standard Profiles'!$G$22=$B$24,21,0),MOD($C1536,24)+1)/SUM(INDEX($D$3:$AA$30,INDEX(Jesper!$R$2:$R$366,ROW(INDEX(Jesper!AL$2:AL$366,ROUNDDOWN($C1536/24,0)+1,1))-1)+IF('Standard Profiles'!$G$22=$B$10,7,0)+IF('Standard Profiles'!$G$22=$B$17,14,0)+IF('Standard Profiles'!$G$22=$B$24,21,0),0)),0)</f>
        <v>5.3166199826307006</v>
      </c>
      <c r="I1536">
        <f t="shared" si="181"/>
        <v>5.1039551833254757</v>
      </c>
      <c r="J1536">
        <f t="shared" si="182"/>
        <v>13.443910415129393</v>
      </c>
      <c r="K1536">
        <f t="shared" si="183"/>
        <v>0.36399878934299645</v>
      </c>
      <c r="L1536">
        <f t="shared" si="184"/>
        <v>0.18199939467149823</v>
      </c>
      <c r="M1536">
        <f t="shared" si="185"/>
        <v>0</v>
      </c>
      <c r="N1536" s="45">
        <f t="shared" si="186"/>
        <v>44989.583333329691</v>
      </c>
    </row>
    <row r="1537" spans="2:14" x14ac:dyDescent="0.25">
      <c r="B1537">
        <f t="shared" si="180"/>
        <v>6</v>
      </c>
      <c r="C1537" s="16">
        <v>1503</v>
      </c>
      <c r="D1537" cm="1">
        <f t="array" ref="D1537">IFERROR(INDEX(Jesper!AH$2:AH$366,ROUNDDOWN($C1537/24,0)+1,1)*INDEX($D$3:$AA$30,INDEX(Jesper!$R$2:$R$366,ROW(INDEX(Jesper!AH$2:AH$366,ROUNDDOWN($C1537/24,0)+1,1))-1)+IF('Standard Profiles'!$G$18=$B$10,7,0)+IF('Standard Profiles'!$G$18=$B$17,14,0)+IF('Standard Profiles'!$G$18=$B$24,21,0),MOD($C1537,24)+1)/SUM(INDEX($D$3:$AA$30,INDEX(Jesper!$R$2:$R$366,ROW(INDEX(Jesper!AH$2:AH$366,ROUNDDOWN($C1537/24,0)+1,1))-1)+IF('Standard Profiles'!$G$18=$B$10,7,0)+IF('Standard Profiles'!$G$18=$B$17,14,0)+IF('Standard Profiles'!$G$18=$B$24,21,0),0)),0)</f>
        <v>0</v>
      </c>
      <c r="E1537" cm="1">
        <f t="array" ref="E1537">IFERROR(INDEX(Jesper!AI$2:AI$366,ROUNDDOWN($C1537/24,0)+1,1)*INDEX($D$3:$AA$30,INDEX(Jesper!$R$2:$R$366,ROW(INDEX(Jesper!AI$2:AI$366,ROUNDDOWN($C1537/24,0)+1,1))-1)+IF('Standard Profiles'!$G$19=$B$10,7,0)+IF('Standard Profiles'!$G$19=$B$17,14,0)+IF('Standard Profiles'!$G$19=$B$24,21,0),MOD($C1537,24)+1)/SUM(INDEX($D$3:$AA$30,INDEX(Jesper!$R$2:$R$366,ROW(INDEX(Jesper!AI$2:AI$366,ROUNDDOWN($C1537/24,0)+1,1))-1)+IF('Standard Profiles'!$G$19=$B$10,7,0)+IF('Standard Profiles'!$G$19=$B$17,14,0)+IF('Standard Profiles'!$G$19=$B$24,21,0),0)),0)</f>
        <v>4.5499848667874554</v>
      </c>
      <c r="F1537" cm="1">
        <f t="array" ref="F1537">IFERROR(INDEX(Jesper!AJ$2:AJ$366,ROUNDDOWN($C1537/24,0)+1,1)*INDEX($D$3:$AA$30,INDEX(Jesper!$R$2:$R$366,ROW(INDEX(Jesper!AJ$2:AJ$366,ROUNDDOWN($C1537/24,0)+1,1))-1)+IF('Standard Profiles'!$G$20=$B$10,7,0)+IF('Standard Profiles'!$G$20=$B$17,14,0)+IF('Standard Profiles'!$G$20=$B$24,21,0),MOD($C1537,24)+1)/SUM(INDEX($D$3:$AA$30,INDEX(Jesper!$R$2:$R$366,ROW(INDEX(Jesper!AJ$2:AJ$366,ROUNDDOWN($C1537/24,0)+1,1))-1)+IF('Standard Profiles'!$G$20=$B$10,7,0)+IF('Standard Profiles'!$G$20=$B$17,14,0)+IF('Standard Profiles'!$G$20=$B$24,21,0),0)),0)</f>
        <v>3.6539522510045188</v>
      </c>
      <c r="G1537" cm="1">
        <f t="array" ref="G1537">IFERROR(INDEX(Jesper!AK$2:AK$366,ROUNDDOWN($C1537/24,0)+1,1)*INDEX($D$3:$AA$30,INDEX(Jesper!$R$2:$R$366,ROW(INDEX(Jesper!AK$2:AK$366,ROUNDDOWN($C1537/24,0)+1,1))-1)+IF('Standard Profiles'!$G$21=$B$10,7,0)+IF('Standard Profiles'!$G$21=$B$17,14,0)+IF('Standard Profiles'!$G$21=$B$24,21,0),MOD($C1537,24)+1)/SUM(INDEX($D$3:$AA$30,INDEX(Jesper!$R$2:$R$366,ROW(INDEX(Jesper!AK$2:AK$366,ROUNDDOWN($C1537/24,0)+1,1))-1)+IF('Standard Profiles'!$G$21=$B$10,7,0)+IF('Standard Profiles'!$G$21=$B$17,14,0)+IF('Standard Profiles'!$G$21=$B$24,21,0),0)),0)</f>
        <v>5.573306682046689</v>
      </c>
      <c r="H1537" cm="1">
        <f t="array" ref="H1537">IFERROR(INDEX(Jesper!AL$2:AL$366,ROUNDDOWN($C1537/24,0)+1,1)*INDEX($D$3:$AA$30,INDEX(Jesper!$R$2:$R$366,ROW(INDEX(Jesper!AL$2:AL$366,ROUNDDOWN($C1537/24,0)+1,1))-1)+IF('Standard Profiles'!$G$22=$B$10,7,0)+IF('Standard Profiles'!$G$22=$B$17,14,0)+IF('Standard Profiles'!$G$22=$B$24,21,0),MOD($C1537,24)+1)/SUM(INDEX($D$3:$AA$30,INDEX(Jesper!$R$2:$R$366,ROW(INDEX(Jesper!AL$2:AL$366,ROUNDDOWN($C1537/24,0)+1,1))-1)+IF('Standard Profiles'!$G$22=$B$10,7,0)+IF('Standard Profiles'!$G$22=$B$17,14,0)+IF('Standard Profiles'!$G$22=$B$24,21,0),0)),0)</f>
        <v>4.8068071075839214</v>
      </c>
      <c r="I1537">
        <f t="shared" si="181"/>
        <v>4.6145348232805672</v>
      </c>
      <c r="J1537">
        <f t="shared" si="182"/>
        <v>13.423517900127521</v>
      </c>
      <c r="K1537">
        <f t="shared" si="183"/>
        <v>0.36399878934299645</v>
      </c>
      <c r="L1537">
        <f t="shared" si="184"/>
        <v>0.18199939467149823</v>
      </c>
      <c r="M1537">
        <f t="shared" si="185"/>
        <v>0</v>
      </c>
      <c r="N1537" s="45">
        <f t="shared" si="186"/>
        <v>44989.624999996355</v>
      </c>
    </row>
    <row r="1538" spans="2:14" x14ac:dyDescent="0.25">
      <c r="B1538">
        <f t="shared" si="180"/>
        <v>6</v>
      </c>
      <c r="C1538" s="16">
        <v>1504</v>
      </c>
      <c r="D1538" cm="1">
        <f t="array" ref="D1538">IFERROR(INDEX(Jesper!AH$2:AH$366,ROUNDDOWN($C1538/24,0)+1,1)*INDEX($D$3:$AA$30,INDEX(Jesper!$R$2:$R$366,ROW(INDEX(Jesper!AH$2:AH$366,ROUNDDOWN($C1538/24,0)+1,1))-1)+IF('Standard Profiles'!$G$18=$B$10,7,0)+IF('Standard Profiles'!$G$18=$B$17,14,0)+IF('Standard Profiles'!$G$18=$B$24,21,0),MOD($C1538,24)+1)/SUM(INDEX($D$3:$AA$30,INDEX(Jesper!$R$2:$R$366,ROW(INDEX(Jesper!AH$2:AH$366,ROUNDDOWN($C1538/24,0)+1,1))-1)+IF('Standard Profiles'!$G$18=$B$10,7,0)+IF('Standard Profiles'!$G$18=$B$17,14,0)+IF('Standard Profiles'!$G$18=$B$24,21,0),0)),0)</f>
        <v>0</v>
      </c>
      <c r="E1538" cm="1">
        <f t="array" ref="E1538">IFERROR(INDEX(Jesper!AI$2:AI$366,ROUNDDOWN($C1538/24,0)+1,1)*INDEX($D$3:$AA$30,INDEX(Jesper!$R$2:$R$366,ROW(INDEX(Jesper!AI$2:AI$366,ROUNDDOWN($C1538/24,0)+1,1))-1)+IF('Standard Profiles'!$G$19=$B$10,7,0)+IF('Standard Profiles'!$G$19=$B$17,14,0)+IF('Standard Profiles'!$G$19=$B$24,21,0),MOD($C1538,24)+1)/SUM(INDEX($D$3:$AA$30,INDEX(Jesper!$R$2:$R$366,ROW(INDEX(Jesper!AI$2:AI$366,ROUNDDOWN($C1538/24,0)+1,1))-1)+IF('Standard Profiles'!$G$19=$B$10,7,0)+IF('Standard Profiles'!$G$19=$B$17,14,0)+IF('Standard Profiles'!$G$19=$B$24,21,0),0)),0)</f>
        <v>4.5499848667874554</v>
      </c>
      <c r="F1538" cm="1">
        <f t="array" ref="F1538">IFERROR(INDEX(Jesper!AJ$2:AJ$366,ROUNDDOWN($C1538/24,0)+1,1)*INDEX($D$3:$AA$30,INDEX(Jesper!$R$2:$R$366,ROW(INDEX(Jesper!AJ$2:AJ$366,ROUNDDOWN($C1538/24,0)+1,1))-1)+IF('Standard Profiles'!$G$20=$B$10,7,0)+IF('Standard Profiles'!$G$20=$B$17,14,0)+IF('Standard Profiles'!$G$20=$B$24,21,0),MOD($C1538,24)+1)/SUM(INDEX($D$3:$AA$30,INDEX(Jesper!$R$2:$R$366,ROW(INDEX(Jesper!AJ$2:AJ$366,ROUNDDOWN($C1538/24,0)+1,1))-1)+IF('Standard Profiles'!$G$20=$B$10,7,0)+IF('Standard Profiles'!$G$20=$B$17,14,0)+IF('Standard Profiles'!$G$20=$B$24,21,0),0)),0)</f>
        <v>3.6539522510045188</v>
      </c>
      <c r="G1538" cm="1">
        <f t="array" ref="G1538">IFERROR(INDEX(Jesper!AK$2:AK$366,ROUNDDOWN($C1538/24,0)+1,1)*INDEX($D$3:$AA$30,INDEX(Jesper!$R$2:$R$366,ROW(INDEX(Jesper!AK$2:AK$366,ROUNDDOWN($C1538/24,0)+1,1))-1)+IF('Standard Profiles'!$G$21=$B$10,7,0)+IF('Standard Profiles'!$G$21=$B$17,14,0)+IF('Standard Profiles'!$G$21=$B$24,21,0),MOD($C1538,24)+1)/SUM(INDEX($D$3:$AA$30,INDEX(Jesper!$R$2:$R$366,ROW(INDEX(Jesper!AK$2:AK$366,ROUNDDOWN($C1538/24,0)+1,1))-1)+IF('Standard Profiles'!$G$21=$B$10,7,0)+IF('Standard Profiles'!$G$21=$B$17,14,0)+IF('Standard Profiles'!$G$21=$B$24,21,0),0)),0)</f>
        <v>5.573306682046689</v>
      </c>
      <c r="H1538" cm="1">
        <f t="array" ref="H1538">IFERROR(INDEX(Jesper!AL$2:AL$366,ROUNDDOWN($C1538/24,0)+1,1)*INDEX($D$3:$AA$30,INDEX(Jesper!$R$2:$R$366,ROW(INDEX(Jesper!AL$2:AL$366,ROUNDDOWN($C1538/24,0)+1,1))-1)+IF('Standard Profiles'!$G$22=$B$10,7,0)+IF('Standard Profiles'!$G$22=$B$17,14,0)+IF('Standard Profiles'!$G$22=$B$24,21,0),MOD($C1538,24)+1)/SUM(INDEX($D$3:$AA$30,INDEX(Jesper!$R$2:$R$366,ROW(INDEX(Jesper!AL$2:AL$366,ROUNDDOWN($C1538/24,0)+1,1))-1)+IF('Standard Profiles'!$G$22=$B$10,7,0)+IF('Standard Profiles'!$G$22=$B$17,14,0)+IF('Standard Profiles'!$G$22=$B$24,21,0),0)),0)</f>
        <v>4.3698246432581103</v>
      </c>
      <c r="I1538">
        <f t="shared" si="181"/>
        <v>4.1950316575277879</v>
      </c>
      <c r="J1538">
        <f t="shared" si="182"/>
        <v>13.40603860155449</v>
      </c>
      <c r="K1538">
        <f t="shared" si="183"/>
        <v>0.36399878934299645</v>
      </c>
      <c r="L1538">
        <f t="shared" si="184"/>
        <v>0.18199939467149823</v>
      </c>
      <c r="M1538">
        <f t="shared" si="185"/>
        <v>0</v>
      </c>
      <c r="N1538" s="45">
        <f t="shared" si="186"/>
        <v>44989.666666663019</v>
      </c>
    </row>
    <row r="1539" spans="2:14" x14ac:dyDescent="0.25">
      <c r="B1539">
        <f t="shared" si="180"/>
        <v>6</v>
      </c>
      <c r="C1539" s="16">
        <v>1505</v>
      </c>
      <c r="D1539" cm="1">
        <f t="array" ref="D1539">IFERROR(INDEX(Jesper!AH$2:AH$366,ROUNDDOWN($C1539/24,0)+1,1)*INDEX($D$3:$AA$30,INDEX(Jesper!$R$2:$R$366,ROW(INDEX(Jesper!AH$2:AH$366,ROUNDDOWN($C1539/24,0)+1,1))-1)+IF('Standard Profiles'!$G$18=$B$10,7,0)+IF('Standard Profiles'!$G$18=$B$17,14,0)+IF('Standard Profiles'!$G$18=$B$24,21,0),MOD($C1539,24)+1)/SUM(INDEX($D$3:$AA$30,INDEX(Jesper!$R$2:$R$366,ROW(INDEX(Jesper!AH$2:AH$366,ROUNDDOWN($C1539/24,0)+1,1))-1)+IF('Standard Profiles'!$G$18=$B$10,7,0)+IF('Standard Profiles'!$G$18=$B$17,14,0)+IF('Standard Profiles'!$G$18=$B$24,21,0),0)),0)</f>
        <v>0</v>
      </c>
      <c r="E1539" cm="1">
        <f t="array" ref="E1539">IFERROR(INDEX(Jesper!AI$2:AI$366,ROUNDDOWN($C1539/24,0)+1,1)*INDEX($D$3:$AA$30,INDEX(Jesper!$R$2:$R$366,ROW(INDEX(Jesper!AI$2:AI$366,ROUNDDOWN($C1539/24,0)+1,1))-1)+IF('Standard Profiles'!$G$19=$B$10,7,0)+IF('Standard Profiles'!$G$19=$B$17,14,0)+IF('Standard Profiles'!$G$19=$B$24,21,0),MOD($C1539,24)+1)/SUM(INDEX($D$3:$AA$30,INDEX(Jesper!$R$2:$R$366,ROW(INDEX(Jesper!AI$2:AI$366,ROUNDDOWN($C1539/24,0)+1,1))-1)+IF('Standard Profiles'!$G$19=$B$10,7,0)+IF('Standard Profiles'!$G$19=$B$17,14,0)+IF('Standard Profiles'!$G$19=$B$24,21,0),0)),0)</f>
        <v>4.5499848667874554</v>
      </c>
      <c r="F1539" cm="1">
        <f t="array" ref="F1539">IFERROR(INDEX(Jesper!AJ$2:AJ$366,ROUNDDOWN($C1539/24,0)+1,1)*INDEX($D$3:$AA$30,INDEX(Jesper!$R$2:$R$366,ROW(INDEX(Jesper!AJ$2:AJ$366,ROUNDDOWN($C1539/24,0)+1,1))-1)+IF('Standard Profiles'!$G$20=$B$10,7,0)+IF('Standard Profiles'!$G$20=$B$17,14,0)+IF('Standard Profiles'!$G$20=$B$24,21,0),MOD($C1539,24)+1)/SUM(INDEX($D$3:$AA$30,INDEX(Jesper!$R$2:$R$366,ROW(INDEX(Jesper!AJ$2:AJ$366,ROUNDDOWN($C1539/24,0)+1,1))-1)+IF('Standard Profiles'!$G$20=$B$10,7,0)+IF('Standard Profiles'!$G$20=$B$17,14,0)+IF('Standard Profiles'!$G$20=$B$24,21,0),0)),0)</f>
        <v>3.6539522510045188</v>
      </c>
      <c r="G1539" cm="1">
        <f t="array" ref="G1539">IFERROR(INDEX(Jesper!AK$2:AK$366,ROUNDDOWN($C1539/24,0)+1,1)*INDEX($D$3:$AA$30,INDEX(Jesper!$R$2:$R$366,ROW(INDEX(Jesper!AK$2:AK$366,ROUNDDOWN($C1539/24,0)+1,1))-1)+IF('Standard Profiles'!$G$21=$B$10,7,0)+IF('Standard Profiles'!$G$21=$B$17,14,0)+IF('Standard Profiles'!$G$21=$B$24,21,0),MOD($C1539,24)+1)/SUM(INDEX($D$3:$AA$30,INDEX(Jesper!$R$2:$R$366,ROW(INDEX(Jesper!AK$2:AK$366,ROUNDDOWN($C1539/24,0)+1,1))-1)+IF('Standard Profiles'!$G$21=$B$10,7,0)+IF('Standard Profiles'!$G$21=$B$17,14,0)+IF('Standard Profiles'!$G$21=$B$24,21,0),0)),0)</f>
        <v>5.573306682046689</v>
      </c>
      <c r="H1539" cm="1">
        <f t="array" ref="H1539">IFERROR(INDEX(Jesper!AL$2:AL$366,ROUNDDOWN($C1539/24,0)+1,1)*INDEX($D$3:$AA$30,INDEX(Jesper!$R$2:$R$366,ROW(INDEX(Jesper!AL$2:AL$366,ROUNDDOWN($C1539/24,0)+1,1))-1)+IF('Standard Profiles'!$G$22=$B$10,7,0)+IF('Standard Profiles'!$G$22=$B$17,14,0)+IF('Standard Profiles'!$G$22=$B$24,21,0),MOD($C1539,24)+1)/SUM(INDEX($D$3:$AA$30,INDEX(Jesper!$R$2:$R$366,ROW(INDEX(Jesper!AL$2:AL$366,ROUNDDOWN($C1539/24,0)+1,1))-1)+IF('Standard Profiles'!$G$22=$B$10,7,0)+IF('Standard Profiles'!$G$22=$B$17,14,0)+IF('Standard Profiles'!$G$22=$B$24,21,0),0)),0)</f>
        <v>3.9328421789322996</v>
      </c>
      <c r="I1539">
        <f t="shared" si="181"/>
        <v>3.7755284917750096</v>
      </c>
      <c r="J1539">
        <f t="shared" si="182"/>
        <v>13.388559302981458</v>
      </c>
      <c r="K1539">
        <f t="shared" si="183"/>
        <v>0.36399878934299645</v>
      </c>
      <c r="L1539">
        <f t="shared" si="184"/>
        <v>0.18199939467149823</v>
      </c>
      <c r="M1539">
        <f t="shared" si="185"/>
        <v>0</v>
      </c>
      <c r="N1539" s="45">
        <f t="shared" si="186"/>
        <v>44989.708333329683</v>
      </c>
    </row>
    <row r="1540" spans="2:14" x14ac:dyDescent="0.25">
      <c r="B1540">
        <f t="shared" si="180"/>
        <v>6</v>
      </c>
      <c r="C1540" s="16">
        <v>1506</v>
      </c>
      <c r="D1540" cm="1">
        <f t="array" ref="D1540">IFERROR(INDEX(Jesper!AH$2:AH$366,ROUNDDOWN($C1540/24,0)+1,1)*INDEX($D$3:$AA$30,INDEX(Jesper!$R$2:$R$366,ROW(INDEX(Jesper!AH$2:AH$366,ROUNDDOWN($C1540/24,0)+1,1))-1)+IF('Standard Profiles'!$G$18=$B$10,7,0)+IF('Standard Profiles'!$G$18=$B$17,14,0)+IF('Standard Profiles'!$G$18=$B$24,21,0),MOD($C1540,24)+1)/SUM(INDEX($D$3:$AA$30,INDEX(Jesper!$R$2:$R$366,ROW(INDEX(Jesper!AH$2:AH$366,ROUNDDOWN($C1540/24,0)+1,1))-1)+IF('Standard Profiles'!$G$18=$B$10,7,0)+IF('Standard Profiles'!$G$18=$B$17,14,0)+IF('Standard Profiles'!$G$18=$B$24,21,0),0)),0)</f>
        <v>0</v>
      </c>
      <c r="E1540" cm="1">
        <f t="array" ref="E1540">IFERROR(INDEX(Jesper!AI$2:AI$366,ROUNDDOWN($C1540/24,0)+1,1)*INDEX($D$3:$AA$30,INDEX(Jesper!$R$2:$R$366,ROW(INDEX(Jesper!AI$2:AI$366,ROUNDDOWN($C1540/24,0)+1,1))-1)+IF('Standard Profiles'!$G$19=$B$10,7,0)+IF('Standard Profiles'!$G$19=$B$17,14,0)+IF('Standard Profiles'!$G$19=$B$24,21,0),MOD($C1540,24)+1)/SUM(INDEX($D$3:$AA$30,INDEX(Jesper!$R$2:$R$366,ROW(INDEX(Jesper!AI$2:AI$366,ROUNDDOWN($C1540/24,0)+1,1))-1)+IF('Standard Profiles'!$G$19=$B$10,7,0)+IF('Standard Profiles'!$G$19=$B$17,14,0)+IF('Standard Profiles'!$G$19=$B$24,21,0),0)),0)</f>
        <v>4.5499848667874554</v>
      </c>
      <c r="F1540" cm="1">
        <f t="array" ref="F1540">IFERROR(INDEX(Jesper!AJ$2:AJ$366,ROUNDDOWN($C1540/24,0)+1,1)*INDEX($D$3:$AA$30,INDEX(Jesper!$R$2:$R$366,ROW(INDEX(Jesper!AJ$2:AJ$366,ROUNDDOWN($C1540/24,0)+1,1))-1)+IF('Standard Profiles'!$G$20=$B$10,7,0)+IF('Standard Profiles'!$G$20=$B$17,14,0)+IF('Standard Profiles'!$G$20=$B$24,21,0),MOD($C1540,24)+1)/SUM(INDEX($D$3:$AA$30,INDEX(Jesper!$R$2:$R$366,ROW(INDEX(Jesper!AJ$2:AJ$366,ROUNDDOWN($C1540/24,0)+1,1))-1)+IF('Standard Profiles'!$G$20=$B$10,7,0)+IF('Standard Profiles'!$G$20=$B$17,14,0)+IF('Standard Profiles'!$G$20=$B$24,21,0),0)),0)</f>
        <v>3.6539522510045188</v>
      </c>
      <c r="G1540" cm="1">
        <f t="array" ref="G1540">IFERROR(INDEX(Jesper!AK$2:AK$366,ROUNDDOWN($C1540/24,0)+1,1)*INDEX($D$3:$AA$30,INDEX(Jesper!$R$2:$R$366,ROW(INDEX(Jesper!AK$2:AK$366,ROUNDDOWN($C1540/24,0)+1,1))-1)+IF('Standard Profiles'!$G$21=$B$10,7,0)+IF('Standard Profiles'!$G$21=$B$17,14,0)+IF('Standard Profiles'!$G$21=$B$24,21,0),MOD($C1540,24)+1)/SUM(INDEX($D$3:$AA$30,INDEX(Jesper!$R$2:$R$366,ROW(INDEX(Jesper!AK$2:AK$366,ROUNDDOWN($C1540/24,0)+1,1))-1)+IF('Standard Profiles'!$G$21=$B$10,7,0)+IF('Standard Profiles'!$G$21=$B$17,14,0)+IF('Standard Profiles'!$G$21=$B$24,21,0),0)),0)</f>
        <v>5.573306682046689</v>
      </c>
      <c r="H1540" cm="1">
        <f t="array" ref="H1540">IFERROR(INDEX(Jesper!AL$2:AL$366,ROUNDDOWN($C1540/24,0)+1,1)*INDEX($D$3:$AA$30,INDEX(Jesper!$R$2:$R$366,ROW(INDEX(Jesper!AL$2:AL$366,ROUNDDOWN($C1540/24,0)+1,1))-1)+IF('Standard Profiles'!$G$22=$B$10,7,0)+IF('Standard Profiles'!$G$22=$B$17,14,0)+IF('Standard Profiles'!$G$22=$B$24,21,0),MOD($C1540,24)+1)/SUM(INDEX($D$3:$AA$30,INDEX(Jesper!$R$2:$R$366,ROW(INDEX(Jesper!AL$2:AL$366,ROUNDDOWN($C1540/24,0)+1,1))-1)+IF('Standard Profiles'!$G$22=$B$10,7,0)+IF('Standard Profiles'!$G$22=$B$17,14,0)+IF('Standard Profiles'!$G$22=$B$24,21,0),0)),0)</f>
        <v>3.7871813574903621</v>
      </c>
      <c r="I1540">
        <f t="shared" si="181"/>
        <v>3.6356941031907497</v>
      </c>
      <c r="J1540">
        <f t="shared" si="182"/>
        <v>13.38273287012378</v>
      </c>
      <c r="K1540">
        <f t="shared" si="183"/>
        <v>0.36399878934299645</v>
      </c>
      <c r="L1540">
        <f t="shared" si="184"/>
        <v>0.18199939467149823</v>
      </c>
      <c r="M1540">
        <f t="shared" si="185"/>
        <v>0</v>
      </c>
      <c r="N1540" s="45">
        <f t="shared" si="186"/>
        <v>44989.749999996347</v>
      </c>
    </row>
    <row r="1541" spans="2:14" x14ac:dyDescent="0.25">
      <c r="B1541">
        <f t="shared" si="180"/>
        <v>6</v>
      </c>
      <c r="C1541" s="16">
        <v>1507</v>
      </c>
      <c r="D1541" cm="1">
        <f t="array" ref="D1541">IFERROR(INDEX(Jesper!AH$2:AH$366,ROUNDDOWN($C1541/24,0)+1,1)*INDEX($D$3:$AA$30,INDEX(Jesper!$R$2:$R$366,ROW(INDEX(Jesper!AH$2:AH$366,ROUNDDOWN($C1541/24,0)+1,1))-1)+IF('Standard Profiles'!$G$18=$B$10,7,0)+IF('Standard Profiles'!$G$18=$B$17,14,0)+IF('Standard Profiles'!$G$18=$B$24,21,0),MOD($C1541,24)+1)/SUM(INDEX($D$3:$AA$30,INDEX(Jesper!$R$2:$R$366,ROW(INDEX(Jesper!AH$2:AH$366,ROUNDDOWN($C1541/24,0)+1,1))-1)+IF('Standard Profiles'!$G$18=$B$10,7,0)+IF('Standard Profiles'!$G$18=$B$17,14,0)+IF('Standard Profiles'!$G$18=$B$24,21,0),0)),0)</f>
        <v>0</v>
      </c>
      <c r="E1541" cm="1">
        <f t="array" ref="E1541">IFERROR(INDEX(Jesper!AI$2:AI$366,ROUNDDOWN($C1541/24,0)+1,1)*INDEX($D$3:$AA$30,INDEX(Jesper!$R$2:$R$366,ROW(INDEX(Jesper!AI$2:AI$366,ROUNDDOWN($C1541/24,0)+1,1))-1)+IF('Standard Profiles'!$G$19=$B$10,7,0)+IF('Standard Profiles'!$G$19=$B$17,14,0)+IF('Standard Profiles'!$G$19=$B$24,21,0),MOD($C1541,24)+1)/SUM(INDEX($D$3:$AA$30,INDEX(Jesper!$R$2:$R$366,ROW(INDEX(Jesper!AI$2:AI$366,ROUNDDOWN($C1541/24,0)+1,1))-1)+IF('Standard Profiles'!$G$19=$B$10,7,0)+IF('Standard Profiles'!$G$19=$B$17,14,0)+IF('Standard Profiles'!$G$19=$B$24,21,0),0)),0)</f>
        <v>4.5499848667874554</v>
      </c>
      <c r="F1541" cm="1">
        <f t="array" ref="F1541">IFERROR(INDEX(Jesper!AJ$2:AJ$366,ROUNDDOWN($C1541/24,0)+1,1)*INDEX($D$3:$AA$30,INDEX(Jesper!$R$2:$R$366,ROW(INDEX(Jesper!AJ$2:AJ$366,ROUNDDOWN($C1541/24,0)+1,1))-1)+IF('Standard Profiles'!$G$20=$B$10,7,0)+IF('Standard Profiles'!$G$20=$B$17,14,0)+IF('Standard Profiles'!$G$20=$B$24,21,0),MOD($C1541,24)+1)/SUM(INDEX($D$3:$AA$30,INDEX(Jesper!$R$2:$R$366,ROW(INDEX(Jesper!AJ$2:AJ$366,ROUNDDOWN($C1541/24,0)+1,1))-1)+IF('Standard Profiles'!$G$20=$B$10,7,0)+IF('Standard Profiles'!$G$20=$B$17,14,0)+IF('Standard Profiles'!$G$20=$B$24,21,0),0)),0)</f>
        <v>3.6539522510045188</v>
      </c>
      <c r="G1541" cm="1">
        <f t="array" ref="G1541">IFERROR(INDEX(Jesper!AK$2:AK$366,ROUNDDOWN($C1541/24,0)+1,1)*INDEX($D$3:$AA$30,INDEX(Jesper!$R$2:$R$366,ROW(INDEX(Jesper!AK$2:AK$366,ROUNDDOWN($C1541/24,0)+1,1))-1)+IF('Standard Profiles'!$G$21=$B$10,7,0)+IF('Standard Profiles'!$G$21=$B$17,14,0)+IF('Standard Profiles'!$G$21=$B$24,21,0),MOD($C1541,24)+1)/SUM(INDEX($D$3:$AA$30,INDEX(Jesper!$R$2:$R$366,ROW(INDEX(Jesper!AK$2:AK$366,ROUNDDOWN($C1541/24,0)+1,1))-1)+IF('Standard Profiles'!$G$21=$B$10,7,0)+IF('Standard Profiles'!$G$21=$B$17,14,0)+IF('Standard Profiles'!$G$21=$B$24,21,0),0)),0)</f>
        <v>5.573306682046689</v>
      </c>
      <c r="H1541" cm="1">
        <f t="array" ref="H1541">IFERROR(INDEX(Jesper!AL$2:AL$366,ROUNDDOWN($C1541/24,0)+1,1)*INDEX($D$3:$AA$30,INDEX(Jesper!$R$2:$R$366,ROW(INDEX(Jesper!AL$2:AL$366,ROUNDDOWN($C1541/24,0)+1,1))-1)+IF('Standard Profiles'!$G$22=$B$10,7,0)+IF('Standard Profiles'!$G$22=$B$17,14,0)+IF('Standard Profiles'!$G$22=$B$24,21,0),MOD($C1541,24)+1)/SUM(INDEX($D$3:$AA$30,INDEX(Jesper!$R$2:$R$366,ROW(INDEX(Jesper!AL$2:AL$366,ROUNDDOWN($C1541/24,0)+1,1))-1)+IF('Standard Profiles'!$G$22=$B$10,7,0)+IF('Standard Profiles'!$G$22=$B$17,14,0)+IF('Standard Profiles'!$G$22=$B$24,21,0),0)),0)</f>
        <v>3.0588772502806769</v>
      </c>
      <c r="I1541">
        <f t="shared" si="181"/>
        <v>2.9365221602694516</v>
      </c>
      <c r="J1541">
        <f t="shared" si="182"/>
        <v>13.353600705835394</v>
      </c>
      <c r="K1541">
        <f t="shared" si="183"/>
        <v>0.36399878934299645</v>
      </c>
      <c r="L1541">
        <f t="shared" si="184"/>
        <v>0.18199939467149823</v>
      </c>
      <c r="M1541">
        <f t="shared" si="185"/>
        <v>0</v>
      </c>
      <c r="N1541" s="45">
        <f t="shared" si="186"/>
        <v>44989.791666663012</v>
      </c>
    </row>
    <row r="1542" spans="2:14" x14ac:dyDescent="0.25">
      <c r="B1542">
        <f t="shared" si="180"/>
        <v>6</v>
      </c>
      <c r="C1542" s="16">
        <v>1508</v>
      </c>
      <c r="D1542" cm="1">
        <f t="array" ref="D1542">IFERROR(INDEX(Jesper!AH$2:AH$366,ROUNDDOWN($C1542/24,0)+1,1)*INDEX($D$3:$AA$30,INDEX(Jesper!$R$2:$R$366,ROW(INDEX(Jesper!AH$2:AH$366,ROUNDDOWN($C1542/24,0)+1,1))-1)+IF('Standard Profiles'!$G$18=$B$10,7,0)+IF('Standard Profiles'!$G$18=$B$17,14,0)+IF('Standard Profiles'!$G$18=$B$24,21,0),MOD($C1542,24)+1)/SUM(INDEX($D$3:$AA$30,INDEX(Jesper!$R$2:$R$366,ROW(INDEX(Jesper!AH$2:AH$366,ROUNDDOWN($C1542/24,0)+1,1))-1)+IF('Standard Profiles'!$G$18=$B$10,7,0)+IF('Standard Profiles'!$G$18=$B$17,14,0)+IF('Standard Profiles'!$G$18=$B$24,21,0),0)),0)</f>
        <v>0</v>
      </c>
      <c r="E1542" cm="1">
        <f t="array" ref="E1542">IFERROR(INDEX(Jesper!AI$2:AI$366,ROUNDDOWN($C1542/24,0)+1,1)*INDEX($D$3:$AA$30,INDEX(Jesper!$R$2:$R$366,ROW(INDEX(Jesper!AI$2:AI$366,ROUNDDOWN($C1542/24,0)+1,1))-1)+IF('Standard Profiles'!$G$19=$B$10,7,0)+IF('Standard Profiles'!$G$19=$B$17,14,0)+IF('Standard Profiles'!$G$19=$B$24,21,0),MOD($C1542,24)+1)/SUM(INDEX($D$3:$AA$30,INDEX(Jesper!$R$2:$R$366,ROW(INDEX(Jesper!AI$2:AI$366,ROUNDDOWN($C1542/24,0)+1,1))-1)+IF('Standard Profiles'!$G$19=$B$10,7,0)+IF('Standard Profiles'!$G$19=$B$17,14,0)+IF('Standard Profiles'!$G$19=$B$24,21,0),0)),0)</f>
        <v>4.5499848667874554</v>
      </c>
      <c r="F1542" cm="1">
        <f t="array" ref="F1542">IFERROR(INDEX(Jesper!AJ$2:AJ$366,ROUNDDOWN($C1542/24,0)+1,1)*INDEX($D$3:$AA$30,INDEX(Jesper!$R$2:$R$366,ROW(INDEX(Jesper!AJ$2:AJ$366,ROUNDDOWN($C1542/24,0)+1,1))-1)+IF('Standard Profiles'!$G$20=$B$10,7,0)+IF('Standard Profiles'!$G$20=$B$17,14,0)+IF('Standard Profiles'!$G$20=$B$24,21,0),MOD($C1542,24)+1)/SUM(INDEX($D$3:$AA$30,INDEX(Jesper!$R$2:$R$366,ROW(INDEX(Jesper!AJ$2:AJ$366,ROUNDDOWN($C1542/24,0)+1,1))-1)+IF('Standard Profiles'!$G$20=$B$10,7,0)+IF('Standard Profiles'!$G$20=$B$17,14,0)+IF('Standard Profiles'!$G$20=$B$24,21,0),0)),0)</f>
        <v>3.6539522510045188</v>
      </c>
      <c r="G1542" cm="1">
        <f t="array" ref="G1542">IFERROR(INDEX(Jesper!AK$2:AK$366,ROUNDDOWN($C1542/24,0)+1,1)*INDEX($D$3:$AA$30,INDEX(Jesper!$R$2:$R$366,ROW(INDEX(Jesper!AK$2:AK$366,ROUNDDOWN($C1542/24,0)+1,1))-1)+IF('Standard Profiles'!$G$21=$B$10,7,0)+IF('Standard Profiles'!$G$21=$B$17,14,0)+IF('Standard Profiles'!$G$21=$B$24,21,0),MOD($C1542,24)+1)/SUM(INDEX($D$3:$AA$30,INDEX(Jesper!$R$2:$R$366,ROW(INDEX(Jesper!AK$2:AK$366,ROUNDDOWN($C1542/24,0)+1,1))-1)+IF('Standard Profiles'!$G$21=$B$10,7,0)+IF('Standard Profiles'!$G$21=$B$17,14,0)+IF('Standard Profiles'!$G$21=$B$24,21,0),0)),0)</f>
        <v>5.573306682046689</v>
      </c>
      <c r="H1542" cm="1">
        <f t="array" ref="H1542">IFERROR(INDEX(Jesper!AL$2:AL$366,ROUNDDOWN($C1542/24,0)+1,1)*INDEX($D$3:$AA$30,INDEX(Jesper!$R$2:$R$366,ROW(INDEX(Jesper!AL$2:AL$366,ROUNDDOWN($C1542/24,0)+1,1))-1)+IF('Standard Profiles'!$G$22=$B$10,7,0)+IF('Standard Profiles'!$G$22=$B$17,14,0)+IF('Standard Profiles'!$G$22=$B$24,21,0),MOD($C1542,24)+1)/SUM(INDEX($D$3:$AA$30,INDEX(Jesper!$R$2:$R$366,ROW(INDEX(Jesper!AL$2:AL$366,ROUNDDOWN($C1542/24,0)+1,1))-1)+IF('Standard Profiles'!$G$22=$B$10,7,0)+IF('Standard Profiles'!$G$22=$B$17,14,0)+IF('Standard Profiles'!$G$22=$B$24,21,0),0)),0)</f>
        <v>2.2577427323500237</v>
      </c>
      <c r="I1542">
        <f t="shared" si="181"/>
        <v>2.1674330230560237</v>
      </c>
      <c r="J1542">
        <f t="shared" si="182"/>
        <v>13.321555325118167</v>
      </c>
      <c r="K1542">
        <f t="shared" si="183"/>
        <v>0.36399878934299645</v>
      </c>
      <c r="L1542">
        <f t="shared" si="184"/>
        <v>0.18199939467149823</v>
      </c>
      <c r="M1542">
        <f t="shared" si="185"/>
        <v>0</v>
      </c>
      <c r="N1542" s="45">
        <f t="shared" si="186"/>
        <v>44989.833333329676</v>
      </c>
    </row>
    <row r="1543" spans="2:14" x14ac:dyDescent="0.25">
      <c r="B1543">
        <f t="shared" si="180"/>
        <v>6</v>
      </c>
      <c r="C1543" s="16">
        <v>1509</v>
      </c>
      <c r="D1543" cm="1">
        <f t="array" ref="D1543">IFERROR(INDEX(Jesper!AH$2:AH$366,ROUNDDOWN($C1543/24,0)+1,1)*INDEX($D$3:$AA$30,INDEX(Jesper!$R$2:$R$366,ROW(INDEX(Jesper!AH$2:AH$366,ROUNDDOWN($C1543/24,0)+1,1))-1)+IF('Standard Profiles'!$G$18=$B$10,7,0)+IF('Standard Profiles'!$G$18=$B$17,14,0)+IF('Standard Profiles'!$G$18=$B$24,21,0),MOD($C1543,24)+1)/SUM(INDEX($D$3:$AA$30,INDEX(Jesper!$R$2:$R$366,ROW(INDEX(Jesper!AH$2:AH$366,ROUNDDOWN($C1543/24,0)+1,1))-1)+IF('Standard Profiles'!$G$18=$B$10,7,0)+IF('Standard Profiles'!$G$18=$B$17,14,0)+IF('Standard Profiles'!$G$18=$B$24,21,0),0)),0)</f>
        <v>0</v>
      </c>
      <c r="E1543" cm="1">
        <f t="array" ref="E1543">IFERROR(INDEX(Jesper!AI$2:AI$366,ROUNDDOWN($C1543/24,0)+1,1)*INDEX($D$3:$AA$30,INDEX(Jesper!$R$2:$R$366,ROW(INDEX(Jesper!AI$2:AI$366,ROUNDDOWN($C1543/24,0)+1,1))-1)+IF('Standard Profiles'!$G$19=$B$10,7,0)+IF('Standard Profiles'!$G$19=$B$17,14,0)+IF('Standard Profiles'!$G$19=$B$24,21,0),MOD($C1543,24)+1)/SUM(INDEX($D$3:$AA$30,INDEX(Jesper!$R$2:$R$366,ROW(INDEX(Jesper!AI$2:AI$366,ROUNDDOWN($C1543/24,0)+1,1))-1)+IF('Standard Profiles'!$G$19=$B$10,7,0)+IF('Standard Profiles'!$G$19=$B$17,14,0)+IF('Standard Profiles'!$G$19=$B$24,21,0),0)),0)</f>
        <v>4.5499848667874554</v>
      </c>
      <c r="F1543" cm="1">
        <f t="array" ref="F1543">IFERROR(INDEX(Jesper!AJ$2:AJ$366,ROUNDDOWN($C1543/24,0)+1,1)*INDEX($D$3:$AA$30,INDEX(Jesper!$R$2:$R$366,ROW(INDEX(Jesper!AJ$2:AJ$366,ROUNDDOWN($C1543/24,0)+1,1))-1)+IF('Standard Profiles'!$G$20=$B$10,7,0)+IF('Standard Profiles'!$G$20=$B$17,14,0)+IF('Standard Profiles'!$G$20=$B$24,21,0),MOD($C1543,24)+1)/SUM(INDEX($D$3:$AA$30,INDEX(Jesper!$R$2:$R$366,ROW(INDEX(Jesper!AJ$2:AJ$366,ROUNDDOWN($C1543/24,0)+1,1))-1)+IF('Standard Profiles'!$G$20=$B$10,7,0)+IF('Standard Profiles'!$G$20=$B$17,14,0)+IF('Standard Profiles'!$G$20=$B$24,21,0),0)),0)</f>
        <v>3.6539522510045188</v>
      </c>
      <c r="G1543" cm="1">
        <f t="array" ref="G1543">IFERROR(INDEX(Jesper!AK$2:AK$366,ROUNDDOWN($C1543/24,0)+1,1)*INDEX($D$3:$AA$30,INDEX(Jesper!$R$2:$R$366,ROW(INDEX(Jesper!AK$2:AK$366,ROUNDDOWN($C1543/24,0)+1,1))-1)+IF('Standard Profiles'!$G$21=$B$10,7,0)+IF('Standard Profiles'!$G$21=$B$17,14,0)+IF('Standard Profiles'!$G$21=$B$24,21,0),MOD($C1543,24)+1)/SUM(INDEX($D$3:$AA$30,INDEX(Jesper!$R$2:$R$366,ROW(INDEX(Jesper!AK$2:AK$366,ROUNDDOWN($C1543/24,0)+1,1))-1)+IF('Standard Profiles'!$G$21=$B$10,7,0)+IF('Standard Profiles'!$G$21=$B$17,14,0)+IF('Standard Profiles'!$G$21=$B$24,21,0),0)),0)</f>
        <v>5.573306682046689</v>
      </c>
      <c r="H1543" cm="1">
        <f t="array" ref="H1543">IFERROR(INDEX(Jesper!AL$2:AL$366,ROUNDDOWN($C1543/24,0)+1,1)*INDEX($D$3:$AA$30,INDEX(Jesper!$R$2:$R$366,ROW(INDEX(Jesper!AL$2:AL$366,ROUNDDOWN($C1543/24,0)+1,1))-1)+IF('Standard Profiles'!$G$22=$B$10,7,0)+IF('Standard Profiles'!$G$22=$B$17,14,0)+IF('Standard Profiles'!$G$22=$B$24,21,0),MOD($C1543,24)+1)/SUM(INDEX($D$3:$AA$30,INDEX(Jesper!$R$2:$R$366,ROW(INDEX(Jesper!AL$2:AL$366,ROUNDDOWN($C1543/24,0)+1,1))-1)+IF('Standard Profiles'!$G$22=$B$10,7,0)+IF('Standard Profiles'!$G$22=$B$17,14,0)+IF('Standard Profiles'!$G$22=$B$24,21,0),0)),0)</f>
        <v>2.2577427323500237</v>
      </c>
      <c r="I1543">
        <f t="shared" si="181"/>
        <v>2.1674330230560237</v>
      </c>
      <c r="J1543">
        <f t="shared" si="182"/>
        <v>13.321555325118167</v>
      </c>
      <c r="K1543">
        <f t="shared" si="183"/>
        <v>0.36399878934299645</v>
      </c>
      <c r="L1543">
        <f t="shared" si="184"/>
        <v>0.18199939467149823</v>
      </c>
      <c r="M1543">
        <f t="shared" si="185"/>
        <v>0</v>
      </c>
      <c r="N1543" s="45">
        <f t="shared" si="186"/>
        <v>44989.87499999634</v>
      </c>
    </row>
    <row r="1544" spans="2:14" x14ac:dyDescent="0.25">
      <c r="B1544">
        <f t="shared" si="180"/>
        <v>6</v>
      </c>
      <c r="C1544" s="16">
        <v>1510</v>
      </c>
      <c r="D1544" cm="1">
        <f t="array" ref="D1544">IFERROR(INDEX(Jesper!AH$2:AH$366,ROUNDDOWN($C1544/24,0)+1,1)*INDEX($D$3:$AA$30,INDEX(Jesper!$R$2:$R$366,ROW(INDEX(Jesper!AH$2:AH$366,ROUNDDOWN($C1544/24,0)+1,1))-1)+IF('Standard Profiles'!$G$18=$B$10,7,0)+IF('Standard Profiles'!$G$18=$B$17,14,0)+IF('Standard Profiles'!$G$18=$B$24,21,0),MOD($C1544,24)+1)/SUM(INDEX($D$3:$AA$30,INDEX(Jesper!$R$2:$R$366,ROW(INDEX(Jesper!AH$2:AH$366,ROUNDDOWN($C1544/24,0)+1,1))-1)+IF('Standard Profiles'!$G$18=$B$10,7,0)+IF('Standard Profiles'!$G$18=$B$17,14,0)+IF('Standard Profiles'!$G$18=$B$24,21,0),0)),0)</f>
        <v>0</v>
      </c>
      <c r="E1544" cm="1">
        <f t="array" ref="E1544">IFERROR(INDEX(Jesper!AI$2:AI$366,ROUNDDOWN($C1544/24,0)+1,1)*INDEX($D$3:$AA$30,INDEX(Jesper!$R$2:$R$366,ROW(INDEX(Jesper!AI$2:AI$366,ROUNDDOWN($C1544/24,0)+1,1))-1)+IF('Standard Profiles'!$G$19=$B$10,7,0)+IF('Standard Profiles'!$G$19=$B$17,14,0)+IF('Standard Profiles'!$G$19=$B$24,21,0),MOD($C1544,24)+1)/SUM(INDEX($D$3:$AA$30,INDEX(Jesper!$R$2:$R$366,ROW(INDEX(Jesper!AI$2:AI$366,ROUNDDOWN($C1544/24,0)+1,1))-1)+IF('Standard Profiles'!$G$19=$B$10,7,0)+IF('Standard Profiles'!$G$19=$B$17,14,0)+IF('Standard Profiles'!$G$19=$B$24,21,0),0)),0)</f>
        <v>4.5499848667874554</v>
      </c>
      <c r="F1544" cm="1">
        <f t="array" ref="F1544">IFERROR(INDEX(Jesper!AJ$2:AJ$366,ROUNDDOWN($C1544/24,0)+1,1)*INDEX($D$3:$AA$30,INDEX(Jesper!$R$2:$R$366,ROW(INDEX(Jesper!AJ$2:AJ$366,ROUNDDOWN($C1544/24,0)+1,1))-1)+IF('Standard Profiles'!$G$20=$B$10,7,0)+IF('Standard Profiles'!$G$20=$B$17,14,0)+IF('Standard Profiles'!$G$20=$B$24,21,0),MOD($C1544,24)+1)/SUM(INDEX($D$3:$AA$30,INDEX(Jesper!$R$2:$R$366,ROW(INDEX(Jesper!AJ$2:AJ$366,ROUNDDOWN($C1544/24,0)+1,1))-1)+IF('Standard Profiles'!$G$20=$B$10,7,0)+IF('Standard Profiles'!$G$20=$B$17,14,0)+IF('Standard Profiles'!$G$20=$B$24,21,0),0)),0)</f>
        <v>3.6539522510045188</v>
      </c>
      <c r="G1544" cm="1">
        <f t="array" ref="G1544">IFERROR(INDEX(Jesper!AK$2:AK$366,ROUNDDOWN($C1544/24,0)+1,1)*INDEX($D$3:$AA$30,INDEX(Jesper!$R$2:$R$366,ROW(INDEX(Jesper!AK$2:AK$366,ROUNDDOWN($C1544/24,0)+1,1))-1)+IF('Standard Profiles'!$G$21=$B$10,7,0)+IF('Standard Profiles'!$G$21=$B$17,14,0)+IF('Standard Profiles'!$G$21=$B$24,21,0),MOD($C1544,24)+1)/SUM(INDEX($D$3:$AA$30,INDEX(Jesper!$R$2:$R$366,ROW(INDEX(Jesper!AK$2:AK$366,ROUNDDOWN($C1544/24,0)+1,1))-1)+IF('Standard Profiles'!$G$21=$B$10,7,0)+IF('Standard Profiles'!$G$21=$B$17,14,0)+IF('Standard Profiles'!$G$21=$B$24,21,0),0)),0)</f>
        <v>5.573306682046689</v>
      </c>
      <c r="H1544" cm="1">
        <f t="array" ref="H1544">IFERROR(INDEX(Jesper!AL$2:AL$366,ROUNDDOWN($C1544/24,0)+1,1)*INDEX($D$3:$AA$30,INDEX(Jesper!$R$2:$R$366,ROW(INDEX(Jesper!AL$2:AL$366,ROUNDDOWN($C1544/24,0)+1,1))-1)+IF('Standard Profiles'!$G$22=$B$10,7,0)+IF('Standard Profiles'!$G$22=$B$17,14,0)+IF('Standard Profiles'!$G$22=$B$24,21,0),MOD($C1544,24)+1)/SUM(INDEX($D$3:$AA$30,INDEX(Jesper!$R$2:$R$366,ROW(INDEX(Jesper!AL$2:AL$366,ROUNDDOWN($C1544/24,0)+1,1))-1)+IF('Standard Profiles'!$G$22=$B$10,7,0)+IF('Standard Profiles'!$G$22=$B$17,14,0)+IF('Standard Profiles'!$G$22=$B$24,21,0),0)),0)</f>
        <v>2.2577427323500237</v>
      </c>
      <c r="I1544">
        <f t="shared" si="181"/>
        <v>2.1674330230560237</v>
      </c>
      <c r="J1544">
        <f t="shared" si="182"/>
        <v>13.321555325118167</v>
      </c>
      <c r="K1544">
        <f t="shared" si="183"/>
        <v>0.36399878934299645</v>
      </c>
      <c r="L1544">
        <f t="shared" si="184"/>
        <v>0.18199939467149823</v>
      </c>
      <c r="M1544">
        <f t="shared" si="185"/>
        <v>0</v>
      </c>
      <c r="N1544" s="45">
        <f t="shared" si="186"/>
        <v>44989.916666663004</v>
      </c>
    </row>
    <row r="1545" spans="2:14" x14ac:dyDescent="0.25">
      <c r="B1545">
        <f t="shared" si="180"/>
        <v>6</v>
      </c>
      <c r="C1545" s="16">
        <v>1511</v>
      </c>
      <c r="D1545" cm="1">
        <f t="array" ref="D1545">IFERROR(INDEX(Jesper!AH$2:AH$366,ROUNDDOWN($C1545/24,0)+1,1)*INDEX($D$3:$AA$30,INDEX(Jesper!$R$2:$R$366,ROW(INDEX(Jesper!AH$2:AH$366,ROUNDDOWN($C1545/24,0)+1,1))-1)+IF('Standard Profiles'!$G$18=$B$10,7,0)+IF('Standard Profiles'!$G$18=$B$17,14,0)+IF('Standard Profiles'!$G$18=$B$24,21,0),MOD($C1545,24)+1)/SUM(INDEX($D$3:$AA$30,INDEX(Jesper!$R$2:$R$366,ROW(INDEX(Jesper!AH$2:AH$366,ROUNDDOWN($C1545/24,0)+1,1))-1)+IF('Standard Profiles'!$G$18=$B$10,7,0)+IF('Standard Profiles'!$G$18=$B$17,14,0)+IF('Standard Profiles'!$G$18=$B$24,21,0),0)),0)</f>
        <v>0</v>
      </c>
      <c r="E1545" cm="1">
        <f t="array" ref="E1545">IFERROR(INDEX(Jesper!AI$2:AI$366,ROUNDDOWN($C1545/24,0)+1,1)*INDEX($D$3:$AA$30,INDEX(Jesper!$R$2:$R$366,ROW(INDEX(Jesper!AI$2:AI$366,ROUNDDOWN($C1545/24,0)+1,1))-1)+IF('Standard Profiles'!$G$19=$B$10,7,0)+IF('Standard Profiles'!$G$19=$B$17,14,0)+IF('Standard Profiles'!$G$19=$B$24,21,0),MOD($C1545,24)+1)/SUM(INDEX($D$3:$AA$30,INDEX(Jesper!$R$2:$R$366,ROW(INDEX(Jesper!AI$2:AI$366,ROUNDDOWN($C1545/24,0)+1,1))-1)+IF('Standard Profiles'!$G$19=$B$10,7,0)+IF('Standard Profiles'!$G$19=$B$17,14,0)+IF('Standard Profiles'!$G$19=$B$24,21,0),0)),0)</f>
        <v>4.5499848667874554</v>
      </c>
      <c r="F1545" cm="1">
        <f t="array" ref="F1545">IFERROR(INDEX(Jesper!AJ$2:AJ$366,ROUNDDOWN($C1545/24,0)+1,1)*INDEX($D$3:$AA$30,INDEX(Jesper!$R$2:$R$366,ROW(INDEX(Jesper!AJ$2:AJ$366,ROUNDDOWN($C1545/24,0)+1,1))-1)+IF('Standard Profiles'!$G$20=$B$10,7,0)+IF('Standard Profiles'!$G$20=$B$17,14,0)+IF('Standard Profiles'!$G$20=$B$24,21,0),MOD($C1545,24)+1)/SUM(INDEX($D$3:$AA$30,INDEX(Jesper!$R$2:$R$366,ROW(INDEX(Jesper!AJ$2:AJ$366,ROUNDDOWN($C1545/24,0)+1,1))-1)+IF('Standard Profiles'!$G$20=$B$10,7,0)+IF('Standard Profiles'!$G$20=$B$17,14,0)+IF('Standard Profiles'!$G$20=$B$24,21,0),0)),0)</f>
        <v>3.6539522510045188</v>
      </c>
      <c r="G1545" cm="1">
        <f t="array" ref="G1545">IFERROR(INDEX(Jesper!AK$2:AK$366,ROUNDDOWN($C1545/24,0)+1,1)*INDEX($D$3:$AA$30,INDEX(Jesper!$R$2:$R$366,ROW(INDEX(Jesper!AK$2:AK$366,ROUNDDOWN($C1545/24,0)+1,1))-1)+IF('Standard Profiles'!$G$21=$B$10,7,0)+IF('Standard Profiles'!$G$21=$B$17,14,0)+IF('Standard Profiles'!$G$21=$B$24,21,0),MOD($C1545,24)+1)/SUM(INDEX($D$3:$AA$30,INDEX(Jesper!$R$2:$R$366,ROW(INDEX(Jesper!AK$2:AK$366,ROUNDDOWN($C1545/24,0)+1,1))-1)+IF('Standard Profiles'!$G$21=$B$10,7,0)+IF('Standard Profiles'!$G$21=$B$17,14,0)+IF('Standard Profiles'!$G$21=$B$24,21,0),0)),0)</f>
        <v>5.573306682046689</v>
      </c>
      <c r="H1545" cm="1">
        <f t="array" ref="H1545">IFERROR(INDEX(Jesper!AL$2:AL$366,ROUNDDOWN($C1545/24,0)+1,1)*INDEX($D$3:$AA$30,INDEX(Jesper!$R$2:$R$366,ROW(INDEX(Jesper!AL$2:AL$366,ROUNDDOWN($C1545/24,0)+1,1))-1)+IF('Standard Profiles'!$G$22=$B$10,7,0)+IF('Standard Profiles'!$G$22=$B$17,14,0)+IF('Standard Profiles'!$G$22=$B$24,21,0),MOD($C1545,24)+1)/SUM(INDEX($D$3:$AA$30,INDEX(Jesper!$R$2:$R$366,ROW(INDEX(Jesper!AL$2:AL$366,ROUNDDOWN($C1545/24,0)+1,1))-1)+IF('Standard Profiles'!$G$22=$B$10,7,0)+IF('Standard Profiles'!$G$22=$B$17,14,0)+IF('Standard Profiles'!$G$22=$B$24,21,0),0)),0)</f>
        <v>2.2577427323500237</v>
      </c>
      <c r="I1545">
        <f t="shared" si="181"/>
        <v>2.1674330230560237</v>
      </c>
      <c r="J1545">
        <f t="shared" si="182"/>
        <v>13.321555325118167</v>
      </c>
      <c r="K1545">
        <f t="shared" si="183"/>
        <v>0.36399878934299645</v>
      </c>
      <c r="L1545">
        <f t="shared" si="184"/>
        <v>0.18199939467149823</v>
      </c>
      <c r="M1545">
        <f t="shared" si="185"/>
        <v>0</v>
      </c>
      <c r="N1545" s="45">
        <f t="shared" si="186"/>
        <v>44989.958333329669</v>
      </c>
    </row>
    <row r="1546" spans="2:14" x14ac:dyDescent="0.25">
      <c r="B1546">
        <f t="shared" si="180"/>
        <v>7</v>
      </c>
      <c r="C1546" s="16">
        <v>1512</v>
      </c>
      <c r="D1546" cm="1">
        <f t="array" ref="D1546">IFERROR(INDEX(Jesper!AH$2:AH$366,ROUNDDOWN($C1546/24,0)+1,1)*INDEX($D$3:$AA$30,INDEX(Jesper!$R$2:$R$366,ROW(INDEX(Jesper!AH$2:AH$366,ROUNDDOWN($C1546/24,0)+1,1))-1)+IF('Standard Profiles'!$G$18=$B$10,7,0)+IF('Standard Profiles'!$G$18=$B$17,14,0)+IF('Standard Profiles'!$G$18=$B$24,21,0),MOD($C1546,24)+1)/SUM(INDEX($D$3:$AA$30,INDEX(Jesper!$R$2:$R$366,ROW(INDEX(Jesper!AH$2:AH$366,ROUNDDOWN($C1546/24,0)+1,1))-1)+IF('Standard Profiles'!$G$18=$B$10,7,0)+IF('Standard Profiles'!$G$18=$B$17,14,0)+IF('Standard Profiles'!$G$18=$B$24,21,0),0)),0)</f>
        <v>0</v>
      </c>
      <c r="E1546" cm="1">
        <f t="array" ref="E1546">IFERROR(INDEX(Jesper!AI$2:AI$366,ROUNDDOWN($C1546/24,0)+1,1)*INDEX($D$3:$AA$30,INDEX(Jesper!$R$2:$R$366,ROW(INDEX(Jesper!AI$2:AI$366,ROUNDDOWN($C1546/24,0)+1,1))-1)+IF('Standard Profiles'!$G$19=$B$10,7,0)+IF('Standard Profiles'!$G$19=$B$17,14,0)+IF('Standard Profiles'!$G$19=$B$24,21,0),MOD($C1546,24)+1)/SUM(INDEX($D$3:$AA$30,INDEX(Jesper!$R$2:$R$366,ROW(INDEX(Jesper!AI$2:AI$366,ROUNDDOWN($C1546/24,0)+1,1))-1)+IF('Standard Profiles'!$G$19=$B$10,7,0)+IF('Standard Profiles'!$G$19=$B$17,14,0)+IF('Standard Profiles'!$G$19=$B$24,21,0),0)),0)</f>
        <v>5.0648377812938676</v>
      </c>
      <c r="F1546" cm="1">
        <f t="array" ref="F1546">IFERROR(INDEX(Jesper!AJ$2:AJ$366,ROUNDDOWN($C1546/24,0)+1,1)*INDEX($D$3:$AA$30,INDEX(Jesper!$R$2:$R$366,ROW(INDEX(Jesper!AJ$2:AJ$366,ROUNDDOWN($C1546/24,0)+1,1))-1)+IF('Standard Profiles'!$G$20=$B$10,7,0)+IF('Standard Profiles'!$G$20=$B$17,14,0)+IF('Standard Profiles'!$G$20=$B$24,21,0),MOD($C1546,24)+1)/SUM(INDEX($D$3:$AA$30,INDEX(Jesper!$R$2:$R$366,ROW(INDEX(Jesper!AJ$2:AJ$366,ROUNDDOWN($C1546/24,0)+1,1))-1)+IF('Standard Profiles'!$G$20=$B$10,7,0)+IF('Standard Profiles'!$G$20=$B$17,14,0)+IF('Standard Profiles'!$G$20=$B$24,21,0),0)),0)</f>
        <v>4.2879947617061198</v>
      </c>
      <c r="G1546" cm="1">
        <f t="array" ref="G1546">IFERROR(INDEX(Jesper!AK$2:AK$366,ROUNDDOWN($C1546/24,0)+1,1)*INDEX($D$3:$AA$30,INDEX(Jesper!$R$2:$R$366,ROW(INDEX(Jesper!AK$2:AK$366,ROUNDDOWN($C1546/24,0)+1,1))-1)+IF('Standard Profiles'!$G$21=$B$10,7,0)+IF('Standard Profiles'!$G$21=$B$17,14,0)+IF('Standard Profiles'!$G$21=$B$24,21,0),MOD($C1546,24)+1)/SUM(INDEX($D$3:$AA$30,INDEX(Jesper!$R$2:$R$366,ROW(INDEX(Jesper!AK$2:AK$366,ROUNDDOWN($C1546/24,0)+1,1))-1)+IF('Standard Profiles'!$G$21=$B$10,7,0)+IF('Standard Profiles'!$G$21=$B$17,14,0)+IF('Standard Profiles'!$G$21=$B$24,21,0),0)),0)</f>
        <v>6.9791231350018537</v>
      </c>
      <c r="H1546" cm="1">
        <f t="array" ref="H1546">IFERROR(INDEX(Jesper!AL$2:AL$366,ROUNDDOWN($C1546/24,0)+1,1)*INDEX($D$3:$AA$30,INDEX(Jesper!$R$2:$R$366,ROW(INDEX(Jesper!AL$2:AL$366,ROUNDDOWN($C1546/24,0)+1,1))-1)+IF('Standard Profiles'!$G$22=$B$10,7,0)+IF('Standard Profiles'!$G$22=$B$17,14,0)+IF('Standard Profiles'!$G$22=$B$24,21,0),MOD($C1546,24)+1)/SUM(INDEX($D$3:$AA$30,INDEX(Jesper!$R$2:$R$366,ROW(INDEX(Jesper!AL$2:AL$366,ROUNDDOWN($C1546/24,0)+1,1))-1)+IF('Standard Profiles'!$G$22=$B$10,7,0)+IF('Standard Profiles'!$G$22=$B$17,14,0)+IF('Standard Profiles'!$G$22=$B$24,21,0),0)),0)</f>
        <v>3.3050791267709974</v>
      </c>
      <c r="I1546">
        <f t="shared" si="181"/>
        <v>3.1728759617001594</v>
      </c>
      <c r="J1546">
        <f t="shared" si="182"/>
        <v>15.856378309317414</v>
      </c>
      <c r="K1546">
        <f t="shared" si="183"/>
        <v>0.40518702250350941</v>
      </c>
      <c r="L1546">
        <f t="shared" si="184"/>
        <v>0.2025935112517547</v>
      </c>
      <c r="M1546">
        <f t="shared" si="185"/>
        <v>0</v>
      </c>
      <c r="N1546" s="45">
        <f t="shared" si="186"/>
        <v>44989.999999996333</v>
      </c>
    </row>
    <row r="1547" spans="2:14" x14ac:dyDescent="0.25">
      <c r="B1547">
        <f t="shared" si="180"/>
        <v>7</v>
      </c>
      <c r="C1547" s="16">
        <v>1513</v>
      </c>
      <c r="D1547" cm="1">
        <f t="array" ref="D1547">IFERROR(INDEX(Jesper!AH$2:AH$366,ROUNDDOWN($C1547/24,0)+1,1)*INDEX($D$3:$AA$30,INDEX(Jesper!$R$2:$R$366,ROW(INDEX(Jesper!AH$2:AH$366,ROUNDDOWN($C1547/24,0)+1,1))-1)+IF('Standard Profiles'!$G$18=$B$10,7,0)+IF('Standard Profiles'!$G$18=$B$17,14,0)+IF('Standard Profiles'!$G$18=$B$24,21,0),MOD($C1547,24)+1)/SUM(INDEX($D$3:$AA$30,INDEX(Jesper!$R$2:$R$366,ROW(INDEX(Jesper!AH$2:AH$366,ROUNDDOWN($C1547/24,0)+1,1))-1)+IF('Standard Profiles'!$G$18=$B$10,7,0)+IF('Standard Profiles'!$G$18=$B$17,14,0)+IF('Standard Profiles'!$G$18=$B$24,21,0),0)),0)</f>
        <v>0</v>
      </c>
      <c r="E1547" cm="1">
        <f t="array" ref="E1547">IFERROR(INDEX(Jesper!AI$2:AI$366,ROUNDDOWN($C1547/24,0)+1,1)*INDEX($D$3:$AA$30,INDEX(Jesper!$R$2:$R$366,ROW(INDEX(Jesper!AI$2:AI$366,ROUNDDOWN($C1547/24,0)+1,1))-1)+IF('Standard Profiles'!$G$19=$B$10,7,0)+IF('Standard Profiles'!$G$19=$B$17,14,0)+IF('Standard Profiles'!$G$19=$B$24,21,0),MOD($C1547,24)+1)/SUM(INDEX($D$3:$AA$30,INDEX(Jesper!$R$2:$R$366,ROW(INDEX(Jesper!AI$2:AI$366,ROUNDDOWN($C1547/24,0)+1,1))-1)+IF('Standard Profiles'!$G$19=$B$10,7,0)+IF('Standard Profiles'!$G$19=$B$17,14,0)+IF('Standard Profiles'!$G$19=$B$24,21,0),0)),0)</f>
        <v>5.0648377812938676</v>
      </c>
      <c r="F1547" cm="1">
        <f t="array" ref="F1547">IFERROR(INDEX(Jesper!AJ$2:AJ$366,ROUNDDOWN($C1547/24,0)+1,1)*INDEX($D$3:$AA$30,INDEX(Jesper!$R$2:$R$366,ROW(INDEX(Jesper!AJ$2:AJ$366,ROUNDDOWN($C1547/24,0)+1,1))-1)+IF('Standard Profiles'!$G$20=$B$10,7,0)+IF('Standard Profiles'!$G$20=$B$17,14,0)+IF('Standard Profiles'!$G$20=$B$24,21,0),MOD($C1547,24)+1)/SUM(INDEX($D$3:$AA$30,INDEX(Jesper!$R$2:$R$366,ROW(INDEX(Jesper!AJ$2:AJ$366,ROUNDDOWN($C1547/24,0)+1,1))-1)+IF('Standard Profiles'!$G$20=$B$10,7,0)+IF('Standard Profiles'!$G$20=$B$17,14,0)+IF('Standard Profiles'!$G$20=$B$24,21,0),0)),0)</f>
        <v>4.2879947617061198</v>
      </c>
      <c r="G1547" cm="1">
        <f t="array" ref="G1547">IFERROR(INDEX(Jesper!AK$2:AK$366,ROUNDDOWN($C1547/24,0)+1,1)*INDEX($D$3:$AA$30,INDEX(Jesper!$R$2:$R$366,ROW(INDEX(Jesper!AK$2:AK$366,ROUNDDOWN($C1547/24,0)+1,1))-1)+IF('Standard Profiles'!$G$21=$B$10,7,0)+IF('Standard Profiles'!$G$21=$B$17,14,0)+IF('Standard Profiles'!$G$21=$B$24,21,0),MOD($C1547,24)+1)/SUM(INDEX($D$3:$AA$30,INDEX(Jesper!$R$2:$R$366,ROW(INDEX(Jesper!AK$2:AK$366,ROUNDDOWN($C1547/24,0)+1,1))-1)+IF('Standard Profiles'!$G$21=$B$10,7,0)+IF('Standard Profiles'!$G$21=$B$17,14,0)+IF('Standard Profiles'!$G$21=$B$24,21,0),0)),0)</f>
        <v>6.9791231350018537</v>
      </c>
      <c r="H1547" cm="1">
        <f t="array" ref="H1547">IFERROR(INDEX(Jesper!AL$2:AL$366,ROUNDDOWN($C1547/24,0)+1,1)*INDEX($D$3:$AA$30,INDEX(Jesper!$R$2:$R$366,ROW(INDEX(Jesper!AL$2:AL$366,ROUNDDOWN($C1547/24,0)+1,1))-1)+IF('Standard Profiles'!$G$22=$B$10,7,0)+IF('Standard Profiles'!$G$22=$B$17,14,0)+IF('Standard Profiles'!$G$22=$B$24,21,0),MOD($C1547,24)+1)/SUM(INDEX($D$3:$AA$30,INDEX(Jesper!$R$2:$R$366,ROW(INDEX(Jesper!AL$2:AL$366,ROUNDDOWN($C1547/24,0)+1,1))-1)+IF('Standard Profiles'!$G$22=$B$10,7,0)+IF('Standard Profiles'!$G$22=$B$17,14,0)+IF('Standard Profiles'!$G$22=$B$24,21,0),0)),0)</f>
        <v>3.8381564052824482</v>
      </c>
      <c r="I1547">
        <f t="shared" si="181"/>
        <v>3.6846301490711522</v>
      </c>
      <c r="J1547">
        <f t="shared" si="182"/>
        <v>15.877701400457871</v>
      </c>
      <c r="K1547">
        <f t="shared" si="183"/>
        <v>0.40518702250350941</v>
      </c>
      <c r="L1547">
        <f t="shared" si="184"/>
        <v>0.2025935112517547</v>
      </c>
      <c r="M1547">
        <f t="shared" si="185"/>
        <v>0</v>
      </c>
      <c r="N1547" s="45">
        <f t="shared" si="186"/>
        <v>44990.041666662997</v>
      </c>
    </row>
    <row r="1548" spans="2:14" x14ac:dyDescent="0.25">
      <c r="B1548">
        <f t="shared" si="180"/>
        <v>7</v>
      </c>
      <c r="C1548" s="16">
        <v>1514</v>
      </c>
      <c r="D1548" cm="1">
        <f t="array" ref="D1548">IFERROR(INDEX(Jesper!AH$2:AH$366,ROUNDDOWN($C1548/24,0)+1,1)*INDEX($D$3:$AA$30,INDEX(Jesper!$R$2:$R$366,ROW(INDEX(Jesper!AH$2:AH$366,ROUNDDOWN($C1548/24,0)+1,1))-1)+IF('Standard Profiles'!$G$18=$B$10,7,0)+IF('Standard Profiles'!$G$18=$B$17,14,0)+IF('Standard Profiles'!$G$18=$B$24,21,0),MOD($C1548,24)+1)/SUM(INDEX($D$3:$AA$30,INDEX(Jesper!$R$2:$R$366,ROW(INDEX(Jesper!AH$2:AH$366,ROUNDDOWN($C1548/24,0)+1,1))-1)+IF('Standard Profiles'!$G$18=$B$10,7,0)+IF('Standard Profiles'!$G$18=$B$17,14,0)+IF('Standard Profiles'!$G$18=$B$24,21,0),0)),0)</f>
        <v>0</v>
      </c>
      <c r="E1548" cm="1">
        <f t="array" ref="E1548">IFERROR(INDEX(Jesper!AI$2:AI$366,ROUNDDOWN($C1548/24,0)+1,1)*INDEX($D$3:$AA$30,INDEX(Jesper!$R$2:$R$366,ROW(INDEX(Jesper!AI$2:AI$366,ROUNDDOWN($C1548/24,0)+1,1))-1)+IF('Standard Profiles'!$G$19=$B$10,7,0)+IF('Standard Profiles'!$G$19=$B$17,14,0)+IF('Standard Profiles'!$G$19=$B$24,21,0),MOD($C1548,24)+1)/SUM(INDEX($D$3:$AA$30,INDEX(Jesper!$R$2:$R$366,ROW(INDEX(Jesper!AI$2:AI$366,ROUNDDOWN($C1548/24,0)+1,1))-1)+IF('Standard Profiles'!$G$19=$B$10,7,0)+IF('Standard Profiles'!$G$19=$B$17,14,0)+IF('Standard Profiles'!$G$19=$B$24,21,0),0)),0)</f>
        <v>5.0648377812938676</v>
      </c>
      <c r="F1548" cm="1">
        <f t="array" ref="F1548">IFERROR(INDEX(Jesper!AJ$2:AJ$366,ROUNDDOWN($C1548/24,0)+1,1)*INDEX($D$3:$AA$30,INDEX(Jesper!$R$2:$R$366,ROW(INDEX(Jesper!AJ$2:AJ$366,ROUNDDOWN($C1548/24,0)+1,1))-1)+IF('Standard Profiles'!$G$20=$B$10,7,0)+IF('Standard Profiles'!$G$20=$B$17,14,0)+IF('Standard Profiles'!$G$20=$B$24,21,0),MOD($C1548,24)+1)/SUM(INDEX($D$3:$AA$30,INDEX(Jesper!$R$2:$R$366,ROW(INDEX(Jesper!AJ$2:AJ$366,ROUNDDOWN($C1548/24,0)+1,1))-1)+IF('Standard Profiles'!$G$20=$B$10,7,0)+IF('Standard Profiles'!$G$20=$B$17,14,0)+IF('Standard Profiles'!$G$20=$B$24,21,0),0)),0)</f>
        <v>4.2879947617061198</v>
      </c>
      <c r="G1548" cm="1">
        <f t="array" ref="G1548">IFERROR(INDEX(Jesper!AK$2:AK$366,ROUNDDOWN($C1548/24,0)+1,1)*INDEX($D$3:$AA$30,INDEX(Jesper!$R$2:$R$366,ROW(INDEX(Jesper!AK$2:AK$366,ROUNDDOWN($C1548/24,0)+1,1))-1)+IF('Standard Profiles'!$G$21=$B$10,7,0)+IF('Standard Profiles'!$G$21=$B$17,14,0)+IF('Standard Profiles'!$G$21=$B$24,21,0),MOD($C1548,24)+1)/SUM(INDEX($D$3:$AA$30,INDEX(Jesper!$R$2:$R$366,ROW(INDEX(Jesper!AK$2:AK$366,ROUNDDOWN($C1548/24,0)+1,1))-1)+IF('Standard Profiles'!$G$21=$B$10,7,0)+IF('Standard Profiles'!$G$21=$B$17,14,0)+IF('Standard Profiles'!$G$21=$B$24,21,0),0)),0)</f>
        <v>6.9791231350018537</v>
      </c>
      <c r="H1548" cm="1">
        <f t="array" ref="H1548">IFERROR(INDEX(Jesper!AL$2:AL$366,ROUNDDOWN($C1548/24,0)+1,1)*INDEX($D$3:$AA$30,INDEX(Jesper!$R$2:$R$366,ROW(INDEX(Jesper!AL$2:AL$366,ROUNDDOWN($C1548/24,0)+1,1))-1)+IF('Standard Profiles'!$G$22=$B$10,7,0)+IF('Standard Profiles'!$G$22=$B$17,14,0)+IF('Standard Profiles'!$G$22=$B$24,21,0),MOD($C1548,24)+1)/SUM(INDEX($D$3:$AA$30,INDEX(Jesper!$R$2:$R$366,ROW(INDEX(Jesper!AL$2:AL$366,ROUNDDOWN($C1548/24,0)+1,1))-1)+IF('Standard Profiles'!$G$22=$B$10,7,0)+IF('Standard Profiles'!$G$22=$B$17,14,0)+IF('Standard Profiles'!$G$22=$B$24,21,0),0)),0)</f>
        <v>3.8381564052824482</v>
      </c>
      <c r="I1548">
        <f t="shared" si="181"/>
        <v>3.6846301490711522</v>
      </c>
      <c r="J1548">
        <f t="shared" si="182"/>
        <v>15.877701400457871</v>
      </c>
      <c r="K1548">
        <f t="shared" si="183"/>
        <v>0.40518702250350941</v>
      </c>
      <c r="L1548">
        <f t="shared" si="184"/>
        <v>0.2025935112517547</v>
      </c>
      <c r="M1548">
        <f t="shared" si="185"/>
        <v>0</v>
      </c>
      <c r="N1548" s="45">
        <f t="shared" si="186"/>
        <v>44990.083333329661</v>
      </c>
    </row>
    <row r="1549" spans="2:14" x14ac:dyDescent="0.25">
      <c r="B1549">
        <f t="shared" si="180"/>
        <v>7</v>
      </c>
      <c r="C1549" s="16">
        <v>1515</v>
      </c>
      <c r="D1549" cm="1">
        <f t="array" ref="D1549">IFERROR(INDEX(Jesper!AH$2:AH$366,ROUNDDOWN($C1549/24,0)+1,1)*INDEX($D$3:$AA$30,INDEX(Jesper!$R$2:$R$366,ROW(INDEX(Jesper!AH$2:AH$366,ROUNDDOWN($C1549/24,0)+1,1))-1)+IF('Standard Profiles'!$G$18=$B$10,7,0)+IF('Standard Profiles'!$G$18=$B$17,14,0)+IF('Standard Profiles'!$G$18=$B$24,21,0),MOD($C1549,24)+1)/SUM(INDEX($D$3:$AA$30,INDEX(Jesper!$R$2:$R$366,ROW(INDEX(Jesper!AH$2:AH$366,ROUNDDOWN($C1549/24,0)+1,1))-1)+IF('Standard Profiles'!$G$18=$B$10,7,0)+IF('Standard Profiles'!$G$18=$B$17,14,0)+IF('Standard Profiles'!$G$18=$B$24,21,0),0)),0)</f>
        <v>0</v>
      </c>
      <c r="E1549" cm="1">
        <f t="array" ref="E1549">IFERROR(INDEX(Jesper!AI$2:AI$366,ROUNDDOWN($C1549/24,0)+1,1)*INDEX($D$3:$AA$30,INDEX(Jesper!$R$2:$R$366,ROW(INDEX(Jesper!AI$2:AI$366,ROUNDDOWN($C1549/24,0)+1,1))-1)+IF('Standard Profiles'!$G$19=$B$10,7,0)+IF('Standard Profiles'!$G$19=$B$17,14,0)+IF('Standard Profiles'!$G$19=$B$24,21,0),MOD($C1549,24)+1)/SUM(INDEX($D$3:$AA$30,INDEX(Jesper!$R$2:$R$366,ROW(INDEX(Jesper!AI$2:AI$366,ROUNDDOWN($C1549/24,0)+1,1))-1)+IF('Standard Profiles'!$G$19=$B$10,7,0)+IF('Standard Profiles'!$G$19=$B$17,14,0)+IF('Standard Profiles'!$G$19=$B$24,21,0),0)),0)</f>
        <v>5.0648377812938676</v>
      </c>
      <c r="F1549" cm="1">
        <f t="array" ref="F1549">IFERROR(INDEX(Jesper!AJ$2:AJ$366,ROUNDDOWN($C1549/24,0)+1,1)*INDEX($D$3:$AA$30,INDEX(Jesper!$R$2:$R$366,ROW(INDEX(Jesper!AJ$2:AJ$366,ROUNDDOWN($C1549/24,0)+1,1))-1)+IF('Standard Profiles'!$G$20=$B$10,7,0)+IF('Standard Profiles'!$G$20=$B$17,14,0)+IF('Standard Profiles'!$G$20=$B$24,21,0),MOD($C1549,24)+1)/SUM(INDEX($D$3:$AA$30,INDEX(Jesper!$R$2:$R$366,ROW(INDEX(Jesper!AJ$2:AJ$366,ROUNDDOWN($C1549/24,0)+1,1))-1)+IF('Standard Profiles'!$G$20=$B$10,7,0)+IF('Standard Profiles'!$G$20=$B$17,14,0)+IF('Standard Profiles'!$G$20=$B$24,21,0),0)),0)</f>
        <v>4.2879947617061198</v>
      </c>
      <c r="G1549" cm="1">
        <f t="array" ref="G1549">IFERROR(INDEX(Jesper!AK$2:AK$366,ROUNDDOWN($C1549/24,0)+1,1)*INDEX($D$3:$AA$30,INDEX(Jesper!$R$2:$R$366,ROW(INDEX(Jesper!AK$2:AK$366,ROUNDDOWN($C1549/24,0)+1,1))-1)+IF('Standard Profiles'!$G$21=$B$10,7,0)+IF('Standard Profiles'!$G$21=$B$17,14,0)+IF('Standard Profiles'!$G$21=$B$24,21,0),MOD($C1549,24)+1)/SUM(INDEX($D$3:$AA$30,INDEX(Jesper!$R$2:$R$366,ROW(INDEX(Jesper!AK$2:AK$366,ROUNDDOWN($C1549/24,0)+1,1))-1)+IF('Standard Profiles'!$G$21=$B$10,7,0)+IF('Standard Profiles'!$G$21=$B$17,14,0)+IF('Standard Profiles'!$G$21=$B$24,21,0),0)),0)</f>
        <v>6.9791231350018537</v>
      </c>
      <c r="H1549" cm="1">
        <f t="array" ref="H1549">IFERROR(INDEX(Jesper!AL$2:AL$366,ROUNDDOWN($C1549/24,0)+1,1)*INDEX($D$3:$AA$30,INDEX(Jesper!$R$2:$R$366,ROW(INDEX(Jesper!AL$2:AL$366,ROUNDDOWN($C1549/24,0)+1,1))-1)+IF('Standard Profiles'!$G$22=$B$10,7,0)+IF('Standard Profiles'!$G$22=$B$17,14,0)+IF('Standard Profiles'!$G$22=$B$24,21,0),MOD($C1549,24)+1)/SUM(INDEX($D$3:$AA$30,INDEX(Jesper!$R$2:$R$366,ROW(INDEX(Jesper!AL$2:AL$366,ROUNDDOWN($C1549/24,0)+1,1))-1)+IF('Standard Profiles'!$G$22=$B$10,7,0)+IF('Standard Profiles'!$G$22=$B$17,14,0)+IF('Standard Profiles'!$G$22=$B$24,21,0),0)),0)</f>
        <v>3.8381564052824482</v>
      </c>
      <c r="I1549">
        <f t="shared" si="181"/>
        <v>3.6846301490711522</v>
      </c>
      <c r="J1549">
        <f t="shared" si="182"/>
        <v>15.877701400457871</v>
      </c>
      <c r="K1549">
        <f t="shared" si="183"/>
        <v>0.40518702250350941</v>
      </c>
      <c r="L1549">
        <f t="shared" si="184"/>
        <v>0.2025935112517547</v>
      </c>
      <c r="M1549">
        <f t="shared" si="185"/>
        <v>0</v>
      </c>
      <c r="N1549" s="45">
        <f t="shared" si="186"/>
        <v>44990.124999996326</v>
      </c>
    </row>
    <row r="1550" spans="2:14" x14ac:dyDescent="0.25">
      <c r="B1550">
        <f t="shared" si="180"/>
        <v>7</v>
      </c>
      <c r="C1550" s="16">
        <v>1516</v>
      </c>
      <c r="D1550" cm="1">
        <f t="array" ref="D1550">IFERROR(INDEX(Jesper!AH$2:AH$366,ROUNDDOWN($C1550/24,0)+1,1)*INDEX($D$3:$AA$30,INDEX(Jesper!$R$2:$R$366,ROW(INDEX(Jesper!AH$2:AH$366,ROUNDDOWN($C1550/24,0)+1,1))-1)+IF('Standard Profiles'!$G$18=$B$10,7,0)+IF('Standard Profiles'!$G$18=$B$17,14,0)+IF('Standard Profiles'!$G$18=$B$24,21,0),MOD($C1550,24)+1)/SUM(INDEX($D$3:$AA$30,INDEX(Jesper!$R$2:$R$366,ROW(INDEX(Jesper!AH$2:AH$366,ROUNDDOWN($C1550/24,0)+1,1))-1)+IF('Standard Profiles'!$G$18=$B$10,7,0)+IF('Standard Profiles'!$G$18=$B$17,14,0)+IF('Standard Profiles'!$G$18=$B$24,21,0),0)),0)</f>
        <v>0</v>
      </c>
      <c r="E1550" cm="1">
        <f t="array" ref="E1550">IFERROR(INDEX(Jesper!AI$2:AI$366,ROUNDDOWN($C1550/24,0)+1,1)*INDEX($D$3:$AA$30,INDEX(Jesper!$R$2:$R$366,ROW(INDEX(Jesper!AI$2:AI$366,ROUNDDOWN($C1550/24,0)+1,1))-1)+IF('Standard Profiles'!$G$19=$B$10,7,0)+IF('Standard Profiles'!$G$19=$B$17,14,0)+IF('Standard Profiles'!$G$19=$B$24,21,0),MOD($C1550,24)+1)/SUM(INDEX($D$3:$AA$30,INDEX(Jesper!$R$2:$R$366,ROW(INDEX(Jesper!AI$2:AI$366,ROUNDDOWN($C1550/24,0)+1,1))-1)+IF('Standard Profiles'!$G$19=$B$10,7,0)+IF('Standard Profiles'!$G$19=$B$17,14,0)+IF('Standard Profiles'!$G$19=$B$24,21,0),0)),0)</f>
        <v>5.0648377812938676</v>
      </c>
      <c r="F1550" cm="1">
        <f t="array" ref="F1550">IFERROR(INDEX(Jesper!AJ$2:AJ$366,ROUNDDOWN($C1550/24,0)+1,1)*INDEX($D$3:$AA$30,INDEX(Jesper!$R$2:$R$366,ROW(INDEX(Jesper!AJ$2:AJ$366,ROUNDDOWN($C1550/24,0)+1,1))-1)+IF('Standard Profiles'!$G$20=$B$10,7,0)+IF('Standard Profiles'!$G$20=$B$17,14,0)+IF('Standard Profiles'!$G$20=$B$24,21,0),MOD($C1550,24)+1)/SUM(INDEX($D$3:$AA$30,INDEX(Jesper!$R$2:$R$366,ROW(INDEX(Jesper!AJ$2:AJ$366,ROUNDDOWN($C1550/24,0)+1,1))-1)+IF('Standard Profiles'!$G$20=$B$10,7,0)+IF('Standard Profiles'!$G$20=$B$17,14,0)+IF('Standard Profiles'!$G$20=$B$24,21,0),0)),0)</f>
        <v>4.2879947617061198</v>
      </c>
      <c r="G1550" cm="1">
        <f t="array" ref="G1550">IFERROR(INDEX(Jesper!AK$2:AK$366,ROUNDDOWN($C1550/24,0)+1,1)*INDEX($D$3:$AA$30,INDEX(Jesper!$R$2:$R$366,ROW(INDEX(Jesper!AK$2:AK$366,ROUNDDOWN($C1550/24,0)+1,1))-1)+IF('Standard Profiles'!$G$21=$B$10,7,0)+IF('Standard Profiles'!$G$21=$B$17,14,0)+IF('Standard Profiles'!$G$21=$B$24,21,0),MOD($C1550,24)+1)/SUM(INDEX($D$3:$AA$30,INDEX(Jesper!$R$2:$R$366,ROW(INDEX(Jesper!AK$2:AK$366,ROUNDDOWN($C1550/24,0)+1,1))-1)+IF('Standard Profiles'!$G$21=$B$10,7,0)+IF('Standard Profiles'!$G$21=$B$17,14,0)+IF('Standard Profiles'!$G$21=$B$24,21,0),0)),0)</f>
        <v>6.9791231350018537</v>
      </c>
      <c r="H1550" cm="1">
        <f t="array" ref="H1550">IFERROR(INDEX(Jesper!AL$2:AL$366,ROUNDDOWN($C1550/24,0)+1,1)*INDEX($D$3:$AA$30,INDEX(Jesper!$R$2:$R$366,ROW(INDEX(Jesper!AL$2:AL$366,ROUNDDOWN($C1550/24,0)+1,1))-1)+IF('Standard Profiles'!$G$22=$B$10,7,0)+IF('Standard Profiles'!$G$22=$B$17,14,0)+IF('Standard Profiles'!$G$22=$B$24,21,0),MOD($C1550,24)+1)/SUM(INDEX($D$3:$AA$30,INDEX(Jesper!$R$2:$R$366,ROW(INDEX(Jesper!AL$2:AL$366,ROUNDDOWN($C1550/24,0)+1,1))-1)+IF('Standard Profiles'!$G$22=$B$10,7,0)+IF('Standard Profiles'!$G$22=$B$17,14,0)+IF('Standard Profiles'!$G$22=$B$24,21,0),0)),0)</f>
        <v>3.8381564052824482</v>
      </c>
      <c r="I1550">
        <f t="shared" si="181"/>
        <v>3.6846301490711522</v>
      </c>
      <c r="J1550">
        <f t="shared" si="182"/>
        <v>15.877701400457871</v>
      </c>
      <c r="K1550">
        <f t="shared" si="183"/>
        <v>0.40518702250350941</v>
      </c>
      <c r="L1550">
        <f t="shared" si="184"/>
        <v>0.2025935112517547</v>
      </c>
      <c r="M1550">
        <f t="shared" si="185"/>
        <v>0</v>
      </c>
      <c r="N1550" s="45">
        <f t="shared" si="186"/>
        <v>44990.16666666299</v>
      </c>
    </row>
    <row r="1551" spans="2:14" x14ac:dyDescent="0.25">
      <c r="B1551">
        <f t="shared" si="180"/>
        <v>7</v>
      </c>
      <c r="C1551" s="16">
        <v>1517</v>
      </c>
      <c r="D1551" cm="1">
        <f t="array" ref="D1551">IFERROR(INDEX(Jesper!AH$2:AH$366,ROUNDDOWN($C1551/24,0)+1,1)*INDEX($D$3:$AA$30,INDEX(Jesper!$R$2:$R$366,ROW(INDEX(Jesper!AH$2:AH$366,ROUNDDOWN($C1551/24,0)+1,1))-1)+IF('Standard Profiles'!$G$18=$B$10,7,0)+IF('Standard Profiles'!$G$18=$B$17,14,0)+IF('Standard Profiles'!$G$18=$B$24,21,0),MOD($C1551,24)+1)/SUM(INDEX($D$3:$AA$30,INDEX(Jesper!$R$2:$R$366,ROW(INDEX(Jesper!AH$2:AH$366,ROUNDDOWN($C1551/24,0)+1,1))-1)+IF('Standard Profiles'!$G$18=$B$10,7,0)+IF('Standard Profiles'!$G$18=$B$17,14,0)+IF('Standard Profiles'!$G$18=$B$24,21,0),0)),0)</f>
        <v>0</v>
      </c>
      <c r="E1551" cm="1">
        <f t="array" ref="E1551">IFERROR(INDEX(Jesper!AI$2:AI$366,ROUNDDOWN($C1551/24,0)+1,1)*INDEX($D$3:$AA$30,INDEX(Jesper!$R$2:$R$366,ROW(INDEX(Jesper!AI$2:AI$366,ROUNDDOWN($C1551/24,0)+1,1))-1)+IF('Standard Profiles'!$G$19=$B$10,7,0)+IF('Standard Profiles'!$G$19=$B$17,14,0)+IF('Standard Profiles'!$G$19=$B$24,21,0),MOD($C1551,24)+1)/SUM(INDEX($D$3:$AA$30,INDEX(Jesper!$R$2:$R$366,ROW(INDEX(Jesper!AI$2:AI$366,ROUNDDOWN($C1551/24,0)+1,1))-1)+IF('Standard Profiles'!$G$19=$B$10,7,0)+IF('Standard Profiles'!$G$19=$B$17,14,0)+IF('Standard Profiles'!$G$19=$B$24,21,0),0)),0)</f>
        <v>5.0648377812938676</v>
      </c>
      <c r="F1551" cm="1">
        <f t="array" ref="F1551">IFERROR(INDEX(Jesper!AJ$2:AJ$366,ROUNDDOWN($C1551/24,0)+1,1)*INDEX($D$3:$AA$30,INDEX(Jesper!$R$2:$R$366,ROW(INDEX(Jesper!AJ$2:AJ$366,ROUNDDOWN($C1551/24,0)+1,1))-1)+IF('Standard Profiles'!$G$20=$B$10,7,0)+IF('Standard Profiles'!$G$20=$B$17,14,0)+IF('Standard Profiles'!$G$20=$B$24,21,0),MOD($C1551,24)+1)/SUM(INDEX($D$3:$AA$30,INDEX(Jesper!$R$2:$R$366,ROW(INDEX(Jesper!AJ$2:AJ$366,ROUNDDOWN($C1551/24,0)+1,1))-1)+IF('Standard Profiles'!$G$20=$B$10,7,0)+IF('Standard Profiles'!$G$20=$B$17,14,0)+IF('Standard Profiles'!$G$20=$B$24,21,0),0)),0)</f>
        <v>4.2879947617061198</v>
      </c>
      <c r="G1551" cm="1">
        <f t="array" ref="G1551">IFERROR(INDEX(Jesper!AK$2:AK$366,ROUNDDOWN($C1551/24,0)+1,1)*INDEX($D$3:$AA$30,INDEX(Jesper!$R$2:$R$366,ROW(INDEX(Jesper!AK$2:AK$366,ROUNDDOWN($C1551/24,0)+1,1))-1)+IF('Standard Profiles'!$G$21=$B$10,7,0)+IF('Standard Profiles'!$G$21=$B$17,14,0)+IF('Standard Profiles'!$G$21=$B$24,21,0),MOD($C1551,24)+1)/SUM(INDEX($D$3:$AA$30,INDEX(Jesper!$R$2:$R$366,ROW(INDEX(Jesper!AK$2:AK$366,ROUNDDOWN($C1551/24,0)+1,1))-1)+IF('Standard Profiles'!$G$21=$B$10,7,0)+IF('Standard Profiles'!$G$21=$B$17,14,0)+IF('Standard Profiles'!$G$21=$B$24,21,0),0)),0)</f>
        <v>6.9791231350018537</v>
      </c>
      <c r="H1551" cm="1">
        <f t="array" ref="H1551">IFERROR(INDEX(Jesper!AL$2:AL$366,ROUNDDOWN($C1551/24,0)+1,1)*INDEX($D$3:$AA$30,INDEX(Jesper!$R$2:$R$366,ROW(INDEX(Jesper!AL$2:AL$366,ROUNDDOWN($C1551/24,0)+1,1))-1)+IF('Standard Profiles'!$G$22=$B$10,7,0)+IF('Standard Profiles'!$G$22=$B$17,14,0)+IF('Standard Profiles'!$G$22=$B$24,21,0),MOD($C1551,24)+1)/SUM(INDEX($D$3:$AA$30,INDEX(Jesper!$R$2:$R$366,ROW(INDEX(Jesper!AL$2:AL$366,ROUNDDOWN($C1551/24,0)+1,1))-1)+IF('Standard Profiles'!$G$22=$B$10,7,0)+IF('Standard Profiles'!$G$22=$B$17,14,0)+IF('Standard Profiles'!$G$22=$B$24,21,0),0)),0)</f>
        <v>4.7976955066030609</v>
      </c>
      <c r="I1551">
        <f t="shared" si="181"/>
        <v>4.6057876863389406</v>
      </c>
      <c r="J1551">
        <f t="shared" si="182"/>
        <v>15.916082964510696</v>
      </c>
      <c r="K1551">
        <f t="shared" si="183"/>
        <v>0.40518702250350941</v>
      </c>
      <c r="L1551">
        <f t="shared" si="184"/>
        <v>0.2025935112517547</v>
      </c>
      <c r="M1551">
        <f t="shared" si="185"/>
        <v>0</v>
      </c>
      <c r="N1551" s="45">
        <f t="shared" si="186"/>
        <v>44990.208333329654</v>
      </c>
    </row>
    <row r="1552" spans="2:14" x14ac:dyDescent="0.25">
      <c r="B1552">
        <f t="shared" si="180"/>
        <v>7</v>
      </c>
      <c r="C1552" s="16">
        <v>1518</v>
      </c>
      <c r="D1552" cm="1">
        <f t="array" ref="D1552">IFERROR(INDEX(Jesper!AH$2:AH$366,ROUNDDOWN($C1552/24,0)+1,1)*INDEX($D$3:$AA$30,INDEX(Jesper!$R$2:$R$366,ROW(INDEX(Jesper!AH$2:AH$366,ROUNDDOWN($C1552/24,0)+1,1))-1)+IF('Standard Profiles'!$G$18=$B$10,7,0)+IF('Standard Profiles'!$G$18=$B$17,14,0)+IF('Standard Profiles'!$G$18=$B$24,21,0),MOD($C1552,24)+1)/SUM(INDEX($D$3:$AA$30,INDEX(Jesper!$R$2:$R$366,ROW(INDEX(Jesper!AH$2:AH$366,ROUNDDOWN($C1552/24,0)+1,1))-1)+IF('Standard Profiles'!$G$18=$B$10,7,0)+IF('Standard Profiles'!$G$18=$B$17,14,0)+IF('Standard Profiles'!$G$18=$B$24,21,0),0)),0)</f>
        <v>0</v>
      </c>
      <c r="E1552" cm="1">
        <f t="array" ref="E1552">IFERROR(INDEX(Jesper!AI$2:AI$366,ROUNDDOWN($C1552/24,0)+1,1)*INDEX($D$3:$AA$30,INDEX(Jesper!$R$2:$R$366,ROW(INDEX(Jesper!AI$2:AI$366,ROUNDDOWN($C1552/24,0)+1,1))-1)+IF('Standard Profiles'!$G$19=$B$10,7,0)+IF('Standard Profiles'!$G$19=$B$17,14,0)+IF('Standard Profiles'!$G$19=$B$24,21,0),MOD($C1552,24)+1)/SUM(INDEX($D$3:$AA$30,INDEX(Jesper!$R$2:$R$366,ROW(INDEX(Jesper!AI$2:AI$366,ROUNDDOWN($C1552/24,0)+1,1))-1)+IF('Standard Profiles'!$G$19=$B$10,7,0)+IF('Standard Profiles'!$G$19=$B$17,14,0)+IF('Standard Profiles'!$G$19=$B$24,21,0),0)),0)</f>
        <v>5.0648377812938676</v>
      </c>
      <c r="F1552" cm="1">
        <f t="array" ref="F1552">IFERROR(INDEX(Jesper!AJ$2:AJ$366,ROUNDDOWN($C1552/24,0)+1,1)*INDEX($D$3:$AA$30,INDEX(Jesper!$R$2:$R$366,ROW(INDEX(Jesper!AJ$2:AJ$366,ROUNDDOWN($C1552/24,0)+1,1))-1)+IF('Standard Profiles'!$G$20=$B$10,7,0)+IF('Standard Profiles'!$G$20=$B$17,14,0)+IF('Standard Profiles'!$G$20=$B$24,21,0),MOD($C1552,24)+1)/SUM(INDEX($D$3:$AA$30,INDEX(Jesper!$R$2:$R$366,ROW(INDEX(Jesper!AJ$2:AJ$366,ROUNDDOWN($C1552/24,0)+1,1))-1)+IF('Standard Profiles'!$G$20=$B$10,7,0)+IF('Standard Profiles'!$G$20=$B$17,14,0)+IF('Standard Profiles'!$G$20=$B$24,21,0),0)),0)</f>
        <v>4.2879947617061198</v>
      </c>
      <c r="G1552" cm="1">
        <f t="array" ref="G1552">IFERROR(INDEX(Jesper!AK$2:AK$366,ROUNDDOWN($C1552/24,0)+1,1)*INDEX($D$3:$AA$30,INDEX(Jesper!$R$2:$R$366,ROW(INDEX(Jesper!AK$2:AK$366,ROUNDDOWN($C1552/24,0)+1,1))-1)+IF('Standard Profiles'!$G$21=$B$10,7,0)+IF('Standard Profiles'!$G$21=$B$17,14,0)+IF('Standard Profiles'!$G$21=$B$24,21,0),MOD($C1552,24)+1)/SUM(INDEX($D$3:$AA$30,INDEX(Jesper!$R$2:$R$366,ROW(INDEX(Jesper!AK$2:AK$366,ROUNDDOWN($C1552/24,0)+1,1))-1)+IF('Standard Profiles'!$G$21=$B$10,7,0)+IF('Standard Profiles'!$G$21=$B$17,14,0)+IF('Standard Profiles'!$G$21=$B$24,21,0),0)),0)</f>
        <v>6.9791231350018537</v>
      </c>
      <c r="H1552" cm="1">
        <f t="array" ref="H1552">IFERROR(INDEX(Jesper!AL$2:AL$366,ROUNDDOWN($C1552/24,0)+1,1)*INDEX($D$3:$AA$30,INDEX(Jesper!$R$2:$R$366,ROW(INDEX(Jesper!AL$2:AL$366,ROUNDDOWN($C1552/24,0)+1,1))-1)+IF('Standard Profiles'!$G$22=$B$10,7,0)+IF('Standard Profiles'!$G$22=$B$17,14,0)+IF('Standard Profiles'!$G$22=$B$24,21,0),MOD($C1552,24)+1)/SUM(INDEX($D$3:$AA$30,INDEX(Jesper!$R$2:$R$366,ROW(INDEX(Jesper!AL$2:AL$366,ROUNDDOWN($C1552/24,0)+1,1))-1)+IF('Standard Profiles'!$G$22=$B$10,7,0)+IF('Standard Profiles'!$G$22=$B$17,14,0)+IF('Standard Profiles'!$G$22=$B$24,21,0),0)),0)</f>
        <v>5.6506191522213829</v>
      </c>
      <c r="I1552">
        <f t="shared" si="181"/>
        <v>5.4245943861325303</v>
      </c>
      <c r="J1552">
        <f t="shared" si="182"/>
        <v>15.950199910335428</v>
      </c>
      <c r="K1552">
        <f t="shared" si="183"/>
        <v>0.40518702250350941</v>
      </c>
      <c r="L1552">
        <f t="shared" si="184"/>
        <v>0.2025935112517547</v>
      </c>
      <c r="M1552">
        <f t="shared" si="185"/>
        <v>0</v>
      </c>
      <c r="N1552" s="45">
        <f t="shared" si="186"/>
        <v>44990.249999996318</v>
      </c>
    </row>
    <row r="1553" spans="2:14" x14ac:dyDescent="0.25">
      <c r="B1553">
        <f t="shared" si="180"/>
        <v>7</v>
      </c>
      <c r="C1553" s="16">
        <v>1519</v>
      </c>
      <c r="D1553" cm="1">
        <f t="array" ref="D1553">IFERROR(INDEX(Jesper!AH$2:AH$366,ROUNDDOWN($C1553/24,0)+1,1)*INDEX($D$3:$AA$30,INDEX(Jesper!$R$2:$R$366,ROW(INDEX(Jesper!AH$2:AH$366,ROUNDDOWN($C1553/24,0)+1,1))-1)+IF('Standard Profiles'!$G$18=$B$10,7,0)+IF('Standard Profiles'!$G$18=$B$17,14,0)+IF('Standard Profiles'!$G$18=$B$24,21,0),MOD($C1553,24)+1)/SUM(INDEX($D$3:$AA$30,INDEX(Jesper!$R$2:$R$366,ROW(INDEX(Jesper!AH$2:AH$366,ROUNDDOWN($C1553/24,0)+1,1))-1)+IF('Standard Profiles'!$G$18=$B$10,7,0)+IF('Standard Profiles'!$G$18=$B$17,14,0)+IF('Standard Profiles'!$G$18=$B$24,21,0),0)),0)</f>
        <v>0</v>
      </c>
      <c r="E1553" cm="1">
        <f t="array" ref="E1553">IFERROR(INDEX(Jesper!AI$2:AI$366,ROUNDDOWN($C1553/24,0)+1,1)*INDEX($D$3:$AA$30,INDEX(Jesper!$R$2:$R$366,ROW(INDEX(Jesper!AI$2:AI$366,ROUNDDOWN($C1553/24,0)+1,1))-1)+IF('Standard Profiles'!$G$19=$B$10,7,0)+IF('Standard Profiles'!$G$19=$B$17,14,0)+IF('Standard Profiles'!$G$19=$B$24,21,0),MOD($C1553,24)+1)/SUM(INDEX($D$3:$AA$30,INDEX(Jesper!$R$2:$R$366,ROW(INDEX(Jesper!AI$2:AI$366,ROUNDDOWN($C1553/24,0)+1,1))-1)+IF('Standard Profiles'!$G$19=$B$10,7,0)+IF('Standard Profiles'!$G$19=$B$17,14,0)+IF('Standard Profiles'!$G$19=$B$24,21,0),0)),0)</f>
        <v>5.0648377812938676</v>
      </c>
      <c r="F1553" cm="1">
        <f t="array" ref="F1553">IFERROR(INDEX(Jesper!AJ$2:AJ$366,ROUNDDOWN($C1553/24,0)+1,1)*INDEX($D$3:$AA$30,INDEX(Jesper!$R$2:$R$366,ROW(INDEX(Jesper!AJ$2:AJ$366,ROUNDDOWN($C1553/24,0)+1,1))-1)+IF('Standard Profiles'!$G$20=$B$10,7,0)+IF('Standard Profiles'!$G$20=$B$17,14,0)+IF('Standard Profiles'!$G$20=$B$24,21,0),MOD($C1553,24)+1)/SUM(INDEX($D$3:$AA$30,INDEX(Jesper!$R$2:$R$366,ROW(INDEX(Jesper!AJ$2:AJ$366,ROUNDDOWN($C1553/24,0)+1,1))-1)+IF('Standard Profiles'!$G$20=$B$10,7,0)+IF('Standard Profiles'!$G$20=$B$17,14,0)+IF('Standard Profiles'!$G$20=$B$24,21,0),0)),0)</f>
        <v>4.2879947617061198</v>
      </c>
      <c r="G1553" cm="1">
        <f t="array" ref="G1553">IFERROR(INDEX(Jesper!AK$2:AK$366,ROUNDDOWN($C1553/24,0)+1,1)*INDEX($D$3:$AA$30,INDEX(Jesper!$R$2:$R$366,ROW(INDEX(Jesper!AK$2:AK$366,ROUNDDOWN($C1553/24,0)+1,1))-1)+IF('Standard Profiles'!$G$21=$B$10,7,0)+IF('Standard Profiles'!$G$21=$B$17,14,0)+IF('Standard Profiles'!$G$21=$B$24,21,0),MOD($C1553,24)+1)/SUM(INDEX($D$3:$AA$30,INDEX(Jesper!$R$2:$R$366,ROW(INDEX(Jesper!AK$2:AK$366,ROUNDDOWN($C1553/24,0)+1,1))-1)+IF('Standard Profiles'!$G$21=$B$10,7,0)+IF('Standard Profiles'!$G$21=$B$17,14,0)+IF('Standard Profiles'!$G$21=$B$24,21,0),0)),0)</f>
        <v>6.9791231350018537</v>
      </c>
      <c r="H1553" cm="1">
        <f t="array" ref="H1553">IFERROR(INDEX(Jesper!AL$2:AL$366,ROUNDDOWN($C1553/24,0)+1,1)*INDEX($D$3:$AA$30,INDEX(Jesper!$R$2:$R$366,ROW(INDEX(Jesper!AL$2:AL$366,ROUNDDOWN($C1553/24,0)+1,1))-1)+IF('Standard Profiles'!$G$22=$B$10,7,0)+IF('Standard Profiles'!$G$22=$B$17,14,0)+IF('Standard Profiles'!$G$22=$B$24,21,0),MOD($C1553,24)+1)/SUM(INDEX($D$3:$AA$30,INDEX(Jesper!$R$2:$R$366,ROW(INDEX(Jesper!AL$2:AL$366,ROUNDDOWN($C1553/24,0)+1,1))-1)+IF('Standard Profiles'!$G$22=$B$10,7,0)+IF('Standard Profiles'!$G$22=$B$17,14,0)+IF('Standard Profiles'!$G$22=$B$24,21,0),0)),0)</f>
        <v>6.7167737092442854</v>
      </c>
      <c r="I1553">
        <f t="shared" si="181"/>
        <v>6.4481027608745176</v>
      </c>
      <c r="J1553">
        <f t="shared" si="182"/>
        <v>15.992846092616343</v>
      </c>
      <c r="K1553">
        <f t="shared" si="183"/>
        <v>0.40518702250350941</v>
      </c>
      <c r="L1553">
        <f t="shared" si="184"/>
        <v>0.2025935112517547</v>
      </c>
      <c r="M1553">
        <f t="shared" si="185"/>
        <v>0</v>
      </c>
      <c r="N1553" s="45">
        <f t="shared" si="186"/>
        <v>44990.291666662983</v>
      </c>
    </row>
    <row r="1554" spans="2:14" x14ac:dyDescent="0.25">
      <c r="B1554">
        <f t="shared" si="180"/>
        <v>7</v>
      </c>
      <c r="C1554" s="16">
        <v>1520</v>
      </c>
      <c r="D1554" cm="1">
        <f t="array" ref="D1554">IFERROR(INDEX(Jesper!AH$2:AH$366,ROUNDDOWN($C1554/24,0)+1,1)*INDEX($D$3:$AA$30,INDEX(Jesper!$R$2:$R$366,ROW(INDEX(Jesper!AH$2:AH$366,ROUNDDOWN($C1554/24,0)+1,1))-1)+IF('Standard Profiles'!$G$18=$B$10,7,0)+IF('Standard Profiles'!$G$18=$B$17,14,0)+IF('Standard Profiles'!$G$18=$B$24,21,0),MOD($C1554,24)+1)/SUM(INDEX($D$3:$AA$30,INDEX(Jesper!$R$2:$R$366,ROW(INDEX(Jesper!AH$2:AH$366,ROUNDDOWN($C1554/24,0)+1,1))-1)+IF('Standard Profiles'!$G$18=$B$10,7,0)+IF('Standard Profiles'!$G$18=$B$17,14,0)+IF('Standard Profiles'!$G$18=$B$24,21,0),0)),0)</f>
        <v>0</v>
      </c>
      <c r="E1554" cm="1">
        <f t="array" ref="E1554">IFERROR(INDEX(Jesper!AI$2:AI$366,ROUNDDOWN($C1554/24,0)+1,1)*INDEX($D$3:$AA$30,INDEX(Jesper!$R$2:$R$366,ROW(INDEX(Jesper!AI$2:AI$366,ROUNDDOWN($C1554/24,0)+1,1))-1)+IF('Standard Profiles'!$G$19=$B$10,7,0)+IF('Standard Profiles'!$G$19=$B$17,14,0)+IF('Standard Profiles'!$G$19=$B$24,21,0),MOD($C1554,24)+1)/SUM(INDEX($D$3:$AA$30,INDEX(Jesper!$R$2:$R$366,ROW(INDEX(Jesper!AI$2:AI$366,ROUNDDOWN($C1554/24,0)+1,1))-1)+IF('Standard Profiles'!$G$19=$B$10,7,0)+IF('Standard Profiles'!$G$19=$B$17,14,0)+IF('Standard Profiles'!$G$19=$B$24,21,0),0)),0)</f>
        <v>5.0648377812938676</v>
      </c>
      <c r="F1554" cm="1">
        <f t="array" ref="F1554">IFERROR(INDEX(Jesper!AJ$2:AJ$366,ROUNDDOWN($C1554/24,0)+1,1)*INDEX($D$3:$AA$30,INDEX(Jesper!$R$2:$R$366,ROW(INDEX(Jesper!AJ$2:AJ$366,ROUNDDOWN($C1554/24,0)+1,1))-1)+IF('Standard Profiles'!$G$20=$B$10,7,0)+IF('Standard Profiles'!$G$20=$B$17,14,0)+IF('Standard Profiles'!$G$20=$B$24,21,0),MOD($C1554,24)+1)/SUM(INDEX($D$3:$AA$30,INDEX(Jesper!$R$2:$R$366,ROW(INDEX(Jesper!AJ$2:AJ$366,ROUNDDOWN($C1554/24,0)+1,1))-1)+IF('Standard Profiles'!$G$20=$B$10,7,0)+IF('Standard Profiles'!$G$20=$B$17,14,0)+IF('Standard Profiles'!$G$20=$B$24,21,0),0)),0)</f>
        <v>4.2879947617061198</v>
      </c>
      <c r="G1554" cm="1">
        <f t="array" ref="G1554">IFERROR(INDEX(Jesper!AK$2:AK$366,ROUNDDOWN($C1554/24,0)+1,1)*INDEX($D$3:$AA$30,INDEX(Jesper!$R$2:$R$366,ROW(INDEX(Jesper!AK$2:AK$366,ROUNDDOWN($C1554/24,0)+1,1))-1)+IF('Standard Profiles'!$G$21=$B$10,7,0)+IF('Standard Profiles'!$G$21=$B$17,14,0)+IF('Standard Profiles'!$G$21=$B$24,21,0),MOD($C1554,24)+1)/SUM(INDEX($D$3:$AA$30,INDEX(Jesper!$R$2:$R$366,ROW(INDEX(Jesper!AK$2:AK$366,ROUNDDOWN($C1554/24,0)+1,1))-1)+IF('Standard Profiles'!$G$21=$B$10,7,0)+IF('Standard Profiles'!$G$21=$B$17,14,0)+IF('Standard Profiles'!$G$21=$B$24,21,0),0)),0)</f>
        <v>6.9791231350018537</v>
      </c>
      <c r="H1554" cm="1">
        <f t="array" ref="H1554">IFERROR(INDEX(Jesper!AL$2:AL$366,ROUNDDOWN($C1554/24,0)+1,1)*INDEX($D$3:$AA$30,INDEX(Jesper!$R$2:$R$366,ROW(INDEX(Jesper!AL$2:AL$366,ROUNDDOWN($C1554/24,0)+1,1))-1)+IF('Standard Profiles'!$G$22=$B$10,7,0)+IF('Standard Profiles'!$G$22=$B$17,14,0)+IF('Standard Profiles'!$G$22=$B$24,21,0),MOD($C1554,24)+1)/SUM(INDEX($D$3:$AA$30,INDEX(Jesper!$R$2:$R$366,ROW(INDEX(Jesper!AL$2:AL$366,ROUNDDOWN($C1554/24,0)+1,1))-1)+IF('Standard Profiles'!$G$22=$B$10,7,0)+IF('Standard Profiles'!$G$22=$B$17,14,0)+IF('Standard Profiles'!$G$22=$B$24,21,0),0)),0)</f>
        <v>6.7167737092442854</v>
      </c>
      <c r="I1554">
        <f t="shared" si="181"/>
        <v>6.4481027608745176</v>
      </c>
      <c r="J1554">
        <f t="shared" si="182"/>
        <v>15.992846092616343</v>
      </c>
      <c r="K1554">
        <f t="shared" si="183"/>
        <v>0.40518702250350941</v>
      </c>
      <c r="L1554">
        <f t="shared" si="184"/>
        <v>0.2025935112517547</v>
      </c>
      <c r="M1554">
        <f t="shared" si="185"/>
        <v>0</v>
      </c>
      <c r="N1554" s="45">
        <f t="shared" si="186"/>
        <v>44990.333333329647</v>
      </c>
    </row>
    <row r="1555" spans="2:14" x14ac:dyDescent="0.25">
      <c r="B1555">
        <f t="shared" si="180"/>
        <v>7</v>
      </c>
      <c r="C1555" s="16">
        <v>1521</v>
      </c>
      <c r="D1555" cm="1">
        <f t="array" ref="D1555">IFERROR(INDEX(Jesper!AH$2:AH$366,ROUNDDOWN($C1555/24,0)+1,1)*INDEX($D$3:$AA$30,INDEX(Jesper!$R$2:$R$366,ROW(INDEX(Jesper!AH$2:AH$366,ROUNDDOWN($C1555/24,0)+1,1))-1)+IF('Standard Profiles'!$G$18=$B$10,7,0)+IF('Standard Profiles'!$G$18=$B$17,14,0)+IF('Standard Profiles'!$G$18=$B$24,21,0),MOD($C1555,24)+1)/SUM(INDEX($D$3:$AA$30,INDEX(Jesper!$R$2:$R$366,ROW(INDEX(Jesper!AH$2:AH$366,ROUNDDOWN($C1555/24,0)+1,1))-1)+IF('Standard Profiles'!$G$18=$B$10,7,0)+IF('Standard Profiles'!$G$18=$B$17,14,0)+IF('Standard Profiles'!$G$18=$B$24,21,0),0)),0)</f>
        <v>0</v>
      </c>
      <c r="E1555" cm="1">
        <f t="array" ref="E1555">IFERROR(INDEX(Jesper!AI$2:AI$366,ROUNDDOWN($C1555/24,0)+1,1)*INDEX($D$3:$AA$30,INDEX(Jesper!$R$2:$R$366,ROW(INDEX(Jesper!AI$2:AI$366,ROUNDDOWN($C1555/24,0)+1,1))-1)+IF('Standard Profiles'!$G$19=$B$10,7,0)+IF('Standard Profiles'!$G$19=$B$17,14,0)+IF('Standard Profiles'!$G$19=$B$24,21,0),MOD($C1555,24)+1)/SUM(INDEX($D$3:$AA$30,INDEX(Jesper!$R$2:$R$366,ROW(INDEX(Jesper!AI$2:AI$366,ROUNDDOWN($C1555/24,0)+1,1))-1)+IF('Standard Profiles'!$G$19=$B$10,7,0)+IF('Standard Profiles'!$G$19=$B$17,14,0)+IF('Standard Profiles'!$G$19=$B$24,21,0),0)),0)</f>
        <v>5.0648377812938676</v>
      </c>
      <c r="F1555" cm="1">
        <f t="array" ref="F1555">IFERROR(INDEX(Jesper!AJ$2:AJ$366,ROUNDDOWN($C1555/24,0)+1,1)*INDEX($D$3:$AA$30,INDEX(Jesper!$R$2:$R$366,ROW(INDEX(Jesper!AJ$2:AJ$366,ROUNDDOWN($C1555/24,0)+1,1))-1)+IF('Standard Profiles'!$G$20=$B$10,7,0)+IF('Standard Profiles'!$G$20=$B$17,14,0)+IF('Standard Profiles'!$G$20=$B$24,21,0),MOD($C1555,24)+1)/SUM(INDEX($D$3:$AA$30,INDEX(Jesper!$R$2:$R$366,ROW(INDEX(Jesper!AJ$2:AJ$366,ROUNDDOWN($C1555/24,0)+1,1))-1)+IF('Standard Profiles'!$G$20=$B$10,7,0)+IF('Standard Profiles'!$G$20=$B$17,14,0)+IF('Standard Profiles'!$G$20=$B$24,21,0),0)),0)</f>
        <v>4.2879947617061198</v>
      </c>
      <c r="G1555" cm="1">
        <f t="array" ref="G1555">IFERROR(INDEX(Jesper!AK$2:AK$366,ROUNDDOWN($C1555/24,0)+1,1)*INDEX($D$3:$AA$30,INDEX(Jesper!$R$2:$R$366,ROW(INDEX(Jesper!AK$2:AK$366,ROUNDDOWN($C1555/24,0)+1,1))-1)+IF('Standard Profiles'!$G$21=$B$10,7,0)+IF('Standard Profiles'!$G$21=$B$17,14,0)+IF('Standard Profiles'!$G$21=$B$24,21,0),MOD($C1555,24)+1)/SUM(INDEX($D$3:$AA$30,INDEX(Jesper!$R$2:$R$366,ROW(INDEX(Jesper!AK$2:AK$366,ROUNDDOWN($C1555/24,0)+1,1))-1)+IF('Standard Profiles'!$G$21=$B$10,7,0)+IF('Standard Profiles'!$G$21=$B$17,14,0)+IF('Standard Profiles'!$G$21=$B$24,21,0),0)),0)</f>
        <v>6.9791231350018537</v>
      </c>
      <c r="H1555" cm="1">
        <f t="array" ref="H1555">IFERROR(INDEX(Jesper!AL$2:AL$366,ROUNDDOWN($C1555/24,0)+1,1)*INDEX($D$3:$AA$30,INDEX(Jesper!$R$2:$R$366,ROW(INDEX(Jesper!AL$2:AL$366,ROUNDDOWN($C1555/24,0)+1,1))-1)+IF('Standard Profiles'!$G$22=$B$10,7,0)+IF('Standard Profiles'!$G$22=$B$17,14,0)+IF('Standard Profiles'!$G$22=$B$24,21,0),MOD($C1555,24)+1)/SUM(INDEX($D$3:$AA$30,INDEX(Jesper!$R$2:$R$366,ROW(INDEX(Jesper!AL$2:AL$366,ROUNDDOWN($C1555/24,0)+1,1))-1)+IF('Standard Profiles'!$G$22=$B$10,7,0)+IF('Standard Profiles'!$G$22=$B$17,14,0)+IF('Standard Profiles'!$G$22=$B$24,21,0),0)),0)</f>
        <v>6.7167737092442854</v>
      </c>
      <c r="I1555">
        <f t="shared" si="181"/>
        <v>6.4481027608745176</v>
      </c>
      <c r="J1555">
        <f t="shared" si="182"/>
        <v>15.992846092616343</v>
      </c>
      <c r="K1555">
        <f t="shared" si="183"/>
        <v>0.40518702250350941</v>
      </c>
      <c r="L1555">
        <f t="shared" si="184"/>
        <v>0.2025935112517547</v>
      </c>
      <c r="M1555">
        <f t="shared" si="185"/>
        <v>0</v>
      </c>
      <c r="N1555" s="45">
        <f t="shared" si="186"/>
        <v>44990.374999996311</v>
      </c>
    </row>
    <row r="1556" spans="2:14" x14ac:dyDescent="0.25">
      <c r="B1556">
        <f t="shared" si="180"/>
        <v>7</v>
      </c>
      <c r="C1556" s="16">
        <v>1522</v>
      </c>
      <c r="D1556" cm="1">
        <f t="array" ref="D1556">IFERROR(INDEX(Jesper!AH$2:AH$366,ROUNDDOWN($C1556/24,0)+1,1)*INDEX($D$3:$AA$30,INDEX(Jesper!$R$2:$R$366,ROW(INDEX(Jesper!AH$2:AH$366,ROUNDDOWN($C1556/24,0)+1,1))-1)+IF('Standard Profiles'!$G$18=$B$10,7,0)+IF('Standard Profiles'!$G$18=$B$17,14,0)+IF('Standard Profiles'!$G$18=$B$24,21,0),MOD($C1556,24)+1)/SUM(INDEX($D$3:$AA$30,INDEX(Jesper!$R$2:$R$366,ROW(INDEX(Jesper!AH$2:AH$366,ROUNDDOWN($C1556/24,0)+1,1))-1)+IF('Standard Profiles'!$G$18=$B$10,7,0)+IF('Standard Profiles'!$G$18=$B$17,14,0)+IF('Standard Profiles'!$G$18=$B$24,21,0),0)),0)</f>
        <v>0</v>
      </c>
      <c r="E1556" cm="1">
        <f t="array" ref="E1556">IFERROR(INDEX(Jesper!AI$2:AI$366,ROUNDDOWN($C1556/24,0)+1,1)*INDEX($D$3:$AA$30,INDEX(Jesper!$R$2:$R$366,ROW(INDEX(Jesper!AI$2:AI$366,ROUNDDOWN($C1556/24,0)+1,1))-1)+IF('Standard Profiles'!$G$19=$B$10,7,0)+IF('Standard Profiles'!$G$19=$B$17,14,0)+IF('Standard Profiles'!$G$19=$B$24,21,0),MOD($C1556,24)+1)/SUM(INDEX($D$3:$AA$30,INDEX(Jesper!$R$2:$R$366,ROW(INDEX(Jesper!AI$2:AI$366,ROUNDDOWN($C1556/24,0)+1,1))-1)+IF('Standard Profiles'!$G$19=$B$10,7,0)+IF('Standard Profiles'!$G$19=$B$17,14,0)+IF('Standard Profiles'!$G$19=$B$24,21,0),0)),0)</f>
        <v>5.0648377812938676</v>
      </c>
      <c r="F1556" cm="1">
        <f t="array" ref="F1556">IFERROR(INDEX(Jesper!AJ$2:AJ$366,ROUNDDOWN($C1556/24,0)+1,1)*INDEX($D$3:$AA$30,INDEX(Jesper!$R$2:$R$366,ROW(INDEX(Jesper!AJ$2:AJ$366,ROUNDDOWN($C1556/24,0)+1,1))-1)+IF('Standard Profiles'!$G$20=$B$10,7,0)+IF('Standard Profiles'!$G$20=$B$17,14,0)+IF('Standard Profiles'!$G$20=$B$24,21,0),MOD($C1556,24)+1)/SUM(INDEX($D$3:$AA$30,INDEX(Jesper!$R$2:$R$366,ROW(INDEX(Jesper!AJ$2:AJ$366,ROUNDDOWN($C1556/24,0)+1,1))-1)+IF('Standard Profiles'!$G$20=$B$10,7,0)+IF('Standard Profiles'!$G$20=$B$17,14,0)+IF('Standard Profiles'!$G$20=$B$24,21,0),0)),0)</f>
        <v>4.2879947617061198</v>
      </c>
      <c r="G1556" cm="1">
        <f t="array" ref="G1556">IFERROR(INDEX(Jesper!AK$2:AK$366,ROUNDDOWN($C1556/24,0)+1,1)*INDEX($D$3:$AA$30,INDEX(Jesper!$R$2:$R$366,ROW(INDEX(Jesper!AK$2:AK$366,ROUNDDOWN($C1556/24,0)+1,1))-1)+IF('Standard Profiles'!$G$21=$B$10,7,0)+IF('Standard Profiles'!$G$21=$B$17,14,0)+IF('Standard Profiles'!$G$21=$B$24,21,0),MOD($C1556,24)+1)/SUM(INDEX($D$3:$AA$30,INDEX(Jesper!$R$2:$R$366,ROW(INDEX(Jesper!AK$2:AK$366,ROUNDDOWN($C1556/24,0)+1,1))-1)+IF('Standard Profiles'!$G$21=$B$10,7,0)+IF('Standard Profiles'!$G$21=$B$17,14,0)+IF('Standard Profiles'!$G$21=$B$24,21,0),0)),0)</f>
        <v>6.9791231350018537</v>
      </c>
      <c r="H1556" cm="1">
        <f t="array" ref="H1556">IFERROR(INDEX(Jesper!AL$2:AL$366,ROUNDDOWN($C1556/24,0)+1,1)*INDEX($D$3:$AA$30,INDEX(Jesper!$R$2:$R$366,ROW(INDEX(Jesper!AL$2:AL$366,ROUNDDOWN($C1556/24,0)+1,1))-1)+IF('Standard Profiles'!$G$22=$B$10,7,0)+IF('Standard Profiles'!$G$22=$B$17,14,0)+IF('Standard Profiles'!$G$22=$B$24,21,0),MOD($C1556,24)+1)/SUM(INDEX($D$3:$AA$30,INDEX(Jesper!$R$2:$R$366,ROW(INDEX(Jesper!AL$2:AL$366,ROUNDDOWN($C1556/24,0)+1,1))-1)+IF('Standard Profiles'!$G$22=$B$10,7,0)+IF('Standard Profiles'!$G$22=$B$17,14,0)+IF('Standard Profiles'!$G$22=$B$24,21,0),0)),0)</f>
        <v>6.7167737092442854</v>
      </c>
      <c r="I1556">
        <f t="shared" si="181"/>
        <v>6.4481027608745176</v>
      </c>
      <c r="J1556">
        <f t="shared" si="182"/>
        <v>15.992846092616343</v>
      </c>
      <c r="K1556">
        <f t="shared" si="183"/>
        <v>0.40518702250350941</v>
      </c>
      <c r="L1556">
        <f t="shared" si="184"/>
        <v>0.2025935112517547</v>
      </c>
      <c r="M1556">
        <f t="shared" si="185"/>
        <v>0</v>
      </c>
      <c r="N1556" s="45">
        <f t="shared" si="186"/>
        <v>44990.416666662975</v>
      </c>
    </row>
    <row r="1557" spans="2:14" x14ac:dyDescent="0.25">
      <c r="B1557">
        <f t="shared" si="180"/>
        <v>7</v>
      </c>
      <c r="C1557" s="16">
        <v>1523</v>
      </c>
      <c r="D1557" cm="1">
        <f t="array" ref="D1557">IFERROR(INDEX(Jesper!AH$2:AH$366,ROUNDDOWN($C1557/24,0)+1,1)*INDEX($D$3:$AA$30,INDEX(Jesper!$R$2:$R$366,ROW(INDEX(Jesper!AH$2:AH$366,ROUNDDOWN($C1557/24,0)+1,1))-1)+IF('Standard Profiles'!$G$18=$B$10,7,0)+IF('Standard Profiles'!$G$18=$B$17,14,0)+IF('Standard Profiles'!$G$18=$B$24,21,0),MOD($C1557,24)+1)/SUM(INDEX($D$3:$AA$30,INDEX(Jesper!$R$2:$R$366,ROW(INDEX(Jesper!AH$2:AH$366,ROUNDDOWN($C1557/24,0)+1,1))-1)+IF('Standard Profiles'!$G$18=$B$10,7,0)+IF('Standard Profiles'!$G$18=$B$17,14,0)+IF('Standard Profiles'!$G$18=$B$24,21,0),0)),0)</f>
        <v>0</v>
      </c>
      <c r="E1557" cm="1">
        <f t="array" ref="E1557">IFERROR(INDEX(Jesper!AI$2:AI$366,ROUNDDOWN($C1557/24,0)+1,1)*INDEX($D$3:$AA$30,INDEX(Jesper!$R$2:$R$366,ROW(INDEX(Jesper!AI$2:AI$366,ROUNDDOWN($C1557/24,0)+1,1))-1)+IF('Standard Profiles'!$G$19=$B$10,7,0)+IF('Standard Profiles'!$G$19=$B$17,14,0)+IF('Standard Profiles'!$G$19=$B$24,21,0),MOD($C1557,24)+1)/SUM(INDEX($D$3:$AA$30,INDEX(Jesper!$R$2:$R$366,ROW(INDEX(Jesper!AI$2:AI$366,ROUNDDOWN($C1557/24,0)+1,1))-1)+IF('Standard Profiles'!$G$19=$B$10,7,0)+IF('Standard Profiles'!$G$19=$B$17,14,0)+IF('Standard Profiles'!$G$19=$B$24,21,0),0)),0)</f>
        <v>5.0648377812938676</v>
      </c>
      <c r="F1557" cm="1">
        <f t="array" ref="F1557">IFERROR(INDEX(Jesper!AJ$2:AJ$366,ROUNDDOWN($C1557/24,0)+1,1)*INDEX($D$3:$AA$30,INDEX(Jesper!$R$2:$R$366,ROW(INDEX(Jesper!AJ$2:AJ$366,ROUNDDOWN($C1557/24,0)+1,1))-1)+IF('Standard Profiles'!$G$20=$B$10,7,0)+IF('Standard Profiles'!$G$20=$B$17,14,0)+IF('Standard Profiles'!$G$20=$B$24,21,0),MOD($C1557,24)+1)/SUM(INDEX($D$3:$AA$30,INDEX(Jesper!$R$2:$R$366,ROW(INDEX(Jesper!AJ$2:AJ$366,ROUNDDOWN($C1557/24,0)+1,1))-1)+IF('Standard Profiles'!$G$20=$B$10,7,0)+IF('Standard Profiles'!$G$20=$B$17,14,0)+IF('Standard Profiles'!$G$20=$B$24,21,0),0)),0)</f>
        <v>4.2879947617061198</v>
      </c>
      <c r="G1557" cm="1">
        <f t="array" ref="G1557">IFERROR(INDEX(Jesper!AK$2:AK$366,ROUNDDOWN($C1557/24,0)+1,1)*INDEX($D$3:$AA$30,INDEX(Jesper!$R$2:$R$366,ROW(INDEX(Jesper!AK$2:AK$366,ROUNDDOWN($C1557/24,0)+1,1))-1)+IF('Standard Profiles'!$G$21=$B$10,7,0)+IF('Standard Profiles'!$G$21=$B$17,14,0)+IF('Standard Profiles'!$G$21=$B$24,21,0),MOD($C1557,24)+1)/SUM(INDEX($D$3:$AA$30,INDEX(Jesper!$R$2:$R$366,ROW(INDEX(Jesper!AK$2:AK$366,ROUNDDOWN($C1557/24,0)+1,1))-1)+IF('Standard Profiles'!$G$21=$B$10,7,0)+IF('Standard Profiles'!$G$21=$B$17,14,0)+IF('Standard Profiles'!$G$21=$B$24,21,0),0)),0)</f>
        <v>6.9791231350018537</v>
      </c>
      <c r="H1557" cm="1">
        <f t="array" ref="H1557">IFERROR(INDEX(Jesper!AL$2:AL$366,ROUNDDOWN($C1557/24,0)+1,1)*INDEX($D$3:$AA$30,INDEX(Jesper!$R$2:$R$366,ROW(INDEX(Jesper!AL$2:AL$366,ROUNDDOWN($C1557/24,0)+1,1))-1)+IF('Standard Profiles'!$G$22=$B$10,7,0)+IF('Standard Profiles'!$G$22=$B$17,14,0)+IF('Standard Profiles'!$G$22=$B$24,21,0),MOD($C1557,24)+1)/SUM(INDEX($D$3:$AA$30,INDEX(Jesper!$R$2:$R$366,ROW(INDEX(Jesper!AL$2:AL$366,ROUNDDOWN($C1557/24,0)+1,1))-1)+IF('Standard Profiles'!$G$22=$B$10,7,0)+IF('Standard Profiles'!$G$22=$B$17,14,0)+IF('Standard Profiles'!$G$22=$B$24,21,0),0)),0)</f>
        <v>6.7167737092442854</v>
      </c>
      <c r="I1557">
        <f t="shared" si="181"/>
        <v>6.4481027608745176</v>
      </c>
      <c r="J1557">
        <f t="shared" si="182"/>
        <v>15.992846092616343</v>
      </c>
      <c r="K1557">
        <f t="shared" si="183"/>
        <v>0.40518702250350941</v>
      </c>
      <c r="L1557">
        <f t="shared" si="184"/>
        <v>0.2025935112517547</v>
      </c>
      <c r="M1557">
        <f t="shared" si="185"/>
        <v>0</v>
      </c>
      <c r="N1557" s="45">
        <f t="shared" si="186"/>
        <v>44990.45833332964</v>
      </c>
    </row>
    <row r="1558" spans="2:14" x14ac:dyDescent="0.25">
      <c r="B1558">
        <f t="shared" si="180"/>
        <v>7</v>
      </c>
      <c r="C1558" s="16">
        <v>1524</v>
      </c>
      <c r="D1558" cm="1">
        <f t="array" ref="D1558">IFERROR(INDEX(Jesper!AH$2:AH$366,ROUNDDOWN($C1558/24,0)+1,1)*INDEX($D$3:$AA$30,INDEX(Jesper!$R$2:$R$366,ROW(INDEX(Jesper!AH$2:AH$366,ROUNDDOWN($C1558/24,0)+1,1))-1)+IF('Standard Profiles'!$G$18=$B$10,7,0)+IF('Standard Profiles'!$G$18=$B$17,14,0)+IF('Standard Profiles'!$G$18=$B$24,21,0),MOD($C1558,24)+1)/SUM(INDEX($D$3:$AA$30,INDEX(Jesper!$R$2:$R$366,ROW(INDEX(Jesper!AH$2:AH$366,ROUNDDOWN($C1558/24,0)+1,1))-1)+IF('Standard Profiles'!$G$18=$B$10,7,0)+IF('Standard Profiles'!$G$18=$B$17,14,0)+IF('Standard Profiles'!$G$18=$B$24,21,0),0)),0)</f>
        <v>0</v>
      </c>
      <c r="E1558" cm="1">
        <f t="array" ref="E1558">IFERROR(INDEX(Jesper!AI$2:AI$366,ROUNDDOWN($C1558/24,0)+1,1)*INDEX($D$3:$AA$30,INDEX(Jesper!$R$2:$R$366,ROW(INDEX(Jesper!AI$2:AI$366,ROUNDDOWN($C1558/24,0)+1,1))-1)+IF('Standard Profiles'!$G$19=$B$10,7,0)+IF('Standard Profiles'!$G$19=$B$17,14,0)+IF('Standard Profiles'!$G$19=$B$24,21,0),MOD($C1558,24)+1)/SUM(INDEX($D$3:$AA$30,INDEX(Jesper!$R$2:$R$366,ROW(INDEX(Jesper!AI$2:AI$366,ROUNDDOWN($C1558/24,0)+1,1))-1)+IF('Standard Profiles'!$G$19=$B$10,7,0)+IF('Standard Profiles'!$G$19=$B$17,14,0)+IF('Standard Profiles'!$G$19=$B$24,21,0),0)),0)</f>
        <v>5.0648377812938676</v>
      </c>
      <c r="F1558" cm="1">
        <f t="array" ref="F1558">IFERROR(INDEX(Jesper!AJ$2:AJ$366,ROUNDDOWN($C1558/24,0)+1,1)*INDEX($D$3:$AA$30,INDEX(Jesper!$R$2:$R$366,ROW(INDEX(Jesper!AJ$2:AJ$366,ROUNDDOWN($C1558/24,0)+1,1))-1)+IF('Standard Profiles'!$G$20=$B$10,7,0)+IF('Standard Profiles'!$G$20=$B$17,14,0)+IF('Standard Profiles'!$G$20=$B$24,21,0),MOD($C1558,24)+1)/SUM(INDEX($D$3:$AA$30,INDEX(Jesper!$R$2:$R$366,ROW(INDEX(Jesper!AJ$2:AJ$366,ROUNDDOWN($C1558/24,0)+1,1))-1)+IF('Standard Profiles'!$G$20=$B$10,7,0)+IF('Standard Profiles'!$G$20=$B$17,14,0)+IF('Standard Profiles'!$G$20=$B$24,21,0),0)),0)</f>
        <v>4.2879947617061198</v>
      </c>
      <c r="G1558" cm="1">
        <f t="array" ref="G1558">IFERROR(INDEX(Jesper!AK$2:AK$366,ROUNDDOWN($C1558/24,0)+1,1)*INDEX($D$3:$AA$30,INDEX(Jesper!$R$2:$R$366,ROW(INDEX(Jesper!AK$2:AK$366,ROUNDDOWN($C1558/24,0)+1,1))-1)+IF('Standard Profiles'!$G$21=$B$10,7,0)+IF('Standard Profiles'!$G$21=$B$17,14,0)+IF('Standard Profiles'!$G$21=$B$24,21,0),MOD($C1558,24)+1)/SUM(INDEX($D$3:$AA$30,INDEX(Jesper!$R$2:$R$366,ROW(INDEX(Jesper!AK$2:AK$366,ROUNDDOWN($C1558/24,0)+1,1))-1)+IF('Standard Profiles'!$G$21=$B$10,7,0)+IF('Standard Profiles'!$G$21=$B$17,14,0)+IF('Standard Profiles'!$G$21=$B$24,21,0),0)),0)</f>
        <v>6.9791231350018537</v>
      </c>
      <c r="H1558" cm="1">
        <f t="array" ref="H1558">IFERROR(INDEX(Jesper!AL$2:AL$366,ROUNDDOWN($C1558/24,0)+1,1)*INDEX($D$3:$AA$30,INDEX(Jesper!$R$2:$R$366,ROW(INDEX(Jesper!AL$2:AL$366,ROUNDDOWN($C1558/24,0)+1,1))-1)+IF('Standard Profiles'!$G$22=$B$10,7,0)+IF('Standard Profiles'!$G$22=$B$17,14,0)+IF('Standard Profiles'!$G$22=$B$24,21,0),MOD($C1558,24)+1)/SUM(INDEX($D$3:$AA$30,INDEX(Jesper!$R$2:$R$366,ROW(INDEX(Jesper!AL$2:AL$366,ROUNDDOWN($C1558/24,0)+1,1))-1)+IF('Standard Profiles'!$G$22=$B$10,7,0)+IF('Standard Profiles'!$G$22=$B$17,14,0)+IF('Standard Profiles'!$G$22=$B$24,21,0),0)),0)</f>
        <v>6.7167737092442854</v>
      </c>
      <c r="I1558">
        <f t="shared" si="181"/>
        <v>6.4481027608745176</v>
      </c>
      <c r="J1558">
        <f t="shared" si="182"/>
        <v>15.992846092616343</v>
      </c>
      <c r="K1558">
        <f t="shared" si="183"/>
        <v>0.40518702250350941</v>
      </c>
      <c r="L1558">
        <f t="shared" si="184"/>
        <v>0.2025935112517547</v>
      </c>
      <c r="M1558">
        <f t="shared" si="185"/>
        <v>0</v>
      </c>
      <c r="N1558" s="45">
        <f t="shared" si="186"/>
        <v>44990.499999996304</v>
      </c>
    </row>
    <row r="1559" spans="2:14" x14ac:dyDescent="0.25">
      <c r="B1559">
        <f t="shared" si="180"/>
        <v>7</v>
      </c>
      <c r="C1559" s="16">
        <v>1525</v>
      </c>
      <c r="D1559" cm="1">
        <f t="array" ref="D1559">IFERROR(INDEX(Jesper!AH$2:AH$366,ROUNDDOWN($C1559/24,0)+1,1)*INDEX($D$3:$AA$30,INDEX(Jesper!$R$2:$R$366,ROW(INDEX(Jesper!AH$2:AH$366,ROUNDDOWN($C1559/24,0)+1,1))-1)+IF('Standard Profiles'!$G$18=$B$10,7,0)+IF('Standard Profiles'!$G$18=$B$17,14,0)+IF('Standard Profiles'!$G$18=$B$24,21,0),MOD($C1559,24)+1)/SUM(INDEX($D$3:$AA$30,INDEX(Jesper!$R$2:$R$366,ROW(INDEX(Jesper!AH$2:AH$366,ROUNDDOWN($C1559/24,0)+1,1))-1)+IF('Standard Profiles'!$G$18=$B$10,7,0)+IF('Standard Profiles'!$G$18=$B$17,14,0)+IF('Standard Profiles'!$G$18=$B$24,21,0),0)),0)</f>
        <v>0</v>
      </c>
      <c r="E1559" cm="1">
        <f t="array" ref="E1559">IFERROR(INDEX(Jesper!AI$2:AI$366,ROUNDDOWN($C1559/24,0)+1,1)*INDEX($D$3:$AA$30,INDEX(Jesper!$R$2:$R$366,ROW(INDEX(Jesper!AI$2:AI$366,ROUNDDOWN($C1559/24,0)+1,1))-1)+IF('Standard Profiles'!$G$19=$B$10,7,0)+IF('Standard Profiles'!$G$19=$B$17,14,0)+IF('Standard Profiles'!$G$19=$B$24,21,0),MOD($C1559,24)+1)/SUM(INDEX($D$3:$AA$30,INDEX(Jesper!$R$2:$R$366,ROW(INDEX(Jesper!AI$2:AI$366,ROUNDDOWN($C1559/24,0)+1,1))-1)+IF('Standard Profiles'!$G$19=$B$10,7,0)+IF('Standard Profiles'!$G$19=$B$17,14,0)+IF('Standard Profiles'!$G$19=$B$24,21,0),0)),0)</f>
        <v>5.0648377812938676</v>
      </c>
      <c r="F1559" cm="1">
        <f t="array" ref="F1559">IFERROR(INDEX(Jesper!AJ$2:AJ$366,ROUNDDOWN($C1559/24,0)+1,1)*INDEX($D$3:$AA$30,INDEX(Jesper!$R$2:$R$366,ROW(INDEX(Jesper!AJ$2:AJ$366,ROUNDDOWN($C1559/24,0)+1,1))-1)+IF('Standard Profiles'!$G$20=$B$10,7,0)+IF('Standard Profiles'!$G$20=$B$17,14,0)+IF('Standard Profiles'!$G$20=$B$24,21,0),MOD($C1559,24)+1)/SUM(INDEX($D$3:$AA$30,INDEX(Jesper!$R$2:$R$366,ROW(INDEX(Jesper!AJ$2:AJ$366,ROUNDDOWN($C1559/24,0)+1,1))-1)+IF('Standard Profiles'!$G$20=$B$10,7,0)+IF('Standard Profiles'!$G$20=$B$17,14,0)+IF('Standard Profiles'!$G$20=$B$24,21,0),0)),0)</f>
        <v>4.2879947617061198</v>
      </c>
      <c r="G1559" cm="1">
        <f t="array" ref="G1559">IFERROR(INDEX(Jesper!AK$2:AK$366,ROUNDDOWN($C1559/24,0)+1,1)*INDEX($D$3:$AA$30,INDEX(Jesper!$R$2:$R$366,ROW(INDEX(Jesper!AK$2:AK$366,ROUNDDOWN($C1559/24,0)+1,1))-1)+IF('Standard Profiles'!$G$21=$B$10,7,0)+IF('Standard Profiles'!$G$21=$B$17,14,0)+IF('Standard Profiles'!$G$21=$B$24,21,0),MOD($C1559,24)+1)/SUM(INDEX($D$3:$AA$30,INDEX(Jesper!$R$2:$R$366,ROW(INDEX(Jesper!AK$2:AK$366,ROUNDDOWN($C1559/24,0)+1,1))-1)+IF('Standard Profiles'!$G$21=$B$10,7,0)+IF('Standard Profiles'!$G$21=$B$17,14,0)+IF('Standard Profiles'!$G$21=$B$24,21,0),0)),0)</f>
        <v>6.9791231350018537</v>
      </c>
      <c r="H1559" cm="1">
        <f t="array" ref="H1559">IFERROR(INDEX(Jesper!AL$2:AL$366,ROUNDDOWN($C1559/24,0)+1,1)*INDEX($D$3:$AA$30,INDEX(Jesper!$R$2:$R$366,ROW(INDEX(Jesper!AL$2:AL$366,ROUNDDOWN($C1559/24,0)+1,1))-1)+IF('Standard Profiles'!$G$22=$B$10,7,0)+IF('Standard Profiles'!$G$22=$B$17,14,0)+IF('Standard Profiles'!$G$22=$B$24,21,0),MOD($C1559,24)+1)/SUM(INDEX($D$3:$AA$30,INDEX(Jesper!$R$2:$R$366,ROW(INDEX(Jesper!AL$2:AL$366,ROUNDDOWN($C1559/24,0)+1,1))-1)+IF('Standard Profiles'!$G$22=$B$10,7,0)+IF('Standard Profiles'!$G$22=$B$17,14,0)+IF('Standard Profiles'!$G$22=$B$24,21,0),0)),0)</f>
        <v>6.7167737092442854</v>
      </c>
      <c r="I1559">
        <f t="shared" si="181"/>
        <v>6.4481027608745176</v>
      </c>
      <c r="J1559">
        <f t="shared" si="182"/>
        <v>15.992846092616343</v>
      </c>
      <c r="K1559">
        <f t="shared" si="183"/>
        <v>0.40518702250350941</v>
      </c>
      <c r="L1559">
        <f t="shared" si="184"/>
        <v>0.2025935112517547</v>
      </c>
      <c r="M1559">
        <f t="shared" si="185"/>
        <v>0</v>
      </c>
      <c r="N1559" s="45">
        <f t="shared" si="186"/>
        <v>44990.541666662968</v>
      </c>
    </row>
    <row r="1560" spans="2:14" x14ac:dyDescent="0.25">
      <c r="B1560">
        <f t="shared" si="180"/>
        <v>7</v>
      </c>
      <c r="C1560" s="16">
        <v>1526</v>
      </c>
      <c r="D1560" cm="1">
        <f t="array" ref="D1560">IFERROR(INDEX(Jesper!AH$2:AH$366,ROUNDDOWN($C1560/24,0)+1,1)*INDEX($D$3:$AA$30,INDEX(Jesper!$R$2:$R$366,ROW(INDEX(Jesper!AH$2:AH$366,ROUNDDOWN($C1560/24,0)+1,1))-1)+IF('Standard Profiles'!$G$18=$B$10,7,0)+IF('Standard Profiles'!$G$18=$B$17,14,0)+IF('Standard Profiles'!$G$18=$B$24,21,0),MOD($C1560,24)+1)/SUM(INDEX($D$3:$AA$30,INDEX(Jesper!$R$2:$R$366,ROW(INDEX(Jesper!AH$2:AH$366,ROUNDDOWN($C1560/24,0)+1,1))-1)+IF('Standard Profiles'!$G$18=$B$10,7,0)+IF('Standard Profiles'!$G$18=$B$17,14,0)+IF('Standard Profiles'!$G$18=$B$24,21,0),0)),0)</f>
        <v>0</v>
      </c>
      <c r="E1560" cm="1">
        <f t="array" ref="E1560">IFERROR(INDEX(Jesper!AI$2:AI$366,ROUNDDOWN($C1560/24,0)+1,1)*INDEX($D$3:$AA$30,INDEX(Jesper!$R$2:$R$366,ROW(INDEX(Jesper!AI$2:AI$366,ROUNDDOWN($C1560/24,0)+1,1))-1)+IF('Standard Profiles'!$G$19=$B$10,7,0)+IF('Standard Profiles'!$G$19=$B$17,14,0)+IF('Standard Profiles'!$G$19=$B$24,21,0),MOD($C1560,24)+1)/SUM(INDEX($D$3:$AA$30,INDEX(Jesper!$R$2:$R$366,ROW(INDEX(Jesper!AI$2:AI$366,ROUNDDOWN($C1560/24,0)+1,1))-1)+IF('Standard Profiles'!$G$19=$B$10,7,0)+IF('Standard Profiles'!$G$19=$B$17,14,0)+IF('Standard Profiles'!$G$19=$B$24,21,0),0)),0)</f>
        <v>5.0648377812938676</v>
      </c>
      <c r="F1560" cm="1">
        <f t="array" ref="F1560">IFERROR(INDEX(Jesper!AJ$2:AJ$366,ROUNDDOWN($C1560/24,0)+1,1)*INDEX($D$3:$AA$30,INDEX(Jesper!$R$2:$R$366,ROW(INDEX(Jesper!AJ$2:AJ$366,ROUNDDOWN($C1560/24,0)+1,1))-1)+IF('Standard Profiles'!$G$20=$B$10,7,0)+IF('Standard Profiles'!$G$20=$B$17,14,0)+IF('Standard Profiles'!$G$20=$B$24,21,0),MOD($C1560,24)+1)/SUM(INDEX($D$3:$AA$30,INDEX(Jesper!$R$2:$R$366,ROW(INDEX(Jesper!AJ$2:AJ$366,ROUNDDOWN($C1560/24,0)+1,1))-1)+IF('Standard Profiles'!$G$20=$B$10,7,0)+IF('Standard Profiles'!$G$20=$B$17,14,0)+IF('Standard Profiles'!$G$20=$B$24,21,0),0)),0)</f>
        <v>4.2879947617061198</v>
      </c>
      <c r="G1560" cm="1">
        <f t="array" ref="G1560">IFERROR(INDEX(Jesper!AK$2:AK$366,ROUNDDOWN($C1560/24,0)+1,1)*INDEX($D$3:$AA$30,INDEX(Jesper!$R$2:$R$366,ROW(INDEX(Jesper!AK$2:AK$366,ROUNDDOWN($C1560/24,0)+1,1))-1)+IF('Standard Profiles'!$G$21=$B$10,7,0)+IF('Standard Profiles'!$G$21=$B$17,14,0)+IF('Standard Profiles'!$G$21=$B$24,21,0),MOD($C1560,24)+1)/SUM(INDEX($D$3:$AA$30,INDEX(Jesper!$R$2:$R$366,ROW(INDEX(Jesper!AK$2:AK$366,ROUNDDOWN($C1560/24,0)+1,1))-1)+IF('Standard Profiles'!$G$21=$B$10,7,0)+IF('Standard Profiles'!$G$21=$B$17,14,0)+IF('Standard Profiles'!$G$21=$B$24,21,0),0)),0)</f>
        <v>6.9791231350018537</v>
      </c>
      <c r="H1560" cm="1">
        <f t="array" ref="H1560">IFERROR(INDEX(Jesper!AL$2:AL$366,ROUNDDOWN($C1560/24,0)+1,1)*INDEX($D$3:$AA$30,INDEX(Jesper!$R$2:$R$366,ROW(INDEX(Jesper!AL$2:AL$366,ROUNDDOWN($C1560/24,0)+1,1))-1)+IF('Standard Profiles'!$G$22=$B$10,7,0)+IF('Standard Profiles'!$G$22=$B$17,14,0)+IF('Standard Profiles'!$G$22=$B$24,21,0),MOD($C1560,24)+1)/SUM(INDEX($D$3:$AA$30,INDEX(Jesper!$R$2:$R$366,ROW(INDEX(Jesper!AL$2:AL$366,ROUNDDOWN($C1560/24,0)+1,1))-1)+IF('Standard Profiles'!$G$22=$B$10,7,0)+IF('Standard Profiles'!$G$22=$B$17,14,0)+IF('Standard Profiles'!$G$22=$B$24,21,0),0)),0)</f>
        <v>6.7167737092442854</v>
      </c>
      <c r="I1560">
        <f t="shared" si="181"/>
        <v>6.4481027608745176</v>
      </c>
      <c r="J1560">
        <f t="shared" si="182"/>
        <v>15.992846092616343</v>
      </c>
      <c r="K1560">
        <f t="shared" si="183"/>
        <v>0.40518702250350941</v>
      </c>
      <c r="L1560">
        <f t="shared" si="184"/>
        <v>0.2025935112517547</v>
      </c>
      <c r="M1560">
        <f t="shared" si="185"/>
        <v>0</v>
      </c>
      <c r="N1560" s="45">
        <f t="shared" si="186"/>
        <v>44990.583333329632</v>
      </c>
    </row>
    <row r="1561" spans="2:14" x14ac:dyDescent="0.25">
      <c r="B1561">
        <f t="shared" si="180"/>
        <v>7</v>
      </c>
      <c r="C1561" s="16">
        <v>1527</v>
      </c>
      <c r="D1561" cm="1">
        <f t="array" ref="D1561">IFERROR(INDEX(Jesper!AH$2:AH$366,ROUNDDOWN($C1561/24,0)+1,1)*INDEX($D$3:$AA$30,INDEX(Jesper!$R$2:$R$366,ROW(INDEX(Jesper!AH$2:AH$366,ROUNDDOWN($C1561/24,0)+1,1))-1)+IF('Standard Profiles'!$G$18=$B$10,7,0)+IF('Standard Profiles'!$G$18=$B$17,14,0)+IF('Standard Profiles'!$G$18=$B$24,21,0),MOD($C1561,24)+1)/SUM(INDEX($D$3:$AA$30,INDEX(Jesper!$R$2:$R$366,ROW(INDEX(Jesper!AH$2:AH$366,ROUNDDOWN($C1561/24,0)+1,1))-1)+IF('Standard Profiles'!$G$18=$B$10,7,0)+IF('Standard Profiles'!$G$18=$B$17,14,0)+IF('Standard Profiles'!$G$18=$B$24,21,0),0)),0)</f>
        <v>0</v>
      </c>
      <c r="E1561" cm="1">
        <f t="array" ref="E1561">IFERROR(INDEX(Jesper!AI$2:AI$366,ROUNDDOWN($C1561/24,0)+1,1)*INDEX($D$3:$AA$30,INDEX(Jesper!$R$2:$R$366,ROW(INDEX(Jesper!AI$2:AI$366,ROUNDDOWN($C1561/24,0)+1,1))-1)+IF('Standard Profiles'!$G$19=$B$10,7,0)+IF('Standard Profiles'!$G$19=$B$17,14,0)+IF('Standard Profiles'!$G$19=$B$24,21,0),MOD($C1561,24)+1)/SUM(INDEX($D$3:$AA$30,INDEX(Jesper!$R$2:$R$366,ROW(INDEX(Jesper!AI$2:AI$366,ROUNDDOWN($C1561/24,0)+1,1))-1)+IF('Standard Profiles'!$G$19=$B$10,7,0)+IF('Standard Profiles'!$G$19=$B$17,14,0)+IF('Standard Profiles'!$G$19=$B$24,21,0),0)),0)</f>
        <v>5.0648377812938676</v>
      </c>
      <c r="F1561" cm="1">
        <f t="array" ref="F1561">IFERROR(INDEX(Jesper!AJ$2:AJ$366,ROUNDDOWN($C1561/24,0)+1,1)*INDEX($D$3:$AA$30,INDEX(Jesper!$R$2:$R$366,ROW(INDEX(Jesper!AJ$2:AJ$366,ROUNDDOWN($C1561/24,0)+1,1))-1)+IF('Standard Profiles'!$G$20=$B$10,7,0)+IF('Standard Profiles'!$G$20=$B$17,14,0)+IF('Standard Profiles'!$G$20=$B$24,21,0),MOD($C1561,24)+1)/SUM(INDEX($D$3:$AA$30,INDEX(Jesper!$R$2:$R$366,ROW(INDEX(Jesper!AJ$2:AJ$366,ROUNDDOWN($C1561/24,0)+1,1))-1)+IF('Standard Profiles'!$G$20=$B$10,7,0)+IF('Standard Profiles'!$G$20=$B$17,14,0)+IF('Standard Profiles'!$G$20=$B$24,21,0),0)),0)</f>
        <v>4.2879947617061198</v>
      </c>
      <c r="G1561" cm="1">
        <f t="array" ref="G1561">IFERROR(INDEX(Jesper!AK$2:AK$366,ROUNDDOWN($C1561/24,0)+1,1)*INDEX($D$3:$AA$30,INDEX(Jesper!$R$2:$R$366,ROW(INDEX(Jesper!AK$2:AK$366,ROUNDDOWN($C1561/24,0)+1,1))-1)+IF('Standard Profiles'!$G$21=$B$10,7,0)+IF('Standard Profiles'!$G$21=$B$17,14,0)+IF('Standard Profiles'!$G$21=$B$24,21,0),MOD($C1561,24)+1)/SUM(INDEX($D$3:$AA$30,INDEX(Jesper!$R$2:$R$366,ROW(INDEX(Jesper!AK$2:AK$366,ROUNDDOWN($C1561/24,0)+1,1))-1)+IF('Standard Profiles'!$G$21=$B$10,7,0)+IF('Standard Profiles'!$G$21=$B$17,14,0)+IF('Standard Profiles'!$G$21=$B$24,21,0),0)),0)</f>
        <v>6.9791231350018537</v>
      </c>
      <c r="H1561" cm="1">
        <f t="array" ref="H1561">IFERROR(INDEX(Jesper!AL$2:AL$366,ROUNDDOWN($C1561/24,0)+1,1)*INDEX($D$3:$AA$30,INDEX(Jesper!$R$2:$R$366,ROW(INDEX(Jesper!AL$2:AL$366,ROUNDDOWN($C1561/24,0)+1,1))-1)+IF('Standard Profiles'!$G$22=$B$10,7,0)+IF('Standard Profiles'!$G$22=$B$17,14,0)+IF('Standard Profiles'!$G$22=$B$24,21,0),MOD($C1561,24)+1)/SUM(INDEX($D$3:$AA$30,INDEX(Jesper!$R$2:$R$366,ROW(INDEX(Jesper!AL$2:AL$366,ROUNDDOWN($C1561/24,0)+1,1))-1)+IF('Standard Profiles'!$G$22=$B$10,7,0)+IF('Standard Profiles'!$G$22=$B$17,14,0)+IF('Standard Profiles'!$G$22=$B$24,21,0),0)),0)</f>
        <v>5.9704655193282541</v>
      </c>
      <c r="I1561">
        <f t="shared" si="181"/>
        <v>5.7316468985551268</v>
      </c>
      <c r="J1561">
        <f t="shared" si="182"/>
        <v>15.962993765019704</v>
      </c>
      <c r="K1561">
        <f t="shared" si="183"/>
        <v>0.40518702250350941</v>
      </c>
      <c r="L1561">
        <f t="shared" si="184"/>
        <v>0.2025935112517547</v>
      </c>
      <c r="M1561">
        <f t="shared" si="185"/>
        <v>0</v>
      </c>
      <c r="N1561" s="45">
        <f t="shared" si="186"/>
        <v>44990.624999996297</v>
      </c>
    </row>
    <row r="1562" spans="2:14" x14ac:dyDescent="0.25">
      <c r="B1562">
        <f t="shared" si="180"/>
        <v>7</v>
      </c>
      <c r="C1562" s="16">
        <v>1528</v>
      </c>
      <c r="D1562" cm="1">
        <f t="array" ref="D1562">IFERROR(INDEX(Jesper!AH$2:AH$366,ROUNDDOWN($C1562/24,0)+1,1)*INDEX($D$3:$AA$30,INDEX(Jesper!$R$2:$R$366,ROW(INDEX(Jesper!AH$2:AH$366,ROUNDDOWN($C1562/24,0)+1,1))-1)+IF('Standard Profiles'!$G$18=$B$10,7,0)+IF('Standard Profiles'!$G$18=$B$17,14,0)+IF('Standard Profiles'!$G$18=$B$24,21,0),MOD($C1562,24)+1)/SUM(INDEX($D$3:$AA$30,INDEX(Jesper!$R$2:$R$366,ROW(INDEX(Jesper!AH$2:AH$366,ROUNDDOWN($C1562/24,0)+1,1))-1)+IF('Standard Profiles'!$G$18=$B$10,7,0)+IF('Standard Profiles'!$G$18=$B$17,14,0)+IF('Standard Profiles'!$G$18=$B$24,21,0),0)),0)</f>
        <v>0</v>
      </c>
      <c r="E1562" cm="1">
        <f t="array" ref="E1562">IFERROR(INDEX(Jesper!AI$2:AI$366,ROUNDDOWN($C1562/24,0)+1,1)*INDEX($D$3:$AA$30,INDEX(Jesper!$R$2:$R$366,ROW(INDEX(Jesper!AI$2:AI$366,ROUNDDOWN($C1562/24,0)+1,1))-1)+IF('Standard Profiles'!$G$19=$B$10,7,0)+IF('Standard Profiles'!$G$19=$B$17,14,0)+IF('Standard Profiles'!$G$19=$B$24,21,0),MOD($C1562,24)+1)/SUM(INDEX($D$3:$AA$30,INDEX(Jesper!$R$2:$R$366,ROW(INDEX(Jesper!AI$2:AI$366,ROUNDDOWN($C1562/24,0)+1,1))-1)+IF('Standard Profiles'!$G$19=$B$10,7,0)+IF('Standard Profiles'!$G$19=$B$17,14,0)+IF('Standard Profiles'!$G$19=$B$24,21,0),0)),0)</f>
        <v>5.0648377812938676</v>
      </c>
      <c r="F1562" cm="1">
        <f t="array" ref="F1562">IFERROR(INDEX(Jesper!AJ$2:AJ$366,ROUNDDOWN($C1562/24,0)+1,1)*INDEX($D$3:$AA$30,INDEX(Jesper!$R$2:$R$366,ROW(INDEX(Jesper!AJ$2:AJ$366,ROUNDDOWN($C1562/24,0)+1,1))-1)+IF('Standard Profiles'!$G$20=$B$10,7,0)+IF('Standard Profiles'!$G$20=$B$17,14,0)+IF('Standard Profiles'!$G$20=$B$24,21,0),MOD($C1562,24)+1)/SUM(INDEX($D$3:$AA$30,INDEX(Jesper!$R$2:$R$366,ROW(INDEX(Jesper!AJ$2:AJ$366,ROUNDDOWN($C1562/24,0)+1,1))-1)+IF('Standard Profiles'!$G$20=$B$10,7,0)+IF('Standard Profiles'!$G$20=$B$17,14,0)+IF('Standard Profiles'!$G$20=$B$24,21,0),0)),0)</f>
        <v>4.2879947617061198</v>
      </c>
      <c r="G1562" cm="1">
        <f t="array" ref="G1562">IFERROR(INDEX(Jesper!AK$2:AK$366,ROUNDDOWN($C1562/24,0)+1,1)*INDEX($D$3:$AA$30,INDEX(Jesper!$R$2:$R$366,ROW(INDEX(Jesper!AK$2:AK$366,ROUNDDOWN($C1562/24,0)+1,1))-1)+IF('Standard Profiles'!$G$21=$B$10,7,0)+IF('Standard Profiles'!$G$21=$B$17,14,0)+IF('Standard Profiles'!$G$21=$B$24,21,0),MOD($C1562,24)+1)/SUM(INDEX($D$3:$AA$30,INDEX(Jesper!$R$2:$R$366,ROW(INDEX(Jesper!AK$2:AK$366,ROUNDDOWN($C1562/24,0)+1,1))-1)+IF('Standard Profiles'!$G$21=$B$10,7,0)+IF('Standard Profiles'!$G$21=$B$17,14,0)+IF('Standard Profiles'!$G$21=$B$24,21,0),0)),0)</f>
        <v>6.9791231350018537</v>
      </c>
      <c r="H1562" cm="1">
        <f t="array" ref="H1562">IFERROR(INDEX(Jesper!AL$2:AL$366,ROUNDDOWN($C1562/24,0)+1,1)*INDEX($D$3:$AA$30,INDEX(Jesper!$R$2:$R$366,ROW(INDEX(Jesper!AL$2:AL$366,ROUNDDOWN($C1562/24,0)+1,1))-1)+IF('Standard Profiles'!$G$22=$B$10,7,0)+IF('Standard Profiles'!$G$22=$B$17,14,0)+IF('Standard Profiles'!$G$22=$B$24,21,0),MOD($C1562,24)+1)/SUM(INDEX($D$3:$AA$30,INDEX(Jesper!$R$2:$R$366,ROW(INDEX(Jesper!AL$2:AL$366,ROUNDDOWN($C1562/24,0)+1,1))-1)+IF('Standard Profiles'!$G$22=$B$10,7,0)+IF('Standard Profiles'!$G$22=$B$17,14,0)+IF('Standard Profiles'!$G$22=$B$24,21,0),0)),0)</f>
        <v>5.8638500636259634</v>
      </c>
      <c r="I1562">
        <f t="shared" si="181"/>
        <v>5.6292960610809279</v>
      </c>
      <c r="J1562">
        <f t="shared" si="182"/>
        <v>15.958729146791612</v>
      </c>
      <c r="K1562">
        <f t="shared" si="183"/>
        <v>0.40518702250350941</v>
      </c>
      <c r="L1562">
        <f t="shared" si="184"/>
        <v>0.2025935112517547</v>
      </c>
      <c r="M1562">
        <f t="shared" si="185"/>
        <v>0</v>
      </c>
      <c r="N1562" s="45">
        <f t="shared" si="186"/>
        <v>44990.666666662961</v>
      </c>
    </row>
    <row r="1563" spans="2:14" x14ac:dyDescent="0.25">
      <c r="B1563">
        <f t="shared" si="180"/>
        <v>7</v>
      </c>
      <c r="C1563" s="16">
        <v>1529</v>
      </c>
      <c r="D1563" cm="1">
        <f t="array" ref="D1563">IFERROR(INDEX(Jesper!AH$2:AH$366,ROUNDDOWN($C1563/24,0)+1,1)*INDEX($D$3:$AA$30,INDEX(Jesper!$R$2:$R$366,ROW(INDEX(Jesper!AH$2:AH$366,ROUNDDOWN($C1563/24,0)+1,1))-1)+IF('Standard Profiles'!$G$18=$B$10,7,0)+IF('Standard Profiles'!$G$18=$B$17,14,0)+IF('Standard Profiles'!$G$18=$B$24,21,0),MOD($C1563,24)+1)/SUM(INDEX($D$3:$AA$30,INDEX(Jesper!$R$2:$R$366,ROW(INDEX(Jesper!AH$2:AH$366,ROUNDDOWN($C1563/24,0)+1,1))-1)+IF('Standard Profiles'!$G$18=$B$10,7,0)+IF('Standard Profiles'!$G$18=$B$17,14,0)+IF('Standard Profiles'!$G$18=$B$24,21,0),0)),0)</f>
        <v>0</v>
      </c>
      <c r="E1563" cm="1">
        <f t="array" ref="E1563">IFERROR(INDEX(Jesper!AI$2:AI$366,ROUNDDOWN($C1563/24,0)+1,1)*INDEX($D$3:$AA$30,INDEX(Jesper!$R$2:$R$366,ROW(INDEX(Jesper!AI$2:AI$366,ROUNDDOWN($C1563/24,0)+1,1))-1)+IF('Standard Profiles'!$G$19=$B$10,7,0)+IF('Standard Profiles'!$G$19=$B$17,14,0)+IF('Standard Profiles'!$G$19=$B$24,21,0),MOD($C1563,24)+1)/SUM(INDEX($D$3:$AA$30,INDEX(Jesper!$R$2:$R$366,ROW(INDEX(Jesper!AI$2:AI$366,ROUNDDOWN($C1563/24,0)+1,1))-1)+IF('Standard Profiles'!$G$19=$B$10,7,0)+IF('Standard Profiles'!$G$19=$B$17,14,0)+IF('Standard Profiles'!$G$19=$B$24,21,0),0)),0)</f>
        <v>5.0648377812938676</v>
      </c>
      <c r="F1563" cm="1">
        <f t="array" ref="F1563">IFERROR(INDEX(Jesper!AJ$2:AJ$366,ROUNDDOWN($C1563/24,0)+1,1)*INDEX($D$3:$AA$30,INDEX(Jesper!$R$2:$R$366,ROW(INDEX(Jesper!AJ$2:AJ$366,ROUNDDOWN($C1563/24,0)+1,1))-1)+IF('Standard Profiles'!$G$20=$B$10,7,0)+IF('Standard Profiles'!$G$20=$B$17,14,0)+IF('Standard Profiles'!$G$20=$B$24,21,0),MOD($C1563,24)+1)/SUM(INDEX($D$3:$AA$30,INDEX(Jesper!$R$2:$R$366,ROW(INDEX(Jesper!AJ$2:AJ$366,ROUNDDOWN($C1563/24,0)+1,1))-1)+IF('Standard Profiles'!$G$20=$B$10,7,0)+IF('Standard Profiles'!$G$20=$B$17,14,0)+IF('Standard Profiles'!$G$20=$B$24,21,0),0)),0)</f>
        <v>4.2879947617061198</v>
      </c>
      <c r="G1563" cm="1">
        <f t="array" ref="G1563">IFERROR(INDEX(Jesper!AK$2:AK$366,ROUNDDOWN($C1563/24,0)+1,1)*INDEX($D$3:$AA$30,INDEX(Jesper!$R$2:$R$366,ROW(INDEX(Jesper!AK$2:AK$366,ROUNDDOWN($C1563/24,0)+1,1))-1)+IF('Standard Profiles'!$G$21=$B$10,7,0)+IF('Standard Profiles'!$G$21=$B$17,14,0)+IF('Standard Profiles'!$G$21=$B$24,21,0),MOD($C1563,24)+1)/SUM(INDEX($D$3:$AA$30,INDEX(Jesper!$R$2:$R$366,ROW(INDEX(Jesper!AK$2:AK$366,ROUNDDOWN($C1563/24,0)+1,1))-1)+IF('Standard Profiles'!$G$21=$B$10,7,0)+IF('Standard Profiles'!$G$21=$B$17,14,0)+IF('Standard Profiles'!$G$21=$B$24,21,0),0)),0)</f>
        <v>6.9791231350018537</v>
      </c>
      <c r="H1563" cm="1">
        <f t="array" ref="H1563">IFERROR(INDEX(Jesper!AL$2:AL$366,ROUNDDOWN($C1563/24,0)+1,1)*INDEX($D$3:$AA$30,INDEX(Jesper!$R$2:$R$366,ROW(INDEX(Jesper!AL$2:AL$366,ROUNDDOWN($C1563/24,0)+1,1))-1)+IF('Standard Profiles'!$G$22=$B$10,7,0)+IF('Standard Profiles'!$G$22=$B$17,14,0)+IF('Standard Profiles'!$G$22=$B$24,21,0),MOD($C1563,24)+1)/SUM(INDEX($D$3:$AA$30,INDEX(Jesper!$R$2:$R$366,ROW(INDEX(Jesper!AL$2:AL$366,ROUNDDOWN($C1563/24,0)+1,1))-1)+IF('Standard Profiles'!$G$22=$B$10,7,0)+IF('Standard Profiles'!$G$22=$B$17,14,0)+IF('Standard Profiles'!$G$22=$B$24,21,0),0)),0)</f>
        <v>5.0109264180076414</v>
      </c>
      <c r="I1563">
        <f t="shared" si="181"/>
        <v>4.8104893612873383</v>
      </c>
      <c r="J1563">
        <f t="shared" si="182"/>
        <v>15.924612200966878</v>
      </c>
      <c r="K1563">
        <f t="shared" si="183"/>
        <v>0.40518702250350941</v>
      </c>
      <c r="L1563">
        <f t="shared" si="184"/>
        <v>0.2025935112517547</v>
      </c>
      <c r="M1563">
        <f t="shared" si="185"/>
        <v>0</v>
      </c>
      <c r="N1563" s="45">
        <f t="shared" si="186"/>
        <v>44990.708333329625</v>
      </c>
    </row>
    <row r="1564" spans="2:14" x14ac:dyDescent="0.25">
      <c r="B1564">
        <f t="shared" si="180"/>
        <v>7</v>
      </c>
      <c r="C1564" s="16">
        <v>1530</v>
      </c>
      <c r="D1564" cm="1">
        <f t="array" ref="D1564">IFERROR(INDEX(Jesper!AH$2:AH$366,ROUNDDOWN($C1564/24,0)+1,1)*INDEX($D$3:$AA$30,INDEX(Jesper!$R$2:$R$366,ROW(INDEX(Jesper!AH$2:AH$366,ROUNDDOWN($C1564/24,0)+1,1))-1)+IF('Standard Profiles'!$G$18=$B$10,7,0)+IF('Standard Profiles'!$G$18=$B$17,14,0)+IF('Standard Profiles'!$G$18=$B$24,21,0),MOD($C1564,24)+1)/SUM(INDEX($D$3:$AA$30,INDEX(Jesper!$R$2:$R$366,ROW(INDEX(Jesper!AH$2:AH$366,ROUNDDOWN($C1564/24,0)+1,1))-1)+IF('Standard Profiles'!$G$18=$B$10,7,0)+IF('Standard Profiles'!$G$18=$B$17,14,0)+IF('Standard Profiles'!$G$18=$B$24,21,0),0)),0)</f>
        <v>0</v>
      </c>
      <c r="E1564" cm="1">
        <f t="array" ref="E1564">IFERROR(INDEX(Jesper!AI$2:AI$366,ROUNDDOWN($C1564/24,0)+1,1)*INDEX($D$3:$AA$30,INDEX(Jesper!$R$2:$R$366,ROW(INDEX(Jesper!AI$2:AI$366,ROUNDDOWN($C1564/24,0)+1,1))-1)+IF('Standard Profiles'!$G$19=$B$10,7,0)+IF('Standard Profiles'!$G$19=$B$17,14,0)+IF('Standard Profiles'!$G$19=$B$24,21,0),MOD($C1564,24)+1)/SUM(INDEX($D$3:$AA$30,INDEX(Jesper!$R$2:$R$366,ROW(INDEX(Jesper!AI$2:AI$366,ROUNDDOWN($C1564/24,0)+1,1))-1)+IF('Standard Profiles'!$G$19=$B$10,7,0)+IF('Standard Profiles'!$G$19=$B$17,14,0)+IF('Standard Profiles'!$G$19=$B$24,21,0),0)),0)</f>
        <v>5.0648377812938676</v>
      </c>
      <c r="F1564" cm="1">
        <f t="array" ref="F1564">IFERROR(INDEX(Jesper!AJ$2:AJ$366,ROUNDDOWN($C1564/24,0)+1,1)*INDEX($D$3:$AA$30,INDEX(Jesper!$R$2:$R$366,ROW(INDEX(Jesper!AJ$2:AJ$366,ROUNDDOWN($C1564/24,0)+1,1))-1)+IF('Standard Profiles'!$G$20=$B$10,7,0)+IF('Standard Profiles'!$G$20=$B$17,14,0)+IF('Standard Profiles'!$G$20=$B$24,21,0),MOD($C1564,24)+1)/SUM(INDEX($D$3:$AA$30,INDEX(Jesper!$R$2:$R$366,ROW(INDEX(Jesper!AJ$2:AJ$366,ROUNDDOWN($C1564/24,0)+1,1))-1)+IF('Standard Profiles'!$G$20=$B$10,7,0)+IF('Standard Profiles'!$G$20=$B$17,14,0)+IF('Standard Profiles'!$G$20=$B$24,21,0),0)),0)</f>
        <v>4.2879947617061198</v>
      </c>
      <c r="G1564" cm="1">
        <f t="array" ref="G1564">IFERROR(INDEX(Jesper!AK$2:AK$366,ROUNDDOWN($C1564/24,0)+1,1)*INDEX($D$3:$AA$30,INDEX(Jesper!$R$2:$R$366,ROW(INDEX(Jesper!AK$2:AK$366,ROUNDDOWN($C1564/24,0)+1,1))-1)+IF('Standard Profiles'!$G$21=$B$10,7,0)+IF('Standard Profiles'!$G$21=$B$17,14,0)+IF('Standard Profiles'!$G$21=$B$24,21,0),MOD($C1564,24)+1)/SUM(INDEX($D$3:$AA$30,INDEX(Jesper!$R$2:$R$366,ROW(INDEX(Jesper!AK$2:AK$366,ROUNDDOWN($C1564/24,0)+1,1))-1)+IF('Standard Profiles'!$G$21=$B$10,7,0)+IF('Standard Profiles'!$G$21=$B$17,14,0)+IF('Standard Profiles'!$G$21=$B$24,21,0),0)),0)</f>
        <v>6.9791231350018537</v>
      </c>
      <c r="H1564" cm="1">
        <f t="array" ref="H1564">IFERROR(INDEX(Jesper!AL$2:AL$366,ROUNDDOWN($C1564/24,0)+1,1)*INDEX($D$3:$AA$30,INDEX(Jesper!$R$2:$R$366,ROW(INDEX(Jesper!AL$2:AL$366,ROUNDDOWN($C1564/24,0)+1,1))-1)+IF('Standard Profiles'!$G$22=$B$10,7,0)+IF('Standard Profiles'!$G$22=$B$17,14,0)+IF('Standard Profiles'!$G$22=$B$24,21,0),MOD($C1564,24)+1)/SUM(INDEX($D$3:$AA$30,INDEX(Jesper!$R$2:$R$366,ROW(INDEX(Jesper!AL$2:AL$366,ROUNDDOWN($C1564/24,0)+1,1))-1)+IF('Standard Profiles'!$G$22=$B$10,7,0)+IF('Standard Profiles'!$G$22=$B$17,14,0)+IF('Standard Profiles'!$G$22=$B$24,21,0),0)),0)</f>
        <v>4.6910800509007711</v>
      </c>
      <c r="I1564">
        <f t="shared" si="181"/>
        <v>4.5034368488647427</v>
      </c>
      <c r="J1564">
        <f t="shared" si="182"/>
        <v>15.911818346282605</v>
      </c>
      <c r="K1564">
        <f t="shared" si="183"/>
        <v>0.40518702250350941</v>
      </c>
      <c r="L1564">
        <f t="shared" si="184"/>
        <v>0.2025935112517547</v>
      </c>
      <c r="M1564">
        <f t="shared" si="185"/>
        <v>0</v>
      </c>
      <c r="N1564" s="45">
        <f t="shared" si="186"/>
        <v>44990.749999996289</v>
      </c>
    </row>
    <row r="1565" spans="2:14" x14ac:dyDescent="0.25">
      <c r="B1565">
        <f t="shared" si="180"/>
        <v>7</v>
      </c>
      <c r="C1565" s="16">
        <v>1531</v>
      </c>
      <c r="D1565" cm="1">
        <f t="array" ref="D1565">IFERROR(INDEX(Jesper!AH$2:AH$366,ROUNDDOWN($C1565/24,0)+1,1)*INDEX($D$3:$AA$30,INDEX(Jesper!$R$2:$R$366,ROW(INDEX(Jesper!AH$2:AH$366,ROUNDDOWN($C1565/24,0)+1,1))-1)+IF('Standard Profiles'!$G$18=$B$10,7,0)+IF('Standard Profiles'!$G$18=$B$17,14,0)+IF('Standard Profiles'!$G$18=$B$24,21,0),MOD($C1565,24)+1)/SUM(INDEX($D$3:$AA$30,INDEX(Jesper!$R$2:$R$366,ROW(INDEX(Jesper!AH$2:AH$366,ROUNDDOWN($C1565/24,0)+1,1))-1)+IF('Standard Profiles'!$G$18=$B$10,7,0)+IF('Standard Profiles'!$G$18=$B$17,14,0)+IF('Standard Profiles'!$G$18=$B$24,21,0),0)),0)</f>
        <v>0</v>
      </c>
      <c r="E1565" cm="1">
        <f t="array" ref="E1565">IFERROR(INDEX(Jesper!AI$2:AI$366,ROUNDDOWN($C1565/24,0)+1,1)*INDEX($D$3:$AA$30,INDEX(Jesper!$R$2:$R$366,ROW(INDEX(Jesper!AI$2:AI$366,ROUNDDOWN($C1565/24,0)+1,1))-1)+IF('Standard Profiles'!$G$19=$B$10,7,0)+IF('Standard Profiles'!$G$19=$B$17,14,0)+IF('Standard Profiles'!$G$19=$B$24,21,0),MOD($C1565,24)+1)/SUM(INDEX($D$3:$AA$30,INDEX(Jesper!$R$2:$R$366,ROW(INDEX(Jesper!AI$2:AI$366,ROUNDDOWN($C1565/24,0)+1,1))-1)+IF('Standard Profiles'!$G$19=$B$10,7,0)+IF('Standard Profiles'!$G$19=$B$17,14,0)+IF('Standard Profiles'!$G$19=$B$24,21,0),0)),0)</f>
        <v>5.0648377812938676</v>
      </c>
      <c r="F1565" cm="1">
        <f t="array" ref="F1565">IFERROR(INDEX(Jesper!AJ$2:AJ$366,ROUNDDOWN($C1565/24,0)+1,1)*INDEX($D$3:$AA$30,INDEX(Jesper!$R$2:$R$366,ROW(INDEX(Jesper!AJ$2:AJ$366,ROUNDDOWN($C1565/24,0)+1,1))-1)+IF('Standard Profiles'!$G$20=$B$10,7,0)+IF('Standard Profiles'!$G$20=$B$17,14,0)+IF('Standard Profiles'!$G$20=$B$24,21,0),MOD($C1565,24)+1)/SUM(INDEX($D$3:$AA$30,INDEX(Jesper!$R$2:$R$366,ROW(INDEX(Jesper!AJ$2:AJ$366,ROUNDDOWN($C1565/24,0)+1,1))-1)+IF('Standard Profiles'!$G$20=$B$10,7,0)+IF('Standard Profiles'!$G$20=$B$17,14,0)+IF('Standard Profiles'!$G$20=$B$24,21,0),0)),0)</f>
        <v>4.2879947617061198</v>
      </c>
      <c r="G1565" cm="1">
        <f t="array" ref="G1565">IFERROR(INDEX(Jesper!AK$2:AK$366,ROUNDDOWN($C1565/24,0)+1,1)*INDEX($D$3:$AA$30,INDEX(Jesper!$R$2:$R$366,ROW(INDEX(Jesper!AK$2:AK$366,ROUNDDOWN($C1565/24,0)+1,1))-1)+IF('Standard Profiles'!$G$21=$B$10,7,0)+IF('Standard Profiles'!$G$21=$B$17,14,0)+IF('Standard Profiles'!$G$21=$B$24,21,0),MOD($C1565,24)+1)/SUM(INDEX($D$3:$AA$30,INDEX(Jesper!$R$2:$R$366,ROW(INDEX(Jesper!AK$2:AK$366,ROUNDDOWN($C1565/24,0)+1,1))-1)+IF('Standard Profiles'!$G$21=$B$10,7,0)+IF('Standard Profiles'!$G$21=$B$17,14,0)+IF('Standard Profiles'!$G$21=$B$24,21,0),0)),0)</f>
        <v>6.9791231350018537</v>
      </c>
      <c r="H1565" cm="1">
        <f t="array" ref="H1565">IFERROR(INDEX(Jesper!AL$2:AL$366,ROUNDDOWN($C1565/24,0)+1,1)*INDEX($D$3:$AA$30,INDEX(Jesper!$R$2:$R$366,ROW(INDEX(Jesper!AL$2:AL$366,ROUNDDOWN($C1565/24,0)+1,1))-1)+IF('Standard Profiles'!$G$22=$B$10,7,0)+IF('Standard Profiles'!$G$22=$B$17,14,0)+IF('Standard Profiles'!$G$22=$B$24,21,0),MOD($C1565,24)+1)/SUM(INDEX($D$3:$AA$30,INDEX(Jesper!$R$2:$R$366,ROW(INDEX(Jesper!AL$2:AL$366,ROUNDDOWN($C1565/24,0)+1,1))-1)+IF('Standard Profiles'!$G$22=$B$10,7,0)+IF('Standard Profiles'!$G$22=$B$17,14,0)+IF('Standard Profiles'!$G$22=$B$24,21,0),0)),0)</f>
        <v>3.9447718609847393</v>
      </c>
      <c r="I1565">
        <f t="shared" si="181"/>
        <v>3.7869809865453519</v>
      </c>
      <c r="J1565">
        <f t="shared" si="182"/>
        <v>15.881966018685963</v>
      </c>
      <c r="K1565">
        <f t="shared" si="183"/>
        <v>0.40518702250350941</v>
      </c>
      <c r="L1565">
        <f t="shared" si="184"/>
        <v>0.2025935112517547</v>
      </c>
      <c r="M1565">
        <f t="shared" si="185"/>
        <v>0</v>
      </c>
      <c r="N1565" s="45">
        <f t="shared" si="186"/>
        <v>44990.791666662954</v>
      </c>
    </row>
    <row r="1566" spans="2:14" x14ac:dyDescent="0.25">
      <c r="B1566">
        <f t="shared" si="180"/>
        <v>7</v>
      </c>
      <c r="C1566" s="16">
        <v>1532</v>
      </c>
      <c r="D1566" cm="1">
        <f t="array" ref="D1566">IFERROR(INDEX(Jesper!AH$2:AH$366,ROUNDDOWN($C1566/24,0)+1,1)*INDEX($D$3:$AA$30,INDEX(Jesper!$R$2:$R$366,ROW(INDEX(Jesper!AH$2:AH$366,ROUNDDOWN($C1566/24,0)+1,1))-1)+IF('Standard Profiles'!$G$18=$B$10,7,0)+IF('Standard Profiles'!$G$18=$B$17,14,0)+IF('Standard Profiles'!$G$18=$B$24,21,0),MOD($C1566,24)+1)/SUM(INDEX($D$3:$AA$30,INDEX(Jesper!$R$2:$R$366,ROW(INDEX(Jesper!AH$2:AH$366,ROUNDDOWN($C1566/24,0)+1,1))-1)+IF('Standard Profiles'!$G$18=$B$10,7,0)+IF('Standard Profiles'!$G$18=$B$17,14,0)+IF('Standard Profiles'!$G$18=$B$24,21,0),0)),0)</f>
        <v>0</v>
      </c>
      <c r="E1566" cm="1">
        <f t="array" ref="E1566">IFERROR(INDEX(Jesper!AI$2:AI$366,ROUNDDOWN($C1566/24,0)+1,1)*INDEX($D$3:$AA$30,INDEX(Jesper!$R$2:$R$366,ROW(INDEX(Jesper!AI$2:AI$366,ROUNDDOWN($C1566/24,0)+1,1))-1)+IF('Standard Profiles'!$G$19=$B$10,7,0)+IF('Standard Profiles'!$G$19=$B$17,14,0)+IF('Standard Profiles'!$G$19=$B$24,21,0),MOD($C1566,24)+1)/SUM(INDEX($D$3:$AA$30,INDEX(Jesper!$R$2:$R$366,ROW(INDEX(Jesper!AI$2:AI$366,ROUNDDOWN($C1566/24,0)+1,1))-1)+IF('Standard Profiles'!$G$19=$B$10,7,0)+IF('Standard Profiles'!$G$19=$B$17,14,0)+IF('Standard Profiles'!$G$19=$B$24,21,0),0)),0)</f>
        <v>5.0648377812938676</v>
      </c>
      <c r="F1566" cm="1">
        <f t="array" ref="F1566">IFERROR(INDEX(Jesper!AJ$2:AJ$366,ROUNDDOWN($C1566/24,0)+1,1)*INDEX($D$3:$AA$30,INDEX(Jesper!$R$2:$R$366,ROW(INDEX(Jesper!AJ$2:AJ$366,ROUNDDOWN($C1566/24,0)+1,1))-1)+IF('Standard Profiles'!$G$20=$B$10,7,0)+IF('Standard Profiles'!$G$20=$B$17,14,0)+IF('Standard Profiles'!$G$20=$B$24,21,0),MOD($C1566,24)+1)/SUM(INDEX($D$3:$AA$30,INDEX(Jesper!$R$2:$R$366,ROW(INDEX(Jesper!AJ$2:AJ$366,ROUNDDOWN($C1566/24,0)+1,1))-1)+IF('Standard Profiles'!$G$20=$B$10,7,0)+IF('Standard Profiles'!$G$20=$B$17,14,0)+IF('Standard Profiles'!$G$20=$B$24,21,0),0)),0)</f>
        <v>4.2879947617061198</v>
      </c>
      <c r="G1566" cm="1">
        <f t="array" ref="G1566">IFERROR(INDEX(Jesper!AK$2:AK$366,ROUNDDOWN($C1566/24,0)+1,1)*INDEX($D$3:$AA$30,INDEX(Jesper!$R$2:$R$366,ROW(INDEX(Jesper!AK$2:AK$366,ROUNDDOWN($C1566/24,0)+1,1))-1)+IF('Standard Profiles'!$G$21=$B$10,7,0)+IF('Standard Profiles'!$G$21=$B$17,14,0)+IF('Standard Profiles'!$G$21=$B$24,21,0),MOD($C1566,24)+1)/SUM(INDEX($D$3:$AA$30,INDEX(Jesper!$R$2:$R$366,ROW(INDEX(Jesper!AK$2:AK$366,ROUNDDOWN($C1566/24,0)+1,1))-1)+IF('Standard Profiles'!$G$21=$B$10,7,0)+IF('Standard Profiles'!$G$21=$B$17,14,0)+IF('Standard Profiles'!$G$21=$B$24,21,0),0)),0)</f>
        <v>6.9791231350018537</v>
      </c>
      <c r="H1566" cm="1">
        <f t="array" ref="H1566">IFERROR(INDEX(Jesper!AL$2:AL$366,ROUNDDOWN($C1566/24,0)+1,1)*INDEX($D$3:$AA$30,INDEX(Jesper!$R$2:$R$366,ROW(INDEX(Jesper!AL$2:AL$366,ROUNDDOWN($C1566/24,0)+1,1))-1)+IF('Standard Profiles'!$G$22=$B$10,7,0)+IF('Standard Profiles'!$G$22=$B$17,14,0)+IF('Standard Profiles'!$G$22=$B$24,21,0),MOD($C1566,24)+1)/SUM(INDEX($D$3:$AA$30,INDEX(Jesper!$R$2:$R$366,ROW(INDEX(Jesper!AL$2:AL$366,ROUNDDOWN($C1566/24,0)+1,1))-1)+IF('Standard Profiles'!$G$22=$B$10,7,0)+IF('Standard Profiles'!$G$22=$B$17,14,0)+IF('Standard Profiles'!$G$22=$B$24,21,0),0)),0)</f>
        <v>3.3050791267709974</v>
      </c>
      <c r="I1566">
        <f t="shared" si="181"/>
        <v>3.1728759617001594</v>
      </c>
      <c r="J1566">
        <f t="shared" si="182"/>
        <v>15.856378309317414</v>
      </c>
      <c r="K1566">
        <f t="shared" si="183"/>
        <v>0.40518702250350941</v>
      </c>
      <c r="L1566">
        <f t="shared" si="184"/>
        <v>0.2025935112517547</v>
      </c>
      <c r="M1566">
        <f t="shared" si="185"/>
        <v>0</v>
      </c>
      <c r="N1566" s="45">
        <f t="shared" si="186"/>
        <v>44990.833333329618</v>
      </c>
    </row>
    <row r="1567" spans="2:14" x14ac:dyDescent="0.25">
      <c r="B1567">
        <f t="shared" si="180"/>
        <v>7</v>
      </c>
      <c r="C1567" s="16">
        <v>1533</v>
      </c>
      <c r="D1567" cm="1">
        <f t="array" ref="D1567">IFERROR(INDEX(Jesper!AH$2:AH$366,ROUNDDOWN($C1567/24,0)+1,1)*INDEX($D$3:$AA$30,INDEX(Jesper!$R$2:$R$366,ROW(INDEX(Jesper!AH$2:AH$366,ROUNDDOWN($C1567/24,0)+1,1))-1)+IF('Standard Profiles'!$G$18=$B$10,7,0)+IF('Standard Profiles'!$G$18=$B$17,14,0)+IF('Standard Profiles'!$G$18=$B$24,21,0),MOD($C1567,24)+1)/SUM(INDEX($D$3:$AA$30,INDEX(Jesper!$R$2:$R$366,ROW(INDEX(Jesper!AH$2:AH$366,ROUNDDOWN($C1567/24,0)+1,1))-1)+IF('Standard Profiles'!$G$18=$B$10,7,0)+IF('Standard Profiles'!$G$18=$B$17,14,0)+IF('Standard Profiles'!$G$18=$B$24,21,0),0)),0)</f>
        <v>0</v>
      </c>
      <c r="E1567" cm="1">
        <f t="array" ref="E1567">IFERROR(INDEX(Jesper!AI$2:AI$366,ROUNDDOWN($C1567/24,0)+1,1)*INDEX($D$3:$AA$30,INDEX(Jesper!$R$2:$R$366,ROW(INDEX(Jesper!AI$2:AI$366,ROUNDDOWN($C1567/24,0)+1,1))-1)+IF('Standard Profiles'!$G$19=$B$10,7,0)+IF('Standard Profiles'!$G$19=$B$17,14,0)+IF('Standard Profiles'!$G$19=$B$24,21,0),MOD($C1567,24)+1)/SUM(INDEX($D$3:$AA$30,INDEX(Jesper!$R$2:$R$366,ROW(INDEX(Jesper!AI$2:AI$366,ROUNDDOWN($C1567/24,0)+1,1))-1)+IF('Standard Profiles'!$G$19=$B$10,7,0)+IF('Standard Profiles'!$G$19=$B$17,14,0)+IF('Standard Profiles'!$G$19=$B$24,21,0),0)),0)</f>
        <v>5.0648377812938676</v>
      </c>
      <c r="F1567" cm="1">
        <f t="array" ref="F1567">IFERROR(INDEX(Jesper!AJ$2:AJ$366,ROUNDDOWN($C1567/24,0)+1,1)*INDEX($D$3:$AA$30,INDEX(Jesper!$R$2:$R$366,ROW(INDEX(Jesper!AJ$2:AJ$366,ROUNDDOWN($C1567/24,0)+1,1))-1)+IF('Standard Profiles'!$G$20=$B$10,7,0)+IF('Standard Profiles'!$G$20=$B$17,14,0)+IF('Standard Profiles'!$G$20=$B$24,21,0),MOD($C1567,24)+1)/SUM(INDEX($D$3:$AA$30,INDEX(Jesper!$R$2:$R$366,ROW(INDEX(Jesper!AJ$2:AJ$366,ROUNDDOWN($C1567/24,0)+1,1))-1)+IF('Standard Profiles'!$G$20=$B$10,7,0)+IF('Standard Profiles'!$G$20=$B$17,14,0)+IF('Standard Profiles'!$G$20=$B$24,21,0),0)),0)</f>
        <v>4.2879947617061198</v>
      </c>
      <c r="G1567" cm="1">
        <f t="array" ref="G1567">IFERROR(INDEX(Jesper!AK$2:AK$366,ROUNDDOWN($C1567/24,0)+1,1)*INDEX($D$3:$AA$30,INDEX(Jesper!$R$2:$R$366,ROW(INDEX(Jesper!AK$2:AK$366,ROUNDDOWN($C1567/24,0)+1,1))-1)+IF('Standard Profiles'!$G$21=$B$10,7,0)+IF('Standard Profiles'!$G$21=$B$17,14,0)+IF('Standard Profiles'!$G$21=$B$24,21,0),MOD($C1567,24)+1)/SUM(INDEX($D$3:$AA$30,INDEX(Jesper!$R$2:$R$366,ROW(INDEX(Jesper!AK$2:AK$366,ROUNDDOWN($C1567/24,0)+1,1))-1)+IF('Standard Profiles'!$G$21=$B$10,7,0)+IF('Standard Profiles'!$G$21=$B$17,14,0)+IF('Standard Profiles'!$G$21=$B$24,21,0),0)),0)</f>
        <v>6.9791231350018537</v>
      </c>
      <c r="H1567" cm="1">
        <f t="array" ref="H1567">IFERROR(INDEX(Jesper!AL$2:AL$366,ROUNDDOWN($C1567/24,0)+1,1)*INDEX($D$3:$AA$30,INDEX(Jesper!$R$2:$R$366,ROW(INDEX(Jesper!AL$2:AL$366,ROUNDDOWN($C1567/24,0)+1,1))-1)+IF('Standard Profiles'!$G$22=$B$10,7,0)+IF('Standard Profiles'!$G$22=$B$17,14,0)+IF('Standard Profiles'!$G$22=$B$24,21,0),MOD($C1567,24)+1)/SUM(INDEX($D$3:$AA$30,INDEX(Jesper!$R$2:$R$366,ROW(INDEX(Jesper!AL$2:AL$366,ROUNDDOWN($C1567/24,0)+1,1))-1)+IF('Standard Profiles'!$G$22=$B$10,7,0)+IF('Standard Profiles'!$G$22=$B$17,14,0)+IF('Standard Profiles'!$G$22=$B$24,21,0),0)),0)</f>
        <v>2.8786173039618363</v>
      </c>
      <c r="I1567">
        <f t="shared" si="181"/>
        <v>2.7634726118033646</v>
      </c>
      <c r="J1567">
        <f t="shared" si="182"/>
        <v>15.839319836405048</v>
      </c>
      <c r="K1567">
        <f t="shared" si="183"/>
        <v>0.40518702250350941</v>
      </c>
      <c r="L1567">
        <f t="shared" si="184"/>
        <v>0.2025935112517547</v>
      </c>
      <c r="M1567">
        <f t="shared" si="185"/>
        <v>0</v>
      </c>
      <c r="N1567" s="45">
        <f t="shared" si="186"/>
        <v>44990.874999996282</v>
      </c>
    </row>
    <row r="1568" spans="2:14" x14ac:dyDescent="0.25">
      <c r="B1568">
        <f t="shared" si="180"/>
        <v>7</v>
      </c>
      <c r="C1568" s="16">
        <v>1534</v>
      </c>
      <c r="D1568" cm="1">
        <f t="array" ref="D1568">IFERROR(INDEX(Jesper!AH$2:AH$366,ROUNDDOWN($C1568/24,0)+1,1)*INDEX($D$3:$AA$30,INDEX(Jesper!$R$2:$R$366,ROW(INDEX(Jesper!AH$2:AH$366,ROUNDDOWN($C1568/24,0)+1,1))-1)+IF('Standard Profiles'!$G$18=$B$10,7,0)+IF('Standard Profiles'!$G$18=$B$17,14,0)+IF('Standard Profiles'!$G$18=$B$24,21,0),MOD($C1568,24)+1)/SUM(INDEX($D$3:$AA$30,INDEX(Jesper!$R$2:$R$366,ROW(INDEX(Jesper!AH$2:AH$366,ROUNDDOWN($C1568/24,0)+1,1))-1)+IF('Standard Profiles'!$G$18=$B$10,7,0)+IF('Standard Profiles'!$G$18=$B$17,14,0)+IF('Standard Profiles'!$G$18=$B$24,21,0),0)),0)</f>
        <v>0</v>
      </c>
      <c r="E1568" cm="1">
        <f t="array" ref="E1568">IFERROR(INDEX(Jesper!AI$2:AI$366,ROUNDDOWN($C1568/24,0)+1,1)*INDEX($D$3:$AA$30,INDEX(Jesper!$R$2:$R$366,ROW(INDEX(Jesper!AI$2:AI$366,ROUNDDOWN($C1568/24,0)+1,1))-1)+IF('Standard Profiles'!$G$19=$B$10,7,0)+IF('Standard Profiles'!$G$19=$B$17,14,0)+IF('Standard Profiles'!$G$19=$B$24,21,0),MOD($C1568,24)+1)/SUM(INDEX($D$3:$AA$30,INDEX(Jesper!$R$2:$R$366,ROW(INDEX(Jesper!AI$2:AI$366,ROUNDDOWN($C1568/24,0)+1,1))-1)+IF('Standard Profiles'!$G$19=$B$10,7,0)+IF('Standard Profiles'!$G$19=$B$17,14,0)+IF('Standard Profiles'!$G$19=$B$24,21,0),0)),0)</f>
        <v>5.0648377812938676</v>
      </c>
      <c r="F1568" cm="1">
        <f t="array" ref="F1568">IFERROR(INDEX(Jesper!AJ$2:AJ$366,ROUNDDOWN($C1568/24,0)+1,1)*INDEX($D$3:$AA$30,INDEX(Jesper!$R$2:$R$366,ROW(INDEX(Jesper!AJ$2:AJ$366,ROUNDDOWN($C1568/24,0)+1,1))-1)+IF('Standard Profiles'!$G$20=$B$10,7,0)+IF('Standard Profiles'!$G$20=$B$17,14,0)+IF('Standard Profiles'!$G$20=$B$24,21,0),MOD($C1568,24)+1)/SUM(INDEX($D$3:$AA$30,INDEX(Jesper!$R$2:$R$366,ROW(INDEX(Jesper!AJ$2:AJ$366,ROUNDDOWN($C1568/24,0)+1,1))-1)+IF('Standard Profiles'!$G$20=$B$10,7,0)+IF('Standard Profiles'!$G$20=$B$17,14,0)+IF('Standard Profiles'!$G$20=$B$24,21,0),0)),0)</f>
        <v>4.2879947617061198</v>
      </c>
      <c r="G1568" cm="1">
        <f t="array" ref="G1568">IFERROR(INDEX(Jesper!AK$2:AK$366,ROUNDDOWN($C1568/24,0)+1,1)*INDEX($D$3:$AA$30,INDEX(Jesper!$R$2:$R$366,ROW(INDEX(Jesper!AK$2:AK$366,ROUNDDOWN($C1568/24,0)+1,1))-1)+IF('Standard Profiles'!$G$21=$B$10,7,0)+IF('Standard Profiles'!$G$21=$B$17,14,0)+IF('Standard Profiles'!$G$21=$B$24,21,0),MOD($C1568,24)+1)/SUM(INDEX($D$3:$AA$30,INDEX(Jesper!$R$2:$R$366,ROW(INDEX(Jesper!AK$2:AK$366,ROUNDDOWN($C1568/24,0)+1,1))-1)+IF('Standard Profiles'!$G$21=$B$10,7,0)+IF('Standard Profiles'!$G$21=$B$17,14,0)+IF('Standard Profiles'!$G$21=$B$24,21,0),0)),0)</f>
        <v>6.9791231350018537</v>
      </c>
      <c r="H1568" cm="1">
        <f t="array" ref="H1568">IFERROR(INDEX(Jesper!AL$2:AL$366,ROUNDDOWN($C1568/24,0)+1,1)*INDEX($D$3:$AA$30,INDEX(Jesper!$R$2:$R$366,ROW(INDEX(Jesper!AL$2:AL$366,ROUNDDOWN($C1568/24,0)+1,1))-1)+IF('Standard Profiles'!$G$22=$B$10,7,0)+IF('Standard Profiles'!$G$22=$B$17,14,0)+IF('Standard Profiles'!$G$22=$B$24,21,0),MOD($C1568,24)+1)/SUM(INDEX($D$3:$AA$30,INDEX(Jesper!$R$2:$R$366,ROW(INDEX(Jesper!AL$2:AL$366,ROUNDDOWN($C1568/24,0)+1,1))-1)+IF('Standard Profiles'!$G$22=$B$10,7,0)+IF('Standard Profiles'!$G$22=$B$17,14,0)+IF('Standard Profiles'!$G$22=$B$24,21,0),0)),0)</f>
        <v>2.8786173039618363</v>
      </c>
      <c r="I1568">
        <f t="shared" si="181"/>
        <v>2.7634726118033646</v>
      </c>
      <c r="J1568">
        <f t="shared" si="182"/>
        <v>15.839319836405048</v>
      </c>
      <c r="K1568">
        <f t="shared" si="183"/>
        <v>0.40518702250350941</v>
      </c>
      <c r="L1568">
        <f t="shared" si="184"/>
        <v>0.2025935112517547</v>
      </c>
      <c r="M1568">
        <f t="shared" si="185"/>
        <v>0</v>
      </c>
      <c r="N1568" s="45">
        <f t="shared" si="186"/>
        <v>44990.916666662946</v>
      </c>
    </row>
    <row r="1569" spans="2:14" x14ac:dyDescent="0.25">
      <c r="B1569">
        <f t="shared" si="180"/>
        <v>7</v>
      </c>
      <c r="C1569" s="16">
        <v>1535</v>
      </c>
      <c r="D1569" cm="1">
        <f t="array" ref="D1569">IFERROR(INDEX(Jesper!AH$2:AH$366,ROUNDDOWN($C1569/24,0)+1,1)*INDEX($D$3:$AA$30,INDEX(Jesper!$R$2:$R$366,ROW(INDEX(Jesper!AH$2:AH$366,ROUNDDOWN($C1569/24,0)+1,1))-1)+IF('Standard Profiles'!$G$18=$B$10,7,0)+IF('Standard Profiles'!$G$18=$B$17,14,0)+IF('Standard Profiles'!$G$18=$B$24,21,0),MOD($C1569,24)+1)/SUM(INDEX($D$3:$AA$30,INDEX(Jesper!$R$2:$R$366,ROW(INDEX(Jesper!AH$2:AH$366,ROUNDDOWN($C1569/24,0)+1,1))-1)+IF('Standard Profiles'!$G$18=$B$10,7,0)+IF('Standard Profiles'!$G$18=$B$17,14,0)+IF('Standard Profiles'!$G$18=$B$24,21,0),0)),0)</f>
        <v>0</v>
      </c>
      <c r="E1569" cm="1">
        <f t="array" ref="E1569">IFERROR(INDEX(Jesper!AI$2:AI$366,ROUNDDOWN($C1569/24,0)+1,1)*INDEX($D$3:$AA$30,INDEX(Jesper!$R$2:$R$366,ROW(INDEX(Jesper!AI$2:AI$366,ROUNDDOWN($C1569/24,0)+1,1))-1)+IF('Standard Profiles'!$G$19=$B$10,7,0)+IF('Standard Profiles'!$G$19=$B$17,14,0)+IF('Standard Profiles'!$G$19=$B$24,21,0),MOD($C1569,24)+1)/SUM(INDEX($D$3:$AA$30,INDEX(Jesper!$R$2:$R$366,ROW(INDEX(Jesper!AI$2:AI$366,ROUNDDOWN($C1569/24,0)+1,1))-1)+IF('Standard Profiles'!$G$19=$B$10,7,0)+IF('Standard Profiles'!$G$19=$B$17,14,0)+IF('Standard Profiles'!$G$19=$B$24,21,0),0)),0)</f>
        <v>5.0648377812938676</v>
      </c>
      <c r="F1569" cm="1">
        <f t="array" ref="F1569">IFERROR(INDEX(Jesper!AJ$2:AJ$366,ROUNDDOWN($C1569/24,0)+1,1)*INDEX($D$3:$AA$30,INDEX(Jesper!$R$2:$R$366,ROW(INDEX(Jesper!AJ$2:AJ$366,ROUNDDOWN($C1569/24,0)+1,1))-1)+IF('Standard Profiles'!$G$20=$B$10,7,0)+IF('Standard Profiles'!$G$20=$B$17,14,0)+IF('Standard Profiles'!$G$20=$B$24,21,0),MOD($C1569,24)+1)/SUM(INDEX($D$3:$AA$30,INDEX(Jesper!$R$2:$R$366,ROW(INDEX(Jesper!AJ$2:AJ$366,ROUNDDOWN($C1569/24,0)+1,1))-1)+IF('Standard Profiles'!$G$20=$B$10,7,0)+IF('Standard Profiles'!$G$20=$B$17,14,0)+IF('Standard Profiles'!$G$20=$B$24,21,0),0)),0)</f>
        <v>4.2879947617061198</v>
      </c>
      <c r="G1569" cm="1">
        <f t="array" ref="G1569">IFERROR(INDEX(Jesper!AK$2:AK$366,ROUNDDOWN($C1569/24,0)+1,1)*INDEX($D$3:$AA$30,INDEX(Jesper!$R$2:$R$366,ROW(INDEX(Jesper!AK$2:AK$366,ROUNDDOWN($C1569/24,0)+1,1))-1)+IF('Standard Profiles'!$G$21=$B$10,7,0)+IF('Standard Profiles'!$G$21=$B$17,14,0)+IF('Standard Profiles'!$G$21=$B$24,21,0),MOD($C1569,24)+1)/SUM(INDEX($D$3:$AA$30,INDEX(Jesper!$R$2:$R$366,ROW(INDEX(Jesper!AK$2:AK$366,ROUNDDOWN($C1569/24,0)+1,1))-1)+IF('Standard Profiles'!$G$21=$B$10,7,0)+IF('Standard Profiles'!$G$21=$B$17,14,0)+IF('Standard Profiles'!$G$21=$B$24,21,0),0)),0)</f>
        <v>6.9791231350018537</v>
      </c>
      <c r="H1569" cm="1">
        <f t="array" ref="H1569">IFERROR(INDEX(Jesper!AL$2:AL$366,ROUNDDOWN($C1569/24,0)+1,1)*INDEX($D$3:$AA$30,INDEX(Jesper!$R$2:$R$366,ROW(INDEX(Jesper!AL$2:AL$366,ROUNDDOWN($C1569/24,0)+1,1))-1)+IF('Standard Profiles'!$G$22=$B$10,7,0)+IF('Standard Profiles'!$G$22=$B$17,14,0)+IF('Standard Profiles'!$G$22=$B$24,21,0),MOD($C1569,24)+1)/SUM(INDEX($D$3:$AA$30,INDEX(Jesper!$R$2:$R$366,ROW(INDEX(Jesper!AL$2:AL$366,ROUNDDOWN($C1569/24,0)+1,1))-1)+IF('Standard Profiles'!$G$22=$B$10,7,0)+IF('Standard Profiles'!$G$22=$B$17,14,0)+IF('Standard Profiles'!$G$22=$B$24,21,0),0)),0)</f>
        <v>2.8786173039618363</v>
      </c>
      <c r="I1569">
        <f t="shared" si="181"/>
        <v>2.7634726118033646</v>
      </c>
      <c r="J1569">
        <f t="shared" si="182"/>
        <v>15.839319836405048</v>
      </c>
      <c r="K1569">
        <f t="shared" si="183"/>
        <v>0.40518702250350941</v>
      </c>
      <c r="L1569">
        <f t="shared" si="184"/>
        <v>0.2025935112517547</v>
      </c>
      <c r="M1569">
        <f t="shared" si="185"/>
        <v>0</v>
      </c>
      <c r="N1569" s="45">
        <f t="shared" si="186"/>
        <v>44990.95833332961</v>
      </c>
    </row>
    <row r="1570" spans="2:14" x14ac:dyDescent="0.25">
      <c r="B1570">
        <f t="shared" si="180"/>
        <v>1</v>
      </c>
      <c r="C1570" s="16">
        <v>1536</v>
      </c>
      <c r="D1570" cm="1">
        <f t="array" ref="D1570">IFERROR(INDEX(Jesper!AH$2:AH$366,ROUNDDOWN($C1570/24,0)+1,1)*INDEX($D$3:$AA$30,INDEX(Jesper!$R$2:$R$366,ROW(INDEX(Jesper!AH$2:AH$366,ROUNDDOWN($C1570/24,0)+1,1))-1)+IF('Standard Profiles'!$G$18=$B$10,7,0)+IF('Standard Profiles'!$G$18=$B$17,14,0)+IF('Standard Profiles'!$G$18=$B$24,21,0),MOD($C1570,24)+1)/SUM(INDEX($D$3:$AA$30,INDEX(Jesper!$R$2:$R$366,ROW(INDEX(Jesper!AH$2:AH$366,ROUNDDOWN($C1570/24,0)+1,1))-1)+IF('Standard Profiles'!$G$18=$B$10,7,0)+IF('Standard Profiles'!$G$18=$B$17,14,0)+IF('Standard Profiles'!$G$18=$B$24,21,0),0)),0)</f>
        <v>5.7637069617780874</v>
      </c>
      <c r="E1570" cm="1">
        <f t="array" ref="E1570">IFERROR(INDEX(Jesper!AI$2:AI$366,ROUNDDOWN($C1570/24,0)+1,1)*INDEX($D$3:$AA$30,INDEX(Jesper!$R$2:$R$366,ROW(INDEX(Jesper!AI$2:AI$366,ROUNDDOWN($C1570/24,0)+1,1))-1)+IF('Standard Profiles'!$G$19=$B$10,7,0)+IF('Standard Profiles'!$G$19=$B$17,14,0)+IF('Standard Profiles'!$G$19=$B$24,21,0),MOD($C1570,24)+1)/SUM(INDEX($D$3:$AA$30,INDEX(Jesper!$R$2:$R$366,ROW(INDEX(Jesper!AI$2:AI$366,ROUNDDOWN($C1570/24,0)+1,1))-1)+IF('Standard Profiles'!$G$19=$B$10,7,0)+IF('Standard Profiles'!$G$19=$B$17,14,0)+IF('Standard Profiles'!$G$19=$B$24,21,0),0)),0)</f>
        <v>6.1767807373815025</v>
      </c>
      <c r="F1570" cm="1">
        <f t="array" ref="F1570">IFERROR(INDEX(Jesper!AJ$2:AJ$366,ROUNDDOWN($C1570/24,0)+1,1)*INDEX($D$3:$AA$30,INDEX(Jesper!$R$2:$R$366,ROW(INDEX(Jesper!AJ$2:AJ$366,ROUNDDOWN($C1570/24,0)+1,1))-1)+IF('Standard Profiles'!$G$20=$B$10,7,0)+IF('Standard Profiles'!$G$20=$B$17,14,0)+IF('Standard Profiles'!$G$20=$B$24,21,0),MOD($C1570,24)+1)/SUM(INDEX($D$3:$AA$30,INDEX(Jesper!$R$2:$R$366,ROW(INDEX(Jesper!AJ$2:AJ$366,ROUNDDOWN($C1570/24,0)+1,1))-1)+IF('Standard Profiles'!$G$20=$B$10,7,0)+IF('Standard Profiles'!$G$20=$B$17,14,0)+IF('Standard Profiles'!$G$20=$B$24,21,0),0)),0)</f>
        <v>0</v>
      </c>
      <c r="G1570" cm="1">
        <f t="array" ref="G1570">IFERROR(INDEX(Jesper!AK$2:AK$366,ROUNDDOWN($C1570/24,0)+1,1)*INDEX($D$3:$AA$30,INDEX(Jesper!$R$2:$R$366,ROW(INDEX(Jesper!AK$2:AK$366,ROUNDDOWN($C1570/24,0)+1,1))-1)+IF('Standard Profiles'!$G$21=$B$10,7,0)+IF('Standard Profiles'!$G$21=$B$17,14,0)+IF('Standard Profiles'!$G$21=$B$24,21,0),MOD($C1570,24)+1)/SUM(INDEX($D$3:$AA$30,INDEX(Jesper!$R$2:$R$366,ROW(INDEX(Jesper!AK$2:AK$366,ROUNDDOWN($C1570/24,0)+1,1))-1)+IF('Standard Profiles'!$G$21=$B$10,7,0)+IF('Standard Profiles'!$G$21=$B$17,14,0)+IF('Standard Profiles'!$G$21=$B$24,21,0),0)),0)</f>
        <v>4.6136686870939556</v>
      </c>
      <c r="H1570" cm="1">
        <f t="array" ref="H1570">IFERROR(INDEX(Jesper!AL$2:AL$366,ROUNDDOWN($C1570/24,0)+1,1)*INDEX($D$3:$AA$30,INDEX(Jesper!$R$2:$R$366,ROW(INDEX(Jesper!AL$2:AL$366,ROUNDDOWN($C1570/24,0)+1,1))-1)+IF('Standard Profiles'!$G$22=$B$10,7,0)+IF('Standard Profiles'!$G$22=$B$17,14,0)+IF('Standard Profiles'!$G$22=$B$24,21,0),MOD($C1570,24)+1)/SUM(INDEX($D$3:$AA$30,INDEX(Jesper!$R$2:$R$366,ROW(INDEX(Jesper!AL$2:AL$366,ROUNDDOWN($C1570/24,0)+1,1))-1)+IF('Standard Profiles'!$G$22=$B$10,7,0)+IF('Standard Profiles'!$G$22=$B$17,14,0)+IF('Standard Profiles'!$G$22=$B$24,21,0),0)),0)</f>
        <v>0</v>
      </c>
      <c r="I1570">
        <f t="shared" si="181"/>
        <v>2.2145609698050976</v>
      </c>
      <c r="J1570">
        <f t="shared" si="182"/>
        <v>13.417402302563955</v>
      </c>
      <c r="K1570">
        <f t="shared" si="183"/>
        <v>0.61479540925632936</v>
      </c>
      <c r="L1570">
        <f t="shared" si="184"/>
        <v>0.30739770462816468</v>
      </c>
      <c r="M1570">
        <f t="shared" si="185"/>
        <v>0</v>
      </c>
      <c r="N1570" s="45">
        <f t="shared" si="186"/>
        <v>44990.999999996275</v>
      </c>
    </row>
    <row r="1571" spans="2:14" x14ac:dyDescent="0.25">
      <c r="B1571">
        <f t="shared" ref="B1571:B1634" si="187">WEEKDAY(N1571,2)</f>
        <v>1</v>
      </c>
      <c r="C1571" s="16">
        <v>1537</v>
      </c>
      <c r="D1571" cm="1">
        <f t="array" ref="D1571">IFERROR(INDEX(Jesper!AH$2:AH$366,ROUNDDOWN($C1571/24,0)+1,1)*INDEX($D$3:$AA$30,INDEX(Jesper!$R$2:$R$366,ROW(INDEX(Jesper!AH$2:AH$366,ROUNDDOWN($C1571/24,0)+1,1))-1)+IF('Standard Profiles'!$G$18=$B$10,7,0)+IF('Standard Profiles'!$G$18=$B$17,14,0)+IF('Standard Profiles'!$G$18=$B$24,21,0),MOD($C1571,24)+1)/SUM(INDEX($D$3:$AA$30,INDEX(Jesper!$R$2:$R$366,ROW(INDEX(Jesper!AH$2:AH$366,ROUNDDOWN($C1571/24,0)+1,1))-1)+IF('Standard Profiles'!$G$18=$B$10,7,0)+IF('Standard Profiles'!$G$18=$B$17,14,0)+IF('Standard Profiles'!$G$18=$B$24,21,0),0)),0)</f>
        <v>5.7637069617780874</v>
      </c>
      <c r="E1571" cm="1">
        <f t="array" ref="E1571">IFERROR(INDEX(Jesper!AI$2:AI$366,ROUNDDOWN($C1571/24,0)+1,1)*INDEX($D$3:$AA$30,INDEX(Jesper!$R$2:$R$366,ROW(INDEX(Jesper!AI$2:AI$366,ROUNDDOWN($C1571/24,0)+1,1))-1)+IF('Standard Profiles'!$G$19=$B$10,7,0)+IF('Standard Profiles'!$G$19=$B$17,14,0)+IF('Standard Profiles'!$G$19=$B$24,21,0),MOD($C1571,24)+1)/SUM(INDEX($D$3:$AA$30,INDEX(Jesper!$R$2:$R$366,ROW(INDEX(Jesper!AI$2:AI$366,ROUNDDOWN($C1571/24,0)+1,1))-1)+IF('Standard Profiles'!$G$19=$B$10,7,0)+IF('Standard Profiles'!$G$19=$B$17,14,0)+IF('Standard Profiles'!$G$19=$B$24,21,0),0)),0)</f>
        <v>6.1767807373815025</v>
      </c>
      <c r="F1571" cm="1">
        <f t="array" ref="F1571">IFERROR(INDEX(Jesper!AJ$2:AJ$366,ROUNDDOWN($C1571/24,0)+1,1)*INDEX($D$3:$AA$30,INDEX(Jesper!$R$2:$R$366,ROW(INDEX(Jesper!AJ$2:AJ$366,ROUNDDOWN($C1571/24,0)+1,1))-1)+IF('Standard Profiles'!$G$20=$B$10,7,0)+IF('Standard Profiles'!$G$20=$B$17,14,0)+IF('Standard Profiles'!$G$20=$B$24,21,0),MOD($C1571,24)+1)/SUM(INDEX($D$3:$AA$30,INDEX(Jesper!$R$2:$R$366,ROW(INDEX(Jesper!AJ$2:AJ$366,ROUNDDOWN($C1571/24,0)+1,1))-1)+IF('Standard Profiles'!$G$20=$B$10,7,0)+IF('Standard Profiles'!$G$20=$B$17,14,0)+IF('Standard Profiles'!$G$20=$B$24,21,0),0)),0)</f>
        <v>0</v>
      </c>
      <c r="G1571" cm="1">
        <f t="array" ref="G1571">IFERROR(INDEX(Jesper!AK$2:AK$366,ROUNDDOWN($C1571/24,0)+1,1)*INDEX($D$3:$AA$30,INDEX(Jesper!$R$2:$R$366,ROW(INDEX(Jesper!AK$2:AK$366,ROUNDDOWN($C1571/24,0)+1,1))-1)+IF('Standard Profiles'!$G$21=$B$10,7,0)+IF('Standard Profiles'!$G$21=$B$17,14,0)+IF('Standard Profiles'!$G$21=$B$24,21,0),MOD($C1571,24)+1)/SUM(INDEX($D$3:$AA$30,INDEX(Jesper!$R$2:$R$366,ROW(INDEX(Jesper!AK$2:AK$366,ROUNDDOWN($C1571/24,0)+1,1))-1)+IF('Standard Profiles'!$G$21=$B$10,7,0)+IF('Standard Profiles'!$G$21=$B$17,14,0)+IF('Standard Profiles'!$G$21=$B$24,21,0),0)),0)</f>
        <v>4.6136686870939556</v>
      </c>
      <c r="H1571" cm="1">
        <f t="array" ref="H1571">IFERROR(INDEX(Jesper!AL$2:AL$366,ROUNDDOWN($C1571/24,0)+1,1)*INDEX($D$3:$AA$30,INDEX(Jesper!$R$2:$R$366,ROW(INDEX(Jesper!AL$2:AL$366,ROUNDDOWN($C1571/24,0)+1,1))-1)+IF('Standard Profiles'!$G$22=$B$10,7,0)+IF('Standard Profiles'!$G$22=$B$17,14,0)+IF('Standard Profiles'!$G$22=$B$24,21,0),MOD($C1571,24)+1)/SUM(INDEX($D$3:$AA$30,INDEX(Jesper!$R$2:$R$366,ROW(INDEX(Jesper!AL$2:AL$366,ROUNDDOWN($C1571/24,0)+1,1))-1)+IF('Standard Profiles'!$G$22=$B$10,7,0)+IF('Standard Profiles'!$G$22=$B$17,14,0)+IF('Standard Profiles'!$G$22=$B$24,21,0),0)),0)</f>
        <v>0</v>
      </c>
      <c r="I1571">
        <f t="shared" ref="I1571:I1634" si="188">IF($B1571&lt;6,AC$37*$D1571+AC$38*$E1571+AC$39*$F1571+AC$40*$G1571,AC$46*$D1571+AC$47*$E1571+AC$48*$F1571+AC$49*$G1571+AC$50*$H1571)</f>
        <v>2.2145609698050976</v>
      </c>
      <c r="J1571">
        <f t="shared" ref="J1571:J1634" si="189">IF($B1571&lt;6,AD$37*$D1571+AD$38*$E1571+AD$39*$F1571+AD$40*$G1571,AD$46*$D1571+AD$47*$E1571+AD$48*$F1571+AD$49*$G1571+AD$50*$H1571)</f>
        <v>13.417402302563955</v>
      </c>
      <c r="K1571">
        <f t="shared" ref="K1571:K1634" si="190">IF($B1571&lt;6,AE$37*$D1571+AE$38*$E1571+AE$39*$F1571+AE$40*$G1571,AE$46*$D1571+AE$47*$E1571+AE$48*$F1571+AE$49*$G1571+AE$50*$H1571)</f>
        <v>0.61479540925632936</v>
      </c>
      <c r="L1571">
        <f t="shared" ref="L1571:L1634" si="191">IF($B1571&lt;6,AF$37*$D1571+AF$38*$E1571+AF$39*$F1571+AF$40*$G1571,AF$46*$D1571+AF$47*$E1571+AF$48*$F1571+AF$49*$G1571+AF$50*$H1571)</f>
        <v>0.30739770462816468</v>
      </c>
      <c r="M1571">
        <f t="shared" ref="M1571:M1634" si="192">IF($B1571&lt;6,AG$37*$D1571+AG$38*$E1571+AG$39*$F1571+AG$40*$G1571,AG$46*$D1571+AG$47*$E1571+AG$48*$F1571+AG$49*$G1571+AG$50*$H1571)</f>
        <v>0</v>
      </c>
      <c r="N1571" s="45">
        <f t="shared" si="186"/>
        <v>44991.041666662939</v>
      </c>
    </row>
    <row r="1572" spans="2:14" x14ac:dyDescent="0.25">
      <c r="B1572">
        <f t="shared" si="187"/>
        <v>1</v>
      </c>
      <c r="C1572" s="16">
        <v>1538</v>
      </c>
      <c r="D1572" cm="1">
        <f t="array" ref="D1572">IFERROR(INDEX(Jesper!AH$2:AH$366,ROUNDDOWN($C1572/24,0)+1,1)*INDEX($D$3:$AA$30,INDEX(Jesper!$R$2:$R$366,ROW(INDEX(Jesper!AH$2:AH$366,ROUNDDOWN($C1572/24,0)+1,1))-1)+IF('Standard Profiles'!$G$18=$B$10,7,0)+IF('Standard Profiles'!$G$18=$B$17,14,0)+IF('Standard Profiles'!$G$18=$B$24,21,0),MOD($C1572,24)+1)/SUM(INDEX($D$3:$AA$30,INDEX(Jesper!$R$2:$R$366,ROW(INDEX(Jesper!AH$2:AH$366,ROUNDDOWN($C1572/24,0)+1,1))-1)+IF('Standard Profiles'!$G$18=$B$10,7,0)+IF('Standard Profiles'!$G$18=$B$17,14,0)+IF('Standard Profiles'!$G$18=$B$24,21,0),0)),0)</f>
        <v>5.7637069617780874</v>
      </c>
      <c r="E1572" cm="1">
        <f t="array" ref="E1572">IFERROR(INDEX(Jesper!AI$2:AI$366,ROUNDDOWN($C1572/24,0)+1,1)*INDEX($D$3:$AA$30,INDEX(Jesper!$R$2:$R$366,ROW(INDEX(Jesper!AI$2:AI$366,ROUNDDOWN($C1572/24,0)+1,1))-1)+IF('Standard Profiles'!$G$19=$B$10,7,0)+IF('Standard Profiles'!$G$19=$B$17,14,0)+IF('Standard Profiles'!$G$19=$B$24,21,0),MOD($C1572,24)+1)/SUM(INDEX($D$3:$AA$30,INDEX(Jesper!$R$2:$R$366,ROW(INDEX(Jesper!AI$2:AI$366,ROUNDDOWN($C1572/24,0)+1,1))-1)+IF('Standard Profiles'!$G$19=$B$10,7,0)+IF('Standard Profiles'!$G$19=$B$17,14,0)+IF('Standard Profiles'!$G$19=$B$24,21,0),0)),0)</f>
        <v>6.1767807373815025</v>
      </c>
      <c r="F1572" cm="1">
        <f t="array" ref="F1572">IFERROR(INDEX(Jesper!AJ$2:AJ$366,ROUNDDOWN($C1572/24,0)+1,1)*INDEX($D$3:$AA$30,INDEX(Jesper!$R$2:$R$366,ROW(INDEX(Jesper!AJ$2:AJ$366,ROUNDDOWN($C1572/24,0)+1,1))-1)+IF('Standard Profiles'!$G$20=$B$10,7,0)+IF('Standard Profiles'!$G$20=$B$17,14,0)+IF('Standard Profiles'!$G$20=$B$24,21,0),MOD($C1572,24)+1)/SUM(INDEX($D$3:$AA$30,INDEX(Jesper!$R$2:$R$366,ROW(INDEX(Jesper!AJ$2:AJ$366,ROUNDDOWN($C1572/24,0)+1,1))-1)+IF('Standard Profiles'!$G$20=$B$10,7,0)+IF('Standard Profiles'!$G$20=$B$17,14,0)+IF('Standard Profiles'!$G$20=$B$24,21,0),0)),0)</f>
        <v>0</v>
      </c>
      <c r="G1572" cm="1">
        <f t="array" ref="G1572">IFERROR(INDEX(Jesper!AK$2:AK$366,ROUNDDOWN($C1572/24,0)+1,1)*INDEX($D$3:$AA$30,INDEX(Jesper!$R$2:$R$366,ROW(INDEX(Jesper!AK$2:AK$366,ROUNDDOWN($C1572/24,0)+1,1))-1)+IF('Standard Profiles'!$G$21=$B$10,7,0)+IF('Standard Profiles'!$G$21=$B$17,14,0)+IF('Standard Profiles'!$G$21=$B$24,21,0),MOD($C1572,24)+1)/SUM(INDEX($D$3:$AA$30,INDEX(Jesper!$R$2:$R$366,ROW(INDEX(Jesper!AK$2:AK$366,ROUNDDOWN($C1572/24,0)+1,1))-1)+IF('Standard Profiles'!$G$21=$B$10,7,0)+IF('Standard Profiles'!$G$21=$B$17,14,0)+IF('Standard Profiles'!$G$21=$B$24,21,0),0)),0)</f>
        <v>4.6136686870939556</v>
      </c>
      <c r="H1572" cm="1">
        <f t="array" ref="H1572">IFERROR(INDEX(Jesper!AL$2:AL$366,ROUNDDOWN($C1572/24,0)+1,1)*INDEX($D$3:$AA$30,INDEX(Jesper!$R$2:$R$366,ROW(INDEX(Jesper!AL$2:AL$366,ROUNDDOWN($C1572/24,0)+1,1))-1)+IF('Standard Profiles'!$G$22=$B$10,7,0)+IF('Standard Profiles'!$G$22=$B$17,14,0)+IF('Standard Profiles'!$G$22=$B$24,21,0),MOD($C1572,24)+1)/SUM(INDEX($D$3:$AA$30,INDEX(Jesper!$R$2:$R$366,ROW(INDEX(Jesper!AL$2:AL$366,ROUNDDOWN($C1572/24,0)+1,1))-1)+IF('Standard Profiles'!$G$22=$B$10,7,0)+IF('Standard Profiles'!$G$22=$B$17,14,0)+IF('Standard Profiles'!$G$22=$B$24,21,0),0)),0)</f>
        <v>0</v>
      </c>
      <c r="I1572">
        <f t="shared" si="188"/>
        <v>2.2145609698050976</v>
      </c>
      <c r="J1572">
        <f t="shared" si="189"/>
        <v>13.417402302563955</v>
      </c>
      <c r="K1572">
        <f t="shared" si="190"/>
        <v>0.61479540925632936</v>
      </c>
      <c r="L1572">
        <f t="shared" si="191"/>
        <v>0.30739770462816468</v>
      </c>
      <c r="M1572">
        <f t="shared" si="192"/>
        <v>0</v>
      </c>
      <c r="N1572" s="45">
        <f t="shared" ref="N1572:N1635" si="193">N1571+1/24</f>
        <v>44991.083333329603</v>
      </c>
    </row>
    <row r="1573" spans="2:14" x14ac:dyDescent="0.25">
      <c r="B1573">
        <f t="shared" si="187"/>
        <v>1</v>
      </c>
      <c r="C1573" s="16">
        <v>1539</v>
      </c>
      <c r="D1573" cm="1">
        <f t="array" ref="D1573">IFERROR(INDEX(Jesper!AH$2:AH$366,ROUNDDOWN($C1573/24,0)+1,1)*INDEX($D$3:$AA$30,INDEX(Jesper!$R$2:$R$366,ROW(INDEX(Jesper!AH$2:AH$366,ROUNDDOWN($C1573/24,0)+1,1))-1)+IF('Standard Profiles'!$G$18=$B$10,7,0)+IF('Standard Profiles'!$G$18=$B$17,14,0)+IF('Standard Profiles'!$G$18=$B$24,21,0),MOD($C1573,24)+1)/SUM(INDEX($D$3:$AA$30,INDEX(Jesper!$R$2:$R$366,ROW(INDEX(Jesper!AH$2:AH$366,ROUNDDOWN($C1573/24,0)+1,1))-1)+IF('Standard Profiles'!$G$18=$B$10,7,0)+IF('Standard Profiles'!$G$18=$B$17,14,0)+IF('Standard Profiles'!$G$18=$B$24,21,0),0)),0)</f>
        <v>5.7637069617780874</v>
      </c>
      <c r="E1573" cm="1">
        <f t="array" ref="E1573">IFERROR(INDEX(Jesper!AI$2:AI$366,ROUNDDOWN($C1573/24,0)+1,1)*INDEX($D$3:$AA$30,INDEX(Jesper!$R$2:$R$366,ROW(INDEX(Jesper!AI$2:AI$366,ROUNDDOWN($C1573/24,0)+1,1))-1)+IF('Standard Profiles'!$G$19=$B$10,7,0)+IF('Standard Profiles'!$G$19=$B$17,14,0)+IF('Standard Profiles'!$G$19=$B$24,21,0),MOD($C1573,24)+1)/SUM(INDEX($D$3:$AA$30,INDEX(Jesper!$R$2:$R$366,ROW(INDEX(Jesper!AI$2:AI$366,ROUNDDOWN($C1573/24,0)+1,1))-1)+IF('Standard Profiles'!$G$19=$B$10,7,0)+IF('Standard Profiles'!$G$19=$B$17,14,0)+IF('Standard Profiles'!$G$19=$B$24,21,0),0)),0)</f>
        <v>6.1767807373815025</v>
      </c>
      <c r="F1573" cm="1">
        <f t="array" ref="F1573">IFERROR(INDEX(Jesper!AJ$2:AJ$366,ROUNDDOWN($C1573/24,0)+1,1)*INDEX($D$3:$AA$30,INDEX(Jesper!$R$2:$R$366,ROW(INDEX(Jesper!AJ$2:AJ$366,ROUNDDOWN($C1573/24,0)+1,1))-1)+IF('Standard Profiles'!$G$20=$B$10,7,0)+IF('Standard Profiles'!$G$20=$B$17,14,0)+IF('Standard Profiles'!$G$20=$B$24,21,0),MOD($C1573,24)+1)/SUM(INDEX($D$3:$AA$30,INDEX(Jesper!$R$2:$R$366,ROW(INDEX(Jesper!AJ$2:AJ$366,ROUNDDOWN($C1573/24,0)+1,1))-1)+IF('Standard Profiles'!$G$20=$B$10,7,0)+IF('Standard Profiles'!$G$20=$B$17,14,0)+IF('Standard Profiles'!$G$20=$B$24,21,0),0)),0)</f>
        <v>0</v>
      </c>
      <c r="G1573" cm="1">
        <f t="array" ref="G1573">IFERROR(INDEX(Jesper!AK$2:AK$366,ROUNDDOWN($C1573/24,0)+1,1)*INDEX($D$3:$AA$30,INDEX(Jesper!$R$2:$R$366,ROW(INDEX(Jesper!AK$2:AK$366,ROUNDDOWN($C1573/24,0)+1,1))-1)+IF('Standard Profiles'!$G$21=$B$10,7,0)+IF('Standard Profiles'!$G$21=$B$17,14,0)+IF('Standard Profiles'!$G$21=$B$24,21,0),MOD($C1573,24)+1)/SUM(INDEX($D$3:$AA$30,INDEX(Jesper!$R$2:$R$366,ROW(INDEX(Jesper!AK$2:AK$366,ROUNDDOWN($C1573/24,0)+1,1))-1)+IF('Standard Profiles'!$G$21=$B$10,7,0)+IF('Standard Profiles'!$G$21=$B$17,14,0)+IF('Standard Profiles'!$G$21=$B$24,21,0),0)),0)</f>
        <v>4.6136686870939556</v>
      </c>
      <c r="H1573" cm="1">
        <f t="array" ref="H1573">IFERROR(INDEX(Jesper!AL$2:AL$366,ROUNDDOWN($C1573/24,0)+1,1)*INDEX($D$3:$AA$30,INDEX(Jesper!$R$2:$R$366,ROW(INDEX(Jesper!AL$2:AL$366,ROUNDDOWN($C1573/24,0)+1,1))-1)+IF('Standard Profiles'!$G$22=$B$10,7,0)+IF('Standard Profiles'!$G$22=$B$17,14,0)+IF('Standard Profiles'!$G$22=$B$24,21,0),MOD($C1573,24)+1)/SUM(INDEX($D$3:$AA$30,INDEX(Jesper!$R$2:$R$366,ROW(INDEX(Jesper!AL$2:AL$366,ROUNDDOWN($C1573/24,0)+1,1))-1)+IF('Standard Profiles'!$G$22=$B$10,7,0)+IF('Standard Profiles'!$G$22=$B$17,14,0)+IF('Standard Profiles'!$G$22=$B$24,21,0),0)),0)</f>
        <v>0</v>
      </c>
      <c r="I1573">
        <f t="shared" si="188"/>
        <v>2.2145609698050976</v>
      </c>
      <c r="J1573">
        <f t="shared" si="189"/>
        <v>13.417402302563955</v>
      </c>
      <c r="K1573">
        <f t="shared" si="190"/>
        <v>0.61479540925632936</v>
      </c>
      <c r="L1573">
        <f t="shared" si="191"/>
        <v>0.30739770462816468</v>
      </c>
      <c r="M1573">
        <f t="shared" si="192"/>
        <v>0</v>
      </c>
      <c r="N1573" s="45">
        <f t="shared" si="193"/>
        <v>44991.124999996267</v>
      </c>
    </row>
    <row r="1574" spans="2:14" x14ac:dyDescent="0.25">
      <c r="B1574">
        <f t="shared" si="187"/>
        <v>1</v>
      </c>
      <c r="C1574" s="16">
        <v>1540</v>
      </c>
      <c r="D1574" cm="1">
        <f t="array" ref="D1574">IFERROR(INDEX(Jesper!AH$2:AH$366,ROUNDDOWN($C1574/24,0)+1,1)*INDEX($D$3:$AA$30,INDEX(Jesper!$R$2:$R$366,ROW(INDEX(Jesper!AH$2:AH$366,ROUNDDOWN($C1574/24,0)+1,1))-1)+IF('Standard Profiles'!$G$18=$B$10,7,0)+IF('Standard Profiles'!$G$18=$B$17,14,0)+IF('Standard Profiles'!$G$18=$B$24,21,0),MOD($C1574,24)+1)/SUM(INDEX($D$3:$AA$30,INDEX(Jesper!$R$2:$R$366,ROW(INDEX(Jesper!AH$2:AH$366,ROUNDDOWN($C1574/24,0)+1,1))-1)+IF('Standard Profiles'!$G$18=$B$10,7,0)+IF('Standard Profiles'!$G$18=$B$17,14,0)+IF('Standard Profiles'!$G$18=$B$24,21,0),0)),0)</f>
        <v>5.7637069617780874</v>
      </c>
      <c r="E1574" cm="1">
        <f t="array" ref="E1574">IFERROR(INDEX(Jesper!AI$2:AI$366,ROUNDDOWN($C1574/24,0)+1,1)*INDEX($D$3:$AA$30,INDEX(Jesper!$R$2:$R$366,ROW(INDEX(Jesper!AI$2:AI$366,ROUNDDOWN($C1574/24,0)+1,1))-1)+IF('Standard Profiles'!$G$19=$B$10,7,0)+IF('Standard Profiles'!$G$19=$B$17,14,0)+IF('Standard Profiles'!$G$19=$B$24,21,0),MOD($C1574,24)+1)/SUM(INDEX($D$3:$AA$30,INDEX(Jesper!$R$2:$R$366,ROW(INDEX(Jesper!AI$2:AI$366,ROUNDDOWN($C1574/24,0)+1,1))-1)+IF('Standard Profiles'!$G$19=$B$10,7,0)+IF('Standard Profiles'!$G$19=$B$17,14,0)+IF('Standard Profiles'!$G$19=$B$24,21,0),0)),0)</f>
        <v>6.1767807373815025</v>
      </c>
      <c r="F1574" cm="1">
        <f t="array" ref="F1574">IFERROR(INDEX(Jesper!AJ$2:AJ$366,ROUNDDOWN($C1574/24,0)+1,1)*INDEX($D$3:$AA$30,INDEX(Jesper!$R$2:$R$366,ROW(INDEX(Jesper!AJ$2:AJ$366,ROUNDDOWN($C1574/24,0)+1,1))-1)+IF('Standard Profiles'!$G$20=$B$10,7,0)+IF('Standard Profiles'!$G$20=$B$17,14,0)+IF('Standard Profiles'!$G$20=$B$24,21,0),MOD($C1574,24)+1)/SUM(INDEX($D$3:$AA$30,INDEX(Jesper!$R$2:$R$366,ROW(INDEX(Jesper!AJ$2:AJ$366,ROUNDDOWN($C1574/24,0)+1,1))-1)+IF('Standard Profiles'!$G$20=$B$10,7,0)+IF('Standard Profiles'!$G$20=$B$17,14,0)+IF('Standard Profiles'!$G$20=$B$24,21,0),0)),0)</f>
        <v>0</v>
      </c>
      <c r="G1574" cm="1">
        <f t="array" ref="G1574">IFERROR(INDEX(Jesper!AK$2:AK$366,ROUNDDOWN($C1574/24,0)+1,1)*INDEX($D$3:$AA$30,INDEX(Jesper!$R$2:$R$366,ROW(INDEX(Jesper!AK$2:AK$366,ROUNDDOWN($C1574/24,0)+1,1))-1)+IF('Standard Profiles'!$G$21=$B$10,7,0)+IF('Standard Profiles'!$G$21=$B$17,14,0)+IF('Standard Profiles'!$G$21=$B$24,21,0),MOD($C1574,24)+1)/SUM(INDEX($D$3:$AA$30,INDEX(Jesper!$R$2:$R$366,ROW(INDEX(Jesper!AK$2:AK$366,ROUNDDOWN($C1574/24,0)+1,1))-1)+IF('Standard Profiles'!$G$21=$B$10,7,0)+IF('Standard Profiles'!$G$21=$B$17,14,0)+IF('Standard Profiles'!$G$21=$B$24,21,0),0)),0)</f>
        <v>4.6136686870939556</v>
      </c>
      <c r="H1574" cm="1">
        <f t="array" ref="H1574">IFERROR(INDEX(Jesper!AL$2:AL$366,ROUNDDOWN($C1574/24,0)+1,1)*INDEX($D$3:$AA$30,INDEX(Jesper!$R$2:$R$366,ROW(INDEX(Jesper!AL$2:AL$366,ROUNDDOWN($C1574/24,0)+1,1))-1)+IF('Standard Profiles'!$G$22=$B$10,7,0)+IF('Standard Profiles'!$G$22=$B$17,14,0)+IF('Standard Profiles'!$G$22=$B$24,21,0),MOD($C1574,24)+1)/SUM(INDEX($D$3:$AA$30,INDEX(Jesper!$R$2:$R$366,ROW(INDEX(Jesper!AL$2:AL$366,ROUNDDOWN($C1574/24,0)+1,1))-1)+IF('Standard Profiles'!$G$22=$B$10,7,0)+IF('Standard Profiles'!$G$22=$B$17,14,0)+IF('Standard Profiles'!$G$22=$B$24,21,0),0)),0)</f>
        <v>0</v>
      </c>
      <c r="I1574">
        <f t="shared" si="188"/>
        <v>2.2145609698050976</v>
      </c>
      <c r="J1574">
        <f t="shared" si="189"/>
        <v>13.417402302563955</v>
      </c>
      <c r="K1574">
        <f t="shared" si="190"/>
        <v>0.61479540925632936</v>
      </c>
      <c r="L1574">
        <f t="shared" si="191"/>
        <v>0.30739770462816468</v>
      </c>
      <c r="M1574">
        <f t="shared" si="192"/>
        <v>0</v>
      </c>
      <c r="N1574" s="45">
        <f t="shared" si="193"/>
        <v>44991.166666662932</v>
      </c>
    </row>
    <row r="1575" spans="2:14" x14ac:dyDescent="0.25">
      <c r="B1575">
        <f t="shared" si="187"/>
        <v>1</v>
      </c>
      <c r="C1575" s="16">
        <v>1541</v>
      </c>
      <c r="D1575" cm="1">
        <f t="array" ref="D1575">IFERROR(INDEX(Jesper!AH$2:AH$366,ROUNDDOWN($C1575/24,0)+1,1)*INDEX($D$3:$AA$30,INDEX(Jesper!$R$2:$R$366,ROW(INDEX(Jesper!AH$2:AH$366,ROUNDDOWN($C1575/24,0)+1,1))-1)+IF('Standard Profiles'!$G$18=$B$10,7,0)+IF('Standard Profiles'!$G$18=$B$17,14,0)+IF('Standard Profiles'!$G$18=$B$24,21,0),MOD($C1575,24)+1)/SUM(INDEX($D$3:$AA$30,INDEX(Jesper!$R$2:$R$366,ROW(INDEX(Jesper!AH$2:AH$366,ROUNDDOWN($C1575/24,0)+1,1))-1)+IF('Standard Profiles'!$G$18=$B$10,7,0)+IF('Standard Profiles'!$G$18=$B$17,14,0)+IF('Standard Profiles'!$G$18=$B$24,21,0),0)),0)</f>
        <v>5.7637069617780874</v>
      </c>
      <c r="E1575" cm="1">
        <f t="array" ref="E1575">IFERROR(INDEX(Jesper!AI$2:AI$366,ROUNDDOWN($C1575/24,0)+1,1)*INDEX($D$3:$AA$30,INDEX(Jesper!$R$2:$R$366,ROW(INDEX(Jesper!AI$2:AI$366,ROUNDDOWN($C1575/24,0)+1,1))-1)+IF('Standard Profiles'!$G$19=$B$10,7,0)+IF('Standard Profiles'!$G$19=$B$17,14,0)+IF('Standard Profiles'!$G$19=$B$24,21,0),MOD($C1575,24)+1)/SUM(INDEX($D$3:$AA$30,INDEX(Jesper!$R$2:$R$366,ROW(INDEX(Jesper!AI$2:AI$366,ROUNDDOWN($C1575/24,0)+1,1))-1)+IF('Standard Profiles'!$G$19=$B$10,7,0)+IF('Standard Profiles'!$G$19=$B$17,14,0)+IF('Standard Profiles'!$G$19=$B$24,21,0),0)),0)</f>
        <v>6.1767807373815025</v>
      </c>
      <c r="F1575" cm="1">
        <f t="array" ref="F1575">IFERROR(INDEX(Jesper!AJ$2:AJ$366,ROUNDDOWN($C1575/24,0)+1,1)*INDEX($D$3:$AA$30,INDEX(Jesper!$R$2:$R$366,ROW(INDEX(Jesper!AJ$2:AJ$366,ROUNDDOWN($C1575/24,0)+1,1))-1)+IF('Standard Profiles'!$G$20=$B$10,7,0)+IF('Standard Profiles'!$G$20=$B$17,14,0)+IF('Standard Profiles'!$G$20=$B$24,21,0),MOD($C1575,24)+1)/SUM(INDEX($D$3:$AA$30,INDEX(Jesper!$R$2:$R$366,ROW(INDEX(Jesper!AJ$2:AJ$366,ROUNDDOWN($C1575/24,0)+1,1))-1)+IF('Standard Profiles'!$G$20=$B$10,7,0)+IF('Standard Profiles'!$G$20=$B$17,14,0)+IF('Standard Profiles'!$G$20=$B$24,21,0),0)),0)</f>
        <v>0</v>
      </c>
      <c r="G1575" cm="1">
        <f t="array" ref="G1575">IFERROR(INDEX(Jesper!AK$2:AK$366,ROUNDDOWN($C1575/24,0)+1,1)*INDEX($D$3:$AA$30,INDEX(Jesper!$R$2:$R$366,ROW(INDEX(Jesper!AK$2:AK$366,ROUNDDOWN($C1575/24,0)+1,1))-1)+IF('Standard Profiles'!$G$21=$B$10,7,0)+IF('Standard Profiles'!$G$21=$B$17,14,0)+IF('Standard Profiles'!$G$21=$B$24,21,0),MOD($C1575,24)+1)/SUM(INDEX($D$3:$AA$30,INDEX(Jesper!$R$2:$R$366,ROW(INDEX(Jesper!AK$2:AK$366,ROUNDDOWN($C1575/24,0)+1,1))-1)+IF('Standard Profiles'!$G$21=$B$10,7,0)+IF('Standard Profiles'!$G$21=$B$17,14,0)+IF('Standard Profiles'!$G$21=$B$24,21,0),0)),0)</f>
        <v>4.6136686870939556</v>
      </c>
      <c r="H1575" cm="1">
        <f t="array" ref="H1575">IFERROR(INDEX(Jesper!AL$2:AL$366,ROUNDDOWN($C1575/24,0)+1,1)*INDEX($D$3:$AA$30,INDEX(Jesper!$R$2:$R$366,ROW(INDEX(Jesper!AL$2:AL$366,ROUNDDOWN($C1575/24,0)+1,1))-1)+IF('Standard Profiles'!$G$22=$B$10,7,0)+IF('Standard Profiles'!$G$22=$B$17,14,0)+IF('Standard Profiles'!$G$22=$B$24,21,0),MOD($C1575,24)+1)/SUM(INDEX($D$3:$AA$30,INDEX(Jesper!$R$2:$R$366,ROW(INDEX(Jesper!AL$2:AL$366,ROUNDDOWN($C1575/24,0)+1,1))-1)+IF('Standard Profiles'!$G$22=$B$10,7,0)+IF('Standard Profiles'!$G$22=$B$17,14,0)+IF('Standard Profiles'!$G$22=$B$24,21,0),0)),0)</f>
        <v>0</v>
      </c>
      <c r="I1575">
        <f t="shared" si="188"/>
        <v>2.2145609698050976</v>
      </c>
      <c r="J1575">
        <f t="shared" si="189"/>
        <v>13.417402302563955</v>
      </c>
      <c r="K1575">
        <f t="shared" si="190"/>
        <v>0.61479540925632936</v>
      </c>
      <c r="L1575">
        <f t="shared" si="191"/>
        <v>0.30739770462816468</v>
      </c>
      <c r="M1575">
        <f t="shared" si="192"/>
        <v>0</v>
      </c>
      <c r="N1575" s="45">
        <f t="shared" si="193"/>
        <v>44991.208333329596</v>
      </c>
    </row>
    <row r="1576" spans="2:14" x14ac:dyDescent="0.25">
      <c r="B1576">
        <f t="shared" si="187"/>
        <v>1</v>
      </c>
      <c r="C1576" s="16">
        <v>1542</v>
      </c>
      <c r="D1576" cm="1">
        <f t="array" ref="D1576">IFERROR(INDEX(Jesper!AH$2:AH$366,ROUNDDOWN($C1576/24,0)+1,1)*INDEX($D$3:$AA$30,INDEX(Jesper!$R$2:$R$366,ROW(INDEX(Jesper!AH$2:AH$366,ROUNDDOWN($C1576/24,0)+1,1))-1)+IF('Standard Profiles'!$G$18=$B$10,7,0)+IF('Standard Profiles'!$G$18=$B$17,14,0)+IF('Standard Profiles'!$G$18=$B$24,21,0),MOD($C1576,24)+1)/SUM(INDEX($D$3:$AA$30,INDEX(Jesper!$R$2:$R$366,ROW(INDEX(Jesper!AH$2:AH$366,ROUNDDOWN($C1576/24,0)+1,1))-1)+IF('Standard Profiles'!$G$18=$B$10,7,0)+IF('Standard Profiles'!$G$18=$B$17,14,0)+IF('Standard Profiles'!$G$18=$B$24,21,0),0)),0)</f>
        <v>5.7637069617780874</v>
      </c>
      <c r="E1576" cm="1">
        <f t="array" ref="E1576">IFERROR(INDEX(Jesper!AI$2:AI$366,ROUNDDOWN($C1576/24,0)+1,1)*INDEX($D$3:$AA$30,INDEX(Jesper!$R$2:$R$366,ROW(INDEX(Jesper!AI$2:AI$366,ROUNDDOWN($C1576/24,0)+1,1))-1)+IF('Standard Profiles'!$G$19=$B$10,7,0)+IF('Standard Profiles'!$G$19=$B$17,14,0)+IF('Standard Profiles'!$G$19=$B$24,21,0),MOD($C1576,24)+1)/SUM(INDEX($D$3:$AA$30,INDEX(Jesper!$R$2:$R$366,ROW(INDEX(Jesper!AI$2:AI$366,ROUNDDOWN($C1576/24,0)+1,1))-1)+IF('Standard Profiles'!$G$19=$B$10,7,0)+IF('Standard Profiles'!$G$19=$B$17,14,0)+IF('Standard Profiles'!$G$19=$B$24,21,0),0)),0)</f>
        <v>6.1767807373815025</v>
      </c>
      <c r="F1576" cm="1">
        <f t="array" ref="F1576">IFERROR(INDEX(Jesper!AJ$2:AJ$366,ROUNDDOWN($C1576/24,0)+1,1)*INDEX($D$3:$AA$30,INDEX(Jesper!$R$2:$R$366,ROW(INDEX(Jesper!AJ$2:AJ$366,ROUNDDOWN($C1576/24,0)+1,1))-1)+IF('Standard Profiles'!$G$20=$B$10,7,0)+IF('Standard Profiles'!$G$20=$B$17,14,0)+IF('Standard Profiles'!$G$20=$B$24,21,0),MOD($C1576,24)+1)/SUM(INDEX($D$3:$AA$30,INDEX(Jesper!$R$2:$R$366,ROW(INDEX(Jesper!AJ$2:AJ$366,ROUNDDOWN($C1576/24,0)+1,1))-1)+IF('Standard Profiles'!$G$20=$B$10,7,0)+IF('Standard Profiles'!$G$20=$B$17,14,0)+IF('Standard Profiles'!$G$20=$B$24,21,0),0)),0)</f>
        <v>0</v>
      </c>
      <c r="G1576" cm="1">
        <f t="array" ref="G1576">IFERROR(INDEX(Jesper!AK$2:AK$366,ROUNDDOWN($C1576/24,0)+1,1)*INDEX($D$3:$AA$30,INDEX(Jesper!$R$2:$R$366,ROW(INDEX(Jesper!AK$2:AK$366,ROUNDDOWN($C1576/24,0)+1,1))-1)+IF('Standard Profiles'!$G$21=$B$10,7,0)+IF('Standard Profiles'!$G$21=$B$17,14,0)+IF('Standard Profiles'!$G$21=$B$24,21,0),MOD($C1576,24)+1)/SUM(INDEX($D$3:$AA$30,INDEX(Jesper!$R$2:$R$366,ROW(INDEX(Jesper!AK$2:AK$366,ROUNDDOWN($C1576/24,0)+1,1))-1)+IF('Standard Profiles'!$G$21=$B$10,7,0)+IF('Standard Profiles'!$G$21=$B$17,14,0)+IF('Standard Profiles'!$G$21=$B$24,21,0),0)),0)</f>
        <v>4.6136686870939556</v>
      </c>
      <c r="H1576" cm="1">
        <f t="array" ref="H1576">IFERROR(INDEX(Jesper!AL$2:AL$366,ROUNDDOWN($C1576/24,0)+1,1)*INDEX($D$3:$AA$30,INDEX(Jesper!$R$2:$R$366,ROW(INDEX(Jesper!AL$2:AL$366,ROUNDDOWN($C1576/24,0)+1,1))-1)+IF('Standard Profiles'!$G$22=$B$10,7,0)+IF('Standard Profiles'!$G$22=$B$17,14,0)+IF('Standard Profiles'!$G$22=$B$24,21,0),MOD($C1576,24)+1)/SUM(INDEX($D$3:$AA$30,INDEX(Jesper!$R$2:$R$366,ROW(INDEX(Jesper!AL$2:AL$366,ROUNDDOWN($C1576/24,0)+1,1))-1)+IF('Standard Profiles'!$G$22=$B$10,7,0)+IF('Standard Profiles'!$G$22=$B$17,14,0)+IF('Standard Profiles'!$G$22=$B$24,21,0),0)),0)</f>
        <v>0</v>
      </c>
      <c r="I1576">
        <f t="shared" si="188"/>
        <v>2.2145609698050976</v>
      </c>
      <c r="J1576">
        <f t="shared" si="189"/>
        <v>13.417402302563955</v>
      </c>
      <c r="K1576">
        <f t="shared" si="190"/>
        <v>0.61479540925632936</v>
      </c>
      <c r="L1576">
        <f t="shared" si="191"/>
        <v>0.30739770462816468</v>
      </c>
      <c r="M1576">
        <f t="shared" si="192"/>
        <v>0</v>
      </c>
      <c r="N1576" s="45">
        <f t="shared" si="193"/>
        <v>44991.24999999626</v>
      </c>
    </row>
    <row r="1577" spans="2:14" x14ac:dyDescent="0.25">
      <c r="B1577">
        <f t="shared" si="187"/>
        <v>1</v>
      </c>
      <c r="C1577" s="16">
        <v>1543</v>
      </c>
      <c r="D1577" cm="1">
        <f t="array" ref="D1577">IFERROR(INDEX(Jesper!AH$2:AH$366,ROUNDDOWN($C1577/24,0)+1,1)*INDEX($D$3:$AA$30,INDEX(Jesper!$R$2:$R$366,ROW(INDEX(Jesper!AH$2:AH$366,ROUNDDOWN($C1577/24,0)+1,1))-1)+IF('Standard Profiles'!$G$18=$B$10,7,0)+IF('Standard Profiles'!$G$18=$B$17,14,0)+IF('Standard Profiles'!$G$18=$B$24,21,0),MOD($C1577,24)+1)/SUM(INDEX($D$3:$AA$30,INDEX(Jesper!$R$2:$R$366,ROW(INDEX(Jesper!AH$2:AH$366,ROUNDDOWN($C1577/24,0)+1,1))-1)+IF('Standard Profiles'!$G$18=$B$10,7,0)+IF('Standard Profiles'!$G$18=$B$17,14,0)+IF('Standard Profiles'!$G$18=$B$24,21,0),0)),0)</f>
        <v>24.55339165717465</v>
      </c>
      <c r="E1577" cm="1">
        <f t="array" ref="E1577">IFERROR(INDEX(Jesper!AI$2:AI$366,ROUNDDOWN($C1577/24,0)+1,1)*INDEX($D$3:$AA$30,INDEX(Jesper!$R$2:$R$366,ROW(INDEX(Jesper!AI$2:AI$366,ROUNDDOWN($C1577/24,0)+1,1))-1)+IF('Standard Profiles'!$G$19=$B$10,7,0)+IF('Standard Profiles'!$G$19=$B$17,14,0)+IF('Standard Profiles'!$G$19=$B$24,21,0),MOD($C1577,24)+1)/SUM(INDEX($D$3:$AA$30,INDEX(Jesper!$R$2:$R$366,ROW(INDEX(Jesper!AI$2:AI$366,ROUNDDOWN($C1577/24,0)+1,1))-1)+IF('Standard Profiles'!$G$19=$B$10,7,0)+IF('Standard Profiles'!$G$19=$B$17,14,0)+IF('Standard Profiles'!$G$19=$B$24,21,0),0)),0)</f>
        <v>26.313085941245198</v>
      </c>
      <c r="F1577" cm="1">
        <f t="array" ref="F1577">IFERROR(INDEX(Jesper!AJ$2:AJ$366,ROUNDDOWN($C1577/24,0)+1,1)*INDEX($D$3:$AA$30,INDEX(Jesper!$R$2:$R$366,ROW(INDEX(Jesper!AJ$2:AJ$366,ROUNDDOWN($C1577/24,0)+1,1))-1)+IF('Standard Profiles'!$G$20=$B$10,7,0)+IF('Standard Profiles'!$G$20=$B$17,14,0)+IF('Standard Profiles'!$G$20=$B$24,21,0),MOD($C1577,24)+1)/SUM(INDEX($D$3:$AA$30,INDEX(Jesper!$R$2:$R$366,ROW(INDEX(Jesper!AJ$2:AJ$366,ROUNDDOWN($C1577/24,0)+1,1))-1)+IF('Standard Profiles'!$G$20=$B$10,7,0)+IF('Standard Profiles'!$G$20=$B$17,14,0)+IF('Standard Profiles'!$G$20=$B$24,21,0),0)),0)</f>
        <v>0</v>
      </c>
      <c r="G1577" cm="1">
        <f t="array" ref="G1577">IFERROR(INDEX(Jesper!AK$2:AK$366,ROUNDDOWN($C1577/24,0)+1,1)*INDEX($D$3:$AA$30,INDEX(Jesper!$R$2:$R$366,ROW(INDEX(Jesper!AK$2:AK$366,ROUNDDOWN($C1577/24,0)+1,1))-1)+IF('Standard Profiles'!$G$21=$B$10,7,0)+IF('Standard Profiles'!$G$21=$B$17,14,0)+IF('Standard Profiles'!$G$21=$B$24,21,0),MOD($C1577,24)+1)/SUM(INDEX($D$3:$AA$30,INDEX(Jesper!$R$2:$R$366,ROW(INDEX(Jesper!AK$2:AK$366,ROUNDDOWN($C1577/24,0)+1,1))-1)+IF('Standard Profiles'!$G$21=$B$10,7,0)+IF('Standard Profiles'!$G$21=$B$17,14,0)+IF('Standard Profiles'!$G$21=$B$24,21,0),0)),0)</f>
        <v>20.069458788858707</v>
      </c>
      <c r="H1577" cm="1">
        <f t="array" ref="H1577">IFERROR(INDEX(Jesper!AL$2:AL$366,ROUNDDOWN($C1577/24,0)+1,1)*INDEX($D$3:$AA$30,INDEX(Jesper!$R$2:$R$366,ROW(INDEX(Jesper!AL$2:AL$366,ROUNDDOWN($C1577/24,0)+1,1))-1)+IF('Standard Profiles'!$G$22=$B$10,7,0)+IF('Standard Profiles'!$G$22=$B$17,14,0)+IF('Standard Profiles'!$G$22=$B$24,21,0),MOD($C1577,24)+1)/SUM(INDEX($D$3:$AA$30,INDEX(Jesper!$R$2:$R$366,ROW(INDEX(Jesper!AL$2:AL$366,ROUNDDOWN($C1577/24,0)+1,1))-1)+IF('Standard Profiles'!$G$22=$B$10,7,0)+IF('Standard Profiles'!$G$22=$B$17,14,0)+IF('Standard Profiles'!$G$22=$B$24,21,0),0)),0)</f>
        <v>0</v>
      </c>
      <c r="I1577">
        <f t="shared" si="188"/>
        <v>9.6333402186521742</v>
      </c>
      <c r="J1577">
        <f t="shared" si="189"/>
        <v>57.374053503478436</v>
      </c>
      <c r="K1577">
        <f t="shared" si="190"/>
        <v>2.6190284434319628</v>
      </c>
      <c r="L1577">
        <f t="shared" si="191"/>
        <v>1.3095142217159814</v>
      </c>
      <c r="M1577">
        <f t="shared" si="192"/>
        <v>0</v>
      </c>
      <c r="N1577" s="45">
        <f t="shared" si="193"/>
        <v>44991.291666662924</v>
      </c>
    </row>
    <row r="1578" spans="2:14" x14ac:dyDescent="0.25">
      <c r="B1578">
        <f t="shared" si="187"/>
        <v>1</v>
      </c>
      <c r="C1578" s="16">
        <v>1544</v>
      </c>
      <c r="D1578" cm="1">
        <f t="array" ref="D1578">IFERROR(INDEX(Jesper!AH$2:AH$366,ROUNDDOWN($C1578/24,0)+1,1)*INDEX($D$3:$AA$30,INDEX(Jesper!$R$2:$R$366,ROW(INDEX(Jesper!AH$2:AH$366,ROUNDDOWN($C1578/24,0)+1,1))-1)+IF('Standard Profiles'!$G$18=$B$10,7,0)+IF('Standard Profiles'!$G$18=$B$17,14,0)+IF('Standard Profiles'!$G$18=$B$24,21,0),MOD($C1578,24)+1)/SUM(INDEX($D$3:$AA$30,INDEX(Jesper!$R$2:$R$366,ROW(INDEX(Jesper!AH$2:AH$366,ROUNDDOWN($C1578/24,0)+1,1))-1)+IF('Standard Profiles'!$G$18=$B$10,7,0)+IF('Standard Profiles'!$G$18=$B$17,14,0)+IF('Standard Profiles'!$G$18=$B$24,21,0),0)),0)</f>
        <v>27.622565614321481</v>
      </c>
      <c r="E1578" cm="1">
        <f t="array" ref="E1578">IFERROR(INDEX(Jesper!AI$2:AI$366,ROUNDDOWN($C1578/24,0)+1,1)*INDEX($D$3:$AA$30,INDEX(Jesper!$R$2:$R$366,ROW(INDEX(Jesper!AI$2:AI$366,ROUNDDOWN($C1578/24,0)+1,1))-1)+IF('Standard Profiles'!$G$19=$B$10,7,0)+IF('Standard Profiles'!$G$19=$B$17,14,0)+IF('Standard Profiles'!$G$19=$B$24,21,0),MOD($C1578,24)+1)/SUM(INDEX($D$3:$AA$30,INDEX(Jesper!$R$2:$R$366,ROW(INDEX(Jesper!AI$2:AI$366,ROUNDDOWN($C1578/24,0)+1,1))-1)+IF('Standard Profiles'!$G$19=$B$10,7,0)+IF('Standard Profiles'!$G$19=$B$17,14,0)+IF('Standard Profiles'!$G$19=$B$24,21,0),0)),0)</f>
        <v>29.602221683900847</v>
      </c>
      <c r="F1578" cm="1">
        <f t="array" ref="F1578">IFERROR(INDEX(Jesper!AJ$2:AJ$366,ROUNDDOWN($C1578/24,0)+1,1)*INDEX($D$3:$AA$30,INDEX(Jesper!$R$2:$R$366,ROW(INDEX(Jesper!AJ$2:AJ$366,ROUNDDOWN($C1578/24,0)+1,1))-1)+IF('Standard Profiles'!$G$20=$B$10,7,0)+IF('Standard Profiles'!$G$20=$B$17,14,0)+IF('Standard Profiles'!$G$20=$B$24,21,0),MOD($C1578,24)+1)/SUM(INDEX($D$3:$AA$30,INDEX(Jesper!$R$2:$R$366,ROW(INDEX(Jesper!AJ$2:AJ$366,ROUNDDOWN($C1578/24,0)+1,1))-1)+IF('Standard Profiles'!$G$20=$B$10,7,0)+IF('Standard Profiles'!$G$20=$B$17,14,0)+IF('Standard Profiles'!$G$20=$B$24,21,0),0)),0)</f>
        <v>0</v>
      </c>
      <c r="G1578" cm="1">
        <f t="array" ref="G1578">IFERROR(INDEX(Jesper!AK$2:AK$366,ROUNDDOWN($C1578/24,0)+1,1)*INDEX($D$3:$AA$30,INDEX(Jesper!$R$2:$R$366,ROW(INDEX(Jesper!AK$2:AK$366,ROUNDDOWN($C1578/24,0)+1,1))-1)+IF('Standard Profiles'!$G$21=$B$10,7,0)+IF('Standard Profiles'!$G$21=$B$17,14,0)+IF('Standard Profiles'!$G$21=$B$24,21,0),MOD($C1578,24)+1)/SUM(INDEX($D$3:$AA$30,INDEX(Jesper!$R$2:$R$366,ROW(INDEX(Jesper!AK$2:AK$366,ROUNDDOWN($C1578/24,0)+1,1))-1)+IF('Standard Profiles'!$G$21=$B$10,7,0)+IF('Standard Profiles'!$G$21=$B$17,14,0)+IF('Standard Profiles'!$G$21=$B$24,21,0),0)),0)</f>
        <v>22.578141137466048</v>
      </c>
      <c r="H1578" cm="1">
        <f t="array" ref="H1578">IFERROR(INDEX(Jesper!AL$2:AL$366,ROUNDDOWN($C1578/24,0)+1,1)*INDEX($D$3:$AA$30,INDEX(Jesper!$R$2:$R$366,ROW(INDEX(Jesper!AL$2:AL$366,ROUNDDOWN($C1578/24,0)+1,1))-1)+IF('Standard Profiles'!$G$22=$B$10,7,0)+IF('Standard Profiles'!$G$22=$B$17,14,0)+IF('Standard Profiles'!$G$22=$B$24,21,0),MOD($C1578,24)+1)/SUM(INDEX($D$3:$AA$30,INDEX(Jesper!$R$2:$R$366,ROW(INDEX(Jesper!AL$2:AL$366,ROUNDDOWN($C1578/24,0)+1,1))-1)+IF('Standard Profiles'!$G$22=$B$10,7,0)+IF('Standard Profiles'!$G$22=$B$17,14,0)+IF('Standard Profiles'!$G$22=$B$24,21,0),0)),0)</f>
        <v>0</v>
      </c>
      <c r="I1578">
        <f t="shared" si="188"/>
        <v>10.837507745983698</v>
      </c>
      <c r="J1578">
        <f t="shared" si="189"/>
        <v>64.545810191413238</v>
      </c>
      <c r="K1578">
        <f t="shared" si="190"/>
        <v>2.946406998860958</v>
      </c>
      <c r="L1578">
        <f t="shared" si="191"/>
        <v>1.473203499430479</v>
      </c>
      <c r="M1578">
        <f t="shared" si="192"/>
        <v>0</v>
      </c>
      <c r="N1578" s="45">
        <f t="shared" si="193"/>
        <v>44991.333333329589</v>
      </c>
    </row>
    <row r="1579" spans="2:14" x14ac:dyDescent="0.25">
      <c r="B1579">
        <f t="shared" si="187"/>
        <v>1</v>
      </c>
      <c r="C1579" s="16">
        <v>1545</v>
      </c>
      <c r="D1579" cm="1">
        <f t="array" ref="D1579">IFERROR(INDEX(Jesper!AH$2:AH$366,ROUNDDOWN($C1579/24,0)+1,1)*INDEX($D$3:$AA$30,INDEX(Jesper!$R$2:$R$366,ROW(INDEX(Jesper!AH$2:AH$366,ROUNDDOWN($C1579/24,0)+1,1))-1)+IF('Standard Profiles'!$G$18=$B$10,7,0)+IF('Standard Profiles'!$G$18=$B$17,14,0)+IF('Standard Profiles'!$G$18=$B$24,21,0),MOD($C1579,24)+1)/SUM(INDEX($D$3:$AA$30,INDEX(Jesper!$R$2:$R$366,ROW(INDEX(Jesper!AH$2:AH$366,ROUNDDOWN($C1579/24,0)+1,1))-1)+IF('Standard Profiles'!$G$18=$B$10,7,0)+IF('Standard Profiles'!$G$18=$B$17,14,0)+IF('Standard Profiles'!$G$18=$B$24,21,0),0)),0)</f>
        <v>30.691739571468315</v>
      </c>
      <c r="E1579" cm="1">
        <f t="array" ref="E1579">IFERROR(INDEX(Jesper!AI$2:AI$366,ROUNDDOWN($C1579/24,0)+1,1)*INDEX($D$3:$AA$30,INDEX(Jesper!$R$2:$R$366,ROW(INDEX(Jesper!AI$2:AI$366,ROUNDDOWN($C1579/24,0)+1,1))-1)+IF('Standard Profiles'!$G$19=$B$10,7,0)+IF('Standard Profiles'!$G$19=$B$17,14,0)+IF('Standard Profiles'!$G$19=$B$24,21,0),MOD($C1579,24)+1)/SUM(INDEX($D$3:$AA$30,INDEX(Jesper!$R$2:$R$366,ROW(INDEX(Jesper!AI$2:AI$366,ROUNDDOWN($C1579/24,0)+1,1))-1)+IF('Standard Profiles'!$G$19=$B$10,7,0)+IF('Standard Profiles'!$G$19=$B$17,14,0)+IF('Standard Profiles'!$G$19=$B$24,21,0),0)),0)</f>
        <v>32.891357426556496</v>
      </c>
      <c r="F1579" cm="1">
        <f t="array" ref="F1579">IFERROR(INDEX(Jesper!AJ$2:AJ$366,ROUNDDOWN($C1579/24,0)+1,1)*INDEX($D$3:$AA$30,INDEX(Jesper!$R$2:$R$366,ROW(INDEX(Jesper!AJ$2:AJ$366,ROUNDDOWN($C1579/24,0)+1,1))-1)+IF('Standard Profiles'!$G$20=$B$10,7,0)+IF('Standard Profiles'!$G$20=$B$17,14,0)+IF('Standard Profiles'!$G$20=$B$24,21,0),MOD($C1579,24)+1)/SUM(INDEX($D$3:$AA$30,INDEX(Jesper!$R$2:$R$366,ROW(INDEX(Jesper!AJ$2:AJ$366,ROUNDDOWN($C1579/24,0)+1,1))-1)+IF('Standard Profiles'!$G$20=$B$10,7,0)+IF('Standard Profiles'!$G$20=$B$17,14,0)+IF('Standard Profiles'!$G$20=$B$24,21,0),0)),0)</f>
        <v>0</v>
      </c>
      <c r="G1579" cm="1">
        <f t="array" ref="G1579">IFERROR(INDEX(Jesper!AK$2:AK$366,ROUNDDOWN($C1579/24,0)+1,1)*INDEX($D$3:$AA$30,INDEX(Jesper!$R$2:$R$366,ROW(INDEX(Jesper!AK$2:AK$366,ROUNDDOWN($C1579/24,0)+1,1))-1)+IF('Standard Profiles'!$G$21=$B$10,7,0)+IF('Standard Profiles'!$G$21=$B$17,14,0)+IF('Standard Profiles'!$G$21=$B$24,21,0),MOD($C1579,24)+1)/SUM(INDEX($D$3:$AA$30,INDEX(Jesper!$R$2:$R$366,ROW(INDEX(Jesper!AK$2:AK$366,ROUNDDOWN($C1579/24,0)+1,1))-1)+IF('Standard Profiles'!$G$21=$B$10,7,0)+IF('Standard Profiles'!$G$21=$B$17,14,0)+IF('Standard Profiles'!$G$21=$B$24,21,0),0)),0)</f>
        <v>25.086823486073385</v>
      </c>
      <c r="H1579" cm="1">
        <f t="array" ref="H1579">IFERROR(INDEX(Jesper!AL$2:AL$366,ROUNDDOWN($C1579/24,0)+1,1)*INDEX($D$3:$AA$30,INDEX(Jesper!$R$2:$R$366,ROW(INDEX(Jesper!AL$2:AL$366,ROUNDDOWN($C1579/24,0)+1,1))-1)+IF('Standard Profiles'!$G$22=$B$10,7,0)+IF('Standard Profiles'!$G$22=$B$17,14,0)+IF('Standard Profiles'!$G$22=$B$24,21,0),MOD($C1579,24)+1)/SUM(INDEX($D$3:$AA$30,INDEX(Jesper!$R$2:$R$366,ROW(INDEX(Jesper!AL$2:AL$366,ROUNDDOWN($C1579/24,0)+1,1))-1)+IF('Standard Profiles'!$G$22=$B$10,7,0)+IF('Standard Profiles'!$G$22=$B$17,14,0)+IF('Standard Profiles'!$G$22=$B$24,21,0),0)),0)</f>
        <v>0</v>
      </c>
      <c r="I1579">
        <f t="shared" si="188"/>
        <v>12.041675273315219</v>
      </c>
      <c r="J1579">
        <f t="shared" si="189"/>
        <v>71.717566879348041</v>
      </c>
      <c r="K1579">
        <f t="shared" si="190"/>
        <v>3.2737855542899537</v>
      </c>
      <c r="L1579">
        <f t="shared" si="191"/>
        <v>1.6368927771449768</v>
      </c>
      <c r="M1579">
        <f t="shared" si="192"/>
        <v>0</v>
      </c>
      <c r="N1579" s="45">
        <f t="shared" si="193"/>
        <v>44991.374999996253</v>
      </c>
    </row>
    <row r="1580" spans="2:14" x14ac:dyDescent="0.25">
      <c r="B1580">
        <f t="shared" si="187"/>
        <v>1</v>
      </c>
      <c r="C1580" s="16">
        <v>1546</v>
      </c>
      <c r="D1580" cm="1">
        <f t="array" ref="D1580">IFERROR(INDEX(Jesper!AH$2:AH$366,ROUNDDOWN($C1580/24,0)+1,1)*INDEX($D$3:$AA$30,INDEX(Jesper!$R$2:$R$366,ROW(INDEX(Jesper!AH$2:AH$366,ROUNDDOWN($C1580/24,0)+1,1))-1)+IF('Standard Profiles'!$G$18=$B$10,7,0)+IF('Standard Profiles'!$G$18=$B$17,14,0)+IF('Standard Profiles'!$G$18=$B$24,21,0),MOD($C1580,24)+1)/SUM(INDEX($D$3:$AA$30,INDEX(Jesper!$R$2:$R$366,ROW(INDEX(Jesper!AH$2:AH$366,ROUNDDOWN($C1580/24,0)+1,1))-1)+IF('Standard Profiles'!$G$18=$B$10,7,0)+IF('Standard Profiles'!$G$18=$B$17,14,0)+IF('Standard Profiles'!$G$18=$B$24,21,0),0)),0)</f>
        <v>30.691739571468315</v>
      </c>
      <c r="E1580" cm="1">
        <f t="array" ref="E1580">IFERROR(INDEX(Jesper!AI$2:AI$366,ROUNDDOWN($C1580/24,0)+1,1)*INDEX($D$3:$AA$30,INDEX(Jesper!$R$2:$R$366,ROW(INDEX(Jesper!AI$2:AI$366,ROUNDDOWN($C1580/24,0)+1,1))-1)+IF('Standard Profiles'!$G$19=$B$10,7,0)+IF('Standard Profiles'!$G$19=$B$17,14,0)+IF('Standard Profiles'!$G$19=$B$24,21,0),MOD($C1580,24)+1)/SUM(INDEX($D$3:$AA$30,INDEX(Jesper!$R$2:$R$366,ROW(INDEX(Jesper!AI$2:AI$366,ROUNDDOWN($C1580/24,0)+1,1))-1)+IF('Standard Profiles'!$G$19=$B$10,7,0)+IF('Standard Profiles'!$G$19=$B$17,14,0)+IF('Standard Profiles'!$G$19=$B$24,21,0),0)),0)</f>
        <v>32.891357426556496</v>
      </c>
      <c r="F1580" cm="1">
        <f t="array" ref="F1580">IFERROR(INDEX(Jesper!AJ$2:AJ$366,ROUNDDOWN($C1580/24,0)+1,1)*INDEX($D$3:$AA$30,INDEX(Jesper!$R$2:$R$366,ROW(INDEX(Jesper!AJ$2:AJ$366,ROUNDDOWN($C1580/24,0)+1,1))-1)+IF('Standard Profiles'!$G$20=$B$10,7,0)+IF('Standard Profiles'!$G$20=$B$17,14,0)+IF('Standard Profiles'!$G$20=$B$24,21,0),MOD($C1580,24)+1)/SUM(INDEX($D$3:$AA$30,INDEX(Jesper!$R$2:$R$366,ROW(INDEX(Jesper!AJ$2:AJ$366,ROUNDDOWN($C1580/24,0)+1,1))-1)+IF('Standard Profiles'!$G$20=$B$10,7,0)+IF('Standard Profiles'!$G$20=$B$17,14,0)+IF('Standard Profiles'!$G$20=$B$24,21,0),0)),0)</f>
        <v>0</v>
      </c>
      <c r="G1580" cm="1">
        <f t="array" ref="G1580">IFERROR(INDEX(Jesper!AK$2:AK$366,ROUNDDOWN($C1580/24,0)+1,1)*INDEX($D$3:$AA$30,INDEX(Jesper!$R$2:$R$366,ROW(INDEX(Jesper!AK$2:AK$366,ROUNDDOWN($C1580/24,0)+1,1))-1)+IF('Standard Profiles'!$G$21=$B$10,7,0)+IF('Standard Profiles'!$G$21=$B$17,14,0)+IF('Standard Profiles'!$G$21=$B$24,21,0),MOD($C1580,24)+1)/SUM(INDEX($D$3:$AA$30,INDEX(Jesper!$R$2:$R$366,ROW(INDEX(Jesper!AK$2:AK$366,ROUNDDOWN($C1580/24,0)+1,1))-1)+IF('Standard Profiles'!$G$21=$B$10,7,0)+IF('Standard Profiles'!$G$21=$B$17,14,0)+IF('Standard Profiles'!$G$21=$B$24,21,0),0)),0)</f>
        <v>25.086823486073385</v>
      </c>
      <c r="H1580" cm="1">
        <f t="array" ref="H1580">IFERROR(INDEX(Jesper!AL$2:AL$366,ROUNDDOWN($C1580/24,0)+1,1)*INDEX($D$3:$AA$30,INDEX(Jesper!$R$2:$R$366,ROW(INDEX(Jesper!AL$2:AL$366,ROUNDDOWN($C1580/24,0)+1,1))-1)+IF('Standard Profiles'!$G$22=$B$10,7,0)+IF('Standard Profiles'!$G$22=$B$17,14,0)+IF('Standard Profiles'!$G$22=$B$24,21,0),MOD($C1580,24)+1)/SUM(INDEX($D$3:$AA$30,INDEX(Jesper!$R$2:$R$366,ROW(INDEX(Jesper!AL$2:AL$366,ROUNDDOWN($C1580/24,0)+1,1))-1)+IF('Standard Profiles'!$G$22=$B$10,7,0)+IF('Standard Profiles'!$G$22=$B$17,14,0)+IF('Standard Profiles'!$G$22=$B$24,21,0),0)),0)</f>
        <v>0</v>
      </c>
      <c r="I1580">
        <f t="shared" si="188"/>
        <v>12.041675273315219</v>
      </c>
      <c r="J1580">
        <f t="shared" si="189"/>
        <v>71.717566879348041</v>
      </c>
      <c r="K1580">
        <f t="shared" si="190"/>
        <v>3.2737855542899537</v>
      </c>
      <c r="L1580">
        <f t="shared" si="191"/>
        <v>1.6368927771449768</v>
      </c>
      <c r="M1580">
        <f t="shared" si="192"/>
        <v>0</v>
      </c>
      <c r="N1580" s="45">
        <f t="shared" si="193"/>
        <v>44991.416666662917</v>
      </c>
    </row>
    <row r="1581" spans="2:14" x14ac:dyDescent="0.25">
      <c r="B1581">
        <f t="shared" si="187"/>
        <v>1</v>
      </c>
      <c r="C1581" s="16">
        <v>1547</v>
      </c>
      <c r="D1581" cm="1">
        <f t="array" ref="D1581">IFERROR(INDEX(Jesper!AH$2:AH$366,ROUNDDOWN($C1581/24,0)+1,1)*INDEX($D$3:$AA$30,INDEX(Jesper!$R$2:$R$366,ROW(INDEX(Jesper!AH$2:AH$366,ROUNDDOWN($C1581/24,0)+1,1))-1)+IF('Standard Profiles'!$G$18=$B$10,7,0)+IF('Standard Profiles'!$G$18=$B$17,14,0)+IF('Standard Profiles'!$G$18=$B$24,21,0),MOD($C1581,24)+1)/SUM(INDEX($D$3:$AA$30,INDEX(Jesper!$R$2:$R$366,ROW(INDEX(Jesper!AH$2:AH$366,ROUNDDOWN($C1581/24,0)+1,1))-1)+IF('Standard Profiles'!$G$18=$B$10,7,0)+IF('Standard Profiles'!$G$18=$B$17,14,0)+IF('Standard Profiles'!$G$18=$B$24,21,0),0)),0)</f>
        <v>36.830087485761972</v>
      </c>
      <c r="E1581" cm="1">
        <f t="array" ref="E1581">IFERROR(INDEX(Jesper!AI$2:AI$366,ROUNDDOWN($C1581/24,0)+1,1)*INDEX($D$3:$AA$30,INDEX(Jesper!$R$2:$R$366,ROW(INDEX(Jesper!AI$2:AI$366,ROUNDDOWN($C1581/24,0)+1,1))-1)+IF('Standard Profiles'!$G$19=$B$10,7,0)+IF('Standard Profiles'!$G$19=$B$17,14,0)+IF('Standard Profiles'!$G$19=$B$24,21,0),MOD($C1581,24)+1)/SUM(INDEX($D$3:$AA$30,INDEX(Jesper!$R$2:$R$366,ROW(INDEX(Jesper!AI$2:AI$366,ROUNDDOWN($C1581/24,0)+1,1))-1)+IF('Standard Profiles'!$G$19=$B$10,7,0)+IF('Standard Profiles'!$G$19=$B$17,14,0)+IF('Standard Profiles'!$G$19=$B$24,21,0),0)),0)</f>
        <v>39.469628911867794</v>
      </c>
      <c r="F1581" cm="1">
        <f t="array" ref="F1581">IFERROR(INDEX(Jesper!AJ$2:AJ$366,ROUNDDOWN($C1581/24,0)+1,1)*INDEX($D$3:$AA$30,INDEX(Jesper!$R$2:$R$366,ROW(INDEX(Jesper!AJ$2:AJ$366,ROUNDDOWN($C1581/24,0)+1,1))-1)+IF('Standard Profiles'!$G$20=$B$10,7,0)+IF('Standard Profiles'!$G$20=$B$17,14,0)+IF('Standard Profiles'!$G$20=$B$24,21,0),MOD($C1581,24)+1)/SUM(INDEX($D$3:$AA$30,INDEX(Jesper!$R$2:$R$366,ROW(INDEX(Jesper!AJ$2:AJ$366,ROUNDDOWN($C1581/24,0)+1,1))-1)+IF('Standard Profiles'!$G$20=$B$10,7,0)+IF('Standard Profiles'!$G$20=$B$17,14,0)+IF('Standard Profiles'!$G$20=$B$24,21,0),0)),0)</f>
        <v>0</v>
      </c>
      <c r="G1581" cm="1">
        <f t="array" ref="G1581">IFERROR(INDEX(Jesper!AK$2:AK$366,ROUNDDOWN($C1581/24,0)+1,1)*INDEX($D$3:$AA$30,INDEX(Jesper!$R$2:$R$366,ROW(INDEX(Jesper!AK$2:AK$366,ROUNDDOWN($C1581/24,0)+1,1))-1)+IF('Standard Profiles'!$G$21=$B$10,7,0)+IF('Standard Profiles'!$G$21=$B$17,14,0)+IF('Standard Profiles'!$G$21=$B$24,21,0),MOD($C1581,24)+1)/SUM(INDEX($D$3:$AA$30,INDEX(Jesper!$R$2:$R$366,ROW(INDEX(Jesper!AK$2:AK$366,ROUNDDOWN($C1581/24,0)+1,1))-1)+IF('Standard Profiles'!$G$21=$B$10,7,0)+IF('Standard Profiles'!$G$21=$B$17,14,0)+IF('Standard Profiles'!$G$21=$B$24,21,0),0)),0)</f>
        <v>30.104188183288052</v>
      </c>
      <c r="H1581" cm="1">
        <f t="array" ref="H1581">IFERROR(INDEX(Jesper!AL$2:AL$366,ROUNDDOWN($C1581/24,0)+1,1)*INDEX($D$3:$AA$30,INDEX(Jesper!$R$2:$R$366,ROW(INDEX(Jesper!AL$2:AL$366,ROUNDDOWN($C1581/24,0)+1,1))-1)+IF('Standard Profiles'!$G$22=$B$10,7,0)+IF('Standard Profiles'!$G$22=$B$17,14,0)+IF('Standard Profiles'!$G$22=$B$24,21,0),MOD($C1581,24)+1)/SUM(INDEX($D$3:$AA$30,INDEX(Jesper!$R$2:$R$366,ROW(INDEX(Jesper!AL$2:AL$366,ROUNDDOWN($C1581/24,0)+1,1))-1)+IF('Standard Profiles'!$G$22=$B$10,7,0)+IF('Standard Profiles'!$G$22=$B$17,14,0)+IF('Standard Profiles'!$G$22=$B$24,21,0),0)),0)</f>
        <v>0</v>
      </c>
      <c r="I1581">
        <f t="shared" si="188"/>
        <v>14.450010327978259</v>
      </c>
      <c r="J1581">
        <f t="shared" si="189"/>
        <v>86.061080255217647</v>
      </c>
      <c r="K1581">
        <f t="shared" si="190"/>
        <v>3.928542665147944</v>
      </c>
      <c r="L1581">
        <f t="shared" si="191"/>
        <v>1.964271332573972</v>
      </c>
      <c r="M1581">
        <f t="shared" si="192"/>
        <v>0</v>
      </c>
      <c r="N1581" s="45">
        <f t="shared" si="193"/>
        <v>44991.458333329581</v>
      </c>
    </row>
    <row r="1582" spans="2:14" x14ac:dyDescent="0.25">
      <c r="B1582">
        <f t="shared" si="187"/>
        <v>1</v>
      </c>
      <c r="C1582" s="16">
        <v>1548</v>
      </c>
      <c r="D1582" cm="1">
        <f t="array" ref="D1582">IFERROR(INDEX(Jesper!AH$2:AH$366,ROUNDDOWN($C1582/24,0)+1,1)*INDEX($D$3:$AA$30,INDEX(Jesper!$R$2:$R$366,ROW(INDEX(Jesper!AH$2:AH$366,ROUNDDOWN($C1582/24,0)+1,1))-1)+IF('Standard Profiles'!$G$18=$B$10,7,0)+IF('Standard Profiles'!$G$18=$B$17,14,0)+IF('Standard Profiles'!$G$18=$B$24,21,0),MOD($C1582,24)+1)/SUM(INDEX($D$3:$AA$30,INDEX(Jesper!$R$2:$R$366,ROW(INDEX(Jesper!AH$2:AH$366,ROUNDDOWN($C1582/24,0)+1,1))-1)+IF('Standard Profiles'!$G$18=$B$10,7,0)+IF('Standard Profiles'!$G$18=$B$17,14,0)+IF('Standard Profiles'!$G$18=$B$24,21,0),0)),0)</f>
        <v>36.830087485761972</v>
      </c>
      <c r="E1582" cm="1">
        <f t="array" ref="E1582">IFERROR(INDEX(Jesper!AI$2:AI$366,ROUNDDOWN($C1582/24,0)+1,1)*INDEX($D$3:$AA$30,INDEX(Jesper!$R$2:$R$366,ROW(INDEX(Jesper!AI$2:AI$366,ROUNDDOWN($C1582/24,0)+1,1))-1)+IF('Standard Profiles'!$G$19=$B$10,7,0)+IF('Standard Profiles'!$G$19=$B$17,14,0)+IF('Standard Profiles'!$G$19=$B$24,21,0),MOD($C1582,24)+1)/SUM(INDEX($D$3:$AA$30,INDEX(Jesper!$R$2:$R$366,ROW(INDEX(Jesper!AI$2:AI$366,ROUNDDOWN($C1582/24,0)+1,1))-1)+IF('Standard Profiles'!$G$19=$B$10,7,0)+IF('Standard Profiles'!$G$19=$B$17,14,0)+IF('Standard Profiles'!$G$19=$B$24,21,0),0)),0)</f>
        <v>39.469628911867794</v>
      </c>
      <c r="F1582" cm="1">
        <f t="array" ref="F1582">IFERROR(INDEX(Jesper!AJ$2:AJ$366,ROUNDDOWN($C1582/24,0)+1,1)*INDEX($D$3:$AA$30,INDEX(Jesper!$R$2:$R$366,ROW(INDEX(Jesper!AJ$2:AJ$366,ROUNDDOWN($C1582/24,0)+1,1))-1)+IF('Standard Profiles'!$G$20=$B$10,7,0)+IF('Standard Profiles'!$G$20=$B$17,14,0)+IF('Standard Profiles'!$G$20=$B$24,21,0),MOD($C1582,24)+1)/SUM(INDEX($D$3:$AA$30,INDEX(Jesper!$R$2:$R$366,ROW(INDEX(Jesper!AJ$2:AJ$366,ROUNDDOWN($C1582/24,0)+1,1))-1)+IF('Standard Profiles'!$G$20=$B$10,7,0)+IF('Standard Profiles'!$G$20=$B$17,14,0)+IF('Standard Profiles'!$G$20=$B$24,21,0),0)),0)</f>
        <v>0</v>
      </c>
      <c r="G1582" cm="1">
        <f t="array" ref="G1582">IFERROR(INDEX(Jesper!AK$2:AK$366,ROUNDDOWN($C1582/24,0)+1,1)*INDEX($D$3:$AA$30,INDEX(Jesper!$R$2:$R$366,ROW(INDEX(Jesper!AK$2:AK$366,ROUNDDOWN($C1582/24,0)+1,1))-1)+IF('Standard Profiles'!$G$21=$B$10,7,0)+IF('Standard Profiles'!$G$21=$B$17,14,0)+IF('Standard Profiles'!$G$21=$B$24,21,0),MOD($C1582,24)+1)/SUM(INDEX($D$3:$AA$30,INDEX(Jesper!$R$2:$R$366,ROW(INDEX(Jesper!AK$2:AK$366,ROUNDDOWN($C1582/24,0)+1,1))-1)+IF('Standard Profiles'!$G$21=$B$10,7,0)+IF('Standard Profiles'!$G$21=$B$17,14,0)+IF('Standard Profiles'!$G$21=$B$24,21,0),0)),0)</f>
        <v>30.104188183288052</v>
      </c>
      <c r="H1582" cm="1">
        <f t="array" ref="H1582">IFERROR(INDEX(Jesper!AL$2:AL$366,ROUNDDOWN($C1582/24,0)+1,1)*INDEX($D$3:$AA$30,INDEX(Jesper!$R$2:$R$366,ROW(INDEX(Jesper!AL$2:AL$366,ROUNDDOWN($C1582/24,0)+1,1))-1)+IF('Standard Profiles'!$G$22=$B$10,7,0)+IF('Standard Profiles'!$G$22=$B$17,14,0)+IF('Standard Profiles'!$G$22=$B$24,21,0),MOD($C1582,24)+1)/SUM(INDEX($D$3:$AA$30,INDEX(Jesper!$R$2:$R$366,ROW(INDEX(Jesper!AL$2:AL$366,ROUNDDOWN($C1582/24,0)+1,1))-1)+IF('Standard Profiles'!$G$22=$B$10,7,0)+IF('Standard Profiles'!$G$22=$B$17,14,0)+IF('Standard Profiles'!$G$22=$B$24,21,0),0)),0)</f>
        <v>0</v>
      </c>
      <c r="I1582">
        <f t="shared" si="188"/>
        <v>14.450010327978259</v>
      </c>
      <c r="J1582">
        <f t="shared" si="189"/>
        <v>86.061080255217647</v>
      </c>
      <c r="K1582">
        <f t="shared" si="190"/>
        <v>3.928542665147944</v>
      </c>
      <c r="L1582">
        <f t="shared" si="191"/>
        <v>1.964271332573972</v>
      </c>
      <c r="M1582">
        <f t="shared" si="192"/>
        <v>0</v>
      </c>
      <c r="N1582" s="45">
        <f t="shared" si="193"/>
        <v>44991.499999996246</v>
      </c>
    </row>
    <row r="1583" spans="2:14" x14ac:dyDescent="0.25">
      <c r="B1583">
        <f t="shared" si="187"/>
        <v>1</v>
      </c>
      <c r="C1583" s="16">
        <v>1549</v>
      </c>
      <c r="D1583" cm="1">
        <f t="array" ref="D1583">IFERROR(INDEX(Jesper!AH$2:AH$366,ROUNDDOWN($C1583/24,0)+1,1)*INDEX($D$3:$AA$30,INDEX(Jesper!$R$2:$R$366,ROW(INDEX(Jesper!AH$2:AH$366,ROUNDDOWN($C1583/24,0)+1,1))-1)+IF('Standard Profiles'!$G$18=$B$10,7,0)+IF('Standard Profiles'!$G$18=$B$17,14,0)+IF('Standard Profiles'!$G$18=$B$24,21,0),MOD($C1583,24)+1)/SUM(INDEX($D$3:$AA$30,INDEX(Jesper!$R$2:$R$366,ROW(INDEX(Jesper!AH$2:AH$366,ROUNDDOWN($C1583/24,0)+1,1))-1)+IF('Standard Profiles'!$G$18=$B$10,7,0)+IF('Standard Profiles'!$G$18=$B$17,14,0)+IF('Standard Profiles'!$G$18=$B$24,21,0),0)),0)</f>
        <v>24.55339165717465</v>
      </c>
      <c r="E1583" cm="1">
        <f t="array" ref="E1583">IFERROR(INDEX(Jesper!AI$2:AI$366,ROUNDDOWN($C1583/24,0)+1,1)*INDEX($D$3:$AA$30,INDEX(Jesper!$R$2:$R$366,ROW(INDEX(Jesper!AI$2:AI$366,ROUNDDOWN($C1583/24,0)+1,1))-1)+IF('Standard Profiles'!$G$19=$B$10,7,0)+IF('Standard Profiles'!$G$19=$B$17,14,0)+IF('Standard Profiles'!$G$19=$B$24,21,0),MOD($C1583,24)+1)/SUM(INDEX($D$3:$AA$30,INDEX(Jesper!$R$2:$R$366,ROW(INDEX(Jesper!AI$2:AI$366,ROUNDDOWN($C1583/24,0)+1,1))-1)+IF('Standard Profiles'!$G$19=$B$10,7,0)+IF('Standard Profiles'!$G$19=$B$17,14,0)+IF('Standard Profiles'!$G$19=$B$24,21,0),0)),0)</f>
        <v>26.313085941245198</v>
      </c>
      <c r="F1583" cm="1">
        <f t="array" ref="F1583">IFERROR(INDEX(Jesper!AJ$2:AJ$366,ROUNDDOWN($C1583/24,0)+1,1)*INDEX($D$3:$AA$30,INDEX(Jesper!$R$2:$R$366,ROW(INDEX(Jesper!AJ$2:AJ$366,ROUNDDOWN($C1583/24,0)+1,1))-1)+IF('Standard Profiles'!$G$20=$B$10,7,0)+IF('Standard Profiles'!$G$20=$B$17,14,0)+IF('Standard Profiles'!$G$20=$B$24,21,0),MOD($C1583,24)+1)/SUM(INDEX($D$3:$AA$30,INDEX(Jesper!$R$2:$R$366,ROW(INDEX(Jesper!AJ$2:AJ$366,ROUNDDOWN($C1583/24,0)+1,1))-1)+IF('Standard Profiles'!$G$20=$B$10,7,0)+IF('Standard Profiles'!$G$20=$B$17,14,0)+IF('Standard Profiles'!$G$20=$B$24,21,0),0)),0)</f>
        <v>0</v>
      </c>
      <c r="G1583" cm="1">
        <f t="array" ref="G1583">IFERROR(INDEX(Jesper!AK$2:AK$366,ROUNDDOWN($C1583/24,0)+1,1)*INDEX($D$3:$AA$30,INDEX(Jesper!$R$2:$R$366,ROW(INDEX(Jesper!AK$2:AK$366,ROUNDDOWN($C1583/24,0)+1,1))-1)+IF('Standard Profiles'!$G$21=$B$10,7,0)+IF('Standard Profiles'!$G$21=$B$17,14,0)+IF('Standard Profiles'!$G$21=$B$24,21,0),MOD($C1583,24)+1)/SUM(INDEX($D$3:$AA$30,INDEX(Jesper!$R$2:$R$366,ROW(INDEX(Jesper!AK$2:AK$366,ROUNDDOWN($C1583/24,0)+1,1))-1)+IF('Standard Profiles'!$G$21=$B$10,7,0)+IF('Standard Profiles'!$G$21=$B$17,14,0)+IF('Standard Profiles'!$G$21=$B$24,21,0),0)),0)</f>
        <v>20.069458788858707</v>
      </c>
      <c r="H1583" cm="1">
        <f t="array" ref="H1583">IFERROR(INDEX(Jesper!AL$2:AL$366,ROUNDDOWN($C1583/24,0)+1,1)*INDEX($D$3:$AA$30,INDEX(Jesper!$R$2:$R$366,ROW(INDEX(Jesper!AL$2:AL$366,ROUNDDOWN($C1583/24,0)+1,1))-1)+IF('Standard Profiles'!$G$22=$B$10,7,0)+IF('Standard Profiles'!$G$22=$B$17,14,0)+IF('Standard Profiles'!$G$22=$B$24,21,0),MOD($C1583,24)+1)/SUM(INDEX($D$3:$AA$30,INDEX(Jesper!$R$2:$R$366,ROW(INDEX(Jesper!AL$2:AL$366,ROUNDDOWN($C1583/24,0)+1,1))-1)+IF('Standard Profiles'!$G$22=$B$10,7,0)+IF('Standard Profiles'!$G$22=$B$17,14,0)+IF('Standard Profiles'!$G$22=$B$24,21,0),0)),0)</f>
        <v>0</v>
      </c>
      <c r="I1583">
        <f t="shared" si="188"/>
        <v>9.6333402186521742</v>
      </c>
      <c r="J1583">
        <f t="shared" si="189"/>
        <v>57.374053503478436</v>
      </c>
      <c r="K1583">
        <f t="shared" si="190"/>
        <v>2.6190284434319628</v>
      </c>
      <c r="L1583">
        <f t="shared" si="191"/>
        <v>1.3095142217159814</v>
      </c>
      <c r="M1583">
        <f t="shared" si="192"/>
        <v>0</v>
      </c>
      <c r="N1583" s="45">
        <f t="shared" si="193"/>
        <v>44991.54166666291</v>
      </c>
    </row>
    <row r="1584" spans="2:14" x14ac:dyDescent="0.25">
      <c r="B1584">
        <f t="shared" si="187"/>
        <v>1</v>
      </c>
      <c r="C1584" s="16">
        <v>1550</v>
      </c>
      <c r="D1584" cm="1">
        <f t="array" ref="D1584">IFERROR(INDEX(Jesper!AH$2:AH$366,ROUNDDOWN($C1584/24,0)+1,1)*INDEX($D$3:$AA$30,INDEX(Jesper!$R$2:$R$366,ROW(INDEX(Jesper!AH$2:AH$366,ROUNDDOWN($C1584/24,0)+1,1))-1)+IF('Standard Profiles'!$G$18=$B$10,7,0)+IF('Standard Profiles'!$G$18=$B$17,14,0)+IF('Standard Profiles'!$G$18=$B$24,21,0),MOD($C1584,24)+1)/SUM(INDEX($D$3:$AA$30,INDEX(Jesper!$R$2:$R$366,ROW(INDEX(Jesper!AH$2:AH$366,ROUNDDOWN($C1584/24,0)+1,1))-1)+IF('Standard Profiles'!$G$18=$B$10,7,0)+IF('Standard Profiles'!$G$18=$B$17,14,0)+IF('Standard Profiles'!$G$18=$B$24,21,0),0)),0)</f>
        <v>36.830087485761972</v>
      </c>
      <c r="E1584" cm="1">
        <f t="array" ref="E1584">IFERROR(INDEX(Jesper!AI$2:AI$366,ROUNDDOWN($C1584/24,0)+1,1)*INDEX($D$3:$AA$30,INDEX(Jesper!$R$2:$R$366,ROW(INDEX(Jesper!AI$2:AI$366,ROUNDDOWN($C1584/24,0)+1,1))-1)+IF('Standard Profiles'!$G$19=$B$10,7,0)+IF('Standard Profiles'!$G$19=$B$17,14,0)+IF('Standard Profiles'!$G$19=$B$24,21,0),MOD($C1584,24)+1)/SUM(INDEX($D$3:$AA$30,INDEX(Jesper!$R$2:$R$366,ROW(INDEX(Jesper!AI$2:AI$366,ROUNDDOWN($C1584/24,0)+1,1))-1)+IF('Standard Profiles'!$G$19=$B$10,7,0)+IF('Standard Profiles'!$G$19=$B$17,14,0)+IF('Standard Profiles'!$G$19=$B$24,21,0),0)),0)</f>
        <v>39.469628911867794</v>
      </c>
      <c r="F1584" cm="1">
        <f t="array" ref="F1584">IFERROR(INDEX(Jesper!AJ$2:AJ$366,ROUNDDOWN($C1584/24,0)+1,1)*INDEX($D$3:$AA$30,INDEX(Jesper!$R$2:$R$366,ROW(INDEX(Jesper!AJ$2:AJ$366,ROUNDDOWN($C1584/24,0)+1,1))-1)+IF('Standard Profiles'!$G$20=$B$10,7,0)+IF('Standard Profiles'!$G$20=$B$17,14,0)+IF('Standard Profiles'!$G$20=$B$24,21,0),MOD($C1584,24)+1)/SUM(INDEX($D$3:$AA$30,INDEX(Jesper!$R$2:$R$366,ROW(INDEX(Jesper!AJ$2:AJ$366,ROUNDDOWN($C1584/24,0)+1,1))-1)+IF('Standard Profiles'!$G$20=$B$10,7,0)+IF('Standard Profiles'!$G$20=$B$17,14,0)+IF('Standard Profiles'!$G$20=$B$24,21,0),0)),0)</f>
        <v>0</v>
      </c>
      <c r="G1584" cm="1">
        <f t="array" ref="G1584">IFERROR(INDEX(Jesper!AK$2:AK$366,ROUNDDOWN($C1584/24,0)+1,1)*INDEX($D$3:$AA$30,INDEX(Jesper!$R$2:$R$366,ROW(INDEX(Jesper!AK$2:AK$366,ROUNDDOWN($C1584/24,0)+1,1))-1)+IF('Standard Profiles'!$G$21=$B$10,7,0)+IF('Standard Profiles'!$G$21=$B$17,14,0)+IF('Standard Profiles'!$G$21=$B$24,21,0),MOD($C1584,24)+1)/SUM(INDEX($D$3:$AA$30,INDEX(Jesper!$R$2:$R$366,ROW(INDEX(Jesper!AK$2:AK$366,ROUNDDOWN($C1584/24,0)+1,1))-1)+IF('Standard Profiles'!$G$21=$B$10,7,0)+IF('Standard Profiles'!$G$21=$B$17,14,0)+IF('Standard Profiles'!$G$21=$B$24,21,0),0)),0)</f>
        <v>30.104188183288052</v>
      </c>
      <c r="H1584" cm="1">
        <f t="array" ref="H1584">IFERROR(INDEX(Jesper!AL$2:AL$366,ROUNDDOWN($C1584/24,0)+1,1)*INDEX($D$3:$AA$30,INDEX(Jesper!$R$2:$R$366,ROW(INDEX(Jesper!AL$2:AL$366,ROUNDDOWN($C1584/24,0)+1,1))-1)+IF('Standard Profiles'!$G$22=$B$10,7,0)+IF('Standard Profiles'!$G$22=$B$17,14,0)+IF('Standard Profiles'!$G$22=$B$24,21,0),MOD($C1584,24)+1)/SUM(INDEX($D$3:$AA$30,INDEX(Jesper!$R$2:$R$366,ROW(INDEX(Jesper!AL$2:AL$366,ROUNDDOWN($C1584/24,0)+1,1))-1)+IF('Standard Profiles'!$G$22=$B$10,7,0)+IF('Standard Profiles'!$G$22=$B$17,14,0)+IF('Standard Profiles'!$G$22=$B$24,21,0),0)),0)</f>
        <v>0</v>
      </c>
      <c r="I1584">
        <f t="shared" si="188"/>
        <v>14.450010327978259</v>
      </c>
      <c r="J1584">
        <f t="shared" si="189"/>
        <v>86.061080255217647</v>
      </c>
      <c r="K1584">
        <f t="shared" si="190"/>
        <v>3.928542665147944</v>
      </c>
      <c r="L1584">
        <f t="shared" si="191"/>
        <v>1.964271332573972</v>
      </c>
      <c r="M1584">
        <f t="shared" si="192"/>
        <v>0</v>
      </c>
      <c r="N1584" s="45">
        <f t="shared" si="193"/>
        <v>44991.583333329574</v>
      </c>
    </row>
    <row r="1585" spans="2:14" x14ac:dyDescent="0.25">
      <c r="B1585">
        <f t="shared" si="187"/>
        <v>1</v>
      </c>
      <c r="C1585" s="16">
        <v>1551</v>
      </c>
      <c r="D1585" cm="1">
        <f t="array" ref="D1585">IFERROR(INDEX(Jesper!AH$2:AH$366,ROUNDDOWN($C1585/24,0)+1,1)*INDEX($D$3:$AA$30,INDEX(Jesper!$R$2:$R$366,ROW(INDEX(Jesper!AH$2:AH$366,ROUNDDOWN($C1585/24,0)+1,1))-1)+IF('Standard Profiles'!$G$18=$B$10,7,0)+IF('Standard Profiles'!$G$18=$B$17,14,0)+IF('Standard Profiles'!$G$18=$B$24,21,0),MOD($C1585,24)+1)/SUM(INDEX($D$3:$AA$30,INDEX(Jesper!$R$2:$R$366,ROW(INDEX(Jesper!AH$2:AH$366,ROUNDDOWN($C1585/24,0)+1,1))-1)+IF('Standard Profiles'!$G$18=$B$10,7,0)+IF('Standard Profiles'!$G$18=$B$17,14,0)+IF('Standard Profiles'!$G$18=$B$24,21,0),0)),0)</f>
        <v>36.830087485761972</v>
      </c>
      <c r="E1585" cm="1">
        <f t="array" ref="E1585">IFERROR(INDEX(Jesper!AI$2:AI$366,ROUNDDOWN($C1585/24,0)+1,1)*INDEX($D$3:$AA$30,INDEX(Jesper!$R$2:$R$366,ROW(INDEX(Jesper!AI$2:AI$366,ROUNDDOWN($C1585/24,0)+1,1))-1)+IF('Standard Profiles'!$G$19=$B$10,7,0)+IF('Standard Profiles'!$G$19=$B$17,14,0)+IF('Standard Profiles'!$G$19=$B$24,21,0),MOD($C1585,24)+1)/SUM(INDEX($D$3:$AA$30,INDEX(Jesper!$R$2:$R$366,ROW(INDEX(Jesper!AI$2:AI$366,ROUNDDOWN($C1585/24,0)+1,1))-1)+IF('Standard Profiles'!$G$19=$B$10,7,0)+IF('Standard Profiles'!$G$19=$B$17,14,0)+IF('Standard Profiles'!$G$19=$B$24,21,0),0)),0)</f>
        <v>39.469628911867794</v>
      </c>
      <c r="F1585" cm="1">
        <f t="array" ref="F1585">IFERROR(INDEX(Jesper!AJ$2:AJ$366,ROUNDDOWN($C1585/24,0)+1,1)*INDEX($D$3:$AA$30,INDEX(Jesper!$R$2:$R$366,ROW(INDEX(Jesper!AJ$2:AJ$366,ROUNDDOWN($C1585/24,0)+1,1))-1)+IF('Standard Profiles'!$G$20=$B$10,7,0)+IF('Standard Profiles'!$G$20=$B$17,14,0)+IF('Standard Profiles'!$G$20=$B$24,21,0),MOD($C1585,24)+1)/SUM(INDEX($D$3:$AA$30,INDEX(Jesper!$R$2:$R$366,ROW(INDEX(Jesper!AJ$2:AJ$366,ROUNDDOWN($C1585/24,0)+1,1))-1)+IF('Standard Profiles'!$G$20=$B$10,7,0)+IF('Standard Profiles'!$G$20=$B$17,14,0)+IF('Standard Profiles'!$G$20=$B$24,21,0),0)),0)</f>
        <v>0</v>
      </c>
      <c r="G1585" cm="1">
        <f t="array" ref="G1585">IFERROR(INDEX(Jesper!AK$2:AK$366,ROUNDDOWN($C1585/24,0)+1,1)*INDEX($D$3:$AA$30,INDEX(Jesper!$R$2:$R$366,ROW(INDEX(Jesper!AK$2:AK$366,ROUNDDOWN($C1585/24,0)+1,1))-1)+IF('Standard Profiles'!$G$21=$B$10,7,0)+IF('Standard Profiles'!$G$21=$B$17,14,0)+IF('Standard Profiles'!$G$21=$B$24,21,0),MOD($C1585,24)+1)/SUM(INDEX($D$3:$AA$30,INDEX(Jesper!$R$2:$R$366,ROW(INDEX(Jesper!AK$2:AK$366,ROUNDDOWN($C1585/24,0)+1,1))-1)+IF('Standard Profiles'!$G$21=$B$10,7,0)+IF('Standard Profiles'!$G$21=$B$17,14,0)+IF('Standard Profiles'!$G$21=$B$24,21,0),0)),0)</f>
        <v>30.104188183288052</v>
      </c>
      <c r="H1585" cm="1">
        <f t="array" ref="H1585">IFERROR(INDEX(Jesper!AL$2:AL$366,ROUNDDOWN($C1585/24,0)+1,1)*INDEX($D$3:$AA$30,INDEX(Jesper!$R$2:$R$366,ROW(INDEX(Jesper!AL$2:AL$366,ROUNDDOWN($C1585/24,0)+1,1))-1)+IF('Standard Profiles'!$G$22=$B$10,7,0)+IF('Standard Profiles'!$G$22=$B$17,14,0)+IF('Standard Profiles'!$G$22=$B$24,21,0),MOD($C1585,24)+1)/SUM(INDEX($D$3:$AA$30,INDEX(Jesper!$R$2:$R$366,ROW(INDEX(Jesper!AL$2:AL$366,ROUNDDOWN($C1585/24,0)+1,1))-1)+IF('Standard Profiles'!$G$22=$B$10,7,0)+IF('Standard Profiles'!$G$22=$B$17,14,0)+IF('Standard Profiles'!$G$22=$B$24,21,0),0)),0)</f>
        <v>0</v>
      </c>
      <c r="I1585">
        <f t="shared" si="188"/>
        <v>14.450010327978259</v>
      </c>
      <c r="J1585">
        <f t="shared" si="189"/>
        <v>86.061080255217647</v>
      </c>
      <c r="K1585">
        <f t="shared" si="190"/>
        <v>3.928542665147944</v>
      </c>
      <c r="L1585">
        <f t="shared" si="191"/>
        <v>1.964271332573972</v>
      </c>
      <c r="M1585">
        <f t="shared" si="192"/>
        <v>0</v>
      </c>
      <c r="N1585" s="45">
        <f t="shared" si="193"/>
        <v>44991.624999996238</v>
      </c>
    </row>
    <row r="1586" spans="2:14" x14ac:dyDescent="0.25">
      <c r="B1586">
        <f t="shared" si="187"/>
        <v>1</v>
      </c>
      <c r="C1586" s="16">
        <v>1552</v>
      </c>
      <c r="D1586" cm="1">
        <f t="array" ref="D1586">IFERROR(INDEX(Jesper!AH$2:AH$366,ROUNDDOWN($C1586/24,0)+1,1)*INDEX($D$3:$AA$30,INDEX(Jesper!$R$2:$R$366,ROW(INDEX(Jesper!AH$2:AH$366,ROUNDDOWN($C1586/24,0)+1,1))-1)+IF('Standard Profiles'!$G$18=$B$10,7,0)+IF('Standard Profiles'!$G$18=$B$17,14,0)+IF('Standard Profiles'!$G$18=$B$24,21,0),MOD($C1586,24)+1)/SUM(INDEX($D$3:$AA$30,INDEX(Jesper!$R$2:$R$366,ROW(INDEX(Jesper!AH$2:AH$366,ROUNDDOWN($C1586/24,0)+1,1))-1)+IF('Standard Profiles'!$G$18=$B$10,7,0)+IF('Standard Profiles'!$G$18=$B$17,14,0)+IF('Standard Profiles'!$G$18=$B$24,21,0),0)),0)</f>
        <v>21.484217700027816</v>
      </c>
      <c r="E1586" cm="1">
        <f t="array" ref="E1586">IFERROR(INDEX(Jesper!AI$2:AI$366,ROUNDDOWN($C1586/24,0)+1,1)*INDEX($D$3:$AA$30,INDEX(Jesper!$R$2:$R$366,ROW(INDEX(Jesper!AI$2:AI$366,ROUNDDOWN($C1586/24,0)+1,1))-1)+IF('Standard Profiles'!$G$19=$B$10,7,0)+IF('Standard Profiles'!$G$19=$B$17,14,0)+IF('Standard Profiles'!$G$19=$B$24,21,0),MOD($C1586,24)+1)/SUM(INDEX($D$3:$AA$30,INDEX(Jesper!$R$2:$R$366,ROW(INDEX(Jesper!AI$2:AI$366,ROUNDDOWN($C1586/24,0)+1,1))-1)+IF('Standard Profiles'!$G$19=$B$10,7,0)+IF('Standard Profiles'!$G$19=$B$17,14,0)+IF('Standard Profiles'!$G$19=$B$24,21,0),0)),0)</f>
        <v>23.023950198589546</v>
      </c>
      <c r="F1586" cm="1">
        <f t="array" ref="F1586">IFERROR(INDEX(Jesper!AJ$2:AJ$366,ROUNDDOWN($C1586/24,0)+1,1)*INDEX($D$3:$AA$30,INDEX(Jesper!$R$2:$R$366,ROW(INDEX(Jesper!AJ$2:AJ$366,ROUNDDOWN($C1586/24,0)+1,1))-1)+IF('Standard Profiles'!$G$20=$B$10,7,0)+IF('Standard Profiles'!$G$20=$B$17,14,0)+IF('Standard Profiles'!$G$20=$B$24,21,0),MOD($C1586,24)+1)/SUM(INDEX($D$3:$AA$30,INDEX(Jesper!$R$2:$R$366,ROW(INDEX(Jesper!AJ$2:AJ$366,ROUNDDOWN($C1586/24,0)+1,1))-1)+IF('Standard Profiles'!$G$20=$B$10,7,0)+IF('Standard Profiles'!$G$20=$B$17,14,0)+IF('Standard Profiles'!$G$20=$B$24,21,0),0)),0)</f>
        <v>0</v>
      </c>
      <c r="G1586" cm="1">
        <f t="array" ref="G1586">IFERROR(INDEX(Jesper!AK$2:AK$366,ROUNDDOWN($C1586/24,0)+1,1)*INDEX($D$3:$AA$30,INDEX(Jesper!$R$2:$R$366,ROW(INDEX(Jesper!AK$2:AK$366,ROUNDDOWN($C1586/24,0)+1,1))-1)+IF('Standard Profiles'!$G$21=$B$10,7,0)+IF('Standard Profiles'!$G$21=$B$17,14,0)+IF('Standard Profiles'!$G$21=$B$24,21,0),MOD($C1586,24)+1)/SUM(INDEX($D$3:$AA$30,INDEX(Jesper!$R$2:$R$366,ROW(INDEX(Jesper!AK$2:AK$366,ROUNDDOWN($C1586/24,0)+1,1))-1)+IF('Standard Profiles'!$G$21=$B$10,7,0)+IF('Standard Profiles'!$G$21=$B$17,14,0)+IF('Standard Profiles'!$G$21=$B$24,21,0),0)),0)</f>
        <v>25.086823486073385</v>
      </c>
      <c r="H1586" cm="1">
        <f t="array" ref="H1586">IFERROR(INDEX(Jesper!AL$2:AL$366,ROUNDDOWN($C1586/24,0)+1,1)*INDEX($D$3:$AA$30,INDEX(Jesper!$R$2:$R$366,ROW(INDEX(Jesper!AL$2:AL$366,ROUNDDOWN($C1586/24,0)+1,1))-1)+IF('Standard Profiles'!$G$22=$B$10,7,0)+IF('Standard Profiles'!$G$22=$B$17,14,0)+IF('Standard Profiles'!$G$22=$B$24,21,0),MOD($C1586,24)+1)/SUM(INDEX($D$3:$AA$30,INDEX(Jesper!$R$2:$R$366,ROW(INDEX(Jesper!AL$2:AL$366,ROUNDDOWN($C1586/24,0)+1,1))-1)+IF('Standard Profiles'!$G$22=$B$10,7,0)+IF('Standard Profiles'!$G$22=$B$17,14,0)+IF('Standard Profiles'!$G$22=$B$24,21,0),0)),0)</f>
        <v>0</v>
      </c>
      <c r="I1586">
        <f t="shared" si="188"/>
        <v>12.041675273315219</v>
      </c>
      <c r="J1586">
        <f t="shared" si="189"/>
        <v>54.115841279371075</v>
      </c>
      <c r="K1586">
        <f t="shared" si="190"/>
        <v>2.2916498880029672</v>
      </c>
      <c r="L1586">
        <f t="shared" si="191"/>
        <v>1.1458249440014836</v>
      </c>
      <c r="M1586">
        <f t="shared" si="192"/>
        <v>0</v>
      </c>
      <c r="N1586" s="45">
        <f t="shared" si="193"/>
        <v>44991.666666662903</v>
      </c>
    </row>
    <row r="1587" spans="2:14" x14ac:dyDescent="0.25">
      <c r="B1587">
        <f t="shared" si="187"/>
        <v>1</v>
      </c>
      <c r="C1587" s="16">
        <v>1553</v>
      </c>
      <c r="D1587" cm="1">
        <f t="array" ref="D1587">IFERROR(INDEX(Jesper!AH$2:AH$366,ROUNDDOWN($C1587/24,0)+1,1)*INDEX($D$3:$AA$30,INDEX(Jesper!$R$2:$R$366,ROW(INDEX(Jesper!AH$2:AH$366,ROUNDDOWN($C1587/24,0)+1,1))-1)+IF('Standard Profiles'!$G$18=$B$10,7,0)+IF('Standard Profiles'!$G$18=$B$17,14,0)+IF('Standard Profiles'!$G$18=$B$24,21,0),MOD($C1587,24)+1)/SUM(INDEX($D$3:$AA$30,INDEX(Jesper!$R$2:$R$366,ROW(INDEX(Jesper!AH$2:AH$366,ROUNDDOWN($C1587/24,0)+1,1))-1)+IF('Standard Profiles'!$G$18=$B$10,7,0)+IF('Standard Profiles'!$G$18=$B$17,14,0)+IF('Standard Profiles'!$G$18=$B$24,21,0),0)),0)</f>
        <v>6.1383479142936626</v>
      </c>
      <c r="E1587" cm="1">
        <f t="array" ref="E1587">IFERROR(INDEX(Jesper!AI$2:AI$366,ROUNDDOWN($C1587/24,0)+1,1)*INDEX($D$3:$AA$30,INDEX(Jesper!$R$2:$R$366,ROW(INDEX(Jesper!AI$2:AI$366,ROUNDDOWN($C1587/24,0)+1,1))-1)+IF('Standard Profiles'!$G$19=$B$10,7,0)+IF('Standard Profiles'!$G$19=$B$17,14,0)+IF('Standard Profiles'!$G$19=$B$24,21,0),MOD($C1587,24)+1)/SUM(INDEX($D$3:$AA$30,INDEX(Jesper!$R$2:$R$366,ROW(INDEX(Jesper!AI$2:AI$366,ROUNDDOWN($C1587/24,0)+1,1))-1)+IF('Standard Profiles'!$G$19=$B$10,7,0)+IF('Standard Profiles'!$G$19=$B$17,14,0)+IF('Standard Profiles'!$G$19=$B$24,21,0),0)),0)</f>
        <v>6.5782714853112996</v>
      </c>
      <c r="F1587" cm="1">
        <f t="array" ref="F1587">IFERROR(INDEX(Jesper!AJ$2:AJ$366,ROUNDDOWN($C1587/24,0)+1,1)*INDEX($D$3:$AA$30,INDEX(Jesper!$R$2:$R$366,ROW(INDEX(Jesper!AJ$2:AJ$366,ROUNDDOWN($C1587/24,0)+1,1))-1)+IF('Standard Profiles'!$G$20=$B$10,7,0)+IF('Standard Profiles'!$G$20=$B$17,14,0)+IF('Standard Profiles'!$G$20=$B$24,21,0),MOD($C1587,24)+1)/SUM(INDEX($D$3:$AA$30,INDEX(Jesper!$R$2:$R$366,ROW(INDEX(Jesper!AJ$2:AJ$366,ROUNDDOWN($C1587/24,0)+1,1))-1)+IF('Standard Profiles'!$G$20=$B$10,7,0)+IF('Standard Profiles'!$G$20=$B$17,14,0)+IF('Standard Profiles'!$G$20=$B$24,21,0),0)),0)</f>
        <v>0</v>
      </c>
      <c r="G1587" cm="1">
        <f t="array" ref="G1587">IFERROR(INDEX(Jesper!AK$2:AK$366,ROUNDDOWN($C1587/24,0)+1,1)*INDEX($D$3:$AA$30,INDEX(Jesper!$R$2:$R$366,ROW(INDEX(Jesper!AK$2:AK$366,ROUNDDOWN($C1587/24,0)+1,1))-1)+IF('Standard Profiles'!$G$21=$B$10,7,0)+IF('Standard Profiles'!$G$21=$B$17,14,0)+IF('Standard Profiles'!$G$21=$B$24,21,0),MOD($C1587,24)+1)/SUM(INDEX($D$3:$AA$30,INDEX(Jesper!$R$2:$R$366,ROW(INDEX(Jesper!AK$2:AK$366,ROUNDDOWN($C1587/24,0)+1,1))-1)+IF('Standard Profiles'!$G$21=$B$10,7,0)+IF('Standard Profiles'!$G$21=$B$17,14,0)+IF('Standard Profiles'!$G$21=$B$24,21,0),0)),0)</f>
        <v>20.184800506036058</v>
      </c>
      <c r="H1587" cm="1">
        <f t="array" ref="H1587">IFERROR(INDEX(Jesper!AL$2:AL$366,ROUNDDOWN($C1587/24,0)+1,1)*INDEX($D$3:$AA$30,INDEX(Jesper!$R$2:$R$366,ROW(INDEX(Jesper!AL$2:AL$366,ROUNDDOWN($C1587/24,0)+1,1))-1)+IF('Standard Profiles'!$G$22=$B$10,7,0)+IF('Standard Profiles'!$G$22=$B$17,14,0)+IF('Standard Profiles'!$G$22=$B$24,21,0),MOD($C1587,24)+1)/SUM(INDEX($D$3:$AA$30,INDEX(Jesper!$R$2:$R$366,ROW(INDEX(Jesper!AL$2:AL$366,ROUNDDOWN($C1587/24,0)+1,1))-1)+IF('Standard Profiles'!$G$22=$B$10,7,0)+IF('Standard Profiles'!$G$22=$B$17,14,0)+IF('Standard Profiles'!$G$22=$B$24,21,0),0)),0)</f>
        <v>0</v>
      </c>
      <c r="I1587">
        <f t="shared" si="188"/>
        <v>9.6887042428973036</v>
      </c>
      <c r="J1587">
        <f t="shared" si="189"/>
        <v>22.230579996456733</v>
      </c>
      <c r="K1587">
        <f t="shared" si="190"/>
        <v>0.65475711085799071</v>
      </c>
      <c r="L1587">
        <f t="shared" si="191"/>
        <v>0.32737855542899535</v>
      </c>
      <c r="M1587">
        <f t="shared" si="192"/>
        <v>0</v>
      </c>
      <c r="N1587" s="45">
        <f t="shared" si="193"/>
        <v>44991.708333329567</v>
      </c>
    </row>
    <row r="1588" spans="2:14" x14ac:dyDescent="0.25">
      <c r="B1588">
        <f t="shared" si="187"/>
        <v>1</v>
      </c>
      <c r="C1588" s="16">
        <v>1554</v>
      </c>
      <c r="D1588" cm="1">
        <f t="array" ref="D1588">IFERROR(INDEX(Jesper!AH$2:AH$366,ROUNDDOWN($C1588/24,0)+1,1)*INDEX($D$3:$AA$30,INDEX(Jesper!$R$2:$R$366,ROW(INDEX(Jesper!AH$2:AH$366,ROUNDDOWN($C1588/24,0)+1,1))-1)+IF('Standard Profiles'!$G$18=$B$10,7,0)+IF('Standard Profiles'!$G$18=$B$17,14,0)+IF('Standard Profiles'!$G$18=$B$24,21,0),MOD($C1588,24)+1)/SUM(INDEX($D$3:$AA$30,INDEX(Jesper!$R$2:$R$366,ROW(INDEX(Jesper!AH$2:AH$366,ROUNDDOWN($C1588/24,0)+1,1))-1)+IF('Standard Profiles'!$G$18=$B$10,7,0)+IF('Standard Profiles'!$G$18=$B$17,14,0)+IF('Standard Profiles'!$G$18=$B$24,21,0),0)),0)</f>
        <v>6.0518923098669912</v>
      </c>
      <c r="E1588" cm="1">
        <f t="array" ref="E1588">IFERROR(INDEX(Jesper!AI$2:AI$366,ROUNDDOWN($C1588/24,0)+1,1)*INDEX($D$3:$AA$30,INDEX(Jesper!$R$2:$R$366,ROW(INDEX(Jesper!AI$2:AI$366,ROUNDDOWN($C1588/24,0)+1,1))-1)+IF('Standard Profiles'!$G$19=$B$10,7,0)+IF('Standard Profiles'!$G$19=$B$17,14,0)+IF('Standard Profiles'!$G$19=$B$24,21,0),MOD($C1588,24)+1)/SUM(INDEX($D$3:$AA$30,INDEX(Jesper!$R$2:$R$366,ROW(INDEX(Jesper!AI$2:AI$366,ROUNDDOWN($C1588/24,0)+1,1))-1)+IF('Standard Profiles'!$G$19=$B$10,7,0)+IF('Standard Profiles'!$G$19=$B$17,14,0)+IF('Standard Profiles'!$G$19=$B$24,21,0),0)),0)</f>
        <v>6.4856197742505763</v>
      </c>
      <c r="F1588" cm="1">
        <f t="array" ref="F1588">IFERROR(INDEX(Jesper!AJ$2:AJ$366,ROUNDDOWN($C1588/24,0)+1,1)*INDEX($D$3:$AA$30,INDEX(Jesper!$R$2:$R$366,ROW(INDEX(Jesper!AJ$2:AJ$366,ROUNDDOWN($C1588/24,0)+1,1))-1)+IF('Standard Profiles'!$G$20=$B$10,7,0)+IF('Standard Profiles'!$G$20=$B$17,14,0)+IF('Standard Profiles'!$G$20=$B$24,21,0),MOD($C1588,24)+1)/SUM(INDEX($D$3:$AA$30,INDEX(Jesper!$R$2:$R$366,ROW(INDEX(Jesper!AJ$2:AJ$366,ROUNDDOWN($C1588/24,0)+1,1))-1)+IF('Standard Profiles'!$G$20=$B$10,7,0)+IF('Standard Profiles'!$G$20=$B$17,14,0)+IF('Standard Profiles'!$G$20=$B$24,21,0),0)),0)</f>
        <v>0</v>
      </c>
      <c r="G1588" cm="1">
        <f t="array" ref="G1588">IFERROR(INDEX(Jesper!AK$2:AK$366,ROUNDDOWN($C1588/24,0)+1,1)*INDEX($D$3:$AA$30,INDEX(Jesper!$R$2:$R$366,ROW(INDEX(Jesper!AK$2:AK$366,ROUNDDOWN($C1588/24,0)+1,1))-1)+IF('Standard Profiles'!$G$21=$B$10,7,0)+IF('Standard Profiles'!$G$21=$B$17,14,0)+IF('Standard Profiles'!$G$21=$B$24,21,0),MOD($C1588,24)+1)/SUM(INDEX($D$3:$AA$30,INDEX(Jesper!$R$2:$R$366,ROW(INDEX(Jesper!AK$2:AK$366,ROUNDDOWN($C1588/24,0)+1,1))-1)+IF('Standard Profiles'!$G$21=$B$10,7,0)+IF('Standard Profiles'!$G$21=$B$17,14,0)+IF('Standard Profiles'!$G$21=$B$24,21,0),0)),0)</f>
        <v>7.2088573235843061</v>
      </c>
      <c r="H1588" cm="1">
        <f t="array" ref="H1588">IFERROR(INDEX(Jesper!AL$2:AL$366,ROUNDDOWN($C1588/24,0)+1,1)*INDEX($D$3:$AA$30,INDEX(Jesper!$R$2:$R$366,ROW(INDEX(Jesper!AL$2:AL$366,ROUNDDOWN($C1588/24,0)+1,1))-1)+IF('Standard Profiles'!$G$22=$B$10,7,0)+IF('Standard Profiles'!$G$22=$B$17,14,0)+IF('Standard Profiles'!$G$22=$B$24,21,0),MOD($C1588,24)+1)/SUM(INDEX($D$3:$AA$30,INDEX(Jesper!$R$2:$R$366,ROW(INDEX(Jesper!AL$2:AL$366,ROUNDDOWN($C1588/24,0)+1,1))-1)+IF('Standard Profiles'!$G$22=$B$10,7,0)+IF('Standard Profiles'!$G$22=$B$17,14,0)+IF('Standard Profiles'!$G$22=$B$24,21,0),0)),0)</f>
        <v>0</v>
      </c>
      <c r="I1588">
        <f t="shared" si="188"/>
        <v>3.4602515153204654</v>
      </c>
      <c r="J1588">
        <f t="shared" si="189"/>
        <v>15.31781512280269</v>
      </c>
      <c r="K1588">
        <f t="shared" si="190"/>
        <v>0.64553517971914576</v>
      </c>
      <c r="L1588">
        <f t="shared" si="191"/>
        <v>0.32276758985957288</v>
      </c>
      <c r="M1588">
        <f t="shared" si="192"/>
        <v>0</v>
      </c>
      <c r="N1588" s="45">
        <f t="shared" si="193"/>
        <v>44991.749999996231</v>
      </c>
    </row>
    <row r="1589" spans="2:14" x14ac:dyDescent="0.25">
      <c r="B1589">
        <f t="shared" si="187"/>
        <v>1</v>
      </c>
      <c r="C1589" s="16">
        <v>1555</v>
      </c>
      <c r="D1589" cm="1">
        <f t="array" ref="D1589">IFERROR(INDEX(Jesper!AH$2:AH$366,ROUNDDOWN($C1589/24,0)+1,1)*INDEX($D$3:$AA$30,INDEX(Jesper!$R$2:$R$366,ROW(INDEX(Jesper!AH$2:AH$366,ROUNDDOWN($C1589/24,0)+1,1))-1)+IF('Standard Profiles'!$G$18=$B$10,7,0)+IF('Standard Profiles'!$G$18=$B$17,14,0)+IF('Standard Profiles'!$G$18=$B$24,21,0),MOD($C1589,24)+1)/SUM(INDEX($D$3:$AA$30,INDEX(Jesper!$R$2:$R$366,ROW(INDEX(Jesper!AH$2:AH$366,ROUNDDOWN($C1589/24,0)+1,1))-1)+IF('Standard Profiles'!$G$18=$B$10,7,0)+IF('Standard Profiles'!$G$18=$B$17,14,0)+IF('Standard Profiles'!$G$18=$B$24,21,0),0)),0)</f>
        <v>6.0518923098669912</v>
      </c>
      <c r="E1589" cm="1">
        <f t="array" ref="E1589">IFERROR(INDEX(Jesper!AI$2:AI$366,ROUNDDOWN($C1589/24,0)+1,1)*INDEX($D$3:$AA$30,INDEX(Jesper!$R$2:$R$366,ROW(INDEX(Jesper!AI$2:AI$366,ROUNDDOWN($C1589/24,0)+1,1))-1)+IF('Standard Profiles'!$G$19=$B$10,7,0)+IF('Standard Profiles'!$G$19=$B$17,14,0)+IF('Standard Profiles'!$G$19=$B$24,21,0),MOD($C1589,24)+1)/SUM(INDEX($D$3:$AA$30,INDEX(Jesper!$R$2:$R$366,ROW(INDEX(Jesper!AI$2:AI$366,ROUNDDOWN($C1589/24,0)+1,1))-1)+IF('Standard Profiles'!$G$19=$B$10,7,0)+IF('Standard Profiles'!$G$19=$B$17,14,0)+IF('Standard Profiles'!$G$19=$B$24,21,0),0)),0)</f>
        <v>6.4856197742505763</v>
      </c>
      <c r="F1589" cm="1">
        <f t="array" ref="F1589">IFERROR(INDEX(Jesper!AJ$2:AJ$366,ROUNDDOWN($C1589/24,0)+1,1)*INDEX($D$3:$AA$30,INDEX(Jesper!$R$2:$R$366,ROW(INDEX(Jesper!AJ$2:AJ$366,ROUNDDOWN($C1589/24,0)+1,1))-1)+IF('Standard Profiles'!$G$20=$B$10,7,0)+IF('Standard Profiles'!$G$20=$B$17,14,0)+IF('Standard Profiles'!$G$20=$B$24,21,0),MOD($C1589,24)+1)/SUM(INDEX($D$3:$AA$30,INDEX(Jesper!$R$2:$R$366,ROW(INDEX(Jesper!AJ$2:AJ$366,ROUNDDOWN($C1589/24,0)+1,1))-1)+IF('Standard Profiles'!$G$20=$B$10,7,0)+IF('Standard Profiles'!$G$20=$B$17,14,0)+IF('Standard Profiles'!$G$20=$B$24,21,0),0)),0)</f>
        <v>0</v>
      </c>
      <c r="G1589" cm="1">
        <f t="array" ref="G1589">IFERROR(INDEX(Jesper!AK$2:AK$366,ROUNDDOWN($C1589/24,0)+1,1)*INDEX($D$3:$AA$30,INDEX(Jesper!$R$2:$R$366,ROW(INDEX(Jesper!AK$2:AK$366,ROUNDDOWN($C1589/24,0)+1,1))-1)+IF('Standard Profiles'!$G$21=$B$10,7,0)+IF('Standard Profiles'!$G$21=$B$17,14,0)+IF('Standard Profiles'!$G$21=$B$24,21,0),MOD($C1589,24)+1)/SUM(INDEX($D$3:$AA$30,INDEX(Jesper!$R$2:$R$366,ROW(INDEX(Jesper!AK$2:AK$366,ROUNDDOWN($C1589/24,0)+1,1))-1)+IF('Standard Profiles'!$G$21=$B$10,7,0)+IF('Standard Profiles'!$G$21=$B$17,14,0)+IF('Standard Profiles'!$G$21=$B$24,21,0),0)),0)</f>
        <v>7.2088573235843061</v>
      </c>
      <c r="H1589" cm="1">
        <f t="array" ref="H1589">IFERROR(INDEX(Jesper!AL$2:AL$366,ROUNDDOWN($C1589/24,0)+1,1)*INDEX($D$3:$AA$30,INDEX(Jesper!$R$2:$R$366,ROW(INDEX(Jesper!AL$2:AL$366,ROUNDDOWN($C1589/24,0)+1,1))-1)+IF('Standard Profiles'!$G$22=$B$10,7,0)+IF('Standard Profiles'!$G$22=$B$17,14,0)+IF('Standard Profiles'!$G$22=$B$24,21,0),MOD($C1589,24)+1)/SUM(INDEX($D$3:$AA$30,INDEX(Jesper!$R$2:$R$366,ROW(INDEX(Jesper!AL$2:AL$366,ROUNDDOWN($C1589/24,0)+1,1))-1)+IF('Standard Profiles'!$G$22=$B$10,7,0)+IF('Standard Profiles'!$G$22=$B$17,14,0)+IF('Standard Profiles'!$G$22=$B$24,21,0),0)),0)</f>
        <v>0</v>
      </c>
      <c r="I1589">
        <f t="shared" si="188"/>
        <v>3.4602515153204654</v>
      </c>
      <c r="J1589">
        <f t="shared" si="189"/>
        <v>15.31781512280269</v>
      </c>
      <c r="K1589">
        <f t="shared" si="190"/>
        <v>0.64553517971914576</v>
      </c>
      <c r="L1589">
        <f t="shared" si="191"/>
        <v>0.32276758985957288</v>
      </c>
      <c r="M1589">
        <f t="shared" si="192"/>
        <v>0</v>
      </c>
      <c r="N1589" s="45">
        <f t="shared" si="193"/>
        <v>44991.791666662895</v>
      </c>
    </row>
    <row r="1590" spans="2:14" x14ac:dyDescent="0.25">
      <c r="B1590">
        <f t="shared" si="187"/>
        <v>1</v>
      </c>
      <c r="C1590" s="16">
        <v>1556</v>
      </c>
      <c r="D1590" cm="1">
        <f t="array" ref="D1590">IFERROR(INDEX(Jesper!AH$2:AH$366,ROUNDDOWN($C1590/24,0)+1,1)*INDEX($D$3:$AA$30,INDEX(Jesper!$R$2:$R$366,ROW(INDEX(Jesper!AH$2:AH$366,ROUNDDOWN($C1590/24,0)+1,1))-1)+IF('Standard Profiles'!$G$18=$B$10,7,0)+IF('Standard Profiles'!$G$18=$B$17,14,0)+IF('Standard Profiles'!$G$18=$B$24,21,0),MOD($C1590,24)+1)/SUM(INDEX($D$3:$AA$30,INDEX(Jesper!$R$2:$R$366,ROW(INDEX(Jesper!AH$2:AH$366,ROUNDDOWN($C1590/24,0)+1,1))-1)+IF('Standard Profiles'!$G$18=$B$10,7,0)+IF('Standard Profiles'!$G$18=$B$17,14,0)+IF('Standard Profiles'!$G$18=$B$24,21,0),0)),0)</f>
        <v>6.0518923098669912</v>
      </c>
      <c r="E1590" cm="1">
        <f t="array" ref="E1590">IFERROR(INDEX(Jesper!AI$2:AI$366,ROUNDDOWN($C1590/24,0)+1,1)*INDEX($D$3:$AA$30,INDEX(Jesper!$R$2:$R$366,ROW(INDEX(Jesper!AI$2:AI$366,ROUNDDOWN($C1590/24,0)+1,1))-1)+IF('Standard Profiles'!$G$19=$B$10,7,0)+IF('Standard Profiles'!$G$19=$B$17,14,0)+IF('Standard Profiles'!$G$19=$B$24,21,0),MOD($C1590,24)+1)/SUM(INDEX($D$3:$AA$30,INDEX(Jesper!$R$2:$R$366,ROW(INDEX(Jesper!AI$2:AI$366,ROUNDDOWN($C1590/24,0)+1,1))-1)+IF('Standard Profiles'!$G$19=$B$10,7,0)+IF('Standard Profiles'!$G$19=$B$17,14,0)+IF('Standard Profiles'!$G$19=$B$24,21,0),0)),0)</f>
        <v>6.4856197742505763</v>
      </c>
      <c r="F1590" cm="1">
        <f t="array" ref="F1590">IFERROR(INDEX(Jesper!AJ$2:AJ$366,ROUNDDOWN($C1590/24,0)+1,1)*INDEX($D$3:$AA$30,INDEX(Jesper!$R$2:$R$366,ROW(INDEX(Jesper!AJ$2:AJ$366,ROUNDDOWN($C1590/24,0)+1,1))-1)+IF('Standard Profiles'!$G$20=$B$10,7,0)+IF('Standard Profiles'!$G$20=$B$17,14,0)+IF('Standard Profiles'!$G$20=$B$24,21,0),MOD($C1590,24)+1)/SUM(INDEX($D$3:$AA$30,INDEX(Jesper!$R$2:$R$366,ROW(INDEX(Jesper!AJ$2:AJ$366,ROUNDDOWN($C1590/24,0)+1,1))-1)+IF('Standard Profiles'!$G$20=$B$10,7,0)+IF('Standard Profiles'!$G$20=$B$17,14,0)+IF('Standard Profiles'!$G$20=$B$24,21,0),0)),0)</f>
        <v>0</v>
      </c>
      <c r="G1590" cm="1">
        <f t="array" ref="G1590">IFERROR(INDEX(Jesper!AK$2:AK$366,ROUNDDOWN($C1590/24,0)+1,1)*INDEX($D$3:$AA$30,INDEX(Jesper!$R$2:$R$366,ROW(INDEX(Jesper!AK$2:AK$366,ROUNDDOWN($C1590/24,0)+1,1))-1)+IF('Standard Profiles'!$G$21=$B$10,7,0)+IF('Standard Profiles'!$G$21=$B$17,14,0)+IF('Standard Profiles'!$G$21=$B$24,21,0),MOD($C1590,24)+1)/SUM(INDEX($D$3:$AA$30,INDEX(Jesper!$R$2:$R$366,ROW(INDEX(Jesper!AK$2:AK$366,ROUNDDOWN($C1590/24,0)+1,1))-1)+IF('Standard Profiles'!$G$21=$B$10,7,0)+IF('Standard Profiles'!$G$21=$B$17,14,0)+IF('Standard Profiles'!$G$21=$B$24,21,0),0)),0)</f>
        <v>7.2088573235843061</v>
      </c>
      <c r="H1590" cm="1">
        <f t="array" ref="H1590">IFERROR(INDEX(Jesper!AL$2:AL$366,ROUNDDOWN($C1590/24,0)+1,1)*INDEX($D$3:$AA$30,INDEX(Jesper!$R$2:$R$366,ROW(INDEX(Jesper!AL$2:AL$366,ROUNDDOWN($C1590/24,0)+1,1))-1)+IF('Standard Profiles'!$G$22=$B$10,7,0)+IF('Standard Profiles'!$G$22=$B$17,14,0)+IF('Standard Profiles'!$G$22=$B$24,21,0),MOD($C1590,24)+1)/SUM(INDEX($D$3:$AA$30,INDEX(Jesper!$R$2:$R$366,ROW(INDEX(Jesper!AL$2:AL$366,ROUNDDOWN($C1590/24,0)+1,1))-1)+IF('Standard Profiles'!$G$22=$B$10,7,0)+IF('Standard Profiles'!$G$22=$B$17,14,0)+IF('Standard Profiles'!$G$22=$B$24,21,0),0)),0)</f>
        <v>0</v>
      </c>
      <c r="I1590">
        <f t="shared" si="188"/>
        <v>3.4602515153204654</v>
      </c>
      <c r="J1590">
        <f t="shared" si="189"/>
        <v>15.31781512280269</v>
      </c>
      <c r="K1590">
        <f t="shared" si="190"/>
        <v>0.64553517971914576</v>
      </c>
      <c r="L1590">
        <f t="shared" si="191"/>
        <v>0.32276758985957288</v>
      </c>
      <c r="M1590">
        <f t="shared" si="192"/>
        <v>0</v>
      </c>
      <c r="N1590" s="45">
        <f t="shared" si="193"/>
        <v>44991.83333332956</v>
      </c>
    </row>
    <row r="1591" spans="2:14" x14ac:dyDescent="0.25">
      <c r="B1591">
        <f t="shared" si="187"/>
        <v>1</v>
      </c>
      <c r="C1591" s="16">
        <v>1557</v>
      </c>
      <c r="D1591" cm="1">
        <f t="array" ref="D1591">IFERROR(INDEX(Jesper!AH$2:AH$366,ROUNDDOWN($C1591/24,0)+1,1)*INDEX($D$3:$AA$30,INDEX(Jesper!$R$2:$R$366,ROW(INDEX(Jesper!AH$2:AH$366,ROUNDDOWN($C1591/24,0)+1,1))-1)+IF('Standard Profiles'!$G$18=$B$10,7,0)+IF('Standard Profiles'!$G$18=$B$17,14,0)+IF('Standard Profiles'!$G$18=$B$24,21,0),MOD($C1591,24)+1)/SUM(INDEX($D$3:$AA$30,INDEX(Jesper!$R$2:$R$366,ROW(INDEX(Jesper!AH$2:AH$366,ROUNDDOWN($C1591/24,0)+1,1))-1)+IF('Standard Profiles'!$G$18=$B$10,7,0)+IF('Standard Profiles'!$G$18=$B$17,14,0)+IF('Standard Profiles'!$G$18=$B$24,21,0),0)),0)</f>
        <v>6.0518923098669912</v>
      </c>
      <c r="E1591" cm="1">
        <f t="array" ref="E1591">IFERROR(INDEX(Jesper!AI$2:AI$366,ROUNDDOWN($C1591/24,0)+1,1)*INDEX($D$3:$AA$30,INDEX(Jesper!$R$2:$R$366,ROW(INDEX(Jesper!AI$2:AI$366,ROUNDDOWN($C1591/24,0)+1,1))-1)+IF('Standard Profiles'!$G$19=$B$10,7,0)+IF('Standard Profiles'!$G$19=$B$17,14,0)+IF('Standard Profiles'!$G$19=$B$24,21,0),MOD($C1591,24)+1)/SUM(INDEX($D$3:$AA$30,INDEX(Jesper!$R$2:$R$366,ROW(INDEX(Jesper!AI$2:AI$366,ROUNDDOWN($C1591/24,0)+1,1))-1)+IF('Standard Profiles'!$G$19=$B$10,7,0)+IF('Standard Profiles'!$G$19=$B$17,14,0)+IF('Standard Profiles'!$G$19=$B$24,21,0),0)),0)</f>
        <v>6.4856197742505763</v>
      </c>
      <c r="F1591" cm="1">
        <f t="array" ref="F1591">IFERROR(INDEX(Jesper!AJ$2:AJ$366,ROUNDDOWN($C1591/24,0)+1,1)*INDEX($D$3:$AA$30,INDEX(Jesper!$R$2:$R$366,ROW(INDEX(Jesper!AJ$2:AJ$366,ROUNDDOWN($C1591/24,0)+1,1))-1)+IF('Standard Profiles'!$G$20=$B$10,7,0)+IF('Standard Profiles'!$G$20=$B$17,14,0)+IF('Standard Profiles'!$G$20=$B$24,21,0),MOD($C1591,24)+1)/SUM(INDEX($D$3:$AA$30,INDEX(Jesper!$R$2:$R$366,ROW(INDEX(Jesper!AJ$2:AJ$366,ROUNDDOWN($C1591/24,0)+1,1))-1)+IF('Standard Profiles'!$G$20=$B$10,7,0)+IF('Standard Profiles'!$G$20=$B$17,14,0)+IF('Standard Profiles'!$G$20=$B$24,21,0),0)),0)</f>
        <v>0</v>
      </c>
      <c r="G1591" cm="1">
        <f t="array" ref="G1591">IFERROR(INDEX(Jesper!AK$2:AK$366,ROUNDDOWN($C1591/24,0)+1,1)*INDEX($D$3:$AA$30,INDEX(Jesper!$R$2:$R$366,ROW(INDEX(Jesper!AK$2:AK$366,ROUNDDOWN($C1591/24,0)+1,1))-1)+IF('Standard Profiles'!$G$21=$B$10,7,0)+IF('Standard Profiles'!$G$21=$B$17,14,0)+IF('Standard Profiles'!$G$21=$B$24,21,0),MOD($C1591,24)+1)/SUM(INDEX($D$3:$AA$30,INDEX(Jesper!$R$2:$R$366,ROW(INDEX(Jesper!AK$2:AK$366,ROUNDDOWN($C1591/24,0)+1,1))-1)+IF('Standard Profiles'!$G$21=$B$10,7,0)+IF('Standard Profiles'!$G$21=$B$17,14,0)+IF('Standard Profiles'!$G$21=$B$24,21,0),0)),0)</f>
        <v>7.2088573235843061</v>
      </c>
      <c r="H1591" cm="1">
        <f t="array" ref="H1591">IFERROR(INDEX(Jesper!AL$2:AL$366,ROUNDDOWN($C1591/24,0)+1,1)*INDEX($D$3:$AA$30,INDEX(Jesper!$R$2:$R$366,ROW(INDEX(Jesper!AL$2:AL$366,ROUNDDOWN($C1591/24,0)+1,1))-1)+IF('Standard Profiles'!$G$22=$B$10,7,0)+IF('Standard Profiles'!$G$22=$B$17,14,0)+IF('Standard Profiles'!$G$22=$B$24,21,0),MOD($C1591,24)+1)/SUM(INDEX($D$3:$AA$30,INDEX(Jesper!$R$2:$R$366,ROW(INDEX(Jesper!AL$2:AL$366,ROUNDDOWN($C1591/24,0)+1,1))-1)+IF('Standard Profiles'!$G$22=$B$10,7,0)+IF('Standard Profiles'!$G$22=$B$17,14,0)+IF('Standard Profiles'!$G$22=$B$24,21,0),0)),0)</f>
        <v>0</v>
      </c>
      <c r="I1591">
        <f t="shared" si="188"/>
        <v>3.4602515153204654</v>
      </c>
      <c r="J1591">
        <f t="shared" si="189"/>
        <v>15.31781512280269</v>
      </c>
      <c r="K1591">
        <f t="shared" si="190"/>
        <v>0.64553517971914576</v>
      </c>
      <c r="L1591">
        <f t="shared" si="191"/>
        <v>0.32276758985957288</v>
      </c>
      <c r="M1591">
        <f t="shared" si="192"/>
        <v>0</v>
      </c>
      <c r="N1591" s="45">
        <f t="shared" si="193"/>
        <v>44991.874999996224</v>
      </c>
    </row>
    <row r="1592" spans="2:14" x14ac:dyDescent="0.25">
      <c r="B1592">
        <f t="shared" si="187"/>
        <v>1</v>
      </c>
      <c r="C1592" s="16">
        <v>1558</v>
      </c>
      <c r="D1592" cm="1">
        <f t="array" ref="D1592">IFERROR(INDEX(Jesper!AH$2:AH$366,ROUNDDOWN($C1592/24,0)+1,1)*INDEX($D$3:$AA$30,INDEX(Jesper!$R$2:$R$366,ROW(INDEX(Jesper!AH$2:AH$366,ROUNDDOWN($C1592/24,0)+1,1))-1)+IF('Standard Profiles'!$G$18=$B$10,7,0)+IF('Standard Profiles'!$G$18=$B$17,14,0)+IF('Standard Profiles'!$G$18=$B$24,21,0),MOD($C1592,24)+1)/SUM(INDEX($D$3:$AA$30,INDEX(Jesper!$R$2:$R$366,ROW(INDEX(Jesper!AH$2:AH$366,ROUNDDOWN($C1592/24,0)+1,1))-1)+IF('Standard Profiles'!$G$18=$B$10,7,0)+IF('Standard Profiles'!$G$18=$B$17,14,0)+IF('Standard Profiles'!$G$18=$B$24,21,0),0)),0)</f>
        <v>6.0518923098669912</v>
      </c>
      <c r="E1592" cm="1">
        <f t="array" ref="E1592">IFERROR(INDEX(Jesper!AI$2:AI$366,ROUNDDOWN($C1592/24,0)+1,1)*INDEX($D$3:$AA$30,INDEX(Jesper!$R$2:$R$366,ROW(INDEX(Jesper!AI$2:AI$366,ROUNDDOWN($C1592/24,0)+1,1))-1)+IF('Standard Profiles'!$G$19=$B$10,7,0)+IF('Standard Profiles'!$G$19=$B$17,14,0)+IF('Standard Profiles'!$G$19=$B$24,21,0),MOD($C1592,24)+1)/SUM(INDEX($D$3:$AA$30,INDEX(Jesper!$R$2:$R$366,ROW(INDEX(Jesper!AI$2:AI$366,ROUNDDOWN($C1592/24,0)+1,1))-1)+IF('Standard Profiles'!$G$19=$B$10,7,0)+IF('Standard Profiles'!$G$19=$B$17,14,0)+IF('Standard Profiles'!$G$19=$B$24,21,0),0)),0)</f>
        <v>6.4856197742505763</v>
      </c>
      <c r="F1592" cm="1">
        <f t="array" ref="F1592">IFERROR(INDEX(Jesper!AJ$2:AJ$366,ROUNDDOWN($C1592/24,0)+1,1)*INDEX($D$3:$AA$30,INDEX(Jesper!$R$2:$R$366,ROW(INDEX(Jesper!AJ$2:AJ$366,ROUNDDOWN($C1592/24,0)+1,1))-1)+IF('Standard Profiles'!$G$20=$B$10,7,0)+IF('Standard Profiles'!$G$20=$B$17,14,0)+IF('Standard Profiles'!$G$20=$B$24,21,0),MOD($C1592,24)+1)/SUM(INDEX($D$3:$AA$30,INDEX(Jesper!$R$2:$R$366,ROW(INDEX(Jesper!AJ$2:AJ$366,ROUNDDOWN($C1592/24,0)+1,1))-1)+IF('Standard Profiles'!$G$20=$B$10,7,0)+IF('Standard Profiles'!$G$20=$B$17,14,0)+IF('Standard Profiles'!$G$20=$B$24,21,0),0)),0)</f>
        <v>0</v>
      </c>
      <c r="G1592" cm="1">
        <f t="array" ref="G1592">IFERROR(INDEX(Jesper!AK$2:AK$366,ROUNDDOWN($C1592/24,0)+1,1)*INDEX($D$3:$AA$30,INDEX(Jesper!$R$2:$R$366,ROW(INDEX(Jesper!AK$2:AK$366,ROUNDDOWN($C1592/24,0)+1,1))-1)+IF('Standard Profiles'!$G$21=$B$10,7,0)+IF('Standard Profiles'!$G$21=$B$17,14,0)+IF('Standard Profiles'!$G$21=$B$24,21,0),MOD($C1592,24)+1)/SUM(INDEX($D$3:$AA$30,INDEX(Jesper!$R$2:$R$366,ROW(INDEX(Jesper!AK$2:AK$366,ROUNDDOWN($C1592/24,0)+1,1))-1)+IF('Standard Profiles'!$G$21=$B$10,7,0)+IF('Standard Profiles'!$G$21=$B$17,14,0)+IF('Standard Profiles'!$G$21=$B$24,21,0),0)),0)</f>
        <v>7.2088573235843061</v>
      </c>
      <c r="H1592" cm="1">
        <f t="array" ref="H1592">IFERROR(INDEX(Jesper!AL$2:AL$366,ROUNDDOWN($C1592/24,0)+1,1)*INDEX($D$3:$AA$30,INDEX(Jesper!$R$2:$R$366,ROW(INDEX(Jesper!AL$2:AL$366,ROUNDDOWN($C1592/24,0)+1,1))-1)+IF('Standard Profiles'!$G$22=$B$10,7,0)+IF('Standard Profiles'!$G$22=$B$17,14,0)+IF('Standard Profiles'!$G$22=$B$24,21,0),MOD($C1592,24)+1)/SUM(INDEX($D$3:$AA$30,INDEX(Jesper!$R$2:$R$366,ROW(INDEX(Jesper!AL$2:AL$366,ROUNDDOWN($C1592/24,0)+1,1))-1)+IF('Standard Profiles'!$G$22=$B$10,7,0)+IF('Standard Profiles'!$G$22=$B$17,14,0)+IF('Standard Profiles'!$G$22=$B$24,21,0),0)),0)</f>
        <v>0</v>
      </c>
      <c r="I1592">
        <f t="shared" si="188"/>
        <v>3.4602515153204654</v>
      </c>
      <c r="J1592">
        <f t="shared" si="189"/>
        <v>15.31781512280269</v>
      </c>
      <c r="K1592">
        <f t="shared" si="190"/>
        <v>0.64553517971914576</v>
      </c>
      <c r="L1592">
        <f t="shared" si="191"/>
        <v>0.32276758985957288</v>
      </c>
      <c r="M1592">
        <f t="shared" si="192"/>
        <v>0</v>
      </c>
      <c r="N1592" s="45">
        <f t="shared" si="193"/>
        <v>44991.916666662888</v>
      </c>
    </row>
    <row r="1593" spans="2:14" x14ac:dyDescent="0.25">
      <c r="B1593">
        <f t="shared" si="187"/>
        <v>1</v>
      </c>
      <c r="C1593" s="16">
        <v>1559</v>
      </c>
      <c r="D1593" cm="1">
        <f t="array" ref="D1593">IFERROR(INDEX(Jesper!AH$2:AH$366,ROUNDDOWN($C1593/24,0)+1,1)*INDEX($D$3:$AA$30,INDEX(Jesper!$R$2:$R$366,ROW(INDEX(Jesper!AH$2:AH$366,ROUNDDOWN($C1593/24,0)+1,1))-1)+IF('Standard Profiles'!$G$18=$B$10,7,0)+IF('Standard Profiles'!$G$18=$B$17,14,0)+IF('Standard Profiles'!$G$18=$B$24,21,0),MOD($C1593,24)+1)/SUM(INDEX($D$3:$AA$30,INDEX(Jesper!$R$2:$R$366,ROW(INDEX(Jesper!AH$2:AH$366,ROUNDDOWN($C1593/24,0)+1,1))-1)+IF('Standard Profiles'!$G$18=$B$10,7,0)+IF('Standard Profiles'!$G$18=$B$17,14,0)+IF('Standard Profiles'!$G$18=$B$24,21,0),0)),0)</f>
        <v>6.0518923098669912</v>
      </c>
      <c r="E1593" cm="1">
        <f t="array" ref="E1593">IFERROR(INDEX(Jesper!AI$2:AI$366,ROUNDDOWN($C1593/24,0)+1,1)*INDEX($D$3:$AA$30,INDEX(Jesper!$R$2:$R$366,ROW(INDEX(Jesper!AI$2:AI$366,ROUNDDOWN($C1593/24,0)+1,1))-1)+IF('Standard Profiles'!$G$19=$B$10,7,0)+IF('Standard Profiles'!$G$19=$B$17,14,0)+IF('Standard Profiles'!$G$19=$B$24,21,0),MOD($C1593,24)+1)/SUM(INDEX($D$3:$AA$30,INDEX(Jesper!$R$2:$R$366,ROW(INDEX(Jesper!AI$2:AI$366,ROUNDDOWN($C1593/24,0)+1,1))-1)+IF('Standard Profiles'!$G$19=$B$10,7,0)+IF('Standard Profiles'!$G$19=$B$17,14,0)+IF('Standard Profiles'!$G$19=$B$24,21,0),0)),0)</f>
        <v>6.4856197742505763</v>
      </c>
      <c r="F1593" cm="1">
        <f t="array" ref="F1593">IFERROR(INDEX(Jesper!AJ$2:AJ$366,ROUNDDOWN($C1593/24,0)+1,1)*INDEX($D$3:$AA$30,INDEX(Jesper!$R$2:$R$366,ROW(INDEX(Jesper!AJ$2:AJ$366,ROUNDDOWN($C1593/24,0)+1,1))-1)+IF('Standard Profiles'!$G$20=$B$10,7,0)+IF('Standard Profiles'!$G$20=$B$17,14,0)+IF('Standard Profiles'!$G$20=$B$24,21,0),MOD($C1593,24)+1)/SUM(INDEX($D$3:$AA$30,INDEX(Jesper!$R$2:$R$366,ROW(INDEX(Jesper!AJ$2:AJ$366,ROUNDDOWN($C1593/24,0)+1,1))-1)+IF('Standard Profiles'!$G$20=$B$10,7,0)+IF('Standard Profiles'!$G$20=$B$17,14,0)+IF('Standard Profiles'!$G$20=$B$24,21,0),0)),0)</f>
        <v>0</v>
      </c>
      <c r="G1593" cm="1">
        <f t="array" ref="G1593">IFERROR(INDEX(Jesper!AK$2:AK$366,ROUNDDOWN($C1593/24,0)+1,1)*INDEX($D$3:$AA$30,INDEX(Jesper!$R$2:$R$366,ROW(INDEX(Jesper!AK$2:AK$366,ROUNDDOWN($C1593/24,0)+1,1))-1)+IF('Standard Profiles'!$G$21=$B$10,7,0)+IF('Standard Profiles'!$G$21=$B$17,14,0)+IF('Standard Profiles'!$G$21=$B$24,21,0),MOD($C1593,24)+1)/SUM(INDEX($D$3:$AA$30,INDEX(Jesper!$R$2:$R$366,ROW(INDEX(Jesper!AK$2:AK$366,ROUNDDOWN($C1593/24,0)+1,1))-1)+IF('Standard Profiles'!$G$21=$B$10,7,0)+IF('Standard Profiles'!$G$21=$B$17,14,0)+IF('Standard Profiles'!$G$21=$B$24,21,0),0)),0)</f>
        <v>7.2088573235843061</v>
      </c>
      <c r="H1593" cm="1">
        <f t="array" ref="H1593">IFERROR(INDEX(Jesper!AL$2:AL$366,ROUNDDOWN($C1593/24,0)+1,1)*INDEX($D$3:$AA$30,INDEX(Jesper!$R$2:$R$366,ROW(INDEX(Jesper!AL$2:AL$366,ROUNDDOWN($C1593/24,0)+1,1))-1)+IF('Standard Profiles'!$G$22=$B$10,7,0)+IF('Standard Profiles'!$G$22=$B$17,14,0)+IF('Standard Profiles'!$G$22=$B$24,21,0),MOD($C1593,24)+1)/SUM(INDEX($D$3:$AA$30,INDEX(Jesper!$R$2:$R$366,ROW(INDEX(Jesper!AL$2:AL$366,ROUNDDOWN($C1593/24,0)+1,1))-1)+IF('Standard Profiles'!$G$22=$B$10,7,0)+IF('Standard Profiles'!$G$22=$B$17,14,0)+IF('Standard Profiles'!$G$22=$B$24,21,0),0)),0)</f>
        <v>0</v>
      </c>
      <c r="I1593">
        <f t="shared" si="188"/>
        <v>3.4602515153204654</v>
      </c>
      <c r="J1593">
        <f t="shared" si="189"/>
        <v>15.31781512280269</v>
      </c>
      <c r="K1593">
        <f t="shared" si="190"/>
        <v>0.64553517971914576</v>
      </c>
      <c r="L1593">
        <f t="shared" si="191"/>
        <v>0.32276758985957288</v>
      </c>
      <c r="M1593">
        <f t="shared" si="192"/>
        <v>0</v>
      </c>
      <c r="N1593" s="45">
        <f t="shared" si="193"/>
        <v>44991.958333329552</v>
      </c>
    </row>
    <row r="1594" spans="2:14" x14ac:dyDescent="0.25">
      <c r="B1594">
        <f t="shared" si="187"/>
        <v>2</v>
      </c>
      <c r="C1594" s="16">
        <v>1560</v>
      </c>
      <c r="D1594" cm="1">
        <f t="array" ref="D1594">IFERROR(INDEX(Jesper!AH$2:AH$366,ROUNDDOWN($C1594/24,0)+1,1)*INDEX($D$3:$AA$30,INDEX(Jesper!$R$2:$R$366,ROW(INDEX(Jesper!AH$2:AH$366,ROUNDDOWN($C1594/24,0)+1,1))-1)+IF('Standard Profiles'!$G$18=$B$10,7,0)+IF('Standard Profiles'!$G$18=$B$17,14,0)+IF('Standard Profiles'!$G$18=$B$24,21,0),MOD($C1594,24)+1)/SUM(INDEX($D$3:$AA$30,INDEX(Jesper!$R$2:$R$366,ROW(INDEX(Jesper!AH$2:AH$366,ROUNDDOWN($C1594/24,0)+1,1))-1)+IF('Standard Profiles'!$G$18=$B$10,7,0)+IF('Standard Profiles'!$G$18=$B$17,14,0)+IF('Standard Profiles'!$G$18=$B$24,21,0),0)),0)</f>
        <v>3.8169805797654881</v>
      </c>
      <c r="E1594" cm="1">
        <f t="array" ref="E1594">IFERROR(INDEX(Jesper!AI$2:AI$366,ROUNDDOWN($C1594/24,0)+1,1)*INDEX($D$3:$AA$30,INDEX(Jesper!$R$2:$R$366,ROW(INDEX(Jesper!AI$2:AI$366,ROUNDDOWN($C1594/24,0)+1,1))-1)+IF('Standard Profiles'!$G$19=$B$10,7,0)+IF('Standard Profiles'!$G$19=$B$17,14,0)+IF('Standard Profiles'!$G$19=$B$24,21,0),MOD($C1594,24)+1)/SUM(INDEX($D$3:$AA$30,INDEX(Jesper!$R$2:$R$366,ROW(INDEX(Jesper!AI$2:AI$366,ROUNDDOWN($C1594/24,0)+1,1))-1)+IF('Standard Profiles'!$G$19=$B$10,7,0)+IF('Standard Profiles'!$G$19=$B$17,14,0)+IF('Standard Profiles'!$G$19=$B$24,21,0),0)),0)</f>
        <v>3.818515285677611</v>
      </c>
      <c r="F1594" cm="1">
        <f t="array" ref="F1594">IFERROR(INDEX(Jesper!AJ$2:AJ$366,ROUNDDOWN($C1594/24,0)+1,1)*INDEX($D$3:$AA$30,INDEX(Jesper!$R$2:$R$366,ROW(INDEX(Jesper!AJ$2:AJ$366,ROUNDDOWN($C1594/24,0)+1,1))-1)+IF('Standard Profiles'!$G$20=$B$10,7,0)+IF('Standard Profiles'!$G$20=$B$17,14,0)+IF('Standard Profiles'!$G$20=$B$24,21,0),MOD($C1594,24)+1)/SUM(INDEX($D$3:$AA$30,INDEX(Jesper!$R$2:$R$366,ROW(INDEX(Jesper!AJ$2:AJ$366,ROUNDDOWN($C1594/24,0)+1,1))-1)+IF('Standard Profiles'!$G$20=$B$10,7,0)+IF('Standard Profiles'!$G$20=$B$17,14,0)+IF('Standard Profiles'!$G$20=$B$24,21,0),0)),0)</f>
        <v>0</v>
      </c>
      <c r="G1594" cm="1">
        <f t="array" ref="G1594">IFERROR(INDEX(Jesper!AK$2:AK$366,ROUNDDOWN($C1594/24,0)+1,1)*INDEX($D$3:$AA$30,INDEX(Jesper!$R$2:$R$366,ROW(INDEX(Jesper!AK$2:AK$366,ROUNDDOWN($C1594/24,0)+1,1))-1)+IF('Standard Profiles'!$G$21=$B$10,7,0)+IF('Standard Profiles'!$G$21=$B$17,14,0)+IF('Standard Profiles'!$G$21=$B$24,21,0),MOD($C1594,24)+1)/SUM(INDEX($D$3:$AA$30,INDEX(Jesper!$R$2:$R$366,ROW(INDEX(Jesper!AK$2:AK$366,ROUNDDOWN($C1594/24,0)+1,1))-1)+IF('Standard Profiles'!$G$21=$B$10,7,0)+IF('Standard Profiles'!$G$21=$B$17,14,0)+IF('Standard Profiles'!$G$21=$B$24,21,0),0)),0)</f>
        <v>5.5449452754471729</v>
      </c>
      <c r="H1594" cm="1">
        <f t="array" ref="H1594">IFERROR(INDEX(Jesper!AL$2:AL$366,ROUNDDOWN($C1594/24,0)+1,1)*INDEX($D$3:$AA$30,INDEX(Jesper!$R$2:$R$366,ROW(INDEX(Jesper!AL$2:AL$366,ROUNDDOWN($C1594/24,0)+1,1))-1)+IF('Standard Profiles'!$G$22=$B$10,7,0)+IF('Standard Profiles'!$G$22=$B$17,14,0)+IF('Standard Profiles'!$G$22=$B$24,21,0),MOD($C1594,24)+1)/SUM(INDEX($D$3:$AA$30,INDEX(Jesper!$R$2:$R$366,ROW(INDEX(Jesper!AL$2:AL$366,ROUNDDOWN($C1594/24,0)+1,1))-1)+IF('Standard Profiles'!$G$22=$B$10,7,0)+IF('Standard Profiles'!$G$22=$B$17,14,0)+IF('Standard Profiles'!$G$22=$B$24,21,0),0)),0)</f>
        <v>0</v>
      </c>
      <c r="I1594">
        <f t="shared" si="188"/>
        <v>2.6615737322146416</v>
      </c>
      <c r="J1594">
        <f t="shared" si="189"/>
        <v>9.9081505159131531</v>
      </c>
      <c r="K1594">
        <f t="shared" si="190"/>
        <v>0.40714459517498541</v>
      </c>
      <c r="L1594">
        <f t="shared" si="191"/>
        <v>0.20357229758749271</v>
      </c>
      <c r="M1594">
        <f t="shared" si="192"/>
        <v>0</v>
      </c>
      <c r="N1594" s="45">
        <f t="shared" si="193"/>
        <v>44991.999999996217</v>
      </c>
    </row>
    <row r="1595" spans="2:14" x14ac:dyDescent="0.25">
      <c r="B1595">
        <f t="shared" si="187"/>
        <v>2</v>
      </c>
      <c r="C1595" s="16">
        <v>1561</v>
      </c>
      <c r="D1595" cm="1">
        <f t="array" ref="D1595">IFERROR(INDEX(Jesper!AH$2:AH$366,ROUNDDOWN($C1595/24,0)+1,1)*INDEX($D$3:$AA$30,INDEX(Jesper!$R$2:$R$366,ROW(INDEX(Jesper!AH$2:AH$366,ROUNDDOWN($C1595/24,0)+1,1))-1)+IF('Standard Profiles'!$G$18=$B$10,7,0)+IF('Standard Profiles'!$G$18=$B$17,14,0)+IF('Standard Profiles'!$G$18=$B$24,21,0),MOD($C1595,24)+1)/SUM(INDEX($D$3:$AA$30,INDEX(Jesper!$R$2:$R$366,ROW(INDEX(Jesper!AH$2:AH$366,ROUNDDOWN($C1595/24,0)+1,1))-1)+IF('Standard Profiles'!$G$18=$B$10,7,0)+IF('Standard Profiles'!$G$18=$B$17,14,0)+IF('Standard Profiles'!$G$18=$B$24,21,0),0)),0)</f>
        <v>5.8163513596426482</v>
      </c>
      <c r="E1595" cm="1">
        <f t="array" ref="E1595">IFERROR(INDEX(Jesper!AI$2:AI$366,ROUNDDOWN($C1595/24,0)+1,1)*INDEX($D$3:$AA$30,INDEX(Jesper!$R$2:$R$366,ROW(INDEX(Jesper!AI$2:AI$366,ROUNDDOWN($C1595/24,0)+1,1))-1)+IF('Standard Profiles'!$G$19=$B$10,7,0)+IF('Standard Profiles'!$G$19=$B$17,14,0)+IF('Standard Profiles'!$G$19=$B$24,21,0),MOD($C1595,24)+1)/SUM(INDEX($D$3:$AA$30,INDEX(Jesper!$R$2:$R$366,ROW(INDEX(Jesper!AI$2:AI$366,ROUNDDOWN($C1595/24,0)+1,1))-1)+IF('Standard Profiles'!$G$19=$B$10,7,0)+IF('Standard Profiles'!$G$19=$B$17,14,0)+IF('Standard Profiles'!$G$19=$B$24,21,0),0)),0)</f>
        <v>5.8186899591277887</v>
      </c>
      <c r="F1595" cm="1">
        <f t="array" ref="F1595">IFERROR(INDEX(Jesper!AJ$2:AJ$366,ROUNDDOWN($C1595/24,0)+1,1)*INDEX($D$3:$AA$30,INDEX(Jesper!$R$2:$R$366,ROW(INDEX(Jesper!AJ$2:AJ$366,ROUNDDOWN($C1595/24,0)+1,1))-1)+IF('Standard Profiles'!$G$20=$B$10,7,0)+IF('Standard Profiles'!$G$20=$B$17,14,0)+IF('Standard Profiles'!$G$20=$B$24,21,0),MOD($C1595,24)+1)/SUM(INDEX($D$3:$AA$30,INDEX(Jesper!$R$2:$R$366,ROW(INDEX(Jesper!AJ$2:AJ$366,ROUNDDOWN($C1595/24,0)+1,1))-1)+IF('Standard Profiles'!$G$20=$B$10,7,0)+IF('Standard Profiles'!$G$20=$B$17,14,0)+IF('Standard Profiles'!$G$20=$B$24,21,0),0)),0)</f>
        <v>0</v>
      </c>
      <c r="G1595" cm="1">
        <f t="array" ref="G1595">IFERROR(INDEX(Jesper!AK$2:AK$366,ROUNDDOWN($C1595/24,0)+1,1)*INDEX($D$3:$AA$30,INDEX(Jesper!$R$2:$R$366,ROW(INDEX(Jesper!AK$2:AK$366,ROUNDDOWN($C1595/24,0)+1,1))-1)+IF('Standard Profiles'!$G$21=$B$10,7,0)+IF('Standard Profiles'!$G$21=$B$17,14,0)+IF('Standard Profiles'!$G$21=$B$24,21,0),MOD($C1595,24)+1)/SUM(INDEX($D$3:$AA$30,INDEX(Jesper!$R$2:$R$366,ROW(INDEX(Jesper!AK$2:AK$366,ROUNDDOWN($C1595/24,0)+1,1))-1)+IF('Standard Profiles'!$G$21=$B$10,7,0)+IF('Standard Profiles'!$G$21=$B$17,14,0)+IF('Standard Profiles'!$G$21=$B$24,21,0),0)),0)</f>
        <v>5.5449452754471729</v>
      </c>
      <c r="H1595" cm="1">
        <f t="array" ref="H1595">IFERROR(INDEX(Jesper!AL$2:AL$366,ROUNDDOWN($C1595/24,0)+1,1)*INDEX($D$3:$AA$30,INDEX(Jesper!$R$2:$R$366,ROW(INDEX(Jesper!AL$2:AL$366,ROUNDDOWN($C1595/24,0)+1,1))-1)+IF('Standard Profiles'!$G$22=$B$10,7,0)+IF('Standard Profiles'!$G$22=$B$17,14,0)+IF('Standard Profiles'!$G$22=$B$24,21,0),MOD($C1595,24)+1)/SUM(INDEX($D$3:$AA$30,INDEX(Jesper!$R$2:$R$366,ROW(INDEX(Jesper!AL$2:AL$366,ROUNDDOWN($C1595/24,0)+1,1))-1)+IF('Standard Profiles'!$G$22=$B$10,7,0)+IF('Standard Profiles'!$G$22=$B$17,14,0)+IF('Standard Profiles'!$G$22=$B$24,21,0),0)),0)</f>
        <v>0</v>
      </c>
      <c r="I1595">
        <f t="shared" si="188"/>
        <v>2.6615737322146416</v>
      </c>
      <c r="J1595">
        <f t="shared" si="189"/>
        <v>13.587796644460145</v>
      </c>
      <c r="K1595">
        <f t="shared" si="190"/>
        <v>0.62041081169521584</v>
      </c>
      <c r="L1595">
        <f t="shared" si="191"/>
        <v>0.31020540584760792</v>
      </c>
      <c r="M1595">
        <f t="shared" si="192"/>
        <v>0</v>
      </c>
      <c r="N1595" s="45">
        <f t="shared" si="193"/>
        <v>44992.041666662881</v>
      </c>
    </row>
    <row r="1596" spans="2:14" x14ac:dyDescent="0.25">
      <c r="B1596">
        <f t="shared" si="187"/>
        <v>2</v>
      </c>
      <c r="C1596" s="16">
        <v>1562</v>
      </c>
      <c r="D1596" cm="1">
        <f t="array" ref="D1596">IFERROR(INDEX(Jesper!AH$2:AH$366,ROUNDDOWN($C1596/24,0)+1,1)*INDEX($D$3:$AA$30,INDEX(Jesper!$R$2:$R$366,ROW(INDEX(Jesper!AH$2:AH$366,ROUNDDOWN($C1596/24,0)+1,1))-1)+IF('Standard Profiles'!$G$18=$B$10,7,0)+IF('Standard Profiles'!$G$18=$B$17,14,0)+IF('Standard Profiles'!$G$18=$B$24,21,0),MOD($C1596,24)+1)/SUM(INDEX($D$3:$AA$30,INDEX(Jesper!$R$2:$R$366,ROW(INDEX(Jesper!AH$2:AH$366,ROUNDDOWN($C1596/24,0)+1,1))-1)+IF('Standard Profiles'!$G$18=$B$10,7,0)+IF('Standard Profiles'!$G$18=$B$17,14,0)+IF('Standard Profiles'!$G$18=$B$24,21,0),0)),0)</f>
        <v>5.8163513596426482</v>
      </c>
      <c r="E1596" cm="1">
        <f t="array" ref="E1596">IFERROR(INDEX(Jesper!AI$2:AI$366,ROUNDDOWN($C1596/24,0)+1,1)*INDEX($D$3:$AA$30,INDEX(Jesper!$R$2:$R$366,ROW(INDEX(Jesper!AI$2:AI$366,ROUNDDOWN($C1596/24,0)+1,1))-1)+IF('Standard Profiles'!$G$19=$B$10,7,0)+IF('Standard Profiles'!$G$19=$B$17,14,0)+IF('Standard Profiles'!$G$19=$B$24,21,0),MOD($C1596,24)+1)/SUM(INDEX($D$3:$AA$30,INDEX(Jesper!$R$2:$R$366,ROW(INDEX(Jesper!AI$2:AI$366,ROUNDDOWN($C1596/24,0)+1,1))-1)+IF('Standard Profiles'!$G$19=$B$10,7,0)+IF('Standard Profiles'!$G$19=$B$17,14,0)+IF('Standard Profiles'!$G$19=$B$24,21,0),0)),0)</f>
        <v>5.8186899591277887</v>
      </c>
      <c r="F1596" cm="1">
        <f t="array" ref="F1596">IFERROR(INDEX(Jesper!AJ$2:AJ$366,ROUNDDOWN($C1596/24,0)+1,1)*INDEX($D$3:$AA$30,INDEX(Jesper!$R$2:$R$366,ROW(INDEX(Jesper!AJ$2:AJ$366,ROUNDDOWN($C1596/24,0)+1,1))-1)+IF('Standard Profiles'!$G$20=$B$10,7,0)+IF('Standard Profiles'!$G$20=$B$17,14,0)+IF('Standard Profiles'!$G$20=$B$24,21,0),MOD($C1596,24)+1)/SUM(INDEX($D$3:$AA$30,INDEX(Jesper!$R$2:$R$366,ROW(INDEX(Jesper!AJ$2:AJ$366,ROUNDDOWN($C1596/24,0)+1,1))-1)+IF('Standard Profiles'!$G$20=$B$10,7,0)+IF('Standard Profiles'!$G$20=$B$17,14,0)+IF('Standard Profiles'!$G$20=$B$24,21,0),0)),0)</f>
        <v>0</v>
      </c>
      <c r="G1596" cm="1">
        <f t="array" ref="G1596">IFERROR(INDEX(Jesper!AK$2:AK$366,ROUNDDOWN($C1596/24,0)+1,1)*INDEX($D$3:$AA$30,INDEX(Jesper!$R$2:$R$366,ROW(INDEX(Jesper!AK$2:AK$366,ROUNDDOWN($C1596/24,0)+1,1))-1)+IF('Standard Profiles'!$G$21=$B$10,7,0)+IF('Standard Profiles'!$G$21=$B$17,14,0)+IF('Standard Profiles'!$G$21=$B$24,21,0),MOD($C1596,24)+1)/SUM(INDEX($D$3:$AA$30,INDEX(Jesper!$R$2:$R$366,ROW(INDEX(Jesper!AK$2:AK$366,ROUNDDOWN($C1596/24,0)+1,1))-1)+IF('Standard Profiles'!$G$21=$B$10,7,0)+IF('Standard Profiles'!$G$21=$B$17,14,0)+IF('Standard Profiles'!$G$21=$B$24,21,0),0)),0)</f>
        <v>5.5449452754471729</v>
      </c>
      <c r="H1596" cm="1">
        <f t="array" ref="H1596">IFERROR(INDEX(Jesper!AL$2:AL$366,ROUNDDOWN($C1596/24,0)+1,1)*INDEX($D$3:$AA$30,INDEX(Jesper!$R$2:$R$366,ROW(INDEX(Jesper!AL$2:AL$366,ROUNDDOWN($C1596/24,0)+1,1))-1)+IF('Standard Profiles'!$G$22=$B$10,7,0)+IF('Standard Profiles'!$G$22=$B$17,14,0)+IF('Standard Profiles'!$G$22=$B$24,21,0),MOD($C1596,24)+1)/SUM(INDEX($D$3:$AA$30,INDEX(Jesper!$R$2:$R$366,ROW(INDEX(Jesper!AL$2:AL$366,ROUNDDOWN($C1596/24,0)+1,1))-1)+IF('Standard Profiles'!$G$22=$B$10,7,0)+IF('Standard Profiles'!$G$22=$B$17,14,0)+IF('Standard Profiles'!$G$22=$B$24,21,0),0)),0)</f>
        <v>0</v>
      </c>
      <c r="I1596">
        <f t="shared" si="188"/>
        <v>2.6615737322146416</v>
      </c>
      <c r="J1596">
        <f t="shared" si="189"/>
        <v>13.587796644460145</v>
      </c>
      <c r="K1596">
        <f t="shared" si="190"/>
        <v>0.62041081169521584</v>
      </c>
      <c r="L1596">
        <f t="shared" si="191"/>
        <v>0.31020540584760792</v>
      </c>
      <c r="M1596">
        <f t="shared" si="192"/>
        <v>0</v>
      </c>
      <c r="N1596" s="45">
        <f t="shared" si="193"/>
        <v>44992.083333329545</v>
      </c>
    </row>
    <row r="1597" spans="2:14" x14ac:dyDescent="0.25">
      <c r="B1597">
        <f t="shared" si="187"/>
        <v>2</v>
      </c>
      <c r="C1597" s="16">
        <v>1563</v>
      </c>
      <c r="D1597" cm="1">
        <f t="array" ref="D1597">IFERROR(INDEX(Jesper!AH$2:AH$366,ROUNDDOWN($C1597/24,0)+1,1)*INDEX($D$3:$AA$30,INDEX(Jesper!$R$2:$R$366,ROW(INDEX(Jesper!AH$2:AH$366,ROUNDDOWN($C1597/24,0)+1,1))-1)+IF('Standard Profiles'!$G$18=$B$10,7,0)+IF('Standard Profiles'!$G$18=$B$17,14,0)+IF('Standard Profiles'!$G$18=$B$24,21,0),MOD($C1597,24)+1)/SUM(INDEX($D$3:$AA$30,INDEX(Jesper!$R$2:$R$366,ROW(INDEX(Jesper!AH$2:AH$366,ROUNDDOWN($C1597/24,0)+1,1))-1)+IF('Standard Profiles'!$G$18=$B$10,7,0)+IF('Standard Profiles'!$G$18=$B$17,14,0)+IF('Standard Profiles'!$G$18=$B$24,21,0),0)),0)</f>
        <v>5.8163513596426482</v>
      </c>
      <c r="E1597" cm="1">
        <f t="array" ref="E1597">IFERROR(INDEX(Jesper!AI$2:AI$366,ROUNDDOWN($C1597/24,0)+1,1)*INDEX($D$3:$AA$30,INDEX(Jesper!$R$2:$R$366,ROW(INDEX(Jesper!AI$2:AI$366,ROUNDDOWN($C1597/24,0)+1,1))-1)+IF('Standard Profiles'!$G$19=$B$10,7,0)+IF('Standard Profiles'!$G$19=$B$17,14,0)+IF('Standard Profiles'!$G$19=$B$24,21,0),MOD($C1597,24)+1)/SUM(INDEX($D$3:$AA$30,INDEX(Jesper!$R$2:$R$366,ROW(INDEX(Jesper!AI$2:AI$366,ROUNDDOWN($C1597/24,0)+1,1))-1)+IF('Standard Profiles'!$G$19=$B$10,7,0)+IF('Standard Profiles'!$G$19=$B$17,14,0)+IF('Standard Profiles'!$G$19=$B$24,21,0),0)),0)</f>
        <v>5.8186899591277887</v>
      </c>
      <c r="F1597" cm="1">
        <f t="array" ref="F1597">IFERROR(INDEX(Jesper!AJ$2:AJ$366,ROUNDDOWN($C1597/24,0)+1,1)*INDEX($D$3:$AA$30,INDEX(Jesper!$R$2:$R$366,ROW(INDEX(Jesper!AJ$2:AJ$366,ROUNDDOWN($C1597/24,0)+1,1))-1)+IF('Standard Profiles'!$G$20=$B$10,7,0)+IF('Standard Profiles'!$G$20=$B$17,14,0)+IF('Standard Profiles'!$G$20=$B$24,21,0),MOD($C1597,24)+1)/SUM(INDEX($D$3:$AA$30,INDEX(Jesper!$R$2:$R$366,ROW(INDEX(Jesper!AJ$2:AJ$366,ROUNDDOWN($C1597/24,0)+1,1))-1)+IF('Standard Profiles'!$G$20=$B$10,7,0)+IF('Standard Profiles'!$G$20=$B$17,14,0)+IF('Standard Profiles'!$G$20=$B$24,21,0),0)),0)</f>
        <v>0</v>
      </c>
      <c r="G1597" cm="1">
        <f t="array" ref="G1597">IFERROR(INDEX(Jesper!AK$2:AK$366,ROUNDDOWN($C1597/24,0)+1,1)*INDEX($D$3:$AA$30,INDEX(Jesper!$R$2:$R$366,ROW(INDEX(Jesper!AK$2:AK$366,ROUNDDOWN($C1597/24,0)+1,1))-1)+IF('Standard Profiles'!$G$21=$B$10,7,0)+IF('Standard Profiles'!$G$21=$B$17,14,0)+IF('Standard Profiles'!$G$21=$B$24,21,0),MOD($C1597,24)+1)/SUM(INDEX($D$3:$AA$30,INDEX(Jesper!$R$2:$R$366,ROW(INDEX(Jesper!AK$2:AK$366,ROUNDDOWN($C1597/24,0)+1,1))-1)+IF('Standard Profiles'!$G$21=$B$10,7,0)+IF('Standard Profiles'!$G$21=$B$17,14,0)+IF('Standard Profiles'!$G$21=$B$24,21,0),0)),0)</f>
        <v>5.5449452754471729</v>
      </c>
      <c r="H1597" cm="1">
        <f t="array" ref="H1597">IFERROR(INDEX(Jesper!AL$2:AL$366,ROUNDDOWN($C1597/24,0)+1,1)*INDEX($D$3:$AA$30,INDEX(Jesper!$R$2:$R$366,ROW(INDEX(Jesper!AL$2:AL$366,ROUNDDOWN($C1597/24,0)+1,1))-1)+IF('Standard Profiles'!$G$22=$B$10,7,0)+IF('Standard Profiles'!$G$22=$B$17,14,0)+IF('Standard Profiles'!$G$22=$B$24,21,0),MOD($C1597,24)+1)/SUM(INDEX($D$3:$AA$30,INDEX(Jesper!$R$2:$R$366,ROW(INDEX(Jesper!AL$2:AL$366,ROUNDDOWN($C1597/24,0)+1,1))-1)+IF('Standard Profiles'!$G$22=$B$10,7,0)+IF('Standard Profiles'!$G$22=$B$17,14,0)+IF('Standard Profiles'!$G$22=$B$24,21,0),0)),0)</f>
        <v>0</v>
      </c>
      <c r="I1597">
        <f t="shared" si="188"/>
        <v>2.6615737322146416</v>
      </c>
      <c r="J1597">
        <f t="shared" si="189"/>
        <v>13.587796644460145</v>
      </c>
      <c r="K1597">
        <f t="shared" si="190"/>
        <v>0.62041081169521584</v>
      </c>
      <c r="L1597">
        <f t="shared" si="191"/>
        <v>0.31020540584760792</v>
      </c>
      <c r="M1597">
        <f t="shared" si="192"/>
        <v>0</v>
      </c>
      <c r="N1597" s="45">
        <f t="shared" si="193"/>
        <v>44992.124999996209</v>
      </c>
    </row>
    <row r="1598" spans="2:14" x14ac:dyDescent="0.25">
      <c r="B1598">
        <f t="shared" si="187"/>
        <v>2</v>
      </c>
      <c r="C1598" s="16">
        <v>1564</v>
      </c>
      <c r="D1598" cm="1">
        <f t="array" ref="D1598">IFERROR(INDEX(Jesper!AH$2:AH$366,ROUNDDOWN($C1598/24,0)+1,1)*INDEX($D$3:$AA$30,INDEX(Jesper!$R$2:$R$366,ROW(INDEX(Jesper!AH$2:AH$366,ROUNDDOWN($C1598/24,0)+1,1))-1)+IF('Standard Profiles'!$G$18=$B$10,7,0)+IF('Standard Profiles'!$G$18=$B$17,14,0)+IF('Standard Profiles'!$G$18=$B$24,21,0),MOD($C1598,24)+1)/SUM(INDEX($D$3:$AA$30,INDEX(Jesper!$R$2:$R$366,ROW(INDEX(Jesper!AH$2:AH$366,ROUNDDOWN($C1598/24,0)+1,1))-1)+IF('Standard Profiles'!$G$18=$B$10,7,0)+IF('Standard Profiles'!$G$18=$B$17,14,0)+IF('Standard Profiles'!$G$18=$B$24,21,0),0)),0)</f>
        <v>5.8163513596426482</v>
      </c>
      <c r="E1598" cm="1">
        <f t="array" ref="E1598">IFERROR(INDEX(Jesper!AI$2:AI$366,ROUNDDOWN($C1598/24,0)+1,1)*INDEX($D$3:$AA$30,INDEX(Jesper!$R$2:$R$366,ROW(INDEX(Jesper!AI$2:AI$366,ROUNDDOWN($C1598/24,0)+1,1))-1)+IF('Standard Profiles'!$G$19=$B$10,7,0)+IF('Standard Profiles'!$G$19=$B$17,14,0)+IF('Standard Profiles'!$G$19=$B$24,21,0),MOD($C1598,24)+1)/SUM(INDEX($D$3:$AA$30,INDEX(Jesper!$R$2:$R$366,ROW(INDEX(Jesper!AI$2:AI$366,ROUNDDOWN($C1598/24,0)+1,1))-1)+IF('Standard Profiles'!$G$19=$B$10,7,0)+IF('Standard Profiles'!$G$19=$B$17,14,0)+IF('Standard Profiles'!$G$19=$B$24,21,0),0)),0)</f>
        <v>5.8186899591277887</v>
      </c>
      <c r="F1598" cm="1">
        <f t="array" ref="F1598">IFERROR(INDEX(Jesper!AJ$2:AJ$366,ROUNDDOWN($C1598/24,0)+1,1)*INDEX($D$3:$AA$30,INDEX(Jesper!$R$2:$R$366,ROW(INDEX(Jesper!AJ$2:AJ$366,ROUNDDOWN($C1598/24,0)+1,1))-1)+IF('Standard Profiles'!$G$20=$B$10,7,0)+IF('Standard Profiles'!$G$20=$B$17,14,0)+IF('Standard Profiles'!$G$20=$B$24,21,0),MOD($C1598,24)+1)/SUM(INDEX($D$3:$AA$30,INDEX(Jesper!$R$2:$R$366,ROW(INDEX(Jesper!AJ$2:AJ$366,ROUNDDOWN($C1598/24,0)+1,1))-1)+IF('Standard Profiles'!$G$20=$B$10,7,0)+IF('Standard Profiles'!$G$20=$B$17,14,0)+IF('Standard Profiles'!$G$20=$B$24,21,0),0)),0)</f>
        <v>0</v>
      </c>
      <c r="G1598" cm="1">
        <f t="array" ref="G1598">IFERROR(INDEX(Jesper!AK$2:AK$366,ROUNDDOWN($C1598/24,0)+1,1)*INDEX($D$3:$AA$30,INDEX(Jesper!$R$2:$R$366,ROW(INDEX(Jesper!AK$2:AK$366,ROUNDDOWN($C1598/24,0)+1,1))-1)+IF('Standard Profiles'!$G$21=$B$10,7,0)+IF('Standard Profiles'!$G$21=$B$17,14,0)+IF('Standard Profiles'!$G$21=$B$24,21,0),MOD($C1598,24)+1)/SUM(INDEX($D$3:$AA$30,INDEX(Jesper!$R$2:$R$366,ROW(INDEX(Jesper!AK$2:AK$366,ROUNDDOWN($C1598/24,0)+1,1))-1)+IF('Standard Profiles'!$G$21=$B$10,7,0)+IF('Standard Profiles'!$G$21=$B$17,14,0)+IF('Standard Profiles'!$G$21=$B$24,21,0),0)),0)</f>
        <v>5.5449452754471729</v>
      </c>
      <c r="H1598" cm="1">
        <f t="array" ref="H1598">IFERROR(INDEX(Jesper!AL$2:AL$366,ROUNDDOWN($C1598/24,0)+1,1)*INDEX($D$3:$AA$30,INDEX(Jesper!$R$2:$R$366,ROW(INDEX(Jesper!AL$2:AL$366,ROUNDDOWN($C1598/24,0)+1,1))-1)+IF('Standard Profiles'!$G$22=$B$10,7,0)+IF('Standard Profiles'!$G$22=$B$17,14,0)+IF('Standard Profiles'!$G$22=$B$24,21,0),MOD($C1598,24)+1)/SUM(INDEX($D$3:$AA$30,INDEX(Jesper!$R$2:$R$366,ROW(INDEX(Jesper!AL$2:AL$366,ROUNDDOWN($C1598/24,0)+1,1))-1)+IF('Standard Profiles'!$G$22=$B$10,7,0)+IF('Standard Profiles'!$G$22=$B$17,14,0)+IF('Standard Profiles'!$G$22=$B$24,21,0),0)),0)</f>
        <v>0</v>
      </c>
      <c r="I1598">
        <f t="shared" si="188"/>
        <v>2.6615737322146416</v>
      </c>
      <c r="J1598">
        <f t="shared" si="189"/>
        <v>13.587796644460145</v>
      </c>
      <c r="K1598">
        <f t="shared" si="190"/>
        <v>0.62041081169521584</v>
      </c>
      <c r="L1598">
        <f t="shared" si="191"/>
        <v>0.31020540584760792</v>
      </c>
      <c r="M1598">
        <f t="shared" si="192"/>
        <v>0</v>
      </c>
      <c r="N1598" s="45">
        <f t="shared" si="193"/>
        <v>44992.166666662873</v>
      </c>
    </row>
    <row r="1599" spans="2:14" x14ac:dyDescent="0.25">
      <c r="B1599">
        <f t="shared" si="187"/>
        <v>2</v>
      </c>
      <c r="C1599" s="16">
        <v>1565</v>
      </c>
      <c r="D1599" cm="1">
        <f t="array" ref="D1599">IFERROR(INDEX(Jesper!AH$2:AH$366,ROUNDDOWN($C1599/24,0)+1,1)*INDEX($D$3:$AA$30,INDEX(Jesper!$R$2:$R$366,ROW(INDEX(Jesper!AH$2:AH$366,ROUNDDOWN($C1599/24,0)+1,1))-1)+IF('Standard Profiles'!$G$18=$B$10,7,0)+IF('Standard Profiles'!$G$18=$B$17,14,0)+IF('Standard Profiles'!$G$18=$B$24,21,0),MOD($C1599,24)+1)/SUM(INDEX($D$3:$AA$30,INDEX(Jesper!$R$2:$R$366,ROW(INDEX(Jesper!AH$2:AH$366,ROUNDDOWN($C1599/24,0)+1,1))-1)+IF('Standard Profiles'!$G$18=$B$10,7,0)+IF('Standard Profiles'!$G$18=$B$17,14,0)+IF('Standard Profiles'!$G$18=$B$24,21,0),0)),0)</f>
        <v>5.8163513596426482</v>
      </c>
      <c r="E1599" cm="1">
        <f t="array" ref="E1599">IFERROR(INDEX(Jesper!AI$2:AI$366,ROUNDDOWN($C1599/24,0)+1,1)*INDEX($D$3:$AA$30,INDEX(Jesper!$R$2:$R$366,ROW(INDEX(Jesper!AI$2:AI$366,ROUNDDOWN($C1599/24,0)+1,1))-1)+IF('Standard Profiles'!$G$19=$B$10,7,0)+IF('Standard Profiles'!$G$19=$B$17,14,0)+IF('Standard Profiles'!$G$19=$B$24,21,0),MOD($C1599,24)+1)/SUM(INDEX($D$3:$AA$30,INDEX(Jesper!$R$2:$R$366,ROW(INDEX(Jesper!AI$2:AI$366,ROUNDDOWN($C1599/24,0)+1,1))-1)+IF('Standard Profiles'!$G$19=$B$10,7,0)+IF('Standard Profiles'!$G$19=$B$17,14,0)+IF('Standard Profiles'!$G$19=$B$24,21,0),0)),0)</f>
        <v>5.8186899591277887</v>
      </c>
      <c r="F1599" cm="1">
        <f t="array" ref="F1599">IFERROR(INDEX(Jesper!AJ$2:AJ$366,ROUNDDOWN($C1599/24,0)+1,1)*INDEX($D$3:$AA$30,INDEX(Jesper!$R$2:$R$366,ROW(INDEX(Jesper!AJ$2:AJ$366,ROUNDDOWN($C1599/24,0)+1,1))-1)+IF('Standard Profiles'!$G$20=$B$10,7,0)+IF('Standard Profiles'!$G$20=$B$17,14,0)+IF('Standard Profiles'!$G$20=$B$24,21,0),MOD($C1599,24)+1)/SUM(INDEX($D$3:$AA$30,INDEX(Jesper!$R$2:$R$366,ROW(INDEX(Jesper!AJ$2:AJ$366,ROUNDDOWN($C1599/24,0)+1,1))-1)+IF('Standard Profiles'!$G$20=$B$10,7,0)+IF('Standard Profiles'!$G$20=$B$17,14,0)+IF('Standard Profiles'!$G$20=$B$24,21,0),0)),0)</f>
        <v>0</v>
      </c>
      <c r="G1599" cm="1">
        <f t="array" ref="G1599">IFERROR(INDEX(Jesper!AK$2:AK$366,ROUNDDOWN($C1599/24,0)+1,1)*INDEX($D$3:$AA$30,INDEX(Jesper!$R$2:$R$366,ROW(INDEX(Jesper!AK$2:AK$366,ROUNDDOWN($C1599/24,0)+1,1))-1)+IF('Standard Profiles'!$G$21=$B$10,7,0)+IF('Standard Profiles'!$G$21=$B$17,14,0)+IF('Standard Profiles'!$G$21=$B$24,21,0),MOD($C1599,24)+1)/SUM(INDEX($D$3:$AA$30,INDEX(Jesper!$R$2:$R$366,ROW(INDEX(Jesper!AK$2:AK$366,ROUNDDOWN($C1599/24,0)+1,1))-1)+IF('Standard Profiles'!$G$21=$B$10,7,0)+IF('Standard Profiles'!$G$21=$B$17,14,0)+IF('Standard Profiles'!$G$21=$B$24,21,0),0)),0)</f>
        <v>5.5449452754471729</v>
      </c>
      <c r="H1599" cm="1">
        <f t="array" ref="H1599">IFERROR(INDEX(Jesper!AL$2:AL$366,ROUNDDOWN($C1599/24,0)+1,1)*INDEX($D$3:$AA$30,INDEX(Jesper!$R$2:$R$366,ROW(INDEX(Jesper!AL$2:AL$366,ROUNDDOWN($C1599/24,0)+1,1))-1)+IF('Standard Profiles'!$G$22=$B$10,7,0)+IF('Standard Profiles'!$G$22=$B$17,14,0)+IF('Standard Profiles'!$G$22=$B$24,21,0),MOD($C1599,24)+1)/SUM(INDEX($D$3:$AA$30,INDEX(Jesper!$R$2:$R$366,ROW(INDEX(Jesper!AL$2:AL$366,ROUNDDOWN($C1599/24,0)+1,1))-1)+IF('Standard Profiles'!$G$22=$B$10,7,0)+IF('Standard Profiles'!$G$22=$B$17,14,0)+IF('Standard Profiles'!$G$22=$B$24,21,0),0)),0)</f>
        <v>0</v>
      </c>
      <c r="I1599">
        <f t="shared" si="188"/>
        <v>2.6615737322146416</v>
      </c>
      <c r="J1599">
        <f t="shared" si="189"/>
        <v>13.587796644460145</v>
      </c>
      <c r="K1599">
        <f t="shared" si="190"/>
        <v>0.62041081169521584</v>
      </c>
      <c r="L1599">
        <f t="shared" si="191"/>
        <v>0.31020540584760792</v>
      </c>
      <c r="M1599">
        <f t="shared" si="192"/>
        <v>0</v>
      </c>
      <c r="N1599" s="45">
        <f t="shared" si="193"/>
        <v>44992.208333329538</v>
      </c>
    </row>
    <row r="1600" spans="2:14" x14ac:dyDescent="0.25">
      <c r="B1600">
        <f t="shared" si="187"/>
        <v>2</v>
      </c>
      <c r="C1600" s="16">
        <v>1566</v>
      </c>
      <c r="D1600" cm="1">
        <f t="array" ref="D1600">IFERROR(INDEX(Jesper!AH$2:AH$366,ROUNDDOWN($C1600/24,0)+1,1)*INDEX($D$3:$AA$30,INDEX(Jesper!$R$2:$R$366,ROW(INDEX(Jesper!AH$2:AH$366,ROUNDDOWN($C1600/24,0)+1,1))-1)+IF('Standard Profiles'!$G$18=$B$10,7,0)+IF('Standard Profiles'!$G$18=$B$17,14,0)+IF('Standard Profiles'!$G$18=$B$24,21,0),MOD($C1600,24)+1)/SUM(INDEX($D$3:$AA$30,INDEX(Jesper!$R$2:$R$366,ROW(INDEX(Jesper!AH$2:AH$366,ROUNDDOWN($C1600/24,0)+1,1))-1)+IF('Standard Profiles'!$G$18=$B$10,7,0)+IF('Standard Profiles'!$G$18=$B$17,14,0)+IF('Standard Profiles'!$G$18=$B$24,21,0),0)),0)</f>
        <v>5.8163513596426482</v>
      </c>
      <c r="E1600" cm="1">
        <f t="array" ref="E1600">IFERROR(INDEX(Jesper!AI$2:AI$366,ROUNDDOWN($C1600/24,0)+1,1)*INDEX($D$3:$AA$30,INDEX(Jesper!$R$2:$R$366,ROW(INDEX(Jesper!AI$2:AI$366,ROUNDDOWN($C1600/24,0)+1,1))-1)+IF('Standard Profiles'!$G$19=$B$10,7,0)+IF('Standard Profiles'!$G$19=$B$17,14,0)+IF('Standard Profiles'!$G$19=$B$24,21,0),MOD($C1600,24)+1)/SUM(INDEX($D$3:$AA$30,INDEX(Jesper!$R$2:$R$366,ROW(INDEX(Jesper!AI$2:AI$366,ROUNDDOWN($C1600/24,0)+1,1))-1)+IF('Standard Profiles'!$G$19=$B$10,7,0)+IF('Standard Profiles'!$G$19=$B$17,14,0)+IF('Standard Profiles'!$G$19=$B$24,21,0),0)),0)</f>
        <v>5.8186899591277887</v>
      </c>
      <c r="F1600" cm="1">
        <f t="array" ref="F1600">IFERROR(INDEX(Jesper!AJ$2:AJ$366,ROUNDDOWN($C1600/24,0)+1,1)*INDEX($D$3:$AA$30,INDEX(Jesper!$R$2:$R$366,ROW(INDEX(Jesper!AJ$2:AJ$366,ROUNDDOWN($C1600/24,0)+1,1))-1)+IF('Standard Profiles'!$G$20=$B$10,7,0)+IF('Standard Profiles'!$G$20=$B$17,14,0)+IF('Standard Profiles'!$G$20=$B$24,21,0),MOD($C1600,24)+1)/SUM(INDEX($D$3:$AA$30,INDEX(Jesper!$R$2:$R$366,ROW(INDEX(Jesper!AJ$2:AJ$366,ROUNDDOWN($C1600/24,0)+1,1))-1)+IF('Standard Profiles'!$G$20=$B$10,7,0)+IF('Standard Profiles'!$G$20=$B$17,14,0)+IF('Standard Profiles'!$G$20=$B$24,21,0),0)),0)</f>
        <v>0</v>
      </c>
      <c r="G1600" cm="1">
        <f t="array" ref="G1600">IFERROR(INDEX(Jesper!AK$2:AK$366,ROUNDDOWN($C1600/24,0)+1,1)*INDEX($D$3:$AA$30,INDEX(Jesper!$R$2:$R$366,ROW(INDEX(Jesper!AK$2:AK$366,ROUNDDOWN($C1600/24,0)+1,1))-1)+IF('Standard Profiles'!$G$21=$B$10,7,0)+IF('Standard Profiles'!$G$21=$B$17,14,0)+IF('Standard Profiles'!$G$21=$B$24,21,0),MOD($C1600,24)+1)/SUM(INDEX($D$3:$AA$30,INDEX(Jesper!$R$2:$R$366,ROW(INDEX(Jesper!AK$2:AK$366,ROUNDDOWN($C1600/24,0)+1,1))-1)+IF('Standard Profiles'!$G$21=$B$10,7,0)+IF('Standard Profiles'!$G$21=$B$17,14,0)+IF('Standard Profiles'!$G$21=$B$24,21,0),0)),0)</f>
        <v>5.5449452754471729</v>
      </c>
      <c r="H1600" cm="1">
        <f t="array" ref="H1600">IFERROR(INDEX(Jesper!AL$2:AL$366,ROUNDDOWN($C1600/24,0)+1,1)*INDEX($D$3:$AA$30,INDEX(Jesper!$R$2:$R$366,ROW(INDEX(Jesper!AL$2:AL$366,ROUNDDOWN($C1600/24,0)+1,1))-1)+IF('Standard Profiles'!$G$22=$B$10,7,0)+IF('Standard Profiles'!$G$22=$B$17,14,0)+IF('Standard Profiles'!$G$22=$B$24,21,0),MOD($C1600,24)+1)/SUM(INDEX($D$3:$AA$30,INDEX(Jesper!$R$2:$R$366,ROW(INDEX(Jesper!AL$2:AL$366,ROUNDDOWN($C1600/24,0)+1,1))-1)+IF('Standard Profiles'!$G$22=$B$10,7,0)+IF('Standard Profiles'!$G$22=$B$17,14,0)+IF('Standard Profiles'!$G$22=$B$24,21,0),0)),0)</f>
        <v>0</v>
      </c>
      <c r="I1600">
        <f t="shared" si="188"/>
        <v>2.6615737322146416</v>
      </c>
      <c r="J1600">
        <f t="shared" si="189"/>
        <v>13.587796644460145</v>
      </c>
      <c r="K1600">
        <f t="shared" si="190"/>
        <v>0.62041081169521584</v>
      </c>
      <c r="L1600">
        <f t="shared" si="191"/>
        <v>0.31020540584760792</v>
      </c>
      <c r="M1600">
        <f t="shared" si="192"/>
        <v>0</v>
      </c>
      <c r="N1600" s="45">
        <f t="shared" si="193"/>
        <v>44992.249999996202</v>
      </c>
    </row>
    <row r="1601" spans="2:14" x14ac:dyDescent="0.25">
      <c r="B1601">
        <f t="shared" si="187"/>
        <v>2</v>
      </c>
      <c r="C1601" s="16">
        <v>1567</v>
      </c>
      <c r="D1601" cm="1">
        <f t="array" ref="D1601">IFERROR(INDEX(Jesper!AH$2:AH$366,ROUNDDOWN($C1601/24,0)+1,1)*INDEX($D$3:$AA$30,INDEX(Jesper!$R$2:$R$366,ROW(INDEX(Jesper!AH$2:AH$366,ROUNDDOWN($C1601/24,0)+1,1))-1)+IF('Standard Profiles'!$G$18=$B$10,7,0)+IF('Standard Profiles'!$G$18=$B$17,14,0)+IF('Standard Profiles'!$G$18=$B$24,21,0),MOD($C1601,24)+1)/SUM(INDEX($D$3:$AA$30,INDEX(Jesper!$R$2:$R$366,ROW(INDEX(Jesper!AH$2:AH$366,ROUNDDOWN($C1601/24,0)+1,1))-1)+IF('Standard Profiles'!$G$18=$B$10,7,0)+IF('Standard Profiles'!$G$18=$B$17,14,0)+IF('Standard Profiles'!$G$18=$B$24,21,0),0)),0)</f>
        <v>24.519556200493536</v>
      </c>
      <c r="E1601" cm="1">
        <f t="array" ref="E1601">IFERROR(INDEX(Jesper!AI$2:AI$366,ROUNDDOWN($C1601/24,0)+1,1)*INDEX($D$3:$AA$30,INDEX(Jesper!$R$2:$R$366,ROW(INDEX(Jesper!AI$2:AI$366,ROUNDDOWN($C1601/24,0)+1,1))-1)+IF('Standard Profiles'!$G$19=$B$10,7,0)+IF('Standard Profiles'!$G$19=$B$17,14,0)+IF('Standard Profiles'!$G$19=$B$24,21,0),MOD($C1601,24)+1)/SUM(INDEX($D$3:$AA$30,INDEX(Jesper!$R$2:$R$366,ROW(INDEX(Jesper!AI$2:AI$366,ROUNDDOWN($C1601/24,0)+1,1))-1)+IF('Standard Profiles'!$G$19=$B$10,7,0)+IF('Standard Profiles'!$G$19=$B$17,14,0)+IF('Standard Profiles'!$G$19=$B$24,21,0),0)),0)</f>
        <v>24.529414858948083</v>
      </c>
      <c r="F1601" cm="1">
        <f t="array" ref="F1601">IFERROR(INDEX(Jesper!AJ$2:AJ$366,ROUNDDOWN($C1601/24,0)+1,1)*INDEX($D$3:$AA$30,INDEX(Jesper!$R$2:$R$366,ROW(INDEX(Jesper!AJ$2:AJ$366,ROUNDDOWN($C1601/24,0)+1,1))-1)+IF('Standard Profiles'!$G$20=$B$10,7,0)+IF('Standard Profiles'!$G$20=$B$17,14,0)+IF('Standard Profiles'!$G$20=$B$24,21,0),MOD($C1601,24)+1)/SUM(INDEX($D$3:$AA$30,INDEX(Jesper!$R$2:$R$366,ROW(INDEX(Jesper!AJ$2:AJ$366,ROUNDDOWN($C1601/24,0)+1,1))-1)+IF('Standard Profiles'!$G$20=$B$10,7,0)+IF('Standard Profiles'!$G$20=$B$17,14,0)+IF('Standard Profiles'!$G$20=$B$24,21,0),0)),0)</f>
        <v>0</v>
      </c>
      <c r="G1601" cm="1">
        <f t="array" ref="G1601">IFERROR(INDEX(Jesper!AK$2:AK$366,ROUNDDOWN($C1601/24,0)+1,1)*INDEX($D$3:$AA$30,INDEX(Jesper!$R$2:$R$366,ROW(INDEX(Jesper!AK$2:AK$366,ROUNDDOWN($C1601/24,0)+1,1))-1)+IF('Standard Profiles'!$G$21=$B$10,7,0)+IF('Standard Profiles'!$G$21=$B$17,14,0)+IF('Standard Profiles'!$G$21=$B$24,21,0),MOD($C1601,24)+1)/SUM(INDEX($D$3:$AA$30,INDEX(Jesper!$R$2:$R$366,ROW(INDEX(Jesper!AK$2:AK$366,ROUNDDOWN($C1601/24,0)+1,1))-1)+IF('Standard Profiles'!$G$21=$B$10,7,0)+IF('Standard Profiles'!$G$21=$B$17,14,0)+IF('Standard Profiles'!$G$21=$B$24,21,0),0)),0)</f>
        <v>15.97301977733653</v>
      </c>
      <c r="H1601" cm="1">
        <f t="array" ref="H1601">IFERROR(INDEX(Jesper!AL$2:AL$366,ROUNDDOWN($C1601/24,0)+1,1)*INDEX($D$3:$AA$30,INDEX(Jesper!$R$2:$R$366,ROW(INDEX(Jesper!AL$2:AL$366,ROUNDDOWN($C1601/24,0)+1,1))-1)+IF('Standard Profiles'!$G$22=$B$10,7,0)+IF('Standard Profiles'!$G$22=$B$17,14,0)+IF('Standard Profiles'!$G$22=$B$24,21,0),MOD($C1601,24)+1)/SUM(INDEX($D$3:$AA$30,INDEX(Jesper!$R$2:$R$366,ROW(INDEX(Jesper!AL$2:AL$366,ROUNDDOWN($C1601/24,0)+1,1))-1)+IF('Standard Profiles'!$G$22=$B$10,7,0)+IF('Standard Profiles'!$G$22=$B$17,14,0)+IF('Standard Profiles'!$G$22=$B$24,21,0),0)),0)</f>
        <v>0</v>
      </c>
      <c r="I1601">
        <f t="shared" si="188"/>
        <v>7.6670494931215307</v>
      </c>
      <c r="J1601">
        <f t="shared" si="189"/>
        <v>53.431812351577655</v>
      </c>
      <c r="K1601">
        <f t="shared" si="190"/>
        <v>2.6154193280526439</v>
      </c>
      <c r="L1601">
        <f t="shared" si="191"/>
        <v>1.3077096640263219</v>
      </c>
      <c r="M1601">
        <f t="shared" si="192"/>
        <v>0</v>
      </c>
      <c r="N1601" s="45">
        <f t="shared" si="193"/>
        <v>44992.291666662866</v>
      </c>
    </row>
    <row r="1602" spans="2:14" x14ac:dyDescent="0.25">
      <c r="B1602">
        <f t="shared" si="187"/>
        <v>2</v>
      </c>
      <c r="C1602" s="16">
        <v>1568</v>
      </c>
      <c r="D1602" cm="1">
        <f t="array" ref="D1602">IFERROR(INDEX(Jesper!AH$2:AH$366,ROUNDDOWN($C1602/24,0)+1,1)*INDEX($D$3:$AA$30,INDEX(Jesper!$R$2:$R$366,ROW(INDEX(Jesper!AH$2:AH$366,ROUNDDOWN($C1602/24,0)+1,1))-1)+IF('Standard Profiles'!$G$18=$B$10,7,0)+IF('Standard Profiles'!$G$18=$B$17,14,0)+IF('Standard Profiles'!$G$18=$B$24,21,0),MOD($C1602,24)+1)/SUM(INDEX($D$3:$AA$30,INDEX(Jesper!$R$2:$R$366,ROW(INDEX(Jesper!AH$2:AH$366,ROUNDDOWN($C1602/24,0)+1,1))-1)+IF('Standard Profiles'!$G$18=$B$10,7,0)+IF('Standard Profiles'!$G$18=$B$17,14,0)+IF('Standard Profiles'!$G$18=$B$24,21,0),0)),0)</f>
        <v>27.358662707919105</v>
      </c>
      <c r="E1602" cm="1">
        <f t="array" ref="E1602">IFERROR(INDEX(Jesper!AI$2:AI$366,ROUNDDOWN($C1602/24,0)+1,1)*INDEX($D$3:$AA$30,INDEX(Jesper!$R$2:$R$366,ROW(INDEX(Jesper!AI$2:AI$366,ROUNDDOWN($C1602/24,0)+1,1))-1)+IF('Standard Profiles'!$G$19=$B$10,7,0)+IF('Standard Profiles'!$G$19=$B$17,14,0)+IF('Standard Profiles'!$G$19=$B$24,21,0),MOD($C1602,24)+1)/SUM(INDEX($D$3:$AA$30,INDEX(Jesper!$R$2:$R$366,ROW(INDEX(Jesper!AI$2:AI$366,ROUNDDOWN($C1602/24,0)+1,1))-1)+IF('Standard Profiles'!$G$19=$B$10,7,0)+IF('Standard Profiles'!$G$19=$B$17,14,0)+IF('Standard Profiles'!$G$19=$B$24,21,0),0)),0)</f>
        <v>27.369662895247334</v>
      </c>
      <c r="F1602" cm="1">
        <f t="array" ref="F1602">IFERROR(INDEX(Jesper!AJ$2:AJ$366,ROUNDDOWN($C1602/24,0)+1,1)*INDEX($D$3:$AA$30,INDEX(Jesper!$R$2:$R$366,ROW(INDEX(Jesper!AJ$2:AJ$366,ROUNDDOWN($C1602/24,0)+1,1))-1)+IF('Standard Profiles'!$G$20=$B$10,7,0)+IF('Standard Profiles'!$G$20=$B$17,14,0)+IF('Standard Profiles'!$G$20=$B$24,21,0),MOD($C1602,24)+1)/SUM(INDEX($D$3:$AA$30,INDEX(Jesper!$R$2:$R$366,ROW(INDEX(Jesper!AJ$2:AJ$366,ROUNDDOWN($C1602/24,0)+1,1))-1)+IF('Standard Profiles'!$G$20=$B$10,7,0)+IF('Standard Profiles'!$G$20=$B$17,14,0)+IF('Standard Profiles'!$G$20=$B$24,21,0),0)),0)</f>
        <v>0</v>
      </c>
      <c r="G1602" cm="1">
        <f t="array" ref="G1602">IFERROR(INDEX(Jesper!AK$2:AK$366,ROUNDDOWN($C1602/24,0)+1,1)*INDEX($D$3:$AA$30,INDEX(Jesper!$R$2:$R$366,ROW(INDEX(Jesper!AK$2:AK$366,ROUNDDOWN($C1602/24,0)+1,1))-1)+IF('Standard Profiles'!$G$21=$B$10,7,0)+IF('Standard Profiles'!$G$21=$B$17,14,0)+IF('Standard Profiles'!$G$21=$B$24,21,0),MOD($C1602,24)+1)/SUM(INDEX($D$3:$AA$30,INDEX(Jesper!$R$2:$R$366,ROW(INDEX(Jesper!AK$2:AK$366,ROUNDDOWN($C1602/24,0)+1,1))-1)+IF('Standard Profiles'!$G$21=$B$10,7,0)+IF('Standard Profiles'!$G$21=$B$17,14,0)+IF('Standard Profiles'!$G$21=$B$24,21,0),0)),0)</f>
        <v>17.822527330501813</v>
      </c>
      <c r="H1602" cm="1">
        <f t="array" ref="H1602">IFERROR(INDEX(Jesper!AL$2:AL$366,ROUNDDOWN($C1602/24,0)+1,1)*INDEX($D$3:$AA$30,INDEX(Jesper!$R$2:$R$366,ROW(INDEX(Jesper!AL$2:AL$366,ROUNDDOWN($C1602/24,0)+1,1))-1)+IF('Standard Profiles'!$G$22=$B$10,7,0)+IF('Standard Profiles'!$G$22=$B$17,14,0)+IF('Standard Profiles'!$G$22=$B$24,21,0),MOD($C1602,24)+1)/SUM(INDEX($D$3:$AA$30,INDEX(Jesper!$R$2:$R$366,ROW(INDEX(Jesper!AL$2:AL$366,ROUNDDOWN($C1602/24,0)+1,1))-1)+IF('Standard Profiles'!$G$22=$B$10,7,0)+IF('Standard Profiles'!$G$22=$B$17,14,0)+IF('Standard Profiles'!$G$22=$B$24,21,0),0)),0)</f>
        <v>0</v>
      </c>
      <c r="I1602">
        <f t="shared" si="188"/>
        <v>8.5548131186408654</v>
      </c>
      <c r="J1602">
        <f t="shared" si="189"/>
        <v>59.618653781760329</v>
      </c>
      <c r="K1602">
        <f t="shared" si="190"/>
        <v>2.9182573555113716</v>
      </c>
      <c r="L1602">
        <f t="shared" si="191"/>
        <v>1.4591286777556858</v>
      </c>
      <c r="M1602">
        <f t="shared" si="192"/>
        <v>0</v>
      </c>
      <c r="N1602" s="45">
        <f t="shared" si="193"/>
        <v>44992.33333332953</v>
      </c>
    </row>
    <row r="1603" spans="2:14" x14ac:dyDescent="0.25">
      <c r="B1603">
        <f t="shared" si="187"/>
        <v>2</v>
      </c>
      <c r="C1603" s="16">
        <v>1569</v>
      </c>
      <c r="D1603" cm="1">
        <f t="array" ref="D1603">IFERROR(INDEX(Jesper!AH$2:AH$366,ROUNDDOWN($C1603/24,0)+1,1)*INDEX($D$3:$AA$30,INDEX(Jesper!$R$2:$R$366,ROW(INDEX(Jesper!AH$2:AH$366,ROUNDDOWN($C1603/24,0)+1,1))-1)+IF('Standard Profiles'!$G$18=$B$10,7,0)+IF('Standard Profiles'!$G$18=$B$17,14,0)+IF('Standard Profiles'!$G$18=$B$24,21,0),MOD($C1603,24)+1)/SUM(INDEX($D$3:$AA$30,INDEX(Jesper!$R$2:$R$366,ROW(INDEX(Jesper!AH$2:AH$366,ROUNDDOWN($C1603/24,0)+1,1))-1)+IF('Standard Profiles'!$G$18=$B$10,7,0)+IF('Standard Profiles'!$G$18=$B$17,14,0)+IF('Standard Profiles'!$G$18=$B$24,21,0),0)),0)</f>
        <v>30.197769215344675</v>
      </c>
      <c r="E1603" cm="1">
        <f t="array" ref="E1603">IFERROR(INDEX(Jesper!AI$2:AI$366,ROUNDDOWN($C1603/24,0)+1,1)*INDEX($D$3:$AA$30,INDEX(Jesper!$R$2:$R$366,ROW(INDEX(Jesper!AI$2:AI$366,ROUNDDOWN($C1603/24,0)+1,1))-1)+IF('Standard Profiles'!$G$19=$B$10,7,0)+IF('Standard Profiles'!$G$19=$B$17,14,0)+IF('Standard Profiles'!$G$19=$B$24,21,0),MOD($C1603,24)+1)/SUM(INDEX($D$3:$AA$30,INDEX(Jesper!$R$2:$R$366,ROW(INDEX(Jesper!AI$2:AI$366,ROUNDDOWN($C1603/24,0)+1,1))-1)+IF('Standard Profiles'!$G$19=$B$10,7,0)+IF('Standard Profiles'!$G$19=$B$17,14,0)+IF('Standard Profiles'!$G$19=$B$24,21,0),0)),0)</f>
        <v>30.209910931546592</v>
      </c>
      <c r="F1603" cm="1">
        <f t="array" ref="F1603">IFERROR(INDEX(Jesper!AJ$2:AJ$366,ROUNDDOWN($C1603/24,0)+1,1)*INDEX($D$3:$AA$30,INDEX(Jesper!$R$2:$R$366,ROW(INDEX(Jesper!AJ$2:AJ$366,ROUNDDOWN($C1603/24,0)+1,1))-1)+IF('Standard Profiles'!$G$20=$B$10,7,0)+IF('Standard Profiles'!$G$20=$B$17,14,0)+IF('Standard Profiles'!$G$20=$B$24,21,0),MOD($C1603,24)+1)/SUM(INDEX($D$3:$AA$30,INDEX(Jesper!$R$2:$R$366,ROW(INDEX(Jesper!AJ$2:AJ$366,ROUNDDOWN($C1603/24,0)+1,1))-1)+IF('Standard Profiles'!$G$20=$B$10,7,0)+IF('Standard Profiles'!$G$20=$B$17,14,0)+IF('Standard Profiles'!$G$20=$B$24,21,0),0)),0)</f>
        <v>0</v>
      </c>
      <c r="G1603" cm="1">
        <f t="array" ref="G1603">IFERROR(INDEX(Jesper!AK$2:AK$366,ROUNDDOWN($C1603/24,0)+1,1)*INDEX($D$3:$AA$30,INDEX(Jesper!$R$2:$R$366,ROW(INDEX(Jesper!AK$2:AK$366,ROUNDDOWN($C1603/24,0)+1,1))-1)+IF('Standard Profiles'!$G$21=$B$10,7,0)+IF('Standard Profiles'!$G$21=$B$17,14,0)+IF('Standard Profiles'!$G$21=$B$24,21,0),MOD($C1603,24)+1)/SUM(INDEX($D$3:$AA$30,INDEX(Jesper!$R$2:$R$366,ROW(INDEX(Jesper!AK$2:AK$366,ROUNDDOWN($C1603/24,0)+1,1))-1)+IF('Standard Profiles'!$G$21=$B$10,7,0)+IF('Standard Profiles'!$G$21=$B$17,14,0)+IF('Standard Profiles'!$G$21=$B$24,21,0),0)),0)</f>
        <v>19.672034883667095</v>
      </c>
      <c r="H1603" cm="1">
        <f t="array" ref="H1603">IFERROR(INDEX(Jesper!AL$2:AL$366,ROUNDDOWN($C1603/24,0)+1,1)*INDEX($D$3:$AA$30,INDEX(Jesper!$R$2:$R$366,ROW(INDEX(Jesper!AL$2:AL$366,ROUNDDOWN($C1603/24,0)+1,1))-1)+IF('Standard Profiles'!$G$22=$B$10,7,0)+IF('Standard Profiles'!$G$22=$B$17,14,0)+IF('Standard Profiles'!$G$22=$B$24,21,0),MOD($C1603,24)+1)/SUM(INDEX($D$3:$AA$30,INDEX(Jesper!$R$2:$R$366,ROW(INDEX(Jesper!AL$2:AL$366,ROUNDDOWN($C1603/24,0)+1,1))-1)+IF('Standard Profiles'!$G$22=$B$10,7,0)+IF('Standard Profiles'!$G$22=$B$17,14,0)+IF('Standard Profiles'!$G$22=$B$24,21,0),0)),0)</f>
        <v>0</v>
      </c>
      <c r="I1603">
        <f t="shared" si="188"/>
        <v>9.4425767441602009</v>
      </c>
      <c r="J1603">
        <f t="shared" si="189"/>
        <v>65.805495211943011</v>
      </c>
      <c r="K1603">
        <f t="shared" si="190"/>
        <v>3.2210953829700988</v>
      </c>
      <c r="L1603">
        <f t="shared" si="191"/>
        <v>1.6105476914850494</v>
      </c>
      <c r="M1603">
        <f t="shared" si="192"/>
        <v>0</v>
      </c>
      <c r="N1603" s="45">
        <f t="shared" si="193"/>
        <v>44992.374999996195</v>
      </c>
    </row>
    <row r="1604" spans="2:14" x14ac:dyDescent="0.25">
      <c r="B1604">
        <f t="shared" si="187"/>
        <v>2</v>
      </c>
      <c r="C1604" s="16">
        <v>1570</v>
      </c>
      <c r="D1604" cm="1">
        <f t="array" ref="D1604">IFERROR(INDEX(Jesper!AH$2:AH$366,ROUNDDOWN($C1604/24,0)+1,1)*INDEX($D$3:$AA$30,INDEX(Jesper!$R$2:$R$366,ROW(INDEX(Jesper!AH$2:AH$366,ROUNDDOWN($C1604/24,0)+1,1))-1)+IF('Standard Profiles'!$G$18=$B$10,7,0)+IF('Standard Profiles'!$G$18=$B$17,14,0)+IF('Standard Profiles'!$G$18=$B$24,21,0),MOD($C1604,24)+1)/SUM(INDEX($D$3:$AA$30,INDEX(Jesper!$R$2:$R$366,ROW(INDEX(Jesper!AH$2:AH$366,ROUNDDOWN($C1604/24,0)+1,1))-1)+IF('Standard Profiles'!$G$18=$B$10,7,0)+IF('Standard Profiles'!$G$18=$B$17,14,0)+IF('Standard Profiles'!$G$18=$B$24,21,0),0)),0)</f>
        <v>30.197769215344675</v>
      </c>
      <c r="E1604" cm="1">
        <f t="array" ref="E1604">IFERROR(INDEX(Jesper!AI$2:AI$366,ROUNDDOWN($C1604/24,0)+1,1)*INDEX($D$3:$AA$30,INDEX(Jesper!$R$2:$R$366,ROW(INDEX(Jesper!AI$2:AI$366,ROUNDDOWN($C1604/24,0)+1,1))-1)+IF('Standard Profiles'!$G$19=$B$10,7,0)+IF('Standard Profiles'!$G$19=$B$17,14,0)+IF('Standard Profiles'!$G$19=$B$24,21,0),MOD($C1604,24)+1)/SUM(INDEX($D$3:$AA$30,INDEX(Jesper!$R$2:$R$366,ROW(INDEX(Jesper!AI$2:AI$366,ROUNDDOWN($C1604/24,0)+1,1))-1)+IF('Standard Profiles'!$G$19=$B$10,7,0)+IF('Standard Profiles'!$G$19=$B$17,14,0)+IF('Standard Profiles'!$G$19=$B$24,21,0),0)),0)</f>
        <v>30.209910931546592</v>
      </c>
      <c r="F1604" cm="1">
        <f t="array" ref="F1604">IFERROR(INDEX(Jesper!AJ$2:AJ$366,ROUNDDOWN($C1604/24,0)+1,1)*INDEX($D$3:$AA$30,INDEX(Jesper!$R$2:$R$366,ROW(INDEX(Jesper!AJ$2:AJ$366,ROUNDDOWN($C1604/24,0)+1,1))-1)+IF('Standard Profiles'!$G$20=$B$10,7,0)+IF('Standard Profiles'!$G$20=$B$17,14,0)+IF('Standard Profiles'!$G$20=$B$24,21,0),MOD($C1604,24)+1)/SUM(INDEX($D$3:$AA$30,INDEX(Jesper!$R$2:$R$366,ROW(INDEX(Jesper!AJ$2:AJ$366,ROUNDDOWN($C1604/24,0)+1,1))-1)+IF('Standard Profiles'!$G$20=$B$10,7,0)+IF('Standard Profiles'!$G$20=$B$17,14,0)+IF('Standard Profiles'!$G$20=$B$24,21,0),0)),0)</f>
        <v>0</v>
      </c>
      <c r="G1604" cm="1">
        <f t="array" ref="G1604">IFERROR(INDEX(Jesper!AK$2:AK$366,ROUNDDOWN($C1604/24,0)+1,1)*INDEX($D$3:$AA$30,INDEX(Jesper!$R$2:$R$366,ROW(INDEX(Jesper!AK$2:AK$366,ROUNDDOWN($C1604/24,0)+1,1))-1)+IF('Standard Profiles'!$G$21=$B$10,7,0)+IF('Standard Profiles'!$G$21=$B$17,14,0)+IF('Standard Profiles'!$G$21=$B$24,21,0),MOD($C1604,24)+1)/SUM(INDEX($D$3:$AA$30,INDEX(Jesper!$R$2:$R$366,ROW(INDEX(Jesper!AK$2:AK$366,ROUNDDOWN($C1604/24,0)+1,1))-1)+IF('Standard Profiles'!$G$21=$B$10,7,0)+IF('Standard Profiles'!$G$21=$B$17,14,0)+IF('Standard Profiles'!$G$21=$B$24,21,0),0)),0)</f>
        <v>19.672034883667095</v>
      </c>
      <c r="H1604" cm="1">
        <f t="array" ref="H1604">IFERROR(INDEX(Jesper!AL$2:AL$366,ROUNDDOWN($C1604/24,0)+1,1)*INDEX($D$3:$AA$30,INDEX(Jesper!$R$2:$R$366,ROW(INDEX(Jesper!AL$2:AL$366,ROUNDDOWN($C1604/24,0)+1,1))-1)+IF('Standard Profiles'!$G$22=$B$10,7,0)+IF('Standard Profiles'!$G$22=$B$17,14,0)+IF('Standard Profiles'!$G$22=$B$24,21,0),MOD($C1604,24)+1)/SUM(INDEX($D$3:$AA$30,INDEX(Jesper!$R$2:$R$366,ROW(INDEX(Jesper!AL$2:AL$366,ROUNDDOWN($C1604/24,0)+1,1))-1)+IF('Standard Profiles'!$G$22=$B$10,7,0)+IF('Standard Profiles'!$G$22=$B$17,14,0)+IF('Standard Profiles'!$G$22=$B$24,21,0),0)),0)</f>
        <v>0</v>
      </c>
      <c r="I1604">
        <f t="shared" si="188"/>
        <v>9.4425767441602009</v>
      </c>
      <c r="J1604">
        <f t="shared" si="189"/>
        <v>65.805495211943011</v>
      </c>
      <c r="K1604">
        <f t="shared" si="190"/>
        <v>3.2210953829700988</v>
      </c>
      <c r="L1604">
        <f t="shared" si="191"/>
        <v>1.6105476914850494</v>
      </c>
      <c r="M1604">
        <f t="shared" si="192"/>
        <v>0</v>
      </c>
      <c r="N1604" s="45">
        <f t="shared" si="193"/>
        <v>44992.416666662859</v>
      </c>
    </row>
    <row r="1605" spans="2:14" x14ac:dyDescent="0.25">
      <c r="B1605">
        <f t="shared" si="187"/>
        <v>2</v>
      </c>
      <c r="C1605" s="16">
        <v>1571</v>
      </c>
      <c r="D1605" cm="1">
        <f t="array" ref="D1605">IFERROR(INDEX(Jesper!AH$2:AH$366,ROUNDDOWN($C1605/24,0)+1,1)*INDEX($D$3:$AA$30,INDEX(Jesper!$R$2:$R$366,ROW(INDEX(Jesper!AH$2:AH$366,ROUNDDOWN($C1605/24,0)+1,1))-1)+IF('Standard Profiles'!$G$18=$B$10,7,0)+IF('Standard Profiles'!$G$18=$B$17,14,0)+IF('Standard Profiles'!$G$18=$B$24,21,0),MOD($C1605,24)+1)/SUM(INDEX($D$3:$AA$30,INDEX(Jesper!$R$2:$R$366,ROW(INDEX(Jesper!AH$2:AH$366,ROUNDDOWN($C1605/24,0)+1,1))-1)+IF('Standard Profiles'!$G$18=$B$10,7,0)+IF('Standard Profiles'!$G$18=$B$17,14,0)+IF('Standard Profiles'!$G$18=$B$24,21,0),0)),0)</f>
        <v>36.134082821779948</v>
      </c>
      <c r="E1605" cm="1">
        <f t="array" ref="E1605">IFERROR(INDEX(Jesper!AI$2:AI$366,ROUNDDOWN($C1605/24,0)+1,1)*INDEX($D$3:$AA$30,INDEX(Jesper!$R$2:$R$366,ROW(INDEX(Jesper!AI$2:AI$366,ROUNDDOWN($C1605/24,0)+1,1))-1)+IF('Standard Profiles'!$G$19=$B$10,7,0)+IF('Standard Profiles'!$G$19=$B$17,14,0)+IF('Standard Profiles'!$G$19=$B$24,21,0),MOD($C1605,24)+1)/SUM(INDEX($D$3:$AA$30,INDEX(Jesper!$R$2:$R$366,ROW(INDEX(Jesper!AI$2:AI$366,ROUNDDOWN($C1605/24,0)+1,1))-1)+IF('Standard Profiles'!$G$19=$B$10,7,0)+IF('Standard Profiles'!$G$19=$B$17,14,0)+IF('Standard Profiles'!$G$19=$B$24,21,0),0)),0)</f>
        <v>36.148611371081387</v>
      </c>
      <c r="F1605" cm="1">
        <f t="array" ref="F1605">IFERROR(INDEX(Jesper!AJ$2:AJ$366,ROUNDDOWN($C1605/24,0)+1,1)*INDEX($D$3:$AA$30,INDEX(Jesper!$R$2:$R$366,ROW(INDEX(Jesper!AJ$2:AJ$366,ROUNDDOWN($C1605/24,0)+1,1))-1)+IF('Standard Profiles'!$G$20=$B$10,7,0)+IF('Standard Profiles'!$G$20=$B$17,14,0)+IF('Standard Profiles'!$G$20=$B$24,21,0),MOD($C1605,24)+1)/SUM(INDEX($D$3:$AA$30,INDEX(Jesper!$R$2:$R$366,ROW(INDEX(Jesper!AJ$2:AJ$366,ROUNDDOWN($C1605/24,0)+1,1))-1)+IF('Standard Profiles'!$G$20=$B$10,7,0)+IF('Standard Profiles'!$G$20=$B$17,14,0)+IF('Standard Profiles'!$G$20=$B$24,21,0),0)),0)</f>
        <v>0</v>
      </c>
      <c r="G1605" cm="1">
        <f t="array" ref="G1605">IFERROR(INDEX(Jesper!AK$2:AK$366,ROUNDDOWN($C1605/24,0)+1,1)*INDEX($D$3:$AA$30,INDEX(Jesper!$R$2:$R$366,ROW(INDEX(Jesper!AK$2:AK$366,ROUNDDOWN($C1605/24,0)+1,1))-1)+IF('Standard Profiles'!$G$21=$B$10,7,0)+IF('Standard Profiles'!$G$21=$B$17,14,0)+IF('Standard Profiles'!$G$21=$B$24,21,0),MOD($C1605,24)+1)/SUM(INDEX($D$3:$AA$30,INDEX(Jesper!$R$2:$R$366,ROW(INDEX(Jesper!AK$2:AK$366,ROUNDDOWN($C1605/24,0)+1,1))-1)+IF('Standard Profiles'!$G$21=$B$10,7,0)+IF('Standard Profiles'!$G$21=$B$17,14,0)+IF('Standard Profiles'!$G$21=$B$24,21,0),0)),0)</f>
        <v>23.539187040285416</v>
      </c>
      <c r="H1605" cm="1">
        <f t="array" ref="H1605">IFERROR(INDEX(Jesper!AL$2:AL$366,ROUNDDOWN($C1605/24,0)+1,1)*INDEX($D$3:$AA$30,INDEX(Jesper!$R$2:$R$366,ROW(INDEX(Jesper!AL$2:AL$366,ROUNDDOWN($C1605/24,0)+1,1))-1)+IF('Standard Profiles'!$G$22=$B$10,7,0)+IF('Standard Profiles'!$G$22=$B$17,14,0)+IF('Standard Profiles'!$G$22=$B$24,21,0),MOD($C1605,24)+1)/SUM(INDEX($D$3:$AA$30,INDEX(Jesper!$R$2:$R$366,ROW(INDEX(Jesper!AL$2:AL$366,ROUNDDOWN($C1605/24,0)+1,1))-1)+IF('Standard Profiles'!$G$22=$B$10,7,0)+IF('Standard Profiles'!$G$22=$B$17,14,0)+IF('Standard Profiles'!$G$22=$B$24,21,0),0)),0)</f>
        <v>0</v>
      </c>
      <c r="I1605">
        <f t="shared" si="188"/>
        <v>11.298809779336993</v>
      </c>
      <c r="J1605">
        <f t="shared" si="189"/>
        <v>78.741618202324972</v>
      </c>
      <c r="K1605">
        <f t="shared" si="190"/>
        <v>3.8543021676565279</v>
      </c>
      <c r="L1605">
        <f t="shared" si="191"/>
        <v>1.9271510838282639</v>
      </c>
      <c r="M1605">
        <f t="shared" si="192"/>
        <v>0</v>
      </c>
      <c r="N1605" s="45">
        <f t="shared" si="193"/>
        <v>44992.458333329523</v>
      </c>
    </row>
    <row r="1606" spans="2:14" x14ac:dyDescent="0.25">
      <c r="B1606">
        <f t="shared" si="187"/>
        <v>2</v>
      </c>
      <c r="C1606" s="16">
        <v>1572</v>
      </c>
      <c r="D1606" cm="1">
        <f t="array" ref="D1606">IFERROR(INDEX(Jesper!AH$2:AH$366,ROUNDDOWN($C1606/24,0)+1,1)*INDEX($D$3:$AA$30,INDEX(Jesper!$R$2:$R$366,ROW(INDEX(Jesper!AH$2:AH$366,ROUNDDOWN($C1606/24,0)+1,1))-1)+IF('Standard Profiles'!$G$18=$B$10,7,0)+IF('Standard Profiles'!$G$18=$B$17,14,0)+IF('Standard Profiles'!$G$18=$B$24,21,0),MOD($C1606,24)+1)/SUM(INDEX($D$3:$AA$30,INDEX(Jesper!$R$2:$R$366,ROW(INDEX(Jesper!AH$2:AH$366,ROUNDDOWN($C1606/24,0)+1,1))-1)+IF('Standard Profiles'!$G$18=$B$10,7,0)+IF('Standard Profiles'!$G$18=$B$17,14,0)+IF('Standard Profiles'!$G$18=$B$24,21,0),0)),0)</f>
        <v>36.134082821779948</v>
      </c>
      <c r="E1606" cm="1">
        <f t="array" ref="E1606">IFERROR(INDEX(Jesper!AI$2:AI$366,ROUNDDOWN($C1606/24,0)+1,1)*INDEX($D$3:$AA$30,INDEX(Jesper!$R$2:$R$366,ROW(INDEX(Jesper!AI$2:AI$366,ROUNDDOWN($C1606/24,0)+1,1))-1)+IF('Standard Profiles'!$G$19=$B$10,7,0)+IF('Standard Profiles'!$G$19=$B$17,14,0)+IF('Standard Profiles'!$G$19=$B$24,21,0),MOD($C1606,24)+1)/SUM(INDEX($D$3:$AA$30,INDEX(Jesper!$R$2:$R$366,ROW(INDEX(Jesper!AI$2:AI$366,ROUNDDOWN($C1606/24,0)+1,1))-1)+IF('Standard Profiles'!$G$19=$B$10,7,0)+IF('Standard Profiles'!$G$19=$B$17,14,0)+IF('Standard Profiles'!$G$19=$B$24,21,0),0)),0)</f>
        <v>36.148611371081387</v>
      </c>
      <c r="F1606" cm="1">
        <f t="array" ref="F1606">IFERROR(INDEX(Jesper!AJ$2:AJ$366,ROUNDDOWN($C1606/24,0)+1,1)*INDEX($D$3:$AA$30,INDEX(Jesper!$R$2:$R$366,ROW(INDEX(Jesper!AJ$2:AJ$366,ROUNDDOWN($C1606/24,0)+1,1))-1)+IF('Standard Profiles'!$G$20=$B$10,7,0)+IF('Standard Profiles'!$G$20=$B$17,14,0)+IF('Standard Profiles'!$G$20=$B$24,21,0),MOD($C1606,24)+1)/SUM(INDEX($D$3:$AA$30,INDEX(Jesper!$R$2:$R$366,ROW(INDEX(Jesper!AJ$2:AJ$366,ROUNDDOWN($C1606/24,0)+1,1))-1)+IF('Standard Profiles'!$G$20=$B$10,7,0)+IF('Standard Profiles'!$G$20=$B$17,14,0)+IF('Standard Profiles'!$G$20=$B$24,21,0),0)),0)</f>
        <v>0</v>
      </c>
      <c r="G1606" cm="1">
        <f t="array" ref="G1606">IFERROR(INDEX(Jesper!AK$2:AK$366,ROUNDDOWN($C1606/24,0)+1,1)*INDEX($D$3:$AA$30,INDEX(Jesper!$R$2:$R$366,ROW(INDEX(Jesper!AK$2:AK$366,ROUNDDOWN($C1606/24,0)+1,1))-1)+IF('Standard Profiles'!$G$21=$B$10,7,0)+IF('Standard Profiles'!$G$21=$B$17,14,0)+IF('Standard Profiles'!$G$21=$B$24,21,0),MOD($C1606,24)+1)/SUM(INDEX($D$3:$AA$30,INDEX(Jesper!$R$2:$R$366,ROW(INDEX(Jesper!AK$2:AK$366,ROUNDDOWN($C1606/24,0)+1,1))-1)+IF('Standard Profiles'!$G$21=$B$10,7,0)+IF('Standard Profiles'!$G$21=$B$17,14,0)+IF('Standard Profiles'!$G$21=$B$24,21,0),0)),0)</f>
        <v>23.539187040285416</v>
      </c>
      <c r="H1606" cm="1">
        <f t="array" ref="H1606">IFERROR(INDEX(Jesper!AL$2:AL$366,ROUNDDOWN($C1606/24,0)+1,1)*INDEX($D$3:$AA$30,INDEX(Jesper!$R$2:$R$366,ROW(INDEX(Jesper!AL$2:AL$366,ROUNDDOWN($C1606/24,0)+1,1))-1)+IF('Standard Profiles'!$G$22=$B$10,7,0)+IF('Standard Profiles'!$G$22=$B$17,14,0)+IF('Standard Profiles'!$G$22=$B$24,21,0),MOD($C1606,24)+1)/SUM(INDEX($D$3:$AA$30,INDEX(Jesper!$R$2:$R$366,ROW(INDEX(Jesper!AL$2:AL$366,ROUNDDOWN($C1606/24,0)+1,1))-1)+IF('Standard Profiles'!$G$22=$B$10,7,0)+IF('Standard Profiles'!$G$22=$B$17,14,0)+IF('Standard Profiles'!$G$22=$B$24,21,0),0)),0)</f>
        <v>0</v>
      </c>
      <c r="I1606">
        <f t="shared" si="188"/>
        <v>11.298809779336993</v>
      </c>
      <c r="J1606">
        <f t="shared" si="189"/>
        <v>78.741618202324972</v>
      </c>
      <c r="K1606">
        <f t="shared" si="190"/>
        <v>3.8543021676565279</v>
      </c>
      <c r="L1606">
        <f t="shared" si="191"/>
        <v>1.9271510838282639</v>
      </c>
      <c r="M1606">
        <f t="shared" si="192"/>
        <v>0</v>
      </c>
      <c r="N1606" s="45">
        <f t="shared" si="193"/>
        <v>44992.499999996187</v>
      </c>
    </row>
    <row r="1607" spans="2:14" x14ac:dyDescent="0.25">
      <c r="B1607">
        <f t="shared" si="187"/>
        <v>2</v>
      </c>
      <c r="C1607" s="16">
        <v>1573</v>
      </c>
      <c r="D1607" cm="1">
        <f t="array" ref="D1607">IFERROR(INDEX(Jesper!AH$2:AH$366,ROUNDDOWN($C1607/24,0)+1,1)*INDEX($D$3:$AA$30,INDEX(Jesper!$R$2:$R$366,ROW(INDEX(Jesper!AH$2:AH$366,ROUNDDOWN($C1607/24,0)+1,1))-1)+IF('Standard Profiles'!$G$18=$B$10,7,0)+IF('Standard Profiles'!$G$18=$B$17,14,0)+IF('Standard Profiles'!$G$18=$B$24,21,0),MOD($C1607,24)+1)/SUM(INDEX($D$3:$AA$30,INDEX(Jesper!$R$2:$R$366,ROW(INDEX(Jesper!AH$2:AH$366,ROUNDDOWN($C1607/24,0)+1,1))-1)+IF('Standard Profiles'!$G$18=$B$10,7,0)+IF('Standard Profiles'!$G$18=$B$17,14,0)+IF('Standard Profiles'!$G$18=$B$24,21,0),0)),0)</f>
        <v>24.003355017325251</v>
      </c>
      <c r="E1607" cm="1">
        <f t="array" ref="E1607">IFERROR(INDEX(Jesper!AI$2:AI$366,ROUNDDOWN($C1607/24,0)+1,1)*INDEX($D$3:$AA$30,INDEX(Jesper!$R$2:$R$366,ROW(INDEX(Jesper!AI$2:AI$366,ROUNDDOWN($C1607/24,0)+1,1))-1)+IF('Standard Profiles'!$G$19=$B$10,7,0)+IF('Standard Profiles'!$G$19=$B$17,14,0)+IF('Standard Profiles'!$G$19=$B$24,21,0),MOD($C1607,24)+1)/SUM(INDEX($D$3:$AA$30,INDEX(Jesper!$R$2:$R$366,ROW(INDEX(Jesper!AI$2:AI$366,ROUNDDOWN($C1607/24,0)+1,1))-1)+IF('Standard Profiles'!$G$19=$B$10,7,0)+IF('Standard Profiles'!$G$19=$B$17,14,0)+IF('Standard Profiles'!$G$19=$B$24,21,0),0)),0)</f>
        <v>24.013006125075492</v>
      </c>
      <c r="F1607" cm="1">
        <f t="array" ref="F1607">IFERROR(INDEX(Jesper!AJ$2:AJ$366,ROUNDDOWN($C1607/24,0)+1,1)*INDEX($D$3:$AA$30,INDEX(Jesper!$R$2:$R$366,ROW(INDEX(Jesper!AJ$2:AJ$366,ROUNDDOWN($C1607/24,0)+1,1))-1)+IF('Standard Profiles'!$G$20=$B$10,7,0)+IF('Standard Profiles'!$G$20=$B$17,14,0)+IF('Standard Profiles'!$G$20=$B$24,21,0),MOD($C1607,24)+1)/SUM(INDEX($D$3:$AA$30,INDEX(Jesper!$R$2:$R$366,ROW(INDEX(Jesper!AJ$2:AJ$366,ROUNDDOWN($C1607/24,0)+1,1))-1)+IF('Standard Profiles'!$G$20=$B$10,7,0)+IF('Standard Profiles'!$G$20=$B$17,14,0)+IF('Standard Profiles'!$G$20=$B$24,21,0),0)),0)</f>
        <v>0</v>
      </c>
      <c r="G1607" cm="1">
        <f t="array" ref="G1607">IFERROR(INDEX(Jesper!AK$2:AK$366,ROUNDDOWN($C1607/24,0)+1,1)*INDEX($D$3:$AA$30,INDEX(Jesper!$R$2:$R$366,ROW(INDEX(Jesper!AK$2:AK$366,ROUNDDOWN($C1607/24,0)+1,1))-1)+IF('Standard Profiles'!$G$21=$B$10,7,0)+IF('Standard Profiles'!$G$21=$B$17,14,0)+IF('Standard Profiles'!$G$21=$B$24,21,0),MOD($C1607,24)+1)/SUM(INDEX($D$3:$AA$30,INDEX(Jesper!$R$2:$R$366,ROW(INDEX(Jesper!AK$2:AK$366,ROUNDDOWN($C1607/24,0)+1,1))-1)+IF('Standard Profiles'!$G$21=$B$10,7,0)+IF('Standard Profiles'!$G$21=$B$17,14,0)+IF('Standard Profiles'!$G$21=$B$24,21,0),0)),0)</f>
        <v>15.636745676761025</v>
      </c>
      <c r="H1607" cm="1">
        <f t="array" ref="H1607">IFERROR(INDEX(Jesper!AL$2:AL$366,ROUNDDOWN($C1607/24,0)+1,1)*INDEX($D$3:$AA$30,INDEX(Jesper!$R$2:$R$366,ROW(INDEX(Jesper!AL$2:AL$366,ROUNDDOWN($C1607/24,0)+1,1))-1)+IF('Standard Profiles'!$G$22=$B$10,7,0)+IF('Standard Profiles'!$G$22=$B$17,14,0)+IF('Standard Profiles'!$G$22=$B$24,21,0),MOD($C1607,24)+1)/SUM(INDEX($D$3:$AA$30,INDEX(Jesper!$R$2:$R$366,ROW(INDEX(Jesper!AL$2:AL$366,ROUNDDOWN($C1607/24,0)+1,1))-1)+IF('Standard Profiles'!$G$22=$B$10,7,0)+IF('Standard Profiles'!$G$22=$B$17,14,0)+IF('Standard Profiles'!$G$22=$B$24,21,0),0)),0)</f>
        <v>0</v>
      </c>
      <c r="I1607">
        <f t="shared" si="188"/>
        <v>7.5056379248452885</v>
      </c>
      <c r="J1607">
        <f t="shared" si="189"/>
        <v>52.306932091544439</v>
      </c>
      <c r="K1607">
        <f t="shared" si="190"/>
        <v>2.5603578685146937</v>
      </c>
      <c r="L1607">
        <f t="shared" si="191"/>
        <v>1.2801789342573469</v>
      </c>
      <c r="M1607">
        <f t="shared" si="192"/>
        <v>0</v>
      </c>
      <c r="N1607" s="45">
        <f t="shared" si="193"/>
        <v>44992.541666662852</v>
      </c>
    </row>
    <row r="1608" spans="2:14" x14ac:dyDescent="0.25">
      <c r="B1608">
        <f t="shared" si="187"/>
        <v>2</v>
      </c>
      <c r="C1608" s="16">
        <v>1574</v>
      </c>
      <c r="D1608" cm="1">
        <f t="array" ref="D1608">IFERROR(INDEX(Jesper!AH$2:AH$366,ROUNDDOWN($C1608/24,0)+1,1)*INDEX($D$3:$AA$30,INDEX(Jesper!$R$2:$R$366,ROW(INDEX(Jesper!AH$2:AH$366,ROUNDDOWN($C1608/24,0)+1,1))-1)+IF('Standard Profiles'!$G$18=$B$10,7,0)+IF('Standard Profiles'!$G$18=$B$17,14,0)+IF('Standard Profiles'!$G$18=$B$24,21,0),MOD($C1608,24)+1)/SUM(INDEX($D$3:$AA$30,INDEX(Jesper!$R$2:$R$366,ROW(INDEX(Jesper!AH$2:AH$366,ROUNDDOWN($C1608/24,0)+1,1))-1)+IF('Standard Profiles'!$G$18=$B$10,7,0)+IF('Standard Profiles'!$G$18=$B$17,14,0)+IF('Standard Profiles'!$G$18=$B$24,21,0),0)),0)</f>
        <v>36.134082821779948</v>
      </c>
      <c r="E1608" cm="1">
        <f t="array" ref="E1608">IFERROR(INDEX(Jesper!AI$2:AI$366,ROUNDDOWN($C1608/24,0)+1,1)*INDEX($D$3:$AA$30,INDEX(Jesper!$R$2:$R$366,ROW(INDEX(Jesper!AI$2:AI$366,ROUNDDOWN($C1608/24,0)+1,1))-1)+IF('Standard Profiles'!$G$19=$B$10,7,0)+IF('Standard Profiles'!$G$19=$B$17,14,0)+IF('Standard Profiles'!$G$19=$B$24,21,0),MOD($C1608,24)+1)/SUM(INDEX($D$3:$AA$30,INDEX(Jesper!$R$2:$R$366,ROW(INDEX(Jesper!AI$2:AI$366,ROUNDDOWN($C1608/24,0)+1,1))-1)+IF('Standard Profiles'!$G$19=$B$10,7,0)+IF('Standard Profiles'!$G$19=$B$17,14,0)+IF('Standard Profiles'!$G$19=$B$24,21,0),0)),0)</f>
        <v>36.148611371081387</v>
      </c>
      <c r="F1608" cm="1">
        <f t="array" ref="F1608">IFERROR(INDEX(Jesper!AJ$2:AJ$366,ROUNDDOWN($C1608/24,0)+1,1)*INDEX($D$3:$AA$30,INDEX(Jesper!$R$2:$R$366,ROW(INDEX(Jesper!AJ$2:AJ$366,ROUNDDOWN($C1608/24,0)+1,1))-1)+IF('Standard Profiles'!$G$20=$B$10,7,0)+IF('Standard Profiles'!$G$20=$B$17,14,0)+IF('Standard Profiles'!$G$20=$B$24,21,0),MOD($C1608,24)+1)/SUM(INDEX($D$3:$AA$30,INDEX(Jesper!$R$2:$R$366,ROW(INDEX(Jesper!AJ$2:AJ$366,ROUNDDOWN($C1608/24,0)+1,1))-1)+IF('Standard Profiles'!$G$20=$B$10,7,0)+IF('Standard Profiles'!$G$20=$B$17,14,0)+IF('Standard Profiles'!$G$20=$B$24,21,0),0)),0)</f>
        <v>0</v>
      </c>
      <c r="G1608" cm="1">
        <f t="array" ref="G1608">IFERROR(INDEX(Jesper!AK$2:AK$366,ROUNDDOWN($C1608/24,0)+1,1)*INDEX($D$3:$AA$30,INDEX(Jesper!$R$2:$R$366,ROW(INDEX(Jesper!AK$2:AK$366,ROUNDDOWN($C1608/24,0)+1,1))-1)+IF('Standard Profiles'!$G$21=$B$10,7,0)+IF('Standard Profiles'!$G$21=$B$17,14,0)+IF('Standard Profiles'!$G$21=$B$24,21,0),MOD($C1608,24)+1)/SUM(INDEX($D$3:$AA$30,INDEX(Jesper!$R$2:$R$366,ROW(INDEX(Jesper!AK$2:AK$366,ROUNDDOWN($C1608/24,0)+1,1))-1)+IF('Standard Profiles'!$G$21=$B$10,7,0)+IF('Standard Profiles'!$G$21=$B$17,14,0)+IF('Standard Profiles'!$G$21=$B$24,21,0),0)),0)</f>
        <v>23.539187040285416</v>
      </c>
      <c r="H1608" cm="1">
        <f t="array" ref="H1608">IFERROR(INDEX(Jesper!AL$2:AL$366,ROUNDDOWN($C1608/24,0)+1,1)*INDEX($D$3:$AA$30,INDEX(Jesper!$R$2:$R$366,ROW(INDEX(Jesper!AL$2:AL$366,ROUNDDOWN($C1608/24,0)+1,1))-1)+IF('Standard Profiles'!$G$22=$B$10,7,0)+IF('Standard Profiles'!$G$22=$B$17,14,0)+IF('Standard Profiles'!$G$22=$B$24,21,0),MOD($C1608,24)+1)/SUM(INDEX($D$3:$AA$30,INDEX(Jesper!$R$2:$R$366,ROW(INDEX(Jesper!AL$2:AL$366,ROUNDDOWN($C1608/24,0)+1,1))-1)+IF('Standard Profiles'!$G$22=$B$10,7,0)+IF('Standard Profiles'!$G$22=$B$17,14,0)+IF('Standard Profiles'!$G$22=$B$24,21,0),0)),0)</f>
        <v>0</v>
      </c>
      <c r="I1608">
        <f t="shared" si="188"/>
        <v>11.298809779336993</v>
      </c>
      <c r="J1608">
        <f t="shared" si="189"/>
        <v>78.741618202324972</v>
      </c>
      <c r="K1608">
        <f t="shared" si="190"/>
        <v>3.8543021676565279</v>
      </c>
      <c r="L1608">
        <f t="shared" si="191"/>
        <v>1.9271510838282639</v>
      </c>
      <c r="M1608">
        <f t="shared" si="192"/>
        <v>0</v>
      </c>
      <c r="N1608" s="45">
        <f t="shared" si="193"/>
        <v>44992.583333329516</v>
      </c>
    </row>
    <row r="1609" spans="2:14" x14ac:dyDescent="0.25">
      <c r="B1609">
        <f t="shared" si="187"/>
        <v>2</v>
      </c>
      <c r="C1609" s="16">
        <v>1575</v>
      </c>
      <c r="D1609" cm="1">
        <f t="array" ref="D1609">IFERROR(INDEX(Jesper!AH$2:AH$366,ROUNDDOWN($C1609/24,0)+1,1)*INDEX($D$3:$AA$30,INDEX(Jesper!$R$2:$R$366,ROW(INDEX(Jesper!AH$2:AH$366,ROUNDDOWN($C1609/24,0)+1,1))-1)+IF('Standard Profiles'!$G$18=$B$10,7,0)+IF('Standard Profiles'!$G$18=$B$17,14,0)+IF('Standard Profiles'!$G$18=$B$24,21,0),MOD($C1609,24)+1)/SUM(INDEX($D$3:$AA$30,INDEX(Jesper!$R$2:$R$366,ROW(INDEX(Jesper!AH$2:AH$366,ROUNDDOWN($C1609/24,0)+1,1))-1)+IF('Standard Profiles'!$G$18=$B$10,7,0)+IF('Standard Profiles'!$G$18=$B$17,14,0)+IF('Standard Profiles'!$G$18=$B$24,21,0),0)),0)</f>
        <v>36.134082821779948</v>
      </c>
      <c r="E1609" cm="1">
        <f t="array" ref="E1609">IFERROR(INDEX(Jesper!AI$2:AI$366,ROUNDDOWN($C1609/24,0)+1,1)*INDEX($D$3:$AA$30,INDEX(Jesper!$R$2:$R$366,ROW(INDEX(Jesper!AI$2:AI$366,ROUNDDOWN($C1609/24,0)+1,1))-1)+IF('Standard Profiles'!$G$19=$B$10,7,0)+IF('Standard Profiles'!$G$19=$B$17,14,0)+IF('Standard Profiles'!$G$19=$B$24,21,0),MOD($C1609,24)+1)/SUM(INDEX($D$3:$AA$30,INDEX(Jesper!$R$2:$R$366,ROW(INDEX(Jesper!AI$2:AI$366,ROUNDDOWN($C1609/24,0)+1,1))-1)+IF('Standard Profiles'!$G$19=$B$10,7,0)+IF('Standard Profiles'!$G$19=$B$17,14,0)+IF('Standard Profiles'!$G$19=$B$24,21,0),0)),0)</f>
        <v>36.148611371081387</v>
      </c>
      <c r="F1609" cm="1">
        <f t="array" ref="F1609">IFERROR(INDEX(Jesper!AJ$2:AJ$366,ROUNDDOWN($C1609/24,0)+1,1)*INDEX($D$3:$AA$30,INDEX(Jesper!$R$2:$R$366,ROW(INDEX(Jesper!AJ$2:AJ$366,ROUNDDOWN($C1609/24,0)+1,1))-1)+IF('Standard Profiles'!$G$20=$B$10,7,0)+IF('Standard Profiles'!$G$20=$B$17,14,0)+IF('Standard Profiles'!$G$20=$B$24,21,0),MOD($C1609,24)+1)/SUM(INDEX($D$3:$AA$30,INDEX(Jesper!$R$2:$R$366,ROW(INDEX(Jesper!AJ$2:AJ$366,ROUNDDOWN($C1609/24,0)+1,1))-1)+IF('Standard Profiles'!$G$20=$B$10,7,0)+IF('Standard Profiles'!$G$20=$B$17,14,0)+IF('Standard Profiles'!$G$20=$B$24,21,0),0)),0)</f>
        <v>0</v>
      </c>
      <c r="G1609" cm="1">
        <f t="array" ref="G1609">IFERROR(INDEX(Jesper!AK$2:AK$366,ROUNDDOWN($C1609/24,0)+1,1)*INDEX($D$3:$AA$30,INDEX(Jesper!$R$2:$R$366,ROW(INDEX(Jesper!AK$2:AK$366,ROUNDDOWN($C1609/24,0)+1,1))-1)+IF('Standard Profiles'!$G$21=$B$10,7,0)+IF('Standard Profiles'!$G$21=$B$17,14,0)+IF('Standard Profiles'!$G$21=$B$24,21,0),MOD($C1609,24)+1)/SUM(INDEX($D$3:$AA$30,INDEX(Jesper!$R$2:$R$366,ROW(INDEX(Jesper!AK$2:AK$366,ROUNDDOWN($C1609/24,0)+1,1))-1)+IF('Standard Profiles'!$G$21=$B$10,7,0)+IF('Standard Profiles'!$G$21=$B$17,14,0)+IF('Standard Profiles'!$G$21=$B$24,21,0),0)),0)</f>
        <v>23.539187040285416</v>
      </c>
      <c r="H1609" cm="1">
        <f t="array" ref="H1609">IFERROR(INDEX(Jesper!AL$2:AL$366,ROUNDDOWN($C1609/24,0)+1,1)*INDEX($D$3:$AA$30,INDEX(Jesper!$R$2:$R$366,ROW(INDEX(Jesper!AL$2:AL$366,ROUNDDOWN($C1609/24,0)+1,1))-1)+IF('Standard Profiles'!$G$22=$B$10,7,0)+IF('Standard Profiles'!$G$22=$B$17,14,0)+IF('Standard Profiles'!$G$22=$B$24,21,0),MOD($C1609,24)+1)/SUM(INDEX($D$3:$AA$30,INDEX(Jesper!$R$2:$R$366,ROW(INDEX(Jesper!AL$2:AL$366,ROUNDDOWN($C1609/24,0)+1,1))-1)+IF('Standard Profiles'!$G$22=$B$10,7,0)+IF('Standard Profiles'!$G$22=$B$17,14,0)+IF('Standard Profiles'!$G$22=$B$24,21,0),0)),0)</f>
        <v>0</v>
      </c>
      <c r="I1609">
        <f t="shared" si="188"/>
        <v>11.298809779336993</v>
      </c>
      <c r="J1609">
        <f t="shared" si="189"/>
        <v>78.741618202324972</v>
      </c>
      <c r="K1609">
        <f t="shared" si="190"/>
        <v>3.8543021676565279</v>
      </c>
      <c r="L1609">
        <f t="shared" si="191"/>
        <v>1.9271510838282639</v>
      </c>
      <c r="M1609">
        <f t="shared" si="192"/>
        <v>0</v>
      </c>
      <c r="N1609" s="45">
        <f t="shared" si="193"/>
        <v>44992.62499999618</v>
      </c>
    </row>
    <row r="1610" spans="2:14" x14ac:dyDescent="0.25">
      <c r="B1610">
        <f t="shared" si="187"/>
        <v>2</v>
      </c>
      <c r="C1610" s="16">
        <v>1576</v>
      </c>
      <c r="D1610" cm="1">
        <f t="array" ref="D1610">IFERROR(INDEX(Jesper!AH$2:AH$366,ROUNDDOWN($C1610/24,0)+1,1)*INDEX($D$3:$AA$30,INDEX(Jesper!$R$2:$R$366,ROW(INDEX(Jesper!AH$2:AH$366,ROUNDDOWN($C1610/24,0)+1,1))-1)+IF('Standard Profiles'!$G$18=$B$10,7,0)+IF('Standard Profiles'!$G$18=$B$17,14,0)+IF('Standard Profiles'!$G$18=$B$24,21,0),MOD($C1610,24)+1)/SUM(INDEX($D$3:$AA$30,INDEX(Jesper!$R$2:$R$366,ROW(INDEX(Jesper!AH$2:AH$366,ROUNDDOWN($C1610/24,0)+1,1))-1)+IF('Standard Profiles'!$G$18=$B$10,7,0)+IF('Standard Profiles'!$G$18=$B$17,14,0)+IF('Standard Profiles'!$G$18=$B$24,21,0),0)),0)</f>
        <v>21.293298805691755</v>
      </c>
      <c r="E1610" cm="1">
        <f t="array" ref="E1610">IFERROR(INDEX(Jesper!AI$2:AI$366,ROUNDDOWN($C1610/24,0)+1,1)*INDEX($D$3:$AA$30,INDEX(Jesper!$R$2:$R$366,ROW(INDEX(Jesper!AI$2:AI$366,ROUNDDOWN($C1610/24,0)+1,1))-1)+IF('Standard Profiles'!$G$19=$B$10,7,0)+IF('Standard Profiles'!$G$19=$B$17,14,0)+IF('Standard Profiles'!$G$19=$B$24,21,0),MOD($C1610,24)+1)/SUM(INDEX($D$3:$AA$30,INDEX(Jesper!$R$2:$R$366,ROW(INDEX(Jesper!AI$2:AI$366,ROUNDDOWN($C1610/24,0)+1,1))-1)+IF('Standard Profiles'!$G$19=$B$10,7,0)+IF('Standard Profiles'!$G$19=$B$17,14,0)+IF('Standard Profiles'!$G$19=$B$24,21,0),0)),0)</f>
        <v>21.30186027224439</v>
      </c>
      <c r="F1610" cm="1">
        <f t="array" ref="F1610">IFERROR(INDEX(Jesper!AJ$2:AJ$366,ROUNDDOWN($C1610/24,0)+1,1)*INDEX($D$3:$AA$30,INDEX(Jesper!$R$2:$R$366,ROW(INDEX(Jesper!AJ$2:AJ$366,ROUNDDOWN($C1610/24,0)+1,1))-1)+IF('Standard Profiles'!$G$20=$B$10,7,0)+IF('Standard Profiles'!$G$20=$B$17,14,0)+IF('Standard Profiles'!$G$20=$B$24,21,0),MOD($C1610,24)+1)/SUM(INDEX($D$3:$AA$30,INDEX(Jesper!$R$2:$R$366,ROW(INDEX(Jesper!AJ$2:AJ$366,ROUNDDOWN($C1610/24,0)+1,1))-1)+IF('Standard Profiles'!$G$20=$B$10,7,0)+IF('Standard Profiles'!$G$20=$B$17,14,0)+IF('Standard Profiles'!$G$20=$B$24,21,0),0)),0)</f>
        <v>0</v>
      </c>
      <c r="G1610" cm="1">
        <f t="array" ref="G1610">IFERROR(INDEX(Jesper!AK$2:AK$366,ROUNDDOWN($C1610/24,0)+1,1)*INDEX($D$3:$AA$30,INDEX(Jesper!$R$2:$R$366,ROW(INDEX(Jesper!AK$2:AK$366,ROUNDDOWN($C1610/24,0)+1,1))-1)+IF('Standard Profiles'!$G$21=$B$10,7,0)+IF('Standard Profiles'!$G$21=$B$17,14,0)+IF('Standard Profiles'!$G$21=$B$24,21,0),MOD($C1610,24)+1)/SUM(INDEX($D$3:$AA$30,INDEX(Jesper!$R$2:$R$366,ROW(INDEX(Jesper!AK$2:AK$366,ROUNDDOWN($C1610/24,0)+1,1))-1)+IF('Standard Profiles'!$G$21=$B$10,7,0)+IF('Standard Profiles'!$G$21=$B$17,14,0)+IF('Standard Profiles'!$G$21=$B$24,21,0),0)),0)</f>
        <v>19.675612267715774</v>
      </c>
      <c r="H1610" cm="1">
        <f t="array" ref="H1610">IFERROR(INDEX(Jesper!AL$2:AL$366,ROUNDDOWN($C1610/24,0)+1,1)*INDEX($D$3:$AA$30,INDEX(Jesper!$R$2:$R$366,ROW(INDEX(Jesper!AL$2:AL$366,ROUNDDOWN($C1610/24,0)+1,1))-1)+IF('Standard Profiles'!$G$22=$B$10,7,0)+IF('Standard Profiles'!$G$22=$B$17,14,0)+IF('Standard Profiles'!$G$22=$B$24,21,0),MOD($C1610,24)+1)/SUM(INDEX($D$3:$AA$30,INDEX(Jesper!$R$2:$R$366,ROW(INDEX(Jesper!AL$2:AL$366,ROUNDDOWN($C1610/24,0)+1,1))-1)+IF('Standard Profiles'!$G$22=$B$10,7,0)+IF('Standard Profiles'!$G$22=$B$17,14,0)+IF('Standard Profiles'!$G$22=$B$24,21,0),0)),0)</f>
        <v>0</v>
      </c>
      <c r="I1610">
        <f t="shared" si="188"/>
        <v>9.4442938885035677</v>
      </c>
      <c r="J1610">
        <f t="shared" si="189"/>
        <v>49.41954964823767</v>
      </c>
      <c r="K1610">
        <f t="shared" si="190"/>
        <v>2.2712852059404542</v>
      </c>
      <c r="L1610">
        <f t="shared" si="191"/>
        <v>1.1356426029702271</v>
      </c>
      <c r="M1610">
        <f t="shared" si="192"/>
        <v>0</v>
      </c>
      <c r="N1610" s="45">
        <f t="shared" si="193"/>
        <v>44992.666666662844</v>
      </c>
    </row>
    <row r="1611" spans="2:14" x14ac:dyDescent="0.25">
      <c r="B1611">
        <f t="shared" si="187"/>
        <v>2</v>
      </c>
      <c r="C1611" s="16">
        <v>1577</v>
      </c>
      <c r="D1611" cm="1">
        <f t="array" ref="D1611">IFERROR(INDEX(Jesper!AH$2:AH$366,ROUNDDOWN($C1611/24,0)+1,1)*INDEX($D$3:$AA$30,INDEX(Jesper!$R$2:$R$366,ROW(INDEX(Jesper!AH$2:AH$366,ROUNDDOWN($C1611/24,0)+1,1))-1)+IF('Standard Profiles'!$G$18=$B$10,7,0)+IF('Standard Profiles'!$G$18=$B$17,14,0)+IF('Standard Profiles'!$G$18=$B$24,21,0),MOD($C1611,24)+1)/SUM(INDEX($D$3:$AA$30,INDEX(Jesper!$R$2:$R$366,ROW(INDEX(Jesper!AH$2:AH$366,ROUNDDOWN($C1611/24,0)+1,1))-1)+IF('Standard Profiles'!$G$18=$B$10,7,0)+IF('Standard Profiles'!$G$18=$B$17,14,0)+IF('Standard Profiles'!$G$18=$B$24,21,0),0)),0)</f>
        <v>9.0880489994416376</v>
      </c>
      <c r="E1611" cm="1">
        <f t="array" ref="E1611">IFERROR(INDEX(Jesper!AI$2:AI$366,ROUNDDOWN($C1611/24,0)+1,1)*INDEX($D$3:$AA$30,INDEX(Jesper!$R$2:$R$366,ROW(INDEX(Jesper!AI$2:AI$366,ROUNDDOWN($C1611/24,0)+1,1))-1)+IF('Standard Profiles'!$G$19=$B$10,7,0)+IF('Standard Profiles'!$G$19=$B$17,14,0)+IF('Standard Profiles'!$G$19=$B$24,21,0),MOD($C1611,24)+1)/SUM(INDEX($D$3:$AA$30,INDEX(Jesper!$R$2:$R$366,ROW(INDEX(Jesper!AI$2:AI$366,ROUNDDOWN($C1611/24,0)+1,1))-1)+IF('Standard Profiles'!$G$19=$B$10,7,0)+IF('Standard Profiles'!$G$19=$B$17,14,0)+IF('Standard Profiles'!$G$19=$B$24,21,0),0)),0)</f>
        <v>9.0917030611371707</v>
      </c>
      <c r="F1611" cm="1">
        <f t="array" ref="F1611">IFERROR(INDEX(Jesper!AJ$2:AJ$366,ROUNDDOWN($C1611/24,0)+1,1)*INDEX($D$3:$AA$30,INDEX(Jesper!$R$2:$R$366,ROW(INDEX(Jesper!AJ$2:AJ$366,ROUNDDOWN($C1611/24,0)+1,1))-1)+IF('Standard Profiles'!$G$20=$B$10,7,0)+IF('Standard Profiles'!$G$20=$B$17,14,0)+IF('Standard Profiles'!$G$20=$B$24,21,0),MOD($C1611,24)+1)/SUM(INDEX($D$3:$AA$30,INDEX(Jesper!$R$2:$R$366,ROW(INDEX(Jesper!AJ$2:AJ$366,ROUNDDOWN($C1611/24,0)+1,1))-1)+IF('Standard Profiles'!$G$20=$B$10,7,0)+IF('Standard Profiles'!$G$20=$B$17,14,0)+IF('Standard Profiles'!$G$20=$B$24,21,0),0)),0)</f>
        <v>0</v>
      </c>
      <c r="G1611" cm="1">
        <f t="array" ref="G1611">IFERROR(INDEX(Jesper!AK$2:AK$366,ROUNDDOWN($C1611/24,0)+1,1)*INDEX($D$3:$AA$30,INDEX(Jesper!$R$2:$R$366,ROW(INDEX(Jesper!AK$2:AK$366,ROUNDDOWN($C1611/24,0)+1,1))-1)+IF('Standard Profiles'!$G$21=$B$10,7,0)+IF('Standard Profiles'!$G$21=$B$17,14,0)+IF('Standard Profiles'!$G$21=$B$24,21,0),MOD($C1611,24)+1)/SUM(INDEX($D$3:$AA$30,INDEX(Jesper!$R$2:$R$366,ROW(INDEX(Jesper!AK$2:AK$366,ROUNDDOWN($C1611/24,0)+1,1))-1)+IF('Standard Profiles'!$G$21=$B$10,7,0)+IF('Standard Profiles'!$G$21=$B$17,14,0)+IF('Standard Profiles'!$G$21=$B$24,21,0),0)),0)</f>
        <v>15.633168292712352</v>
      </c>
      <c r="H1611" cm="1">
        <f t="array" ref="H1611">IFERROR(INDEX(Jesper!AL$2:AL$366,ROUNDDOWN($C1611/24,0)+1,1)*INDEX($D$3:$AA$30,INDEX(Jesper!$R$2:$R$366,ROW(INDEX(Jesper!AL$2:AL$366,ROUNDDOWN($C1611/24,0)+1,1))-1)+IF('Standard Profiles'!$G$22=$B$10,7,0)+IF('Standard Profiles'!$G$22=$B$17,14,0)+IF('Standard Profiles'!$G$22=$B$24,21,0),MOD($C1611,24)+1)/SUM(INDEX($D$3:$AA$30,INDEX(Jesper!$R$2:$R$366,ROW(INDEX(Jesper!AL$2:AL$366,ROUNDDOWN($C1611/24,0)+1,1))-1)+IF('Standard Profiles'!$G$22=$B$10,7,0)+IF('Standard Profiles'!$G$22=$B$17,14,0)+IF('Standard Profiles'!$G$22=$B$24,21,0),0)),0)</f>
        <v>0</v>
      </c>
      <c r="I1611">
        <f t="shared" si="188"/>
        <v>7.5039207805019252</v>
      </c>
      <c r="J1611">
        <f t="shared" si="189"/>
        <v>24.854911732878573</v>
      </c>
      <c r="K1611">
        <f t="shared" si="190"/>
        <v>0.96939189327377473</v>
      </c>
      <c r="L1611">
        <f t="shared" si="191"/>
        <v>0.48469594663688736</v>
      </c>
      <c r="M1611">
        <f t="shared" si="192"/>
        <v>0</v>
      </c>
      <c r="N1611" s="45">
        <f t="shared" si="193"/>
        <v>44992.708333329509</v>
      </c>
    </row>
    <row r="1612" spans="2:14" x14ac:dyDescent="0.25">
      <c r="B1612">
        <f t="shared" si="187"/>
        <v>2</v>
      </c>
      <c r="C1612" s="16">
        <v>1578</v>
      </c>
      <c r="D1612" cm="1">
        <f t="array" ref="D1612">IFERROR(INDEX(Jesper!AH$2:AH$366,ROUNDDOWN($C1612/24,0)+1,1)*INDEX($D$3:$AA$30,INDEX(Jesper!$R$2:$R$366,ROW(INDEX(Jesper!AH$2:AH$366,ROUNDDOWN($C1612/24,0)+1,1))-1)+IF('Standard Profiles'!$G$18=$B$10,7,0)+IF('Standard Profiles'!$G$18=$B$17,14,0)+IF('Standard Profiles'!$G$18=$B$24,21,0),MOD($C1612,24)+1)/SUM(INDEX($D$3:$AA$30,INDEX(Jesper!$R$2:$R$366,ROW(INDEX(Jesper!AH$2:AH$366,ROUNDDOWN($C1612/24,0)+1,1))-1)+IF('Standard Profiles'!$G$18=$B$10,7,0)+IF('Standard Profiles'!$G$18=$B$17,14,0)+IF('Standard Profiles'!$G$18=$B$24,21,0),0)),0)</f>
        <v>5.998112339631481</v>
      </c>
      <c r="E1612" cm="1">
        <f t="array" ref="E1612">IFERROR(INDEX(Jesper!AI$2:AI$366,ROUNDDOWN($C1612/24,0)+1,1)*INDEX($D$3:$AA$30,INDEX(Jesper!$R$2:$R$366,ROW(INDEX(Jesper!AI$2:AI$366,ROUNDDOWN($C1612/24,0)+1,1))-1)+IF('Standard Profiles'!$G$19=$B$10,7,0)+IF('Standard Profiles'!$G$19=$B$17,14,0)+IF('Standard Profiles'!$G$19=$B$24,21,0),MOD($C1612,24)+1)/SUM(INDEX($D$3:$AA$30,INDEX(Jesper!$R$2:$R$366,ROW(INDEX(Jesper!AI$2:AI$366,ROUNDDOWN($C1612/24,0)+1,1))-1)+IF('Standard Profiles'!$G$19=$B$10,7,0)+IF('Standard Profiles'!$G$19=$B$17,14,0)+IF('Standard Profiles'!$G$19=$B$24,21,0),0)),0)</f>
        <v>6.0005240203505323</v>
      </c>
      <c r="F1612" cm="1">
        <f t="array" ref="F1612">IFERROR(INDEX(Jesper!AJ$2:AJ$366,ROUNDDOWN($C1612/24,0)+1,1)*INDEX($D$3:$AA$30,INDEX(Jesper!$R$2:$R$366,ROW(INDEX(Jesper!AJ$2:AJ$366,ROUNDDOWN($C1612/24,0)+1,1))-1)+IF('Standard Profiles'!$G$20=$B$10,7,0)+IF('Standard Profiles'!$G$20=$B$17,14,0)+IF('Standard Profiles'!$G$20=$B$24,21,0),MOD($C1612,24)+1)/SUM(INDEX($D$3:$AA$30,INDEX(Jesper!$R$2:$R$366,ROW(INDEX(Jesper!AJ$2:AJ$366,ROUNDDOWN($C1612/24,0)+1,1))-1)+IF('Standard Profiles'!$G$20=$B$10,7,0)+IF('Standard Profiles'!$G$20=$B$17,14,0)+IF('Standard Profiles'!$G$20=$B$24,21,0),0)),0)</f>
        <v>0</v>
      </c>
      <c r="G1612" cm="1">
        <f t="array" ref="G1612">IFERROR(INDEX(Jesper!AK$2:AK$366,ROUNDDOWN($C1612/24,0)+1,1)*INDEX($D$3:$AA$30,INDEX(Jesper!$R$2:$R$366,ROW(INDEX(Jesper!AK$2:AK$366,ROUNDDOWN($C1612/24,0)+1,1))-1)+IF('Standard Profiles'!$G$21=$B$10,7,0)+IF('Standard Profiles'!$G$21=$B$17,14,0)+IF('Standard Profiles'!$G$21=$B$24,21,0),MOD($C1612,24)+1)/SUM(INDEX($D$3:$AA$30,INDEX(Jesper!$R$2:$R$366,ROW(INDEX(Jesper!AK$2:AK$366,ROUNDDOWN($C1612/24,0)+1,1))-1)+IF('Standard Profiles'!$G$21=$B$10,7,0)+IF('Standard Profiles'!$G$21=$B$17,14,0)+IF('Standard Profiles'!$G$21=$B$24,21,0),0)),0)</f>
        <v>5.5449452754471729</v>
      </c>
      <c r="H1612" cm="1">
        <f t="array" ref="H1612">IFERROR(INDEX(Jesper!AL$2:AL$366,ROUNDDOWN($C1612/24,0)+1,1)*INDEX($D$3:$AA$30,INDEX(Jesper!$R$2:$R$366,ROW(INDEX(Jesper!AL$2:AL$366,ROUNDDOWN($C1612/24,0)+1,1))-1)+IF('Standard Profiles'!$G$22=$B$10,7,0)+IF('Standard Profiles'!$G$22=$B$17,14,0)+IF('Standard Profiles'!$G$22=$B$24,21,0),MOD($C1612,24)+1)/SUM(INDEX($D$3:$AA$30,INDEX(Jesper!$R$2:$R$366,ROW(INDEX(Jesper!AL$2:AL$366,ROUNDDOWN($C1612/24,0)+1,1))-1)+IF('Standard Profiles'!$G$22=$B$10,7,0)+IF('Standard Profiles'!$G$22=$B$17,14,0)+IF('Standard Profiles'!$G$22=$B$24,21,0),0)),0)</f>
        <v>0</v>
      </c>
      <c r="I1612">
        <f t="shared" si="188"/>
        <v>2.6615737322146416</v>
      </c>
      <c r="J1612">
        <f t="shared" si="189"/>
        <v>13.922309928873506</v>
      </c>
      <c r="K1612">
        <f t="shared" si="190"/>
        <v>0.63979864956069132</v>
      </c>
      <c r="L1612">
        <f t="shared" si="191"/>
        <v>0.31989932478034566</v>
      </c>
      <c r="M1612">
        <f t="shared" si="192"/>
        <v>0</v>
      </c>
      <c r="N1612" s="45">
        <f t="shared" si="193"/>
        <v>44992.749999996173</v>
      </c>
    </row>
    <row r="1613" spans="2:14" x14ac:dyDescent="0.25">
      <c r="B1613">
        <f t="shared" si="187"/>
        <v>2</v>
      </c>
      <c r="C1613" s="16">
        <v>1579</v>
      </c>
      <c r="D1613" cm="1">
        <f t="array" ref="D1613">IFERROR(INDEX(Jesper!AH$2:AH$366,ROUNDDOWN($C1613/24,0)+1,1)*INDEX($D$3:$AA$30,INDEX(Jesper!$R$2:$R$366,ROW(INDEX(Jesper!AH$2:AH$366,ROUNDDOWN($C1613/24,0)+1,1))-1)+IF('Standard Profiles'!$G$18=$B$10,7,0)+IF('Standard Profiles'!$G$18=$B$17,14,0)+IF('Standard Profiles'!$G$18=$B$24,21,0),MOD($C1613,24)+1)/SUM(INDEX($D$3:$AA$30,INDEX(Jesper!$R$2:$R$366,ROW(INDEX(Jesper!AH$2:AH$366,ROUNDDOWN($C1613/24,0)+1,1))-1)+IF('Standard Profiles'!$G$18=$B$10,7,0)+IF('Standard Profiles'!$G$18=$B$17,14,0)+IF('Standard Profiles'!$G$18=$B$24,21,0),0)),0)</f>
        <v>5.998112339631481</v>
      </c>
      <c r="E1613" cm="1">
        <f t="array" ref="E1613">IFERROR(INDEX(Jesper!AI$2:AI$366,ROUNDDOWN($C1613/24,0)+1,1)*INDEX($D$3:$AA$30,INDEX(Jesper!$R$2:$R$366,ROW(INDEX(Jesper!AI$2:AI$366,ROUNDDOWN($C1613/24,0)+1,1))-1)+IF('Standard Profiles'!$G$19=$B$10,7,0)+IF('Standard Profiles'!$G$19=$B$17,14,0)+IF('Standard Profiles'!$G$19=$B$24,21,0),MOD($C1613,24)+1)/SUM(INDEX($D$3:$AA$30,INDEX(Jesper!$R$2:$R$366,ROW(INDEX(Jesper!AI$2:AI$366,ROUNDDOWN($C1613/24,0)+1,1))-1)+IF('Standard Profiles'!$G$19=$B$10,7,0)+IF('Standard Profiles'!$G$19=$B$17,14,0)+IF('Standard Profiles'!$G$19=$B$24,21,0),0)),0)</f>
        <v>6.0005240203505323</v>
      </c>
      <c r="F1613" cm="1">
        <f t="array" ref="F1613">IFERROR(INDEX(Jesper!AJ$2:AJ$366,ROUNDDOWN($C1613/24,0)+1,1)*INDEX($D$3:$AA$30,INDEX(Jesper!$R$2:$R$366,ROW(INDEX(Jesper!AJ$2:AJ$366,ROUNDDOWN($C1613/24,0)+1,1))-1)+IF('Standard Profiles'!$G$20=$B$10,7,0)+IF('Standard Profiles'!$G$20=$B$17,14,0)+IF('Standard Profiles'!$G$20=$B$24,21,0),MOD($C1613,24)+1)/SUM(INDEX($D$3:$AA$30,INDEX(Jesper!$R$2:$R$366,ROW(INDEX(Jesper!AJ$2:AJ$366,ROUNDDOWN($C1613/24,0)+1,1))-1)+IF('Standard Profiles'!$G$20=$B$10,7,0)+IF('Standard Profiles'!$G$20=$B$17,14,0)+IF('Standard Profiles'!$G$20=$B$24,21,0),0)),0)</f>
        <v>0</v>
      </c>
      <c r="G1613" cm="1">
        <f t="array" ref="G1613">IFERROR(INDEX(Jesper!AK$2:AK$366,ROUNDDOWN($C1613/24,0)+1,1)*INDEX($D$3:$AA$30,INDEX(Jesper!$R$2:$R$366,ROW(INDEX(Jesper!AK$2:AK$366,ROUNDDOWN($C1613/24,0)+1,1))-1)+IF('Standard Profiles'!$G$21=$B$10,7,0)+IF('Standard Profiles'!$G$21=$B$17,14,0)+IF('Standard Profiles'!$G$21=$B$24,21,0),MOD($C1613,24)+1)/SUM(INDEX($D$3:$AA$30,INDEX(Jesper!$R$2:$R$366,ROW(INDEX(Jesper!AK$2:AK$366,ROUNDDOWN($C1613/24,0)+1,1))-1)+IF('Standard Profiles'!$G$21=$B$10,7,0)+IF('Standard Profiles'!$G$21=$B$17,14,0)+IF('Standard Profiles'!$G$21=$B$24,21,0),0)),0)</f>
        <v>5.5449452754471729</v>
      </c>
      <c r="H1613" cm="1">
        <f t="array" ref="H1613">IFERROR(INDEX(Jesper!AL$2:AL$366,ROUNDDOWN($C1613/24,0)+1,1)*INDEX($D$3:$AA$30,INDEX(Jesper!$R$2:$R$366,ROW(INDEX(Jesper!AL$2:AL$366,ROUNDDOWN($C1613/24,0)+1,1))-1)+IF('Standard Profiles'!$G$22=$B$10,7,0)+IF('Standard Profiles'!$G$22=$B$17,14,0)+IF('Standard Profiles'!$G$22=$B$24,21,0),MOD($C1613,24)+1)/SUM(INDEX($D$3:$AA$30,INDEX(Jesper!$R$2:$R$366,ROW(INDEX(Jesper!AL$2:AL$366,ROUNDDOWN($C1613/24,0)+1,1))-1)+IF('Standard Profiles'!$G$22=$B$10,7,0)+IF('Standard Profiles'!$G$22=$B$17,14,0)+IF('Standard Profiles'!$G$22=$B$24,21,0),0)),0)</f>
        <v>0</v>
      </c>
      <c r="I1613">
        <f t="shared" si="188"/>
        <v>2.6615737322146416</v>
      </c>
      <c r="J1613">
        <f t="shared" si="189"/>
        <v>13.922309928873506</v>
      </c>
      <c r="K1613">
        <f t="shared" si="190"/>
        <v>0.63979864956069132</v>
      </c>
      <c r="L1613">
        <f t="shared" si="191"/>
        <v>0.31989932478034566</v>
      </c>
      <c r="M1613">
        <f t="shared" si="192"/>
        <v>0</v>
      </c>
      <c r="N1613" s="45">
        <f t="shared" si="193"/>
        <v>44992.791666662837</v>
      </c>
    </row>
    <row r="1614" spans="2:14" x14ac:dyDescent="0.25">
      <c r="B1614">
        <f t="shared" si="187"/>
        <v>2</v>
      </c>
      <c r="C1614" s="16">
        <v>1580</v>
      </c>
      <c r="D1614" cm="1">
        <f t="array" ref="D1614">IFERROR(INDEX(Jesper!AH$2:AH$366,ROUNDDOWN($C1614/24,0)+1,1)*INDEX($D$3:$AA$30,INDEX(Jesper!$R$2:$R$366,ROW(INDEX(Jesper!AH$2:AH$366,ROUNDDOWN($C1614/24,0)+1,1))-1)+IF('Standard Profiles'!$G$18=$B$10,7,0)+IF('Standard Profiles'!$G$18=$B$17,14,0)+IF('Standard Profiles'!$G$18=$B$24,21,0),MOD($C1614,24)+1)/SUM(INDEX($D$3:$AA$30,INDEX(Jesper!$R$2:$R$366,ROW(INDEX(Jesper!AH$2:AH$366,ROUNDDOWN($C1614/24,0)+1,1))-1)+IF('Standard Profiles'!$G$18=$B$10,7,0)+IF('Standard Profiles'!$G$18=$B$17,14,0)+IF('Standard Profiles'!$G$18=$B$24,21,0),0)),0)</f>
        <v>5.998112339631481</v>
      </c>
      <c r="E1614" cm="1">
        <f t="array" ref="E1614">IFERROR(INDEX(Jesper!AI$2:AI$366,ROUNDDOWN($C1614/24,0)+1,1)*INDEX($D$3:$AA$30,INDEX(Jesper!$R$2:$R$366,ROW(INDEX(Jesper!AI$2:AI$366,ROUNDDOWN($C1614/24,0)+1,1))-1)+IF('Standard Profiles'!$G$19=$B$10,7,0)+IF('Standard Profiles'!$G$19=$B$17,14,0)+IF('Standard Profiles'!$G$19=$B$24,21,0),MOD($C1614,24)+1)/SUM(INDEX($D$3:$AA$30,INDEX(Jesper!$R$2:$R$366,ROW(INDEX(Jesper!AI$2:AI$366,ROUNDDOWN($C1614/24,0)+1,1))-1)+IF('Standard Profiles'!$G$19=$B$10,7,0)+IF('Standard Profiles'!$G$19=$B$17,14,0)+IF('Standard Profiles'!$G$19=$B$24,21,0),0)),0)</f>
        <v>6.0005240203505323</v>
      </c>
      <c r="F1614" cm="1">
        <f t="array" ref="F1614">IFERROR(INDEX(Jesper!AJ$2:AJ$366,ROUNDDOWN($C1614/24,0)+1,1)*INDEX($D$3:$AA$30,INDEX(Jesper!$R$2:$R$366,ROW(INDEX(Jesper!AJ$2:AJ$366,ROUNDDOWN($C1614/24,0)+1,1))-1)+IF('Standard Profiles'!$G$20=$B$10,7,0)+IF('Standard Profiles'!$G$20=$B$17,14,0)+IF('Standard Profiles'!$G$20=$B$24,21,0),MOD($C1614,24)+1)/SUM(INDEX($D$3:$AA$30,INDEX(Jesper!$R$2:$R$366,ROW(INDEX(Jesper!AJ$2:AJ$366,ROUNDDOWN($C1614/24,0)+1,1))-1)+IF('Standard Profiles'!$G$20=$B$10,7,0)+IF('Standard Profiles'!$G$20=$B$17,14,0)+IF('Standard Profiles'!$G$20=$B$24,21,0),0)),0)</f>
        <v>0</v>
      </c>
      <c r="G1614" cm="1">
        <f t="array" ref="G1614">IFERROR(INDEX(Jesper!AK$2:AK$366,ROUNDDOWN($C1614/24,0)+1,1)*INDEX($D$3:$AA$30,INDEX(Jesper!$R$2:$R$366,ROW(INDEX(Jesper!AK$2:AK$366,ROUNDDOWN($C1614/24,0)+1,1))-1)+IF('Standard Profiles'!$G$21=$B$10,7,0)+IF('Standard Profiles'!$G$21=$B$17,14,0)+IF('Standard Profiles'!$G$21=$B$24,21,0),MOD($C1614,24)+1)/SUM(INDEX($D$3:$AA$30,INDEX(Jesper!$R$2:$R$366,ROW(INDEX(Jesper!AK$2:AK$366,ROUNDDOWN($C1614/24,0)+1,1))-1)+IF('Standard Profiles'!$G$21=$B$10,7,0)+IF('Standard Profiles'!$G$21=$B$17,14,0)+IF('Standard Profiles'!$G$21=$B$24,21,0),0)),0)</f>
        <v>5.5449452754471729</v>
      </c>
      <c r="H1614" cm="1">
        <f t="array" ref="H1614">IFERROR(INDEX(Jesper!AL$2:AL$366,ROUNDDOWN($C1614/24,0)+1,1)*INDEX($D$3:$AA$30,INDEX(Jesper!$R$2:$R$366,ROW(INDEX(Jesper!AL$2:AL$366,ROUNDDOWN($C1614/24,0)+1,1))-1)+IF('Standard Profiles'!$G$22=$B$10,7,0)+IF('Standard Profiles'!$G$22=$B$17,14,0)+IF('Standard Profiles'!$G$22=$B$24,21,0),MOD($C1614,24)+1)/SUM(INDEX($D$3:$AA$30,INDEX(Jesper!$R$2:$R$366,ROW(INDEX(Jesper!AL$2:AL$366,ROUNDDOWN($C1614/24,0)+1,1))-1)+IF('Standard Profiles'!$G$22=$B$10,7,0)+IF('Standard Profiles'!$G$22=$B$17,14,0)+IF('Standard Profiles'!$G$22=$B$24,21,0),0)),0)</f>
        <v>0</v>
      </c>
      <c r="I1614">
        <f t="shared" si="188"/>
        <v>2.6615737322146416</v>
      </c>
      <c r="J1614">
        <f t="shared" si="189"/>
        <v>13.922309928873506</v>
      </c>
      <c r="K1614">
        <f t="shared" si="190"/>
        <v>0.63979864956069132</v>
      </c>
      <c r="L1614">
        <f t="shared" si="191"/>
        <v>0.31989932478034566</v>
      </c>
      <c r="M1614">
        <f t="shared" si="192"/>
        <v>0</v>
      </c>
      <c r="N1614" s="45">
        <f t="shared" si="193"/>
        <v>44992.833333329501</v>
      </c>
    </row>
    <row r="1615" spans="2:14" x14ac:dyDescent="0.25">
      <c r="B1615">
        <f t="shared" si="187"/>
        <v>2</v>
      </c>
      <c r="C1615" s="16">
        <v>1581</v>
      </c>
      <c r="D1615" cm="1">
        <f t="array" ref="D1615">IFERROR(INDEX(Jesper!AH$2:AH$366,ROUNDDOWN($C1615/24,0)+1,1)*INDEX($D$3:$AA$30,INDEX(Jesper!$R$2:$R$366,ROW(INDEX(Jesper!AH$2:AH$366,ROUNDDOWN($C1615/24,0)+1,1))-1)+IF('Standard Profiles'!$G$18=$B$10,7,0)+IF('Standard Profiles'!$G$18=$B$17,14,0)+IF('Standard Profiles'!$G$18=$B$24,21,0),MOD($C1615,24)+1)/SUM(INDEX($D$3:$AA$30,INDEX(Jesper!$R$2:$R$366,ROW(INDEX(Jesper!AH$2:AH$366,ROUNDDOWN($C1615/24,0)+1,1))-1)+IF('Standard Profiles'!$G$18=$B$10,7,0)+IF('Standard Profiles'!$G$18=$B$17,14,0)+IF('Standard Profiles'!$G$18=$B$24,21,0),0)),0)</f>
        <v>5.998112339631481</v>
      </c>
      <c r="E1615" cm="1">
        <f t="array" ref="E1615">IFERROR(INDEX(Jesper!AI$2:AI$366,ROUNDDOWN($C1615/24,0)+1,1)*INDEX($D$3:$AA$30,INDEX(Jesper!$R$2:$R$366,ROW(INDEX(Jesper!AI$2:AI$366,ROUNDDOWN($C1615/24,0)+1,1))-1)+IF('Standard Profiles'!$G$19=$B$10,7,0)+IF('Standard Profiles'!$G$19=$B$17,14,0)+IF('Standard Profiles'!$G$19=$B$24,21,0),MOD($C1615,24)+1)/SUM(INDEX($D$3:$AA$30,INDEX(Jesper!$R$2:$R$366,ROW(INDEX(Jesper!AI$2:AI$366,ROUNDDOWN($C1615/24,0)+1,1))-1)+IF('Standard Profiles'!$G$19=$B$10,7,0)+IF('Standard Profiles'!$G$19=$B$17,14,0)+IF('Standard Profiles'!$G$19=$B$24,21,0),0)),0)</f>
        <v>6.0005240203505323</v>
      </c>
      <c r="F1615" cm="1">
        <f t="array" ref="F1615">IFERROR(INDEX(Jesper!AJ$2:AJ$366,ROUNDDOWN($C1615/24,0)+1,1)*INDEX($D$3:$AA$30,INDEX(Jesper!$R$2:$R$366,ROW(INDEX(Jesper!AJ$2:AJ$366,ROUNDDOWN($C1615/24,0)+1,1))-1)+IF('Standard Profiles'!$G$20=$B$10,7,0)+IF('Standard Profiles'!$G$20=$B$17,14,0)+IF('Standard Profiles'!$G$20=$B$24,21,0),MOD($C1615,24)+1)/SUM(INDEX($D$3:$AA$30,INDEX(Jesper!$R$2:$R$366,ROW(INDEX(Jesper!AJ$2:AJ$366,ROUNDDOWN($C1615/24,0)+1,1))-1)+IF('Standard Profiles'!$G$20=$B$10,7,0)+IF('Standard Profiles'!$G$20=$B$17,14,0)+IF('Standard Profiles'!$G$20=$B$24,21,0),0)),0)</f>
        <v>0</v>
      </c>
      <c r="G1615" cm="1">
        <f t="array" ref="G1615">IFERROR(INDEX(Jesper!AK$2:AK$366,ROUNDDOWN($C1615/24,0)+1,1)*INDEX($D$3:$AA$30,INDEX(Jesper!$R$2:$R$366,ROW(INDEX(Jesper!AK$2:AK$366,ROUNDDOWN($C1615/24,0)+1,1))-1)+IF('Standard Profiles'!$G$21=$B$10,7,0)+IF('Standard Profiles'!$G$21=$B$17,14,0)+IF('Standard Profiles'!$G$21=$B$24,21,0),MOD($C1615,24)+1)/SUM(INDEX($D$3:$AA$30,INDEX(Jesper!$R$2:$R$366,ROW(INDEX(Jesper!AK$2:AK$366,ROUNDDOWN($C1615/24,0)+1,1))-1)+IF('Standard Profiles'!$G$21=$B$10,7,0)+IF('Standard Profiles'!$G$21=$B$17,14,0)+IF('Standard Profiles'!$G$21=$B$24,21,0),0)),0)</f>
        <v>5.5449452754471729</v>
      </c>
      <c r="H1615" cm="1">
        <f t="array" ref="H1615">IFERROR(INDEX(Jesper!AL$2:AL$366,ROUNDDOWN($C1615/24,0)+1,1)*INDEX($D$3:$AA$30,INDEX(Jesper!$R$2:$R$366,ROW(INDEX(Jesper!AL$2:AL$366,ROUNDDOWN($C1615/24,0)+1,1))-1)+IF('Standard Profiles'!$G$22=$B$10,7,0)+IF('Standard Profiles'!$G$22=$B$17,14,0)+IF('Standard Profiles'!$G$22=$B$24,21,0),MOD($C1615,24)+1)/SUM(INDEX($D$3:$AA$30,INDEX(Jesper!$R$2:$R$366,ROW(INDEX(Jesper!AL$2:AL$366,ROUNDDOWN($C1615/24,0)+1,1))-1)+IF('Standard Profiles'!$G$22=$B$10,7,0)+IF('Standard Profiles'!$G$22=$B$17,14,0)+IF('Standard Profiles'!$G$22=$B$24,21,0),0)),0)</f>
        <v>0</v>
      </c>
      <c r="I1615">
        <f t="shared" si="188"/>
        <v>2.6615737322146416</v>
      </c>
      <c r="J1615">
        <f t="shared" si="189"/>
        <v>13.922309928873506</v>
      </c>
      <c r="K1615">
        <f t="shared" si="190"/>
        <v>0.63979864956069132</v>
      </c>
      <c r="L1615">
        <f t="shared" si="191"/>
        <v>0.31989932478034566</v>
      </c>
      <c r="M1615">
        <f t="shared" si="192"/>
        <v>0</v>
      </c>
      <c r="N1615" s="45">
        <f t="shared" si="193"/>
        <v>44992.874999996166</v>
      </c>
    </row>
    <row r="1616" spans="2:14" x14ac:dyDescent="0.25">
      <c r="B1616">
        <f t="shared" si="187"/>
        <v>2</v>
      </c>
      <c r="C1616" s="16">
        <v>1582</v>
      </c>
      <c r="D1616" cm="1">
        <f t="array" ref="D1616">IFERROR(INDEX(Jesper!AH$2:AH$366,ROUNDDOWN($C1616/24,0)+1,1)*INDEX($D$3:$AA$30,INDEX(Jesper!$R$2:$R$366,ROW(INDEX(Jesper!AH$2:AH$366,ROUNDDOWN($C1616/24,0)+1,1))-1)+IF('Standard Profiles'!$G$18=$B$10,7,0)+IF('Standard Profiles'!$G$18=$B$17,14,0)+IF('Standard Profiles'!$G$18=$B$24,21,0),MOD($C1616,24)+1)/SUM(INDEX($D$3:$AA$30,INDEX(Jesper!$R$2:$R$366,ROW(INDEX(Jesper!AH$2:AH$366,ROUNDDOWN($C1616/24,0)+1,1))-1)+IF('Standard Profiles'!$G$18=$B$10,7,0)+IF('Standard Profiles'!$G$18=$B$17,14,0)+IF('Standard Profiles'!$G$18=$B$24,21,0),0)),0)</f>
        <v>5.998112339631481</v>
      </c>
      <c r="E1616" cm="1">
        <f t="array" ref="E1616">IFERROR(INDEX(Jesper!AI$2:AI$366,ROUNDDOWN($C1616/24,0)+1,1)*INDEX($D$3:$AA$30,INDEX(Jesper!$R$2:$R$366,ROW(INDEX(Jesper!AI$2:AI$366,ROUNDDOWN($C1616/24,0)+1,1))-1)+IF('Standard Profiles'!$G$19=$B$10,7,0)+IF('Standard Profiles'!$G$19=$B$17,14,0)+IF('Standard Profiles'!$G$19=$B$24,21,0),MOD($C1616,24)+1)/SUM(INDEX($D$3:$AA$30,INDEX(Jesper!$R$2:$R$366,ROW(INDEX(Jesper!AI$2:AI$366,ROUNDDOWN($C1616/24,0)+1,1))-1)+IF('Standard Profiles'!$G$19=$B$10,7,0)+IF('Standard Profiles'!$G$19=$B$17,14,0)+IF('Standard Profiles'!$G$19=$B$24,21,0),0)),0)</f>
        <v>6.0005240203505323</v>
      </c>
      <c r="F1616" cm="1">
        <f t="array" ref="F1616">IFERROR(INDEX(Jesper!AJ$2:AJ$366,ROUNDDOWN($C1616/24,0)+1,1)*INDEX($D$3:$AA$30,INDEX(Jesper!$R$2:$R$366,ROW(INDEX(Jesper!AJ$2:AJ$366,ROUNDDOWN($C1616/24,0)+1,1))-1)+IF('Standard Profiles'!$G$20=$B$10,7,0)+IF('Standard Profiles'!$G$20=$B$17,14,0)+IF('Standard Profiles'!$G$20=$B$24,21,0),MOD($C1616,24)+1)/SUM(INDEX($D$3:$AA$30,INDEX(Jesper!$R$2:$R$366,ROW(INDEX(Jesper!AJ$2:AJ$366,ROUNDDOWN($C1616/24,0)+1,1))-1)+IF('Standard Profiles'!$G$20=$B$10,7,0)+IF('Standard Profiles'!$G$20=$B$17,14,0)+IF('Standard Profiles'!$G$20=$B$24,21,0),0)),0)</f>
        <v>0</v>
      </c>
      <c r="G1616" cm="1">
        <f t="array" ref="G1616">IFERROR(INDEX(Jesper!AK$2:AK$366,ROUNDDOWN($C1616/24,0)+1,1)*INDEX($D$3:$AA$30,INDEX(Jesper!$R$2:$R$366,ROW(INDEX(Jesper!AK$2:AK$366,ROUNDDOWN($C1616/24,0)+1,1))-1)+IF('Standard Profiles'!$G$21=$B$10,7,0)+IF('Standard Profiles'!$G$21=$B$17,14,0)+IF('Standard Profiles'!$G$21=$B$24,21,0),MOD($C1616,24)+1)/SUM(INDEX($D$3:$AA$30,INDEX(Jesper!$R$2:$R$366,ROW(INDEX(Jesper!AK$2:AK$366,ROUNDDOWN($C1616/24,0)+1,1))-1)+IF('Standard Profiles'!$G$21=$B$10,7,0)+IF('Standard Profiles'!$G$21=$B$17,14,0)+IF('Standard Profiles'!$G$21=$B$24,21,0),0)),0)</f>
        <v>5.5449452754471729</v>
      </c>
      <c r="H1616" cm="1">
        <f t="array" ref="H1616">IFERROR(INDEX(Jesper!AL$2:AL$366,ROUNDDOWN($C1616/24,0)+1,1)*INDEX($D$3:$AA$30,INDEX(Jesper!$R$2:$R$366,ROW(INDEX(Jesper!AL$2:AL$366,ROUNDDOWN($C1616/24,0)+1,1))-1)+IF('Standard Profiles'!$G$22=$B$10,7,0)+IF('Standard Profiles'!$G$22=$B$17,14,0)+IF('Standard Profiles'!$G$22=$B$24,21,0),MOD($C1616,24)+1)/SUM(INDEX($D$3:$AA$30,INDEX(Jesper!$R$2:$R$366,ROW(INDEX(Jesper!AL$2:AL$366,ROUNDDOWN($C1616/24,0)+1,1))-1)+IF('Standard Profiles'!$G$22=$B$10,7,0)+IF('Standard Profiles'!$G$22=$B$17,14,0)+IF('Standard Profiles'!$G$22=$B$24,21,0),0)),0)</f>
        <v>0</v>
      </c>
      <c r="I1616">
        <f t="shared" si="188"/>
        <v>2.6615737322146416</v>
      </c>
      <c r="J1616">
        <f t="shared" si="189"/>
        <v>13.922309928873506</v>
      </c>
      <c r="K1616">
        <f t="shared" si="190"/>
        <v>0.63979864956069132</v>
      </c>
      <c r="L1616">
        <f t="shared" si="191"/>
        <v>0.31989932478034566</v>
      </c>
      <c r="M1616">
        <f t="shared" si="192"/>
        <v>0</v>
      </c>
      <c r="N1616" s="45">
        <f t="shared" si="193"/>
        <v>44992.91666666283</v>
      </c>
    </row>
    <row r="1617" spans="2:14" x14ac:dyDescent="0.25">
      <c r="B1617">
        <f t="shared" si="187"/>
        <v>2</v>
      </c>
      <c r="C1617" s="16">
        <v>1583</v>
      </c>
      <c r="D1617" cm="1">
        <f t="array" ref="D1617">IFERROR(INDEX(Jesper!AH$2:AH$366,ROUNDDOWN($C1617/24,0)+1,1)*INDEX($D$3:$AA$30,INDEX(Jesper!$R$2:$R$366,ROW(INDEX(Jesper!AH$2:AH$366,ROUNDDOWN($C1617/24,0)+1,1))-1)+IF('Standard Profiles'!$G$18=$B$10,7,0)+IF('Standard Profiles'!$G$18=$B$17,14,0)+IF('Standard Profiles'!$G$18=$B$24,21,0),MOD($C1617,24)+1)/SUM(INDEX($D$3:$AA$30,INDEX(Jesper!$R$2:$R$366,ROW(INDEX(Jesper!AH$2:AH$366,ROUNDDOWN($C1617/24,0)+1,1))-1)+IF('Standard Profiles'!$G$18=$B$10,7,0)+IF('Standard Profiles'!$G$18=$B$17,14,0)+IF('Standard Profiles'!$G$18=$B$24,21,0),0)),0)</f>
        <v>5.998112339631481</v>
      </c>
      <c r="E1617" cm="1">
        <f t="array" ref="E1617">IFERROR(INDEX(Jesper!AI$2:AI$366,ROUNDDOWN($C1617/24,0)+1,1)*INDEX($D$3:$AA$30,INDEX(Jesper!$R$2:$R$366,ROW(INDEX(Jesper!AI$2:AI$366,ROUNDDOWN($C1617/24,0)+1,1))-1)+IF('Standard Profiles'!$G$19=$B$10,7,0)+IF('Standard Profiles'!$G$19=$B$17,14,0)+IF('Standard Profiles'!$G$19=$B$24,21,0),MOD($C1617,24)+1)/SUM(INDEX($D$3:$AA$30,INDEX(Jesper!$R$2:$R$366,ROW(INDEX(Jesper!AI$2:AI$366,ROUNDDOWN($C1617/24,0)+1,1))-1)+IF('Standard Profiles'!$G$19=$B$10,7,0)+IF('Standard Profiles'!$G$19=$B$17,14,0)+IF('Standard Profiles'!$G$19=$B$24,21,0),0)),0)</f>
        <v>6.0005240203505323</v>
      </c>
      <c r="F1617" cm="1">
        <f t="array" ref="F1617">IFERROR(INDEX(Jesper!AJ$2:AJ$366,ROUNDDOWN($C1617/24,0)+1,1)*INDEX($D$3:$AA$30,INDEX(Jesper!$R$2:$R$366,ROW(INDEX(Jesper!AJ$2:AJ$366,ROUNDDOWN($C1617/24,0)+1,1))-1)+IF('Standard Profiles'!$G$20=$B$10,7,0)+IF('Standard Profiles'!$G$20=$B$17,14,0)+IF('Standard Profiles'!$G$20=$B$24,21,0),MOD($C1617,24)+1)/SUM(INDEX($D$3:$AA$30,INDEX(Jesper!$R$2:$R$366,ROW(INDEX(Jesper!AJ$2:AJ$366,ROUNDDOWN($C1617/24,0)+1,1))-1)+IF('Standard Profiles'!$G$20=$B$10,7,0)+IF('Standard Profiles'!$G$20=$B$17,14,0)+IF('Standard Profiles'!$G$20=$B$24,21,0),0)),0)</f>
        <v>0</v>
      </c>
      <c r="G1617" cm="1">
        <f t="array" ref="G1617">IFERROR(INDEX(Jesper!AK$2:AK$366,ROUNDDOWN($C1617/24,0)+1,1)*INDEX($D$3:$AA$30,INDEX(Jesper!$R$2:$R$366,ROW(INDEX(Jesper!AK$2:AK$366,ROUNDDOWN($C1617/24,0)+1,1))-1)+IF('Standard Profiles'!$G$21=$B$10,7,0)+IF('Standard Profiles'!$G$21=$B$17,14,0)+IF('Standard Profiles'!$G$21=$B$24,21,0),MOD($C1617,24)+1)/SUM(INDEX($D$3:$AA$30,INDEX(Jesper!$R$2:$R$366,ROW(INDEX(Jesper!AK$2:AK$366,ROUNDDOWN($C1617/24,0)+1,1))-1)+IF('Standard Profiles'!$G$21=$B$10,7,0)+IF('Standard Profiles'!$G$21=$B$17,14,0)+IF('Standard Profiles'!$G$21=$B$24,21,0),0)),0)</f>
        <v>5.5449452754471729</v>
      </c>
      <c r="H1617" cm="1">
        <f t="array" ref="H1617">IFERROR(INDEX(Jesper!AL$2:AL$366,ROUNDDOWN($C1617/24,0)+1,1)*INDEX($D$3:$AA$30,INDEX(Jesper!$R$2:$R$366,ROW(INDEX(Jesper!AL$2:AL$366,ROUNDDOWN($C1617/24,0)+1,1))-1)+IF('Standard Profiles'!$G$22=$B$10,7,0)+IF('Standard Profiles'!$G$22=$B$17,14,0)+IF('Standard Profiles'!$G$22=$B$24,21,0),MOD($C1617,24)+1)/SUM(INDEX($D$3:$AA$30,INDEX(Jesper!$R$2:$R$366,ROW(INDEX(Jesper!AL$2:AL$366,ROUNDDOWN($C1617/24,0)+1,1))-1)+IF('Standard Profiles'!$G$22=$B$10,7,0)+IF('Standard Profiles'!$G$22=$B$17,14,0)+IF('Standard Profiles'!$G$22=$B$24,21,0),0)),0)</f>
        <v>0</v>
      </c>
      <c r="I1617">
        <f t="shared" si="188"/>
        <v>2.6615737322146416</v>
      </c>
      <c r="J1617">
        <f t="shared" si="189"/>
        <v>13.922309928873506</v>
      </c>
      <c r="K1617">
        <f t="shared" si="190"/>
        <v>0.63979864956069132</v>
      </c>
      <c r="L1617">
        <f t="shared" si="191"/>
        <v>0.31989932478034566</v>
      </c>
      <c r="M1617">
        <f t="shared" si="192"/>
        <v>0</v>
      </c>
      <c r="N1617" s="45">
        <f t="shared" si="193"/>
        <v>44992.958333329494</v>
      </c>
    </row>
    <row r="1618" spans="2:14" x14ac:dyDescent="0.25">
      <c r="B1618">
        <f t="shared" si="187"/>
        <v>3</v>
      </c>
      <c r="C1618" s="16">
        <v>1584</v>
      </c>
      <c r="D1618" cm="1">
        <f t="array" ref="D1618">IFERROR(INDEX(Jesper!AH$2:AH$366,ROUNDDOWN($C1618/24,0)+1,1)*INDEX($D$3:$AA$30,INDEX(Jesper!$R$2:$R$366,ROW(INDEX(Jesper!AH$2:AH$366,ROUNDDOWN($C1618/24,0)+1,1))-1)+IF('Standard Profiles'!$G$18=$B$10,7,0)+IF('Standard Profiles'!$G$18=$B$17,14,0)+IF('Standard Profiles'!$G$18=$B$24,21,0),MOD($C1618,24)+1)/SUM(INDEX($D$3:$AA$30,INDEX(Jesper!$R$2:$R$366,ROW(INDEX(Jesper!AH$2:AH$366,ROUNDDOWN($C1618/24,0)+1,1))-1)+IF('Standard Profiles'!$G$18=$B$10,7,0)+IF('Standard Profiles'!$G$18=$B$17,14,0)+IF('Standard Profiles'!$G$18=$B$24,21,0),0)),0)</f>
        <v>5.9098927968790269</v>
      </c>
      <c r="E1618" cm="1">
        <f t="array" ref="E1618">IFERROR(INDEX(Jesper!AI$2:AI$366,ROUNDDOWN($C1618/24,0)+1,1)*INDEX($D$3:$AA$30,INDEX(Jesper!$R$2:$R$366,ROW(INDEX(Jesper!AI$2:AI$366,ROUNDDOWN($C1618/24,0)+1,1))-1)+IF('Standard Profiles'!$G$19=$B$10,7,0)+IF('Standard Profiles'!$G$19=$B$17,14,0)+IF('Standard Profiles'!$G$19=$B$24,21,0),MOD($C1618,24)+1)/SUM(INDEX($D$3:$AA$30,INDEX(Jesper!$R$2:$R$366,ROW(INDEX(Jesper!AI$2:AI$366,ROUNDDOWN($C1618/24,0)+1,1))-1)+IF('Standard Profiles'!$G$19=$B$10,7,0)+IF('Standard Profiles'!$G$19=$B$17,14,0)+IF('Standard Profiles'!$G$19=$B$24,21,0),0)),0)</f>
        <v>5.6370890711802577</v>
      </c>
      <c r="F1618" cm="1">
        <f t="array" ref="F1618">IFERROR(INDEX(Jesper!AJ$2:AJ$366,ROUNDDOWN($C1618/24,0)+1,1)*INDEX($D$3:$AA$30,INDEX(Jesper!$R$2:$R$366,ROW(INDEX(Jesper!AJ$2:AJ$366,ROUNDDOWN($C1618/24,0)+1,1))-1)+IF('Standard Profiles'!$G$20=$B$10,7,0)+IF('Standard Profiles'!$G$20=$B$17,14,0)+IF('Standard Profiles'!$G$20=$B$24,21,0),MOD($C1618,24)+1)/SUM(INDEX($D$3:$AA$30,INDEX(Jesper!$R$2:$R$366,ROW(INDEX(Jesper!AJ$2:AJ$366,ROUNDDOWN($C1618/24,0)+1,1))-1)+IF('Standard Profiles'!$G$20=$B$10,7,0)+IF('Standard Profiles'!$G$20=$B$17,14,0)+IF('Standard Profiles'!$G$20=$B$24,21,0),0)),0)</f>
        <v>0</v>
      </c>
      <c r="G1618" cm="1">
        <f t="array" ref="G1618">IFERROR(INDEX(Jesper!AK$2:AK$366,ROUNDDOWN($C1618/24,0)+1,1)*INDEX($D$3:$AA$30,INDEX(Jesper!$R$2:$R$366,ROW(INDEX(Jesper!AK$2:AK$366,ROUNDDOWN($C1618/24,0)+1,1))-1)+IF('Standard Profiles'!$G$21=$B$10,7,0)+IF('Standard Profiles'!$G$21=$B$17,14,0)+IF('Standard Profiles'!$G$21=$B$24,21,0),MOD($C1618,24)+1)/SUM(INDEX($D$3:$AA$30,INDEX(Jesper!$R$2:$R$366,ROW(INDEX(Jesper!AK$2:AK$366,ROUNDDOWN($C1618/24,0)+1,1))-1)+IF('Standard Profiles'!$G$21=$B$10,7,0)+IF('Standard Profiles'!$G$21=$B$17,14,0)+IF('Standard Profiles'!$G$21=$B$24,21,0),0)),0)</f>
        <v>4.9230042993329661</v>
      </c>
      <c r="H1618" cm="1">
        <f t="array" ref="H1618">IFERROR(INDEX(Jesper!AL$2:AL$366,ROUNDDOWN($C1618/24,0)+1,1)*INDEX($D$3:$AA$30,INDEX(Jesper!$R$2:$R$366,ROW(INDEX(Jesper!AL$2:AL$366,ROUNDDOWN($C1618/24,0)+1,1))-1)+IF('Standard Profiles'!$G$22=$B$10,7,0)+IF('Standard Profiles'!$G$22=$B$17,14,0)+IF('Standard Profiles'!$G$22=$B$24,21,0),MOD($C1618,24)+1)/SUM(INDEX($D$3:$AA$30,INDEX(Jesper!$R$2:$R$366,ROW(INDEX(Jesper!AL$2:AL$366,ROUNDDOWN($C1618/24,0)+1,1))-1)+IF('Standard Profiles'!$G$22=$B$10,7,0)+IF('Standard Profiles'!$G$22=$B$17,14,0)+IF('Standard Profiles'!$G$22=$B$24,21,0),0)),0)</f>
        <v>0</v>
      </c>
      <c r="I1618">
        <f t="shared" si="188"/>
        <v>2.3630420636798224</v>
      </c>
      <c r="J1618">
        <f t="shared" si="189"/>
        <v>13.161361256211784</v>
      </c>
      <c r="K1618">
        <f t="shared" si="190"/>
        <v>0.63038856500042961</v>
      </c>
      <c r="L1618">
        <f t="shared" si="191"/>
        <v>0.31519428250021481</v>
      </c>
      <c r="M1618">
        <f t="shared" si="192"/>
        <v>0</v>
      </c>
      <c r="N1618" s="45">
        <f t="shared" si="193"/>
        <v>44992.999999996158</v>
      </c>
    </row>
    <row r="1619" spans="2:14" x14ac:dyDescent="0.25">
      <c r="B1619">
        <f t="shared" si="187"/>
        <v>3</v>
      </c>
      <c r="C1619" s="16">
        <v>1585</v>
      </c>
      <c r="D1619" cm="1">
        <f t="array" ref="D1619">IFERROR(INDEX(Jesper!AH$2:AH$366,ROUNDDOWN($C1619/24,0)+1,1)*INDEX($D$3:$AA$30,INDEX(Jesper!$R$2:$R$366,ROW(INDEX(Jesper!AH$2:AH$366,ROUNDDOWN($C1619/24,0)+1,1))-1)+IF('Standard Profiles'!$G$18=$B$10,7,0)+IF('Standard Profiles'!$G$18=$B$17,14,0)+IF('Standard Profiles'!$G$18=$B$24,21,0),MOD($C1619,24)+1)/SUM(INDEX($D$3:$AA$30,INDEX(Jesper!$R$2:$R$366,ROW(INDEX(Jesper!AH$2:AH$366,ROUNDDOWN($C1619/24,0)+1,1))-1)+IF('Standard Profiles'!$G$18=$B$10,7,0)+IF('Standard Profiles'!$G$18=$B$17,14,0)+IF('Standard Profiles'!$G$18=$B$24,21,0),0)),0)</f>
        <v>5.9098927968790269</v>
      </c>
      <c r="E1619" cm="1">
        <f t="array" ref="E1619">IFERROR(INDEX(Jesper!AI$2:AI$366,ROUNDDOWN($C1619/24,0)+1,1)*INDEX($D$3:$AA$30,INDEX(Jesper!$R$2:$R$366,ROW(INDEX(Jesper!AI$2:AI$366,ROUNDDOWN($C1619/24,0)+1,1))-1)+IF('Standard Profiles'!$G$19=$B$10,7,0)+IF('Standard Profiles'!$G$19=$B$17,14,0)+IF('Standard Profiles'!$G$19=$B$24,21,0),MOD($C1619,24)+1)/SUM(INDEX($D$3:$AA$30,INDEX(Jesper!$R$2:$R$366,ROW(INDEX(Jesper!AI$2:AI$366,ROUNDDOWN($C1619/24,0)+1,1))-1)+IF('Standard Profiles'!$G$19=$B$10,7,0)+IF('Standard Profiles'!$G$19=$B$17,14,0)+IF('Standard Profiles'!$G$19=$B$24,21,0),0)),0)</f>
        <v>5.6370890711802577</v>
      </c>
      <c r="F1619" cm="1">
        <f t="array" ref="F1619">IFERROR(INDEX(Jesper!AJ$2:AJ$366,ROUNDDOWN($C1619/24,0)+1,1)*INDEX($D$3:$AA$30,INDEX(Jesper!$R$2:$R$366,ROW(INDEX(Jesper!AJ$2:AJ$366,ROUNDDOWN($C1619/24,0)+1,1))-1)+IF('Standard Profiles'!$G$20=$B$10,7,0)+IF('Standard Profiles'!$G$20=$B$17,14,0)+IF('Standard Profiles'!$G$20=$B$24,21,0),MOD($C1619,24)+1)/SUM(INDEX($D$3:$AA$30,INDEX(Jesper!$R$2:$R$366,ROW(INDEX(Jesper!AJ$2:AJ$366,ROUNDDOWN($C1619/24,0)+1,1))-1)+IF('Standard Profiles'!$G$20=$B$10,7,0)+IF('Standard Profiles'!$G$20=$B$17,14,0)+IF('Standard Profiles'!$G$20=$B$24,21,0),0)),0)</f>
        <v>0</v>
      </c>
      <c r="G1619" cm="1">
        <f t="array" ref="G1619">IFERROR(INDEX(Jesper!AK$2:AK$366,ROUNDDOWN($C1619/24,0)+1,1)*INDEX($D$3:$AA$30,INDEX(Jesper!$R$2:$R$366,ROW(INDEX(Jesper!AK$2:AK$366,ROUNDDOWN($C1619/24,0)+1,1))-1)+IF('Standard Profiles'!$G$21=$B$10,7,0)+IF('Standard Profiles'!$G$21=$B$17,14,0)+IF('Standard Profiles'!$G$21=$B$24,21,0),MOD($C1619,24)+1)/SUM(INDEX($D$3:$AA$30,INDEX(Jesper!$R$2:$R$366,ROW(INDEX(Jesper!AK$2:AK$366,ROUNDDOWN($C1619/24,0)+1,1))-1)+IF('Standard Profiles'!$G$21=$B$10,7,0)+IF('Standard Profiles'!$G$21=$B$17,14,0)+IF('Standard Profiles'!$G$21=$B$24,21,0),0)),0)</f>
        <v>4.9230042993329661</v>
      </c>
      <c r="H1619" cm="1">
        <f t="array" ref="H1619">IFERROR(INDEX(Jesper!AL$2:AL$366,ROUNDDOWN($C1619/24,0)+1,1)*INDEX($D$3:$AA$30,INDEX(Jesper!$R$2:$R$366,ROW(INDEX(Jesper!AL$2:AL$366,ROUNDDOWN($C1619/24,0)+1,1))-1)+IF('Standard Profiles'!$G$22=$B$10,7,0)+IF('Standard Profiles'!$G$22=$B$17,14,0)+IF('Standard Profiles'!$G$22=$B$24,21,0),MOD($C1619,24)+1)/SUM(INDEX($D$3:$AA$30,INDEX(Jesper!$R$2:$R$366,ROW(INDEX(Jesper!AL$2:AL$366,ROUNDDOWN($C1619/24,0)+1,1))-1)+IF('Standard Profiles'!$G$22=$B$10,7,0)+IF('Standard Profiles'!$G$22=$B$17,14,0)+IF('Standard Profiles'!$G$22=$B$24,21,0),0)),0)</f>
        <v>0</v>
      </c>
      <c r="I1619">
        <f t="shared" si="188"/>
        <v>2.3630420636798224</v>
      </c>
      <c r="J1619">
        <f t="shared" si="189"/>
        <v>13.161361256211784</v>
      </c>
      <c r="K1619">
        <f t="shared" si="190"/>
        <v>0.63038856500042961</v>
      </c>
      <c r="L1619">
        <f t="shared" si="191"/>
        <v>0.31519428250021481</v>
      </c>
      <c r="M1619">
        <f t="shared" si="192"/>
        <v>0</v>
      </c>
      <c r="N1619" s="45">
        <f t="shared" si="193"/>
        <v>44993.041666662823</v>
      </c>
    </row>
    <row r="1620" spans="2:14" x14ac:dyDescent="0.25">
      <c r="B1620">
        <f t="shared" si="187"/>
        <v>3</v>
      </c>
      <c r="C1620" s="16">
        <v>1586</v>
      </c>
      <c r="D1620" cm="1">
        <f t="array" ref="D1620">IFERROR(INDEX(Jesper!AH$2:AH$366,ROUNDDOWN($C1620/24,0)+1,1)*INDEX($D$3:$AA$30,INDEX(Jesper!$R$2:$R$366,ROW(INDEX(Jesper!AH$2:AH$366,ROUNDDOWN($C1620/24,0)+1,1))-1)+IF('Standard Profiles'!$G$18=$B$10,7,0)+IF('Standard Profiles'!$G$18=$B$17,14,0)+IF('Standard Profiles'!$G$18=$B$24,21,0),MOD($C1620,24)+1)/SUM(INDEX($D$3:$AA$30,INDEX(Jesper!$R$2:$R$366,ROW(INDEX(Jesper!AH$2:AH$366,ROUNDDOWN($C1620/24,0)+1,1))-1)+IF('Standard Profiles'!$G$18=$B$10,7,0)+IF('Standard Profiles'!$G$18=$B$17,14,0)+IF('Standard Profiles'!$G$18=$B$24,21,0),0)),0)</f>
        <v>5.9098927968790269</v>
      </c>
      <c r="E1620" cm="1">
        <f t="array" ref="E1620">IFERROR(INDEX(Jesper!AI$2:AI$366,ROUNDDOWN($C1620/24,0)+1,1)*INDEX($D$3:$AA$30,INDEX(Jesper!$R$2:$R$366,ROW(INDEX(Jesper!AI$2:AI$366,ROUNDDOWN($C1620/24,0)+1,1))-1)+IF('Standard Profiles'!$G$19=$B$10,7,0)+IF('Standard Profiles'!$G$19=$B$17,14,0)+IF('Standard Profiles'!$G$19=$B$24,21,0),MOD($C1620,24)+1)/SUM(INDEX($D$3:$AA$30,INDEX(Jesper!$R$2:$R$366,ROW(INDEX(Jesper!AI$2:AI$366,ROUNDDOWN($C1620/24,0)+1,1))-1)+IF('Standard Profiles'!$G$19=$B$10,7,0)+IF('Standard Profiles'!$G$19=$B$17,14,0)+IF('Standard Profiles'!$G$19=$B$24,21,0),0)),0)</f>
        <v>5.6370890711802577</v>
      </c>
      <c r="F1620" cm="1">
        <f t="array" ref="F1620">IFERROR(INDEX(Jesper!AJ$2:AJ$366,ROUNDDOWN($C1620/24,0)+1,1)*INDEX($D$3:$AA$30,INDEX(Jesper!$R$2:$R$366,ROW(INDEX(Jesper!AJ$2:AJ$366,ROUNDDOWN($C1620/24,0)+1,1))-1)+IF('Standard Profiles'!$G$20=$B$10,7,0)+IF('Standard Profiles'!$G$20=$B$17,14,0)+IF('Standard Profiles'!$G$20=$B$24,21,0),MOD($C1620,24)+1)/SUM(INDEX($D$3:$AA$30,INDEX(Jesper!$R$2:$R$366,ROW(INDEX(Jesper!AJ$2:AJ$366,ROUNDDOWN($C1620/24,0)+1,1))-1)+IF('Standard Profiles'!$G$20=$B$10,7,0)+IF('Standard Profiles'!$G$20=$B$17,14,0)+IF('Standard Profiles'!$G$20=$B$24,21,0),0)),0)</f>
        <v>0</v>
      </c>
      <c r="G1620" cm="1">
        <f t="array" ref="G1620">IFERROR(INDEX(Jesper!AK$2:AK$366,ROUNDDOWN($C1620/24,0)+1,1)*INDEX($D$3:$AA$30,INDEX(Jesper!$R$2:$R$366,ROW(INDEX(Jesper!AK$2:AK$366,ROUNDDOWN($C1620/24,0)+1,1))-1)+IF('Standard Profiles'!$G$21=$B$10,7,0)+IF('Standard Profiles'!$G$21=$B$17,14,0)+IF('Standard Profiles'!$G$21=$B$24,21,0),MOD($C1620,24)+1)/SUM(INDEX($D$3:$AA$30,INDEX(Jesper!$R$2:$R$366,ROW(INDEX(Jesper!AK$2:AK$366,ROUNDDOWN($C1620/24,0)+1,1))-1)+IF('Standard Profiles'!$G$21=$B$10,7,0)+IF('Standard Profiles'!$G$21=$B$17,14,0)+IF('Standard Profiles'!$G$21=$B$24,21,0),0)),0)</f>
        <v>4.9230042993329661</v>
      </c>
      <c r="H1620" cm="1">
        <f t="array" ref="H1620">IFERROR(INDEX(Jesper!AL$2:AL$366,ROUNDDOWN($C1620/24,0)+1,1)*INDEX($D$3:$AA$30,INDEX(Jesper!$R$2:$R$366,ROW(INDEX(Jesper!AL$2:AL$366,ROUNDDOWN($C1620/24,0)+1,1))-1)+IF('Standard Profiles'!$G$22=$B$10,7,0)+IF('Standard Profiles'!$G$22=$B$17,14,0)+IF('Standard Profiles'!$G$22=$B$24,21,0),MOD($C1620,24)+1)/SUM(INDEX($D$3:$AA$30,INDEX(Jesper!$R$2:$R$366,ROW(INDEX(Jesper!AL$2:AL$366,ROUNDDOWN($C1620/24,0)+1,1))-1)+IF('Standard Profiles'!$G$22=$B$10,7,0)+IF('Standard Profiles'!$G$22=$B$17,14,0)+IF('Standard Profiles'!$G$22=$B$24,21,0),0)),0)</f>
        <v>0</v>
      </c>
      <c r="I1620">
        <f t="shared" si="188"/>
        <v>2.3630420636798224</v>
      </c>
      <c r="J1620">
        <f t="shared" si="189"/>
        <v>13.161361256211784</v>
      </c>
      <c r="K1620">
        <f t="shared" si="190"/>
        <v>0.63038856500042961</v>
      </c>
      <c r="L1620">
        <f t="shared" si="191"/>
        <v>0.31519428250021481</v>
      </c>
      <c r="M1620">
        <f t="shared" si="192"/>
        <v>0</v>
      </c>
      <c r="N1620" s="45">
        <f t="shared" si="193"/>
        <v>44993.083333329487</v>
      </c>
    </row>
    <row r="1621" spans="2:14" x14ac:dyDescent="0.25">
      <c r="B1621">
        <f t="shared" si="187"/>
        <v>3</v>
      </c>
      <c r="C1621" s="16">
        <v>1587</v>
      </c>
      <c r="D1621" cm="1">
        <f t="array" ref="D1621">IFERROR(INDEX(Jesper!AH$2:AH$366,ROUNDDOWN($C1621/24,0)+1,1)*INDEX($D$3:$AA$30,INDEX(Jesper!$R$2:$R$366,ROW(INDEX(Jesper!AH$2:AH$366,ROUNDDOWN($C1621/24,0)+1,1))-1)+IF('Standard Profiles'!$G$18=$B$10,7,0)+IF('Standard Profiles'!$G$18=$B$17,14,0)+IF('Standard Profiles'!$G$18=$B$24,21,0),MOD($C1621,24)+1)/SUM(INDEX($D$3:$AA$30,INDEX(Jesper!$R$2:$R$366,ROW(INDEX(Jesper!AH$2:AH$366,ROUNDDOWN($C1621/24,0)+1,1))-1)+IF('Standard Profiles'!$G$18=$B$10,7,0)+IF('Standard Profiles'!$G$18=$B$17,14,0)+IF('Standard Profiles'!$G$18=$B$24,21,0),0)),0)</f>
        <v>5.9098927968790269</v>
      </c>
      <c r="E1621" cm="1">
        <f t="array" ref="E1621">IFERROR(INDEX(Jesper!AI$2:AI$366,ROUNDDOWN($C1621/24,0)+1,1)*INDEX($D$3:$AA$30,INDEX(Jesper!$R$2:$R$366,ROW(INDEX(Jesper!AI$2:AI$366,ROUNDDOWN($C1621/24,0)+1,1))-1)+IF('Standard Profiles'!$G$19=$B$10,7,0)+IF('Standard Profiles'!$G$19=$B$17,14,0)+IF('Standard Profiles'!$G$19=$B$24,21,0),MOD($C1621,24)+1)/SUM(INDEX($D$3:$AA$30,INDEX(Jesper!$R$2:$R$366,ROW(INDEX(Jesper!AI$2:AI$366,ROUNDDOWN($C1621/24,0)+1,1))-1)+IF('Standard Profiles'!$G$19=$B$10,7,0)+IF('Standard Profiles'!$G$19=$B$17,14,0)+IF('Standard Profiles'!$G$19=$B$24,21,0),0)),0)</f>
        <v>5.6370890711802577</v>
      </c>
      <c r="F1621" cm="1">
        <f t="array" ref="F1621">IFERROR(INDEX(Jesper!AJ$2:AJ$366,ROUNDDOWN($C1621/24,0)+1,1)*INDEX($D$3:$AA$30,INDEX(Jesper!$R$2:$R$366,ROW(INDEX(Jesper!AJ$2:AJ$366,ROUNDDOWN($C1621/24,0)+1,1))-1)+IF('Standard Profiles'!$G$20=$B$10,7,0)+IF('Standard Profiles'!$G$20=$B$17,14,0)+IF('Standard Profiles'!$G$20=$B$24,21,0),MOD($C1621,24)+1)/SUM(INDEX($D$3:$AA$30,INDEX(Jesper!$R$2:$R$366,ROW(INDEX(Jesper!AJ$2:AJ$366,ROUNDDOWN($C1621/24,0)+1,1))-1)+IF('Standard Profiles'!$G$20=$B$10,7,0)+IF('Standard Profiles'!$G$20=$B$17,14,0)+IF('Standard Profiles'!$G$20=$B$24,21,0),0)),0)</f>
        <v>0</v>
      </c>
      <c r="G1621" cm="1">
        <f t="array" ref="G1621">IFERROR(INDEX(Jesper!AK$2:AK$366,ROUNDDOWN($C1621/24,0)+1,1)*INDEX($D$3:$AA$30,INDEX(Jesper!$R$2:$R$366,ROW(INDEX(Jesper!AK$2:AK$366,ROUNDDOWN($C1621/24,0)+1,1))-1)+IF('Standard Profiles'!$G$21=$B$10,7,0)+IF('Standard Profiles'!$G$21=$B$17,14,0)+IF('Standard Profiles'!$G$21=$B$24,21,0),MOD($C1621,24)+1)/SUM(INDEX($D$3:$AA$30,INDEX(Jesper!$R$2:$R$366,ROW(INDEX(Jesper!AK$2:AK$366,ROUNDDOWN($C1621/24,0)+1,1))-1)+IF('Standard Profiles'!$G$21=$B$10,7,0)+IF('Standard Profiles'!$G$21=$B$17,14,0)+IF('Standard Profiles'!$G$21=$B$24,21,0),0)),0)</f>
        <v>4.9230042993329661</v>
      </c>
      <c r="H1621" cm="1">
        <f t="array" ref="H1621">IFERROR(INDEX(Jesper!AL$2:AL$366,ROUNDDOWN($C1621/24,0)+1,1)*INDEX($D$3:$AA$30,INDEX(Jesper!$R$2:$R$366,ROW(INDEX(Jesper!AL$2:AL$366,ROUNDDOWN($C1621/24,0)+1,1))-1)+IF('Standard Profiles'!$G$22=$B$10,7,0)+IF('Standard Profiles'!$G$22=$B$17,14,0)+IF('Standard Profiles'!$G$22=$B$24,21,0),MOD($C1621,24)+1)/SUM(INDEX($D$3:$AA$30,INDEX(Jesper!$R$2:$R$366,ROW(INDEX(Jesper!AL$2:AL$366,ROUNDDOWN($C1621/24,0)+1,1))-1)+IF('Standard Profiles'!$G$22=$B$10,7,0)+IF('Standard Profiles'!$G$22=$B$17,14,0)+IF('Standard Profiles'!$G$22=$B$24,21,0),0)),0)</f>
        <v>0</v>
      </c>
      <c r="I1621">
        <f t="shared" si="188"/>
        <v>2.3630420636798224</v>
      </c>
      <c r="J1621">
        <f t="shared" si="189"/>
        <v>13.161361256211784</v>
      </c>
      <c r="K1621">
        <f t="shared" si="190"/>
        <v>0.63038856500042961</v>
      </c>
      <c r="L1621">
        <f t="shared" si="191"/>
        <v>0.31519428250021481</v>
      </c>
      <c r="M1621">
        <f t="shared" si="192"/>
        <v>0</v>
      </c>
      <c r="N1621" s="45">
        <f t="shared" si="193"/>
        <v>44993.124999996151</v>
      </c>
    </row>
    <row r="1622" spans="2:14" x14ac:dyDescent="0.25">
      <c r="B1622">
        <f t="shared" si="187"/>
        <v>3</v>
      </c>
      <c r="C1622" s="16">
        <v>1588</v>
      </c>
      <c r="D1622" cm="1">
        <f t="array" ref="D1622">IFERROR(INDEX(Jesper!AH$2:AH$366,ROUNDDOWN($C1622/24,0)+1,1)*INDEX($D$3:$AA$30,INDEX(Jesper!$R$2:$R$366,ROW(INDEX(Jesper!AH$2:AH$366,ROUNDDOWN($C1622/24,0)+1,1))-1)+IF('Standard Profiles'!$G$18=$B$10,7,0)+IF('Standard Profiles'!$G$18=$B$17,14,0)+IF('Standard Profiles'!$G$18=$B$24,21,0),MOD($C1622,24)+1)/SUM(INDEX($D$3:$AA$30,INDEX(Jesper!$R$2:$R$366,ROW(INDEX(Jesper!AH$2:AH$366,ROUNDDOWN($C1622/24,0)+1,1))-1)+IF('Standard Profiles'!$G$18=$B$10,7,0)+IF('Standard Profiles'!$G$18=$B$17,14,0)+IF('Standard Profiles'!$G$18=$B$24,21,0),0)),0)</f>
        <v>5.9098927968790269</v>
      </c>
      <c r="E1622" cm="1">
        <f t="array" ref="E1622">IFERROR(INDEX(Jesper!AI$2:AI$366,ROUNDDOWN($C1622/24,0)+1,1)*INDEX($D$3:$AA$30,INDEX(Jesper!$R$2:$R$366,ROW(INDEX(Jesper!AI$2:AI$366,ROUNDDOWN($C1622/24,0)+1,1))-1)+IF('Standard Profiles'!$G$19=$B$10,7,0)+IF('Standard Profiles'!$G$19=$B$17,14,0)+IF('Standard Profiles'!$G$19=$B$24,21,0),MOD($C1622,24)+1)/SUM(INDEX($D$3:$AA$30,INDEX(Jesper!$R$2:$R$366,ROW(INDEX(Jesper!AI$2:AI$366,ROUNDDOWN($C1622/24,0)+1,1))-1)+IF('Standard Profiles'!$G$19=$B$10,7,0)+IF('Standard Profiles'!$G$19=$B$17,14,0)+IF('Standard Profiles'!$G$19=$B$24,21,0),0)),0)</f>
        <v>5.6370890711802577</v>
      </c>
      <c r="F1622" cm="1">
        <f t="array" ref="F1622">IFERROR(INDEX(Jesper!AJ$2:AJ$366,ROUNDDOWN($C1622/24,0)+1,1)*INDEX($D$3:$AA$30,INDEX(Jesper!$R$2:$R$366,ROW(INDEX(Jesper!AJ$2:AJ$366,ROUNDDOWN($C1622/24,0)+1,1))-1)+IF('Standard Profiles'!$G$20=$B$10,7,0)+IF('Standard Profiles'!$G$20=$B$17,14,0)+IF('Standard Profiles'!$G$20=$B$24,21,0),MOD($C1622,24)+1)/SUM(INDEX($D$3:$AA$30,INDEX(Jesper!$R$2:$R$366,ROW(INDEX(Jesper!AJ$2:AJ$366,ROUNDDOWN($C1622/24,0)+1,1))-1)+IF('Standard Profiles'!$G$20=$B$10,7,0)+IF('Standard Profiles'!$G$20=$B$17,14,0)+IF('Standard Profiles'!$G$20=$B$24,21,0),0)),0)</f>
        <v>0</v>
      </c>
      <c r="G1622" cm="1">
        <f t="array" ref="G1622">IFERROR(INDEX(Jesper!AK$2:AK$366,ROUNDDOWN($C1622/24,0)+1,1)*INDEX($D$3:$AA$30,INDEX(Jesper!$R$2:$R$366,ROW(INDEX(Jesper!AK$2:AK$366,ROUNDDOWN($C1622/24,0)+1,1))-1)+IF('Standard Profiles'!$G$21=$B$10,7,0)+IF('Standard Profiles'!$G$21=$B$17,14,0)+IF('Standard Profiles'!$G$21=$B$24,21,0),MOD($C1622,24)+1)/SUM(INDEX($D$3:$AA$30,INDEX(Jesper!$R$2:$R$366,ROW(INDEX(Jesper!AK$2:AK$366,ROUNDDOWN($C1622/24,0)+1,1))-1)+IF('Standard Profiles'!$G$21=$B$10,7,0)+IF('Standard Profiles'!$G$21=$B$17,14,0)+IF('Standard Profiles'!$G$21=$B$24,21,0),0)),0)</f>
        <v>4.9230042993329661</v>
      </c>
      <c r="H1622" cm="1">
        <f t="array" ref="H1622">IFERROR(INDEX(Jesper!AL$2:AL$366,ROUNDDOWN($C1622/24,0)+1,1)*INDEX($D$3:$AA$30,INDEX(Jesper!$R$2:$R$366,ROW(INDEX(Jesper!AL$2:AL$366,ROUNDDOWN($C1622/24,0)+1,1))-1)+IF('Standard Profiles'!$G$22=$B$10,7,0)+IF('Standard Profiles'!$G$22=$B$17,14,0)+IF('Standard Profiles'!$G$22=$B$24,21,0),MOD($C1622,24)+1)/SUM(INDEX($D$3:$AA$30,INDEX(Jesper!$R$2:$R$366,ROW(INDEX(Jesper!AL$2:AL$366,ROUNDDOWN($C1622/24,0)+1,1))-1)+IF('Standard Profiles'!$G$22=$B$10,7,0)+IF('Standard Profiles'!$G$22=$B$17,14,0)+IF('Standard Profiles'!$G$22=$B$24,21,0),0)),0)</f>
        <v>0</v>
      </c>
      <c r="I1622">
        <f t="shared" si="188"/>
        <v>2.3630420636798224</v>
      </c>
      <c r="J1622">
        <f t="shared" si="189"/>
        <v>13.161361256211784</v>
      </c>
      <c r="K1622">
        <f t="shared" si="190"/>
        <v>0.63038856500042961</v>
      </c>
      <c r="L1622">
        <f t="shared" si="191"/>
        <v>0.31519428250021481</v>
      </c>
      <c r="M1622">
        <f t="shared" si="192"/>
        <v>0</v>
      </c>
      <c r="N1622" s="45">
        <f t="shared" si="193"/>
        <v>44993.166666662815</v>
      </c>
    </row>
    <row r="1623" spans="2:14" x14ac:dyDescent="0.25">
      <c r="B1623">
        <f t="shared" si="187"/>
        <v>3</v>
      </c>
      <c r="C1623" s="16">
        <v>1589</v>
      </c>
      <c r="D1623" cm="1">
        <f t="array" ref="D1623">IFERROR(INDEX(Jesper!AH$2:AH$366,ROUNDDOWN($C1623/24,0)+1,1)*INDEX($D$3:$AA$30,INDEX(Jesper!$R$2:$R$366,ROW(INDEX(Jesper!AH$2:AH$366,ROUNDDOWN($C1623/24,0)+1,1))-1)+IF('Standard Profiles'!$G$18=$B$10,7,0)+IF('Standard Profiles'!$G$18=$B$17,14,0)+IF('Standard Profiles'!$G$18=$B$24,21,0),MOD($C1623,24)+1)/SUM(INDEX($D$3:$AA$30,INDEX(Jesper!$R$2:$R$366,ROW(INDEX(Jesper!AH$2:AH$366,ROUNDDOWN($C1623/24,0)+1,1))-1)+IF('Standard Profiles'!$G$18=$B$10,7,0)+IF('Standard Profiles'!$G$18=$B$17,14,0)+IF('Standard Profiles'!$G$18=$B$24,21,0),0)),0)</f>
        <v>5.9098927968790269</v>
      </c>
      <c r="E1623" cm="1">
        <f t="array" ref="E1623">IFERROR(INDEX(Jesper!AI$2:AI$366,ROUNDDOWN($C1623/24,0)+1,1)*INDEX($D$3:$AA$30,INDEX(Jesper!$R$2:$R$366,ROW(INDEX(Jesper!AI$2:AI$366,ROUNDDOWN($C1623/24,0)+1,1))-1)+IF('Standard Profiles'!$G$19=$B$10,7,0)+IF('Standard Profiles'!$G$19=$B$17,14,0)+IF('Standard Profiles'!$G$19=$B$24,21,0),MOD($C1623,24)+1)/SUM(INDEX($D$3:$AA$30,INDEX(Jesper!$R$2:$R$366,ROW(INDEX(Jesper!AI$2:AI$366,ROUNDDOWN($C1623/24,0)+1,1))-1)+IF('Standard Profiles'!$G$19=$B$10,7,0)+IF('Standard Profiles'!$G$19=$B$17,14,0)+IF('Standard Profiles'!$G$19=$B$24,21,0),0)),0)</f>
        <v>5.6370890711802577</v>
      </c>
      <c r="F1623" cm="1">
        <f t="array" ref="F1623">IFERROR(INDEX(Jesper!AJ$2:AJ$366,ROUNDDOWN($C1623/24,0)+1,1)*INDEX($D$3:$AA$30,INDEX(Jesper!$R$2:$R$366,ROW(INDEX(Jesper!AJ$2:AJ$366,ROUNDDOWN($C1623/24,0)+1,1))-1)+IF('Standard Profiles'!$G$20=$B$10,7,0)+IF('Standard Profiles'!$G$20=$B$17,14,0)+IF('Standard Profiles'!$G$20=$B$24,21,0),MOD($C1623,24)+1)/SUM(INDEX($D$3:$AA$30,INDEX(Jesper!$R$2:$R$366,ROW(INDEX(Jesper!AJ$2:AJ$366,ROUNDDOWN($C1623/24,0)+1,1))-1)+IF('Standard Profiles'!$G$20=$B$10,7,0)+IF('Standard Profiles'!$G$20=$B$17,14,0)+IF('Standard Profiles'!$G$20=$B$24,21,0),0)),0)</f>
        <v>0</v>
      </c>
      <c r="G1623" cm="1">
        <f t="array" ref="G1623">IFERROR(INDEX(Jesper!AK$2:AK$366,ROUNDDOWN($C1623/24,0)+1,1)*INDEX($D$3:$AA$30,INDEX(Jesper!$R$2:$R$366,ROW(INDEX(Jesper!AK$2:AK$366,ROUNDDOWN($C1623/24,0)+1,1))-1)+IF('Standard Profiles'!$G$21=$B$10,7,0)+IF('Standard Profiles'!$G$21=$B$17,14,0)+IF('Standard Profiles'!$G$21=$B$24,21,0),MOD($C1623,24)+1)/SUM(INDEX($D$3:$AA$30,INDEX(Jesper!$R$2:$R$366,ROW(INDEX(Jesper!AK$2:AK$366,ROUNDDOWN($C1623/24,0)+1,1))-1)+IF('Standard Profiles'!$G$21=$B$10,7,0)+IF('Standard Profiles'!$G$21=$B$17,14,0)+IF('Standard Profiles'!$G$21=$B$24,21,0),0)),0)</f>
        <v>4.9230042993329661</v>
      </c>
      <c r="H1623" cm="1">
        <f t="array" ref="H1623">IFERROR(INDEX(Jesper!AL$2:AL$366,ROUNDDOWN($C1623/24,0)+1,1)*INDEX($D$3:$AA$30,INDEX(Jesper!$R$2:$R$366,ROW(INDEX(Jesper!AL$2:AL$366,ROUNDDOWN($C1623/24,0)+1,1))-1)+IF('Standard Profiles'!$G$22=$B$10,7,0)+IF('Standard Profiles'!$G$22=$B$17,14,0)+IF('Standard Profiles'!$G$22=$B$24,21,0),MOD($C1623,24)+1)/SUM(INDEX($D$3:$AA$30,INDEX(Jesper!$R$2:$R$366,ROW(INDEX(Jesper!AL$2:AL$366,ROUNDDOWN($C1623/24,0)+1,1))-1)+IF('Standard Profiles'!$G$22=$B$10,7,0)+IF('Standard Profiles'!$G$22=$B$17,14,0)+IF('Standard Profiles'!$G$22=$B$24,21,0),0)),0)</f>
        <v>0</v>
      </c>
      <c r="I1623">
        <f t="shared" si="188"/>
        <v>2.3630420636798224</v>
      </c>
      <c r="J1623">
        <f t="shared" si="189"/>
        <v>13.161361256211784</v>
      </c>
      <c r="K1623">
        <f t="shared" si="190"/>
        <v>0.63038856500042961</v>
      </c>
      <c r="L1623">
        <f t="shared" si="191"/>
        <v>0.31519428250021481</v>
      </c>
      <c r="M1623">
        <f t="shared" si="192"/>
        <v>0</v>
      </c>
      <c r="N1623" s="45">
        <f t="shared" si="193"/>
        <v>44993.20833332948</v>
      </c>
    </row>
    <row r="1624" spans="2:14" x14ac:dyDescent="0.25">
      <c r="B1624">
        <f t="shared" si="187"/>
        <v>3</v>
      </c>
      <c r="C1624" s="16">
        <v>1590</v>
      </c>
      <c r="D1624" cm="1">
        <f t="array" ref="D1624">IFERROR(INDEX(Jesper!AH$2:AH$366,ROUNDDOWN($C1624/24,0)+1,1)*INDEX($D$3:$AA$30,INDEX(Jesper!$R$2:$R$366,ROW(INDEX(Jesper!AH$2:AH$366,ROUNDDOWN($C1624/24,0)+1,1))-1)+IF('Standard Profiles'!$G$18=$B$10,7,0)+IF('Standard Profiles'!$G$18=$B$17,14,0)+IF('Standard Profiles'!$G$18=$B$24,21,0),MOD($C1624,24)+1)/SUM(INDEX($D$3:$AA$30,INDEX(Jesper!$R$2:$R$366,ROW(INDEX(Jesper!AH$2:AH$366,ROUNDDOWN($C1624/24,0)+1,1))-1)+IF('Standard Profiles'!$G$18=$B$10,7,0)+IF('Standard Profiles'!$G$18=$B$17,14,0)+IF('Standard Profiles'!$G$18=$B$24,21,0),0)),0)</f>
        <v>5.9098927968790269</v>
      </c>
      <c r="E1624" cm="1">
        <f t="array" ref="E1624">IFERROR(INDEX(Jesper!AI$2:AI$366,ROUNDDOWN($C1624/24,0)+1,1)*INDEX($D$3:$AA$30,INDEX(Jesper!$R$2:$R$366,ROW(INDEX(Jesper!AI$2:AI$366,ROUNDDOWN($C1624/24,0)+1,1))-1)+IF('Standard Profiles'!$G$19=$B$10,7,0)+IF('Standard Profiles'!$G$19=$B$17,14,0)+IF('Standard Profiles'!$G$19=$B$24,21,0),MOD($C1624,24)+1)/SUM(INDEX($D$3:$AA$30,INDEX(Jesper!$R$2:$R$366,ROW(INDEX(Jesper!AI$2:AI$366,ROUNDDOWN($C1624/24,0)+1,1))-1)+IF('Standard Profiles'!$G$19=$B$10,7,0)+IF('Standard Profiles'!$G$19=$B$17,14,0)+IF('Standard Profiles'!$G$19=$B$24,21,0),0)),0)</f>
        <v>5.6370890711802577</v>
      </c>
      <c r="F1624" cm="1">
        <f t="array" ref="F1624">IFERROR(INDEX(Jesper!AJ$2:AJ$366,ROUNDDOWN($C1624/24,0)+1,1)*INDEX($D$3:$AA$30,INDEX(Jesper!$R$2:$R$366,ROW(INDEX(Jesper!AJ$2:AJ$366,ROUNDDOWN($C1624/24,0)+1,1))-1)+IF('Standard Profiles'!$G$20=$B$10,7,0)+IF('Standard Profiles'!$G$20=$B$17,14,0)+IF('Standard Profiles'!$G$20=$B$24,21,0),MOD($C1624,24)+1)/SUM(INDEX($D$3:$AA$30,INDEX(Jesper!$R$2:$R$366,ROW(INDEX(Jesper!AJ$2:AJ$366,ROUNDDOWN($C1624/24,0)+1,1))-1)+IF('Standard Profiles'!$G$20=$B$10,7,0)+IF('Standard Profiles'!$G$20=$B$17,14,0)+IF('Standard Profiles'!$G$20=$B$24,21,0),0)),0)</f>
        <v>0</v>
      </c>
      <c r="G1624" cm="1">
        <f t="array" ref="G1624">IFERROR(INDEX(Jesper!AK$2:AK$366,ROUNDDOWN($C1624/24,0)+1,1)*INDEX($D$3:$AA$30,INDEX(Jesper!$R$2:$R$366,ROW(INDEX(Jesper!AK$2:AK$366,ROUNDDOWN($C1624/24,0)+1,1))-1)+IF('Standard Profiles'!$G$21=$B$10,7,0)+IF('Standard Profiles'!$G$21=$B$17,14,0)+IF('Standard Profiles'!$G$21=$B$24,21,0),MOD($C1624,24)+1)/SUM(INDEX($D$3:$AA$30,INDEX(Jesper!$R$2:$R$366,ROW(INDEX(Jesper!AK$2:AK$366,ROUNDDOWN($C1624/24,0)+1,1))-1)+IF('Standard Profiles'!$G$21=$B$10,7,0)+IF('Standard Profiles'!$G$21=$B$17,14,0)+IF('Standard Profiles'!$G$21=$B$24,21,0),0)),0)</f>
        <v>4.9230042993329661</v>
      </c>
      <c r="H1624" cm="1">
        <f t="array" ref="H1624">IFERROR(INDEX(Jesper!AL$2:AL$366,ROUNDDOWN($C1624/24,0)+1,1)*INDEX($D$3:$AA$30,INDEX(Jesper!$R$2:$R$366,ROW(INDEX(Jesper!AL$2:AL$366,ROUNDDOWN($C1624/24,0)+1,1))-1)+IF('Standard Profiles'!$G$22=$B$10,7,0)+IF('Standard Profiles'!$G$22=$B$17,14,0)+IF('Standard Profiles'!$G$22=$B$24,21,0),MOD($C1624,24)+1)/SUM(INDEX($D$3:$AA$30,INDEX(Jesper!$R$2:$R$366,ROW(INDEX(Jesper!AL$2:AL$366,ROUNDDOWN($C1624/24,0)+1,1))-1)+IF('Standard Profiles'!$G$22=$B$10,7,0)+IF('Standard Profiles'!$G$22=$B$17,14,0)+IF('Standard Profiles'!$G$22=$B$24,21,0),0)),0)</f>
        <v>0</v>
      </c>
      <c r="I1624">
        <f t="shared" si="188"/>
        <v>2.3630420636798224</v>
      </c>
      <c r="J1624">
        <f t="shared" si="189"/>
        <v>13.161361256211784</v>
      </c>
      <c r="K1624">
        <f t="shared" si="190"/>
        <v>0.63038856500042961</v>
      </c>
      <c r="L1624">
        <f t="shared" si="191"/>
        <v>0.31519428250021481</v>
      </c>
      <c r="M1624">
        <f t="shared" si="192"/>
        <v>0</v>
      </c>
      <c r="N1624" s="45">
        <f t="shared" si="193"/>
        <v>44993.249999996144</v>
      </c>
    </row>
    <row r="1625" spans="2:14" x14ac:dyDescent="0.25">
      <c r="B1625">
        <f t="shared" si="187"/>
        <v>3</v>
      </c>
      <c r="C1625" s="16">
        <v>1591</v>
      </c>
      <c r="D1625" cm="1">
        <f t="array" ref="D1625">IFERROR(INDEX(Jesper!AH$2:AH$366,ROUNDDOWN($C1625/24,0)+1,1)*INDEX($D$3:$AA$30,INDEX(Jesper!$R$2:$R$366,ROW(INDEX(Jesper!AH$2:AH$366,ROUNDDOWN($C1625/24,0)+1,1))-1)+IF('Standard Profiles'!$G$18=$B$10,7,0)+IF('Standard Profiles'!$G$18=$B$17,14,0)+IF('Standard Profiles'!$G$18=$B$24,21,0),MOD($C1625,24)+1)/SUM(INDEX($D$3:$AA$30,INDEX(Jesper!$R$2:$R$366,ROW(INDEX(Jesper!AH$2:AH$366,ROUNDDOWN($C1625/24,0)+1,1))-1)+IF('Standard Profiles'!$G$18=$B$10,7,0)+IF('Standard Profiles'!$G$18=$B$17,14,0)+IF('Standard Profiles'!$G$18=$B$24,21,0),0)),0)</f>
        <v>24.158925402999415</v>
      </c>
      <c r="E1625" cm="1">
        <f t="array" ref="E1625">IFERROR(INDEX(Jesper!AI$2:AI$366,ROUNDDOWN($C1625/24,0)+1,1)*INDEX($D$3:$AA$30,INDEX(Jesper!$R$2:$R$366,ROW(INDEX(Jesper!AI$2:AI$366,ROUNDDOWN($C1625/24,0)+1,1))-1)+IF('Standard Profiles'!$G$19=$B$10,7,0)+IF('Standard Profiles'!$G$19=$B$17,14,0)+IF('Standard Profiles'!$G$19=$B$24,21,0),MOD($C1625,24)+1)/SUM(INDEX($D$3:$AA$30,INDEX(Jesper!$R$2:$R$366,ROW(INDEX(Jesper!AI$2:AI$366,ROUNDDOWN($C1625/24,0)+1,1))-1)+IF('Standard Profiles'!$G$19=$B$10,7,0)+IF('Standard Profiles'!$G$19=$B$17,14,0)+IF('Standard Profiles'!$G$19=$B$24,21,0),0)),0)</f>
        <v>23.043736839461111</v>
      </c>
      <c r="F1625" cm="1">
        <f t="array" ref="F1625">IFERROR(INDEX(Jesper!AJ$2:AJ$366,ROUNDDOWN($C1625/24,0)+1,1)*INDEX($D$3:$AA$30,INDEX(Jesper!$R$2:$R$366,ROW(INDEX(Jesper!AJ$2:AJ$366,ROUNDDOWN($C1625/24,0)+1,1))-1)+IF('Standard Profiles'!$G$20=$B$10,7,0)+IF('Standard Profiles'!$G$20=$B$17,14,0)+IF('Standard Profiles'!$G$20=$B$24,21,0),MOD($C1625,24)+1)/SUM(INDEX($D$3:$AA$30,INDEX(Jesper!$R$2:$R$366,ROW(INDEX(Jesper!AJ$2:AJ$366,ROUNDDOWN($C1625/24,0)+1,1))-1)+IF('Standard Profiles'!$G$20=$B$10,7,0)+IF('Standard Profiles'!$G$20=$B$17,14,0)+IF('Standard Profiles'!$G$20=$B$24,21,0),0)),0)</f>
        <v>0</v>
      </c>
      <c r="G1625" cm="1">
        <f t="array" ref="G1625">IFERROR(INDEX(Jesper!AK$2:AK$366,ROUNDDOWN($C1625/24,0)+1,1)*INDEX($D$3:$AA$30,INDEX(Jesper!$R$2:$R$366,ROW(INDEX(Jesper!AK$2:AK$366,ROUNDDOWN($C1625/24,0)+1,1))-1)+IF('Standard Profiles'!$G$21=$B$10,7,0)+IF('Standard Profiles'!$G$21=$B$17,14,0)+IF('Standard Profiles'!$G$21=$B$24,21,0),MOD($C1625,24)+1)/SUM(INDEX($D$3:$AA$30,INDEX(Jesper!$R$2:$R$366,ROW(INDEX(Jesper!AK$2:AK$366,ROUNDDOWN($C1625/24,0)+1,1))-1)+IF('Standard Profiles'!$G$21=$B$10,7,0)+IF('Standard Profiles'!$G$21=$B$17,14,0)+IF('Standard Profiles'!$G$21=$B$24,21,0),0)),0)</f>
        <v>13.56287684466232</v>
      </c>
      <c r="H1625" cm="1">
        <f t="array" ref="H1625">IFERROR(INDEX(Jesper!AL$2:AL$366,ROUNDDOWN($C1625/24,0)+1,1)*INDEX($D$3:$AA$30,INDEX(Jesper!$R$2:$R$366,ROW(INDEX(Jesper!AL$2:AL$366,ROUNDDOWN($C1625/24,0)+1,1))-1)+IF('Standard Profiles'!$G$22=$B$10,7,0)+IF('Standard Profiles'!$G$22=$B$17,14,0)+IF('Standard Profiles'!$G$22=$B$24,21,0),MOD($C1625,24)+1)/SUM(INDEX($D$3:$AA$30,INDEX(Jesper!$R$2:$R$366,ROW(INDEX(Jesper!AL$2:AL$366,ROUNDDOWN($C1625/24,0)+1,1))-1)+IF('Standard Profiles'!$G$22=$B$10,7,0)+IF('Standard Profiles'!$G$22=$B$17,14,0)+IF('Standard Profiles'!$G$22=$B$24,21,0),0)),0)</f>
        <v>0</v>
      </c>
      <c r="I1625">
        <f t="shared" si="188"/>
        <v>6.5101808854379106</v>
      </c>
      <c r="J1625">
        <f t="shared" si="189"/>
        <v>50.389930137205027</v>
      </c>
      <c r="K1625">
        <f t="shared" si="190"/>
        <v>2.5769520429866044</v>
      </c>
      <c r="L1625">
        <f t="shared" si="191"/>
        <v>1.2884760214933022</v>
      </c>
      <c r="M1625">
        <f t="shared" si="192"/>
        <v>0</v>
      </c>
      <c r="N1625" s="45">
        <f t="shared" si="193"/>
        <v>44993.291666662808</v>
      </c>
    </row>
    <row r="1626" spans="2:14" x14ac:dyDescent="0.25">
      <c r="B1626">
        <f t="shared" si="187"/>
        <v>3</v>
      </c>
      <c r="C1626" s="16">
        <v>1592</v>
      </c>
      <c r="D1626" cm="1">
        <f t="array" ref="D1626">IFERROR(INDEX(Jesper!AH$2:AH$366,ROUNDDOWN($C1626/24,0)+1,1)*INDEX($D$3:$AA$30,INDEX(Jesper!$R$2:$R$366,ROW(INDEX(Jesper!AH$2:AH$366,ROUNDDOWN($C1626/24,0)+1,1))-1)+IF('Standard Profiles'!$G$18=$B$10,7,0)+IF('Standard Profiles'!$G$18=$B$17,14,0)+IF('Standard Profiles'!$G$18=$B$24,21,0),MOD($C1626,24)+1)/SUM(INDEX($D$3:$AA$30,INDEX(Jesper!$R$2:$R$366,ROW(INDEX(Jesper!AH$2:AH$366,ROUNDDOWN($C1626/24,0)+1,1))-1)+IF('Standard Profiles'!$G$18=$B$10,7,0)+IF('Standard Profiles'!$G$18=$B$17,14,0)+IF('Standard Profiles'!$G$18=$B$24,21,0),0)),0)</f>
        <v>26.956274660188825</v>
      </c>
      <c r="E1626" cm="1">
        <f t="array" ref="E1626">IFERROR(INDEX(Jesper!AI$2:AI$366,ROUNDDOWN($C1626/24,0)+1,1)*INDEX($D$3:$AA$30,INDEX(Jesper!$R$2:$R$366,ROW(INDEX(Jesper!AI$2:AI$366,ROUNDDOWN($C1626/24,0)+1,1))-1)+IF('Standard Profiles'!$G$19=$B$10,7,0)+IF('Standard Profiles'!$G$19=$B$17,14,0)+IF('Standard Profiles'!$G$19=$B$24,21,0),MOD($C1626,24)+1)/SUM(INDEX($D$3:$AA$30,INDEX(Jesper!$R$2:$R$366,ROW(INDEX(Jesper!AI$2:AI$366,ROUNDDOWN($C1626/24,0)+1,1))-1)+IF('Standard Profiles'!$G$19=$B$10,7,0)+IF('Standard Profiles'!$G$19=$B$17,14,0)+IF('Standard Profiles'!$G$19=$B$24,21,0),0)),0)</f>
        <v>25.711958999819768</v>
      </c>
      <c r="F1626" cm="1">
        <f t="array" ref="F1626">IFERROR(INDEX(Jesper!AJ$2:AJ$366,ROUNDDOWN($C1626/24,0)+1,1)*INDEX($D$3:$AA$30,INDEX(Jesper!$R$2:$R$366,ROW(INDEX(Jesper!AJ$2:AJ$366,ROUNDDOWN($C1626/24,0)+1,1))-1)+IF('Standard Profiles'!$G$20=$B$10,7,0)+IF('Standard Profiles'!$G$20=$B$17,14,0)+IF('Standard Profiles'!$G$20=$B$24,21,0),MOD($C1626,24)+1)/SUM(INDEX($D$3:$AA$30,INDEX(Jesper!$R$2:$R$366,ROW(INDEX(Jesper!AJ$2:AJ$366,ROUNDDOWN($C1626/24,0)+1,1))-1)+IF('Standard Profiles'!$G$20=$B$10,7,0)+IF('Standard Profiles'!$G$20=$B$17,14,0)+IF('Standard Profiles'!$G$20=$B$24,21,0),0)),0)</f>
        <v>0</v>
      </c>
      <c r="G1626" cm="1">
        <f t="array" ref="G1626">IFERROR(INDEX(Jesper!AK$2:AK$366,ROUNDDOWN($C1626/24,0)+1,1)*INDEX($D$3:$AA$30,INDEX(Jesper!$R$2:$R$366,ROW(INDEX(Jesper!AK$2:AK$366,ROUNDDOWN($C1626/24,0)+1,1))-1)+IF('Standard Profiles'!$G$21=$B$10,7,0)+IF('Standard Profiles'!$G$21=$B$17,14,0)+IF('Standard Profiles'!$G$21=$B$24,21,0),MOD($C1626,24)+1)/SUM(INDEX($D$3:$AA$30,INDEX(Jesper!$R$2:$R$366,ROW(INDEX(Jesper!AK$2:AK$366,ROUNDDOWN($C1626/24,0)+1,1))-1)+IF('Standard Profiles'!$G$21=$B$10,7,0)+IF('Standard Profiles'!$G$21=$B$17,14,0)+IF('Standard Profiles'!$G$21=$B$24,21,0),0)),0)</f>
        <v>15.133315216149535</v>
      </c>
      <c r="H1626" cm="1">
        <f t="array" ref="H1626">IFERROR(INDEX(Jesper!AL$2:AL$366,ROUNDDOWN($C1626/24,0)+1,1)*INDEX($D$3:$AA$30,INDEX(Jesper!$R$2:$R$366,ROW(INDEX(Jesper!AL$2:AL$366,ROUNDDOWN($C1626/24,0)+1,1))-1)+IF('Standard Profiles'!$G$22=$B$10,7,0)+IF('Standard Profiles'!$G$22=$B$17,14,0)+IF('Standard Profiles'!$G$22=$B$24,21,0),MOD($C1626,24)+1)/SUM(INDEX($D$3:$AA$30,INDEX(Jesper!$R$2:$R$366,ROW(INDEX(Jesper!AL$2:AL$366,ROUNDDOWN($C1626/24,0)+1,1))-1)+IF('Standard Profiles'!$G$22=$B$10,7,0)+IF('Standard Profiles'!$G$22=$B$17,14,0)+IF('Standard Profiles'!$G$22=$B$24,21,0),0)),0)</f>
        <v>0</v>
      </c>
      <c r="I1626">
        <f t="shared" si="188"/>
        <v>7.2639913037517729</v>
      </c>
      <c r="J1626">
        <f t="shared" si="189"/>
        <v>56.224553626776142</v>
      </c>
      <c r="K1626">
        <f t="shared" si="190"/>
        <v>2.875335963753475</v>
      </c>
      <c r="L1626">
        <f t="shared" si="191"/>
        <v>1.4376679818767375</v>
      </c>
      <c r="M1626">
        <f t="shared" si="192"/>
        <v>0</v>
      </c>
      <c r="N1626" s="45">
        <f t="shared" si="193"/>
        <v>44993.333333329472</v>
      </c>
    </row>
    <row r="1627" spans="2:14" x14ac:dyDescent="0.25">
      <c r="B1627">
        <f t="shared" si="187"/>
        <v>3</v>
      </c>
      <c r="C1627" s="16">
        <v>1593</v>
      </c>
      <c r="D1627" cm="1">
        <f t="array" ref="D1627">IFERROR(INDEX(Jesper!AH$2:AH$366,ROUNDDOWN($C1627/24,0)+1,1)*INDEX($D$3:$AA$30,INDEX(Jesper!$R$2:$R$366,ROW(INDEX(Jesper!AH$2:AH$366,ROUNDDOWN($C1627/24,0)+1,1))-1)+IF('Standard Profiles'!$G$18=$B$10,7,0)+IF('Standard Profiles'!$G$18=$B$17,14,0)+IF('Standard Profiles'!$G$18=$B$24,21,0),MOD($C1627,24)+1)/SUM(INDEX($D$3:$AA$30,INDEX(Jesper!$R$2:$R$366,ROW(INDEX(Jesper!AH$2:AH$366,ROUNDDOWN($C1627/24,0)+1,1))-1)+IF('Standard Profiles'!$G$18=$B$10,7,0)+IF('Standard Profiles'!$G$18=$B$17,14,0)+IF('Standard Profiles'!$G$18=$B$24,21,0),0)),0)</f>
        <v>29.753623917378231</v>
      </c>
      <c r="E1627" cm="1">
        <f t="array" ref="E1627">IFERROR(INDEX(Jesper!AI$2:AI$366,ROUNDDOWN($C1627/24,0)+1,1)*INDEX($D$3:$AA$30,INDEX(Jesper!$R$2:$R$366,ROW(INDEX(Jesper!AI$2:AI$366,ROUNDDOWN($C1627/24,0)+1,1))-1)+IF('Standard Profiles'!$G$19=$B$10,7,0)+IF('Standard Profiles'!$G$19=$B$17,14,0)+IF('Standard Profiles'!$G$19=$B$24,21,0),MOD($C1627,24)+1)/SUM(INDEX($D$3:$AA$30,INDEX(Jesper!$R$2:$R$366,ROW(INDEX(Jesper!AI$2:AI$366,ROUNDDOWN($C1627/24,0)+1,1))-1)+IF('Standard Profiles'!$G$19=$B$10,7,0)+IF('Standard Profiles'!$G$19=$B$17,14,0)+IF('Standard Profiles'!$G$19=$B$24,21,0),0)),0)</f>
        <v>28.380181160178424</v>
      </c>
      <c r="F1627" cm="1">
        <f t="array" ref="F1627">IFERROR(INDEX(Jesper!AJ$2:AJ$366,ROUNDDOWN($C1627/24,0)+1,1)*INDEX($D$3:$AA$30,INDEX(Jesper!$R$2:$R$366,ROW(INDEX(Jesper!AJ$2:AJ$366,ROUNDDOWN($C1627/24,0)+1,1))-1)+IF('Standard Profiles'!$G$20=$B$10,7,0)+IF('Standard Profiles'!$G$20=$B$17,14,0)+IF('Standard Profiles'!$G$20=$B$24,21,0),MOD($C1627,24)+1)/SUM(INDEX($D$3:$AA$30,INDEX(Jesper!$R$2:$R$366,ROW(INDEX(Jesper!AJ$2:AJ$366,ROUNDDOWN($C1627/24,0)+1,1))-1)+IF('Standard Profiles'!$G$20=$B$10,7,0)+IF('Standard Profiles'!$G$20=$B$17,14,0)+IF('Standard Profiles'!$G$20=$B$24,21,0),0)),0)</f>
        <v>0</v>
      </c>
      <c r="G1627" cm="1">
        <f t="array" ref="G1627">IFERROR(INDEX(Jesper!AK$2:AK$366,ROUNDDOWN($C1627/24,0)+1,1)*INDEX($D$3:$AA$30,INDEX(Jesper!$R$2:$R$366,ROW(INDEX(Jesper!AK$2:AK$366,ROUNDDOWN($C1627/24,0)+1,1))-1)+IF('Standard Profiles'!$G$21=$B$10,7,0)+IF('Standard Profiles'!$G$21=$B$17,14,0)+IF('Standard Profiles'!$G$21=$B$24,21,0),MOD($C1627,24)+1)/SUM(INDEX($D$3:$AA$30,INDEX(Jesper!$R$2:$R$366,ROW(INDEX(Jesper!AK$2:AK$366,ROUNDDOWN($C1627/24,0)+1,1))-1)+IF('Standard Profiles'!$G$21=$B$10,7,0)+IF('Standard Profiles'!$G$21=$B$17,14,0)+IF('Standard Profiles'!$G$21=$B$24,21,0),0)),0)</f>
        <v>16.703753587636751</v>
      </c>
      <c r="H1627" cm="1">
        <f t="array" ref="H1627">IFERROR(INDEX(Jesper!AL$2:AL$366,ROUNDDOWN($C1627/24,0)+1,1)*INDEX($D$3:$AA$30,INDEX(Jesper!$R$2:$R$366,ROW(INDEX(Jesper!AL$2:AL$366,ROUNDDOWN($C1627/24,0)+1,1))-1)+IF('Standard Profiles'!$G$22=$B$10,7,0)+IF('Standard Profiles'!$G$22=$B$17,14,0)+IF('Standard Profiles'!$G$22=$B$24,21,0),MOD($C1627,24)+1)/SUM(INDEX($D$3:$AA$30,INDEX(Jesper!$R$2:$R$366,ROW(INDEX(Jesper!AL$2:AL$366,ROUNDDOWN($C1627/24,0)+1,1))-1)+IF('Standard Profiles'!$G$22=$B$10,7,0)+IF('Standard Profiles'!$G$22=$B$17,14,0)+IF('Standard Profiles'!$G$22=$B$24,21,0),0)),0)</f>
        <v>0</v>
      </c>
      <c r="I1627">
        <f t="shared" si="188"/>
        <v>8.0178017220656361</v>
      </c>
      <c r="J1627">
        <f t="shared" si="189"/>
        <v>62.05917711634725</v>
      </c>
      <c r="K1627">
        <f t="shared" si="190"/>
        <v>3.1737198845203447</v>
      </c>
      <c r="L1627">
        <f t="shared" si="191"/>
        <v>1.5868599422601724</v>
      </c>
      <c r="M1627">
        <f t="shared" si="192"/>
        <v>0</v>
      </c>
      <c r="N1627" s="45">
        <f t="shared" si="193"/>
        <v>44993.374999996136</v>
      </c>
    </row>
    <row r="1628" spans="2:14" x14ac:dyDescent="0.25">
      <c r="B1628">
        <f t="shared" si="187"/>
        <v>3</v>
      </c>
      <c r="C1628" s="16">
        <v>1594</v>
      </c>
      <c r="D1628" cm="1">
        <f t="array" ref="D1628">IFERROR(INDEX(Jesper!AH$2:AH$366,ROUNDDOWN($C1628/24,0)+1,1)*INDEX($D$3:$AA$30,INDEX(Jesper!$R$2:$R$366,ROW(INDEX(Jesper!AH$2:AH$366,ROUNDDOWN($C1628/24,0)+1,1))-1)+IF('Standard Profiles'!$G$18=$B$10,7,0)+IF('Standard Profiles'!$G$18=$B$17,14,0)+IF('Standard Profiles'!$G$18=$B$24,21,0),MOD($C1628,24)+1)/SUM(INDEX($D$3:$AA$30,INDEX(Jesper!$R$2:$R$366,ROW(INDEX(Jesper!AH$2:AH$366,ROUNDDOWN($C1628/24,0)+1,1))-1)+IF('Standard Profiles'!$G$18=$B$10,7,0)+IF('Standard Profiles'!$G$18=$B$17,14,0)+IF('Standard Profiles'!$G$18=$B$24,21,0),0)),0)</f>
        <v>29.753623917378231</v>
      </c>
      <c r="E1628" cm="1">
        <f t="array" ref="E1628">IFERROR(INDEX(Jesper!AI$2:AI$366,ROUNDDOWN($C1628/24,0)+1,1)*INDEX($D$3:$AA$30,INDEX(Jesper!$R$2:$R$366,ROW(INDEX(Jesper!AI$2:AI$366,ROUNDDOWN($C1628/24,0)+1,1))-1)+IF('Standard Profiles'!$G$19=$B$10,7,0)+IF('Standard Profiles'!$G$19=$B$17,14,0)+IF('Standard Profiles'!$G$19=$B$24,21,0),MOD($C1628,24)+1)/SUM(INDEX($D$3:$AA$30,INDEX(Jesper!$R$2:$R$366,ROW(INDEX(Jesper!AI$2:AI$366,ROUNDDOWN($C1628/24,0)+1,1))-1)+IF('Standard Profiles'!$G$19=$B$10,7,0)+IF('Standard Profiles'!$G$19=$B$17,14,0)+IF('Standard Profiles'!$G$19=$B$24,21,0),0)),0)</f>
        <v>28.380181160178424</v>
      </c>
      <c r="F1628" cm="1">
        <f t="array" ref="F1628">IFERROR(INDEX(Jesper!AJ$2:AJ$366,ROUNDDOWN($C1628/24,0)+1,1)*INDEX($D$3:$AA$30,INDEX(Jesper!$R$2:$R$366,ROW(INDEX(Jesper!AJ$2:AJ$366,ROUNDDOWN($C1628/24,0)+1,1))-1)+IF('Standard Profiles'!$G$20=$B$10,7,0)+IF('Standard Profiles'!$G$20=$B$17,14,0)+IF('Standard Profiles'!$G$20=$B$24,21,0),MOD($C1628,24)+1)/SUM(INDEX($D$3:$AA$30,INDEX(Jesper!$R$2:$R$366,ROW(INDEX(Jesper!AJ$2:AJ$366,ROUNDDOWN($C1628/24,0)+1,1))-1)+IF('Standard Profiles'!$G$20=$B$10,7,0)+IF('Standard Profiles'!$G$20=$B$17,14,0)+IF('Standard Profiles'!$G$20=$B$24,21,0),0)),0)</f>
        <v>0</v>
      </c>
      <c r="G1628" cm="1">
        <f t="array" ref="G1628">IFERROR(INDEX(Jesper!AK$2:AK$366,ROUNDDOWN($C1628/24,0)+1,1)*INDEX($D$3:$AA$30,INDEX(Jesper!$R$2:$R$366,ROW(INDEX(Jesper!AK$2:AK$366,ROUNDDOWN($C1628/24,0)+1,1))-1)+IF('Standard Profiles'!$G$21=$B$10,7,0)+IF('Standard Profiles'!$G$21=$B$17,14,0)+IF('Standard Profiles'!$G$21=$B$24,21,0),MOD($C1628,24)+1)/SUM(INDEX($D$3:$AA$30,INDEX(Jesper!$R$2:$R$366,ROW(INDEX(Jesper!AK$2:AK$366,ROUNDDOWN($C1628/24,0)+1,1))-1)+IF('Standard Profiles'!$G$21=$B$10,7,0)+IF('Standard Profiles'!$G$21=$B$17,14,0)+IF('Standard Profiles'!$G$21=$B$24,21,0),0)),0)</f>
        <v>16.703753587636751</v>
      </c>
      <c r="H1628" cm="1">
        <f t="array" ref="H1628">IFERROR(INDEX(Jesper!AL$2:AL$366,ROUNDDOWN($C1628/24,0)+1,1)*INDEX($D$3:$AA$30,INDEX(Jesper!$R$2:$R$366,ROW(INDEX(Jesper!AL$2:AL$366,ROUNDDOWN($C1628/24,0)+1,1))-1)+IF('Standard Profiles'!$G$22=$B$10,7,0)+IF('Standard Profiles'!$G$22=$B$17,14,0)+IF('Standard Profiles'!$G$22=$B$24,21,0),MOD($C1628,24)+1)/SUM(INDEX($D$3:$AA$30,INDEX(Jesper!$R$2:$R$366,ROW(INDEX(Jesper!AL$2:AL$366,ROUNDDOWN($C1628/24,0)+1,1))-1)+IF('Standard Profiles'!$G$22=$B$10,7,0)+IF('Standard Profiles'!$G$22=$B$17,14,0)+IF('Standard Profiles'!$G$22=$B$24,21,0),0)),0)</f>
        <v>0</v>
      </c>
      <c r="I1628">
        <f t="shared" si="188"/>
        <v>8.0178017220656361</v>
      </c>
      <c r="J1628">
        <f t="shared" si="189"/>
        <v>62.05917711634725</v>
      </c>
      <c r="K1628">
        <f t="shared" si="190"/>
        <v>3.1737198845203447</v>
      </c>
      <c r="L1628">
        <f t="shared" si="191"/>
        <v>1.5868599422601724</v>
      </c>
      <c r="M1628">
        <f t="shared" si="192"/>
        <v>0</v>
      </c>
      <c r="N1628" s="45">
        <f t="shared" si="193"/>
        <v>44993.416666662801</v>
      </c>
    </row>
    <row r="1629" spans="2:14" x14ac:dyDescent="0.25">
      <c r="B1629">
        <f t="shared" si="187"/>
        <v>3</v>
      </c>
      <c r="C1629" s="16">
        <v>1595</v>
      </c>
      <c r="D1629" cm="1">
        <f t="array" ref="D1629">IFERROR(INDEX(Jesper!AH$2:AH$366,ROUNDDOWN($C1629/24,0)+1,1)*INDEX($D$3:$AA$30,INDEX(Jesper!$R$2:$R$366,ROW(INDEX(Jesper!AH$2:AH$366,ROUNDDOWN($C1629/24,0)+1,1))-1)+IF('Standard Profiles'!$G$18=$B$10,7,0)+IF('Standard Profiles'!$G$18=$B$17,14,0)+IF('Standard Profiles'!$G$18=$B$24,21,0),MOD($C1629,24)+1)/SUM(INDEX($D$3:$AA$30,INDEX(Jesper!$R$2:$R$366,ROW(INDEX(Jesper!AH$2:AH$366,ROUNDDOWN($C1629/24,0)+1,1))-1)+IF('Standard Profiles'!$G$18=$B$10,7,0)+IF('Standard Profiles'!$G$18=$B$17,14,0)+IF('Standard Profiles'!$G$18=$B$24,21,0),0)),0)</f>
        <v>35.602626909683352</v>
      </c>
      <c r="E1629" cm="1">
        <f t="array" ref="E1629">IFERROR(INDEX(Jesper!AI$2:AI$366,ROUNDDOWN($C1629/24,0)+1,1)*INDEX($D$3:$AA$30,INDEX(Jesper!$R$2:$R$366,ROW(INDEX(Jesper!AI$2:AI$366,ROUNDDOWN($C1629/24,0)+1,1))-1)+IF('Standard Profiles'!$G$19=$B$10,7,0)+IF('Standard Profiles'!$G$19=$B$17,14,0)+IF('Standard Profiles'!$G$19=$B$24,21,0),MOD($C1629,24)+1)/SUM(INDEX($D$3:$AA$30,INDEX(Jesper!$R$2:$R$366,ROW(INDEX(Jesper!AI$2:AI$366,ROUNDDOWN($C1629/24,0)+1,1))-1)+IF('Standard Profiles'!$G$19=$B$10,7,0)+IF('Standard Profiles'!$G$19=$B$17,14,0)+IF('Standard Profiles'!$G$19=$B$24,21,0),0)),0)</f>
        <v>33.959191131837429</v>
      </c>
      <c r="F1629" cm="1">
        <f t="array" ref="F1629">IFERROR(INDEX(Jesper!AJ$2:AJ$366,ROUNDDOWN($C1629/24,0)+1,1)*INDEX($D$3:$AA$30,INDEX(Jesper!$R$2:$R$366,ROW(INDEX(Jesper!AJ$2:AJ$366,ROUNDDOWN($C1629/24,0)+1,1))-1)+IF('Standard Profiles'!$G$20=$B$10,7,0)+IF('Standard Profiles'!$G$20=$B$17,14,0)+IF('Standard Profiles'!$G$20=$B$24,21,0),MOD($C1629,24)+1)/SUM(INDEX($D$3:$AA$30,INDEX(Jesper!$R$2:$R$366,ROW(INDEX(Jesper!AJ$2:AJ$366,ROUNDDOWN($C1629/24,0)+1,1))-1)+IF('Standard Profiles'!$G$20=$B$10,7,0)+IF('Standard Profiles'!$G$20=$B$17,14,0)+IF('Standard Profiles'!$G$20=$B$24,21,0),0)),0)</f>
        <v>0</v>
      </c>
      <c r="G1629" cm="1">
        <f t="array" ref="G1629">IFERROR(INDEX(Jesper!AK$2:AK$366,ROUNDDOWN($C1629/24,0)+1,1)*INDEX($D$3:$AA$30,INDEX(Jesper!$R$2:$R$366,ROW(INDEX(Jesper!AK$2:AK$366,ROUNDDOWN($C1629/24,0)+1,1))-1)+IF('Standard Profiles'!$G$21=$B$10,7,0)+IF('Standard Profiles'!$G$21=$B$17,14,0)+IF('Standard Profiles'!$G$21=$B$24,21,0),MOD($C1629,24)+1)/SUM(INDEX($D$3:$AA$30,INDEX(Jesper!$R$2:$R$366,ROW(INDEX(Jesper!AK$2:AK$366,ROUNDDOWN($C1629/24,0)+1,1))-1)+IF('Standard Profiles'!$G$21=$B$10,7,0)+IF('Standard Profiles'!$G$21=$B$17,14,0)+IF('Standard Profiles'!$G$21=$B$24,21,0),0)),0)</f>
        <v>19.987397455291841</v>
      </c>
      <c r="H1629" cm="1">
        <f t="array" ref="H1629">IFERROR(INDEX(Jesper!AL$2:AL$366,ROUNDDOWN($C1629/24,0)+1,1)*INDEX($D$3:$AA$30,INDEX(Jesper!$R$2:$R$366,ROW(INDEX(Jesper!AL$2:AL$366,ROUNDDOWN($C1629/24,0)+1,1))-1)+IF('Standard Profiles'!$G$22=$B$10,7,0)+IF('Standard Profiles'!$G$22=$B$17,14,0)+IF('Standard Profiles'!$G$22=$B$24,21,0),MOD($C1629,24)+1)/SUM(INDEX($D$3:$AA$30,INDEX(Jesper!$R$2:$R$366,ROW(INDEX(Jesper!AL$2:AL$366,ROUNDDOWN($C1629/24,0)+1,1))-1)+IF('Standard Profiles'!$G$22=$B$10,7,0)+IF('Standard Profiles'!$G$22=$B$17,14,0)+IF('Standard Profiles'!$G$22=$B$24,21,0),0)),0)</f>
        <v>0</v>
      </c>
      <c r="I1629">
        <f t="shared" si="188"/>
        <v>9.5939507785400782</v>
      </c>
      <c r="J1629">
        <f t="shared" si="189"/>
        <v>74.258844412723207</v>
      </c>
      <c r="K1629">
        <f t="shared" si="190"/>
        <v>3.7976135370328912</v>
      </c>
      <c r="L1629">
        <f t="shared" si="191"/>
        <v>1.8988067685164456</v>
      </c>
      <c r="M1629">
        <f t="shared" si="192"/>
        <v>0</v>
      </c>
      <c r="N1629" s="45">
        <f t="shared" si="193"/>
        <v>44993.458333329465</v>
      </c>
    </row>
    <row r="1630" spans="2:14" x14ac:dyDescent="0.25">
      <c r="B1630">
        <f t="shared" si="187"/>
        <v>3</v>
      </c>
      <c r="C1630" s="16">
        <v>1596</v>
      </c>
      <c r="D1630" cm="1">
        <f t="array" ref="D1630">IFERROR(INDEX(Jesper!AH$2:AH$366,ROUNDDOWN($C1630/24,0)+1,1)*INDEX($D$3:$AA$30,INDEX(Jesper!$R$2:$R$366,ROW(INDEX(Jesper!AH$2:AH$366,ROUNDDOWN($C1630/24,0)+1,1))-1)+IF('Standard Profiles'!$G$18=$B$10,7,0)+IF('Standard Profiles'!$G$18=$B$17,14,0)+IF('Standard Profiles'!$G$18=$B$24,21,0),MOD($C1630,24)+1)/SUM(INDEX($D$3:$AA$30,INDEX(Jesper!$R$2:$R$366,ROW(INDEX(Jesper!AH$2:AH$366,ROUNDDOWN($C1630/24,0)+1,1))-1)+IF('Standard Profiles'!$G$18=$B$10,7,0)+IF('Standard Profiles'!$G$18=$B$17,14,0)+IF('Standard Profiles'!$G$18=$B$24,21,0),0)),0)</f>
        <v>35.602626909683352</v>
      </c>
      <c r="E1630" cm="1">
        <f t="array" ref="E1630">IFERROR(INDEX(Jesper!AI$2:AI$366,ROUNDDOWN($C1630/24,0)+1,1)*INDEX($D$3:$AA$30,INDEX(Jesper!$R$2:$R$366,ROW(INDEX(Jesper!AI$2:AI$366,ROUNDDOWN($C1630/24,0)+1,1))-1)+IF('Standard Profiles'!$G$19=$B$10,7,0)+IF('Standard Profiles'!$G$19=$B$17,14,0)+IF('Standard Profiles'!$G$19=$B$24,21,0),MOD($C1630,24)+1)/SUM(INDEX($D$3:$AA$30,INDEX(Jesper!$R$2:$R$366,ROW(INDEX(Jesper!AI$2:AI$366,ROUNDDOWN($C1630/24,0)+1,1))-1)+IF('Standard Profiles'!$G$19=$B$10,7,0)+IF('Standard Profiles'!$G$19=$B$17,14,0)+IF('Standard Profiles'!$G$19=$B$24,21,0),0)),0)</f>
        <v>33.959191131837429</v>
      </c>
      <c r="F1630" cm="1">
        <f t="array" ref="F1630">IFERROR(INDEX(Jesper!AJ$2:AJ$366,ROUNDDOWN($C1630/24,0)+1,1)*INDEX($D$3:$AA$30,INDEX(Jesper!$R$2:$R$366,ROW(INDEX(Jesper!AJ$2:AJ$366,ROUNDDOWN($C1630/24,0)+1,1))-1)+IF('Standard Profiles'!$G$20=$B$10,7,0)+IF('Standard Profiles'!$G$20=$B$17,14,0)+IF('Standard Profiles'!$G$20=$B$24,21,0),MOD($C1630,24)+1)/SUM(INDEX($D$3:$AA$30,INDEX(Jesper!$R$2:$R$366,ROW(INDEX(Jesper!AJ$2:AJ$366,ROUNDDOWN($C1630/24,0)+1,1))-1)+IF('Standard Profiles'!$G$20=$B$10,7,0)+IF('Standard Profiles'!$G$20=$B$17,14,0)+IF('Standard Profiles'!$G$20=$B$24,21,0),0)),0)</f>
        <v>0</v>
      </c>
      <c r="G1630" cm="1">
        <f t="array" ref="G1630">IFERROR(INDEX(Jesper!AK$2:AK$366,ROUNDDOWN($C1630/24,0)+1,1)*INDEX($D$3:$AA$30,INDEX(Jesper!$R$2:$R$366,ROW(INDEX(Jesper!AK$2:AK$366,ROUNDDOWN($C1630/24,0)+1,1))-1)+IF('Standard Profiles'!$G$21=$B$10,7,0)+IF('Standard Profiles'!$G$21=$B$17,14,0)+IF('Standard Profiles'!$G$21=$B$24,21,0),MOD($C1630,24)+1)/SUM(INDEX($D$3:$AA$30,INDEX(Jesper!$R$2:$R$366,ROW(INDEX(Jesper!AK$2:AK$366,ROUNDDOWN($C1630/24,0)+1,1))-1)+IF('Standard Profiles'!$G$21=$B$10,7,0)+IF('Standard Profiles'!$G$21=$B$17,14,0)+IF('Standard Profiles'!$G$21=$B$24,21,0),0)),0)</f>
        <v>19.987397455291841</v>
      </c>
      <c r="H1630" cm="1">
        <f t="array" ref="H1630">IFERROR(INDEX(Jesper!AL$2:AL$366,ROUNDDOWN($C1630/24,0)+1,1)*INDEX($D$3:$AA$30,INDEX(Jesper!$R$2:$R$366,ROW(INDEX(Jesper!AL$2:AL$366,ROUNDDOWN($C1630/24,0)+1,1))-1)+IF('Standard Profiles'!$G$22=$B$10,7,0)+IF('Standard Profiles'!$G$22=$B$17,14,0)+IF('Standard Profiles'!$G$22=$B$24,21,0),MOD($C1630,24)+1)/SUM(INDEX($D$3:$AA$30,INDEX(Jesper!$R$2:$R$366,ROW(INDEX(Jesper!AL$2:AL$366,ROUNDDOWN($C1630/24,0)+1,1))-1)+IF('Standard Profiles'!$G$22=$B$10,7,0)+IF('Standard Profiles'!$G$22=$B$17,14,0)+IF('Standard Profiles'!$G$22=$B$24,21,0),0)),0)</f>
        <v>0</v>
      </c>
      <c r="I1630">
        <f t="shared" si="188"/>
        <v>9.5939507785400782</v>
      </c>
      <c r="J1630">
        <f t="shared" si="189"/>
        <v>74.258844412723207</v>
      </c>
      <c r="K1630">
        <f t="shared" si="190"/>
        <v>3.7976135370328912</v>
      </c>
      <c r="L1630">
        <f t="shared" si="191"/>
        <v>1.8988067685164456</v>
      </c>
      <c r="M1630">
        <f t="shared" si="192"/>
        <v>0</v>
      </c>
      <c r="N1630" s="45">
        <f t="shared" si="193"/>
        <v>44993.499999996129</v>
      </c>
    </row>
    <row r="1631" spans="2:14" x14ac:dyDescent="0.25">
      <c r="B1631">
        <f t="shared" si="187"/>
        <v>3</v>
      </c>
      <c r="C1631" s="16">
        <v>1597</v>
      </c>
      <c r="D1631" cm="1">
        <f t="array" ref="D1631">IFERROR(INDEX(Jesper!AH$2:AH$366,ROUNDDOWN($C1631/24,0)+1,1)*INDEX($D$3:$AA$30,INDEX(Jesper!$R$2:$R$366,ROW(INDEX(Jesper!AH$2:AH$366,ROUNDDOWN($C1631/24,0)+1,1))-1)+IF('Standard Profiles'!$G$18=$B$10,7,0)+IF('Standard Profiles'!$G$18=$B$17,14,0)+IF('Standard Profiles'!$G$18=$B$24,21,0),MOD($C1631,24)+1)/SUM(INDEX($D$3:$AA$30,INDEX(Jesper!$R$2:$R$366,ROW(INDEX(Jesper!AH$2:AH$366,ROUNDDOWN($C1631/24,0)+1,1))-1)+IF('Standard Profiles'!$G$18=$B$10,7,0)+IF('Standard Profiles'!$G$18=$B$17,14,0)+IF('Standard Profiles'!$G$18=$B$24,21,0),0)),0)</f>
        <v>23.6503164471468</v>
      </c>
      <c r="E1631" cm="1">
        <f t="array" ref="E1631">IFERROR(INDEX(Jesper!AI$2:AI$366,ROUNDDOWN($C1631/24,0)+1,1)*INDEX($D$3:$AA$30,INDEX(Jesper!$R$2:$R$366,ROW(INDEX(Jesper!AI$2:AI$366,ROUNDDOWN($C1631/24,0)+1,1))-1)+IF('Standard Profiles'!$G$19=$B$10,7,0)+IF('Standard Profiles'!$G$19=$B$17,14,0)+IF('Standard Profiles'!$G$19=$B$24,21,0),MOD($C1631,24)+1)/SUM(INDEX($D$3:$AA$30,INDEX(Jesper!$R$2:$R$366,ROW(INDEX(Jesper!AI$2:AI$366,ROUNDDOWN($C1631/24,0)+1,1))-1)+IF('Standard Profiles'!$G$19=$B$10,7,0)+IF('Standard Profiles'!$G$19=$B$17,14,0)+IF('Standard Profiles'!$G$19=$B$24,21,0),0)),0)</f>
        <v>22.558605537577719</v>
      </c>
      <c r="F1631" cm="1">
        <f t="array" ref="F1631">IFERROR(INDEX(Jesper!AJ$2:AJ$366,ROUNDDOWN($C1631/24,0)+1,1)*INDEX($D$3:$AA$30,INDEX(Jesper!$R$2:$R$366,ROW(INDEX(Jesper!AJ$2:AJ$366,ROUNDDOWN($C1631/24,0)+1,1))-1)+IF('Standard Profiles'!$G$20=$B$10,7,0)+IF('Standard Profiles'!$G$20=$B$17,14,0)+IF('Standard Profiles'!$G$20=$B$24,21,0),MOD($C1631,24)+1)/SUM(INDEX($D$3:$AA$30,INDEX(Jesper!$R$2:$R$366,ROW(INDEX(Jesper!AJ$2:AJ$366,ROUNDDOWN($C1631/24,0)+1,1))-1)+IF('Standard Profiles'!$G$20=$B$10,7,0)+IF('Standard Profiles'!$G$20=$B$17,14,0)+IF('Standard Profiles'!$G$20=$B$24,21,0),0)),0)</f>
        <v>0</v>
      </c>
      <c r="G1631" cm="1">
        <f t="array" ref="G1631">IFERROR(INDEX(Jesper!AK$2:AK$366,ROUNDDOWN($C1631/24,0)+1,1)*INDEX($D$3:$AA$30,INDEX(Jesper!$R$2:$R$366,ROW(INDEX(Jesper!AK$2:AK$366,ROUNDDOWN($C1631/24,0)+1,1))-1)+IF('Standard Profiles'!$G$21=$B$10,7,0)+IF('Standard Profiles'!$G$21=$B$17,14,0)+IF('Standard Profiles'!$G$21=$B$24,21,0),MOD($C1631,24)+1)/SUM(INDEX($D$3:$AA$30,INDEX(Jesper!$R$2:$R$366,ROW(INDEX(Jesper!AK$2:AK$366,ROUNDDOWN($C1631/24,0)+1,1))-1)+IF('Standard Profiles'!$G$21=$B$10,7,0)+IF('Standard Profiles'!$G$21=$B$17,14,0)+IF('Standard Profiles'!$G$21=$B$24,21,0),0)),0)</f>
        <v>13.277342595301008</v>
      </c>
      <c r="H1631" cm="1">
        <f t="array" ref="H1631">IFERROR(INDEX(Jesper!AL$2:AL$366,ROUNDDOWN($C1631/24,0)+1,1)*INDEX($D$3:$AA$30,INDEX(Jesper!$R$2:$R$366,ROW(INDEX(Jesper!AL$2:AL$366,ROUNDDOWN($C1631/24,0)+1,1))-1)+IF('Standard Profiles'!$G$22=$B$10,7,0)+IF('Standard Profiles'!$G$22=$B$17,14,0)+IF('Standard Profiles'!$G$22=$B$24,21,0),MOD($C1631,24)+1)/SUM(INDEX($D$3:$AA$30,INDEX(Jesper!$R$2:$R$366,ROW(INDEX(Jesper!AL$2:AL$366,ROUNDDOWN($C1631/24,0)+1,1))-1)+IF('Standard Profiles'!$G$22=$B$10,7,0)+IF('Standard Profiles'!$G$22=$B$17,14,0)+IF('Standard Profiles'!$G$22=$B$24,21,0),0)),0)</f>
        <v>0</v>
      </c>
      <c r="I1631">
        <f t="shared" si="188"/>
        <v>6.3731244457444802</v>
      </c>
      <c r="J1631">
        <f t="shared" si="189"/>
        <v>49.32908950273756</v>
      </c>
      <c r="K1631">
        <f t="shared" si="190"/>
        <v>2.5227004210289921</v>
      </c>
      <c r="L1631">
        <f t="shared" si="191"/>
        <v>1.261350210514496</v>
      </c>
      <c r="M1631">
        <f t="shared" si="192"/>
        <v>0</v>
      </c>
      <c r="N1631" s="45">
        <f t="shared" si="193"/>
        <v>44993.541666662793</v>
      </c>
    </row>
    <row r="1632" spans="2:14" x14ac:dyDescent="0.25">
      <c r="B1632">
        <f t="shared" si="187"/>
        <v>3</v>
      </c>
      <c r="C1632" s="16">
        <v>1598</v>
      </c>
      <c r="D1632" cm="1">
        <f t="array" ref="D1632">IFERROR(INDEX(Jesper!AH$2:AH$366,ROUNDDOWN($C1632/24,0)+1,1)*INDEX($D$3:$AA$30,INDEX(Jesper!$R$2:$R$366,ROW(INDEX(Jesper!AH$2:AH$366,ROUNDDOWN($C1632/24,0)+1,1))-1)+IF('Standard Profiles'!$G$18=$B$10,7,0)+IF('Standard Profiles'!$G$18=$B$17,14,0)+IF('Standard Profiles'!$G$18=$B$24,21,0),MOD($C1632,24)+1)/SUM(INDEX($D$3:$AA$30,INDEX(Jesper!$R$2:$R$366,ROW(INDEX(Jesper!AH$2:AH$366,ROUNDDOWN($C1632/24,0)+1,1))-1)+IF('Standard Profiles'!$G$18=$B$10,7,0)+IF('Standard Profiles'!$G$18=$B$17,14,0)+IF('Standard Profiles'!$G$18=$B$24,21,0),0)),0)</f>
        <v>35.602626909683352</v>
      </c>
      <c r="E1632" cm="1">
        <f t="array" ref="E1632">IFERROR(INDEX(Jesper!AI$2:AI$366,ROUNDDOWN($C1632/24,0)+1,1)*INDEX($D$3:$AA$30,INDEX(Jesper!$R$2:$R$366,ROW(INDEX(Jesper!AI$2:AI$366,ROUNDDOWN($C1632/24,0)+1,1))-1)+IF('Standard Profiles'!$G$19=$B$10,7,0)+IF('Standard Profiles'!$G$19=$B$17,14,0)+IF('Standard Profiles'!$G$19=$B$24,21,0),MOD($C1632,24)+1)/SUM(INDEX($D$3:$AA$30,INDEX(Jesper!$R$2:$R$366,ROW(INDEX(Jesper!AI$2:AI$366,ROUNDDOWN($C1632/24,0)+1,1))-1)+IF('Standard Profiles'!$G$19=$B$10,7,0)+IF('Standard Profiles'!$G$19=$B$17,14,0)+IF('Standard Profiles'!$G$19=$B$24,21,0),0)),0)</f>
        <v>33.959191131837429</v>
      </c>
      <c r="F1632" cm="1">
        <f t="array" ref="F1632">IFERROR(INDEX(Jesper!AJ$2:AJ$366,ROUNDDOWN($C1632/24,0)+1,1)*INDEX($D$3:$AA$30,INDEX(Jesper!$R$2:$R$366,ROW(INDEX(Jesper!AJ$2:AJ$366,ROUNDDOWN($C1632/24,0)+1,1))-1)+IF('Standard Profiles'!$G$20=$B$10,7,0)+IF('Standard Profiles'!$G$20=$B$17,14,0)+IF('Standard Profiles'!$G$20=$B$24,21,0),MOD($C1632,24)+1)/SUM(INDEX($D$3:$AA$30,INDEX(Jesper!$R$2:$R$366,ROW(INDEX(Jesper!AJ$2:AJ$366,ROUNDDOWN($C1632/24,0)+1,1))-1)+IF('Standard Profiles'!$G$20=$B$10,7,0)+IF('Standard Profiles'!$G$20=$B$17,14,0)+IF('Standard Profiles'!$G$20=$B$24,21,0),0)),0)</f>
        <v>0</v>
      </c>
      <c r="G1632" cm="1">
        <f t="array" ref="G1632">IFERROR(INDEX(Jesper!AK$2:AK$366,ROUNDDOWN($C1632/24,0)+1,1)*INDEX($D$3:$AA$30,INDEX(Jesper!$R$2:$R$366,ROW(INDEX(Jesper!AK$2:AK$366,ROUNDDOWN($C1632/24,0)+1,1))-1)+IF('Standard Profiles'!$G$21=$B$10,7,0)+IF('Standard Profiles'!$G$21=$B$17,14,0)+IF('Standard Profiles'!$G$21=$B$24,21,0),MOD($C1632,24)+1)/SUM(INDEX($D$3:$AA$30,INDEX(Jesper!$R$2:$R$366,ROW(INDEX(Jesper!AK$2:AK$366,ROUNDDOWN($C1632/24,0)+1,1))-1)+IF('Standard Profiles'!$G$21=$B$10,7,0)+IF('Standard Profiles'!$G$21=$B$17,14,0)+IF('Standard Profiles'!$G$21=$B$24,21,0),0)),0)</f>
        <v>19.987397455291841</v>
      </c>
      <c r="H1632" cm="1">
        <f t="array" ref="H1632">IFERROR(INDEX(Jesper!AL$2:AL$366,ROUNDDOWN($C1632/24,0)+1,1)*INDEX($D$3:$AA$30,INDEX(Jesper!$R$2:$R$366,ROW(INDEX(Jesper!AL$2:AL$366,ROUNDDOWN($C1632/24,0)+1,1))-1)+IF('Standard Profiles'!$G$22=$B$10,7,0)+IF('Standard Profiles'!$G$22=$B$17,14,0)+IF('Standard Profiles'!$G$22=$B$24,21,0),MOD($C1632,24)+1)/SUM(INDEX($D$3:$AA$30,INDEX(Jesper!$R$2:$R$366,ROW(INDEX(Jesper!AL$2:AL$366,ROUNDDOWN($C1632/24,0)+1,1))-1)+IF('Standard Profiles'!$G$22=$B$10,7,0)+IF('Standard Profiles'!$G$22=$B$17,14,0)+IF('Standard Profiles'!$G$22=$B$24,21,0),0)),0)</f>
        <v>0</v>
      </c>
      <c r="I1632">
        <f t="shared" si="188"/>
        <v>9.5939507785400782</v>
      </c>
      <c r="J1632">
        <f t="shared" si="189"/>
        <v>74.258844412723207</v>
      </c>
      <c r="K1632">
        <f t="shared" si="190"/>
        <v>3.7976135370328912</v>
      </c>
      <c r="L1632">
        <f t="shared" si="191"/>
        <v>1.8988067685164456</v>
      </c>
      <c r="M1632">
        <f t="shared" si="192"/>
        <v>0</v>
      </c>
      <c r="N1632" s="45">
        <f t="shared" si="193"/>
        <v>44993.583333329458</v>
      </c>
    </row>
    <row r="1633" spans="2:14" x14ac:dyDescent="0.25">
      <c r="B1633">
        <f t="shared" si="187"/>
        <v>3</v>
      </c>
      <c r="C1633" s="16">
        <v>1599</v>
      </c>
      <c r="D1633" cm="1">
        <f t="array" ref="D1633">IFERROR(INDEX(Jesper!AH$2:AH$366,ROUNDDOWN($C1633/24,0)+1,1)*INDEX($D$3:$AA$30,INDEX(Jesper!$R$2:$R$366,ROW(INDEX(Jesper!AH$2:AH$366,ROUNDDOWN($C1633/24,0)+1,1))-1)+IF('Standard Profiles'!$G$18=$B$10,7,0)+IF('Standard Profiles'!$G$18=$B$17,14,0)+IF('Standard Profiles'!$G$18=$B$24,21,0),MOD($C1633,24)+1)/SUM(INDEX($D$3:$AA$30,INDEX(Jesper!$R$2:$R$366,ROW(INDEX(Jesper!AH$2:AH$366,ROUNDDOWN($C1633/24,0)+1,1))-1)+IF('Standard Profiles'!$G$18=$B$10,7,0)+IF('Standard Profiles'!$G$18=$B$17,14,0)+IF('Standard Profiles'!$G$18=$B$24,21,0),0)),0)</f>
        <v>35.602626909683352</v>
      </c>
      <c r="E1633" cm="1">
        <f t="array" ref="E1633">IFERROR(INDEX(Jesper!AI$2:AI$366,ROUNDDOWN($C1633/24,0)+1,1)*INDEX($D$3:$AA$30,INDEX(Jesper!$R$2:$R$366,ROW(INDEX(Jesper!AI$2:AI$366,ROUNDDOWN($C1633/24,0)+1,1))-1)+IF('Standard Profiles'!$G$19=$B$10,7,0)+IF('Standard Profiles'!$G$19=$B$17,14,0)+IF('Standard Profiles'!$G$19=$B$24,21,0),MOD($C1633,24)+1)/SUM(INDEX($D$3:$AA$30,INDEX(Jesper!$R$2:$R$366,ROW(INDEX(Jesper!AI$2:AI$366,ROUNDDOWN($C1633/24,0)+1,1))-1)+IF('Standard Profiles'!$G$19=$B$10,7,0)+IF('Standard Profiles'!$G$19=$B$17,14,0)+IF('Standard Profiles'!$G$19=$B$24,21,0),0)),0)</f>
        <v>33.959191131837429</v>
      </c>
      <c r="F1633" cm="1">
        <f t="array" ref="F1633">IFERROR(INDEX(Jesper!AJ$2:AJ$366,ROUNDDOWN($C1633/24,0)+1,1)*INDEX($D$3:$AA$30,INDEX(Jesper!$R$2:$R$366,ROW(INDEX(Jesper!AJ$2:AJ$366,ROUNDDOWN($C1633/24,0)+1,1))-1)+IF('Standard Profiles'!$G$20=$B$10,7,0)+IF('Standard Profiles'!$G$20=$B$17,14,0)+IF('Standard Profiles'!$G$20=$B$24,21,0),MOD($C1633,24)+1)/SUM(INDEX($D$3:$AA$30,INDEX(Jesper!$R$2:$R$366,ROW(INDEX(Jesper!AJ$2:AJ$366,ROUNDDOWN($C1633/24,0)+1,1))-1)+IF('Standard Profiles'!$G$20=$B$10,7,0)+IF('Standard Profiles'!$G$20=$B$17,14,0)+IF('Standard Profiles'!$G$20=$B$24,21,0),0)),0)</f>
        <v>0</v>
      </c>
      <c r="G1633" cm="1">
        <f t="array" ref="G1633">IFERROR(INDEX(Jesper!AK$2:AK$366,ROUNDDOWN($C1633/24,0)+1,1)*INDEX($D$3:$AA$30,INDEX(Jesper!$R$2:$R$366,ROW(INDEX(Jesper!AK$2:AK$366,ROUNDDOWN($C1633/24,0)+1,1))-1)+IF('Standard Profiles'!$G$21=$B$10,7,0)+IF('Standard Profiles'!$G$21=$B$17,14,0)+IF('Standard Profiles'!$G$21=$B$24,21,0),MOD($C1633,24)+1)/SUM(INDEX($D$3:$AA$30,INDEX(Jesper!$R$2:$R$366,ROW(INDEX(Jesper!AK$2:AK$366,ROUNDDOWN($C1633/24,0)+1,1))-1)+IF('Standard Profiles'!$G$21=$B$10,7,0)+IF('Standard Profiles'!$G$21=$B$17,14,0)+IF('Standard Profiles'!$G$21=$B$24,21,0),0)),0)</f>
        <v>19.987397455291841</v>
      </c>
      <c r="H1633" cm="1">
        <f t="array" ref="H1633">IFERROR(INDEX(Jesper!AL$2:AL$366,ROUNDDOWN($C1633/24,0)+1,1)*INDEX($D$3:$AA$30,INDEX(Jesper!$R$2:$R$366,ROW(INDEX(Jesper!AL$2:AL$366,ROUNDDOWN($C1633/24,0)+1,1))-1)+IF('Standard Profiles'!$G$22=$B$10,7,0)+IF('Standard Profiles'!$G$22=$B$17,14,0)+IF('Standard Profiles'!$G$22=$B$24,21,0),MOD($C1633,24)+1)/SUM(INDEX($D$3:$AA$30,INDEX(Jesper!$R$2:$R$366,ROW(INDEX(Jesper!AL$2:AL$366,ROUNDDOWN($C1633/24,0)+1,1))-1)+IF('Standard Profiles'!$G$22=$B$10,7,0)+IF('Standard Profiles'!$G$22=$B$17,14,0)+IF('Standard Profiles'!$G$22=$B$24,21,0),0)),0)</f>
        <v>0</v>
      </c>
      <c r="I1633">
        <f t="shared" si="188"/>
        <v>9.5939507785400782</v>
      </c>
      <c r="J1633">
        <f t="shared" si="189"/>
        <v>74.258844412723207</v>
      </c>
      <c r="K1633">
        <f t="shared" si="190"/>
        <v>3.7976135370328912</v>
      </c>
      <c r="L1633">
        <f t="shared" si="191"/>
        <v>1.8988067685164456</v>
      </c>
      <c r="M1633">
        <f t="shared" si="192"/>
        <v>0</v>
      </c>
      <c r="N1633" s="45">
        <f t="shared" si="193"/>
        <v>44993.624999996122</v>
      </c>
    </row>
    <row r="1634" spans="2:14" x14ac:dyDescent="0.25">
      <c r="B1634">
        <f t="shared" si="187"/>
        <v>3</v>
      </c>
      <c r="C1634" s="16">
        <v>1600</v>
      </c>
      <c r="D1634" cm="1">
        <f t="array" ref="D1634">IFERROR(INDEX(Jesper!AH$2:AH$366,ROUNDDOWN($C1634/24,0)+1,1)*INDEX($D$3:$AA$30,INDEX(Jesper!$R$2:$R$366,ROW(INDEX(Jesper!AH$2:AH$366,ROUNDDOWN($C1634/24,0)+1,1))-1)+IF('Standard Profiles'!$G$18=$B$10,7,0)+IF('Standard Profiles'!$G$18=$B$17,14,0)+IF('Standard Profiles'!$G$18=$B$24,21,0),MOD($C1634,24)+1)/SUM(INDEX($D$3:$AA$30,INDEX(Jesper!$R$2:$R$366,ROW(INDEX(Jesper!AH$2:AH$366,ROUNDDOWN($C1634/24,0)+1,1))-1)+IF('Standard Profiles'!$G$18=$B$10,7,0)+IF('Standard Profiles'!$G$18=$B$17,14,0)+IF('Standard Profiles'!$G$18=$B$24,21,0),0)),0)</f>
        <v>20.980119428920549</v>
      </c>
      <c r="E1634" cm="1">
        <f t="array" ref="E1634">IFERROR(INDEX(Jesper!AI$2:AI$366,ROUNDDOWN($C1634/24,0)+1,1)*INDEX($D$3:$AA$30,INDEX(Jesper!$R$2:$R$366,ROW(INDEX(Jesper!AI$2:AI$366,ROUNDDOWN($C1634/24,0)+1,1))-1)+IF('Standard Profiles'!$G$19=$B$10,7,0)+IF('Standard Profiles'!$G$19=$B$17,14,0)+IF('Standard Profiles'!$G$19=$B$24,21,0),MOD($C1634,24)+1)/SUM(INDEX($D$3:$AA$30,INDEX(Jesper!$R$2:$R$366,ROW(INDEX(Jesper!AI$2:AI$366,ROUNDDOWN($C1634/24,0)+1,1))-1)+IF('Standard Profiles'!$G$19=$B$10,7,0)+IF('Standard Profiles'!$G$19=$B$17,14,0)+IF('Standard Profiles'!$G$19=$B$24,21,0),0)),0)</f>
        <v>20.011666202689913</v>
      </c>
      <c r="F1634" cm="1">
        <f t="array" ref="F1634">IFERROR(INDEX(Jesper!AJ$2:AJ$366,ROUNDDOWN($C1634/24,0)+1,1)*INDEX($D$3:$AA$30,INDEX(Jesper!$R$2:$R$366,ROW(INDEX(Jesper!AJ$2:AJ$366,ROUNDDOWN($C1634/24,0)+1,1))-1)+IF('Standard Profiles'!$G$20=$B$10,7,0)+IF('Standard Profiles'!$G$20=$B$17,14,0)+IF('Standard Profiles'!$G$20=$B$24,21,0),MOD($C1634,24)+1)/SUM(INDEX($D$3:$AA$30,INDEX(Jesper!$R$2:$R$366,ROW(INDEX(Jesper!AJ$2:AJ$366,ROUNDDOWN($C1634/24,0)+1,1))-1)+IF('Standard Profiles'!$G$20=$B$10,7,0)+IF('Standard Profiles'!$G$20=$B$17,14,0)+IF('Standard Profiles'!$G$20=$B$24,21,0),0)),0)</f>
        <v>0</v>
      </c>
      <c r="G1634" cm="1">
        <f t="array" ref="G1634">IFERROR(INDEX(Jesper!AK$2:AK$366,ROUNDDOWN($C1634/24,0)+1,1)*INDEX($D$3:$AA$30,INDEX(Jesper!$R$2:$R$366,ROW(INDEX(Jesper!AK$2:AK$366,ROUNDDOWN($C1634/24,0)+1,1))-1)+IF('Standard Profiles'!$G$21=$B$10,7,0)+IF('Standard Profiles'!$G$21=$B$17,14,0)+IF('Standard Profiles'!$G$21=$B$24,21,0),MOD($C1634,24)+1)/SUM(INDEX($D$3:$AA$30,INDEX(Jesper!$R$2:$R$366,ROW(INDEX(Jesper!AK$2:AK$366,ROUNDDOWN($C1634/24,0)+1,1))-1)+IF('Standard Profiles'!$G$21=$B$10,7,0)+IF('Standard Profiles'!$G$21=$B$17,14,0)+IF('Standard Profiles'!$G$21=$B$24,21,0),0)),0)</f>
        <v>16.701292085487086</v>
      </c>
      <c r="H1634" cm="1">
        <f t="array" ref="H1634">IFERROR(INDEX(Jesper!AL$2:AL$366,ROUNDDOWN($C1634/24,0)+1,1)*INDEX($D$3:$AA$30,INDEX(Jesper!$R$2:$R$366,ROW(INDEX(Jesper!AL$2:AL$366,ROUNDDOWN($C1634/24,0)+1,1))-1)+IF('Standard Profiles'!$G$22=$B$10,7,0)+IF('Standard Profiles'!$G$22=$B$17,14,0)+IF('Standard Profiles'!$G$22=$B$24,21,0),MOD($C1634,24)+1)/SUM(INDEX($D$3:$AA$30,INDEX(Jesper!$R$2:$R$366,ROW(INDEX(Jesper!AL$2:AL$366,ROUNDDOWN($C1634/24,0)+1,1))-1)+IF('Standard Profiles'!$G$22=$B$10,7,0)+IF('Standard Profiles'!$G$22=$B$17,14,0)+IF('Standard Profiles'!$G$22=$B$24,21,0),0)),0)</f>
        <v>0</v>
      </c>
      <c r="I1634">
        <f t="shared" si="188"/>
        <v>8.0166202010337972</v>
      </c>
      <c r="J1634">
        <f t="shared" si="189"/>
        <v>46.319638407436464</v>
      </c>
      <c r="K1634">
        <f t="shared" si="190"/>
        <v>2.2378794057515252</v>
      </c>
      <c r="L1634">
        <f t="shared" si="191"/>
        <v>1.1189397028757626</v>
      </c>
      <c r="M1634">
        <f t="shared" si="192"/>
        <v>0</v>
      </c>
      <c r="N1634" s="45">
        <f t="shared" si="193"/>
        <v>44993.666666662786</v>
      </c>
    </row>
    <row r="1635" spans="2:14" x14ac:dyDescent="0.25">
      <c r="B1635">
        <f t="shared" ref="B1635:B1698" si="194">WEEKDAY(N1635,2)</f>
        <v>3</v>
      </c>
      <c r="C1635" s="16">
        <v>1601</v>
      </c>
      <c r="D1635" cm="1">
        <f t="array" ref="D1635">IFERROR(INDEX(Jesper!AH$2:AH$366,ROUNDDOWN($C1635/24,0)+1,1)*INDEX($D$3:$AA$30,INDEX(Jesper!$R$2:$R$366,ROW(INDEX(Jesper!AH$2:AH$366,ROUNDDOWN($C1635/24,0)+1,1))-1)+IF('Standard Profiles'!$G$18=$B$10,7,0)+IF('Standard Profiles'!$G$18=$B$17,14,0)+IF('Standard Profiles'!$G$18=$B$24,21,0),MOD($C1635,24)+1)/SUM(INDEX($D$3:$AA$30,INDEX(Jesper!$R$2:$R$366,ROW(INDEX(Jesper!AH$2:AH$366,ROUNDDOWN($C1635/24,0)+1,1))-1)+IF('Standard Profiles'!$G$18=$B$10,7,0)+IF('Standard Profiles'!$G$18=$B$17,14,0)+IF('Standard Profiles'!$G$18=$B$24,21,0),0)),0)</f>
        <v>8.954383025574284</v>
      </c>
      <c r="E1635" cm="1">
        <f t="array" ref="E1635">IFERROR(INDEX(Jesper!AI$2:AI$366,ROUNDDOWN($C1635/24,0)+1,1)*INDEX($D$3:$AA$30,INDEX(Jesper!$R$2:$R$366,ROW(INDEX(Jesper!AI$2:AI$366,ROUNDDOWN($C1635/24,0)+1,1))-1)+IF('Standard Profiles'!$G$19=$B$10,7,0)+IF('Standard Profiles'!$G$19=$B$17,14,0)+IF('Standard Profiles'!$G$19=$B$24,21,0),MOD($C1635,24)+1)/SUM(INDEX($D$3:$AA$30,INDEX(Jesper!$R$2:$R$366,ROW(INDEX(Jesper!AI$2:AI$366,ROUNDDOWN($C1635/24,0)+1,1))-1)+IF('Standard Profiles'!$G$19=$B$10,7,0)+IF('Standard Profiles'!$G$19=$B$17,14,0)+IF('Standard Profiles'!$G$19=$B$24,21,0),0)),0)</f>
        <v>8.5410440472428153</v>
      </c>
      <c r="F1635" cm="1">
        <f t="array" ref="F1635">IFERROR(INDEX(Jesper!AJ$2:AJ$366,ROUNDDOWN($C1635/24,0)+1,1)*INDEX($D$3:$AA$30,INDEX(Jesper!$R$2:$R$366,ROW(INDEX(Jesper!AJ$2:AJ$366,ROUNDDOWN($C1635/24,0)+1,1))-1)+IF('Standard Profiles'!$G$20=$B$10,7,0)+IF('Standard Profiles'!$G$20=$B$17,14,0)+IF('Standard Profiles'!$G$20=$B$24,21,0),MOD($C1635,24)+1)/SUM(INDEX($D$3:$AA$30,INDEX(Jesper!$R$2:$R$366,ROW(INDEX(Jesper!AJ$2:AJ$366,ROUNDDOWN($C1635/24,0)+1,1))-1)+IF('Standard Profiles'!$G$20=$B$10,7,0)+IF('Standard Profiles'!$G$20=$B$17,14,0)+IF('Standard Profiles'!$G$20=$B$24,21,0),0)),0)</f>
        <v>0</v>
      </c>
      <c r="G1635" cm="1">
        <f t="array" ref="G1635">IFERROR(INDEX(Jesper!AK$2:AK$366,ROUNDDOWN($C1635/24,0)+1,1)*INDEX($D$3:$AA$30,INDEX(Jesper!$R$2:$R$366,ROW(INDEX(Jesper!AK$2:AK$366,ROUNDDOWN($C1635/24,0)+1,1))-1)+IF('Standard Profiles'!$G$21=$B$10,7,0)+IF('Standard Profiles'!$G$21=$B$17,14,0)+IF('Standard Profiles'!$G$21=$B$24,21,0),MOD($C1635,24)+1)/SUM(INDEX($D$3:$AA$30,INDEX(Jesper!$R$2:$R$366,ROW(INDEX(Jesper!AK$2:AK$366,ROUNDDOWN($C1635/24,0)+1,1))-1)+IF('Standard Profiles'!$G$21=$B$10,7,0)+IF('Standard Profiles'!$G$21=$B$17,14,0)+IF('Standard Profiles'!$G$21=$B$24,21,0),0)),0)</f>
        <v>13.279804097450675</v>
      </c>
      <c r="H1635" cm="1">
        <f t="array" ref="H1635">IFERROR(INDEX(Jesper!AL$2:AL$366,ROUNDDOWN($C1635/24,0)+1,1)*INDEX($D$3:$AA$30,INDEX(Jesper!$R$2:$R$366,ROW(INDEX(Jesper!AL$2:AL$366,ROUNDDOWN($C1635/24,0)+1,1))-1)+IF('Standard Profiles'!$G$22=$B$10,7,0)+IF('Standard Profiles'!$G$22=$B$17,14,0)+IF('Standard Profiles'!$G$22=$B$24,21,0),MOD($C1635,24)+1)/SUM(INDEX($D$3:$AA$30,INDEX(Jesper!$R$2:$R$366,ROW(INDEX(Jesper!AL$2:AL$366,ROUNDDOWN($C1635/24,0)+1,1))-1)+IF('Standard Profiles'!$G$22=$B$10,7,0)+IF('Standard Profiles'!$G$22=$B$17,14,0)+IF('Standard Profiles'!$G$22=$B$24,21,0),0)),0)</f>
        <v>0</v>
      </c>
      <c r="I1635">
        <f t="shared" ref="I1635:I1698" si="195">IF($B1635&lt;6,AC$37*$D1635+AC$38*$E1635+AC$39*$F1635+AC$40*$G1635,AC$46*$D1635+AC$47*$E1635+AC$48*$F1635+AC$49*$G1635+AC$50*$H1635)</f>
        <v>6.3743059667763209</v>
      </c>
      <c r="J1635">
        <f t="shared" ref="J1635:J1698" si="196">IF($B1635&lt;6,AD$37*$D1635+AD$38*$E1635+AD$39*$F1635+AD$40*$G1635,AD$46*$D1635+AD$47*$E1635+AD$48*$F1635+AD$49*$G1635+AD$50*$H1635)</f>
        <v>22.96822391939957</v>
      </c>
      <c r="K1635">
        <f t="shared" ref="K1635:K1698" si="197">IF($B1635&lt;6,AE$37*$D1635+AE$38*$E1635+AE$39*$F1635+AE$40*$G1635,AE$46*$D1635+AE$47*$E1635+AE$48*$F1635+AE$49*$G1635+AE$50*$H1635)</f>
        <v>0.95513418939459038</v>
      </c>
      <c r="L1635">
        <f t="shared" ref="L1635:L1698" si="198">IF($B1635&lt;6,AF$37*$D1635+AF$38*$E1635+AF$39*$F1635+AF$40*$G1635,AF$46*$D1635+AF$47*$E1635+AF$48*$F1635+AF$49*$G1635+AF$50*$H1635)</f>
        <v>0.47756709469729519</v>
      </c>
      <c r="M1635">
        <f t="shared" ref="M1635:M1698" si="199">IF($B1635&lt;6,AG$37*$D1635+AG$38*$E1635+AG$39*$F1635+AG$40*$G1635,AG$46*$D1635+AG$47*$E1635+AG$48*$F1635+AG$49*$G1635+AG$50*$H1635)</f>
        <v>0</v>
      </c>
      <c r="N1635" s="45">
        <f t="shared" si="193"/>
        <v>44993.70833332945</v>
      </c>
    </row>
    <row r="1636" spans="2:14" x14ac:dyDescent="0.25">
      <c r="B1636">
        <f t="shared" si="194"/>
        <v>3</v>
      </c>
      <c r="C1636" s="16">
        <v>1602</v>
      </c>
      <c r="D1636" cm="1">
        <f t="array" ref="D1636">IFERROR(INDEX(Jesper!AH$2:AH$366,ROUNDDOWN($C1636/24,0)+1,1)*INDEX($D$3:$AA$30,INDEX(Jesper!$R$2:$R$366,ROW(INDEX(Jesper!AH$2:AH$366,ROUNDDOWN($C1636/24,0)+1,1))-1)+IF('Standard Profiles'!$G$18=$B$10,7,0)+IF('Standard Profiles'!$G$18=$B$17,14,0)+IF('Standard Profiles'!$G$18=$B$24,21,0),MOD($C1636,24)+1)/SUM(INDEX($D$3:$AA$30,INDEX(Jesper!$R$2:$R$366,ROW(INDEX(Jesper!AH$2:AH$366,ROUNDDOWN($C1636/24,0)+1,1))-1)+IF('Standard Profiles'!$G$18=$B$10,7,0)+IF('Standard Profiles'!$G$18=$B$17,14,0)+IF('Standard Profiles'!$G$18=$B$24,21,0),0)),0)</f>
        <v>5.9098927968790269</v>
      </c>
      <c r="E1636" cm="1">
        <f t="array" ref="E1636">IFERROR(INDEX(Jesper!AI$2:AI$366,ROUNDDOWN($C1636/24,0)+1,1)*INDEX($D$3:$AA$30,INDEX(Jesper!$R$2:$R$366,ROW(INDEX(Jesper!AI$2:AI$366,ROUNDDOWN($C1636/24,0)+1,1))-1)+IF('Standard Profiles'!$G$19=$B$10,7,0)+IF('Standard Profiles'!$G$19=$B$17,14,0)+IF('Standard Profiles'!$G$19=$B$24,21,0),MOD($C1636,24)+1)/SUM(INDEX($D$3:$AA$30,INDEX(Jesper!$R$2:$R$366,ROW(INDEX(Jesper!AI$2:AI$366,ROUNDDOWN($C1636/24,0)+1,1))-1)+IF('Standard Profiles'!$G$19=$B$10,7,0)+IF('Standard Profiles'!$G$19=$B$17,14,0)+IF('Standard Profiles'!$G$19=$B$24,21,0),0)),0)</f>
        <v>5.6370890711802577</v>
      </c>
      <c r="F1636" cm="1">
        <f t="array" ref="F1636">IFERROR(INDEX(Jesper!AJ$2:AJ$366,ROUNDDOWN($C1636/24,0)+1,1)*INDEX($D$3:$AA$30,INDEX(Jesper!$R$2:$R$366,ROW(INDEX(Jesper!AJ$2:AJ$366,ROUNDDOWN($C1636/24,0)+1,1))-1)+IF('Standard Profiles'!$G$20=$B$10,7,0)+IF('Standard Profiles'!$G$20=$B$17,14,0)+IF('Standard Profiles'!$G$20=$B$24,21,0),MOD($C1636,24)+1)/SUM(INDEX($D$3:$AA$30,INDEX(Jesper!$R$2:$R$366,ROW(INDEX(Jesper!AJ$2:AJ$366,ROUNDDOWN($C1636/24,0)+1,1))-1)+IF('Standard Profiles'!$G$20=$B$10,7,0)+IF('Standard Profiles'!$G$20=$B$17,14,0)+IF('Standard Profiles'!$G$20=$B$24,21,0),0)),0)</f>
        <v>0</v>
      </c>
      <c r="G1636" cm="1">
        <f t="array" ref="G1636">IFERROR(INDEX(Jesper!AK$2:AK$366,ROUNDDOWN($C1636/24,0)+1,1)*INDEX($D$3:$AA$30,INDEX(Jesper!$R$2:$R$366,ROW(INDEX(Jesper!AK$2:AK$366,ROUNDDOWN($C1636/24,0)+1,1))-1)+IF('Standard Profiles'!$G$21=$B$10,7,0)+IF('Standard Profiles'!$G$21=$B$17,14,0)+IF('Standard Profiles'!$G$21=$B$24,21,0),MOD($C1636,24)+1)/SUM(INDEX($D$3:$AA$30,INDEX(Jesper!$R$2:$R$366,ROW(INDEX(Jesper!AK$2:AK$366,ROUNDDOWN($C1636/24,0)+1,1))-1)+IF('Standard Profiles'!$G$21=$B$10,7,0)+IF('Standard Profiles'!$G$21=$B$17,14,0)+IF('Standard Profiles'!$G$21=$B$24,21,0),0)),0)</f>
        <v>4.9230042993329661</v>
      </c>
      <c r="H1636" cm="1">
        <f t="array" ref="H1636">IFERROR(INDEX(Jesper!AL$2:AL$366,ROUNDDOWN($C1636/24,0)+1,1)*INDEX($D$3:$AA$30,INDEX(Jesper!$R$2:$R$366,ROW(INDEX(Jesper!AL$2:AL$366,ROUNDDOWN($C1636/24,0)+1,1))-1)+IF('Standard Profiles'!$G$22=$B$10,7,0)+IF('Standard Profiles'!$G$22=$B$17,14,0)+IF('Standard Profiles'!$G$22=$B$24,21,0),MOD($C1636,24)+1)/SUM(INDEX($D$3:$AA$30,INDEX(Jesper!$R$2:$R$366,ROW(INDEX(Jesper!AL$2:AL$366,ROUNDDOWN($C1636/24,0)+1,1))-1)+IF('Standard Profiles'!$G$22=$B$10,7,0)+IF('Standard Profiles'!$G$22=$B$17,14,0)+IF('Standard Profiles'!$G$22=$B$24,21,0),0)),0)</f>
        <v>0</v>
      </c>
      <c r="I1636">
        <f t="shared" si="195"/>
        <v>2.3630420636798224</v>
      </c>
      <c r="J1636">
        <f t="shared" si="196"/>
        <v>13.161361256211784</v>
      </c>
      <c r="K1636">
        <f t="shared" si="197"/>
        <v>0.63038856500042961</v>
      </c>
      <c r="L1636">
        <f t="shared" si="198"/>
        <v>0.31519428250021481</v>
      </c>
      <c r="M1636">
        <f t="shared" si="199"/>
        <v>0</v>
      </c>
      <c r="N1636" s="45">
        <f t="shared" ref="N1636:N1699" si="200">N1635+1/24</f>
        <v>44993.749999996115</v>
      </c>
    </row>
    <row r="1637" spans="2:14" x14ac:dyDescent="0.25">
      <c r="B1637">
        <f t="shared" si="194"/>
        <v>3</v>
      </c>
      <c r="C1637" s="16">
        <v>1603</v>
      </c>
      <c r="D1637" cm="1">
        <f t="array" ref="D1637">IFERROR(INDEX(Jesper!AH$2:AH$366,ROUNDDOWN($C1637/24,0)+1,1)*INDEX($D$3:$AA$30,INDEX(Jesper!$R$2:$R$366,ROW(INDEX(Jesper!AH$2:AH$366,ROUNDDOWN($C1637/24,0)+1,1))-1)+IF('Standard Profiles'!$G$18=$B$10,7,0)+IF('Standard Profiles'!$G$18=$B$17,14,0)+IF('Standard Profiles'!$G$18=$B$24,21,0),MOD($C1637,24)+1)/SUM(INDEX($D$3:$AA$30,INDEX(Jesper!$R$2:$R$366,ROW(INDEX(Jesper!AH$2:AH$366,ROUNDDOWN($C1637/24,0)+1,1))-1)+IF('Standard Profiles'!$G$18=$B$10,7,0)+IF('Standard Profiles'!$G$18=$B$17,14,0)+IF('Standard Profiles'!$G$18=$B$24,21,0),0)),0)</f>
        <v>5.9098927968790269</v>
      </c>
      <c r="E1637" cm="1">
        <f t="array" ref="E1637">IFERROR(INDEX(Jesper!AI$2:AI$366,ROUNDDOWN($C1637/24,0)+1,1)*INDEX($D$3:$AA$30,INDEX(Jesper!$R$2:$R$366,ROW(INDEX(Jesper!AI$2:AI$366,ROUNDDOWN($C1637/24,0)+1,1))-1)+IF('Standard Profiles'!$G$19=$B$10,7,0)+IF('Standard Profiles'!$G$19=$B$17,14,0)+IF('Standard Profiles'!$G$19=$B$24,21,0),MOD($C1637,24)+1)/SUM(INDEX($D$3:$AA$30,INDEX(Jesper!$R$2:$R$366,ROW(INDEX(Jesper!AI$2:AI$366,ROUNDDOWN($C1637/24,0)+1,1))-1)+IF('Standard Profiles'!$G$19=$B$10,7,0)+IF('Standard Profiles'!$G$19=$B$17,14,0)+IF('Standard Profiles'!$G$19=$B$24,21,0),0)),0)</f>
        <v>5.6370890711802577</v>
      </c>
      <c r="F1637" cm="1">
        <f t="array" ref="F1637">IFERROR(INDEX(Jesper!AJ$2:AJ$366,ROUNDDOWN($C1637/24,0)+1,1)*INDEX($D$3:$AA$30,INDEX(Jesper!$R$2:$R$366,ROW(INDEX(Jesper!AJ$2:AJ$366,ROUNDDOWN($C1637/24,0)+1,1))-1)+IF('Standard Profiles'!$G$20=$B$10,7,0)+IF('Standard Profiles'!$G$20=$B$17,14,0)+IF('Standard Profiles'!$G$20=$B$24,21,0),MOD($C1637,24)+1)/SUM(INDEX($D$3:$AA$30,INDEX(Jesper!$R$2:$R$366,ROW(INDEX(Jesper!AJ$2:AJ$366,ROUNDDOWN($C1637/24,0)+1,1))-1)+IF('Standard Profiles'!$G$20=$B$10,7,0)+IF('Standard Profiles'!$G$20=$B$17,14,0)+IF('Standard Profiles'!$G$20=$B$24,21,0),0)),0)</f>
        <v>0</v>
      </c>
      <c r="G1637" cm="1">
        <f t="array" ref="G1637">IFERROR(INDEX(Jesper!AK$2:AK$366,ROUNDDOWN($C1637/24,0)+1,1)*INDEX($D$3:$AA$30,INDEX(Jesper!$R$2:$R$366,ROW(INDEX(Jesper!AK$2:AK$366,ROUNDDOWN($C1637/24,0)+1,1))-1)+IF('Standard Profiles'!$G$21=$B$10,7,0)+IF('Standard Profiles'!$G$21=$B$17,14,0)+IF('Standard Profiles'!$G$21=$B$24,21,0),MOD($C1637,24)+1)/SUM(INDEX($D$3:$AA$30,INDEX(Jesper!$R$2:$R$366,ROW(INDEX(Jesper!AK$2:AK$366,ROUNDDOWN($C1637/24,0)+1,1))-1)+IF('Standard Profiles'!$G$21=$B$10,7,0)+IF('Standard Profiles'!$G$21=$B$17,14,0)+IF('Standard Profiles'!$G$21=$B$24,21,0),0)),0)</f>
        <v>4.9230042993329661</v>
      </c>
      <c r="H1637" cm="1">
        <f t="array" ref="H1637">IFERROR(INDEX(Jesper!AL$2:AL$366,ROUNDDOWN($C1637/24,0)+1,1)*INDEX($D$3:$AA$30,INDEX(Jesper!$R$2:$R$366,ROW(INDEX(Jesper!AL$2:AL$366,ROUNDDOWN($C1637/24,0)+1,1))-1)+IF('Standard Profiles'!$G$22=$B$10,7,0)+IF('Standard Profiles'!$G$22=$B$17,14,0)+IF('Standard Profiles'!$G$22=$B$24,21,0),MOD($C1637,24)+1)/SUM(INDEX($D$3:$AA$30,INDEX(Jesper!$R$2:$R$366,ROW(INDEX(Jesper!AL$2:AL$366,ROUNDDOWN($C1637/24,0)+1,1))-1)+IF('Standard Profiles'!$G$22=$B$10,7,0)+IF('Standard Profiles'!$G$22=$B$17,14,0)+IF('Standard Profiles'!$G$22=$B$24,21,0),0)),0)</f>
        <v>0</v>
      </c>
      <c r="I1637">
        <f t="shared" si="195"/>
        <v>2.3630420636798224</v>
      </c>
      <c r="J1637">
        <f t="shared" si="196"/>
        <v>13.161361256211784</v>
      </c>
      <c r="K1637">
        <f t="shared" si="197"/>
        <v>0.63038856500042961</v>
      </c>
      <c r="L1637">
        <f t="shared" si="198"/>
        <v>0.31519428250021481</v>
      </c>
      <c r="M1637">
        <f t="shared" si="199"/>
        <v>0</v>
      </c>
      <c r="N1637" s="45">
        <f t="shared" si="200"/>
        <v>44993.791666662779</v>
      </c>
    </row>
    <row r="1638" spans="2:14" x14ac:dyDescent="0.25">
      <c r="B1638">
        <f t="shared" si="194"/>
        <v>3</v>
      </c>
      <c r="C1638" s="16">
        <v>1604</v>
      </c>
      <c r="D1638" cm="1">
        <f t="array" ref="D1638">IFERROR(INDEX(Jesper!AH$2:AH$366,ROUNDDOWN($C1638/24,0)+1,1)*INDEX($D$3:$AA$30,INDEX(Jesper!$R$2:$R$366,ROW(INDEX(Jesper!AH$2:AH$366,ROUNDDOWN($C1638/24,0)+1,1))-1)+IF('Standard Profiles'!$G$18=$B$10,7,0)+IF('Standard Profiles'!$G$18=$B$17,14,0)+IF('Standard Profiles'!$G$18=$B$24,21,0),MOD($C1638,24)+1)/SUM(INDEX($D$3:$AA$30,INDEX(Jesper!$R$2:$R$366,ROW(INDEX(Jesper!AH$2:AH$366,ROUNDDOWN($C1638/24,0)+1,1))-1)+IF('Standard Profiles'!$G$18=$B$10,7,0)+IF('Standard Profiles'!$G$18=$B$17,14,0)+IF('Standard Profiles'!$G$18=$B$24,21,0),0)),0)</f>
        <v>5.9098927968790269</v>
      </c>
      <c r="E1638" cm="1">
        <f t="array" ref="E1638">IFERROR(INDEX(Jesper!AI$2:AI$366,ROUNDDOWN($C1638/24,0)+1,1)*INDEX($D$3:$AA$30,INDEX(Jesper!$R$2:$R$366,ROW(INDEX(Jesper!AI$2:AI$366,ROUNDDOWN($C1638/24,0)+1,1))-1)+IF('Standard Profiles'!$G$19=$B$10,7,0)+IF('Standard Profiles'!$G$19=$B$17,14,0)+IF('Standard Profiles'!$G$19=$B$24,21,0),MOD($C1638,24)+1)/SUM(INDEX($D$3:$AA$30,INDEX(Jesper!$R$2:$R$366,ROW(INDEX(Jesper!AI$2:AI$366,ROUNDDOWN($C1638/24,0)+1,1))-1)+IF('Standard Profiles'!$G$19=$B$10,7,0)+IF('Standard Profiles'!$G$19=$B$17,14,0)+IF('Standard Profiles'!$G$19=$B$24,21,0),0)),0)</f>
        <v>5.6370890711802577</v>
      </c>
      <c r="F1638" cm="1">
        <f t="array" ref="F1638">IFERROR(INDEX(Jesper!AJ$2:AJ$366,ROUNDDOWN($C1638/24,0)+1,1)*INDEX($D$3:$AA$30,INDEX(Jesper!$R$2:$R$366,ROW(INDEX(Jesper!AJ$2:AJ$366,ROUNDDOWN($C1638/24,0)+1,1))-1)+IF('Standard Profiles'!$G$20=$B$10,7,0)+IF('Standard Profiles'!$G$20=$B$17,14,0)+IF('Standard Profiles'!$G$20=$B$24,21,0),MOD($C1638,24)+1)/SUM(INDEX($D$3:$AA$30,INDEX(Jesper!$R$2:$R$366,ROW(INDEX(Jesper!AJ$2:AJ$366,ROUNDDOWN($C1638/24,0)+1,1))-1)+IF('Standard Profiles'!$G$20=$B$10,7,0)+IF('Standard Profiles'!$G$20=$B$17,14,0)+IF('Standard Profiles'!$G$20=$B$24,21,0),0)),0)</f>
        <v>0</v>
      </c>
      <c r="G1638" cm="1">
        <f t="array" ref="G1638">IFERROR(INDEX(Jesper!AK$2:AK$366,ROUNDDOWN($C1638/24,0)+1,1)*INDEX($D$3:$AA$30,INDEX(Jesper!$R$2:$R$366,ROW(INDEX(Jesper!AK$2:AK$366,ROUNDDOWN($C1638/24,0)+1,1))-1)+IF('Standard Profiles'!$G$21=$B$10,7,0)+IF('Standard Profiles'!$G$21=$B$17,14,0)+IF('Standard Profiles'!$G$21=$B$24,21,0),MOD($C1638,24)+1)/SUM(INDEX($D$3:$AA$30,INDEX(Jesper!$R$2:$R$366,ROW(INDEX(Jesper!AK$2:AK$366,ROUNDDOWN($C1638/24,0)+1,1))-1)+IF('Standard Profiles'!$G$21=$B$10,7,0)+IF('Standard Profiles'!$G$21=$B$17,14,0)+IF('Standard Profiles'!$G$21=$B$24,21,0),0)),0)</f>
        <v>4.9230042993329661</v>
      </c>
      <c r="H1638" cm="1">
        <f t="array" ref="H1638">IFERROR(INDEX(Jesper!AL$2:AL$366,ROUNDDOWN($C1638/24,0)+1,1)*INDEX($D$3:$AA$30,INDEX(Jesper!$R$2:$R$366,ROW(INDEX(Jesper!AL$2:AL$366,ROUNDDOWN($C1638/24,0)+1,1))-1)+IF('Standard Profiles'!$G$22=$B$10,7,0)+IF('Standard Profiles'!$G$22=$B$17,14,0)+IF('Standard Profiles'!$G$22=$B$24,21,0),MOD($C1638,24)+1)/SUM(INDEX($D$3:$AA$30,INDEX(Jesper!$R$2:$R$366,ROW(INDEX(Jesper!AL$2:AL$366,ROUNDDOWN($C1638/24,0)+1,1))-1)+IF('Standard Profiles'!$G$22=$B$10,7,0)+IF('Standard Profiles'!$G$22=$B$17,14,0)+IF('Standard Profiles'!$G$22=$B$24,21,0),0)),0)</f>
        <v>0</v>
      </c>
      <c r="I1638">
        <f t="shared" si="195"/>
        <v>2.3630420636798224</v>
      </c>
      <c r="J1638">
        <f t="shared" si="196"/>
        <v>13.161361256211784</v>
      </c>
      <c r="K1638">
        <f t="shared" si="197"/>
        <v>0.63038856500042961</v>
      </c>
      <c r="L1638">
        <f t="shared" si="198"/>
        <v>0.31519428250021481</v>
      </c>
      <c r="M1638">
        <f t="shared" si="199"/>
        <v>0</v>
      </c>
      <c r="N1638" s="45">
        <f t="shared" si="200"/>
        <v>44993.833333329443</v>
      </c>
    </row>
    <row r="1639" spans="2:14" x14ac:dyDescent="0.25">
      <c r="B1639">
        <f t="shared" si="194"/>
        <v>3</v>
      </c>
      <c r="C1639" s="16">
        <v>1605</v>
      </c>
      <c r="D1639" cm="1">
        <f t="array" ref="D1639">IFERROR(INDEX(Jesper!AH$2:AH$366,ROUNDDOWN($C1639/24,0)+1,1)*INDEX($D$3:$AA$30,INDEX(Jesper!$R$2:$R$366,ROW(INDEX(Jesper!AH$2:AH$366,ROUNDDOWN($C1639/24,0)+1,1))-1)+IF('Standard Profiles'!$G$18=$B$10,7,0)+IF('Standard Profiles'!$G$18=$B$17,14,0)+IF('Standard Profiles'!$G$18=$B$24,21,0),MOD($C1639,24)+1)/SUM(INDEX($D$3:$AA$30,INDEX(Jesper!$R$2:$R$366,ROW(INDEX(Jesper!AH$2:AH$366,ROUNDDOWN($C1639/24,0)+1,1))-1)+IF('Standard Profiles'!$G$18=$B$10,7,0)+IF('Standard Profiles'!$G$18=$B$17,14,0)+IF('Standard Profiles'!$G$18=$B$24,21,0),0)),0)</f>
        <v>5.9098927968790269</v>
      </c>
      <c r="E1639" cm="1">
        <f t="array" ref="E1639">IFERROR(INDEX(Jesper!AI$2:AI$366,ROUNDDOWN($C1639/24,0)+1,1)*INDEX($D$3:$AA$30,INDEX(Jesper!$R$2:$R$366,ROW(INDEX(Jesper!AI$2:AI$366,ROUNDDOWN($C1639/24,0)+1,1))-1)+IF('Standard Profiles'!$G$19=$B$10,7,0)+IF('Standard Profiles'!$G$19=$B$17,14,0)+IF('Standard Profiles'!$G$19=$B$24,21,0),MOD($C1639,24)+1)/SUM(INDEX($D$3:$AA$30,INDEX(Jesper!$R$2:$R$366,ROW(INDEX(Jesper!AI$2:AI$366,ROUNDDOWN($C1639/24,0)+1,1))-1)+IF('Standard Profiles'!$G$19=$B$10,7,0)+IF('Standard Profiles'!$G$19=$B$17,14,0)+IF('Standard Profiles'!$G$19=$B$24,21,0),0)),0)</f>
        <v>5.6370890711802577</v>
      </c>
      <c r="F1639" cm="1">
        <f t="array" ref="F1639">IFERROR(INDEX(Jesper!AJ$2:AJ$366,ROUNDDOWN($C1639/24,0)+1,1)*INDEX($D$3:$AA$30,INDEX(Jesper!$R$2:$R$366,ROW(INDEX(Jesper!AJ$2:AJ$366,ROUNDDOWN($C1639/24,0)+1,1))-1)+IF('Standard Profiles'!$G$20=$B$10,7,0)+IF('Standard Profiles'!$G$20=$B$17,14,0)+IF('Standard Profiles'!$G$20=$B$24,21,0),MOD($C1639,24)+1)/SUM(INDEX($D$3:$AA$30,INDEX(Jesper!$R$2:$R$366,ROW(INDEX(Jesper!AJ$2:AJ$366,ROUNDDOWN($C1639/24,0)+1,1))-1)+IF('Standard Profiles'!$G$20=$B$10,7,0)+IF('Standard Profiles'!$G$20=$B$17,14,0)+IF('Standard Profiles'!$G$20=$B$24,21,0),0)),0)</f>
        <v>0</v>
      </c>
      <c r="G1639" cm="1">
        <f t="array" ref="G1639">IFERROR(INDEX(Jesper!AK$2:AK$366,ROUNDDOWN($C1639/24,0)+1,1)*INDEX($D$3:$AA$30,INDEX(Jesper!$R$2:$R$366,ROW(INDEX(Jesper!AK$2:AK$366,ROUNDDOWN($C1639/24,0)+1,1))-1)+IF('Standard Profiles'!$G$21=$B$10,7,0)+IF('Standard Profiles'!$G$21=$B$17,14,0)+IF('Standard Profiles'!$G$21=$B$24,21,0),MOD($C1639,24)+1)/SUM(INDEX($D$3:$AA$30,INDEX(Jesper!$R$2:$R$366,ROW(INDEX(Jesper!AK$2:AK$366,ROUNDDOWN($C1639/24,0)+1,1))-1)+IF('Standard Profiles'!$G$21=$B$10,7,0)+IF('Standard Profiles'!$G$21=$B$17,14,0)+IF('Standard Profiles'!$G$21=$B$24,21,0),0)),0)</f>
        <v>4.9230042993329661</v>
      </c>
      <c r="H1639" cm="1">
        <f t="array" ref="H1639">IFERROR(INDEX(Jesper!AL$2:AL$366,ROUNDDOWN($C1639/24,0)+1,1)*INDEX($D$3:$AA$30,INDEX(Jesper!$R$2:$R$366,ROW(INDEX(Jesper!AL$2:AL$366,ROUNDDOWN($C1639/24,0)+1,1))-1)+IF('Standard Profiles'!$G$22=$B$10,7,0)+IF('Standard Profiles'!$G$22=$B$17,14,0)+IF('Standard Profiles'!$G$22=$B$24,21,0),MOD($C1639,24)+1)/SUM(INDEX($D$3:$AA$30,INDEX(Jesper!$R$2:$R$366,ROW(INDEX(Jesper!AL$2:AL$366,ROUNDDOWN($C1639/24,0)+1,1))-1)+IF('Standard Profiles'!$G$22=$B$10,7,0)+IF('Standard Profiles'!$G$22=$B$17,14,0)+IF('Standard Profiles'!$G$22=$B$24,21,0),0)),0)</f>
        <v>0</v>
      </c>
      <c r="I1639">
        <f t="shared" si="195"/>
        <v>2.3630420636798224</v>
      </c>
      <c r="J1639">
        <f t="shared" si="196"/>
        <v>13.161361256211784</v>
      </c>
      <c r="K1639">
        <f t="shared" si="197"/>
        <v>0.63038856500042961</v>
      </c>
      <c r="L1639">
        <f t="shared" si="198"/>
        <v>0.31519428250021481</v>
      </c>
      <c r="M1639">
        <f t="shared" si="199"/>
        <v>0</v>
      </c>
      <c r="N1639" s="45">
        <f t="shared" si="200"/>
        <v>44993.874999996107</v>
      </c>
    </row>
    <row r="1640" spans="2:14" x14ac:dyDescent="0.25">
      <c r="B1640">
        <f t="shared" si="194"/>
        <v>3</v>
      </c>
      <c r="C1640" s="16">
        <v>1606</v>
      </c>
      <c r="D1640" cm="1">
        <f t="array" ref="D1640">IFERROR(INDEX(Jesper!AH$2:AH$366,ROUNDDOWN($C1640/24,0)+1,1)*INDEX($D$3:$AA$30,INDEX(Jesper!$R$2:$R$366,ROW(INDEX(Jesper!AH$2:AH$366,ROUNDDOWN($C1640/24,0)+1,1))-1)+IF('Standard Profiles'!$G$18=$B$10,7,0)+IF('Standard Profiles'!$G$18=$B$17,14,0)+IF('Standard Profiles'!$G$18=$B$24,21,0),MOD($C1640,24)+1)/SUM(INDEX($D$3:$AA$30,INDEX(Jesper!$R$2:$R$366,ROW(INDEX(Jesper!AH$2:AH$366,ROUNDDOWN($C1640/24,0)+1,1))-1)+IF('Standard Profiles'!$G$18=$B$10,7,0)+IF('Standard Profiles'!$G$18=$B$17,14,0)+IF('Standard Profiles'!$G$18=$B$24,21,0),0)),0)</f>
        <v>5.9098927968790269</v>
      </c>
      <c r="E1640" cm="1">
        <f t="array" ref="E1640">IFERROR(INDEX(Jesper!AI$2:AI$366,ROUNDDOWN($C1640/24,0)+1,1)*INDEX($D$3:$AA$30,INDEX(Jesper!$R$2:$R$366,ROW(INDEX(Jesper!AI$2:AI$366,ROUNDDOWN($C1640/24,0)+1,1))-1)+IF('Standard Profiles'!$G$19=$B$10,7,0)+IF('Standard Profiles'!$G$19=$B$17,14,0)+IF('Standard Profiles'!$G$19=$B$24,21,0),MOD($C1640,24)+1)/SUM(INDEX($D$3:$AA$30,INDEX(Jesper!$R$2:$R$366,ROW(INDEX(Jesper!AI$2:AI$366,ROUNDDOWN($C1640/24,0)+1,1))-1)+IF('Standard Profiles'!$G$19=$B$10,7,0)+IF('Standard Profiles'!$G$19=$B$17,14,0)+IF('Standard Profiles'!$G$19=$B$24,21,0),0)),0)</f>
        <v>5.6370890711802577</v>
      </c>
      <c r="F1640" cm="1">
        <f t="array" ref="F1640">IFERROR(INDEX(Jesper!AJ$2:AJ$366,ROUNDDOWN($C1640/24,0)+1,1)*INDEX($D$3:$AA$30,INDEX(Jesper!$R$2:$R$366,ROW(INDEX(Jesper!AJ$2:AJ$366,ROUNDDOWN($C1640/24,0)+1,1))-1)+IF('Standard Profiles'!$G$20=$B$10,7,0)+IF('Standard Profiles'!$G$20=$B$17,14,0)+IF('Standard Profiles'!$G$20=$B$24,21,0),MOD($C1640,24)+1)/SUM(INDEX($D$3:$AA$30,INDEX(Jesper!$R$2:$R$366,ROW(INDEX(Jesper!AJ$2:AJ$366,ROUNDDOWN($C1640/24,0)+1,1))-1)+IF('Standard Profiles'!$G$20=$B$10,7,0)+IF('Standard Profiles'!$G$20=$B$17,14,0)+IF('Standard Profiles'!$G$20=$B$24,21,0),0)),0)</f>
        <v>0</v>
      </c>
      <c r="G1640" cm="1">
        <f t="array" ref="G1640">IFERROR(INDEX(Jesper!AK$2:AK$366,ROUNDDOWN($C1640/24,0)+1,1)*INDEX($D$3:$AA$30,INDEX(Jesper!$R$2:$R$366,ROW(INDEX(Jesper!AK$2:AK$366,ROUNDDOWN($C1640/24,0)+1,1))-1)+IF('Standard Profiles'!$G$21=$B$10,7,0)+IF('Standard Profiles'!$G$21=$B$17,14,0)+IF('Standard Profiles'!$G$21=$B$24,21,0),MOD($C1640,24)+1)/SUM(INDEX($D$3:$AA$30,INDEX(Jesper!$R$2:$R$366,ROW(INDEX(Jesper!AK$2:AK$366,ROUNDDOWN($C1640/24,0)+1,1))-1)+IF('Standard Profiles'!$G$21=$B$10,7,0)+IF('Standard Profiles'!$G$21=$B$17,14,0)+IF('Standard Profiles'!$G$21=$B$24,21,0),0)),0)</f>
        <v>4.9230042993329661</v>
      </c>
      <c r="H1640" cm="1">
        <f t="array" ref="H1640">IFERROR(INDEX(Jesper!AL$2:AL$366,ROUNDDOWN($C1640/24,0)+1,1)*INDEX($D$3:$AA$30,INDEX(Jesper!$R$2:$R$366,ROW(INDEX(Jesper!AL$2:AL$366,ROUNDDOWN($C1640/24,0)+1,1))-1)+IF('Standard Profiles'!$G$22=$B$10,7,0)+IF('Standard Profiles'!$G$22=$B$17,14,0)+IF('Standard Profiles'!$G$22=$B$24,21,0),MOD($C1640,24)+1)/SUM(INDEX($D$3:$AA$30,INDEX(Jesper!$R$2:$R$366,ROW(INDEX(Jesper!AL$2:AL$366,ROUNDDOWN($C1640/24,0)+1,1))-1)+IF('Standard Profiles'!$G$22=$B$10,7,0)+IF('Standard Profiles'!$G$22=$B$17,14,0)+IF('Standard Profiles'!$G$22=$B$24,21,0),0)),0)</f>
        <v>0</v>
      </c>
      <c r="I1640">
        <f t="shared" si="195"/>
        <v>2.3630420636798224</v>
      </c>
      <c r="J1640">
        <f t="shared" si="196"/>
        <v>13.161361256211784</v>
      </c>
      <c r="K1640">
        <f t="shared" si="197"/>
        <v>0.63038856500042961</v>
      </c>
      <c r="L1640">
        <f t="shared" si="198"/>
        <v>0.31519428250021481</v>
      </c>
      <c r="M1640">
        <f t="shared" si="199"/>
        <v>0</v>
      </c>
      <c r="N1640" s="45">
        <f t="shared" si="200"/>
        <v>44993.916666662772</v>
      </c>
    </row>
    <row r="1641" spans="2:14" x14ac:dyDescent="0.25">
      <c r="B1641">
        <f t="shared" si="194"/>
        <v>3</v>
      </c>
      <c r="C1641" s="16">
        <v>1607</v>
      </c>
      <c r="D1641" cm="1">
        <f t="array" ref="D1641">IFERROR(INDEX(Jesper!AH$2:AH$366,ROUNDDOWN($C1641/24,0)+1,1)*INDEX($D$3:$AA$30,INDEX(Jesper!$R$2:$R$366,ROW(INDEX(Jesper!AH$2:AH$366,ROUNDDOWN($C1641/24,0)+1,1))-1)+IF('Standard Profiles'!$G$18=$B$10,7,0)+IF('Standard Profiles'!$G$18=$B$17,14,0)+IF('Standard Profiles'!$G$18=$B$24,21,0),MOD($C1641,24)+1)/SUM(INDEX($D$3:$AA$30,INDEX(Jesper!$R$2:$R$366,ROW(INDEX(Jesper!AH$2:AH$366,ROUNDDOWN($C1641/24,0)+1,1))-1)+IF('Standard Profiles'!$G$18=$B$10,7,0)+IF('Standard Profiles'!$G$18=$B$17,14,0)+IF('Standard Profiles'!$G$18=$B$24,21,0),0)),0)</f>
        <v>5.9098927968790269</v>
      </c>
      <c r="E1641" cm="1">
        <f t="array" ref="E1641">IFERROR(INDEX(Jesper!AI$2:AI$366,ROUNDDOWN($C1641/24,0)+1,1)*INDEX($D$3:$AA$30,INDEX(Jesper!$R$2:$R$366,ROW(INDEX(Jesper!AI$2:AI$366,ROUNDDOWN($C1641/24,0)+1,1))-1)+IF('Standard Profiles'!$G$19=$B$10,7,0)+IF('Standard Profiles'!$G$19=$B$17,14,0)+IF('Standard Profiles'!$G$19=$B$24,21,0),MOD($C1641,24)+1)/SUM(INDEX($D$3:$AA$30,INDEX(Jesper!$R$2:$R$366,ROW(INDEX(Jesper!AI$2:AI$366,ROUNDDOWN($C1641/24,0)+1,1))-1)+IF('Standard Profiles'!$G$19=$B$10,7,0)+IF('Standard Profiles'!$G$19=$B$17,14,0)+IF('Standard Profiles'!$G$19=$B$24,21,0),0)),0)</f>
        <v>5.6370890711802577</v>
      </c>
      <c r="F1641" cm="1">
        <f t="array" ref="F1641">IFERROR(INDEX(Jesper!AJ$2:AJ$366,ROUNDDOWN($C1641/24,0)+1,1)*INDEX($D$3:$AA$30,INDEX(Jesper!$R$2:$R$366,ROW(INDEX(Jesper!AJ$2:AJ$366,ROUNDDOWN($C1641/24,0)+1,1))-1)+IF('Standard Profiles'!$G$20=$B$10,7,0)+IF('Standard Profiles'!$G$20=$B$17,14,0)+IF('Standard Profiles'!$G$20=$B$24,21,0),MOD($C1641,24)+1)/SUM(INDEX($D$3:$AA$30,INDEX(Jesper!$R$2:$R$366,ROW(INDEX(Jesper!AJ$2:AJ$366,ROUNDDOWN($C1641/24,0)+1,1))-1)+IF('Standard Profiles'!$G$20=$B$10,7,0)+IF('Standard Profiles'!$G$20=$B$17,14,0)+IF('Standard Profiles'!$G$20=$B$24,21,0),0)),0)</f>
        <v>0</v>
      </c>
      <c r="G1641" cm="1">
        <f t="array" ref="G1641">IFERROR(INDEX(Jesper!AK$2:AK$366,ROUNDDOWN($C1641/24,0)+1,1)*INDEX($D$3:$AA$30,INDEX(Jesper!$R$2:$R$366,ROW(INDEX(Jesper!AK$2:AK$366,ROUNDDOWN($C1641/24,0)+1,1))-1)+IF('Standard Profiles'!$G$21=$B$10,7,0)+IF('Standard Profiles'!$G$21=$B$17,14,0)+IF('Standard Profiles'!$G$21=$B$24,21,0),MOD($C1641,24)+1)/SUM(INDEX($D$3:$AA$30,INDEX(Jesper!$R$2:$R$366,ROW(INDEX(Jesper!AK$2:AK$366,ROUNDDOWN($C1641/24,0)+1,1))-1)+IF('Standard Profiles'!$G$21=$B$10,7,0)+IF('Standard Profiles'!$G$21=$B$17,14,0)+IF('Standard Profiles'!$G$21=$B$24,21,0),0)),0)</f>
        <v>4.9230042993329661</v>
      </c>
      <c r="H1641" cm="1">
        <f t="array" ref="H1641">IFERROR(INDEX(Jesper!AL$2:AL$366,ROUNDDOWN($C1641/24,0)+1,1)*INDEX($D$3:$AA$30,INDEX(Jesper!$R$2:$R$366,ROW(INDEX(Jesper!AL$2:AL$366,ROUNDDOWN($C1641/24,0)+1,1))-1)+IF('Standard Profiles'!$G$22=$B$10,7,0)+IF('Standard Profiles'!$G$22=$B$17,14,0)+IF('Standard Profiles'!$G$22=$B$24,21,0),MOD($C1641,24)+1)/SUM(INDEX($D$3:$AA$30,INDEX(Jesper!$R$2:$R$366,ROW(INDEX(Jesper!AL$2:AL$366,ROUNDDOWN($C1641/24,0)+1,1))-1)+IF('Standard Profiles'!$G$22=$B$10,7,0)+IF('Standard Profiles'!$G$22=$B$17,14,0)+IF('Standard Profiles'!$G$22=$B$24,21,0),0)),0)</f>
        <v>0</v>
      </c>
      <c r="I1641">
        <f t="shared" si="195"/>
        <v>2.3630420636798224</v>
      </c>
      <c r="J1641">
        <f t="shared" si="196"/>
        <v>13.161361256211784</v>
      </c>
      <c r="K1641">
        <f t="shared" si="197"/>
        <v>0.63038856500042961</v>
      </c>
      <c r="L1641">
        <f t="shared" si="198"/>
        <v>0.31519428250021481</v>
      </c>
      <c r="M1641">
        <f t="shared" si="199"/>
        <v>0</v>
      </c>
      <c r="N1641" s="45">
        <f t="shared" si="200"/>
        <v>44993.958333329436</v>
      </c>
    </row>
    <row r="1642" spans="2:14" x14ac:dyDescent="0.25">
      <c r="B1642">
        <f t="shared" si="194"/>
        <v>4</v>
      </c>
      <c r="C1642" s="16">
        <v>1608</v>
      </c>
      <c r="D1642" cm="1">
        <f t="array" ref="D1642">IFERROR(INDEX(Jesper!AH$2:AH$366,ROUNDDOWN($C1642/24,0)+1,1)*INDEX($D$3:$AA$30,INDEX(Jesper!$R$2:$R$366,ROW(INDEX(Jesper!AH$2:AH$366,ROUNDDOWN($C1642/24,0)+1,1))-1)+IF('Standard Profiles'!$G$18=$B$10,7,0)+IF('Standard Profiles'!$G$18=$B$17,14,0)+IF('Standard Profiles'!$G$18=$B$24,21,0),MOD($C1642,24)+1)/SUM(INDEX($D$3:$AA$30,INDEX(Jesper!$R$2:$R$366,ROW(INDEX(Jesper!AH$2:AH$366,ROUNDDOWN($C1642/24,0)+1,1))-1)+IF('Standard Profiles'!$G$18=$B$10,7,0)+IF('Standard Profiles'!$G$18=$B$17,14,0)+IF('Standard Profiles'!$G$18=$B$24,21,0),0)),0)</f>
        <v>5.7629150191309897</v>
      </c>
      <c r="E1642" cm="1">
        <f t="array" ref="E1642">IFERROR(INDEX(Jesper!AI$2:AI$366,ROUNDDOWN($C1642/24,0)+1,1)*INDEX($D$3:$AA$30,INDEX(Jesper!$R$2:$R$366,ROW(INDEX(Jesper!AI$2:AI$366,ROUNDDOWN($C1642/24,0)+1,1))-1)+IF('Standard Profiles'!$G$19=$B$10,7,0)+IF('Standard Profiles'!$G$19=$B$17,14,0)+IF('Standard Profiles'!$G$19=$B$24,21,0),MOD($C1642,24)+1)/SUM(INDEX($D$3:$AA$30,INDEX(Jesper!$R$2:$R$366,ROW(INDEX(Jesper!AI$2:AI$366,ROUNDDOWN($C1642/24,0)+1,1))-1)+IF('Standard Profiles'!$G$19=$B$10,7,0)+IF('Standard Profiles'!$G$19=$B$17,14,0)+IF('Standard Profiles'!$G$19=$B$24,21,0),0)),0)</f>
        <v>4.4199080032187323</v>
      </c>
      <c r="F1642" cm="1">
        <f t="array" ref="F1642">IFERROR(INDEX(Jesper!AJ$2:AJ$366,ROUNDDOWN($C1642/24,0)+1,1)*INDEX($D$3:$AA$30,INDEX(Jesper!$R$2:$R$366,ROW(INDEX(Jesper!AJ$2:AJ$366,ROUNDDOWN($C1642/24,0)+1,1))-1)+IF('Standard Profiles'!$G$20=$B$10,7,0)+IF('Standard Profiles'!$G$20=$B$17,14,0)+IF('Standard Profiles'!$G$20=$B$24,21,0),MOD($C1642,24)+1)/SUM(INDEX($D$3:$AA$30,INDEX(Jesper!$R$2:$R$366,ROW(INDEX(Jesper!AJ$2:AJ$366,ROUNDDOWN($C1642/24,0)+1,1))-1)+IF('Standard Profiles'!$G$20=$B$10,7,0)+IF('Standard Profiles'!$G$20=$B$17,14,0)+IF('Standard Profiles'!$G$20=$B$24,21,0),0)),0)</f>
        <v>0</v>
      </c>
      <c r="G1642" cm="1">
        <f t="array" ref="G1642">IFERROR(INDEX(Jesper!AK$2:AK$366,ROUNDDOWN($C1642/24,0)+1,1)*INDEX($D$3:$AA$30,INDEX(Jesper!$R$2:$R$366,ROW(INDEX(Jesper!AK$2:AK$366,ROUNDDOWN($C1642/24,0)+1,1))-1)+IF('Standard Profiles'!$G$21=$B$10,7,0)+IF('Standard Profiles'!$G$21=$B$17,14,0)+IF('Standard Profiles'!$G$21=$B$24,21,0),MOD($C1642,24)+1)/SUM(INDEX($D$3:$AA$30,INDEX(Jesper!$R$2:$R$366,ROW(INDEX(Jesper!AK$2:AK$366,ROUNDDOWN($C1642/24,0)+1,1))-1)+IF('Standard Profiles'!$G$21=$B$10,7,0)+IF('Standard Profiles'!$G$21=$B$17,14,0)+IF('Standard Profiles'!$G$21=$B$24,21,0),0)),0)</f>
        <v>1.7733593746933938</v>
      </c>
      <c r="H1642" cm="1">
        <f t="array" ref="H1642">IFERROR(INDEX(Jesper!AL$2:AL$366,ROUNDDOWN($C1642/24,0)+1,1)*INDEX($D$3:$AA$30,INDEX(Jesper!$R$2:$R$366,ROW(INDEX(Jesper!AL$2:AL$366,ROUNDDOWN($C1642/24,0)+1,1))-1)+IF('Standard Profiles'!$G$22=$B$10,7,0)+IF('Standard Profiles'!$G$22=$B$17,14,0)+IF('Standard Profiles'!$G$22=$B$24,21,0),MOD($C1642,24)+1)/SUM(INDEX($D$3:$AA$30,INDEX(Jesper!$R$2:$R$366,ROW(INDEX(Jesper!AL$2:AL$366,ROUNDDOWN($C1642/24,0)+1,1))-1)+IF('Standard Profiles'!$G$22=$B$10,7,0)+IF('Standard Profiles'!$G$22=$B$17,14,0)+IF('Standard Profiles'!$G$22=$B$24,21,0),0)),0)</f>
        <v>0</v>
      </c>
      <c r="I1642">
        <f t="shared" si="195"/>
        <v>0.85121249985282854</v>
      </c>
      <c r="J1642">
        <f t="shared" si="196"/>
        <v>10.182903494129329</v>
      </c>
      <c r="K1642">
        <f t="shared" si="197"/>
        <v>0.61471093537397226</v>
      </c>
      <c r="L1642">
        <f t="shared" si="198"/>
        <v>0.30735546768698613</v>
      </c>
      <c r="M1642">
        <f t="shared" si="199"/>
        <v>0</v>
      </c>
      <c r="N1642" s="45">
        <f t="shared" si="200"/>
        <v>44993.9999999961</v>
      </c>
    </row>
    <row r="1643" spans="2:14" x14ac:dyDescent="0.25">
      <c r="B1643">
        <f t="shared" si="194"/>
        <v>4</v>
      </c>
      <c r="C1643" s="16">
        <v>1609</v>
      </c>
      <c r="D1643" cm="1">
        <f t="array" ref="D1643">IFERROR(INDEX(Jesper!AH$2:AH$366,ROUNDDOWN($C1643/24,0)+1,1)*INDEX($D$3:$AA$30,INDEX(Jesper!$R$2:$R$366,ROW(INDEX(Jesper!AH$2:AH$366,ROUNDDOWN($C1643/24,0)+1,1))-1)+IF('Standard Profiles'!$G$18=$B$10,7,0)+IF('Standard Profiles'!$G$18=$B$17,14,0)+IF('Standard Profiles'!$G$18=$B$24,21,0),MOD($C1643,24)+1)/SUM(INDEX($D$3:$AA$30,INDEX(Jesper!$R$2:$R$366,ROW(INDEX(Jesper!AH$2:AH$366,ROUNDDOWN($C1643/24,0)+1,1))-1)+IF('Standard Profiles'!$G$18=$B$10,7,0)+IF('Standard Profiles'!$G$18=$B$17,14,0)+IF('Standard Profiles'!$G$18=$B$24,21,0),0)),0)</f>
        <v>5.7629150191309897</v>
      </c>
      <c r="E1643" cm="1">
        <f t="array" ref="E1643">IFERROR(INDEX(Jesper!AI$2:AI$366,ROUNDDOWN($C1643/24,0)+1,1)*INDEX($D$3:$AA$30,INDEX(Jesper!$R$2:$R$366,ROW(INDEX(Jesper!AI$2:AI$366,ROUNDDOWN($C1643/24,0)+1,1))-1)+IF('Standard Profiles'!$G$19=$B$10,7,0)+IF('Standard Profiles'!$G$19=$B$17,14,0)+IF('Standard Profiles'!$G$19=$B$24,21,0),MOD($C1643,24)+1)/SUM(INDEX($D$3:$AA$30,INDEX(Jesper!$R$2:$R$366,ROW(INDEX(Jesper!AI$2:AI$366,ROUNDDOWN($C1643/24,0)+1,1))-1)+IF('Standard Profiles'!$G$19=$B$10,7,0)+IF('Standard Profiles'!$G$19=$B$17,14,0)+IF('Standard Profiles'!$G$19=$B$24,21,0),0)),0)</f>
        <v>4.4199080032187323</v>
      </c>
      <c r="F1643" cm="1">
        <f t="array" ref="F1643">IFERROR(INDEX(Jesper!AJ$2:AJ$366,ROUNDDOWN($C1643/24,0)+1,1)*INDEX($D$3:$AA$30,INDEX(Jesper!$R$2:$R$366,ROW(INDEX(Jesper!AJ$2:AJ$366,ROUNDDOWN($C1643/24,0)+1,1))-1)+IF('Standard Profiles'!$G$20=$B$10,7,0)+IF('Standard Profiles'!$G$20=$B$17,14,0)+IF('Standard Profiles'!$G$20=$B$24,21,0),MOD($C1643,24)+1)/SUM(INDEX($D$3:$AA$30,INDEX(Jesper!$R$2:$R$366,ROW(INDEX(Jesper!AJ$2:AJ$366,ROUNDDOWN($C1643/24,0)+1,1))-1)+IF('Standard Profiles'!$G$20=$B$10,7,0)+IF('Standard Profiles'!$G$20=$B$17,14,0)+IF('Standard Profiles'!$G$20=$B$24,21,0),0)),0)</f>
        <v>0</v>
      </c>
      <c r="G1643" cm="1">
        <f t="array" ref="G1643">IFERROR(INDEX(Jesper!AK$2:AK$366,ROUNDDOWN($C1643/24,0)+1,1)*INDEX($D$3:$AA$30,INDEX(Jesper!$R$2:$R$366,ROW(INDEX(Jesper!AK$2:AK$366,ROUNDDOWN($C1643/24,0)+1,1))-1)+IF('Standard Profiles'!$G$21=$B$10,7,0)+IF('Standard Profiles'!$G$21=$B$17,14,0)+IF('Standard Profiles'!$G$21=$B$24,21,0),MOD($C1643,24)+1)/SUM(INDEX($D$3:$AA$30,INDEX(Jesper!$R$2:$R$366,ROW(INDEX(Jesper!AK$2:AK$366,ROUNDDOWN($C1643/24,0)+1,1))-1)+IF('Standard Profiles'!$G$21=$B$10,7,0)+IF('Standard Profiles'!$G$21=$B$17,14,0)+IF('Standard Profiles'!$G$21=$B$24,21,0),0)),0)</f>
        <v>1.7733593746933938</v>
      </c>
      <c r="H1643" cm="1">
        <f t="array" ref="H1643">IFERROR(INDEX(Jesper!AL$2:AL$366,ROUNDDOWN($C1643/24,0)+1,1)*INDEX($D$3:$AA$30,INDEX(Jesper!$R$2:$R$366,ROW(INDEX(Jesper!AL$2:AL$366,ROUNDDOWN($C1643/24,0)+1,1))-1)+IF('Standard Profiles'!$G$22=$B$10,7,0)+IF('Standard Profiles'!$G$22=$B$17,14,0)+IF('Standard Profiles'!$G$22=$B$24,21,0),MOD($C1643,24)+1)/SUM(INDEX($D$3:$AA$30,INDEX(Jesper!$R$2:$R$366,ROW(INDEX(Jesper!AL$2:AL$366,ROUNDDOWN($C1643/24,0)+1,1))-1)+IF('Standard Profiles'!$G$22=$B$10,7,0)+IF('Standard Profiles'!$G$22=$B$17,14,0)+IF('Standard Profiles'!$G$22=$B$24,21,0),0)),0)</f>
        <v>0</v>
      </c>
      <c r="I1643">
        <f t="shared" si="195"/>
        <v>0.85121249985282854</v>
      </c>
      <c r="J1643">
        <f t="shared" si="196"/>
        <v>10.182903494129329</v>
      </c>
      <c r="K1643">
        <f t="shared" si="197"/>
        <v>0.61471093537397226</v>
      </c>
      <c r="L1643">
        <f t="shared" si="198"/>
        <v>0.30735546768698613</v>
      </c>
      <c r="M1643">
        <f t="shared" si="199"/>
        <v>0</v>
      </c>
      <c r="N1643" s="45">
        <f t="shared" si="200"/>
        <v>44994.041666662764</v>
      </c>
    </row>
    <row r="1644" spans="2:14" x14ac:dyDescent="0.25">
      <c r="B1644">
        <f t="shared" si="194"/>
        <v>4</v>
      </c>
      <c r="C1644" s="16">
        <v>1610</v>
      </c>
      <c r="D1644" cm="1">
        <f t="array" ref="D1644">IFERROR(INDEX(Jesper!AH$2:AH$366,ROUNDDOWN($C1644/24,0)+1,1)*INDEX($D$3:$AA$30,INDEX(Jesper!$R$2:$R$366,ROW(INDEX(Jesper!AH$2:AH$366,ROUNDDOWN($C1644/24,0)+1,1))-1)+IF('Standard Profiles'!$G$18=$B$10,7,0)+IF('Standard Profiles'!$G$18=$B$17,14,0)+IF('Standard Profiles'!$G$18=$B$24,21,0),MOD($C1644,24)+1)/SUM(INDEX($D$3:$AA$30,INDEX(Jesper!$R$2:$R$366,ROW(INDEX(Jesper!AH$2:AH$366,ROUNDDOWN($C1644/24,0)+1,1))-1)+IF('Standard Profiles'!$G$18=$B$10,7,0)+IF('Standard Profiles'!$G$18=$B$17,14,0)+IF('Standard Profiles'!$G$18=$B$24,21,0),0)),0)</f>
        <v>5.7629150191309897</v>
      </c>
      <c r="E1644" cm="1">
        <f t="array" ref="E1644">IFERROR(INDEX(Jesper!AI$2:AI$366,ROUNDDOWN($C1644/24,0)+1,1)*INDEX($D$3:$AA$30,INDEX(Jesper!$R$2:$R$366,ROW(INDEX(Jesper!AI$2:AI$366,ROUNDDOWN($C1644/24,0)+1,1))-1)+IF('Standard Profiles'!$G$19=$B$10,7,0)+IF('Standard Profiles'!$G$19=$B$17,14,0)+IF('Standard Profiles'!$G$19=$B$24,21,0),MOD($C1644,24)+1)/SUM(INDEX($D$3:$AA$30,INDEX(Jesper!$R$2:$R$366,ROW(INDEX(Jesper!AI$2:AI$366,ROUNDDOWN($C1644/24,0)+1,1))-1)+IF('Standard Profiles'!$G$19=$B$10,7,0)+IF('Standard Profiles'!$G$19=$B$17,14,0)+IF('Standard Profiles'!$G$19=$B$24,21,0),0)),0)</f>
        <v>4.4199080032187323</v>
      </c>
      <c r="F1644" cm="1">
        <f t="array" ref="F1644">IFERROR(INDEX(Jesper!AJ$2:AJ$366,ROUNDDOWN($C1644/24,0)+1,1)*INDEX($D$3:$AA$30,INDEX(Jesper!$R$2:$R$366,ROW(INDEX(Jesper!AJ$2:AJ$366,ROUNDDOWN($C1644/24,0)+1,1))-1)+IF('Standard Profiles'!$G$20=$B$10,7,0)+IF('Standard Profiles'!$G$20=$B$17,14,0)+IF('Standard Profiles'!$G$20=$B$24,21,0),MOD($C1644,24)+1)/SUM(INDEX($D$3:$AA$30,INDEX(Jesper!$R$2:$R$366,ROW(INDEX(Jesper!AJ$2:AJ$366,ROUNDDOWN($C1644/24,0)+1,1))-1)+IF('Standard Profiles'!$G$20=$B$10,7,0)+IF('Standard Profiles'!$G$20=$B$17,14,0)+IF('Standard Profiles'!$G$20=$B$24,21,0),0)),0)</f>
        <v>0</v>
      </c>
      <c r="G1644" cm="1">
        <f t="array" ref="G1644">IFERROR(INDEX(Jesper!AK$2:AK$366,ROUNDDOWN($C1644/24,0)+1,1)*INDEX($D$3:$AA$30,INDEX(Jesper!$R$2:$R$366,ROW(INDEX(Jesper!AK$2:AK$366,ROUNDDOWN($C1644/24,0)+1,1))-1)+IF('Standard Profiles'!$G$21=$B$10,7,0)+IF('Standard Profiles'!$G$21=$B$17,14,0)+IF('Standard Profiles'!$G$21=$B$24,21,0),MOD($C1644,24)+1)/SUM(INDEX($D$3:$AA$30,INDEX(Jesper!$R$2:$R$366,ROW(INDEX(Jesper!AK$2:AK$366,ROUNDDOWN($C1644/24,0)+1,1))-1)+IF('Standard Profiles'!$G$21=$B$10,7,0)+IF('Standard Profiles'!$G$21=$B$17,14,0)+IF('Standard Profiles'!$G$21=$B$24,21,0),0)),0)</f>
        <v>1.7733593746933938</v>
      </c>
      <c r="H1644" cm="1">
        <f t="array" ref="H1644">IFERROR(INDEX(Jesper!AL$2:AL$366,ROUNDDOWN($C1644/24,0)+1,1)*INDEX($D$3:$AA$30,INDEX(Jesper!$R$2:$R$366,ROW(INDEX(Jesper!AL$2:AL$366,ROUNDDOWN($C1644/24,0)+1,1))-1)+IF('Standard Profiles'!$G$22=$B$10,7,0)+IF('Standard Profiles'!$G$22=$B$17,14,0)+IF('Standard Profiles'!$G$22=$B$24,21,0),MOD($C1644,24)+1)/SUM(INDEX($D$3:$AA$30,INDEX(Jesper!$R$2:$R$366,ROW(INDEX(Jesper!AL$2:AL$366,ROUNDDOWN($C1644/24,0)+1,1))-1)+IF('Standard Profiles'!$G$22=$B$10,7,0)+IF('Standard Profiles'!$G$22=$B$17,14,0)+IF('Standard Profiles'!$G$22=$B$24,21,0),0)),0)</f>
        <v>0</v>
      </c>
      <c r="I1644">
        <f t="shared" si="195"/>
        <v>0.85121249985282854</v>
      </c>
      <c r="J1644">
        <f t="shared" si="196"/>
        <v>10.182903494129329</v>
      </c>
      <c r="K1644">
        <f t="shared" si="197"/>
        <v>0.61471093537397226</v>
      </c>
      <c r="L1644">
        <f t="shared" si="198"/>
        <v>0.30735546768698613</v>
      </c>
      <c r="M1644">
        <f t="shared" si="199"/>
        <v>0</v>
      </c>
      <c r="N1644" s="45">
        <f t="shared" si="200"/>
        <v>44994.083333329429</v>
      </c>
    </row>
    <row r="1645" spans="2:14" x14ac:dyDescent="0.25">
      <c r="B1645">
        <f t="shared" si="194"/>
        <v>4</v>
      </c>
      <c r="C1645" s="16">
        <v>1611</v>
      </c>
      <c r="D1645" cm="1">
        <f t="array" ref="D1645">IFERROR(INDEX(Jesper!AH$2:AH$366,ROUNDDOWN($C1645/24,0)+1,1)*INDEX($D$3:$AA$30,INDEX(Jesper!$R$2:$R$366,ROW(INDEX(Jesper!AH$2:AH$366,ROUNDDOWN($C1645/24,0)+1,1))-1)+IF('Standard Profiles'!$G$18=$B$10,7,0)+IF('Standard Profiles'!$G$18=$B$17,14,0)+IF('Standard Profiles'!$G$18=$B$24,21,0),MOD($C1645,24)+1)/SUM(INDEX($D$3:$AA$30,INDEX(Jesper!$R$2:$R$366,ROW(INDEX(Jesper!AH$2:AH$366,ROUNDDOWN($C1645/24,0)+1,1))-1)+IF('Standard Profiles'!$G$18=$B$10,7,0)+IF('Standard Profiles'!$G$18=$B$17,14,0)+IF('Standard Profiles'!$G$18=$B$24,21,0),0)),0)</f>
        <v>5.7629150191309897</v>
      </c>
      <c r="E1645" cm="1">
        <f t="array" ref="E1645">IFERROR(INDEX(Jesper!AI$2:AI$366,ROUNDDOWN($C1645/24,0)+1,1)*INDEX($D$3:$AA$30,INDEX(Jesper!$R$2:$R$366,ROW(INDEX(Jesper!AI$2:AI$366,ROUNDDOWN($C1645/24,0)+1,1))-1)+IF('Standard Profiles'!$G$19=$B$10,7,0)+IF('Standard Profiles'!$G$19=$B$17,14,0)+IF('Standard Profiles'!$G$19=$B$24,21,0),MOD($C1645,24)+1)/SUM(INDEX($D$3:$AA$30,INDEX(Jesper!$R$2:$R$366,ROW(INDEX(Jesper!AI$2:AI$366,ROUNDDOWN($C1645/24,0)+1,1))-1)+IF('Standard Profiles'!$G$19=$B$10,7,0)+IF('Standard Profiles'!$G$19=$B$17,14,0)+IF('Standard Profiles'!$G$19=$B$24,21,0),0)),0)</f>
        <v>4.4199080032187323</v>
      </c>
      <c r="F1645" cm="1">
        <f t="array" ref="F1645">IFERROR(INDEX(Jesper!AJ$2:AJ$366,ROUNDDOWN($C1645/24,0)+1,1)*INDEX($D$3:$AA$30,INDEX(Jesper!$R$2:$R$366,ROW(INDEX(Jesper!AJ$2:AJ$366,ROUNDDOWN($C1645/24,0)+1,1))-1)+IF('Standard Profiles'!$G$20=$B$10,7,0)+IF('Standard Profiles'!$G$20=$B$17,14,0)+IF('Standard Profiles'!$G$20=$B$24,21,0),MOD($C1645,24)+1)/SUM(INDEX($D$3:$AA$30,INDEX(Jesper!$R$2:$R$366,ROW(INDEX(Jesper!AJ$2:AJ$366,ROUNDDOWN($C1645/24,0)+1,1))-1)+IF('Standard Profiles'!$G$20=$B$10,7,0)+IF('Standard Profiles'!$G$20=$B$17,14,0)+IF('Standard Profiles'!$G$20=$B$24,21,0),0)),0)</f>
        <v>0</v>
      </c>
      <c r="G1645" cm="1">
        <f t="array" ref="G1645">IFERROR(INDEX(Jesper!AK$2:AK$366,ROUNDDOWN($C1645/24,0)+1,1)*INDEX($D$3:$AA$30,INDEX(Jesper!$R$2:$R$366,ROW(INDEX(Jesper!AK$2:AK$366,ROUNDDOWN($C1645/24,0)+1,1))-1)+IF('Standard Profiles'!$G$21=$B$10,7,0)+IF('Standard Profiles'!$G$21=$B$17,14,0)+IF('Standard Profiles'!$G$21=$B$24,21,0),MOD($C1645,24)+1)/SUM(INDEX($D$3:$AA$30,INDEX(Jesper!$R$2:$R$366,ROW(INDEX(Jesper!AK$2:AK$366,ROUNDDOWN($C1645/24,0)+1,1))-1)+IF('Standard Profiles'!$G$21=$B$10,7,0)+IF('Standard Profiles'!$G$21=$B$17,14,0)+IF('Standard Profiles'!$G$21=$B$24,21,0),0)),0)</f>
        <v>1.7733593746933938</v>
      </c>
      <c r="H1645" cm="1">
        <f t="array" ref="H1645">IFERROR(INDEX(Jesper!AL$2:AL$366,ROUNDDOWN($C1645/24,0)+1,1)*INDEX($D$3:$AA$30,INDEX(Jesper!$R$2:$R$366,ROW(INDEX(Jesper!AL$2:AL$366,ROUNDDOWN($C1645/24,0)+1,1))-1)+IF('Standard Profiles'!$G$22=$B$10,7,0)+IF('Standard Profiles'!$G$22=$B$17,14,0)+IF('Standard Profiles'!$G$22=$B$24,21,0),MOD($C1645,24)+1)/SUM(INDEX($D$3:$AA$30,INDEX(Jesper!$R$2:$R$366,ROW(INDEX(Jesper!AL$2:AL$366,ROUNDDOWN($C1645/24,0)+1,1))-1)+IF('Standard Profiles'!$G$22=$B$10,7,0)+IF('Standard Profiles'!$G$22=$B$17,14,0)+IF('Standard Profiles'!$G$22=$B$24,21,0),0)),0)</f>
        <v>0</v>
      </c>
      <c r="I1645">
        <f t="shared" si="195"/>
        <v>0.85121249985282854</v>
      </c>
      <c r="J1645">
        <f t="shared" si="196"/>
        <v>10.182903494129329</v>
      </c>
      <c r="K1645">
        <f t="shared" si="197"/>
        <v>0.61471093537397226</v>
      </c>
      <c r="L1645">
        <f t="shared" si="198"/>
        <v>0.30735546768698613</v>
      </c>
      <c r="M1645">
        <f t="shared" si="199"/>
        <v>0</v>
      </c>
      <c r="N1645" s="45">
        <f t="shared" si="200"/>
        <v>44994.124999996093</v>
      </c>
    </row>
    <row r="1646" spans="2:14" x14ac:dyDescent="0.25">
      <c r="B1646">
        <f t="shared" si="194"/>
        <v>4</v>
      </c>
      <c r="C1646" s="16">
        <v>1612</v>
      </c>
      <c r="D1646" cm="1">
        <f t="array" ref="D1646">IFERROR(INDEX(Jesper!AH$2:AH$366,ROUNDDOWN($C1646/24,0)+1,1)*INDEX($D$3:$AA$30,INDEX(Jesper!$R$2:$R$366,ROW(INDEX(Jesper!AH$2:AH$366,ROUNDDOWN($C1646/24,0)+1,1))-1)+IF('Standard Profiles'!$G$18=$B$10,7,0)+IF('Standard Profiles'!$G$18=$B$17,14,0)+IF('Standard Profiles'!$G$18=$B$24,21,0),MOD($C1646,24)+1)/SUM(INDEX($D$3:$AA$30,INDEX(Jesper!$R$2:$R$366,ROW(INDEX(Jesper!AH$2:AH$366,ROUNDDOWN($C1646/24,0)+1,1))-1)+IF('Standard Profiles'!$G$18=$B$10,7,0)+IF('Standard Profiles'!$G$18=$B$17,14,0)+IF('Standard Profiles'!$G$18=$B$24,21,0),0)),0)</f>
        <v>5.7629150191309897</v>
      </c>
      <c r="E1646" cm="1">
        <f t="array" ref="E1646">IFERROR(INDEX(Jesper!AI$2:AI$366,ROUNDDOWN($C1646/24,0)+1,1)*INDEX($D$3:$AA$30,INDEX(Jesper!$R$2:$R$366,ROW(INDEX(Jesper!AI$2:AI$366,ROUNDDOWN($C1646/24,0)+1,1))-1)+IF('Standard Profiles'!$G$19=$B$10,7,0)+IF('Standard Profiles'!$G$19=$B$17,14,0)+IF('Standard Profiles'!$G$19=$B$24,21,0),MOD($C1646,24)+1)/SUM(INDEX($D$3:$AA$30,INDEX(Jesper!$R$2:$R$366,ROW(INDEX(Jesper!AI$2:AI$366,ROUNDDOWN($C1646/24,0)+1,1))-1)+IF('Standard Profiles'!$G$19=$B$10,7,0)+IF('Standard Profiles'!$G$19=$B$17,14,0)+IF('Standard Profiles'!$G$19=$B$24,21,0),0)),0)</f>
        <v>4.4199080032187323</v>
      </c>
      <c r="F1646" cm="1">
        <f t="array" ref="F1646">IFERROR(INDEX(Jesper!AJ$2:AJ$366,ROUNDDOWN($C1646/24,0)+1,1)*INDEX($D$3:$AA$30,INDEX(Jesper!$R$2:$R$366,ROW(INDEX(Jesper!AJ$2:AJ$366,ROUNDDOWN($C1646/24,0)+1,1))-1)+IF('Standard Profiles'!$G$20=$B$10,7,0)+IF('Standard Profiles'!$G$20=$B$17,14,0)+IF('Standard Profiles'!$G$20=$B$24,21,0),MOD($C1646,24)+1)/SUM(INDEX($D$3:$AA$30,INDEX(Jesper!$R$2:$R$366,ROW(INDEX(Jesper!AJ$2:AJ$366,ROUNDDOWN($C1646/24,0)+1,1))-1)+IF('Standard Profiles'!$G$20=$B$10,7,0)+IF('Standard Profiles'!$G$20=$B$17,14,0)+IF('Standard Profiles'!$G$20=$B$24,21,0),0)),0)</f>
        <v>0</v>
      </c>
      <c r="G1646" cm="1">
        <f t="array" ref="G1646">IFERROR(INDEX(Jesper!AK$2:AK$366,ROUNDDOWN($C1646/24,0)+1,1)*INDEX($D$3:$AA$30,INDEX(Jesper!$R$2:$R$366,ROW(INDEX(Jesper!AK$2:AK$366,ROUNDDOWN($C1646/24,0)+1,1))-1)+IF('Standard Profiles'!$G$21=$B$10,7,0)+IF('Standard Profiles'!$G$21=$B$17,14,0)+IF('Standard Profiles'!$G$21=$B$24,21,0),MOD($C1646,24)+1)/SUM(INDEX($D$3:$AA$30,INDEX(Jesper!$R$2:$R$366,ROW(INDEX(Jesper!AK$2:AK$366,ROUNDDOWN($C1646/24,0)+1,1))-1)+IF('Standard Profiles'!$G$21=$B$10,7,0)+IF('Standard Profiles'!$G$21=$B$17,14,0)+IF('Standard Profiles'!$G$21=$B$24,21,0),0)),0)</f>
        <v>1.7733593746933938</v>
      </c>
      <c r="H1646" cm="1">
        <f t="array" ref="H1646">IFERROR(INDEX(Jesper!AL$2:AL$366,ROUNDDOWN($C1646/24,0)+1,1)*INDEX($D$3:$AA$30,INDEX(Jesper!$R$2:$R$366,ROW(INDEX(Jesper!AL$2:AL$366,ROUNDDOWN($C1646/24,0)+1,1))-1)+IF('Standard Profiles'!$G$22=$B$10,7,0)+IF('Standard Profiles'!$G$22=$B$17,14,0)+IF('Standard Profiles'!$G$22=$B$24,21,0),MOD($C1646,24)+1)/SUM(INDEX($D$3:$AA$30,INDEX(Jesper!$R$2:$R$366,ROW(INDEX(Jesper!AL$2:AL$366,ROUNDDOWN($C1646/24,0)+1,1))-1)+IF('Standard Profiles'!$G$22=$B$10,7,0)+IF('Standard Profiles'!$G$22=$B$17,14,0)+IF('Standard Profiles'!$G$22=$B$24,21,0),0)),0)</f>
        <v>0</v>
      </c>
      <c r="I1646">
        <f t="shared" si="195"/>
        <v>0.85121249985282854</v>
      </c>
      <c r="J1646">
        <f t="shared" si="196"/>
        <v>10.182903494129329</v>
      </c>
      <c r="K1646">
        <f t="shared" si="197"/>
        <v>0.61471093537397226</v>
      </c>
      <c r="L1646">
        <f t="shared" si="198"/>
        <v>0.30735546768698613</v>
      </c>
      <c r="M1646">
        <f t="shared" si="199"/>
        <v>0</v>
      </c>
      <c r="N1646" s="45">
        <f t="shared" si="200"/>
        <v>44994.166666662757</v>
      </c>
    </row>
    <row r="1647" spans="2:14" x14ac:dyDescent="0.25">
      <c r="B1647">
        <f t="shared" si="194"/>
        <v>4</v>
      </c>
      <c r="C1647" s="16">
        <v>1613</v>
      </c>
      <c r="D1647" cm="1">
        <f t="array" ref="D1647">IFERROR(INDEX(Jesper!AH$2:AH$366,ROUNDDOWN($C1647/24,0)+1,1)*INDEX($D$3:$AA$30,INDEX(Jesper!$R$2:$R$366,ROW(INDEX(Jesper!AH$2:AH$366,ROUNDDOWN($C1647/24,0)+1,1))-1)+IF('Standard Profiles'!$G$18=$B$10,7,0)+IF('Standard Profiles'!$G$18=$B$17,14,0)+IF('Standard Profiles'!$G$18=$B$24,21,0),MOD($C1647,24)+1)/SUM(INDEX($D$3:$AA$30,INDEX(Jesper!$R$2:$R$366,ROW(INDEX(Jesper!AH$2:AH$366,ROUNDDOWN($C1647/24,0)+1,1))-1)+IF('Standard Profiles'!$G$18=$B$10,7,0)+IF('Standard Profiles'!$G$18=$B$17,14,0)+IF('Standard Profiles'!$G$18=$B$24,21,0),0)),0)</f>
        <v>5.7629150191309897</v>
      </c>
      <c r="E1647" cm="1">
        <f t="array" ref="E1647">IFERROR(INDEX(Jesper!AI$2:AI$366,ROUNDDOWN($C1647/24,0)+1,1)*INDEX($D$3:$AA$30,INDEX(Jesper!$R$2:$R$366,ROW(INDEX(Jesper!AI$2:AI$366,ROUNDDOWN($C1647/24,0)+1,1))-1)+IF('Standard Profiles'!$G$19=$B$10,7,0)+IF('Standard Profiles'!$G$19=$B$17,14,0)+IF('Standard Profiles'!$G$19=$B$24,21,0),MOD($C1647,24)+1)/SUM(INDEX($D$3:$AA$30,INDEX(Jesper!$R$2:$R$366,ROW(INDEX(Jesper!AI$2:AI$366,ROUNDDOWN($C1647/24,0)+1,1))-1)+IF('Standard Profiles'!$G$19=$B$10,7,0)+IF('Standard Profiles'!$G$19=$B$17,14,0)+IF('Standard Profiles'!$G$19=$B$24,21,0),0)),0)</f>
        <v>4.4199080032187323</v>
      </c>
      <c r="F1647" cm="1">
        <f t="array" ref="F1647">IFERROR(INDEX(Jesper!AJ$2:AJ$366,ROUNDDOWN($C1647/24,0)+1,1)*INDEX($D$3:$AA$30,INDEX(Jesper!$R$2:$R$366,ROW(INDEX(Jesper!AJ$2:AJ$366,ROUNDDOWN($C1647/24,0)+1,1))-1)+IF('Standard Profiles'!$G$20=$B$10,7,0)+IF('Standard Profiles'!$G$20=$B$17,14,0)+IF('Standard Profiles'!$G$20=$B$24,21,0),MOD($C1647,24)+1)/SUM(INDEX($D$3:$AA$30,INDEX(Jesper!$R$2:$R$366,ROW(INDEX(Jesper!AJ$2:AJ$366,ROUNDDOWN($C1647/24,0)+1,1))-1)+IF('Standard Profiles'!$G$20=$B$10,7,0)+IF('Standard Profiles'!$G$20=$B$17,14,0)+IF('Standard Profiles'!$G$20=$B$24,21,0),0)),0)</f>
        <v>0</v>
      </c>
      <c r="G1647" cm="1">
        <f t="array" ref="G1647">IFERROR(INDEX(Jesper!AK$2:AK$366,ROUNDDOWN($C1647/24,0)+1,1)*INDEX($D$3:$AA$30,INDEX(Jesper!$R$2:$R$366,ROW(INDEX(Jesper!AK$2:AK$366,ROUNDDOWN($C1647/24,0)+1,1))-1)+IF('Standard Profiles'!$G$21=$B$10,7,0)+IF('Standard Profiles'!$G$21=$B$17,14,0)+IF('Standard Profiles'!$G$21=$B$24,21,0),MOD($C1647,24)+1)/SUM(INDEX($D$3:$AA$30,INDEX(Jesper!$R$2:$R$366,ROW(INDEX(Jesper!AK$2:AK$366,ROUNDDOWN($C1647/24,0)+1,1))-1)+IF('Standard Profiles'!$G$21=$B$10,7,0)+IF('Standard Profiles'!$G$21=$B$17,14,0)+IF('Standard Profiles'!$G$21=$B$24,21,0),0)),0)</f>
        <v>1.7733593746933938</v>
      </c>
      <c r="H1647" cm="1">
        <f t="array" ref="H1647">IFERROR(INDEX(Jesper!AL$2:AL$366,ROUNDDOWN($C1647/24,0)+1,1)*INDEX($D$3:$AA$30,INDEX(Jesper!$R$2:$R$366,ROW(INDEX(Jesper!AL$2:AL$366,ROUNDDOWN($C1647/24,0)+1,1))-1)+IF('Standard Profiles'!$G$22=$B$10,7,0)+IF('Standard Profiles'!$G$22=$B$17,14,0)+IF('Standard Profiles'!$G$22=$B$24,21,0),MOD($C1647,24)+1)/SUM(INDEX($D$3:$AA$30,INDEX(Jesper!$R$2:$R$366,ROW(INDEX(Jesper!AL$2:AL$366,ROUNDDOWN($C1647/24,0)+1,1))-1)+IF('Standard Profiles'!$G$22=$B$10,7,0)+IF('Standard Profiles'!$G$22=$B$17,14,0)+IF('Standard Profiles'!$G$22=$B$24,21,0),0)),0)</f>
        <v>0</v>
      </c>
      <c r="I1647">
        <f t="shared" si="195"/>
        <v>0.85121249985282854</v>
      </c>
      <c r="J1647">
        <f t="shared" si="196"/>
        <v>10.182903494129329</v>
      </c>
      <c r="K1647">
        <f t="shared" si="197"/>
        <v>0.61471093537397226</v>
      </c>
      <c r="L1647">
        <f t="shared" si="198"/>
        <v>0.30735546768698613</v>
      </c>
      <c r="M1647">
        <f t="shared" si="199"/>
        <v>0</v>
      </c>
      <c r="N1647" s="45">
        <f t="shared" si="200"/>
        <v>44994.208333329421</v>
      </c>
    </row>
    <row r="1648" spans="2:14" x14ac:dyDescent="0.25">
      <c r="B1648">
        <f t="shared" si="194"/>
        <v>4</v>
      </c>
      <c r="C1648" s="16">
        <v>1614</v>
      </c>
      <c r="D1648" cm="1">
        <f t="array" ref="D1648">IFERROR(INDEX(Jesper!AH$2:AH$366,ROUNDDOWN($C1648/24,0)+1,1)*INDEX($D$3:$AA$30,INDEX(Jesper!$R$2:$R$366,ROW(INDEX(Jesper!AH$2:AH$366,ROUNDDOWN($C1648/24,0)+1,1))-1)+IF('Standard Profiles'!$G$18=$B$10,7,0)+IF('Standard Profiles'!$G$18=$B$17,14,0)+IF('Standard Profiles'!$G$18=$B$24,21,0),MOD($C1648,24)+1)/SUM(INDEX($D$3:$AA$30,INDEX(Jesper!$R$2:$R$366,ROW(INDEX(Jesper!AH$2:AH$366,ROUNDDOWN($C1648/24,0)+1,1))-1)+IF('Standard Profiles'!$G$18=$B$10,7,0)+IF('Standard Profiles'!$G$18=$B$17,14,0)+IF('Standard Profiles'!$G$18=$B$24,21,0),0)),0)</f>
        <v>5.7629150191309897</v>
      </c>
      <c r="E1648" cm="1">
        <f t="array" ref="E1648">IFERROR(INDEX(Jesper!AI$2:AI$366,ROUNDDOWN($C1648/24,0)+1,1)*INDEX($D$3:$AA$30,INDEX(Jesper!$R$2:$R$366,ROW(INDEX(Jesper!AI$2:AI$366,ROUNDDOWN($C1648/24,0)+1,1))-1)+IF('Standard Profiles'!$G$19=$B$10,7,0)+IF('Standard Profiles'!$G$19=$B$17,14,0)+IF('Standard Profiles'!$G$19=$B$24,21,0),MOD($C1648,24)+1)/SUM(INDEX($D$3:$AA$30,INDEX(Jesper!$R$2:$R$366,ROW(INDEX(Jesper!AI$2:AI$366,ROUNDDOWN($C1648/24,0)+1,1))-1)+IF('Standard Profiles'!$G$19=$B$10,7,0)+IF('Standard Profiles'!$G$19=$B$17,14,0)+IF('Standard Profiles'!$G$19=$B$24,21,0),0)),0)</f>
        <v>4.4199080032187323</v>
      </c>
      <c r="F1648" cm="1">
        <f t="array" ref="F1648">IFERROR(INDEX(Jesper!AJ$2:AJ$366,ROUNDDOWN($C1648/24,0)+1,1)*INDEX($D$3:$AA$30,INDEX(Jesper!$R$2:$R$366,ROW(INDEX(Jesper!AJ$2:AJ$366,ROUNDDOWN($C1648/24,0)+1,1))-1)+IF('Standard Profiles'!$G$20=$B$10,7,0)+IF('Standard Profiles'!$G$20=$B$17,14,0)+IF('Standard Profiles'!$G$20=$B$24,21,0),MOD($C1648,24)+1)/SUM(INDEX($D$3:$AA$30,INDEX(Jesper!$R$2:$R$366,ROW(INDEX(Jesper!AJ$2:AJ$366,ROUNDDOWN($C1648/24,0)+1,1))-1)+IF('Standard Profiles'!$G$20=$B$10,7,0)+IF('Standard Profiles'!$G$20=$B$17,14,0)+IF('Standard Profiles'!$G$20=$B$24,21,0),0)),0)</f>
        <v>0</v>
      </c>
      <c r="G1648" cm="1">
        <f t="array" ref="G1648">IFERROR(INDEX(Jesper!AK$2:AK$366,ROUNDDOWN($C1648/24,0)+1,1)*INDEX($D$3:$AA$30,INDEX(Jesper!$R$2:$R$366,ROW(INDEX(Jesper!AK$2:AK$366,ROUNDDOWN($C1648/24,0)+1,1))-1)+IF('Standard Profiles'!$G$21=$B$10,7,0)+IF('Standard Profiles'!$G$21=$B$17,14,0)+IF('Standard Profiles'!$G$21=$B$24,21,0),MOD($C1648,24)+1)/SUM(INDEX($D$3:$AA$30,INDEX(Jesper!$R$2:$R$366,ROW(INDEX(Jesper!AK$2:AK$366,ROUNDDOWN($C1648/24,0)+1,1))-1)+IF('Standard Profiles'!$G$21=$B$10,7,0)+IF('Standard Profiles'!$G$21=$B$17,14,0)+IF('Standard Profiles'!$G$21=$B$24,21,0),0)),0)</f>
        <v>1.7733593746933938</v>
      </c>
      <c r="H1648" cm="1">
        <f t="array" ref="H1648">IFERROR(INDEX(Jesper!AL$2:AL$366,ROUNDDOWN($C1648/24,0)+1,1)*INDEX($D$3:$AA$30,INDEX(Jesper!$R$2:$R$366,ROW(INDEX(Jesper!AL$2:AL$366,ROUNDDOWN($C1648/24,0)+1,1))-1)+IF('Standard Profiles'!$G$22=$B$10,7,0)+IF('Standard Profiles'!$G$22=$B$17,14,0)+IF('Standard Profiles'!$G$22=$B$24,21,0),MOD($C1648,24)+1)/SUM(INDEX($D$3:$AA$30,INDEX(Jesper!$R$2:$R$366,ROW(INDEX(Jesper!AL$2:AL$366,ROUNDDOWN($C1648/24,0)+1,1))-1)+IF('Standard Profiles'!$G$22=$B$10,7,0)+IF('Standard Profiles'!$G$22=$B$17,14,0)+IF('Standard Profiles'!$G$22=$B$24,21,0),0)),0)</f>
        <v>0</v>
      </c>
      <c r="I1648">
        <f t="shared" si="195"/>
        <v>0.85121249985282854</v>
      </c>
      <c r="J1648">
        <f t="shared" si="196"/>
        <v>10.182903494129329</v>
      </c>
      <c r="K1648">
        <f t="shared" si="197"/>
        <v>0.61471093537397226</v>
      </c>
      <c r="L1648">
        <f t="shared" si="198"/>
        <v>0.30735546768698613</v>
      </c>
      <c r="M1648">
        <f t="shared" si="199"/>
        <v>0</v>
      </c>
      <c r="N1648" s="45">
        <f t="shared" si="200"/>
        <v>44994.249999996086</v>
      </c>
    </row>
    <row r="1649" spans="2:14" x14ac:dyDescent="0.25">
      <c r="B1649">
        <f t="shared" si="194"/>
        <v>4</v>
      </c>
      <c r="C1649" s="16">
        <v>1615</v>
      </c>
      <c r="D1649" cm="1">
        <f t="array" ref="D1649">IFERROR(INDEX(Jesper!AH$2:AH$366,ROUNDDOWN($C1649/24,0)+1,1)*INDEX($D$3:$AA$30,INDEX(Jesper!$R$2:$R$366,ROW(INDEX(Jesper!AH$2:AH$366,ROUNDDOWN($C1649/24,0)+1,1))-1)+IF('Standard Profiles'!$G$18=$B$10,7,0)+IF('Standard Profiles'!$G$18=$B$17,14,0)+IF('Standard Profiles'!$G$18=$B$24,21,0),MOD($C1649,24)+1)/SUM(INDEX($D$3:$AA$30,INDEX(Jesper!$R$2:$R$366,ROW(INDEX(Jesper!AH$2:AH$366,ROUNDDOWN($C1649/24,0)+1,1))-1)+IF('Standard Profiles'!$G$18=$B$10,7,0)+IF('Standard Profiles'!$G$18=$B$17,14,0)+IF('Standard Profiles'!$G$18=$B$24,21,0),0)),0)</f>
        <v>23.558098063053652</v>
      </c>
      <c r="E1649" cm="1">
        <f t="array" ref="E1649">IFERROR(INDEX(Jesper!AI$2:AI$366,ROUNDDOWN($C1649/24,0)+1,1)*INDEX($D$3:$AA$30,INDEX(Jesper!$R$2:$R$366,ROW(INDEX(Jesper!AI$2:AI$366,ROUNDDOWN($C1649/24,0)+1,1))-1)+IF('Standard Profiles'!$G$19=$B$10,7,0)+IF('Standard Profiles'!$G$19=$B$17,14,0)+IF('Standard Profiles'!$G$19=$B$24,21,0),MOD($C1649,24)+1)/SUM(INDEX($D$3:$AA$30,INDEX(Jesper!$R$2:$R$366,ROW(INDEX(Jesper!AI$2:AI$366,ROUNDDOWN($C1649/24,0)+1,1))-1)+IF('Standard Profiles'!$G$19=$B$10,7,0)+IF('Standard Profiles'!$G$19=$B$17,14,0)+IF('Standard Profiles'!$G$19=$B$24,21,0),0)),0)</f>
        <v>18.06804817073354</v>
      </c>
      <c r="F1649" cm="1">
        <f t="array" ref="F1649">IFERROR(INDEX(Jesper!AJ$2:AJ$366,ROUNDDOWN($C1649/24,0)+1,1)*INDEX($D$3:$AA$30,INDEX(Jesper!$R$2:$R$366,ROW(INDEX(Jesper!AJ$2:AJ$366,ROUNDDOWN($C1649/24,0)+1,1))-1)+IF('Standard Profiles'!$G$20=$B$10,7,0)+IF('Standard Profiles'!$G$20=$B$17,14,0)+IF('Standard Profiles'!$G$20=$B$24,21,0),MOD($C1649,24)+1)/SUM(INDEX($D$3:$AA$30,INDEX(Jesper!$R$2:$R$366,ROW(INDEX(Jesper!AJ$2:AJ$366,ROUNDDOWN($C1649/24,0)+1,1))-1)+IF('Standard Profiles'!$G$20=$B$10,7,0)+IF('Standard Profiles'!$G$20=$B$17,14,0)+IF('Standard Profiles'!$G$20=$B$24,21,0),0)),0)</f>
        <v>0</v>
      </c>
      <c r="G1649" cm="1">
        <f t="array" ref="G1649">IFERROR(INDEX(Jesper!AK$2:AK$366,ROUNDDOWN($C1649/24,0)+1,1)*INDEX($D$3:$AA$30,INDEX(Jesper!$R$2:$R$366,ROW(INDEX(Jesper!AK$2:AK$366,ROUNDDOWN($C1649/24,0)+1,1))-1)+IF('Standard Profiles'!$G$21=$B$10,7,0)+IF('Standard Profiles'!$G$21=$B$17,14,0)+IF('Standard Profiles'!$G$21=$B$24,21,0),MOD($C1649,24)+1)/SUM(INDEX($D$3:$AA$30,INDEX(Jesper!$R$2:$R$366,ROW(INDEX(Jesper!AK$2:AK$366,ROUNDDOWN($C1649/24,0)+1,1))-1)+IF('Standard Profiles'!$G$21=$B$10,7,0)+IF('Standard Profiles'!$G$21=$B$17,14,0)+IF('Standard Profiles'!$G$21=$B$24,21,0),0)),0)</f>
        <v>4.8856050772802995</v>
      </c>
      <c r="H1649" cm="1">
        <f t="array" ref="H1649">IFERROR(INDEX(Jesper!AL$2:AL$366,ROUNDDOWN($C1649/24,0)+1,1)*INDEX($D$3:$AA$30,INDEX(Jesper!$R$2:$R$366,ROW(INDEX(Jesper!AL$2:AL$366,ROUNDDOWN($C1649/24,0)+1,1))-1)+IF('Standard Profiles'!$G$22=$B$10,7,0)+IF('Standard Profiles'!$G$22=$B$17,14,0)+IF('Standard Profiles'!$G$22=$B$24,21,0),MOD($C1649,24)+1)/SUM(INDEX($D$3:$AA$30,INDEX(Jesper!$R$2:$R$366,ROW(INDEX(Jesper!AL$2:AL$366,ROUNDDOWN($C1649/24,0)+1,1))-1)+IF('Standard Profiles'!$G$22=$B$10,7,0)+IF('Standard Profiles'!$G$22=$B$17,14,0)+IF('Standard Profiles'!$G$22=$B$24,21,0),0)),0)</f>
        <v>0</v>
      </c>
      <c r="I1649">
        <f t="shared" si="195"/>
        <v>2.3450904370945427</v>
      </c>
      <c r="J1649">
        <f t="shared" si="196"/>
        <v>40.397365183884361</v>
      </c>
      <c r="K1649">
        <f t="shared" si="197"/>
        <v>2.5128637933923899</v>
      </c>
      <c r="L1649">
        <f t="shared" si="198"/>
        <v>1.2564318966961949</v>
      </c>
      <c r="M1649">
        <f t="shared" si="199"/>
        <v>0</v>
      </c>
      <c r="N1649" s="45">
        <f t="shared" si="200"/>
        <v>44994.29166666275</v>
      </c>
    </row>
    <row r="1650" spans="2:14" x14ac:dyDescent="0.25">
      <c r="B1650">
        <f t="shared" si="194"/>
        <v>4</v>
      </c>
      <c r="C1650" s="16">
        <v>1616</v>
      </c>
      <c r="D1650" cm="1">
        <f t="array" ref="D1650">IFERROR(INDEX(Jesper!AH$2:AH$366,ROUNDDOWN($C1650/24,0)+1,1)*INDEX($D$3:$AA$30,INDEX(Jesper!$R$2:$R$366,ROW(INDEX(Jesper!AH$2:AH$366,ROUNDDOWN($C1650/24,0)+1,1))-1)+IF('Standard Profiles'!$G$18=$B$10,7,0)+IF('Standard Profiles'!$G$18=$B$17,14,0)+IF('Standard Profiles'!$G$18=$B$24,21,0),MOD($C1650,24)+1)/SUM(INDEX($D$3:$AA$30,INDEX(Jesper!$R$2:$R$366,ROW(INDEX(Jesper!AH$2:AH$366,ROUNDDOWN($C1650/24,0)+1,1))-1)+IF('Standard Profiles'!$G$18=$B$10,7,0)+IF('Standard Profiles'!$G$18=$B$17,14,0)+IF('Standard Profiles'!$G$18=$B$24,21,0),0)),0)</f>
        <v>26.285877838775654</v>
      </c>
      <c r="E1650" cm="1">
        <f t="array" ref="E1650">IFERROR(INDEX(Jesper!AI$2:AI$366,ROUNDDOWN($C1650/24,0)+1,1)*INDEX($D$3:$AA$30,INDEX(Jesper!$R$2:$R$366,ROW(INDEX(Jesper!AI$2:AI$366,ROUNDDOWN($C1650/24,0)+1,1))-1)+IF('Standard Profiles'!$G$19=$B$10,7,0)+IF('Standard Profiles'!$G$19=$B$17,14,0)+IF('Standard Profiles'!$G$19=$B$24,21,0),MOD($C1650,24)+1)/SUM(INDEX($D$3:$AA$30,INDEX(Jesper!$R$2:$R$366,ROW(INDEX(Jesper!AI$2:AI$366,ROUNDDOWN($C1650/24,0)+1,1))-1)+IF('Standard Profiles'!$G$19=$B$10,7,0)+IF('Standard Profiles'!$G$19=$B$17,14,0)+IF('Standard Profiles'!$G$19=$B$24,21,0),0)),0)</f>
        <v>20.160137958923745</v>
      </c>
      <c r="F1650" cm="1">
        <f t="array" ref="F1650">IFERROR(INDEX(Jesper!AJ$2:AJ$366,ROUNDDOWN($C1650/24,0)+1,1)*INDEX($D$3:$AA$30,INDEX(Jesper!$R$2:$R$366,ROW(INDEX(Jesper!AJ$2:AJ$366,ROUNDDOWN($C1650/24,0)+1,1))-1)+IF('Standard Profiles'!$G$20=$B$10,7,0)+IF('Standard Profiles'!$G$20=$B$17,14,0)+IF('Standard Profiles'!$G$20=$B$24,21,0),MOD($C1650,24)+1)/SUM(INDEX($D$3:$AA$30,INDEX(Jesper!$R$2:$R$366,ROW(INDEX(Jesper!AJ$2:AJ$366,ROUNDDOWN($C1650/24,0)+1,1))-1)+IF('Standard Profiles'!$G$20=$B$10,7,0)+IF('Standard Profiles'!$G$20=$B$17,14,0)+IF('Standard Profiles'!$G$20=$B$24,21,0),0)),0)</f>
        <v>0</v>
      </c>
      <c r="G1650" cm="1">
        <f t="array" ref="G1650">IFERROR(INDEX(Jesper!AK$2:AK$366,ROUNDDOWN($C1650/24,0)+1,1)*INDEX($D$3:$AA$30,INDEX(Jesper!$R$2:$R$366,ROW(INDEX(Jesper!AK$2:AK$366,ROUNDDOWN($C1650/24,0)+1,1))-1)+IF('Standard Profiles'!$G$21=$B$10,7,0)+IF('Standard Profiles'!$G$21=$B$17,14,0)+IF('Standard Profiles'!$G$21=$B$24,21,0),MOD($C1650,24)+1)/SUM(INDEX($D$3:$AA$30,INDEX(Jesper!$R$2:$R$366,ROW(INDEX(Jesper!AK$2:AK$366,ROUNDDOWN($C1650/24,0)+1,1))-1)+IF('Standard Profiles'!$G$21=$B$10,7,0)+IF('Standard Profiles'!$G$21=$B$17,14,0)+IF('Standard Profiles'!$G$21=$B$24,21,0),0)),0)</f>
        <v>5.4513067178074923</v>
      </c>
      <c r="H1650" cm="1">
        <f t="array" ref="H1650">IFERROR(INDEX(Jesper!AL$2:AL$366,ROUNDDOWN($C1650/24,0)+1,1)*INDEX($D$3:$AA$30,INDEX(Jesper!$R$2:$R$366,ROW(INDEX(Jesper!AL$2:AL$366,ROUNDDOWN($C1650/24,0)+1,1))-1)+IF('Standard Profiles'!$G$22=$B$10,7,0)+IF('Standard Profiles'!$G$22=$B$17,14,0)+IF('Standard Profiles'!$G$22=$B$24,21,0),MOD($C1650,24)+1)/SUM(INDEX($D$3:$AA$30,INDEX(Jesper!$R$2:$R$366,ROW(INDEX(Jesper!AL$2:AL$366,ROUNDDOWN($C1650/24,0)+1,1))-1)+IF('Standard Profiles'!$G$22=$B$10,7,0)+IF('Standard Profiles'!$G$22=$B$17,14,0)+IF('Standard Profiles'!$G$22=$B$24,21,0),0)),0)</f>
        <v>0</v>
      </c>
      <c r="I1650">
        <f t="shared" si="195"/>
        <v>2.616627224547595</v>
      </c>
      <c r="J1650">
        <f t="shared" si="196"/>
        <v>45.074954836755197</v>
      </c>
      <c r="K1650">
        <f t="shared" si="197"/>
        <v>2.8038269694694034</v>
      </c>
      <c r="L1650">
        <f t="shared" si="198"/>
        <v>1.4019134847347017</v>
      </c>
      <c r="M1650">
        <f t="shared" si="199"/>
        <v>0</v>
      </c>
      <c r="N1650" s="45">
        <f t="shared" si="200"/>
        <v>44994.333333329414</v>
      </c>
    </row>
    <row r="1651" spans="2:14" x14ac:dyDescent="0.25">
      <c r="B1651">
        <f t="shared" si="194"/>
        <v>4</v>
      </c>
      <c r="C1651" s="16">
        <v>1617</v>
      </c>
      <c r="D1651" cm="1">
        <f t="array" ref="D1651">IFERROR(INDEX(Jesper!AH$2:AH$366,ROUNDDOWN($C1651/24,0)+1,1)*INDEX($D$3:$AA$30,INDEX(Jesper!$R$2:$R$366,ROW(INDEX(Jesper!AH$2:AH$366,ROUNDDOWN($C1651/24,0)+1,1))-1)+IF('Standard Profiles'!$G$18=$B$10,7,0)+IF('Standard Profiles'!$G$18=$B$17,14,0)+IF('Standard Profiles'!$G$18=$B$24,21,0),MOD($C1651,24)+1)/SUM(INDEX($D$3:$AA$30,INDEX(Jesper!$R$2:$R$366,ROW(INDEX(Jesper!AH$2:AH$366,ROUNDDOWN($C1651/24,0)+1,1))-1)+IF('Standard Profiles'!$G$18=$B$10,7,0)+IF('Standard Profiles'!$G$18=$B$17,14,0)+IF('Standard Profiles'!$G$18=$B$24,21,0),0)),0)</f>
        <v>29.01365761449766</v>
      </c>
      <c r="E1651" cm="1">
        <f t="array" ref="E1651">IFERROR(INDEX(Jesper!AI$2:AI$366,ROUNDDOWN($C1651/24,0)+1,1)*INDEX($D$3:$AA$30,INDEX(Jesper!$R$2:$R$366,ROW(INDEX(Jesper!AI$2:AI$366,ROUNDDOWN($C1651/24,0)+1,1))-1)+IF('Standard Profiles'!$G$19=$B$10,7,0)+IF('Standard Profiles'!$G$19=$B$17,14,0)+IF('Standard Profiles'!$G$19=$B$24,21,0),MOD($C1651,24)+1)/SUM(INDEX($D$3:$AA$30,INDEX(Jesper!$R$2:$R$366,ROW(INDEX(Jesper!AI$2:AI$366,ROUNDDOWN($C1651/24,0)+1,1))-1)+IF('Standard Profiles'!$G$19=$B$10,7,0)+IF('Standard Profiles'!$G$19=$B$17,14,0)+IF('Standard Profiles'!$G$19=$B$24,21,0),0)),0)</f>
        <v>22.252227747113945</v>
      </c>
      <c r="F1651" cm="1">
        <f t="array" ref="F1651">IFERROR(INDEX(Jesper!AJ$2:AJ$366,ROUNDDOWN($C1651/24,0)+1,1)*INDEX($D$3:$AA$30,INDEX(Jesper!$R$2:$R$366,ROW(INDEX(Jesper!AJ$2:AJ$366,ROUNDDOWN($C1651/24,0)+1,1))-1)+IF('Standard Profiles'!$G$20=$B$10,7,0)+IF('Standard Profiles'!$G$20=$B$17,14,0)+IF('Standard Profiles'!$G$20=$B$24,21,0),MOD($C1651,24)+1)/SUM(INDEX($D$3:$AA$30,INDEX(Jesper!$R$2:$R$366,ROW(INDEX(Jesper!AJ$2:AJ$366,ROUNDDOWN($C1651/24,0)+1,1))-1)+IF('Standard Profiles'!$G$20=$B$10,7,0)+IF('Standard Profiles'!$G$20=$B$17,14,0)+IF('Standard Profiles'!$G$20=$B$24,21,0),0)),0)</f>
        <v>0</v>
      </c>
      <c r="G1651" cm="1">
        <f t="array" ref="G1651">IFERROR(INDEX(Jesper!AK$2:AK$366,ROUNDDOWN($C1651/24,0)+1,1)*INDEX($D$3:$AA$30,INDEX(Jesper!$R$2:$R$366,ROW(INDEX(Jesper!AK$2:AK$366,ROUNDDOWN($C1651/24,0)+1,1))-1)+IF('Standard Profiles'!$G$21=$B$10,7,0)+IF('Standard Profiles'!$G$21=$B$17,14,0)+IF('Standard Profiles'!$G$21=$B$24,21,0),MOD($C1651,24)+1)/SUM(INDEX($D$3:$AA$30,INDEX(Jesper!$R$2:$R$366,ROW(INDEX(Jesper!AK$2:AK$366,ROUNDDOWN($C1651/24,0)+1,1))-1)+IF('Standard Profiles'!$G$21=$B$10,7,0)+IF('Standard Profiles'!$G$21=$B$17,14,0)+IF('Standard Profiles'!$G$21=$B$24,21,0),0)),0)</f>
        <v>6.0170083583346843</v>
      </c>
      <c r="H1651" cm="1">
        <f t="array" ref="H1651">IFERROR(INDEX(Jesper!AL$2:AL$366,ROUNDDOWN($C1651/24,0)+1,1)*INDEX($D$3:$AA$30,INDEX(Jesper!$R$2:$R$366,ROW(INDEX(Jesper!AL$2:AL$366,ROUNDDOWN($C1651/24,0)+1,1))-1)+IF('Standard Profiles'!$G$22=$B$10,7,0)+IF('Standard Profiles'!$G$22=$B$17,14,0)+IF('Standard Profiles'!$G$22=$B$24,21,0),MOD($C1651,24)+1)/SUM(INDEX($D$3:$AA$30,INDEX(Jesper!$R$2:$R$366,ROW(INDEX(Jesper!AL$2:AL$366,ROUNDDOWN($C1651/24,0)+1,1))-1)+IF('Standard Profiles'!$G$22=$B$10,7,0)+IF('Standard Profiles'!$G$22=$B$17,14,0)+IF('Standard Profiles'!$G$22=$B$24,21,0),0)),0)</f>
        <v>0</v>
      </c>
      <c r="I1651">
        <f t="shared" si="195"/>
        <v>2.8881640120006469</v>
      </c>
      <c r="J1651">
        <f t="shared" si="196"/>
        <v>49.752544489626018</v>
      </c>
      <c r="K1651">
        <f t="shared" si="197"/>
        <v>3.0947901455464173</v>
      </c>
      <c r="L1651">
        <f t="shared" si="198"/>
        <v>1.5473950727732086</v>
      </c>
      <c r="M1651">
        <f t="shared" si="199"/>
        <v>0</v>
      </c>
      <c r="N1651" s="45">
        <f t="shared" si="200"/>
        <v>44994.374999996078</v>
      </c>
    </row>
    <row r="1652" spans="2:14" x14ac:dyDescent="0.25">
      <c r="B1652">
        <f t="shared" si="194"/>
        <v>4</v>
      </c>
      <c r="C1652" s="16">
        <v>1618</v>
      </c>
      <c r="D1652" cm="1">
        <f t="array" ref="D1652">IFERROR(INDEX(Jesper!AH$2:AH$366,ROUNDDOWN($C1652/24,0)+1,1)*INDEX($D$3:$AA$30,INDEX(Jesper!$R$2:$R$366,ROW(INDEX(Jesper!AH$2:AH$366,ROUNDDOWN($C1652/24,0)+1,1))-1)+IF('Standard Profiles'!$G$18=$B$10,7,0)+IF('Standard Profiles'!$G$18=$B$17,14,0)+IF('Standard Profiles'!$G$18=$B$24,21,0),MOD($C1652,24)+1)/SUM(INDEX($D$3:$AA$30,INDEX(Jesper!$R$2:$R$366,ROW(INDEX(Jesper!AH$2:AH$366,ROUNDDOWN($C1652/24,0)+1,1))-1)+IF('Standard Profiles'!$G$18=$B$10,7,0)+IF('Standard Profiles'!$G$18=$B$17,14,0)+IF('Standard Profiles'!$G$18=$B$24,21,0),0)),0)</f>
        <v>29.01365761449766</v>
      </c>
      <c r="E1652" cm="1">
        <f t="array" ref="E1652">IFERROR(INDEX(Jesper!AI$2:AI$366,ROUNDDOWN($C1652/24,0)+1,1)*INDEX($D$3:$AA$30,INDEX(Jesper!$R$2:$R$366,ROW(INDEX(Jesper!AI$2:AI$366,ROUNDDOWN($C1652/24,0)+1,1))-1)+IF('Standard Profiles'!$G$19=$B$10,7,0)+IF('Standard Profiles'!$G$19=$B$17,14,0)+IF('Standard Profiles'!$G$19=$B$24,21,0),MOD($C1652,24)+1)/SUM(INDEX($D$3:$AA$30,INDEX(Jesper!$R$2:$R$366,ROW(INDEX(Jesper!AI$2:AI$366,ROUNDDOWN($C1652/24,0)+1,1))-1)+IF('Standard Profiles'!$G$19=$B$10,7,0)+IF('Standard Profiles'!$G$19=$B$17,14,0)+IF('Standard Profiles'!$G$19=$B$24,21,0),0)),0)</f>
        <v>22.252227747113945</v>
      </c>
      <c r="F1652" cm="1">
        <f t="array" ref="F1652">IFERROR(INDEX(Jesper!AJ$2:AJ$366,ROUNDDOWN($C1652/24,0)+1,1)*INDEX($D$3:$AA$30,INDEX(Jesper!$R$2:$R$366,ROW(INDEX(Jesper!AJ$2:AJ$366,ROUNDDOWN($C1652/24,0)+1,1))-1)+IF('Standard Profiles'!$G$20=$B$10,7,0)+IF('Standard Profiles'!$G$20=$B$17,14,0)+IF('Standard Profiles'!$G$20=$B$24,21,0),MOD($C1652,24)+1)/SUM(INDEX($D$3:$AA$30,INDEX(Jesper!$R$2:$R$366,ROW(INDEX(Jesper!AJ$2:AJ$366,ROUNDDOWN($C1652/24,0)+1,1))-1)+IF('Standard Profiles'!$G$20=$B$10,7,0)+IF('Standard Profiles'!$G$20=$B$17,14,0)+IF('Standard Profiles'!$G$20=$B$24,21,0),0)),0)</f>
        <v>0</v>
      </c>
      <c r="G1652" cm="1">
        <f t="array" ref="G1652">IFERROR(INDEX(Jesper!AK$2:AK$366,ROUNDDOWN($C1652/24,0)+1,1)*INDEX($D$3:$AA$30,INDEX(Jesper!$R$2:$R$366,ROW(INDEX(Jesper!AK$2:AK$366,ROUNDDOWN($C1652/24,0)+1,1))-1)+IF('Standard Profiles'!$G$21=$B$10,7,0)+IF('Standard Profiles'!$G$21=$B$17,14,0)+IF('Standard Profiles'!$G$21=$B$24,21,0),MOD($C1652,24)+1)/SUM(INDEX($D$3:$AA$30,INDEX(Jesper!$R$2:$R$366,ROW(INDEX(Jesper!AK$2:AK$366,ROUNDDOWN($C1652/24,0)+1,1))-1)+IF('Standard Profiles'!$G$21=$B$10,7,0)+IF('Standard Profiles'!$G$21=$B$17,14,0)+IF('Standard Profiles'!$G$21=$B$24,21,0),0)),0)</f>
        <v>6.0170083583346843</v>
      </c>
      <c r="H1652" cm="1">
        <f t="array" ref="H1652">IFERROR(INDEX(Jesper!AL$2:AL$366,ROUNDDOWN($C1652/24,0)+1,1)*INDEX($D$3:$AA$30,INDEX(Jesper!$R$2:$R$366,ROW(INDEX(Jesper!AL$2:AL$366,ROUNDDOWN($C1652/24,0)+1,1))-1)+IF('Standard Profiles'!$G$22=$B$10,7,0)+IF('Standard Profiles'!$G$22=$B$17,14,0)+IF('Standard Profiles'!$G$22=$B$24,21,0),MOD($C1652,24)+1)/SUM(INDEX($D$3:$AA$30,INDEX(Jesper!$R$2:$R$366,ROW(INDEX(Jesper!AL$2:AL$366,ROUNDDOWN($C1652/24,0)+1,1))-1)+IF('Standard Profiles'!$G$22=$B$10,7,0)+IF('Standard Profiles'!$G$22=$B$17,14,0)+IF('Standard Profiles'!$G$22=$B$24,21,0),0)),0)</f>
        <v>0</v>
      </c>
      <c r="I1652">
        <f t="shared" si="195"/>
        <v>2.8881640120006469</v>
      </c>
      <c r="J1652">
        <f t="shared" si="196"/>
        <v>49.752544489626018</v>
      </c>
      <c r="K1652">
        <f t="shared" si="197"/>
        <v>3.0947901455464173</v>
      </c>
      <c r="L1652">
        <f t="shared" si="198"/>
        <v>1.5473950727732086</v>
      </c>
      <c r="M1652">
        <f t="shared" si="199"/>
        <v>0</v>
      </c>
      <c r="N1652" s="45">
        <f t="shared" si="200"/>
        <v>44994.416666662743</v>
      </c>
    </row>
    <row r="1653" spans="2:14" x14ac:dyDescent="0.25">
      <c r="B1653">
        <f t="shared" si="194"/>
        <v>4</v>
      </c>
      <c r="C1653" s="16">
        <v>1619</v>
      </c>
      <c r="D1653" cm="1">
        <f t="array" ref="D1653">IFERROR(INDEX(Jesper!AH$2:AH$366,ROUNDDOWN($C1653/24,0)+1,1)*INDEX($D$3:$AA$30,INDEX(Jesper!$R$2:$R$366,ROW(INDEX(Jesper!AH$2:AH$366,ROUNDDOWN($C1653/24,0)+1,1))-1)+IF('Standard Profiles'!$G$18=$B$10,7,0)+IF('Standard Profiles'!$G$18=$B$17,14,0)+IF('Standard Profiles'!$G$18=$B$24,21,0),MOD($C1653,24)+1)/SUM(INDEX($D$3:$AA$30,INDEX(Jesper!$R$2:$R$366,ROW(INDEX(Jesper!AH$2:AH$366,ROUNDDOWN($C1653/24,0)+1,1))-1)+IF('Standard Profiles'!$G$18=$B$10,7,0)+IF('Standard Profiles'!$G$18=$B$17,14,0)+IF('Standard Profiles'!$G$18=$B$24,21,0),0)),0)</f>
        <v>34.717197145552753</v>
      </c>
      <c r="E1653" cm="1">
        <f t="array" ref="E1653">IFERROR(INDEX(Jesper!AI$2:AI$366,ROUNDDOWN($C1653/24,0)+1,1)*INDEX($D$3:$AA$30,INDEX(Jesper!$R$2:$R$366,ROW(INDEX(Jesper!AI$2:AI$366,ROUNDDOWN($C1653/24,0)+1,1))-1)+IF('Standard Profiles'!$G$19=$B$10,7,0)+IF('Standard Profiles'!$G$19=$B$17,14,0)+IF('Standard Profiles'!$G$19=$B$24,21,0),MOD($C1653,24)+1)/SUM(INDEX($D$3:$AA$30,INDEX(Jesper!$R$2:$R$366,ROW(INDEX(Jesper!AI$2:AI$366,ROUNDDOWN($C1653/24,0)+1,1))-1)+IF('Standard Profiles'!$G$19=$B$10,7,0)+IF('Standard Profiles'!$G$19=$B$17,14,0)+IF('Standard Profiles'!$G$19=$B$24,21,0),0)),0)</f>
        <v>26.626597304238903</v>
      </c>
      <c r="F1653" cm="1">
        <f t="array" ref="F1653">IFERROR(INDEX(Jesper!AJ$2:AJ$366,ROUNDDOWN($C1653/24,0)+1,1)*INDEX($D$3:$AA$30,INDEX(Jesper!$R$2:$R$366,ROW(INDEX(Jesper!AJ$2:AJ$366,ROUNDDOWN($C1653/24,0)+1,1))-1)+IF('Standard Profiles'!$G$20=$B$10,7,0)+IF('Standard Profiles'!$G$20=$B$17,14,0)+IF('Standard Profiles'!$G$20=$B$24,21,0),MOD($C1653,24)+1)/SUM(INDEX($D$3:$AA$30,INDEX(Jesper!$R$2:$R$366,ROW(INDEX(Jesper!AJ$2:AJ$366,ROUNDDOWN($C1653/24,0)+1,1))-1)+IF('Standard Profiles'!$G$20=$B$10,7,0)+IF('Standard Profiles'!$G$20=$B$17,14,0)+IF('Standard Profiles'!$G$20=$B$24,21,0),0)),0)</f>
        <v>0</v>
      </c>
      <c r="G1653" cm="1">
        <f t="array" ref="G1653">IFERROR(INDEX(Jesper!AK$2:AK$366,ROUNDDOWN($C1653/24,0)+1,1)*INDEX($D$3:$AA$30,INDEX(Jesper!$R$2:$R$366,ROW(INDEX(Jesper!AK$2:AK$366,ROUNDDOWN($C1653/24,0)+1,1))-1)+IF('Standard Profiles'!$G$21=$B$10,7,0)+IF('Standard Profiles'!$G$21=$B$17,14,0)+IF('Standard Profiles'!$G$21=$B$24,21,0),MOD($C1653,24)+1)/SUM(INDEX($D$3:$AA$30,INDEX(Jesper!$R$2:$R$366,ROW(INDEX(Jesper!AK$2:AK$366,ROUNDDOWN($C1653/24,0)+1,1))-1)+IF('Standard Profiles'!$G$21=$B$10,7,0)+IF('Standard Profiles'!$G$21=$B$17,14,0)+IF('Standard Profiles'!$G$21=$B$24,21,0),0)),0)</f>
        <v>7.1998390612551768</v>
      </c>
      <c r="H1653" cm="1">
        <f t="array" ref="H1653">IFERROR(INDEX(Jesper!AL$2:AL$366,ROUNDDOWN($C1653/24,0)+1,1)*INDEX($D$3:$AA$30,INDEX(Jesper!$R$2:$R$366,ROW(INDEX(Jesper!AL$2:AL$366,ROUNDDOWN($C1653/24,0)+1,1))-1)+IF('Standard Profiles'!$G$22=$B$10,7,0)+IF('Standard Profiles'!$G$22=$B$17,14,0)+IF('Standard Profiles'!$G$22=$B$24,21,0),MOD($C1653,24)+1)/SUM(INDEX($D$3:$AA$30,INDEX(Jesper!$R$2:$R$366,ROW(INDEX(Jesper!AL$2:AL$366,ROUNDDOWN($C1653/24,0)+1,1))-1)+IF('Standard Profiles'!$G$22=$B$10,7,0)+IF('Standard Profiles'!$G$22=$B$17,14,0)+IF('Standard Profiles'!$G$22=$B$24,21,0),0)),0)</f>
        <v>0</v>
      </c>
      <c r="I1653">
        <f t="shared" si="195"/>
        <v>3.4559227494024833</v>
      </c>
      <c r="J1653">
        <f t="shared" si="196"/>
        <v>59.532959218355906</v>
      </c>
      <c r="K1653">
        <f t="shared" si="197"/>
        <v>3.703167695525627</v>
      </c>
      <c r="L1653">
        <f t="shared" si="198"/>
        <v>1.8515838477628135</v>
      </c>
      <c r="M1653">
        <f t="shared" si="199"/>
        <v>0</v>
      </c>
      <c r="N1653" s="45">
        <f t="shared" si="200"/>
        <v>44994.458333329407</v>
      </c>
    </row>
    <row r="1654" spans="2:14" x14ac:dyDescent="0.25">
      <c r="B1654">
        <f t="shared" si="194"/>
        <v>4</v>
      </c>
      <c r="C1654" s="16">
        <v>1620</v>
      </c>
      <c r="D1654" cm="1">
        <f t="array" ref="D1654">IFERROR(INDEX(Jesper!AH$2:AH$366,ROUNDDOWN($C1654/24,0)+1,1)*INDEX($D$3:$AA$30,INDEX(Jesper!$R$2:$R$366,ROW(INDEX(Jesper!AH$2:AH$366,ROUNDDOWN($C1654/24,0)+1,1))-1)+IF('Standard Profiles'!$G$18=$B$10,7,0)+IF('Standard Profiles'!$G$18=$B$17,14,0)+IF('Standard Profiles'!$G$18=$B$24,21,0),MOD($C1654,24)+1)/SUM(INDEX($D$3:$AA$30,INDEX(Jesper!$R$2:$R$366,ROW(INDEX(Jesper!AH$2:AH$366,ROUNDDOWN($C1654/24,0)+1,1))-1)+IF('Standard Profiles'!$G$18=$B$10,7,0)+IF('Standard Profiles'!$G$18=$B$17,14,0)+IF('Standard Profiles'!$G$18=$B$24,21,0),0)),0)</f>
        <v>34.717197145552753</v>
      </c>
      <c r="E1654" cm="1">
        <f t="array" ref="E1654">IFERROR(INDEX(Jesper!AI$2:AI$366,ROUNDDOWN($C1654/24,0)+1,1)*INDEX($D$3:$AA$30,INDEX(Jesper!$R$2:$R$366,ROW(INDEX(Jesper!AI$2:AI$366,ROUNDDOWN($C1654/24,0)+1,1))-1)+IF('Standard Profiles'!$G$19=$B$10,7,0)+IF('Standard Profiles'!$G$19=$B$17,14,0)+IF('Standard Profiles'!$G$19=$B$24,21,0),MOD($C1654,24)+1)/SUM(INDEX($D$3:$AA$30,INDEX(Jesper!$R$2:$R$366,ROW(INDEX(Jesper!AI$2:AI$366,ROUNDDOWN($C1654/24,0)+1,1))-1)+IF('Standard Profiles'!$G$19=$B$10,7,0)+IF('Standard Profiles'!$G$19=$B$17,14,0)+IF('Standard Profiles'!$G$19=$B$24,21,0),0)),0)</f>
        <v>26.626597304238903</v>
      </c>
      <c r="F1654" cm="1">
        <f t="array" ref="F1654">IFERROR(INDEX(Jesper!AJ$2:AJ$366,ROUNDDOWN($C1654/24,0)+1,1)*INDEX($D$3:$AA$30,INDEX(Jesper!$R$2:$R$366,ROW(INDEX(Jesper!AJ$2:AJ$366,ROUNDDOWN($C1654/24,0)+1,1))-1)+IF('Standard Profiles'!$G$20=$B$10,7,0)+IF('Standard Profiles'!$G$20=$B$17,14,0)+IF('Standard Profiles'!$G$20=$B$24,21,0),MOD($C1654,24)+1)/SUM(INDEX($D$3:$AA$30,INDEX(Jesper!$R$2:$R$366,ROW(INDEX(Jesper!AJ$2:AJ$366,ROUNDDOWN($C1654/24,0)+1,1))-1)+IF('Standard Profiles'!$G$20=$B$10,7,0)+IF('Standard Profiles'!$G$20=$B$17,14,0)+IF('Standard Profiles'!$G$20=$B$24,21,0),0)),0)</f>
        <v>0</v>
      </c>
      <c r="G1654" cm="1">
        <f t="array" ref="G1654">IFERROR(INDEX(Jesper!AK$2:AK$366,ROUNDDOWN($C1654/24,0)+1,1)*INDEX($D$3:$AA$30,INDEX(Jesper!$R$2:$R$366,ROW(INDEX(Jesper!AK$2:AK$366,ROUNDDOWN($C1654/24,0)+1,1))-1)+IF('Standard Profiles'!$G$21=$B$10,7,0)+IF('Standard Profiles'!$G$21=$B$17,14,0)+IF('Standard Profiles'!$G$21=$B$24,21,0),MOD($C1654,24)+1)/SUM(INDEX($D$3:$AA$30,INDEX(Jesper!$R$2:$R$366,ROW(INDEX(Jesper!AK$2:AK$366,ROUNDDOWN($C1654/24,0)+1,1))-1)+IF('Standard Profiles'!$G$21=$B$10,7,0)+IF('Standard Profiles'!$G$21=$B$17,14,0)+IF('Standard Profiles'!$G$21=$B$24,21,0),0)),0)</f>
        <v>7.1998390612551768</v>
      </c>
      <c r="H1654" cm="1">
        <f t="array" ref="H1654">IFERROR(INDEX(Jesper!AL$2:AL$366,ROUNDDOWN($C1654/24,0)+1,1)*INDEX($D$3:$AA$30,INDEX(Jesper!$R$2:$R$366,ROW(INDEX(Jesper!AL$2:AL$366,ROUNDDOWN($C1654/24,0)+1,1))-1)+IF('Standard Profiles'!$G$22=$B$10,7,0)+IF('Standard Profiles'!$G$22=$B$17,14,0)+IF('Standard Profiles'!$G$22=$B$24,21,0),MOD($C1654,24)+1)/SUM(INDEX($D$3:$AA$30,INDEX(Jesper!$R$2:$R$366,ROW(INDEX(Jesper!AL$2:AL$366,ROUNDDOWN($C1654/24,0)+1,1))-1)+IF('Standard Profiles'!$G$22=$B$10,7,0)+IF('Standard Profiles'!$G$22=$B$17,14,0)+IF('Standard Profiles'!$G$22=$B$24,21,0),0)),0)</f>
        <v>0</v>
      </c>
      <c r="I1654">
        <f t="shared" si="195"/>
        <v>3.4559227494024833</v>
      </c>
      <c r="J1654">
        <f t="shared" si="196"/>
        <v>59.532959218355906</v>
      </c>
      <c r="K1654">
        <f t="shared" si="197"/>
        <v>3.703167695525627</v>
      </c>
      <c r="L1654">
        <f t="shared" si="198"/>
        <v>1.8515838477628135</v>
      </c>
      <c r="M1654">
        <f t="shared" si="199"/>
        <v>0</v>
      </c>
      <c r="N1654" s="45">
        <f t="shared" si="200"/>
        <v>44994.499999996071</v>
      </c>
    </row>
    <row r="1655" spans="2:14" x14ac:dyDescent="0.25">
      <c r="B1655">
        <f t="shared" si="194"/>
        <v>4</v>
      </c>
      <c r="C1655" s="16">
        <v>1621</v>
      </c>
      <c r="D1655" cm="1">
        <f t="array" ref="D1655">IFERROR(INDEX(Jesper!AH$2:AH$366,ROUNDDOWN($C1655/24,0)+1,1)*INDEX($D$3:$AA$30,INDEX(Jesper!$R$2:$R$366,ROW(INDEX(Jesper!AH$2:AH$366,ROUNDDOWN($C1655/24,0)+1,1))-1)+IF('Standard Profiles'!$G$18=$B$10,7,0)+IF('Standard Profiles'!$G$18=$B$17,14,0)+IF('Standard Profiles'!$G$18=$B$24,21,0),MOD($C1655,24)+1)/SUM(INDEX($D$3:$AA$30,INDEX(Jesper!$R$2:$R$366,ROW(INDEX(Jesper!AH$2:AH$366,ROUNDDOWN($C1655/24,0)+1,1))-1)+IF('Standard Profiles'!$G$18=$B$10,7,0)+IF('Standard Profiles'!$G$18=$B$17,14,0)+IF('Standard Profiles'!$G$18=$B$24,21,0),0)),0)</f>
        <v>23.062138103831472</v>
      </c>
      <c r="E1655" cm="1">
        <f t="array" ref="E1655">IFERROR(INDEX(Jesper!AI$2:AI$366,ROUNDDOWN($C1655/24,0)+1,1)*INDEX($D$3:$AA$30,INDEX(Jesper!$R$2:$R$366,ROW(INDEX(Jesper!AI$2:AI$366,ROUNDDOWN($C1655/24,0)+1,1))-1)+IF('Standard Profiles'!$G$19=$B$10,7,0)+IF('Standard Profiles'!$G$19=$B$17,14,0)+IF('Standard Profiles'!$G$19=$B$24,21,0),MOD($C1655,24)+1)/SUM(INDEX($D$3:$AA$30,INDEX(Jesper!$R$2:$R$366,ROW(INDEX(Jesper!AI$2:AI$366,ROUNDDOWN($C1655/24,0)+1,1))-1)+IF('Standard Profiles'!$G$19=$B$10,7,0)+IF('Standard Profiles'!$G$19=$B$17,14,0)+IF('Standard Profiles'!$G$19=$B$24,21,0),0)),0)</f>
        <v>17.687668209244414</v>
      </c>
      <c r="F1655" cm="1">
        <f t="array" ref="F1655">IFERROR(INDEX(Jesper!AJ$2:AJ$366,ROUNDDOWN($C1655/24,0)+1,1)*INDEX($D$3:$AA$30,INDEX(Jesper!$R$2:$R$366,ROW(INDEX(Jesper!AJ$2:AJ$366,ROUNDDOWN($C1655/24,0)+1,1))-1)+IF('Standard Profiles'!$G$20=$B$10,7,0)+IF('Standard Profiles'!$G$20=$B$17,14,0)+IF('Standard Profiles'!$G$20=$B$24,21,0),MOD($C1655,24)+1)/SUM(INDEX($D$3:$AA$30,INDEX(Jesper!$R$2:$R$366,ROW(INDEX(Jesper!AJ$2:AJ$366,ROUNDDOWN($C1655/24,0)+1,1))-1)+IF('Standard Profiles'!$G$20=$B$10,7,0)+IF('Standard Profiles'!$G$20=$B$17,14,0)+IF('Standard Profiles'!$G$20=$B$24,21,0),0)),0)</f>
        <v>0</v>
      </c>
      <c r="G1655" cm="1">
        <f t="array" ref="G1655">IFERROR(INDEX(Jesper!AK$2:AK$366,ROUNDDOWN($C1655/24,0)+1,1)*INDEX($D$3:$AA$30,INDEX(Jesper!$R$2:$R$366,ROW(INDEX(Jesper!AK$2:AK$366,ROUNDDOWN($C1655/24,0)+1,1))-1)+IF('Standard Profiles'!$G$21=$B$10,7,0)+IF('Standard Profiles'!$G$21=$B$17,14,0)+IF('Standard Profiles'!$G$21=$B$24,21,0),MOD($C1655,24)+1)/SUM(INDEX($D$3:$AA$30,INDEX(Jesper!$R$2:$R$366,ROW(INDEX(Jesper!AK$2:AK$366,ROUNDDOWN($C1655/24,0)+1,1))-1)+IF('Standard Profiles'!$G$21=$B$10,7,0)+IF('Standard Profiles'!$G$21=$B$17,14,0)+IF('Standard Profiles'!$G$21=$B$24,21,0),0)),0)</f>
        <v>4.7827502335480823</v>
      </c>
      <c r="H1655" cm="1">
        <f t="array" ref="H1655">IFERROR(INDEX(Jesper!AL$2:AL$366,ROUNDDOWN($C1655/24,0)+1,1)*INDEX($D$3:$AA$30,INDEX(Jesper!$R$2:$R$366,ROW(INDEX(Jesper!AL$2:AL$366,ROUNDDOWN($C1655/24,0)+1,1))-1)+IF('Standard Profiles'!$G$22=$B$10,7,0)+IF('Standard Profiles'!$G$22=$B$17,14,0)+IF('Standard Profiles'!$G$22=$B$24,21,0),MOD($C1655,24)+1)/SUM(INDEX($D$3:$AA$30,INDEX(Jesper!$R$2:$R$366,ROW(INDEX(Jesper!AL$2:AL$366,ROUNDDOWN($C1655/24,0)+1,1))-1)+IF('Standard Profiles'!$G$22=$B$10,7,0)+IF('Standard Profiles'!$G$22=$B$17,14,0)+IF('Standard Profiles'!$G$22=$B$24,21,0),0)),0)</f>
        <v>0</v>
      </c>
      <c r="I1655">
        <f t="shared" si="195"/>
        <v>2.2957201121030781</v>
      </c>
      <c r="J1655">
        <f t="shared" si="196"/>
        <v>39.546894337907851</v>
      </c>
      <c r="K1655">
        <f t="shared" si="197"/>
        <v>2.459961397742024</v>
      </c>
      <c r="L1655">
        <f t="shared" si="198"/>
        <v>1.229980698871012</v>
      </c>
      <c r="M1655">
        <f t="shared" si="199"/>
        <v>0</v>
      </c>
      <c r="N1655" s="45">
        <f t="shared" si="200"/>
        <v>44994.541666662735</v>
      </c>
    </row>
    <row r="1656" spans="2:14" x14ac:dyDescent="0.25">
      <c r="B1656">
        <f t="shared" si="194"/>
        <v>4</v>
      </c>
      <c r="C1656" s="16">
        <v>1622</v>
      </c>
      <c r="D1656" cm="1">
        <f t="array" ref="D1656">IFERROR(INDEX(Jesper!AH$2:AH$366,ROUNDDOWN($C1656/24,0)+1,1)*INDEX($D$3:$AA$30,INDEX(Jesper!$R$2:$R$366,ROW(INDEX(Jesper!AH$2:AH$366,ROUNDDOWN($C1656/24,0)+1,1))-1)+IF('Standard Profiles'!$G$18=$B$10,7,0)+IF('Standard Profiles'!$G$18=$B$17,14,0)+IF('Standard Profiles'!$G$18=$B$24,21,0),MOD($C1656,24)+1)/SUM(INDEX($D$3:$AA$30,INDEX(Jesper!$R$2:$R$366,ROW(INDEX(Jesper!AH$2:AH$366,ROUNDDOWN($C1656/24,0)+1,1))-1)+IF('Standard Profiles'!$G$18=$B$10,7,0)+IF('Standard Profiles'!$G$18=$B$17,14,0)+IF('Standard Profiles'!$G$18=$B$24,21,0),0)),0)</f>
        <v>34.717197145552753</v>
      </c>
      <c r="E1656" cm="1">
        <f t="array" ref="E1656">IFERROR(INDEX(Jesper!AI$2:AI$366,ROUNDDOWN($C1656/24,0)+1,1)*INDEX($D$3:$AA$30,INDEX(Jesper!$R$2:$R$366,ROW(INDEX(Jesper!AI$2:AI$366,ROUNDDOWN($C1656/24,0)+1,1))-1)+IF('Standard Profiles'!$G$19=$B$10,7,0)+IF('Standard Profiles'!$G$19=$B$17,14,0)+IF('Standard Profiles'!$G$19=$B$24,21,0),MOD($C1656,24)+1)/SUM(INDEX($D$3:$AA$30,INDEX(Jesper!$R$2:$R$366,ROW(INDEX(Jesper!AI$2:AI$366,ROUNDDOWN($C1656/24,0)+1,1))-1)+IF('Standard Profiles'!$G$19=$B$10,7,0)+IF('Standard Profiles'!$G$19=$B$17,14,0)+IF('Standard Profiles'!$G$19=$B$24,21,0),0)),0)</f>
        <v>26.626597304238903</v>
      </c>
      <c r="F1656" cm="1">
        <f t="array" ref="F1656">IFERROR(INDEX(Jesper!AJ$2:AJ$366,ROUNDDOWN($C1656/24,0)+1,1)*INDEX($D$3:$AA$30,INDEX(Jesper!$R$2:$R$366,ROW(INDEX(Jesper!AJ$2:AJ$366,ROUNDDOWN($C1656/24,0)+1,1))-1)+IF('Standard Profiles'!$G$20=$B$10,7,0)+IF('Standard Profiles'!$G$20=$B$17,14,0)+IF('Standard Profiles'!$G$20=$B$24,21,0),MOD($C1656,24)+1)/SUM(INDEX($D$3:$AA$30,INDEX(Jesper!$R$2:$R$366,ROW(INDEX(Jesper!AJ$2:AJ$366,ROUNDDOWN($C1656/24,0)+1,1))-1)+IF('Standard Profiles'!$G$20=$B$10,7,0)+IF('Standard Profiles'!$G$20=$B$17,14,0)+IF('Standard Profiles'!$G$20=$B$24,21,0),0)),0)</f>
        <v>0</v>
      </c>
      <c r="G1656" cm="1">
        <f t="array" ref="G1656">IFERROR(INDEX(Jesper!AK$2:AK$366,ROUNDDOWN($C1656/24,0)+1,1)*INDEX($D$3:$AA$30,INDEX(Jesper!$R$2:$R$366,ROW(INDEX(Jesper!AK$2:AK$366,ROUNDDOWN($C1656/24,0)+1,1))-1)+IF('Standard Profiles'!$G$21=$B$10,7,0)+IF('Standard Profiles'!$G$21=$B$17,14,0)+IF('Standard Profiles'!$G$21=$B$24,21,0),MOD($C1656,24)+1)/SUM(INDEX($D$3:$AA$30,INDEX(Jesper!$R$2:$R$366,ROW(INDEX(Jesper!AK$2:AK$366,ROUNDDOWN($C1656/24,0)+1,1))-1)+IF('Standard Profiles'!$G$21=$B$10,7,0)+IF('Standard Profiles'!$G$21=$B$17,14,0)+IF('Standard Profiles'!$G$21=$B$24,21,0),0)),0)</f>
        <v>7.1998390612551768</v>
      </c>
      <c r="H1656" cm="1">
        <f t="array" ref="H1656">IFERROR(INDEX(Jesper!AL$2:AL$366,ROUNDDOWN($C1656/24,0)+1,1)*INDEX($D$3:$AA$30,INDEX(Jesper!$R$2:$R$366,ROW(INDEX(Jesper!AL$2:AL$366,ROUNDDOWN($C1656/24,0)+1,1))-1)+IF('Standard Profiles'!$G$22=$B$10,7,0)+IF('Standard Profiles'!$G$22=$B$17,14,0)+IF('Standard Profiles'!$G$22=$B$24,21,0),MOD($C1656,24)+1)/SUM(INDEX($D$3:$AA$30,INDEX(Jesper!$R$2:$R$366,ROW(INDEX(Jesper!AL$2:AL$366,ROUNDDOWN($C1656/24,0)+1,1))-1)+IF('Standard Profiles'!$G$22=$B$10,7,0)+IF('Standard Profiles'!$G$22=$B$17,14,0)+IF('Standard Profiles'!$G$22=$B$24,21,0),0)),0)</f>
        <v>0</v>
      </c>
      <c r="I1656">
        <f t="shared" si="195"/>
        <v>3.4559227494024833</v>
      </c>
      <c r="J1656">
        <f t="shared" si="196"/>
        <v>59.532959218355906</v>
      </c>
      <c r="K1656">
        <f t="shared" si="197"/>
        <v>3.703167695525627</v>
      </c>
      <c r="L1656">
        <f t="shared" si="198"/>
        <v>1.8515838477628135</v>
      </c>
      <c r="M1656">
        <f t="shared" si="199"/>
        <v>0</v>
      </c>
      <c r="N1656" s="45">
        <f t="shared" si="200"/>
        <v>44994.583333329399</v>
      </c>
    </row>
    <row r="1657" spans="2:14" x14ac:dyDescent="0.25">
      <c r="B1657">
        <f t="shared" si="194"/>
        <v>4</v>
      </c>
      <c r="C1657" s="16">
        <v>1623</v>
      </c>
      <c r="D1657" cm="1">
        <f t="array" ref="D1657">IFERROR(INDEX(Jesper!AH$2:AH$366,ROUNDDOWN($C1657/24,0)+1,1)*INDEX($D$3:$AA$30,INDEX(Jesper!$R$2:$R$366,ROW(INDEX(Jesper!AH$2:AH$366,ROUNDDOWN($C1657/24,0)+1,1))-1)+IF('Standard Profiles'!$G$18=$B$10,7,0)+IF('Standard Profiles'!$G$18=$B$17,14,0)+IF('Standard Profiles'!$G$18=$B$24,21,0),MOD($C1657,24)+1)/SUM(INDEX($D$3:$AA$30,INDEX(Jesper!$R$2:$R$366,ROW(INDEX(Jesper!AH$2:AH$366,ROUNDDOWN($C1657/24,0)+1,1))-1)+IF('Standard Profiles'!$G$18=$B$10,7,0)+IF('Standard Profiles'!$G$18=$B$17,14,0)+IF('Standard Profiles'!$G$18=$B$24,21,0),0)),0)</f>
        <v>34.717197145552753</v>
      </c>
      <c r="E1657" cm="1">
        <f t="array" ref="E1657">IFERROR(INDEX(Jesper!AI$2:AI$366,ROUNDDOWN($C1657/24,0)+1,1)*INDEX($D$3:$AA$30,INDEX(Jesper!$R$2:$R$366,ROW(INDEX(Jesper!AI$2:AI$366,ROUNDDOWN($C1657/24,0)+1,1))-1)+IF('Standard Profiles'!$G$19=$B$10,7,0)+IF('Standard Profiles'!$G$19=$B$17,14,0)+IF('Standard Profiles'!$G$19=$B$24,21,0),MOD($C1657,24)+1)/SUM(INDEX($D$3:$AA$30,INDEX(Jesper!$R$2:$R$366,ROW(INDEX(Jesper!AI$2:AI$366,ROUNDDOWN($C1657/24,0)+1,1))-1)+IF('Standard Profiles'!$G$19=$B$10,7,0)+IF('Standard Profiles'!$G$19=$B$17,14,0)+IF('Standard Profiles'!$G$19=$B$24,21,0),0)),0)</f>
        <v>26.626597304238903</v>
      </c>
      <c r="F1657" cm="1">
        <f t="array" ref="F1657">IFERROR(INDEX(Jesper!AJ$2:AJ$366,ROUNDDOWN($C1657/24,0)+1,1)*INDEX($D$3:$AA$30,INDEX(Jesper!$R$2:$R$366,ROW(INDEX(Jesper!AJ$2:AJ$366,ROUNDDOWN($C1657/24,0)+1,1))-1)+IF('Standard Profiles'!$G$20=$B$10,7,0)+IF('Standard Profiles'!$G$20=$B$17,14,0)+IF('Standard Profiles'!$G$20=$B$24,21,0),MOD($C1657,24)+1)/SUM(INDEX($D$3:$AA$30,INDEX(Jesper!$R$2:$R$366,ROW(INDEX(Jesper!AJ$2:AJ$366,ROUNDDOWN($C1657/24,0)+1,1))-1)+IF('Standard Profiles'!$G$20=$B$10,7,0)+IF('Standard Profiles'!$G$20=$B$17,14,0)+IF('Standard Profiles'!$G$20=$B$24,21,0),0)),0)</f>
        <v>0</v>
      </c>
      <c r="G1657" cm="1">
        <f t="array" ref="G1657">IFERROR(INDEX(Jesper!AK$2:AK$366,ROUNDDOWN($C1657/24,0)+1,1)*INDEX($D$3:$AA$30,INDEX(Jesper!$R$2:$R$366,ROW(INDEX(Jesper!AK$2:AK$366,ROUNDDOWN($C1657/24,0)+1,1))-1)+IF('Standard Profiles'!$G$21=$B$10,7,0)+IF('Standard Profiles'!$G$21=$B$17,14,0)+IF('Standard Profiles'!$G$21=$B$24,21,0),MOD($C1657,24)+1)/SUM(INDEX($D$3:$AA$30,INDEX(Jesper!$R$2:$R$366,ROW(INDEX(Jesper!AK$2:AK$366,ROUNDDOWN($C1657/24,0)+1,1))-1)+IF('Standard Profiles'!$G$21=$B$10,7,0)+IF('Standard Profiles'!$G$21=$B$17,14,0)+IF('Standard Profiles'!$G$21=$B$24,21,0),0)),0)</f>
        <v>7.1998390612551768</v>
      </c>
      <c r="H1657" cm="1">
        <f t="array" ref="H1657">IFERROR(INDEX(Jesper!AL$2:AL$366,ROUNDDOWN($C1657/24,0)+1,1)*INDEX($D$3:$AA$30,INDEX(Jesper!$R$2:$R$366,ROW(INDEX(Jesper!AL$2:AL$366,ROUNDDOWN($C1657/24,0)+1,1))-1)+IF('Standard Profiles'!$G$22=$B$10,7,0)+IF('Standard Profiles'!$G$22=$B$17,14,0)+IF('Standard Profiles'!$G$22=$B$24,21,0),MOD($C1657,24)+1)/SUM(INDEX($D$3:$AA$30,INDEX(Jesper!$R$2:$R$366,ROW(INDEX(Jesper!AL$2:AL$366,ROUNDDOWN($C1657/24,0)+1,1))-1)+IF('Standard Profiles'!$G$22=$B$10,7,0)+IF('Standard Profiles'!$G$22=$B$17,14,0)+IF('Standard Profiles'!$G$22=$B$24,21,0),0)),0)</f>
        <v>0</v>
      </c>
      <c r="I1657">
        <f t="shared" si="195"/>
        <v>3.4559227494024833</v>
      </c>
      <c r="J1657">
        <f t="shared" si="196"/>
        <v>59.532959218355906</v>
      </c>
      <c r="K1657">
        <f t="shared" si="197"/>
        <v>3.703167695525627</v>
      </c>
      <c r="L1657">
        <f t="shared" si="198"/>
        <v>1.8515838477628135</v>
      </c>
      <c r="M1657">
        <f t="shared" si="199"/>
        <v>0</v>
      </c>
      <c r="N1657" s="45">
        <f t="shared" si="200"/>
        <v>44994.624999996064</v>
      </c>
    </row>
    <row r="1658" spans="2:14" x14ac:dyDescent="0.25">
      <c r="B1658">
        <f t="shared" si="194"/>
        <v>4</v>
      </c>
      <c r="C1658" s="16">
        <v>1624</v>
      </c>
      <c r="D1658" cm="1">
        <f t="array" ref="D1658">IFERROR(INDEX(Jesper!AH$2:AH$366,ROUNDDOWN($C1658/24,0)+1,1)*INDEX($D$3:$AA$30,INDEX(Jesper!$R$2:$R$366,ROW(INDEX(Jesper!AH$2:AH$366,ROUNDDOWN($C1658/24,0)+1,1))-1)+IF('Standard Profiles'!$G$18=$B$10,7,0)+IF('Standard Profiles'!$G$18=$B$17,14,0)+IF('Standard Profiles'!$G$18=$B$24,21,0),MOD($C1658,24)+1)/SUM(INDEX($D$3:$AA$30,INDEX(Jesper!$R$2:$R$366,ROW(INDEX(Jesper!AH$2:AH$366,ROUNDDOWN($C1658/24,0)+1,1))-1)+IF('Standard Profiles'!$G$18=$B$10,7,0)+IF('Standard Profiles'!$G$18=$B$17,14,0)+IF('Standard Profiles'!$G$18=$B$24,21,0),0)),0)</f>
        <v>20.458348317915014</v>
      </c>
      <c r="E1658" cm="1">
        <f t="array" ref="E1658">IFERROR(INDEX(Jesper!AI$2:AI$366,ROUNDDOWN($C1658/24,0)+1,1)*INDEX($D$3:$AA$30,INDEX(Jesper!$R$2:$R$366,ROW(INDEX(Jesper!AI$2:AI$366,ROUNDDOWN($C1658/24,0)+1,1))-1)+IF('Standard Profiles'!$G$19=$B$10,7,0)+IF('Standard Profiles'!$G$19=$B$17,14,0)+IF('Standard Profiles'!$G$19=$B$24,21,0),MOD($C1658,24)+1)/SUM(INDEX($D$3:$AA$30,INDEX(Jesper!$R$2:$R$366,ROW(INDEX(Jesper!AI$2:AI$366,ROUNDDOWN($C1658/24,0)+1,1))-1)+IF('Standard Profiles'!$G$19=$B$10,7,0)+IF('Standard Profiles'!$G$19=$B$17,14,0)+IF('Standard Profiles'!$G$19=$B$24,21,0),0)),0)</f>
        <v>15.690673411426499</v>
      </c>
      <c r="F1658" cm="1">
        <f t="array" ref="F1658">IFERROR(INDEX(Jesper!AJ$2:AJ$366,ROUNDDOWN($C1658/24,0)+1,1)*INDEX($D$3:$AA$30,INDEX(Jesper!$R$2:$R$366,ROW(INDEX(Jesper!AJ$2:AJ$366,ROUNDDOWN($C1658/24,0)+1,1))-1)+IF('Standard Profiles'!$G$20=$B$10,7,0)+IF('Standard Profiles'!$G$20=$B$17,14,0)+IF('Standard Profiles'!$G$20=$B$24,21,0),MOD($C1658,24)+1)/SUM(INDEX($D$3:$AA$30,INDEX(Jesper!$R$2:$R$366,ROW(INDEX(Jesper!AJ$2:AJ$366,ROUNDDOWN($C1658/24,0)+1,1))-1)+IF('Standard Profiles'!$G$20=$B$10,7,0)+IF('Standard Profiles'!$G$20=$B$17,14,0)+IF('Standard Profiles'!$G$20=$B$24,21,0),0)),0)</f>
        <v>0</v>
      </c>
      <c r="G1658" cm="1">
        <f t="array" ref="G1658">IFERROR(INDEX(Jesper!AK$2:AK$366,ROUNDDOWN($C1658/24,0)+1,1)*INDEX($D$3:$AA$30,INDEX(Jesper!$R$2:$R$366,ROW(INDEX(Jesper!AK$2:AK$366,ROUNDDOWN($C1658/24,0)+1,1))-1)+IF('Standard Profiles'!$G$21=$B$10,7,0)+IF('Standard Profiles'!$G$21=$B$17,14,0)+IF('Standard Profiles'!$G$21=$B$24,21,0),MOD($C1658,24)+1)/SUM(INDEX($D$3:$AA$30,INDEX(Jesper!$R$2:$R$366,ROW(INDEX(Jesper!AK$2:AK$366,ROUNDDOWN($C1658/24,0)+1,1))-1)+IF('Standard Profiles'!$G$21=$B$10,7,0)+IF('Standard Profiles'!$G$21=$B$17,14,0)+IF('Standard Profiles'!$G$21=$B$24,21,0),0)),0)</f>
        <v>6.0161216786473384</v>
      </c>
      <c r="H1658" cm="1">
        <f t="array" ref="H1658">IFERROR(INDEX(Jesper!AL$2:AL$366,ROUNDDOWN($C1658/24,0)+1,1)*INDEX($D$3:$AA$30,INDEX(Jesper!$R$2:$R$366,ROW(INDEX(Jesper!AL$2:AL$366,ROUNDDOWN($C1658/24,0)+1,1))-1)+IF('Standard Profiles'!$G$22=$B$10,7,0)+IF('Standard Profiles'!$G$22=$B$17,14,0)+IF('Standard Profiles'!$G$22=$B$24,21,0),MOD($C1658,24)+1)/SUM(INDEX($D$3:$AA$30,INDEX(Jesper!$R$2:$R$366,ROW(INDEX(Jesper!AL$2:AL$366,ROUNDDOWN($C1658/24,0)+1,1))-1)+IF('Standard Profiles'!$G$22=$B$10,7,0)+IF('Standard Profiles'!$G$22=$B$17,14,0)+IF('Standard Profiles'!$G$22=$B$24,21,0),0)),0)</f>
        <v>0</v>
      </c>
      <c r="I1658">
        <f t="shared" si="195"/>
        <v>2.8877384057507212</v>
      </c>
      <c r="J1658">
        <f t="shared" si="196"/>
        <v>36.004069271371726</v>
      </c>
      <c r="K1658">
        <f t="shared" si="197"/>
        <v>2.1822238205776014</v>
      </c>
      <c r="L1658">
        <f t="shared" si="198"/>
        <v>1.0911119102888007</v>
      </c>
      <c r="M1658">
        <f t="shared" si="199"/>
        <v>0</v>
      </c>
      <c r="N1658" s="45">
        <f t="shared" si="200"/>
        <v>44994.666666662728</v>
      </c>
    </row>
    <row r="1659" spans="2:14" x14ac:dyDescent="0.25">
      <c r="B1659">
        <f t="shared" si="194"/>
        <v>4</v>
      </c>
      <c r="C1659" s="16">
        <v>1625</v>
      </c>
      <c r="D1659" cm="1">
        <f t="array" ref="D1659">IFERROR(INDEX(Jesper!AH$2:AH$366,ROUNDDOWN($C1659/24,0)+1,1)*INDEX($D$3:$AA$30,INDEX(Jesper!$R$2:$R$366,ROW(INDEX(Jesper!AH$2:AH$366,ROUNDDOWN($C1659/24,0)+1,1))-1)+IF('Standard Profiles'!$G$18=$B$10,7,0)+IF('Standard Profiles'!$G$18=$B$17,14,0)+IF('Standard Profiles'!$G$18=$B$24,21,0),MOD($C1659,24)+1)/SUM(INDEX($D$3:$AA$30,INDEX(Jesper!$R$2:$R$366,ROW(INDEX(Jesper!AH$2:AH$366,ROUNDDOWN($C1659/24,0)+1,1))-1)+IF('Standard Profiles'!$G$18=$B$10,7,0)+IF('Standard Profiles'!$G$18=$B$17,14,0)+IF('Standard Profiles'!$G$18=$B$24,21,0),0)),0)</f>
        <v>8.7316894229257436</v>
      </c>
      <c r="E1659" cm="1">
        <f t="array" ref="E1659">IFERROR(INDEX(Jesper!AI$2:AI$366,ROUNDDOWN($C1659/24,0)+1,1)*INDEX($D$3:$AA$30,INDEX(Jesper!$R$2:$R$366,ROW(INDEX(Jesper!AI$2:AI$366,ROUNDDOWN($C1659/24,0)+1,1))-1)+IF('Standard Profiles'!$G$19=$B$10,7,0)+IF('Standard Profiles'!$G$19=$B$17,14,0)+IF('Standard Profiles'!$G$19=$B$24,21,0),MOD($C1659,24)+1)/SUM(INDEX($D$3:$AA$30,INDEX(Jesper!$R$2:$R$366,ROW(INDEX(Jesper!AI$2:AI$366,ROUNDDOWN($C1659/24,0)+1,1))-1)+IF('Standard Profiles'!$G$19=$B$10,7,0)+IF('Standard Profiles'!$G$19=$B$17,14,0)+IF('Standard Profiles'!$G$19=$B$24,21,0),0)),0)</f>
        <v>6.6968303079071703</v>
      </c>
      <c r="F1659" cm="1">
        <f t="array" ref="F1659">IFERROR(INDEX(Jesper!AJ$2:AJ$366,ROUNDDOWN($C1659/24,0)+1,1)*INDEX($D$3:$AA$30,INDEX(Jesper!$R$2:$R$366,ROW(INDEX(Jesper!AJ$2:AJ$366,ROUNDDOWN($C1659/24,0)+1,1))-1)+IF('Standard Profiles'!$G$20=$B$10,7,0)+IF('Standard Profiles'!$G$20=$B$17,14,0)+IF('Standard Profiles'!$G$20=$B$24,21,0),MOD($C1659,24)+1)/SUM(INDEX($D$3:$AA$30,INDEX(Jesper!$R$2:$R$366,ROW(INDEX(Jesper!AJ$2:AJ$366,ROUNDDOWN($C1659/24,0)+1,1))-1)+IF('Standard Profiles'!$G$20=$B$10,7,0)+IF('Standard Profiles'!$G$20=$B$17,14,0)+IF('Standard Profiles'!$G$20=$B$24,21,0),0)),0)</f>
        <v>0</v>
      </c>
      <c r="G1659" cm="1">
        <f t="array" ref="G1659">IFERROR(INDEX(Jesper!AK$2:AK$366,ROUNDDOWN($C1659/24,0)+1,1)*INDEX($D$3:$AA$30,INDEX(Jesper!$R$2:$R$366,ROW(INDEX(Jesper!AK$2:AK$366,ROUNDDOWN($C1659/24,0)+1,1))-1)+IF('Standard Profiles'!$G$21=$B$10,7,0)+IF('Standard Profiles'!$G$21=$B$17,14,0)+IF('Standard Profiles'!$G$21=$B$24,21,0),MOD($C1659,24)+1)/SUM(INDEX($D$3:$AA$30,INDEX(Jesper!$R$2:$R$366,ROW(INDEX(Jesper!AK$2:AK$366,ROUNDDOWN($C1659/24,0)+1,1))-1)+IF('Standard Profiles'!$G$21=$B$10,7,0)+IF('Standard Profiles'!$G$21=$B$17,14,0)+IF('Standard Profiles'!$G$21=$B$24,21,0),0)),0)</f>
        <v>4.7836369132354291</v>
      </c>
      <c r="H1659" cm="1">
        <f t="array" ref="H1659">IFERROR(INDEX(Jesper!AL$2:AL$366,ROUNDDOWN($C1659/24,0)+1,1)*INDEX($D$3:$AA$30,INDEX(Jesper!$R$2:$R$366,ROW(INDEX(Jesper!AL$2:AL$366,ROUNDDOWN($C1659/24,0)+1,1))-1)+IF('Standard Profiles'!$G$22=$B$10,7,0)+IF('Standard Profiles'!$G$22=$B$17,14,0)+IF('Standard Profiles'!$G$22=$B$24,21,0),MOD($C1659,24)+1)/SUM(INDEX($D$3:$AA$30,INDEX(Jesper!$R$2:$R$366,ROW(INDEX(Jesper!AL$2:AL$366,ROUNDDOWN($C1659/24,0)+1,1))-1)+IF('Standard Profiles'!$G$22=$B$10,7,0)+IF('Standard Profiles'!$G$22=$B$17,14,0)+IF('Standard Profiles'!$G$22=$B$24,21,0),0)),0)</f>
        <v>0</v>
      </c>
      <c r="I1659">
        <f t="shared" si="195"/>
        <v>2.2961457183530047</v>
      </c>
      <c r="J1659">
        <f t="shared" si="196"/>
        <v>16.518940618047218</v>
      </c>
      <c r="K1659">
        <f t="shared" si="197"/>
        <v>0.93138020511207942</v>
      </c>
      <c r="L1659">
        <f t="shared" si="198"/>
        <v>0.46569010255603971</v>
      </c>
      <c r="M1659">
        <f t="shared" si="199"/>
        <v>0</v>
      </c>
      <c r="N1659" s="45">
        <f t="shared" si="200"/>
        <v>44994.708333329392</v>
      </c>
    </row>
    <row r="1660" spans="2:14" x14ac:dyDescent="0.25">
      <c r="B1660">
        <f t="shared" si="194"/>
        <v>4</v>
      </c>
      <c r="C1660" s="16">
        <v>1626</v>
      </c>
      <c r="D1660" cm="1">
        <f t="array" ref="D1660">IFERROR(INDEX(Jesper!AH$2:AH$366,ROUNDDOWN($C1660/24,0)+1,1)*INDEX($D$3:$AA$30,INDEX(Jesper!$R$2:$R$366,ROW(INDEX(Jesper!AH$2:AH$366,ROUNDDOWN($C1660/24,0)+1,1))-1)+IF('Standard Profiles'!$G$18=$B$10,7,0)+IF('Standard Profiles'!$G$18=$B$17,14,0)+IF('Standard Profiles'!$G$18=$B$24,21,0),MOD($C1660,24)+1)/SUM(INDEX($D$3:$AA$30,INDEX(Jesper!$R$2:$R$366,ROW(INDEX(Jesper!AH$2:AH$366,ROUNDDOWN($C1660/24,0)+1,1))-1)+IF('Standard Profiles'!$G$18=$B$10,7,0)+IF('Standard Profiles'!$G$18=$B$17,14,0)+IF('Standard Profiles'!$G$18=$B$24,21,0),0)),0)</f>
        <v>5.7629150191309897</v>
      </c>
      <c r="E1660" cm="1">
        <f t="array" ref="E1660">IFERROR(INDEX(Jesper!AI$2:AI$366,ROUNDDOWN($C1660/24,0)+1,1)*INDEX($D$3:$AA$30,INDEX(Jesper!$R$2:$R$366,ROW(INDEX(Jesper!AI$2:AI$366,ROUNDDOWN($C1660/24,0)+1,1))-1)+IF('Standard Profiles'!$G$19=$B$10,7,0)+IF('Standard Profiles'!$G$19=$B$17,14,0)+IF('Standard Profiles'!$G$19=$B$24,21,0),MOD($C1660,24)+1)/SUM(INDEX($D$3:$AA$30,INDEX(Jesper!$R$2:$R$366,ROW(INDEX(Jesper!AI$2:AI$366,ROUNDDOWN($C1660/24,0)+1,1))-1)+IF('Standard Profiles'!$G$19=$B$10,7,0)+IF('Standard Profiles'!$G$19=$B$17,14,0)+IF('Standard Profiles'!$G$19=$B$24,21,0),0)),0)</f>
        <v>4.4199080032187323</v>
      </c>
      <c r="F1660" cm="1">
        <f t="array" ref="F1660">IFERROR(INDEX(Jesper!AJ$2:AJ$366,ROUNDDOWN($C1660/24,0)+1,1)*INDEX($D$3:$AA$30,INDEX(Jesper!$R$2:$R$366,ROW(INDEX(Jesper!AJ$2:AJ$366,ROUNDDOWN($C1660/24,0)+1,1))-1)+IF('Standard Profiles'!$G$20=$B$10,7,0)+IF('Standard Profiles'!$G$20=$B$17,14,0)+IF('Standard Profiles'!$G$20=$B$24,21,0),MOD($C1660,24)+1)/SUM(INDEX($D$3:$AA$30,INDEX(Jesper!$R$2:$R$366,ROW(INDEX(Jesper!AJ$2:AJ$366,ROUNDDOWN($C1660/24,0)+1,1))-1)+IF('Standard Profiles'!$G$20=$B$10,7,0)+IF('Standard Profiles'!$G$20=$B$17,14,0)+IF('Standard Profiles'!$G$20=$B$24,21,0),0)),0)</f>
        <v>0</v>
      </c>
      <c r="G1660" cm="1">
        <f t="array" ref="G1660">IFERROR(INDEX(Jesper!AK$2:AK$366,ROUNDDOWN($C1660/24,0)+1,1)*INDEX($D$3:$AA$30,INDEX(Jesper!$R$2:$R$366,ROW(INDEX(Jesper!AK$2:AK$366,ROUNDDOWN($C1660/24,0)+1,1))-1)+IF('Standard Profiles'!$G$21=$B$10,7,0)+IF('Standard Profiles'!$G$21=$B$17,14,0)+IF('Standard Profiles'!$G$21=$B$24,21,0),MOD($C1660,24)+1)/SUM(INDEX($D$3:$AA$30,INDEX(Jesper!$R$2:$R$366,ROW(INDEX(Jesper!AK$2:AK$366,ROUNDDOWN($C1660/24,0)+1,1))-1)+IF('Standard Profiles'!$G$21=$B$10,7,0)+IF('Standard Profiles'!$G$21=$B$17,14,0)+IF('Standard Profiles'!$G$21=$B$24,21,0),0)),0)</f>
        <v>1.7733593746933938</v>
      </c>
      <c r="H1660" cm="1">
        <f t="array" ref="H1660">IFERROR(INDEX(Jesper!AL$2:AL$366,ROUNDDOWN($C1660/24,0)+1,1)*INDEX($D$3:$AA$30,INDEX(Jesper!$R$2:$R$366,ROW(INDEX(Jesper!AL$2:AL$366,ROUNDDOWN($C1660/24,0)+1,1))-1)+IF('Standard Profiles'!$G$22=$B$10,7,0)+IF('Standard Profiles'!$G$22=$B$17,14,0)+IF('Standard Profiles'!$G$22=$B$24,21,0),MOD($C1660,24)+1)/SUM(INDEX($D$3:$AA$30,INDEX(Jesper!$R$2:$R$366,ROW(INDEX(Jesper!AL$2:AL$366,ROUNDDOWN($C1660/24,0)+1,1))-1)+IF('Standard Profiles'!$G$22=$B$10,7,0)+IF('Standard Profiles'!$G$22=$B$17,14,0)+IF('Standard Profiles'!$G$22=$B$24,21,0),0)),0)</f>
        <v>0</v>
      </c>
      <c r="I1660">
        <f t="shared" si="195"/>
        <v>0.85121249985282854</v>
      </c>
      <c r="J1660">
        <f t="shared" si="196"/>
        <v>10.182903494129329</v>
      </c>
      <c r="K1660">
        <f t="shared" si="197"/>
        <v>0.61471093537397226</v>
      </c>
      <c r="L1660">
        <f t="shared" si="198"/>
        <v>0.30735546768698613</v>
      </c>
      <c r="M1660">
        <f t="shared" si="199"/>
        <v>0</v>
      </c>
      <c r="N1660" s="45">
        <f t="shared" si="200"/>
        <v>44994.749999996056</v>
      </c>
    </row>
    <row r="1661" spans="2:14" x14ac:dyDescent="0.25">
      <c r="B1661">
        <f t="shared" si="194"/>
        <v>4</v>
      </c>
      <c r="C1661" s="16">
        <v>1627</v>
      </c>
      <c r="D1661" cm="1">
        <f t="array" ref="D1661">IFERROR(INDEX(Jesper!AH$2:AH$366,ROUNDDOWN($C1661/24,0)+1,1)*INDEX($D$3:$AA$30,INDEX(Jesper!$R$2:$R$366,ROW(INDEX(Jesper!AH$2:AH$366,ROUNDDOWN($C1661/24,0)+1,1))-1)+IF('Standard Profiles'!$G$18=$B$10,7,0)+IF('Standard Profiles'!$G$18=$B$17,14,0)+IF('Standard Profiles'!$G$18=$B$24,21,0),MOD($C1661,24)+1)/SUM(INDEX($D$3:$AA$30,INDEX(Jesper!$R$2:$R$366,ROW(INDEX(Jesper!AH$2:AH$366,ROUNDDOWN($C1661/24,0)+1,1))-1)+IF('Standard Profiles'!$G$18=$B$10,7,0)+IF('Standard Profiles'!$G$18=$B$17,14,0)+IF('Standard Profiles'!$G$18=$B$24,21,0),0)),0)</f>
        <v>5.7629150191309897</v>
      </c>
      <c r="E1661" cm="1">
        <f t="array" ref="E1661">IFERROR(INDEX(Jesper!AI$2:AI$366,ROUNDDOWN($C1661/24,0)+1,1)*INDEX($D$3:$AA$30,INDEX(Jesper!$R$2:$R$366,ROW(INDEX(Jesper!AI$2:AI$366,ROUNDDOWN($C1661/24,0)+1,1))-1)+IF('Standard Profiles'!$G$19=$B$10,7,0)+IF('Standard Profiles'!$G$19=$B$17,14,0)+IF('Standard Profiles'!$G$19=$B$24,21,0),MOD($C1661,24)+1)/SUM(INDEX($D$3:$AA$30,INDEX(Jesper!$R$2:$R$366,ROW(INDEX(Jesper!AI$2:AI$366,ROUNDDOWN($C1661/24,0)+1,1))-1)+IF('Standard Profiles'!$G$19=$B$10,7,0)+IF('Standard Profiles'!$G$19=$B$17,14,0)+IF('Standard Profiles'!$G$19=$B$24,21,0),0)),0)</f>
        <v>4.4199080032187323</v>
      </c>
      <c r="F1661" cm="1">
        <f t="array" ref="F1661">IFERROR(INDEX(Jesper!AJ$2:AJ$366,ROUNDDOWN($C1661/24,0)+1,1)*INDEX($D$3:$AA$30,INDEX(Jesper!$R$2:$R$366,ROW(INDEX(Jesper!AJ$2:AJ$366,ROUNDDOWN($C1661/24,0)+1,1))-1)+IF('Standard Profiles'!$G$20=$B$10,7,0)+IF('Standard Profiles'!$G$20=$B$17,14,0)+IF('Standard Profiles'!$G$20=$B$24,21,0),MOD($C1661,24)+1)/SUM(INDEX($D$3:$AA$30,INDEX(Jesper!$R$2:$R$366,ROW(INDEX(Jesper!AJ$2:AJ$366,ROUNDDOWN($C1661/24,0)+1,1))-1)+IF('Standard Profiles'!$G$20=$B$10,7,0)+IF('Standard Profiles'!$G$20=$B$17,14,0)+IF('Standard Profiles'!$G$20=$B$24,21,0),0)),0)</f>
        <v>0</v>
      </c>
      <c r="G1661" cm="1">
        <f t="array" ref="G1661">IFERROR(INDEX(Jesper!AK$2:AK$366,ROUNDDOWN($C1661/24,0)+1,1)*INDEX($D$3:$AA$30,INDEX(Jesper!$R$2:$R$366,ROW(INDEX(Jesper!AK$2:AK$366,ROUNDDOWN($C1661/24,0)+1,1))-1)+IF('Standard Profiles'!$G$21=$B$10,7,0)+IF('Standard Profiles'!$G$21=$B$17,14,0)+IF('Standard Profiles'!$G$21=$B$24,21,0),MOD($C1661,24)+1)/SUM(INDEX($D$3:$AA$30,INDEX(Jesper!$R$2:$R$366,ROW(INDEX(Jesper!AK$2:AK$366,ROUNDDOWN($C1661/24,0)+1,1))-1)+IF('Standard Profiles'!$G$21=$B$10,7,0)+IF('Standard Profiles'!$G$21=$B$17,14,0)+IF('Standard Profiles'!$G$21=$B$24,21,0),0)),0)</f>
        <v>1.7733593746933938</v>
      </c>
      <c r="H1661" cm="1">
        <f t="array" ref="H1661">IFERROR(INDEX(Jesper!AL$2:AL$366,ROUNDDOWN($C1661/24,0)+1,1)*INDEX($D$3:$AA$30,INDEX(Jesper!$R$2:$R$366,ROW(INDEX(Jesper!AL$2:AL$366,ROUNDDOWN($C1661/24,0)+1,1))-1)+IF('Standard Profiles'!$G$22=$B$10,7,0)+IF('Standard Profiles'!$G$22=$B$17,14,0)+IF('Standard Profiles'!$G$22=$B$24,21,0),MOD($C1661,24)+1)/SUM(INDEX($D$3:$AA$30,INDEX(Jesper!$R$2:$R$366,ROW(INDEX(Jesper!AL$2:AL$366,ROUNDDOWN($C1661/24,0)+1,1))-1)+IF('Standard Profiles'!$G$22=$B$10,7,0)+IF('Standard Profiles'!$G$22=$B$17,14,0)+IF('Standard Profiles'!$G$22=$B$24,21,0),0)),0)</f>
        <v>0</v>
      </c>
      <c r="I1661">
        <f t="shared" si="195"/>
        <v>0.85121249985282854</v>
      </c>
      <c r="J1661">
        <f t="shared" si="196"/>
        <v>10.182903494129329</v>
      </c>
      <c r="K1661">
        <f t="shared" si="197"/>
        <v>0.61471093537397226</v>
      </c>
      <c r="L1661">
        <f t="shared" si="198"/>
        <v>0.30735546768698613</v>
      </c>
      <c r="M1661">
        <f t="shared" si="199"/>
        <v>0</v>
      </c>
      <c r="N1661" s="45">
        <f t="shared" si="200"/>
        <v>44994.791666662721</v>
      </c>
    </row>
    <row r="1662" spans="2:14" x14ac:dyDescent="0.25">
      <c r="B1662">
        <f t="shared" si="194"/>
        <v>4</v>
      </c>
      <c r="C1662" s="16">
        <v>1628</v>
      </c>
      <c r="D1662" cm="1">
        <f t="array" ref="D1662">IFERROR(INDEX(Jesper!AH$2:AH$366,ROUNDDOWN($C1662/24,0)+1,1)*INDEX($D$3:$AA$30,INDEX(Jesper!$R$2:$R$366,ROW(INDEX(Jesper!AH$2:AH$366,ROUNDDOWN($C1662/24,0)+1,1))-1)+IF('Standard Profiles'!$G$18=$B$10,7,0)+IF('Standard Profiles'!$G$18=$B$17,14,0)+IF('Standard Profiles'!$G$18=$B$24,21,0),MOD($C1662,24)+1)/SUM(INDEX($D$3:$AA$30,INDEX(Jesper!$R$2:$R$366,ROW(INDEX(Jesper!AH$2:AH$366,ROUNDDOWN($C1662/24,0)+1,1))-1)+IF('Standard Profiles'!$G$18=$B$10,7,0)+IF('Standard Profiles'!$G$18=$B$17,14,0)+IF('Standard Profiles'!$G$18=$B$24,21,0),0)),0)</f>
        <v>5.7629150191309897</v>
      </c>
      <c r="E1662" cm="1">
        <f t="array" ref="E1662">IFERROR(INDEX(Jesper!AI$2:AI$366,ROUNDDOWN($C1662/24,0)+1,1)*INDEX($D$3:$AA$30,INDEX(Jesper!$R$2:$R$366,ROW(INDEX(Jesper!AI$2:AI$366,ROUNDDOWN($C1662/24,0)+1,1))-1)+IF('Standard Profiles'!$G$19=$B$10,7,0)+IF('Standard Profiles'!$G$19=$B$17,14,0)+IF('Standard Profiles'!$G$19=$B$24,21,0),MOD($C1662,24)+1)/SUM(INDEX($D$3:$AA$30,INDEX(Jesper!$R$2:$R$366,ROW(INDEX(Jesper!AI$2:AI$366,ROUNDDOWN($C1662/24,0)+1,1))-1)+IF('Standard Profiles'!$G$19=$B$10,7,0)+IF('Standard Profiles'!$G$19=$B$17,14,0)+IF('Standard Profiles'!$G$19=$B$24,21,0),0)),0)</f>
        <v>4.4199080032187323</v>
      </c>
      <c r="F1662" cm="1">
        <f t="array" ref="F1662">IFERROR(INDEX(Jesper!AJ$2:AJ$366,ROUNDDOWN($C1662/24,0)+1,1)*INDEX($D$3:$AA$30,INDEX(Jesper!$R$2:$R$366,ROW(INDEX(Jesper!AJ$2:AJ$366,ROUNDDOWN($C1662/24,0)+1,1))-1)+IF('Standard Profiles'!$G$20=$B$10,7,0)+IF('Standard Profiles'!$G$20=$B$17,14,0)+IF('Standard Profiles'!$G$20=$B$24,21,0),MOD($C1662,24)+1)/SUM(INDEX($D$3:$AA$30,INDEX(Jesper!$R$2:$R$366,ROW(INDEX(Jesper!AJ$2:AJ$366,ROUNDDOWN($C1662/24,0)+1,1))-1)+IF('Standard Profiles'!$G$20=$B$10,7,0)+IF('Standard Profiles'!$G$20=$B$17,14,0)+IF('Standard Profiles'!$G$20=$B$24,21,0),0)),0)</f>
        <v>0</v>
      </c>
      <c r="G1662" cm="1">
        <f t="array" ref="G1662">IFERROR(INDEX(Jesper!AK$2:AK$366,ROUNDDOWN($C1662/24,0)+1,1)*INDEX($D$3:$AA$30,INDEX(Jesper!$R$2:$R$366,ROW(INDEX(Jesper!AK$2:AK$366,ROUNDDOWN($C1662/24,0)+1,1))-1)+IF('Standard Profiles'!$G$21=$B$10,7,0)+IF('Standard Profiles'!$G$21=$B$17,14,0)+IF('Standard Profiles'!$G$21=$B$24,21,0),MOD($C1662,24)+1)/SUM(INDEX($D$3:$AA$30,INDEX(Jesper!$R$2:$R$366,ROW(INDEX(Jesper!AK$2:AK$366,ROUNDDOWN($C1662/24,0)+1,1))-1)+IF('Standard Profiles'!$G$21=$B$10,7,0)+IF('Standard Profiles'!$G$21=$B$17,14,0)+IF('Standard Profiles'!$G$21=$B$24,21,0),0)),0)</f>
        <v>1.7733593746933938</v>
      </c>
      <c r="H1662" cm="1">
        <f t="array" ref="H1662">IFERROR(INDEX(Jesper!AL$2:AL$366,ROUNDDOWN($C1662/24,0)+1,1)*INDEX($D$3:$AA$30,INDEX(Jesper!$R$2:$R$366,ROW(INDEX(Jesper!AL$2:AL$366,ROUNDDOWN($C1662/24,0)+1,1))-1)+IF('Standard Profiles'!$G$22=$B$10,7,0)+IF('Standard Profiles'!$G$22=$B$17,14,0)+IF('Standard Profiles'!$G$22=$B$24,21,0),MOD($C1662,24)+1)/SUM(INDEX($D$3:$AA$30,INDEX(Jesper!$R$2:$R$366,ROW(INDEX(Jesper!AL$2:AL$366,ROUNDDOWN($C1662/24,0)+1,1))-1)+IF('Standard Profiles'!$G$22=$B$10,7,0)+IF('Standard Profiles'!$G$22=$B$17,14,0)+IF('Standard Profiles'!$G$22=$B$24,21,0),0)),0)</f>
        <v>0</v>
      </c>
      <c r="I1662">
        <f t="shared" si="195"/>
        <v>0.85121249985282854</v>
      </c>
      <c r="J1662">
        <f t="shared" si="196"/>
        <v>10.182903494129329</v>
      </c>
      <c r="K1662">
        <f t="shared" si="197"/>
        <v>0.61471093537397226</v>
      </c>
      <c r="L1662">
        <f t="shared" si="198"/>
        <v>0.30735546768698613</v>
      </c>
      <c r="M1662">
        <f t="shared" si="199"/>
        <v>0</v>
      </c>
      <c r="N1662" s="45">
        <f t="shared" si="200"/>
        <v>44994.833333329385</v>
      </c>
    </row>
    <row r="1663" spans="2:14" x14ac:dyDescent="0.25">
      <c r="B1663">
        <f t="shared" si="194"/>
        <v>4</v>
      </c>
      <c r="C1663" s="16">
        <v>1629</v>
      </c>
      <c r="D1663" cm="1">
        <f t="array" ref="D1663">IFERROR(INDEX(Jesper!AH$2:AH$366,ROUNDDOWN($C1663/24,0)+1,1)*INDEX($D$3:$AA$30,INDEX(Jesper!$R$2:$R$366,ROW(INDEX(Jesper!AH$2:AH$366,ROUNDDOWN($C1663/24,0)+1,1))-1)+IF('Standard Profiles'!$G$18=$B$10,7,0)+IF('Standard Profiles'!$G$18=$B$17,14,0)+IF('Standard Profiles'!$G$18=$B$24,21,0),MOD($C1663,24)+1)/SUM(INDEX($D$3:$AA$30,INDEX(Jesper!$R$2:$R$366,ROW(INDEX(Jesper!AH$2:AH$366,ROUNDDOWN($C1663/24,0)+1,1))-1)+IF('Standard Profiles'!$G$18=$B$10,7,0)+IF('Standard Profiles'!$G$18=$B$17,14,0)+IF('Standard Profiles'!$G$18=$B$24,21,0),0)),0)</f>
        <v>5.7629150191309897</v>
      </c>
      <c r="E1663" cm="1">
        <f t="array" ref="E1663">IFERROR(INDEX(Jesper!AI$2:AI$366,ROUNDDOWN($C1663/24,0)+1,1)*INDEX($D$3:$AA$30,INDEX(Jesper!$R$2:$R$366,ROW(INDEX(Jesper!AI$2:AI$366,ROUNDDOWN($C1663/24,0)+1,1))-1)+IF('Standard Profiles'!$G$19=$B$10,7,0)+IF('Standard Profiles'!$G$19=$B$17,14,0)+IF('Standard Profiles'!$G$19=$B$24,21,0),MOD($C1663,24)+1)/SUM(INDEX($D$3:$AA$30,INDEX(Jesper!$R$2:$R$366,ROW(INDEX(Jesper!AI$2:AI$366,ROUNDDOWN($C1663/24,0)+1,1))-1)+IF('Standard Profiles'!$G$19=$B$10,7,0)+IF('Standard Profiles'!$G$19=$B$17,14,0)+IF('Standard Profiles'!$G$19=$B$24,21,0),0)),0)</f>
        <v>4.4199080032187323</v>
      </c>
      <c r="F1663" cm="1">
        <f t="array" ref="F1663">IFERROR(INDEX(Jesper!AJ$2:AJ$366,ROUNDDOWN($C1663/24,0)+1,1)*INDEX($D$3:$AA$30,INDEX(Jesper!$R$2:$R$366,ROW(INDEX(Jesper!AJ$2:AJ$366,ROUNDDOWN($C1663/24,0)+1,1))-1)+IF('Standard Profiles'!$G$20=$B$10,7,0)+IF('Standard Profiles'!$G$20=$B$17,14,0)+IF('Standard Profiles'!$G$20=$B$24,21,0),MOD($C1663,24)+1)/SUM(INDEX($D$3:$AA$30,INDEX(Jesper!$R$2:$R$366,ROW(INDEX(Jesper!AJ$2:AJ$366,ROUNDDOWN($C1663/24,0)+1,1))-1)+IF('Standard Profiles'!$G$20=$B$10,7,0)+IF('Standard Profiles'!$G$20=$B$17,14,0)+IF('Standard Profiles'!$G$20=$B$24,21,0),0)),0)</f>
        <v>0</v>
      </c>
      <c r="G1663" cm="1">
        <f t="array" ref="G1663">IFERROR(INDEX(Jesper!AK$2:AK$366,ROUNDDOWN($C1663/24,0)+1,1)*INDEX($D$3:$AA$30,INDEX(Jesper!$R$2:$R$366,ROW(INDEX(Jesper!AK$2:AK$366,ROUNDDOWN($C1663/24,0)+1,1))-1)+IF('Standard Profiles'!$G$21=$B$10,7,0)+IF('Standard Profiles'!$G$21=$B$17,14,0)+IF('Standard Profiles'!$G$21=$B$24,21,0),MOD($C1663,24)+1)/SUM(INDEX($D$3:$AA$30,INDEX(Jesper!$R$2:$R$366,ROW(INDEX(Jesper!AK$2:AK$366,ROUNDDOWN($C1663/24,0)+1,1))-1)+IF('Standard Profiles'!$G$21=$B$10,7,0)+IF('Standard Profiles'!$G$21=$B$17,14,0)+IF('Standard Profiles'!$G$21=$B$24,21,0),0)),0)</f>
        <v>1.7733593746933938</v>
      </c>
      <c r="H1663" cm="1">
        <f t="array" ref="H1663">IFERROR(INDEX(Jesper!AL$2:AL$366,ROUNDDOWN($C1663/24,0)+1,1)*INDEX($D$3:$AA$30,INDEX(Jesper!$R$2:$R$366,ROW(INDEX(Jesper!AL$2:AL$366,ROUNDDOWN($C1663/24,0)+1,1))-1)+IF('Standard Profiles'!$G$22=$B$10,7,0)+IF('Standard Profiles'!$G$22=$B$17,14,0)+IF('Standard Profiles'!$G$22=$B$24,21,0),MOD($C1663,24)+1)/SUM(INDEX($D$3:$AA$30,INDEX(Jesper!$R$2:$R$366,ROW(INDEX(Jesper!AL$2:AL$366,ROUNDDOWN($C1663/24,0)+1,1))-1)+IF('Standard Profiles'!$G$22=$B$10,7,0)+IF('Standard Profiles'!$G$22=$B$17,14,0)+IF('Standard Profiles'!$G$22=$B$24,21,0),0)),0)</f>
        <v>0</v>
      </c>
      <c r="I1663">
        <f t="shared" si="195"/>
        <v>0.85121249985282854</v>
      </c>
      <c r="J1663">
        <f t="shared" si="196"/>
        <v>10.182903494129329</v>
      </c>
      <c r="K1663">
        <f t="shared" si="197"/>
        <v>0.61471093537397226</v>
      </c>
      <c r="L1663">
        <f t="shared" si="198"/>
        <v>0.30735546768698613</v>
      </c>
      <c r="M1663">
        <f t="shared" si="199"/>
        <v>0</v>
      </c>
      <c r="N1663" s="45">
        <f t="shared" si="200"/>
        <v>44994.874999996049</v>
      </c>
    </row>
    <row r="1664" spans="2:14" x14ac:dyDescent="0.25">
      <c r="B1664">
        <f t="shared" si="194"/>
        <v>4</v>
      </c>
      <c r="C1664" s="16">
        <v>1630</v>
      </c>
      <c r="D1664" cm="1">
        <f t="array" ref="D1664">IFERROR(INDEX(Jesper!AH$2:AH$366,ROUNDDOWN($C1664/24,0)+1,1)*INDEX($D$3:$AA$30,INDEX(Jesper!$R$2:$R$366,ROW(INDEX(Jesper!AH$2:AH$366,ROUNDDOWN($C1664/24,0)+1,1))-1)+IF('Standard Profiles'!$G$18=$B$10,7,0)+IF('Standard Profiles'!$G$18=$B$17,14,0)+IF('Standard Profiles'!$G$18=$B$24,21,0),MOD($C1664,24)+1)/SUM(INDEX($D$3:$AA$30,INDEX(Jesper!$R$2:$R$366,ROW(INDEX(Jesper!AH$2:AH$366,ROUNDDOWN($C1664/24,0)+1,1))-1)+IF('Standard Profiles'!$G$18=$B$10,7,0)+IF('Standard Profiles'!$G$18=$B$17,14,0)+IF('Standard Profiles'!$G$18=$B$24,21,0),0)),0)</f>
        <v>5.7629150191309897</v>
      </c>
      <c r="E1664" cm="1">
        <f t="array" ref="E1664">IFERROR(INDEX(Jesper!AI$2:AI$366,ROUNDDOWN($C1664/24,0)+1,1)*INDEX($D$3:$AA$30,INDEX(Jesper!$R$2:$R$366,ROW(INDEX(Jesper!AI$2:AI$366,ROUNDDOWN($C1664/24,0)+1,1))-1)+IF('Standard Profiles'!$G$19=$B$10,7,0)+IF('Standard Profiles'!$G$19=$B$17,14,0)+IF('Standard Profiles'!$G$19=$B$24,21,0),MOD($C1664,24)+1)/SUM(INDEX($D$3:$AA$30,INDEX(Jesper!$R$2:$R$366,ROW(INDEX(Jesper!AI$2:AI$366,ROUNDDOWN($C1664/24,0)+1,1))-1)+IF('Standard Profiles'!$G$19=$B$10,7,0)+IF('Standard Profiles'!$G$19=$B$17,14,0)+IF('Standard Profiles'!$G$19=$B$24,21,0),0)),0)</f>
        <v>4.4199080032187323</v>
      </c>
      <c r="F1664" cm="1">
        <f t="array" ref="F1664">IFERROR(INDEX(Jesper!AJ$2:AJ$366,ROUNDDOWN($C1664/24,0)+1,1)*INDEX($D$3:$AA$30,INDEX(Jesper!$R$2:$R$366,ROW(INDEX(Jesper!AJ$2:AJ$366,ROUNDDOWN($C1664/24,0)+1,1))-1)+IF('Standard Profiles'!$G$20=$B$10,7,0)+IF('Standard Profiles'!$G$20=$B$17,14,0)+IF('Standard Profiles'!$G$20=$B$24,21,0),MOD($C1664,24)+1)/SUM(INDEX($D$3:$AA$30,INDEX(Jesper!$R$2:$R$366,ROW(INDEX(Jesper!AJ$2:AJ$366,ROUNDDOWN($C1664/24,0)+1,1))-1)+IF('Standard Profiles'!$G$20=$B$10,7,0)+IF('Standard Profiles'!$G$20=$B$17,14,0)+IF('Standard Profiles'!$G$20=$B$24,21,0),0)),0)</f>
        <v>0</v>
      </c>
      <c r="G1664" cm="1">
        <f t="array" ref="G1664">IFERROR(INDEX(Jesper!AK$2:AK$366,ROUNDDOWN($C1664/24,0)+1,1)*INDEX($D$3:$AA$30,INDEX(Jesper!$R$2:$R$366,ROW(INDEX(Jesper!AK$2:AK$366,ROUNDDOWN($C1664/24,0)+1,1))-1)+IF('Standard Profiles'!$G$21=$B$10,7,0)+IF('Standard Profiles'!$G$21=$B$17,14,0)+IF('Standard Profiles'!$G$21=$B$24,21,0),MOD($C1664,24)+1)/SUM(INDEX($D$3:$AA$30,INDEX(Jesper!$R$2:$R$366,ROW(INDEX(Jesper!AK$2:AK$366,ROUNDDOWN($C1664/24,0)+1,1))-1)+IF('Standard Profiles'!$G$21=$B$10,7,0)+IF('Standard Profiles'!$G$21=$B$17,14,0)+IF('Standard Profiles'!$G$21=$B$24,21,0),0)),0)</f>
        <v>1.7733593746933938</v>
      </c>
      <c r="H1664" cm="1">
        <f t="array" ref="H1664">IFERROR(INDEX(Jesper!AL$2:AL$366,ROUNDDOWN($C1664/24,0)+1,1)*INDEX($D$3:$AA$30,INDEX(Jesper!$R$2:$R$366,ROW(INDEX(Jesper!AL$2:AL$366,ROUNDDOWN($C1664/24,0)+1,1))-1)+IF('Standard Profiles'!$G$22=$B$10,7,0)+IF('Standard Profiles'!$G$22=$B$17,14,0)+IF('Standard Profiles'!$G$22=$B$24,21,0),MOD($C1664,24)+1)/SUM(INDEX($D$3:$AA$30,INDEX(Jesper!$R$2:$R$366,ROW(INDEX(Jesper!AL$2:AL$366,ROUNDDOWN($C1664/24,0)+1,1))-1)+IF('Standard Profiles'!$G$22=$B$10,7,0)+IF('Standard Profiles'!$G$22=$B$17,14,0)+IF('Standard Profiles'!$G$22=$B$24,21,0),0)),0)</f>
        <v>0</v>
      </c>
      <c r="I1664">
        <f t="shared" si="195"/>
        <v>0.85121249985282854</v>
      </c>
      <c r="J1664">
        <f t="shared" si="196"/>
        <v>10.182903494129329</v>
      </c>
      <c r="K1664">
        <f t="shared" si="197"/>
        <v>0.61471093537397226</v>
      </c>
      <c r="L1664">
        <f t="shared" si="198"/>
        <v>0.30735546768698613</v>
      </c>
      <c r="M1664">
        <f t="shared" si="199"/>
        <v>0</v>
      </c>
      <c r="N1664" s="45">
        <f t="shared" si="200"/>
        <v>44994.916666662713</v>
      </c>
    </row>
    <row r="1665" spans="2:14" x14ac:dyDescent="0.25">
      <c r="B1665">
        <f t="shared" si="194"/>
        <v>4</v>
      </c>
      <c r="C1665" s="16">
        <v>1631</v>
      </c>
      <c r="D1665" cm="1">
        <f t="array" ref="D1665">IFERROR(INDEX(Jesper!AH$2:AH$366,ROUNDDOWN($C1665/24,0)+1,1)*INDEX($D$3:$AA$30,INDEX(Jesper!$R$2:$R$366,ROW(INDEX(Jesper!AH$2:AH$366,ROUNDDOWN($C1665/24,0)+1,1))-1)+IF('Standard Profiles'!$G$18=$B$10,7,0)+IF('Standard Profiles'!$G$18=$B$17,14,0)+IF('Standard Profiles'!$G$18=$B$24,21,0),MOD($C1665,24)+1)/SUM(INDEX($D$3:$AA$30,INDEX(Jesper!$R$2:$R$366,ROW(INDEX(Jesper!AH$2:AH$366,ROUNDDOWN($C1665/24,0)+1,1))-1)+IF('Standard Profiles'!$G$18=$B$10,7,0)+IF('Standard Profiles'!$G$18=$B$17,14,0)+IF('Standard Profiles'!$G$18=$B$24,21,0),0)),0)</f>
        <v>5.7629150191309897</v>
      </c>
      <c r="E1665" cm="1">
        <f t="array" ref="E1665">IFERROR(INDEX(Jesper!AI$2:AI$366,ROUNDDOWN($C1665/24,0)+1,1)*INDEX($D$3:$AA$30,INDEX(Jesper!$R$2:$R$366,ROW(INDEX(Jesper!AI$2:AI$366,ROUNDDOWN($C1665/24,0)+1,1))-1)+IF('Standard Profiles'!$G$19=$B$10,7,0)+IF('Standard Profiles'!$G$19=$B$17,14,0)+IF('Standard Profiles'!$G$19=$B$24,21,0),MOD($C1665,24)+1)/SUM(INDEX($D$3:$AA$30,INDEX(Jesper!$R$2:$R$366,ROW(INDEX(Jesper!AI$2:AI$366,ROUNDDOWN($C1665/24,0)+1,1))-1)+IF('Standard Profiles'!$G$19=$B$10,7,0)+IF('Standard Profiles'!$G$19=$B$17,14,0)+IF('Standard Profiles'!$G$19=$B$24,21,0),0)),0)</f>
        <v>4.4199080032187323</v>
      </c>
      <c r="F1665" cm="1">
        <f t="array" ref="F1665">IFERROR(INDEX(Jesper!AJ$2:AJ$366,ROUNDDOWN($C1665/24,0)+1,1)*INDEX($D$3:$AA$30,INDEX(Jesper!$R$2:$R$366,ROW(INDEX(Jesper!AJ$2:AJ$366,ROUNDDOWN($C1665/24,0)+1,1))-1)+IF('Standard Profiles'!$G$20=$B$10,7,0)+IF('Standard Profiles'!$G$20=$B$17,14,0)+IF('Standard Profiles'!$G$20=$B$24,21,0),MOD($C1665,24)+1)/SUM(INDEX($D$3:$AA$30,INDEX(Jesper!$R$2:$R$366,ROW(INDEX(Jesper!AJ$2:AJ$366,ROUNDDOWN($C1665/24,0)+1,1))-1)+IF('Standard Profiles'!$G$20=$B$10,7,0)+IF('Standard Profiles'!$G$20=$B$17,14,0)+IF('Standard Profiles'!$G$20=$B$24,21,0),0)),0)</f>
        <v>0</v>
      </c>
      <c r="G1665" cm="1">
        <f t="array" ref="G1665">IFERROR(INDEX(Jesper!AK$2:AK$366,ROUNDDOWN($C1665/24,0)+1,1)*INDEX($D$3:$AA$30,INDEX(Jesper!$R$2:$R$366,ROW(INDEX(Jesper!AK$2:AK$366,ROUNDDOWN($C1665/24,0)+1,1))-1)+IF('Standard Profiles'!$G$21=$B$10,7,0)+IF('Standard Profiles'!$G$21=$B$17,14,0)+IF('Standard Profiles'!$G$21=$B$24,21,0),MOD($C1665,24)+1)/SUM(INDEX($D$3:$AA$30,INDEX(Jesper!$R$2:$R$366,ROW(INDEX(Jesper!AK$2:AK$366,ROUNDDOWN($C1665/24,0)+1,1))-1)+IF('Standard Profiles'!$G$21=$B$10,7,0)+IF('Standard Profiles'!$G$21=$B$17,14,0)+IF('Standard Profiles'!$G$21=$B$24,21,0),0)),0)</f>
        <v>1.7733593746933938</v>
      </c>
      <c r="H1665" cm="1">
        <f t="array" ref="H1665">IFERROR(INDEX(Jesper!AL$2:AL$366,ROUNDDOWN($C1665/24,0)+1,1)*INDEX($D$3:$AA$30,INDEX(Jesper!$R$2:$R$366,ROW(INDEX(Jesper!AL$2:AL$366,ROUNDDOWN($C1665/24,0)+1,1))-1)+IF('Standard Profiles'!$G$22=$B$10,7,0)+IF('Standard Profiles'!$G$22=$B$17,14,0)+IF('Standard Profiles'!$G$22=$B$24,21,0),MOD($C1665,24)+1)/SUM(INDEX($D$3:$AA$30,INDEX(Jesper!$R$2:$R$366,ROW(INDEX(Jesper!AL$2:AL$366,ROUNDDOWN($C1665/24,0)+1,1))-1)+IF('Standard Profiles'!$G$22=$B$10,7,0)+IF('Standard Profiles'!$G$22=$B$17,14,0)+IF('Standard Profiles'!$G$22=$B$24,21,0),0)),0)</f>
        <v>0</v>
      </c>
      <c r="I1665">
        <f t="shared" si="195"/>
        <v>0.85121249985282854</v>
      </c>
      <c r="J1665">
        <f t="shared" si="196"/>
        <v>10.182903494129329</v>
      </c>
      <c r="K1665">
        <f t="shared" si="197"/>
        <v>0.61471093537397226</v>
      </c>
      <c r="L1665">
        <f t="shared" si="198"/>
        <v>0.30735546768698613</v>
      </c>
      <c r="M1665">
        <f t="shared" si="199"/>
        <v>0</v>
      </c>
      <c r="N1665" s="45">
        <f t="shared" si="200"/>
        <v>44994.958333329378</v>
      </c>
    </row>
    <row r="1666" spans="2:14" x14ac:dyDescent="0.25">
      <c r="B1666">
        <f t="shared" si="194"/>
        <v>5</v>
      </c>
      <c r="C1666" s="16">
        <v>1632</v>
      </c>
      <c r="D1666" cm="1">
        <f t="array" ref="D1666">IFERROR(INDEX(Jesper!AH$2:AH$366,ROUNDDOWN($C1666/24,0)+1,1)*INDEX($D$3:$AA$30,INDEX(Jesper!$R$2:$R$366,ROW(INDEX(Jesper!AH$2:AH$366,ROUNDDOWN($C1666/24,0)+1,1))-1)+IF('Standard Profiles'!$G$18=$B$10,7,0)+IF('Standard Profiles'!$G$18=$B$17,14,0)+IF('Standard Profiles'!$G$18=$B$24,21,0),MOD($C1666,24)+1)/SUM(INDEX($D$3:$AA$30,INDEX(Jesper!$R$2:$R$366,ROW(INDEX(Jesper!AH$2:AH$366,ROUNDDOWN($C1666/24,0)+1,1))-1)+IF('Standard Profiles'!$G$18=$B$10,7,0)+IF('Standard Profiles'!$G$18=$B$17,14,0)+IF('Standard Profiles'!$G$18=$B$24,21,0),0)),0)</f>
        <v>8.8541258617508216</v>
      </c>
      <c r="E1666" cm="1">
        <f t="array" ref="E1666">IFERROR(INDEX(Jesper!AI$2:AI$366,ROUNDDOWN($C1666/24,0)+1,1)*INDEX($D$3:$AA$30,INDEX(Jesper!$R$2:$R$366,ROW(INDEX(Jesper!AI$2:AI$366,ROUNDDOWN($C1666/24,0)+1,1))-1)+IF('Standard Profiles'!$G$19=$B$10,7,0)+IF('Standard Profiles'!$G$19=$B$17,14,0)+IF('Standard Profiles'!$G$19=$B$24,21,0),MOD($C1666,24)+1)/SUM(INDEX($D$3:$AA$30,INDEX(Jesper!$R$2:$R$366,ROW(INDEX(Jesper!AI$2:AI$366,ROUNDDOWN($C1666/24,0)+1,1))-1)+IF('Standard Profiles'!$G$19=$B$10,7,0)+IF('Standard Profiles'!$G$19=$B$17,14,0)+IF('Standard Profiles'!$G$19=$B$24,21,0),0)),0)</f>
        <v>7.1283879032314417</v>
      </c>
      <c r="F1666" cm="1">
        <f t="array" ref="F1666">IFERROR(INDEX(Jesper!AJ$2:AJ$366,ROUNDDOWN($C1666/24,0)+1,1)*INDEX($D$3:$AA$30,INDEX(Jesper!$R$2:$R$366,ROW(INDEX(Jesper!AJ$2:AJ$366,ROUNDDOWN($C1666/24,0)+1,1))-1)+IF('Standard Profiles'!$G$20=$B$10,7,0)+IF('Standard Profiles'!$G$20=$B$17,14,0)+IF('Standard Profiles'!$G$20=$B$24,21,0),MOD($C1666,24)+1)/SUM(INDEX($D$3:$AA$30,INDEX(Jesper!$R$2:$R$366,ROW(INDEX(Jesper!AJ$2:AJ$366,ROUNDDOWN($C1666/24,0)+1,1))-1)+IF('Standard Profiles'!$G$20=$B$10,7,0)+IF('Standard Profiles'!$G$20=$B$17,14,0)+IF('Standard Profiles'!$G$20=$B$24,21,0),0)),0)</f>
        <v>0</v>
      </c>
      <c r="G1666" cm="1">
        <f t="array" ref="G1666">IFERROR(INDEX(Jesper!AK$2:AK$366,ROUNDDOWN($C1666/24,0)+1,1)*INDEX($D$3:$AA$30,INDEX(Jesper!$R$2:$R$366,ROW(INDEX(Jesper!AK$2:AK$366,ROUNDDOWN($C1666/24,0)+1,1))-1)+IF('Standard Profiles'!$G$21=$B$10,7,0)+IF('Standard Profiles'!$G$21=$B$17,14,0)+IF('Standard Profiles'!$G$21=$B$24,21,0),MOD($C1666,24)+1)/SUM(INDEX($D$3:$AA$30,INDEX(Jesper!$R$2:$R$366,ROW(INDEX(Jesper!AK$2:AK$366,ROUNDDOWN($C1666/24,0)+1,1))-1)+IF('Standard Profiles'!$G$21=$B$10,7,0)+IF('Standard Profiles'!$G$21=$B$17,14,0)+IF('Standard Profiles'!$G$21=$B$24,21,0),0)),0)</f>
        <v>2.3196601305540825</v>
      </c>
      <c r="H1666" cm="1">
        <f t="array" ref="H1666">IFERROR(INDEX(Jesper!AL$2:AL$366,ROUNDDOWN($C1666/24,0)+1,1)*INDEX($D$3:$AA$30,INDEX(Jesper!$R$2:$R$366,ROW(INDEX(Jesper!AL$2:AL$366,ROUNDDOWN($C1666/24,0)+1,1))-1)+IF('Standard Profiles'!$G$22=$B$10,7,0)+IF('Standard Profiles'!$G$22=$B$17,14,0)+IF('Standard Profiles'!$G$22=$B$24,21,0),MOD($C1666,24)+1)/SUM(INDEX($D$3:$AA$30,INDEX(Jesper!$R$2:$R$366,ROW(INDEX(Jesper!AL$2:AL$366,ROUNDDOWN($C1666/24,0)+1,1))-1)+IF('Standard Profiles'!$G$22=$B$10,7,0)+IF('Standard Profiles'!$G$22=$B$17,14,0)+IF('Standard Profiles'!$G$22=$B$24,21,0),0)),0)</f>
        <v>0</v>
      </c>
      <c r="I1666">
        <f t="shared" si="195"/>
        <v>1.113436862665959</v>
      </c>
      <c r="J1666">
        <f t="shared" si="196"/>
        <v>15.772076894990256</v>
      </c>
      <c r="K1666">
        <f t="shared" si="197"/>
        <v>0.94444009192008771</v>
      </c>
      <c r="L1666">
        <f t="shared" si="198"/>
        <v>0.47222004596004385</v>
      </c>
      <c r="M1666">
        <f t="shared" si="199"/>
        <v>0</v>
      </c>
      <c r="N1666" s="45">
        <f t="shared" si="200"/>
        <v>44994.999999996042</v>
      </c>
    </row>
    <row r="1667" spans="2:14" x14ac:dyDescent="0.25">
      <c r="B1667">
        <f t="shared" si="194"/>
        <v>5</v>
      </c>
      <c r="C1667" s="16">
        <v>1633</v>
      </c>
      <c r="D1667" cm="1">
        <f t="array" ref="D1667">IFERROR(INDEX(Jesper!AH$2:AH$366,ROUNDDOWN($C1667/24,0)+1,1)*INDEX($D$3:$AA$30,INDEX(Jesper!$R$2:$R$366,ROW(INDEX(Jesper!AH$2:AH$366,ROUNDDOWN($C1667/24,0)+1,1))-1)+IF('Standard Profiles'!$G$18=$B$10,7,0)+IF('Standard Profiles'!$G$18=$B$17,14,0)+IF('Standard Profiles'!$G$18=$B$24,21,0),MOD($C1667,24)+1)/SUM(INDEX($D$3:$AA$30,INDEX(Jesper!$R$2:$R$366,ROW(INDEX(Jesper!AH$2:AH$366,ROUNDDOWN($C1667/24,0)+1,1))-1)+IF('Standard Profiles'!$G$18=$B$10,7,0)+IF('Standard Profiles'!$G$18=$B$17,14,0)+IF('Standard Profiles'!$G$18=$B$24,21,0),0)),0)</f>
        <v>5.3661368859095884</v>
      </c>
      <c r="E1667" cm="1">
        <f t="array" ref="E1667">IFERROR(INDEX(Jesper!AI$2:AI$366,ROUNDDOWN($C1667/24,0)+1,1)*INDEX($D$3:$AA$30,INDEX(Jesper!$R$2:$R$366,ROW(INDEX(Jesper!AI$2:AI$366,ROUNDDOWN($C1667/24,0)+1,1))-1)+IF('Standard Profiles'!$G$19=$B$10,7,0)+IF('Standard Profiles'!$G$19=$B$17,14,0)+IF('Standard Profiles'!$G$19=$B$24,21,0),MOD($C1667,24)+1)/SUM(INDEX($D$3:$AA$30,INDEX(Jesper!$R$2:$R$366,ROW(INDEX(Jesper!AI$2:AI$366,ROUNDDOWN($C1667/24,0)+1,1))-1)+IF('Standard Profiles'!$G$19=$B$10,7,0)+IF('Standard Profiles'!$G$19=$B$17,14,0)+IF('Standard Profiles'!$G$19=$B$24,21,0),0)),0)</f>
        <v>4.3202350928675397</v>
      </c>
      <c r="F1667" cm="1">
        <f t="array" ref="F1667">IFERROR(INDEX(Jesper!AJ$2:AJ$366,ROUNDDOWN($C1667/24,0)+1,1)*INDEX($D$3:$AA$30,INDEX(Jesper!$R$2:$R$366,ROW(INDEX(Jesper!AJ$2:AJ$366,ROUNDDOWN($C1667/24,0)+1,1))-1)+IF('Standard Profiles'!$G$20=$B$10,7,0)+IF('Standard Profiles'!$G$20=$B$17,14,0)+IF('Standard Profiles'!$G$20=$B$24,21,0),MOD($C1667,24)+1)/SUM(INDEX($D$3:$AA$30,INDEX(Jesper!$R$2:$R$366,ROW(INDEX(Jesper!AJ$2:AJ$366,ROUNDDOWN($C1667/24,0)+1,1))-1)+IF('Standard Profiles'!$G$20=$B$10,7,0)+IF('Standard Profiles'!$G$20=$B$17,14,0)+IF('Standard Profiles'!$G$20=$B$24,21,0),0)),0)</f>
        <v>0</v>
      </c>
      <c r="G1667" cm="1">
        <f t="array" ref="G1667">IFERROR(INDEX(Jesper!AK$2:AK$366,ROUNDDOWN($C1667/24,0)+1,1)*INDEX($D$3:$AA$30,INDEX(Jesper!$R$2:$R$366,ROW(INDEX(Jesper!AK$2:AK$366,ROUNDDOWN($C1667/24,0)+1,1))-1)+IF('Standard Profiles'!$G$21=$B$10,7,0)+IF('Standard Profiles'!$G$21=$B$17,14,0)+IF('Standard Profiles'!$G$21=$B$24,21,0),MOD($C1667,24)+1)/SUM(INDEX($D$3:$AA$30,INDEX(Jesper!$R$2:$R$366,ROW(INDEX(Jesper!AK$2:AK$366,ROUNDDOWN($C1667/24,0)+1,1))-1)+IF('Standard Profiles'!$G$21=$B$10,7,0)+IF('Standard Profiles'!$G$21=$B$17,14,0)+IF('Standard Profiles'!$G$21=$B$24,21,0),0)),0)</f>
        <v>2.3196601305540825</v>
      </c>
      <c r="H1667" cm="1">
        <f t="array" ref="H1667">IFERROR(INDEX(Jesper!AL$2:AL$366,ROUNDDOWN($C1667/24,0)+1,1)*INDEX($D$3:$AA$30,INDEX(Jesper!$R$2:$R$366,ROW(INDEX(Jesper!AL$2:AL$366,ROUNDDOWN($C1667/24,0)+1,1))-1)+IF('Standard Profiles'!$G$22=$B$10,7,0)+IF('Standard Profiles'!$G$22=$B$17,14,0)+IF('Standard Profiles'!$G$22=$B$24,21,0),MOD($C1667,24)+1)/SUM(INDEX($D$3:$AA$30,INDEX(Jesper!$R$2:$R$366,ROW(INDEX(Jesper!AL$2:AL$366,ROUNDDOWN($C1667/24,0)+1,1))-1)+IF('Standard Profiles'!$G$22=$B$10,7,0)+IF('Standard Profiles'!$G$22=$B$17,14,0)+IF('Standard Profiles'!$G$22=$B$24,21,0),0)),0)</f>
        <v>0</v>
      </c>
      <c r="I1667">
        <f t="shared" si="195"/>
        <v>1.113436862665959</v>
      </c>
      <c r="J1667">
        <f t="shared" si="196"/>
        <v>10.034013344919718</v>
      </c>
      <c r="K1667">
        <f t="shared" si="197"/>
        <v>0.57238793449702274</v>
      </c>
      <c r="L1667">
        <f t="shared" si="198"/>
        <v>0.28619396724851137</v>
      </c>
      <c r="M1667">
        <f t="shared" si="199"/>
        <v>0</v>
      </c>
      <c r="N1667" s="45">
        <f t="shared" si="200"/>
        <v>44995.041666662706</v>
      </c>
    </row>
    <row r="1668" spans="2:14" x14ac:dyDescent="0.25">
      <c r="B1668">
        <f t="shared" si="194"/>
        <v>5</v>
      </c>
      <c r="C1668" s="16">
        <v>1634</v>
      </c>
      <c r="D1668" cm="1">
        <f t="array" ref="D1668">IFERROR(INDEX(Jesper!AH$2:AH$366,ROUNDDOWN($C1668/24,0)+1,1)*INDEX($D$3:$AA$30,INDEX(Jesper!$R$2:$R$366,ROW(INDEX(Jesper!AH$2:AH$366,ROUNDDOWN($C1668/24,0)+1,1))-1)+IF('Standard Profiles'!$G$18=$B$10,7,0)+IF('Standard Profiles'!$G$18=$B$17,14,0)+IF('Standard Profiles'!$G$18=$B$24,21,0),MOD($C1668,24)+1)/SUM(INDEX($D$3:$AA$30,INDEX(Jesper!$R$2:$R$366,ROW(INDEX(Jesper!AH$2:AH$366,ROUNDDOWN($C1668/24,0)+1,1))-1)+IF('Standard Profiles'!$G$18=$B$10,7,0)+IF('Standard Profiles'!$G$18=$B$17,14,0)+IF('Standard Profiles'!$G$18=$B$24,21,0),0)),0)</f>
        <v>5.3661368859095884</v>
      </c>
      <c r="E1668" cm="1">
        <f t="array" ref="E1668">IFERROR(INDEX(Jesper!AI$2:AI$366,ROUNDDOWN($C1668/24,0)+1,1)*INDEX($D$3:$AA$30,INDEX(Jesper!$R$2:$R$366,ROW(INDEX(Jesper!AI$2:AI$366,ROUNDDOWN($C1668/24,0)+1,1))-1)+IF('Standard Profiles'!$G$19=$B$10,7,0)+IF('Standard Profiles'!$G$19=$B$17,14,0)+IF('Standard Profiles'!$G$19=$B$24,21,0),MOD($C1668,24)+1)/SUM(INDEX($D$3:$AA$30,INDEX(Jesper!$R$2:$R$366,ROW(INDEX(Jesper!AI$2:AI$366,ROUNDDOWN($C1668/24,0)+1,1))-1)+IF('Standard Profiles'!$G$19=$B$10,7,0)+IF('Standard Profiles'!$G$19=$B$17,14,0)+IF('Standard Profiles'!$G$19=$B$24,21,0),0)),0)</f>
        <v>4.3202350928675397</v>
      </c>
      <c r="F1668" cm="1">
        <f t="array" ref="F1668">IFERROR(INDEX(Jesper!AJ$2:AJ$366,ROUNDDOWN($C1668/24,0)+1,1)*INDEX($D$3:$AA$30,INDEX(Jesper!$R$2:$R$366,ROW(INDEX(Jesper!AJ$2:AJ$366,ROUNDDOWN($C1668/24,0)+1,1))-1)+IF('Standard Profiles'!$G$20=$B$10,7,0)+IF('Standard Profiles'!$G$20=$B$17,14,0)+IF('Standard Profiles'!$G$20=$B$24,21,0),MOD($C1668,24)+1)/SUM(INDEX($D$3:$AA$30,INDEX(Jesper!$R$2:$R$366,ROW(INDEX(Jesper!AJ$2:AJ$366,ROUNDDOWN($C1668/24,0)+1,1))-1)+IF('Standard Profiles'!$G$20=$B$10,7,0)+IF('Standard Profiles'!$G$20=$B$17,14,0)+IF('Standard Profiles'!$G$20=$B$24,21,0),0)),0)</f>
        <v>0</v>
      </c>
      <c r="G1668" cm="1">
        <f t="array" ref="G1668">IFERROR(INDEX(Jesper!AK$2:AK$366,ROUNDDOWN($C1668/24,0)+1,1)*INDEX($D$3:$AA$30,INDEX(Jesper!$R$2:$R$366,ROW(INDEX(Jesper!AK$2:AK$366,ROUNDDOWN($C1668/24,0)+1,1))-1)+IF('Standard Profiles'!$G$21=$B$10,7,0)+IF('Standard Profiles'!$G$21=$B$17,14,0)+IF('Standard Profiles'!$G$21=$B$24,21,0),MOD($C1668,24)+1)/SUM(INDEX($D$3:$AA$30,INDEX(Jesper!$R$2:$R$366,ROW(INDEX(Jesper!AK$2:AK$366,ROUNDDOWN($C1668/24,0)+1,1))-1)+IF('Standard Profiles'!$G$21=$B$10,7,0)+IF('Standard Profiles'!$G$21=$B$17,14,0)+IF('Standard Profiles'!$G$21=$B$24,21,0),0)),0)</f>
        <v>2.3196601305540825</v>
      </c>
      <c r="H1668" cm="1">
        <f t="array" ref="H1668">IFERROR(INDEX(Jesper!AL$2:AL$366,ROUNDDOWN($C1668/24,0)+1,1)*INDEX($D$3:$AA$30,INDEX(Jesper!$R$2:$R$366,ROW(INDEX(Jesper!AL$2:AL$366,ROUNDDOWN($C1668/24,0)+1,1))-1)+IF('Standard Profiles'!$G$22=$B$10,7,0)+IF('Standard Profiles'!$G$22=$B$17,14,0)+IF('Standard Profiles'!$G$22=$B$24,21,0),MOD($C1668,24)+1)/SUM(INDEX($D$3:$AA$30,INDEX(Jesper!$R$2:$R$366,ROW(INDEX(Jesper!AL$2:AL$366,ROUNDDOWN($C1668/24,0)+1,1))-1)+IF('Standard Profiles'!$G$22=$B$10,7,0)+IF('Standard Profiles'!$G$22=$B$17,14,0)+IF('Standard Profiles'!$G$22=$B$24,21,0),0)),0)</f>
        <v>0</v>
      </c>
      <c r="I1668">
        <f t="shared" si="195"/>
        <v>1.113436862665959</v>
      </c>
      <c r="J1668">
        <f t="shared" si="196"/>
        <v>10.034013344919718</v>
      </c>
      <c r="K1668">
        <f t="shared" si="197"/>
        <v>0.57238793449702274</v>
      </c>
      <c r="L1668">
        <f t="shared" si="198"/>
        <v>0.28619396724851137</v>
      </c>
      <c r="M1668">
        <f t="shared" si="199"/>
        <v>0</v>
      </c>
      <c r="N1668" s="45">
        <f t="shared" si="200"/>
        <v>44995.08333332937</v>
      </c>
    </row>
    <row r="1669" spans="2:14" x14ac:dyDescent="0.25">
      <c r="B1669">
        <f t="shared" si="194"/>
        <v>5</v>
      </c>
      <c r="C1669" s="16">
        <v>1635</v>
      </c>
      <c r="D1669" cm="1">
        <f t="array" ref="D1669">IFERROR(INDEX(Jesper!AH$2:AH$366,ROUNDDOWN($C1669/24,0)+1,1)*INDEX($D$3:$AA$30,INDEX(Jesper!$R$2:$R$366,ROW(INDEX(Jesper!AH$2:AH$366,ROUNDDOWN($C1669/24,0)+1,1))-1)+IF('Standard Profiles'!$G$18=$B$10,7,0)+IF('Standard Profiles'!$G$18=$B$17,14,0)+IF('Standard Profiles'!$G$18=$B$24,21,0),MOD($C1669,24)+1)/SUM(INDEX($D$3:$AA$30,INDEX(Jesper!$R$2:$R$366,ROW(INDEX(Jesper!AH$2:AH$366,ROUNDDOWN($C1669/24,0)+1,1))-1)+IF('Standard Profiles'!$G$18=$B$10,7,0)+IF('Standard Profiles'!$G$18=$B$17,14,0)+IF('Standard Profiles'!$G$18=$B$24,21,0),0)),0)</f>
        <v>5.3661368859095884</v>
      </c>
      <c r="E1669" cm="1">
        <f t="array" ref="E1669">IFERROR(INDEX(Jesper!AI$2:AI$366,ROUNDDOWN($C1669/24,0)+1,1)*INDEX($D$3:$AA$30,INDEX(Jesper!$R$2:$R$366,ROW(INDEX(Jesper!AI$2:AI$366,ROUNDDOWN($C1669/24,0)+1,1))-1)+IF('Standard Profiles'!$G$19=$B$10,7,0)+IF('Standard Profiles'!$G$19=$B$17,14,0)+IF('Standard Profiles'!$G$19=$B$24,21,0),MOD($C1669,24)+1)/SUM(INDEX($D$3:$AA$30,INDEX(Jesper!$R$2:$R$366,ROW(INDEX(Jesper!AI$2:AI$366,ROUNDDOWN($C1669/24,0)+1,1))-1)+IF('Standard Profiles'!$G$19=$B$10,7,0)+IF('Standard Profiles'!$G$19=$B$17,14,0)+IF('Standard Profiles'!$G$19=$B$24,21,0),0)),0)</f>
        <v>4.3202350928675397</v>
      </c>
      <c r="F1669" cm="1">
        <f t="array" ref="F1669">IFERROR(INDEX(Jesper!AJ$2:AJ$366,ROUNDDOWN($C1669/24,0)+1,1)*INDEX($D$3:$AA$30,INDEX(Jesper!$R$2:$R$366,ROW(INDEX(Jesper!AJ$2:AJ$366,ROUNDDOWN($C1669/24,0)+1,1))-1)+IF('Standard Profiles'!$G$20=$B$10,7,0)+IF('Standard Profiles'!$G$20=$B$17,14,0)+IF('Standard Profiles'!$G$20=$B$24,21,0),MOD($C1669,24)+1)/SUM(INDEX($D$3:$AA$30,INDEX(Jesper!$R$2:$R$366,ROW(INDEX(Jesper!AJ$2:AJ$366,ROUNDDOWN($C1669/24,0)+1,1))-1)+IF('Standard Profiles'!$G$20=$B$10,7,0)+IF('Standard Profiles'!$G$20=$B$17,14,0)+IF('Standard Profiles'!$G$20=$B$24,21,0),0)),0)</f>
        <v>0</v>
      </c>
      <c r="G1669" cm="1">
        <f t="array" ref="G1669">IFERROR(INDEX(Jesper!AK$2:AK$366,ROUNDDOWN($C1669/24,0)+1,1)*INDEX($D$3:$AA$30,INDEX(Jesper!$R$2:$R$366,ROW(INDEX(Jesper!AK$2:AK$366,ROUNDDOWN($C1669/24,0)+1,1))-1)+IF('Standard Profiles'!$G$21=$B$10,7,0)+IF('Standard Profiles'!$G$21=$B$17,14,0)+IF('Standard Profiles'!$G$21=$B$24,21,0),MOD($C1669,24)+1)/SUM(INDEX($D$3:$AA$30,INDEX(Jesper!$R$2:$R$366,ROW(INDEX(Jesper!AK$2:AK$366,ROUNDDOWN($C1669/24,0)+1,1))-1)+IF('Standard Profiles'!$G$21=$B$10,7,0)+IF('Standard Profiles'!$G$21=$B$17,14,0)+IF('Standard Profiles'!$G$21=$B$24,21,0),0)),0)</f>
        <v>2.3196601305540825</v>
      </c>
      <c r="H1669" cm="1">
        <f t="array" ref="H1669">IFERROR(INDEX(Jesper!AL$2:AL$366,ROUNDDOWN($C1669/24,0)+1,1)*INDEX($D$3:$AA$30,INDEX(Jesper!$R$2:$R$366,ROW(INDEX(Jesper!AL$2:AL$366,ROUNDDOWN($C1669/24,0)+1,1))-1)+IF('Standard Profiles'!$G$22=$B$10,7,0)+IF('Standard Profiles'!$G$22=$B$17,14,0)+IF('Standard Profiles'!$G$22=$B$24,21,0),MOD($C1669,24)+1)/SUM(INDEX($D$3:$AA$30,INDEX(Jesper!$R$2:$R$366,ROW(INDEX(Jesper!AL$2:AL$366,ROUNDDOWN($C1669/24,0)+1,1))-1)+IF('Standard Profiles'!$G$22=$B$10,7,0)+IF('Standard Profiles'!$G$22=$B$17,14,0)+IF('Standard Profiles'!$G$22=$B$24,21,0),0)),0)</f>
        <v>0</v>
      </c>
      <c r="I1669">
        <f t="shared" si="195"/>
        <v>1.113436862665959</v>
      </c>
      <c r="J1669">
        <f t="shared" si="196"/>
        <v>10.034013344919718</v>
      </c>
      <c r="K1669">
        <f t="shared" si="197"/>
        <v>0.57238793449702274</v>
      </c>
      <c r="L1669">
        <f t="shared" si="198"/>
        <v>0.28619396724851137</v>
      </c>
      <c r="M1669">
        <f t="shared" si="199"/>
        <v>0</v>
      </c>
      <c r="N1669" s="45">
        <f t="shared" si="200"/>
        <v>44995.124999996035</v>
      </c>
    </row>
    <row r="1670" spans="2:14" x14ac:dyDescent="0.25">
      <c r="B1670">
        <f t="shared" si="194"/>
        <v>5</v>
      </c>
      <c r="C1670" s="16">
        <v>1636</v>
      </c>
      <c r="D1670" cm="1">
        <f t="array" ref="D1670">IFERROR(INDEX(Jesper!AH$2:AH$366,ROUNDDOWN($C1670/24,0)+1,1)*INDEX($D$3:$AA$30,INDEX(Jesper!$R$2:$R$366,ROW(INDEX(Jesper!AH$2:AH$366,ROUNDDOWN($C1670/24,0)+1,1))-1)+IF('Standard Profiles'!$G$18=$B$10,7,0)+IF('Standard Profiles'!$G$18=$B$17,14,0)+IF('Standard Profiles'!$G$18=$B$24,21,0),MOD($C1670,24)+1)/SUM(INDEX($D$3:$AA$30,INDEX(Jesper!$R$2:$R$366,ROW(INDEX(Jesper!AH$2:AH$366,ROUNDDOWN($C1670/24,0)+1,1))-1)+IF('Standard Profiles'!$G$18=$B$10,7,0)+IF('Standard Profiles'!$G$18=$B$17,14,0)+IF('Standard Profiles'!$G$18=$B$24,21,0),0)),0)</f>
        <v>5.3661368859095884</v>
      </c>
      <c r="E1670" cm="1">
        <f t="array" ref="E1670">IFERROR(INDEX(Jesper!AI$2:AI$366,ROUNDDOWN($C1670/24,0)+1,1)*INDEX($D$3:$AA$30,INDEX(Jesper!$R$2:$R$366,ROW(INDEX(Jesper!AI$2:AI$366,ROUNDDOWN($C1670/24,0)+1,1))-1)+IF('Standard Profiles'!$G$19=$B$10,7,0)+IF('Standard Profiles'!$G$19=$B$17,14,0)+IF('Standard Profiles'!$G$19=$B$24,21,0),MOD($C1670,24)+1)/SUM(INDEX($D$3:$AA$30,INDEX(Jesper!$R$2:$R$366,ROW(INDEX(Jesper!AI$2:AI$366,ROUNDDOWN($C1670/24,0)+1,1))-1)+IF('Standard Profiles'!$G$19=$B$10,7,0)+IF('Standard Profiles'!$G$19=$B$17,14,0)+IF('Standard Profiles'!$G$19=$B$24,21,0),0)),0)</f>
        <v>4.3202350928675397</v>
      </c>
      <c r="F1670" cm="1">
        <f t="array" ref="F1670">IFERROR(INDEX(Jesper!AJ$2:AJ$366,ROUNDDOWN($C1670/24,0)+1,1)*INDEX($D$3:$AA$30,INDEX(Jesper!$R$2:$R$366,ROW(INDEX(Jesper!AJ$2:AJ$366,ROUNDDOWN($C1670/24,0)+1,1))-1)+IF('Standard Profiles'!$G$20=$B$10,7,0)+IF('Standard Profiles'!$G$20=$B$17,14,0)+IF('Standard Profiles'!$G$20=$B$24,21,0),MOD($C1670,24)+1)/SUM(INDEX($D$3:$AA$30,INDEX(Jesper!$R$2:$R$366,ROW(INDEX(Jesper!AJ$2:AJ$366,ROUNDDOWN($C1670/24,0)+1,1))-1)+IF('Standard Profiles'!$G$20=$B$10,7,0)+IF('Standard Profiles'!$G$20=$B$17,14,0)+IF('Standard Profiles'!$G$20=$B$24,21,0),0)),0)</f>
        <v>0</v>
      </c>
      <c r="G1670" cm="1">
        <f t="array" ref="G1670">IFERROR(INDEX(Jesper!AK$2:AK$366,ROUNDDOWN($C1670/24,0)+1,1)*INDEX($D$3:$AA$30,INDEX(Jesper!$R$2:$R$366,ROW(INDEX(Jesper!AK$2:AK$366,ROUNDDOWN($C1670/24,0)+1,1))-1)+IF('Standard Profiles'!$G$21=$B$10,7,0)+IF('Standard Profiles'!$G$21=$B$17,14,0)+IF('Standard Profiles'!$G$21=$B$24,21,0),MOD($C1670,24)+1)/SUM(INDEX($D$3:$AA$30,INDEX(Jesper!$R$2:$R$366,ROW(INDEX(Jesper!AK$2:AK$366,ROUNDDOWN($C1670/24,0)+1,1))-1)+IF('Standard Profiles'!$G$21=$B$10,7,0)+IF('Standard Profiles'!$G$21=$B$17,14,0)+IF('Standard Profiles'!$G$21=$B$24,21,0),0)),0)</f>
        <v>2.3196601305540825</v>
      </c>
      <c r="H1670" cm="1">
        <f t="array" ref="H1670">IFERROR(INDEX(Jesper!AL$2:AL$366,ROUNDDOWN($C1670/24,0)+1,1)*INDEX($D$3:$AA$30,INDEX(Jesper!$R$2:$R$366,ROW(INDEX(Jesper!AL$2:AL$366,ROUNDDOWN($C1670/24,0)+1,1))-1)+IF('Standard Profiles'!$G$22=$B$10,7,0)+IF('Standard Profiles'!$G$22=$B$17,14,0)+IF('Standard Profiles'!$G$22=$B$24,21,0),MOD($C1670,24)+1)/SUM(INDEX($D$3:$AA$30,INDEX(Jesper!$R$2:$R$366,ROW(INDEX(Jesper!AL$2:AL$366,ROUNDDOWN($C1670/24,0)+1,1))-1)+IF('Standard Profiles'!$G$22=$B$10,7,0)+IF('Standard Profiles'!$G$22=$B$17,14,0)+IF('Standard Profiles'!$G$22=$B$24,21,0),0)),0)</f>
        <v>0</v>
      </c>
      <c r="I1670">
        <f t="shared" si="195"/>
        <v>1.113436862665959</v>
      </c>
      <c r="J1670">
        <f t="shared" si="196"/>
        <v>10.034013344919718</v>
      </c>
      <c r="K1670">
        <f t="shared" si="197"/>
        <v>0.57238793449702274</v>
      </c>
      <c r="L1670">
        <f t="shared" si="198"/>
        <v>0.28619396724851137</v>
      </c>
      <c r="M1670">
        <f t="shared" si="199"/>
        <v>0</v>
      </c>
      <c r="N1670" s="45">
        <f t="shared" si="200"/>
        <v>44995.166666662699</v>
      </c>
    </row>
    <row r="1671" spans="2:14" x14ac:dyDescent="0.25">
      <c r="B1671">
        <f t="shared" si="194"/>
        <v>5</v>
      </c>
      <c r="C1671" s="16">
        <v>1637</v>
      </c>
      <c r="D1671" cm="1">
        <f t="array" ref="D1671">IFERROR(INDEX(Jesper!AH$2:AH$366,ROUNDDOWN($C1671/24,0)+1,1)*INDEX($D$3:$AA$30,INDEX(Jesper!$R$2:$R$366,ROW(INDEX(Jesper!AH$2:AH$366,ROUNDDOWN($C1671/24,0)+1,1))-1)+IF('Standard Profiles'!$G$18=$B$10,7,0)+IF('Standard Profiles'!$G$18=$B$17,14,0)+IF('Standard Profiles'!$G$18=$B$24,21,0),MOD($C1671,24)+1)/SUM(INDEX($D$3:$AA$30,INDEX(Jesper!$R$2:$R$366,ROW(INDEX(Jesper!AH$2:AH$366,ROUNDDOWN($C1671/24,0)+1,1))-1)+IF('Standard Profiles'!$G$18=$B$10,7,0)+IF('Standard Profiles'!$G$18=$B$17,14,0)+IF('Standard Profiles'!$G$18=$B$24,21,0),0)),0)</f>
        <v>5.3661368859095884</v>
      </c>
      <c r="E1671" cm="1">
        <f t="array" ref="E1671">IFERROR(INDEX(Jesper!AI$2:AI$366,ROUNDDOWN($C1671/24,0)+1,1)*INDEX($D$3:$AA$30,INDEX(Jesper!$R$2:$R$366,ROW(INDEX(Jesper!AI$2:AI$366,ROUNDDOWN($C1671/24,0)+1,1))-1)+IF('Standard Profiles'!$G$19=$B$10,7,0)+IF('Standard Profiles'!$G$19=$B$17,14,0)+IF('Standard Profiles'!$G$19=$B$24,21,0),MOD($C1671,24)+1)/SUM(INDEX($D$3:$AA$30,INDEX(Jesper!$R$2:$R$366,ROW(INDEX(Jesper!AI$2:AI$366,ROUNDDOWN($C1671/24,0)+1,1))-1)+IF('Standard Profiles'!$G$19=$B$10,7,0)+IF('Standard Profiles'!$G$19=$B$17,14,0)+IF('Standard Profiles'!$G$19=$B$24,21,0),0)),0)</f>
        <v>4.3202350928675397</v>
      </c>
      <c r="F1671" cm="1">
        <f t="array" ref="F1671">IFERROR(INDEX(Jesper!AJ$2:AJ$366,ROUNDDOWN($C1671/24,0)+1,1)*INDEX($D$3:$AA$30,INDEX(Jesper!$R$2:$R$366,ROW(INDEX(Jesper!AJ$2:AJ$366,ROUNDDOWN($C1671/24,0)+1,1))-1)+IF('Standard Profiles'!$G$20=$B$10,7,0)+IF('Standard Profiles'!$G$20=$B$17,14,0)+IF('Standard Profiles'!$G$20=$B$24,21,0),MOD($C1671,24)+1)/SUM(INDEX($D$3:$AA$30,INDEX(Jesper!$R$2:$R$366,ROW(INDEX(Jesper!AJ$2:AJ$366,ROUNDDOWN($C1671/24,0)+1,1))-1)+IF('Standard Profiles'!$G$20=$B$10,7,0)+IF('Standard Profiles'!$G$20=$B$17,14,0)+IF('Standard Profiles'!$G$20=$B$24,21,0),0)),0)</f>
        <v>0</v>
      </c>
      <c r="G1671" cm="1">
        <f t="array" ref="G1671">IFERROR(INDEX(Jesper!AK$2:AK$366,ROUNDDOWN($C1671/24,0)+1,1)*INDEX($D$3:$AA$30,INDEX(Jesper!$R$2:$R$366,ROW(INDEX(Jesper!AK$2:AK$366,ROUNDDOWN($C1671/24,0)+1,1))-1)+IF('Standard Profiles'!$G$21=$B$10,7,0)+IF('Standard Profiles'!$G$21=$B$17,14,0)+IF('Standard Profiles'!$G$21=$B$24,21,0),MOD($C1671,24)+1)/SUM(INDEX($D$3:$AA$30,INDEX(Jesper!$R$2:$R$366,ROW(INDEX(Jesper!AK$2:AK$366,ROUNDDOWN($C1671/24,0)+1,1))-1)+IF('Standard Profiles'!$G$21=$B$10,7,0)+IF('Standard Profiles'!$G$21=$B$17,14,0)+IF('Standard Profiles'!$G$21=$B$24,21,0),0)),0)</f>
        <v>2.3196601305540825</v>
      </c>
      <c r="H1671" cm="1">
        <f t="array" ref="H1671">IFERROR(INDEX(Jesper!AL$2:AL$366,ROUNDDOWN($C1671/24,0)+1,1)*INDEX($D$3:$AA$30,INDEX(Jesper!$R$2:$R$366,ROW(INDEX(Jesper!AL$2:AL$366,ROUNDDOWN($C1671/24,0)+1,1))-1)+IF('Standard Profiles'!$G$22=$B$10,7,0)+IF('Standard Profiles'!$G$22=$B$17,14,0)+IF('Standard Profiles'!$G$22=$B$24,21,0),MOD($C1671,24)+1)/SUM(INDEX($D$3:$AA$30,INDEX(Jesper!$R$2:$R$366,ROW(INDEX(Jesper!AL$2:AL$366,ROUNDDOWN($C1671/24,0)+1,1))-1)+IF('Standard Profiles'!$G$22=$B$10,7,0)+IF('Standard Profiles'!$G$22=$B$17,14,0)+IF('Standard Profiles'!$G$22=$B$24,21,0),0)),0)</f>
        <v>0</v>
      </c>
      <c r="I1671">
        <f t="shared" si="195"/>
        <v>1.113436862665959</v>
      </c>
      <c r="J1671">
        <f t="shared" si="196"/>
        <v>10.034013344919718</v>
      </c>
      <c r="K1671">
        <f t="shared" si="197"/>
        <v>0.57238793449702274</v>
      </c>
      <c r="L1671">
        <f t="shared" si="198"/>
        <v>0.28619396724851137</v>
      </c>
      <c r="M1671">
        <f t="shared" si="199"/>
        <v>0</v>
      </c>
      <c r="N1671" s="45">
        <f t="shared" si="200"/>
        <v>44995.208333329363</v>
      </c>
    </row>
    <row r="1672" spans="2:14" x14ac:dyDescent="0.25">
      <c r="B1672">
        <f t="shared" si="194"/>
        <v>5</v>
      </c>
      <c r="C1672" s="16">
        <v>1638</v>
      </c>
      <c r="D1672" cm="1">
        <f t="array" ref="D1672">IFERROR(INDEX(Jesper!AH$2:AH$366,ROUNDDOWN($C1672/24,0)+1,1)*INDEX($D$3:$AA$30,INDEX(Jesper!$R$2:$R$366,ROW(INDEX(Jesper!AH$2:AH$366,ROUNDDOWN($C1672/24,0)+1,1))-1)+IF('Standard Profiles'!$G$18=$B$10,7,0)+IF('Standard Profiles'!$G$18=$B$17,14,0)+IF('Standard Profiles'!$G$18=$B$24,21,0),MOD($C1672,24)+1)/SUM(INDEX($D$3:$AA$30,INDEX(Jesper!$R$2:$R$366,ROW(INDEX(Jesper!AH$2:AH$366,ROUNDDOWN($C1672/24,0)+1,1))-1)+IF('Standard Profiles'!$G$18=$B$10,7,0)+IF('Standard Profiles'!$G$18=$B$17,14,0)+IF('Standard Profiles'!$G$18=$B$24,21,0),0)),0)</f>
        <v>5.3661368859095884</v>
      </c>
      <c r="E1672" cm="1">
        <f t="array" ref="E1672">IFERROR(INDEX(Jesper!AI$2:AI$366,ROUNDDOWN($C1672/24,0)+1,1)*INDEX($D$3:$AA$30,INDEX(Jesper!$R$2:$R$366,ROW(INDEX(Jesper!AI$2:AI$366,ROUNDDOWN($C1672/24,0)+1,1))-1)+IF('Standard Profiles'!$G$19=$B$10,7,0)+IF('Standard Profiles'!$G$19=$B$17,14,0)+IF('Standard Profiles'!$G$19=$B$24,21,0),MOD($C1672,24)+1)/SUM(INDEX($D$3:$AA$30,INDEX(Jesper!$R$2:$R$366,ROW(INDEX(Jesper!AI$2:AI$366,ROUNDDOWN($C1672/24,0)+1,1))-1)+IF('Standard Profiles'!$G$19=$B$10,7,0)+IF('Standard Profiles'!$G$19=$B$17,14,0)+IF('Standard Profiles'!$G$19=$B$24,21,0),0)),0)</f>
        <v>4.3202350928675397</v>
      </c>
      <c r="F1672" cm="1">
        <f t="array" ref="F1672">IFERROR(INDEX(Jesper!AJ$2:AJ$366,ROUNDDOWN($C1672/24,0)+1,1)*INDEX($D$3:$AA$30,INDEX(Jesper!$R$2:$R$366,ROW(INDEX(Jesper!AJ$2:AJ$366,ROUNDDOWN($C1672/24,0)+1,1))-1)+IF('Standard Profiles'!$G$20=$B$10,7,0)+IF('Standard Profiles'!$G$20=$B$17,14,0)+IF('Standard Profiles'!$G$20=$B$24,21,0),MOD($C1672,24)+1)/SUM(INDEX($D$3:$AA$30,INDEX(Jesper!$R$2:$R$366,ROW(INDEX(Jesper!AJ$2:AJ$366,ROUNDDOWN($C1672/24,0)+1,1))-1)+IF('Standard Profiles'!$G$20=$B$10,7,0)+IF('Standard Profiles'!$G$20=$B$17,14,0)+IF('Standard Profiles'!$G$20=$B$24,21,0),0)),0)</f>
        <v>0</v>
      </c>
      <c r="G1672" cm="1">
        <f t="array" ref="G1672">IFERROR(INDEX(Jesper!AK$2:AK$366,ROUNDDOWN($C1672/24,0)+1,1)*INDEX($D$3:$AA$30,INDEX(Jesper!$R$2:$R$366,ROW(INDEX(Jesper!AK$2:AK$366,ROUNDDOWN($C1672/24,0)+1,1))-1)+IF('Standard Profiles'!$G$21=$B$10,7,0)+IF('Standard Profiles'!$G$21=$B$17,14,0)+IF('Standard Profiles'!$G$21=$B$24,21,0),MOD($C1672,24)+1)/SUM(INDEX($D$3:$AA$30,INDEX(Jesper!$R$2:$R$366,ROW(INDEX(Jesper!AK$2:AK$366,ROUNDDOWN($C1672/24,0)+1,1))-1)+IF('Standard Profiles'!$G$21=$B$10,7,0)+IF('Standard Profiles'!$G$21=$B$17,14,0)+IF('Standard Profiles'!$G$21=$B$24,21,0),0)),0)</f>
        <v>2.3196601305540825</v>
      </c>
      <c r="H1672" cm="1">
        <f t="array" ref="H1672">IFERROR(INDEX(Jesper!AL$2:AL$366,ROUNDDOWN($C1672/24,0)+1,1)*INDEX($D$3:$AA$30,INDEX(Jesper!$R$2:$R$366,ROW(INDEX(Jesper!AL$2:AL$366,ROUNDDOWN($C1672/24,0)+1,1))-1)+IF('Standard Profiles'!$G$22=$B$10,7,0)+IF('Standard Profiles'!$G$22=$B$17,14,0)+IF('Standard Profiles'!$G$22=$B$24,21,0),MOD($C1672,24)+1)/SUM(INDEX($D$3:$AA$30,INDEX(Jesper!$R$2:$R$366,ROW(INDEX(Jesper!AL$2:AL$366,ROUNDDOWN($C1672/24,0)+1,1))-1)+IF('Standard Profiles'!$G$22=$B$10,7,0)+IF('Standard Profiles'!$G$22=$B$17,14,0)+IF('Standard Profiles'!$G$22=$B$24,21,0),0)),0)</f>
        <v>0</v>
      </c>
      <c r="I1672">
        <f t="shared" si="195"/>
        <v>1.113436862665959</v>
      </c>
      <c r="J1672">
        <f t="shared" si="196"/>
        <v>10.034013344919718</v>
      </c>
      <c r="K1672">
        <f t="shared" si="197"/>
        <v>0.57238793449702274</v>
      </c>
      <c r="L1672">
        <f t="shared" si="198"/>
        <v>0.28619396724851137</v>
      </c>
      <c r="M1672">
        <f t="shared" si="199"/>
        <v>0</v>
      </c>
      <c r="N1672" s="45">
        <f t="shared" si="200"/>
        <v>44995.249999996027</v>
      </c>
    </row>
    <row r="1673" spans="2:14" x14ac:dyDescent="0.25">
      <c r="B1673">
        <f t="shared" si="194"/>
        <v>5</v>
      </c>
      <c r="C1673" s="16">
        <v>1639</v>
      </c>
      <c r="D1673" cm="1">
        <f t="array" ref="D1673">IFERROR(INDEX(Jesper!AH$2:AH$366,ROUNDDOWN($C1673/24,0)+1,1)*INDEX($D$3:$AA$30,INDEX(Jesper!$R$2:$R$366,ROW(INDEX(Jesper!AH$2:AH$366,ROUNDDOWN($C1673/24,0)+1,1))-1)+IF('Standard Profiles'!$G$18=$B$10,7,0)+IF('Standard Profiles'!$G$18=$B$17,14,0)+IF('Standard Profiles'!$G$18=$B$24,21,0),MOD($C1673,24)+1)/SUM(INDEX($D$3:$AA$30,INDEX(Jesper!$R$2:$R$366,ROW(INDEX(Jesper!AH$2:AH$366,ROUNDDOWN($C1673/24,0)+1,1))-1)+IF('Standard Profiles'!$G$18=$B$10,7,0)+IF('Standard Profiles'!$G$18=$B$17,14,0)+IF('Standard Profiles'!$G$18=$B$24,21,0),0)),0)</f>
        <v>22.859743133974845</v>
      </c>
      <c r="E1673" cm="1">
        <f t="array" ref="E1673">IFERROR(INDEX(Jesper!AI$2:AI$366,ROUNDDOWN($C1673/24,0)+1,1)*INDEX($D$3:$AA$30,INDEX(Jesper!$R$2:$R$366,ROW(INDEX(Jesper!AI$2:AI$366,ROUNDDOWN($C1673/24,0)+1,1))-1)+IF('Standard Profiles'!$G$19=$B$10,7,0)+IF('Standard Profiles'!$G$19=$B$17,14,0)+IF('Standard Profiles'!$G$19=$B$24,21,0),MOD($C1673,24)+1)/SUM(INDEX($D$3:$AA$30,INDEX(Jesper!$R$2:$R$366,ROW(INDEX(Jesper!AI$2:AI$366,ROUNDDOWN($C1673/24,0)+1,1))-1)+IF('Standard Profiles'!$G$19=$B$10,7,0)+IF('Standard Profiles'!$G$19=$B$17,14,0)+IF('Standard Profiles'!$G$19=$B$24,21,0),0)),0)</f>
        <v>18.404201495615723</v>
      </c>
      <c r="F1673" cm="1">
        <f t="array" ref="F1673">IFERROR(INDEX(Jesper!AJ$2:AJ$366,ROUNDDOWN($C1673/24,0)+1,1)*INDEX($D$3:$AA$30,INDEX(Jesper!$R$2:$R$366,ROW(INDEX(Jesper!AJ$2:AJ$366,ROUNDDOWN($C1673/24,0)+1,1))-1)+IF('Standard Profiles'!$G$20=$B$10,7,0)+IF('Standard Profiles'!$G$20=$B$17,14,0)+IF('Standard Profiles'!$G$20=$B$24,21,0),MOD($C1673,24)+1)/SUM(INDEX($D$3:$AA$30,INDEX(Jesper!$R$2:$R$366,ROW(INDEX(Jesper!AJ$2:AJ$366,ROUNDDOWN($C1673/24,0)+1,1))-1)+IF('Standard Profiles'!$G$20=$B$10,7,0)+IF('Standard Profiles'!$G$20=$B$17,14,0)+IF('Standard Profiles'!$G$20=$B$24,21,0),0)),0)</f>
        <v>0</v>
      </c>
      <c r="G1673" cm="1">
        <f t="array" ref="G1673">IFERROR(INDEX(Jesper!AK$2:AK$366,ROUNDDOWN($C1673/24,0)+1,1)*INDEX($D$3:$AA$30,INDEX(Jesper!$R$2:$R$366,ROW(INDEX(Jesper!AK$2:AK$366,ROUNDDOWN($C1673/24,0)+1,1))-1)+IF('Standard Profiles'!$G$21=$B$10,7,0)+IF('Standard Profiles'!$G$21=$B$17,14,0)+IF('Standard Profiles'!$G$21=$B$24,21,0),MOD($C1673,24)+1)/SUM(INDEX($D$3:$AA$30,INDEX(Jesper!$R$2:$R$366,ROW(INDEX(Jesper!AK$2:AK$366,ROUNDDOWN($C1673/24,0)+1,1))-1)+IF('Standard Profiles'!$G$21=$B$10,7,0)+IF('Standard Profiles'!$G$21=$B$17,14,0)+IF('Standard Profiles'!$G$21=$B$24,21,0),0)),0)</f>
        <v>6.2855306763400929</v>
      </c>
      <c r="H1673" cm="1">
        <f t="array" ref="H1673">IFERROR(INDEX(Jesper!AL$2:AL$366,ROUNDDOWN($C1673/24,0)+1,1)*INDEX($D$3:$AA$30,INDEX(Jesper!$R$2:$R$366,ROW(INDEX(Jesper!AL$2:AL$366,ROUNDDOWN($C1673/24,0)+1,1))-1)+IF('Standard Profiles'!$G$22=$B$10,7,0)+IF('Standard Profiles'!$G$22=$B$17,14,0)+IF('Standard Profiles'!$G$22=$B$24,21,0),MOD($C1673,24)+1)/SUM(INDEX($D$3:$AA$30,INDEX(Jesper!$R$2:$R$366,ROW(INDEX(Jesper!AL$2:AL$366,ROUNDDOWN($C1673/24,0)+1,1))-1)+IF('Standard Profiles'!$G$22=$B$10,7,0)+IF('Standard Profiles'!$G$22=$B$17,14,0)+IF('Standard Profiles'!$G$22=$B$24,21,0),0)),0)</f>
        <v>0</v>
      </c>
      <c r="I1673">
        <f t="shared" si="195"/>
        <v>3.0170547246432431</v>
      </c>
      <c r="J1673">
        <f t="shared" si="196"/>
        <v>40.874861679851442</v>
      </c>
      <c r="K1673">
        <f t="shared" si="197"/>
        <v>2.438372600957317</v>
      </c>
      <c r="L1673">
        <f t="shared" si="198"/>
        <v>1.2191863004786585</v>
      </c>
      <c r="M1673">
        <f t="shared" si="199"/>
        <v>0</v>
      </c>
      <c r="N1673" s="45">
        <f t="shared" si="200"/>
        <v>44995.291666662692</v>
      </c>
    </row>
    <row r="1674" spans="2:14" x14ac:dyDescent="0.25">
      <c r="B1674">
        <f t="shared" si="194"/>
        <v>5</v>
      </c>
      <c r="C1674" s="16">
        <v>1640</v>
      </c>
      <c r="D1674" cm="1">
        <f t="array" ref="D1674">IFERROR(INDEX(Jesper!AH$2:AH$366,ROUNDDOWN($C1674/24,0)+1,1)*INDEX($D$3:$AA$30,INDEX(Jesper!$R$2:$R$366,ROW(INDEX(Jesper!AH$2:AH$366,ROUNDDOWN($C1674/24,0)+1,1))-1)+IF('Standard Profiles'!$G$18=$B$10,7,0)+IF('Standard Profiles'!$G$18=$B$17,14,0)+IF('Standard Profiles'!$G$18=$B$24,21,0),MOD($C1674,24)+1)/SUM(INDEX($D$3:$AA$30,INDEX(Jesper!$R$2:$R$366,ROW(INDEX(Jesper!AH$2:AH$366,ROUNDDOWN($C1674/24,0)+1,1))-1)+IF('Standard Profiles'!$G$18=$B$10,7,0)+IF('Standard Profiles'!$G$18=$B$17,14,0)+IF('Standard Profiles'!$G$18=$B$24,21,0),0)),0)</f>
        <v>28.574678917468557</v>
      </c>
      <c r="E1674" cm="1">
        <f t="array" ref="E1674">IFERROR(INDEX(Jesper!AI$2:AI$366,ROUNDDOWN($C1674/24,0)+1,1)*INDEX($D$3:$AA$30,INDEX(Jesper!$R$2:$R$366,ROW(INDEX(Jesper!AI$2:AI$366,ROUNDDOWN($C1674/24,0)+1,1))-1)+IF('Standard Profiles'!$G$19=$B$10,7,0)+IF('Standard Profiles'!$G$19=$B$17,14,0)+IF('Standard Profiles'!$G$19=$B$24,21,0),MOD($C1674,24)+1)/SUM(INDEX($D$3:$AA$30,INDEX(Jesper!$R$2:$R$366,ROW(INDEX(Jesper!AI$2:AI$366,ROUNDDOWN($C1674/24,0)+1,1))-1)+IF('Standard Profiles'!$G$19=$B$10,7,0)+IF('Standard Profiles'!$G$19=$B$17,14,0)+IF('Standard Profiles'!$G$19=$B$24,21,0),0)),0)</f>
        <v>23.00525186951965</v>
      </c>
      <c r="F1674" cm="1">
        <f t="array" ref="F1674">IFERROR(INDEX(Jesper!AJ$2:AJ$366,ROUNDDOWN($C1674/24,0)+1,1)*INDEX($D$3:$AA$30,INDEX(Jesper!$R$2:$R$366,ROW(INDEX(Jesper!AJ$2:AJ$366,ROUNDDOWN($C1674/24,0)+1,1))-1)+IF('Standard Profiles'!$G$20=$B$10,7,0)+IF('Standard Profiles'!$G$20=$B$17,14,0)+IF('Standard Profiles'!$G$20=$B$24,21,0),MOD($C1674,24)+1)/SUM(INDEX($D$3:$AA$30,INDEX(Jesper!$R$2:$R$366,ROW(INDEX(Jesper!AJ$2:AJ$366,ROUNDDOWN($C1674/24,0)+1,1))-1)+IF('Standard Profiles'!$G$20=$B$10,7,0)+IF('Standard Profiles'!$G$20=$B$17,14,0)+IF('Standard Profiles'!$G$20=$B$24,21,0),0)),0)</f>
        <v>0</v>
      </c>
      <c r="G1674" cm="1">
        <f t="array" ref="G1674">IFERROR(INDEX(Jesper!AK$2:AK$366,ROUNDDOWN($C1674/24,0)+1,1)*INDEX($D$3:$AA$30,INDEX(Jesper!$R$2:$R$366,ROW(INDEX(Jesper!AK$2:AK$366,ROUNDDOWN($C1674/24,0)+1,1))-1)+IF('Standard Profiles'!$G$21=$B$10,7,0)+IF('Standard Profiles'!$G$21=$B$17,14,0)+IF('Standard Profiles'!$G$21=$B$24,21,0),MOD($C1674,24)+1)/SUM(INDEX($D$3:$AA$30,INDEX(Jesper!$R$2:$R$366,ROW(INDEX(Jesper!AK$2:AK$366,ROUNDDOWN($C1674/24,0)+1,1))-1)+IF('Standard Profiles'!$G$21=$B$10,7,0)+IF('Standard Profiles'!$G$21=$B$17,14,0)+IF('Standard Profiles'!$G$21=$B$24,21,0),0)),0)</f>
        <v>7.8569133454251174</v>
      </c>
      <c r="H1674" cm="1">
        <f t="array" ref="H1674">IFERROR(INDEX(Jesper!AL$2:AL$366,ROUNDDOWN($C1674/24,0)+1,1)*INDEX($D$3:$AA$30,INDEX(Jesper!$R$2:$R$366,ROW(INDEX(Jesper!AL$2:AL$366,ROUNDDOWN($C1674/24,0)+1,1))-1)+IF('Standard Profiles'!$G$22=$B$10,7,0)+IF('Standard Profiles'!$G$22=$B$17,14,0)+IF('Standard Profiles'!$G$22=$B$24,21,0),MOD($C1674,24)+1)/SUM(INDEX($D$3:$AA$30,INDEX(Jesper!$R$2:$R$366,ROW(INDEX(Jesper!AL$2:AL$366,ROUNDDOWN($C1674/24,0)+1,1))-1)+IF('Standard Profiles'!$G$22=$B$10,7,0)+IF('Standard Profiles'!$G$22=$B$17,14,0)+IF('Standard Profiles'!$G$22=$B$24,21,0),0)),0)</f>
        <v>0</v>
      </c>
      <c r="I1674">
        <f t="shared" si="195"/>
        <v>3.7713184058040543</v>
      </c>
      <c r="J1674">
        <f t="shared" si="196"/>
        <v>51.093577099814297</v>
      </c>
      <c r="K1674">
        <f t="shared" si="197"/>
        <v>3.0479657511966463</v>
      </c>
      <c r="L1674">
        <f t="shared" si="198"/>
        <v>1.5239828755983231</v>
      </c>
      <c r="M1674">
        <f t="shared" si="199"/>
        <v>0</v>
      </c>
      <c r="N1674" s="45">
        <f t="shared" si="200"/>
        <v>44995.333333329356</v>
      </c>
    </row>
    <row r="1675" spans="2:14" x14ac:dyDescent="0.25">
      <c r="B1675">
        <f t="shared" si="194"/>
        <v>5</v>
      </c>
      <c r="C1675" s="16">
        <v>1641</v>
      </c>
      <c r="D1675" cm="1">
        <f t="array" ref="D1675">IFERROR(INDEX(Jesper!AH$2:AH$366,ROUNDDOWN($C1675/24,0)+1,1)*INDEX($D$3:$AA$30,INDEX(Jesper!$R$2:$R$366,ROW(INDEX(Jesper!AH$2:AH$366,ROUNDDOWN($C1675/24,0)+1,1))-1)+IF('Standard Profiles'!$G$18=$B$10,7,0)+IF('Standard Profiles'!$G$18=$B$17,14,0)+IF('Standard Profiles'!$G$18=$B$24,21,0),MOD($C1675,24)+1)/SUM(INDEX($D$3:$AA$30,INDEX(Jesper!$R$2:$R$366,ROW(INDEX(Jesper!AH$2:AH$366,ROUNDDOWN($C1675/24,0)+1,1))-1)+IF('Standard Profiles'!$G$18=$B$10,7,0)+IF('Standard Profiles'!$G$18=$B$17,14,0)+IF('Standard Profiles'!$G$18=$B$24,21,0),0)),0)</f>
        <v>31.432146809215411</v>
      </c>
      <c r="E1675" cm="1">
        <f t="array" ref="E1675">IFERROR(INDEX(Jesper!AI$2:AI$366,ROUNDDOWN($C1675/24,0)+1,1)*INDEX($D$3:$AA$30,INDEX(Jesper!$R$2:$R$366,ROW(INDEX(Jesper!AI$2:AI$366,ROUNDDOWN($C1675/24,0)+1,1))-1)+IF('Standard Profiles'!$G$19=$B$10,7,0)+IF('Standard Profiles'!$G$19=$B$17,14,0)+IF('Standard Profiles'!$G$19=$B$24,21,0),MOD($C1675,24)+1)/SUM(INDEX($D$3:$AA$30,INDEX(Jesper!$R$2:$R$366,ROW(INDEX(Jesper!AI$2:AI$366,ROUNDDOWN($C1675/24,0)+1,1))-1)+IF('Standard Profiles'!$G$19=$B$10,7,0)+IF('Standard Profiles'!$G$19=$B$17,14,0)+IF('Standard Profiles'!$G$19=$B$24,21,0),0)),0)</f>
        <v>25.305777056471616</v>
      </c>
      <c r="F1675" cm="1">
        <f t="array" ref="F1675">IFERROR(INDEX(Jesper!AJ$2:AJ$366,ROUNDDOWN($C1675/24,0)+1,1)*INDEX($D$3:$AA$30,INDEX(Jesper!$R$2:$R$366,ROW(INDEX(Jesper!AJ$2:AJ$366,ROUNDDOWN($C1675/24,0)+1,1))-1)+IF('Standard Profiles'!$G$20=$B$10,7,0)+IF('Standard Profiles'!$G$20=$B$17,14,0)+IF('Standard Profiles'!$G$20=$B$24,21,0),MOD($C1675,24)+1)/SUM(INDEX($D$3:$AA$30,INDEX(Jesper!$R$2:$R$366,ROW(INDEX(Jesper!AJ$2:AJ$366,ROUNDDOWN($C1675/24,0)+1,1))-1)+IF('Standard Profiles'!$G$20=$B$10,7,0)+IF('Standard Profiles'!$G$20=$B$17,14,0)+IF('Standard Profiles'!$G$20=$B$24,21,0),0)),0)</f>
        <v>0</v>
      </c>
      <c r="G1675" cm="1">
        <f t="array" ref="G1675">IFERROR(INDEX(Jesper!AK$2:AK$366,ROUNDDOWN($C1675/24,0)+1,1)*INDEX($D$3:$AA$30,INDEX(Jesper!$R$2:$R$366,ROW(INDEX(Jesper!AK$2:AK$366,ROUNDDOWN($C1675/24,0)+1,1))-1)+IF('Standard Profiles'!$G$21=$B$10,7,0)+IF('Standard Profiles'!$G$21=$B$17,14,0)+IF('Standard Profiles'!$G$21=$B$24,21,0),MOD($C1675,24)+1)/SUM(INDEX($D$3:$AA$30,INDEX(Jesper!$R$2:$R$366,ROW(INDEX(Jesper!AK$2:AK$366,ROUNDDOWN($C1675/24,0)+1,1))-1)+IF('Standard Profiles'!$G$21=$B$10,7,0)+IF('Standard Profiles'!$G$21=$B$17,14,0)+IF('Standard Profiles'!$G$21=$B$24,21,0),0)),0)</f>
        <v>8.6426046799676293</v>
      </c>
      <c r="H1675" cm="1">
        <f t="array" ref="H1675">IFERROR(INDEX(Jesper!AL$2:AL$366,ROUNDDOWN($C1675/24,0)+1,1)*INDEX($D$3:$AA$30,INDEX(Jesper!$R$2:$R$366,ROW(INDEX(Jesper!AL$2:AL$366,ROUNDDOWN($C1675/24,0)+1,1))-1)+IF('Standard Profiles'!$G$22=$B$10,7,0)+IF('Standard Profiles'!$G$22=$B$17,14,0)+IF('Standard Profiles'!$G$22=$B$24,21,0),MOD($C1675,24)+1)/SUM(INDEX($D$3:$AA$30,INDEX(Jesper!$R$2:$R$366,ROW(INDEX(Jesper!AL$2:AL$366,ROUNDDOWN($C1675/24,0)+1,1))-1)+IF('Standard Profiles'!$G$22=$B$10,7,0)+IF('Standard Profiles'!$G$22=$B$17,14,0)+IF('Standard Profiles'!$G$22=$B$24,21,0),0)),0)</f>
        <v>0</v>
      </c>
      <c r="I1675">
        <f t="shared" si="195"/>
        <v>4.1484502463844599</v>
      </c>
      <c r="J1675">
        <f t="shared" si="196"/>
        <v>56.202934809795728</v>
      </c>
      <c r="K1675">
        <f t="shared" si="197"/>
        <v>3.3527623263163107</v>
      </c>
      <c r="L1675">
        <f t="shared" si="198"/>
        <v>1.6763811631581553</v>
      </c>
      <c r="M1675">
        <f t="shared" si="199"/>
        <v>0</v>
      </c>
      <c r="N1675" s="45">
        <f t="shared" si="200"/>
        <v>44995.37499999602</v>
      </c>
    </row>
    <row r="1676" spans="2:14" x14ac:dyDescent="0.25">
      <c r="B1676">
        <f t="shared" si="194"/>
        <v>5</v>
      </c>
      <c r="C1676" s="16">
        <v>1642</v>
      </c>
      <c r="D1676" cm="1">
        <f t="array" ref="D1676">IFERROR(INDEX(Jesper!AH$2:AH$366,ROUNDDOWN($C1676/24,0)+1,1)*INDEX($D$3:$AA$30,INDEX(Jesper!$R$2:$R$366,ROW(INDEX(Jesper!AH$2:AH$366,ROUNDDOWN($C1676/24,0)+1,1))-1)+IF('Standard Profiles'!$G$18=$B$10,7,0)+IF('Standard Profiles'!$G$18=$B$17,14,0)+IF('Standard Profiles'!$G$18=$B$24,21,0),MOD($C1676,24)+1)/SUM(INDEX($D$3:$AA$30,INDEX(Jesper!$R$2:$R$366,ROW(INDEX(Jesper!AH$2:AH$366,ROUNDDOWN($C1676/24,0)+1,1))-1)+IF('Standard Profiles'!$G$18=$B$10,7,0)+IF('Standard Profiles'!$G$18=$B$17,14,0)+IF('Standard Profiles'!$G$18=$B$24,21,0),0)),0)</f>
        <v>31.432146809215411</v>
      </c>
      <c r="E1676" cm="1">
        <f t="array" ref="E1676">IFERROR(INDEX(Jesper!AI$2:AI$366,ROUNDDOWN($C1676/24,0)+1,1)*INDEX($D$3:$AA$30,INDEX(Jesper!$R$2:$R$366,ROW(INDEX(Jesper!AI$2:AI$366,ROUNDDOWN($C1676/24,0)+1,1))-1)+IF('Standard Profiles'!$G$19=$B$10,7,0)+IF('Standard Profiles'!$G$19=$B$17,14,0)+IF('Standard Profiles'!$G$19=$B$24,21,0),MOD($C1676,24)+1)/SUM(INDEX($D$3:$AA$30,INDEX(Jesper!$R$2:$R$366,ROW(INDEX(Jesper!AI$2:AI$366,ROUNDDOWN($C1676/24,0)+1,1))-1)+IF('Standard Profiles'!$G$19=$B$10,7,0)+IF('Standard Profiles'!$G$19=$B$17,14,0)+IF('Standard Profiles'!$G$19=$B$24,21,0),0)),0)</f>
        <v>25.305777056471616</v>
      </c>
      <c r="F1676" cm="1">
        <f t="array" ref="F1676">IFERROR(INDEX(Jesper!AJ$2:AJ$366,ROUNDDOWN($C1676/24,0)+1,1)*INDEX($D$3:$AA$30,INDEX(Jesper!$R$2:$R$366,ROW(INDEX(Jesper!AJ$2:AJ$366,ROUNDDOWN($C1676/24,0)+1,1))-1)+IF('Standard Profiles'!$G$20=$B$10,7,0)+IF('Standard Profiles'!$G$20=$B$17,14,0)+IF('Standard Profiles'!$G$20=$B$24,21,0),MOD($C1676,24)+1)/SUM(INDEX($D$3:$AA$30,INDEX(Jesper!$R$2:$R$366,ROW(INDEX(Jesper!AJ$2:AJ$366,ROUNDDOWN($C1676/24,0)+1,1))-1)+IF('Standard Profiles'!$G$20=$B$10,7,0)+IF('Standard Profiles'!$G$20=$B$17,14,0)+IF('Standard Profiles'!$G$20=$B$24,21,0),0)),0)</f>
        <v>0</v>
      </c>
      <c r="G1676" cm="1">
        <f t="array" ref="G1676">IFERROR(INDEX(Jesper!AK$2:AK$366,ROUNDDOWN($C1676/24,0)+1,1)*INDEX($D$3:$AA$30,INDEX(Jesper!$R$2:$R$366,ROW(INDEX(Jesper!AK$2:AK$366,ROUNDDOWN($C1676/24,0)+1,1))-1)+IF('Standard Profiles'!$G$21=$B$10,7,0)+IF('Standard Profiles'!$G$21=$B$17,14,0)+IF('Standard Profiles'!$G$21=$B$24,21,0),MOD($C1676,24)+1)/SUM(INDEX($D$3:$AA$30,INDEX(Jesper!$R$2:$R$366,ROW(INDEX(Jesper!AK$2:AK$366,ROUNDDOWN($C1676/24,0)+1,1))-1)+IF('Standard Profiles'!$G$21=$B$10,7,0)+IF('Standard Profiles'!$G$21=$B$17,14,0)+IF('Standard Profiles'!$G$21=$B$24,21,0),0)),0)</f>
        <v>8.6426046799676293</v>
      </c>
      <c r="H1676" cm="1">
        <f t="array" ref="H1676">IFERROR(INDEX(Jesper!AL$2:AL$366,ROUNDDOWN($C1676/24,0)+1,1)*INDEX($D$3:$AA$30,INDEX(Jesper!$R$2:$R$366,ROW(INDEX(Jesper!AL$2:AL$366,ROUNDDOWN($C1676/24,0)+1,1))-1)+IF('Standard Profiles'!$G$22=$B$10,7,0)+IF('Standard Profiles'!$G$22=$B$17,14,0)+IF('Standard Profiles'!$G$22=$B$24,21,0),MOD($C1676,24)+1)/SUM(INDEX($D$3:$AA$30,INDEX(Jesper!$R$2:$R$366,ROW(INDEX(Jesper!AL$2:AL$366,ROUNDDOWN($C1676/24,0)+1,1))-1)+IF('Standard Profiles'!$G$22=$B$10,7,0)+IF('Standard Profiles'!$G$22=$B$17,14,0)+IF('Standard Profiles'!$G$22=$B$24,21,0),0)),0)</f>
        <v>0</v>
      </c>
      <c r="I1676">
        <f t="shared" si="195"/>
        <v>4.1484502463844599</v>
      </c>
      <c r="J1676">
        <f t="shared" si="196"/>
        <v>56.202934809795728</v>
      </c>
      <c r="K1676">
        <f t="shared" si="197"/>
        <v>3.3527623263163107</v>
      </c>
      <c r="L1676">
        <f t="shared" si="198"/>
        <v>1.6763811631581553</v>
      </c>
      <c r="M1676">
        <f t="shared" si="199"/>
        <v>0</v>
      </c>
      <c r="N1676" s="45">
        <f t="shared" si="200"/>
        <v>44995.416666662684</v>
      </c>
    </row>
    <row r="1677" spans="2:14" x14ac:dyDescent="0.25">
      <c r="B1677">
        <f t="shared" si="194"/>
        <v>5</v>
      </c>
      <c r="C1677" s="16">
        <v>1643</v>
      </c>
      <c r="D1677" cm="1">
        <f t="array" ref="D1677">IFERROR(INDEX(Jesper!AH$2:AH$366,ROUNDDOWN($C1677/24,0)+1,1)*INDEX($D$3:$AA$30,INDEX(Jesper!$R$2:$R$366,ROW(INDEX(Jesper!AH$2:AH$366,ROUNDDOWN($C1677/24,0)+1,1))-1)+IF('Standard Profiles'!$G$18=$B$10,7,0)+IF('Standard Profiles'!$G$18=$B$17,14,0)+IF('Standard Profiles'!$G$18=$B$24,21,0),MOD($C1677,24)+1)/SUM(INDEX($D$3:$AA$30,INDEX(Jesper!$R$2:$R$366,ROW(INDEX(Jesper!AH$2:AH$366,ROUNDDOWN($C1677/24,0)+1,1))-1)+IF('Standard Profiles'!$G$18=$B$10,7,0)+IF('Standard Profiles'!$G$18=$B$17,14,0)+IF('Standard Profiles'!$G$18=$B$24,21,0),0)),0)</f>
        <v>37.147082592709125</v>
      </c>
      <c r="E1677" cm="1">
        <f t="array" ref="E1677">IFERROR(INDEX(Jesper!AI$2:AI$366,ROUNDDOWN($C1677/24,0)+1,1)*INDEX($D$3:$AA$30,INDEX(Jesper!$R$2:$R$366,ROW(INDEX(Jesper!AI$2:AI$366,ROUNDDOWN($C1677/24,0)+1,1))-1)+IF('Standard Profiles'!$G$19=$B$10,7,0)+IF('Standard Profiles'!$G$19=$B$17,14,0)+IF('Standard Profiles'!$G$19=$B$24,21,0),MOD($C1677,24)+1)/SUM(INDEX($D$3:$AA$30,INDEX(Jesper!$R$2:$R$366,ROW(INDEX(Jesper!AI$2:AI$366,ROUNDDOWN($C1677/24,0)+1,1))-1)+IF('Standard Profiles'!$G$19=$B$10,7,0)+IF('Standard Profiles'!$G$19=$B$17,14,0)+IF('Standard Profiles'!$G$19=$B$24,21,0),0)),0)</f>
        <v>29.90682743037555</v>
      </c>
      <c r="F1677" cm="1">
        <f t="array" ref="F1677">IFERROR(INDEX(Jesper!AJ$2:AJ$366,ROUNDDOWN($C1677/24,0)+1,1)*INDEX($D$3:$AA$30,INDEX(Jesper!$R$2:$R$366,ROW(INDEX(Jesper!AJ$2:AJ$366,ROUNDDOWN($C1677/24,0)+1,1))-1)+IF('Standard Profiles'!$G$20=$B$10,7,0)+IF('Standard Profiles'!$G$20=$B$17,14,0)+IF('Standard Profiles'!$G$20=$B$24,21,0),MOD($C1677,24)+1)/SUM(INDEX($D$3:$AA$30,INDEX(Jesper!$R$2:$R$366,ROW(INDEX(Jesper!AJ$2:AJ$366,ROUNDDOWN($C1677/24,0)+1,1))-1)+IF('Standard Profiles'!$G$20=$B$10,7,0)+IF('Standard Profiles'!$G$20=$B$17,14,0)+IF('Standard Profiles'!$G$20=$B$24,21,0),0)),0)</f>
        <v>0</v>
      </c>
      <c r="G1677" cm="1">
        <f t="array" ref="G1677">IFERROR(INDEX(Jesper!AK$2:AK$366,ROUNDDOWN($C1677/24,0)+1,1)*INDEX($D$3:$AA$30,INDEX(Jesper!$R$2:$R$366,ROW(INDEX(Jesper!AK$2:AK$366,ROUNDDOWN($C1677/24,0)+1,1))-1)+IF('Standard Profiles'!$G$21=$B$10,7,0)+IF('Standard Profiles'!$G$21=$B$17,14,0)+IF('Standard Profiles'!$G$21=$B$24,21,0),MOD($C1677,24)+1)/SUM(INDEX($D$3:$AA$30,INDEX(Jesper!$R$2:$R$366,ROW(INDEX(Jesper!AK$2:AK$366,ROUNDDOWN($C1677/24,0)+1,1))-1)+IF('Standard Profiles'!$G$21=$B$10,7,0)+IF('Standard Profiles'!$G$21=$B$17,14,0)+IF('Standard Profiles'!$G$21=$B$24,21,0),0)),0)</f>
        <v>10.213987349052653</v>
      </c>
      <c r="H1677" cm="1">
        <f t="array" ref="H1677">IFERROR(INDEX(Jesper!AL$2:AL$366,ROUNDDOWN($C1677/24,0)+1,1)*INDEX($D$3:$AA$30,INDEX(Jesper!$R$2:$R$366,ROW(INDEX(Jesper!AL$2:AL$366,ROUNDDOWN($C1677/24,0)+1,1))-1)+IF('Standard Profiles'!$G$22=$B$10,7,0)+IF('Standard Profiles'!$G$22=$B$17,14,0)+IF('Standard Profiles'!$G$22=$B$24,21,0),MOD($C1677,24)+1)/SUM(INDEX($D$3:$AA$30,INDEX(Jesper!$R$2:$R$366,ROW(INDEX(Jesper!AL$2:AL$366,ROUNDDOWN($C1677/24,0)+1,1))-1)+IF('Standard Profiles'!$G$22=$B$10,7,0)+IF('Standard Profiles'!$G$22=$B$17,14,0)+IF('Standard Profiles'!$G$22=$B$24,21,0),0)),0)</f>
        <v>0</v>
      </c>
      <c r="I1677">
        <f t="shared" si="195"/>
        <v>4.9027139275452711</v>
      </c>
      <c r="J1677">
        <f t="shared" si="196"/>
        <v>66.421650229758598</v>
      </c>
      <c r="K1677">
        <f t="shared" si="197"/>
        <v>3.9623554765556404</v>
      </c>
      <c r="L1677">
        <f t="shared" si="198"/>
        <v>1.9811777382778202</v>
      </c>
      <c r="M1677">
        <f t="shared" si="199"/>
        <v>0</v>
      </c>
      <c r="N1677" s="45">
        <f t="shared" si="200"/>
        <v>44995.458333329349</v>
      </c>
    </row>
    <row r="1678" spans="2:14" x14ac:dyDescent="0.25">
      <c r="B1678">
        <f t="shared" si="194"/>
        <v>5</v>
      </c>
      <c r="C1678" s="16">
        <v>1644</v>
      </c>
      <c r="D1678" cm="1">
        <f t="array" ref="D1678">IFERROR(INDEX(Jesper!AH$2:AH$366,ROUNDDOWN($C1678/24,0)+1,1)*INDEX($D$3:$AA$30,INDEX(Jesper!$R$2:$R$366,ROW(INDEX(Jesper!AH$2:AH$366,ROUNDDOWN($C1678/24,0)+1,1))-1)+IF('Standard Profiles'!$G$18=$B$10,7,0)+IF('Standard Profiles'!$G$18=$B$17,14,0)+IF('Standard Profiles'!$G$18=$B$24,21,0),MOD($C1678,24)+1)/SUM(INDEX($D$3:$AA$30,INDEX(Jesper!$R$2:$R$366,ROW(INDEX(Jesper!AH$2:AH$366,ROUNDDOWN($C1678/24,0)+1,1))-1)+IF('Standard Profiles'!$G$18=$B$10,7,0)+IF('Standard Profiles'!$G$18=$B$17,14,0)+IF('Standard Profiles'!$G$18=$B$24,21,0),0)),0)</f>
        <v>37.147082592709125</v>
      </c>
      <c r="E1678" cm="1">
        <f t="array" ref="E1678">IFERROR(INDEX(Jesper!AI$2:AI$366,ROUNDDOWN($C1678/24,0)+1,1)*INDEX($D$3:$AA$30,INDEX(Jesper!$R$2:$R$366,ROW(INDEX(Jesper!AI$2:AI$366,ROUNDDOWN($C1678/24,0)+1,1))-1)+IF('Standard Profiles'!$G$19=$B$10,7,0)+IF('Standard Profiles'!$G$19=$B$17,14,0)+IF('Standard Profiles'!$G$19=$B$24,21,0),MOD($C1678,24)+1)/SUM(INDEX($D$3:$AA$30,INDEX(Jesper!$R$2:$R$366,ROW(INDEX(Jesper!AI$2:AI$366,ROUNDDOWN($C1678/24,0)+1,1))-1)+IF('Standard Profiles'!$G$19=$B$10,7,0)+IF('Standard Profiles'!$G$19=$B$17,14,0)+IF('Standard Profiles'!$G$19=$B$24,21,0),0)),0)</f>
        <v>29.90682743037555</v>
      </c>
      <c r="F1678" cm="1">
        <f t="array" ref="F1678">IFERROR(INDEX(Jesper!AJ$2:AJ$366,ROUNDDOWN($C1678/24,0)+1,1)*INDEX($D$3:$AA$30,INDEX(Jesper!$R$2:$R$366,ROW(INDEX(Jesper!AJ$2:AJ$366,ROUNDDOWN($C1678/24,0)+1,1))-1)+IF('Standard Profiles'!$G$20=$B$10,7,0)+IF('Standard Profiles'!$G$20=$B$17,14,0)+IF('Standard Profiles'!$G$20=$B$24,21,0),MOD($C1678,24)+1)/SUM(INDEX($D$3:$AA$30,INDEX(Jesper!$R$2:$R$366,ROW(INDEX(Jesper!AJ$2:AJ$366,ROUNDDOWN($C1678/24,0)+1,1))-1)+IF('Standard Profiles'!$G$20=$B$10,7,0)+IF('Standard Profiles'!$G$20=$B$17,14,0)+IF('Standard Profiles'!$G$20=$B$24,21,0),0)),0)</f>
        <v>0</v>
      </c>
      <c r="G1678" cm="1">
        <f t="array" ref="G1678">IFERROR(INDEX(Jesper!AK$2:AK$366,ROUNDDOWN($C1678/24,0)+1,1)*INDEX($D$3:$AA$30,INDEX(Jesper!$R$2:$R$366,ROW(INDEX(Jesper!AK$2:AK$366,ROUNDDOWN($C1678/24,0)+1,1))-1)+IF('Standard Profiles'!$G$21=$B$10,7,0)+IF('Standard Profiles'!$G$21=$B$17,14,0)+IF('Standard Profiles'!$G$21=$B$24,21,0),MOD($C1678,24)+1)/SUM(INDEX($D$3:$AA$30,INDEX(Jesper!$R$2:$R$366,ROW(INDEX(Jesper!AK$2:AK$366,ROUNDDOWN($C1678/24,0)+1,1))-1)+IF('Standard Profiles'!$G$21=$B$10,7,0)+IF('Standard Profiles'!$G$21=$B$17,14,0)+IF('Standard Profiles'!$G$21=$B$24,21,0),0)),0)</f>
        <v>10.213987349052653</v>
      </c>
      <c r="H1678" cm="1">
        <f t="array" ref="H1678">IFERROR(INDEX(Jesper!AL$2:AL$366,ROUNDDOWN($C1678/24,0)+1,1)*INDEX($D$3:$AA$30,INDEX(Jesper!$R$2:$R$366,ROW(INDEX(Jesper!AL$2:AL$366,ROUNDDOWN($C1678/24,0)+1,1))-1)+IF('Standard Profiles'!$G$22=$B$10,7,0)+IF('Standard Profiles'!$G$22=$B$17,14,0)+IF('Standard Profiles'!$G$22=$B$24,21,0),MOD($C1678,24)+1)/SUM(INDEX($D$3:$AA$30,INDEX(Jesper!$R$2:$R$366,ROW(INDEX(Jesper!AL$2:AL$366,ROUNDDOWN($C1678/24,0)+1,1))-1)+IF('Standard Profiles'!$G$22=$B$10,7,0)+IF('Standard Profiles'!$G$22=$B$17,14,0)+IF('Standard Profiles'!$G$22=$B$24,21,0),0)),0)</f>
        <v>0</v>
      </c>
      <c r="I1678">
        <f t="shared" si="195"/>
        <v>4.9027139275452711</v>
      </c>
      <c r="J1678">
        <f t="shared" si="196"/>
        <v>66.421650229758598</v>
      </c>
      <c r="K1678">
        <f t="shared" si="197"/>
        <v>3.9623554765556404</v>
      </c>
      <c r="L1678">
        <f t="shared" si="198"/>
        <v>1.9811777382778202</v>
      </c>
      <c r="M1678">
        <f t="shared" si="199"/>
        <v>0</v>
      </c>
      <c r="N1678" s="45">
        <f t="shared" si="200"/>
        <v>44995.499999996013</v>
      </c>
    </row>
    <row r="1679" spans="2:14" x14ac:dyDescent="0.25">
      <c r="B1679">
        <f t="shared" si="194"/>
        <v>5</v>
      </c>
      <c r="C1679" s="16">
        <v>1645</v>
      </c>
      <c r="D1679" cm="1">
        <f t="array" ref="D1679">IFERROR(INDEX(Jesper!AH$2:AH$366,ROUNDDOWN($C1679/24,0)+1,1)*INDEX($D$3:$AA$30,INDEX(Jesper!$R$2:$R$366,ROW(INDEX(Jesper!AH$2:AH$366,ROUNDDOWN($C1679/24,0)+1,1))-1)+IF('Standard Profiles'!$G$18=$B$10,7,0)+IF('Standard Profiles'!$G$18=$B$17,14,0)+IF('Standard Profiles'!$G$18=$B$24,21,0),MOD($C1679,24)+1)/SUM(INDEX($D$3:$AA$30,INDEX(Jesper!$R$2:$R$366,ROW(INDEX(Jesper!AH$2:AH$366,ROUNDDOWN($C1679/24,0)+1,1))-1)+IF('Standard Profiles'!$G$18=$B$10,7,0)+IF('Standard Profiles'!$G$18=$B$17,14,0)+IF('Standard Profiles'!$G$18=$B$24,21,0),0)),0)</f>
        <v>25.717211025721699</v>
      </c>
      <c r="E1679" cm="1">
        <f t="array" ref="E1679">IFERROR(INDEX(Jesper!AI$2:AI$366,ROUNDDOWN($C1679/24,0)+1,1)*INDEX($D$3:$AA$30,INDEX(Jesper!$R$2:$R$366,ROW(INDEX(Jesper!AI$2:AI$366,ROUNDDOWN($C1679/24,0)+1,1))-1)+IF('Standard Profiles'!$G$19=$B$10,7,0)+IF('Standard Profiles'!$G$19=$B$17,14,0)+IF('Standard Profiles'!$G$19=$B$24,21,0),MOD($C1679,24)+1)/SUM(INDEX($D$3:$AA$30,INDEX(Jesper!$R$2:$R$366,ROW(INDEX(Jesper!AI$2:AI$366,ROUNDDOWN($C1679/24,0)+1,1))-1)+IF('Standard Profiles'!$G$19=$B$10,7,0)+IF('Standard Profiles'!$G$19=$B$17,14,0)+IF('Standard Profiles'!$G$19=$B$24,21,0),0)),0)</f>
        <v>20.704726682567685</v>
      </c>
      <c r="F1679" cm="1">
        <f t="array" ref="F1679">IFERROR(INDEX(Jesper!AJ$2:AJ$366,ROUNDDOWN($C1679/24,0)+1,1)*INDEX($D$3:$AA$30,INDEX(Jesper!$R$2:$R$366,ROW(INDEX(Jesper!AJ$2:AJ$366,ROUNDDOWN($C1679/24,0)+1,1))-1)+IF('Standard Profiles'!$G$20=$B$10,7,0)+IF('Standard Profiles'!$G$20=$B$17,14,0)+IF('Standard Profiles'!$G$20=$B$24,21,0),MOD($C1679,24)+1)/SUM(INDEX($D$3:$AA$30,INDEX(Jesper!$R$2:$R$366,ROW(INDEX(Jesper!AJ$2:AJ$366,ROUNDDOWN($C1679/24,0)+1,1))-1)+IF('Standard Profiles'!$G$20=$B$10,7,0)+IF('Standard Profiles'!$G$20=$B$17,14,0)+IF('Standard Profiles'!$G$20=$B$24,21,0),0)),0)</f>
        <v>0</v>
      </c>
      <c r="G1679" cm="1">
        <f t="array" ref="G1679">IFERROR(INDEX(Jesper!AK$2:AK$366,ROUNDDOWN($C1679/24,0)+1,1)*INDEX($D$3:$AA$30,INDEX(Jesper!$R$2:$R$366,ROW(INDEX(Jesper!AK$2:AK$366,ROUNDDOWN($C1679/24,0)+1,1))-1)+IF('Standard Profiles'!$G$21=$B$10,7,0)+IF('Standard Profiles'!$G$21=$B$17,14,0)+IF('Standard Profiles'!$G$21=$B$24,21,0),MOD($C1679,24)+1)/SUM(INDEX($D$3:$AA$30,INDEX(Jesper!$R$2:$R$366,ROW(INDEX(Jesper!AK$2:AK$366,ROUNDDOWN($C1679/24,0)+1,1))-1)+IF('Standard Profiles'!$G$21=$B$10,7,0)+IF('Standard Profiles'!$G$21=$B$17,14,0)+IF('Standard Profiles'!$G$21=$B$24,21,0),0)),0)</f>
        <v>7.0712220108826065</v>
      </c>
      <c r="H1679" cm="1">
        <f t="array" ref="H1679">IFERROR(INDEX(Jesper!AL$2:AL$366,ROUNDDOWN($C1679/24,0)+1,1)*INDEX($D$3:$AA$30,INDEX(Jesper!$R$2:$R$366,ROW(INDEX(Jesper!AL$2:AL$366,ROUNDDOWN($C1679/24,0)+1,1))-1)+IF('Standard Profiles'!$G$22=$B$10,7,0)+IF('Standard Profiles'!$G$22=$B$17,14,0)+IF('Standard Profiles'!$G$22=$B$24,21,0),MOD($C1679,24)+1)/SUM(INDEX($D$3:$AA$30,INDEX(Jesper!$R$2:$R$366,ROW(INDEX(Jesper!AL$2:AL$366,ROUNDDOWN($C1679/24,0)+1,1))-1)+IF('Standard Profiles'!$G$22=$B$10,7,0)+IF('Standard Profiles'!$G$22=$B$17,14,0)+IF('Standard Profiles'!$G$22=$B$24,21,0),0)),0)</f>
        <v>0</v>
      </c>
      <c r="I1679">
        <f t="shared" si="195"/>
        <v>3.3941865652236496</v>
      </c>
      <c r="J1679">
        <f t="shared" si="196"/>
        <v>45.984219389832873</v>
      </c>
      <c r="K1679">
        <f t="shared" si="197"/>
        <v>2.7431691760769814</v>
      </c>
      <c r="L1679">
        <f t="shared" si="198"/>
        <v>1.3715845880384907</v>
      </c>
      <c r="M1679">
        <f t="shared" si="199"/>
        <v>0</v>
      </c>
      <c r="N1679" s="45">
        <f t="shared" si="200"/>
        <v>44995.541666662677</v>
      </c>
    </row>
    <row r="1680" spans="2:14" x14ac:dyDescent="0.25">
      <c r="B1680">
        <f t="shared" si="194"/>
        <v>5</v>
      </c>
      <c r="C1680" s="16">
        <v>1646</v>
      </c>
      <c r="D1680" cm="1">
        <f t="array" ref="D1680">IFERROR(INDEX(Jesper!AH$2:AH$366,ROUNDDOWN($C1680/24,0)+1,1)*INDEX($D$3:$AA$30,INDEX(Jesper!$R$2:$R$366,ROW(INDEX(Jesper!AH$2:AH$366,ROUNDDOWN($C1680/24,0)+1,1))-1)+IF('Standard Profiles'!$G$18=$B$10,7,0)+IF('Standard Profiles'!$G$18=$B$17,14,0)+IF('Standard Profiles'!$G$18=$B$24,21,0),MOD($C1680,24)+1)/SUM(INDEX($D$3:$AA$30,INDEX(Jesper!$R$2:$R$366,ROW(INDEX(Jesper!AH$2:AH$366,ROUNDDOWN($C1680/24,0)+1,1))-1)+IF('Standard Profiles'!$G$18=$B$10,7,0)+IF('Standard Profiles'!$G$18=$B$17,14,0)+IF('Standard Profiles'!$G$18=$B$24,21,0),0)),0)</f>
        <v>37.147082592709125</v>
      </c>
      <c r="E1680" cm="1">
        <f t="array" ref="E1680">IFERROR(INDEX(Jesper!AI$2:AI$366,ROUNDDOWN($C1680/24,0)+1,1)*INDEX($D$3:$AA$30,INDEX(Jesper!$R$2:$R$366,ROW(INDEX(Jesper!AI$2:AI$366,ROUNDDOWN($C1680/24,0)+1,1))-1)+IF('Standard Profiles'!$G$19=$B$10,7,0)+IF('Standard Profiles'!$G$19=$B$17,14,0)+IF('Standard Profiles'!$G$19=$B$24,21,0),MOD($C1680,24)+1)/SUM(INDEX($D$3:$AA$30,INDEX(Jesper!$R$2:$R$366,ROW(INDEX(Jesper!AI$2:AI$366,ROUNDDOWN($C1680/24,0)+1,1))-1)+IF('Standard Profiles'!$G$19=$B$10,7,0)+IF('Standard Profiles'!$G$19=$B$17,14,0)+IF('Standard Profiles'!$G$19=$B$24,21,0),0)),0)</f>
        <v>29.90682743037555</v>
      </c>
      <c r="F1680" cm="1">
        <f t="array" ref="F1680">IFERROR(INDEX(Jesper!AJ$2:AJ$366,ROUNDDOWN($C1680/24,0)+1,1)*INDEX($D$3:$AA$30,INDEX(Jesper!$R$2:$R$366,ROW(INDEX(Jesper!AJ$2:AJ$366,ROUNDDOWN($C1680/24,0)+1,1))-1)+IF('Standard Profiles'!$G$20=$B$10,7,0)+IF('Standard Profiles'!$G$20=$B$17,14,0)+IF('Standard Profiles'!$G$20=$B$24,21,0),MOD($C1680,24)+1)/SUM(INDEX($D$3:$AA$30,INDEX(Jesper!$R$2:$R$366,ROW(INDEX(Jesper!AJ$2:AJ$366,ROUNDDOWN($C1680/24,0)+1,1))-1)+IF('Standard Profiles'!$G$20=$B$10,7,0)+IF('Standard Profiles'!$G$20=$B$17,14,0)+IF('Standard Profiles'!$G$20=$B$24,21,0),0)),0)</f>
        <v>0</v>
      </c>
      <c r="G1680" cm="1">
        <f t="array" ref="G1680">IFERROR(INDEX(Jesper!AK$2:AK$366,ROUNDDOWN($C1680/24,0)+1,1)*INDEX($D$3:$AA$30,INDEX(Jesper!$R$2:$R$366,ROW(INDEX(Jesper!AK$2:AK$366,ROUNDDOWN($C1680/24,0)+1,1))-1)+IF('Standard Profiles'!$G$21=$B$10,7,0)+IF('Standard Profiles'!$G$21=$B$17,14,0)+IF('Standard Profiles'!$G$21=$B$24,21,0),MOD($C1680,24)+1)/SUM(INDEX($D$3:$AA$30,INDEX(Jesper!$R$2:$R$366,ROW(INDEX(Jesper!AK$2:AK$366,ROUNDDOWN($C1680/24,0)+1,1))-1)+IF('Standard Profiles'!$G$21=$B$10,7,0)+IF('Standard Profiles'!$G$21=$B$17,14,0)+IF('Standard Profiles'!$G$21=$B$24,21,0),0)),0)</f>
        <v>10.213987349052653</v>
      </c>
      <c r="H1680" cm="1">
        <f t="array" ref="H1680">IFERROR(INDEX(Jesper!AL$2:AL$366,ROUNDDOWN($C1680/24,0)+1,1)*INDEX($D$3:$AA$30,INDEX(Jesper!$R$2:$R$366,ROW(INDEX(Jesper!AL$2:AL$366,ROUNDDOWN($C1680/24,0)+1,1))-1)+IF('Standard Profiles'!$G$22=$B$10,7,0)+IF('Standard Profiles'!$G$22=$B$17,14,0)+IF('Standard Profiles'!$G$22=$B$24,21,0),MOD($C1680,24)+1)/SUM(INDEX($D$3:$AA$30,INDEX(Jesper!$R$2:$R$366,ROW(INDEX(Jesper!AL$2:AL$366,ROUNDDOWN($C1680/24,0)+1,1))-1)+IF('Standard Profiles'!$G$22=$B$10,7,0)+IF('Standard Profiles'!$G$22=$B$17,14,0)+IF('Standard Profiles'!$G$22=$B$24,21,0),0)),0)</f>
        <v>0</v>
      </c>
      <c r="I1680">
        <f t="shared" si="195"/>
        <v>4.9027139275452711</v>
      </c>
      <c r="J1680">
        <f t="shared" si="196"/>
        <v>66.421650229758598</v>
      </c>
      <c r="K1680">
        <f t="shared" si="197"/>
        <v>3.9623554765556404</v>
      </c>
      <c r="L1680">
        <f t="shared" si="198"/>
        <v>1.9811777382778202</v>
      </c>
      <c r="M1680">
        <f t="shared" si="199"/>
        <v>0</v>
      </c>
      <c r="N1680" s="45">
        <f t="shared" si="200"/>
        <v>44995.583333329341</v>
      </c>
    </row>
    <row r="1681" spans="2:14" x14ac:dyDescent="0.25">
      <c r="B1681">
        <f t="shared" si="194"/>
        <v>5</v>
      </c>
      <c r="C1681" s="16">
        <v>1647</v>
      </c>
      <c r="D1681" cm="1">
        <f t="array" ref="D1681">IFERROR(INDEX(Jesper!AH$2:AH$366,ROUNDDOWN($C1681/24,0)+1,1)*INDEX($D$3:$AA$30,INDEX(Jesper!$R$2:$R$366,ROW(INDEX(Jesper!AH$2:AH$366,ROUNDDOWN($C1681/24,0)+1,1))-1)+IF('Standard Profiles'!$G$18=$B$10,7,0)+IF('Standard Profiles'!$G$18=$B$17,14,0)+IF('Standard Profiles'!$G$18=$B$24,21,0),MOD($C1681,24)+1)/SUM(INDEX($D$3:$AA$30,INDEX(Jesper!$R$2:$R$366,ROW(INDEX(Jesper!AH$2:AH$366,ROUNDDOWN($C1681/24,0)+1,1))-1)+IF('Standard Profiles'!$G$18=$B$10,7,0)+IF('Standard Profiles'!$G$18=$B$17,14,0)+IF('Standard Profiles'!$G$18=$B$24,21,0),0)),0)</f>
        <v>28.574678917468557</v>
      </c>
      <c r="E1681" cm="1">
        <f t="array" ref="E1681">IFERROR(INDEX(Jesper!AI$2:AI$366,ROUNDDOWN($C1681/24,0)+1,1)*INDEX($D$3:$AA$30,INDEX(Jesper!$R$2:$R$366,ROW(INDEX(Jesper!AI$2:AI$366,ROUNDDOWN($C1681/24,0)+1,1))-1)+IF('Standard Profiles'!$G$19=$B$10,7,0)+IF('Standard Profiles'!$G$19=$B$17,14,0)+IF('Standard Profiles'!$G$19=$B$24,21,0),MOD($C1681,24)+1)/SUM(INDEX($D$3:$AA$30,INDEX(Jesper!$R$2:$R$366,ROW(INDEX(Jesper!AI$2:AI$366,ROUNDDOWN($C1681/24,0)+1,1))-1)+IF('Standard Profiles'!$G$19=$B$10,7,0)+IF('Standard Profiles'!$G$19=$B$17,14,0)+IF('Standard Profiles'!$G$19=$B$24,21,0),0)),0)</f>
        <v>23.00525186951965</v>
      </c>
      <c r="F1681" cm="1">
        <f t="array" ref="F1681">IFERROR(INDEX(Jesper!AJ$2:AJ$366,ROUNDDOWN($C1681/24,0)+1,1)*INDEX($D$3:$AA$30,INDEX(Jesper!$R$2:$R$366,ROW(INDEX(Jesper!AJ$2:AJ$366,ROUNDDOWN($C1681/24,0)+1,1))-1)+IF('Standard Profiles'!$G$20=$B$10,7,0)+IF('Standard Profiles'!$G$20=$B$17,14,0)+IF('Standard Profiles'!$G$20=$B$24,21,0),MOD($C1681,24)+1)/SUM(INDEX($D$3:$AA$30,INDEX(Jesper!$R$2:$R$366,ROW(INDEX(Jesper!AJ$2:AJ$366,ROUNDDOWN($C1681/24,0)+1,1))-1)+IF('Standard Profiles'!$G$20=$B$10,7,0)+IF('Standard Profiles'!$G$20=$B$17,14,0)+IF('Standard Profiles'!$G$20=$B$24,21,0),0)),0)</f>
        <v>0</v>
      </c>
      <c r="G1681" cm="1">
        <f t="array" ref="G1681">IFERROR(INDEX(Jesper!AK$2:AK$366,ROUNDDOWN($C1681/24,0)+1,1)*INDEX($D$3:$AA$30,INDEX(Jesper!$R$2:$R$366,ROW(INDEX(Jesper!AK$2:AK$366,ROUNDDOWN($C1681/24,0)+1,1))-1)+IF('Standard Profiles'!$G$21=$B$10,7,0)+IF('Standard Profiles'!$G$21=$B$17,14,0)+IF('Standard Profiles'!$G$21=$B$24,21,0),MOD($C1681,24)+1)/SUM(INDEX($D$3:$AA$30,INDEX(Jesper!$R$2:$R$366,ROW(INDEX(Jesper!AK$2:AK$366,ROUNDDOWN($C1681/24,0)+1,1))-1)+IF('Standard Profiles'!$G$21=$B$10,7,0)+IF('Standard Profiles'!$G$21=$B$17,14,0)+IF('Standard Profiles'!$G$21=$B$24,21,0),0)),0)</f>
        <v>8.6426046799676293</v>
      </c>
      <c r="H1681" cm="1">
        <f t="array" ref="H1681">IFERROR(INDEX(Jesper!AL$2:AL$366,ROUNDDOWN($C1681/24,0)+1,1)*INDEX($D$3:$AA$30,INDEX(Jesper!$R$2:$R$366,ROW(INDEX(Jesper!AL$2:AL$366,ROUNDDOWN($C1681/24,0)+1,1))-1)+IF('Standard Profiles'!$G$22=$B$10,7,0)+IF('Standard Profiles'!$G$22=$B$17,14,0)+IF('Standard Profiles'!$G$22=$B$24,21,0),MOD($C1681,24)+1)/SUM(INDEX($D$3:$AA$30,INDEX(Jesper!$R$2:$R$366,ROW(INDEX(Jesper!AL$2:AL$366,ROUNDDOWN($C1681/24,0)+1,1))-1)+IF('Standard Profiles'!$G$22=$B$10,7,0)+IF('Standard Profiles'!$G$22=$B$17,14,0)+IF('Standard Profiles'!$G$22=$B$24,21,0),0)),0)</f>
        <v>0</v>
      </c>
      <c r="I1681">
        <f t="shared" si="195"/>
        <v>4.1484502463844599</v>
      </c>
      <c r="J1681">
        <f t="shared" si="196"/>
        <v>51.502136593776406</v>
      </c>
      <c r="K1681">
        <f t="shared" si="197"/>
        <v>3.0479657511966463</v>
      </c>
      <c r="L1681">
        <f t="shared" si="198"/>
        <v>1.5239828755983231</v>
      </c>
      <c r="M1681">
        <f t="shared" si="199"/>
        <v>0</v>
      </c>
      <c r="N1681" s="45">
        <f t="shared" si="200"/>
        <v>44995.624999996005</v>
      </c>
    </row>
    <row r="1682" spans="2:14" x14ac:dyDescent="0.25">
      <c r="B1682">
        <f t="shared" si="194"/>
        <v>5</v>
      </c>
      <c r="C1682" s="16">
        <v>1648</v>
      </c>
      <c r="D1682" cm="1">
        <f t="array" ref="D1682">IFERROR(INDEX(Jesper!AH$2:AH$366,ROUNDDOWN($C1682/24,0)+1,1)*INDEX($D$3:$AA$30,INDEX(Jesper!$R$2:$R$366,ROW(INDEX(Jesper!AH$2:AH$366,ROUNDDOWN($C1682/24,0)+1,1))-1)+IF('Standard Profiles'!$G$18=$B$10,7,0)+IF('Standard Profiles'!$G$18=$B$17,14,0)+IF('Standard Profiles'!$G$18=$B$24,21,0),MOD($C1682,24)+1)/SUM(INDEX($D$3:$AA$30,INDEX(Jesper!$R$2:$R$366,ROW(INDEX(Jesper!AH$2:AH$366,ROUNDDOWN($C1682/24,0)+1,1))-1)+IF('Standard Profiles'!$G$18=$B$10,7,0)+IF('Standard Profiles'!$G$18=$B$17,14,0)+IF('Standard Profiles'!$G$18=$B$24,21,0),0)),0)</f>
        <v>13.415342214773972</v>
      </c>
      <c r="E1682" cm="1">
        <f t="array" ref="E1682">IFERROR(INDEX(Jesper!AI$2:AI$366,ROUNDDOWN($C1682/24,0)+1,1)*INDEX($D$3:$AA$30,INDEX(Jesper!$R$2:$R$366,ROW(INDEX(Jesper!AI$2:AI$366,ROUNDDOWN($C1682/24,0)+1,1))-1)+IF('Standard Profiles'!$G$19=$B$10,7,0)+IF('Standard Profiles'!$G$19=$B$17,14,0)+IF('Standard Profiles'!$G$19=$B$24,21,0),MOD($C1682,24)+1)/SUM(INDEX($D$3:$AA$30,INDEX(Jesper!$R$2:$R$366,ROW(INDEX(Jesper!AI$2:AI$366,ROUNDDOWN($C1682/24,0)+1,1))-1)+IF('Standard Profiles'!$G$19=$B$10,7,0)+IF('Standard Profiles'!$G$19=$B$17,14,0)+IF('Standard Profiles'!$G$19=$B$24,21,0),0)),0)</f>
        <v>10.80058773216885</v>
      </c>
      <c r="F1682" cm="1">
        <f t="array" ref="F1682">IFERROR(INDEX(Jesper!AJ$2:AJ$366,ROUNDDOWN($C1682/24,0)+1,1)*INDEX($D$3:$AA$30,INDEX(Jesper!$R$2:$R$366,ROW(INDEX(Jesper!AJ$2:AJ$366,ROUNDDOWN($C1682/24,0)+1,1))-1)+IF('Standard Profiles'!$G$20=$B$10,7,0)+IF('Standard Profiles'!$G$20=$B$17,14,0)+IF('Standard Profiles'!$G$20=$B$24,21,0),MOD($C1682,24)+1)/SUM(INDEX($D$3:$AA$30,INDEX(Jesper!$R$2:$R$366,ROW(INDEX(Jesper!AJ$2:AJ$366,ROUNDDOWN($C1682/24,0)+1,1))-1)+IF('Standard Profiles'!$G$20=$B$10,7,0)+IF('Standard Profiles'!$G$20=$B$17,14,0)+IF('Standard Profiles'!$G$20=$B$24,21,0),0)),0)</f>
        <v>0</v>
      </c>
      <c r="G1682" cm="1">
        <f t="array" ref="G1682">IFERROR(INDEX(Jesper!AK$2:AK$366,ROUNDDOWN($C1682/24,0)+1,1)*INDEX($D$3:$AA$30,INDEX(Jesper!$R$2:$R$366,ROW(INDEX(Jesper!AK$2:AK$366,ROUNDDOWN($C1682/24,0)+1,1))-1)+IF('Standard Profiles'!$G$21=$B$10,7,0)+IF('Standard Profiles'!$G$21=$B$17,14,0)+IF('Standard Profiles'!$G$21=$B$24,21,0),MOD($C1682,24)+1)/SUM(INDEX($D$3:$AA$30,INDEX(Jesper!$R$2:$R$366,ROW(INDEX(Jesper!AK$2:AK$366,ROUNDDOWN($C1682/24,0)+1,1))-1)+IF('Standard Profiles'!$G$21=$B$10,7,0)+IF('Standard Profiles'!$G$21=$B$17,14,0)+IF('Standard Profiles'!$G$21=$B$24,21,0),0)),0)</f>
        <v>7.4827746146905882</v>
      </c>
      <c r="H1682" cm="1">
        <f t="array" ref="H1682">IFERROR(INDEX(Jesper!AL$2:AL$366,ROUNDDOWN($C1682/24,0)+1,1)*INDEX($D$3:$AA$30,INDEX(Jesper!$R$2:$R$366,ROW(INDEX(Jesper!AL$2:AL$366,ROUNDDOWN($C1682/24,0)+1,1))-1)+IF('Standard Profiles'!$G$22=$B$10,7,0)+IF('Standard Profiles'!$G$22=$B$17,14,0)+IF('Standard Profiles'!$G$22=$B$24,21,0),MOD($C1682,24)+1)/SUM(INDEX($D$3:$AA$30,INDEX(Jesper!$R$2:$R$366,ROW(INDEX(Jesper!AL$2:AL$366,ROUNDDOWN($C1682/24,0)+1,1))-1)+IF('Standard Profiles'!$G$22=$B$10,7,0)+IF('Standard Profiles'!$G$22=$B$17,14,0)+IF('Standard Profiles'!$G$22=$B$24,21,0),0)),0)</f>
        <v>0</v>
      </c>
      <c r="I1682">
        <f t="shared" si="195"/>
        <v>3.5917318150514808</v>
      </c>
      <c r="J1682">
        <f t="shared" si="196"/>
        <v>25.960517992218094</v>
      </c>
      <c r="K1682">
        <f t="shared" si="197"/>
        <v>1.4309698362425571</v>
      </c>
      <c r="L1682">
        <f t="shared" si="198"/>
        <v>0.71548491812127857</v>
      </c>
      <c r="M1682">
        <f t="shared" si="199"/>
        <v>0</v>
      </c>
      <c r="N1682" s="45">
        <f t="shared" si="200"/>
        <v>44995.66666666267</v>
      </c>
    </row>
    <row r="1683" spans="2:14" x14ac:dyDescent="0.25">
      <c r="B1683">
        <f t="shared" si="194"/>
        <v>5</v>
      </c>
      <c r="C1683" s="16">
        <v>1649</v>
      </c>
      <c r="D1683" cm="1">
        <f t="array" ref="D1683">IFERROR(INDEX(Jesper!AH$2:AH$366,ROUNDDOWN($C1683/24,0)+1,1)*INDEX($D$3:$AA$30,INDEX(Jesper!$R$2:$R$366,ROW(INDEX(Jesper!AH$2:AH$366,ROUNDDOWN($C1683/24,0)+1,1))-1)+IF('Standard Profiles'!$G$18=$B$10,7,0)+IF('Standard Profiles'!$G$18=$B$17,14,0)+IF('Standard Profiles'!$G$18=$B$24,21,0),MOD($C1683,24)+1)/SUM(INDEX($D$3:$AA$30,INDEX(Jesper!$R$2:$R$366,ROW(INDEX(Jesper!AH$2:AH$366,ROUNDDOWN($C1683/24,0)+1,1))-1)+IF('Standard Profiles'!$G$18=$B$10,7,0)+IF('Standard Profiles'!$G$18=$B$17,14,0)+IF('Standard Profiles'!$G$18=$B$24,21,0),0)),0)</f>
        <v>8.8541258617508216</v>
      </c>
      <c r="E1683" cm="1">
        <f t="array" ref="E1683">IFERROR(INDEX(Jesper!AI$2:AI$366,ROUNDDOWN($C1683/24,0)+1,1)*INDEX($D$3:$AA$30,INDEX(Jesper!$R$2:$R$366,ROW(INDEX(Jesper!AI$2:AI$366,ROUNDDOWN($C1683/24,0)+1,1))-1)+IF('Standard Profiles'!$G$19=$B$10,7,0)+IF('Standard Profiles'!$G$19=$B$17,14,0)+IF('Standard Profiles'!$G$19=$B$24,21,0),MOD($C1683,24)+1)/SUM(INDEX($D$3:$AA$30,INDEX(Jesper!$R$2:$R$366,ROW(INDEX(Jesper!AI$2:AI$366,ROUNDDOWN($C1683/24,0)+1,1))-1)+IF('Standard Profiles'!$G$19=$B$10,7,0)+IF('Standard Profiles'!$G$19=$B$17,14,0)+IF('Standard Profiles'!$G$19=$B$24,21,0),0)),0)</f>
        <v>7.1283879032314417</v>
      </c>
      <c r="F1683" cm="1">
        <f t="array" ref="F1683">IFERROR(INDEX(Jesper!AJ$2:AJ$366,ROUNDDOWN($C1683/24,0)+1,1)*INDEX($D$3:$AA$30,INDEX(Jesper!$R$2:$R$366,ROW(INDEX(Jesper!AJ$2:AJ$366,ROUNDDOWN($C1683/24,0)+1,1))-1)+IF('Standard Profiles'!$G$20=$B$10,7,0)+IF('Standard Profiles'!$G$20=$B$17,14,0)+IF('Standard Profiles'!$G$20=$B$24,21,0),MOD($C1683,24)+1)/SUM(INDEX($D$3:$AA$30,INDEX(Jesper!$R$2:$R$366,ROW(INDEX(Jesper!AJ$2:AJ$366,ROUNDDOWN($C1683/24,0)+1,1))-1)+IF('Standard Profiles'!$G$20=$B$10,7,0)+IF('Standard Profiles'!$G$20=$B$17,14,0)+IF('Standard Profiles'!$G$20=$B$24,21,0),0)),0)</f>
        <v>0</v>
      </c>
      <c r="G1683" cm="1">
        <f t="array" ref="G1683">IFERROR(INDEX(Jesper!AK$2:AK$366,ROUNDDOWN($C1683/24,0)+1,1)*INDEX($D$3:$AA$30,INDEX(Jesper!$R$2:$R$366,ROW(INDEX(Jesper!AK$2:AK$366,ROUNDDOWN($C1683/24,0)+1,1))-1)+IF('Standard Profiles'!$G$21=$B$10,7,0)+IF('Standard Profiles'!$G$21=$B$17,14,0)+IF('Standard Profiles'!$G$21=$B$24,21,0),MOD($C1683,24)+1)/SUM(INDEX($D$3:$AA$30,INDEX(Jesper!$R$2:$R$366,ROW(INDEX(Jesper!AK$2:AK$366,ROUNDDOWN($C1683/24,0)+1,1))-1)+IF('Standard Profiles'!$G$21=$B$10,7,0)+IF('Standard Profiles'!$G$21=$B$17,14,0)+IF('Standard Profiles'!$G$21=$B$24,21,0),0)),0)</f>
        <v>6.2855306763400929</v>
      </c>
      <c r="H1683" cm="1">
        <f t="array" ref="H1683">IFERROR(INDEX(Jesper!AL$2:AL$366,ROUNDDOWN($C1683/24,0)+1,1)*INDEX($D$3:$AA$30,INDEX(Jesper!$R$2:$R$366,ROW(INDEX(Jesper!AL$2:AL$366,ROUNDDOWN($C1683/24,0)+1,1))-1)+IF('Standard Profiles'!$G$22=$B$10,7,0)+IF('Standard Profiles'!$G$22=$B$17,14,0)+IF('Standard Profiles'!$G$22=$B$24,21,0),MOD($C1683,24)+1)/SUM(INDEX($D$3:$AA$30,INDEX(Jesper!$R$2:$R$366,ROW(INDEX(Jesper!AL$2:AL$366,ROUNDDOWN($C1683/24,0)+1,1))-1)+IF('Standard Profiles'!$G$22=$B$10,7,0)+IF('Standard Profiles'!$G$22=$B$17,14,0)+IF('Standard Profiles'!$G$22=$B$24,21,0),0)),0)</f>
        <v>0</v>
      </c>
      <c r="I1683">
        <f t="shared" si="195"/>
        <v>3.0170547246432431</v>
      </c>
      <c r="J1683">
        <f t="shared" si="196"/>
        <v>17.834329578798982</v>
      </c>
      <c r="K1683">
        <f t="shared" si="197"/>
        <v>0.94444009192008771</v>
      </c>
      <c r="L1683">
        <f t="shared" si="198"/>
        <v>0.47222004596004385</v>
      </c>
      <c r="M1683">
        <f t="shared" si="199"/>
        <v>0</v>
      </c>
      <c r="N1683" s="45">
        <f t="shared" si="200"/>
        <v>44995.708333329334</v>
      </c>
    </row>
    <row r="1684" spans="2:14" x14ac:dyDescent="0.25">
      <c r="B1684">
        <f t="shared" si="194"/>
        <v>5</v>
      </c>
      <c r="C1684" s="16">
        <v>1650</v>
      </c>
      <c r="D1684" cm="1">
        <f t="array" ref="D1684">IFERROR(INDEX(Jesper!AH$2:AH$366,ROUNDDOWN($C1684/24,0)+1,1)*INDEX($D$3:$AA$30,INDEX(Jesper!$R$2:$R$366,ROW(INDEX(Jesper!AH$2:AH$366,ROUNDDOWN($C1684/24,0)+1,1))-1)+IF('Standard Profiles'!$G$18=$B$10,7,0)+IF('Standard Profiles'!$G$18=$B$17,14,0)+IF('Standard Profiles'!$G$18=$B$24,21,0),MOD($C1684,24)+1)/SUM(INDEX($D$3:$AA$30,INDEX(Jesper!$R$2:$R$366,ROW(INDEX(Jesper!AH$2:AH$366,ROUNDDOWN($C1684/24,0)+1,1))-1)+IF('Standard Profiles'!$G$18=$B$10,7,0)+IF('Standard Profiles'!$G$18=$B$17,14,0)+IF('Standard Profiles'!$G$18=$B$24,21,0),0)),0)</f>
        <v>5.6344437302050672</v>
      </c>
      <c r="E1684" cm="1">
        <f t="array" ref="E1684">IFERROR(INDEX(Jesper!AI$2:AI$366,ROUNDDOWN($C1684/24,0)+1,1)*INDEX($D$3:$AA$30,INDEX(Jesper!$R$2:$R$366,ROW(INDEX(Jesper!AI$2:AI$366,ROUNDDOWN($C1684/24,0)+1,1))-1)+IF('Standard Profiles'!$G$19=$B$10,7,0)+IF('Standard Profiles'!$G$19=$B$17,14,0)+IF('Standard Profiles'!$G$19=$B$24,21,0),MOD($C1684,24)+1)/SUM(INDEX($D$3:$AA$30,INDEX(Jesper!$R$2:$R$366,ROW(INDEX(Jesper!AI$2:AI$366,ROUNDDOWN($C1684/24,0)+1,1))-1)+IF('Standard Profiles'!$G$19=$B$10,7,0)+IF('Standard Profiles'!$G$19=$B$17,14,0)+IF('Standard Profiles'!$G$19=$B$24,21,0),0)),0)</f>
        <v>4.5362468475109168</v>
      </c>
      <c r="F1684" cm="1">
        <f t="array" ref="F1684">IFERROR(INDEX(Jesper!AJ$2:AJ$366,ROUNDDOWN($C1684/24,0)+1,1)*INDEX($D$3:$AA$30,INDEX(Jesper!$R$2:$R$366,ROW(INDEX(Jesper!AJ$2:AJ$366,ROUNDDOWN($C1684/24,0)+1,1))-1)+IF('Standard Profiles'!$G$20=$B$10,7,0)+IF('Standard Profiles'!$G$20=$B$17,14,0)+IF('Standard Profiles'!$G$20=$B$24,21,0),MOD($C1684,24)+1)/SUM(INDEX($D$3:$AA$30,INDEX(Jesper!$R$2:$R$366,ROW(INDEX(Jesper!AJ$2:AJ$366,ROUNDDOWN($C1684/24,0)+1,1))-1)+IF('Standard Profiles'!$G$20=$B$10,7,0)+IF('Standard Profiles'!$G$20=$B$17,14,0)+IF('Standard Profiles'!$G$20=$B$24,21,0),0)),0)</f>
        <v>0</v>
      </c>
      <c r="G1684" cm="1">
        <f t="array" ref="G1684">IFERROR(INDEX(Jesper!AK$2:AK$366,ROUNDDOWN($C1684/24,0)+1,1)*INDEX($D$3:$AA$30,INDEX(Jesper!$R$2:$R$366,ROW(INDEX(Jesper!AK$2:AK$366,ROUNDDOWN($C1684/24,0)+1,1))-1)+IF('Standard Profiles'!$G$21=$B$10,7,0)+IF('Standard Profiles'!$G$21=$B$17,14,0)+IF('Standard Profiles'!$G$21=$B$24,21,0),MOD($C1684,24)+1)/SUM(INDEX($D$3:$AA$30,INDEX(Jesper!$R$2:$R$366,ROW(INDEX(Jesper!AK$2:AK$366,ROUNDDOWN($C1684/24,0)+1,1))-1)+IF('Standard Profiles'!$G$21=$B$10,7,0)+IF('Standard Profiles'!$G$21=$B$17,14,0)+IF('Standard Profiles'!$G$21=$B$24,21,0),0)),0)</f>
        <v>2.3196601305540825</v>
      </c>
      <c r="H1684" cm="1">
        <f t="array" ref="H1684">IFERROR(INDEX(Jesper!AL$2:AL$366,ROUNDDOWN($C1684/24,0)+1,1)*INDEX($D$3:$AA$30,INDEX(Jesper!$R$2:$R$366,ROW(INDEX(Jesper!AL$2:AL$366,ROUNDDOWN($C1684/24,0)+1,1))-1)+IF('Standard Profiles'!$G$22=$B$10,7,0)+IF('Standard Profiles'!$G$22=$B$17,14,0)+IF('Standard Profiles'!$G$22=$B$24,21,0),MOD($C1684,24)+1)/SUM(INDEX($D$3:$AA$30,INDEX(Jesper!$R$2:$R$366,ROW(INDEX(Jesper!AL$2:AL$366,ROUNDDOWN($C1684/24,0)+1,1))-1)+IF('Standard Profiles'!$G$22=$B$10,7,0)+IF('Standard Profiles'!$G$22=$B$17,14,0)+IF('Standard Profiles'!$G$22=$B$24,21,0),0)),0)</f>
        <v>0</v>
      </c>
      <c r="I1684">
        <f t="shared" si="195"/>
        <v>1.113436862665959</v>
      </c>
      <c r="J1684">
        <f t="shared" si="196"/>
        <v>10.475402848771296</v>
      </c>
      <c r="K1684">
        <f t="shared" si="197"/>
        <v>0.60100733122187389</v>
      </c>
      <c r="L1684">
        <f t="shared" si="198"/>
        <v>0.30050366561093694</v>
      </c>
      <c r="M1684">
        <f t="shared" si="199"/>
        <v>0</v>
      </c>
      <c r="N1684" s="45">
        <f t="shared" si="200"/>
        <v>44995.749999995998</v>
      </c>
    </row>
    <row r="1685" spans="2:14" x14ac:dyDescent="0.25">
      <c r="B1685">
        <f t="shared" si="194"/>
        <v>5</v>
      </c>
      <c r="C1685" s="16">
        <v>1651</v>
      </c>
      <c r="D1685" cm="1">
        <f t="array" ref="D1685">IFERROR(INDEX(Jesper!AH$2:AH$366,ROUNDDOWN($C1685/24,0)+1,1)*INDEX($D$3:$AA$30,INDEX(Jesper!$R$2:$R$366,ROW(INDEX(Jesper!AH$2:AH$366,ROUNDDOWN($C1685/24,0)+1,1))-1)+IF('Standard Profiles'!$G$18=$B$10,7,0)+IF('Standard Profiles'!$G$18=$B$17,14,0)+IF('Standard Profiles'!$G$18=$B$24,21,0),MOD($C1685,24)+1)/SUM(INDEX($D$3:$AA$30,INDEX(Jesper!$R$2:$R$366,ROW(INDEX(Jesper!AH$2:AH$366,ROUNDDOWN($C1685/24,0)+1,1))-1)+IF('Standard Profiles'!$G$18=$B$10,7,0)+IF('Standard Profiles'!$G$18=$B$17,14,0)+IF('Standard Profiles'!$G$18=$B$24,21,0),0)),0)</f>
        <v>5.3661368859095884</v>
      </c>
      <c r="E1685" cm="1">
        <f t="array" ref="E1685">IFERROR(INDEX(Jesper!AI$2:AI$366,ROUNDDOWN($C1685/24,0)+1,1)*INDEX($D$3:$AA$30,INDEX(Jesper!$R$2:$R$366,ROW(INDEX(Jesper!AI$2:AI$366,ROUNDDOWN($C1685/24,0)+1,1))-1)+IF('Standard Profiles'!$G$19=$B$10,7,0)+IF('Standard Profiles'!$G$19=$B$17,14,0)+IF('Standard Profiles'!$G$19=$B$24,21,0),MOD($C1685,24)+1)/SUM(INDEX($D$3:$AA$30,INDEX(Jesper!$R$2:$R$366,ROW(INDEX(Jesper!AI$2:AI$366,ROUNDDOWN($C1685/24,0)+1,1))-1)+IF('Standard Profiles'!$G$19=$B$10,7,0)+IF('Standard Profiles'!$G$19=$B$17,14,0)+IF('Standard Profiles'!$G$19=$B$24,21,0),0)),0)</f>
        <v>4.3202350928675397</v>
      </c>
      <c r="F1685" cm="1">
        <f t="array" ref="F1685">IFERROR(INDEX(Jesper!AJ$2:AJ$366,ROUNDDOWN($C1685/24,0)+1,1)*INDEX($D$3:$AA$30,INDEX(Jesper!$R$2:$R$366,ROW(INDEX(Jesper!AJ$2:AJ$366,ROUNDDOWN($C1685/24,0)+1,1))-1)+IF('Standard Profiles'!$G$20=$B$10,7,0)+IF('Standard Profiles'!$G$20=$B$17,14,0)+IF('Standard Profiles'!$G$20=$B$24,21,0),MOD($C1685,24)+1)/SUM(INDEX($D$3:$AA$30,INDEX(Jesper!$R$2:$R$366,ROW(INDEX(Jesper!AJ$2:AJ$366,ROUNDDOWN($C1685/24,0)+1,1))-1)+IF('Standard Profiles'!$G$20=$B$10,7,0)+IF('Standard Profiles'!$G$20=$B$17,14,0)+IF('Standard Profiles'!$G$20=$B$24,21,0),0)),0)</f>
        <v>0</v>
      </c>
      <c r="G1685" cm="1">
        <f t="array" ref="G1685">IFERROR(INDEX(Jesper!AK$2:AK$366,ROUNDDOWN($C1685/24,0)+1,1)*INDEX($D$3:$AA$30,INDEX(Jesper!$R$2:$R$366,ROW(INDEX(Jesper!AK$2:AK$366,ROUNDDOWN($C1685/24,0)+1,1))-1)+IF('Standard Profiles'!$G$21=$B$10,7,0)+IF('Standard Profiles'!$G$21=$B$17,14,0)+IF('Standard Profiles'!$G$21=$B$24,21,0),MOD($C1685,24)+1)/SUM(INDEX($D$3:$AA$30,INDEX(Jesper!$R$2:$R$366,ROW(INDEX(Jesper!AK$2:AK$366,ROUNDDOWN($C1685/24,0)+1,1))-1)+IF('Standard Profiles'!$G$21=$B$10,7,0)+IF('Standard Profiles'!$G$21=$B$17,14,0)+IF('Standard Profiles'!$G$21=$B$24,21,0),0)),0)</f>
        <v>2.3196601305540825</v>
      </c>
      <c r="H1685" cm="1">
        <f t="array" ref="H1685">IFERROR(INDEX(Jesper!AL$2:AL$366,ROUNDDOWN($C1685/24,0)+1,1)*INDEX($D$3:$AA$30,INDEX(Jesper!$R$2:$R$366,ROW(INDEX(Jesper!AL$2:AL$366,ROUNDDOWN($C1685/24,0)+1,1))-1)+IF('Standard Profiles'!$G$22=$B$10,7,0)+IF('Standard Profiles'!$G$22=$B$17,14,0)+IF('Standard Profiles'!$G$22=$B$24,21,0),MOD($C1685,24)+1)/SUM(INDEX($D$3:$AA$30,INDEX(Jesper!$R$2:$R$366,ROW(INDEX(Jesper!AL$2:AL$366,ROUNDDOWN($C1685/24,0)+1,1))-1)+IF('Standard Profiles'!$G$22=$B$10,7,0)+IF('Standard Profiles'!$G$22=$B$17,14,0)+IF('Standard Profiles'!$G$22=$B$24,21,0),0)),0)</f>
        <v>0</v>
      </c>
      <c r="I1685">
        <f t="shared" si="195"/>
        <v>1.113436862665959</v>
      </c>
      <c r="J1685">
        <f t="shared" si="196"/>
        <v>10.034013344919718</v>
      </c>
      <c r="K1685">
        <f t="shared" si="197"/>
        <v>0.57238793449702274</v>
      </c>
      <c r="L1685">
        <f t="shared" si="198"/>
        <v>0.28619396724851137</v>
      </c>
      <c r="M1685">
        <f t="shared" si="199"/>
        <v>0</v>
      </c>
      <c r="N1685" s="45">
        <f t="shared" si="200"/>
        <v>44995.791666662662</v>
      </c>
    </row>
    <row r="1686" spans="2:14" x14ac:dyDescent="0.25">
      <c r="B1686">
        <f t="shared" si="194"/>
        <v>5</v>
      </c>
      <c r="C1686" s="16">
        <v>1652</v>
      </c>
      <c r="D1686" cm="1">
        <f t="array" ref="D1686">IFERROR(INDEX(Jesper!AH$2:AH$366,ROUNDDOWN($C1686/24,0)+1,1)*INDEX($D$3:$AA$30,INDEX(Jesper!$R$2:$R$366,ROW(INDEX(Jesper!AH$2:AH$366,ROUNDDOWN($C1686/24,0)+1,1))-1)+IF('Standard Profiles'!$G$18=$B$10,7,0)+IF('Standard Profiles'!$G$18=$B$17,14,0)+IF('Standard Profiles'!$G$18=$B$24,21,0),MOD($C1686,24)+1)/SUM(INDEX($D$3:$AA$30,INDEX(Jesper!$R$2:$R$366,ROW(INDEX(Jesper!AH$2:AH$366,ROUNDDOWN($C1686/24,0)+1,1))-1)+IF('Standard Profiles'!$G$18=$B$10,7,0)+IF('Standard Profiles'!$G$18=$B$17,14,0)+IF('Standard Profiles'!$G$18=$B$24,21,0),0)),0)</f>
        <v>5.3661368859095884</v>
      </c>
      <c r="E1686" cm="1">
        <f t="array" ref="E1686">IFERROR(INDEX(Jesper!AI$2:AI$366,ROUNDDOWN($C1686/24,0)+1,1)*INDEX($D$3:$AA$30,INDEX(Jesper!$R$2:$R$366,ROW(INDEX(Jesper!AI$2:AI$366,ROUNDDOWN($C1686/24,0)+1,1))-1)+IF('Standard Profiles'!$G$19=$B$10,7,0)+IF('Standard Profiles'!$G$19=$B$17,14,0)+IF('Standard Profiles'!$G$19=$B$24,21,0),MOD($C1686,24)+1)/SUM(INDEX($D$3:$AA$30,INDEX(Jesper!$R$2:$R$366,ROW(INDEX(Jesper!AI$2:AI$366,ROUNDDOWN($C1686/24,0)+1,1))-1)+IF('Standard Profiles'!$G$19=$B$10,7,0)+IF('Standard Profiles'!$G$19=$B$17,14,0)+IF('Standard Profiles'!$G$19=$B$24,21,0),0)),0)</f>
        <v>4.3202350928675397</v>
      </c>
      <c r="F1686" cm="1">
        <f t="array" ref="F1686">IFERROR(INDEX(Jesper!AJ$2:AJ$366,ROUNDDOWN($C1686/24,0)+1,1)*INDEX($D$3:$AA$30,INDEX(Jesper!$R$2:$R$366,ROW(INDEX(Jesper!AJ$2:AJ$366,ROUNDDOWN($C1686/24,0)+1,1))-1)+IF('Standard Profiles'!$G$20=$B$10,7,0)+IF('Standard Profiles'!$G$20=$B$17,14,0)+IF('Standard Profiles'!$G$20=$B$24,21,0),MOD($C1686,24)+1)/SUM(INDEX($D$3:$AA$30,INDEX(Jesper!$R$2:$R$366,ROW(INDEX(Jesper!AJ$2:AJ$366,ROUNDDOWN($C1686/24,0)+1,1))-1)+IF('Standard Profiles'!$G$20=$B$10,7,0)+IF('Standard Profiles'!$G$20=$B$17,14,0)+IF('Standard Profiles'!$G$20=$B$24,21,0),0)),0)</f>
        <v>0</v>
      </c>
      <c r="G1686" cm="1">
        <f t="array" ref="G1686">IFERROR(INDEX(Jesper!AK$2:AK$366,ROUNDDOWN($C1686/24,0)+1,1)*INDEX($D$3:$AA$30,INDEX(Jesper!$R$2:$R$366,ROW(INDEX(Jesper!AK$2:AK$366,ROUNDDOWN($C1686/24,0)+1,1))-1)+IF('Standard Profiles'!$G$21=$B$10,7,0)+IF('Standard Profiles'!$G$21=$B$17,14,0)+IF('Standard Profiles'!$G$21=$B$24,21,0),MOD($C1686,24)+1)/SUM(INDEX($D$3:$AA$30,INDEX(Jesper!$R$2:$R$366,ROW(INDEX(Jesper!AK$2:AK$366,ROUNDDOWN($C1686/24,0)+1,1))-1)+IF('Standard Profiles'!$G$21=$B$10,7,0)+IF('Standard Profiles'!$G$21=$B$17,14,0)+IF('Standard Profiles'!$G$21=$B$24,21,0),0)),0)</f>
        <v>2.3196601305540825</v>
      </c>
      <c r="H1686" cm="1">
        <f t="array" ref="H1686">IFERROR(INDEX(Jesper!AL$2:AL$366,ROUNDDOWN($C1686/24,0)+1,1)*INDEX($D$3:$AA$30,INDEX(Jesper!$R$2:$R$366,ROW(INDEX(Jesper!AL$2:AL$366,ROUNDDOWN($C1686/24,0)+1,1))-1)+IF('Standard Profiles'!$G$22=$B$10,7,0)+IF('Standard Profiles'!$G$22=$B$17,14,0)+IF('Standard Profiles'!$G$22=$B$24,21,0),MOD($C1686,24)+1)/SUM(INDEX($D$3:$AA$30,INDEX(Jesper!$R$2:$R$366,ROW(INDEX(Jesper!AL$2:AL$366,ROUNDDOWN($C1686/24,0)+1,1))-1)+IF('Standard Profiles'!$G$22=$B$10,7,0)+IF('Standard Profiles'!$G$22=$B$17,14,0)+IF('Standard Profiles'!$G$22=$B$24,21,0),0)),0)</f>
        <v>0</v>
      </c>
      <c r="I1686">
        <f t="shared" si="195"/>
        <v>1.113436862665959</v>
      </c>
      <c r="J1686">
        <f t="shared" si="196"/>
        <v>10.034013344919718</v>
      </c>
      <c r="K1686">
        <f t="shared" si="197"/>
        <v>0.57238793449702274</v>
      </c>
      <c r="L1686">
        <f t="shared" si="198"/>
        <v>0.28619396724851137</v>
      </c>
      <c r="M1686">
        <f t="shared" si="199"/>
        <v>0</v>
      </c>
      <c r="N1686" s="45">
        <f t="shared" si="200"/>
        <v>44995.833333329327</v>
      </c>
    </row>
    <row r="1687" spans="2:14" x14ac:dyDescent="0.25">
      <c r="B1687">
        <f t="shared" si="194"/>
        <v>5</v>
      </c>
      <c r="C1687" s="16">
        <v>1653</v>
      </c>
      <c r="D1687" cm="1">
        <f t="array" ref="D1687">IFERROR(INDEX(Jesper!AH$2:AH$366,ROUNDDOWN($C1687/24,0)+1,1)*INDEX($D$3:$AA$30,INDEX(Jesper!$R$2:$R$366,ROW(INDEX(Jesper!AH$2:AH$366,ROUNDDOWN($C1687/24,0)+1,1))-1)+IF('Standard Profiles'!$G$18=$B$10,7,0)+IF('Standard Profiles'!$G$18=$B$17,14,0)+IF('Standard Profiles'!$G$18=$B$24,21,0),MOD($C1687,24)+1)/SUM(INDEX($D$3:$AA$30,INDEX(Jesper!$R$2:$R$366,ROW(INDEX(Jesper!AH$2:AH$366,ROUNDDOWN($C1687/24,0)+1,1))-1)+IF('Standard Profiles'!$G$18=$B$10,7,0)+IF('Standard Profiles'!$G$18=$B$17,14,0)+IF('Standard Profiles'!$G$18=$B$24,21,0),0)),0)</f>
        <v>5.3661368859095884</v>
      </c>
      <c r="E1687" cm="1">
        <f t="array" ref="E1687">IFERROR(INDEX(Jesper!AI$2:AI$366,ROUNDDOWN($C1687/24,0)+1,1)*INDEX($D$3:$AA$30,INDEX(Jesper!$R$2:$R$366,ROW(INDEX(Jesper!AI$2:AI$366,ROUNDDOWN($C1687/24,0)+1,1))-1)+IF('Standard Profiles'!$G$19=$B$10,7,0)+IF('Standard Profiles'!$G$19=$B$17,14,0)+IF('Standard Profiles'!$G$19=$B$24,21,0),MOD($C1687,24)+1)/SUM(INDEX($D$3:$AA$30,INDEX(Jesper!$R$2:$R$366,ROW(INDEX(Jesper!AI$2:AI$366,ROUNDDOWN($C1687/24,0)+1,1))-1)+IF('Standard Profiles'!$G$19=$B$10,7,0)+IF('Standard Profiles'!$G$19=$B$17,14,0)+IF('Standard Profiles'!$G$19=$B$24,21,0),0)),0)</f>
        <v>4.3202350928675397</v>
      </c>
      <c r="F1687" cm="1">
        <f t="array" ref="F1687">IFERROR(INDEX(Jesper!AJ$2:AJ$366,ROUNDDOWN($C1687/24,0)+1,1)*INDEX($D$3:$AA$30,INDEX(Jesper!$R$2:$R$366,ROW(INDEX(Jesper!AJ$2:AJ$366,ROUNDDOWN($C1687/24,0)+1,1))-1)+IF('Standard Profiles'!$G$20=$B$10,7,0)+IF('Standard Profiles'!$G$20=$B$17,14,0)+IF('Standard Profiles'!$G$20=$B$24,21,0),MOD($C1687,24)+1)/SUM(INDEX($D$3:$AA$30,INDEX(Jesper!$R$2:$R$366,ROW(INDEX(Jesper!AJ$2:AJ$366,ROUNDDOWN($C1687/24,0)+1,1))-1)+IF('Standard Profiles'!$G$20=$B$10,7,0)+IF('Standard Profiles'!$G$20=$B$17,14,0)+IF('Standard Profiles'!$G$20=$B$24,21,0),0)),0)</f>
        <v>0</v>
      </c>
      <c r="G1687" cm="1">
        <f t="array" ref="G1687">IFERROR(INDEX(Jesper!AK$2:AK$366,ROUNDDOWN($C1687/24,0)+1,1)*INDEX($D$3:$AA$30,INDEX(Jesper!$R$2:$R$366,ROW(INDEX(Jesper!AK$2:AK$366,ROUNDDOWN($C1687/24,0)+1,1))-1)+IF('Standard Profiles'!$G$21=$B$10,7,0)+IF('Standard Profiles'!$G$21=$B$17,14,0)+IF('Standard Profiles'!$G$21=$B$24,21,0),MOD($C1687,24)+1)/SUM(INDEX($D$3:$AA$30,INDEX(Jesper!$R$2:$R$366,ROW(INDEX(Jesper!AK$2:AK$366,ROUNDDOWN($C1687/24,0)+1,1))-1)+IF('Standard Profiles'!$G$21=$B$10,7,0)+IF('Standard Profiles'!$G$21=$B$17,14,0)+IF('Standard Profiles'!$G$21=$B$24,21,0),0)),0)</f>
        <v>2.3196601305540825</v>
      </c>
      <c r="H1687" cm="1">
        <f t="array" ref="H1687">IFERROR(INDEX(Jesper!AL$2:AL$366,ROUNDDOWN($C1687/24,0)+1,1)*INDEX($D$3:$AA$30,INDEX(Jesper!$R$2:$R$366,ROW(INDEX(Jesper!AL$2:AL$366,ROUNDDOWN($C1687/24,0)+1,1))-1)+IF('Standard Profiles'!$G$22=$B$10,7,0)+IF('Standard Profiles'!$G$22=$B$17,14,0)+IF('Standard Profiles'!$G$22=$B$24,21,0),MOD($C1687,24)+1)/SUM(INDEX($D$3:$AA$30,INDEX(Jesper!$R$2:$R$366,ROW(INDEX(Jesper!AL$2:AL$366,ROUNDDOWN($C1687/24,0)+1,1))-1)+IF('Standard Profiles'!$G$22=$B$10,7,0)+IF('Standard Profiles'!$G$22=$B$17,14,0)+IF('Standard Profiles'!$G$22=$B$24,21,0),0)),0)</f>
        <v>0</v>
      </c>
      <c r="I1687">
        <f t="shared" si="195"/>
        <v>1.113436862665959</v>
      </c>
      <c r="J1687">
        <f t="shared" si="196"/>
        <v>10.034013344919718</v>
      </c>
      <c r="K1687">
        <f t="shared" si="197"/>
        <v>0.57238793449702274</v>
      </c>
      <c r="L1687">
        <f t="shared" si="198"/>
        <v>0.28619396724851137</v>
      </c>
      <c r="M1687">
        <f t="shared" si="199"/>
        <v>0</v>
      </c>
      <c r="N1687" s="45">
        <f t="shared" si="200"/>
        <v>44995.874999995991</v>
      </c>
    </row>
    <row r="1688" spans="2:14" x14ac:dyDescent="0.25">
      <c r="B1688">
        <f t="shared" si="194"/>
        <v>5</v>
      </c>
      <c r="C1688" s="16">
        <v>1654</v>
      </c>
      <c r="D1688" cm="1">
        <f t="array" ref="D1688">IFERROR(INDEX(Jesper!AH$2:AH$366,ROUNDDOWN($C1688/24,0)+1,1)*INDEX($D$3:$AA$30,INDEX(Jesper!$R$2:$R$366,ROW(INDEX(Jesper!AH$2:AH$366,ROUNDDOWN($C1688/24,0)+1,1))-1)+IF('Standard Profiles'!$G$18=$B$10,7,0)+IF('Standard Profiles'!$G$18=$B$17,14,0)+IF('Standard Profiles'!$G$18=$B$24,21,0),MOD($C1688,24)+1)/SUM(INDEX($D$3:$AA$30,INDEX(Jesper!$R$2:$R$366,ROW(INDEX(Jesper!AH$2:AH$366,ROUNDDOWN($C1688/24,0)+1,1))-1)+IF('Standard Profiles'!$G$18=$B$10,7,0)+IF('Standard Profiles'!$G$18=$B$17,14,0)+IF('Standard Profiles'!$G$18=$B$24,21,0),0)),0)</f>
        <v>5.3661368859095884</v>
      </c>
      <c r="E1688" cm="1">
        <f t="array" ref="E1688">IFERROR(INDEX(Jesper!AI$2:AI$366,ROUNDDOWN($C1688/24,0)+1,1)*INDEX($D$3:$AA$30,INDEX(Jesper!$R$2:$R$366,ROW(INDEX(Jesper!AI$2:AI$366,ROUNDDOWN($C1688/24,0)+1,1))-1)+IF('Standard Profiles'!$G$19=$B$10,7,0)+IF('Standard Profiles'!$G$19=$B$17,14,0)+IF('Standard Profiles'!$G$19=$B$24,21,0),MOD($C1688,24)+1)/SUM(INDEX($D$3:$AA$30,INDEX(Jesper!$R$2:$R$366,ROW(INDEX(Jesper!AI$2:AI$366,ROUNDDOWN($C1688/24,0)+1,1))-1)+IF('Standard Profiles'!$G$19=$B$10,7,0)+IF('Standard Profiles'!$G$19=$B$17,14,0)+IF('Standard Profiles'!$G$19=$B$24,21,0),0)),0)</f>
        <v>4.3202350928675397</v>
      </c>
      <c r="F1688" cm="1">
        <f t="array" ref="F1688">IFERROR(INDEX(Jesper!AJ$2:AJ$366,ROUNDDOWN($C1688/24,0)+1,1)*INDEX($D$3:$AA$30,INDEX(Jesper!$R$2:$R$366,ROW(INDEX(Jesper!AJ$2:AJ$366,ROUNDDOWN($C1688/24,0)+1,1))-1)+IF('Standard Profiles'!$G$20=$B$10,7,0)+IF('Standard Profiles'!$G$20=$B$17,14,0)+IF('Standard Profiles'!$G$20=$B$24,21,0),MOD($C1688,24)+1)/SUM(INDEX($D$3:$AA$30,INDEX(Jesper!$R$2:$R$366,ROW(INDEX(Jesper!AJ$2:AJ$366,ROUNDDOWN($C1688/24,0)+1,1))-1)+IF('Standard Profiles'!$G$20=$B$10,7,0)+IF('Standard Profiles'!$G$20=$B$17,14,0)+IF('Standard Profiles'!$G$20=$B$24,21,0),0)),0)</f>
        <v>0</v>
      </c>
      <c r="G1688" cm="1">
        <f t="array" ref="G1688">IFERROR(INDEX(Jesper!AK$2:AK$366,ROUNDDOWN($C1688/24,0)+1,1)*INDEX($D$3:$AA$30,INDEX(Jesper!$R$2:$R$366,ROW(INDEX(Jesper!AK$2:AK$366,ROUNDDOWN($C1688/24,0)+1,1))-1)+IF('Standard Profiles'!$G$21=$B$10,7,0)+IF('Standard Profiles'!$G$21=$B$17,14,0)+IF('Standard Profiles'!$G$21=$B$24,21,0),MOD($C1688,24)+1)/SUM(INDEX($D$3:$AA$30,INDEX(Jesper!$R$2:$R$366,ROW(INDEX(Jesper!AK$2:AK$366,ROUNDDOWN($C1688/24,0)+1,1))-1)+IF('Standard Profiles'!$G$21=$B$10,7,0)+IF('Standard Profiles'!$G$21=$B$17,14,0)+IF('Standard Profiles'!$G$21=$B$24,21,0),0)),0)</f>
        <v>2.3196601305540825</v>
      </c>
      <c r="H1688" cm="1">
        <f t="array" ref="H1688">IFERROR(INDEX(Jesper!AL$2:AL$366,ROUNDDOWN($C1688/24,0)+1,1)*INDEX($D$3:$AA$30,INDEX(Jesper!$R$2:$R$366,ROW(INDEX(Jesper!AL$2:AL$366,ROUNDDOWN($C1688/24,0)+1,1))-1)+IF('Standard Profiles'!$G$22=$B$10,7,0)+IF('Standard Profiles'!$G$22=$B$17,14,0)+IF('Standard Profiles'!$G$22=$B$24,21,0),MOD($C1688,24)+1)/SUM(INDEX($D$3:$AA$30,INDEX(Jesper!$R$2:$R$366,ROW(INDEX(Jesper!AL$2:AL$366,ROUNDDOWN($C1688/24,0)+1,1))-1)+IF('Standard Profiles'!$G$22=$B$10,7,0)+IF('Standard Profiles'!$G$22=$B$17,14,0)+IF('Standard Profiles'!$G$22=$B$24,21,0),0)),0)</f>
        <v>0</v>
      </c>
      <c r="I1688">
        <f t="shared" si="195"/>
        <v>1.113436862665959</v>
      </c>
      <c r="J1688">
        <f t="shared" si="196"/>
        <v>10.034013344919718</v>
      </c>
      <c r="K1688">
        <f t="shared" si="197"/>
        <v>0.57238793449702274</v>
      </c>
      <c r="L1688">
        <f t="shared" si="198"/>
        <v>0.28619396724851137</v>
      </c>
      <c r="M1688">
        <f t="shared" si="199"/>
        <v>0</v>
      </c>
      <c r="N1688" s="45">
        <f t="shared" si="200"/>
        <v>44995.916666662655</v>
      </c>
    </row>
    <row r="1689" spans="2:14" x14ac:dyDescent="0.25">
      <c r="B1689">
        <f t="shared" si="194"/>
        <v>5</v>
      </c>
      <c r="C1689" s="16">
        <v>1655</v>
      </c>
      <c r="D1689" cm="1">
        <f t="array" ref="D1689">IFERROR(INDEX(Jesper!AH$2:AH$366,ROUNDDOWN($C1689/24,0)+1,1)*INDEX($D$3:$AA$30,INDEX(Jesper!$R$2:$R$366,ROW(INDEX(Jesper!AH$2:AH$366,ROUNDDOWN($C1689/24,0)+1,1))-1)+IF('Standard Profiles'!$G$18=$B$10,7,0)+IF('Standard Profiles'!$G$18=$B$17,14,0)+IF('Standard Profiles'!$G$18=$B$24,21,0),MOD($C1689,24)+1)/SUM(INDEX($D$3:$AA$30,INDEX(Jesper!$R$2:$R$366,ROW(INDEX(Jesper!AH$2:AH$366,ROUNDDOWN($C1689/24,0)+1,1))-1)+IF('Standard Profiles'!$G$18=$B$10,7,0)+IF('Standard Profiles'!$G$18=$B$17,14,0)+IF('Standard Profiles'!$G$18=$B$24,21,0),0)),0)</f>
        <v>5.3661368859095884</v>
      </c>
      <c r="E1689" cm="1">
        <f t="array" ref="E1689">IFERROR(INDEX(Jesper!AI$2:AI$366,ROUNDDOWN($C1689/24,0)+1,1)*INDEX($D$3:$AA$30,INDEX(Jesper!$R$2:$R$366,ROW(INDEX(Jesper!AI$2:AI$366,ROUNDDOWN($C1689/24,0)+1,1))-1)+IF('Standard Profiles'!$G$19=$B$10,7,0)+IF('Standard Profiles'!$G$19=$B$17,14,0)+IF('Standard Profiles'!$G$19=$B$24,21,0),MOD($C1689,24)+1)/SUM(INDEX($D$3:$AA$30,INDEX(Jesper!$R$2:$R$366,ROW(INDEX(Jesper!AI$2:AI$366,ROUNDDOWN($C1689/24,0)+1,1))-1)+IF('Standard Profiles'!$G$19=$B$10,7,0)+IF('Standard Profiles'!$G$19=$B$17,14,0)+IF('Standard Profiles'!$G$19=$B$24,21,0),0)),0)</f>
        <v>4.3202350928675397</v>
      </c>
      <c r="F1689" cm="1">
        <f t="array" ref="F1689">IFERROR(INDEX(Jesper!AJ$2:AJ$366,ROUNDDOWN($C1689/24,0)+1,1)*INDEX($D$3:$AA$30,INDEX(Jesper!$R$2:$R$366,ROW(INDEX(Jesper!AJ$2:AJ$366,ROUNDDOWN($C1689/24,0)+1,1))-1)+IF('Standard Profiles'!$G$20=$B$10,7,0)+IF('Standard Profiles'!$G$20=$B$17,14,0)+IF('Standard Profiles'!$G$20=$B$24,21,0),MOD($C1689,24)+1)/SUM(INDEX($D$3:$AA$30,INDEX(Jesper!$R$2:$R$366,ROW(INDEX(Jesper!AJ$2:AJ$366,ROUNDDOWN($C1689/24,0)+1,1))-1)+IF('Standard Profiles'!$G$20=$B$10,7,0)+IF('Standard Profiles'!$G$20=$B$17,14,0)+IF('Standard Profiles'!$G$20=$B$24,21,0),0)),0)</f>
        <v>0</v>
      </c>
      <c r="G1689" cm="1">
        <f t="array" ref="G1689">IFERROR(INDEX(Jesper!AK$2:AK$366,ROUNDDOWN($C1689/24,0)+1,1)*INDEX($D$3:$AA$30,INDEX(Jesper!$R$2:$R$366,ROW(INDEX(Jesper!AK$2:AK$366,ROUNDDOWN($C1689/24,0)+1,1))-1)+IF('Standard Profiles'!$G$21=$B$10,7,0)+IF('Standard Profiles'!$G$21=$B$17,14,0)+IF('Standard Profiles'!$G$21=$B$24,21,0),MOD($C1689,24)+1)/SUM(INDEX($D$3:$AA$30,INDEX(Jesper!$R$2:$R$366,ROW(INDEX(Jesper!AK$2:AK$366,ROUNDDOWN($C1689/24,0)+1,1))-1)+IF('Standard Profiles'!$G$21=$B$10,7,0)+IF('Standard Profiles'!$G$21=$B$17,14,0)+IF('Standard Profiles'!$G$21=$B$24,21,0),0)),0)</f>
        <v>2.3196601305540825</v>
      </c>
      <c r="H1689" cm="1">
        <f t="array" ref="H1689">IFERROR(INDEX(Jesper!AL$2:AL$366,ROUNDDOWN($C1689/24,0)+1,1)*INDEX($D$3:$AA$30,INDEX(Jesper!$R$2:$R$366,ROW(INDEX(Jesper!AL$2:AL$366,ROUNDDOWN($C1689/24,0)+1,1))-1)+IF('Standard Profiles'!$G$22=$B$10,7,0)+IF('Standard Profiles'!$G$22=$B$17,14,0)+IF('Standard Profiles'!$G$22=$B$24,21,0),MOD($C1689,24)+1)/SUM(INDEX($D$3:$AA$30,INDEX(Jesper!$R$2:$R$366,ROW(INDEX(Jesper!AL$2:AL$366,ROUNDDOWN($C1689/24,0)+1,1))-1)+IF('Standard Profiles'!$G$22=$B$10,7,0)+IF('Standard Profiles'!$G$22=$B$17,14,0)+IF('Standard Profiles'!$G$22=$B$24,21,0),0)),0)</f>
        <v>0</v>
      </c>
      <c r="I1689">
        <f t="shared" si="195"/>
        <v>1.113436862665959</v>
      </c>
      <c r="J1689">
        <f t="shared" si="196"/>
        <v>10.034013344919718</v>
      </c>
      <c r="K1689">
        <f t="shared" si="197"/>
        <v>0.57238793449702274</v>
      </c>
      <c r="L1689">
        <f t="shared" si="198"/>
        <v>0.28619396724851137</v>
      </c>
      <c r="M1689">
        <f t="shared" si="199"/>
        <v>0</v>
      </c>
      <c r="N1689" s="45">
        <f t="shared" si="200"/>
        <v>44995.958333329319</v>
      </c>
    </row>
    <row r="1690" spans="2:14" x14ac:dyDescent="0.25">
      <c r="B1690">
        <f t="shared" si="194"/>
        <v>6</v>
      </c>
      <c r="C1690" s="16">
        <v>1656</v>
      </c>
      <c r="D1690" cm="1">
        <f t="array" ref="D1690">IFERROR(INDEX(Jesper!AH$2:AH$366,ROUNDDOWN($C1690/24,0)+1,1)*INDEX($D$3:$AA$30,INDEX(Jesper!$R$2:$R$366,ROW(INDEX(Jesper!AH$2:AH$366,ROUNDDOWN($C1690/24,0)+1,1))-1)+IF('Standard Profiles'!$G$18=$B$10,7,0)+IF('Standard Profiles'!$G$18=$B$17,14,0)+IF('Standard Profiles'!$G$18=$B$24,21,0),MOD($C1690,24)+1)/SUM(INDEX($D$3:$AA$30,INDEX(Jesper!$R$2:$R$366,ROW(INDEX(Jesper!AH$2:AH$366,ROUNDDOWN($C1690/24,0)+1,1))-1)+IF('Standard Profiles'!$G$18=$B$10,7,0)+IF('Standard Profiles'!$G$18=$B$17,14,0)+IF('Standard Profiles'!$G$18=$B$24,21,0),0)),0)</f>
        <v>0</v>
      </c>
      <c r="E1690" cm="1">
        <f t="array" ref="E1690">IFERROR(INDEX(Jesper!AI$2:AI$366,ROUNDDOWN($C1690/24,0)+1,1)*INDEX($D$3:$AA$30,INDEX(Jesper!$R$2:$R$366,ROW(INDEX(Jesper!AI$2:AI$366,ROUNDDOWN($C1690/24,0)+1,1))-1)+IF('Standard Profiles'!$G$19=$B$10,7,0)+IF('Standard Profiles'!$G$19=$B$17,14,0)+IF('Standard Profiles'!$G$19=$B$24,21,0),MOD($C1690,24)+1)/SUM(INDEX($D$3:$AA$30,INDEX(Jesper!$R$2:$R$366,ROW(INDEX(Jesper!AI$2:AI$366,ROUNDDOWN($C1690/24,0)+1,1))-1)+IF('Standard Profiles'!$G$19=$B$10,7,0)+IF('Standard Profiles'!$G$19=$B$17,14,0)+IF('Standard Profiles'!$G$19=$B$24,21,0),0)),0)</f>
        <v>4.7933986618172613</v>
      </c>
      <c r="F1690" cm="1">
        <f t="array" ref="F1690">IFERROR(INDEX(Jesper!AJ$2:AJ$366,ROUNDDOWN($C1690/24,0)+1,1)*INDEX($D$3:$AA$30,INDEX(Jesper!$R$2:$R$366,ROW(INDEX(Jesper!AJ$2:AJ$366,ROUNDDOWN($C1690/24,0)+1,1))-1)+IF('Standard Profiles'!$G$20=$B$10,7,0)+IF('Standard Profiles'!$G$20=$B$17,14,0)+IF('Standard Profiles'!$G$20=$B$24,21,0),MOD($C1690,24)+1)/SUM(INDEX($D$3:$AA$30,INDEX(Jesper!$R$2:$R$366,ROW(INDEX(Jesper!AJ$2:AJ$366,ROUNDDOWN($C1690/24,0)+1,1))-1)+IF('Standard Profiles'!$G$20=$B$10,7,0)+IF('Standard Profiles'!$G$20=$B$17,14,0)+IF('Standard Profiles'!$G$20=$B$24,21,0),0)),0)</f>
        <v>3.7323297902658528</v>
      </c>
      <c r="G1690" cm="1">
        <f t="array" ref="G1690">IFERROR(INDEX(Jesper!AK$2:AK$366,ROUNDDOWN($C1690/24,0)+1,1)*INDEX($D$3:$AA$30,INDEX(Jesper!$R$2:$R$366,ROW(INDEX(Jesper!AK$2:AK$366,ROUNDDOWN($C1690/24,0)+1,1))-1)+IF('Standard Profiles'!$G$21=$B$10,7,0)+IF('Standard Profiles'!$G$21=$B$17,14,0)+IF('Standard Profiles'!$G$21=$B$24,21,0),MOD($C1690,24)+1)/SUM(INDEX($D$3:$AA$30,INDEX(Jesper!$R$2:$R$366,ROW(INDEX(Jesper!AK$2:AK$366,ROUNDDOWN($C1690/24,0)+1,1))-1)+IF('Standard Profiles'!$G$21=$B$10,7,0)+IF('Standard Profiles'!$G$21=$B$17,14,0)+IF('Standard Profiles'!$G$21=$B$24,21,0),0)),0)</f>
        <v>4.8985147846282118</v>
      </c>
      <c r="H1690" cm="1">
        <f t="array" ref="H1690">IFERROR(INDEX(Jesper!AL$2:AL$366,ROUNDDOWN($C1690/24,0)+1,1)*INDEX($D$3:$AA$30,INDEX(Jesper!$R$2:$R$366,ROW(INDEX(Jesper!AL$2:AL$366,ROUNDDOWN($C1690/24,0)+1,1))-1)+IF('Standard Profiles'!$G$22=$B$10,7,0)+IF('Standard Profiles'!$G$22=$B$17,14,0)+IF('Standard Profiles'!$G$22=$B$24,21,0),MOD($C1690,24)+1)/SUM(INDEX($D$3:$AA$30,INDEX(Jesper!$R$2:$R$366,ROW(INDEX(Jesper!AL$2:AL$366,ROUNDDOWN($C1690/24,0)+1,1))-1)+IF('Standard Profiles'!$G$22=$B$10,7,0)+IF('Standard Profiles'!$G$22=$B$17,14,0)+IF('Standard Profiles'!$G$22=$B$24,21,0),0)),0)</f>
        <v>1.3179815528485685</v>
      </c>
      <c r="I1690">
        <f t="shared" si="195"/>
        <v>1.2652622907346265</v>
      </c>
      <c r="J1690">
        <f t="shared" si="196"/>
        <v>12.901754659407196</v>
      </c>
      <c r="K1690">
        <f t="shared" si="197"/>
        <v>0.38347189294538092</v>
      </c>
      <c r="L1690">
        <f t="shared" si="198"/>
        <v>0.19173594647269046</v>
      </c>
      <c r="M1690">
        <f t="shared" si="199"/>
        <v>0</v>
      </c>
      <c r="N1690" s="45">
        <f t="shared" si="200"/>
        <v>44995.999999995984</v>
      </c>
    </row>
    <row r="1691" spans="2:14" x14ac:dyDescent="0.25">
      <c r="B1691">
        <f t="shared" si="194"/>
        <v>6</v>
      </c>
      <c r="C1691" s="16">
        <v>1657</v>
      </c>
      <c r="D1691" cm="1">
        <f t="array" ref="D1691">IFERROR(INDEX(Jesper!AH$2:AH$366,ROUNDDOWN($C1691/24,0)+1,1)*INDEX($D$3:$AA$30,INDEX(Jesper!$R$2:$R$366,ROW(INDEX(Jesper!AH$2:AH$366,ROUNDDOWN($C1691/24,0)+1,1))-1)+IF('Standard Profiles'!$G$18=$B$10,7,0)+IF('Standard Profiles'!$G$18=$B$17,14,0)+IF('Standard Profiles'!$G$18=$B$24,21,0),MOD($C1691,24)+1)/SUM(INDEX($D$3:$AA$30,INDEX(Jesper!$R$2:$R$366,ROW(INDEX(Jesper!AH$2:AH$366,ROUNDDOWN($C1691/24,0)+1,1))-1)+IF('Standard Profiles'!$G$18=$B$10,7,0)+IF('Standard Profiles'!$G$18=$B$17,14,0)+IF('Standard Profiles'!$G$18=$B$24,21,0),0)),0)</f>
        <v>0</v>
      </c>
      <c r="E1691" cm="1">
        <f t="array" ref="E1691">IFERROR(INDEX(Jesper!AI$2:AI$366,ROUNDDOWN($C1691/24,0)+1,1)*INDEX($D$3:$AA$30,INDEX(Jesper!$R$2:$R$366,ROW(INDEX(Jesper!AI$2:AI$366,ROUNDDOWN($C1691/24,0)+1,1))-1)+IF('Standard Profiles'!$G$19=$B$10,7,0)+IF('Standard Profiles'!$G$19=$B$17,14,0)+IF('Standard Profiles'!$G$19=$B$24,21,0),MOD($C1691,24)+1)/SUM(INDEX($D$3:$AA$30,INDEX(Jesper!$R$2:$R$366,ROW(INDEX(Jesper!AI$2:AI$366,ROUNDDOWN($C1691/24,0)+1,1))-1)+IF('Standard Profiles'!$G$19=$B$10,7,0)+IF('Standard Profiles'!$G$19=$B$17,14,0)+IF('Standard Profiles'!$G$19=$B$24,21,0),0)),0)</f>
        <v>4.3140587956355345</v>
      </c>
      <c r="F1691" cm="1">
        <f t="array" ref="F1691">IFERROR(INDEX(Jesper!AJ$2:AJ$366,ROUNDDOWN($C1691/24,0)+1,1)*INDEX($D$3:$AA$30,INDEX(Jesper!$R$2:$R$366,ROW(INDEX(Jesper!AJ$2:AJ$366,ROUNDDOWN($C1691/24,0)+1,1))-1)+IF('Standard Profiles'!$G$20=$B$10,7,0)+IF('Standard Profiles'!$G$20=$B$17,14,0)+IF('Standard Profiles'!$G$20=$B$24,21,0),MOD($C1691,24)+1)/SUM(INDEX($D$3:$AA$30,INDEX(Jesper!$R$2:$R$366,ROW(INDEX(Jesper!AJ$2:AJ$366,ROUNDDOWN($C1691/24,0)+1,1))-1)+IF('Standard Profiles'!$G$20=$B$10,7,0)+IF('Standard Profiles'!$G$20=$B$17,14,0)+IF('Standard Profiles'!$G$20=$B$24,21,0),0)),0)</f>
        <v>3.3590968112392674</v>
      </c>
      <c r="G1691" cm="1">
        <f t="array" ref="G1691">IFERROR(INDEX(Jesper!AK$2:AK$366,ROUNDDOWN($C1691/24,0)+1,1)*INDEX($D$3:$AA$30,INDEX(Jesper!$R$2:$R$366,ROW(INDEX(Jesper!AK$2:AK$366,ROUNDDOWN($C1691/24,0)+1,1))-1)+IF('Standard Profiles'!$G$21=$B$10,7,0)+IF('Standard Profiles'!$G$21=$B$17,14,0)+IF('Standard Profiles'!$G$21=$B$24,21,0),MOD($C1691,24)+1)/SUM(INDEX($D$3:$AA$30,INDEX(Jesper!$R$2:$R$366,ROW(INDEX(Jesper!AK$2:AK$366,ROUNDDOWN($C1691/24,0)+1,1))-1)+IF('Standard Profiles'!$G$21=$B$10,7,0)+IF('Standard Profiles'!$G$21=$B$17,14,0)+IF('Standard Profiles'!$G$21=$B$24,21,0),0)),0)</f>
        <v>4.8985147846282118</v>
      </c>
      <c r="H1691" cm="1">
        <f t="array" ref="H1691">IFERROR(INDEX(Jesper!AL$2:AL$366,ROUNDDOWN($C1691/24,0)+1,1)*INDEX($D$3:$AA$30,INDEX(Jesper!$R$2:$R$366,ROW(INDEX(Jesper!AL$2:AL$366,ROUNDDOWN($C1691/24,0)+1,1))-1)+IF('Standard Profiles'!$G$22=$B$10,7,0)+IF('Standard Profiles'!$G$22=$B$17,14,0)+IF('Standard Profiles'!$G$22=$B$24,21,0),MOD($C1691,24)+1)/SUM(INDEX($D$3:$AA$30,INDEX(Jesper!$R$2:$R$366,ROW(INDEX(Jesper!AL$2:AL$366,ROUNDDOWN($C1691/24,0)+1,1))-1)+IF('Standard Profiles'!$G$22=$B$10,7,0)+IF('Standard Profiles'!$G$22=$B$17,14,0)+IF('Standard Profiles'!$G$22=$B$24,21,0),0)),0)</f>
        <v>2.5732020793710149</v>
      </c>
      <c r="I1691">
        <f t="shared" si="195"/>
        <v>2.4702739961961755</v>
      </c>
      <c r="J1691">
        <f t="shared" si="196"/>
        <v>12.15691141920159</v>
      </c>
      <c r="K1691">
        <f t="shared" si="197"/>
        <v>0.34512470365084275</v>
      </c>
      <c r="L1691">
        <f t="shared" si="198"/>
        <v>0.17256235182542137</v>
      </c>
      <c r="M1691">
        <f t="shared" si="199"/>
        <v>0</v>
      </c>
      <c r="N1691" s="45">
        <f t="shared" si="200"/>
        <v>44996.041666662648</v>
      </c>
    </row>
    <row r="1692" spans="2:14" x14ac:dyDescent="0.25">
      <c r="B1692">
        <f t="shared" si="194"/>
        <v>6</v>
      </c>
      <c r="C1692" s="16">
        <v>1658</v>
      </c>
      <c r="D1692" cm="1">
        <f t="array" ref="D1692">IFERROR(INDEX(Jesper!AH$2:AH$366,ROUNDDOWN($C1692/24,0)+1,1)*INDEX($D$3:$AA$30,INDEX(Jesper!$R$2:$R$366,ROW(INDEX(Jesper!AH$2:AH$366,ROUNDDOWN($C1692/24,0)+1,1))-1)+IF('Standard Profiles'!$G$18=$B$10,7,0)+IF('Standard Profiles'!$G$18=$B$17,14,0)+IF('Standard Profiles'!$G$18=$B$24,21,0),MOD($C1692,24)+1)/SUM(INDEX($D$3:$AA$30,INDEX(Jesper!$R$2:$R$366,ROW(INDEX(Jesper!AH$2:AH$366,ROUNDDOWN($C1692/24,0)+1,1))-1)+IF('Standard Profiles'!$G$18=$B$10,7,0)+IF('Standard Profiles'!$G$18=$B$17,14,0)+IF('Standard Profiles'!$G$18=$B$24,21,0),0)),0)</f>
        <v>0</v>
      </c>
      <c r="E1692" cm="1">
        <f t="array" ref="E1692">IFERROR(INDEX(Jesper!AI$2:AI$366,ROUNDDOWN($C1692/24,0)+1,1)*INDEX($D$3:$AA$30,INDEX(Jesper!$R$2:$R$366,ROW(INDEX(Jesper!AI$2:AI$366,ROUNDDOWN($C1692/24,0)+1,1))-1)+IF('Standard Profiles'!$G$19=$B$10,7,0)+IF('Standard Profiles'!$G$19=$B$17,14,0)+IF('Standard Profiles'!$G$19=$B$24,21,0),MOD($C1692,24)+1)/SUM(INDEX($D$3:$AA$30,INDEX(Jesper!$R$2:$R$366,ROW(INDEX(Jesper!AI$2:AI$366,ROUNDDOWN($C1692/24,0)+1,1))-1)+IF('Standard Profiles'!$G$19=$B$10,7,0)+IF('Standard Profiles'!$G$19=$B$17,14,0)+IF('Standard Profiles'!$G$19=$B$24,21,0),0)),0)</f>
        <v>4.3140587956355345</v>
      </c>
      <c r="F1692" cm="1">
        <f t="array" ref="F1692">IFERROR(INDEX(Jesper!AJ$2:AJ$366,ROUNDDOWN($C1692/24,0)+1,1)*INDEX($D$3:$AA$30,INDEX(Jesper!$R$2:$R$366,ROW(INDEX(Jesper!AJ$2:AJ$366,ROUNDDOWN($C1692/24,0)+1,1))-1)+IF('Standard Profiles'!$G$20=$B$10,7,0)+IF('Standard Profiles'!$G$20=$B$17,14,0)+IF('Standard Profiles'!$G$20=$B$24,21,0),MOD($C1692,24)+1)/SUM(INDEX($D$3:$AA$30,INDEX(Jesper!$R$2:$R$366,ROW(INDEX(Jesper!AJ$2:AJ$366,ROUNDDOWN($C1692/24,0)+1,1))-1)+IF('Standard Profiles'!$G$20=$B$10,7,0)+IF('Standard Profiles'!$G$20=$B$17,14,0)+IF('Standard Profiles'!$G$20=$B$24,21,0),0)),0)</f>
        <v>3.3590968112392674</v>
      </c>
      <c r="G1692" cm="1">
        <f t="array" ref="G1692">IFERROR(INDEX(Jesper!AK$2:AK$366,ROUNDDOWN($C1692/24,0)+1,1)*INDEX($D$3:$AA$30,INDEX(Jesper!$R$2:$R$366,ROW(INDEX(Jesper!AK$2:AK$366,ROUNDDOWN($C1692/24,0)+1,1))-1)+IF('Standard Profiles'!$G$21=$B$10,7,0)+IF('Standard Profiles'!$G$21=$B$17,14,0)+IF('Standard Profiles'!$G$21=$B$24,21,0),MOD($C1692,24)+1)/SUM(INDEX($D$3:$AA$30,INDEX(Jesper!$R$2:$R$366,ROW(INDEX(Jesper!AK$2:AK$366,ROUNDDOWN($C1692/24,0)+1,1))-1)+IF('Standard Profiles'!$G$21=$B$10,7,0)+IF('Standard Profiles'!$G$21=$B$17,14,0)+IF('Standard Profiles'!$G$21=$B$24,21,0),0)),0)</f>
        <v>4.8985147846282118</v>
      </c>
      <c r="H1692" cm="1">
        <f t="array" ref="H1692">IFERROR(INDEX(Jesper!AL$2:AL$366,ROUNDDOWN($C1692/24,0)+1,1)*INDEX($D$3:$AA$30,INDEX(Jesper!$R$2:$R$366,ROW(INDEX(Jesper!AL$2:AL$366,ROUNDDOWN($C1692/24,0)+1,1))-1)+IF('Standard Profiles'!$G$22=$B$10,7,0)+IF('Standard Profiles'!$G$22=$B$17,14,0)+IF('Standard Profiles'!$G$22=$B$24,21,0),MOD($C1692,24)+1)/SUM(INDEX($D$3:$AA$30,INDEX(Jesper!$R$2:$R$366,ROW(INDEX(Jesper!AL$2:AL$366,ROUNDDOWN($C1692/24,0)+1,1))-1)+IF('Standard Profiles'!$G$22=$B$10,7,0)+IF('Standard Profiles'!$G$22=$B$17,14,0)+IF('Standard Profiles'!$G$22=$B$24,21,0),0)),0)</f>
        <v>2.5732020793710149</v>
      </c>
      <c r="I1692">
        <f t="shared" si="195"/>
        <v>2.4702739961961755</v>
      </c>
      <c r="J1692">
        <f t="shared" si="196"/>
        <v>12.15691141920159</v>
      </c>
      <c r="K1692">
        <f t="shared" si="197"/>
        <v>0.34512470365084275</v>
      </c>
      <c r="L1692">
        <f t="shared" si="198"/>
        <v>0.17256235182542137</v>
      </c>
      <c r="M1692">
        <f t="shared" si="199"/>
        <v>0</v>
      </c>
      <c r="N1692" s="45">
        <f t="shared" si="200"/>
        <v>44996.083333329312</v>
      </c>
    </row>
    <row r="1693" spans="2:14" x14ac:dyDescent="0.25">
      <c r="B1693">
        <f t="shared" si="194"/>
        <v>6</v>
      </c>
      <c r="C1693" s="16">
        <v>1659</v>
      </c>
      <c r="D1693" cm="1">
        <f t="array" ref="D1693">IFERROR(INDEX(Jesper!AH$2:AH$366,ROUNDDOWN($C1693/24,0)+1,1)*INDEX($D$3:$AA$30,INDEX(Jesper!$R$2:$R$366,ROW(INDEX(Jesper!AH$2:AH$366,ROUNDDOWN($C1693/24,0)+1,1))-1)+IF('Standard Profiles'!$G$18=$B$10,7,0)+IF('Standard Profiles'!$G$18=$B$17,14,0)+IF('Standard Profiles'!$G$18=$B$24,21,0),MOD($C1693,24)+1)/SUM(INDEX($D$3:$AA$30,INDEX(Jesper!$R$2:$R$366,ROW(INDEX(Jesper!AH$2:AH$366,ROUNDDOWN($C1693/24,0)+1,1))-1)+IF('Standard Profiles'!$G$18=$B$10,7,0)+IF('Standard Profiles'!$G$18=$B$17,14,0)+IF('Standard Profiles'!$G$18=$B$24,21,0),0)),0)</f>
        <v>0</v>
      </c>
      <c r="E1693" cm="1">
        <f t="array" ref="E1693">IFERROR(INDEX(Jesper!AI$2:AI$366,ROUNDDOWN($C1693/24,0)+1,1)*INDEX($D$3:$AA$30,INDEX(Jesper!$R$2:$R$366,ROW(INDEX(Jesper!AI$2:AI$366,ROUNDDOWN($C1693/24,0)+1,1))-1)+IF('Standard Profiles'!$G$19=$B$10,7,0)+IF('Standard Profiles'!$G$19=$B$17,14,0)+IF('Standard Profiles'!$G$19=$B$24,21,0),MOD($C1693,24)+1)/SUM(INDEX($D$3:$AA$30,INDEX(Jesper!$R$2:$R$366,ROW(INDEX(Jesper!AI$2:AI$366,ROUNDDOWN($C1693/24,0)+1,1))-1)+IF('Standard Profiles'!$G$19=$B$10,7,0)+IF('Standard Profiles'!$G$19=$B$17,14,0)+IF('Standard Profiles'!$G$19=$B$24,21,0),0)),0)</f>
        <v>4.3140587956355345</v>
      </c>
      <c r="F1693" cm="1">
        <f t="array" ref="F1693">IFERROR(INDEX(Jesper!AJ$2:AJ$366,ROUNDDOWN($C1693/24,0)+1,1)*INDEX($D$3:$AA$30,INDEX(Jesper!$R$2:$R$366,ROW(INDEX(Jesper!AJ$2:AJ$366,ROUNDDOWN($C1693/24,0)+1,1))-1)+IF('Standard Profiles'!$G$20=$B$10,7,0)+IF('Standard Profiles'!$G$20=$B$17,14,0)+IF('Standard Profiles'!$G$20=$B$24,21,0),MOD($C1693,24)+1)/SUM(INDEX($D$3:$AA$30,INDEX(Jesper!$R$2:$R$366,ROW(INDEX(Jesper!AJ$2:AJ$366,ROUNDDOWN($C1693/24,0)+1,1))-1)+IF('Standard Profiles'!$G$20=$B$10,7,0)+IF('Standard Profiles'!$G$20=$B$17,14,0)+IF('Standard Profiles'!$G$20=$B$24,21,0),0)),0)</f>
        <v>3.3590968112392674</v>
      </c>
      <c r="G1693" cm="1">
        <f t="array" ref="G1693">IFERROR(INDEX(Jesper!AK$2:AK$366,ROUNDDOWN($C1693/24,0)+1,1)*INDEX($D$3:$AA$30,INDEX(Jesper!$R$2:$R$366,ROW(INDEX(Jesper!AK$2:AK$366,ROUNDDOWN($C1693/24,0)+1,1))-1)+IF('Standard Profiles'!$G$21=$B$10,7,0)+IF('Standard Profiles'!$G$21=$B$17,14,0)+IF('Standard Profiles'!$G$21=$B$24,21,0),MOD($C1693,24)+1)/SUM(INDEX($D$3:$AA$30,INDEX(Jesper!$R$2:$R$366,ROW(INDEX(Jesper!AK$2:AK$366,ROUNDDOWN($C1693/24,0)+1,1))-1)+IF('Standard Profiles'!$G$21=$B$10,7,0)+IF('Standard Profiles'!$G$21=$B$17,14,0)+IF('Standard Profiles'!$G$21=$B$24,21,0),0)),0)</f>
        <v>4.8985147846282118</v>
      </c>
      <c r="H1693" cm="1">
        <f t="array" ref="H1693">IFERROR(INDEX(Jesper!AL$2:AL$366,ROUNDDOWN($C1693/24,0)+1,1)*INDEX($D$3:$AA$30,INDEX(Jesper!$R$2:$R$366,ROW(INDEX(Jesper!AL$2:AL$366,ROUNDDOWN($C1693/24,0)+1,1))-1)+IF('Standard Profiles'!$G$22=$B$10,7,0)+IF('Standard Profiles'!$G$22=$B$17,14,0)+IF('Standard Profiles'!$G$22=$B$24,21,0),MOD($C1693,24)+1)/SUM(INDEX($D$3:$AA$30,INDEX(Jesper!$R$2:$R$366,ROW(INDEX(Jesper!AL$2:AL$366,ROUNDDOWN($C1693/24,0)+1,1))-1)+IF('Standard Profiles'!$G$22=$B$10,7,0)+IF('Standard Profiles'!$G$22=$B$17,14,0)+IF('Standard Profiles'!$G$22=$B$24,21,0),0)),0)</f>
        <v>2.5732020793710149</v>
      </c>
      <c r="I1693">
        <f t="shared" si="195"/>
        <v>2.4702739961961755</v>
      </c>
      <c r="J1693">
        <f t="shared" si="196"/>
        <v>12.15691141920159</v>
      </c>
      <c r="K1693">
        <f t="shared" si="197"/>
        <v>0.34512470365084275</v>
      </c>
      <c r="L1693">
        <f t="shared" si="198"/>
        <v>0.17256235182542137</v>
      </c>
      <c r="M1693">
        <f t="shared" si="199"/>
        <v>0</v>
      </c>
      <c r="N1693" s="45">
        <f t="shared" si="200"/>
        <v>44996.124999995976</v>
      </c>
    </row>
    <row r="1694" spans="2:14" x14ac:dyDescent="0.25">
      <c r="B1694">
        <f t="shared" si="194"/>
        <v>6</v>
      </c>
      <c r="C1694" s="16">
        <v>1660</v>
      </c>
      <c r="D1694" cm="1">
        <f t="array" ref="D1694">IFERROR(INDEX(Jesper!AH$2:AH$366,ROUNDDOWN($C1694/24,0)+1,1)*INDEX($D$3:$AA$30,INDEX(Jesper!$R$2:$R$366,ROW(INDEX(Jesper!AH$2:AH$366,ROUNDDOWN($C1694/24,0)+1,1))-1)+IF('Standard Profiles'!$G$18=$B$10,7,0)+IF('Standard Profiles'!$G$18=$B$17,14,0)+IF('Standard Profiles'!$G$18=$B$24,21,0),MOD($C1694,24)+1)/SUM(INDEX($D$3:$AA$30,INDEX(Jesper!$R$2:$R$366,ROW(INDEX(Jesper!AH$2:AH$366,ROUNDDOWN($C1694/24,0)+1,1))-1)+IF('Standard Profiles'!$G$18=$B$10,7,0)+IF('Standard Profiles'!$G$18=$B$17,14,0)+IF('Standard Profiles'!$G$18=$B$24,21,0),0)),0)</f>
        <v>0</v>
      </c>
      <c r="E1694" cm="1">
        <f t="array" ref="E1694">IFERROR(INDEX(Jesper!AI$2:AI$366,ROUNDDOWN($C1694/24,0)+1,1)*INDEX($D$3:$AA$30,INDEX(Jesper!$R$2:$R$366,ROW(INDEX(Jesper!AI$2:AI$366,ROUNDDOWN($C1694/24,0)+1,1))-1)+IF('Standard Profiles'!$G$19=$B$10,7,0)+IF('Standard Profiles'!$G$19=$B$17,14,0)+IF('Standard Profiles'!$G$19=$B$24,21,0),MOD($C1694,24)+1)/SUM(INDEX($D$3:$AA$30,INDEX(Jesper!$R$2:$R$366,ROW(INDEX(Jesper!AI$2:AI$366,ROUNDDOWN($C1694/24,0)+1,1))-1)+IF('Standard Profiles'!$G$19=$B$10,7,0)+IF('Standard Profiles'!$G$19=$B$17,14,0)+IF('Standard Profiles'!$G$19=$B$24,21,0),0)),0)</f>
        <v>4.3140587956355345</v>
      </c>
      <c r="F1694" cm="1">
        <f t="array" ref="F1694">IFERROR(INDEX(Jesper!AJ$2:AJ$366,ROUNDDOWN($C1694/24,0)+1,1)*INDEX($D$3:$AA$30,INDEX(Jesper!$R$2:$R$366,ROW(INDEX(Jesper!AJ$2:AJ$366,ROUNDDOWN($C1694/24,0)+1,1))-1)+IF('Standard Profiles'!$G$20=$B$10,7,0)+IF('Standard Profiles'!$G$20=$B$17,14,0)+IF('Standard Profiles'!$G$20=$B$24,21,0),MOD($C1694,24)+1)/SUM(INDEX($D$3:$AA$30,INDEX(Jesper!$R$2:$R$366,ROW(INDEX(Jesper!AJ$2:AJ$366,ROUNDDOWN($C1694/24,0)+1,1))-1)+IF('Standard Profiles'!$G$20=$B$10,7,0)+IF('Standard Profiles'!$G$20=$B$17,14,0)+IF('Standard Profiles'!$G$20=$B$24,21,0),0)),0)</f>
        <v>3.3590968112392674</v>
      </c>
      <c r="G1694" cm="1">
        <f t="array" ref="G1694">IFERROR(INDEX(Jesper!AK$2:AK$366,ROUNDDOWN($C1694/24,0)+1,1)*INDEX($D$3:$AA$30,INDEX(Jesper!$R$2:$R$366,ROW(INDEX(Jesper!AK$2:AK$366,ROUNDDOWN($C1694/24,0)+1,1))-1)+IF('Standard Profiles'!$G$21=$B$10,7,0)+IF('Standard Profiles'!$G$21=$B$17,14,0)+IF('Standard Profiles'!$G$21=$B$24,21,0),MOD($C1694,24)+1)/SUM(INDEX($D$3:$AA$30,INDEX(Jesper!$R$2:$R$366,ROW(INDEX(Jesper!AK$2:AK$366,ROUNDDOWN($C1694/24,0)+1,1))-1)+IF('Standard Profiles'!$G$21=$B$10,7,0)+IF('Standard Profiles'!$G$21=$B$17,14,0)+IF('Standard Profiles'!$G$21=$B$24,21,0),0)),0)</f>
        <v>4.8985147846282118</v>
      </c>
      <c r="H1694" cm="1">
        <f t="array" ref="H1694">IFERROR(INDEX(Jesper!AL$2:AL$366,ROUNDDOWN($C1694/24,0)+1,1)*INDEX($D$3:$AA$30,INDEX(Jesper!$R$2:$R$366,ROW(INDEX(Jesper!AL$2:AL$366,ROUNDDOWN($C1694/24,0)+1,1))-1)+IF('Standard Profiles'!$G$22=$B$10,7,0)+IF('Standard Profiles'!$G$22=$B$17,14,0)+IF('Standard Profiles'!$G$22=$B$24,21,0),MOD($C1694,24)+1)/SUM(INDEX($D$3:$AA$30,INDEX(Jesper!$R$2:$R$366,ROW(INDEX(Jesper!AL$2:AL$366,ROUNDDOWN($C1694/24,0)+1,1))-1)+IF('Standard Profiles'!$G$22=$B$10,7,0)+IF('Standard Profiles'!$G$22=$B$17,14,0)+IF('Standard Profiles'!$G$22=$B$24,21,0),0)),0)</f>
        <v>2.5732020793710149</v>
      </c>
      <c r="I1694">
        <f t="shared" si="195"/>
        <v>2.4702739961961755</v>
      </c>
      <c r="J1694">
        <f t="shared" si="196"/>
        <v>12.15691141920159</v>
      </c>
      <c r="K1694">
        <f t="shared" si="197"/>
        <v>0.34512470365084275</v>
      </c>
      <c r="L1694">
        <f t="shared" si="198"/>
        <v>0.17256235182542137</v>
      </c>
      <c r="M1694">
        <f t="shared" si="199"/>
        <v>0</v>
      </c>
      <c r="N1694" s="45">
        <f t="shared" si="200"/>
        <v>44996.166666662641</v>
      </c>
    </row>
    <row r="1695" spans="2:14" x14ac:dyDescent="0.25">
      <c r="B1695">
        <f t="shared" si="194"/>
        <v>6</v>
      </c>
      <c r="C1695" s="16">
        <v>1661</v>
      </c>
      <c r="D1695" cm="1">
        <f t="array" ref="D1695">IFERROR(INDEX(Jesper!AH$2:AH$366,ROUNDDOWN($C1695/24,0)+1,1)*INDEX($D$3:$AA$30,INDEX(Jesper!$R$2:$R$366,ROW(INDEX(Jesper!AH$2:AH$366,ROUNDDOWN($C1695/24,0)+1,1))-1)+IF('Standard Profiles'!$G$18=$B$10,7,0)+IF('Standard Profiles'!$G$18=$B$17,14,0)+IF('Standard Profiles'!$G$18=$B$24,21,0),MOD($C1695,24)+1)/SUM(INDEX($D$3:$AA$30,INDEX(Jesper!$R$2:$R$366,ROW(INDEX(Jesper!AH$2:AH$366,ROUNDDOWN($C1695/24,0)+1,1))-1)+IF('Standard Profiles'!$G$18=$B$10,7,0)+IF('Standard Profiles'!$G$18=$B$17,14,0)+IF('Standard Profiles'!$G$18=$B$24,21,0),0)),0)</f>
        <v>0</v>
      </c>
      <c r="E1695" cm="1">
        <f t="array" ref="E1695">IFERROR(INDEX(Jesper!AI$2:AI$366,ROUNDDOWN($C1695/24,0)+1,1)*INDEX($D$3:$AA$30,INDEX(Jesper!$R$2:$R$366,ROW(INDEX(Jesper!AI$2:AI$366,ROUNDDOWN($C1695/24,0)+1,1))-1)+IF('Standard Profiles'!$G$19=$B$10,7,0)+IF('Standard Profiles'!$G$19=$B$17,14,0)+IF('Standard Profiles'!$G$19=$B$24,21,0),MOD($C1695,24)+1)/SUM(INDEX($D$3:$AA$30,INDEX(Jesper!$R$2:$R$366,ROW(INDEX(Jesper!AI$2:AI$366,ROUNDDOWN($C1695/24,0)+1,1))-1)+IF('Standard Profiles'!$G$19=$B$10,7,0)+IF('Standard Profiles'!$G$19=$B$17,14,0)+IF('Standard Profiles'!$G$19=$B$24,21,0),0)),0)</f>
        <v>4.3140587956355345</v>
      </c>
      <c r="F1695" cm="1">
        <f t="array" ref="F1695">IFERROR(INDEX(Jesper!AJ$2:AJ$366,ROUNDDOWN($C1695/24,0)+1,1)*INDEX($D$3:$AA$30,INDEX(Jesper!$R$2:$R$366,ROW(INDEX(Jesper!AJ$2:AJ$366,ROUNDDOWN($C1695/24,0)+1,1))-1)+IF('Standard Profiles'!$G$20=$B$10,7,0)+IF('Standard Profiles'!$G$20=$B$17,14,0)+IF('Standard Profiles'!$G$20=$B$24,21,0),MOD($C1695,24)+1)/SUM(INDEX($D$3:$AA$30,INDEX(Jesper!$R$2:$R$366,ROW(INDEX(Jesper!AJ$2:AJ$366,ROUNDDOWN($C1695/24,0)+1,1))-1)+IF('Standard Profiles'!$G$20=$B$10,7,0)+IF('Standard Profiles'!$G$20=$B$17,14,0)+IF('Standard Profiles'!$G$20=$B$24,21,0),0)),0)</f>
        <v>3.3590968112392674</v>
      </c>
      <c r="G1695" cm="1">
        <f t="array" ref="G1695">IFERROR(INDEX(Jesper!AK$2:AK$366,ROUNDDOWN($C1695/24,0)+1,1)*INDEX($D$3:$AA$30,INDEX(Jesper!$R$2:$R$366,ROW(INDEX(Jesper!AK$2:AK$366,ROUNDDOWN($C1695/24,0)+1,1))-1)+IF('Standard Profiles'!$G$21=$B$10,7,0)+IF('Standard Profiles'!$G$21=$B$17,14,0)+IF('Standard Profiles'!$G$21=$B$24,21,0),MOD($C1695,24)+1)/SUM(INDEX($D$3:$AA$30,INDEX(Jesper!$R$2:$R$366,ROW(INDEX(Jesper!AK$2:AK$366,ROUNDDOWN($C1695/24,0)+1,1))-1)+IF('Standard Profiles'!$G$21=$B$10,7,0)+IF('Standard Profiles'!$G$21=$B$17,14,0)+IF('Standard Profiles'!$G$21=$B$24,21,0),0)),0)</f>
        <v>4.8985147846282118</v>
      </c>
      <c r="H1695" cm="1">
        <f t="array" ref="H1695">IFERROR(INDEX(Jesper!AL$2:AL$366,ROUNDDOWN($C1695/24,0)+1,1)*INDEX($D$3:$AA$30,INDEX(Jesper!$R$2:$R$366,ROW(INDEX(Jesper!AL$2:AL$366,ROUNDDOWN($C1695/24,0)+1,1))-1)+IF('Standard Profiles'!$G$22=$B$10,7,0)+IF('Standard Profiles'!$G$22=$B$17,14,0)+IF('Standard Profiles'!$G$22=$B$24,21,0),MOD($C1695,24)+1)/SUM(INDEX($D$3:$AA$30,INDEX(Jesper!$R$2:$R$366,ROW(INDEX(Jesper!AL$2:AL$366,ROUNDDOWN($C1695/24,0)+1,1))-1)+IF('Standard Profiles'!$G$22=$B$10,7,0)+IF('Standard Profiles'!$G$22=$B$17,14,0)+IF('Standard Profiles'!$G$22=$B$24,21,0),0)),0)</f>
        <v>3.2008123426322381</v>
      </c>
      <c r="I1695">
        <f t="shared" si="195"/>
        <v>3.0727798489269502</v>
      </c>
      <c r="J1695">
        <f t="shared" si="196"/>
        <v>12.182015829732038</v>
      </c>
      <c r="K1695">
        <f t="shared" si="197"/>
        <v>0.34512470365084275</v>
      </c>
      <c r="L1695">
        <f t="shared" si="198"/>
        <v>0.17256235182542137</v>
      </c>
      <c r="M1695">
        <f t="shared" si="199"/>
        <v>0</v>
      </c>
      <c r="N1695" s="45">
        <f t="shared" si="200"/>
        <v>44996.208333329305</v>
      </c>
    </row>
    <row r="1696" spans="2:14" x14ac:dyDescent="0.25">
      <c r="B1696">
        <f t="shared" si="194"/>
        <v>6</v>
      </c>
      <c r="C1696" s="16">
        <v>1662</v>
      </c>
      <c r="D1696" cm="1">
        <f t="array" ref="D1696">IFERROR(INDEX(Jesper!AH$2:AH$366,ROUNDDOWN($C1696/24,0)+1,1)*INDEX($D$3:$AA$30,INDEX(Jesper!$R$2:$R$366,ROW(INDEX(Jesper!AH$2:AH$366,ROUNDDOWN($C1696/24,0)+1,1))-1)+IF('Standard Profiles'!$G$18=$B$10,7,0)+IF('Standard Profiles'!$G$18=$B$17,14,0)+IF('Standard Profiles'!$G$18=$B$24,21,0),MOD($C1696,24)+1)/SUM(INDEX($D$3:$AA$30,INDEX(Jesper!$R$2:$R$366,ROW(INDEX(Jesper!AH$2:AH$366,ROUNDDOWN($C1696/24,0)+1,1))-1)+IF('Standard Profiles'!$G$18=$B$10,7,0)+IF('Standard Profiles'!$G$18=$B$17,14,0)+IF('Standard Profiles'!$G$18=$B$24,21,0),0)),0)</f>
        <v>0</v>
      </c>
      <c r="E1696" cm="1">
        <f t="array" ref="E1696">IFERROR(INDEX(Jesper!AI$2:AI$366,ROUNDDOWN($C1696/24,0)+1,1)*INDEX($D$3:$AA$30,INDEX(Jesper!$R$2:$R$366,ROW(INDEX(Jesper!AI$2:AI$366,ROUNDDOWN($C1696/24,0)+1,1))-1)+IF('Standard Profiles'!$G$19=$B$10,7,0)+IF('Standard Profiles'!$G$19=$B$17,14,0)+IF('Standard Profiles'!$G$19=$B$24,21,0),MOD($C1696,24)+1)/SUM(INDEX($D$3:$AA$30,INDEX(Jesper!$R$2:$R$366,ROW(INDEX(Jesper!AI$2:AI$366,ROUNDDOWN($C1696/24,0)+1,1))-1)+IF('Standard Profiles'!$G$19=$B$10,7,0)+IF('Standard Profiles'!$G$19=$B$17,14,0)+IF('Standard Profiles'!$G$19=$B$24,21,0),0)),0)</f>
        <v>4.3140587956355345</v>
      </c>
      <c r="F1696" cm="1">
        <f t="array" ref="F1696">IFERROR(INDEX(Jesper!AJ$2:AJ$366,ROUNDDOWN($C1696/24,0)+1,1)*INDEX($D$3:$AA$30,INDEX(Jesper!$R$2:$R$366,ROW(INDEX(Jesper!AJ$2:AJ$366,ROUNDDOWN($C1696/24,0)+1,1))-1)+IF('Standard Profiles'!$G$20=$B$10,7,0)+IF('Standard Profiles'!$G$20=$B$17,14,0)+IF('Standard Profiles'!$G$20=$B$24,21,0),MOD($C1696,24)+1)/SUM(INDEX($D$3:$AA$30,INDEX(Jesper!$R$2:$R$366,ROW(INDEX(Jesper!AJ$2:AJ$366,ROUNDDOWN($C1696/24,0)+1,1))-1)+IF('Standard Profiles'!$G$20=$B$10,7,0)+IF('Standard Profiles'!$G$20=$B$17,14,0)+IF('Standard Profiles'!$G$20=$B$24,21,0),0)),0)</f>
        <v>3.3590968112392674</v>
      </c>
      <c r="G1696" cm="1">
        <f t="array" ref="G1696">IFERROR(INDEX(Jesper!AK$2:AK$366,ROUNDDOWN($C1696/24,0)+1,1)*INDEX($D$3:$AA$30,INDEX(Jesper!$R$2:$R$366,ROW(INDEX(Jesper!AK$2:AK$366,ROUNDDOWN($C1696/24,0)+1,1))-1)+IF('Standard Profiles'!$G$21=$B$10,7,0)+IF('Standard Profiles'!$G$21=$B$17,14,0)+IF('Standard Profiles'!$G$21=$B$24,21,0),MOD($C1696,24)+1)/SUM(INDEX($D$3:$AA$30,INDEX(Jesper!$R$2:$R$366,ROW(INDEX(Jesper!AK$2:AK$366,ROUNDDOWN($C1696/24,0)+1,1))-1)+IF('Standard Profiles'!$G$21=$B$10,7,0)+IF('Standard Profiles'!$G$21=$B$17,14,0)+IF('Standard Profiles'!$G$21=$B$24,21,0),0)),0)</f>
        <v>4.8985147846282118</v>
      </c>
      <c r="H1696" cm="1">
        <f t="array" ref="H1696">IFERROR(INDEX(Jesper!AL$2:AL$366,ROUNDDOWN($C1696/24,0)+1,1)*INDEX($D$3:$AA$30,INDEX(Jesper!$R$2:$R$366,ROW(INDEX(Jesper!AL$2:AL$366,ROUNDDOWN($C1696/24,0)+1,1))-1)+IF('Standard Profiles'!$G$22=$B$10,7,0)+IF('Standard Profiles'!$G$22=$B$17,14,0)+IF('Standard Profiles'!$G$22=$B$24,21,0),MOD($C1696,24)+1)/SUM(INDEX($D$3:$AA$30,INDEX(Jesper!$R$2:$R$366,ROW(INDEX(Jesper!AL$2:AL$366,ROUNDDOWN($C1696/24,0)+1,1))-1)+IF('Standard Profiles'!$G$22=$B$10,7,0)+IF('Standard Profiles'!$G$22=$B$17,14,0)+IF('Standard Profiles'!$G$22=$B$24,21,0),0)),0)</f>
        <v>4.0167056848718277</v>
      </c>
      <c r="I1696">
        <f t="shared" si="195"/>
        <v>3.8560374574769565</v>
      </c>
      <c r="J1696">
        <f t="shared" si="196"/>
        <v>12.21465156342162</v>
      </c>
      <c r="K1696">
        <f t="shared" si="197"/>
        <v>0.34512470365084275</v>
      </c>
      <c r="L1696">
        <f t="shared" si="198"/>
        <v>0.17256235182542137</v>
      </c>
      <c r="M1696">
        <f t="shared" si="199"/>
        <v>0</v>
      </c>
      <c r="N1696" s="45">
        <f t="shared" si="200"/>
        <v>44996.249999995969</v>
      </c>
    </row>
    <row r="1697" spans="2:14" x14ac:dyDescent="0.25">
      <c r="B1697">
        <f t="shared" si="194"/>
        <v>6</v>
      </c>
      <c r="C1697" s="16">
        <v>1663</v>
      </c>
      <c r="D1697" cm="1">
        <f t="array" ref="D1697">IFERROR(INDEX(Jesper!AH$2:AH$366,ROUNDDOWN($C1697/24,0)+1,1)*INDEX($D$3:$AA$30,INDEX(Jesper!$R$2:$R$366,ROW(INDEX(Jesper!AH$2:AH$366,ROUNDDOWN($C1697/24,0)+1,1))-1)+IF('Standard Profiles'!$G$18=$B$10,7,0)+IF('Standard Profiles'!$G$18=$B$17,14,0)+IF('Standard Profiles'!$G$18=$B$24,21,0),MOD($C1697,24)+1)/SUM(INDEX($D$3:$AA$30,INDEX(Jesper!$R$2:$R$366,ROW(INDEX(Jesper!AH$2:AH$366,ROUNDDOWN($C1697/24,0)+1,1))-1)+IF('Standard Profiles'!$G$18=$B$10,7,0)+IF('Standard Profiles'!$G$18=$B$17,14,0)+IF('Standard Profiles'!$G$18=$B$24,21,0),0)),0)</f>
        <v>0</v>
      </c>
      <c r="E1697" cm="1">
        <f t="array" ref="E1697">IFERROR(INDEX(Jesper!AI$2:AI$366,ROUNDDOWN($C1697/24,0)+1,1)*INDEX($D$3:$AA$30,INDEX(Jesper!$R$2:$R$366,ROW(INDEX(Jesper!AI$2:AI$366,ROUNDDOWN($C1697/24,0)+1,1))-1)+IF('Standard Profiles'!$G$19=$B$10,7,0)+IF('Standard Profiles'!$G$19=$B$17,14,0)+IF('Standard Profiles'!$G$19=$B$24,21,0),MOD($C1697,24)+1)/SUM(INDEX($D$3:$AA$30,INDEX(Jesper!$R$2:$R$366,ROW(INDEX(Jesper!AI$2:AI$366,ROUNDDOWN($C1697/24,0)+1,1))-1)+IF('Standard Profiles'!$G$19=$B$10,7,0)+IF('Standard Profiles'!$G$19=$B$17,14,0)+IF('Standard Profiles'!$G$19=$B$24,21,0),0)),0)</f>
        <v>4.3140587956355345</v>
      </c>
      <c r="F1697" cm="1">
        <f t="array" ref="F1697">IFERROR(INDEX(Jesper!AJ$2:AJ$366,ROUNDDOWN($C1697/24,0)+1,1)*INDEX($D$3:$AA$30,INDEX(Jesper!$R$2:$R$366,ROW(INDEX(Jesper!AJ$2:AJ$366,ROUNDDOWN($C1697/24,0)+1,1))-1)+IF('Standard Profiles'!$G$20=$B$10,7,0)+IF('Standard Profiles'!$G$20=$B$17,14,0)+IF('Standard Profiles'!$G$20=$B$24,21,0),MOD($C1697,24)+1)/SUM(INDEX($D$3:$AA$30,INDEX(Jesper!$R$2:$R$366,ROW(INDEX(Jesper!AJ$2:AJ$366,ROUNDDOWN($C1697/24,0)+1,1))-1)+IF('Standard Profiles'!$G$20=$B$10,7,0)+IF('Standard Profiles'!$G$20=$B$17,14,0)+IF('Standard Profiles'!$G$20=$B$24,21,0),0)),0)</f>
        <v>3.3590968112392674</v>
      </c>
      <c r="G1697" cm="1">
        <f t="array" ref="G1697">IFERROR(INDEX(Jesper!AK$2:AK$366,ROUNDDOWN($C1697/24,0)+1,1)*INDEX($D$3:$AA$30,INDEX(Jesper!$R$2:$R$366,ROW(INDEX(Jesper!AK$2:AK$366,ROUNDDOWN($C1697/24,0)+1,1))-1)+IF('Standard Profiles'!$G$21=$B$10,7,0)+IF('Standard Profiles'!$G$21=$B$17,14,0)+IF('Standard Profiles'!$G$21=$B$24,21,0),MOD($C1697,24)+1)/SUM(INDEX($D$3:$AA$30,INDEX(Jesper!$R$2:$R$366,ROW(INDEX(Jesper!AK$2:AK$366,ROUNDDOWN($C1697/24,0)+1,1))-1)+IF('Standard Profiles'!$G$21=$B$10,7,0)+IF('Standard Profiles'!$G$21=$B$17,14,0)+IF('Standard Profiles'!$G$21=$B$24,21,0),0)),0)</f>
        <v>4.8985147846282118</v>
      </c>
      <c r="H1697" cm="1">
        <f t="array" ref="H1697">IFERROR(INDEX(Jesper!AL$2:AL$366,ROUNDDOWN($C1697/24,0)+1,1)*INDEX($D$3:$AA$30,INDEX(Jesper!$R$2:$R$366,ROW(INDEX(Jesper!AL$2:AL$366,ROUNDDOWN($C1697/24,0)+1,1))-1)+IF('Standard Profiles'!$G$22=$B$10,7,0)+IF('Standard Profiles'!$G$22=$B$17,14,0)+IF('Standard Profiles'!$G$22=$B$24,21,0),MOD($C1697,24)+1)/SUM(INDEX($D$3:$AA$30,INDEX(Jesper!$R$2:$R$366,ROW(INDEX(Jesper!AL$2:AL$366,ROUNDDOWN($C1697/24,0)+1,1))-1)+IF('Standard Profiles'!$G$22=$B$10,7,0)+IF('Standard Profiles'!$G$22=$B$17,14,0)+IF('Standard Profiles'!$G$22=$B$24,21,0),0)),0)</f>
        <v>4.5815549218069291</v>
      </c>
      <c r="I1697">
        <f t="shared" si="195"/>
        <v>4.3982927249346542</v>
      </c>
      <c r="J1697">
        <f t="shared" si="196"/>
        <v>12.237245532899024</v>
      </c>
      <c r="K1697">
        <f t="shared" si="197"/>
        <v>0.34512470365084275</v>
      </c>
      <c r="L1697">
        <f t="shared" si="198"/>
        <v>0.17256235182542137</v>
      </c>
      <c r="M1697">
        <f t="shared" si="199"/>
        <v>0</v>
      </c>
      <c r="N1697" s="45">
        <f t="shared" si="200"/>
        <v>44996.291666662633</v>
      </c>
    </row>
    <row r="1698" spans="2:14" x14ac:dyDescent="0.25">
      <c r="B1698">
        <f t="shared" si="194"/>
        <v>6</v>
      </c>
      <c r="C1698" s="16">
        <v>1664</v>
      </c>
      <c r="D1698" cm="1">
        <f t="array" ref="D1698">IFERROR(INDEX(Jesper!AH$2:AH$366,ROUNDDOWN($C1698/24,0)+1,1)*INDEX($D$3:$AA$30,INDEX(Jesper!$R$2:$R$366,ROW(INDEX(Jesper!AH$2:AH$366,ROUNDDOWN($C1698/24,0)+1,1))-1)+IF('Standard Profiles'!$G$18=$B$10,7,0)+IF('Standard Profiles'!$G$18=$B$17,14,0)+IF('Standard Profiles'!$G$18=$B$24,21,0),MOD($C1698,24)+1)/SUM(INDEX($D$3:$AA$30,INDEX(Jesper!$R$2:$R$366,ROW(INDEX(Jesper!AH$2:AH$366,ROUNDDOWN($C1698/24,0)+1,1))-1)+IF('Standard Profiles'!$G$18=$B$10,7,0)+IF('Standard Profiles'!$G$18=$B$17,14,0)+IF('Standard Profiles'!$G$18=$B$24,21,0),0)),0)</f>
        <v>0</v>
      </c>
      <c r="E1698" cm="1">
        <f t="array" ref="E1698">IFERROR(INDEX(Jesper!AI$2:AI$366,ROUNDDOWN($C1698/24,0)+1,1)*INDEX($D$3:$AA$30,INDEX(Jesper!$R$2:$R$366,ROW(INDEX(Jesper!AI$2:AI$366,ROUNDDOWN($C1698/24,0)+1,1))-1)+IF('Standard Profiles'!$G$19=$B$10,7,0)+IF('Standard Profiles'!$G$19=$B$17,14,0)+IF('Standard Profiles'!$G$19=$B$24,21,0),MOD($C1698,24)+1)/SUM(INDEX($D$3:$AA$30,INDEX(Jesper!$R$2:$R$366,ROW(INDEX(Jesper!AI$2:AI$366,ROUNDDOWN($C1698/24,0)+1,1))-1)+IF('Standard Profiles'!$G$19=$B$10,7,0)+IF('Standard Profiles'!$G$19=$B$17,14,0)+IF('Standard Profiles'!$G$19=$B$24,21,0),0)),0)</f>
        <v>4.3140587956355345</v>
      </c>
      <c r="F1698" cm="1">
        <f t="array" ref="F1698">IFERROR(INDEX(Jesper!AJ$2:AJ$366,ROUNDDOWN($C1698/24,0)+1,1)*INDEX($D$3:$AA$30,INDEX(Jesper!$R$2:$R$366,ROW(INDEX(Jesper!AJ$2:AJ$366,ROUNDDOWN($C1698/24,0)+1,1))-1)+IF('Standard Profiles'!$G$20=$B$10,7,0)+IF('Standard Profiles'!$G$20=$B$17,14,0)+IF('Standard Profiles'!$G$20=$B$24,21,0),MOD($C1698,24)+1)/SUM(INDEX($D$3:$AA$30,INDEX(Jesper!$R$2:$R$366,ROW(INDEX(Jesper!AJ$2:AJ$366,ROUNDDOWN($C1698/24,0)+1,1))-1)+IF('Standard Profiles'!$G$20=$B$10,7,0)+IF('Standard Profiles'!$G$20=$B$17,14,0)+IF('Standard Profiles'!$G$20=$B$24,21,0),0)),0)</f>
        <v>3.3590968112392674</v>
      </c>
      <c r="G1698" cm="1">
        <f t="array" ref="G1698">IFERROR(INDEX(Jesper!AK$2:AK$366,ROUNDDOWN($C1698/24,0)+1,1)*INDEX($D$3:$AA$30,INDEX(Jesper!$R$2:$R$366,ROW(INDEX(Jesper!AK$2:AK$366,ROUNDDOWN($C1698/24,0)+1,1))-1)+IF('Standard Profiles'!$G$21=$B$10,7,0)+IF('Standard Profiles'!$G$21=$B$17,14,0)+IF('Standard Profiles'!$G$21=$B$24,21,0),MOD($C1698,24)+1)/SUM(INDEX($D$3:$AA$30,INDEX(Jesper!$R$2:$R$366,ROW(INDEX(Jesper!AK$2:AK$366,ROUNDDOWN($C1698/24,0)+1,1))-1)+IF('Standard Profiles'!$G$21=$B$10,7,0)+IF('Standard Profiles'!$G$21=$B$17,14,0)+IF('Standard Profiles'!$G$21=$B$24,21,0),0)),0)</f>
        <v>4.8985147846282118</v>
      </c>
      <c r="H1698" cm="1">
        <f t="array" ref="H1698">IFERROR(INDEX(Jesper!AL$2:AL$366,ROUNDDOWN($C1698/24,0)+1,1)*INDEX($D$3:$AA$30,INDEX(Jesper!$R$2:$R$366,ROW(INDEX(Jesper!AL$2:AL$366,ROUNDDOWN($C1698/24,0)+1,1))-1)+IF('Standard Profiles'!$G$22=$B$10,7,0)+IF('Standard Profiles'!$G$22=$B$17,14,0)+IF('Standard Profiles'!$G$22=$B$24,21,0),MOD($C1698,24)+1)/SUM(INDEX($D$3:$AA$30,INDEX(Jesper!$R$2:$R$366,ROW(INDEX(Jesper!AL$2:AL$366,ROUNDDOWN($C1698/24,0)+1,1))-1)+IF('Standard Profiles'!$G$22=$B$10,7,0)+IF('Standard Profiles'!$G$22=$B$17,14,0)+IF('Standard Profiles'!$G$22=$B$24,21,0),0)),0)</f>
        <v>4.5815549218069291</v>
      </c>
      <c r="I1698">
        <f t="shared" si="195"/>
        <v>4.3982927249346542</v>
      </c>
      <c r="J1698">
        <f t="shared" si="196"/>
        <v>12.237245532899024</v>
      </c>
      <c r="K1698">
        <f t="shared" si="197"/>
        <v>0.34512470365084275</v>
      </c>
      <c r="L1698">
        <f t="shared" si="198"/>
        <v>0.17256235182542137</v>
      </c>
      <c r="M1698">
        <f t="shared" si="199"/>
        <v>0</v>
      </c>
      <c r="N1698" s="45">
        <f t="shared" si="200"/>
        <v>44996.333333329298</v>
      </c>
    </row>
    <row r="1699" spans="2:14" x14ac:dyDescent="0.25">
      <c r="B1699">
        <f t="shared" ref="B1699:B1762" si="201">WEEKDAY(N1699,2)</f>
        <v>6</v>
      </c>
      <c r="C1699" s="16">
        <v>1665</v>
      </c>
      <c r="D1699" cm="1">
        <f t="array" ref="D1699">IFERROR(INDEX(Jesper!AH$2:AH$366,ROUNDDOWN($C1699/24,0)+1,1)*INDEX($D$3:$AA$30,INDEX(Jesper!$R$2:$R$366,ROW(INDEX(Jesper!AH$2:AH$366,ROUNDDOWN($C1699/24,0)+1,1))-1)+IF('Standard Profiles'!$G$18=$B$10,7,0)+IF('Standard Profiles'!$G$18=$B$17,14,0)+IF('Standard Profiles'!$G$18=$B$24,21,0),MOD($C1699,24)+1)/SUM(INDEX($D$3:$AA$30,INDEX(Jesper!$R$2:$R$366,ROW(INDEX(Jesper!AH$2:AH$366,ROUNDDOWN($C1699/24,0)+1,1))-1)+IF('Standard Profiles'!$G$18=$B$10,7,0)+IF('Standard Profiles'!$G$18=$B$17,14,0)+IF('Standard Profiles'!$G$18=$B$24,21,0),0)),0)</f>
        <v>0</v>
      </c>
      <c r="E1699" cm="1">
        <f t="array" ref="E1699">IFERROR(INDEX(Jesper!AI$2:AI$366,ROUNDDOWN($C1699/24,0)+1,1)*INDEX($D$3:$AA$30,INDEX(Jesper!$R$2:$R$366,ROW(INDEX(Jesper!AI$2:AI$366,ROUNDDOWN($C1699/24,0)+1,1))-1)+IF('Standard Profiles'!$G$19=$B$10,7,0)+IF('Standard Profiles'!$G$19=$B$17,14,0)+IF('Standard Profiles'!$G$19=$B$24,21,0),MOD($C1699,24)+1)/SUM(INDEX($D$3:$AA$30,INDEX(Jesper!$R$2:$R$366,ROW(INDEX(Jesper!AI$2:AI$366,ROUNDDOWN($C1699/24,0)+1,1))-1)+IF('Standard Profiles'!$G$19=$B$10,7,0)+IF('Standard Profiles'!$G$19=$B$17,14,0)+IF('Standard Profiles'!$G$19=$B$24,21,0),0)),0)</f>
        <v>4.3140587956355345</v>
      </c>
      <c r="F1699" cm="1">
        <f t="array" ref="F1699">IFERROR(INDEX(Jesper!AJ$2:AJ$366,ROUNDDOWN($C1699/24,0)+1,1)*INDEX($D$3:$AA$30,INDEX(Jesper!$R$2:$R$366,ROW(INDEX(Jesper!AJ$2:AJ$366,ROUNDDOWN($C1699/24,0)+1,1))-1)+IF('Standard Profiles'!$G$20=$B$10,7,0)+IF('Standard Profiles'!$G$20=$B$17,14,0)+IF('Standard Profiles'!$G$20=$B$24,21,0),MOD($C1699,24)+1)/SUM(INDEX($D$3:$AA$30,INDEX(Jesper!$R$2:$R$366,ROW(INDEX(Jesper!AJ$2:AJ$366,ROUNDDOWN($C1699/24,0)+1,1))-1)+IF('Standard Profiles'!$G$20=$B$10,7,0)+IF('Standard Profiles'!$G$20=$B$17,14,0)+IF('Standard Profiles'!$G$20=$B$24,21,0),0)),0)</f>
        <v>3.3590968112392674</v>
      </c>
      <c r="G1699" cm="1">
        <f t="array" ref="G1699">IFERROR(INDEX(Jesper!AK$2:AK$366,ROUNDDOWN($C1699/24,0)+1,1)*INDEX($D$3:$AA$30,INDEX(Jesper!$R$2:$R$366,ROW(INDEX(Jesper!AK$2:AK$366,ROUNDDOWN($C1699/24,0)+1,1))-1)+IF('Standard Profiles'!$G$21=$B$10,7,0)+IF('Standard Profiles'!$G$21=$B$17,14,0)+IF('Standard Profiles'!$G$21=$B$24,21,0),MOD($C1699,24)+1)/SUM(INDEX($D$3:$AA$30,INDEX(Jesper!$R$2:$R$366,ROW(INDEX(Jesper!AK$2:AK$366,ROUNDDOWN($C1699/24,0)+1,1))-1)+IF('Standard Profiles'!$G$21=$B$10,7,0)+IF('Standard Profiles'!$G$21=$B$17,14,0)+IF('Standard Profiles'!$G$21=$B$24,21,0),0)),0)</f>
        <v>4.8985147846282118</v>
      </c>
      <c r="H1699" cm="1">
        <f t="array" ref="H1699">IFERROR(INDEX(Jesper!AL$2:AL$366,ROUNDDOWN($C1699/24,0)+1,1)*INDEX($D$3:$AA$30,INDEX(Jesper!$R$2:$R$366,ROW(INDEX(Jesper!AL$2:AL$366,ROUNDDOWN($C1699/24,0)+1,1))-1)+IF('Standard Profiles'!$G$22=$B$10,7,0)+IF('Standard Profiles'!$G$22=$B$17,14,0)+IF('Standard Profiles'!$G$22=$B$24,21,0),MOD($C1699,24)+1)/SUM(INDEX($D$3:$AA$30,INDEX(Jesper!$R$2:$R$366,ROW(INDEX(Jesper!AL$2:AL$366,ROUNDDOWN($C1699/24,0)+1,1))-1)+IF('Standard Profiles'!$G$22=$B$10,7,0)+IF('Standard Profiles'!$G$22=$B$17,14,0)+IF('Standard Profiles'!$G$22=$B$24,21,0),0)),0)</f>
        <v>4.5815549218069291</v>
      </c>
      <c r="I1699">
        <f t="shared" ref="I1699:I1762" si="202">IF($B1699&lt;6,AC$37*$D1699+AC$38*$E1699+AC$39*$F1699+AC$40*$G1699,AC$46*$D1699+AC$47*$E1699+AC$48*$F1699+AC$49*$G1699+AC$50*$H1699)</f>
        <v>4.3982927249346542</v>
      </c>
      <c r="J1699">
        <f t="shared" ref="J1699:J1762" si="203">IF($B1699&lt;6,AD$37*$D1699+AD$38*$E1699+AD$39*$F1699+AD$40*$G1699,AD$46*$D1699+AD$47*$E1699+AD$48*$F1699+AD$49*$G1699+AD$50*$H1699)</f>
        <v>12.237245532899024</v>
      </c>
      <c r="K1699">
        <f t="shared" ref="K1699:K1762" si="204">IF($B1699&lt;6,AE$37*$D1699+AE$38*$E1699+AE$39*$F1699+AE$40*$G1699,AE$46*$D1699+AE$47*$E1699+AE$48*$F1699+AE$49*$G1699+AE$50*$H1699)</f>
        <v>0.34512470365084275</v>
      </c>
      <c r="L1699">
        <f t="shared" ref="L1699:L1762" si="205">IF($B1699&lt;6,AF$37*$D1699+AF$38*$E1699+AF$39*$F1699+AF$40*$G1699,AF$46*$D1699+AF$47*$E1699+AF$48*$F1699+AF$49*$G1699+AF$50*$H1699)</f>
        <v>0.17256235182542137</v>
      </c>
      <c r="M1699">
        <f t="shared" ref="M1699:M1762" si="206">IF($B1699&lt;6,AG$37*$D1699+AG$38*$E1699+AG$39*$F1699+AG$40*$G1699,AG$46*$D1699+AG$47*$E1699+AG$48*$F1699+AG$49*$G1699+AG$50*$H1699)</f>
        <v>0</v>
      </c>
      <c r="N1699" s="45">
        <f t="shared" si="200"/>
        <v>44996.374999995962</v>
      </c>
    </row>
    <row r="1700" spans="2:14" x14ac:dyDescent="0.25">
      <c r="B1700">
        <f t="shared" si="201"/>
        <v>6</v>
      </c>
      <c r="C1700" s="16">
        <v>1666</v>
      </c>
      <c r="D1700" cm="1">
        <f t="array" ref="D1700">IFERROR(INDEX(Jesper!AH$2:AH$366,ROUNDDOWN($C1700/24,0)+1,1)*INDEX($D$3:$AA$30,INDEX(Jesper!$R$2:$R$366,ROW(INDEX(Jesper!AH$2:AH$366,ROUNDDOWN($C1700/24,0)+1,1))-1)+IF('Standard Profiles'!$G$18=$B$10,7,0)+IF('Standard Profiles'!$G$18=$B$17,14,0)+IF('Standard Profiles'!$G$18=$B$24,21,0),MOD($C1700,24)+1)/SUM(INDEX($D$3:$AA$30,INDEX(Jesper!$R$2:$R$366,ROW(INDEX(Jesper!AH$2:AH$366,ROUNDDOWN($C1700/24,0)+1,1))-1)+IF('Standard Profiles'!$G$18=$B$10,7,0)+IF('Standard Profiles'!$G$18=$B$17,14,0)+IF('Standard Profiles'!$G$18=$B$24,21,0),0)),0)</f>
        <v>0</v>
      </c>
      <c r="E1700" cm="1">
        <f t="array" ref="E1700">IFERROR(INDEX(Jesper!AI$2:AI$366,ROUNDDOWN($C1700/24,0)+1,1)*INDEX($D$3:$AA$30,INDEX(Jesper!$R$2:$R$366,ROW(INDEX(Jesper!AI$2:AI$366,ROUNDDOWN($C1700/24,0)+1,1))-1)+IF('Standard Profiles'!$G$19=$B$10,7,0)+IF('Standard Profiles'!$G$19=$B$17,14,0)+IF('Standard Profiles'!$G$19=$B$24,21,0),MOD($C1700,24)+1)/SUM(INDEX($D$3:$AA$30,INDEX(Jesper!$R$2:$R$366,ROW(INDEX(Jesper!AI$2:AI$366,ROUNDDOWN($C1700/24,0)+1,1))-1)+IF('Standard Profiles'!$G$19=$B$10,7,0)+IF('Standard Profiles'!$G$19=$B$17,14,0)+IF('Standard Profiles'!$G$19=$B$24,21,0),0)),0)</f>
        <v>4.3140587956355345</v>
      </c>
      <c r="F1700" cm="1">
        <f t="array" ref="F1700">IFERROR(INDEX(Jesper!AJ$2:AJ$366,ROUNDDOWN($C1700/24,0)+1,1)*INDEX($D$3:$AA$30,INDEX(Jesper!$R$2:$R$366,ROW(INDEX(Jesper!AJ$2:AJ$366,ROUNDDOWN($C1700/24,0)+1,1))-1)+IF('Standard Profiles'!$G$20=$B$10,7,0)+IF('Standard Profiles'!$G$20=$B$17,14,0)+IF('Standard Profiles'!$G$20=$B$24,21,0),MOD($C1700,24)+1)/SUM(INDEX($D$3:$AA$30,INDEX(Jesper!$R$2:$R$366,ROW(INDEX(Jesper!AJ$2:AJ$366,ROUNDDOWN($C1700/24,0)+1,1))-1)+IF('Standard Profiles'!$G$20=$B$10,7,0)+IF('Standard Profiles'!$G$20=$B$17,14,0)+IF('Standard Profiles'!$G$20=$B$24,21,0),0)),0)</f>
        <v>3.3590968112392674</v>
      </c>
      <c r="G1700" cm="1">
        <f t="array" ref="G1700">IFERROR(INDEX(Jesper!AK$2:AK$366,ROUNDDOWN($C1700/24,0)+1,1)*INDEX($D$3:$AA$30,INDEX(Jesper!$R$2:$R$366,ROW(INDEX(Jesper!AK$2:AK$366,ROUNDDOWN($C1700/24,0)+1,1))-1)+IF('Standard Profiles'!$G$21=$B$10,7,0)+IF('Standard Profiles'!$G$21=$B$17,14,0)+IF('Standard Profiles'!$G$21=$B$24,21,0),MOD($C1700,24)+1)/SUM(INDEX($D$3:$AA$30,INDEX(Jesper!$R$2:$R$366,ROW(INDEX(Jesper!AK$2:AK$366,ROUNDDOWN($C1700/24,0)+1,1))-1)+IF('Standard Profiles'!$G$21=$B$10,7,0)+IF('Standard Profiles'!$G$21=$B$17,14,0)+IF('Standard Profiles'!$G$21=$B$24,21,0),0)),0)</f>
        <v>4.8985147846282118</v>
      </c>
      <c r="H1700" cm="1">
        <f t="array" ref="H1700">IFERROR(INDEX(Jesper!AL$2:AL$366,ROUNDDOWN($C1700/24,0)+1,1)*INDEX($D$3:$AA$30,INDEX(Jesper!$R$2:$R$366,ROW(INDEX(Jesper!AL$2:AL$366,ROUNDDOWN($C1700/24,0)+1,1))-1)+IF('Standard Profiles'!$G$22=$B$10,7,0)+IF('Standard Profiles'!$G$22=$B$17,14,0)+IF('Standard Profiles'!$G$22=$B$24,21,0),MOD($C1700,24)+1)/SUM(INDEX($D$3:$AA$30,INDEX(Jesper!$R$2:$R$366,ROW(INDEX(Jesper!AL$2:AL$366,ROUNDDOWN($C1700/24,0)+1,1))-1)+IF('Standard Profiles'!$G$22=$B$10,7,0)+IF('Standard Profiles'!$G$22=$B$17,14,0)+IF('Standard Profiles'!$G$22=$B$24,21,0),0)),0)</f>
        <v>4.5815549218069291</v>
      </c>
      <c r="I1700">
        <f t="shared" si="202"/>
        <v>4.3982927249346542</v>
      </c>
      <c r="J1700">
        <f t="shared" si="203"/>
        <v>12.237245532899024</v>
      </c>
      <c r="K1700">
        <f t="shared" si="204"/>
        <v>0.34512470365084275</v>
      </c>
      <c r="L1700">
        <f t="shared" si="205"/>
        <v>0.17256235182542137</v>
      </c>
      <c r="M1700">
        <f t="shared" si="206"/>
        <v>0</v>
      </c>
      <c r="N1700" s="45">
        <f t="shared" ref="N1700:N1763" si="207">N1699+1/24</f>
        <v>44996.416666662626</v>
      </c>
    </row>
    <row r="1701" spans="2:14" x14ac:dyDescent="0.25">
      <c r="B1701">
        <f t="shared" si="201"/>
        <v>6</v>
      </c>
      <c r="C1701" s="16">
        <v>1667</v>
      </c>
      <c r="D1701" cm="1">
        <f t="array" ref="D1701">IFERROR(INDEX(Jesper!AH$2:AH$366,ROUNDDOWN($C1701/24,0)+1,1)*INDEX($D$3:$AA$30,INDEX(Jesper!$R$2:$R$366,ROW(INDEX(Jesper!AH$2:AH$366,ROUNDDOWN($C1701/24,0)+1,1))-1)+IF('Standard Profiles'!$G$18=$B$10,7,0)+IF('Standard Profiles'!$G$18=$B$17,14,0)+IF('Standard Profiles'!$G$18=$B$24,21,0),MOD($C1701,24)+1)/SUM(INDEX($D$3:$AA$30,INDEX(Jesper!$R$2:$R$366,ROW(INDEX(Jesper!AH$2:AH$366,ROUNDDOWN($C1701/24,0)+1,1))-1)+IF('Standard Profiles'!$G$18=$B$10,7,0)+IF('Standard Profiles'!$G$18=$B$17,14,0)+IF('Standard Profiles'!$G$18=$B$24,21,0),0)),0)</f>
        <v>0</v>
      </c>
      <c r="E1701" cm="1">
        <f t="array" ref="E1701">IFERROR(INDEX(Jesper!AI$2:AI$366,ROUNDDOWN($C1701/24,0)+1,1)*INDEX($D$3:$AA$30,INDEX(Jesper!$R$2:$R$366,ROW(INDEX(Jesper!AI$2:AI$366,ROUNDDOWN($C1701/24,0)+1,1))-1)+IF('Standard Profiles'!$G$19=$B$10,7,0)+IF('Standard Profiles'!$G$19=$B$17,14,0)+IF('Standard Profiles'!$G$19=$B$24,21,0),MOD($C1701,24)+1)/SUM(INDEX($D$3:$AA$30,INDEX(Jesper!$R$2:$R$366,ROW(INDEX(Jesper!AI$2:AI$366,ROUNDDOWN($C1701/24,0)+1,1))-1)+IF('Standard Profiles'!$G$19=$B$10,7,0)+IF('Standard Profiles'!$G$19=$B$17,14,0)+IF('Standard Profiles'!$G$19=$B$24,21,0),0)),0)</f>
        <v>4.3140587956355345</v>
      </c>
      <c r="F1701" cm="1">
        <f t="array" ref="F1701">IFERROR(INDEX(Jesper!AJ$2:AJ$366,ROUNDDOWN($C1701/24,0)+1,1)*INDEX($D$3:$AA$30,INDEX(Jesper!$R$2:$R$366,ROW(INDEX(Jesper!AJ$2:AJ$366,ROUNDDOWN($C1701/24,0)+1,1))-1)+IF('Standard Profiles'!$G$20=$B$10,7,0)+IF('Standard Profiles'!$G$20=$B$17,14,0)+IF('Standard Profiles'!$G$20=$B$24,21,0),MOD($C1701,24)+1)/SUM(INDEX($D$3:$AA$30,INDEX(Jesper!$R$2:$R$366,ROW(INDEX(Jesper!AJ$2:AJ$366,ROUNDDOWN($C1701/24,0)+1,1))-1)+IF('Standard Profiles'!$G$20=$B$10,7,0)+IF('Standard Profiles'!$G$20=$B$17,14,0)+IF('Standard Profiles'!$G$20=$B$24,21,0),0)),0)</f>
        <v>3.3590968112392674</v>
      </c>
      <c r="G1701" cm="1">
        <f t="array" ref="G1701">IFERROR(INDEX(Jesper!AK$2:AK$366,ROUNDDOWN($C1701/24,0)+1,1)*INDEX($D$3:$AA$30,INDEX(Jesper!$R$2:$R$366,ROW(INDEX(Jesper!AK$2:AK$366,ROUNDDOWN($C1701/24,0)+1,1))-1)+IF('Standard Profiles'!$G$21=$B$10,7,0)+IF('Standard Profiles'!$G$21=$B$17,14,0)+IF('Standard Profiles'!$G$21=$B$24,21,0),MOD($C1701,24)+1)/SUM(INDEX($D$3:$AA$30,INDEX(Jesper!$R$2:$R$366,ROW(INDEX(Jesper!AK$2:AK$366,ROUNDDOWN($C1701/24,0)+1,1))-1)+IF('Standard Profiles'!$G$21=$B$10,7,0)+IF('Standard Profiles'!$G$21=$B$17,14,0)+IF('Standard Profiles'!$G$21=$B$24,21,0),0)),0)</f>
        <v>4.8985147846282118</v>
      </c>
      <c r="H1701" cm="1">
        <f t="array" ref="H1701">IFERROR(INDEX(Jesper!AL$2:AL$366,ROUNDDOWN($C1701/24,0)+1,1)*INDEX($D$3:$AA$30,INDEX(Jesper!$R$2:$R$366,ROW(INDEX(Jesper!AL$2:AL$366,ROUNDDOWN($C1701/24,0)+1,1))-1)+IF('Standard Profiles'!$G$22=$B$10,7,0)+IF('Standard Profiles'!$G$22=$B$17,14,0)+IF('Standard Profiles'!$G$22=$B$24,21,0),MOD($C1701,24)+1)/SUM(INDEX($D$3:$AA$30,INDEX(Jesper!$R$2:$R$366,ROW(INDEX(Jesper!AL$2:AL$366,ROUNDDOWN($C1701/24,0)+1,1))-1)+IF('Standard Profiles'!$G$22=$B$10,7,0)+IF('Standard Profiles'!$G$22=$B$17,14,0)+IF('Standard Profiles'!$G$22=$B$24,21,0),0)),0)</f>
        <v>4.5815549218069291</v>
      </c>
      <c r="I1701">
        <f t="shared" si="202"/>
        <v>4.3982927249346542</v>
      </c>
      <c r="J1701">
        <f t="shared" si="203"/>
        <v>12.237245532899024</v>
      </c>
      <c r="K1701">
        <f t="shared" si="204"/>
        <v>0.34512470365084275</v>
      </c>
      <c r="L1701">
        <f t="shared" si="205"/>
        <v>0.17256235182542137</v>
      </c>
      <c r="M1701">
        <f t="shared" si="206"/>
        <v>0</v>
      </c>
      <c r="N1701" s="45">
        <f t="shared" si="207"/>
        <v>44996.45833332929</v>
      </c>
    </row>
    <row r="1702" spans="2:14" x14ac:dyDescent="0.25">
      <c r="B1702">
        <f t="shared" si="201"/>
        <v>6</v>
      </c>
      <c r="C1702" s="16">
        <v>1668</v>
      </c>
      <c r="D1702" cm="1">
        <f t="array" ref="D1702">IFERROR(INDEX(Jesper!AH$2:AH$366,ROUNDDOWN($C1702/24,0)+1,1)*INDEX($D$3:$AA$30,INDEX(Jesper!$R$2:$R$366,ROW(INDEX(Jesper!AH$2:AH$366,ROUNDDOWN($C1702/24,0)+1,1))-1)+IF('Standard Profiles'!$G$18=$B$10,7,0)+IF('Standard Profiles'!$G$18=$B$17,14,0)+IF('Standard Profiles'!$G$18=$B$24,21,0),MOD($C1702,24)+1)/SUM(INDEX($D$3:$AA$30,INDEX(Jesper!$R$2:$R$366,ROW(INDEX(Jesper!AH$2:AH$366,ROUNDDOWN($C1702/24,0)+1,1))-1)+IF('Standard Profiles'!$G$18=$B$10,7,0)+IF('Standard Profiles'!$G$18=$B$17,14,0)+IF('Standard Profiles'!$G$18=$B$24,21,0),0)),0)</f>
        <v>0</v>
      </c>
      <c r="E1702" cm="1">
        <f t="array" ref="E1702">IFERROR(INDEX(Jesper!AI$2:AI$366,ROUNDDOWN($C1702/24,0)+1,1)*INDEX($D$3:$AA$30,INDEX(Jesper!$R$2:$R$366,ROW(INDEX(Jesper!AI$2:AI$366,ROUNDDOWN($C1702/24,0)+1,1))-1)+IF('Standard Profiles'!$G$19=$B$10,7,0)+IF('Standard Profiles'!$G$19=$B$17,14,0)+IF('Standard Profiles'!$G$19=$B$24,21,0),MOD($C1702,24)+1)/SUM(INDEX($D$3:$AA$30,INDEX(Jesper!$R$2:$R$366,ROW(INDEX(Jesper!AI$2:AI$366,ROUNDDOWN($C1702/24,0)+1,1))-1)+IF('Standard Profiles'!$G$19=$B$10,7,0)+IF('Standard Profiles'!$G$19=$B$17,14,0)+IF('Standard Profiles'!$G$19=$B$24,21,0),0)),0)</f>
        <v>4.3140587956355345</v>
      </c>
      <c r="F1702" cm="1">
        <f t="array" ref="F1702">IFERROR(INDEX(Jesper!AJ$2:AJ$366,ROUNDDOWN($C1702/24,0)+1,1)*INDEX($D$3:$AA$30,INDEX(Jesper!$R$2:$R$366,ROW(INDEX(Jesper!AJ$2:AJ$366,ROUNDDOWN($C1702/24,0)+1,1))-1)+IF('Standard Profiles'!$G$20=$B$10,7,0)+IF('Standard Profiles'!$G$20=$B$17,14,0)+IF('Standard Profiles'!$G$20=$B$24,21,0),MOD($C1702,24)+1)/SUM(INDEX($D$3:$AA$30,INDEX(Jesper!$R$2:$R$366,ROW(INDEX(Jesper!AJ$2:AJ$366,ROUNDDOWN($C1702/24,0)+1,1))-1)+IF('Standard Profiles'!$G$20=$B$10,7,0)+IF('Standard Profiles'!$G$20=$B$17,14,0)+IF('Standard Profiles'!$G$20=$B$24,21,0),0)),0)</f>
        <v>3.3590968112392674</v>
      </c>
      <c r="G1702" cm="1">
        <f t="array" ref="G1702">IFERROR(INDEX(Jesper!AK$2:AK$366,ROUNDDOWN($C1702/24,0)+1,1)*INDEX($D$3:$AA$30,INDEX(Jesper!$R$2:$R$366,ROW(INDEX(Jesper!AK$2:AK$366,ROUNDDOWN($C1702/24,0)+1,1))-1)+IF('Standard Profiles'!$G$21=$B$10,7,0)+IF('Standard Profiles'!$G$21=$B$17,14,0)+IF('Standard Profiles'!$G$21=$B$24,21,0),MOD($C1702,24)+1)/SUM(INDEX($D$3:$AA$30,INDEX(Jesper!$R$2:$R$366,ROW(INDEX(Jesper!AK$2:AK$366,ROUNDDOWN($C1702/24,0)+1,1))-1)+IF('Standard Profiles'!$G$21=$B$10,7,0)+IF('Standard Profiles'!$G$21=$B$17,14,0)+IF('Standard Profiles'!$G$21=$B$24,21,0),0)),0)</f>
        <v>4.8985147846282118</v>
      </c>
      <c r="H1702" cm="1">
        <f t="array" ref="H1702">IFERROR(INDEX(Jesper!AL$2:AL$366,ROUNDDOWN($C1702/24,0)+1,1)*INDEX($D$3:$AA$30,INDEX(Jesper!$R$2:$R$366,ROW(INDEX(Jesper!AL$2:AL$366,ROUNDDOWN($C1702/24,0)+1,1))-1)+IF('Standard Profiles'!$G$22=$B$10,7,0)+IF('Standard Profiles'!$G$22=$B$17,14,0)+IF('Standard Profiles'!$G$22=$B$24,21,0),MOD($C1702,24)+1)/SUM(INDEX($D$3:$AA$30,INDEX(Jesper!$R$2:$R$366,ROW(INDEX(Jesper!AL$2:AL$366,ROUNDDOWN($C1702/24,0)+1,1))-1)+IF('Standard Profiles'!$G$22=$B$10,7,0)+IF('Standard Profiles'!$G$22=$B$17,14,0)+IF('Standard Profiles'!$G$22=$B$24,21,0),0)),0)</f>
        <v>4.5815549218069291</v>
      </c>
      <c r="I1702">
        <f t="shared" si="202"/>
        <v>4.3982927249346542</v>
      </c>
      <c r="J1702">
        <f t="shared" si="203"/>
        <v>12.237245532899024</v>
      </c>
      <c r="K1702">
        <f t="shared" si="204"/>
        <v>0.34512470365084275</v>
      </c>
      <c r="L1702">
        <f t="shared" si="205"/>
        <v>0.17256235182542137</v>
      </c>
      <c r="M1702">
        <f t="shared" si="206"/>
        <v>0</v>
      </c>
      <c r="N1702" s="45">
        <f t="shared" si="207"/>
        <v>44996.499999995955</v>
      </c>
    </row>
    <row r="1703" spans="2:14" x14ac:dyDescent="0.25">
      <c r="B1703">
        <f t="shared" si="201"/>
        <v>6</v>
      </c>
      <c r="C1703" s="16">
        <v>1669</v>
      </c>
      <c r="D1703" cm="1">
        <f t="array" ref="D1703">IFERROR(INDEX(Jesper!AH$2:AH$366,ROUNDDOWN($C1703/24,0)+1,1)*INDEX($D$3:$AA$30,INDEX(Jesper!$R$2:$R$366,ROW(INDEX(Jesper!AH$2:AH$366,ROUNDDOWN($C1703/24,0)+1,1))-1)+IF('Standard Profiles'!$G$18=$B$10,7,0)+IF('Standard Profiles'!$G$18=$B$17,14,0)+IF('Standard Profiles'!$G$18=$B$24,21,0),MOD($C1703,24)+1)/SUM(INDEX($D$3:$AA$30,INDEX(Jesper!$R$2:$R$366,ROW(INDEX(Jesper!AH$2:AH$366,ROUNDDOWN($C1703/24,0)+1,1))-1)+IF('Standard Profiles'!$G$18=$B$10,7,0)+IF('Standard Profiles'!$G$18=$B$17,14,0)+IF('Standard Profiles'!$G$18=$B$24,21,0),0)),0)</f>
        <v>0</v>
      </c>
      <c r="E1703" cm="1">
        <f t="array" ref="E1703">IFERROR(INDEX(Jesper!AI$2:AI$366,ROUNDDOWN($C1703/24,0)+1,1)*INDEX($D$3:$AA$30,INDEX(Jesper!$R$2:$R$366,ROW(INDEX(Jesper!AI$2:AI$366,ROUNDDOWN($C1703/24,0)+1,1))-1)+IF('Standard Profiles'!$G$19=$B$10,7,0)+IF('Standard Profiles'!$G$19=$B$17,14,0)+IF('Standard Profiles'!$G$19=$B$24,21,0),MOD($C1703,24)+1)/SUM(INDEX($D$3:$AA$30,INDEX(Jesper!$R$2:$R$366,ROW(INDEX(Jesper!AI$2:AI$366,ROUNDDOWN($C1703/24,0)+1,1))-1)+IF('Standard Profiles'!$G$19=$B$10,7,0)+IF('Standard Profiles'!$G$19=$B$17,14,0)+IF('Standard Profiles'!$G$19=$B$24,21,0),0)),0)</f>
        <v>4.3140587956355345</v>
      </c>
      <c r="F1703" cm="1">
        <f t="array" ref="F1703">IFERROR(INDEX(Jesper!AJ$2:AJ$366,ROUNDDOWN($C1703/24,0)+1,1)*INDEX($D$3:$AA$30,INDEX(Jesper!$R$2:$R$366,ROW(INDEX(Jesper!AJ$2:AJ$366,ROUNDDOWN($C1703/24,0)+1,1))-1)+IF('Standard Profiles'!$G$20=$B$10,7,0)+IF('Standard Profiles'!$G$20=$B$17,14,0)+IF('Standard Profiles'!$G$20=$B$24,21,0),MOD($C1703,24)+1)/SUM(INDEX($D$3:$AA$30,INDEX(Jesper!$R$2:$R$366,ROW(INDEX(Jesper!AJ$2:AJ$366,ROUNDDOWN($C1703/24,0)+1,1))-1)+IF('Standard Profiles'!$G$20=$B$10,7,0)+IF('Standard Profiles'!$G$20=$B$17,14,0)+IF('Standard Profiles'!$G$20=$B$24,21,0),0)),0)</f>
        <v>3.3590968112392674</v>
      </c>
      <c r="G1703" cm="1">
        <f t="array" ref="G1703">IFERROR(INDEX(Jesper!AK$2:AK$366,ROUNDDOWN($C1703/24,0)+1,1)*INDEX($D$3:$AA$30,INDEX(Jesper!$R$2:$R$366,ROW(INDEX(Jesper!AK$2:AK$366,ROUNDDOWN($C1703/24,0)+1,1))-1)+IF('Standard Profiles'!$G$21=$B$10,7,0)+IF('Standard Profiles'!$G$21=$B$17,14,0)+IF('Standard Profiles'!$G$21=$B$24,21,0),MOD($C1703,24)+1)/SUM(INDEX($D$3:$AA$30,INDEX(Jesper!$R$2:$R$366,ROW(INDEX(Jesper!AK$2:AK$366,ROUNDDOWN($C1703/24,0)+1,1))-1)+IF('Standard Profiles'!$G$21=$B$10,7,0)+IF('Standard Profiles'!$G$21=$B$17,14,0)+IF('Standard Profiles'!$G$21=$B$24,21,0),0)),0)</f>
        <v>4.8985147846282118</v>
      </c>
      <c r="H1703" cm="1">
        <f t="array" ref="H1703">IFERROR(INDEX(Jesper!AL$2:AL$366,ROUNDDOWN($C1703/24,0)+1,1)*INDEX($D$3:$AA$30,INDEX(Jesper!$R$2:$R$366,ROW(INDEX(Jesper!AL$2:AL$366,ROUNDDOWN($C1703/24,0)+1,1))-1)+IF('Standard Profiles'!$G$22=$B$10,7,0)+IF('Standard Profiles'!$G$22=$B$17,14,0)+IF('Standard Profiles'!$G$22=$B$24,21,0),MOD($C1703,24)+1)/SUM(INDEX($D$3:$AA$30,INDEX(Jesper!$R$2:$R$366,ROW(INDEX(Jesper!AL$2:AL$366,ROUNDDOWN($C1703/24,0)+1,1))-1)+IF('Standard Profiles'!$G$22=$B$10,7,0)+IF('Standard Profiles'!$G$22=$B$17,14,0)+IF('Standard Profiles'!$G$22=$B$24,21,0),0)),0)</f>
        <v>4.5815549218069291</v>
      </c>
      <c r="I1703">
        <f t="shared" si="202"/>
        <v>4.3982927249346542</v>
      </c>
      <c r="J1703">
        <f t="shared" si="203"/>
        <v>12.237245532899024</v>
      </c>
      <c r="K1703">
        <f t="shared" si="204"/>
        <v>0.34512470365084275</v>
      </c>
      <c r="L1703">
        <f t="shared" si="205"/>
        <v>0.17256235182542137</v>
      </c>
      <c r="M1703">
        <f t="shared" si="206"/>
        <v>0</v>
      </c>
      <c r="N1703" s="45">
        <f t="shared" si="207"/>
        <v>44996.541666662619</v>
      </c>
    </row>
    <row r="1704" spans="2:14" x14ac:dyDescent="0.25">
      <c r="B1704">
        <f t="shared" si="201"/>
        <v>6</v>
      </c>
      <c r="C1704" s="16">
        <v>1670</v>
      </c>
      <c r="D1704" cm="1">
        <f t="array" ref="D1704">IFERROR(INDEX(Jesper!AH$2:AH$366,ROUNDDOWN($C1704/24,0)+1,1)*INDEX($D$3:$AA$30,INDEX(Jesper!$R$2:$R$366,ROW(INDEX(Jesper!AH$2:AH$366,ROUNDDOWN($C1704/24,0)+1,1))-1)+IF('Standard Profiles'!$G$18=$B$10,7,0)+IF('Standard Profiles'!$G$18=$B$17,14,0)+IF('Standard Profiles'!$G$18=$B$24,21,0),MOD($C1704,24)+1)/SUM(INDEX($D$3:$AA$30,INDEX(Jesper!$R$2:$R$366,ROW(INDEX(Jesper!AH$2:AH$366,ROUNDDOWN($C1704/24,0)+1,1))-1)+IF('Standard Profiles'!$G$18=$B$10,7,0)+IF('Standard Profiles'!$G$18=$B$17,14,0)+IF('Standard Profiles'!$G$18=$B$24,21,0),0)),0)</f>
        <v>0</v>
      </c>
      <c r="E1704" cm="1">
        <f t="array" ref="E1704">IFERROR(INDEX(Jesper!AI$2:AI$366,ROUNDDOWN($C1704/24,0)+1,1)*INDEX($D$3:$AA$30,INDEX(Jesper!$R$2:$R$366,ROW(INDEX(Jesper!AI$2:AI$366,ROUNDDOWN($C1704/24,0)+1,1))-1)+IF('Standard Profiles'!$G$19=$B$10,7,0)+IF('Standard Profiles'!$G$19=$B$17,14,0)+IF('Standard Profiles'!$G$19=$B$24,21,0),MOD($C1704,24)+1)/SUM(INDEX($D$3:$AA$30,INDEX(Jesper!$R$2:$R$366,ROW(INDEX(Jesper!AI$2:AI$366,ROUNDDOWN($C1704/24,0)+1,1))-1)+IF('Standard Profiles'!$G$19=$B$10,7,0)+IF('Standard Profiles'!$G$19=$B$17,14,0)+IF('Standard Profiles'!$G$19=$B$24,21,0),0)),0)</f>
        <v>4.3140587956355345</v>
      </c>
      <c r="F1704" cm="1">
        <f t="array" ref="F1704">IFERROR(INDEX(Jesper!AJ$2:AJ$366,ROUNDDOWN($C1704/24,0)+1,1)*INDEX($D$3:$AA$30,INDEX(Jesper!$R$2:$R$366,ROW(INDEX(Jesper!AJ$2:AJ$366,ROUNDDOWN($C1704/24,0)+1,1))-1)+IF('Standard Profiles'!$G$20=$B$10,7,0)+IF('Standard Profiles'!$G$20=$B$17,14,0)+IF('Standard Profiles'!$G$20=$B$24,21,0),MOD($C1704,24)+1)/SUM(INDEX($D$3:$AA$30,INDEX(Jesper!$R$2:$R$366,ROW(INDEX(Jesper!AJ$2:AJ$366,ROUNDDOWN($C1704/24,0)+1,1))-1)+IF('Standard Profiles'!$G$20=$B$10,7,0)+IF('Standard Profiles'!$G$20=$B$17,14,0)+IF('Standard Profiles'!$G$20=$B$24,21,0),0)),0)</f>
        <v>3.3590968112392674</v>
      </c>
      <c r="G1704" cm="1">
        <f t="array" ref="G1704">IFERROR(INDEX(Jesper!AK$2:AK$366,ROUNDDOWN($C1704/24,0)+1,1)*INDEX($D$3:$AA$30,INDEX(Jesper!$R$2:$R$366,ROW(INDEX(Jesper!AK$2:AK$366,ROUNDDOWN($C1704/24,0)+1,1))-1)+IF('Standard Profiles'!$G$21=$B$10,7,0)+IF('Standard Profiles'!$G$21=$B$17,14,0)+IF('Standard Profiles'!$G$21=$B$24,21,0),MOD($C1704,24)+1)/SUM(INDEX($D$3:$AA$30,INDEX(Jesper!$R$2:$R$366,ROW(INDEX(Jesper!AK$2:AK$366,ROUNDDOWN($C1704/24,0)+1,1))-1)+IF('Standard Profiles'!$G$21=$B$10,7,0)+IF('Standard Profiles'!$G$21=$B$17,14,0)+IF('Standard Profiles'!$G$21=$B$24,21,0),0)),0)</f>
        <v>4.8985147846282118</v>
      </c>
      <c r="H1704" cm="1">
        <f t="array" ref="H1704">IFERROR(INDEX(Jesper!AL$2:AL$366,ROUNDDOWN($C1704/24,0)+1,1)*INDEX($D$3:$AA$30,INDEX(Jesper!$R$2:$R$366,ROW(INDEX(Jesper!AL$2:AL$366,ROUNDDOWN($C1704/24,0)+1,1))-1)+IF('Standard Profiles'!$G$22=$B$10,7,0)+IF('Standard Profiles'!$G$22=$B$17,14,0)+IF('Standard Profiles'!$G$22=$B$24,21,0),MOD($C1704,24)+1)/SUM(INDEX($D$3:$AA$30,INDEX(Jesper!$R$2:$R$366,ROW(INDEX(Jesper!AL$2:AL$366,ROUNDDOWN($C1704/24,0)+1,1))-1)+IF('Standard Profiles'!$G$22=$B$10,7,0)+IF('Standard Profiles'!$G$22=$B$17,14,0)+IF('Standard Profiles'!$G$22=$B$24,21,0),0)),0)</f>
        <v>4.5815549218069291</v>
      </c>
      <c r="I1704">
        <f t="shared" si="202"/>
        <v>4.3982927249346542</v>
      </c>
      <c r="J1704">
        <f t="shared" si="203"/>
        <v>12.237245532899024</v>
      </c>
      <c r="K1704">
        <f t="shared" si="204"/>
        <v>0.34512470365084275</v>
      </c>
      <c r="L1704">
        <f t="shared" si="205"/>
        <v>0.17256235182542137</v>
      </c>
      <c r="M1704">
        <f t="shared" si="206"/>
        <v>0</v>
      </c>
      <c r="N1704" s="45">
        <f t="shared" si="207"/>
        <v>44996.583333329283</v>
      </c>
    </row>
    <row r="1705" spans="2:14" x14ac:dyDescent="0.25">
      <c r="B1705">
        <f t="shared" si="201"/>
        <v>6</v>
      </c>
      <c r="C1705" s="16">
        <v>1671</v>
      </c>
      <c r="D1705" cm="1">
        <f t="array" ref="D1705">IFERROR(INDEX(Jesper!AH$2:AH$366,ROUNDDOWN($C1705/24,0)+1,1)*INDEX($D$3:$AA$30,INDEX(Jesper!$R$2:$R$366,ROW(INDEX(Jesper!AH$2:AH$366,ROUNDDOWN($C1705/24,0)+1,1))-1)+IF('Standard Profiles'!$G$18=$B$10,7,0)+IF('Standard Profiles'!$G$18=$B$17,14,0)+IF('Standard Profiles'!$G$18=$B$24,21,0),MOD($C1705,24)+1)/SUM(INDEX($D$3:$AA$30,INDEX(Jesper!$R$2:$R$366,ROW(INDEX(Jesper!AH$2:AH$366,ROUNDDOWN($C1705/24,0)+1,1))-1)+IF('Standard Profiles'!$G$18=$B$10,7,0)+IF('Standard Profiles'!$G$18=$B$17,14,0)+IF('Standard Profiles'!$G$18=$B$24,21,0),0)),0)</f>
        <v>0</v>
      </c>
      <c r="E1705" cm="1">
        <f t="array" ref="E1705">IFERROR(INDEX(Jesper!AI$2:AI$366,ROUNDDOWN($C1705/24,0)+1,1)*INDEX($D$3:$AA$30,INDEX(Jesper!$R$2:$R$366,ROW(INDEX(Jesper!AI$2:AI$366,ROUNDDOWN($C1705/24,0)+1,1))-1)+IF('Standard Profiles'!$G$19=$B$10,7,0)+IF('Standard Profiles'!$G$19=$B$17,14,0)+IF('Standard Profiles'!$G$19=$B$24,21,0),MOD($C1705,24)+1)/SUM(INDEX($D$3:$AA$30,INDEX(Jesper!$R$2:$R$366,ROW(INDEX(Jesper!AI$2:AI$366,ROUNDDOWN($C1705/24,0)+1,1))-1)+IF('Standard Profiles'!$G$19=$B$10,7,0)+IF('Standard Profiles'!$G$19=$B$17,14,0)+IF('Standard Profiles'!$G$19=$B$24,21,0),0)),0)</f>
        <v>4.3140587956355345</v>
      </c>
      <c r="F1705" cm="1">
        <f t="array" ref="F1705">IFERROR(INDEX(Jesper!AJ$2:AJ$366,ROUNDDOWN($C1705/24,0)+1,1)*INDEX($D$3:$AA$30,INDEX(Jesper!$R$2:$R$366,ROW(INDEX(Jesper!AJ$2:AJ$366,ROUNDDOWN($C1705/24,0)+1,1))-1)+IF('Standard Profiles'!$G$20=$B$10,7,0)+IF('Standard Profiles'!$G$20=$B$17,14,0)+IF('Standard Profiles'!$G$20=$B$24,21,0),MOD($C1705,24)+1)/SUM(INDEX($D$3:$AA$30,INDEX(Jesper!$R$2:$R$366,ROW(INDEX(Jesper!AJ$2:AJ$366,ROUNDDOWN($C1705/24,0)+1,1))-1)+IF('Standard Profiles'!$G$20=$B$10,7,0)+IF('Standard Profiles'!$G$20=$B$17,14,0)+IF('Standard Profiles'!$G$20=$B$24,21,0),0)),0)</f>
        <v>3.3590968112392674</v>
      </c>
      <c r="G1705" cm="1">
        <f t="array" ref="G1705">IFERROR(INDEX(Jesper!AK$2:AK$366,ROUNDDOWN($C1705/24,0)+1,1)*INDEX($D$3:$AA$30,INDEX(Jesper!$R$2:$R$366,ROW(INDEX(Jesper!AK$2:AK$366,ROUNDDOWN($C1705/24,0)+1,1))-1)+IF('Standard Profiles'!$G$21=$B$10,7,0)+IF('Standard Profiles'!$G$21=$B$17,14,0)+IF('Standard Profiles'!$G$21=$B$24,21,0),MOD($C1705,24)+1)/SUM(INDEX($D$3:$AA$30,INDEX(Jesper!$R$2:$R$366,ROW(INDEX(Jesper!AK$2:AK$366,ROUNDDOWN($C1705/24,0)+1,1))-1)+IF('Standard Profiles'!$G$21=$B$10,7,0)+IF('Standard Profiles'!$G$21=$B$17,14,0)+IF('Standard Profiles'!$G$21=$B$24,21,0),0)),0)</f>
        <v>4.8985147846282118</v>
      </c>
      <c r="H1705" cm="1">
        <f t="array" ref="H1705">IFERROR(INDEX(Jesper!AL$2:AL$366,ROUNDDOWN($C1705/24,0)+1,1)*INDEX($D$3:$AA$30,INDEX(Jesper!$R$2:$R$366,ROW(INDEX(Jesper!AL$2:AL$366,ROUNDDOWN($C1705/24,0)+1,1))-1)+IF('Standard Profiles'!$G$22=$B$10,7,0)+IF('Standard Profiles'!$G$22=$B$17,14,0)+IF('Standard Profiles'!$G$22=$B$24,21,0),MOD($C1705,24)+1)/SUM(INDEX($D$3:$AA$30,INDEX(Jesper!$R$2:$R$366,ROW(INDEX(Jesper!AL$2:AL$366,ROUNDDOWN($C1705/24,0)+1,1))-1)+IF('Standard Profiles'!$G$22=$B$10,7,0)+IF('Standard Profiles'!$G$22=$B$17,14,0)+IF('Standard Profiles'!$G$22=$B$24,21,0),0)),0)</f>
        <v>4.1422277375240721</v>
      </c>
      <c r="I1705">
        <f t="shared" si="202"/>
        <v>3.9765386280231114</v>
      </c>
      <c r="J1705">
        <f t="shared" si="203"/>
        <v>12.21967244552771</v>
      </c>
      <c r="K1705">
        <f t="shared" si="204"/>
        <v>0.34512470365084275</v>
      </c>
      <c r="L1705">
        <f t="shared" si="205"/>
        <v>0.17256235182542137</v>
      </c>
      <c r="M1705">
        <f t="shared" si="206"/>
        <v>0</v>
      </c>
      <c r="N1705" s="45">
        <f t="shared" si="207"/>
        <v>44996.624999995947</v>
      </c>
    </row>
    <row r="1706" spans="2:14" x14ac:dyDescent="0.25">
      <c r="B1706">
        <f t="shared" si="201"/>
        <v>6</v>
      </c>
      <c r="C1706" s="16">
        <v>1672</v>
      </c>
      <c r="D1706" cm="1">
        <f t="array" ref="D1706">IFERROR(INDEX(Jesper!AH$2:AH$366,ROUNDDOWN($C1706/24,0)+1,1)*INDEX($D$3:$AA$30,INDEX(Jesper!$R$2:$R$366,ROW(INDEX(Jesper!AH$2:AH$366,ROUNDDOWN($C1706/24,0)+1,1))-1)+IF('Standard Profiles'!$G$18=$B$10,7,0)+IF('Standard Profiles'!$G$18=$B$17,14,0)+IF('Standard Profiles'!$G$18=$B$24,21,0),MOD($C1706,24)+1)/SUM(INDEX($D$3:$AA$30,INDEX(Jesper!$R$2:$R$366,ROW(INDEX(Jesper!AH$2:AH$366,ROUNDDOWN($C1706/24,0)+1,1))-1)+IF('Standard Profiles'!$G$18=$B$10,7,0)+IF('Standard Profiles'!$G$18=$B$17,14,0)+IF('Standard Profiles'!$G$18=$B$24,21,0),0)),0)</f>
        <v>0</v>
      </c>
      <c r="E1706" cm="1">
        <f t="array" ref="E1706">IFERROR(INDEX(Jesper!AI$2:AI$366,ROUNDDOWN($C1706/24,0)+1,1)*INDEX($D$3:$AA$30,INDEX(Jesper!$R$2:$R$366,ROW(INDEX(Jesper!AI$2:AI$366,ROUNDDOWN($C1706/24,0)+1,1))-1)+IF('Standard Profiles'!$G$19=$B$10,7,0)+IF('Standard Profiles'!$G$19=$B$17,14,0)+IF('Standard Profiles'!$G$19=$B$24,21,0),MOD($C1706,24)+1)/SUM(INDEX($D$3:$AA$30,INDEX(Jesper!$R$2:$R$366,ROW(INDEX(Jesper!AI$2:AI$366,ROUNDDOWN($C1706/24,0)+1,1))-1)+IF('Standard Profiles'!$G$19=$B$10,7,0)+IF('Standard Profiles'!$G$19=$B$17,14,0)+IF('Standard Profiles'!$G$19=$B$24,21,0),0)),0)</f>
        <v>4.3140587956355345</v>
      </c>
      <c r="F1706" cm="1">
        <f t="array" ref="F1706">IFERROR(INDEX(Jesper!AJ$2:AJ$366,ROUNDDOWN($C1706/24,0)+1,1)*INDEX($D$3:$AA$30,INDEX(Jesper!$R$2:$R$366,ROW(INDEX(Jesper!AJ$2:AJ$366,ROUNDDOWN($C1706/24,0)+1,1))-1)+IF('Standard Profiles'!$G$20=$B$10,7,0)+IF('Standard Profiles'!$G$20=$B$17,14,0)+IF('Standard Profiles'!$G$20=$B$24,21,0),MOD($C1706,24)+1)/SUM(INDEX($D$3:$AA$30,INDEX(Jesper!$R$2:$R$366,ROW(INDEX(Jesper!AJ$2:AJ$366,ROUNDDOWN($C1706/24,0)+1,1))-1)+IF('Standard Profiles'!$G$20=$B$10,7,0)+IF('Standard Profiles'!$G$20=$B$17,14,0)+IF('Standard Profiles'!$G$20=$B$24,21,0),0)),0)</f>
        <v>3.3590968112392674</v>
      </c>
      <c r="G1706" cm="1">
        <f t="array" ref="G1706">IFERROR(INDEX(Jesper!AK$2:AK$366,ROUNDDOWN($C1706/24,0)+1,1)*INDEX($D$3:$AA$30,INDEX(Jesper!$R$2:$R$366,ROW(INDEX(Jesper!AK$2:AK$366,ROUNDDOWN($C1706/24,0)+1,1))-1)+IF('Standard Profiles'!$G$21=$B$10,7,0)+IF('Standard Profiles'!$G$21=$B$17,14,0)+IF('Standard Profiles'!$G$21=$B$24,21,0),MOD($C1706,24)+1)/SUM(INDEX($D$3:$AA$30,INDEX(Jesper!$R$2:$R$366,ROW(INDEX(Jesper!AK$2:AK$366,ROUNDDOWN($C1706/24,0)+1,1))-1)+IF('Standard Profiles'!$G$21=$B$10,7,0)+IF('Standard Profiles'!$G$21=$B$17,14,0)+IF('Standard Profiles'!$G$21=$B$24,21,0),0)),0)</f>
        <v>4.8985147846282118</v>
      </c>
      <c r="H1706" cm="1">
        <f t="array" ref="H1706">IFERROR(INDEX(Jesper!AL$2:AL$366,ROUNDDOWN($C1706/24,0)+1,1)*INDEX($D$3:$AA$30,INDEX(Jesper!$R$2:$R$366,ROW(INDEX(Jesper!AL$2:AL$366,ROUNDDOWN($C1706/24,0)+1,1))-1)+IF('Standard Profiles'!$G$22=$B$10,7,0)+IF('Standard Profiles'!$G$22=$B$17,14,0)+IF('Standard Profiles'!$G$22=$B$24,21,0),MOD($C1706,24)+1)/SUM(INDEX($D$3:$AA$30,INDEX(Jesper!$R$2:$R$366,ROW(INDEX(Jesper!AL$2:AL$366,ROUNDDOWN($C1706/24,0)+1,1))-1)+IF('Standard Profiles'!$G$22=$B$10,7,0)+IF('Standard Profiles'!$G$22=$B$17,14,0)+IF('Standard Profiles'!$G$22=$B$24,21,0),0)),0)</f>
        <v>3.7656615795673387</v>
      </c>
      <c r="I1706">
        <f t="shared" si="202"/>
        <v>3.615035116384647</v>
      </c>
      <c r="J1706">
        <f t="shared" si="203"/>
        <v>12.204609799209441</v>
      </c>
      <c r="K1706">
        <f t="shared" si="204"/>
        <v>0.34512470365084275</v>
      </c>
      <c r="L1706">
        <f t="shared" si="205"/>
        <v>0.17256235182542137</v>
      </c>
      <c r="M1706">
        <f t="shared" si="206"/>
        <v>0</v>
      </c>
      <c r="N1706" s="45">
        <f t="shared" si="207"/>
        <v>44996.666666662612</v>
      </c>
    </row>
    <row r="1707" spans="2:14" x14ac:dyDescent="0.25">
      <c r="B1707">
        <f t="shared" si="201"/>
        <v>6</v>
      </c>
      <c r="C1707" s="16">
        <v>1673</v>
      </c>
      <c r="D1707" cm="1">
        <f t="array" ref="D1707">IFERROR(INDEX(Jesper!AH$2:AH$366,ROUNDDOWN($C1707/24,0)+1,1)*INDEX($D$3:$AA$30,INDEX(Jesper!$R$2:$R$366,ROW(INDEX(Jesper!AH$2:AH$366,ROUNDDOWN($C1707/24,0)+1,1))-1)+IF('Standard Profiles'!$G$18=$B$10,7,0)+IF('Standard Profiles'!$G$18=$B$17,14,0)+IF('Standard Profiles'!$G$18=$B$24,21,0),MOD($C1707,24)+1)/SUM(INDEX($D$3:$AA$30,INDEX(Jesper!$R$2:$R$366,ROW(INDEX(Jesper!AH$2:AH$366,ROUNDDOWN($C1707/24,0)+1,1))-1)+IF('Standard Profiles'!$G$18=$B$10,7,0)+IF('Standard Profiles'!$G$18=$B$17,14,0)+IF('Standard Profiles'!$G$18=$B$24,21,0),0)),0)</f>
        <v>0</v>
      </c>
      <c r="E1707" cm="1">
        <f t="array" ref="E1707">IFERROR(INDEX(Jesper!AI$2:AI$366,ROUNDDOWN($C1707/24,0)+1,1)*INDEX($D$3:$AA$30,INDEX(Jesper!$R$2:$R$366,ROW(INDEX(Jesper!AI$2:AI$366,ROUNDDOWN($C1707/24,0)+1,1))-1)+IF('Standard Profiles'!$G$19=$B$10,7,0)+IF('Standard Profiles'!$G$19=$B$17,14,0)+IF('Standard Profiles'!$G$19=$B$24,21,0),MOD($C1707,24)+1)/SUM(INDEX($D$3:$AA$30,INDEX(Jesper!$R$2:$R$366,ROW(INDEX(Jesper!AI$2:AI$366,ROUNDDOWN($C1707/24,0)+1,1))-1)+IF('Standard Profiles'!$G$19=$B$10,7,0)+IF('Standard Profiles'!$G$19=$B$17,14,0)+IF('Standard Profiles'!$G$19=$B$24,21,0),0)),0)</f>
        <v>4.3140587956355345</v>
      </c>
      <c r="F1707" cm="1">
        <f t="array" ref="F1707">IFERROR(INDEX(Jesper!AJ$2:AJ$366,ROUNDDOWN($C1707/24,0)+1,1)*INDEX($D$3:$AA$30,INDEX(Jesper!$R$2:$R$366,ROW(INDEX(Jesper!AJ$2:AJ$366,ROUNDDOWN($C1707/24,0)+1,1))-1)+IF('Standard Profiles'!$G$20=$B$10,7,0)+IF('Standard Profiles'!$G$20=$B$17,14,0)+IF('Standard Profiles'!$G$20=$B$24,21,0),MOD($C1707,24)+1)/SUM(INDEX($D$3:$AA$30,INDEX(Jesper!$R$2:$R$366,ROW(INDEX(Jesper!AJ$2:AJ$366,ROUNDDOWN($C1707/24,0)+1,1))-1)+IF('Standard Profiles'!$G$20=$B$10,7,0)+IF('Standard Profiles'!$G$20=$B$17,14,0)+IF('Standard Profiles'!$G$20=$B$24,21,0),0)),0)</f>
        <v>3.3590968112392674</v>
      </c>
      <c r="G1707" cm="1">
        <f t="array" ref="G1707">IFERROR(INDEX(Jesper!AK$2:AK$366,ROUNDDOWN($C1707/24,0)+1,1)*INDEX($D$3:$AA$30,INDEX(Jesper!$R$2:$R$366,ROW(INDEX(Jesper!AK$2:AK$366,ROUNDDOWN($C1707/24,0)+1,1))-1)+IF('Standard Profiles'!$G$21=$B$10,7,0)+IF('Standard Profiles'!$G$21=$B$17,14,0)+IF('Standard Profiles'!$G$21=$B$24,21,0),MOD($C1707,24)+1)/SUM(INDEX($D$3:$AA$30,INDEX(Jesper!$R$2:$R$366,ROW(INDEX(Jesper!AK$2:AK$366,ROUNDDOWN($C1707/24,0)+1,1))-1)+IF('Standard Profiles'!$G$21=$B$10,7,0)+IF('Standard Profiles'!$G$21=$B$17,14,0)+IF('Standard Profiles'!$G$21=$B$24,21,0),0)),0)</f>
        <v>4.8985147846282118</v>
      </c>
      <c r="H1707" cm="1">
        <f t="array" ref="H1707">IFERROR(INDEX(Jesper!AL$2:AL$366,ROUNDDOWN($C1707/24,0)+1,1)*INDEX($D$3:$AA$30,INDEX(Jesper!$R$2:$R$366,ROW(INDEX(Jesper!AL$2:AL$366,ROUNDDOWN($C1707/24,0)+1,1))-1)+IF('Standard Profiles'!$G$22=$B$10,7,0)+IF('Standard Profiles'!$G$22=$B$17,14,0)+IF('Standard Profiles'!$G$22=$B$24,21,0),MOD($C1707,24)+1)/SUM(INDEX($D$3:$AA$30,INDEX(Jesper!$R$2:$R$366,ROW(INDEX(Jesper!AL$2:AL$366,ROUNDDOWN($C1707/24,0)+1,1))-1)+IF('Standard Profiles'!$G$22=$B$10,7,0)+IF('Standard Profiles'!$G$22=$B$17,14,0)+IF('Standard Profiles'!$G$22=$B$24,21,0),0)),0)</f>
        <v>3.3890954216106053</v>
      </c>
      <c r="I1707">
        <f t="shared" si="202"/>
        <v>3.2535316047461826</v>
      </c>
      <c r="J1707">
        <f t="shared" si="203"/>
        <v>12.189547152891173</v>
      </c>
      <c r="K1707">
        <f t="shared" si="204"/>
        <v>0.34512470365084275</v>
      </c>
      <c r="L1707">
        <f t="shared" si="205"/>
        <v>0.17256235182542137</v>
      </c>
      <c r="M1707">
        <f t="shared" si="206"/>
        <v>0</v>
      </c>
      <c r="N1707" s="45">
        <f t="shared" si="207"/>
        <v>44996.708333329276</v>
      </c>
    </row>
    <row r="1708" spans="2:14" x14ac:dyDescent="0.25">
      <c r="B1708">
        <f t="shared" si="201"/>
        <v>6</v>
      </c>
      <c r="C1708" s="16">
        <v>1674</v>
      </c>
      <c r="D1708" cm="1">
        <f t="array" ref="D1708">IFERROR(INDEX(Jesper!AH$2:AH$366,ROUNDDOWN($C1708/24,0)+1,1)*INDEX($D$3:$AA$30,INDEX(Jesper!$R$2:$R$366,ROW(INDEX(Jesper!AH$2:AH$366,ROUNDDOWN($C1708/24,0)+1,1))-1)+IF('Standard Profiles'!$G$18=$B$10,7,0)+IF('Standard Profiles'!$G$18=$B$17,14,0)+IF('Standard Profiles'!$G$18=$B$24,21,0),MOD($C1708,24)+1)/SUM(INDEX($D$3:$AA$30,INDEX(Jesper!$R$2:$R$366,ROW(INDEX(Jesper!AH$2:AH$366,ROUNDDOWN($C1708/24,0)+1,1))-1)+IF('Standard Profiles'!$G$18=$B$10,7,0)+IF('Standard Profiles'!$G$18=$B$17,14,0)+IF('Standard Profiles'!$G$18=$B$24,21,0),0)),0)</f>
        <v>0</v>
      </c>
      <c r="E1708" cm="1">
        <f t="array" ref="E1708">IFERROR(INDEX(Jesper!AI$2:AI$366,ROUNDDOWN($C1708/24,0)+1,1)*INDEX($D$3:$AA$30,INDEX(Jesper!$R$2:$R$366,ROW(INDEX(Jesper!AI$2:AI$366,ROUNDDOWN($C1708/24,0)+1,1))-1)+IF('Standard Profiles'!$G$19=$B$10,7,0)+IF('Standard Profiles'!$G$19=$B$17,14,0)+IF('Standard Profiles'!$G$19=$B$24,21,0),MOD($C1708,24)+1)/SUM(INDEX($D$3:$AA$30,INDEX(Jesper!$R$2:$R$366,ROW(INDEX(Jesper!AI$2:AI$366,ROUNDDOWN($C1708/24,0)+1,1))-1)+IF('Standard Profiles'!$G$19=$B$10,7,0)+IF('Standard Profiles'!$G$19=$B$17,14,0)+IF('Standard Profiles'!$G$19=$B$24,21,0),0)),0)</f>
        <v>4.3140587956355345</v>
      </c>
      <c r="F1708" cm="1">
        <f t="array" ref="F1708">IFERROR(INDEX(Jesper!AJ$2:AJ$366,ROUNDDOWN($C1708/24,0)+1,1)*INDEX($D$3:$AA$30,INDEX(Jesper!$R$2:$R$366,ROW(INDEX(Jesper!AJ$2:AJ$366,ROUNDDOWN($C1708/24,0)+1,1))-1)+IF('Standard Profiles'!$G$20=$B$10,7,0)+IF('Standard Profiles'!$G$20=$B$17,14,0)+IF('Standard Profiles'!$G$20=$B$24,21,0),MOD($C1708,24)+1)/SUM(INDEX($D$3:$AA$30,INDEX(Jesper!$R$2:$R$366,ROW(INDEX(Jesper!AJ$2:AJ$366,ROUNDDOWN($C1708/24,0)+1,1))-1)+IF('Standard Profiles'!$G$20=$B$10,7,0)+IF('Standard Profiles'!$G$20=$B$17,14,0)+IF('Standard Profiles'!$G$20=$B$24,21,0),0)),0)</f>
        <v>3.3590968112392674</v>
      </c>
      <c r="G1708" cm="1">
        <f t="array" ref="G1708">IFERROR(INDEX(Jesper!AK$2:AK$366,ROUNDDOWN($C1708/24,0)+1,1)*INDEX($D$3:$AA$30,INDEX(Jesper!$R$2:$R$366,ROW(INDEX(Jesper!AK$2:AK$366,ROUNDDOWN($C1708/24,0)+1,1))-1)+IF('Standard Profiles'!$G$21=$B$10,7,0)+IF('Standard Profiles'!$G$21=$B$17,14,0)+IF('Standard Profiles'!$G$21=$B$24,21,0),MOD($C1708,24)+1)/SUM(INDEX($D$3:$AA$30,INDEX(Jesper!$R$2:$R$366,ROW(INDEX(Jesper!AK$2:AK$366,ROUNDDOWN($C1708/24,0)+1,1))-1)+IF('Standard Profiles'!$G$21=$B$10,7,0)+IF('Standard Profiles'!$G$21=$B$17,14,0)+IF('Standard Profiles'!$G$21=$B$24,21,0),0)),0)</f>
        <v>4.8985147846282118</v>
      </c>
      <c r="H1708" cm="1">
        <f t="array" ref="H1708">IFERROR(INDEX(Jesper!AL$2:AL$366,ROUNDDOWN($C1708/24,0)+1,1)*INDEX($D$3:$AA$30,INDEX(Jesper!$R$2:$R$366,ROW(INDEX(Jesper!AL$2:AL$366,ROUNDDOWN($C1708/24,0)+1,1))-1)+IF('Standard Profiles'!$G$22=$B$10,7,0)+IF('Standard Profiles'!$G$22=$B$17,14,0)+IF('Standard Profiles'!$G$22=$B$24,21,0),MOD($C1708,24)+1)/SUM(INDEX($D$3:$AA$30,INDEX(Jesper!$R$2:$R$366,ROW(INDEX(Jesper!AL$2:AL$366,ROUNDDOWN($C1708/24,0)+1,1))-1)+IF('Standard Profiles'!$G$22=$B$10,7,0)+IF('Standard Profiles'!$G$22=$B$17,14,0)+IF('Standard Profiles'!$G$22=$B$24,21,0),0)),0)</f>
        <v>3.2635733689583599</v>
      </c>
      <c r="I1708">
        <f t="shared" si="202"/>
        <v>3.1330304342000272</v>
      </c>
      <c r="J1708">
        <f t="shared" si="203"/>
        <v>12.184526270785083</v>
      </c>
      <c r="K1708">
        <f t="shared" si="204"/>
        <v>0.34512470365084275</v>
      </c>
      <c r="L1708">
        <f t="shared" si="205"/>
        <v>0.17256235182542137</v>
      </c>
      <c r="M1708">
        <f t="shared" si="206"/>
        <v>0</v>
      </c>
      <c r="N1708" s="45">
        <f t="shared" si="207"/>
        <v>44996.74999999594</v>
      </c>
    </row>
    <row r="1709" spans="2:14" x14ac:dyDescent="0.25">
      <c r="B1709">
        <f t="shared" si="201"/>
        <v>6</v>
      </c>
      <c r="C1709" s="16">
        <v>1675</v>
      </c>
      <c r="D1709" cm="1">
        <f t="array" ref="D1709">IFERROR(INDEX(Jesper!AH$2:AH$366,ROUNDDOWN($C1709/24,0)+1,1)*INDEX($D$3:$AA$30,INDEX(Jesper!$R$2:$R$366,ROW(INDEX(Jesper!AH$2:AH$366,ROUNDDOWN($C1709/24,0)+1,1))-1)+IF('Standard Profiles'!$G$18=$B$10,7,0)+IF('Standard Profiles'!$G$18=$B$17,14,0)+IF('Standard Profiles'!$G$18=$B$24,21,0),MOD($C1709,24)+1)/SUM(INDEX($D$3:$AA$30,INDEX(Jesper!$R$2:$R$366,ROW(INDEX(Jesper!AH$2:AH$366,ROUNDDOWN($C1709/24,0)+1,1))-1)+IF('Standard Profiles'!$G$18=$B$10,7,0)+IF('Standard Profiles'!$G$18=$B$17,14,0)+IF('Standard Profiles'!$G$18=$B$24,21,0),0)),0)</f>
        <v>0</v>
      </c>
      <c r="E1709" cm="1">
        <f t="array" ref="E1709">IFERROR(INDEX(Jesper!AI$2:AI$366,ROUNDDOWN($C1709/24,0)+1,1)*INDEX($D$3:$AA$30,INDEX(Jesper!$R$2:$R$366,ROW(INDEX(Jesper!AI$2:AI$366,ROUNDDOWN($C1709/24,0)+1,1))-1)+IF('Standard Profiles'!$G$19=$B$10,7,0)+IF('Standard Profiles'!$G$19=$B$17,14,0)+IF('Standard Profiles'!$G$19=$B$24,21,0),MOD($C1709,24)+1)/SUM(INDEX($D$3:$AA$30,INDEX(Jesper!$R$2:$R$366,ROW(INDEX(Jesper!AI$2:AI$366,ROUNDDOWN($C1709/24,0)+1,1))-1)+IF('Standard Profiles'!$G$19=$B$10,7,0)+IF('Standard Profiles'!$G$19=$B$17,14,0)+IF('Standard Profiles'!$G$19=$B$24,21,0),0)),0)</f>
        <v>4.3140587956355345</v>
      </c>
      <c r="F1709" cm="1">
        <f t="array" ref="F1709">IFERROR(INDEX(Jesper!AJ$2:AJ$366,ROUNDDOWN($C1709/24,0)+1,1)*INDEX($D$3:$AA$30,INDEX(Jesper!$R$2:$R$366,ROW(INDEX(Jesper!AJ$2:AJ$366,ROUNDDOWN($C1709/24,0)+1,1))-1)+IF('Standard Profiles'!$G$20=$B$10,7,0)+IF('Standard Profiles'!$G$20=$B$17,14,0)+IF('Standard Profiles'!$G$20=$B$24,21,0),MOD($C1709,24)+1)/SUM(INDEX($D$3:$AA$30,INDEX(Jesper!$R$2:$R$366,ROW(INDEX(Jesper!AJ$2:AJ$366,ROUNDDOWN($C1709/24,0)+1,1))-1)+IF('Standard Profiles'!$G$20=$B$10,7,0)+IF('Standard Profiles'!$G$20=$B$17,14,0)+IF('Standard Profiles'!$G$20=$B$24,21,0),0)),0)</f>
        <v>3.3590968112392674</v>
      </c>
      <c r="G1709" cm="1">
        <f t="array" ref="G1709">IFERROR(INDEX(Jesper!AK$2:AK$366,ROUNDDOWN($C1709/24,0)+1,1)*INDEX($D$3:$AA$30,INDEX(Jesper!$R$2:$R$366,ROW(INDEX(Jesper!AK$2:AK$366,ROUNDDOWN($C1709/24,0)+1,1))-1)+IF('Standard Profiles'!$G$21=$B$10,7,0)+IF('Standard Profiles'!$G$21=$B$17,14,0)+IF('Standard Profiles'!$G$21=$B$24,21,0),MOD($C1709,24)+1)/SUM(INDEX($D$3:$AA$30,INDEX(Jesper!$R$2:$R$366,ROW(INDEX(Jesper!AK$2:AK$366,ROUNDDOWN($C1709/24,0)+1,1))-1)+IF('Standard Profiles'!$G$21=$B$10,7,0)+IF('Standard Profiles'!$G$21=$B$17,14,0)+IF('Standard Profiles'!$G$21=$B$24,21,0),0)),0)</f>
        <v>4.8985147846282118</v>
      </c>
      <c r="H1709" cm="1">
        <f t="array" ref="H1709">IFERROR(INDEX(Jesper!AL$2:AL$366,ROUNDDOWN($C1709/24,0)+1,1)*INDEX($D$3:$AA$30,INDEX(Jesper!$R$2:$R$366,ROW(INDEX(Jesper!AL$2:AL$366,ROUNDDOWN($C1709/24,0)+1,1))-1)+IF('Standard Profiles'!$G$22=$B$10,7,0)+IF('Standard Profiles'!$G$22=$B$17,14,0)+IF('Standard Profiles'!$G$22=$B$24,21,0),MOD($C1709,24)+1)/SUM(INDEX($D$3:$AA$30,INDEX(Jesper!$R$2:$R$366,ROW(INDEX(Jesper!AL$2:AL$366,ROUNDDOWN($C1709/24,0)+1,1))-1)+IF('Standard Profiles'!$G$22=$B$10,7,0)+IF('Standard Profiles'!$G$22=$B$17,14,0)+IF('Standard Profiles'!$G$22=$B$24,21,0),0)),0)</f>
        <v>2.6359631056971371</v>
      </c>
      <c r="I1709">
        <f t="shared" si="202"/>
        <v>2.530524581469253</v>
      </c>
      <c r="J1709">
        <f t="shared" si="203"/>
        <v>12.159421860254634</v>
      </c>
      <c r="K1709">
        <f t="shared" si="204"/>
        <v>0.34512470365084275</v>
      </c>
      <c r="L1709">
        <f t="shared" si="205"/>
        <v>0.17256235182542137</v>
      </c>
      <c r="M1709">
        <f t="shared" si="206"/>
        <v>0</v>
      </c>
      <c r="N1709" s="45">
        <f t="shared" si="207"/>
        <v>44996.791666662604</v>
      </c>
    </row>
    <row r="1710" spans="2:14" x14ac:dyDescent="0.25">
      <c r="B1710">
        <f t="shared" si="201"/>
        <v>6</v>
      </c>
      <c r="C1710" s="16">
        <v>1676</v>
      </c>
      <c r="D1710" cm="1">
        <f t="array" ref="D1710">IFERROR(INDEX(Jesper!AH$2:AH$366,ROUNDDOWN($C1710/24,0)+1,1)*INDEX($D$3:$AA$30,INDEX(Jesper!$R$2:$R$366,ROW(INDEX(Jesper!AH$2:AH$366,ROUNDDOWN($C1710/24,0)+1,1))-1)+IF('Standard Profiles'!$G$18=$B$10,7,0)+IF('Standard Profiles'!$G$18=$B$17,14,0)+IF('Standard Profiles'!$G$18=$B$24,21,0),MOD($C1710,24)+1)/SUM(INDEX($D$3:$AA$30,INDEX(Jesper!$R$2:$R$366,ROW(INDEX(Jesper!AH$2:AH$366,ROUNDDOWN($C1710/24,0)+1,1))-1)+IF('Standard Profiles'!$G$18=$B$10,7,0)+IF('Standard Profiles'!$G$18=$B$17,14,0)+IF('Standard Profiles'!$G$18=$B$24,21,0),0)),0)</f>
        <v>0</v>
      </c>
      <c r="E1710" cm="1">
        <f t="array" ref="E1710">IFERROR(INDEX(Jesper!AI$2:AI$366,ROUNDDOWN($C1710/24,0)+1,1)*INDEX($D$3:$AA$30,INDEX(Jesper!$R$2:$R$366,ROW(INDEX(Jesper!AI$2:AI$366,ROUNDDOWN($C1710/24,0)+1,1))-1)+IF('Standard Profiles'!$G$19=$B$10,7,0)+IF('Standard Profiles'!$G$19=$B$17,14,0)+IF('Standard Profiles'!$G$19=$B$24,21,0),MOD($C1710,24)+1)/SUM(INDEX($D$3:$AA$30,INDEX(Jesper!$R$2:$R$366,ROW(INDEX(Jesper!AI$2:AI$366,ROUNDDOWN($C1710/24,0)+1,1))-1)+IF('Standard Profiles'!$G$19=$B$10,7,0)+IF('Standard Profiles'!$G$19=$B$17,14,0)+IF('Standard Profiles'!$G$19=$B$24,21,0),0)),0)</f>
        <v>4.3140587956355345</v>
      </c>
      <c r="F1710" cm="1">
        <f t="array" ref="F1710">IFERROR(INDEX(Jesper!AJ$2:AJ$366,ROUNDDOWN($C1710/24,0)+1,1)*INDEX($D$3:$AA$30,INDEX(Jesper!$R$2:$R$366,ROW(INDEX(Jesper!AJ$2:AJ$366,ROUNDDOWN($C1710/24,0)+1,1))-1)+IF('Standard Profiles'!$G$20=$B$10,7,0)+IF('Standard Profiles'!$G$20=$B$17,14,0)+IF('Standard Profiles'!$G$20=$B$24,21,0),MOD($C1710,24)+1)/SUM(INDEX($D$3:$AA$30,INDEX(Jesper!$R$2:$R$366,ROW(INDEX(Jesper!AJ$2:AJ$366,ROUNDDOWN($C1710/24,0)+1,1))-1)+IF('Standard Profiles'!$G$20=$B$10,7,0)+IF('Standard Profiles'!$G$20=$B$17,14,0)+IF('Standard Profiles'!$G$20=$B$24,21,0),0)),0)</f>
        <v>3.3590968112392674</v>
      </c>
      <c r="G1710" cm="1">
        <f t="array" ref="G1710">IFERROR(INDEX(Jesper!AK$2:AK$366,ROUNDDOWN($C1710/24,0)+1,1)*INDEX($D$3:$AA$30,INDEX(Jesper!$R$2:$R$366,ROW(INDEX(Jesper!AK$2:AK$366,ROUNDDOWN($C1710/24,0)+1,1))-1)+IF('Standard Profiles'!$G$21=$B$10,7,0)+IF('Standard Profiles'!$G$21=$B$17,14,0)+IF('Standard Profiles'!$G$21=$B$24,21,0),MOD($C1710,24)+1)/SUM(INDEX($D$3:$AA$30,INDEX(Jesper!$R$2:$R$366,ROW(INDEX(Jesper!AK$2:AK$366,ROUNDDOWN($C1710/24,0)+1,1))-1)+IF('Standard Profiles'!$G$21=$B$10,7,0)+IF('Standard Profiles'!$G$21=$B$17,14,0)+IF('Standard Profiles'!$G$21=$B$24,21,0),0)),0)</f>
        <v>4.8985147846282118</v>
      </c>
      <c r="H1710" cm="1">
        <f t="array" ref="H1710">IFERROR(INDEX(Jesper!AL$2:AL$366,ROUNDDOWN($C1710/24,0)+1,1)*INDEX($D$3:$AA$30,INDEX(Jesper!$R$2:$R$366,ROW(INDEX(Jesper!AL$2:AL$366,ROUNDDOWN($C1710/24,0)+1,1))-1)+IF('Standard Profiles'!$G$22=$B$10,7,0)+IF('Standard Profiles'!$G$22=$B$17,14,0)+IF('Standard Profiles'!$G$22=$B$24,21,0),MOD($C1710,24)+1)/SUM(INDEX($D$3:$AA$30,INDEX(Jesper!$R$2:$R$366,ROW(INDEX(Jesper!AL$2:AL$366,ROUNDDOWN($C1710/24,0)+1,1))-1)+IF('Standard Profiles'!$G$22=$B$10,7,0)+IF('Standard Profiles'!$G$22=$B$17,14,0)+IF('Standard Profiles'!$G$22=$B$24,21,0),0)),0)</f>
        <v>1.9455918161097916</v>
      </c>
      <c r="I1710">
        <f t="shared" si="202"/>
        <v>1.867768143465401</v>
      </c>
      <c r="J1710">
        <f t="shared" si="203"/>
        <v>12.13180700867114</v>
      </c>
      <c r="K1710">
        <f t="shared" si="204"/>
        <v>0.34512470365084275</v>
      </c>
      <c r="L1710">
        <f t="shared" si="205"/>
        <v>0.17256235182542137</v>
      </c>
      <c r="M1710">
        <f t="shared" si="206"/>
        <v>0</v>
      </c>
      <c r="N1710" s="45">
        <f t="shared" si="207"/>
        <v>44996.833333329268</v>
      </c>
    </row>
    <row r="1711" spans="2:14" x14ac:dyDescent="0.25">
      <c r="B1711">
        <f t="shared" si="201"/>
        <v>6</v>
      </c>
      <c r="C1711" s="16">
        <v>1677</v>
      </c>
      <c r="D1711" cm="1">
        <f t="array" ref="D1711">IFERROR(INDEX(Jesper!AH$2:AH$366,ROUNDDOWN($C1711/24,0)+1,1)*INDEX($D$3:$AA$30,INDEX(Jesper!$R$2:$R$366,ROW(INDEX(Jesper!AH$2:AH$366,ROUNDDOWN($C1711/24,0)+1,1))-1)+IF('Standard Profiles'!$G$18=$B$10,7,0)+IF('Standard Profiles'!$G$18=$B$17,14,0)+IF('Standard Profiles'!$G$18=$B$24,21,0),MOD($C1711,24)+1)/SUM(INDEX($D$3:$AA$30,INDEX(Jesper!$R$2:$R$366,ROW(INDEX(Jesper!AH$2:AH$366,ROUNDDOWN($C1711/24,0)+1,1))-1)+IF('Standard Profiles'!$G$18=$B$10,7,0)+IF('Standard Profiles'!$G$18=$B$17,14,0)+IF('Standard Profiles'!$G$18=$B$24,21,0),0)),0)</f>
        <v>0</v>
      </c>
      <c r="E1711" cm="1">
        <f t="array" ref="E1711">IFERROR(INDEX(Jesper!AI$2:AI$366,ROUNDDOWN($C1711/24,0)+1,1)*INDEX($D$3:$AA$30,INDEX(Jesper!$R$2:$R$366,ROW(INDEX(Jesper!AI$2:AI$366,ROUNDDOWN($C1711/24,0)+1,1))-1)+IF('Standard Profiles'!$G$19=$B$10,7,0)+IF('Standard Profiles'!$G$19=$B$17,14,0)+IF('Standard Profiles'!$G$19=$B$24,21,0),MOD($C1711,24)+1)/SUM(INDEX($D$3:$AA$30,INDEX(Jesper!$R$2:$R$366,ROW(INDEX(Jesper!AI$2:AI$366,ROUNDDOWN($C1711/24,0)+1,1))-1)+IF('Standard Profiles'!$G$19=$B$10,7,0)+IF('Standard Profiles'!$G$19=$B$17,14,0)+IF('Standard Profiles'!$G$19=$B$24,21,0),0)),0)</f>
        <v>4.3140587956355345</v>
      </c>
      <c r="F1711" cm="1">
        <f t="array" ref="F1711">IFERROR(INDEX(Jesper!AJ$2:AJ$366,ROUNDDOWN($C1711/24,0)+1,1)*INDEX($D$3:$AA$30,INDEX(Jesper!$R$2:$R$366,ROW(INDEX(Jesper!AJ$2:AJ$366,ROUNDDOWN($C1711/24,0)+1,1))-1)+IF('Standard Profiles'!$G$20=$B$10,7,0)+IF('Standard Profiles'!$G$20=$B$17,14,0)+IF('Standard Profiles'!$G$20=$B$24,21,0),MOD($C1711,24)+1)/SUM(INDEX($D$3:$AA$30,INDEX(Jesper!$R$2:$R$366,ROW(INDEX(Jesper!AJ$2:AJ$366,ROUNDDOWN($C1711/24,0)+1,1))-1)+IF('Standard Profiles'!$G$20=$B$10,7,0)+IF('Standard Profiles'!$G$20=$B$17,14,0)+IF('Standard Profiles'!$G$20=$B$24,21,0),0)),0)</f>
        <v>3.3590968112392674</v>
      </c>
      <c r="G1711" cm="1">
        <f t="array" ref="G1711">IFERROR(INDEX(Jesper!AK$2:AK$366,ROUNDDOWN($C1711/24,0)+1,1)*INDEX($D$3:$AA$30,INDEX(Jesper!$R$2:$R$366,ROW(INDEX(Jesper!AK$2:AK$366,ROUNDDOWN($C1711/24,0)+1,1))-1)+IF('Standard Profiles'!$G$21=$B$10,7,0)+IF('Standard Profiles'!$G$21=$B$17,14,0)+IF('Standard Profiles'!$G$21=$B$24,21,0),MOD($C1711,24)+1)/SUM(INDEX($D$3:$AA$30,INDEX(Jesper!$R$2:$R$366,ROW(INDEX(Jesper!AK$2:AK$366,ROUNDDOWN($C1711/24,0)+1,1))-1)+IF('Standard Profiles'!$G$21=$B$10,7,0)+IF('Standard Profiles'!$G$21=$B$17,14,0)+IF('Standard Profiles'!$G$21=$B$24,21,0),0)),0)</f>
        <v>4.8985147846282118</v>
      </c>
      <c r="H1711" cm="1">
        <f t="array" ref="H1711">IFERROR(INDEX(Jesper!AL$2:AL$366,ROUNDDOWN($C1711/24,0)+1,1)*INDEX($D$3:$AA$30,INDEX(Jesper!$R$2:$R$366,ROW(INDEX(Jesper!AL$2:AL$366,ROUNDDOWN($C1711/24,0)+1,1))-1)+IF('Standard Profiles'!$G$22=$B$10,7,0)+IF('Standard Profiles'!$G$22=$B$17,14,0)+IF('Standard Profiles'!$G$22=$B$24,21,0),MOD($C1711,24)+1)/SUM(INDEX($D$3:$AA$30,INDEX(Jesper!$R$2:$R$366,ROW(INDEX(Jesper!AL$2:AL$366,ROUNDDOWN($C1711/24,0)+1,1))-1)+IF('Standard Profiles'!$G$22=$B$10,7,0)+IF('Standard Profiles'!$G$22=$B$17,14,0)+IF('Standard Profiles'!$G$22=$B$24,21,0),0)),0)</f>
        <v>1.9455918161097916</v>
      </c>
      <c r="I1711">
        <f t="shared" si="202"/>
        <v>1.867768143465401</v>
      </c>
      <c r="J1711">
        <f t="shared" si="203"/>
        <v>12.13180700867114</v>
      </c>
      <c r="K1711">
        <f t="shared" si="204"/>
        <v>0.34512470365084275</v>
      </c>
      <c r="L1711">
        <f t="shared" si="205"/>
        <v>0.17256235182542137</v>
      </c>
      <c r="M1711">
        <f t="shared" si="206"/>
        <v>0</v>
      </c>
      <c r="N1711" s="45">
        <f t="shared" si="207"/>
        <v>44996.874999995933</v>
      </c>
    </row>
    <row r="1712" spans="2:14" x14ac:dyDescent="0.25">
      <c r="B1712">
        <f t="shared" si="201"/>
        <v>6</v>
      </c>
      <c r="C1712" s="16">
        <v>1678</v>
      </c>
      <c r="D1712" cm="1">
        <f t="array" ref="D1712">IFERROR(INDEX(Jesper!AH$2:AH$366,ROUNDDOWN($C1712/24,0)+1,1)*INDEX($D$3:$AA$30,INDEX(Jesper!$R$2:$R$366,ROW(INDEX(Jesper!AH$2:AH$366,ROUNDDOWN($C1712/24,0)+1,1))-1)+IF('Standard Profiles'!$G$18=$B$10,7,0)+IF('Standard Profiles'!$G$18=$B$17,14,0)+IF('Standard Profiles'!$G$18=$B$24,21,0),MOD($C1712,24)+1)/SUM(INDEX($D$3:$AA$30,INDEX(Jesper!$R$2:$R$366,ROW(INDEX(Jesper!AH$2:AH$366,ROUNDDOWN($C1712/24,0)+1,1))-1)+IF('Standard Profiles'!$G$18=$B$10,7,0)+IF('Standard Profiles'!$G$18=$B$17,14,0)+IF('Standard Profiles'!$G$18=$B$24,21,0),0)),0)</f>
        <v>0</v>
      </c>
      <c r="E1712" cm="1">
        <f t="array" ref="E1712">IFERROR(INDEX(Jesper!AI$2:AI$366,ROUNDDOWN($C1712/24,0)+1,1)*INDEX($D$3:$AA$30,INDEX(Jesper!$R$2:$R$366,ROW(INDEX(Jesper!AI$2:AI$366,ROUNDDOWN($C1712/24,0)+1,1))-1)+IF('Standard Profiles'!$G$19=$B$10,7,0)+IF('Standard Profiles'!$G$19=$B$17,14,0)+IF('Standard Profiles'!$G$19=$B$24,21,0),MOD($C1712,24)+1)/SUM(INDEX($D$3:$AA$30,INDEX(Jesper!$R$2:$R$366,ROW(INDEX(Jesper!AI$2:AI$366,ROUNDDOWN($C1712/24,0)+1,1))-1)+IF('Standard Profiles'!$G$19=$B$10,7,0)+IF('Standard Profiles'!$G$19=$B$17,14,0)+IF('Standard Profiles'!$G$19=$B$24,21,0),0)),0)</f>
        <v>4.3140587956355345</v>
      </c>
      <c r="F1712" cm="1">
        <f t="array" ref="F1712">IFERROR(INDEX(Jesper!AJ$2:AJ$366,ROUNDDOWN($C1712/24,0)+1,1)*INDEX($D$3:$AA$30,INDEX(Jesper!$R$2:$R$366,ROW(INDEX(Jesper!AJ$2:AJ$366,ROUNDDOWN($C1712/24,0)+1,1))-1)+IF('Standard Profiles'!$G$20=$B$10,7,0)+IF('Standard Profiles'!$G$20=$B$17,14,0)+IF('Standard Profiles'!$G$20=$B$24,21,0),MOD($C1712,24)+1)/SUM(INDEX($D$3:$AA$30,INDEX(Jesper!$R$2:$R$366,ROW(INDEX(Jesper!AJ$2:AJ$366,ROUNDDOWN($C1712/24,0)+1,1))-1)+IF('Standard Profiles'!$G$20=$B$10,7,0)+IF('Standard Profiles'!$G$20=$B$17,14,0)+IF('Standard Profiles'!$G$20=$B$24,21,0),0)),0)</f>
        <v>3.3590968112392674</v>
      </c>
      <c r="G1712" cm="1">
        <f t="array" ref="G1712">IFERROR(INDEX(Jesper!AK$2:AK$366,ROUNDDOWN($C1712/24,0)+1,1)*INDEX($D$3:$AA$30,INDEX(Jesper!$R$2:$R$366,ROW(INDEX(Jesper!AK$2:AK$366,ROUNDDOWN($C1712/24,0)+1,1))-1)+IF('Standard Profiles'!$G$21=$B$10,7,0)+IF('Standard Profiles'!$G$21=$B$17,14,0)+IF('Standard Profiles'!$G$21=$B$24,21,0),MOD($C1712,24)+1)/SUM(INDEX($D$3:$AA$30,INDEX(Jesper!$R$2:$R$366,ROW(INDEX(Jesper!AK$2:AK$366,ROUNDDOWN($C1712/24,0)+1,1))-1)+IF('Standard Profiles'!$G$21=$B$10,7,0)+IF('Standard Profiles'!$G$21=$B$17,14,0)+IF('Standard Profiles'!$G$21=$B$24,21,0),0)),0)</f>
        <v>4.8985147846282118</v>
      </c>
      <c r="H1712" cm="1">
        <f t="array" ref="H1712">IFERROR(INDEX(Jesper!AL$2:AL$366,ROUNDDOWN($C1712/24,0)+1,1)*INDEX($D$3:$AA$30,INDEX(Jesper!$R$2:$R$366,ROW(INDEX(Jesper!AL$2:AL$366,ROUNDDOWN($C1712/24,0)+1,1))-1)+IF('Standard Profiles'!$G$22=$B$10,7,0)+IF('Standard Profiles'!$G$22=$B$17,14,0)+IF('Standard Profiles'!$G$22=$B$24,21,0),MOD($C1712,24)+1)/SUM(INDEX($D$3:$AA$30,INDEX(Jesper!$R$2:$R$366,ROW(INDEX(Jesper!AL$2:AL$366,ROUNDDOWN($C1712/24,0)+1,1))-1)+IF('Standard Profiles'!$G$22=$B$10,7,0)+IF('Standard Profiles'!$G$22=$B$17,14,0)+IF('Standard Profiles'!$G$22=$B$24,21,0),0)),0)</f>
        <v>1.9455918161097916</v>
      </c>
      <c r="I1712">
        <f t="shared" si="202"/>
        <v>1.867768143465401</v>
      </c>
      <c r="J1712">
        <f t="shared" si="203"/>
        <v>12.13180700867114</v>
      </c>
      <c r="K1712">
        <f t="shared" si="204"/>
        <v>0.34512470365084275</v>
      </c>
      <c r="L1712">
        <f t="shared" si="205"/>
        <v>0.17256235182542137</v>
      </c>
      <c r="M1712">
        <f t="shared" si="206"/>
        <v>0</v>
      </c>
      <c r="N1712" s="45">
        <f t="shared" si="207"/>
        <v>44996.916666662597</v>
      </c>
    </row>
    <row r="1713" spans="2:14" x14ac:dyDescent="0.25">
      <c r="B1713">
        <f t="shared" si="201"/>
        <v>6</v>
      </c>
      <c r="C1713" s="16">
        <v>1679</v>
      </c>
      <c r="D1713" cm="1">
        <f t="array" ref="D1713">IFERROR(INDEX(Jesper!AH$2:AH$366,ROUNDDOWN($C1713/24,0)+1,1)*INDEX($D$3:$AA$30,INDEX(Jesper!$R$2:$R$366,ROW(INDEX(Jesper!AH$2:AH$366,ROUNDDOWN($C1713/24,0)+1,1))-1)+IF('Standard Profiles'!$G$18=$B$10,7,0)+IF('Standard Profiles'!$G$18=$B$17,14,0)+IF('Standard Profiles'!$G$18=$B$24,21,0),MOD($C1713,24)+1)/SUM(INDEX($D$3:$AA$30,INDEX(Jesper!$R$2:$R$366,ROW(INDEX(Jesper!AH$2:AH$366,ROUNDDOWN($C1713/24,0)+1,1))-1)+IF('Standard Profiles'!$G$18=$B$10,7,0)+IF('Standard Profiles'!$G$18=$B$17,14,0)+IF('Standard Profiles'!$G$18=$B$24,21,0),0)),0)</f>
        <v>0</v>
      </c>
      <c r="E1713" cm="1">
        <f t="array" ref="E1713">IFERROR(INDEX(Jesper!AI$2:AI$366,ROUNDDOWN($C1713/24,0)+1,1)*INDEX($D$3:$AA$30,INDEX(Jesper!$R$2:$R$366,ROW(INDEX(Jesper!AI$2:AI$366,ROUNDDOWN($C1713/24,0)+1,1))-1)+IF('Standard Profiles'!$G$19=$B$10,7,0)+IF('Standard Profiles'!$G$19=$B$17,14,0)+IF('Standard Profiles'!$G$19=$B$24,21,0),MOD($C1713,24)+1)/SUM(INDEX($D$3:$AA$30,INDEX(Jesper!$R$2:$R$366,ROW(INDEX(Jesper!AI$2:AI$366,ROUNDDOWN($C1713/24,0)+1,1))-1)+IF('Standard Profiles'!$G$19=$B$10,7,0)+IF('Standard Profiles'!$G$19=$B$17,14,0)+IF('Standard Profiles'!$G$19=$B$24,21,0),0)),0)</f>
        <v>4.3140587956355345</v>
      </c>
      <c r="F1713" cm="1">
        <f t="array" ref="F1713">IFERROR(INDEX(Jesper!AJ$2:AJ$366,ROUNDDOWN($C1713/24,0)+1,1)*INDEX($D$3:$AA$30,INDEX(Jesper!$R$2:$R$366,ROW(INDEX(Jesper!AJ$2:AJ$366,ROUNDDOWN($C1713/24,0)+1,1))-1)+IF('Standard Profiles'!$G$20=$B$10,7,0)+IF('Standard Profiles'!$G$20=$B$17,14,0)+IF('Standard Profiles'!$G$20=$B$24,21,0),MOD($C1713,24)+1)/SUM(INDEX($D$3:$AA$30,INDEX(Jesper!$R$2:$R$366,ROW(INDEX(Jesper!AJ$2:AJ$366,ROUNDDOWN($C1713/24,0)+1,1))-1)+IF('Standard Profiles'!$G$20=$B$10,7,0)+IF('Standard Profiles'!$G$20=$B$17,14,0)+IF('Standard Profiles'!$G$20=$B$24,21,0),0)),0)</f>
        <v>3.3590968112392674</v>
      </c>
      <c r="G1713" cm="1">
        <f t="array" ref="G1713">IFERROR(INDEX(Jesper!AK$2:AK$366,ROUNDDOWN($C1713/24,0)+1,1)*INDEX($D$3:$AA$30,INDEX(Jesper!$R$2:$R$366,ROW(INDEX(Jesper!AK$2:AK$366,ROUNDDOWN($C1713/24,0)+1,1))-1)+IF('Standard Profiles'!$G$21=$B$10,7,0)+IF('Standard Profiles'!$G$21=$B$17,14,0)+IF('Standard Profiles'!$G$21=$B$24,21,0),MOD($C1713,24)+1)/SUM(INDEX($D$3:$AA$30,INDEX(Jesper!$R$2:$R$366,ROW(INDEX(Jesper!AK$2:AK$366,ROUNDDOWN($C1713/24,0)+1,1))-1)+IF('Standard Profiles'!$G$21=$B$10,7,0)+IF('Standard Profiles'!$G$21=$B$17,14,0)+IF('Standard Profiles'!$G$21=$B$24,21,0),0)),0)</f>
        <v>4.8985147846282118</v>
      </c>
      <c r="H1713" cm="1">
        <f t="array" ref="H1713">IFERROR(INDEX(Jesper!AL$2:AL$366,ROUNDDOWN($C1713/24,0)+1,1)*INDEX($D$3:$AA$30,INDEX(Jesper!$R$2:$R$366,ROW(INDEX(Jesper!AL$2:AL$366,ROUNDDOWN($C1713/24,0)+1,1))-1)+IF('Standard Profiles'!$G$22=$B$10,7,0)+IF('Standard Profiles'!$G$22=$B$17,14,0)+IF('Standard Profiles'!$G$22=$B$24,21,0),MOD($C1713,24)+1)/SUM(INDEX($D$3:$AA$30,INDEX(Jesper!$R$2:$R$366,ROW(INDEX(Jesper!AL$2:AL$366,ROUNDDOWN($C1713/24,0)+1,1))-1)+IF('Standard Profiles'!$G$22=$B$10,7,0)+IF('Standard Profiles'!$G$22=$B$17,14,0)+IF('Standard Profiles'!$G$22=$B$24,21,0),0)),0)</f>
        <v>1.9455918161097916</v>
      </c>
      <c r="I1713">
        <f t="shared" si="202"/>
        <v>1.867768143465401</v>
      </c>
      <c r="J1713">
        <f t="shared" si="203"/>
        <v>12.13180700867114</v>
      </c>
      <c r="K1713">
        <f t="shared" si="204"/>
        <v>0.34512470365084275</v>
      </c>
      <c r="L1713">
        <f t="shared" si="205"/>
        <v>0.17256235182542137</v>
      </c>
      <c r="M1713">
        <f t="shared" si="206"/>
        <v>0</v>
      </c>
      <c r="N1713" s="45">
        <f t="shared" si="207"/>
        <v>44996.958333329261</v>
      </c>
    </row>
    <row r="1714" spans="2:14" x14ac:dyDescent="0.25">
      <c r="B1714">
        <f t="shared" si="201"/>
        <v>7</v>
      </c>
      <c r="C1714" s="16">
        <v>1680</v>
      </c>
      <c r="D1714" cm="1">
        <f t="array" ref="D1714">IFERROR(INDEX(Jesper!AH$2:AH$366,ROUNDDOWN($C1714/24,0)+1,1)*INDEX($D$3:$AA$30,INDEX(Jesper!$R$2:$R$366,ROW(INDEX(Jesper!AH$2:AH$366,ROUNDDOWN($C1714/24,0)+1,1))-1)+IF('Standard Profiles'!$G$18=$B$10,7,0)+IF('Standard Profiles'!$G$18=$B$17,14,0)+IF('Standard Profiles'!$G$18=$B$24,21,0),MOD($C1714,24)+1)/SUM(INDEX($D$3:$AA$30,INDEX(Jesper!$R$2:$R$366,ROW(INDEX(Jesper!AH$2:AH$366,ROUNDDOWN($C1714/24,0)+1,1))-1)+IF('Standard Profiles'!$G$18=$B$10,7,0)+IF('Standard Profiles'!$G$18=$B$17,14,0)+IF('Standard Profiles'!$G$18=$B$24,21,0),0)),0)</f>
        <v>0</v>
      </c>
      <c r="E1714" cm="1">
        <f t="array" ref="E1714">IFERROR(INDEX(Jesper!AI$2:AI$366,ROUNDDOWN($C1714/24,0)+1,1)*INDEX($D$3:$AA$30,INDEX(Jesper!$R$2:$R$366,ROW(INDEX(Jesper!AI$2:AI$366,ROUNDDOWN($C1714/24,0)+1,1))-1)+IF('Standard Profiles'!$G$19=$B$10,7,0)+IF('Standard Profiles'!$G$19=$B$17,14,0)+IF('Standard Profiles'!$G$19=$B$24,21,0),MOD($C1714,24)+1)/SUM(INDEX($D$3:$AA$30,INDEX(Jesper!$R$2:$R$366,ROW(INDEX(Jesper!AI$2:AI$366,ROUNDDOWN($C1714/24,0)+1,1))-1)+IF('Standard Profiles'!$G$19=$B$10,7,0)+IF('Standard Profiles'!$G$19=$B$17,14,0)+IF('Standard Profiles'!$G$19=$B$24,21,0),0)),0)</f>
        <v>4.9858316741334248</v>
      </c>
      <c r="F1714" cm="1">
        <f t="array" ref="F1714">IFERROR(INDEX(Jesper!AJ$2:AJ$366,ROUNDDOWN($C1714/24,0)+1,1)*INDEX($D$3:$AA$30,INDEX(Jesper!$R$2:$R$366,ROW(INDEX(Jesper!AJ$2:AJ$366,ROUNDDOWN($C1714/24,0)+1,1))-1)+IF('Standard Profiles'!$G$20=$B$10,7,0)+IF('Standard Profiles'!$G$20=$B$17,14,0)+IF('Standard Profiles'!$G$20=$B$24,21,0),MOD($C1714,24)+1)/SUM(INDEX($D$3:$AA$30,INDEX(Jesper!$R$2:$R$366,ROW(INDEX(Jesper!AJ$2:AJ$366,ROUNDDOWN($C1714/24,0)+1,1))-1)+IF('Standard Profiles'!$G$20=$B$10,7,0)+IF('Standard Profiles'!$G$20=$B$17,14,0)+IF('Standard Profiles'!$G$20=$B$24,21,0),0)),0)</f>
        <v>4.1892545912909034</v>
      </c>
      <c r="G1714" cm="1">
        <f t="array" ref="G1714">IFERROR(INDEX(Jesper!AK$2:AK$366,ROUNDDOWN($C1714/24,0)+1,1)*INDEX($D$3:$AA$30,INDEX(Jesper!$R$2:$R$366,ROW(INDEX(Jesper!AK$2:AK$366,ROUNDDOWN($C1714/24,0)+1,1))-1)+IF('Standard Profiles'!$G$21=$B$10,7,0)+IF('Standard Profiles'!$G$21=$B$17,14,0)+IF('Standard Profiles'!$G$21=$B$24,21,0),MOD($C1714,24)+1)/SUM(INDEX($D$3:$AA$30,INDEX(Jesper!$R$2:$R$366,ROW(INDEX(Jesper!AK$2:AK$366,ROUNDDOWN($C1714/24,0)+1,1))-1)+IF('Standard Profiles'!$G$21=$B$10,7,0)+IF('Standard Profiles'!$G$21=$B$17,14,0)+IF('Standard Profiles'!$G$21=$B$24,21,0),0)),0)</f>
        <v>6.7541925025290253</v>
      </c>
      <c r="H1714" cm="1">
        <f t="array" ref="H1714">IFERROR(INDEX(Jesper!AL$2:AL$366,ROUNDDOWN($C1714/24,0)+1,1)*INDEX($D$3:$AA$30,INDEX(Jesper!$R$2:$R$366,ROW(INDEX(Jesper!AL$2:AL$366,ROUNDDOWN($C1714/24,0)+1,1))-1)+IF('Standard Profiles'!$G$22=$B$10,7,0)+IF('Standard Profiles'!$G$22=$B$17,14,0)+IF('Standard Profiles'!$G$22=$B$24,21,0),MOD($C1714,24)+1)/SUM(INDEX($D$3:$AA$30,INDEX(Jesper!$R$2:$R$366,ROW(INDEX(Jesper!AL$2:AL$366,ROUNDDOWN($C1714/24,0)+1,1))-1)+IF('Standard Profiles'!$G$22=$B$10,7,0)+IF('Standard Profiles'!$G$22=$B$17,14,0)+IF('Standard Profiles'!$G$22=$B$24,21,0),0)),0)</f>
        <v>3.1868233718596564</v>
      </c>
      <c r="I1714">
        <f t="shared" si="202"/>
        <v>3.0593504369852718</v>
      </c>
      <c r="J1714">
        <f t="shared" si="203"/>
        <v>15.458451901931729</v>
      </c>
      <c r="K1714">
        <f t="shared" si="204"/>
        <v>0.39886653393067401</v>
      </c>
      <c r="L1714">
        <f t="shared" si="205"/>
        <v>0.199433266965337</v>
      </c>
      <c r="M1714">
        <f t="shared" si="206"/>
        <v>0</v>
      </c>
      <c r="N1714" s="45">
        <f t="shared" si="207"/>
        <v>44996.999999995925</v>
      </c>
    </row>
    <row r="1715" spans="2:14" x14ac:dyDescent="0.25">
      <c r="B1715">
        <f t="shared" si="201"/>
        <v>7</v>
      </c>
      <c r="C1715" s="16">
        <v>1681</v>
      </c>
      <c r="D1715" cm="1">
        <f t="array" ref="D1715">IFERROR(INDEX(Jesper!AH$2:AH$366,ROUNDDOWN($C1715/24,0)+1,1)*INDEX($D$3:$AA$30,INDEX(Jesper!$R$2:$R$366,ROW(INDEX(Jesper!AH$2:AH$366,ROUNDDOWN($C1715/24,0)+1,1))-1)+IF('Standard Profiles'!$G$18=$B$10,7,0)+IF('Standard Profiles'!$G$18=$B$17,14,0)+IF('Standard Profiles'!$G$18=$B$24,21,0),MOD($C1715,24)+1)/SUM(INDEX($D$3:$AA$30,INDEX(Jesper!$R$2:$R$366,ROW(INDEX(Jesper!AH$2:AH$366,ROUNDDOWN($C1715/24,0)+1,1))-1)+IF('Standard Profiles'!$G$18=$B$10,7,0)+IF('Standard Profiles'!$G$18=$B$17,14,0)+IF('Standard Profiles'!$G$18=$B$24,21,0),0)),0)</f>
        <v>0</v>
      </c>
      <c r="E1715" cm="1">
        <f t="array" ref="E1715">IFERROR(INDEX(Jesper!AI$2:AI$366,ROUNDDOWN($C1715/24,0)+1,1)*INDEX($D$3:$AA$30,INDEX(Jesper!$R$2:$R$366,ROW(INDEX(Jesper!AI$2:AI$366,ROUNDDOWN($C1715/24,0)+1,1))-1)+IF('Standard Profiles'!$G$19=$B$10,7,0)+IF('Standard Profiles'!$G$19=$B$17,14,0)+IF('Standard Profiles'!$G$19=$B$24,21,0),MOD($C1715,24)+1)/SUM(INDEX($D$3:$AA$30,INDEX(Jesper!$R$2:$R$366,ROW(INDEX(Jesper!AI$2:AI$366,ROUNDDOWN($C1715/24,0)+1,1))-1)+IF('Standard Profiles'!$G$19=$B$10,7,0)+IF('Standard Profiles'!$G$19=$B$17,14,0)+IF('Standard Profiles'!$G$19=$B$24,21,0),0)),0)</f>
        <v>4.9858316741334248</v>
      </c>
      <c r="F1715" cm="1">
        <f t="array" ref="F1715">IFERROR(INDEX(Jesper!AJ$2:AJ$366,ROUNDDOWN($C1715/24,0)+1,1)*INDEX($D$3:$AA$30,INDEX(Jesper!$R$2:$R$366,ROW(INDEX(Jesper!AJ$2:AJ$366,ROUNDDOWN($C1715/24,0)+1,1))-1)+IF('Standard Profiles'!$G$20=$B$10,7,0)+IF('Standard Profiles'!$G$20=$B$17,14,0)+IF('Standard Profiles'!$G$20=$B$24,21,0),MOD($C1715,24)+1)/SUM(INDEX($D$3:$AA$30,INDEX(Jesper!$R$2:$R$366,ROW(INDEX(Jesper!AJ$2:AJ$366,ROUNDDOWN($C1715/24,0)+1,1))-1)+IF('Standard Profiles'!$G$20=$B$10,7,0)+IF('Standard Profiles'!$G$20=$B$17,14,0)+IF('Standard Profiles'!$G$20=$B$24,21,0),0)),0)</f>
        <v>4.1892545912909034</v>
      </c>
      <c r="G1715" cm="1">
        <f t="array" ref="G1715">IFERROR(INDEX(Jesper!AK$2:AK$366,ROUNDDOWN($C1715/24,0)+1,1)*INDEX($D$3:$AA$30,INDEX(Jesper!$R$2:$R$366,ROW(INDEX(Jesper!AK$2:AK$366,ROUNDDOWN($C1715/24,0)+1,1))-1)+IF('Standard Profiles'!$G$21=$B$10,7,0)+IF('Standard Profiles'!$G$21=$B$17,14,0)+IF('Standard Profiles'!$G$21=$B$24,21,0),MOD($C1715,24)+1)/SUM(INDEX($D$3:$AA$30,INDEX(Jesper!$R$2:$R$366,ROW(INDEX(Jesper!AK$2:AK$366,ROUNDDOWN($C1715/24,0)+1,1))-1)+IF('Standard Profiles'!$G$21=$B$10,7,0)+IF('Standard Profiles'!$G$21=$B$17,14,0)+IF('Standard Profiles'!$G$21=$B$24,21,0),0)),0)</f>
        <v>6.7541925025290253</v>
      </c>
      <c r="H1715" cm="1">
        <f t="array" ref="H1715">IFERROR(INDEX(Jesper!AL$2:AL$366,ROUNDDOWN($C1715/24,0)+1,1)*INDEX($D$3:$AA$30,INDEX(Jesper!$R$2:$R$366,ROW(INDEX(Jesper!AL$2:AL$366,ROUNDDOWN($C1715/24,0)+1,1))-1)+IF('Standard Profiles'!$G$22=$B$10,7,0)+IF('Standard Profiles'!$G$22=$B$17,14,0)+IF('Standard Profiles'!$G$22=$B$24,21,0),MOD($C1715,24)+1)/SUM(INDEX($D$3:$AA$30,INDEX(Jesper!$R$2:$R$366,ROW(INDEX(Jesper!AL$2:AL$366,ROUNDDOWN($C1715/24,0)+1,1))-1)+IF('Standard Profiles'!$G$22=$B$10,7,0)+IF('Standard Profiles'!$G$22=$B$17,14,0)+IF('Standard Profiles'!$G$22=$B$24,21,0),0)),0)</f>
        <v>3.7008271415144396</v>
      </c>
      <c r="I1715">
        <f t="shared" si="202"/>
        <v>3.5527940558538638</v>
      </c>
      <c r="J1715">
        <f t="shared" si="203"/>
        <v>15.47901205271792</v>
      </c>
      <c r="K1715">
        <f t="shared" si="204"/>
        <v>0.39886653393067401</v>
      </c>
      <c r="L1715">
        <f t="shared" si="205"/>
        <v>0.199433266965337</v>
      </c>
      <c r="M1715">
        <f t="shared" si="206"/>
        <v>0</v>
      </c>
      <c r="N1715" s="45">
        <f t="shared" si="207"/>
        <v>44997.04166666259</v>
      </c>
    </row>
    <row r="1716" spans="2:14" x14ac:dyDescent="0.25">
      <c r="B1716">
        <f t="shared" si="201"/>
        <v>7</v>
      </c>
      <c r="C1716" s="16">
        <v>1682</v>
      </c>
      <c r="D1716" cm="1">
        <f t="array" ref="D1716">IFERROR(INDEX(Jesper!AH$2:AH$366,ROUNDDOWN($C1716/24,0)+1,1)*INDEX($D$3:$AA$30,INDEX(Jesper!$R$2:$R$366,ROW(INDEX(Jesper!AH$2:AH$366,ROUNDDOWN($C1716/24,0)+1,1))-1)+IF('Standard Profiles'!$G$18=$B$10,7,0)+IF('Standard Profiles'!$G$18=$B$17,14,0)+IF('Standard Profiles'!$G$18=$B$24,21,0),MOD($C1716,24)+1)/SUM(INDEX($D$3:$AA$30,INDEX(Jesper!$R$2:$R$366,ROW(INDEX(Jesper!AH$2:AH$366,ROUNDDOWN($C1716/24,0)+1,1))-1)+IF('Standard Profiles'!$G$18=$B$10,7,0)+IF('Standard Profiles'!$G$18=$B$17,14,0)+IF('Standard Profiles'!$G$18=$B$24,21,0),0)),0)</f>
        <v>0</v>
      </c>
      <c r="E1716" cm="1">
        <f t="array" ref="E1716">IFERROR(INDEX(Jesper!AI$2:AI$366,ROUNDDOWN($C1716/24,0)+1,1)*INDEX($D$3:$AA$30,INDEX(Jesper!$R$2:$R$366,ROW(INDEX(Jesper!AI$2:AI$366,ROUNDDOWN($C1716/24,0)+1,1))-1)+IF('Standard Profiles'!$G$19=$B$10,7,0)+IF('Standard Profiles'!$G$19=$B$17,14,0)+IF('Standard Profiles'!$G$19=$B$24,21,0),MOD($C1716,24)+1)/SUM(INDEX($D$3:$AA$30,INDEX(Jesper!$R$2:$R$366,ROW(INDEX(Jesper!AI$2:AI$366,ROUNDDOWN($C1716/24,0)+1,1))-1)+IF('Standard Profiles'!$G$19=$B$10,7,0)+IF('Standard Profiles'!$G$19=$B$17,14,0)+IF('Standard Profiles'!$G$19=$B$24,21,0),0)),0)</f>
        <v>4.9858316741334248</v>
      </c>
      <c r="F1716" cm="1">
        <f t="array" ref="F1716">IFERROR(INDEX(Jesper!AJ$2:AJ$366,ROUNDDOWN($C1716/24,0)+1,1)*INDEX($D$3:$AA$30,INDEX(Jesper!$R$2:$R$366,ROW(INDEX(Jesper!AJ$2:AJ$366,ROUNDDOWN($C1716/24,0)+1,1))-1)+IF('Standard Profiles'!$G$20=$B$10,7,0)+IF('Standard Profiles'!$G$20=$B$17,14,0)+IF('Standard Profiles'!$G$20=$B$24,21,0),MOD($C1716,24)+1)/SUM(INDEX($D$3:$AA$30,INDEX(Jesper!$R$2:$R$366,ROW(INDEX(Jesper!AJ$2:AJ$366,ROUNDDOWN($C1716/24,0)+1,1))-1)+IF('Standard Profiles'!$G$20=$B$10,7,0)+IF('Standard Profiles'!$G$20=$B$17,14,0)+IF('Standard Profiles'!$G$20=$B$24,21,0),0)),0)</f>
        <v>4.1892545912909034</v>
      </c>
      <c r="G1716" cm="1">
        <f t="array" ref="G1716">IFERROR(INDEX(Jesper!AK$2:AK$366,ROUNDDOWN($C1716/24,0)+1,1)*INDEX($D$3:$AA$30,INDEX(Jesper!$R$2:$R$366,ROW(INDEX(Jesper!AK$2:AK$366,ROUNDDOWN($C1716/24,0)+1,1))-1)+IF('Standard Profiles'!$G$21=$B$10,7,0)+IF('Standard Profiles'!$G$21=$B$17,14,0)+IF('Standard Profiles'!$G$21=$B$24,21,0),MOD($C1716,24)+1)/SUM(INDEX($D$3:$AA$30,INDEX(Jesper!$R$2:$R$366,ROW(INDEX(Jesper!AK$2:AK$366,ROUNDDOWN($C1716/24,0)+1,1))-1)+IF('Standard Profiles'!$G$21=$B$10,7,0)+IF('Standard Profiles'!$G$21=$B$17,14,0)+IF('Standard Profiles'!$G$21=$B$24,21,0),0)),0)</f>
        <v>6.7541925025290253</v>
      </c>
      <c r="H1716" cm="1">
        <f t="array" ref="H1716">IFERROR(INDEX(Jesper!AL$2:AL$366,ROUNDDOWN($C1716/24,0)+1,1)*INDEX($D$3:$AA$30,INDEX(Jesper!$R$2:$R$366,ROW(INDEX(Jesper!AL$2:AL$366,ROUNDDOWN($C1716/24,0)+1,1))-1)+IF('Standard Profiles'!$G$22=$B$10,7,0)+IF('Standard Profiles'!$G$22=$B$17,14,0)+IF('Standard Profiles'!$G$22=$B$24,21,0),MOD($C1716,24)+1)/SUM(INDEX($D$3:$AA$30,INDEX(Jesper!$R$2:$R$366,ROW(INDEX(Jesper!AL$2:AL$366,ROUNDDOWN($C1716/24,0)+1,1))-1)+IF('Standard Profiles'!$G$22=$B$10,7,0)+IF('Standard Profiles'!$G$22=$B$17,14,0)+IF('Standard Profiles'!$G$22=$B$24,21,0),0)),0)</f>
        <v>3.7008271415144396</v>
      </c>
      <c r="I1716">
        <f t="shared" si="202"/>
        <v>3.5527940558538638</v>
      </c>
      <c r="J1716">
        <f t="shared" si="203"/>
        <v>15.47901205271792</v>
      </c>
      <c r="K1716">
        <f t="shared" si="204"/>
        <v>0.39886653393067401</v>
      </c>
      <c r="L1716">
        <f t="shared" si="205"/>
        <v>0.199433266965337</v>
      </c>
      <c r="M1716">
        <f t="shared" si="206"/>
        <v>0</v>
      </c>
      <c r="N1716" s="45">
        <f t="shared" si="207"/>
        <v>44997.083333329254</v>
      </c>
    </row>
    <row r="1717" spans="2:14" x14ac:dyDescent="0.25">
      <c r="B1717">
        <f t="shared" si="201"/>
        <v>7</v>
      </c>
      <c r="C1717" s="16">
        <v>1683</v>
      </c>
      <c r="D1717" cm="1">
        <f t="array" ref="D1717">IFERROR(INDEX(Jesper!AH$2:AH$366,ROUNDDOWN($C1717/24,0)+1,1)*INDEX($D$3:$AA$30,INDEX(Jesper!$R$2:$R$366,ROW(INDEX(Jesper!AH$2:AH$366,ROUNDDOWN($C1717/24,0)+1,1))-1)+IF('Standard Profiles'!$G$18=$B$10,7,0)+IF('Standard Profiles'!$G$18=$B$17,14,0)+IF('Standard Profiles'!$G$18=$B$24,21,0),MOD($C1717,24)+1)/SUM(INDEX($D$3:$AA$30,INDEX(Jesper!$R$2:$R$366,ROW(INDEX(Jesper!AH$2:AH$366,ROUNDDOWN($C1717/24,0)+1,1))-1)+IF('Standard Profiles'!$G$18=$B$10,7,0)+IF('Standard Profiles'!$G$18=$B$17,14,0)+IF('Standard Profiles'!$G$18=$B$24,21,0),0)),0)</f>
        <v>0</v>
      </c>
      <c r="E1717" cm="1">
        <f t="array" ref="E1717">IFERROR(INDEX(Jesper!AI$2:AI$366,ROUNDDOWN($C1717/24,0)+1,1)*INDEX($D$3:$AA$30,INDEX(Jesper!$R$2:$R$366,ROW(INDEX(Jesper!AI$2:AI$366,ROUNDDOWN($C1717/24,0)+1,1))-1)+IF('Standard Profiles'!$G$19=$B$10,7,0)+IF('Standard Profiles'!$G$19=$B$17,14,0)+IF('Standard Profiles'!$G$19=$B$24,21,0),MOD($C1717,24)+1)/SUM(INDEX($D$3:$AA$30,INDEX(Jesper!$R$2:$R$366,ROW(INDEX(Jesper!AI$2:AI$366,ROUNDDOWN($C1717/24,0)+1,1))-1)+IF('Standard Profiles'!$G$19=$B$10,7,0)+IF('Standard Profiles'!$G$19=$B$17,14,0)+IF('Standard Profiles'!$G$19=$B$24,21,0),0)),0)</f>
        <v>4.9858316741334248</v>
      </c>
      <c r="F1717" cm="1">
        <f t="array" ref="F1717">IFERROR(INDEX(Jesper!AJ$2:AJ$366,ROUNDDOWN($C1717/24,0)+1,1)*INDEX($D$3:$AA$30,INDEX(Jesper!$R$2:$R$366,ROW(INDEX(Jesper!AJ$2:AJ$366,ROUNDDOWN($C1717/24,0)+1,1))-1)+IF('Standard Profiles'!$G$20=$B$10,7,0)+IF('Standard Profiles'!$G$20=$B$17,14,0)+IF('Standard Profiles'!$G$20=$B$24,21,0),MOD($C1717,24)+1)/SUM(INDEX($D$3:$AA$30,INDEX(Jesper!$R$2:$R$366,ROW(INDEX(Jesper!AJ$2:AJ$366,ROUNDDOWN($C1717/24,0)+1,1))-1)+IF('Standard Profiles'!$G$20=$B$10,7,0)+IF('Standard Profiles'!$G$20=$B$17,14,0)+IF('Standard Profiles'!$G$20=$B$24,21,0),0)),0)</f>
        <v>4.1892545912909034</v>
      </c>
      <c r="G1717" cm="1">
        <f t="array" ref="G1717">IFERROR(INDEX(Jesper!AK$2:AK$366,ROUNDDOWN($C1717/24,0)+1,1)*INDEX($D$3:$AA$30,INDEX(Jesper!$R$2:$R$366,ROW(INDEX(Jesper!AK$2:AK$366,ROUNDDOWN($C1717/24,0)+1,1))-1)+IF('Standard Profiles'!$G$21=$B$10,7,0)+IF('Standard Profiles'!$G$21=$B$17,14,0)+IF('Standard Profiles'!$G$21=$B$24,21,0),MOD($C1717,24)+1)/SUM(INDEX($D$3:$AA$30,INDEX(Jesper!$R$2:$R$366,ROW(INDEX(Jesper!AK$2:AK$366,ROUNDDOWN($C1717/24,0)+1,1))-1)+IF('Standard Profiles'!$G$21=$B$10,7,0)+IF('Standard Profiles'!$G$21=$B$17,14,0)+IF('Standard Profiles'!$G$21=$B$24,21,0),0)),0)</f>
        <v>6.7541925025290253</v>
      </c>
      <c r="H1717" cm="1">
        <f t="array" ref="H1717">IFERROR(INDEX(Jesper!AL$2:AL$366,ROUNDDOWN($C1717/24,0)+1,1)*INDEX($D$3:$AA$30,INDEX(Jesper!$R$2:$R$366,ROW(INDEX(Jesper!AL$2:AL$366,ROUNDDOWN($C1717/24,0)+1,1))-1)+IF('Standard Profiles'!$G$22=$B$10,7,0)+IF('Standard Profiles'!$G$22=$B$17,14,0)+IF('Standard Profiles'!$G$22=$B$24,21,0),MOD($C1717,24)+1)/SUM(INDEX($D$3:$AA$30,INDEX(Jesper!$R$2:$R$366,ROW(INDEX(Jesper!AL$2:AL$366,ROUNDDOWN($C1717/24,0)+1,1))-1)+IF('Standard Profiles'!$G$22=$B$10,7,0)+IF('Standard Profiles'!$G$22=$B$17,14,0)+IF('Standard Profiles'!$G$22=$B$24,21,0),0)),0)</f>
        <v>3.7008271415144396</v>
      </c>
      <c r="I1717">
        <f t="shared" si="202"/>
        <v>3.5527940558538638</v>
      </c>
      <c r="J1717">
        <f t="shared" si="203"/>
        <v>15.47901205271792</v>
      </c>
      <c r="K1717">
        <f t="shared" si="204"/>
        <v>0.39886653393067401</v>
      </c>
      <c r="L1717">
        <f t="shared" si="205"/>
        <v>0.199433266965337</v>
      </c>
      <c r="M1717">
        <f t="shared" si="206"/>
        <v>0</v>
      </c>
      <c r="N1717" s="45">
        <f t="shared" si="207"/>
        <v>44997.124999995918</v>
      </c>
    </row>
    <row r="1718" spans="2:14" x14ac:dyDescent="0.25">
      <c r="B1718">
        <f t="shared" si="201"/>
        <v>7</v>
      </c>
      <c r="C1718" s="16">
        <v>1684</v>
      </c>
      <c r="D1718" cm="1">
        <f t="array" ref="D1718">IFERROR(INDEX(Jesper!AH$2:AH$366,ROUNDDOWN($C1718/24,0)+1,1)*INDEX($D$3:$AA$30,INDEX(Jesper!$R$2:$R$366,ROW(INDEX(Jesper!AH$2:AH$366,ROUNDDOWN($C1718/24,0)+1,1))-1)+IF('Standard Profiles'!$G$18=$B$10,7,0)+IF('Standard Profiles'!$G$18=$B$17,14,0)+IF('Standard Profiles'!$G$18=$B$24,21,0),MOD($C1718,24)+1)/SUM(INDEX($D$3:$AA$30,INDEX(Jesper!$R$2:$R$366,ROW(INDEX(Jesper!AH$2:AH$366,ROUNDDOWN($C1718/24,0)+1,1))-1)+IF('Standard Profiles'!$G$18=$B$10,7,0)+IF('Standard Profiles'!$G$18=$B$17,14,0)+IF('Standard Profiles'!$G$18=$B$24,21,0),0)),0)</f>
        <v>0</v>
      </c>
      <c r="E1718" cm="1">
        <f t="array" ref="E1718">IFERROR(INDEX(Jesper!AI$2:AI$366,ROUNDDOWN($C1718/24,0)+1,1)*INDEX($D$3:$AA$30,INDEX(Jesper!$R$2:$R$366,ROW(INDEX(Jesper!AI$2:AI$366,ROUNDDOWN($C1718/24,0)+1,1))-1)+IF('Standard Profiles'!$G$19=$B$10,7,0)+IF('Standard Profiles'!$G$19=$B$17,14,0)+IF('Standard Profiles'!$G$19=$B$24,21,0),MOD($C1718,24)+1)/SUM(INDEX($D$3:$AA$30,INDEX(Jesper!$R$2:$R$366,ROW(INDEX(Jesper!AI$2:AI$366,ROUNDDOWN($C1718/24,0)+1,1))-1)+IF('Standard Profiles'!$G$19=$B$10,7,0)+IF('Standard Profiles'!$G$19=$B$17,14,0)+IF('Standard Profiles'!$G$19=$B$24,21,0),0)),0)</f>
        <v>4.9858316741334248</v>
      </c>
      <c r="F1718" cm="1">
        <f t="array" ref="F1718">IFERROR(INDEX(Jesper!AJ$2:AJ$366,ROUNDDOWN($C1718/24,0)+1,1)*INDEX($D$3:$AA$30,INDEX(Jesper!$R$2:$R$366,ROW(INDEX(Jesper!AJ$2:AJ$366,ROUNDDOWN($C1718/24,0)+1,1))-1)+IF('Standard Profiles'!$G$20=$B$10,7,0)+IF('Standard Profiles'!$G$20=$B$17,14,0)+IF('Standard Profiles'!$G$20=$B$24,21,0),MOD($C1718,24)+1)/SUM(INDEX($D$3:$AA$30,INDEX(Jesper!$R$2:$R$366,ROW(INDEX(Jesper!AJ$2:AJ$366,ROUNDDOWN($C1718/24,0)+1,1))-1)+IF('Standard Profiles'!$G$20=$B$10,7,0)+IF('Standard Profiles'!$G$20=$B$17,14,0)+IF('Standard Profiles'!$G$20=$B$24,21,0),0)),0)</f>
        <v>4.1892545912909034</v>
      </c>
      <c r="G1718" cm="1">
        <f t="array" ref="G1718">IFERROR(INDEX(Jesper!AK$2:AK$366,ROUNDDOWN($C1718/24,0)+1,1)*INDEX($D$3:$AA$30,INDEX(Jesper!$R$2:$R$366,ROW(INDEX(Jesper!AK$2:AK$366,ROUNDDOWN($C1718/24,0)+1,1))-1)+IF('Standard Profiles'!$G$21=$B$10,7,0)+IF('Standard Profiles'!$G$21=$B$17,14,0)+IF('Standard Profiles'!$G$21=$B$24,21,0),MOD($C1718,24)+1)/SUM(INDEX($D$3:$AA$30,INDEX(Jesper!$R$2:$R$366,ROW(INDEX(Jesper!AK$2:AK$366,ROUNDDOWN($C1718/24,0)+1,1))-1)+IF('Standard Profiles'!$G$21=$B$10,7,0)+IF('Standard Profiles'!$G$21=$B$17,14,0)+IF('Standard Profiles'!$G$21=$B$24,21,0),0)),0)</f>
        <v>6.7541925025290253</v>
      </c>
      <c r="H1718" cm="1">
        <f t="array" ref="H1718">IFERROR(INDEX(Jesper!AL$2:AL$366,ROUNDDOWN($C1718/24,0)+1,1)*INDEX($D$3:$AA$30,INDEX(Jesper!$R$2:$R$366,ROW(INDEX(Jesper!AL$2:AL$366,ROUNDDOWN($C1718/24,0)+1,1))-1)+IF('Standard Profiles'!$G$22=$B$10,7,0)+IF('Standard Profiles'!$G$22=$B$17,14,0)+IF('Standard Profiles'!$G$22=$B$24,21,0),MOD($C1718,24)+1)/SUM(INDEX($D$3:$AA$30,INDEX(Jesper!$R$2:$R$366,ROW(INDEX(Jesper!AL$2:AL$366,ROUNDDOWN($C1718/24,0)+1,1))-1)+IF('Standard Profiles'!$G$22=$B$10,7,0)+IF('Standard Profiles'!$G$22=$B$17,14,0)+IF('Standard Profiles'!$G$22=$B$24,21,0),0)),0)</f>
        <v>3.7008271415144396</v>
      </c>
      <c r="I1718">
        <f t="shared" si="202"/>
        <v>3.5527940558538638</v>
      </c>
      <c r="J1718">
        <f t="shared" si="203"/>
        <v>15.47901205271792</v>
      </c>
      <c r="K1718">
        <f t="shared" si="204"/>
        <v>0.39886653393067401</v>
      </c>
      <c r="L1718">
        <f t="shared" si="205"/>
        <v>0.199433266965337</v>
      </c>
      <c r="M1718">
        <f t="shared" si="206"/>
        <v>0</v>
      </c>
      <c r="N1718" s="45">
        <f t="shared" si="207"/>
        <v>44997.166666662582</v>
      </c>
    </row>
    <row r="1719" spans="2:14" x14ac:dyDescent="0.25">
      <c r="B1719">
        <f t="shared" si="201"/>
        <v>7</v>
      </c>
      <c r="C1719" s="16">
        <v>1685</v>
      </c>
      <c r="D1719" cm="1">
        <f t="array" ref="D1719">IFERROR(INDEX(Jesper!AH$2:AH$366,ROUNDDOWN($C1719/24,0)+1,1)*INDEX($D$3:$AA$30,INDEX(Jesper!$R$2:$R$366,ROW(INDEX(Jesper!AH$2:AH$366,ROUNDDOWN($C1719/24,0)+1,1))-1)+IF('Standard Profiles'!$G$18=$B$10,7,0)+IF('Standard Profiles'!$G$18=$B$17,14,0)+IF('Standard Profiles'!$G$18=$B$24,21,0),MOD($C1719,24)+1)/SUM(INDEX($D$3:$AA$30,INDEX(Jesper!$R$2:$R$366,ROW(INDEX(Jesper!AH$2:AH$366,ROUNDDOWN($C1719/24,0)+1,1))-1)+IF('Standard Profiles'!$G$18=$B$10,7,0)+IF('Standard Profiles'!$G$18=$B$17,14,0)+IF('Standard Profiles'!$G$18=$B$24,21,0),0)),0)</f>
        <v>0</v>
      </c>
      <c r="E1719" cm="1">
        <f t="array" ref="E1719">IFERROR(INDEX(Jesper!AI$2:AI$366,ROUNDDOWN($C1719/24,0)+1,1)*INDEX($D$3:$AA$30,INDEX(Jesper!$R$2:$R$366,ROW(INDEX(Jesper!AI$2:AI$366,ROUNDDOWN($C1719/24,0)+1,1))-1)+IF('Standard Profiles'!$G$19=$B$10,7,0)+IF('Standard Profiles'!$G$19=$B$17,14,0)+IF('Standard Profiles'!$G$19=$B$24,21,0),MOD($C1719,24)+1)/SUM(INDEX($D$3:$AA$30,INDEX(Jesper!$R$2:$R$366,ROW(INDEX(Jesper!AI$2:AI$366,ROUNDDOWN($C1719/24,0)+1,1))-1)+IF('Standard Profiles'!$G$19=$B$10,7,0)+IF('Standard Profiles'!$G$19=$B$17,14,0)+IF('Standard Profiles'!$G$19=$B$24,21,0),0)),0)</f>
        <v>4.9858316741334248</v>
      </c>
      <c r="F1719" cm="1">
        <f t="array" ref="F1719">IFERROR(INDEX(Jesper!AJ$2:AJ$366,ROUNDDOWN($C1719/24,0)+1,1)*INDEX($D$3:$AA$30,INDEX(Jesper!$R$2:$R$366,ROW(INDEX(Jesper!AJ$2:AJ$366,ROUNDDOWN($C1719/24,0)+1,1))-1)+IF('Standard Profiles'!$G$20=$B$10,7,0)+IF('Standard Profiles'!$G$20=$B$17,14,0)+IF('Standard Profiles'!$G$20=$B$24,21,0),MOD($C1719,24)+1)/SUM(INDEX($D$3:$AA$30,INDEX(Jesper!$R$2:$R$366,ROW(INDEX(Jesper!AJ$2:AJ$366,ROUNDDOWN($C1719/24,0)+1,1))-1)+IF('Standard Profiles'!$G$20=$B$10,7,0)+IF('Standard Profiles'!$G$20=$B$17,14,0)+IF('Standard Profiles'!$G$20=$B$24,21,0),0)),0)</f>
        <v>4.1892545912909034</v>
      </c>
      <c r="G1719" cm="1">
        <f t="array" ref="G1719">IFERROR(INDEX(Jesper!AK$2:AK$366,ROUNDDOWN($C1719/24,0)+1,1)*INDEX($D$3:$AA$30,INDEX(Jesper!$R$2:$R$366,ROW(INDEX(Jesper!AK$2:AK$366,ROUNDDOWN($C1719/24,0)+1,1))-1)+IF('Standard Profiles'!$G$21=$B$10,7,0)+IF('Standard Profiles'!$G$21=$B$17,14,0)+IF('Standard Profiles'!$G$21=$B$24,21,0),MOD($C1719,24)+1)/SUM(INDEX($D$3:$AA$30,INDEX(Jesper!$R$2:$R$366,ROW(INDEX(Jesper!AK$2:AK$366,ROUNDDOWN($C1719/24,0)+1,1))-1)+IF('Standard Profiles'!$G$21=$B$10,7,0)+IF('Standard Profiles'!$G$21=$B$17,14,0)+IF('Standard Profiles'!$G$21=$B$24,21,0),0)),0)</f>
        <v>6.7541925025290253</v>
      </c>
      <c r="H1719" cm="1">
        <f t="array" ref="H1719">IFERROR(INDEX(Jesper!AL$2:AL$366,ROUNDDOWN($C1719/24,0)+1,1)*INDEX($D$3:$AA$30,INDEX(Jesper!$R$2:$R$366,ROW(INDEX(Jesper!AL$2:AL$366,ROUNDDOWN($C1719/24,0)+1,1))-1)+IF('Standard Profiles'!$G$22=$B$10,7,0)+IF('Standard Profiles'!$G$22=$B$17,14,0)+IF('Standard Profiles'!$G$22=$B$24,21,0),MOD($C1719,24)+1)/SUM(INDEX($D$3:$AA$30,INDEX(Jesper!$R$2:$R$366,ROW(INDEX(Jesper!AL$2:AL$366,ROUNDDOWN($C1719/24,0)+1,1))-1)+IF('Standard Profiles'!$G$22=$B$10,7,0)+IF('Standard Profiles'!$G$22=$B$17,14,0)+IF('Standard Profiles'!$G$22=$B$24,21,0),0)),0)</f>
        <v>4.626033926893049</v>
      </c>
      <c r="I1719">
        <f t="shared" si="202"/>
        <v>4.4409925698173298</v>
      </c>
      <c r="J1719">
        <f t="shared" si="203"/>
        <v>15.516020324133065</v>
      </c>
      <c r="K1719">
        <f t="shared" si="204"/>
        <v>0.39886653393067401</v>
      </c>
      <c r="L1719">
        <f t="shared" si="205"/>
        <v>0.199433266965337</v>
      </c>
      <c r="M1719">
        <f t="shared" si="206"/>
        <v>0</v>
      </c>
      <c r="N1719" s="45">
        <f t="shared" si="207"/>
        <v>44997.208333329247</v>
      </c>
    </row>
    <row r="1720" spans="2:14" x14ac:dyDescent="0.25">
      <c r="B1720">
        <f t="shared" si="201"/>
        <v>7</v>
      </c>
      <c r="C1720" s="16">
        <v>1686</v>
      </c>
      <c r="D1720" cm="1">
        <f t="array" ref="D1720">IFERROR(INDEX(Jesper!AH$2:AH$366,ROUNDDOWN($C1720/24,0)+1,1)*INDEX($D$3:$AA$30,INDEX(Jesper!$R$2:$R$366,ROW(INDEX(Jesper!AH$2:AH$366,ROUNDDOWN($C1720/24,0)+1,1))-1)+IF('Standard Profiles'!$G$18=$B$10,7,0)+IF('Standard Profiles'!$G$18=$B$17,14,0)+IF('Standard Profiles'!$G$18=$B$24,21,0),MOD($C1720,24)+1)/SUM(INDEX($D$3:$AA$30,INDEX(Jesper!$R$2:$R$366,ROW(INDEX(Jesper!AH$2:AH$366,ROUNDDOWN($C1720/24,0)+1,1))-1)+IF('Standard Profiles'!$G$18=$B$10,7,0)+IF('Standard Profiles'!$G$18=$B$17,14,0)+IF('Standard Profiles'!$G$18=$B$24,21,0),0)),0)</f>
        <v>0</v>
      </c>
      <c r="E1720" cm="1">
        <f t="array" ref="E1720">IFERROR(INDEX(Jesper!AI$2:AI$366,ROUNDDOWN($C1720/24,0)+1,1)*INDEX($D$3:$AA$30,INDEX(Jesper!$R$2:$R$366,ROW(INDEX(Jesper!AI$2:AI$366,ROUNDDOWN($C1720/24,0)+1,1))-1)+IF('Standard Profiles'!$G$19=$B$10,7,0)+IF('Standard Profiles'!$G$19=$B$17,14,0)+IF('Standard Profiles'!$G$19=$B$24,21,0),MOD($C1720,24)+1)/SUM(INDEX($D$3:$AA$30,INDEX(Jesper!$R$2:$R$366,ROW(INDEX(Jesper!AI$2:AI$366,ROUNDDOWN($C1720/24,0)+1,1))-1)+IF('Standard Profiles'!$G$19=$B$10,7,0)+IF('Standard Profiles'!$G$19=$B$17,14,0)+IF('Standard Profiles'!$G$19=$B$24,21,0),0)),0)</f>
        <v>4.9858316741334248</v>
      </c>
      <c r="F1720" cm="1">
        <f t="array" ref="F1720">IFERROR(INDEX(Jesper!AJ$2:AJ$366,ROUNDDOWN($C1720/24,0)+1,1)*INDEX($D$3:$AA$30,INDEX(Jesper!$R$2:$R$366,ROW(INDEX(Jesper!AJ$2:AJ$366,ROUNDDOWN($C1720/24,0)+1,1))-1)+IF('Standard Profiles'!$G$20=$B$10,7,0)+IF('Standard Profiles'!$G$20=$B$17,14,0)+IF('Standard Profiles'!$G$20=$B$24,21,0),MOD($C1720,24)+1)/SUM(INDEX($D$3:$AA$30,INDEX(Jesper!$R$2:$R$366,ROW(INDEX(Jesper!AJ$2:AJ$366,ROUNDDOWN($C1720/24,0)+1,1))-1)+IF('Standard Profiles'!$G$20=$B$10,7,0)+IF('Standard Profiles'!$G$20=$B$17,14,0)+IF('Standard Profiles'!$G$20=$B$24,21,0),0)),0)</f>
        <v>4.1892545912909034</v>
      </c>
      <c r="G1720" cm="1">
        <f t="array" ref="G1720">IFERROR(INDEX(Jesper!AK$2:AK$366,ROUNDDOWN($C1720/24,0)+1,1)*INDEX($D$3:$AA$30,INDEX(Jesper!$R$2:$R$366,ROW(INDEX(Jesper!AK$2:AK$366,ROUNDDOWN($C1720/24,0)+1,1))-1)+IF('Standard Profiles'!$G$21=$B$10,7,0)+IF('Standard Profiles'!$G$21=$B$17,14,0)+IF('Standard Profiles'!$G$21=$B$24,21,0),MOD($C1720,24)+1)/SUM(INDEX($D$3:$AA$30,INDEX(Jesper!$R$2:$R$366,ROW(INDEX(Jesper!AK$2:AK$366,ROUNDDOWN($C1720/24,0)+1,1))-1)+IF('Standard Profiles'!$G$21=$B$10,7,0)+IF('Standard Profiles'!$G$21=$B$17,14,0)+IF('Standard Profiles'!$G$21=$B$24,21,0),0)),0)</f>
        <v>6.7541925025290253</v>
      </c>
      <c r="H1720" cm="1">
        <f t="array" ref="H1720">IFERROR(INDEX(Jesper!AL$2:AL$366,ROUNDDOWN($C1720/24,0)+1,1)*INDEX($D$3:$AA$30,INDEX(Jesper!$R$2:$R$366,ROW(INDEX(Jesper!AL$2:AL$366,ROUNDDOWN($C1720/24,0)+1,1))-1)+IF('Standard Profiles'!$G$22=$B$10,7,0)+IF('Standard Profiles'!$G$22=$B$17,14,0)+IF('Standard Profiles'!$G$22=$B$24,21,0),MOD($C1720,24)+1)/SUM(INDEX($D$3:$AA$30,INDEX(Jesper!$R$2:$R$366,ROW(INDEX(Jesper!AL$2:AL$366,ROUNDDOWN($C1720/24,0)+1,1))-1)+IF('Standard Profiles'!$G$22=$B$10,7,0)+IF('Standard Profiles'!$G$22=$B$17,14,0)+IF('Standard Profiles'!$G$22=$B$24,21,0),0)),0)</f>
        <v>5.4484399583407033</v>
      </c>
      <c r="I1720">
        <f t="shared" si="202"/>
        <v>5.2305023600070779</v>
      </c>
      <c r="J1720">
        <f t="shared" si="203"/>
        <v>15.54891656539097</v>
      </c>
      <c r="K1720">
        <f t="shared" si="204"/>
        <v>0.39886653393067401</v>
      </c>
      <c r="L1720">
        <f t="shared" si="205"/>
        <v>0.199433266965337</v>
      </c>
      <c r="M1720">
        <f t="shared" si="206"/>
        <v>0</v>
      </c>
      <c r="N1720" s="45">
        <f t="shared" si="207"/>
        <v>44997.249999995911</v>
      </c>
    </row>
    <row r="1721" spans="2:14" x14ac:dyDescent="0.25">
      <c r="B1721">
        <f t="shared" si="201"/>
        <v>7</v>
      </c>
      <c r="C1721" s="16">
        <v>1687</v>
      </c>
      <c r="D1721" cm="1">
        <f t="array" ref="D1721">IFERROR(INDEX(Jesper!AH$2:AH$366,ROUNDDOWN($C1721/24,0)+1,1)*INDEX($D$3:$AA$30,INDEX(Jesper!$R$2:$R$366,ROW(INDEX(Jesper!AH$2:AH$366,ROUNDDOWN($C1721/24,0)+1,1))-1)+IF('Standard Profiles'!$G$18=$B$10,7,0)+IF('Standard Profiles'!$G$18=$B$17,14,0)+IF('Standard Profiles'!$G$18=$B$24,21,0),MOD($C1721,24)+1)/SUM(INDEX($D$3:$AA$30,INDEX(Jesper!$R$2:$R$366,ROW(INDEX(Jesper!AH$2:AH$366,ROUNDDOWN($C1721/24,0)+1,1))-1)+IF('Standard Profiles'!$G$18=$B$10,7,0)+IF('Standard Profiles'!$G$18=$B$17,14,0)+IF('Standard Profiles'!$G$18=$B$24,21,0),0)),0)</f>
        <v>0</v>
      </c>
      <c r="E1721" cm="1">
        <f t="array" ref="E1721">IFERROR(INDEX(Jesper!AI$2:AI$366,ROUNDDOWN($C1721/24,0)+1,1)*INDEX($D$3:$AA$30,INDEX(Jesper!$R$2:$R$366,ROW(INDEX(Jesper!AI$2:AI$366,ROUNDDOWN($C1721/24,0)+1,1))-1)+IF('Standard Profiles'!$G$19=$B$10,7,0)+IF('Standard Profiles'!$G$19=$B$17,14,0)+IF('Standard Profiles'!$G$19=$B$24,21,0),MOD($C1721,24)+1)/SUM(INDEX($D$3:$AA$30,INDEX(Jesper!$R$2:$R$366,ROW(INDEX(Jesper!AI$2:AI$366,ROUNDDOWN($C1721/24,0)+1,1))-1)+IF('Standard Profiles'!$G$19=$B$10,7,0)+IF('Standard Profiles'!$G$19=$B$17,14,0)+IF('Standard Profiles'!$G$19=$B$24,21,0),0)),0)</f>
        <v>4.9858316741334248</v>
      </c>
      <c r="F1721" cm="1">
        <f t="array" ref="F1721">IFERROR(INDEX(Jesper!AJ$2:AJ$366,ROUNDDOWN($C1721/24,0)+1,1)*INDEX($D$3:$AA$30,INDEX(Jesper!$R$2:$R$366,ROW(INDEX(Jesper!AJ$2:AJ$366,ROUNDDOWN($C1721/24,0)+1,1))-1)+IF('Standard Profiles'!$G$20=$B$10,7,0)+IF('Standard Profiles'!$G$20=$B$17,14,0)+IF('Standard Profiles'!$G$20=$B$24,21,0),MOD($C1721,24)+1)/SUM(INDEX($D$3:$AA$30,INDEX(Jesper!$R$2:$R$366,ROW(INDEX(Jesper!AJ$2:AJ$366,ROUNDDOWN($C1721/24,0)+1,1))-1)+IF('Standard Profiles'!$G$20=$B$10,7,0)+IF('Standard Profiles'!$G$20=$B$17,14,0)+IF('Standard Profiles'!$G$20=$B$24,21,0),0)),0)</f>
        <v>4.1892545912909034</v>
      </c>
      <c r="G1721" cm="1">
        <f t="array" ref="G1721">IFERROR(INDEX(Jesper!AK$2:AK$366,ROUNDDOWN($C1721/24,0)+1,1)*INDEX($D$3:$AA$30,INDEX(Jesper!$R$2:$R$366,ROW(INDEX(Jesper!AK$2:AK$366,ROUNDDOWN($C1721/24,0)+1,1))-1)+IF('Standard Profiles'!$G$21=$B$10,7,0)+IF('Standard Profiles'!$G$21=$B$17,14,0)+IF('Standard Profiles'!$G$21=$B$24,21,0),MOD($C1721,24)+1)/SUM(INDEX($D$3:$AA$30,INDEX(Jesper!$R$2:$R$366,ROW(INDEX(Jesper!AK$2:AK$366,ROUNDDOWN($C1721/24,0)+1,1))-1)+IF('Standard Profiles'!$G$21=$B$10,7,0)+IF('Standard Profiles'!$G$21=$B$17,14,0)+IF('Standard Profiles'!$G$21=$B$24,21,0),0)),0)</f>
        <v>6.7541925025290253</v>
      </c>
      <c r="H1721" cm="1">
        <f t="array" ref="H1721">IFERROR(INDEX(Jesper!AL$2:AL$366,ROUNDDOWN($C1721/24,0)+1,1)*INDEX($D$3:$AA$30,INDEX(Jesper!$R$2:$R$366,ROW(INDEX(Jesper!AL$2:AL$366,ROUNDDOWN($C1721/24,0)+1,1))-1)+IF('Standard Profiles'!$G$22=$B$10,7,0)+IF('Standard Profiles'!$G$22=$B$17,14,0)+IF('Standard Profiles'!$G$22=$B$24,21,0),MOD($C1721,24)+1)/SUM(INDEX($D$3:$AA$30,INDEX(Jesper!$R$2:$R$366,ROW(INDEX(Jesper!AL$2:AL$366,ROUNDDOWN($C1721/24,0)+1,1))-1)+IF('Standard Profiles'!$G$22=$B$10,7,0)+IF('Standard Profiles'!$G$22=$B$17,14,0)+IF('Standard Profiles'!$G$22=$B$24,21,0),0)),0)</f>
        <v>6.4764474976502697</v>
      </c>
      <c r="I1721">
        <f t="shared" si="202"/>
        <v>6.2173895977442619</v>
      </c>
      <c r="J1721">
        <f t="shared" si="203"/>
        <v>15.590036866963352</v>
      </c>
      <c r="K1721">
        <f t="shared" si="204"/>
        <v>0.39886653393067401</v>
      </c>
      <c r="L1721">
        <f t="shared" si="205"/>
        <v>0.199433266965337</v>
      </c>
      <c r="M1721">
        <f t="shared" si="206"/>
        <v>0</v>
      </c>
      <c r="N1721" s="45">
        <f t="shared" si="207"/>
        <v>44997.291666662575</v>
      </c>
    </row>
    <row r="1722" spans="2:14" x14ac:dyDescent="0.25">
      <c r="B1722">
        <f t="shared" si="201"/>
        <v>7</v>
      </c>
      <c r="C1722" s="16">
        <v>1688</v>
      </c>
      <c r="D1722" cm="1">
        <f t="array" ref="D1722">IFERROR(INDEX(Jesper!AH$2:AH$366,ROUNDDOWN($C1722/24,0)+1,1)*INDEX($D$3:$AA$30,INDEX(Jesper!$R$2:$R$366,ROW(INDEX(Jesper!AH$2:AH$366,ROUNDDOWN($C1722/24,0)+1,1))-1)+IF('Standard Profiles'!$G$18=$B$10,7,0)+IF('Standard Profiles'!$G$18=$B$17,14,0)+IF('Standard Profiles'!$G$18=$B$24,21,0),MOD($C1722,24)+1)/SUM(INDEX($D$3:$AA$30,INDEX(Jesper!$R$2:$R$366,ROW(INDEX(Jesper!AH$2:AH$366,ROUNDDOWN($C1722/24,0)+1,1))-1)+IF('Standard Profiles'!$G$18=$B$10,7,0)+IF('Standard Profiles'!$G$18=$B$17,14,0)+IF('Standard Profiles'!$G$18=$B$24,21,0),0)),0)</f>
        <v>0</v>
      </c>
      <c r="E1722" cm="1">
        <f t="array" ref="E1722">IFERROR(INDEX(Jesper!AI$2:AI$366,ROUNDDOWN($C1722/24,0)+1,1)*INDEX($D$3:$AA$30,INDEX(Jesper!$R$2:$R$366,ROW(INDEX(Jesper!AI$2:AI$366,ROUNDDOWN($C1722/24,0)+1,1))-1)+IF('Standard Profiles'!$G$19=$B$10,7,0)+IF('Standard Profiles'!$G$19=$B$17,14,0)+IF('Standard Profiles'!$G$19=$B$24,21,0),MOD($C1722,24)+1)/SUM(INDEX($D$3:$AA$30,INDEX(Jesper!$R$2:$R$366,ROW(INDEX(Jesper!AI$2:AI$366,ROUNDDOWN($C1722/24,0)+1,1))-1)+IF('Standard Profiles'!$G$19=$B$10,7,0)+IF('Standard Profiles'!$G$19=$B$17,14,0)+IF('Standard Profiles'!$G$19=$B$24,21,0),0)),0)</f>
        <v>4.9858316741334248</v>
      </c>
      <c r="F1722" cm="1">
        <f t="array" ref="F1722">IFERROR(INDEX(Jesper!AJ$2:AJ$366,ROUNDDOWN($C1722/24,0)+1,1)*INDEX($D$3:$AA$30,INDEX(Jesper!$R$2:$R$366,ROW(INDEX(Jesper!AJ$2:AJ$366,ROUNDDOWN($C1722/24,0)+1,1))-1)+IF('Standard Profiles'!$G$20=$B$10,7,0)+IF('Standard Profiles'!$G$20=$B$17,14,0)+IF('Standard Profiles'!$G$20=$B$24,21,0),MOD($C1722,24)+1)/SUM(INDEX($D$3:$AA$30,INDEX(Jesper!$R$2:$R$366,ROW(INDEX(Jesper!AJ$2:AJ$366,ROUNDDOWN($C1722/24,0)+1,1))-1)+IF('Standard Profiles'!$G$20=$B$10,7,0)+IF('Standard Profiles'!$G$20=$B$17,14,0)+IF('Standard Profiles'!$G$20=$B$24,21,0),0)),0)</f>
        <v>4.1892545912909034</v>
      </c>
      <c r="G1722" cm="1">
        <f t="array" ref="G1722">IFERROR(INDEX(Jesper!AK$2:AK$366,ROUNDDOWN($C1722/24,0)+1,1)*INDEX($D$3:$AA$30,INDEX(Jesper!$R$2:$R$366,ROW(INDEX(Jesper!AK$2:AK$366,ROUNDDOWN($C1722/24,0)+1,1))-1)+IF('Standard Profiles'!$G$21=$B$10,7,0)+IF('Standard Profiles'!$G$21=$B$17,14,0)+IF('Standard Profiles'!$G$21=$B$24,21,0),MOD($C1722,24)+1)/SUM(INDEX($D$3:$AA$30,INDEX(Jesper!$R$2:$R$366,ROW(INDEX(Jesper!AK$2:AK$366,ROUNDDOWN($C1722/24,0)+1,1))-1)+IF('Standard Profiles'!$G$21=$B$10,7,0)+IF('Standard Profiles'!$G$21=$B$17,14,0)+IF('Standard Profiles'!$G$21=$B$24,21,0),0)),0)</f>
        <v>6.7541925025290253</v>
      </c>
      <c r="H1722" cm="1">
        <f t="array" ref="H1722">IFERROR(INDEX(Jesper!AL$2:AL$366,ROUNDDOWN($C1722/24,0)+1,1)*INDEX($D$3:$AA$30,INDEX(Jesper!$R$2:$R$366,ROW(INDEX(Jesper!AL$2:AL$366,ROUNDDOWN($C1722/24,0)+1,1))-1)+IF('Standard Profiles'!$G$22=$B$10,7,0)+IF('Standard Profiles'!$G$22=$B$17,14,0)+IF('Standard Profiles'!$G$22=$B$24,21,0),MOD($C1722,24)+1)/SUM(INDEX($D$3:$AA$30,INDEX(Jesper!$R$2:$R$366,ROW(INDEX(Jesper!AL$2:AL$366,ROUNDDOWN($C1722/24,0)+1,1))-1)+IF('Standard Profiles'!$G$22=$B$10,7,0)+IF('Standard Profiles'!$G$22=$B$17,14,0)+IF('Standard Profiles'!$G$22=$B$24,21,0),0)),0)</f>
        <v>6.4764474976502697</v>
      </c>
      <c r="I1722">
        <f t="shared" si="202"/>
        <v>6.2173895977442619</v>
      </c>
      <c r="J1722">
        <f t="shared" si="203"/>
        <v>15.590036866963352</v>
      </c>
      <c r="K1722">
        <f t="shared" si="204"/>
        <v>0.39886653393067401</v>
      </c>
      <c r="L1722">
        <f t="shared" si="205"/>
        <v>0.199433266965337</v>
      </c>
      <c r="M1722">
        <f t="shared" si="206"/>
        <v>0</v>
      </c>
      <c r="N1722" s="45">
        <f t="shared" si="207"/>
        <v>44997.333333329239</v>
      </c>
    </row>
    <row r="1723" spans="2:14" x14ac:dyDescent="0.25">
      <c r="B1723">
        <f t="shared" si="201"/>
        <v>7</v>
      </c>
      <c r="C1723" s="16">
        <v>1689</v>
      </c>
      <c r="D1723" cm="1">
        <f t="array" ref="D1723">IFERROR(INDEX(Jesper!AH$2:AH$366,ROUNDDOWN($C1723/24,0)+1,1)*INDEX($D$3:$AA$30,INDEX(Jesper!$R$2:$R$366,ROW(INDEX(Jesper!AH$2:AH$366,ROUNDDOWN($C1723/24,0)+1,1))-1)+IF('Standard Profiles'!$G$18=$B$10,7,0)+IF('Standard Profiles'!$G$18=$B$17,14,0)+IF('Standard Profiles'!$G$18=$B$24,21,0),MOD($C1723,24)+1)/SUM(INDEX($D$3:$AA$30,INDEX(Jesper!$R$2:$R$366,ROW(INDEX(Jesper!AH$2:AH$366,ROUNDDOWN($C1723/24,0)+1,1))-1)+IF('Standard Profiles'!$G$18=$B$10,7,0)+IF('Standard Profiles'!$G$18=$B$17,14,0)+IF('Standard Profiles'!$G$18=$B$24,21,0),0)),0)</f>
        <v>0</v>
      </c>
      <c r="E1723" cm="1">
        <f t="array" ref="E1723">IFERROR(INDEX(Jesper!AI$2:AI$366,ROUNDDOWN($C1723/24,0)+1,1)*INDEX($D$3:$AA$30,INDEX(Jesper!$R$2:$R$366,ROW(INDEX(Jesper!AI$2:AI$366,ROUNDDOWN($C1723/24,0)+1,1))-1)+IF('Standard Profiles'!$G$19=$B$10,7,0)+IF('Standard Profiles'!$G$19=$B$17,14,0)+IF('Standard Profiles'!$G$19=$B$24,21,0),MOD($C1723,24)+1)/SUM(INDEX($D$3:$AA$30,INDEX(Jesper!$R$2:$R$366,ROW(INDEX(Jesper!AI$2:AI$366,ROUNDDOWN($C1723/24,0)+1,1))-1)+IF('Standard Profiles'!$G$19=$B$10,7,0)+IF('Standard Profiles'!$G$19=$B$17,14,0)+IF('Standard Profiles'!$G$19=$B$24,21,0),0)),0)</f>
        <v>4.9858316741334248</v>
      </c>
      <c r="F1723" cm="1">
        <f t="array" ref="F1723">IFERROR(INDEX(Jesper!AJ$2:AJ$366,ROUNDDOWN($C1723/24,0)+1,1)*INDEX($D$3:$AA$30,INDEX(Jesper!$R$2:$R$366,ROW(INDEX(Jesper!AJ$2:AJ$366,ROUNDDOWN($C1723/24,0)+1,1))-1)+IF('Standard Profiles'!$G$20=$B$10,7,0)+IF('Standard Profiles'!$G$20=$B$17,14,0)+IF('Standard Profiles'!$G$20=$B$24,21,0),MOD($C1723,24)+1)/SUM(INDEX($D$3:$AA$30,INDEX(Jesper!$R$2:$R$366,ROW(INDEX(Jesper!AJ$2:AJ$366,ROUNDDOWN($C1723/24,0)+1,1))-1)+IF('Standard Profiles'!$G$20=$B$10,7,0)+IF('Standard Profiles'!$G$20=$B$17,14,0)+IF('Standard Profiles'!$G$20=$B$24,21,0),0)),0)</f>
        <v>4.1892545912909034</v>
      </c>
      <c r="G1723" cm="1">
        <f t="array" ref="G1723">IFERROR(INDEX(Jesper!AK$2:AK$366,ROUNDDOWN($C1723/24,0)+1,1)*INDEX($D$3:$AA$30,INDEX(Jesper!$R$2:$R$366,ROW(INDEX(Jesper!AK$2:AK$366,ROUNDDOWN($C1723/24,0)+1,1))-1)+IF('Standard Profiles'!$G$21=$B$10,7,0)+IF('Standard Profiles'!$G$21=$B$17,14,0)+IF('Standard Profiles'!$G$21=$B$24,21,0),MOD($C1723,24)+1)/SUM(INDEX($D$3:$AA$30,INDEX(Jesper!$R$2:$R$366,ROW(INDEX(Jesper!AK$2:AK$366,ROUNDDOWN($C1723/24,0)+1,1))-1)+IF('Standard Profiles'!$G$21=$B$10,7,0)+IF('Standard Profiles'!$G$21=$B$17,14,0)+IF('Standard Profiles'!$G$21=$B$24,21,0),0)),0)</f>
        <v>6.7541925025290253</v>
      </c>
      <c r="H1723" cm="1">
        <f t="array" ref="H1723">IFERROR(INDEX(Jesper!AL$2:AL$366,ROUNDDOWN($C1723/24,0)+1,1)*INDEX($D$3:$AA$30,INDEX(Jesper!$R$2:$R$366,ROW(INDEX(Jesper!AL$2:AL$366,ROUNDDOWN($C1723/24,0)+1,1))-1)+IF('Standard Profiles'!$G$22=$B$10,7,0)+IF('Standard Profiles'!$G$22=$B$17,14,0)+IF('Standard Profiles'!$G$22=$B$24,21,0),MOD($C1723,24)+1)/SUM(INDEX($D$3:$AA$30,INDEX(Jesper!$R$2:$R$366,ROW(INDEX(Jesper!AL$2:AL$366,ROUNDDOWN($C1723/24,0)+1,1))-1)+IF('Standard Profiles'!$G$22=$B$10,7,0)+IF('Standard Profiles'!$G$22=$B$17,14,0)+IF('Standard Profiles'!$G$22=$B$24,21,0),0)),0)</f>
        <v>6.4764474976502697</v>
      </c>
      <c r="I1723">
        <f t="shared" si="202"/>
        <v>6.2173895977442619</v>
      </c>
      <c r="J1723">
        <f t="shared" si="203"/>
        <v>15.590036866963352</v>
      </c>
      <c r="K1723">
        <f t="shared" si="204"/>
        <v>0.39886653393067401</v>
      </c>
      <c r="L1723">
        <f t="shared" si="205"/>
        <v>0.199433266965337</v>
      </c>
      <c r="M1723">
        <f t="shared" si="206"/>
        <v>0</v>
      </c>
      <c r="N1723" s="45">
        <f t="shared" si="207"/>
        <v>44997.374999995904</v>
      </c>
    </row>
    <row r="1724" spans="2:14" x14ac:dyDescent="0.25">
      <c r="B1724">
        <f t="shared" si="201"/>
        <v>7</v>
      </c>
      <c r="C1724" s="16">
        <v>1690</v>
      </c>
      <c r="D1724" cm="1">
        <f t="array" ref="D1724">IFERROR(INDEX(Jesper!AH$2:AH$366,ROUNDDOWN($C1724/24,0)+1,1)*INDEX($D$3:$AA$30,INDEX(Jesper!$R$2:$R$366,ROW(INDEX(Jesper!AH$2:AH$366,ROUNDDOWN($C1724/24,0)+1,1))-1)+IF('Standard Profiles'!$G$18=$B$10,7,0)+IF('Standard Profiles'!$G$18=$B$17,14,0)+IF('Standard Profiles'!$G$18=$B$24,21,0),MOD($C1724,24)+1)/SUM(INDEX($D$3:$AA$30,INDEX(Jesper!$R$2:$R$366,ROW(INDEX(Jesper!AH$2:AH$366,ROUNDDOWN($C1724/24,0)+1,1))-1)+IF('Standard Profiles'!$G$18=$B$10,7,0)+IF('Standard Profiles'!$G$18=$B$17,14,0)+IF('Standard Profiles'!$G$18=$B$24,21,0),0)),0)</f>
        <v>0</v>
      </c>
      <c r="E1724" cm="1">
        <f t="array" ref="E1724">IFERROR(INDEX(Jesper!AI$2:AI$366,ROUNDDOWN($C1724/24,0)+1,1)*INDEX($D$3:$AA$30,INDEX(Jesper!$R$2:$R$366,ROW(INDEX(Jesper!AI$2:AI$366,ROUNDDOWN($C1724/24,0)+1,1))-1)+IF('Standard Profiles'!$G$19=$B$10,7,0)+IF('Standard Profiles'!$G$19=$B$17,14,0)+IF('Standard Profiles'!$G$19=$B$24,21,0),MOD($C1724,24)+1)/SUM(INDEX($D$3:$AA$30,INDEX(Jesper!$R$2:$R$366,ROW(INDEX(Jesper!AI$2:AI$366,ROUNDDOWN($C1724/24,0)+1,1))-1)+IF('Standard Profiles'!$G$19=$B$10,7,0)+IF('Standard Profiles'!$G$19=$B$17,14,0)+IF('Standard Profiles'!$G$19=$B$24,21,0),0)),0)</f>
        <v>4.9858316741334248</v>
      </c>
      <c r="F1724" cm="1">
        <f t="array" ref="F1724">IFERROR(INDEX(Jesper!AJ$2:AJ$366,ROUNDDOWN($C1724/24,0)+1,1)*INDEX($D$3:$AA$30,INDEX(Jesper!$R$2:$R$366,ROW(INDEX(Jesper!AJ$2:AJ$366,ROUNDDOWN($C1724/24,0)+1,1))-1)+IF('Standard Profiles'!$G$20=$B$10,7,0)+IF('Standard Profiles'!$G$20=$B$17,14,0)+IF('Standard Profiles'!$G$20=$B$24,21,0),MOD($C1724,24)+1)/SUM(INDEX($D$3:$AA$30,INDEX(Jesper!$R$2:$R$366,ROW(INDEX(Jesper!AJ$2:AJ$366,ROUNDDOWN($C1724/24,0)+1,1))-1)+IF('Standard Profiles'!$G$20=$B$10,7,0)+IF('Standard Profiles'!$G$20=$B$17,14,0)+IF('Standard Profiles'!$G$20=$B$24,21,0),0)),0)</f>
        <v>4.1892545912909034</v>
      </c>
      <c r="G1724" cm="1">
        <f t="array" ref="G1724">IFERROR(INDEX(Jesper!AK$2:AK$366,ROUNDDOWN($C1724/24,0)+1,1)*INDEX($D$3:$AA$30,INDEX(Jesper!$R$2:$R$366,ROW(INDEX(Jesper!AK$2:AK$366,ROUNDDOWN($C1724/24,0)+1,1))-1)+IF('Standard Profiles'!$G$21=$B$10,7,0)+IF('Standard Profiles'!$G$21=$B$17,14,0)+IF('Standard Profiles'!$G$21=$B$24,21,0),MOD($C1724,24)+1)/SUM(INDEX($D$3:$AA$30,INDEX(Jesper!$R$2:$R$366,ROW(INDEX(Jesper!AK$2:AK$366,ROUNDDOWN($C1724/24,0)+1,1))-1)+IF('Standard Profiles'!$G$21=$B$10,7,0)+IF('Standard Profiles'!$G$21=$B$17,14,0)+IF('Standard Profiles'!$G$21=$B$24,21,0),0)),0)</f>
        <v>6.7541925025290253</v>
      </c>
      <c r="H1724" cm="1">
        <f t="array" ref="H1724">IFERROR(INDEX(Jesper!AL$2:AL$366,ROUNDDOWN($C1724/24,0)+1,1)*INDEX($D$3:$AA$30,INDEX(Jesper!$R$2:$R$366,ROW(INDEX(Jesper!AL$2:AL$366,ROUNDDOWN($C1724/24,0)+1,1))-1)+IF('Standard Profiles'!$G$22=$B$10,7,0)+IF('Standard Profiles'!$G$22=$B$17,14,0)+IF('Standard Profiles'!$G$22=$B$24,21,0),MOD($C1724,24)+1)/SUM(INDEX($D$3:$AA$30,INDEX(Jesper!$R$2:$R$366,ROW(INDEX(Jesper!AL$2:AL$366,ROUNDDOWN($C1724/24,0)+1,1))-1)+IF('Standard Profiles'!$G$22=$B$10,7,0)+IF('Standard Profiles'!$G$22=$B$17,14,0)+IF('Standard Profiles'!$G$22=$B$24,21,0),0)),0)</f>
        <v>6.4764474976502697</v>
      </c>
      <c r="I1724">
        <f t="shared" si="202"/>
        <v>6.2173895977442619</v>
      </c>
      <c r="J1724">
        <f t="shared" si="203"/>
        <v>15.590036866963352</v>
      </c>
      <c r="K1724">
        <f t="shared" si="204"/>
        <v>0.39886653393067401</v>
      </c>
      <c r="L1724">
        <f t="shared" si="205"/>
        <v>0.199433266965337</v>
      </c>
      <c r="M1724">
        <f t="shared" si="206"/>
        <v>0</v>
      </c>
      <c r="N1724" s="45">
        <f t="shared" si="207"/>
        <v>44997.416666662568</v>
      </c>
    </row>
    <row r="1725" spans="2:14" x14ac:dyDescent="0.25">
      <c r="B1725">
        <f t="shared" si="201"/>
        <v>7</v>
      </c>
      <c r="C1725" s="16">
        <v>1691</v>
      </c>
      <c r="D1725" cm="1">
        <f t="array" ref="D1725">IFERROR(INDEX(Jesper!AH$2:AH$366,ROUNDDOWN($C1725/24,0)+1,1)*INDEX($D$3:$AA$30,INDEX(Jesper!$R$2:$R$366,ROW(INDEX(Jesper!AH$2:AH$366,ROUNDDOWN($C1725/24,0)+1,1))-1)+IF('Standard Profiles'!$G$18=$B$10,7,0)+IF('Standard Profiles'!$G$18=$B$17,14,0)+IF('Standard Profiles'!$G$18=$B$24,21,0),MOD($C1725,24)+1)/SUM(INDEX($D$3:$AA$30,INDEX(Jesper!$R$2:$R$366,ROW(INDEX(Jesper!AH$2:AH$366,ROUNDDOWN($C1725/24,0)+1,1))-1)+IF('Standard Profiles'!$G$18=$B$10,7,0)+IF('Standard Profiles'!$G$18=$B$17,14,0)+IF('Standard Profiles'!$G$18=$B$24,21,0),0)),0)</f>
        <v>0</v>
      </c>
      <c r="E1725" cm="1">
        <f t="array" ref="E1725">IFERROR(INDEX(Jesper!AI$2:AI$366,ROUNDDOWN($C1725/24,0)+1,1)*INDEX($D$3:$AA$30,INDEX(Jesper!$R$2:$R$366,ROW(INDEX(Jesper!AI$2:AI$366,ROUNDDOWN($C1725/24,0)+1,1))-1)+IF('Standard Profiles'!$G$19=$B$10,7,0)+IF('Standard Profiles'!$G$19=$B$17,14,0)+IF('Standard Profiles'!$G$19=$B$24,21,0),MOD($C1725,24)+1)/SUM(INDEX($D$3:$AA$30,INDEX(Jesper!$R$2:$R$366,ROW(INDEX(Jesper!AI$2:AI$366,ROUNDDOWN($C1725/24,0)+1,1))-1)+IF('Standard Profiles'!$G$19=$B$10,7,0)+IF('Standard Profiles'!$G$19=$B$17,14,0)+IF('Standard Profiles'!$G$19=$B$24,21,0),0)),0)</f>
        <v>4.9858316741334248</v>
      </c>
      <c r="F1725" cm="1">
        <f t="array" ref="F1725">IFERROR(INDEX(Jesper!AJ$2:AJ$366,ROUNDDOWN($C1725/24,0)+1,1)*INDEX($D$3:$AA$30,INDEX(Jesper!$R$2:$R$366,ROW(INDEX(Jesper!AJ$2:AJ$366,ROUNDDOWN($C1725/24,0)+1,1))-1)+IF('Standard Profiles'!$G$20=$B$10,7,0)+IF('Standard Profiles'!$G$20=$B$17,14,0)+IF('Standard Profiles'!$G$20=$B$24,21,0),MOD($C1725,24)+1)/SUM(INDEX($D$3:$AA$30,INDEX(Jesper!$R$2:$R$366,ROW(INDEX(Jesper!AJ$2:AJ$366,ROUNDDOWN($C1725/24,0)+1,1))-1)+IF('Standard Profiles'!$G$20=$B$10,7,0)+IF('Standard Profiles'!$G$20=$B$17,14,0)+IF('Standard Profiles'!$G$20=$B$24,21,0),0)),0)</f>
        <v>4.1892545912909034</v>
      </c>
      <c r="G1725" cm="1">
        <f t="array" ref="G1725">IFERROR(INDEX(Jesper!AK$2:AK$366,ROUNDDOWN($C1725/24,0)+1,1)*INDEX($D$3:$AA$30,INDEX(Jesper!$R$2:$R$366,ROW(INDEX(Jesper!AK$2:AK$366,ROUNDDOWN($C1725/24,0)+1,1))-1)+IF('Standard Profiles'!$G$21=$B$10,7,0)+IF('Standard Profiles'!$G$21=$B$17,14,0)+IF('Standard Profiles'!$G$21=$B$24,21,0),MOD($C1725,24)+1)/SUM(INDEX($D$3:$AA$30,INDEX(Jesper!$R$2:$R$366,ROW(INDEX(Jesper!AK$2:AK$366,ROUNDDOWN($C1725/24,0)+1,1))-1)+IF('Standard Profiles'!$G$21=$B$10,7,0)+IF('Standard Profiles'!$G$21=$B$17,14,0)+IF('Standard Profiles'!$G$21=$B$24,21,0),0)),0)</f>
        <v>6.7541925025290253</v>
      </c>
      <c r="H1725" cm="1">
        <f t="array" ref="H1725">IFERROR(INDEX(Jesper!AL$2:AL$366,ROUNDDOWN($C1725/24,0)+1,1)*INDEX($D$3:$AA$30,INDEX(Jesper!$R$2:$R$366,ROW(INDEX(Jesper!AL$2:AL$366,ROUNDDOWN($C1725/24,0)+1,1))-1)+IF('Standard Profiles'!$G$22=$B$10,7,0)+IF('Standard Profiles'!$G$22=$B$17,14,0)+IF('Standard Profiles'!$G$22=$B$24,21,0),MOD($C1725,24)+1)/SUM(INDEX($D$3:$AA$30,INDEX(Jesper!$R$2:$R$366,ROW(INDEX(Jesper!AL$2:AL$366,ROUNDDOWN($C1725/24,0)+1,1))-1)+IF('Standard Profiles'!$G$22=$B$10,7,0)+IF('Standard Profiles'!$G$22=$B$17,14,0)+IF('Standard Profiles'!$G$22=$B$24,21,0),0)),0)</f>
        <v>6.4764474976502697</v>
      </c>
      <c r="I1725">
        <f t="shared" si="202"/>
        <v>6.2173895977442619</v>
      </c>
      <c r="J1725">
        <f t="shared" si="203"/>
        <v>15.590036866963352</v>
      </c>
      <c r="K1725">
        <f t="shared" si="204"/>
        <v>0.39886653393067401</v>
      </c>
      <c r="L1725">
        <f t="shared" si="205"/>
        <v>0.199433266965337</v>
      </c>
      <c r="M1725">
        <f t="shared" si="206"/>
        <v>0</v>
      </c>
      <c r="N1725" s="45">
        <f t="shared" si="207"/>
        <v>44997.458333329232</v>
      </c>
    </row>
    <row r="1726" spans="2:14" x14ac:dyDescent="0.25">
      <c r="B1726">
        <f t="shared" si="201"/>
        <v>7</v>
      </c>
      <c r="C1726" s="16">
        <v>1692</v>
      </c>
      <c r="D1726" cm="1">
        <f t="array" ref="D1726">IFERROR(INDEX(Jesper!AH$2:AH$366,ROUNDDOWN($C1726/24,0)+1,1)*INDEX($D$3:$AA$30,INDEX(Jesper!$R$2:$R$366,ROW(INDEX(Jesper!AH$2:AH$366,ROUNDDOWN($C1726/24,0)+1,1))-1)+IF('Standard Profiles'!$G$18=$B$10,7,0)+IF('Standard Profiles'!$G$18=$B$17,14,0)+IF('Standard Profiles'!$G$18=$B$24,21,0),MOD($C1726,24)+1)/SUM(INDEX($D$3:$AA$30,INDEX(Jesper!$R$2:$R$366,ROW(INDEX(Jesper!AH$2:AH$366,ROUNDDOWN($C1726/24,0)+1,1))-1)+IF('Standard Profiles'!$G$18=$B$10,7,0)+IF('Standard Profiles'!$G$18=$B$17,14,0)+IF('Standard Profiles'!$G$18=$B$24,21,0),0)),0)</f>
        <v>0</v>
      </c>
      <c r="E1726" cm="1">
        <f t="array" ref="E1726">IFERROR(INDEX(Jesper!AI$2:AI$366,ROUNDDOWN($C1726/24,0)+1,1)*INDEX($D$3:$AA$30,INDEX(Jesper!$R$2:$R$366,ROW(INDEX(Jesper!AI$2:AI$366,ROUNDDOWN($C1726/24,0)+1,1))-1)+IF('Standard Profiles'!$G$19=$B$10,7,0)+IF('Standard Profiles'!$G$19=$B$17,14,0)+IF('Standard Profiles'!$G$19=$B$24,21,0),MOD($C1726,24)+1)/SUM(INDEX($D$3:$AA$30,INDEX(Jesper!$R$2:$R$366,ROW(INDEX(Jesper!AI$2:AI$366,ROUNDDOWN($C1726/24,0)+1,1))-1)+IF('Standard Profiles'!$G$19=$B$10,7,0)+IF('Standard Profiles'!$G$19=$B$17,14,0)+IF('Standard Profiles'!$G$19=$B$24,21,0),0)),0)</f>
        <v>4.9858316741334248</v>
      </c>
      <c r="F1726" cm="1">
        <f t="array" ref="F1726">IFERROR(INDEX(Jesper!AJ$2:AJ$366,ROUNDDOWN($C1726/24,0)+1,1)*INDEX($D$3:$AA$30,INDEX(Jesper!$R$2:$R$366,ROW(INDEX(Jesper!AJ$2:AJ$366,ROUNDDOWN($C1726/24,0)+1,1))-1)+IF('Standard Profiles'!$G$20=$B$10,7,0)+IF('Standard Profiles'!$G$20=$B$17,14,0)+IF('Standard Profiles'!$G$20=$B$24,21,0),MOD($C1726,24)+1)/SUM(INDEX($D$3:$AA$30,INDEX(Jesper!$R$2:$R$366,ROW(INDEX(Jesper!AJ$2:AJ$366,ROUNDDOWN($C1726/24,0)+1,1))-1)+IF('Standard Profiles'!$G$20=$B$10,7,0)+IF('Standard Profiles'!$G$20=$B$17,14,0)+IF('Standard Profiles'!$G$20=$B$24,21,0),0)),0)</f>
        <v>4.1892545912909034</v>
      </c>
      <c r="G1726" cm="1">
        <f t="array" ref="G1726">IFERROR(INDEX(Jesper!AK$2:AK$366,ROUNDDOWN($C1726/24,0)+1,1)*INDEX($D$3:$AA$30,INDEX(Jesper!$R$2:$R$366,ROW(INDEX(Jesper!AK$2:AK$366,ROUNDDOWN($C1726/24,0)+1,1))-1)+IF('Standard Profiles'!$G$21=$B$10,7,0)+IF('Standard Profiles'!$G$21=$B$17,14,0)+IF('Standard Profiles'!$G$21=$B$24,21,0),MOD($C1726,24)+1)/SUM(INDEX($D$3:$AA$30,INDEX(Jesper!$R$2:$R$366,ROW(INDEX(Jesper!AK$2:AK$366,ROUNDDOWN($C1726/24,0)+1,1))-1)+IF('Standard Profiles'!$G$21=$B$10,7,0)+IF('Standard Profiles'!$G$21=$B$17,14,0)+IF('Standard Profiles'!$G$21=$B$24,21,0),0)),0)</f>
        <v>6.7541925025290253</v>
      </c>
      <c r="H1726" cm="1">
        <f t="array" ref="H1726">IFERROR(INDEX(Jesper!AL$2:AL$366,ROUNDDOWN($C1726/24,0)+1,1)*INDEX($D$3:$AA$30,INDEX(Jesper!$R$2:$R$366,ROW(INDEX(Jesper!AL$2:AL$366,ROUNDDOWN($C1726/24,0)+1,1))-1)+IF('Standard Profiles'!$G$22=$B$10,7,0)+IF('Standard Profiles'!$G$22=$B$17,14,0)+IF('Standard Profiles'!$G$22=$B$24,21,0),MOD($C1726,24)+1)/SUM(INDEX($D$3:$AA$30,INDEX(Jesper!$R$2:$R$366,ROW(INDEX(Jesper!AL$2:AL$366,ROUNDDOWN($C1726/24,0)+1,1))-1)+IF('Standard Profiles'!$G$22=$B$10,7,0)+IF('Standard Profiles'!$G$22=$B$17,14,0)+IF('Standard Profiles'!$G$22=$B$24,21,0),0)),0)</f>
        <v>6.4764474976502697</v>
      </c>
      <c r="I1726">
        <f t="shared" si="202"/>
        <v>6.2173895977442619</v>
      </c>
      <c r="J1726">
        <f t="shared" si="203"/>
        <v>15.590036866963352</v>
      </c>
      <c r="K1726">
        <f t="shared" si="204"/>
        <v>0.39886653393067401</v>
      </c>
      <c r="L1726">
        <f t="shared" si="205"/>
        <v>0.199433266965337</v>
      </c>
      <c r="M1726">
        <f t="shared" si="206"/>
        <v>0</v>
      </c>
      <c r="N1726" s="45">
        <f t="shared" si="207"/>
        <v>44997.499999995896</v>
      </c>
    </row>
    <row r="1727" spans="2:14" x14ac:dyDescent="0.25">
      <c r="B1727">
        <f t="shared" si="201"/>
        <v>7</v>
      </c>
      <c r="C1727" s="16">
        <v>1693</v>
      </c>
      <c r="D1727" cm="1">
        <f t="array" ref="D1727">IFERROR(INDEX(Jesper!AH$2:AH$366,ROUNDDOWN($C1727/24,0)+1,1)*INDEX($D$3:$AA$30,INDEX(Jesper!$R$2:$R$366,ROW(INDEX(Jesper!AH$2:AH$366,ROUNDDOWN($C1727/24,0)+1,1))-1)+IF('Standard Profiles'!$G$18=$B$10,7,0)+IF('Standard Profiles'!$G$18=$B$17,14,0)+IF('Standard Profiles'!$G$18=$B$24,21,0),MOD($C1727,24)+1)/SUM(INDEX($D$3:$AA$30,INDEX(Jesper!$R$2:$R$366,ROW(INDEX(Jesper!AH$2:AH$366,ROUNDDOWN($C1727/24,0)+1,1))-1)+IF('Standard Profiles'!$G$18=$B$10,7,0)+IF('Standard Profiles'!$G$18=$B$17,14,0)+IF('Standard Profiles'!$G$18=$B$24,21,0),0)),0)</f>
        <v>0</v>
      </c>
      <c r="E1727" cm="1">
        <f t="array" ref="E1727">IFERROR(INDEX(Jesper!AI$2:AI$366,ROUNDDOWN($C1727/24,0)+1,1)*INDEX($D$3:$AA$30,INDEX(Jesper!$R$2:$R$366,ROW(INDEX(Jesper!AI$2:AI$366,ROUNDDOWN($C1727/24,0)+1,1))-1)+IF('Standard Profiles'!$G$19=$B$10,7,0)+IF('Standard Profiles'!$G$19=$B$17,14,0)+IF('Standard Profiles'!$G$19=$B$24,21,0),MOD($C1727,24)+1)/SUM(INDEX($D$3:$AA$30,INDEX(Jesper!$R$2:$R$366,ROW(INDEX(Jesper!AI$2:AI$366,ROUNDDOWN($C1727/24,0)+1,1))-1)+IF('Standard Profiles'!$G$19=$B$10,7,0)+IF('Standard Profiles'!$G$19=$B$17,14,0)+IF('Standard Profiles'!$G$19=$B$24,21,0),0)),0)</f>
        <v>4.9858316741334248</v>
      </c>
      <c r="F1727" cm="1">
        <f t="array" ref="F1727">IFERROR(INDEX(Jesper!AJ$2:AJ$366,ROUNDDOWN($C1727/24,0)+1,1)*INDEX($D$3:$AA$30,INDEX(Jesper!$R$2:$R$366,ROW(INDEX(Jesper!AJ$2:AJ$366,ROUNDDOWN($C1727/24,0)+1,1))-1)+IF('Standard Profiles'!$G$20=$B$10,7,0)+IF('Standard Profiles'!$G$20=$B$17,14,0)+IF('Standard Profiles'!$G$20=$B$24,21,0),MOD($C1727,24)+1)/SUM(INDEX($D$3:$AA$30,INDEX(Jesper!$R$2:$R$366,ROW(INDEX(Jesper!AJ$2:AJ$366,ROUNDDOWN($C1727/24,0)+1,1))-1)+IF('Standard Profiles'!$G$20=$B$10,7,0)+IF('Standard Profiles'!$G$20=$B$17,14,0)+IF('Standard Profiles'!$G$20=$B$24,21,0),0)),0)</f>
        <v>4.1892545912909034</v>
      </c>
      <c r="G1727" cm="1">
        <f t="array" ref="G1727">IFERROR(INDEX(Jesper!AK$2:AK$366,ROUNDDOWN($C1727/24,0)+1,1)*INDEX($D$3:$AA$30,INDEX(Jesper!$R$2:$R$366,ROW(INDEX(Jesper!AK$2:AK$366,ROUNDDOWN($C1727/24,0)+1,1))-1)+IF('Standard Profiles'!$G$21=$B$10,7,0)+IF('Standard Profiles'!$G$21=$B$17,14,0)+IF('Standard Profiles'!$G$21=$B$24,21,0),MOD($C1727,24)+1)/SUM(INDEX($D$3:$AA$30,INDEX(Jesper!$R$2:$R$366,ROW(INDEX(Jesper!AK$2:AK$366,ROUNDDOWN($C1727/24,0)+1,1))-1)+IF('Standard Profiles'!$G$21=$B$10,7,0)+IF('Standard Profiles'!$G$21=$B$17,14,0)+IF('Standard Profiles'!$G$21=$B$24,21,0),0)),0)</f>
        <v>6.7541925025290253</v>
      </c>
      <c r="H1727" cm="1">
        <f t="array" ref="H1727">IFERROR(INDEX(Jesper!AL$2:AL$366,ROUNDDOWN($C1727/24,0)+1,1)*INDEX($D$3:$AA$30,INDEX(Jesper!$R$2:$R$366,ROW(INDEX(Jesper!AL$2:AL$366,ROUNDDOWN($C1727/24,0)+1,1))-1)+IF('Standard Profiles'!$G$22=$B$10,7,0)+IF('Standard Profiles'!$G$22=$B$17,14,0)+IF('Standard Profiles'!$G$22=$B$24,21,0),MOD($C1727,24)+1)/SUM(INDEX($D$3:$AA$30,INDEX(Jesper!$R$2:$R$366,ROW(INDEX(Jesper!AL$2:AL$366,ROUNDDOWN($C1727/24,0)+1,1))-1)+IF('Standard Profiles'!$G$22=$B$10,7,0)+IF('Standard Profiles'!$G$22=$B$17,14,0)+IF('Standard Profiles'!$G$22=$B$24,21,0),0)),0)</f>
        <v>6.4764474976502697</v>
      </c>
      <c r="I1727">
        <f t="shared" si="202"/>
        <v>6.2173895977442619</v>
      </c>
      <c r="J1727">
        <f t="shared" si="203"/>
        <v>15.590036866963352</v>
      </c>
      <c r="K1727">
        <f t="shared" si="204"/>
        <v>0.39886653393067401</v>
      </c>
      <c r="L1727">
        <f t="shared" si="205"/>
        <v>0.199433266965337</v>
      </c>
      <c r="M1727">
        <f t="shared" si="206"/>
        <v>0</v>
      </c>
      <c r="N1727" s="45">
        <f t="shared" si="207"/>
        <v>44997.541666662561</v>
      </c>
    </row>
    <row r="1728" spans="2:14" x14ac:dyDescent="0.25">
      <c r="B1728">
        <f t="shared" si="201"/>
        <v>7</v>
      </c>
      <c r="C1728" s="16">
        <v>1694</v>
      </c>
      <c r="D1728" cm="1">
        <f t="array" ref="D1728">IFERROR(INDEX(Jesper!AH$2:AH$366,ROUNDDOWN($C1728/24,0)+1,1)*INDEX($D$3:$AA$30,INDEX(Jesper!$R$2:$R$366,ROW(INDEX(Jesper!AH$2:AH$366,ROUNDDOWN($C1728/24,0)+1,1))-1)+IF('Standard Profiles'!$G$18=$B$10,7,0)+IF('Standard Profiles'!$G$18=$B$17,14,0)+IF('Standard Profiles'!$G$18=$B$24,21,0),MOD($C1728,24)+1)/SUM(INDEX($D$3:$AA$30,INDEX(Jesper!$R$2:$R$366,ROW(INDEX(Jesper!AH$2:AH$366,ROUNDDOWN($C1728/24,0)+1,1))-1)+IF('Standard Profiles'!$G$18=$B$10,7,0)+IF('Standard Profiles'!$G$18=$B$17,14,0)+IF('Standard Profiles'!$G$18=$B$24,21,0),0)),0)</f>
        <v>0</v>
      </c>
      <c r="E1728" cm="1">
        <f t="array" ref="E1728">IFERROR(INDEX(Jesper!AI$2:AI$366,ROUNDDOWN($C1728/24,0)+1,1)*INDEX($D$3:$AA$30,INDEX(Jesper!$R$2:$R$366,ROW(INDEX(Jesper!AI$2:AI$366,ROUNDDOWN($C1728/24,0)+1,1))-1)+IF('Standard Profiles'!$G$19=$B$10,7,0)+IF('Standard Profiles'!$G$19=$B$17,14,0)+IF('Standard Profiles'!$G$19=$B$24,21,0),MOD($C1728,24)+1)/SUM(INDEX($D$3:$AA$30,INDEX(Jesper!$R$2:$R$366,ROW(INDEX(Jesper!AI$2:AI$366,ROUNDDOWN($C1728/24,0)+1,1))-1)+IF('Standard Profiles'!$G$19=$B$10,7,0)+IF('Standard Profiles'!$G$19=$B$17,14,0)+IF('Standard Profiles'!$G$19=$B$24,21,0),0)),0)</f>
        <v>4.9858316741334248</v>
      </c>
      <c r="F1728" cm="1">
        <f t="array" ref="F1728">IFERROR(INDEX(Jesper!AJ$2:AJ$366,ROUNDDOWN($C1728/24,0)+1,1)*INDEX($D$3:$AA$30,INDEX(Jesper!$R$2:$R$366,ROW(INDEX(Jesper!AJ$2:AJ$366,ROUNDDOWN($C1728/24,0)+1,1))-1)+IF('Standard Profiles'!$G$20=$B$10,7,0)+IF('Standard Profiles'!$G$20=$B$17,14,0)+IF('Standard Profiles'!$G$20=$B$24,21,0),MOD($C1728,24)+1)/SUM(INDEX($D$3:$AA$30,INDEX(Jesper!$R$2:$R$366,ROW(INDEX(Jesper!AJ$2:AJ$366,ROUNDDOWN($C1728/24,0)+1,1))-1)+IF('Standard Profiles'!$G$20=$B$10,7,0)+IF('Standard Profiles'!$G$20=$B$17,14,0)+IF('Standard Profiles'!$G$20=$B$24,21,0),0)),0)</f>
        <v>4.1892545912909034</v>
      </c>
      <c r="G1728" cm="1">
        <f t="array" ref="G1728">IFERROR(INDEX(Jesper!AK$2:AK$366,ROUNDDOWN($C1728/24,0)+1,1)*INDEX($D$3:$AA$30,INDEX(Jesper!$R$2:$R$366,ROW(INDEX(Jesper!AK$2:AK$366,ROUNDDOWN($C1728/24,0)+1,1))-1)+IF('Standard Profiles'!$G$21=$B$10,7,0)+IF('Standard Profiles'!$G$21=$B$17,14,0)+IF('Standard Profiles'!$G$21=$B$24,21,0),MOD($C1728,24)+1)/SUM(INDEX($D$3:$AA$30,INDEX(Jesper!$R$2:$R$366,ROW(INDEX(Jesper!AK$2:AK$366,ROUNDDOWN($C1728/24,0)+1,1))-1)+IF('Standard Profiles'!$G$21=$B$10,7,0)+IF('Standard Profiles'!$G$21=$B$17,14,0)+IF('Standard Profiles'!$G$21=$B$24,21,0),0)),0)</f>
        <v>6.7541925025290253</v>
      </c>
      <c r="H1728" cm="1">
        <f t="array" ref="H1728">IFERROR(INDEX(Jesper!AL$2:AL$366,ROUNDDOWN($C1728/24,0)+1,1)*INDEX($D$3:$AA$30,INDEX(Jesper!$R$2:$R$366,ROW(INDEX(Jesper!AL$2:AL$366,ROUNDDOWN($C1728/24,0)+1,1))-1)+IF('Standard Profiles'!$G$22=$B$10,7,0)+IF('Standard Profiles'!$G$22=$B$17,14,0)+IF('Standard Profiles'!$G$22=$B$24,21,0),MOD($C1728,24)+1)/SUM(INDEX($D$3:$AA$30,INDEX(Jesper!$R$2:$R$366,ROW(INDEX(Jesper!AL$2:AL$366,ROUNDDOWN($C1728/24,0)+1,1))-1)+IF('Standard Profiles'!$G$22=$B$10,7,0)+IF('Standard Profiles'!$G$22=$B$17,14,0)+IF('Standard Profiles'!$G$22=$B$24,21,0),0)),0)</f>
        <v>6.4764474976502697</v>
      </c>
      <c r="I1728">
        <f t="shared" si="202"/>
        <v>6.2173895977442619</v>
      </c>
      <c r="J1728">
        <f t="shared" si="203"/>
        <v>15.590036866963352</v>
      </c>
      <c r="K1728">
        <f t="shared" si="204"/>
        <v>0.39886653393067401</v>
      </c>
      <c r="L1728">
        <f t="shared" si="205"/>
        <v>0.199433266965337</v>
      </c>
      <c r="M1728">
        <f t="shared" si="206"/>
        <v>0</v>
      </c>
      <c r="N1728" s="45">
        <f t="shared" si="207"/>
        <v>44997.583333329225</v>
      </c>
    </row>
    <row r="1729" spans="2:14" x14ac:dyDescent="0.25">
      <c r="B1729">
        <f t="shared" si="201"/>
        <v>7</v>
      </c>
      <c r="C1729" s="16">
        <v>1695</v>
      </c>
      <c r="D1729" cm="1">
        <f t="array" ref="D1729">IFERROR(INDEX(Jesper!AH$2:AH$366,ROUNDDOWN($C1729/24,0)+1,1)*INDEX($D$3:$AA$30,INDEX(Jesper!$R$2:$R$366,ROW(INDEX(Jesper!AH$2:AH$366,ROUNDDOWN($C1729/24,0)+1,1))-1)+IF('Standard Profiles'!$G$18=$B$10,7,0)+IF('Standard Profiles'!$G$18=$B$17,14,0)+IF('Standard Profiles'!$G$18=$B$24,21,0),MOD($C1729,24)+1)/SUM(INDEX($D$3:$AA$30,INDEX(Jesper!$R$2:$R$366,ROW(INDEX(Jesper!AH$2:AH$366,ROUNDDOWN($C1729/24,0)+1,1))-1)+IF('Standard Profiles'!$G$18=$B$10,7,0)+IF('Standard Profiles'!$G$18=$B$17,14,0)+IF('Standard Profiles'!$G$18=$B$24,21,0),0)),0)</f>
        <v>0</v>
      </c>
      <c r="E1729" cm="1">
        <f t="array" ref="E1729">IFERROR(INDEX(Jesper!AI$2:AI$366,ROUNDDOWN($C1729/24,0)+1,1)*INDEX($D$3:$AA$30,INDEX(Jesper!$R$2:$R$366,ROW(INDEX(Jesper!AI$2:AI$366,ROUNDDOWN($C1729/24,0)+1,1))-1)+IF('Standard Profiles'!$G$19=$B$10,7,0)+IF('Standard Profiles'!$G$19=$B$17,14,0)+IF('Standard Profiles'!$G$19=$B$24,21,0),MOD($C1729,24)+1)/SUM(INDEX($D$3:$AA$30,INDEX(Jesper!$R$2:$R$366,ROW(INDEX(Jesper!AI$2:AI$366,ROUNDDOWN($C1729/24,0)+1,1))-1)+IF('Standard Profiles'!$G$19=$B$10,7,0)+IF('Standard Profiles'!$G$19=$B$17,14,0)+IF('Standard Profiles'!$G$19=$B$24,21,0),0)),0)</f>
        <v>4.9858316741334248</v>
      </c>
      <c r="F1729" cm="1">
        <f t="array" ref="F1729">IFERROR(INDEX(Jesper!AJ$2:AJ$366,ROUNDDOWN($C1729/24,0)+1,1)*INDEX($D$3:$AA$30,INDEX(Jesper!$R$2:$R$366,ROW(INDEX(Jesper!AJ$2:AJ$366,ROUNDDOWN($C1729/24,0)+1,1))-1)+IF('Standard Profiles'!$G$20=$B$10,7,0)+IF('Standard Profiles'!$G$20=$B$17,14,0)+IF('Standard Profiles'!$G$20=$B$24,21,0),MOD($C1729,24)+1)/SUM(INDEX($D$3:$AA$30,INDEX(Jesper!$R$2:$R$366,ROW(INDEX(Jesper!AJ$2:AJ$366,ROUNDDOWN($C1729/24,0)+1,1))-1)+IF('Standard Profiles'!$G$20=$B$10,7,0)+IF('Standard Profiles'!$G$20=$B$17,14,0)+IF('Standard Profiles'!$G$20=$B$24,21,0),0)),0)</f>
        <v>4.1892545912909034</v>
      </c>
      <c r="G1729" cm="1">
        <f t="array" ref="G1729">IFERROR(INDEX(Jesper!AK$2:AK$366,ROUNDDOWN($C1729/24,0)+1,1)*INDEX($D$3:$AA$30,INDEX(Jesper!$R$2:$R$366,ROW(INDEX(Jesper!AK$2:AK$366,ROUNDDOWN($C1729/24,0)+1,1))-1)+IF('Standard Profiles'!$G$21=$B$10,7,0)+IF('Standard Profiles'!$G$21=$B$17,14,0)+IF('Standard Profiles'!$G$21=$B$24,21,0),MOD($C1729,24)+1)/SUM(INDEX($D$3:$AA$30,INDEX(Jesper!$R$2:$R$366,ROW(INDEX(Jesper!AK$2:AK$366,ROUNDDOWN($C1729/24,0)+1,1))-1)+IF('Standard Profiles'!$G$21=$B$10,7,0)+IF('Standard Profiles'!$G$21=$B$17,14,0)+IF('Standard Profiles'!$G$21=$B$24,21,0),0)),0)</f>
        <v>6.7541925025290253</v>
      </c>
      <c r="H1729" cm="1">
        <f t="array" ref="H1729">IFERROR(INDEX(Jesper!AL$2:AL$366,ROUNDDOWN($C1729/24,0)+1,1)*INDEX($D$3:$AA$30,INDEX(Jesper!$R$2:$R$366,ROW(INDEX(Jesper!AL$2:AL$366,ROUNDDOWN($C1729/24,0)+1,1))-1)+IF('Standard Profiles'!$G$22=$B$10,7,0)+IF('Standard Profiles'!$G$22=$B$17,14,0)+IF('Standard Profiles'!$G$22=$B$24,21,0),MOD($C1729,24)+1)/SUM(INDEX($D$3:$AA$30,INDEX(Jesper!$R$2:$R$366,ROW(INDEX(Jesper!AL$2:AL$366,ROUNDDOWN($C1729/24,0)+1,1))-1)+IF('Standard Profiles'!$G$22=$B$10,7,0)+IF('Standard Profiles'!$G$22=$B$17,14,0)+IF('Standard Profiles'!$G$22=$B$24,21,0),0)),0)</f>
        <v>5.7568422201335725</v>
      </c>
      <c r="I1729">
        <f t="shared" si="202"/>
        <v>5.5265685313282322</v>
      </c>
      <c r="J1729">
        <f t="shared" si="203"/>
        <v>15.561252655862685</v>
      </c>
      <c r="K1729">
        <f t="shared" si="204"/>
        <v>0.39886653393067401</v>
      </c>
      <c r="L1729">
        <f t="shared" si="205"/>
        <v>0.199433266965337</v>
      </c>
      <c r="M1729">
        <f t="shared" si="206"/>
        <v>0</v>
      </c>
      <c r="N1729" s="45">
        <f t="shared" si="207"/>
        <v>44997.624999995889</v>
      </c>
    </row>
    <row r="1730" spans="2:14" x14ac:dyDescent="0.25">
      <c r="B1730">
        <f t="shared" si="201"/>
        <v>7</v>
      </c>
      <c r="C1730" s="16">
        <v>1696</v>
      </c>
      <c r="D1730" cm="1">
        <f t="array" ref="D1730">IFERROR(INDEX(Jesper!AH$2:AH$366,ROUNDDOWN($C1730/24,0)+1,1)*INDEX($D$3:$AA$30,INDEX(Jesper!$R$2:$R$366,ROW(INDEX(Jesper!AH$2:AH$366,ROUNDDOWN($C1730/24,0)+1,1))-1)+IF('Standard Profiles'!$G$18=$B$10,7,0)+IF('Standard Profiles'!$G$18=$B$17,14,0)+IF('Standard Profiles'!$G$18=$B$24,21,0),MOD($C1730,24)+1)/SUM(INDEX($D$3:$AA$30,INDEX(Jesper!$R$2:$R$366,ROW(INDEX(Jesper!AH$2:AH$366,ROUNDDOWN($C1730/24,0)+1,1))-1)+IF('Standard Profiles'!$G$18=$B$10,7,0)+IF('Standard Profiles'!$G$18=$B$17,14,0)+IF('Standard Profiles'!$G$18=$B$24,21,0),0)),0)</f>
        <v>0</v>
      </c>
      <c r="E1730" cm="1">
        <f t="array" ref="E1730">IFERROR(INDEX(Jesper!AI$2:AI$366,ROUNDDOWN($C1730/24,0)+1,1)*INDEX($D$3:$AA$30,INDEX(Jesper!$R$2:$R$366,ROW(INDEX(Jesper!AI$2:AI$366,ROUNDDOWN($C1730/24,0)+1,1))-1)+IF('Standard Profiles'!$G$19=$B$10,7,0)+IF('Standard Profiles'!$G$19=$B$17,14,0)+IF('Standard Profiles'!$G$19=$B$24,21,0),MOD($C1730,24)+1)/SUM(INDEX($D$3:$AA$30,INDEX(Jesper!$R$2:$R$366,ROW(INDEX(Jesper!AI$2:AI$366,ROUNDDOWN($C1730/24,0)+1,1))-1)+IF('Standard Profiles'!$G$19=$B$10,7,0)+IF('Standard Profiles'!$G$19=$B$17,14,0)+IF('Standard Profiles'!$G$19=$B$24,21,0),0)),0)</f>
        <v>4.9858316741334248</v>
      </c>
      <c r="F1730" cm="1">
        <f t="array" ref="F1730">IFERROR(INDEX(Jesper!AJ$2:AJ$366,ROUNDDOWN($C1730/24,0)+1,1)*INDEX($D$3:$AA$30,INDEX(Jesper!$R$2:$R$366,ROW(INDEX(Jesper!AJ$2:AJ$366,ROUNDDOWN($C1730/24,0)+1,1))-1)+IF('Standard Profiles'!$G$20=$B$10,7,0)+IF('Standard Profiles'!$G$20=$B$17,14,0)+IF('Standard Profiles'!$G$20=$B$24,21,0),MOD($C1730,24)+1)/SUM(INDEX($D$3:$AA$30,INDEX(Jesper!$R$2:$R$366,ROW(INDEX(Jesper!AJ$2:AJ$366,ROUNDDOWN($C1730/24,0)+1,1))-1)+IF('Standard Profiles'!$G$20=$B$10,7,0)+IF('Standard Profiles'!$G$20=$B$17,14,0)+IF('Standard Profiles'!$G$20=$B$24,21,0),0)),0)</f>
        <v>4.1892545912909034</v>
      </c>
      <c r="G1730" cm="1">
        <f t="array" ref="G1730">IFERROR(INDEX(Jesper!AK$2:AK$366,ROUNDDOWN($C1730/24,0)+1,1)*INDEX($D$3:$AA$30,INDEX(Jesper!$R$2:$R$366,ROW(INDEX(Jesper!AK$2:AK$366,ROUNDDOWN($C1730/24,0)+1,1))-1)+IF('Standard Profiles'!$G$21=$B$10,7,0)+IF('Standard Profiles'!$G$21=$B$17,14,0)+IF('Standard Profiles'!$G$21=$B$24,21,0),MOD($C1730,24)+1)/SUM(INDEX($D$3:$AA$30,INDEX(Jesper!$R$2:$R$366,ROW(INDEX(Jesper!AK$2:AK$366,ROUNDDOWN($C1730/24,0)+1,1))-1)+IF('Standard Profiles'!$G$21=$B$10,7,0)+IF('Standard Profiles'!$G$21=$B$17,14,0)+IF('Standard Profiles'!$G$21=$B$24,21,0),0)),0)</f>
        <v>6.7541925025290253</v>
      </c>
      <c r="H1730" cm="1">
        <f t="array" ref="H1730">IFERROR(INDEX(Jesper!AL$2:AL$366,ROUNDDOWN($C1730/24,0)+1,1)*INDEX($D$3:$AA$30,INDEX(Jesper!$R$2:$R$366,ROW(INDEX(Jesper!AL$2:AL$366,ROUNDDOWN($C1730/24,0)+1,1))-1)+IF('Standard Profiles'!$G$22=$B$10,7,0)+IF('Standard Profiles'!$G$22=$B$17,14,0)+IF('Standard Profiles'!$G$22=$B$24,21,0),MOD($C1730,24)+1)/SUM(INDEX($D$3:$AA$30,INDEX(Jesper!$R$2:$R$366,ROW(INDEX(Jesper!AL$2:AL$366,ROUNDDOWN($C1730/24,0)+1,1))-1)+IF('Standard Profiles'!$G$22=$B$10,7,0)+IF('Standard Profiles'!$G$22=$B$17,14,0)+IF('Standard Profiles'!$G$22=$B$24,21,0),0)),0)</f>
        <v>5.6540414662026164</v>
      </c>
      <c r="I1730">
        <f t="shared" si="202"/>
        <v>5.4278798075545147</v>
      </c>
      <c r="J1730">
        <f t="shared" si="203"/>
        <v>15.557140625705445</v>
      </c>
      <c r="K1730">
        <f t="shared" si="204"/>
        <v>0.39886653393067401</v>
      </c>
      <c r="L1730">
        <f t="shared" si="205"/>
        <v>0.199433266965337</v>
      </c>
      <c r="M1730">
        <f t="shared" si="206"/>
        <v>0</v>
      </c>
      <c r="N1730" s="45">
        <f t="shared" si="207"/>
        <v>44997.666666662553</v>
      </c>
    </row>
    <row r="1731" spans="2:14" x14ac:dyDescent="0.25">
      <c r="B1731">
        <f t="shared" si="201"/>
        <v>7</v>
      </c>
      <c r="C1731" s="16">
        <v>1697</v>
      </c>
      <c r="D1731" cm="1">
        <f t="array" ref="D1731">IFERROR(INDEX(Jesper!AH$2:AH$366,ROUNDDOWN($C1731/24,0)+1,1)*INDEX($D$3:$AA$30,INDEX(Jesper!$R$2:$R$366,ROW(INDEX(Jesper!AH$2:AH$366,ROUNDDOWN($C1731/24,0)+1,1))-1)+IF('Standard Profiles'!$G$18=$B$10,7,0)+IF('Standard Profiles'!$G$18=$B$17,14,0)+IF('Standard Profiles'!$G$18=$B$24,21,0),MOD($C1731,24)+1)/SUM(INDEX($D$3:$AA$30,INDEX(Jesper!$R$2:$R$366,ROW(INDEX(Jesper!AH$2:AH$366,ROUNDDOWN($C1731/24,0)+1,1))-1)+IF('Standard Profiles'!$G$18=$B$10,7,0)+IF('Standard Profiles'!$G$18=$B$17,14,0)+IF('Standard Profiles'!$G$18=$B$24,21,0),0)),0)</f>
        <v>0</v>
      </c>
      <c r="E1731" cm="1">
        <f t="array" ref="E1731">IFERROR(INDEX(Jesper!AI$2:AI$366,ROUNDDOWN($C1731/24,0)+1,1)*INDEX($D$3:$AA$30,INDEX(Jesper!$R$2:$R$366,ROW(INDEX(Jesper!AI$2:AI$366,ROUNDDOWN($C1731/24,0)+1,1))-1)+IF('Standard Profiles'!$G$19=$B$10,7,0)+IF('Standard Profiles'!$G$19=$B$17,14,0)+IF('Standard Profiles'!$G$19=$B$24,21,0),MOD($C1731,24)+1)/SUM(INDEX($D$3:$AA$30,INDEX(Jesper!$R$2:$R$366,ROW(INDEX(Jesper!AI$2:AI$366,ROUNDDOWN($C1731/24,0)+1,1))-1)+IF('Standard Profiles'!$G$19=$B$10,7,0)+IF('Standard Profiles'!$G$19=$B$17,14,0)+IF('Standard Profiles'!$G$19=$B$24,21,0),0)),0)</f>
        <v>4.9858316741334248</v>
      </c>
      <c r="F1731" cm="1">
        <f t="array" ref="F1731">IFERROR(INDEX(Jesper!AJ$2:AJ$366,ROUNDDOWN($C1731/24,0)+1,1)*INDEX($D$3:$AA$30,INDEX(Jesper!$R$2:$R$366,ROW(INDEX(Jesper!AJ$2:AJ$366,ROUNDDOWN($C1731/24,0)+1,1))-1)+IF('Standard Profiles'!$G$20=$B$10,7,0)+IF('Standard Profiles'!$G$20=$B$17,14,0)+IF('Standard Profiles'!$G$20=$B$24,21,0),MOD($C1731,24)+1)/SUM(INDEX($D$3:$AA$30,INDEX(Jesper!$R$2:$R$366,ROW(INDEX(Jesper!AJ$2:AJ$366,ROUNDDOWN($C1731/24,0)+1,1))-1)+IF('Standard Profiles'!$G$20=$B$10,7,0)+IF('Standard Profiles'!$G$20=$B$17,14,0)+IF('Standard Profiles'!$G$20=$B$24,21,0),0)),0)</f>
        <v>4.1892545912909034</v>
      </c>
      <c r="G1731" cm="1">
        <f t="array" ref="G1731">IFERROR(INDEX(Jesper!AK$2:AK$366,ROUNDDOWN($C1731/24,0)+1,1)*INDEX($D$3:$AA$30,INDEX(Jesper!$R$2:$R$366,ROW(INDEX(Jesper!AK$2:AK$366,ROUNDDOWN($C1731/24,0)+1,1))-1)+IF('Standard Profiles'!$G$21=$B$10,7,0)+IF('Standard Profiles'!$G$21=$B$17,14,0)+IF('Standard Profiles'!$G$21=$B$24,21,0),MOD($C1731,24)+1)/SUM(INDEX($D$3:$AA$30,INDEX(Jesper!$R$2:$R$366,ROW(INDEX(Jesper!AK$2:AK$366,ROUNDDOWN($C1731/24,0)+1,1))-1)+IF('Standard Profiles'!$G$21=$B$10,7,0)+IF('Standard Profiles'!$G$21=$B$17,14,0)+IF('Standard Profiles'!$G$21=$B$24,21,0),0)),0)</f>
        <v>6.7541925025290253</v>
      </c>
      <c r="H1731" cm="1">
        <f t="array" ref="H1731">IFERROR(INDEX(Jesper!AL$2:AL$366,ROUNDDOWN($C1731/24,0)+1,1)*INDEX($D$3:$AA$30,INDEX(Jesper!$R$2:$R$366,ROW(INDEX(Jesper!AL$2:AL$366,ROUNDDOWN($C1731/24,0)+1,1))-1)+IF('Standard Profiles'!$G$22=$B$10,7,0)+IF('Standard Profiles'!$G$22=$B$17,14,0)+IF('Standard Profiles'!$G$22=$B$24,21,0),MOD($C1731,24)+1)/SUM(INDEX($D$3:$AA$30,INDEX(Jesper!$R$2:$R$366,ROW(INDEX(Jesper!AL$2:AL$366,ROUNDDOWN($C1731/24,0)+1,1))-1)+IF('Standard Profiles'!$G$22=$B$10,7,0)+IF('Standard Profiles'!$G$22=$B$17,14,0)+IF('Standard Profiles'!$G$22=$B$24,21,0),0)),0)</f>
        <v>4.831635434754963</v>
      </c>
      <c r="I1731">
        <f t="shared" si="202"/>
        <v>4.6383700173647666</v>
      </c>
      <c r="J1731">
        <f t="shared" si="203"/>
        <v>15.52424438444754</v>
      </c>
      <c r="K1731">
        <f t="shared" si="204"/>
        <v>0.39886653393067401</v>
      </c>
      <c r="L1731">
        <f t="shared" si="205"/>
        <v>0.199433266965337</v>
      </c>
      <c r="M1731">
        <f t="shared" si="206"/>
        <v>0</v>
      </c>
      <c r="N1731" s="45">
        <f t="shared" si="207"/>
        <v>44997.708333329218</v>
      </c>
    </row>
    <row r="1732" spans="2:14" x14ac:dyDescent="0.25">
      <c r="B1732">
        <f t="shared" si="201"/>
        <v>7</v>
      </c>
      <c r="C1732" s="16">
        <v>1698</v>
      </c>
      <c r="D1732" cm="1">
        <f t="array" ref="D1732">IFERROR(INDEX(Jesper!AH$2:AH$366,ROUNDDOWN($C1732/24,0)+1,1)*INDEX($D$3:$AA$30,INDEX(Jesper!$R$2:$R$366,ROW(INDEX(Jesper!AH$2:AH$366,ROUNDDOWN($C1732/24,0)+1,1))-1)+IF('Standard Profiles'!$G$18=$B$10,7,0)+IF('Standard Profiles'!$G$18=$B$17,14,0)+IF('Standard Profiles'!$G$18=$B$24,21,0),MOD($C1732,24)+1)/SUM(INDEX($D$3:$AA$30,INDEX(Jesper!$R$2:$R$366,ROW(INDEX(Jesper!AH$2:AH$366,ROUNDDOWN($C1732/24,0)+1,1))-1)+IF('Standard Profiles'!$G$18=$B$10,7,0)+IF('Standard Profiles'!$G$18=$B$17,14,0)+IF('Standard Profiles'!$G$18=$B$24,21,0),0)),0)</f>
        <v>0</v>
      </c>
      <c r="E1732" cm="1">
        <f t="array" ref="E1732">IFERROR(INDEX(Jesper!AI$2:AI$366,ROUNDDOWN($C1732/24,0)+1,1)*INDEX($D$3:$AA$30,INDEX(Jesper!$R$2:$R$366,ROW(INDEX(Jesper!AI$2:AI$366,ROUNDDOWN($C1732/24,0)+1,1))-1)+IF('Standard Profiles'!$G$19=$B$10,7,0)+IF('Standard Profiles'!$G$19=$B$17,14,0)+IF('Standard Profiles'!$G$19=$B$24,21,0),MOD($C1732,24)+1)/SUM(INDEX($D$3:$AA$30,INDEX(Jesper!$R$2:$R$366,ROW(INDEX(Jesper!AI$2:AI$366,ROUNDDOWN($C1732/24,0)+1,1))-1)+IF('Standard Profiles'!$G$19=$B$10,7,0)+IF('Standard Profiles'!$G$19=$B$17,14,0)+IF('Standard Profiles'!$G$19=$B$24,21,0),0)),0)</f>
        <v>4.9858316741334248</v>
      </c>
      <c r="F1732" cm="1">
        <f t="array" ref="F1732">IFERROR(INDEX(Jesper!AJ$2:AJ$366,ROUNDDOWN($C1732/24,0)+1,1)*INDEX($D$3:$AA$30,INDEX(Jesper!$R$2:$R$366,ROW(INDEX(Jesper!AJ$2:AJ$366,ROUNDDOWN($C1732/24,0)+1,1))-1)+IF('Standard Profiles'!$G$20=$B$10,7,0)+IF('Standard Profiles'!$G$20=$B$17,14,0)+IF('Standard Profiles'!$G$20=$B$24,21,0),MOD($C1732,24)+1)/SUM(INDEX($D$3:$AA$30,INDEX(Jesper!$R$2:$R$366,ROW(INDEX(Jesper!AJ$2:AJ$366,ROUNDDOWN($C1732/24,0)+1,1))-1)+IF('Standard Profiles'!$G$20=$B$10,7,0)+IF('Standard Profiles'!$G$20=$B$17,14,0)+IF('Standard Profiles'!$G$20=$B$24,21,0),0)),0)</f>
        <v>4.1892545912909034</v>
      </c>
      <c r="G1732" cm="1">
        <f t="array" ref="G1732">IFERROR(INDEX(Jesper!AK$2:AK$366,ROUNDDOWN($C1732/24,0)+1,1)*INDEX($D$3:$AA$30,INDEX(Jesper!$R$2:$R$366,ROW(INDEX(Jesper!AK$2:AK$366,ROUNDDOWN($C1732/24,0)+1,1))-1)+IF('Standard Profiles'!$G$21=$B$10,7,0)+IF('Standard Profiles'!$G$21=$B$17,14,0)+IF('Standard Profiles'!$G$21=$B$24,21,0),MOD($C1732,24)+1)/SUM(INDEX($D$3:$AA$30,INDEX(Jesper!$R$2:$R$366,ROW(INDEX(Jesper!AK$2:AK$366,ROUNDDOWN($C1732/24,0)+1,1))-1)+IF('Standard Profiles'!$G$21=$B$10,7,0)+IF('Standard Profiles'!$G$21=$B$17,14,0)+IF('Standard Profiles'!$G$21=$B$24,21,0),0)),0)</f>
        <v>6.7541925025290253</v>
      </c>
      <c r="H1732" cm="1">
        <f t="array" ref="H1732">IFERROR(INDEX(Jesper!AL$2:AL$366,ROUNDDOWN($C1732/24,0)+1,1)*INDEX($D$3:$AA$30,INDEX(Jesper!$R$2:$R$366,ROW(INDEX(Jesper!AL$2:AL$366,ROUNDDOWN($C1732/24,0)+1,1))-1)+IF('Standard Profiles'!$G$22=$B$10,7,0)+IF('Standard Profiles'!$G$22=$B$17,14,0)+IF('Standard Profiles'!$G$22=$B$24,21,0),MOD($C1732,24)+1)/SUM(INDEX($D$3:$AA$30,INDEX(Jesper!$R$2:$R$366,ROW(INDEX(Jesper!AL$2:AL$366,ROUNDDOWN($C1732/24,0)+1,1))-1)+IF('Standard Profiles'!$G$22=$B$10,7,0)+IF('Standard Profiles'!$G$22=$B$17,14,0)+IF('Standard Profiles'!$G$22=$B$24,21,0),0)),0)</f>
        <v>4.5232331729620938</v>
      </c>
      <c r="I1732">
        <f t="shared" si="202"/>
        <v>4.3423038460436123</v>
      </c>
      <c r="J1732">
        <f t="shared" si="203"/>
        <v>15.511908293975825</v>
      </c>
      <c r="K1732">
        <f t="shared" si="204"/>
        <v>0.39886653393067401</v>
      </c>
      <c r="L1732">
        <f t="shared" si="205"/>
        <v>0.199433266965337</v>
      </c>
      <c r="M1732">
        <f t="shared" si="206"/>
        <v>0</v>
      </c>
      <c r="N1732" s="45">
        <f t="shared" si="207"/>
        <v>44997.749999995882</v>
      </c>
    </row>
    <row r="1733" spans="2:14" x14ac:dyDescent="0.25">
      <c r="B1733">
        <f t="shared" si="201"/>
        <v>7</v>
      </c>
      <c r="C1733" s="16">
        <v>1699</v>
      </c>
      <c r="D1733" cm="1">
        <f t="array" ref="D1733">IFERROR(INDEX(Jesper!AH$2:AH$366,ROUNDDOWN($C1733/24,0)+1,1)*INDEX($D$3:$AA$30,INDEX(Jesper!$R$2:$R$366,ROW(INDEX(Jesper!AH$2:AH$366,ROUNDDOWN($C1733/24,0)+1,1))-1)+IF('Standard Profiles'!$G$18=$B$10,7,0)+IF('Standard Profiles'!$G$18=$B$17,14,0)+IF('Standard Profiles'!$G$18=$B$24,21,0),MOD($C1733,24)+1)/SUM(INDEX($D$3:$AA$30,INDEX(Jesper!$R$2:$R$366,ROW(INDEX(Jesper!AH$2:AH$366,ROUNDDOWN($C1733/24,0)+1,1))-1)+IF('Standard Profiles'!$G$18=$B$10,7,0)+IF('Standard Profiles'!$G$18=$B$17,14,0)+IF('Standard Profiles'!$G$18=$B$24,21,0),0)),0)</f>
        <v>0</v>
      </c>
      <c r="E1733" cm="1">
        <f t="array" ref="E1733">IFERROR(INDEX(Jesper!AI$2:AI$366,ROUNDDOWN($C1733/24,0)+1,1)*INDEX($D$3:$AA$30,INDEX(Jesper!$R$2:$R$366,ROW(INDEX(Jesper!AI$2:AI$366,ROUNDDOWN($C1733/24,0)+1,1))-1)+IF('Standard Profiles'!$G$19=$B$10,7,0)+IF('Standard Profiles'!$G$19=$B$17,14,0)+IF('Standard Profiles'!$G$19=$B$24,21,0),MOD($C1733,24)+1)/SUM(INDEX($D$3:$AA$30,INDEX(Jesper!$R$2:$R$366,ROW(INDEX(Jesper!AI$2:AI$366,ROUNDDOWN($C1733/24,0)+1,1))-1)+IF('Standard Profiles'!$G$19=$B$10,7,0)+IF('Standard Profiles'!$G$19=$B$17,14,0)+IF('Standard Profiles'!$G$19=$B$24,21,0),0)),0)</f>
        <v>4.9858316741334248</v>
      </c>
      <c r="F1733" cm="1">
        <f t="array" ref="F1733">IFERROR(INDEX(Jesper!AJ$2:AJ$366,ROUNDDOWN($C1733/24,0)+1,1)*INDEX($D$3:$AA$30,INDEX(Jesper!$R$2:$R$366,ROW(INDEX(Jesper!AJ$2:AJ$366,ROUNDDOWN($C1733/24,0)+1,1))-1)+IF('Standard Profiles'!$G$20=$B$10,7,0)+IF('Standard Profiles'!$G$20=$B$17,14,0)+IF('Standard Profiles'!$G$20=$B$24,21,0),MOD($C1733,24)+1)/SUM(INDEX($D$3:$AA$30,INDEX(Jesper!$R$2:$R$366,ROW(INDEX(Jesper!AJ$2:AJ$366,ROUNDDOWN($C1733/24,0)+1,1))-1)+IF('Standard Profiles'!$G$20=$B$10,7,0)+IF('Standard Profiles'!$G$20=$B$17,14,0)+IF('Standard Profiles'!$G$20=$B$24,21,0),0)),0)</f>
        <v>4.1892545912909034</v>
      </c>
      <c r="G1733" cm="1">
        <f t="array" ref="G1733">IFERROR(INDEX(Jesper!AK$2:AK$366,ROUNDDOWN($C1733/24,0)+1,1)*INDEX($D$3:$AA$30,INDEX(Jesper!$R$2:$R$366,ROW(INDEX(Jesper!AK$2:AK$366,ROUNDDOWN($C1733/24,0)+1,1))-1)+IF('Standard Profiles'!$G$21=$B$10,7,0)+IF('Standard Profiles'!$G$21=$B$17,14,0)+IF('Standard Profiles'!$G$21=$B$24,21,0),MOD($C1733,24)+1)/SUM(INDEX($D$3:$AA$30,INDEX(Jesper!$R$2:$R$366,ROW(INDEX(Jesper!AK$2:AK$366,ROUNDDOWN($C1733/24,0)+1,1))-1)+IF('Standard Profiles'!$G$21=$B$10,7,0)+IF('Standard Profiles'!$G$21=$B$17,14,0)+IF('Standard Profiles'!$G$21=$B$24,21,0),0)),0)</f>
        <v>6.7541925025290253</v>
      </c>
      <c r="H1733" cm="1">
        <f t="array" ref="H1733">IFERROR(INDEX(Jesper!AL$2:AL$366,ROUNDDOWN($C1733/24,0)+1,1)*INDEX($D$3:$AA$30,INDEX(Jesper!$R$2:$R$366,ROW(INDEX(Jesper!AL$2:AL$366,ROUNDDOWN($C1733/24,0)+1,1))-1)+IF('Standard Profiles'!$G$22=$B$10,7,0)+IF('Standard Profiles'!$G$22=$B$17,14,0)+IF('Standard Profiles'!$G$22=$B$24,21,0),MOD($C1733,24)+1)/SUM(INDEX($D$3:$AA$30,INDEX(Jesper!$R$2:$R$366,ROW(INDEX(Jesper!AL$2:AL$366,ROUNDDOWN($C1733/24,0)+1,1))-1)+IF('Standard Profiles'!$G$22=$B$10,7,0)+IF('Standard Profiles'!$G$22=$B$17,14,0)+IF('Standard Profiles'!$G$22=$B$24,21,0),0)),0)</f>
        <v>3.8036278954453966</v>
      </c>
      <c r="I1733">
        <f t="shared" si="202"/>
        <v>3.6514827796275826</v>
      </c>
      <c r="J1733">
        <f t="shared" si="203"/>
        <v>15.483124082875158</v>
      </c>
      <c r="K1733">
        <f t="shared" si="204"/>
        <v>0.39886653393067401</v>
      </c>
      <c r="L1733">
        <f t="shared" si="205"/>
        <v>0.199433266965337</v>
      </c>
      <c r="M1733">
        <f t="shared" si="206"/>
        <v>0</v>
      </c>
      <c r="N1733" s="45">
        <f t="shared" si="207"/>
        <v>44997.791666662546</v>
      </c>
    </row>
    <row r="1734" spans="2:14" x14ac:dyDescent="0.25">
      <c r="B1734">
        <f t="shared" si="201"/>
        <v>7</v>
      </c>
      <c r="C1734" s="16">
        <v>1700</v>
      </c>
      <c r="D1734" cm="1">
        <f t="array" ref="D1734">IFERROR(INDEX(Jesper!AH$2:AH$366,ROUNDDOWN($C1734/24,0)+1,1)*INDEX($D$3:$AA$30,INDEX(Jesper!$R$2:$R$366,ROW(INDEX(Jesper!AH$2:AH$366,ROUNDDOWN($C1734/24,0)+1,1))-1)+IF('Standard Profiles'!$G$18=$B$10,7,0)+IF('Standard Profiles'!$G$18=$B$17,14,0)+IF('Standard Profiles'!$G$18=$B$24,21,0),MOD($C1734,24)+1)/SUM(INDEX($D$3:$AA$30,INDEX(Jesper!$R$2:$R$366,ROW(INDEX(Jesper!AH$2:AH$366,ROUNDDOWN($C1734/24,0)+1,1))-1)+IF('Standard Profiles'!$G$18=$B$10,7,0)+IF('Standard Profiles'!$G$18=$B$17,14,0)+IF('Standard Profiles'!$G$18=$B$24,21,0),0)),0)</f>
        <v>0</v>
      </c>
      <c r="E1734" cm="1">
        <f t="array" ref="E1734">IFERROR(INDEX(Jesper!AI$2:AI$366,ROUNDDOWN($C1734/24,0)+1,1)*INDEX($D$3:$AA$30,INDEX(Jesper!$R$2:$R$366,ROW(INDEX(Jesper!AI$2:AI$366,ROUNDDOWN($C1734/24,0)+1,1))-1)+IF('Standard Profiles'!$G$19=$B$10,7,0)+IF('Standard Profiles'!$G$19=$B$17,14,0)+IF('Standard Profiles'!$G$19=$B$24,21,0),MOD($C1734,24)+1)/SUM(INDEX($D$3:$AA$30,INDEX(Jesper!$R$2:$R$366,ROW(INDEX(Jesper!AI$2:AI$366,ROUNDDOWN($C1734/24,0)+1,1))-1)+IF('Standard Profiles'!$G$19=$B$10,7,0)+IF('Standard Profiles'!$G$19=$B$17,14,0)+IF('Standard Profiles'!$G$19=$B$24,21,0),0)),0)</f>
        <v>4.9858316741334248</v>
      </c>
      <c r="F1734" cm="1">
        <f t="array" ref="F1734">IFERROR(INDEX(Jesper!AJ$2:AJ$366,ROUNDDOWN($C1734/24,0)+1,1)*INDEX($D$3:$AA$30,INDEX(Jesper!$R$2:$R$366,ROW(INDEX(Jesper!AJ$2:AJ$366,ROUNDDOWN($C1734/24,0)+1,1))-1)+IF('Standard Profiles'!$G$20=$B$10,7,0)+IF('Standard Profiles'!$G$20=$B$17,14,0)+IF('Standard Profiles'!$G$20=$B$24,21,0),MOD($C1734,24)+1)/SUM(INDEX($D$3:$AA$30,INDEX(Jesper!$R$2:$R$366,ROW(INDEX(Jesper!AJ$2:AJ$366,ROUNDDOWN($C1734/24,0)+1,1))-1)+IF('Standard Profiles'!$G$20=$B$10,7,0)+IF('Standard Profiles'!$G$20=$B$17,14,0)+IF('Standard Profiles'!$G$20=$B$24,21,0),0)),0)</f>
        <v>4.1892545912909034</v>
      </c>
      <c r="G1734" cm="1">
        <f t="array" ref="G1734">IFERROR(INDEX(Jesper!AK$2:AK$366,ROUNDDOWN($C1734/24,0)+1,1)*INDEX($D$3:$AA$30,INDEX(Jesper!$R$2:$R$366,ROW(INDEX(Jesper!AK$2:AK$366,ROUNDDOWN($C1734/24,0)+1,1))-1)+IF('Standard Profiles'!$G$21=$B$10,7,0)+IF('Standard Profiles'!$G$21=$B$17,14,0)+IF('Standard Profiles'!$G$21=$B$24,21,0),MOD($C1734,24)+1)/SUM(INDEX($D$3:$AA$30,INDEX(Jesper!$R$2:$R$366,ROW(INDEX(Jesper!AK$2:AK$366,ROUNDDOWN($C1734/24,0)+1,1))-1)+IF('Standard Profiles'!$G$21=$B$10,7,0)+IF('Standard Profiles'!$G$21=$B$17,14,0)+IF('Standard Profiles'!$G$21=$B$24,21,0),0)),0)</f>
        <v>6.7541925025290253</v>
      </c>
      <c r="H1734" cm="1">
        <f t="array" ref="H1734">IFERROR(INDEX(Jesper!AL$2:AL$366,ROUNDDOWN($C1734/24,0)+1,1)*INDEX($D$3:$AA$30,INDEX(Jesper!$R$2:$R$366,ROW(INDEX(Jesper!AL$2:AL$366,ROUNDDOWN($C1734/24,0)+1,1))-1)+IF('Standard Profiles'!$G$22=$B$10,7,0)+IF('Standard Profiles'!$G$22=$B$17,14,0)+IF('Standard Profiles'!$G$22=$B$24,21,0),MOD($C1734,24)+1)/SUM(INDEX($D$3:$AA$30,INDEX(Jesper!$R$2:$R$366,ROW(INDEX(Jesper!AL$2:AL$366,ROUNDDOWN($C1734/24,0)+1,1))-1)+IF('Standard Profiles'!$G$22=$B$10,7,0)+IF('Standard Profiles'!$G$22=$B$17,14,0)+IF('Standard Profiles'!$G$22=$B$24,21,0),0)),0)</f>
        <v>3.1868233718596564</v>
      </c>
      <c r="I1734">
        <f t="shared" si="202"/>
        <v>3.0593504369852718</v>
      </c>
      <c r="J1734">
        <f t="shared" si="203"/>
        <v>15.458451901931729</v>
      </c>
      <c r="K1734">
        <f t="shared" si="204"/>
        <v>0.39886653393067401</v>
      </c>
      <c r="L1734">
        <f t="shared" si="205"/>
        <v>0.199433266965337</v>
      </c>
      <c r="M1734">
        <f t="shared" si="206"/>
        <v>0</v>
      </c>
      <c r="N1734" s="45">
        <f t="shared" si="207"/>
        <v>44997.83333332921</v>
      </c>
    </row>
    <row r="1735" spans="2:14" x14ac:dyDescent="0.25">
      <c r="B1735">
        <f t="shared" si="201"/>
        <v>7</v>
      </c>
      <c r="C1735" s="16">
        <v>1701</v>
      </c>
      <c r="D1735" cm="1">
        <f t="array" ref="D1735">IFERROR(INDEX(Jesper!AH$2:AH$366,ROUNDDOWN($C1735/24,0)+1,1)*INDEX($D$3:$AA$30,INDEX(Jesper!$R$2:$R$366,ROW(INDEX(Jesper!AH$2:AH$366,ROUNDDOWN($C1735/24,0)+1,1))-1)+IF('Standard Profiles'!$G$18=$B$10,7,0)+IF('Standard Profiles'!$G$18=$B$17,14,0)+IF('Standard Profiles'!$G$18=$B$24,21,0),MOD($C1735,24)+1)/SUM(INDEX($D$3:$AA$30,INDEX(Jesper!$R$2:$R$366,ROW(INDEX(Jesper!AH$2:AH$366,ROUNDDOWN($C1735/24,0)+1,1))-1)+IF('Standard Profiles'!$G$18=$B$10,7,0)+IF('Standard Profiles'!$G$18=$B$17,14,0)+IF('Standard Profiles'!$G$18=$B$24,21,0),0)),0)</f>
        <v>0</v>
      </c>
      <c r="E1735" cm="1">
        <f t="array" ref="E1735">IFERROR(INDEX(Jesper!AI$2:AI$366,ROUNDDOWN($C1735/24,0)+1,1)*INDEX($D$3:$AA$30,INDEX(Jesper!$R$2:$R$366,ROW(INDEX(Jesper!AI$2:AI$366,ROUNDDOWN($C1735/24,0)+1,1))-1)+IF('Standard Profiles'!$G$19=$B$10,7,0)+IF('Standard Profiles'!$G$19=$B$17,14,0)+IF('Standard Profiles'!$G$19=$B$24,21,0),MOD($C1735,24)+1)/SUM(INDEX($D$3:$AA$30,INDEX(Jesper!$R$2:$R$366,ROW(INDEX(Jesper!AI$2:AI$366,ROUNDDOWN($C1735/24,0)+1,1))-1)+IF('Standard Profiles'!$G$19=$B$10,7,0)+IF('Standard Profiles'!$G$19=$B$17,14,0)+IF('Standard Profiles'!$G$19=$B$24,21,0),0)),0)</f>
        <v>4.9858316741334248</v>
      </c>
      <c r="F1735" cm="1">
        <f t="array" ref="F1735">IFERROR(INDEX(Jesper!AJ$2:AJ$366,ROUNDDOWN($C1735/24,0)+1,1)*INDEX($D$3:$AA$30,INDEX(Jesper!$R$2:$R$366,ROW(INDEX(Jesper!AJ$2:AJ$366,ROUNDDOWN($C1735/24,0)+1,1))-1)+IF('Standard Profiles'!$G$20=$B$10,7,0)+IF('Standard Profiles'!$G$20=$B$17,14,0)+IF('Standard Profiles'!$G$20=$B$24,21,0),MOD($C1735,24)+1)/SUM(INDEX($D$3:$AA$30,INDEX(Jesper!$R$2:$R$366,ROW(INDEX(Jesper!AJ$2:AJ$366,ROUNDDOWN($C1735/24,0)+1,1))-1)+IF('Standard Profiles'!$G$20=$B$10,7,0)+IF('Standard Profiles'!$G$20=$B$17,14,0)+IF('Standard Profiles'!$G$20=$B$24,21,0),0)),0)</f>
        <v>4.1892545912909034</v>
      </c>
      <c r="G1735" cm="1">
        <f t="array" ref="G1735">IFERROR(INDEX(Jesper!AK$2:AK$366,ROUNDDOWN($C1735/24,0)+1,1)*INDEX($D$3:$AA$30,INDEX(Jesper!$R$2:$R$366,ROW(INDEX(Jesper!AK$2:AK$366,ROUNDDOWN($C1735/24,0)+1,1))-1)+IF('Standard Profiles'!$G$21=$B$10,7,0)+IF('Standard Profiles'!$G$21=$B$17,14,0)+IF('Standard Profiles'!$G$21=$B$24,21,0),MOD($C1735,24)+1)/SUM(INDEX($D$3:$AA$30,INDEX(Jesper!$R$2:$R$366,ROW(INDEX(Jesper!AK$2:AK$366,ROUNDDOWN($C1735/24,0)+1,1))-1)+IF('Standard Profiles'!$G$21=$B$10,7,0)+IF('Standard Profiles'!$G$21=$B$17,14,0)+IF('Standard Profiles'!$G$21=$B$24,21,0),0)),0)</f>
        <v>6.7541925025290253</v>
      </c>
      <c r="H1735" cm="1">
        <f t="array" ref="H1735">IFERROR(INDEX(Jesper!AL$2:AL$366,ROUNDDOWN($C1735/24,0)+1,1)*INDEX($D$3:$AA$30,INDEX(Jesper!$R$2:$R$366,ROW(INDEX(Jesper!AL$2:AL$366,ROUNDDOWN($C1735/24,0)+1,1))-1)+IF('Standard Profiles'!$G$22=$B$10,7,0)+IF('Standard Profiles'!$G$22=$B$17,14,0)+IF('Standard Profiles'!$G$22=$B$24,21,0),MOD($C1735,24)+1)/SUM(INDEX($D$3:$AA$30,INDEX(Jesper!$R$2:$R$366,ROW(INDEX(Jesper!AL$2:AL$366,ROUNDDOWN($C1735/24,0)+1,1))-1)+IF('Standard Profiles'!$G$22=$B$10,7,0)+IF('Standard Profiles'!$G$22=$B$17,14,0)+IF('Standard Profiles'!$G$22=$B$24,21,0),0)),0)</f>
        <v>2.7756203561358301</v>
      </c>
      <c r="I1735">
        <f t="shared" si="202"/>
        <v>2.6645955418903982</v>
      </c>
      <c r="J1735">
        <f t="shared" si="203"/>
        <v>15.442003781302777</v>
      </c>
      <c r="K1735">
        <f t="shared" si="204"/>
        <v>0.39886653393067401</v>
      </c>
      <c r="L1735">
        <f t="shared" si="205"/>
        <v>0.199433266965337</v>
      </c>
      <c r="M1735">
        <f t="shared" si="206"/>
        <v>0</v>
      </c>
      <c r="N1735" s="45">
        <f t="shared" si="207"/>
        <v>44997.874999995875</v>
      </c>
    </row>
    <row r="1736" spans="2:14" x14ac:dyDescent="0.25">
      <c r="B1736">
        <f t="shared" si="201"/>
        <v>7</v>
      </c>
      <c r="C1736" s="16">
        <v>1702</v>
      </c>
      <c r="D1736" cm="1">
        <f t="array" ref="D1736">IFERROR(INDEX(Jesper!AH$2:AH$366,ROUNDDOWN($C1736/24,0)+1,1)*INDEX($D$3:$AA$30,INDEX(Jesper!$R$2:$R$366,ROW(INDEX(Jesper!AH$2:AH$366,ROUNDDOWN($C1736/24,0)+1,1))-1)+IF('Standard Profiles'!$G$18=$B$10,7,0)+IF('Standard Profiles'!$G$18=$B$17,14,0)+IF('Standard Profiles'!$G$18=$B$24,21,0),MOD($C1736,24)+1)/SUM(INDEX($D$3:$AA$30,INDEX(Jesper!$R$2:$R$366,ROW(INDEX(Jesper!AH$2:AH$366,ROUNDDOWN($C1736/24,0)+1,1))-1)+IF('Standard Profiles'!$G$18=$B$10,7,0)+IF('Standard Profiles'!$G$18=$B$17,14,0)+IF('Standard Profiles'!$G$18=$B$24,21,0),0)),0)</f>
        <v>0</v>
      </c>
      <c r="E1736" cm="1">
        <f t="array" ref="E1736">IFERROR(INDEX(Jesper!AI$2:AI$366,ROUNDDOWN($C1736/24,0)+1,1)*INDEX($D$3:$AA$30,INDEX(Jesper!$R$2:$R$366,ROW(INDEX(Jesper!AI$2:AI$366,ROUNDDOWN($C1736/24,0)+1,1))-1)+IF('Standard Profiles'!$G$19=$B$10,7,0)+IF('Standard Profiles'!$G$19=$B$17,14,0)+IF('Standard Profiles'!$G$19=$B$24,21,0),MOD($C1736,24)+1)/SUM(INDEX($D$3:$AA$30,INDEX(Jesper!$R$2:$R$366,ROW(INDEX(Jesper!AI$2:AI$366,ROUNDDOWN($C1736/24,0)+1,1))-1)+IF('Standard Profiles'!$G$19=$B$10,7,0)+IF('Standard Profiles'!$G$19=$B$17,14,0)+IF('Standard Profiles'!$G$19=$B$24,21,0),0)),0)</f>
        <v>4.9858316741334248</v>
      </c>
      <c r="F1736" cm="1">
        <f t="array" ref="F1736">IFERROR(INDEX(Jesper!AJ$2:AJ$366,ROUNDDOWN($C1736/24,0)+1,1)*INDEX($D$3:$AA$30,INDEX(Jesper!$R$2:$R$366,ROW(INDEX(Jesper!AJ$2:AJ$366,ROUNDDOWN($C1736/24,0)+1,1))-1)+IF('Standard Profiles'!$G$20=$B$10,7,0)+IF('Standard Profiles'!$G$20=$B$17,14,0)+IF('Standard Profiles'!$G$20=$B$24,21,0),MOD($C1736,24)+1)/SUM(INDEX($D$3:$AA$30,INDEX(Jesper!$R$2:$R$366,ROW(INDEX(Jesper!AJ$2:AJ$366,ROUNDDOWN($C1736/24,0)+1,1))-1)+IF('Standard Profiles'!$G$20=$B$10,7,0)+IF('Standard Profiles'!$G$20=$B$17,14,0)+IF('Standard Profiles'!$G$20=$B$24,21,0),0)),0)</f>
        <v>4.1892545912909034</v>
      </c>
      <c r="G1736" cm="1">
        <f t="array" ref="G1736">IFERROR(INDEX(Jesper!AK$2:AK$366,ROUNDDOWN($C1736/24,0)+1,1)*INDEX($D$3:$AA$30,INDEX(Jesper!$R$2:$R$366,ROW(INDEX(Jesper!AK$2:AK$366,ROUNDDOWN($C1736/24,0)+1,1))-1)+IF('Standard Profiles'!$G$21=$B$10,7,0)+IF('Standard Profiles'!$G$21=$B$17,14,0)+IF('Standard Profiles'!$G$21=$B$24,21,0),MOD($C1736,24)+1)/SUM(INDEX($D$3:$AA$30,INDEX(Jesper!$R$2:$R$366,ROW(INDEX(Jesper!AK$2:AK$366,ROUNDDOWN($C1736/24,0)+1,1))-1)+IF('Standard Profiles'!$G$21=$B$10,7,0)+IF('Standard Profiles'!$G$21=$B$17,14,0)+IF('Standard Profiles'!$G$21=$B$24,21,0),0)),0)</f>
        <v>6.7541925025290253</v>
      </c>
      <c r="H1736" cm="1">
        <f t="array" ref="H1736">IFERROR(INDEX(Jesper!AL$2:AL$366,ROUNDDOWN($C1736/24,0)+1,1)*INDEX($D$3:$AA$30,INDEX(Jesper!$R$2:$R$366,ROW(INDEX(Jesper!AL$2:AL$366,ROUNDDOWN($C1736/24,0)+1,1))-1)+IF('Standard Profiles'!$G$22=$B$10,7,0)+IF('Standard Profiles'!$G$22=$B$17,14,0)+IF('Standard Profiles'!$G$22=$B$24,21,0),MOD($C1736,24)+1)/SUM(INDEX($D$3:$AA$30,INDEX(Jesper!$R$2:$R$366,ROW(INDEX(Jesper!AL$2:AL$366,ROUNDDOWN($C1736/24,0)+1,1))-1)+IF('Standard Profiles'!$G$22=$B$10,7,0)+IF('Standard Profiles'!$G$22=$B$17,14,0)+IF('Standard Profiles'!$G$22=$B$24,21,0),0)),0)</f>
        <v>2.7756203561358301</v>
      </c>
      <c r="I1736">
        <f t="shared" si="202"/>
        <v>2.6645955418903982</v>
      </c>
      <c r="J1736">
        <f t="shared" si="203"/>
        <v>15.442003781302777</v>
      </c>
      <c r="K1736">
        <f t="shared" si="204"/>
        <v>0.39886653393067401</v>
      </c>
      <c r="L1736">
        <f t="shared" si="205"/>
        <v>0.199433266965337</v>
      </c>
      <c r="M1736">
        <f t="shared" si="206"/>
        <v>0</v>
      </c>
      <c r="N1736" s="45">
        <f t="shared" si="207"/>
        <v>44997.916666662539</v>
      </c>
    </row>
    <row r="1737" spans="2:14" x14ac:dyDescent="0.25">
      <c r="B1737">
        <f t="shared" si="201"/>
        <v>7</v>
      </c>
      <c r="C1737" s="16">
        <v>1703</v>
      </c>
      <c r="D1737" cm="1">
        <f t="array" ref="D1737">IFERROR(INDEX(Jesper!AH$2:AH$366,ROUNDDOWN($C1737/24,0)+1,1)*INDEX($D$3:$AA$30,INDEX(Jesper!$R$2:$R$366,ROW(INDEX(Jesper!AH$2:AH$366,ROUNDDOWN($C1737/24,0)+1,1))-1)+IF('Standard Profiles'!$G$18=$B$10,7,0)+IF('Standard Profiles'!$G$18=$B$17,14,0)+IF('Standard Profiles'!$G$18=$B$24,21,0),MOD($C1737,24)+1)/SUM(INDEX($D$3:$AA$30,INDEX(Jesper!$R$2:$R$366,ROW(INDEX(Jesper!AH$2:AH$366,ROUNDDOWN($C1737/24,0)+1,1))-1)+IF('Standard Profiles'!$G$18=$B$10,7,0)+IF('Standard Profiles'!$G$18=$B$17,14,0)+IF('Standard Profiles'!$G$18=$B$24,21,0),0)),0)</f>
        <v>0</v>
      </c>
      <c r="E1737" cm="1">
        <f t="array" ref="E1737">IFERROR(INDEX(Jesper!AI$2:AI$366,ROUNDDOWN($C1737/24,0)+1,1)*INDEX($D$3:$AA$30,INDEX(Jesper!$R$2:$R$366,ROW(INDEX(Jesper!AI$2:AI$366,ROUNDDOWN($C1737/24,0)+1,1))-1)+IF('Standard Profiles'!$G$19=$B$10,7,0)+IF('Standard Profiles'!$G$19=$B$17,14,0)+IF('Standard Profiles'!$G$19=$B$24,21,0),MOD($C1737,24)+1)/SUM(INDEX($D$3:$AA$30,INDEX(Jesper!$R$2:$R$366,ROW(INDEX(Jesper!AI$2:AI$366,ROUNDDOWN($C1737/24,0)+1,1))-1)+IF('Standard Profiles'!$G$19=$B$10,7,0)+IF('Standard Profiles'!$G$19=$B$17,14,0)+IF('Standard Profiles'!$G$19=$B$24,21,0),0)),0)</f>
        <v>4.9858316741334248</v>
      </c>
      <c r="F1737" cm="1">
        <f t="array" ref="F1737">IFERROR(INDEX(Jesper!AJ$2:AJ$366,ROUNDDOWN($C1737/24,0)+1,1)*INDEX($D$3:$AA$30,INDEX(Jesper!$R$2:$R$366,ROW(INDEX(Jesper!AJ$2:AJ$366,ROUNDDOWN($C1737/24,0)+1,1))-1)+IF('Standard Profiles'!$G$20=$B$10,7,0)+IF('Standard Profiles'!$G$20=$B$17,14,0)+IF('Standard Profiles'!$G$20=$B$24,21,0),MOD($C1737,24)+1)/SUM(INDEX($D$3:$AA$30,INDEX(Jesper!$R$2:$R$366,ROW(INDEX(Jesper!AJ$2:AJ$366,ROUNDDOWN($C1737/24,0)+1,1))-1)+IF('Standard Profiles'!$G$20=$B$10,7,0)+IF('Standard Profiles'!$G$20=$B$17,14,0)+IF('Standard Profiles'!$G$20=$B$24,21,0),0)),0)</f>
        <v>4.1892545912909034</v>
      </c>
      <c r="G1737" cm="1">
        <f t="array" ref="G1737">IFERROR(INDEX(Jesper!AK$2:AK$366,ROUNDDOWN($C1737/24,0)+1,1)*INDEX($D$3:$AA$30,INDEX(Jesper!$R$2:$R$366,ROW(INDEX(Jesper!AK$2:AK$366,ROUNDDOWN($C1737/24,0)+1,1))-1)+IF('Standard Profiles'!$G$21=$B$10,7,0)+IF('Standard Profiles'!$G$21=$B$17,14,0)+IF('Standard Profiles'!$G$21=$B$24,21,0),MOD($C1737,24)+1)/SUM(INDEX($D$3:$AA$30,INDEX(Jesper!$R$2:$R$366,ROW(INDEX(Jesper!AK$2:AK$366,ROUNDDOWN($C1737/24,0)+1,1))-1)+IF('Standard Profiles'!$G$21=$B$10,7,0)+IF('Standard Profiles'!$G$21=$B$17,14,0)+IF('Standard Profiles'!$G$21=$B$24,21,0),0)),0)</f>
        <v>6.7541925025290253</v>
      </c>
      <c r="H1737" cm="1">
        <f t="array" ref="H1737">IFERROR(INDEX(Jesper!AL$2:AL$366,ROUNDDOWN($C1737/24,0)+1,1)*INDEX($D$3:$AA$30,INDEX(Jesper!$R$2:$R$366,ROW(INDEX(Jesper!AL$2:AL$366,ROUNDDOWN($C1737/24,0)+1,1))-1)+IF('Standard Profiles'!$G$22=$B$10,7,0)+IF('Standard Profiles'!$G$22=$B$17,14,0)+IF('Standard Profiles'!$G$22=$B$24,21,0),MOD($C1737,24)+1)/SUM(INDEX($D$3:$AA$30,INDEX(Jesper!$R$2:$R$366,ROW(INDEX(Jesper!AL$2:AL$366,ROUNDDOWN($C1737/24,0)+1,1))-1)+IF('Standard Profiles'!$G$22=$B$10,7,0)+IF('Standard Profiles'!$G$22=$B$17,14,0)+IF('Standard Profiles'!$G$22=$B$24,21,0),0)),0)</f>
        <v>2.7756203561358301</v>
      </c>
      <c r="I1737">
        <f t="shared" si="202"/>
        <v>2.6645955418903982</v>
      </c>
      <c r="J1737">
        <f t="shared" si="203"/>
        <v>15.442003781302777</v>
      </c>
      <c r="K1737">
        <f t="shared" si="204"/>
        <v>0.39886653393067401</v>
      </c>
      <c r="L1737">
        <f t="shared" si="205"/>
        <v>0.199433266965337</v>
      </c>
      <c r="M1737">
        <f t="shared" si="206"/>
        <v>0</v>
      </c>
      <c r="N1737" s="45">
        <f t="shared" si="207"/>
        <v>44997.958333329203</v>
      </c>
    </row>
    <row r="1738" spans="2:14" x14ac:dyDescent="0.25">
      <c r="B1738">
        <f t="shared" si="201"/>
        <v>1</v>
      </c>
      <c r="C1738" s="16">
        <v>1704</v>
      </c>
      <c r="D1738" cm="1">
        <f t="array" ref="D1738">IFERROR(INDEX(Jesper!AH$2:AH$366,ROUNDDOWN($C1738/24,0)+1,1)*INDEX($D$3:$AA$30,INDEX(Jesper!$R$2:$R$366,ROW(INDEX(Jesper!AH$2:AH$366,ROUNDDOWN($C1738/24,0)+1,1))-1)+IF('Standard Profiles'!$G$18=$B$10,7,0)+IF('Standard Profiles'!$G$18=$B$17,14,0)+IF('Standard Profiles'!$G$18=$B$24,21,0),MOD($C1738,24)+1)/SUM(INDEX($D$3:$AA$30,INDEX(Jesper!$R$2:$R$366,ROW(INDEX(Jesper!AH$2:AH$366,ROUNDDOWN($C1738/24,0)+1,1))-1)+IF('Standard Profiles'!$G$18=$B$10,7,0)+IF('Standard Profiles'!$G$18=$B$17,14,0)+IF('Standard Profiles'!$G$18=$B$24,21,0),0)),0)</f>
        <v>5.5581956193844286</v>
      </c>
      <c r="E1738" cm="1">
        <f t="array" ref="E1738">IFERROR(INDEX(Jesper!AI$2:AI$366,ROUNDDOWN($C1738/24,0)+1,1)*INDEX($D$3:$AA$30,INDEX(Jesper!$R$2:$R$366,ROW(INDEX(Jesper!AI$2:AI$366,ROUNDDOWN($C1738/24,0)+1,1))-1)+IF('Standard Profiles'!$G$19=$B$10,7,0)+IF('Standard Profiles'!$G$19=$B$17,14,0)+IF('Standard Profiles'!$G$19=$B$24,21,0),MOD($C1738,24)+1)/SUM(INDEX($D$3:$AA$30,INDEX(Jesper!$R$2:$R$366,ROW(INDEX(Jesper!AI$2:AI$366,ROUNDDOWN($C1738/24,0)+1,1))-1)+IF('Standard Profiles'!$G$19=$B$10,7,0)+IF('Standard Profiles'!$G$19=$B$17,14,0)+IF('Standard Profiles'!$G$19=$B$24,21,0),0)),0)</f>
        <v>4.4748600862083601</v>
      </c>
      <c r="F1738" cm="1">
        <f t="array" ref="F1738">IFERROR(INDEX(Jesper!AJ$2:AJ$366,ROUNDDOWN($C1738/24,0)+1,1)*INDEX($D$3:$AA$30,INDEX(Jesper!$R$2:$R$366,ROW(INDEX(Jesper!AJ$2:AJ$366,ROUNDDOWN($C1738/24,0)+1,1))-1)+IF('Standard Profiles'!$G$20=$B$10,7,0)+IF('Standard Profiles'!$G$20=$B$17,14,0)+IF('Standard Profiles'!$G$20=$B$24,21,0),MOD($C1738,24)+1)/SUM(INDEX($D$3:$AA$30,INDEX(Jesper!$R$2:$R$366,ROW(INDEX(Jesper!AJ$2:AJ$366,ROUNDDOWN($C1738/24,0)+1,1))-1)+IF('Standard Profiles'!$G$20=$B$10,7,0)+IF('Standard Profiles'!$G$20=$B$17,14,0)+IF('Standard Profiles'!$G$20=$B$24,21,0),0)),0)</f>
        <v>0</v>
      </c>
      <c r="G1738" cm="1">
        <f t="array" ref="G1738">IFERROR(INDEX(Jesper!AK$2:AK$366,ROUNDDOWN($C1738/24,0)+1,1)*INDEX($D$3:$AA$30,INDEX(Jesper!$R$2:$R$366,ROW(INDEX(Jesper!AK$2:AK$366,ROUNDDOWN($C1738/24,0)+1,1))-1)+IF('Standard Profiles'!$G$21=$B$10,7,0)+IF('Standard Profiles'!$G$21=$B$17,14,0)+IF('Standard Profiles'!$G$21=$B$24,21,0),MOD($C1738,24)+1)/SUM(INDEX($D$3:$AA$30,INDEX(Jesper!$R$2:$R$366,ROW(INDEX(Jesper!AK$2:AK$366,ROUNDDOWN($C1738/24,0)+1,1))-1)+IF('Standard Profiles'!$G$21=$B$10,7,0)+IF('Standard Profiles'!$G$21=$B$17,14,0)+IF('Standard Profiles'!$G$21=$B$24,21,0),0)),0)</f>
        <v>1.5856341224062191</v>
      </c>
      <c r="H1738" cm="1">
        <f t="array" ref="H1738">IFERROR(INDEX(Jesper!AL$2:AL$366,ROUNDDOWN($C1738/24,0)+1,1)*INDEX($D$3:$AA$30,INDEX(Jesper!$R$2:$R$366,ROW(INDEX(Jesper!AL$2:AL$366,ROUNDDOWN($C1738/24,0)+1,1))-1)+IF('Standard Profiles'!$G$22=$B$10,7,0)+IF('Standard Profiles'!$G$22=$B$17,14,0)+IF('Standard Profiles'!$G$22=$B$24,21,0),MOD($C1738,24)+1)/SUM(INDEX($D$3:$AA$30,INDEX(Jesper!$R$2:$R$366,ROW(INDEX(Jesper!AL$2:AL$366,ROUNDDOWN($C1738/24,0)+1,1))-1)+IF('Standard Profiles'!$G$22=$B$10,7,0)+IF('Standard Profiles'!$G$22=$B$17,14,0)+IF('Standard Profiles'!$G$22=$B$24,21,0),0)),0)</f>
        <v>0</v>
      </c>
      <c r="I1738">
        <f t="shared" si="202"/>
        <v>0.76110437875498482</v>
      </c>
      <c r="J1738">
        <f t="shared" si="203"/>
        <v>9.9682741501425145</v>
      </c>
      <c r="K1738">
        <f t="shared" si="204"/>
        <v>0.59287419940100572</v>
      </c>
      <c r="L1738">
        <f t="shared" si="205"/>
        <v>0.29643709970050286</v>
      </c>
      <c r="M1738">
        <f t="shared" si="206"/>
        <v>0</v>
      </c>
      <c r="N1738" s="45">
        <f t="shared" si="207"/>
        <v>44997.999999995867</v>
      </c>
    </row>
    <row r="1739" spans="2:14" x14ac:dyDescent="0.25">
      <c r="B1739">
        <f t="shared" si="201"/>
        <v>1</v>
      </c>
      <c r="C1739" s="16">
        <v>1705</v>
      </c>
      <c r="D1739" cm="1">
        <f t="array" ref="D1739">IFERROR(INDEX(Jesper!AH$2:AH$366,ROUNDDOWN($C1739/24,0)+1,1)*INDEX($D$3:$AA$30,INDEX(Jesper!$R$2:$R$366,ROW(INDEX(Jesper!AH$2:AH$366,ROUNDDOWN($C1739/24,0)+1,1))-1)+IF('Standard Profiles'!$G$18=$B$10,7,0)+IF('Standard Profiles'!$G$18=$B$17,14,0)+IF('Standard Profiles'!$G$18=$B$24,21,0),MOD($C1739,24)+1)/SUM(INDEX($D$3:$AA$30,INDEX(Jesper!$R$2:$R$366,ROW(INDEX(Jesper!AH$2:AH$366,ROUNDDOWN($C1739/24,0)+1,1))-1)+IF('Standard Profiles'!$G$18=$B$10,7,0)+IF('Standard Profiles'!$G$18=$B$17,14,0)+IF('Standard Profiles'!$G$18=$B$24,21,0),0)),0)</f>
        <v>5.5581956193844286</v>
      </c>
      <c r="E1739" cm="1">
        <f t="array" ref="E1739">IFERROR(INDEX(Jesper!AI$2:AI$366,ROUNDDOWN($C1739/24,0)+1,1)*INDEX($D$3:$AA$30,INDEX(Jesper!$R$2:$R$366,ROW(INDEX(Jesper!AI$2:AI$366,ROUNDDOWN($C1739/24,0)+1,1))-1)+IF('Standard Profiles'!$G$19=$B$10,7,0)+IF('Standard Profiles'!$G$19=$B$17,14,0)+IF('Standard Profiles'!$G$19=$B$24,21,0),MOD($C1739,24)+1)/SUM(INDEX($D$3:$AA$30,INDEX(Jesper!$R$2:$R$366,ROW(INDEX(Jesper!AI$2:AI$366,ROUNDDOWN($C1739/24,0)+1,1))-1)+IF('Standard Profiles'!$G$19=$B$10,7,0)+IF('Standard Profiles'!$G$19=$B$17,14,0)+IF('Standard Profiles'!$G$19=$B$24,21,0),0)),0)</f>
        <v>4.4748600862083601</v>
      </c>
      <c r="F1739" cm="1">
        <f t="array" ref="F1739">IFERROR(INDEX(Jesper!AJ$2:AJ$366,ROUNDDOWN($C1739/24,0)+1,1)*INDEX($D$3:$AA$30,INDEX(Jesper!$R$2:$R$366,ROW(INDEX(Jesper!AJ$2:AJ$366,ROUNDDOWN($C1739/24,0)+1,1))-1)+IF('Standard Profiles'!$G$20=$B$10,7,0)+IF('Standard Profiles'!$G$20=$B$17,14,0)+IF('Standard Profiles'!$G$20=$B$24,21,0),MOD($C1739,24)+1)/SUM(INDEX($D$3:$AA$30,INDEX(Jesper!$R$2:$R$366,ROW(INDEX(Jesper!AJ$2:AJ$366,ROUNDDOWN($C1739/24,0)+1,1))-1)+IF('Standard Profiles'!$G$20=$B$10,7,0)+IF('Standard Profiles'!$G$20=$B$17,14,0)+IF('Standard Profiles'!$G$20=$B$24,21,0),0)),0)</f>
        <v>0</v>
      </c>
      <c r="G1739" cm="1">
        <f t="array" ref="G1739">IFERROR(INDEX(Jesper!AK$2:AK$366,ROUNDDOWN($C1739/24,0)+1,1)*INDEX($D$3:$AA$30,INDEX(Jesper!$R$2:$R$366,ROW(INDEX(Jesper!AK$2:AK$366,ROUNDDOWN($C1739/24,0)+1,1))-1)+IF('Standard Profiles'!$G$21=$B$10,7,0)+IF('Standard Profiles'!$G$21=$B$17,14,0)+IF('Standard Profiles'!$G$21=$B$24,21,0),MOD($C1739,24)+1)/SUM(INDEX($D$3:$AA$30,INDEX(Jesper!$R$2:$R$366,ROW(INDEX(Jesper!AK$2:AK$366,ROUNDDOWN($C1739/24,0)+1,1))-1)+IF('Standard Profiles'!$G$21=$B$10,7,0)+IF('Standard Profiles'!$G$21=$B$17,14,0)+IF('Standard Profiles'!$G$21=$B$24,21,0),0)),0)</f>
        <v>1.5856341224062191</v>
      </c>
      <c r="H1739" cm="1">
        <f t="array" ref="H1739">IFERROR(INDEX(Jesper!AL$2:AL$366,ROUNDDOWN($C1739/24,0)+1,1)*INDEX($D$3:$AA$30,INDEX(Jesper!$R$2:$R$366,ROW(INDEX(Jesper!AL$2:AL$366,ROUNDDOWN($C1739/24,0)+1,1))-1)+IF('Standard Profiles'!$G$22=$B$10,7,0)+IF('Standard Profiles'!$G$22=$B$17,14,0)+IF('Standard Profiles'!$G$22=$B$24,21,0),MOD($C1739,24)+1)/SUM(INDEX($D$3:$AA$30,INDEX(Jesper!$R$2:$R$366,ROW(INDEX(Jesper!AL$2:AL$366,ROUNDDOWN($C1739/24,0)+1,1))-1)+IF('Standard Profiles'!$G$22=$B$10,7,0)+IF('Standard Profiles'!$G$22=$B$17,14,0)+IF('Standard Profiles'!$G$22=$B$24,21,0),0)),0)</f>
        <v>0</v>
      </c>
      <c r="I1739">
        <f t="shared" si="202"/>
        <v>0.76110437875498482</v>
      </c>
      <c r="J1739">
        <f t="shared" si="203"/>
        <v>9.9682741501425145</v>
      </c>
      <c r="K1739">
        <f t="shared" si="204"/>
        <v>0.59287419940100572</v>
      </c>
      <c r="L1739">
        <f t="shared" si="205"/>
        <v>0.29643709970050286</v>
      </c>
      <c r="M1739">
        <f t="shared" si="206"/>
        <v>0</v>
      </c>
      <c r="N1739" s="45">
        <f t="shared" si="207"/>
        <v>44998.041666662531</v>
      </c>
    </row>
    <row r="1740" spans="2:14" x14ac:dyDescent="0.25">
      <c r="B1740">
        <f t="shared" si="201"/>
        <v>1</v>
      </c>
      <c r="C1740" s="16">
        <v>1706</v>
      </c>
      <c r="D1740" cm="1">
        <f t="array" ref="D1740">IFERROR(INDEX(Jesper!AH$2:AH$366,ROUNDDOWN($C1740/24,0)+1,1)*INDEX($D$3:$AA$30,INDEX(Jesper!$R$2:$R$366,ROW(INDEX(Jesper!AH$2:AH$366,ROUNDDOWN($C1740/24,0)+1,1))-1)+IF('Standard Profiles'!$G$18=$B$10,7,0)+IF('Standard Profiles'!$G$18=$B$17,14,0)+IF('Standard Profiles'!$G$18=$B$24,21,0),MOD($C1740,24)+1)/SUM(INDEX($D$3:$AA$30,INDEX(Jesper!$R$2:$R$366,ROW(INDEX(Jesper!AH$2:AH$366,ROUNDDOWN($C1740/24,0)+1,1))-1)+IF('Standard Profiles'!$G$18=$B$10,7,0)+IF('Standard Profiles'!$G$18=$B$17,14,0)+IF('Standard Profiles'!$G$18=$B$24,21,0),0)),0)</f>
        <v>5.5581956193844286</v>
      </c>
      <c r="E1740" cm="1">
        <f t="array" ref="E1740">IFERROR(INDEX(Jesper!AI$2:AI$366,ROUNDDOWN($C1740/24,0)+1,1)*INDEX($D$3:$AA$30,INDEX(Jesper!$R$2:$R$366,ROW(INDEX(Jesper!AI$2:AI$366,ROUNDDOWN($C1740/24,0)+1,1))-1)+IF('Standard Profiles'!$G$19=$B$10,7,0)+IF('Standard Profiles'!$G$19=$B$17,14,0)+IF('Standard Profiles'!$G$19=$B$24,21,0),MOD($C1740,24)+1)/SUM(INDEX($D$3:$AA$30,INDEX(Jesper!$R$2:$R$366,ROW(INDEX(Jesper!AI$2:AI$366,ROUNDDOWN($C1740/24,0)+1,1))-1)+IF('Standard Profiles'!$G$19=$B$10,7,0)+IF('Standard Profiles'!$G$19=$B$17,14,0)+IF('Standard Profiles'!$G$19=$B$24,21,0),0)),0)</f>
        <v>4.4748600862083601</v>
      </c>
      <c r="F1740" cm="1">
        <f t="array" ref="F1740">IFERROR(INDEX(Jesper!AJ$2:AJ$366,ROUNDDOWN($C1740/24,0)+1,1)*INDEX($D$3:$AA$30,INDEX(Jesper!$R$2:$R$366,ROW(INDEX(Jesper!AJ$2:AJ$366,ROUNDDOWN($C1740/24,0)+1,1))-1)+IF('Standard Profiles'!$G$20=$B$10,7,0)+IF('Standard Profiles'!$G$20=$B$17,14,0)+IF('Standard Profiles'!$G$20=$B$24,21,0),MOD($C1740,24)+1)/SUM(INDEX($D$3:$AA$30,INDEX(Jesper!$R$2:$R$366,ROW(INDEX(Jesper!AJ$2:AJ$366,ROUNDDOWN($C1740/24,0)+1,1))-1)+IF('Standard Profiles'!$G$20=$B$10,7,0)+IF('Standard Profiles'!$G$20=$B$17,14,0)+IF('Standard Profiles'!$G$20=$B$24,21,0),0)),0)</f>
        <v>0</v>
      </c>
      <c r="G1740" cm="1">
        <f t="array" ref="G1740">IFERROR(INDEX(Jesper!AK$2:AK$366,ROUNDDOWN($C1740/24,0)+1,1)*INDEX($D$3:$AA$30,INDEX(Jesper!$R$2:$R$366,ROW(INDEX(Jesper!AK$2:AK$366,ROUNDDOWN($C1740/24,0)+1,1))-1)+IF('Standard Profiles'!$G$21=$B$10,7,0)+IF('Standard Profiles'!$G$21=$B$17,14,0)+IF('Standard Profiles'!$G$21=$B$24,21,0),MOD($C1740,24)+1)/SUM(INDEX($D$3:$AA$30,INDEX(Jesper!$R$2:$R$366,ROW(INDEX(Jesper!AK$2:AK$366,ROUNDDOWN($C1740/24,0)+1,1))-1)+IF('Standard Profiles'!$G$21=$B$10,7,0)+IF('Standard Profiles'!$G$21=$B$17,14,0)+IF('Standard Profiles'!$G$21=$B$24,21,0),0)),0)</f>
        <v>1.5856341224062191</v>
      </c>
      <c r="H1740" cm="1">
        <f t="array" ref="H1740">IFERROR(INDEX(Jesper!AL$2:AL$366,ROUNDDOWN($C1740/24,0)+1,1)*INDEX($D$3:$AA$30,INDEX(Jesper!$R$2:$R$366,ROW(INDEX(Jesper!AL$2:AL$366,ROUNDDOWN($C1740/24,0)+1,1))-1)+IF('Standard Profiles'!$G$22=$B$10,7,0)+IF('Standard Profiles'!$G$22=$B$17,14,0)+IF('Standard Profiles'!$G$22=$B$24,21,0),MOD($C1740,24)+1)/SUM(INDEX($D$3:$AA$30,INDEX(Jesper!$R$2:$R$366,ROW(INDEX(Jesper!AL$2:AL$366,ROUNDDOWN($C1740/24,0)+1,1))-1)+IF('Standard Profiles'!$G$22=$B$10,7,0)+IF('Standard Profiles'!$G$22=$B$17,14,0)+IF('Standard Profiles'!$G$22=$B$24,21,0),0)),0)</f>
        <v>0</v>
      </c>
      <c r="I1740">
        <f t="shared" si="202"/>
        <v>0.76110437875498482</v>
      </c>
      <c r="J1740">
        <f t="shared" si="203"/>
        <v>9.9682741501425145</v>
      </c>
      <c r="K1740">
        <f t="shared" si="204"/>
        <v>0.59287419940100572</v>
      </c>
      <c r="L1740">
        <f t="shared" si="205"/>
        <v>0.29643709970050286</v>
      </c>
      <c r="M1740">
        <f t="shared" si="206"/>
        <v>0</v>
      </c>
      <c r="N1740" s="45">
        <f t="shared" si="207"/>
        <v>44998.083333329196</v>
      </c>
    </row>
    <row r="1741" spans="2:14" x14ac:dyDescent="0.25">
      <c r="B1741">
        <f t="shared" si="201"/>
        <v>1</v>
      </c>
      <c r="C1741" s="16">
        <v>1707</v>
      </c>
      <c r="D1741" cm="1">
        <f t="array" ref="D1741">IFERROR(INDEX(Jesper!AH$2:AH$366,ROUNDDOWN($C1741/24,0)+1,1)*INDEX($D$3:$AA$30,INDEX(Jesper!$R$2:$R$366,ROW(INDEX(Jesper!AH$2:AH$366,ROUNDDOWN($C1741/24,0)+1,1))-1)+IF('Standard Profiles'!$G$18=$B$10,7,0)+IF('Standard Profiles'!$G$18=$B$17,14,0)+IF('Standard Profiles'!$G$18=$B$24,21,0),MOD($C1741,24)+1)/SUM(INDEX($D$3:$AA$30,INDEX(Jesper!$R$2:$R$366,ROW(INDEX(Jesper!AH$2:AH$366,ROUNDDOWN($C1741/24,0)+1,1))-1)+IF('Standard Profiles'!$G$18=$B$10,7,0)+IF('Standard Profiles'!$G$18=$B$17,14,0)+IF('Standard Profiles'!$G$18=$B$24,21,0),0)),0)</f>
        <v>5.5581956193844286</v>
      </c>
      <c r="E1741" cm="1">
        <f t="array" ref="E1741">IFERROR(INDEX(Jesper!AI$2:AI$366,ROUNDDOWN($C1741/24,0)+1,1)*INDEX($D$3:$AA$30,INDEX(Jesper!$R$2:$R$366,ROW(INDEX(Jesper!AI$2:AI$366,ROUNDDOWN($C1741/24,0)+1,1))-1)+IF('Standard Profiles'!$G$19=$B$10,7,0)+IF('Standard Profiles'!$G$19=$B$17,14,0)+IF('Standard Profiles'!$G$19=$B$24,21,0),MOD($C1741,24)+1)/SUM(INDEX($D$3:$AA$30,INDEX(Jesper!$R$2:$R$366,ROW(INDEX(Jesper!AI$2:AI$366,ROUNDDOWN($C1741/24,0)+1,1))-1)+IF('Standard Profiles'!$G$19=$B$10,7,0)+IF('Standard Profiles'!$G$19=$B$17,14,0)+IF('Standard Profiles'!$G$19=$B$24,21,0),0)),0)</f>
        <v>4.4748600862083601</v>
      </c>
      <c r="F1741" cm="1">
        <f t="array" ref="F1741">IFERROR(INDEX(Jesper!AJ$2:AJ$366,ROUNDDOWN($C1741/24,0)+1,1)*INDEX($D$3:$AA$30,INDEX(Jesper!$R$2:$R$366,ROW(INDEX(Jesper!AJ$2:AJ$366,ROUNDDOWN($C1741/24,0)+1,1))-1)+IF('Standard Profiles'!$G$20=$B$10,7,0)+IF('Standard Profiles'!$G$20=$B$17,14,0)+IF('Standard Profiles'!$G$20=$B$24,21,0),MOD($C1741,24)+1)/SUM(INDEX($D$3:$AA$30,INDEX(Jesper!$R$2:$R$366,ROW(INDEX(Jesper!AJ$2:AJ$366,ROUNDDOWN($C1741/24,0)+1,1))-1)+IF('Standard Profiles'!$G$20=$B$10,7,0)+IF('Standard Profiles'!$G$20=$B$17,14,0)+IF('Standard Profiles'!$G$20=$B$24,21,0),0)),0)</f>
        <v>0</v>
      </c>
      <c r="G1741" cm="1">
        <f t="array" ref="G1741">IFERROR(INDEX(Jesper!AK$2:AK$366,ROUNDDOWN($C1741/24,0)+1,1)*INDEX($D$3:$AA$30,INDEX(Jesper!$R$2:$R$366,ROW(INDEX(Jesper!AK$2:AK$366,ROUNDDOWN($C1741/24,0)+1,1))-1)+IF('Standard Profiles'!$G$21=$B$10,7,0)+IF('Standard Profiles'!$G$21=$B$17,14,0)+IF('Standard Profiles'!$G$21=$B$24,21,0),MOD($C1741,24)+1)/SUM(INDEX($D$3:$AA$30,INDEX(Jesper!$R$2:$R$366,ROW(INDEX(Jesper!AK$2:AK$366,ROUNDDOWN($C1741/24,0)+1,1))-1)+IF('Standard Profiles'!$G$21=$B$10,7,0)+IF('Standard Profiles'!$G$21=$B$17,14,0)+IF('Standard Profiles'!$G$21=$B$24,21,0),0)),0)</f>
        <v>1.5856341224062191</v>
      </c>
      <c r="H1741" cm="1">
        <f t="array" ref="H1741">IFERROR(INDEX(Jesper!AL$2:AL$366,ROUNDDOWN($C1741/24,0)+1,1)*INDEX($D$3:$AA$30,INDEX(Jesper!$R$2:$R$366,ROW(INDEX(Jesper!AL$2:AL$366,ROUNDDOWN($C1741/24,0)+1,1))-1)+IF('Standard Profiles'!$G$22=$B$10,7,0)+IF('Standard Profiles'!$G$22=$B$17,14,0)+IF('Standard Profiles'!$G$22=$B$24,21,0),MOD($C1741,24)+1)/SUM(INDEX($D$3:$AA$30,INDEX(Jesper!$R$2:$R$366,ROW(INDEX(Jesper!AL$2:AL$366,ROUNDDOWN($C1741/24,0)+1,1))-1)+IF('Standard Profiles'!$G$22=$B$10,7,0)+IF('Standard Profiles'!$G$22=$B$17,14,0)+IF('Standard Profiles'!$G$22=$B$24,21,0),0)),0)</f>
        <v>0</v>
      </c>
      <c r="I1741">
        <f t="shared" si="202"/>
        <v>0.76110437875498482</v>
      </c>
      <c r="J1741">
        <f t="shared" si="203"/>
        <v>9.9682741501425145</v>
      </c>
      <c r="K1741">
        <f t="shared" si="204"/>
        <v>0.59287419940100572</v>
      </c>
      <c r="L1741">
        <f t="shared" si="205"/>
        <v>0.29643709970050286</v>
      </c>
      <c r="M1741">
        <f t="shared" si="206"/>
        <v>0</v>
      </c>
      <c r="N1741" s="45">
        <f t="shared" si="207"/>
        <v>44998.12499999586</v>
      </c>
    </row>
    <row r="1742" spans="2:14" x14ac:dyDescent="0.25">
      <c r="B1742">
        <f t="shared" si="201"/>
        <v>1</v>
      </c>
      <c r="C1742" s="16">
        <v>1708</v>
      </c>
      <c r="D1742" cm="1">
        <f t="array" ref="D1742">IFERROR(INDEX(Jesper!AH$2:AH$366,ROUNDDOWN($C1742/24,0)+1,1)*INDEX($D$3:$AA$30,INDEX(Jesper!$R$2:$R$366,ROW(INDEX(Jesper!AH$2:AH$366,ROUNDDOWN($C1742/24,0)+1,1))-1)+IF('Standard Profiles'!$G$18=$B$10,7,0)+IF('Standard Profiles'!$G$18=$B$17,14,0)+IF('Standard Profiles'!$G$18=$B$24,21,0),MOD($C1742,24)+1)/SUM(INDEX($D$3:$AA$30,INDEX(Jesper!$R$2:$R$366,ROW(INDEX(Jesper!AH$2:AH$366,ROUNDDOWN($C1742/24,0)+1,1))-1)+IF('Standard Profiles'!$G$18=$B$10,7,0)+IF('Standard Profiles'!$G$18=$B$17,14,0)+IF('Standard Profiles'!$G$18=$B$24,21,0),0)),0)</f>
        <v>5.5581956193844286</v>
      </c>
      <c r="E1742" cm="1">
        <f t="array" ref="E1742">IFERROR(INDEX(Jesper!AI$2:AI$366,ROUNDDOWN($C1742/24,0)+1,1)*INDEX($D$3:$AA$30,INDEX(Jesper!$R$2:$R$366,ROW(INDEX(Jesper!AI$2:AI$366,ROUNDDOWN($C1742/24,0)+1,1))-1)+IF('Standard Profiles'!$G$19=$B$10,7,0)+IF('Standard Profiles'!$G$19=$B$17,14,0)+IF('Standard Profiles'!$G$19=$B$24,21,0),MOD($C1742,24)+1)/SUM(INDEX($D$3:$AA$30,INDEX(Jesper!$R$2:$R$366,ROW(INDEX(Jesper!AI$2:AI$366,ROUNDDOWN($C1742/24,0)+1,1))-1)+IF('Standard Profiles'!$G$19=$B$10,7,0)+IF('Standard Profiles'!$G$19=$B$17,14,0)+IF('Standard Profiles'!$G$19=$B$24,21,0),0)),0)</f>
        <v>4.4748600862083601</v>
      </c>
      <c r="F1742" cm="1">
        <f t="array" ref="F1742">IFERROR(INDEX(Jesper!AJ$2:AJ$366,ROUNDDOWN($C1742/24,0)+1,1)*INDEX($D$3:$AA$30,INDEX(Jesper!$R$2:$R$366,ROW(INDEX(Jesper!AJ$2:AJ$366,ROUNDDOWN($C1742/24,0)+1,1))-1)+IF('Standard Profiles'!$G$20=$B$10,7,0)+IF('Standard Profiles'!$G$20=$B$17,14,0)+IF('Standard Profiles'!$G$20=$B$24,21,0),MOD($C1742,24)+1)/SUM(INDEX($D$3:$AA$30,INDEX(Jesper!$R$2:$R$366,ROW(INDEX(Jesper!AJ$2:AJ$366,ROUNDDOWN($C1742/24,0)+1,1))-1)+IF('Standard Profiles'!$G$20=$B$10,7,0)+IF('Standard Profiles'!$G$20=$B$17,14,0)+IF('Standard Profiles'!$G$20=$B$24,21,0),0)),0)</f>
        <v>0</v>
      </c>
      <c r="G1742" cm="1">
        <f t="array" ref="G1742">IFERROR(INDEX(Jesper!AK$2:AK$366,ROUNDDOWN($C1742/24,0)+1,1)*INDEX($D$3:$AA$30,INDEX(Jesper!$R$2:$R$366,ROW(INDEX(Jesper!AK$2:AK$366,ROUNDDOWN($C1742/24,0)+1,1))-1)+IF('Standard Profiles'!$G$21=$B$10,7,0)+IF('Standard Profiles'!$G$21=$B$17,14,0)+IF('Standard Profiles'!$G$21=$B$24,21,0),MOD($C1742,24)+1)/SUM(INDEX($D$3:$AA$30,INDEX(Jesper!$R$2:$R$366,ROW(INDEX(Jesper!AK$2:AK$366,ROUNDDOWN($C1742/24,0)+1,1))-1)+IF('Standard Profiles'!$G$21=$B$10,7,0)+IF('Standard Profiles'!$G$21=$B$17,14,0)+IF('Standard Profiles'!$G$21=$B$24,21,0),0)),0)</f>
        <v>1.5856341224062191</v>
      </c>
      <c r="H1742" cm="1">
        <f t="array" ref="H1742">IFERROR(INDEX(Jesper!AL$2:AL$366,ROUNDDOWN($C1742/24,0)+1,1)*INDEX($D$3:$AA$30,INDEX(Jesper!$R$2:$R$366,ROW(INDEX(Jesper!AL$2:AL$366,ROUNDDOWN($C1742/24,0)+1,1))-1)+IF('Standard Profiles'!$G$22=$B$10,7,0)+IF('Standard Profiles'!$G$22=$B$17,14,0)+IF('Standard Profiles'!$G$22=$B$24,21,0),MOD($C1742,24)+1)/SUM(INDEX($D$3:$AA$30,INDEX(Jesper!$R$2:$R$366,ROW(INDEX(Jesper!AL$2:AL$366,ROUNDDOWN($C1742/24,0)+1,1))-1)+IF('Standard Profiles'!$G$22=$B$10,7,0)+IF('Standard Profiles'!$G$22=$B$17,14,0)+IF('Standard Profiles'!$G$22=$B$24,21,0),0)),0)</f>
        <v>0</v>
      </c>
      <c r="I1742">
        <f t="shared" si="202"/>
        <v>0.76110437875498482</v>
      </c>
      <c r="J1742">
        <f t="shared" si="203"/>
        <v>9.9682741501425145</v>
      </c>
      <c r="K1742">
        <f t="shared" si="204"/>
        <v>0.59287419940100572</v>
      </c>
      <c r="L1742">
        <f t="shared" si="205"/>
        <v>0.29643709970050286</v>
      </c>
      <c r="M1742">
        <f t="shared" si="206"/>
        <v>0</v>
      </c>
      <c r="N1742" s="45">
        <f t="shared" si="207"/>
        <v>44998.166666662524</v>
      </c>
    </row>
    <row r="1743" spans="2:14" x14ac:dyDescent="0.25">
      <c r="B1743">
        <f t="shared" si="201"/>
        <v>1</v>
      </c>
      <c r="C1743" s="16">
        <v>1709</v>
      </c>
      <c r="D1743" cm="1">
        <f t="array" ref="D1743">IFERROR(INDEX(Jesper!AH$2:AH$366,ROUNDDOWN($C1743/24,0)+1,1)*INDEX($D$3:$AA$30,INDEX(Jesper!$R$2:$R$366,ROW(INDEX(Jesper!AH$2:AH$366,ROUNDDOWN($C1743/24,0)+1,1))-1)+IF('Standard Profiles'!$G$18=$B$10,7,0)+IF('Standard Profiles'!$G$18=$B$17,14,0)+IF('Standard Profiles'!$G$18=$B$24,21,0),MOD($C1743,24)+1)/SUM(INDEX($D$3:$AA$30,INDEX(Jesper!$R$2:$R$366,ROW(INDEX(Jesper!AH$2:AH$366,ROUNDDOWN($C1743/24,0)+1,1))-1)+IF('Standard Profiles'!$G$18=$B$10,7,0)+IF('Standard Profiles'!$G$18=$B$17,14,0)+IF('Standard Profiles'!$G$18=$B$24,21,0),0)),0)</f>
        <v>5.5581956193844286</v>
      </c>
      <c r="E1743" cm="1">
        <f t="array" ref="E1743">IFERROR(INDEX(Jesper!AI$2:AI$366,ROUNDDOWN($C1743/24,0)+1,1)*INDEX($D$3:$AA$30,INDEX(Jesper!$R$2:$R$366,ROW(INDEX(Jesper!AI$2:AI$366,ROUNDDOWN($C1743/24,0)+1,1))-1)+IF('Standard Profiles'!$G$19=$B$10,7,0)+IF('Standard Profiles'!$G$19=$B$17,14,0)+IF('Standard Profiles'!$G$19=$B$24,21,0),MOD($C1743,24)+1)/SUM(INDEX($D$3:$AA$30,INDEX(Jesper!$R$2:$R$366,ROW(INDEX(Jesper!AI$2:AI$366,ROUNDDOWN($C1743/24,0)+1,1))-1)+IF('Standard Profiles'!$G$19=$B$10,7,0)+IF('Standard Profiles'!$G$19=$B$17,14,0)+IF('Standard Profiles'!$G$19=$B$24,21,0),0)),0)</f>
        <v>4.4748600862083601</v>
      </c>
      <c r="F1743" cm="1">
        <f t="array" ref="F1743">IFERROR(INDEX(Jesper!AJ$2:AJ$366,ROUNDDOWN($C1743/24,0)+1,1)*INDEX($D$3:$AA$30,INDEX(Jesper!$R$2:$R$366,ROW(INDEX(Jesper!AJ$2:AJ$366,ROUNDDOWN($C1743/24,0)+1,1))-1)+IF('Standard Profiles'!$G$20=$B$10,7,0)+IF('Standard Profiles'!$G$20=$B$17,14,0)+IF('Standard Profiles'!$G$20=$B$24,21,0),MOD($C1743,24)+1)/SUM(INDEX($D$3:$AA$30,INDEX(Jesper!$R$2:$R$366,ROW(INDEX(Jesper!AJ$2:AJ$366,ROUNDDOWN($C1743/24,0)+1,1))-1)+IF('Standard Profiles'!$G$20=$B$10,7,0)+IF('Standard Profiles'!$G$20=$B$17,14,0)+IF('Standard Profiles'!$G$20=$B$24,21,0),0)),0)</f>
        <v>0</v>
      </c>
      <c r="G1743" cm="1">
        <f t="array" ref="G1743">IFERROR(INDEX(Jesper!AK$2:AK$366,ROUNDDOWN($C1743/24,0)+1,1)*INDEX($D$3:$AA$30,INDEX(Jesper!$R$2:$R$366,ROW(INDEX(Jesper!AK$2:AK$366,ROUNDDOWN($C1743/24,0)+1,1))-1)+IF('Standard Profiles'!$G$21=$B$10,7,0)+IF('Standard Profiles'!$G$21=$B$17,14,0)+IF('Standard Profiles'!$G$21=$B$24,21,0),MOD($C1743,24)+1)/SUM(INDEX($D$3:$AA$30,INDEX(Jesper!$R$2:$R$366,ROW(INDEX(Jesper!AK$2:AK$366,ROUNDDOWN($C1743/24,0)+1,1))-1)+IF('Standard Profiles'!$G$21=$B$10,7,0)+IF('Standard Profiles'!$G$21=$B$17,14,0)+IF('Standard Profiles'!$G$21=$B$24,21,0),0)),0)</f>
        <v>1.5856341224062191</v>
      </c>
      <c r="H1743" cm="1">
        <f t="array" ref="H1743">IFERROR(INDEX(Jesper!AL$2:AL$366,ROUNDDOWN($C1743/24,0)+1,1)*INDEX($D$3:$AA$30,INDEX(Jesper!$R$2:$R$366,ROW(INDEX(Jesper!AL$2:AL$366,ROUNDDOWN($C1743/24,0)+1,1))-1)+IF('Standard Profiles'!$G$22=$B$10,7,0)+IF('Standard Profiles'!$G$22=$B$17,14,0)+IF('Standard Profiles'!$G$22=$B$24,21,0),MOD($C1743,24)+1)/SUM(INDEX($D$3:$AA$30,INDEX(Jesper!$R$2:$R$366,ROW(INDEX(Jesper!AL$2:AL$366,ROUNDDOWN($C1743/24,0)+1,1))-1)+IF('Standard Profiles'!$G$22=$B$10,7,0)+IF('Standard Profiles'!$G$22=$B$17,14,0)+IF('Standard Profiles'!$G$22=$B$24,21,0),0)),0)</f>
        <v>0</v>
      </c>
      <c r="I1743">
        <f t="shared" si="202"/>
        <v>0.76110437875498482</v>
      </c>
      <c r="J1743">
        <f t="shared" si="203"/>
        <v>9.9682741501425145</v>
      </c>
      <c r="K1743">
        <f t="shared" si="204"/>
        <v>0.59287419940100572</v>
      </c>
      <c r="L1743">
        <f t="shared" si="205"/>
        <v>0.29643709970050286</v>
      </c>
      <c r="M1743">
        <f t="shared" si="206"/>
        <v>0</v>
      </c>
      <c r="N1743" s="45">
        <f t="shared" si="207"/>
        <v>44998.208333329188</v>
      </c>
    </row>
    <row r="1744" spans="2:14" x14ac:dyDescent="0.25">
      <c r="B1744">
        <f t="shared" si="201"/>
        <v>1</v>
      </c>
      <c r="C1744" s="16">
        <v>1710</v>
      </c>
      <c r="D1744" cm="1">
        <f t="array" ref="D1744">IFERROR(INDEX(Jesper!AH$2:AH$366,ROUNDDOWN($C1744/24,0)+1,1)*INDEX($D$3:$AA$30,INDEX(Jesper!$R$2:$R$366,ROW(INDEX(Jesper!AH$2:AH$366,ROUNDDOWN($C1744/24,0)+1,1))-1)+IF('Standard Profiles'!$G$18=$B$10,7,0)+IF('Standard Profiles'!$G$18=$B$17,14,0)+IF('Standard Profiles'!$G$18=$B$24,21,0),MOD($C1744,24)+1)/SUM(INDEX($D$3:$AA$30,INDEX(Jesper!$R$2:$R$366,ROW(INDEX(Jesper!AH$2:AH$366,ROUNDDOWN($C1744/24,0)+1,1))-1)+IF('Standard Profiles'!$G$18=$B$10,7,0)+IF('Standard Profiles'!$G$18=$B$17,14,0)+IF('Standard Profiles'!$G$18=$B$24,21,0),0)),0)</f>
        <v>5.5581956193844286</v>
      </c>
      <c r="E1744" cm="1">
        <f t="array" ref="E1744">IFERROR(INDEX(Jesper!AI$2:AI$366,ROUNDDOWN($C1744/24,0)+1,1)*INDEX($D$3:$AA$30,INDEX(Jesper!$R$2:$R$366,ROW(INDEX(Jesper!AI$2:AI$366,ROUNDDOWN($C1744/24,0)+1,1))-1)+IF('Standard Profiles'!$G$19=$B$10,7,0)+IF('Standard Profiles'!$G$19=$B$17,14,0)+IF('Standard Profiles'!$G$19=$B$24,21,0),MOD($C1744,24)+1)/SUM(INDEX($D$3:$AA$30,INDEX(Jesper!$R$2:$R$366,ROW(INDEX(Jesper!AI$2:AI$366,ROUNDDOWN($C1744/24,0)+1,1))-1)+IF('Standard Profiles'!$G$19=$B$10,7,0)+IF('Standard Profiles'!$G$19=$B$17,14,0)+IF('Standard Profiles'!$G$19=$B$24,21,0),0)),0)</f>
        <v>4.4748600862083601</v>
      </c>
      <c r="F1744" cm="1">
        <f t="array" ref="F1744">IFERROR(INDEX(Jesper!AJ$2:AJ$366,ROUNDDOWN($C1744/24,0)+1,1)*INDEX($D$3:$AA$30,INDEX(Jesper!$R$2:$R$366,ROW(INDEX(Jesper!AJ$2:AJ$366,ROUNDDOWN($C1744/24,0)+1,1))-1)+IF('Standard Profiles'!$G$20=$B$10,7,0)+IF('Standard Profiles'!$G$20=$B$17,14,0)+IF('Standard Profiles'!$G$20=$B$24,21,0),MOD($C1744,24)+1)/SUM(INDEX($D$3:$AA$30,INDEX(Jesper!$R$2:$R$366,ROW(INDEX(Jesper!AJ$2:AJ$366,ROUNDDOWN($C1744/24,0)+1,1))-1)+IF('Standard Profiles'!$G$20=$B$10,7,0)+IF('Standard Profiles'!$G$20=$B$17,14,0)+IF('Standard Profiles'!$G$20=$B$24,21,0),0)),0)</f>
        <v>0</v>
      </c>
      <c r="G1744" cm="1">
        <f t="array" ref="G1744">IFERROR(INDEX(Jesper!AK$2:AK$366,ROUNDDOWN($C1744/24,0)+1,1)*INDEX($D$3:$AA$30,INDEX(Jesper!$R$2:$R$366,ROW(INDEX(Jesper!AK$2:AK$366,ROUNDDOWN($C1744/24,0)+1,1))-1)+IF('Standard Profiles'!$G$21=$B$10,7,0)+IF('Standard Profiles'!$G$21=$B$17,14,0)+IF('Standard Profiles'!$G$21=$B$24,21,0),MOD($C1744,24)+1)/SUM(INDEX($D$3:$AA$30,INDEX(Jesper!$R$2:$R$366,ROW(INDEX(Jesper!AK$2:AK$366,ROUNDDOWN($C1744/24,0)+1,1))-1)+IF('Standard Profiles'!$G$21=$B$10,7,0)+IF('Standard Profiles'!$G$21=$B$17,14,0)+IF('Standard Profiles'!$G$21=$B$24,21,0),0)),0)</f>
        <v>1.5856341224062191</v>
      </c>
      <c r="H1744" cm="1">
        <f t="array" ref="H1744">IFERROR(INDEX(Jesper!AL$2:AL$366,ROUNDDOWN($C1744/24,0)+1,1)*INDEX($D$3:$AA$30,INDEX(Jesper!$R$2:$R$366,ROW(INDEX(Jesper!AL$2:AL$366,ROUNDDOWN($C1744/24,0)+1,1))-1)+IF('Standard Profiles'!$G$22=$B$10,7,0)+IF('Standard Profiles'!$G$22=$B$17,14,0)+IF('Standard Profiles'!$G$22=$B$24,21,0),MOD($C1744,24)+1)/SUM(INDEX($D$3:$AA$30,INDEX(Jesper!$R$2:$R$366,ROW(INDEX(Jesper!AL$2:AL$366,ROUNDDOWN($C1744/24,0)+1,1))-1)+IF('Standard Profiles'!$G$22=$B$10,7,0)+IF('Standard Profiles'!$G$22=$B$17,14,0)+IF('Standard Profiles'!$G$22=$B$24,21,0),0)),0)</f>
        <v>0</v>
      </c>
      <c r="I1744">
        <f t="shared" si="202"/>
        <v>0.76110437875498482</v>
      </c>
      <c r="J1744">
        <f t="shared" si="203"/>
        <v>9.9682741501425145</v>
      </c>
      <c r="K1744">
        <f t="shared" si="204"/>
        <v>0.59287419940100572</v>
      </c>
      <c r="L1744">
        <f t="shared" si="205"/>
        <v>0.29643709970050286</v>
      </c>
      <c r="M1744">
        <f t="shared" si="206"/>
        <v>0</v>
      </c>
      <c r="N1744" s="45">
        <f t="shared" si="207"/>
        <v>44998.249999995853</v>
      </c>
    </row>
    <row r="1745" spans="2:14" x14ac:dyDescent="0.25">
      <c r="B1745">
        <f t="shared" si="201"/>
        <v>1</v>
      </c>
      <c r="C1745" s="16">
        <v>1711</v>
      </c>
      <c r="D1745" cm="1">
        <f t="array" ref="D1745">IFERROR(INDEX(Jesper!AH$2:AH$366,ROUNDDOWN($C1745/24,0)+1,1)*INDEX($D$3:$AA$30,INDEX(Jesper!$R$2:$R$366,ROW(INDEX(Jesper!AH$2:AH$366,ROUNDDOWN($C1745/24,0)+1,1))-1)+IF('Standard Profiles'!$G$18=$B$10,7,0)+IF('Standard Profiles'!$G$18=$B$17,14,0)+IF('Standard Profiles'!$G$18=$B$24,21,0),MOD($C1745,24)+1)/SUM(INDEX($D$3:$AA$30,INDEX(Jesper!$R$2:$R$366,ROW(INDEX(Jesper!AH$2:AH$366,ROUNDDOWN($C1745/24,0)+1,1))-1)+IF('Standard Profiles'!$G$18=$B$10,7,0)+IF('Standard Profiles'!$G$18=$B$17,14,0)+IF('Standard Profiles'!$G$18=$B$24,21,0),0)),0)</f>
        <v>23.677913338577664</v>
      </c>
      <c r="E1745" cm="1">
        <f t="array" ref="E1745">IFERROR(INDEX(Jesper!AI$2:AI$366,ROUNDDOWN($C1745/24,0)+1,1)*INDEX($D$3:$AA$30,INDEX(Jesper!$R$2:$R$366,ROW(INDEX(Jesper!AI$2:AI$366,ROUNDDOWN($C1745/24,0)+1,1))-1)+IF('Standard Profiles'!$G$19=$B$10,7,0)+IF('Standard Profiles'!$G$19=$B$17,14,0)+IF('Standard Profiles'!$G$19=$B$24,21,0),MOD($C1745,24)+1)/SUM(INDEX($D$3:$AA$30,INDEX(Jesper!$R$2:$R$366,ROW(INDEX(Jesper!AI$2:AI$366,ROUNDDOWN($C1745/24,0)+1,1))-1)+IF('Standard Profiles'!$G$19=$B$10,7,0)+IF('Standard Profiles'!$G$19=$B$17,14,0)+IF('Standard Profiles'!$G$19=$B$24,21,0),0)),0)</f>
        <v>19.062903967247614</v>
      </c>
      <c r="F1745" cm="1">
        <f t="array" ref="F1745">IFERROR(INDEX(Jesper!AJ$2:AJ$366,ROUNDDOWN($C1745/24,0)+1,1)*INDEX($D$3:$AA$30,INDEX(Jesper!$R$2:$R$366,ROW(INDEX(Jesper!AJ$2:AJ$366,ROUNDDOWN($C1745/24,0)+1,1))-1)+IF('Standard Profiles'!$G$20=$B$10,7,0)+IF('Standard Profiles'!$G$20=$B$17,14,0)+IF('Standard Profiles'!$G$20=$B$24,21,0),MOD($C1745,24)+1)/SUM(INDEX($D$3:$AA$30,INDEX(Jesper!$R$2:$R$366,ROW(INDEX(Jesper!AJ$2:AJ$366,ROUNDDOWN($C1745/24,0)+1,1))-1)+IF('Standard Profiles'!$G$20=$B$10,7,0)+IF('Standard Profiles'!$G$20=$B$17,14,0)+IF('Standard Profiles'!$G$20=$B$24,21,0),0)),0)</f>
        <v>0</v>
      </c>
      <c r="G1745" cm="1">
        <f t="array" ref="G1745">IFERROR(INDEX(Jesper!AK$2:AK$366,ROUNDDOWN($C1745/24,0)+1,1)*INDEX($D$3:$AA$30,INDEX(Jesper!$R$2:$R$366,ROW(INDEX(Jesper!AK$2:AK$366,ROUNDDOWN($C1745/24,0)+1,1))-1)+IF('Standard Profiles'!$G$21=$B$10,7,0)+IF('Standard Profiles'!$G$21=$B$17,14,0)+IF('Standard Profiles'!$G$21=$B$24,21,0),MOD($C1745,24)+1)/SUM(INDEX($D$3:$AA$30,INDEX(Jesper!$R$2:$R$366,ROW(INDEX(Jesper!AK$2:AK$366,ROUNDDOWN($C1745/24,0)+1,1))-1)+IF('Standard Profiles'!$G$21=$B$10,7,0)+IF('Standard Profiles'!$G$21=$B$17,14,0)+IF('Standard Profiles'!$G$21=$B$24,21,0),0)),0)</f>
        <v>6.8975084324670526</v>
      </c>
      <c r="H1745" cm="1">
        <f t="array" ref="H1745">IFERROR(INDEX(Jesper!AL$2:AL$366,ROUNDDOWN($C1745/24,0)+1,1)*INDEX($D$3:$AA$30,INDEX(Jesper!$R$2:$R$366,ROW(INDEX(Jesper!AL$2:AL$366,ROUNDDOWN($C1745/24,0)+1,1))-1)+IF('Standard Profiles'!$G$22=$B$10,7,0)+IF('Standard Profiles'!$G$22=$B$17,14,0)+IF('Standard Profiles'!$G$22=$B$24,21,0),MOD($C1745,24)+1)/SUM(INDEX($D$3:$AA$30,INDEX(Jesper!$R$2:$R$366,ROW(INDEX(Jesper!AL$2:AL$366,ROUNDDOWN($C1745/24,0)+1,1))-1)+IF('Standard Profiles'!$G$22=$B$10,7,0)+IF('Standard Profiles'!$G$22=$B$17,14,0)+IF('Standard Profiles'!$G$22=$B$24,21,0),0)),0)</f>
        <v>0</v>
      </c>
      <c r="I1745">
        <f t="shared" si="202"/>
        <v>3.3108040475841838</v>
      </c>
      <c r="J1745">
        <f t="shared" si="203"/>
        <v>42.539055556535722</v>
      </c>
      <c r="K1745">
        <f t="shared" si="204"/>
        <v>2.5256440894482841</v>
      </c>
      <c r="L1745">
        <f t="shared" si="205"/>
        <v>1.2628220447241421</v>
      </c>
      <c r="M1745">
        <f t="shared" si="206"/>
        <v>0</v>
      </c>
      <c r="N1745" s="45">
        <f t="shared" si="207"/>
        <v>44998.291666662517</v>
      </c>
    </row>
    <row r="1746" spans="2:14" x14ac:dyDescent="0.25">
      <c r="B1746">
        <f t="shared" si="201"/>
        <v>1</v>
      </c>
      <c r="C1746" s="16">
        <v>1712</v>
      </c>
      <c r="D1746" cm="1">
        <f t="array" ref="D1746">IFERROR(INDEX(Jesper!AH$2:AH$366,ROUNDDOWN($C1746/24,0)+1,1)*INDEX($D$3:$AA$30,INDEX(Jesper!$R$2:$R$366,ROW(INDEX(Jesper!AH$2:AH$366,ROUNDDOWN($C1746/24,0)+1,1))-1)+IF('Standard Profiles'!$G$18=$B$10,7,0)+IF('Standard Profiles'!$G$18=$B$17,14,0)+IF('Standard Profiles'!$G$18=$B$24,21,0),MOD($C1746,24)+1)/SUM(INDEX($D$3:$AA$30,INDEX(Jesper!$R$2:$R$366,ROW(INDEX(Jesper!AH$2:AH$366,ROUNDDOWN($C1746/24,0)+1,1))-1)+IF('Standard Profiles'!$G$18=$B$10,7,0)+IF('Standard Profiles'!$G$18=$B$17,14,0)+IF('Standard Profiles'!$G$18=$B$24,21,0),0)),0)</f>
        <v>26.637652505899872</v>
      </c>
      <c r="E1746" cm="1">
        <f t="array" ref="E1746">IFERROR(INDEX(Jesper!AI$2:AI$366,ROUNDDOWN($C1746/24,0)+1,1)*INDEX($D$3:$AA$30,INDEX(Jesper!$R$2:$R$366,ROW(INDEX(Jesper!AI$2:AI$366,ROUNDDOWN($C1746/24,0)+1,1))-1)+IF('Standard Profiles'!$G$19=$B$10,7,0)+IF('Standard Profiles'!$G$19=$B$17,14,0)+IF('Standard Profiles'!$G$19=$B$24,21,0),MOD($C1746,24)+1)/SUM(INDEX($D$3:$AA$30,INDEX(Jesper!$R$2:$R$366,ROW(INDEX(Jesper!AI$2:AI$366,ROUNDDOWN($C1746/24,0)+1,1))-1)+IF('Standard Profiles'!$G$19=$B$10,7,0)+IF('Standard Profiles'!$G$19=$B$17,14,0)+IF('Standard Profiles'!$G$19=$B$24,21,0),0)),0)</f>
        <v>21.445766963153563</v>
      </c>
      <c r="F1746" cm="1">
        <f t="array" ref="F1746">IFERROR(INDEX(Jesper!AJ$2:AJ$366,ROUNDDOWN($C1746/24,0)+1,1)*INDEX($D$3:$AA$30,INDEX(Jesper!$R$2:$R$366,ROW(INDEX(Jesper!AJ$2:AJ$366,ROUNDDOWN($C1746/24,0)+1,1))-1)+IF('Standard Profiles'!$G$20=$B$10,7,0)+IF('Standard Profiles'!$G$20=$B$17,14,0)+IF('Standard Profiles'!$G$20=$B$24,21,0),MOD($C1746,24)+1)/SUM(INDEX($D$3:$AA$30,INDEX(Jesper!$R$2:$R$366,ROW(INDEX(Jesper!AJ$2:AJ$366,ROUNDDOWN($C1746/24,0)+1,1))-1)+IF('Standard Profiles'!$G$20=$B$10,7,0)+IF('Standard Profiles'!$G$20=$B$17,14,0)+IF('Standard Profiles'!$G$20=$B$24,21,0),0)),0)</f>
        <v>0</v>
      </c>
      <c r="G1746" cm="1">
        <f t="array" ref="G1746">IFERROR(INDEX(Jesper!AK$2:AK$366,ROUNDDOWN($C1746/24,0)+1,1)*INDEX($D$3:$AA$30,INDEX(Jesper!$R$2:$R$366,ROW(INDEX(Jesper!AK$2:AK$366,ROUNDDOWN($C1746/24,0)+1,1))-1)+IF('Standard Profiles'!$G$21=$B$10,7,0)+IF('Standard Profiles'!$G$21=$B$17,14,0)+IF('Standard Profiles'!$G$21=$B$24,21,0),MOD($C1746,24)+1)/SUM(INDEX($D$3:$AA$30,INDEX(Jesper!$R$2:$R$366,ROW(INDEX(Jesper!AK$2:AK$366,ROUNDDOWN($C1746/24,0)+1,1))-1)+IF('Standard Profiles'!$G$21=$B$10,7,0)+IF('Standard Profiles'!$G$21=$B$17,14,0)+IF('Standard Profiles'!$G$21=$B$24,21,0),0)),0)</f>
        <v>7.7596969865254355</v>
      </c>
      <c r="H1746" cm="1">
        <f t="array" ref="H1746">IFERROR(INDEX(Jesper!AL$2:AL$366,ROUNDDOWN($C1746/24,0)+1,1)*INDEX($D$3:$AA$30,INDEX(Jesper!$R$2:$R$366,ROW(INDEX(Jesper!AL$2:AL$366,ROUNDDOWN($C1746/24,0)+1,1))-1)+IF('Standard Profiles'!$G$22=$B$10,7,0)+IF('Standard Profiles'!$G$22=$B$17,14,0)+IF('Standard Profiles'!$G$22=$B$24,21,0),MOD($C1746,24)+1)/SUM(INDEX($D$3:$AA$30,INDEX(Jesper!$R$2:$R$366,ROW(INDEX(Jesper!AL$2:AL$366,ROUNDDOWN($C1746/24,0)+1,1))-1)+IF('Standard Profiles'!$G$22=$B$10,7,0)+IF('Standard Profiles'!$G$22=$B$17,14,0)+IF('Standard Profiles'!$G$22=$B$24,21,0),0)),0)</f>
        <v>0</v>
      </c>
      <c r="I1746">
        <f t="shared" si="202"/>
        <v>3.7246545535322073</v>
      </c>
      <c r="J1746">
        <f t="shared" si="203"/>
        <v>47.856437501102683</v>
      </c>
      <c r="K1746">
        <f t="shared" si="204"/>
        <v>2.8413496006293197</v>
      </c>
      <c r="L1746">
        <f t="shared" si="205"/>
        <v>1.4206748003146599</v>
      </c>
      <c r="M1746">
        <f t="shared" si="206"/>
        <v>0</v>
      </c>
      <c r="N1746" s="45">
        <f t="shared" si="207"/>
        <v>44998.333333329181</v>
      </c>
    </row>
    <row r="1747" spans="2:14" x14ac:dyDescent="0.25">
      <c r="B1747">
        <f t="shared" si="201"/>
        <v>1</v>
      </c>
      <c r="C1747" s="16">
        <v>1713</v>
      </c>
      <c r="D1747" cm="1">
        <f t="array" ref="D1747">IFERROR(INDEX(Jesper!AH$2:AH$366,ROUNDDOWN($C1747/24,0)+1,1)*INDEX($D$3:$AA$30,INDEX(Jesper!$R$2:$R$366,ROW(INDEX(Jesper!AH$2:AH$366,ROUNDDOWN($C1747/24,0)+1,1))-1)+IF('Standard Profiles'!$G$18=$B$10,7,0)+IF('Standard Profiles'!$G$18=$B$17,14,0)+IF('Standard Profiles'!$G$18=$B$24,21,0),MOD($C1747,24)+1)/SUM(INDEX($D$3:$AA$30,INDEX(Jesper!$R$2:$R$366,ROW(INDEX(Jesper!AH$2:AH$366,ROUNDDOWN($C1747/24,0)+1,1))-1)+IF('Standard Profiles'!$G$18=$B$10,7,0)+IF('Standard Profiles'!$G$18=$B$17,14,0)+IF('Standard Profiles'!$G$18=$B$24,21,0),0)),0)</f>
        <v>29.597391673222081</v>
      </c>
      <c r="E1747" cm="1">
        <f t="array" ref="E1747">IFERROR(INDEX(Jesper!AI$2:AI$366,ROUNDDOWN($C1747/24,0)+1,1)*INDEX($D$3:$AA$30,INDEX(Jesper!$R$2:$R$366,ROW(INDEX(Jesper!AI$2:AI$366,ROUNDDOWN($C1747/24,0)+1,1))-1)+IF('Standard Profiles'!$G$19=$B$10,7,0)+IF('Standard Profiles'!$G$19=$B$17,14,0)+IF('Standard Profiles'!$G$19=$B$24,21,0),MOD($C1747,24)+1)/SUM(INDEX($D$3:$AA$30,INDEX(Jesper!$R$2:$R$366,ROW(INDEX(Jesper!AI$2:AI$366,ROUNDDOWN($C1747/24,0)+1,1))-1)+IF('Standard Profiles'!$G$19=$B$10,7,0)+IF('Standard Profiles'!$G$19=$B$17,14,0)+IF('Standard Profiles'!$G$19=$B$24,21,0),0)),0)</f>
        <v>23.828629959059516</v>
      </c>
      <c r="F1747" cm="1">
        <f t="array" ref="F1747">IFERROR(INDEX(Jesper!AJ$2:AJ$366,ROUNDDOWN($C1747/24,0)+1,1)*INDEX($D$3:$AA$30,INDEX(Jesper!$R$2:$R$366,ROW(INDEX(Jesper!AJ$2:AJ$366,ROUNDDOWN($C1747/24,0)+1,1))-1)+IF('Standard Profiles'!$G$20=$B$10,7,0)+IF('Standard Profiles'!$G$20=$B$17,14,0)+IF('Standard Profiles'!$G$20=$B$24,21,0),MOD($C1747,24)+1)/SUM(INDEX($D$3:$AA$30,INDEX(Jesper!$R$2:$R$366,ROW(INDEX(Jesper!AJ$2:AJ$366,ROUNDDOWN($C1747/24,0)+1,1))-1)+IF('Standard Profiles'!$G$20=$B$10,7,0)+IF('Standard Profiles'!$G$20=$B$17,14,0)+IF('Standard Profiles'!$G$20=$B$24,21,0),0)),0)</f>
        <v>0</v>
      </c>
      <c r="G1747" cm="1">
        <f t="array" ref="G1747">IFERROR(INDEX(Jesper!AK$2:AK$366,ROUNDDOWN($C1747/24,0)+1,1)*INDEX($D$3:$AA$30,INDEX(Jesper!$R$2:$R$366,ROW(INDEX(Jesper!AK$2:AK$366,ROUNDDOWN($C1747/24,0)+1,1))-1)+IF('Standard Profiles'!$G$21=$B$10,7,0)+IF('Standard Profiles'!$G$21=$B$17,14,0)+IF('Standard Profiles'!$G$21=$B$24,21,0),MOD($C1747,24)+1)/SUM(INDEX($D$3:$AA$30,INDEX(Jesper!$R$2:$R$366,ROW(INDEX(Jesper!AK$2:AK$366,ROUNDDOWN($C1747/24,0)+1,1))-1)+IF('Standard Profiles'!$G$21=$B$10,7,0)+IF('Standard Profiles'!$G$21=$B$17,14,0)+IF('Standard Profiles'!$G$21=$B$24,21,0),0)),0)</f>
        <v>8.6218855405838166</v>
      </c>
      <c r="H1747" cm="1">
        <f t="array" ref="H1747">IFERROR(INDEX(Jesper!AL$2:AL$366,ROUNDDOWN($C1747/24,0)+1,1)*INDEX($D$3:$AA$30,INDEX(Jesper!$R$2:$R$366,ROW(INDEX(Jesper!AL$2:AL$366,ROUNDDOWN($C1747/24,0)+1,1))-1)+IF('Standard Profiles'!$G$22=$B$10,7,0)+IF('Standard Profiles'!$G$22=$B$17,14,0)+IF('Standard Profiles'!$G$22=$B$24,21,0),MOD($C1747,24)+1)/SUM(INDEX($D$3:$AA$30,INDEX(Jesper!$R$2:$R$366,ROW(INDEX(Jesper!AL$2:AL$366,ROUNDDOWN($C1747/24,0)+1,1))-1)+IF('Standard Profiles'!$G$22=$B$10,7,0)+IF('Standard Profiles'!$G$22=$B$17,14,0)+IF('Standard Profiles'!$G$22=$B$24,21,0),0)),0)</f>
        <v>0</v>
      </c>
      <c r="I1747">
        <f t="shared" si="202"/>
        <v>4.13850505948023</v>
      </c>
      <c r="J1747">
        <f t="shared" si="203"/>
        <v>53.17381944566965</v>
      </c>
      <c r="K1747">
        <f t="shared" si="204"/>
        <v>3.1570551118103554</v>
      </c>
      <c r="L1747">
        <f t="shared" si="205"/>
        <v>1.5785275559051777</v>
      </c>
      <c r="M1747">
        <f t="shared" si="206"/>
        <v>0</v>
      </c>
      <c r="N1747" s="45">
        <f t="shared" si="207"/>
        <v>44998.374999995845</v>
      </c>
    </row>
    <row r="1748" spans="2:14" x14ac:dyDescent="0.25">
      <c r="B1748">
        <f t="shared" si="201"/>
        <v>1</v>
      </c>
      <c r="C1748" s="16">
        <v>1714</v>
      </c>
      <c r="D1748" cm="1">
        <f t="array" ref="D1748">IFERROR(INDEX(Jesper!AH$2:AH$366,ROUNDDOWN($C1748/24,0)+1,1)*INDEX($D$3:$AA$30,INDEX(Jesper!$R$2:$R$366,ROW(INDEX(Jesper!AH$2:AH$366,ROUNDDOWN($C1748/24,0)+1,1))-1)+IF('Standard Profiles'!$G$18=$B$10,7,0)+IF('Standard Profiles'!$G$18=$B$17,14,0)+IF('Standard Profiles'!$G$18=$B$24,21,0),MOD($C1748,24)+1)/SUM(INDEX($D$3:$AA$30,INDEX(Jesper!$R$2:$R$366,ROW(INDEX(Jesper!AH$2:AH$366,ROUNDDOWN($C1748/24,0)+1,1))-1)+IF('Standard Profiles'!$G$18=$B$10,7,0)+IF('Standard Profiles'!$G$18=$B$17,14,0)+IF('Standard Profiles'!$G$18=$B$24,21,0),0)),0)</f>
        <v>29.597391673222081</v>
      </c>
      <c r="E1748" cm="1">
        <f t="array" ref="E1748">IFERROR(INDEX(Jesper!AI$2:AI$366,ROUNDDOWN($C1748/24,0)+1,1)*INDEX($D$3:$AA$30,INDEX(Jesper!$R$2:$R$366,ROW(INDEX(Jesper!AI$2:AI$366,ROUNDDOWN($C1748/24,0)+1,1))-1)+IF('Standard Profiles'!$G$19=$B$10,7,0)+IF('Standard Profiles'!$G$19=$B$17,14,0)+IF('Standard Profiles'!$G$19=$B$24,21,0),MOD($C1748,24)+1)/SUM(INDEX($D$3:$AA$30,INDEX(Jesper!$R$2:$R$366,ROW(INDEX(Jesper!AI$2:AI$366,ROUNDDOWN($C1748/24,0)+1,1))-1)+IF('Standard Profiles'!$G$19=$B$10,7,0)+IF('Standard Profiles'!$G$19=$B$17,14,0)+IF('Standard Profiles'!$G$19=$B$24,21,0),0)),0)</f>
        <v>23.828629959059516</v>
      </c>
      <c r="F1748" cm="1">
        <f t="array" ref="F1748">IFERROR(INDEX(Jesper!AJ$2:AJ$366,ROUNDDOWN($C1748/24,0)+1,1)*INDEX($D$3:$AA$30,INDEX(Jesper!$R$2:$R$366,ROW(INDEX(Jesper!AJ$2:AJ$366,ROUNDDOWN($C1748/24,0)+1,1))-1)+IF('Standard Profiles'!$G$20=$B$10,7,0)+IF('Standard Profiles'!$G$20=$B$17,14,0)+IF('Standard Profiles'!$G$20=$B$24,21,0),MOD($C1748,24)+1)/SUM(INDEX($D$3:$AA$30,INDEX(Jesper!$R$2:$R$366,ROW(INDEX(Jesper!AJ$2:AJ$366,ROUNDDOWN($C1748/24,0)+1,1))-1)+IF('Standard Profiles'!$G$20=$B$10,7,0)+IF('Standard Profiles'!$G$20=$B$17,14,0)+IF('Standard Profiles'!$G$20=$B$24,21,0),0)),0)</f>
        <v>0</v>
      </c>
      <c r="G1748" cm="1">
        <f t="array" ref="G1748">IFERROR(INDEX(Jesper!AK$2:AK$366,ROUNDDOWN($C1748/24,0)+1,1)*INDEX($D$3:$AA$30,INDEX(Jesper!$R$2:$R$366,ROW(INDEX(Jesper!AK$2:AK$366,ROUNDDOWN($C1748/24,0)+1,1))-1)+IF('Standard Profiles'!$G$21=$B$10,7,0)+IF('Standard Profiles'!$G$21=$B$17,14,0)+IF('Standard Profiles'!$G$21=$B$24,21,0),MOD($C1748,24)+1)/SUM(INDEX($D$3:$AA$30,INDEX(Jesper!$R$2:$R$366,ROW(INDEX(Jesper!AK$2:AK$366,ROUNDDOWN($C1748/24,0)+1,1))-1)+IF('Standard Profiles'!$G$21=$B$10,7,0)+IF('Standard Profiles'!$G$21=$B$17,14,0)+IF('Standard Profiles'!$G$21=$B$24,21,0),0)),0)</f>
        <v>8.6218855405838166</v>
      </c>
      <c r="H1748" cm="1">
        <f t="array" ref="H1748">IFERROR(INDEX(Jesper!AL$2:AL$366,ROUNDDOWN($C1748/24,0)+1,1)*INDEX($D$3:$AA$30,INDEX(Jesper!$R$2:$R$366,ROW(INDEX(Jesper!AL$2:AL$366,ROUNDDOWN($C1748/24,0)+1,1))-1)+IF('Standard Profiles'!$G$22=$B$10,7,0)+IF('Standard Profiles'!$G$22=$B$17,14,0)+IF('Standard Profiles'!$G$22=$B$24,21,0),MOD($C1748,24)+1)/SUM(INDEX($D$3:$AA$30,INDEX(Jesper!$R$2:$R$366,ROW(INDEX(Jesper!AL$2:AL$366,ROUNDDOWN($C1748/24,0)+1,1))-1)+IF('Standard Profiles'!$G$22=$B$10,7,0)+IF('Standard Profiles'!$G$22=$B$17,14,0)+IF('Standard Profiles'!$G$22=$B$24,21,0),0)),0)</f>
        <v>0</v>
      </c>
      <c r="I1748">
        <f t="shared" si="202"/>
        <v>4.13850505948023</v>
      </c>
      <c r="J1748">
        <f t="shared" si="203"/>
        <v>53.17381944566965</v>
      </c>
      <c r="K1748">
        <f t="shared" si="204"/>
        <v>3.1570551118103554</v>
      </c>
      <c r="L1748">
        <f t="shared" si="205"/>
        <v>1.5785275559051777</v>
      </c>
      <c r="M1748">
        <f t="shared" si="206"/>
        <v>0</v>
      </c>
      <c r="N1748" s="45">
        <f t="shared" si="207"/>
        <v>44998.41666666251</v>
      </c>
    </row>
    <row r="1749" spans="2:14" x14ac:dyDescent="0.25">
      <c r="B1749">
        <f t="shared" si="201"/>
        <v>1</v>
      </c>
      <c r="C1749" s="16">
        <v>1715</v>
      </c>
      <c r="D1749" cm="1">
        <f t="array" ref="D1749">IFERROR(INDEX(Jesper!AH$2:AH$366,ROUNDDOWN($C1749/24,0)+1,1)*INDEX($D$3:$AA$30,INDEX(Jesper!$R$2:$R$366,ROW(INDEX(Jesper!AH$2:AH$366,ROUNDDOWN($C1749/24,0)+1,1))-1)+IF('Standard Profiles'!$G$18=$B$10,7,0)+IF('Standard Profiles'!$G$18=$B$17,14,0)+IF('Standard Profiles'!$G$18=$B$24,21,0),MOD($C1749,24)+1)/SUM(INDEX($D$3:$AA$30,INDEX(Jesper!$R$2:$R$366,ROW(INDEX(Jesper!AH$2:AH$366,ROUNDDOWN($C1749/24,0)+1,1))-1)+IF('Standard Profiles'!$G$18=$B$10,7,0)+IF('Standard Profiles'!$G$18=$B$17,14,0)+IF('Standard Profiles'!$G$18=$B$24,21,0),0)),0)</f>
        <v>35.516870007866494</v>
      </c>
      <c r="E1749" cm="1">
        <f t="array" ref="E1749">IFERROR(INDEX(Jesper!AI$2:AI$366,ROUNDDOWN($C1749/24,0)+1,1)*INDEX($D$3:$AA$30,INDEX(Jesper!$R$2:$R$366,ROW(INDEX(Jesper!AI$2:AI$366,ROUNDDOWN($C1749/24,0)+1,1))-1)+IF('Standard Profiles'!$G$19=$B$10,7,0)+IF('Standard Profiles'!$G$19=$B$17,14,0)+IF('Standard Profiles'!$G$19=$B$24,21,0),MOD($C1749,24)+1)/SUM(INDEX($D$3:$AA$30,INDEX(Jesper!$R$2:$R$366,ROW(INDEX(Jesper!AI$2:AI$366,ROUNDDOWN($C1749/24,0)+1,1))-1)+IF('Standard Profiles'!$G$19=$B$10,7,0)+IF('Standard Profiles'!$G$19=$B$17,14,0)+IF('Standard Profiles'!$G$19=$B$24,21,0),0)),0)</f>
        <v>28.594355950871414</v>
      </c>
      <c r="F1749" cm="1">
        <f t="array" ref="F1749">IFERROR(INDEX(Jesper!AJ$2:AJ$366,ROUNDDOWN($C1749/24,0)+1,1)*INDEX($D$3:$AA$30,INDEX(Jesper!$R$2:$R$366,ROW(INDEX(Jesper!AJ$2:AJ$366,ROUNDDOWN($C1749/24,0)+1,1))-1)+IF('Standard Profiles'!$G$20=$B$10,7,0)+IF('Standard Profiles'!$G$20=$B$17,14,0)+IF('Standard Profiles'!$G$20=$B$24,21,0),MOD($C1749,24)+1)/SUM(INDEX($D$3:$AA$30,INDEX(Jesper!$R$2:$R$366,ROW(INDEX(Jesper!AJ$2:AJ$366,ROUNDDOWN($C1749/24,0)+1,1))-1)+IF('Standard Profiles'!$G$20=$B$10,7,0)+IF('Standard Profiles'!$G$20=$B$17,14,0)+IF('Standard Profiles'!$G$20=$B$24,21,0),0)),0)</f>
        <v>0</v>
      </c>
      <c r="G1749" cm="1">
        <f t="array" ref="G1749">IFERROR(INDEX(Jesper!AK$2:AK$366,ROUNDDOWN($C1749/24,0)+1,1)*INDEX($D$3:$AA$30,INDEX(Jesper!$R$2:$R$366,ROW(INDEX(Jesper!AK$2:AK$366,ROUNDDOWN($C1749/24,0)+1,1))-1)+IF('Standard Profiles'!$G$21=$B$10,7,0)+IF('Standard Profiles'!$G$21=$B$17,14,0)+IF('Standard Profiles'!$G$21=$B$24,21,0),MOD($C1749,24)+1)/SUM(INDEX($D$3:$AA$30,INDEX(Jesper!$R$2:$R$366,ROW(INDEX(Jesper!AK$2:AK$366,ROUNDDOWN($C1749/24,0)+1,1))-1)+IF('Standard Profiles'!$G$21=$B$10,7,0)+IF('Standard Profiles'!$G$21=$B$17,14,0)+IF('Standard Profiles'!$G$21=$B$24,21,0),0)),0)</f>
        <v>10.346262648700577</v>
      </c>
      <c r="H1749" cm="1">
        <f t="array" ref="H1749">IFERROR(INDEX(Jesper!AL$2:AL$366,ROUNDDOWN($C1749/24,0)+1,1)*INDEX($D$3:$AA$30,INDEX(Jesper!$R$2:$R$366,ROW(INDEX(Jesper!AL$2:AL$366,ROUNDDOWN($C1749/24,0)+1,1))-1)+IF('Standard Profiles'!$G$22=$B$10,7,0)+IF('Standard Profiles'!$G$22=$B$17,14,0)+IF('Standard Profiles'!$G$22=$B$24,21,0),MOD($C1749,24)+1)/SUM(INDEX($D$3:$AA$30,INDEX(Jesper!$R$2:$R$366,ROW(INDEX(Jesper!AL$2:AL$366,ROUNDDOWN($C1749/24,0)+1,1))-1)+IF('Standard Profiles'!$G$22=$B$10,7,0)+IF('Standard Profiles'!$G$22=$B$17,14,0)+IF('Standard Profiles'!$G$22=$B$24,21,0),0)),0)</f>
        <v>0</v>
      </c>
      <c r="I1749">
        <f t="shared" si="202"/>
        <v>4.9662060713762743</v>
      </c>
      <c r="J1749">
        <f t="shared" si="203"/>
        <v>63.808583334803572</v>
      </c>
      <c r="K1749">
        <f t="shared" si="204"/>
        <v>3.7884661341724262</v>
      </c>
      <c r="L1749">
        <f t="shared" si="205"/>
        <v>1.8942330670862131</v>
      </c>
      <c r="M1749">
        <f t="shared" si="206"/>
        <v>0</v>
      </c>
      <c r="N1749" s="45">
        <f t="shared" si="207"/>
        <v>44998.458333329174</v>
      </c>
    </row>
    <row r="1750" spans="2:14" x14ac:dyDescent="0.25">
      <c r="B1750">
        <f t="shared" si="201"/>
        <v>1</v>
      </c>
      <c r="C1750" s="16">
        <v>1716</v>
      </c>
      <c r="D1750" cm="1">
        <f t="array" ref="D1750">IFERROR(INDEX(Jesper!AH$2:AH$366,ROUNDDOWN($C1750/24,0)+1,1)*INDEX($D$3:$AA$30,INDEX(Jesper!$R$2:$R$366,ROW(INDEX(Jesper!AH$2:AH$366,ROUNDDOWN($C1750/24,0)+1,1))-1)+IF('Standard Profiles'!$G$18=$B$10,7,0)+IF('Standard Profiles'!$G$18=$B$17,14,0)+IF('Standard Profiles'!$G$18=$B$24,21,0),MOD($C1750,24)+1)/SUM(INDEX($D$3:$AA$30,INDEX(Jesper!$R$2:$R$366,ROW(INDEX(Jesper!AH$2:AH$366,ROUNDDOWN($C1750/24,0)+1,1))-1)+IF('Standard Profiles'!$G$18=$B$10,7,0)+IF('Standard Profiles'!$G$18=$B$17,14,0)+IF('Standard Profiles'!$G$18=$B$24,21,0),0)),0)</f>
        <v>35.516870007866494</v>
      </c>
      <c r="E1750" cm="1">
        <f t="array" ref="E1750">IFERROR(INDEX(Jesper!AI$2:AI$366,ROUNDDOWN($C1750/24,0)+1,1)*INDEX($D$3:$AA$30,INDEX(Jesper!$R$2:$R$366,ROW(INDEX(Jesper!AI$2:AI$366,ROUNDDOWN($C1750/24,0)+1,1))-1)+IF('Standard Profiles'!$G$19=$B$10,7,0)+IF('Standard Profiles'!$G$19=$B$17,14,0)+IF('Standard Profiles'!$G$19=$B$24,21,0),MOD($C1750,24)+1)/SUM(INDEX($D$3:$AA$30,INDEX(Jesper!$R$2:$R$366,ROW(INDEX(Jesper!AI$2:AI$366,ROUNDDOWN($C1750/24,0)+1,1))-1)+IF('Standard Profiles'!$G$19=$B$10,7,0)+IF('Standard Profiles'!$G$19=$B$17,14,0)+IF('Standard Profiles'!$G$19=$B$24,21,0),0)),0)</f>
        <v>28.594355950871414</v>
      </c>
      <c r="F1750" cm="1">
        <f t="array" ref="F1750">IFERROR(INDEX(Jesper!AJ$2:AJ$366,ROUNDDOWN($C1750/24,0)+1,1)*INDEX($D$3:$AA$30,INDEX(Jesper!$R$2:$R$366,ROW(INDEX(Jesper!AJ$2:AJ$366,ROUNDDOWN($C1750/24,0)+1,1))-1)+IF('Standard Profiles'!$G$20=$B$10,7,0)+IF('Standard Profiles'!$G$20=$B$17,14,0)+IF('Standard Profiles'!$G$20=$B$24,21,0),MOD($C1750,24)+1)/SUM(INDEX($D$3:$AA$30,INDEX(Jesper!$R$2:$R$366,ROW(INDEX(Jesper!AJ$2:AJ$366,ROUNDDOWN($C1750/24,0)+1,1))-1)+IF('Standard Profiles'!$G$20=$B$10,7,0)+IF('Standard Profiles'!$G$20=$B$17,14,0)+IF('Standard Profiles'!$G$20=$B$24,21,0),0)),0)</f>
        <v>0</v>
      </c>
      <c r="G1750" cm="1">
        <f t="array" ref="G1750">IFERROR(INDEX(Jesper!AK$2:AK$366,ROUNDDOWN($C1750/24,0)+1,1)*INDEX($D$3:$AA$30,INDEX(Jesper!$R$2:$R$366,ROW(INDEX(Jesper!AK$2:AK$366,ROUNDDOWN($C1750/24,0)+1,1))-1)+IF('Standard Profiles'!$G$21=$B$10,7,0)+IF('Standard Profiles'!$G$21=$B$17,14,0)+IF('Standard Profiles'!$G$21=$B$24,21,0),MOD($C1750,24)+1)/SUM(INDEX($D$3:$AA$30,INDEX(Jesper!$R$2:$R$366,ROW(INDEX(Jesper!AK$2:AK$366,ROUNDDOWN($C1750/24,0)+1,1))-1)+IF('Standard Profiles'!$G$21=$B$10,7,0)+IF('Standard Profiles'!$G$21=$B$17,14,0)+IF('Standard Profiles'!$G$21=$B$24,21,0),0)),0)</f>
        <v>10.346262648700577</v>
      </c>
      <c r="H1750" cm="1">
        <f t="array" ref="H1750">IFERROR(INDEX(Jesper!AL$2:AL$366,ROUNDDOWN($C1750/24,0)+1,1)*INDEX($D$3:$AA$30,INDEX(Jesper!$R$2:$R$366,ROW(INDEX(Jesper!AL$2:AL$366,ROUNDDOWN($C1750/24,0)+1,1))-1)+IF('Standard Profiles'!$G$22=$B$10,7,0)+IF('Standard Profiles'!$G$22=$B$17,14,0)+IF('Standard Profiles'!$G$22=$B$24,21,0),MOD($C1750,24)+1)/SUM(INDEX($D$3:$AA$30,INDEX(Jesper!$R$2:$R$366,ROW(INDEX(Jesper!AL$2:AL$366,ROUNDDOWN($C1750/24,0)+1,1))-1)+IF('Standard Profiles'!$G$22=$B$10,7,0)+IF('Standard Profiles'!$G$22=$B$17,14,0)+IF('Standard Profiles'!$G$22=$B$24,21,0),0)),0)</f>
        <v>0</v>
      </c>
      <c r="I1750">
        <f t="shared" si="202"/>
        <v>4.9662060713762743</v>
      </c>
      <c r="J1750">
        <f t="shared" si="203"/>
        <v>63.808583334803572</v>
      </c>
      <c r="K1750">
        <f t="shared" si="204"/>
        <v>3.7884661341724262</v>
      </c>
      <c r="L1750">
        <f t="shared" si="205"/>
        <v>1.8942330670862131</v>
      </c>
      <c r="M1750">
        <f t="shared" si="206"/>
        <v>0</v>
      </c>
      <c r="N1750" s="45">
        <f t="shared" si="207"/>
        <v>44998.499999995838</v>
      </c>
    </row>
    <row r="1751" spans="2:14" x14ac:dyDescent="0.25">
      <c r="B1751">
        <f t="shared" si="201"/>
        <v>1</v>
      </c>
      <c r="C1751" s="16">
        <v>1717</v>
      </c>
      <c r="D1751" cm="1">
        <f t="array" ref="D1751">IFERROR(INDEX(Jesper!AH$2:AH$366,ROUNDDOWN($C1751/24,0)+1,1)*INDEX($D$3:$AA$30,INDEX(Jesper!$R$2:$R$366,ROW(INDEX(Jesper!AH$2:AH$366,ROUNDDOWN($C1751/24,0)+1,1))-1)+IF('Standard Profiles'!$G$18=$B$10,7,0)+IF('Standard Profiles'!$G$18=$B$17,14,0)+IF('Standard Profiles'!$G$18=$B$24,21,0),MOD($C1751,24)+1)/SUM(INDEX($D$3:$AA$30,INDEX(Jesper!$R$2:$R$366,ROW(INDEX(Jesper!AH$2:AH$366,ROUNDDOWN($C1751/24,0)+1,1))-1)+IF('Standard Profiles'!$G$18=$B$10,7,0)+IF('Standard Profiles'!$G$18=$B$17,14,0)+IF('Standard Profiles'!$G$18=$B$24,21,0),0)),0)</f>
        <v>23.677913338577664</v>
      </c>
      <c r="E1751" cm="1">
        <f t="array" ref="E1751">IFERROR(INDEX(Jesper!AI$2:AI$366,ROUNDDOWN($C1751/24,0)+1,1)*INDEX($D$3:$AA$30,INDEX(Jesper!$R$2:$R$366,ROW(INDEX(Jesper!AI$2:AI$366,ROUNDDOWN($C1751/24,0)+1,1))-1)+IF('Standard Profiles'!$G$19=$B$10,7,0)+IF('Standard Profiles'!$G$19=$B$17,14,0)+IF('Standard Profiles'!$G$19=$B$24,21,0),MOD($C1751,24)+1)/SUM(INDEX($D$3:$AA$30,INDEX(Jesper!$R$2:$R$366,ROW(INDEX(Jesper!AI$2:AI$366,ROUNDDOWN($C1751/24,0)+1,1))-1)+IF('Standard Profiles'!$G$19=$B$10,7,0)+IF('Standard Profiles'!$G$19=$B$17,14,0)+IF('Standard Profiles'!$G$19=$B$24,21,0),0)),0)</f>
        <v>19.062903967247614</v>
      </c>
      <c r="F1751" cm="1">
        <f t="array" ref="F1751">IFERROR(INDEX(Jesper!AJ$2:AJ$366,ROUNDDOWN($C1751/24,0)+1,1)*INDEX($D$3:$AA$30,INDEX(Jesper!$R$2:$R$366,ROW(INDEX(Jesper!AJ$2:AJ$366,ROUNDDOWN($C1751/24,0)+1,1))-1)+IF('Standard Profiles'!$G$20=$B$10,7,0)+IF('Standard Profiles'!$G$20=$B$17,14,0)+IF('Standard Profiles'!$G$20=$B$24,21,0),MOD($C1751,24)+1)/SUM(INDEX($D$3:$AA$30,INDEX(Jesper!$R$2:$R$366,ROW(INDEX(Jesper!AJ$2:AJ$366,ROUNDDOWN($C1751/24,0)+1,1))-1)+IF('Standard Profiles'!$G$20=$B$10,7,0)+IF('Standard Profiles'!$G$20=$B$17,14,0)+IF('Standard Profiles'!$G$20=$B$24,21,0),0)),0)</f>
        <v>0</v>
      </c>
      <c r="G1751" cm="1">
        <f t="array" ref="G1751">IFERROR(INDEX(Jesper!AK$2:AK$366,ROUNDDOWN($C1751/24,0)+1,1)*INDEX($D$3:$AA$30,INDEX(Jesper!$R$2:$R$366,ROW(INDEX(Jesper!AK$2:AK$366,ROUNDDOWN($C1751/24,0)+1,1))-1)+IF('Standard Profiles'!$G$21=$B$10,7,0)+IF('Standard Profiles'!$G$21=$B$17,14,0)+IF('Standard Profiles'!$G$21=$B$24,21,0),MOD($C1751,24)+1)/SUM(INDEX($D$3:$AA$30,INDEX(Jesper!$R$2:$R$366,ROW(INDEX(Jesper!AK$2:AK$366,ROUNDDOWN($C1751/24,0)+1,1))-1)+IF('Standard Profiles'!$G$21=$B$10,7,0)+IF('Standard Profiles'!$G$21=$B$17,14,0)+IF('Standard Profiles'!$G$21=$B$24,21,0),0)),0)</f>
        <v>6.8975084324670526</v>
      </c>
      <c r="H1751" cm="1">
        <f t="array" ref="H1751">IFERROR(INDEX(Jesper!AL$2:AL$366,ROUNDDOWN($C1751/24,0)+1,1)*INDEX($D$3:$AA$30,INDEX(Jesper!$R$2:$R$366,ROW(INDEX(Jesper!AL$2:AL$366,ROUNDDOWN($C1751/24,0)+1,1))-1)+IF('Standard Profiles'!$G$22=$B$10,7,0)+IF('Standard Profiles'!$G$22=$B$17,14,0)+IF('Standard Profiles'!$G$22=$B$24,21,0),MOD($C1751,24)+1)/SUM(INDEX($D$3:$AA$30,INDEX(Jesper!$R$2:$R$366,ROW(INDEX(Jesper!AL$2:AL$366,ROUNDDOWN($C1751/24,0)+1,1))-1)+IF('Standard Profiles'!$G$22=$B$10,7,0)+IF('Standard Profiles'!$G$22=$B$17,14,0)+IF('Standard Profiles'!$G$22=$B$24,21,0),0)),0)</f>
        <v>0</v>
      </c>
      <c r="I1751">
        <f t="shared" si="202"/>
        <v>3.3108040475841838</v>
      </c>
      <c r="J1751">
        <f t="shared" si="203"/>
        <v>42.539055556535722</v>
      </c>
      <c r="K1751">
        <f t="shared" si="204"/>
        <v>2.5256440894482841</v>
      </c>
      <c r="L1751">
        <f t="shared" si="205"/>
        <v>1.2628220447241421</v>
      </c>
      <c r="M1751">
        <f t="shared" si="206"/>
        <v>0</v>
      </c>
      <c r="N1751" s="45">
        <f t="shared" si="207"/>
        <v>44998.541666662502</v>
      </c>
    </row>
    <row r="1752" spans="2:14" x14ac:dyDescent="0.25">
      <c r="B1752">
        <f t="shared" si="201"/>
        <v>1</v>
      </c>
      <c r="C1752" s="16">
        <v>1718</v>
      </c>
      <c r="D1752" cm="1">
        <f t="array" ref="D1752">IFERROR(INDEX(Jesper!AH$2:AH$366,ROUNDDOWN($C1752/24,0)+1,1)*INDEX($D$3:$AA$30,INDEX(Jesper!$R$2:$R$366,ROW(INDEX(Jesper!AH$2:AH$366,ROUNDDOWN($C1752/24,0)+1,1))-1)+IF('Standard Profiles'!$G$18=$B$10,7,0)+IF('Standard Profiles'!$G$18=$B$17,14,0)+IF('Standard Profiles'!$G$18=$B$24,21,0),MOD($C1752,24)+1)/SUM(INDEX($D$3:$AA$30,INDEX(Jesper!$R$2:$R$366,ROW(INDEX(Jesper!AH$2:AH$366,ROUNDDOWN($C1752/24,0)+1,1))-1)+IF('Standard Profiles'!$G$18=$B$10,7,0)+IF('Standard Profiles'!$G$18=$B$17,14,0)+IF('Standard Profiles'!$G$18=$B$24,21,0),0)),0)</f>
        <v>35.516870007866494</v>
      </c>
      <c r="E1752" cm="1">
        <f t="array" ref="E1752">IFERROR(INDEX(Jesper!AI$2:AI$366,ROUNDDOWN($C1752/24,0)+1,1)*INDEX($D$3:$AA$30,INDEX(Jesper!$R$2:$R$366,ROW(INDEX(Jesper!AI$2:AI$366,ROUNDDOWN($C1752/24,0)+1,1))-1)+IF('Standard Profiles'!$G$19=$B$10,7,0)+IF('Standard Profiles'!$G$19=$B$17,14,0)+IF('Standard Profiles'!$G$19=$B$24,21,0),MOD($C1752,24)+1)/SUM(INDEX($D$3:$AA$30,INDEX(Jesper!$R$2:$R$366,ROW(INDEX(Jesper!AI$2:AI$366,ROUNDDOWN($C1752/24,0)+1,1))-1)+IF('Standard Profiles'!$G$19=$B$10,7,0)+IF('Standard Profiles'!$G$19=$B$17,14,0)+IF('Standard Profiles'!$G$19=$B$24,21,0),0)),0)</f>
        <v>28.594355950871414</v>
      </c>
      <c r="F1752" cm="1">
        <f t="array" ref="F1752">IFERROR(INDEX(Jesper!AJ$2:AJ$366,ROUNDDOWN($C1752/24,0)+1,1)*INDEX($D$3:$AA$30,INDEX(Jesper!$R$2:$R$366,ROW(INDEX(Jesper!AJ$2:AJ$366,ROUNDDOWN($C1752/24,0)+1,1))-1)+IF('Standard Profiles'!$G$20=$B$10,7,0)+IF('Standard Profiles'!$G$20=$B$17,14,0)+IF('Standard Profiles'!$G$20=$B$24,21,0),MOD($C1752,24)+1)/SUM(INDEX($D$3:$AA$30,INDEX(Jesper!$R$2:$R$366,ROW(INDEX(Jesper!AJ$2:AJ$366,ROUNDDOWN($C1752/24,0)+1,1))-1)+IF('Standard Profiles'!$G$20=$B$10,7,0)+IF('Standard Profiles'!$G$20=$B$17,14,0)+IF('Standard Profiles'!$G$20=$B$24,21,0),0)),0)</f>
        <v>0</v>
      </c>
      <c r="G1752" cm="1">
        <f t="array" ref="G1752">IFERROR(INDEX(Jesper!AK$2:AK$366,ROUNDDOWN($C1752/24,0)+1,1)*INDEX($D$3:$AA$30,INDEX(Jesper!$R$2:$R$366,ROW(INDEX(Jesper!AK$2:AK$366,ROUNDDOWN($C1752/24,0)+1,1))-1)+IF('Standard Profiles'!$G$21=$B$10,7,0)+IF('Standard Profiles'!$G$21=$B$17,14,0)+IF('Standard Profiles'!$G$21=$B$24,21,0),MOD($C1752,24)+1)/SUM(INDEX($D$3:$AA$30,INDEX(Jesper!$R$2:$R$366,ROW(INDEX(Jesper!AK$2:AK$366,ROUNDDOWN($C1752/24,0)+1,1))-1)+IF('Standard Profiles'!$G$21=$B$10,7,0)+IF('Standard Profiles'!$G$21=$B$17,14,0)+IF('Standard Profiles'!$G$21=$B$24,21,0),0)),0)</f>
        <v>10.346262648700577</v>
      </c>
      <c r="H1752" cm="1">
        <f t="array" ref="H1752">IFERROR(INDEX(Jesper!AL$2:AL$366,ROUNDDOWN($C1752/24,0)+1,1)*INDEX($D$3:$AA$30,INDEX(Jesper!$R$2:$R$366,ROW(INDEX(Jesper!AL$2:AL$366,ROUNDDOWN($C1752/24,0)+1,1))-1)+IF('Standard Profiles'!$G$22=$B$10,7,0)+IF('Standard Profiles'!$G$22=$B$17,14,0)+IF('Standard Profiles'!$G$22=$B$24,21,0),MOD($C1752,24)+1)/SUM(INDEX($D$3:$AA$30,INDEX(Jesper!$R$2:$R$366,ROW(INDEX(Jesper!AL$2:AL$366,ROUNDDOWN($C1752/24,0)+1,1))-1)+IF('Standard Profiles'!$G$22=$B$10,7,0)+IF('Standard Profiles'!$G$22=$B$17,14,0)+IF('Standard Profiles'!$G$22=$B$24,21,0),0)),0)</f>
        <v>0</v>
      </c>
      <c r="I1752">
        <f t="shared" si="202"/>
        <v>4.9662060713762743</v>
      </c>
      <c r="J1752">
        <f t="shared" si="203"/>
        <v>63.808583334803572</v>
      </c>
      <c r="K1752">
        <f t="shared" si="204"/>
        <v>3.7884661341724262</v>
      </c>
      <c r="L1752">
        <f t="shared" si="205"/>
        <v>1.8942330670862131</v>
      </c>
      <c r="M1752">
        <f t="shared" si="206"/>
        <v>0</v>
      </c>
      <c r="N1752" s="45">
        <f t="shared" si="207"/>
        <v>44998.583333329167</v>
      </c>
    </row>
    <row r="1753" spans="2:14" x14ac:dyDescent="0.25">
      <c r="B1753">
        <f t="shared" si="201"/>
        <v>1</v>
      </c>
      <c r="C1753" s="16">
        <v>1719</v>
      </c>
      <c r="D1753" cm="1">
        <f t="array" ref="D1753">IFERROR(INDEX(Jesper!AH$2:AH$366,ROUNDDOWN($C1753/24,0)+1,1)*INDEX($D$3:$AA$30,INDEX(Jesper!$R$2:$R$366,ROW(INDEX(Jesper!AH$2:AH$366,ROUNDDOWN($C1753/24,0)+1,1))-1)+IF('Standard Profiles'!$G$18=$B$10,7,0)+IF('Standard Profiles'!$G$18=$B$17,14,0)+IF('Standard Profiles'!$G$18=$B$24,21,0),MOD($C1753,24)+1)/SUM(INDEX($D$3:$AA$30,INDEX(Jesper!$R$2:$R$366,ROW(INDEX(Jesper!AH$2:AH$366,ROUNDDOWN($C1753/24,0)+1,1))-1)+IF('Standard Profiles'!$G$18=$B$10,7,0)+IF('Standard Profiles'!$G$18=$B$17,14,0)+IF('Standard Profiles'!$G$18=$B$24,21,0),0)),0)</f>
        <v>35.516870007866494</v>
      </c>
      <c r="E1753" cm="1">
        <f t="array" ref="E1753">IFERROR(INDEX(Jesper!AI$2:AI$366,ROUNDDOWN($C1753/24,0)+1,1)*INDEX($D$3:$AA$30,INDEX(Jesper!$R$2:$R$366,ROW(INDEX(Jesper!AI$2:AI$366,ROUNDDOWN($C1753/24,0)+1,1))-1)+IF('Standard Profiles'!$G$19=$B$10,7,0)+IF('Standard Profiles'!$G$19=$B$17,14,0)+IF('Standard Profiles'!$G$19=$B$24,21,0),MOD($C1753,24)+1)/SUM(INDEX($D$3:$AA$30,INDEX(Jesper!$R$2:$R$366,ROW(INDEX(Jesper!AI$2:AI$366,ROUNDDOWN($C1753/24,0)+1,1))-1)+IF('Standard Profiles'!$G$19=$B$10,7,0)+IF('Standard Profiles'!$G$19=$B$17,14,0)+IF('Standard Profiles'!$G$19=$B$24,21,0),0)),0)</f>
        <v>28.594355950871414</v>
      </c>
      <c r="F1753" cm="1">
        <f t="array" ref="F1753">IFERROR(INDEX(Jesper!AJ$2:AJ$366,ROUNDDOWN($C1753/24,0)+1,1)*INDEX($D$3:$AA$30,INDEX(Jesper!$R$2:$R$366,ROW(INDEX(Jesper!AJ$2:AJ$366,ROUNDDOWN($C1753/24,0)+1,1))-1)+IF('Standard Profiles'!$G$20=$B$10,7,0)+IF('Standard Profiles'!$G$20=$B$17,14,0)+IF('Standard Profiles'!$G$20=$B$24,21,0),MOD($C1753,24)+1)/SUM(INDEX($D$3:$AA$30,INDEX(Jesper!$R$2:$R$366,ROW(INDEX(Jesper!AJ$2:AJ$366,ROUNDDOWN($C1753/24,0)+1,1))-1)+IF('Standard Profiles'!$G$20=$B$10,7,0)+IF('Standard Profiles'!$G$20=$B$17,14,0)+IF('Standard Profiles'!$G$20=$B$24,21,0),0)),0)</f>
        <v>0</v>
      </c>
      <c r="G1753" cm="1">
        <f t="array" ref="G1753">IFERROR(INDEX(Jesper!AK$2:AK$366,ROUNDDOWN($C1753/24,0)+1,1)*INDEX($D$3:$AA$30,INDEX(Jesper!$R$2:$R$366,ROW(INDEX(Jesper!AK$2:AK$366,ROUNDDOWN($C1753/24,0)+1,1))-1)+IF('Standard Profiles'!$G$21=$B$10,7,0)+IF('Standard Profiles'!$G$21=$B$17,14,0)+IF('Standard Profiles'!$G$21=$B$24,21,0),MOD($C1753,24)+1)/SUM(INDEX($D$3:$AA$30,INDEX(Jesper!$R$2:$R$366,ROW(INDEX(Jesper!AK$2:AK$366,ROUNDDOWN($C1753/24,0)+1,1))-1)+IF('Standard Profiles'!$G$21=$B$10,7,0)+IF('Standard Profiles'!$G$21=$B$17,14,0)+IF('Standard Profiles'!$G$21=$B$24,21,0),0)),0)</f>
        <v>10.346262648700577</v>
      </c>
      <c r="H1753" cm="1">
        <f t="array" ref="H1753">IFERROR(INDEX(Jesper!AL$2:AL$366,ROUNDDOWN($C1753/24,0)+1,1)*INDEX($D$3:$AA$30,INDEX(Jesper!$R$2:$R$366,ROW(INDEX(Jesper!AL$2:AL$366,ROUNDDOWN($C1753/24,0)+1,1))-1)+IF('Standard Profiles'!$G$22=$B$10,7,0)+IF('Standard Profiles'!$G$22=$B$17,14,0)+IF('Standard Profiles'!$G$22=$B$24,21,0),MOD($C1753,24)+1)/SUM(INDEX($D$3:$AA$30,INDEX(Jesper!$R$2:$R$366,ROW(INDEX(Jesper!AL$2:AL$366,ROUNDDOWN($C1753/24,0)+1,1))-1)+IF('Standard Profiles'!$G$22=$B$10,7,0)+IF('Standard Profiles'!$G$22=$B$17,14,0)+IF('Standard Profiles'!$G$22=$B$24,21,0),0)),0)</f>
        <v>0</v>
      </c>
      <c r="I1753">
        <f t="shared" si="202"/>
        <v>4.9662060713762743</v>
      </c>
      <c r="J1753">
        <f t="shared" si="203"/>
        <v>63.808583334803572</v>
      </c>
      <c r="K1753">
        <f t="shared" si="204"/>
        <v>3.7884661341724262</v>
      </c>
      <c r="L1753">
        <f t="shared" si="205"/>
        <v>1.8942330670862131</v>
      </c>
      <c r="M1753">
        <f t="shared" si="206"/>
        <v>0</v>
      </c>
      <c r="N1753" s="45">
        <f t="shared" si="207"/>
        <v>44998.624999995831</v>
      </c>
    </row>
    <row r="1754" spans="2:14" x14ac:dyDescent="0.25">
      <c r="B1754">
        <f t="shared" si="201"/>
        <v>1</v>
      </c>
      <c r="C1754" s="16">
        <v>1720</v>
      </c>
      <c r="D1754" cm="1">
        <f t="array" ref="D1754">IFERROR(INDEX(Jesper!AH$2:AH$366,ROUNDDOWN($C1754/24,0)+1,1)*INDEX($D$3:$AA$30,INDEX(Jesper!$R$2:$R$366,ROW(INDEX(Jesper!AH$2:AH$366,ROUNDDOWN($C1754/24,0)+1,1))-1)+IF('Standard Profiles'!$G$18=$B$10,7,0)+IF('Standard Profiles'!$G$18=$B$17,14,0)+IF('Standard Profiles'!$G$18=$B$24,21,0),MOD($C1754,24)+1)/SUM(INDEX($D$3:$AA$30,INDEX(Jesper!$R$2:$R$366,ROW(INDEX(Jesper!AH$2:AH$366,ROUNDDOWN($C1754/24,0)+1,1))-1)+IF('Standard Profiles'!$G$18=$B$10,7,0)+IF('Standard Profiles'!$G$18=$B$17,14,0)+IF('Standard Profiles'!$G$18=$B$24,21,0),0)),0)</f>
        <v>20.718174171255455</v>
      </c>
      <c r="E1754" cm="1">
        <f t="array" ref="E1754">IFERROR(INDEX(Jesper!AI$2:AI$366,ROUNDDOWN($C1754/24,0)+1,1)*INDEX($D$3:$AA$30,INDEX(Jesper!$R$2:$R$366,ROW(INDEX(Jesper!AI$2:AI$366,ROUNDDOWN($C1754/24,0)+1,1))-1)+IF('Standard Profiles'!$G$19=$B$10,7,0)+IF('Standard Profiles'!$G$19=$B$17,14,0)+IF('Standard Profiles'!$G$19=$B$24,21,0),MOD($C1754,24)+1)/SUM(INDEX($D$3:$AA$30,INDEX(Jesper!$R$2:$R$366,ROW(INDEX(Jesper!AI$2:AI$366,ROUNDDOWN($C1754/24,0)+1,1))-1)+IF('Standard Profiles'!$G$19=$B$10,7,0)+IF('Standard Profiles'!$G$19=$B$17,14,0)+IF('Standard Profiles'!$G$19=$B$24,21,0),0)),0)</f>
        <v>16.680040971341658</v>
      </c>
      <c r="F1754" cm="1">
        <f t="array" ref="F1754">IFERROR(INDEX(Jesper!AJ$2:AJ$366,ROUNDDOWN($C1754/24,0)+1,1)*INDEX($D$3:$AA$30,INDEX(Jesper!$R$2:$R$366,ROW(INDEX(Jesper!AJ$2:AJ$366,ROUNDDOWN($C1754/24,0)+1,1))-1)+IF('Standard Profiles'!$G$20=$B$10,7,0)+IF('Standard Profiles'!$G$20=$B$17,14,0)+IF('Standard Profiles'!$G$20=$B$24,21,0),MOD($C1754,24)+1)/SUM(INDEX($D$3:$AA$30,INDEX(Jesper!$R$2:$R$366,ROW(INDEX(Jesper!AJ$2:AJ$366,ROUNDDOWN($C1754/24,0)+1,1))-1)+IF('Standard Profiles'!$G$20=$B$10,7,0)+IF('Standard Profiles'!$G$20=$B$17,14,0)+IF('Standard Profiles'!$G$20=$B$24,21,0),0)),0)</f>
        <v>0</v>
      </c>
      <c r="G1754" cm="1">
        <f t="array" ref="G1754">IFERROR(INDEX(Jesper!AK$2:AK$366,ROUNDDOWN($C1754/24,0)+1,1)*INDEX($D$3:$AA$30,INDEX(Jesper!$R$2:$R$366,ROW(INDEX(Jesper!AK$2:AK$366,ROUNDDOWN($C1754/24,0)+1,1))-1)+IF('Standard Profiles'!$G$21=$B$10,7,0)+IF('Standard Profiles'!$G$21=$B$17,14,0)+IF('Standard Profiles'!$G$21=$B$24,21,0),MOD($C1754,24)+1)/SUM(INDEX($D$3:$AA$30,INDEX(Jesper!$R$2:$R$366,ROW(INDEX(Jesper!AK$2:AK$366,ROUNDDOWN($C1754/24,0)+1,1))-1)+IF('Standard Profiles'!$G$21=$B$10,7,0)+IF('Standard Profiles'!$G$21=$B$17,14,0)+IF('Standard Profiles'!$G$21=$B$24,21,0),0)),0)</f>
        <v>8.6218855405838166</v>
      </c>
      <c r="H1754" cm="1">
        <f t="array" ref="H1754">IFERROR(INDEX(Jesper!AL$2:AL$366,ROUNDDOWN($C1754/24,0)+1,1)*INDEX($D$3:$AA$30,INDEX(Jesper!$R$2:$R$366,ROW(INDEX(Jesper!AL$2:AL$366,ROUNDDOWN($C1754/24,0)+1,1))-1)+IF('Standard Profiles'!$G$22=$B$10,7,0)+IF('Standard Profiles'!$G$22=$B$17,14,0)+IF('Standard Profiles'!$G$22=$B$24,21,0),MOD($C1754,24)+1)/SUM(INDEX($D$3:$AA$30,INDEX(Jesper!$R$2:$R$366,ROW(INDEX(Jesper!AL$2:AL$366,ROUNDDOWN($C1754/24,0)+1,1))-1)+IF('Standard Profiles'!$G$22=$B$10,7,0)+IF('Standard Profiles'!$G$22=$B$17,14,0)+IF('Standard Profiles'!$G$22=$B$24,21,0),0)),0)</f>
        <v>0</v>
      </c>
      <c r="I1754">
        <f t="shared" si="202"/>
        <v>4.13850505948023</v>
      </c>
      <c r="J1754">
        <f t="shared" si="203"/>
        <v>38.566687756299828</v>
      </c>
      <c r="K1754">
        <f t="shared" si="204"/>
        <v>2.2099385782672489</v>
      </c>
      <c r="L1754">
        <f t="shared" si="205"/>
        <v>1.1049692891336245</v>
      </c>
      <c r="M1754">
        <f t="shared" si="206"/>
        <v>0</v>
      </c>
      <c r="N1754" s="45">
        <f t="shared" si="207"/>
        <v>44998.666666662495</v>
      </c>
    </row>
    <row r="1755" spans="2:14" x14ac:dyDescent="0.25">
      <c r="B1755">
        <f t="shared" si="201"/>
        <v>1</v>
      </c>
      <c r="C1755" s="16">
        <v>1721</v>
      </c>
      <c r="D1755" cm="1">
        <f t="array" ref="D1755">IFERROR(INDEX(Jesper!AH$2:AH$366,ROUNDDOWN($C1755/24,0)+1,1)*INDEX($D$3:$AA$30,INDEX(Jesper!$R$2:$R$366,ROW(INDEX(Jesper!AH$2:AH$366,ROUNDDOWN($C1755/24,0)+1,1))-1)+IF('Standard Profiles'!$G$18=$B$10,7,0)+IF('Standard Profiles'!$G$18=$B$17,14,0)+IF('Standard Profiles'!$G$18=$B$24,21,0),MOD($C1755,24)+1)/SUM(INDEX($D$3:$AA$30,INDEX(Jesper!$R$2:$R$366,ROW(INDEX(Jesper!AH$2:AH$366,ROUNDDOWN($C1755/24,0)+1,1))-1)+IF('Standard Profiles'!$G$18=$B$10,7,0)+IF('Standard Profiles'!$G$18=$B$17,14,0)+IF('Standard Profiles'!$G$18=$B$24,21,0),0)),0)</f>
        <v>5.919478334644416</v>
      </c>
      <c r="E1755" cm="1">
        <f t="array" ref="E1755">IFERROR(INDEX(Jesper!AI$2:AI$366,ROUNDDOWN($C1755/24,0)+1,1)*INDEX($D$3:$AA$30,INDEX(Jesper!$R$2:$R$366,ROW(INDEX(Jesper!AI$2:AI$366,ROUNDDOWN($C1755/24,0)+1,1))-1)+IF('Standard Profiles'!$G$19=$B$10,7,0)+IF('Standard Profiles'!$G$19=$B$17,14,0)+IF('Standard Profiles'!$G$19=$B$24,21,0),MOD($C1755,24)+1)/SUM(INDEX($D$3:$AA$30,INDEX(Jesper!$R$2:$R$366,ROW(INDEX(Jesper!AI$2:AI$366,ROUNDDOWN($C1755/24,0)+1,1))-1)+IF('Standard Profiles'!$G$19=$B$10,7,0)+IF('Standard Profiles'!$G$19=$B$17,14,0)+IF('Standard Profiles'!$G$19=$B$24,21,0),0)),0)</f>
        <v>4.7657259918119035</v>
      </c>
      <c r="F1755" cm="1">
        <f t="array" ref="F1755">IFERROR(INDEX(Jesper!AJ$2:AJ$366,ROUNDDOWN($C1755/24,0)+1,1)*INDEX($D$3:$AA$30,INDEX(Jesper!$R$2:$R$366,ROW(INDEX(Jesper!AJ$2:AJ$366,ROUNDDOWN($C1755/24,0)+1,1))-1)+IF('Standard Profiles'!$G$20=$B$10,7,0)+IF('Standard Profiles'!$G$20=$B$17,14,0)+IF('Standard Profiles'!$G$20=$B$24,21,0),MOD($C1755,24)+1)/SUM(INDEX($D$3:$AA$30,INDEX(Jesper!$R$2:$R$366,ROW(INDEX(Jesper!AJ$2:AJ$366,ROUNDDOWN($C1755/24,0)+1,1))-1)+IF('Standard Profiles'!$G$20=$B$10,7,0)+IF('Standard Profiles'!$G$20=$B$17,14,0)+IF('Standard Profiles'!$G$20=$B$24,21,0),0)),0)</f>
        <v>0</v>
      </c>
      <c r="G1755" cm="1">
        <f t="array" ref="G1755">IFERROR(INDEX(Jesper!AK$2:AK$366,ROUNDDOWN($C1755/24,0)+1,1)*INDEX($D$3:$AA$30,INDEX(Jesper!$R$2:$R$366,ROW(INDEX(Jesper!AK$2:AK$366,ROUNDDOWN($C1755/24,0)+1,1))-1)+IF('Standard Profiles'!$G$21=$B$10,7,0)+IF('Standard Profiles'!$G$21=$B$17,14,0)+IF('Standard Profiles'!$G$21=$B$24,21,0),MOD($C1755,24)+1)/SUM(INDEX($D$3:$AA$30,INDEX(Jesper!$R$2:$R$366,ROW(INDEX(Jesper!AK$2:AK$366,ROUNDDOWN($C1755/24,0)+1,1))-1)+IF('Standard Profiles'!$G$21=$B$10,7,0)+IF('Standard Profiles'!$G$21=$B$17,14,0)+IF('Standard Profiles'!$G$21=$B$24,21,0),0)),0)</f>
        <v>6.9371492855272088</v>
      </c>
      <c r="H1755" cm="1">
        <f t="array" ref="H1755">IFERROR(INDEX(Jesper!AL$2:AL$366,ROUNDDOWN($C1755/24,0)+1,1)*INDEX($D$3:$AA$30,INDEX(Jesper!$R$2:$R$366,ROW(INDEX(Jesper!AL$2:AL$366,ROUNDDOWN($C1755/24,0)+1,1))-1)+IF('Standard Profiles'!$G$22=$B$10,7,0)+IF('Standard Profiles'!$G$22=$B$17,14,0)+IF('Standard Profiles'!$G$22=$B$24,21,0),MOD($C1755,24)+1)/SUM(INDEX($D$3:$AA$30,INDEX(Jesper!$R$2:$R$366,ROW(INDEX(Jesper!AL$2:AL$366,ROUNDDOWN($C1755/24,0)+1,1))-1)+IF('Standard Profiles'!$G$22=$B$10,7,0)+IF('Standard Profiles'!$G$22=$B$17,14,0)+IF('Standard Profiles'!$G$22=$B$24,21,0),0)),0)</f>
        <v>0</v>
      </c>
      <c r="I1755">
        <f t="shared" si="202"/>
        <v>3.3298316570530586</v>
      </c>
      <c r="J1755">
        <f t="shared" si="203"/>
        <v>13.345405421387362</v>
      </c>
      <c r="K1755">
        <f t="shared" si="204"/>
        <v>0.63141102236207103</v>
      </c>
      <c r="L1755">
        <f t="shared" si="205"/>
        <v>0.31570551118103551</v>
      </c>
      <c r="M1755">
        <f t="shared" si="206"/>
        <v>0</v>
      </c>
      <c r="N1755" s="45">
        <f t="shared" si="207"/>
        <v>44998.708333329159</v>
      </c>
    </row>
    <row r="1756" spans="2:14" x14ac:dyDescent="0.25">
      <c r="B1756">
        <f t="shared" si="201"/>
        <v>1</v>
      </c>
      <c r="C1756" s="16">
        <v>1722</v>
      </c>
      <c r="D1756" cm="1">
        <f t="array" ref="D1756">IFERROR(INDEX(Jesper!AH$2:AH$366,ROUNDDOWN($C1756/24,0)+1,1)*INDEX($D$3:$AA$30,INDEX(Jesper!$R$2:$R$366,ROW(INDEX(Jesper!AH$2:AH$366,ROUNDDOWN($C1756/24,0)+1,1))-1)+IF('Standard Profiles'!$G$18=$B$10,7,0)+IF('Standard Profiles'!$G$18=$B$17,14,0)+IF('Standard Profiles'!$G$18=$B$24,21,0),MOD($C1756,24)+1)/SUM(INDEX($D$3:$AA$30,INDEX(Jesper!$R$2:$R$366,ROW(INDEX(Jesper!AH$2:AH$366,ROUNDDOWN($C1756/24,0)+1,1))-1)+IF('Standard Profiles'!$G$18=$B$10,7,0)+IF('Standard Profiles'!$G$18=$B$17,14,0)+IF('Standard Profiles'!$G$18=$B$24,21,0),0)),0)</f>
        <v>5.8361054003536497</v>
      </c>
      <c r="E1756" cm="1">
        <f t="array" ref="E1756">IFERROR(INDEX(Jesper!AI$2:AI$366,ROUNDDOWN($C1756/24,0)+1,1)*INDEX($D$3:$AA$30,INDEX(Jesper!$R$2:$R$366,ROW(INDEX(Jesper!AI$2:AI$366,ROUNDDOWN($C1756/24,0)+1,1))-1)+IF('Standard Profiles'!$G$19=$B$10,7,0)+IF('Standard Profiles'!$G$19=$B$17,14,0)+IF('Standard Profiles'!$G$19=$B$24,21,0),MOD($C1756,24)+1)/SUM(INDEX($D$3:$AA$30,INDEX(Jesper!$R$2:$R$366,ROW(INDEX(Jesper!AI$2:AI$366,ROUNDDOWN($C1756/24,0)+1,1))-1)+IF('Standard Profiles'!$G$19=$B$10,7,0)+IF('Standard Profiles'!$G$19=$B$17,14,0)+IF('Standard Profiles'!$G$19=$B$24,21,0),0)),0)</f>
        <v>4.6986030905187777</v>
      </c>
      <c r="F1756" cm="1">
        <f t="array" ref="F1756">IFERROR(INDEX(Jesper!AJ$2:AJ$366,ROUNDDOWN($C1756/24,0)+1,1)*INDEX($D$3:$AA$30,INDEX(Jesper!$R$2:$R$366,ROW(INDEX(Jesper!AJ$2:AJ$366,ROUNDDOWN($C1756/24,0)+1,1))-1)+IF('Standard Profiles'!$G$20=$B$10,7,0)+IF('Standard Profiles'!$G$20=$B$17,14,0)+IF('Standard Profiles'!$G$20=$B$24,21,0),MOD($C1756,24)+1)/SUM(INDEX($D$3:$AA$30,INDEX(Jesper!$R$2:$R$366,ROW(INDEX(Jesper!AJ$2:AJ$366,ROUNDDOWN($C1756/24,0)+1,1))-1)+IF('Standard Profiles'!$G$20=$B$10,7,0)+IF('Standard Profiles'!$G$20=$B$17,14,0)+IF('Standard Profiles'!$G$20=$B$24,21,0),0)),0)</f>
        <v>0</v>
      </c>
      <c r="G1756" cm="1">
        <f t="array" ref="G1756">IFERROR(INDEX(Jesper!AK$2:AK$366,ROUNDDOWN($C1756/24,0)+1,1)*INDEX($D$3:$AA$30,INDEX(Jesper!$R$2:$R$366,ROW(INDEX(Jesper!AK$2:AK$366,ROUNDDOWN($C1756/24,0)+1,1))-1)+IF('Standard Profiles'!$G$21=$B$10,7,0)+IF('Standard Profiles'!$G$21=$B$17,14,0)+IF('Standard Profiles'!$G$21=$B$24,21,0),MOD($C1756,24)+1)/SUM(INDEX($D$3:$AA$30,INDEX(Jesper!$R$2:$R$366,ROW(INDEX(Jesper!AK$2:AK$366,ROUNDDOWN($C1756/24,0)+1,1))-1)+IF('Standard Profiles'!$G$21=$B$10,7,0)+IF('Standard Profiles'!$G$21=$B$17,14,0)+IF('Standard Profiles'!$G$21=$B$24,21,0),0)),0)</f>
        <v>2.4775533162597174</v>
      </c>
      <c r="H1756" cm="1">
        <f t="array" ref="H1756">IFERROR(INDEX(Jesper!AL$2:AL$366,ROUNDDOWN($C1756/24,0)+1,1)*INDEX($D$3:$AA$30,INDEX(Jesper!$R$2:$R$366,ROW(INDEX(Jesper!AL$2:AL$366,ROUNDDOWN($C1756/24,0)+1,1))-1)+IF('Standard Profiles'!$G$22=$B$10,7,0)+IF('Standard Profiles'!$G$22=$B$17,14,0)+IF('Standard Profiles'!$G$22=$B$24,21,0),MOD($C1756,24)+1)/SUM(INDEX($D$3:$AA$30,INDEX(Jesper!$R$2:$R$366,ROW(INDEX(Jesper!AL$2:AL$366,ROUNDDOWN($C1756/24,0)+1,1))-1)+IF('Standard Profiles'!$G$22=$B$10,7,0)+IF('Standard Profiles'!$G$22=$B$17,14,0)+IF('Standard Profiles'!$G$22=$B$24,21,0),0)),0)</f>
        <v>0</v>
      </c>
      <c r="I1756">
        <f t="shared" si="202"/>
        <v>1.1892255918046637</v>
      </c>
      <c r="J1756">
        <f t="shared" si="203"/>
        <v>10.889259351270896</v>
      </c>
      <c r="K1756">
        <f t="shared" si="204"/>
        <v>0.622517909371056</v>
      </c>
      <c r="L1756">
        <f t="shared" si="205"/>
        <v>0.311258954685528</v>
      </c>
      <c r="M1756">
        <f t="shared" si="206"/>
        <v>0</v>
      </c>
      <c r="N1756" s="45">
        <f t="shared" si="207"/>
        <v>44998.749999995824</v>
      </c>
    </row>
    <row r="1757" spans="2:14" x14ac:dyDescent="0.25">
      <c r="B1757">
        <f t="shared" si="201"/>
        <v>1</v>
      </c>
      <c r="C1757" s="16">
        <v>1723</v>
      </c>
      <c r="D1757" cm="1">
        <f t="array" ref="D1757">IFERROR(INDEX(Jesper!AH$2:AH$366,ROUNDDOWN($C1757/24,0)+1,1)*INDEX($D$3:$AA$30,INDEX(Jesper!$R$2:$R$366,ROW(INDEX(Jesper!AH$2:AH$366,ROUNDDOWN($C1757/24,0)+1,1))-1)+IF('Standard Profiles'!$G$18=$B$10,7,0)+IF('Standard Profiles'!$G$18=$B$17,14,0)+IF('Standard Profiles'!$G$18=$B$24,21,0),MOD($C1757,24)+1)/SUM(INDEX($D$3:$AA$30,INDEX(Jesper!$R$2:$R$366,ROW(INDEX(Jesper!AH$2:AH$366,ROUNDDOWN($C1757/24,0)+1,1))-1)+IF('Standard Profiles'!$G$18=$B$10,7,0)+IF('Standard Profiles'!$G$18=$B$17,14,0)+IF('Standard Profiles'!$G$18=$B$24,21,0),0)),0)</f>
        <v>5.8361054003536497</v>
      </c>
      <c r="E1757" cm="1">
        <f t="array" ref="E1757">IFERROR(INDEX(Jesper!AI$2:AI$366,ROUNDDOWN($C1757/24,0)+1,1)*INDEX($D$3:$AA$30,INDEX(Jesper!$R$2:$R$366,ROW(INDEX(Jesper!AI$2:AI$366,ROUNDDOWN($C1757/24,0)+1,1))-1)+IF('Standard Profiles'!$G$19=$B$10,7,0)+IF('Standard Profiles'!$G$19=$B$17,14,0)+IF('Standard Profiles'!$G$19=$B$24,21,0),MOD($C1757,24)+1)/SUM(INDEX($D$3:$AA$30,INDEX(Jesper!$R$2:$R$366,ROW(INDEX(Jesper!AI$2:AI$366,ROUNDDOWN($C1757/24,0)+1,1))-1)+IF('Standard Profiles'!$G$19=$B$10,7,0)+IF('Standard Profiles'!$G$19=$B$17,14,0)+IF('Standard Profiles'!$G$19=$B$24,21,0),0)),0)</f>
        <v>4.6986030905187777</v>
      </c>
      <c r="F1757" cm="1">
        <f t="array" ref="F1757">IFERROR(INDEX(Jesper!AJ$2:AJ$366,ROUNDDOWN($C1757/24,0)+1,1)*INDEX($D$3:$AA$30,INDEX(Jesper!$R$2:$R$366,ROW(INDEX(Jesper!AJ$2:AJ$366,ROUNDDOWN($C1757/24,0)+1,1))-1)+IF('Standard Profiles'!$G$20=$B$10,7,0)+IF('Standard Profiles'!$G$20=$B$17,14,0)+IF('Standard Profiles'!$G$20=$B$24,21,0),MOD($C1757,24)+1)/SUM(INDEX($D$3:$AA$30,INDEX(Jesper!$R$2:$R$366,ROW(INDEX(Jesper!AJ$2:AJ$366,ROUNDDOWN($C1757/24,0)+1,1))-1)+IF('Standard Profiles'!$G$20=$B$10,7,0)+IF('Standard Profiles'!$G$20=$B$17,14,0)+IF('Standard Profiles'!$G$20=$B$24,21,0),0)),0)</f>
        <v>0</v>
      </c>
      <c r="G1757" cm="1">
        <f t="array" ref="G1757">IFERROR(INDEX(Jesper!AK$2:AK$366,ROUNDDOWN($C1757/24,0)+1,1)*INDEX($D$3:$AA$30,INDEX(Jesper!$R$2:$R$366,ROW(INDEX(Jesper!AK$2:AK$366,ROUNDDOWN($C1757/24,0)+1,1))-1)+IF('Standard Profiles'!$G$21=$B$10,7,0)+IF('Standard Profiles'!$G$21=$B$17,14,0)+IF('Standard Profiles'!$G$21=$B$24,21,0),MOD($C1757,24)+1)/SUM(INDEX($D$3:$AA$30,INDEX(Jesper!$R$2:$R$366,ROW(INDEX(Jesper!AK$2:AK$366,ROUNDDOWN($C1757/24,0)+1,1))-1)+IF('Standard Profiles'!$G$21=$B$10,7,0)+IF('Standard Profiles'!$G$21=$B$17,14,0)+IF('Standard Profiles'!$G$21=$B$24,21,0),0)),0)</f>
        <v>2.4775533162597174</v>
      </c>
      <c r="H1757" cm="1">
        <f t="array" ref="H1757">IFERROR(INDEX(Jesper!AL$2:AL$366,ROUNDDOWN($C1757/24,0)+1,1)*INDEX($D$3:$AA$30,INDEX(Jesper!$R$2:$R$366,ROW(INDEX(Jesper!AL$2:AL$366,ROUNDDOWN($C1757/24,0)+1,1))-1)+IF('Standard Profiles'!$G$22=$B$10,7,0)+IF('Standard Profiles'!$G$22=$B$17,14,0)+IF('Standard Profiles'!$G$22=$B$24,21,0),MOD($C1757,24)+1)/SUM(INDEX($D$3:$AA$30,INDEX(Jesper!$R$2:$R$366,ROW(INDEX(Jesper!AL$2:AL$366,ROUNDDOWN($C1757/24,0)+1,1))-1)+IF('Standard Profiles'!$G$22=$B$10,7,0)+IF('Standard Profiles'!$G$22=$B$17,14,0)+IF('Standard Profiles'!$G$22=$B$24,21,0),0)),0)</f>
        <v>0</v>
      </c>
      <c r="I1757">
        <f t="shared" si="202"/>
        <v>1.1892255918046637</v>
      </c>
      <c r="J1757">
        <f t="shared" si="203"/>
        <v>10.889259351270896</v>
      </c>
      <c r="K1757">
        <f t="shared" si="204"/>
        <v>0.622517909371056</v>
      </c>
      <c r="L1757">
        <f t="shared" si="205"/>
        <v>0.311258954685528</v>
      </c>
      <c r="M1757">
        <f t="shared" si="206"/>
        <v>0</v>
      </c>
      <c r="N1757" s="45">
        <f t="shared" si="207"/>
        <v>44998.791666662488</v>
      </c>
    </row>
    <row r="1758" spans="2:14" x14ac:dyDescent="0.25">
      <c r="B1758">
        <f t="shared" si="201"/>
        <v>1</v>
      </c>
      <c r="C1758" s="16">
        <v>1724</v>
      </c>
      <c r="D1758" cm="1">
        <f t="array" ref="D1758">IFERROR(INDEX(Jesper!AH$2:AH$366,ROUNDDOWN($C1758/24,0)+1,1)*INDEX($D$3:$AA$30,INDEX(Jesper!$R$2:$R$366,ROW(INDEX(Jesper!AH$2:AH$366,ROUNDDOWN($C1758/24,0)+1,1))-1)+IF('Standard Profiles'!$G$18=$B$10,7,0)+IF('Standard Profiles'!$G$18=$B$17,14,0)+IF('Standard Profiles'!$G$18=$B$24,21,0),MOD($C1758,24)+1)/SUM(INDEX($D$3:$AA$30,INDEX(Jesper!$R$2:$R$366,ROW(INDEX(Jesper!AH$2:AH$366,ROUNDDOWN($C1758/24,0)+1,1))-1)+IF('Standard Profiles'!$G$18=$B$10,7,0)+IF('Standard Profiles'!$G$18=$B$17,14,0)+IF('Standard Profiles'!$G$18=$B$24,21,0),0)),0)</f>
        <v>5.8361054003536497</v>
      </c>
      <c r="E1758" cm="1">
        <f t="array" ref="E1758">IFERROR(INDEX(Jesper!AI$2:AI$366,ROUNDDOWN($C1758/24,0)+1,1)*INDEX($D$3:$AA$30,INDEX(Jesper!$R$2:$R$366,ROW(INDEX(Jesper!AI$2:AI$366,ROUNDDOWN($C1758/24,0)+1,1))-1)+IF('Standard Profiles'!$G$19=$B$10,7,0)+IF('Standard Profiles'!$G$19=$B$17,14,0)+IF('Standard Profiles'!$G$19=$B$24,21,0),MOD($C1758,24)+1)/SUM(INDEX($D$3:$AA$30,INDEX(Jesper!$R$2:$R$366,ROW(INDEX(Jesper!AI$2:AI$366,ROUNDDOWN($C1758/24,0)+1,1))-1)+IF('Standard Profiles'!$G$19=$B$10,7,0)+IF('Standard Profiles'!$G$19=$B$17,14,0)+IF('Standard Profiles'!$G$19=$B$24,21,0),0)),0)</f>
        <v>4.6986030905187777</v>
      </c>
      <c r="F1758" cm="1">
        <f t="array" ref="F1758">IFERROR(INDEX(Jesper!AJ$2:AJ$366,ROUNDDOWN($C1758/24,0)+1,1)*INDEX($D$3:$AA$30,INDEX(Jesper!$R$2:$R$366,ROW(INDEX(Jesper!AJ$2:AJ$366,ROUNDDOWN($C1758/24,0)+1,1))-1)+IF('Standard Profiles'!$G$20=$B$10,7,0)+IF('Standard Profiles'!$G$20=$B$17,14,0)+IF('Standard Profiles'!$G$20=$B$24,21,0),MOD($C1758,24)+1)/SUM(INDEX($D$3:$AA$30,INDEX(Jesper!$R$2:$R$366,ROW(INDEX(Jesper!AJ$2:AJ$366,ROUNDDOWN($C1758/24,0)+1,1))-1)+IF('Standard Profiles'!$G$20=$B$10,7,0)+IF('Standard Profiles'!$G$20=$B$17,14,0)+IF('Standard Profiles'!$G$20=$B$24,21,0),0)),0)</f>
        <v>0</v>
      </c>
      <c r="G1758" cm="1">
        <f t="array" ref="G1758">IFERROR(INDEX(Jesper!AK$2:AK$366,ROUNDDOWN($C1758/24,0)+1,1)*INDEX($D$3:$AA$30,INDEX(Jesper!$R$2:$R$366,ROW(INDEX(Jesper!AK$2:AK$366,ROUNDDOWN($C1758/24,0)+1,1))-1)+IF('Standard Profiles'!$G$21=$B$10,7,0)+IF('Standard Profiles'!$G$21=$B$17,14,0)+IF('Standard Profiles'!$G$21=$B$24,21,0),MOD($C1758,24)+1)/SUM(INDEX($D$3:$AA$30,INDEX(Jesper!$R$2:$R$366,ROW(INDEX(Jesper!AK$2:AK$366,ROUNDDOWN($C1758/24,0)+1,1))-1)+IF('Standard Profiles'!$G$21=$B$10,7,0)+IF('Standard Profiles'!$G$21=$B$17,14,0)+IF('Standard Profiles'!$G$21=$B$24,21,0),0)),0)</f>
        <v>2.4775533162597174</v>
      </c>
      <c r="H1758" cm="1">
        <f t="array" ref="H1758">IFERROR(INDEX(Jesper!AL$2:AL$366,ROUNDDOWN($C1758/24,0)+1,1)*INDEX($D$3:$AA$30,INDEX(Jesper!$R$2:$R$366,ROW(INDEX(Jesper!AL$2:AL$366,ROUNDDOWN($C1758/24,0)+1,1))-1)+IF('Standard Profiles'!$G$22=$B$10,7,0)+IF('Standard Profiles'!$G$22=$B$17,14,0)+IF('Standard Profiles'!$G$22=$B$24,21,0),MOD($C1758,24)+1)/SUM(INDEX($D$3:$AA$30,INDEX(Jesper!$R$2:$R$366,ROW(INDEX(Jesper!AL$2:AL$366,ROUNDDOWN($C1758/24,0)+1,1))-1)+IF('Standard Profiles'!$G$22=$B$10,7,0)+IF('Standard Profiles'!$G$22=$B$17,14,0)+IF('Standard Profiles'!$G$22=$B$24,21,0),0)),0)</f>
        <v>0</v>
      </c>
      <c r="I1758">
        <f t="shared" si="202"/>
        <v>1.1892255918046637</v>
      </c>
      <c r="J1758">
        <f t="shared" si="203"/>
        <v>10.889259351270896</v>
      </c>
      <c r="K1758">
        <f t="shared" si="204"/>
        <v>0.622517909371056</v>
      </c>
      <c r="L1758">
        <f t="shared" si="205"/>
        <v>0.311258954685528</v>
      </c>
      <c r="M1758">
        <f t="shared" si="206"/>
        <v>0</v>
      </c>
      <c r="N1758" s="45">
        <f t="shared" si="207"/>
        <v>44998.833333329152</v>
      </c>
    </row>
    <row r="1759" spans="2:14" x14ac:dyDescent="0.25">
      <c r="B1759">
        <f t="shared" si="201"/>
        <v>1</v>
      </c>
      <c r="C1759" s="16">
        <v>1725</v>
      </c>
      <c r="D1759" cm="1">
        <f t="array" ref="D1759">IFERROR(INDEX(Jesper!AH$2:AH$366,ROUNDDOWN($C1759/24,0)+1,1)*INDEX($D$3:$AA$30,INDEX(Jesper!$R$2:$R$366,ROW(INDEX(Jesper!AH$2:AH$366,ROUNDDOWN($C1759/24,0)+1,1))-1)+IF('Standard Profiles'!$G$18=$B$10,7,0)+IF('Standard Profiles'!$G$18=$B$17,14,0)+IF('Standard Profiles'!$G$18=$B$24,21,0),MOD($C1759,24)+1)/SUM(INDEX($D$3:$AA$30,INDEX(Jesper!$R$2:$R$366,ROW(INDEX(Jesper!AH$2:AH$366,ROUNDDOWN($C1759/24,0)+1,1))-1)+IF('Standard Profiles'!$G$18=$B$10,7,0)+IF('Standard Profiles'!$G$18=$B$17,14,0)+IF('Standard Profiles'!$G$18=$B$24,21,0),0)),0)</f>
        <v>5.8361054003536497</v>
      </c>
      <c r="E1759" cm="1">
        <f t="array" ref="E1759">IFERROR(INDEX(Jesper!AI$2:AI$366,ROUNDDOWN($C1759/24,0)+1,1)*INDEX($D$3:$AA$30,INDEX(Jesper!$R$2:$R$366,ROW(INDEX(Jesper!AI$2:AI$366,ROUNDDOWN($C1759/24,0)+1,1))-1)+IF('Standard Profiles'!$G$19=$B$10,7,0)+IF('Standard Profiles'!$G$19=$B$17,14,0)+IF('Standard Profiles'!$G$19=$B$24,21,0),MOD($C1759,24)+1)/SUM(INDEX($D$3:$AA$30,INDEX(Jesper!$R$2:$R$366,ROW(INDEX(Jesper!AI$2:AI$366,ROUNDDOWN($C1759/24,0)+1,1))-1)+IF('Standard Profiles'!$G$19=$B$10,7,0)+IF('Standard Profiles'!$G$19=$B$17,14,0)+IF('Standard Profiles'!$G$19=$B$24,21,0),0)),0)</f>
        <v>4.6986030905187777</v>
      </c>
      <c r="F1759" cm="1">
        <f t="array" ref="F1759">IFERROR(INDEX(Jesper!AJ$2:AJ$366,ROUNDDOWN($C1759/24,0)+1,1)*INDEX($D$3:$AA$30,INDEX(Jesper!$R$2:$R$366,ROW(INDEX(Jesper!AJ$2:AJ$366,ROUNDDOWN($C1759/24,0)+1,1))-1)+IF('Standard Profiles'!$G$20=$B$10,7,0)+IF('Standard Profiles'!$G$20=$B$17,14,0)+IF('Standard Profiles'!$G$20=$B$24,21,0),MOD($C1759,24)+1)/SUM(INDEX($D$3:$AA$30,INDEX(Jesper!$R$2:$R$366,ROW(INDEX(Jesper!AJ$2:AJ$366,ROUNDDOWN($C1759/24,0)+1,1))-1)+IF('Standard Profiles'!$G$20=$B$10,7,0)+IF('Standard Profiles'!$G$20=$B$17,14,0)+IF('Standard Profiles'!$G$20=$B$24,21,0),0)),0)</f>
        <v>0</v>
      </c>
      <c r="G1759" cm="1">
        <f t="array" ref="G1759">IFERROR(INDEX(Jesper!AK$2:AK$366,ROUNDDOWN($C1759/24,0)+1,1)*INDEX($D$3:$AA$30,INDEX(Jesper!$R$2:$R$366,ROW(INDEX(Jesper!AK$2:AK$366,ROUNDDOWN($C1759/24,0)+1,1))-1)+IF('Standard Profiles'!$G$21=$B$10,7,0)+IF('Standard Profiles'!$G$21=$B$17,14,0)+IF('Standard Profiles'!$G$21=$B$24,21,0),MOD($C1759,24)+1)/SUM(INDEX($D$3:$AA$30,INDEX(Jesper!$R$2:$R$366,ROW(INDEX(Jesper!AK$2:AK$366,ROUNDDOWN($C1759/24,0)+1,1))-1)+IF('Standard Profiles'!$G$21=$B$10,7,0)+IF('Standard Profiles'!$G$21=$B$17,14,0)+IF('Standard Profiles'!$G$21=$B$24,21,0),0)),0)</f>
        <v>2.4775533162597174</v>
      </c>
      <c r="H1759" cm="1">
        <f t="array" ref="H1759">IFERROR(INDEX(Jesper!AL$2:AL$366,ROUNDDOWN($C1759/24,0)+1,1)*INDEX($D$3:$AA$30,INDEX(Jesper!$R$2:$R$366,ROW(INDEX(Jesper!AL$2:AL$366,ROUNDDOWN($C1759/24,0)+1,1))-1)+IF('Standard Profiles'!$G$22=$B$10,7,0)+IF('Standard Profiles'!$G$22=$B$17,14,0)+IF('Standard Profiles'!$G$22=$B$24,21,0),MOD($C1759,24)+1)/SUM(INDEX($D$3:$AA$30,INDEX(Jesper!$R$2:$R$366,ROW(INDEX(Jesper!AL$2:AL$366,ROUNDDOWN($C1759/24,0)+1,1))-1)+IF('Standard Profiles'!$G$22=$B$10,7,0)+IF('Standard Profiles'!$G$22=$B$17,14,0)+IF('Standard Profiles'!$G$22=$B$24,21,0),0)),0)</f>
        <v>0</v>
      </c>
      <c r="I1759">
        <f t="shared" si="202"/>
        <v>1.1892255918046637</v>
      </c>
      <c r="J1759">
        <f t="shared" si="203"/>
        <v>10.889259351270896</v>
      </c>
      <c r="K1759">
        <f t="shared" si="204"/>
        <v>0.622517909371056</v>
      </c>
      <c r="L1759">
        <f t="shared" si="205"/>
        <v>0.311258954685528</v>
      </c>
      <c r="M1759">
        <f t="shared" si="206"/>
        <v>0</v>
      </c>
      <c r="N1759" s="45">
        <f t="shared" si="207"/>
        <v>44998.874999995816</v>
      </c>
    </row>
    <row r="1760" spans="2:14" x14ac:dyDescent="0.25">
      <c r="B1760">
        <f t="shared" si="201"/>
        <v>1</v>
      </c>
      <c r="C1760" s="16">
        <v>1726</v>
      </c>
      <c r="D1760" cm="1">
        <f t="array" ref="D1760">IFERROR(INDEX(Jesper!AH$2:AH$366,ROUNDDOWN($C1760/24,0)+1,1)*INDEX($D$3:$AA$30,INDEX(Jesper!$R$2:$R$366,ROW(INDEX(Jesper!AH$2:AH$366,ROUNDDOWN($C1760/24,0)+1,1))-1)+IF('Standard Profiles'!$G$18=$B$10,7,0)+IF('Standard Profiles'!$G$18=$B$17,14,0)+IF('Standard Profiles'!$G$18=$B$24,21,0),MOD($C1760,24)+1)/SUM(INDEX($D$3:$AA$30,INDEX(Jesper!$R$2:$R$366,ROW(INDEX(Jesper!AH$2:AH$366,ROUNDDOWN($C1760/24,0)+1,1))-1)+IF('Standard Profiles'!$G$18=$B$10,7,0)+IF('Standard Profiles'!$G$18=$B$17,14,0)+IF('Standard Profiles'!$G$18=$B$24,21,0),0)),0)</f>
        <v>5.8361054003536497</v>
      </c>
      <c r="E1760" cm="1">
        <f t="array" ref="E1760">IFERROR(INDEX(Jesper!AI$2:AI$366,ROUNDDOWN($C1760/24,0)+1,1)*INDEX($D$3:$AA$30,INDEX(Jesper!$R$2:$R$366,ROW(INDEX(Jesper!AI$2:AI$366,ROUNDDOWN($C1760/24,0)+1,1))-1)+IF('Standard Profiles'!$G$19=$B$10,7,0)+IF('Standard Profiles'!$G$19=$B$17,14,0)+IF('Standard Profiles'!$G$19=$B$24,21,0),MOD($C1760,24)+1)/SUM(INDEX($D$3:$AA$30,INDEX(Jesper!$R$2:$R$366,ROW(INDEX(Jesper!AI$2:AI$366,ROUNDDOWN($C1760/24,0)+1,1))-1)+IF('Standard Profiles'!$G$19=$B$10,7,0)+IF('Standard Profiles'!$G$19=$B$17,14,0)+IF('Standard Profiles'!$G$19=$B$24,21,0),0)),0)</f>
        <v>4.6986030905187777</v>
      </c>
      <c r="F1760" cm="1">
        <f t="array" ref="F1760">IFERROR(INDEX(Jesper!AJ$2:AJ$366,ROUNDDOWN($C1760/24,0)+1,1)*INDEX($D$3:$AA$30,INDEX(Jesper!$R$2:$R$366,ROW(INDEX(Jesper!AJ$2:AJ$366,ROUNDDOWN($C1760/24,0)+1,1))-1)+IF('Standard Profiles'!$G$20=$B$10,7,0)+IF('Standard Profiles'!$G$20=$B$17,14,0)+IF('Standard Profiles'!$G$20=$B$24,21,0),MOD($C1760,24)+1)/SUM(INDEX($D$3:$AA$30,INDEX(Jesper!$R$2:$R$366,ROW(INDEX(Jesper!AJ$2:AJ$366,ROUNDDOWN($C1760/24,0)+1,1))-1)+IF('Standard Profiles'!$G$20=$B$10,7,0)+IF('Standard Profiles'!$G$20=$B$17,14,0)+IF('Standard Profiles'!$G$20=$B$24,21,0),0)),0)</f>
        <v>0</v>
      </c>
      <c r="G1760" cm="1">
        <f t="array" ref="G1760">IFERROR(INDEX(Jesper!AK$2:AK$366,ROUNDDOWN($C1760/24,0)+1,1)*INDEX($D$3:$AA$30,INDEX(Jesper!$R$2:$R$366,ROW(INDEX(Jesper!AK$2:AK$366,ROUNDDOWN($C1760/24,0)+1,1))-1)+IF('Standard Profiles'!$G$21=$B$10,7,0)+IF('Standard Profiles'!$G$21=$B$17,14,0)+IF('Standard Profiles'!$G$21=$B$24,21,0),MOD($C1760,24)+1)/SUM(INDEX($D$3:$AA$30,INDEX(Jesper!$R$2:$R$366,ROW(INDEX(Jesper!AK$2:AK$366,ROUNDDOWN($C1760/24,0)+1,1))-1)+IF('Standard Profiles'!$G$21=$B$10,7,0)+IF('Standard Profiles'!$G$21=$B$17,14,0)+IF('Standard Profiles'!$G$21=$B$24,21,0),0)),0)</f>
        <v>2.4775533162597174</v>
      </c>
      <c r="H1760" cm="1">
        <f t="array" ref="H1760">IFERROR(INDEX(Jesper!AL$2:AL$366,ROUNDDOWN($C1760/24,0)+1,1)*INDEX($D$3:$AA$30,INDEX(Jesper!$R$2:$R$366,ROW(INDEX(Jesper!AL$2:AL$366,ROUNDDOWN($C1760/24,0)+1,1))-1)+IF('Standard Profiles'!$G$22=$B$10,7,0)+IF('Standard Profiles'!$G$22=$B$17,14,0)+IF('Standard Profiles'!$G$22=$B$24,21,0),MOD($C1760,24)+1)/SUM(INDEX($D$3:$AA$30,INDEX(Jesper!$R$2:$R$366,ROW(INDEX(Jesper!AL$2:AL$366,ROUNDDOWN($C1760/24,0)+1,1))-1)+IF('Standard Profiles'!$G$22=$B$10,7,0)+IF('Standard Profiles'!$G$22=$B$17,14,0)+IF('Standard Profiles'!$G$22=$B$24,21,0),0)),0)</f>
        <v>0</v>
      </c>
      <c r="I1760">
        <f t="shared" si="202"/>
        <v>1.1892255918046637</v>
      </c>
      <c r="J1760">
        <f t="shared" si="203"/>
        <v>10.889259351270896</v>
      </c>
      <c r="K1760">
        <f t="shared" si="204"/>
        <v>0.622517909371056</v>
      </c>
      <c r="L1760">
        <f t="shared" si="205"/>
        <v>0.311258954685528</v>
      </c>
      <c r="M1760">
        <f t="shared" si="206"/>
        <v>0</v>
      </c>
      <c r="N1760" s="45">
        <f t="shared" si="207"/>
        <v>44998.916666662481</v>
      </c>
    </row>
    <row r="1761" spans="2:14" x14ac:dyDescent="0.25">
      <c r="B1761">
        <f t="shared" si="201"/>
        <v>1</v>
      </c>
      <c r="C1761" s="16">
        <v>1727</v>
      </c>
      <c r="D1761" cm="1">
        <f t="array" ref="D1761">IFERROR(INDEX(Jesper!AH$2:AH$366,ROUNDDOWN($C1761/24,0)+1,1)*INDEX($D$3:$AA$30,INDEX(Jesper!$R$2:$R$366,ROW(INDEX(Jesper!AH$2:AH$366,ROUNDDOWN($C1761/24,0)+1,1))-1)+IF('Standard Profiles'!$G$18=$B$10,7,0)+IF('Standard Profiles'!$G$18=$B$17,14,0)+IF('Standard Profiles'!$G$18=$B$24,21,0),MOD($C1761,24)+1)/SUM(INDEX($D$3:$AA$30,INDEX(Jesper!$R$2:$R$366,ROW(INDEX(Jesper!AH$2:AH$366,ROUNDDOWN($C1761/24,0)+1,1))-1)+IF('Standard Profiles'!$G$18=$B$10,7,0)+IF('Standard Profiles'!$G$18=$B$17,14,0)+IF('Standard Profiles'!$G$18=$B$24,21,0),0)),0)</f>
        <v>5.8361054003536497</v>
      </c>
      <c r="E1761" cm="1">
        <f t="array" ref="E1761">IFERROR(INDEX(Jesper!AI$2:AI$366,ROUNDDOWN($C1761/24,0)+1,1)*INDEX($D$3:$AA$30,INDEX(Jesper!$R$2:$R$366,ROW(INDEX(Jesper!AI$2:AI$366,ROUNDDOWN($C1761/24,0)+1,1))-1)+IF('Standard Profiles'!$G$19=$B$10,7,0)+IF('Standard Profiles'!$G$19=$B$17,14,0)+IF('Standard Profiles'!$G$19=$B$24,21,0),MOD($C1761,24)+1)/SUM(INDEX($D$3:$AA$30,INDEX(Jesper!$R$2:$R$366,ROW(INDEX(Jesper!AI$2:AI$366,ROUNDDOWN($C1761/24,0)+1,1))-1)+IF('Standard Profiles'!$G$19=$B$10,7,0)+IF('Standard Profiles'!$G$19=$B$17,14,0)+IF('Standard Profiles'!$G$19=$B$24,21,0),0)),0)</f>
        <v>4.6986030905187777</v>
      </c>
      <c r="F1761" cm="1">
        <f t="array" ref="F1761">IFERROR(INDEX(Jesper!AJ$2:AJ$366,ROUNDDOWN($C1761/24,0)+1,1)*INDEX($D$3:$AA$30,INDEX(Jesper!$R$2:$R$366,ROW(INDEX(Jesper!AJ$2:AJ$366,ROUNDDOWN($C1761/24,0)+1,1))-1)+IF('Standard Profiles'!$G$20=$B$10,7,0)+IF('Standard Profiles'!$G$20=$B$17,14,0)+IF('Standard Profiles'!$G$20=$B$24,21,0),MOD($C1761,24)+1)/SUM(INDEX($D$3:$AA$30,INDEX(Jesper!$R$2:$R$366,ROW(INDEX(Jesper!AJ$2:AJ$366,ROUNDDOWN($C1761/24,0)+1,1))-1)+IF('Standard Profiles'!$G$20=$B$10,7,0)+IF('Standard Profiles'!$G$20=$B$17,14,0)+IF('Standard Profiles'!$G$20=$B$24,21,0),0)),0)</f>
        <v>0</v>
      </c>
      <c r="G1761" cm="1">
        <f t="array" ref="G1761">IFERROR(INDEX(Jesper!AK$2:AK$366,ROUNDDOWN($C1761/24,0)+1,1)*INDEX($D$3:$AA$30,INDEX(Jesper!$R$2:$R$366,ROW(INDEX(Jesper!AK$2:AK$366,ROUNDDOWN($C1761/24,0)+1,1))-1)+IF('Standard Profiles'!$G$21=$B$10,7,0)+IF('Standard Profiles'!$G$21=$B$17,14,0)+IF('Standard Profiles'!$G$21=$B$24,21,0),MOD($C1761,24)+1)/SUM(INDEX($D$3:$AA$30,INDEX(Jesper!$R$2:$R$366,ROW(INDEX(Jesper!AK$2:AK$366,ROUNDDOWN($C1761/24,0)+1,1))-1)+IF('Standard Profiles'!$G$21=$B$10,7,0)+IF('Standard Profiles'!$G$21=$B$17,14,0)+IF('Standard Profiles'!$G$21=$B$24,21,0),0)),0)</f>
        <v>2.4775533162597174</v>
      </c>
      <c r="H1761" cm="1">
        <f t="array" ref="H1761">IFERROR(INDEX(Jesper!AL$2:AL$366,ROUNDDOWN($C1761/24,0)+1,1)*INDEX($D$3:$AA$30,INDEX(Jesper!$R$2:$R$366,ROW(INDEX(Jesper!AL$2:AL$366,ROUNDDOWN($C1761/24,0)+1,1))-1)+IF('Standard Profiles'!$G$22=$B$10,7,0)+IF('Standard Profiles'!$G$22=$B$17,14,0)+IF('Standard Profiles'!$G$22=$B$24,21,0),MOD($C1761,24)+1)/SUM(INDEX($D$3:$AA$30,INDEX(Jesper!$R$2:$R$366,ROW(INDEX(Jesper!AL$2:AL$366,ROUNDDOWN($C1761/24,0)+1,1))-1)+IF('Standard Profiles'!$G$22=$B$10,7,0)+IF('Standard Profiles'!$G$22=$B$17,14,0)+IF('Standard Profiles'!$G$22=$B$24,21,0),0)),0)</f>
        <v>0</v>
      </c>
      <c r="I1761">
        <f t="shared" si="202"/>
        <v>1.1892255918046637</v>
      </c>
      <c r="J1761">
        <f t="shared" si="203"/>
        <v>10.889259351270896</v>
      </c>
      <c r="K1761">
        <f t="shared" si="204"/>
        <v>0.622517909371056</v>
      </c>
      <c r="L1761">
        <f t="shared" si="205"/>
        <v>0.311258954685528</v>
      </c>
      <c r="M1761">
        <f t="shared" si="206"/>
        <v>0</v>
      </c>
      <c r="N1761" s="45">
        <f t="shared" si="207"/>
        <v>44998.958333329145</v>
      </c>
    </row>
    <row r="1762" spans="2:14" x14ac:dyDescent="0.25">
      <c r="B1762">
        <f t="shared" si="201"/>
        <v>2</v>
      </c>
      <c r="C1762" s="16">
        <v>1728</v>
      </c>
      <c r="D1762" cm="1">
        <f t="array" ref="D1762">IFERROR(INDEX(Jesper!AH$2:AH$366,ROUNDDOWN($C1762/24,0)+1,1)*INDEX($D$3:$AA$30,INDEX(Jesper!$R$2:$R$366,ROW(INDEX(Jesper!AH$2:AH$366,ROUNDDOWN($C1762/24,0)+1,1))-1)+IF('Standard Profiles'!$G$18=$B$10,7,0)+IF('Standard Profiles'!$G$18=$B$17,14,0)+IF('Standard Profiles'!$G$18=$B$24,21,0),MOD($C1762,24)+1)/SUM(INDEX($D$3:$AA$30,INDEX(Jesper!$R$2:$R$366,ROW(INDEX(Jesper!AH$2:AH$366,ROUNDDOWN($C1762/24,0)+1,1))-1)+IF('Standard Profiles'!$G$18=$B$10,7,0)+IF('Standard Profiles'!$G$18=$B$17,14,0)+IF('Standard Profiles'!$G$18=$B$24,21,0),0)),0)</f>
        <v>3.7199613166030203</v>
      </c>
      <c r="E1762" cm="1">
        <f t="array" ref="E1762">IFERROR(INDEX(Jesper!AI$2:AI$366,ROUNDDOWN($C1762/24,0)+1,1)*INDEX($D$3:$AA$30,INDEX(Jesper!$R$2:$R$366,ROW(INDEX(Jesper!AI$2:AI$366,ROUNDDOWN($C1762/24,0)+1,1))-1)+IF('Standard Profiles'!$G$19=$B$10,7,0)+IF('Standard Profiles'!$G$19=$B$17,14,0)+IF('Standard Profiles'!$G$19=$B$24,21,0),MOD($C1762,24)+1)/SUM(INDEX($D$3:$AA$30,INDEX(Jesper!$R$2:$R$366,ROW(INDEX(Jesper!AI$2:AI$366,ROUNDDOWN($C1762/24,0)+1,1))-1)+IF('Standard Profiles'!$G$19=$B$10,7,0)+IF('Standard Profiles'!$G$19=$B$17,14,0)+IF('Standard Profiles'!$G$19=$B$24,21,0),0)),0)</f>
        <v>3.0150604222398689</v>
      </c>
      <c r="F1762" cm="1">
        <f t="array" ref="F1762">IFERROR(INDEX(Jesper!AJ$2:AJ$366,ROUNDDOWN($C1762/24,0)+1,1)*INDEX($D$3:$AA$30,INDEX(Jesper!$R$2:$R$366,ROW(INDEX(Jesper!AJ$2:AJ$366,ROUNDDOWN($C1762/24,0)+1,1))-1)+IF('Standard Profiles'!$G$20=$B$10,7,0)+IF('Standard Profiles'!$G$20=$B$17,14,0)+IF('Standard Profiles'!$G$20=$B$24,21,0),MOD($C1762,24)+1)/SUM(INDEX($D$3:$AA$30,INDEX(Jesper!$R$2:$R$366,ROW(INDEX(Jesper!AJ$2:AJ$366,ROUNDDOWN($C1762/24,0)+1,1))-1)+IF('Standard Profiles'!$G$20=$B$10,7,0)+IF('Standard Profiles'!$G$20=$B$17,14,0)+IF('Standard Profiles'!$G$20=$B$24,21,0),0)),0)</f>
        <v>0</v>
      </c>
      <c r="G1762" cm="1">
        <f t="array" ref="G1762">IFERROR(INDEX(Jesper!AK$2:AK$366,ROUNDDOWN($C1762/24,0)+1,1)*INDEX($D$3:$AA$30,INDEX(Jesper!$R$2:$R$366,ROW(INDEX(Jesper!AK$2:AK$366,ROUNDDOWN($C1762/24,0)+1,1))-1)+IF('Standard Profiles'!$G$21=$B$10,7,0)+IF('Standard Profiles'!$G$21=$B$17,14,0)+IF('Standard Profiles'!$G$21=$B$24,21,0),MOD($C1762,24)+1)/SUM(INDEX($D$3:$AA$30,INDEX(Jesper!$R$2:$R$366,ROW(INDEX(Jesper!AK$2:AK$366,ROUNDDOWN($C1762/24,0)+1,1))-1)+IF('Standard Profiles'!$G$21=$B$10,7,0)+IF('Standard Profiles'!$G$21=$B$17,14,0)+IF('Standard Profiles'!$G$21=$B$24,21,0),0)),0)</f>
        <v>2.411529927346256</v>
      </c>
      <c r="H1762" cm="1">
        <f t="array" ref="H1762">IFERROR(INDEX(Jesper!AL$2:AL$366,ROUNDDOWN($C1762/24,0)+1,1)*INDEX($D$3:$AA$30,INDEX(Jesper!$R$2:$R$366,ROW(INDEX(Jesper!AL$2:AL$366,ROUNDDOWN($C1762/24,0)+1,1))-1)+IF('Standard Profiles'!$G$22=$B$10,7,0)+IF('Standard Profiles'!$G$22=$B$17,14,0)+IF('Standard Profiles'!$G$22=$B$24,21,0),MOD($C1762,24)+1)/SUM(INDEX($D$3:$AA$30,INDEX(Jesper!$R$2:$R$366,ROW(INDEX(Jesper!AL$2:AL$366,ROUNDDOWN($C1762/24,0)+1,1))-1)+IF('Standard Profiles'!$G$22=$B$10,7,0)+IF('Standard Profiles'!$G$22=$B$17,14,0)+IF('Standard Profiles'!$G$22=$B$24,21,0),0)),0)</f>
        <v>0</v>
      </c>
      <c r="I1762">
        <f t="shared" si="202"/>
        <v>1.1575343651262022</v>
      </c>
      <c r="J1762">
        <f t="shared" si="203"/>
        <v>7.3938234904064597</v>
      </c>
      <c r="K1762">
        <f t="shared" si="204"/>
        <v>0.39679587377098885</v>
      </c>
      <c r="L1762">
        <f t="shared" si="205"/>
        <v>0.19839793688549442</v>
      </c>
      <c r="M1762">
        <f t="shared" si="206"/>
        <v>0</v>
      </c>
      <c r="N1762" s="45">
        <f t="shared" si="207"/>
        <v>44998.999999995809</v>
      </c>
    </row>
    <row r="1763" spans="2:14" x14ac:dyDescent="0.25">
      <c r="B1763">
        <f t="shared" ref="B1763:B1826" si="208">WEEKDAY(N1763,2)</f>
        <v>2</v>
      </c>
      <c r="C1763" s="16">
        <v>1729</v>
      </c>
      <c r="D1763" cm="1">
        <f t="array" ref="D1763">IFERROR(INDEX(Jesper!AH$2:AH$366,ROUNDDOWN($C1763/24,0)+1,1)*INDEX($D$3:$AA$30,INDEX(Jesper!$R$2:$R$366,ROW(INDEX(Jesper!AH$2:AH$366,ROUNDDOWN($C1763/24,0)+1,1))-1)+IF('Standard Profiles'!$G$18=$B$10,7,0)+IF('Standard Profiles'!$G$18=$B$17,14,0)+IF('Standard Profiles'!$G$18=$B$24,21,0),MOD($C1763,24)+1)/SUM(INDEX($D$3:$AA$30,INDEX(Jesper!$R$2:$R$366,ROW(INDEX(Jesper!AH$2:AH$366,ROUNDDOWN($C1763/24,0)+1,1))-1)+IF('Standard Profiles'!$G$18=$B$10,7,0)+IF('Standard Profiles'!$G$18=$B$17,14,0)+IF('Standard Profiles'!$G$18=$B$24,21,0),0)),0)</f>
        <v>5.668512482442698</v>
      </c>
      <c r="E1763" cm="1">
        <f t="array" ref="E1763">IFERROR(INDEX(Jesper!AI$2:AI$366,ROUNDDOWN($C1763/24,0)+1,1)*INDEX($D$3:$AA$30,INDEX(Jesper!$R$2:$R$366,ROW(INDEX(Jesper!AI$2:AI$366,ROUNDDOWN($C1763/24,0)+1,1))-1)+IF('Standard Profiles'!$G$19=$B$10,7,0)+IF('Standard Profiles'!$G$19=$B$17,14,0)+IF('Standard Profiles'!$G$19=$B$24,21,0),MOD($C1763,24)+1)/SUM(INDEX($D$3:$AA$30,INDEX(Jesper!$R$2:$R$366,ROW(INDEX(Jesper!AI$2:AI$366,ROUNDDOWN($C1763/24,0)+1,1))-1)+IF('Standard Profiles'!$G$19=$B$10,7,0)+IF('Standard Profiles'!$G$19=$B$17,14,0)+IF('Standard Profiles'!$G$19=$B$24,21,0),0)),0)</f>
        <v>4.594377786270277</v>
      </c>
      <c r="F1763" cm="1">
        <f t="array" ref="F1763">IFERROR(INDEX(Jesper!AJ$2:AJ$366,ROUNDDOWN($C1763/24,0)+1,1)*INDEX($D$3:$AA$30,INDEX(Jesper!$R$2:$R$366,ROW(INDEX(Jesper!AJ$2:AJ$366,ROUNDDOWN($C1763/24,0)+1,1))-1)+IF('Standard Profiles'!$G$20=$B$10,7,0)+IF('Standard Profiles'!$G$20=$B$17,14,0)+IF('Standard Profiles'!$G$20=$B$24,21,0),MOD($C1763,24)+1)/SUM(INDEX($D$3:$AA$30,INDEX(Jesper!$R$2:$R$366,ROW(INDEX(Jesper!AJ$2:AJ$366,ROUNDDOWN($C1763/24,0)+1,1))-1)+IF('Standard Profiles'!$G$20=$B$10,7,0)+IF('Standard Profiles'!$G$20=$B$17,14,0)+IF('Standard Profiles'!$G$20=$B$24,21,0),0)),0)</f>
        <v>0</v>
      </c>
      <c r="G1763" cm="1">
        <f t="array" ref="G1763">IFERROR(INDEX(Jesper!AK$2:AK$366,ROUNDDOWN($C1763/24,0)+1,1)*INDEX($D$3:$AA$30,INDEX(Jesper!$R$2:$R$366,ROW(INDEX(Jesper!AK$2:AK$366,ROUNDDOWN($C1763/24,0)+1,1))-1)+IF('Standard Profiles'!$G$21=$B$10,7,0)+IF('Standard Profiles'!$G$21=$B$17,14,0)+IF('Standard Profiles'!$G$21=$B$24,21,0),MOD($C1763,24)+1)/SUM(INDEX($D$3:$AA$30,INDEX(Jesper!$R$2:$R$366,ROW(INDEX(Jesper!AK$2:AK$366,ROUNDDOWN($C1763/24,0)+1,1))-1)+IF('Standard Profiles'!$G$21=$B$10,7,0)+IF('Standard Profiles'!$G$21=$B$17,14,0)+IF('Standard Profiles'!$G$21=$B$24,21,0),0)),0)</f>
        <v>2.411529927346256</v>
      </c>
      <c r="H1763" cm="1">
        <f t="array" ref="H1763">IFERROR(INDEX(Jesper!AL$2:AL$366,ROUNDDOWN($C1763/24,0)+1,1)*INDEX($D$3:$AA$30,INDEX(Jesper!$R$2:$R$366,ROW(INDEX(Jesper!AL$2:AL$366,ROUNDDOWN($C1763/24,0)+1,1))-1)+IF('Standard Profiles'!$G$22=$B$10,7,0)+IF('Standard Profiles'!$G$22=$B$17,14,0)+IF('Standard Profiles'!$G$22=$B$24,21,0),MOD($C1763,24)+1)/SUM(INDEX($D$3:$AA$30,INDEX(Jesper!$R$2:$R$366,ROW(INDEX(Jesper!AL$2:AL$366,ROUNDDOWN($C1763/24,0)+1,1))-1)+IF('Standard Profiles'!$G$22=$B$10,7,0)+IF('Standard Profiles'!$G$22=$B$17,14,0)+IF('Standard Profiles'!$G$22=$B$24,21,0),0)),0)</f>
        <v>0</v>
      </c>
      <c r="I1763">
        <f t="shared" ref="I1763:I1826" si="209">IF($B1763&lt;6,AC$37*$D1763+AC$38*$E1763+AC$39*$F1763+AC$40*$G1763,AC$46*$D1763+AC$47*$E1763+AC$48*$F1763+AC$49*$G1763+AC$50*$H1763)</f>
        <v>1.1575343651262022</v>
      </c>
      <c r="J1763">
        <f t="shared" ref="J1763:J1826" si="210">IF($B1763&lt;6,AD$37*$D1763+AD$38*$E1763+AD$39*$F1763+AD$40*$G1763,AD$46*$D1763+AD$47*$E1763+AD$48*$F1763+AD$49*$G1763+AD$50*$H1763)</f>
        <v>10.609923833742195</v>
      </c>
      <c r="K1763">
        <f t="shared" ref="K1763:K1826" si="211">IF($B1763&lt;6,AE$37*$D1763+AE$38*$E1763+AE$39*$F1763+AE$40*$G1763,AE$46*$D1763+AE$47*$E1763+AE$48*$F1763+AE$49*$G1763+AE$50*$H1763)</f>
        <v>0.60464133146055454</v>
      </c>
      <c r="L1763">
        <f t="shared" ref="L1763:L1826" si="212">IF($B1763&lt;6,AF$37*$D1763+AF$38*$E1763+AF$39*$F1763+AF$40*$G1763,AF$46*$D1763+AF$47*$E1763+AF$48*$F1763+AF$49*$G1763+AF$50*$H1763)</f>
        <v>0.30232066573027727</v>
      </c>
      <c r="M1763">
        <f t="shared" ref="M1763:M1826" si="213">IF($B1763&lt;6,AG$37*$D1763+AG$38*$E1763+AG$39*$F1763+AG$40*$G1763,AG$46*$D1763+AG$47*$E1763+AG$48*$F1763+AG$49*$G1763+AG$50*$H1763)</f>
        <v>0</v>
      </c>
      <c r="N1763" s="45">
        <f t="shared" si="207"/>
        <v>44999.041666662473</v>
      </c>
    </row>
    <row r="1764" spans="2:14" x14ac:dyDescent="0.25">
      <c r="B1764">
        <f t="shared" si="208"/>
        <v>2</v>
      </c>
      <c r="C1764" s="16">
        <v>1730</v>
      </c>
      <c r="D1764" cm="1">
        <f t="array" ref="D1764">IFERROR(INDEX(Jesper!AH$2:AH$366,ROUNDDOWN($C1764/24,0)+1,1)*INDEX($D$3:$AA$30,INDEX(Jesper!$R$2:$R$366,ROW(INDEX(Jesper!AH$2:AH$366,ROUNDDOWN($C1764/24,0)+1,1))-1)+IF('Standard Profiles'!$G$18=$B$10,7,0)+IF('Standard Profiles'!$G$18=$B$17,14,0)+IF('Standard Profiles'!$G$18=$B$24,21,0),MOD($C1764,24)+1)/SUM(INDEX($D$3:$AA$30,INDEX(Jesper!$R$2:$R$366,ROW(INDEX(Jesper!AH$2:AH$366,ROUNDDOWN($C1764/24,0)+1,1))-1)+IF('Standard Profiles'!$G$18=$B$10,7,0)+IF('Standard Profiles'!$G$18=$B$17,14,0)+IF('Standard Profiles'!$G$18=$B$24,21,0),0)),0)</f>
        <v>5.668512482442698</v>
      </c>
      <c r="E1764" cm="1">
        <f t="array" ref="E1764">IFERROR(INDEX(Jesper!AI$2:AI$366,ROUNDDOWN($C1764/24,0)+1,1)*INDEX($D$3:$AA$30,INDEX(Jesper!$R$2:$R$366,ROW(INDEX(Jesper!AI$2:AI$366,ROUNDDOWN($C1764/24,0)+1,1))-1)+IF('Standard Profiles'!$G$19=$B$10,7,0)+IF('Standard Profiles'!$G$19=$B$17,14,0)+IF('Standard Profiles'!$G$19=$B$24,21,0),MOD($C1764,24)+1)/SUM(INDEX($D$3:$AA$30,INDEX(Jesper!$R$2:$R$366,ROW(INDEX(Jesper!AI$2:AI$366,ROUNDDOWN($C1764/24,0)+1,1))-1)+IF('Standard Profiles'!$G$19=$B$10,7,0)+IF('Standard Profiles'!$G$19=$B$17,14,0)+IF('Standard Profiles'!$G$19=$B$24,21,0),0)),0)</f>
        <v>4.594377786270277</v>
      </c>
      <c r="F1764" cm="1">
        <f t="array" ref="F1764">IFERROR(INDEX(Jesper!AJ$2:AJ$366,ROUNDDOWN($C1764/24,0)+1,1)*INDEX($D$3:$AA$30,INDEX(Jesper!$R$2:$R$366,ROW(INDEX(Jesper!AJ$2:AJ$366,ROUNDDOWN($C1764/24,0)+1,1))-1)+IF('Standard Profiles'!$G$20=$B$10,7,0)+IF('Standard Profiles'!$G$20=$B$17,14,0)+IF('Standard Profiles'!$G$20=$B$24,21,0),MOD($C1764,24)+1)/SUM(INDEX($D$3:$AA$30,INDEX(Jesper!$R$2:$R$366,ROW(INDEX(Jesper!AJ$2:AJ$366,ROUNDDOWN($C1764/24,0)+1,1))-1)+IF('Standard Profiles'!$G$20=$B$10,7,0)+IF('Standard Profiles'!$G$20=$B$17,14,0)+IF('Standard Profiles'!$G$20=$B$24,21,0),0)),0)</f>
        <v>0</v>
      </c>
      <c r="G1764" cm="1">
        <f t="array" ref="G1764">IFERROR(INDEX(Jesper!AK$2:AK$366,ROUNDDOWN($C1764/24,0)+1,1)*INDEX($D$3:$AA$30,INDEX(Jesper!$R$2:$R$366,ROW(INDEX(Jesper!AK$2:AK$366,ROUNDDOWN($C1764/24,0)+1,1))-1)+IF('Standard Profiles'!$G$21=$B$10,7,0)+IF('Standard Profiles'!$G$21=$B$17,14,0)+IF('Standard Profiles'!$G$21=$B$24,21,0),MOD($C1764,24)+1)/SUM(INDEX($D$3:$AA$30,INDEX(Jesper!$R$2:$R$366,ROW(INDEX(Jesper!AK$2:AK$366,ROUNDDOWN($C1764/24,0)+1,1))-1)+IF('Standard Profiles'!$G$21=$B$10,7,0)+IF('Standard Profiles'!$G$21=$B$17,14,0)+IF('Standard Profiles'!$G$21=$B$24,21,0),0)),0)</f>
        <v>2.411529927346256</v>
      </c>
      <c r="H1764" cm="1">
        <f t="array" ref="H1764">IFERROR(INDEX(Jesper!AL$2:AL$366,ROUNDDOWN($C1764/24,0)+1,1)*INDEX($D$3:$AA$30,INDEX(Jesper!$R$2:$R$366,ROW(INDEX(Jesper!AL$2:AL$366,ROUNDDOWN($C1764/24,0)+1,1))-1)+IF('Standard Profiles'!$G$22=$B$10,7,0)+IF('Standard Profiles'!$G$22=$B$17,14,0)+IF('Standard Profiles'!$G$22=$B$24,21,0),MOD($C1764,24)+1)/SUM(INDEX($D$3:$AA$30,INDEX(Jesper!$R$2:$R$366,ROW(INDEX(Jesper!AL$2:AL$366,ROUNDDOWN($C1764/24,0)+1,1))-1)+IF('Standard Profiles'!$G$22=$B$10,7,0)+IF('Standard Profiles'!$G$22=$B$17,14,0)+IF('Standard Profiles'!$G$22=$B$24,21,0),0)),0)</f>
        <v>0</v>
      </c>
      <c r="I1764">
        <f t="shared" si="209"/>
        <v>1.1575343651262022</v>
      </c>
      <c r="J1764">
        <f t="shared" si="210"/>
        <v>10.609923833742195</v>
      </c>
      <c r="K1764">
        <f t="shared" si="211"/>
        <v>0.60464133146055454</v>
      </c>
      <c r="L1764">
        <f t="shared" si="212"/>
        <v>0.30232066573027727</v>
      </c>
      <c r="M1764">
        <f t="shared" si="213"/>
        <v>0</v>
      </c>
      <c r="N1764" s="45">
        <f t="shared" ref="N1764:N1827" si="214">N1763+1/24</f>
        <v>44999.083333329138</v>
      </c>
    </row>
    <row r="1765" spans="2:14" x14ac:dyDescent="0.25">
      <c r="B1765">
        <f t="shared" si="208"/>
        <v>2</v>
      </c>
      <c r="C1765" s="16">
        <v>1731</v>
      </c>
      <c r="D1765" cm="1">
        <f t="array" ref="D1765">IFERROR(INDEX(Jesper!AH$2:AH$366,ROUNDDOWN($C1765/24,0)+1,1)*INDEX($D$3:$AA$30,INDEX(Jesper!$R$2:$R$366,ROW(INDEX(Jesper!AH$2:AH$366,ROUNDDOWN($C1765/24,0)+1,1))-1)+IF('Standard Profiles'!$G$18=$B$10,7,0)+IF('Standard Profiles'!$G$18=$B$17,14,0)+IF('Standard Profiles'!$G$18=$B$24,21,0),MOD($C1765,24)+1)/SUM(INDEX($D$3:$AA$30,INDEX(Jesper!$R$2:$R$366,ROW(INDEX(Jesper!AH$2:AH$366,ROUNDDOWN($C1765/24,0)+1,1))-1)+IF('Standard Profiles'!$G$18=$B$10,7,0)+IF('Standard Profiles'!$G$18=$B$17,14,0)+IF('Standard Profiles'!$G$18=$B$24,21,0),0)),0)</f>
        <v>5.668512482442698</v>
      </c>
      <c r="E1765" cm="1">
        <f t="array" ref="E1765">IFERROR(INDEX(Jesper!AI$2:AI$366,ROUNDDOWN($C1765/24,0)+1,1)*INDEX($D$3:$AA$30,INDEX(Jesper!$R$2:$R$366,ROW(INDEX(Jesper!AI$2:AI$366,ROUNDDOWN($C1765/24,0)+1,1))-1)+IF('Standard Profiles'!$G$19=$B$10,7,0)+IF('Standard Profiles'!$G$19=$B$17,14,0)+IF('Standard Profiles'!$G$19=$B$24,21,0),MOD($C1765,24)+1)/SUM(INDEX($D$3:$AA$30,INDEX(Jesper!$R$2:$R$366,ROW(INDEX(Jesper!AI$2:AI$366,ROUNDDOWN($C1765/24,0)+1,1))-1)+IF('Standard Profiles'!$G$19=$B$10,7,0)+IF('Standard Profiles'!$G$19=$B$17,14,0)+IF('Standard Profiles'!$G$19=$B$24,21,0),0)),0)</f>
        <v>4.594377786270277</v>
      </c>
      <c r="F1765" cm="1">
        <f t="array" ref="F1765">IFERROR(INDEX(Jesper!AJ$2:AJ$366,ROUNDDOWN($C1765/24,0)+1,1)*INDEX($D$3:$AA$30,INDEX(Jesper!$R$2:$R$366,ROW(INDEX(Jesper!AJ$2:AJ$366,ROUNDDOWN($C1765/24,0)+1,1))-1)+IF('Standard Profiles'!$G$20=$B$10,7,0)+IF('Standard Profiles'!$G$20=$B$17,14,0)+IF('Standard Profiles'!$G$20=$B$24,21,0),MOD($C1765,24)+1)/SUM(INDEX($D$3:$AA$30,INDEX(Jesper!$R$2:$R$366,ROW(INDEX(Jesper!AJ$2:AJ$366,ROUNDDOWN($C1765/24,0)+1,1))-1)+IF('Standard Profiles'!$G$20=$B$10,7,0)+IF('Standard Profiles'!$G$20=$B$17,14,0)+IF('Standard Profiles'!$G$20=$B$24,21,0),0)),0)</f>
        <v>0</v>
      </c>
      <c r="G1765" cm="1">
        <f t="array" ref="G1765">IFERROR(INDEX(Jesper!AK$2:AK$366,ROUNDDOWN($C1765/24,0)+1,1)*INDEX($D$3:$AA$30,INDEX(Jesper!$R$2:$R$366,ROW(INDEX(Jesper!AK$2:AK$366,ROUNDDOWN($C1765/24,0)+1,1))-1)+IF('Standard Profiles'!$G$21=$B$10,7,0)+IF('Standard Profiles'!$G$21=$B$17,14,0)+IF('Standard Profiles'!$G$21=$B$24,21,0),MOD($C1765,24)+1)/SUM(INDEX($D$3:$AA$30,INDEX(Jesper!$R$2:$R$366,ROW(INDEX(Jesper!AK$2:AK$366,ROUNDDOWN($C1765/24,0)+1,1))-1)+IF('Standard Profiles'!$G$21=$B$10,7,0)+IF('Standard Profiles'!$G$21=$B$17,14,0)+IF('Standard Profiles'!$G$21=$B$24,21,0),0)),0)</f>
        <v>2.411529927346256</v>
      </c>
      <c r="H1765" cm="1">
        <f t="array" ref="H1765">IFERROR(INDEX(Jesper!AL$2:AL$366,ROUNDDOWN($C1765/24,0)+1,1)*INDEX($D$3:$AA$30,INDEX(Jesper!$R$2:$R$366,ROW(INDEX(Jesper!AL$2:AL$366,ROUNDDOWN($C1765/24,0)+1,1))-1)+IF('Standard Profiles'!$G$22=$B$10,7,0)+IF('Standard Profiles'!$G$22=$B$17,14,0)+IF('Standard Profiles'!$G$22=$B$24,21,0),MOD($C1765,24)+1)/SUM(INDEX($D$3:$AA$30,INDEX(Jesper!$R$2:$R$366,ROW(INDEX(Jesper!AL$2:AL$366,ROUNDDOWN($C1765/24,0)+1,1))-1)+IF('Standard Profiles'!$G$22=$B$10,7,0)+IF('Standard Profiles'!$G$22=$B$17,14,0)+IF('Standard Profiles'!$G$22=$B$24,21,0),0)),0)</f>
        <v>0</v>
      </c>
      <c r="I1765">
        <f t="shared" si="209"/>
        <v>1.1575343651262022</v>
      </c>
      <c r="J1765">
        <f t="shared" si="210"/>
        <v>10.609923833742195</v>
      </c>
      <c r="K1765">
        <f t="shared" si="211"/>
        <v>0.60464133146055454</v>
      </c>
      <c r="L1765">
        <f t="shared" si="212"/>
        <v>0.30232066573027727</v>
      </c>
      <c r="M1765">
        <f t="shared" si="213"/>
        <v>0</v>
      </c>
      <c r="N1765" s="45">
        <f t="shared" si="214"/>
        <v>44999.124999995802</v>
      </c>
    </row>
    <row r="1766" spans="2:14" x14ac:dyDescent="0.25">
      <c r="B1766">
        <f t="shared" si="208"/>
        <v>2</v>
      </c>
      <c r="C1766" s="16">
        <v>1732</v>
      </c>
      <c r="D1766" cm="1">
        <f t="array" ref="D1766">IFERROR(INDEX(Jesper!AH$2:AH$366,ROUNDDOWN($C1766/24,0)+1,1)*INDEX($D$3:$AA$30,INDEX(Jesper!$R$2:$R$366,ROW(INDEX(Jesper!AH$2:AH$366,ROUNDDOWN($C1766/24,0)+1,1))-1)+IF('Standard Profiles'!$G$18=$B$10,7,0)+IF('Standard Profiles'!$G$18=$B$17,14,0)+IF('Standard Profiles'!$G$18=$B$24,21,0),MOD($C1766,24)+1)/SUM(INDEX($D$3:$AA$30,INDEX(Jesper!$R$2:$R$366,ROW(INDEX(Jesper!AH$2:AH$366,ROUNDDOWN($C1766/24,0)+1,1))-1)+IF('Standard Profiles'!$G$18=$B$10,7,0)+IF('Standard Profiles'!$G$18=$B$17,14,0)+IF('Standard Profiles'!$G$18=$B$24,21,0),0)),0)</f>
        <v>5.668512482442698</v>
      </c>
      <c r="E1766" cm="1">
        <f t="array" ref="E1766">IFERROR(INDEX(Jesper!AI$2:AI$366,ROUNDDOWN($C1766/24,0)+1,1)*INDEX($D$3:$AA$30,INDEX(Jesper!$R$2:$R$366,ROW(INDEX(Jesper!AI$2:AI$366,ROUNDDOWN($C1766/24,0)+1,1))-1)+IF('Standard Profiles'!$G$19=$B$10,7,0)+IF('Standard Profiles'!$G$19=$B$17,14,0)+IF('Standard Profiles'!$G$19=$B$24,21,0),MOD($C1766,24)+1)/SUM(INDEX($D$3:$AA$30,INDEX(Jesper!$R$2:$R$366,ROW(INDEX(Jesper!AI$2:AI$366,ROUNDDOWN($C1766/24,0)+1,1))-1)+IF('Standard Profiles'!$G$19=$B$10,7,0)+IF('Standard Profiles'!$G$19=$B$17,14,0)+IF('Standard Profiles'!$G$19=$B$24,21,0),0)),0)</f>
        <v>4.594377786270277</v>
      </c>
      <c r="F1766" cm="1">
        <f t="array" ref="F1766">IFERROR(INDEX(Jesper!AJ$2:AJ$366,ROUNDDOWN($C1766/24,0)+1,1)*INDEX($D$3:$AA$30,INDEX(Jesper!$R$2:$R$366,ROW(INDEX(Jesper!AJ$2:AJ$366,ROUNDDOWN($C1766/24,0)+1,1))-1)+IF('Standard Profiles'!$G$20=$B$10,7,0)+IF('Standard Profiles'!$G$20=$B$17,14,0)+IF('Standard Profiles'!$G$20=$B$24,21,0),MOD($C1766,24)+1)/SUM(INDEX($D$3:$AA$30,INDEX(Jesper!$R$2:$R$366,ROW(INDEX(Jesper!AJ$2:AJ$366,ROUNDDOWN($C1766/24,0)+1,1))-1)+IF('Standard Profiles'!$G$20=$B$10,7,0)+IF('Standard Profiles'!$G$20=$B$17,14,0)+IF('Standard Profiles'!$G$20=$B$24,21,0),0)),0)</f>
        <v>0</v>
      </c>
      <c r="G1766" cm="1">
        <f t="array" ref="G1766">IFERROR(INDEX(Jesper!AK$2:AK$366,ROUNDDOWN($C1766/24,0)+1,1)*INDEX($D$3:$AA$30,INDEX(Jesper!$R$2:$R$366,ROW(INDEX(Jesper!AK$2:AK$366,ROUNDDOWN($C1766/24,0)+1,1))-1)+IF('Standard Profiles'!$G$21=$B$10,7,0)+IF('Standard Profiles'!$G$21=$B$17,14,0)+IF('Standard Profiles'!$G$21=$B$24,21,0),MOD($C1766,24)+1)/SUM(INDEX($D$3:$AA$30,INDEX(Jesper!$R$2:$R$366,ROW(INDEX(Jesper!AK$2:AK$366,ROUNDDOWN($C1766/24,0)+1,1))-1)+IF('Standard Profiles'!$G$21=$B$10,7,0)+IF('Standard Profiles'!$G$21=$B$17,14,0)+IF('Standard Profiles'!$G$21=$B$24,21,0),0)),0)</f>
        <v>2.411529927346256</v>
      </c>
      <c r="H1766" cm="1">
        <f t="array" ref="H1766">IFERROR(INDEX(Jesper!AL$2:AL$366,ROUNDDOWN($C1766/24,0)+1,1)*INDEX($D$3:$AA$30,INDEX(Jesper!$R$2:$R$366,ROW(INDEX(Jesper!AL$2:AL$366,ROUNDDOWN($C1766/24,0)+1,1))-1)+IF('Standard Profiles'!$G$22=$B$10,7,0)+IF('Standard Profiles'!$G$22=$B$17,14,0)+IF('Standard Profiles'!$G$22=$B$24,21,0),MOD($C1766,24)+1)/SUM(INDEX($D$3:$AA$30,INDEX(Jesper!$R$2:$R$366,ROW(INDEX(Jesper!AL$2:AL$366,ROUNDDOWN($C1766/24,0)+1,1))-1)+IF('Standard Profiles'!$G$22=$B$10,7,0)+IF('Standard Profiles'!$G$22=$B$17,14,0)+IF('Standard Profiles'!$G$22=$B$24,21,0),0)),0)</f>
        <v>0</v>
      </c>
      <c r="I1766">
        <f t="shared" si="209"/>
        <v>1.1575343651262022</v>
      </c>
      <c r="J1766">
        <f t="shared" si="210"/>
        <v>10.609923833742195</v>
      </c>
      <c r="K1766">
        <f t="shared" si="211"/>
        <v>0.60464133146055454</v>
      </c>
      <c r="L1766">
        <f t="shared" si="212"/>
        <v>0.30232066573027727</v>
      </c>
      <c r="M1766">
        <f t="shared" si="213"/>
        <v>0</v>
      </c>
      <c r="N1766" s="45">
        <f t="shared" si="214"/>
        <v>44999.166666662466</v>
      </c>
    </row>
    <row r="1767" spans="2:14" x14ac:dyDescent="0.25">
      <c r="B1767">
        <f t="shared" si="208"/>
        <v>2</v>
      </c>
      <c r="C1767" s="16">
        <v>1733</v>
      </c>
      <c r="D1767" cm="1">
        <f t="array" ref="D1767">IFERROR(INDEX(Jesper!AH$2:AH$366,ROUNDDOWN($C1767/24,0)+1,1)*INDEX($D$3:$AA$30,INDEX(Jesper!$R$2:$R$366,ROW(INDEX(Jesper!AH$2:AH$366,ROUNDDOWN($C1767/24,0)+1,1))-1)+IF('Standard Profiles'!$G$18=$B$10,7,0)+IF('Standard Profiles'!$G$18=$B$17,14,0)+IF('Standard Profiles'!$G$18=$B$24,21,0),MOD($C1767,24)+1)/SUM(INDEX($D$3:$AA$30,INDEX(Jesper!$R$2:$R$366,ROW(INDEX(Jesper!AH$2:AH$366,ROUNDDOWN($C1767/24,0)+1,1))-1)+IF('Standard Profiles'!$G$18=$B$10,7,0)+IF('Standard Profiles'!$G$18=$B$17,14,0)+IF('Standard Profiles'!$G$18=$B$24,21,0),0)),0)</f>
        <v>5.668512482442698</v>
      </c>
      <c r="E1767" cm="1">
        <f t="array" ref="E1767">IFERROR(INDEX(Jesper!AI$2:AI$366,ROUNDDOWN($C1767/24,0)+1,1)*INDEX($D$3:$AA$30,INDEX(Jesper!$R$2:$R$366,ROW(INDEX(Jesper!AI$2:AI$366,ROUNDDOWN($C1767/24,0)+1,1))-1)+IF('Standard Profiles'!$G$19=$B$10,7,0)+IF('Standard Profiles'!$G$19=$B$17,14,0)+IF('Standard Profiles'!$G$19=$B$24,21,0),MOD($C1767,24)+1)/SUM(INDEX($D$3:$AA$30,INDEX(Jesper!$R$2:$R$366,ROW(INDEX(Jesper!AI$2:AI$366,ROUNDDOWN($C1767/24,0)+1,1))-1)+IF('Standard Profiles'!$G$19=$B$10,7,0)+IF('Standard Profiles'!$G$19=$B$17,14,0)+IF('Standard Profiles'!$G$19=$B$24,21,0),0)),0)</f>
        <v>4.594377786270277</v>
      </c>
      <c r="F1767" cm="1">
        <f t="array" ref="F1767">IFERROR(INDEX(Jesper!AJ$2:AJ$366,ROUNDDOWN($C1767/24,0)+1,1)*INDEX($D$3:$AA$30,INDEX(Jesper!$R$2:$R$366,ROW(INDEX(Jesper!AJ$2:AJ$366,ROUNDDOWN($C1767/24,0)+1,1))-1)+IF('Standard Profiles'!$G$20=$B$10,7,0)+IF('Standard Profiles'!$G$20=$B$17,14,0)+IF('Standard Profiles'!$G$20=$B$24,21,0),MOD($C1767,24)+1)/SUM(INDEX($D$3:$AA$30,INDEX(Jesper!$R$2:$R$366,ROW(INDEX(Jesper!AJ$2:AJ$366,ROUNDDOWN($C1767/24,0)+1,1))-1)+IF('Standard Profiles'!$G$20=$B$10,7,0)+IF('Standard Profiles'!$G$20=$B$17,14,0)+IF('Standard Profiles'!$G$20=$B$24,21,0),0)),0)</f>
        <v>0</v>
      </c>
      <c r="G1767" cm="1">
        <f t="array" ref="G1767">IFERROR(INDEX(Jesper!AK$2:AK$366,ROUNDDOWN($C1767/24,0)+1,1)*INDEX($D$3:$AA$30,INDEX(Jesper!$R$2:$R$366,ROW(INDEX(Jesper!AK$2:AK$366,ROUNDDOWN($C1767/24,0)+1,1))-1)+IF('Standard Profiles'!$G$21=$B$10,7,0)+IF('Standard Profiles'!$G$21=$B$17,14,0)+IF('Standard Profiles'!$G$21=$B$24,21,0),MOD($C1767,24)+1)/SUM(INDEX($D$3:$AA$30,INDEX(Jesper!$R$2:$R$366,ROW(INDEX(Jesper!AK$2:AK$366,ROUNDDOWN($C1767/24,0)+1,1))-1)+IF('Standard Profiles'!$G$21=$B$10,7,0)+IF('Standard Profiles'!$G$21=$B$17,14,0)+IF('Standard Profiles'!$G$21=$B$24,21,0),0)),0)</f>
        <v>2.411529927346256</v>
      </c>
      <c r="H1767" cm="1">
        <f t="array" ref="H1767">IFERROR(INDEX(Jesper!AL$2:AL$366,ROUNDDOWN($C1767/24,0)+1,1)*INDEX($D$3:$AA$30,INDEX(Jesper!$R$2:$R$366,ROW(INDEX(Jesper!AL$2:AL$366,ROUNDDOWN($C1767/24,0)+1,1))-1)+IF('Standard Profiles'!$G$22=$B$10,7,0)+IF('Standard Profiles'!$G$22=$B$17,14,0)+IF('Standard Profiles'!$G$22=$B$24,21,0),MOD($C1767,24)+1)/SUM(INDEX($D$3:$AA$30,INDEX(Jesper!$R$2:$R$366,ROW(INDEX(Jesper!AL$2:AL$366,ROUNDDOWN($C1767/24,0)+1,1))-1)+IF('Standard Profiles'!$G$22=$B$10,7,0)+IF('Standard Profiles'!$G$22=$B$17,14,0)+IF('Standard Profiles'!$G$22=$B$24,21,0),0)),0)</f>
        <v>0</v>
      </c>
      <c r="I1767">
        <f t="shared" si="209"/>
        <v>1.1575343651262022</v>
      </c>
      <c r="J1767">
        <f t="shared" si="210"/>
        <v>10.609923833742195</v>
      </c>
      <c r="K1767">
        <f t="shared" si="211"/>
        <v>0.60464133146055454</v>
      </c>
      <c r="L1767">
        <f t="shared" si="212"/>
        <v>0.30232066573027727</v>
      </c>
      <c r="M1767">
        <f t="shared" si="213"/>
        <v>0</v>
      </c>
      <c r="N1767" s="45">
        <f t="shared" si="214"/>
        <v>44999.20833332913</v>
      </c>
    </row>
    <row r="1768" spans="2:14" x14ac:dyDescent="0.25">
      <c r="B1768">
        <f t="shared" si="208"/>
        <v>2</v>
      </c>
      <c r="C1768" s="16">
        <v>1734</v>
      </c>
      <c r="D1768" cm="1">
        <f t="array" ref="D1768">IFERROR(INDEX(Jesper!AH$2:AH$366,ROUNDDOWN($C1768/24,0)+1,1)*INDEX($D$3:$AA$30,INDEX(Jesper!$R$2:$R$366,ROW(INDEX(Jesper!AH$2:AH$366,ROUNDDOWN($C1768/24,0)+1,1))-1)+IF('Standard Profiles'!$G$18=$B$10,7,0)+IF('Standard Profiles'!$G$18=$B$17,14,0)+IF('Standard Profiles'!$G$18=$B$24,21,0),MOD($C1768,24)+1)/SUM(INDEX($D$3:$AA$30,INDEX(Jesper!$R$2:$R$366,ROW(INDEX(Jesper!AH$2:AH$366,ROUNDDOWN($C1768/24,0)+1,1))-1)+IF('Standard Profiles'!$G$18=$B$10,7,0)+IF('Standard Profiles'!$G$18=$B$17,14,0)+IF('Standard Profiles'!$G$18=$B$24,21,0),0)),0)</f>
        <v>5.668512482442698</v>
      </c>
      <c r="E1768" cm="1">
        <f t="array" ref="E1768">IFERROR(INDEX(Jesper!AI$2:AI$366,ROUNDDOWN($C1768/24,0)+1,1)*INDEX($D$3:$AA$30,INDEX(Jesper!$R$2:$R$366,ROW(INDEX(Jesper!AI$2:AI$366,ROUNDDOWN($C1768/24,0)+1,1))-1)+IF('Standard Profiles'!$G$19=$B$10,7,0)+IF('Standard Profiles'!$G$19=$B$17,14,0)+IF('Standard Profiles'!$G$19=$B$24,21,0),MOD($C1768,24)+1)/SUM(INDEX($D$3:$AA$30,INDEX(Jesper!$R$2:$R$366,ROW(INDEX(Jesper!AI$2:AI$366,ROUNDDOWN($C1768/24,0)+1,1))-1)+IF('Standard Profiles'!$G$19=$B$10,7,0)+IF('Standard Profiles'!$G$19=$B$17,14,0)+IF('Standard Profiles'!$G$19=$B$24,21,0),0)),0)</f>
        <v>4.594377786270277</v>
      </c>
      <c r="F1768" cm="1">
        <f t="array" ref="F1768">IFERROR(INDEX(Jesper!AJ$2:AJ$366,ROUNDDOWN($C1768/24,0)+1,1)*INDEX($D$3:$AA$30,INDEX(Jesper!$R$2:$R$366,ROW(INDEX(Jesper!AJ$2:AJ$366,ROUNDDOWN($C1768/24,0)+1,1))-1)+IF('Standard Profiles'!$G$20=$B$10,7,0)+IF('Standard Profiles'!$G$20=$B$17,14,0)+IF('Standard Profiles'!$G$20=$B$24,21,0),MOD($C1768,24)+1)/SUM(INDEX($D$3:$AA$30,INDEX(Jesper!$R$2:$R$366,ROW(INDEX(Jesper!AJ$2:AJ$366,ROUNDDOWN($C1768/24,0)+1,1))-1)+IF('Standard Profiles'!$G$20=$B$10,7,0)+IF('Standard Profiles'!$G$20=$B$17,14,0)+IF('Standard Profiles'!$G$20=$B$24,21,0),0)),0)</f>
        <v>0</v>
      </c>
      <c r="G1768" cm="1">
        <f t="array" ref="G1768">IFERROR(INDEX(Jesper!AK$2:AK$366,ROUNDDOWN($C1768/24,0)+1,1)*INDEX($D$3:$AA$30,INDEX(Jesper!$R$2:$R$366,ROW(INDEX(Jesper!AK$2:AK$366,ROUNDDOWN($C1768/24,0)+1,1))-1)+IF('Standard Profiles'!$G$21=$B$10,7,0)+IF('Standard Profiles'!$G$21=$B$17,14,0)+IF('Standard Profiles'!$G$21=$B$24,21,0),MOD($C1768,24)+1)/SUM(INDEX($D$3:$AA$30,INDEX(Jesper!$R$2:$R$366,ROW(INDEX(Jesper!AK$2:AK$366,ROUNDDOWN($C1768/24,0)+1,1))-1)+IF('Standard Profiles'!$G$21=$B$10,7,0)+IF('Standard Profiles'!$G$21=$B$17,14,0)+IF('Standard Profiles'!$G$21=$B$24,21,0),0)),0)</f>
        <v>2.411529927346256</v>
      </c>
      <c r="H1768" cm="1">
        <f t="array" ref="H1768">IFERROR(INDEX(Jesper!AL$2:AL$366,ROUNDDOWN($C1768/24,0)+1,1)*INDEX($D$3:$AA$30,INDEX(Jesper!$R$2:$R$366,ROW(INDEX(Jesper!AL$2:AL$366,ROUNDDOWN($C1768/24,0)+1,1))-1)+IF('Standard Profiles'!$G$22=$B$10,7,0)+IF('Standard Profiles'!$G$22=$B$17,14,0)+IF('Standard Profiles'!$G$22=$B$24,21,0),MOD($C1768,24)+1)/SUM(INDEX($D$3:$AA$30,INDEX(Jesper!$R$2:$R$366,ROW(INDEX(Jesper!AL$2:AL$366,ROUNDDOWN($C1768/24,0)+1,1))-1)+IF('Standard Profiles'!$G$22=$B$10,7,0)+IF('Standard Profiles'!$G$22=$B$17,14,0)+IF('Standard Profiles'!$G$22=$B$24,21,0),0)),0)</f>
        <v>0</v>
      </c>
      <c r="I1768">
        <f t="shared" si="209"/>
        <v>1.1575343651262022</v>
      </c>
      <c r="J1768">
        <f t="shared" si="210"/>
        <v>10.609923833742195</v>
      </c>
      <c r="K1768">
        <f t="shared" si="211"/>
        <v>0.60464133146055454</v>
      </c>
      <c r="L1768">
        <f t="shared" si="212"/>
        <v>0.30232066573027727</v>
      </c>
      <c r="M1768">
        <f t="shared" si="213"/>
        <v>0</v>
      </c>
      <c r="N1768" s="45">
        <f t="shared" si="214"/>
        <v>44999.249999995794</v>
      </c>
    </row>
    <row r="1769" spans="2:14" x14ac:dyDescent="0.25">
      <c r="B1769">
        <f t="shared" si="208"/>
        <v>2</v>
      </c>
      <c r="C1769" s="16">
        <v>1735</v>
      </c>
      <c r="D1769" cm="1">
        <f t="array" ref="D1769">IFERROR(INDEX(Jesper!AH$2:AH$366,ROUNDDOWN($C1769/24,0)+1,1)*INDEX($D$3:$AA$30,INDEX(Jesper!$R$2:$R$366,ROW(INDEX(Jesper!AH$2:AH$366,ROUNDDOWN($C1769/24,0)+1,1))-1)+IF('Standard Profiles'!$G$18=$B$10,7,0)+IF('Standard Profiles'!$G$18=$B$17,14,0)+IF('Standard Profiles'!$G$18=$B$24,21,0),MOD($C1769,24)+1)/SUM(INDEX($D$3:$AA$30,INDEX(Jesper!$R$2:$R$366,ROW(INDEX(Jesper!AH$2:AH$366,ROUNDDOWN($C1769/24,0)+1,1))-1)+IF('Standard Profiles'!$G$18=$B$10,7,0)+IF('Standard Profiles'!$G$18=$B$17,14,0)+IF('Standard Profiles'!$G$18=$B$24,21,0),0)),0)</f>
        <v>23.896322933797496</v>
      </c>
      <c r="E1769" cm="1">
        <f t="array" ref="E1769">IFERROR(INDEX(Jesper!AI$2:AI$366,ROUNDDOWN($C1769/24,0)+1,1)*INDEX($D$3:$AA$30,INDEX(Jesper!$R$2:$R$366,ROW(INDEX(Jesper!AI$2:AI$366,ROUNDDOWN($C1769/24,0)+1,1))-1)+IF('Standard Profiles'!$G$19=$B$10,7,0)+IF('Standard Profiles'!$G$19=$B$17,14,0)+IF('Standard Profiles'!$G$19=$B$24,21,0),MOD($C1769,24)+1)/SUM(INDEX($D$3:$AA$30,INDEX(Jesper!$R$2:$R$366,ROW(INDEX(Jesper!AI$2:AI$366,ROUNDDOWN($C1769/24,0)+1,1))-1)+IF('Standard Profiles'!$G$19=$B$10,7,0)+IF('Standard Profiles'!$G$19=$B$17,14,0)+IF('Standard Profiles'!$G$19=$B$24,21,0),0)),0)</f>
        <v>19.368173855245633</v>
      </c>
      <c r="F1769" cm="1">
        <f t="array" ref="F1769">IFERROR(INDEX(Jesper!AJ$2:AJ$366,ROUNDDOWN($C1769/24,0)+1,1)*INDEX($D$3:$AA$30,INDEX(Jesper!$R$2:$R$366,ROW(INDEX(Jesper!AJ$2:AJ$366,ROUNDDOWN($C1769/24,0)+1,1))-1)+IF('Standard Profiles'!$G$20=$B$10,7,0)+IF('Standard Profiles'!$G$20=$B$17,14,0)+IF('Standard Profiles'!$G$20=$B$24,21,0),MOD($C1769,24)+1)/SUM(INDEX($D$3:$AA$30,INDEX(Jesper!$R$2:$R$366,ROW(INDEX(Jesper!AJ$2:AJ$366,ROUNDDOWN($C1769/24,0)+1,1))-1)+IF('Standard Profiles'!$G$20=$B$10,7,0)+IF('Standard Profiles'!$G$20=$B$17,14,0)+IF('Standard Profiles'!$G$20=$B$24,21,0),0)),0)</f>
        <v>0</v>
      </c>
      <c r="G1769" cm="1">
        <f t="array" ref="G1769">IFERROR(INDEX(Jesper!AK$2:AK$366,ROUNDDOWN($C1769/24,0)+1,1)*INDEX($D$3:$AA$30,INDEX(Jesper!$R$2:$R$366,ROW(INDEX(Jesper!AK$2:AK$366,ROUNDDOWN($C1769/24,0)+1,1))-1)+IF('Standard Profiles'!$G$21=$B$10,7,0)+IF('Standard Profiles'!$G$21=$B$17,14,0)+IF('Standard Profiles'!$G$21=$B$24,21,0),MOD($C1769,24)+1)/SUM(INDEX($D$3:$AA$30,INDEX(Jesper!$R$2:$R$366,ROW(INDEX(Jesper!AK$2:AK$366,ROUNDDOWN($C1769/24,0)+1,1))-1)+IF('Standard Profiles'!$G$21=$B$10,7,0)+IF('Standard Profiles'!$G$21=$B$17,14,0)+IF('Standard Profiles'!$G$21=$B$24,21,0),0)),0)</f>
        <v>6.9467620165167947</v>
      </c>
      <c r="H1769" cm="1">
        <f t="array" ref="H1769">IFERROR(INDEX(Jesper!AL$2:AL$366,ROUNDDOWN($C1769/24,0)+1,1)*INDEX($D$3:$AA$30,INDEX(Jesper!$R$2:$R$366,ROW(INDEX(Jesper!AL$2:AL$366,ROUNDDOWN($C1769/24,0)+1,1))-1)+IF('Standard Profiles'!$G$22=$B$10,7,0)+IF('Standard Profiles'!$G$22=$B$17,14,0)+IF('Standard Profiles'!$G$22=$B$24,21,0),MOD($C1769,24)+1)/SUM(INDEX($D$3:$AA$30,INDEX(Jesper!$R$2:$R$366,ROW(INDEX(Jesper!AL$2:AL$366,ROUNDDOWN($C1769/24,0)+1,1))-1)+IF('Standard Profiles'!$G$22=$B$10,7,0)+IF('Standard Profiles'!$G$22=$B$17,14,0)+IF('Standard Profiles'!$G$22=$B$24,21,0),0)),0)</f>
        <v>0</v>
      </c>
      <c r="I1769">
        <f t="shared" si="209"/>
        <v>3.3344457679280599</v>
      </c>
      <c r="J1769">
        <f t="shared" si="210"/>
        <v>43.053401368224264</v>
      </c>
      <c r="K1769">
        <f t="shared" si="211"/>
        <v>2.5489411129383996</v>
      </c>
      <c r="L1769">
        <f t="shared" si="212"/>
        <v>1.2744705564691998</v>
      </c>
      <c r="M1769">
        <f t="shared" si="213"/>
        <v>0</v>
      </c>
      <c r="N1769" s="45">
        <f t="shared" si="214"/>
        <v>44999.291666662459</v>
      </c>
    </row>
    <row r="1770" spans="2:14" x14ac:dyDescent="0.25">
      <c r="B1770">
        <f t="shared" si="208"/>
        <v>2</v>
      </c>
      <c r="C1770" s="16">
        <v>1736</v>
      </c>
      <c r="D1770" cm="1">
        <f t="array" ref="D1770">IFERROR(INDEX(Jesper!AH$2:AH$366,ROUNDDOWN($C1770/24,0)+1,1)*INDEX($D$3:$AA$30,INDEX(Jesper!$R$2:$R$366,ROW(INDEX(Jesper!AH$2:AH$366,ROUNDDOWN($C1770/24,0)+1,1))-1)+IF('Standard Profiles'!$G$18=$B$10,7,0)+IF('Standard Profiles'!$G$18=$B$17,14,0)+IF('Standard Profiles'!$G$18=$B$24,21,0),MOD($C1770,24)+1)/SUM(INDEX($D$3:$AA$30,INDEX(Jesper!$R$2:$R$366,ROW(INDEX(Jesper!AH$2:AH$366,ROUNDDOWN($C1770/24,0)+1,1))-1)+IF('Standard Profiles'!$G$18=$B$10,7,0)+IF('Standard Profiles'!$G$18=$B$17,14,0)+IF('Standard Profiles'!$G$18=$B$24,21,0),0)),0)</f>
        <v>26.663265589289839</v>
      </c>
      <c r="E1770" cm="1">
        <f t="array" ref="E1770">IFERROR(INDEX(Jesper!AI$2:AI$366,ROUNDDOWN($C1770/24,0)+1,1)*INDEX($D$3:$AA$30,INDEX(Jesper!$R$2:$R$366,ROW(INDEX(Jesper!AI$2:AI$366,ROUNDDOWN($C1770/24,0)+1,1))-1)+IF('Standard Profiles'!$G$19=$B$10,7,0)+IF('Standard Profiles'!$G$19=$B$17,14,0)+IF('Standard Profiles'!$G$19=$B$24,21,0),MOD($C1770,24)+1)/SUM(INDEX($D$3:$AA$30,INDEX(Jesper!$R$2:$R$366,ROW(INDEX(Jesper!AI$2:AI$366,ROUNDDOWN($C1770/24,0)+1,1))-1)+IF('Standard Profiles'!$G$19=$B$10,7,0)+IF('Standard Profiles'!$G$19=$B$17,14,0)+IF('Standard Profiles'!$G$19=$B$24,21,0),0)),0)</f>
        <v>21.610804512168812</v>
      </c>
      <c r="F1770" cm="1">
        <f t="array" ref="F1770">IFERROR(INDEX(Jesper!AJ$2:AJ$366,ROUNDDOWN($C1770/24,0)+1,1)*INDEX($D$3:$AA$30,INDEX(Jesper!$R$2:$R$366,ROW(INDEX(Jesper!AJ$2:AJ$366,ROUNDDOWN($C1770/24,0)+1,1))-1)+IF('Standard Profiles'!$G$20=$B$10,7,0)+IF('Standard Profiles'!$G$20=$B$17,14,0)+IF('Standard Profiles'!$G$20=$B$24,21,0),MOD($C1770,24)+1)/SUM(INDEX($D$3:$AA$30,INDEX(Jesper!$R$2:$R$366,ROW(INDEX(Jesper!AJ$2:AJ$366,ROUNDDOWN($C1770/24,0)+1,1))-1)+IF('Standard Profiles'!$G$20=$B$10,7,0)+IF('Standard Profiles'!$G$20=$B$17,14,0)+IF('Standard Profiles'!$G$20=$B$24,21,0),0)),0)</f>
        <v>0</v>
      </c>
      <c r="G1770" cm="1">
        <f t="array" ref="G1770">IFERROR(INDEX(Jesper!AK$2:AK$366,ROUNDDOWN($C1770/24,0)+1,1)*INDEX($D$3:$AA$30,INDEX(Jesper!$R$2:$R$366,ROW(INDEX(Jesper!AK$2:AK$366,ROUNDDOWN($C1770/24,0)+1,1))-1)+IF('Standard Profiles'!$G$21=$B$10,7,0)+IF('Standard Profiles'!$G$21=$B$17,14,0)+IF('Standard Profiles'!$G$21=$B$24,21,0),MOD($C1770,24)+1)/SUM(INDEX($D$3:$AA$30,INDEX(Jesper!$R$2:$R$366,ROW(INDEX(Jesper!AK$2:AK$366,ROUNDDOWN($C1770/24,0)+1,1))-1)+IF('Standard Profiles'!$G$21=$B$10,7,0)+IF('Standard Profiles'!$G$21=$B$17,14,0)+IF('Standard Profiles'!$G$21=$B$24,21,0),0)),0)</f>
        <v>7.7511239342187386</v>
      </c>
      <c r="H1770" cm="1">
        <f t="array" ref="H1770">IFERROR(INDEX(Jesper!AL$2:AL$366,ROUNDDOWN($C1770/24,0)+1,1)*INDEX($D$3:$AA$30,INDEX(Jesper!$R$2:$R$366,ROW(INDEX(Jesper!AL$2:AL$366,ROUNDDOWN($C1770/24,0)+1,1))-1)+IF('Standard Profiles'!$G$22=$B$10,7,0)+IF('Standard Profiles'!$G$22=$B$17,14,0)+IF('Standard Profiles'!$G$22=$B$24,21,0),MOD($C1770,24)+1)/SUM(INDEX($D$3:$AA$30,INDEX(Jesper!$R$2:$R$366,ROW(INDEX(Jesper!AL$2:AL$366,ROUNDDOWN($C1770/24,0)+1,1))-1)+IF('Standard Profiles'!$G$22=$B$10,7,0)+IF('Standard Profiles'!$G$22=$B$17,14,0)+IF('Standard Profiles'!$G$22=$B$24,21,0),0)),0)</f>
        <v>0</v>
      </c>
      <c r="I1770">
        <f t="shared" si="209"/>
        <v>3.7205394884249925</v>
      </c>
      <c r="J1770">
        <f t="shared" si="210"/>
        <v>48.038532052966019</v>
      </c>
      <c r="K1770">
        <f t="shared" si="211"/>
        <v>2.8440816628575831</v>
      </c>
      <c r="L1770">
        <f t="shared" si="212"/>
        <v>1.4220408314287916</v>
      </c>
      <c r="M1770">
        <f t="shared" si="213"/>
        <v>0</v>
      </c>
      <c r="N1770" s="45">
        <f t="shared" si="214"/>
        <v>44999.333333329123</v>
      </c>
    </row>
    <row r="1771" spans="2:14" x14ac:dyDescent="0.25">
      <c r="B1771">
        <f t="shared" si="208"/>
        <v>2</v>
      </c>
      <c r="C1771" s="16">
        <v>1737</v>
      </c>
      <c r="D1771" cm="1">
        <f t="array" ref="D1771">IFERROR(INDEX(Jesper!AH$2:AH$366,ROUNDDOWN($C1771/24,0)+1,1)*INDEX($D$3:$AA$30,INDEX(Jesper!$R$2:$R$366,ROW(INDEX(Jesper!AH$2:AH$366,ROUNDDOWN($C1771/24,0)+1,1))-1)+IF('Standard Profiles'!$G$18=$B$10,7,0)+IF('Standard Profiles'!$G$18=$B$17,14,0)+IF('Standard Profiles'!$G$18=$B$24,21,0),MOD($C1771,24)+1)/SUM(INDEX($D$3:$AA$30,INDEX(Jesper!$R$2:$R$366,ROW(INDEX(Jesper!AH$2:AH$366,ROUNDDOWN($C1771/24,0)+1,1))-1)+IF('Standard Profiles'!$G$18=$B$10,7,0)+IF('Standard Profiles'!$G$18=$B$17,14,0)+IF('Standard Profiles'!$G$18=$B$24,21,0),0)),0)</f>
        <v>29.430208244782182</v>
      </c>
      <c r="E1771" cm="1">
        <f t="array" ref="E1771">IFERROR(INDEX(Jesper!AI$2:AI$366,ROUNDDOWN($C1771/24,0)+1,1)*INDEX($D$3:$AA$30,INDEX(Jesper!$R$2:$R$366,ROW(INDEX(Jesper!AI$2:AI$366,ROUNDDOWN($C1771/24,0)+1,1))-1)+IF('Standard Profiles'!$G$19=$B$10,7,0)+IF('Standard Profiles'!$G$19=$B$17,14,0)+IF('Standard Profiles'!$G$19=$B$24,21,0),MOD($C1771,24)+1)/SUM(INDEX($D$3:$AA$30,INDEX(Jesper!$R$2:$R$366,ROW(INDEX(Jesper!AI$2:AI$366,ROUNDDOWN($C1771/24,0)+1,1))-1)+IF('Standard Profiles'!$G$19=$B$10,7,0)+IF('Standard Profiles'!$G$19=$B$17,14,0)+IF('Standard Profiles'!$G$19=$B$24,21,0),0)),0)</f>
        <v>23.853435169091995</v>
      </c>
      <c r="F1771" cm="1">
        <f t="array" ref="F1771">IFERROR(INDEX(Jesper!AJ$2:AJ$366,ROUNDDOWN($C1771/24,0)+1,1)*INDEX($D$3:$AA$30,INDEX(Jesper!$R$2:$R$366,ROW(INDEX(Jesper!AJ$2:AJ$366,ROUNDDOWN($C1771/24,0)+1,1))-1)+IF('Standard Profiles'!$G$20=$B$10,7,0)+IF('Standard Profiles'!$G$20=$B$17,14,0)+IF('Standard Profiles'!$G$20=$B$24,21,0),MOD($C1771,24)+1)/SUM(INDEX($D$3:$AA$30,INDEX(Jesper!$R$2:$R$366,ROW(INDEX(Jesper!AJ$2:AJ$366,ROUNDDOWN($C1771/24,0)+1,1))-1)+IF('Standard Profiles'!$G$20=$B$10,7,0)+IF('Standard Profiles'!$G$20=$B$17,14,0)+IF('Standard Profiles'!$G$20=$B$24,21,0),0)),0)</f>
        <v>0</v>
      </c>
      <c r="G1771" cm="1">
        <f t="array" ref="G1771">IFERROR(INDEX(Jesper!AK$2:AK$366,ROUNDDOWN($C1771/24,0)+1,1)*INDEX($D$3:$AA$30,INDEX(Jesper!$R$2:$R$366,ROW(INDEX(Jesper!AK$2:AK$366,ROUNDDOWN($C1771/24,0)+1,1))-1)+IF('Standard Profiles'!$G$21=$B$10,7,0)+IF('Standard Profiles'!$G$21=$B$17,14,0)+IF('Standard Profiles'!$G$21=$B$24,21,0),MOD($C1771,24)+1)/SUM(INDEX($D$3:$AA$30,INDEX(Jesper!$R$2:$R$366,ROW(INDEX(Jesper!AK$2:AK$366,ROUNDDOWN($C1771/24,0)+1,1))-1)+IF('Standard Profiles'!$G$21=$B$10,7,0)+IF('Standard Profiles'!$G$21=$B$17,14,0)+IF('Standard Profiles'!$G$21=$B$24,21,0),0)),0)</f>
        <v>8.5554858519206842</v>
      </c>
      <c r="H1771" cm="1">
        <f t="array" ref="H1771">IFERROR(INDEX(Jesper!AL$2:AL$366,ROUNDDOWN($C1771/24,0)+1,1)*INDEX($D$3:$AA$30,INDEX(Jesper!$R$2:$R$366,ROW(INDEX(Jesper!AL$2:AL$366,ROUNDDOWN($C1771/24,0)+1,1))-1)+IF('Standard Profiles'!$G$22=$B$10,7,0)+IF('Standard Profiles'!$G$22=$B$17,14,0)+IF('Standard Profiles'!$G$22=$B$24,21,0),MOD($C1771,24)+1)/SUM(INDEX($D$3:$AA$30,INDEX(Jesper!$R$2:$R$366,ROW(INDEX(Jesper!AL$2:AL$366,ROUNDDOWN($C1771/24,0)+1,1))-1)+IF('Standard Profiles'!$G$22=$B$10,7,0)+IF('Standard Profiles'!$G$22=$B$17,14,0)+IF('Standard Profiles'!$G$22=$B$24,21,0),0)),0)</f>
        <v>0</v>
      </c>
      <c r="I1771">
        <f t="shared" si="209"/>
        <v>4.1066332089219264</v>
      </c>
      <c r="J1771">
        <f t="shared" si="210"/>
        <v>53.023662737707781</v>
      </c>
      <c r="K1771">
        <f t="shared" si="211"/>
        <v>3.1392222127767662</v>
      </c>
      <c r="L1771">
        <f t="shared" si="212"/>
        <v>1.5696111063883831</v>
      </c>
      <c r="M1771">
        <f t="shared" si="213"/>
        <v>0</v>
      </c>
      <c r="N1771" s="45">
        <f t="shared" si="214"/>
        <v>44999.374999995787</v>
      </c>
    </row>
    <row r="1772" spans="2:14" x14ac:dyDescent="0.25">
      <c r="B1772">
        <f t="shared" si="208"/>
        <v>2</v>
      </c>
      <c r="C1772" s="16">
        <v>1738</v>
      </c>
      <c r="D1772" cm="1">
        <f t="array" ref="D1772">IFERROR(INDEX(Jesper!AH$2:AH$366,ROUNDDOWN($C1772/24,0)+1,1)*INDEX($D$3:$AA$30,INDEX(Jesper!$R$2:$R$366,ROW(INDEX(Jesper!AH$2:AH$366,ROUNDDOWN($C1772/24,0)+1,1))-1)+IF('Standard Profiles'!$G$18=$B$10,7,0)+IF('Standard Profiles'!$G$18=$B$17,14,0)+IF('Standard Profiles'!$G$18=$B$24,21,0),MOD($C1772,24)+1)/SUM(INDEX($D$3:$AA$30,INDEX(Jesper!$R$2:$R$366,ROW(INDEX(Jesper!AH$2:AH$366,ROUNDDOWN($C1772/24,0)+1,1))-1)+IF('Standard Profiles'!$G$18=$B$10,7,0)+IF('Standard Profiles'!$G$18=$B$17,14,0)+IF('Standard Profiles'!$G$18=$B$24,21,0),0)),0)</f>
        <v>29.430208244782182</v>
      </c>
      <c r="E1772" cm="1">
        <f t="array" ref="E1772">IFERROR(INDEX(Jesper!AI$2:AI$366,ROUNDDOWN($C1772/24,0)+1,1)*INDEX($D$3:$AA$30,INDEX(Jesper!$R$2:$R$366,ROW(INDEX(Jesper!AI$2:AI$366,ROUNDDOWN($C1772/24,0)+1,1))-1)+IF('Standard Profiles'!$G$19=$B$10,7,0)+IF('Standard Profiles'!$G$19=$B$17,14,0)+IF('Standard Profiles'!$G$19=$B$24,21,0),MOD($C1772,24)+1)/SUM(INDEX($D$3:$AA$30,INDEX(Jesper!$R$2:$R$366,ROW(INDEX(Jesper!AI$2:AI$366,ROUNDDOWN($C1772/24,0)+1,1))-1)+IF('Standard Profiles'!$G$19=$B$10,7,0)+IF('Standard Profiles'!$G$19=$B$17,14,0)+IF('Standard Profiles'!$G$19=$B$24,21,0),0)),0)</f>
        <v>23.853435169091995</v>
      </c>
      <c r="F1772" cm="1">
        <f t="array" ref="F1772">IFERROR(INDEX(Jesper!AJ$2:AJ$366,ROUNDDOWN($C1772/24,0)+1,1)*INDEX($D$3:$AA$30,INDEX(Jesper!$R$2:$R$366,ROW(INDEX(Jesper!AJ$2:AJ$366,ROUNDDOWN($C1772/24,0)+1,1))-1)+IF('Standard Profiles'!$G$20=$B$10,7,0)+IF('Standard Profiles'!$G$20=$B$17,14,0)+IF('Standard Profiles'!$G$20=$B$24,21,0),MOD($C1772,24)+1)/SUM(INDEX($D$3:$AA$30,INDEX(Jesper!$R$2:$R$366,ROW(INDEX(Jesper!AJ$2:AJ$366,ROUNDDOWN($C1772/24,0)+1,1))-1)+IF('Standard Profiles'!$G$20=$B$10,7,0)+IF('Standard Profiles'!$G$20=$B$17,14,0)+IF('Standard Profiles'!$G$20=$B$24,21,0),0)),0)</f>
        <v>0</v>
      </c>
      <c r="G1772" cm="1">
        <f t="array" ref="G1772">IFERROR(INDEX(Jesper!AK$2:AK$366,ROUNDDOWN($C1772/24,0)+1,1)*INDEX($D$3:$AA$30,INDEX(Jesper!$R$2:$R$366,ROW(INDEX(Jesper!AK$2:AK$366,ROUNDDOWN($C1772/24,0)+1,1))-1)+IF('Standard Profiles'!$G$21=$B$10,7,0)+IF('Standard Profiles'!$G$21=$B$17,14,0)+IF('Standard Profiles'!$G$21=$B$24,21,0),MOD($C1772,24)+1)/SUM(INDEX($D$3:$AA$30,INDEX(Jesper!$R$2:$R$366,ROW(INDEX(Jesper!AK$2:AK$366,ROUNDDOWN($C1772/24,0)+1,1))-1)+IF('Standard Profiles'!$G$21=$B$10,7,0)+IF('Standard Profiles'!$G$21=$B$17,14,0)+IF('Standard Profiles'!$G$21=$B$24,21,0),0)),0)</f>
        <v>8.5554858519206842</v>
      </c>
      <c r="H1772" cm="1">
        <f t="array" ref="H1772">IFERROR(INDEX(Jesper!AL$2:AL$366,ROUNDDOWN($C1772/24,0)+1,1)*INDEX($D$3:$AA$30,INDEX(Jesper!$R$2:$R$366,ROW(INDEX(Jesper!AL$2:AL$366,ROUNDDOWN($C1772/24,0)+1,1))-1)+IF('Standard Profiles'!$G$22=$B$10,7,0)+IF('Standard Profiles'!$G$22=$B$17,14,0)+IF('Standard Profiles'!$G$22=$B$24,21,0),MOD($C1772,24)+1)/SUM(INDEX($D$3:$AA$30,INDEX(Jesper!$R$2:$R$366,ROW(INDEX(Jesper!AL$2:AL$366,ROUNDDOWN($C1772/24,0)+1,1))-1)+IF('Standard Profiles'!$G$22=$B$10,7,0)+IF('Standard Profiles'!$G$22=$B$17,14,0)+IF('Standard Profiles'!$G$22=$B$24,21,0),0)),0)</f>
        <v>0</v>
      </c>
      <c r="I1772">
        <f t="shared" si="209"/>
        <v>4.1066332089219264</v>
      </c>
      <c r="J1772">
        <f t="shared" si="210"/>
        <v>53.023662737707781</v>
      </c>
      <c r="K1772">
        <f t="shared" si="211"/>
        <v>3.1392222127767662</v>
      </c>
      <c r="L1772">
        <f t="shared" si="212"/>
        <v>1.5696111063883831</v>
      </c>
      <c r="M1772">
        <f t="shared" si="213"/>
        <v>0</v>
      </c>
      <c r="N1772" s="45">
        <f t="shared" si="214"/>
        <v>44999.416666662451</v>
      </c>
    </row>
    <row r="1773" spans="2:14" x14ac:dyDescent="0.25">
      <c r="B1773">
        <f t="shared" si="208"/>
        <v>2</v>
      </c>
      <c r="C1773" s="16">
        <v>1739</v>
      </c>
      <c r="D1773" cm="1">
        <f t="array" ref="D1773">IFERROR(INDEX(Jesper!AH$2:AH$366,ROUNDDOWN($C1773/24,0)+1,1)*INDEX($D$3:$AA$30,INDEX(Jesper!$R$2:$R$366,ROW(INDEX(Jesper!AH$2:AH$366,ROUNDDOWN($C1773/24,0)+1,1))-1)+IF('Standard Profiles'!$G$18=$B$10,7,0)+IF('Standard Profiles'!$G$18=$B$17,14,0)+IF('Standard Profiles'!$G$18=$B$24,21,0),MOD($C1773,24)+1)/SUM(INDEX($D$3:$AA$30,INDEX(Jesper!$R$2:$R$366,ROW(INDEX(Jesper!AH$2:AH$366,ROUNDDOWN($C1773/24,0)+1,1))-1)+IF('Standard Profiles'!$G$18=$B$10,7,0)+IF('Standard Profiles'!$G$18=$B$17,14,0)+IF('Standard Profiles'!$G$18=$B$24,21,0),0)),0)</f>
        <v>35.215633797175258</v>
      </c>
      <c r="E1773" cm="1">
        <f t="array" ref="E1773">IFERROR(INDEX(Jesper!AI$2:AI$366,ROUNDDOWN($C1773/24,0)+1,1)*INDEX($D$3:$AA$30,INDEX(Jesper!$R$2:$R$366,ROW(INDEX(Jesper!AI$2:AI$366,ROUNDDOWN($C1773/24,0)+1,1))-1)+IF('Standard Profiles'!$G$19=$B$10,7,0)+IF('Standard Profiles'!$G$19=$B$17,14,0)+IF('Standard Profiles'!$G$19=$B$24,21,0),MOD($C1773,24)+1)/SUM(INDEX($D$3:$AA$30,INDEX(Jesper!$R$2:$R$366,ROW(INDEX(Jesper!AI$2:AI$366,ROUNDDOWN($C1773/24,0)+1,1))-1)+IF('Standard Profiles'!$G$19=$B$10,7,0)+IF('Standard Profiles'!$G$19=$B$17,14,0)+IF('Standard Profiles'!$G$19=$B$24,21,0),0)),0)</f>
        <v>28.542571997204092</v>
      </c>
      <c r="F1773" cm="1">
        <f t="array" ref="F1773">IFERROR(INDEX(Jesper!AJ$2:AJ$366,ROUNDDOWN($C1773/24,0)+1,1)*INDEX($D$3:$AA$30,INDEX(Jesper!$R$2:$R$366,ROW(INDEX(Jesper!AJ$2:AJ$366,ROUNDDOWN($C1773/24,0)+1,1))-1)+IF('Standard Profiles'!$G$20=$B$10,7,0)+IF('Standard Profiles'!$G$20=$B$17,14,0)+IF('Standard Profiles'!$G$20=$B$24,21,0),MOD($C1773,24)+1)/SUM(INDEX($D$3:$AA$30,INDEX(Jesper!$R$2:$R$366,ROW(INDEX(Jesper!AJ$2:AJ$366,ROUNDDOWN($C1773/24,0)+1,1))-1)+IF('Standard Profiles'!$G$20=$B$10,7,0)+IF('Standard Profiles'!$G$20=$B$17,14,0)+IF('Standard Profiles'!$G$20=$B$24,21,0),0)),0)</f>
        <v>0</v>
      </c>
      <c r="G1773" cm="1">
        <f t="array" ref="G1773">IFERROR(INDEX(Jesper!AK$2:AK$366,ROUNDDOWN($C1773/24,0)+1,1)*INDEX($D$3:$AA$30,INDEX(Jesper!$R$2:$R$366,ROW(INDEX(Jesper!AK$2:AK$366,ROUNDDOWN($C1773/24,0)+1,1))-1)+IF('Standard Profiles'!$G$21=$B$10,7,0)+IF('Standard Profiles'!$G$21=$B$17,14,0)+IF('Standard Profiles'!$G$21=$B$24,21,0),MOD($C1773,24)+1)/SUM(INDEX($D$3:$AA$30,INDEX(Jesper!$R$2:$R$366,ROW(INDEX(Jesper!AK$2:AK$366,ROUNDDOWN($C1773/24,0)+1,1))-1)+IF('Standard Profiles'!$G$21=$B$10,7,0)+IF('Standard Profiles'!$G$21=$B$17,14,0)+IF('Standard Profiles'!$G$21=$B$24,21,0),0)),0)</f>
        <v>10.237333498024752</v>
      </c>
      <c r="H1773" cm="1">
        <f t="array" ref="H1773">IFERROR(INDEX(Jesper!AL$2:AL$366,ROUNDDOWN($C1773/24,0)+1,1)*INDEX($D$3:$AA$30,INDEX(Jesper!$R$2:$R$366,ROW(INDEX(Jesper!AL$2:AL$366,ROUNDDOWN($C1773/24,0)+1,1))-1)+IF('Standard Profiles'!$G$22=$B$10,7,0)+IF('Standard Profiles'!$G$22=$B$17,14,0)+IF('Standard Profiles'!$G$22=$B$24,21,0),MOD($C1773,24)+1)/SUM(INDEX($D$3:$AA$30,INDEX(Jesper!$R$2:$R$366,ROW(INDEX(Jesper!AL$2:AL$366,ROUNDDOWN($C1773/24,0)+1,1))-1)+IF('Standard Profiles'!$G$22=$B$10,7,0)+IF('Standard Profiles'!$G$22=$B$17,14,0)+IF('Standard Profiles'!$G$22=$B$24,21,0),0)),0)</f>
        <v>0</v>
      </c>
      <c r="I1773">
        <f t="shared" si="209"/>
        <v>4.913920079051878</v>
      </c>
      <c r="J1773">
        <f t="shared" si="210"/>
        <v>63.447117805804183</v>
      </c>
      <c r="K1773">
        <f t="shared" si="211"/>
        <v>3.7563342716986945</v>
      </c>
      <c r="L1773">
        <f t="shared" si="212"/>
        <v>1.8781671358493472</v>
      </c>
      <c r="M1773">
        <f t="shared" si="213"/>
        <v>0</v>
      </c>
      <c r="N1773" s="45">
        <f t="shared" si="214"/>
        <v>44999.458333329116</v>
      </c>
    </row>
    <row r="1774" spans="2:14" x14ac:dyDescent="0.25">
      <c r="B1774">
        <f t="shared" si="208"/>
        <v>2</v>
      </c>
      <c r="C1774" s="16">
        <v>1740</v>
      </c>
      <c r="D1774" cm="1">
        <f t="array" ref="D1774">IFERROR(INDEX(Jesper!AH$2:AH$366,ROUNDDOWN($C1774/24,0)+1,1)*INDEX($D$3:$AA$30,INDEX(Jesper!$R$2:$R$366,ROW(INDEX(Jesper!AH$2:AH$366,ROUNDDOWN($C1774/24,0)+1,1))-1)+IF('Standard Profiles'!$G$18=$B$10,7,0)+IF('Standard Profiles'!$G$18=$B$17,14,0)+IF('Standard Profiles'!$G$18=$B$24,21,0),MOD($C1774,24)+1)/SUM(INDEX($D$3:$AA$30,INDEX(Jesper!$R$2:$R$366,ROW(INDEX(Jesper!AH$2:AH$366,ROUNDDOWN($C1774/24,0)+1,1))-1)+IF('Standard Profiles'!$G$18=$B$10,7,0)+IF('Standard Profiles'!$G$18=$B$17,14,0)+IF('Standard Profiles'!$G$18=$B$24,21,0),0)),0)</f>
        <v>35.215633797175258</v>
      </c>
      <c r="E1774" cm="1">
        <f t="array" ref="E1774">IFERROR(INDEX(Jesper!AI$2:AI$366,ROUNDDOWN($C1774/24,0)+1,1)*INDEX($D$3:$AA$30,INDEX(Jesper!$R$2:$R$366,ROW(INDEX(Jesper!AI$2:AI$366,ROUNDDOWN($C1774/24,0)+1,1))-1)+IF('Standard Profiles'!$G$19=$B$10,7,0)+IF('Standard Profiles'!$G$19=$B$17,14,0)+IF('Standard Profiles'!$G$19=$B$24,21,0),MOD($C1774,24)+1)/SUM(INDEX($D$3:$AA$30,INDEX(Jesper!$R$2:$R$366,ROW(INDEX(Jesper!AI$2:AI$366,ROUNDDOWN($C1774/24,0)+1,1))-1)+IF('Standard Profiles'!$G$19=$B$10,7,0)+IF('Standard Profiles'!$G$19=$B$17,14,0)+IF('Standard Profiles'!$G$19=$B$24,21,0),0)),0)</f>
        <v>28.542571997204092</v>
      </c>
      <c r="F1774" cm="1">
        <f t="array" ref="F1774">IFERROR(INDEX(Jesper!AJ$2:AJ$366,ROUNDDOWN($C1774/24,0)+1,1)*INDEX($D$3:$AA$30,INDEX(Jesper!$R$2:$R$366,ROW(INDEX(Jesper!AJ$2:AJ$366,ROUNDDOWN($C1774/24,0)+1,1))-1)+IF('Standard Profiles'!$G$20=$B$10,7,0)+IF('Standard Profiles'!$G$20=$B$17,14,0)+IF('Standard Profiles'!$G$20=$B$24,21,0),MOD($C1774,24)+1)/SUM(INDEX($D$3:$AA$30,INDEX(Jesper!$R$2:$R$366,ROW(INDEX(Jesper!AJ$2:AJ$366,ROUNDDOWN($C1774/24,0)+1,1))-1)+IF('Standard Profiles'!$G$20=$B$10,7,0)+IF('Standard Profiles'!$G$20=$B$17,14,0)+IF('Standard Profiles'!$G$20=$B$24,21,0),0)),0)</f>
        <v>0</v>
      </c>
      <c r="G1774" cm="1">
        <f t="array" ref="G1774">IFERROR(INDEX(Jesper!AK$2:AK$366,ROUNDDOWN($C1774/24,0)+1,1)*INDEX($D$3:$AA$30,INDEX(Jesper!$R$2:$R$366,ROW(INDEX(Jesper!AK$2:AK$366,ROUNDDOWN($C1774/24,0)+1,1))-1)+IF('Standard Profiles'!$G$21=$B$10,7,0)+IF('Standard Profiles'!$G$21=$B$17,14,0)+IF('Standard Profiles'!$G$21=$B$24,21,0),MOD($C1774,24)+1)/SUM(INDEX($D$3:$AA$30,INDEX(Jesper!$R$2:$R$366,ROW(INDEX(Jesper!AK$2:AK$366,ROUNDDOWN($C1774/24,0)+1,1))-1)+IF('Standard Profiles'!$G$21=$B$10,7,0)+IF('Standard Profiles'!$G$21=$B$17,14,0)+IF('Standard Profiles'!$G$21=$B$24,21,0),0)),0)</f>
        <v>10.237333498024752</v>
      </c>
      <c r="H1774" cm="1">
        <f t="array" ref="H1774">IFERROR(INDEX(Jesper!AL$2:AL$366,ROUNDDOWN($C1774/24,0)+1,1)*INDEX($D$3:$AA$30,INDEX(Jesper!$R$2:$R$366,ROW(INDEX(Jesper!AL$2:AL$366,ROUNDDOWN($C1774/24,0)+1,1))-1)+IF('Standard Profiles'!$G$22=$B$10,7,0)+IF('Standard Profiles'!$G$22=$B$17,14,0)+IF('Standard Profiles'!$G$22=$B$24,21,0),MOD($C1774,24)+1)/SUM(INDEX($D$3:$AA$30,INDEX(Jesper!$R$2:$R$366,ROW(INDEX(Jesper!AL$2:AL$366,ROUNDDOWN($C1774/24,0)+1,1))-1)+IF('Standard Profiles'!$G$22=$B$10,7,0)+IF('Standard Profiles'!$G$22=$B$17,14,0)+IF('Standard Profiles'!$G$22=$B$24,21,0),0)),0)</f>
        <v>0</v>
      </c>
      <c r="I1774">
        <f t="shared" si="209"/>
        <v>4.913920079051878</v>
      </c>
      <c r="J1774">
        <f t="shared" si="210"/>
        <v>63.447117805804183</v>
      </c>
      <c r="K1774">
        <f t="shared" si="211"/>
        <v>3.7563342716986945</v>
      </c>
      <c r="L1774">
        <f t="shared" si="212"/>
        <v>1.8781671358493472</v>
      </c>
      <c r="M1774">
        <f t="shared" si="213"/>
        <v>0</v>
      </c>
      <c r="N1774" s="45">
        <f t="shared" si="214"/>
        <v>44999.49999999578</v>
      </c>
    </row>
    <row r="1775" spans="2:14" x14ac:dyDescent="0.25">
      <c r="B1775">
        <f t="shared" si="208"/>
        <v>2</v>
      </c>
      <c r="C1775" s="16">
        <v>1741</v>
      </c>
      <c r="D1775" cm="1">
        <f t="array" ref="D1775">IFERROR(INDEX(Jesper!AH$2:AH$366,ROUNDDOWN($C1775/24,0)+1,1)*INDEX($D$3:$AA$30,INDEX(Jesper!$R$2:$R$366,ROW(INDEX(Jesper!AH$2:AH$366,ROUNDDOWN($C1775/24,0)+1,1))-1)+IF('Standard Profiles'!$G$18=$B$10,7,0)+IF('Standard Profiles'!$G$18=$B$17,14,0)+IF('Standard Profiles'!$G$18=$B$24,21,0),MOD($C1775,24)+1)/SUM(INDEX($D$3:$AA$30,INDEX(Jesper!$R$2:$R$366,ROW(INDEX(Jesper!AH$2:AH$366,ROUNDDOWN($C1775/24,0)+1,1))-1)+IF('Standard Profiles'!$G$18=$B$10,7,0)+IF('Standard Profiles'!$G$18=$B$17,14,0)+IF('Standard Profiles'!$G$18=$B$24,21,0),0)),0)</f>
        <v>23.393242450980704</v>
      </c>
      <c r="E1775" cm="1">
        <f t="array" ref="E1775">IFERROR(INDEX(Jesper!AI$2:AI$366,ROUNDDOWN($C1775/24,0)+1,1)*INDEX($D$3:$AA$30,INDEX(Jesper!$R$2:$R$366,ROW(INDEX(Jesper!AI$2:AI$366,ROUNDDOWN($C1775/24,0)+1,1))-1)+IF('Standard Profiles'!$G$19=$B$10,7,0)+IF('Standard Profiles'!$G$19=$B$17,14,0)+IF('Standard Profiles'!$G$19=$B$24,21,0),MOD($C1775,24)+1)/SUM(INDEX($D$3:$AA$30,INDEX(Jesper!$R$2:$R$366,ROW(INDEX(Jesper!AI$2:AI$366,ROUNDDOWN($C1775/24,0)+1,1))-1)+IF('Standard Profiles'!$G$19=$B$10,7,0)+IF('Standard Profiles'!$G$19=$B$17,14,0)+IF('Standard Profiles'!$G$19=$B$24,21,0),0)),0)</f>
        <v>18.960422826714147</v>
      </c>
      <c r="F1775" cm="1">
        <f t="array" ref="F1775">IFERROR(INDEX(Jesper!AJ$2:AJ$366,ROUNDDOWN($C1775/24,0)+1,1)*INDEX($D$3:$AA$30,INDEX(Jesper!$R$2:$R$366,ROW(INDEX(Jesper!AJ$2:AJ$366,ROUNDDOWN($C1775/24,0)+1,1))-1)+IF('Standard Profiles'!$G$20=$B$10,7,0)+IF('Standard Profiles'!$G$20=$B$17,14,0)+IF('Standard Profiles'!$G$20=$B$24,21,0),MOD($C1775,24)+1)/SUM(INDEX($D$3:$AA$30,INDEX(Jesper!$R$2:$R$366,ROW(INDEX(Jesper!AJ$2:AJ$366,ROUNDDOWN($C1775/24,0)+1,1))-1)+IF('Standard Profiles'!$G$20=$B$10,7,0)+IF('Standard Profiles'!$G$20=$B$17,14,0)+IF('Standard Profiles'!$G$20=$B$24,21,0),0)),0)</f>
        <v>0</v>
      </c>
      <c r="G1775" cm="1">
        <f t="array" ref="G1775">IFERROR(INDEX(Jesper!AK$2:AK$366,ROUNDDOWN($C1775/24,0)+1,1)*INDEX($D$3:$AA$30,INDEX(Jesper!$R$2:$R$366,ROW(INDEX(Jesper!AK$2:AK$366,ROUNDDOWN($C1775/24,0)+1,1))-1)+IF('Standard Profiles'!$G$21=$B$10,7,0)+IF('Standard Profiles'!$G$21=$B$17,14,0)+IF('Standard Profiles'!$G$21=$B$24,21,0),MOD($C1775,24)+1)/SUM(INDEX($D$3:$AA$30,INDEX(Jesper!$R$2:$R$366,ROW(INDEX(Jesper!AK$2:AK$366,ROUNDDOWN($C1775/24,0)+1,1))-1)+IF('Standard Profiles'!$G$21=$B$10,7,0)+IF('Standard Profiles'!$G$21=$B$17,14,0)+IF('Standard Profiles'!$G$21=$B$24,21,0),0)),0)</f>
        <v>6.8005143951164397</v>
      </c>
      <c r="H1775" cm="1">
        <f t="array" ref="H1775">IFERROR(INDEX(Jesper!AL$2:AL$366,ROUNDDOWN($C1775/24,0)+1,1)*INDEX($D$3:$AA$30,INDEX(Jesper!$R$2:$R$366,ROW(INDEX(Jesper!AL$2:AL$366,ROUNDDOWN($C1775/24,0)+1,1))-1)+IF('Standard Profiles'!$G$22=$B$10,7,0)+IF('Standard Profiles'!$G$22=$B$17,14,0)+IF('Standard Profiles'!$G$22=$B$24,21,0),MOD($C1775,24)+1)/SUM(INDEX($D$3:$AA$30,INDEX(Jesper!$R$2:$R$366,ROW(INDEX(Jesper!AL$2:AL$366,ROUNDDOWN($C1775/24,0)+1,1))-1)+IF('Standard Profiles'!$G$22=$B$10,7,0)+IF('Standard Profiles'!$G$22=$B$17,14,0)+IF('Standard Profiles'!$G$22=$B$24,21,0),0)),0)</f>
        <v>0</v>
      </c>
      <c r="I1775">
        <f t="shared" si="209"/>
        <v>3.2642469096558893</v>
      </c>
      <c r="J1775">
        <f t="shared" si="210"/>
        <v>42.147013970998486</v>
      </c>
      <c r="K1775">
        <f t="shared" si="211"/>
        <v>2.4952791947712751</v>
      </c>
      <c r="L1775">
        <f t="shared" si="212"/>
        <v>1.2476395973856376</v>
      </c>
      <c r="M1775">
        <f t="shared" si="213"/>
        <v>0</v>
      </c>
      <c r="N1775" s="45">
        <f t="shared" si="214"/>
        <v>44999.541666662444</v>
      </c>
    </row>
    <row r="1776" spans="2:14" x14ac:dyDescent="0.25">
      <c r="B1776">
        <f t="shared" si="208"/>
        <v>2</v>
      </c>
      <c r="C1776" s="16">
        <v>1742</v>
      </c>
      <c r="D1776" cm="1">
        <f t="array" ref="D1776">IFERROR(INDEX(Jesper!AH$2:AH$366,ROUNDDOWN($C1776/24,0)+1,1)*INDEX($D$3:$AA$30,INDEX(Jesper!$R$2:$R$366,ROW(INDEX(Jesper!AH$2:AH$366,ROUNDDOWN($C1776/24,0)+1,1))-1)+IF('Standard Profiles'!$G$18=$B$10,7,0)+IF('Standard Profiles'!$G$18=$B$17,14,0)+IF('Standard Profiles'!$G$18=$B$24,21,0),MOD($C1776,24)+1)/SUM(INDEX($D$3:$AA$30,INDEX(Jesper!$R$2:$R$366,ROW(INDEX(Jesper!AH$2:AH$366,ROUNDDOWN($C1776/24,0)+1,1))-1)+IF('Standard Profiles'!$G$18=$B$10,7,0)+IF('Standard Profiles'!$G$18=$B$17,14,0)+IF('Standard Profiles'!$G$18=$B$24,21,0),0)),0)</f>
        <v>35.215633797175258</v>
      </c>
      <c r="E1776" cm="1">
        <f t="array" ref="E1776">IFERROR(INDEX(Jesper!AI$2:AI$366,ROUNDDOWN($C1776/24,0)+1,1)*INDEX($D$3:$AA$30,INDEX(Jesper!$R$2:$R$366,ROW(INDEX(Jesper!AI$2:AI$366,ROUNDDOWN($C1776/24,0)+1,1))-1)+IF('Standard Profiles'!$G$19=$B$10,7,0)+IF('Standard Profiles'!$G$19=$B$17,14,0)+IF('Standard Profiles'!$G$19=$B$24,21,0),MOD($C1776,24)+1)/SUM(INDEX($D$3:$AA$30,INDEX(Jesper!$R$2:$R$366,ROW(INDEX(Jesper!AI$2:AI$366,ROUNDDOWN($C1776/24,0)+1,1))-1)+IF('Standard Profiles'!$G$19=$B$10,7,0)+IF('Standard Profiles'!$G$19=$B$17,14,0)+IF('Standard Profiles'!$G$19=$B$24,21,0),0)),0)</f>
        <v>28.542571997204092</v>
      </c>
      <c r="F1776" cm="1">
        <f t="array" ref="F1776">IFERROR(INDEX(Jesper!AJ$2:AJ$366,ROUNDDOWN($C1776/24,0)+1,1)*INDEX($D$3:$AA$30,INDEX(Jesper!$R$2:$R$366,ROW(INDEX(Jesper!AJ$2:AJ$366,ROUNDDOWN($C1776/24,0)+1,1))-1)+IF('Standard Profiles'!$G$20=$B$10,7,0)+IF('Standard Profiles'!$G$20=$B$17,14,0)+IF('Standard Profiles'!$G$20=$B$24,21,0),MOD($C1776,24)+1)/SUM(INDEX($D$3:$AA$30,INDEX(Jesper!$R$2:$R$366,ROW(INDEX(Jesper!AJ$2:AJ$366,ROUNDDOWN($C1776/24,0)+1,1))-1)+IF('Standard Profiles'!$G$20=$B$10,7,0)+IF('Standard Profiles'!$G$20=$B$17,14,0)+IF('Standard Profiles'!$G$20=$B$24,21,0),0)),0)</f>
        <v>0</v>
      </c>
      <c r="G1776" cm="1">
        <f t="array" ref="G1776">IFERROR(INDEX(Jesper!AK$2:AK$366,ROUNDDOWN($C1776/24,0)+1,1)*INDEX($D$3:$AA$30,INDEX(Jesper!$R$2:$R$366,ROW(INDEX(Jesper!AK$2:AK$366,ROUNDDOWN($C1776/24,0)+1,1))-1)+IF('Standard Profiles'!$G$21=$B$10,7,0)+IF('Standard Profiles'!$G$21=$B$17,14,0)+IF('Standard Profiles'!$G$21=$B$24,21,0),MOD($C1776,24)+1)/SUM(INDEX($D$3:$AA$30,INDEX(Jesper!$R$2:$R$366,ROW(INDEX(Jesper!AK$2:AK$366,ROUNDDOWN($C1776/24,0)+1,1))-1)+IF('Standard Profiles'!$G$21=$B$10,7,0)+IF('Standard Profiles'!$G$21=$B$17,14,0)+IF('Standard Profiles'!$G$21=$B$24,21,0),0)),0)</f>
        <v>10.237333498024752</v>
      </c>
      <c r="H1776" cm="1">
        <f t="array" ref="H1776">IFERROR(INDEX(Jesper!AL$2:AL$366,ROUNDDOWN($C1776/24,0)+1,1)*INDEX($D$3:$AA$30,INDEX(Jesper!$R$2:$R$366,ROW(INDEX(Jesper!AL$2:AL$366,ROUNDDOWN($C1776/24,0)+1,1))-1)+IF('Standard Profiles'!$G$22=$B$10,7,0)+IF('Standard Profiles'!$G$22=$B$17,14,0)+IF('Standard Profiles'!$G$22=$B$24,21,0),MOD($C1776,24)+1)/SUM(INDEX($D$3:$AA$30,INDEX(Jesper!$R$2:$R$366,ROW(INDEX(Jesper!AL$2:AL$366,ROUNDDOWN($C1776/24,0)+1,1))-1)+IF('Standard Profiles'!$G$22=$B$10,7,0)+IF('Standard Profiles'!$G$22=$B$17,14,0)+IF('Standard Profiles'!$G$22=$B$24,21,0),0)),0)</f>
        <v>0</v>
      </c>
      <c r="I1776">
        <f t="shared" si="209"/>
        <v>4.913920079051878</v>
      </c>
      <c r="J1776">
        <f t="shared" si="210"/>
        <v>63.447117805804183</v>
      </c>
      <c r="K1776">
        <f t="shared" si="211"/>
        <v>3.7563342716986945</v>
      </c>
      <c r="L1776">
        <f t="shared" si="212"/>
        <v>1.8781671358493472</v>
      </c>
      <c r="M1776">
        <f t="shared" si="213"/>
        <v>0</v>
      </c>
      <c r="N1776" s="45">
        <f t="shared" si="214"/>
        <v>44999.583333329108</v>
      </c>
    </row>
    <row r="1777" spans="2:14" x14ac:dyDescent="0.25">
      <c r="B1777">
        <f t="shared" si="208"/>
        <v>2</v>
      </c>
      <c r="C1777" s="16">
        <v>1743</v>
      </c>
      <c r="D1777" cm="1">
        <f t="array" ref="D1777">IFERROR(INDEX(Jesper!AH$2:AH$366,ROUNDDOWN($C1777/24,0)+1,1)*INDEX($D$3:$AA$30,INDEX(Jesper!$R$2:$R$366,ROW(INDEX(Jesper!AH$2:AH$366,ROUNDDOWN($C1777/24,0)+1,1))-1)+IF('Standard Profiles'!$G$18=$B$10,7,0)+IF('Standard Profiles'!$G$18=$B$17,14,0)+IF('Standard Profiles'!$G$18=$B$24,21,0),MOD($C1777,24)+1)/SUM(INDEX($D$3:$AA$30,INDEX(Jesper!$R$2:$R$366,ROW(INDEX(Jesper!AH$2:AH$366,ROUNDDOWN($C1777/24,0)+1,1))-1)+IF('Standard Profiles'!$G$18=$B$10,7,0)+IF('Standard Profiles'!$G$18=$B$17,14,0)+IF('Standard Profiles'!$G$18=$B$24,21,0),0)),0)</f>
        <v>35.215633797175258</v>
      </c>
      <c r="E1777" cm="1">
        <f t="array" ref="E1777">IFERROR(INDEX(Jesper!AI$2:AI$366,ROUNDDOWN($C1777/24,0)+1,1)*INDEX($D$3:$AA$30,INDEX(Jesper!$R$2:$R$366,ROW(INDEX(Jesper!AI$2:AI$366,ROUNDDOWN($C1777/24,0)+1,1))-1)+IF('Standard Profiles'!$G$19=$B$10,7,0)+IF('Standard Profiles'!$G$19=$B$17,14,0)+IF('Standard Profiles'!$G$19=$B$24,21,0),MOD($C1777,24)+1)/SUM(INDEX($D$3:$AA$30,INDEX(Jesper!$R$2:$R$366,ROW(INDEX(Jesper!AI$2:AI$366,ROUNDDOWN($C1777/24,0)+1,1))-1)+IF('Standard Profiles'!$G$19=$B$10,7,0)+IF('Standard Profiles'!$G$19=$B$17,14,0)+IF('Standard Profiles'!$G$19=$B$24,21,0),0)),0)</f>
        <v>28.542571997204092</v>
      </c>
      <c r="F1777" cm="1">
        <f t="array" ref="F1777">IFERROR(INDEX(Jesper!AJ$2:AJ$366,ROUNDDOWN($C1777/24,0)+1,1)*INDEX($D$3:$AA$30,INDEX(Jesper!$R$2:$R$366,ROW(INDEX(Jesper!AJ$2:AJ$366,ROUNDDOWN($C1777/24,0)+1,1))-1)+IF('Standard Profiles'!$G$20=$B$10,7,0)+IF('Standard Profiles'!$G$20=$B$17,14,0)+IF('Standard Profiles'!$G$20=$B$24,21,0),MOD($C1777,24)+1)/SUM(INDEX($D$3:$AA$30,INDEX(Jesper!$R$2:$R$366,ROW(INDEX(Jesper!AJ$2:AJ$366,ROUNDDOWN($C1777/24,0)+1,1))-1)+IF('Standard Profiles'!$G$20=$B$10,7,0)+IF('Standard Profiles'!$G$20=$B$17,14,0)+IF('Standard Profiles'!$G$20=$B$24,21,0),0)),0)</f>
        <v>0</v>
      </c>
      <c r="G1777" cm="1">
        <f t="array" ref="G1777">IFERROR(INDEX(Jesper!AK$2:AK$366,ROUNDDOWN($C1777/24,0)+1,1)*INDEX($D$3:$AA$30,INDEX(Jesper!$R$2:$R$366,ROW(INDEX(Jesper!AK$2:AK$366,ROUNDDOWN($C1777/24,0)+1,1))-1)+IF('Standard Profiles'!$G$21=$B$10,7,0)+IF('Standard Profiles'!$G$21=$B$17,14,0)+IF('Standard Profiles'!$G$21=$B$24,21,0),MOD($C1777,24)+1)/SUM(INDEX($D$3:$AA$30,INDEX(Jesper!$R$2:$R$366,ROW(INDEX(Jesper!AK$2:AK$366,ROUNDDOWN($C1777/24,0)+1,1))-1)+IF('Standard Profiles'!$G$21=$B$10,7,0)+IF('Standard Profiles'!$G$21=$B$17,14,0)+IF('Standard Profiles'!$G$21=$B$24,21,0),0)),0)</f>
        <v>10.237333498024752</v>
      </c>
      <c r="H1777" cm="1">
        <f t="array" ref="H1777">IFERROR(INDEX(Jesper!AL$2:AL$366,ROUNDDOWN($C1777/24,0)+1,1)*INDEX($D$3:$AA$30,INDEX(Jesper!$R$2:$R$366,ROW(INDEX(Jesper!AL$2:AL$366,ROUNDDOWN($C1777/24,0)+1,1))-1)+IF('Standard Profiles'!$G$22=$B$10,7,0)+IF('Standard Profiles'!$G$22=$B$17,14,0)+IF('Standard Profiles'!$G$22=$B$24,21,0),MOD($C1777,24)+1)/SUM(INDEX($D$3:$AA$30,INDEX(Jesper!$R$2:$R$366,ROW(INDEX(Jesper!AL$2:AL$366,ROUNDDOWN($C1777/24,0)+1,1))-1)+IF('Standard Profiles'!$G$22=$B$10,7,0)+IF('Standard Profiles'!$G$22=$B$17,14,0)+IF('Standard Profiles'!$G$22=$B$24,21,0),0)),0)</f>
        <v>0</v>
      </c>
      <c r="I1777">
        <f t="shared" si="209"/>
        <v>4.913920079051878</v>
      </c>
      <c r="J1777">
        <f t="shared" si="210"/>
        <v>63.447117805804183</v>
      </c>
      <c r="K1777">
        <f t="shared" si="211"/>
        <v>3.7563342716986945</v>
      </c>
      <c r="L1777">
        <f t="shared" si="212"/>
        <v>1.8781671358493472</v>
      </c>
      <c r="M1777">
        <f t="shared" si="213"/>
        <v>0</v>
      </c>
      <c r="N1777" s="45">
        <f t="shared" si="214"/>
        <v>44999.624999995773</v>
      </c>
    </row>
    <row r="1778" spans="2:14" x14ac:dyDescent="0.25">
      <c r="B1778">
        <f t="shared" si="208"/>
        <v>2</v>
      </c>
      <c r="C1778" s="16">
        <v>1744</v>
      </c>
      <c r="D1778" cm="1">
        <f t="array" ref="D1778">IFERROR(INDEX(Jesper!AH$2:AH$366,ROUNDDOWN($C1778/24,0)+1,1)*INDEX($D$3:$AA$30,INDEX(Jesper!$R$2:$R$366,ROW(INDEX(Jesper!AH$2:AH$366,ROUNDDOWN($C1778/24,0)+1,1))-1)+IF('Standard Profiles'!$G$18=$B$10,7,0)+IF('Standard Profiles'!$G$18=$B$17,14,0)+IF('Standard Profiles'!$G$18=$B$24,21,0),MOD($C1778,24)+1)/SUM(INDEX($D$3:$AA$30,INDEX(Jesper!$R$2:$R$366,ROW(INDEX(Jesper!AH$2:AH$366,ROUNDDOWN($C1778/24,0)+1,1))-1)+IF('Standard Profiles'!$G$18=$B$10,7,0)+IF('Standard Profiles'!$G$18=$B$17,14,0)+IF('Standard Profiles'!$G$18=$B$24,21,0),0)),0)</f>
        <v>20.752069916192564</v>
      </c>
      <c r="E1778" cm="1">
        <f t="array" ref="E1778">IFERROR(INDEX(Jesper!AI$2:AI$366,ROUNDDOWN($C1778/24,0)+1,1)*INDEX($D$3:$AA$30,INDEX(Jesper!$R$2:$R$366,ROW(INDEX(Jesper!AI$2:AI$366,ROUNDDOWN($C1778/24,0)+1,1))-1)+IF('Standard Profiles'!$G$19=$B$10,7,0)+IF('Standard Profiles'!$G$19=$B$17,14,0)+IF('Standard Profiles'!$G$19=$B$24,21,0),MOD($C1778,24)+1)/SUM(INDEX($D$3:$AA$30,INDEX(Jesper!$R$2:$R$366,ROW(INDEX(Jesper!AI$2:AI$366,ROUNDDOWN($C1778/24,0)+1,1))-1)+IF('Standard Profiles'!$G$19=$B$10,7,0)+IF('Standard Profiles'!$G$19=$B$17,14,0)+IF('Standard Profiles'!$G$19=$B$24,21,0),0)),0)</f>
        <v>16.819729926923841</v>
      </c>
      <c r="F1778" cm="1">
        <f t="array" ref="F1778">IFERROR(INDEX(Jesper!AJ$2:AJ$366,ROUNDDOWN($C1778/24,0)+1,1)*INDEX($D$3:$AA$30,INDEX(Jesper!$R$2:$R$366,ROW(INDEX(Jesper!AJ$2:AJ$366,ROUNDDOWN($C1778/24,0)+1,1))-1)+IF('Standard Profiles'!$G$20=$B$10,7,0)+IF('Standard Profiles'!$G$20=$B$17,14,0)+IF('Standard Profiles'!$G$20=$B$24,21,0),MOD($C1778,24)+1)/SUM(INDEX($D$3:$AA$30,INDEX(Jesper!$R$2:$R$366,ROW(INDEX(Jesper!AJ$2:AJ$366,ROUNDDOWN($C1778/24,0)+1,1))-1)+IF('Standard Profiles'!$G$20=$B$10,7,0)+IF('Standard Profiles'!$G$20=$B$17,14,0)+IF('Standard Profiles'!$G$20=$B$24,21,0),0)),0)</f>
        <v>0</v>
      </c>
      <c r="G1778" cm="1">
        <f t="array" ref="G1778">IFERROR(INDEX(Jesper!AK$2:AK$366,ROUNDDOWN($C1778/24,0)+1,1)*INDEX($D$3:$AA$30,INDEX(Jesper!$R$2:$R$366,ROW(INDEX(Jesper!AK$2:AK$366,ROUNDDOWN($C1778/24,0)+1,1))-1)+IF('Standard Profiles'!$G$21=$B$10,7,0)+IF('Standard Profiles'!$G$21=$B$17,14,0)+IF('Standard Profiles'!$G$21=$B$24,21,0),MOD($C1778,24)+1)/SUM(INDEX($D$3:$AA$30,INDEX(Jesper!$R$2:$R$366,ROW(INDEX(Jesper!AK$2:AK$366,ROUNDDOWN($C1778/24,0)+1,1))-1)+IF('Standard Profiles'!$G$21=$B$10,7,0)+IF('Standard Profiles'!$G$21=$B$17,14,0)+IF('Standard Profiles'!$G$21=$B$24,21,0),0)),0)</f>
        <v>8.557041677680262</v>
      </c>
      <c r="H1778" cm="1">
        <f t="array" ref="H1778">IFERROR(INDEX(Jesper!AL$2:AL$366,ROUNDDOWN($C1778/24,0)+1,1)*INDEX($D$3:$AA$30,INDEX(Jesper!$R$2:$R$366,ROW(INDEX(Jesper!AL$2:AL$366,ROUNDDOWN($C1778/24,0)+1,1))-1)+IF('Standard Profiles'!$G$22=$B$10,7,0)+IF('Standard Profiles'!$G$22=$B$17,14,0)+IF('Standard Profiles'!$G$22=$B$24,21,0),MOD($C1778,24)+1)/SUM(INDEX($D$3:$AA$30,INDEX(Jesper!$R$2:$R$366,ROW(INDEX(Jesper!AL$2:AL$366,ROUNDDOWN($C1778/24,0)+1,1))-1)+IF('Standard Profiles'!$G$22=$B$10,7,0)+IF('Standard Profiles'!$G$22=$B$17,14,0)+IF('Standard Profiles'!$G$22=$B$24,21,0),0)),0)</f>
        <v>0</v>
      </c>
      <c r="I1778">
        <f t="shared" si="209"/>
        <v>4.1073800052865241</v>
      </c>
      <c r="J1778">
        <f t="shared" si="210"/>
        <v>38.701130328919334</v>
      </c>
      <c r="K1778">
        <f t="shared" si="211"/>
        <v>2.2135541243938737</v>
      </c>
      <c r="L1778">
        <f t="shared" si="212"/>
        <v>1.1067770621969368</v>
      </c>
      <c r="M1778">
        <f t="shared" si="213"/>
        <v>0</v>
      </c>
      <c r="N1778" s="45">
        <f t="shared" si="214"/>
        <v>44999.666666662437</v>
      </c>
    </row>
    <row r="1779" spans="2:14" x14ac:dyDescent="0.25">
      <c r="B1779">
        <f t="shared" si="208"/>
        <v>2</v>
      </c>
      <c r="C1779" s="16">
        <v>1745</v>
      </c>
      <c r="D1779" cm="1">
        <f t="array" ref="D1779">IFERROR(INDEX(Jesper!AH$2:AH$366,ROUNDDOWN($C1779/24,0)+1,1)*INDEX($D$3:$AA$30,INDEX(Jesper!$R$2:$R$366,ROW(INDEX(Jesper!AH$2:AH$366,ROUNDDOWN($C1779/24,0)+1,1))-1)+IF('Standard Profiles'!$G$18=$B$10,7,0)+IF('Standard Profiles'!$G$18=$B$17,14,0)+IF('Standard Profiles'!$G$18=$B$24,21,0),MOD($C1779,24)+1)/SUM(INDEX($D$3:$AA$30,INDEX(Jesper!$R$2:$R$366,ROW(INDEX(Jesper!AH$2:AH$366,ROUNDDOWN($C1779/24,0)+1,1))-1)+IF('Standard Profiles'!$G$18=$B$10,7,0)+IF('Standard Profiles'!$G$18=$B$17,14,0)+IF('Standard Profiles'!$G$18=$B$24,21,0),0)),0)</f>
        <v>8.8570507538167149</v>
      </c>
      <c r="E1779" cm="1">
        <f t="array" ref="E1779">IFERROR(INDEX(Jesper!AI$2:AI$366,ROUNDDOWN($C1779/24,0)+1,1)*INDEX($D$3:$AA$30,INDEX(Jesper!$R$2:$R$366,ROW(INDEX(Jesper!AI$2:AI$366,ROUNDDOWN($C1779/24,0)+1,1))-1)+IF('Standard Profiles'!$G$19=$B$10,7,0)+IF('Standard Profiles'!$G$19=$B$17,14,0)+IF('Standard Profiles'!$G$19=$B$24,21,0),MOD($C1779,24)+1)/SUM(INDEX($D$3:$AA$30,INDEX(Jesper!$R$2:$R$366,ROW(INDEX(Jesper!AI$2:AI$366,ROUNDDOWN($C1779/24,0)+1,1))-1)+IF('Standard Profiles'!$G$19=$B$10,7,0)+IF('Standard Profiles'!$G$19=$B$17,14,0)+IF('Standard Profiles'!$G$19=$B$24,21,0),0)),0)</f>
        <v>7.1787152910473075</v>
      </c>
      <c r="F1779" cm="1">
        <f t="array" ref="F1779">IFERROR(INDEX(Jesper!AJ$2:AJ$366,ROUNDDOWN($C1779/24,0)+1,1)*INDEX($D$3:$AA$30,INDEX(Jesper!$R$2:$R$366,ROW(INDEX(Jesper!AJ$2:AJ$366,ROUNDDOWN($C1779/24,0)+1,1))-1)+IF('Standard Profiles'!$G$20=$B$10,7,0)+IF('Standard Profiles'!$G$20=$B$17,14,0)+IF('Standard Profiles'!$G$20=$B$24,21,0),MOD($C1779,24)+1)/SUM(INDEX($D$3:$AA$30,INDEX(Jesper!$R$2:$R$366,ROW(INDEX(Jesper!AJ$2:AJ$366,ROUNDDOWN($C1779/24,0)+1,1))-1)+IF('Standard Profiles'!$G$20=$B$10,7,0)+IF('Standard Profiles'!$G$20=$B$17,14,0)+IF('Standard Profiles'!$G$20=$B$24,21,0),0)),0)</f>
        <v>0</v>
      </c>
      <c r="G1779" cm="1">
        <f t="array" ref="G1779">IFERROR(INDEX(Jesper!AK$2:AK$366,ROUNDDOWN($C1779/24,0)+1,1)*INDEX($D$3:$AA$30,INDEX(Jesper!$R$2:$R$366,ROW(INDEX(Jesper!AK$2:AK$366,ROUNDDOWN($C1779/24,0)+1,1))-1)+IF('Standard Profiles'!$G$21=$B$10,7,0)+IF('Standard Profiles'!$G$21=$B$17,14,0)+IF('Standard Profiles'!$G$21=$B$24,21,0),MOD($C1779,24)+1)/SUM(INDEX($D$3:$AA$30,INDEX(Jesper!$R$2:$R$366,ROW(INDEX(Jesper!AK$2:AK$366,ROUNDDOWN($C1779/24,0)+1,1))-1)+IF('Standard Profiles'!$G$21=$B$10,7,0)+IF('Standard Profiles'!$G$21=$B$17,14,0)+IF('Standard Profiles'!$G$21=$B$24,21,0),0)),0)</f>
        <v>6.7989585693568637</v>
      </c>
      <c r="H1779" cm="1">
        <f t="array" ref="H1779">IFERROR(INDEX(Jesper!AL$2:AL$366,ROUNDDOWN($C1779/24,0)+1,1)*INDEX($D$3:$AA$30,INDEX(Jesper!$R$2:$R$366,ROW(INDEX(Jesper!AL$2:AL$366,ROUNDDOWN($C1779/24,0)+1,1))-1)+IF('Standard Profiles'!$G$22=$B$10,7,0)+IF('Standard Profiles'!$G$22=$B$17,14,0)+IF('Standard Profiles'!$G$22=$B$24,21,0),MOD($C1779,24)+1)/SUM(INDEX($D$3:$AA$30,INDEX(Jesper!$R$2:$R$366,ROW(INDEX(Jesper!AL$2:AL$366,ROUNDDOWN($C1779/24,0)+1,1))-1)+IF('Standard Profiles'!$G$22=$B$10,7,0)+IF('Standard Profiles'!$G$22=$B$17,14,0)+IF('Standard Profiles'!$G$22=$B$24,21,0),0)),0)</f>
        <v>0</v>
      </c>
      <c r="I1779">
        <f t="shared" si="209"/>
        <v>3.2635001132912929</v>
      </c>
      <c r="J1779">
        <f t="shared" si="210"/>
        <v>18.154096380318919</v>
      </c>
      <c r="K1779">
        <f t="shared" si="211"/>
        <v>0.94475208040711633</v>
      </c>
      <c r="L1779">
        <f t="shared" si="212"/>
        <v>0.47237604020355817</v>
      </c>
      <c r="M1779">
        <f t="shared" si="213"/>
        <v>0</v>
      </c>
      <c r="N1779" s="45">
        <f t="shared" si="214"/>
        <v>44999.708333329101</v>
      </c>
    </row>
    <row r="1780" spans="2:14" x14ac:dyDescent="0.25">
      <c r="B1780">
        <f t="shared" si="208"/>
        <v>2</v>
      </c>
      <c r="C1780" s="16">
        <v>1746</v>
      </c>
      <c r="D1780" cm="1">
        <f t="array" ref="D1780">IFERROR(INDEX(Jesper!AH$2:AH$366,ROUNDDOWN($C1780/24,0)+1,1)*INDEX($D$3:$AA$30,INDEX(Jesper!$R$2:$R$366,ROW(INDEX(Jesper!AH$2:AH$366,ROUNDDOWN($C1780/24,0)+1,1))-1)+IF('Standard Profiles'!$G$18=$B$10,7,0)+IF('Standard Profiles'!$G$18=$B$17,14,0)+IF('Standard Profiles'!$G$18=$B$24,21,0),MOD($C1780,24)+1)/SUM(INDEX($D$3:$AA$30,INDEX(Jesper!$R$2:$R$366,ROW(INDEX(Jesper!AH$2:AH$366,ROUNDDOWN($C1780/24,0)+1,1))-1)+IF('Standard Profiles'!$G$18=$B$10,7,0)+IF('Standard Profiles'!$G$18=$B$17,14,0)+IF('Standard Profiles'!$G$18=$B$24,21,0),0)),0)</f>
        <v>5.8456534975190326</v>
      </c>
      <c r="E1780" cm="1">
        <f t="array" ref="E1780">IFERROR(INDEX(Jesper!AI$2:AI$366,ROUNDDOWN($C1780/24,0)+1,1)*INDEX($D$3:$AA$30,INDEX(Jesper!$R$2:$R$366,ROW(INDEX(Jesper!AI$2:AI$366,ROUNDDOWN($C1780/24,0)+1,1))-1)+IF('Standard Profiles'!$G$19=$B$10,7,0)+IF('Standard Profiles'!$G$19=$B$17,14,0)+IF('Standard Profiles'!$G$19=$B$24,21,0),MOD($C1780,24)+1)/SUM(INDEX($D$3:$AA$30,INDEX(Jesper!$R$2:$R$366,ROW(INDEX(Jesper!AI$2:AI$366,ROUNDDOWN($C1780/24,0)+1,1))-1)+IF('Standard Profiles'!$G$19=$B$10,7,0)+IF('Standard Profiles'!$G$19=$B$17,14,0)+IF('Standard Profiles'!$G$19=$B$24,21,0),0)),0)</f>
        <v>4.7379520920912226</v>
      </c>
      <c r="F1780" cm="1">
        <f t="array" ref="F1780">IFERROR(INDEX(Jesper!AJ$2:AJ$366,ROUNDDOWN($C1780/24,0)+1,1)*INDEX($D$3:$AA$30,INDEX(Jesper!$R$2:$R$366,ROW(INDEX(Jesper!AJ$2:AJ$366,ROUNDDOWN($C1780/24,0)+1,1))-1)+IF('Standard Profiles'!$G$20=$B$10,7,0)+IF('Standard Profiles'!$G$20=$B$17,14,0)+IF('Standard Profiles'!$G$20=$B$24,21,0),MOD($C1780,24)+1)/SUM(INDEX($D$3:$AA$30,INDEX(Jesper!$R$2:$R$366,ROW(INDEX(Jesper!AJ$2:AJ$366,ROUNDDOWN($C1780/24,0)+1,1))-1)+IF('Standard Profiles'!$G$20=$B$10,7,0)+IF('Standard Profiles'!$G$20=$B$17,14,0)+IF('Standard Profiles'!$G$20=$B$24,21,0),0)),0)</f>
        <v>0</v>
      </c>
      <c r="G1780" cm="1">
        <f t="array" ref="G1780">IFERROR(INDEX(Jesper!AK$2:AK$366,ROUNDDOWN($C1780/24,0)+1,1)*INDEX($D$3:$AA$30,INDEX(Jesper!$R$2:$R$366,ROW(INDEX(Jesper!AK$2:AK$366,ROUNDDOWN($C1780/24,0)+1,1))-1)+IF('Standard Profiles'!$G$21=$B$10,7,0)+IF('Standard Profiles'!$G$21=$B$17,14,0)+IF('Standard Profiles'!$G$21=$B$24,21,0),MOD($C1780,24)+1)/SUM(INDEX($D$3:$AA$30,INDEX(Jesper!$R$2:$R$366,ROW(INDEX(Jesper!AK$2:AK$366,ROUNDDOWN($C1780/24,0)+1,1))-1)+IF('Standard Profiles'!$G$21=$B$10,7,0)+IF('Standard Profiles'!$G$21=$B$17,14,0)+IF('Standard Profiles'!$G$21=$B$24,21,0),0)),0)</f>
        <v>2.411529927346256</v>
      </c>
      <c r="H1780" cm="1">
        <f t="array" ref="H1780">IFERROR(INDEX(Jesper!AL$2:AL$366,ROUNDDOWN($C1780/24,0)+1,1)*INDEX($D$3:$AA$30,INDEX(Jesper!$R$2:$R$366,ROW(INDEX(Jesper!AL$2:AL$366,ROUNDDOWN($C1780/24,0)+1,1))-1)+IF('Standard Profiles'!$G$22=$B$10,7,0)+IF('Standard Profiles'!$G$22=$B$17,14,0)+IF('Standard Profiles'!$G$22=$B$24,21,0),MOD($C1780,24)+1)/SUM(INDEX($D$3:$AA$30,INDEX(Jesper!$R$2:$R$366,ROW(INDEX(Jesper!AL$2:AL$366,ROUNDDOWN($C1780/24,0)+1,1))-1)+IF('Standard Profiles'!$G$22=$B$10,7,0)+IF('Standard Profiles'!$G$22=$B$17,14,0)+IF('Standard Profiles'!$G$22=$B$24,21,0),0)),0)</f>
        <v>0</v>
      </c>
      <c r="I1780">
        <f t="shared" si="209"/>
        <v>1.1575343651262022</v>
      </c>
      <c r="J1780">
        <f t="shared" si="210"/>
        <v>10.902296592227264</v>
      </c>
      <c r="K1780">
        <f t="shared" si="211"/>
        <v>0.6235363730686968</v>
      </c>
      <c r="L1780">
        <f t="shared" si="212"/>
        <v>0.3117681865343484</v>
      </c>
      <c r="M1780">
        <f t="shared" si="213"/>
        <v>0</v>
      </c>
      <c r="N1780" s="45">
        <f t="shared" si="214"/>
        <v>44999.749999995765</v>
      </c>
    </row>
    <row r="1781" spans="2:14" x14ac:dyDescent="0.25">
      <c r="B1781">
        <f t="shared" si="208"/>
        <v>2</v>
      </c>
      <c r="C1781" s="16">
        <v>1747</v>
      </c>
      <c r="D1781" cm="1">
        <f t="array" ref="D1781">IFERROR(INDEX(Jesper!AH$2:AH$366,ROUNDDOWN($C1781/24,0)+1,1)*INDEX($D$3:$AA$30,INDEX(Jesper!$R$2:$R$366,ROW(INDEX(Jesper!AH$2:AH$366,ROUNDDOWN($C1781/24,0)+1,1))-1)+IF('Standard Profiles'!$G$18=$B$10,7,0)+IF('Standard Profiles'!$G$18=$B$17,14,0)+IF('Standard Profiles'!$G$18=$B$24,21,0),MOD($C1781,24)+1)/SUM(INDEX($D$3:$AA$30,INDEX(Jesper!$R$2:$R$366,ROW(INDEX(Jesper!AH$2:AH$366,ROUNDDOWN($C1781/24,0)+1,1))-1)+IF('Standard Profiles'!$G$18=$B$10,7,0)+IF('Standard Profiles'!$G$18=$B$17,14,0)+IF('Standard Profiles'!$G$18=$B$24,21,0),0)),0)</f>
        <v>5.8456534975190326</v>
      </c>
      <c r="E1781" cm="1">
        <f t="array" ref="E1781">IFERROR(INDEX(Jesper!AI$2:AI$366,ROUNDDOWN($C1781/24,0)+1,1)*INDEX($D$3:$AA$30,INDEX(Jesper!$R$2:$R$366,ROW(INDEX(Jesper!AI$2:AI$366,ROUNDDOWN($C1781/24,0)+1,1))-1)+IF('Standard Profiles'!$G$19=$B$10,7,0)+IF('Standard Profiles'!$G$19=$B$17,14,0)+IF('Standard Profiles'!$G$19=$B$24,21,0),MOD($C1781,24)+1)/SUM(INDEX($D$3:$AA$30,INDEX(Jesper!$R$2:$R$366,ROW(INDEX(Jesper!AI$2:AI$366,ROUNDDOWN($C1781/24,0)+1,1))-1)+IF('Standard Profiles'!$G$19=$B$10,7,0)+IF('Standard Profiles'!$G$19=$B$17,14,0)+IF('Standard Profiles'!$G$19=$B$24,21,0),0)),0)</f>
        <v>4.7379520920912226</v>
      </c>
      <c r="F1781" cm="1">
        <f t="array" ref="F1781">IFERROR(INDEX(Jesper!AJ$2:AJ$366,ROUNDDOWN($C1781/24,0)+1,1)*INDEX($D$3:$AA$30,INDEX(Jesper!$R$2:$R$366,ROW(INDEX(Jesper!AJ$2:AJ$366,ROUNDDOWN($C1781/24,0)+1,1))-1)+IF('Standard Profiles'!$G$20=$B$10,7,0)+IF('Standard Profiles'!$G$20=$B$17,14,0)+IF('Standard Profiles'!$G$20=$B$24,21,0),MOD($C1781,24)+1)/SUM(INDEX($D$3:$AA$30,INDEX(Jesper!$R$2:$R$366,ROW(INDEX(Jesper!AJ$2:AJ$366,ROUNDDOWN($C1781/24,0)+1,1))-1)+IF('Standard Profiles'!$G$20=$B$10,7,0)+IF('Standard Profiles'!$G$20=$B$17,14,0)+IF('Standard Profiles'!$G$20=$B$24,21,0),0)),0)</f>
        <v>0</v>
      </c>
      <c r="G1781" cm="1">
        <f t="array" ref="G1781">IFERROR(INDEX(Jesper!AK$2:AK$366,ROUNDDOWN($C1781/24,0)+1,1)*INDEX($D$3:$AA$30,INDEX(Jesper!$R$2:$R$366,ROW(INDEX(Jesper!AK$2:AK$366,ROUNDDOWN($C1781/24,0)+1,1))-1)+IF('Standard Profiles'!$G$21=$B$10,7,0)+IF('Standard Profiles'!$G$21=$B$17,14,0)+IF('Standard Profiles'!$G$21=$B$24,21,0),MOD($C1781,24)+1)/SUM(INDEX($D$3:$AA$30,INDEX(Jesper!$R$2:$R$366,ROW(INDEX(Jesper!AK$2:AK$366,ROUNDDOWN($C1781/24,0)+1,1))-1)+IF('Standard Profiles'!$G$21=$B$10,7,0)+IF('Standard Profiles'!$G$21=$B$17,14,0)+IF('Standard Profiles'!$G$21=$B$24,21,0),0)),0)</f>
        <v>2.411529927346256</v>
      </c>
      <c r="H1781" cm="1">
        <f t="array" ref="H1781">IFERROR(INDEX(Jesper!AL$2:AL$366,ROUNDDOWN($C1781/24,0)+1,1)*INDEX($D$3:$AA$30,INDEX(Jesper!$R$2:$R$366,ROW(INDEX(Jesper!AL$2:AL$366,ROUNDDOWN($C1781/24,0)+1,1))-1)+IF('Standard Profiles'!$G$22=$B$10,7,0)+IF('Standard Profiles'!$G$22=$B$17,14,0)+IF('Standard Profiles'!$G$22=$B$24,21,0),MOD($C1781,24)+1)/SUM(INDEX($D$3:$AA$30,INDEX(Jesper!$R$2:$R$366,ROW(INDEX(Jesper!AL$2:AL$366,ROUNDDOWN($C1781/24,0)+1,1))-1)+IF('Standard Profiles'!$G$22=$B$10,7,0)+IF('Standard Profiles'!$G$22=$B$17,14,0)+IF('Standard Profiles'!$G$22=$B$24,21,0),0)),0)</f>
        <v>0</v>
      </c>
      <c r="I1781">
        <f t="shared" si="209"/>
        <v>1.1575343651262022</v>
      </c>
      <c r="J1781">
        <f t="shared" si="210"/>
        <v>10.902296592227264</v>
      </c>
      <c r="K1781">
        <f t="shared" si="211"/>
        <v>0.6235363730686968</v>
      </c>
      <c r="L1781">
        <f t="shared" si="212"/>
        <v>0.3117681865343484</v>
      </c>
      <c r="M1781">
        <f t="shared" si="213"/>
        <v>0</v>
      </c>
      <c r="N1781" s="45">
        <f t="shared" si="214"/>
        <v>44999.79166666243</v>
      </c>
    </row>
    <row r="1782" spans="2:14" x14ac:dyDescent="0.25">
      <c r="B1782">
        <f t="shared" si="208"/>
        <v>2</v>
      </c>
      <c r="C1782" s="16">
        <v>1748</v>
      </c>
      <c r="D1782" cm="1">
        <f t="array" ref="D1782">IFERROR(INDEX(Jesper!AH$2:AH$366,ROUNDDOWN($C1782/24,0)+1,1)*INDEX($D$3:$AA$30,INDEX(Jesper!$R$2:$R$366,ROW(INDEX(Jesper!AH$2:AH$366,ROUNDDOWN($C1782/24,0)+1,1))-1)+IF('Standard Profiles'!$G$18=$B$10,7,0)+IF('Standard Profiles'!$G$18=$B$17,14,0)+IF('Standard Profiles'!$G$18=$B$24,21,0),MOD($C1782,24)+1)/SUM(INDEX($D$3:$AA$30,INDEX(Jesper!$R$2:$R$366,ROW(INDEX(Jesper!AH$2:AH$366,ROUNDDOWN($C1782/24,0)+1,1))-1)+IF('Standard Profiles'!$G$18=$B$10,7,0)+IF('Standard Profiles'!$G$18=$B$17,14,0)+IF('Standard Profiles'!$G$18=$B$24,21,0),0)),0)</f>
        <v>5.8456534975190326</v>
      </c>
      <c r="E1782" cm="1">
        <f t="array" ref="E1782">IFERROR(INDEX(Jesper!AI$2:AI$366,ROUNDDOWN($C1782/24,0)+1,1)*INDEX($D$3:$AA$30,INDEX(Jesper!$R$2:$R$366,ROW(INDEX(Jesper!AI$2:AI$366,ROUNDDOWN($C1782/24,0)+1,1))-1)+IF('Standard Profiles'!$G$19=$B$10,7,0)+IF('Standard Profiles'!$G$19=$B$17,14,0)+IF('Standard Profiles'!$G$19=$B$24,21,0),MOD($C1782,24)+1)/SUM(INDEX($D$3:$AA$30,INDEX(Jesper!$R$2:$R$366,ROW(INDEX(Jesper!AI$2:AI$366,ROUNDDOWN($C1782/24,0)+1,1))-1)+IF('Standard Profiles'!$G$19=$B$10,7,0)+IF('Standard Profiles'!$G$19=$B$17,14,0)+IF('Standard Profiles'!$G$19=$B$24,21,0),0)),0)</f>
        <v>4.7379520920912226</v>
      </c>
      <c r="F1782" cm="1">
        <f t="array" ref="F1782">IFERROR(INDEX(Jesper!AJ$2:AJ$366,ROUNDDOWN($C1782/24,0)+1,1)*INDEX($D$3:$AA$30,INDEX(Jesper!$R$2:$R$366,ROW(INDEX(Jesper!AJ$2:AJ$366,ROUNDDOWN($C1782/24,0)+1,1))-1)+IF('Standard Profiles'!$G$20=$B$10,7,0)+IF('Standard Profiles'!$G$20=$B$17,14,0)+IF('Standard Profiles'!$G$20=$B$24,21,0),MOD($C1782,24)+1)/SUM(INDEX($D$3:$AA$30,INDEX(Jesper!$R$2:$R$366,ROW(INDEX(Jesper!AJ$2:AJ$366,ROUNDDOWN($C1782/24,0)+1,1))-1)+IF('Standard Profiles'!$G$20=$B$10,7,0)+IF('Standard Profiles'!$G$20=$B$17,14,0)+IF('Standard Profiles'!$G$20=$B$24,21,0),0)),0)</f>
        <v>0</v>
      </c>
      <c r="G1782" cm="1">
        <f t="array" ref="G1782">IFERROR(INDEX(Jesper!AK$2:AK$366,ROUNDDOWN($C1782/24,0)+1,1)*INDEX($D$3:$AA$30,INDEX(Jesper!$R$2:$R$366,ROW(INDEX(Jesper!AK$2:AK$366,ROUNDDOWN($C1782/24,0)+1,1))-1)+IF('Standard Profiles'!$G$21=$B$10,7,0)+IF('Standard Profiles'!$G$21=$B$17,14,0)+IF('Standard Profiles'!$G$21=$B$24,21,0),MOD($C1782,24)+1)/SUM(INDEX($D$3:$AA$30,INDEX(Jesper!$R$2:$R$366,ROW(INDEX(Jesper!AK$2:AK$366,ROUNDDOWN($C1782/24,0)+1,1))-1)+IF('Standard Profiles'!$G$21=$B$10,7,0)+IF('Standard Profiles'!$G$21=$B$17,14,0)+IF('Standard Profiles'!$G$21=$B$24,21,0),0)),0)</f>
        <v>2.411529927346256</v>
      </c>
      <c r="H1782" cm="1">
        <f t="array" ref="H1782">IFERROR(INDEX(Jesper!AL$2:AL$366,ROUNDDOWN($C1782/24,0)+1,1)*INDEX($D$3:$AA$30,INDEX(Jesper!$R$2:$R$366,ROW(INDEX(Jesper!AL$2:AL$366,ROUNDDOWN($C1782/24,0)+1,1))-1)+IF('Standard Profiles'!$G$22=$B$10,7,0)+IF('Standard Profiles'!$G$22=$B$17,14,0)+IF('Standard Profiles'!$G$22=$B$24,21,0),MOD($C1782,24)+1)/SUM(INDEX($D$3:$AA$30,INDEX(Jesper!$R$2:$R$366,ROW(INDEX(Jesper!AL$2:AL$366,ROUNDDOWN($C1782/24,0)+1,1))-1)+IF('Standard Profiles'!$G$22=$B$10,7,0)+IF('Standard Profiles'!$G$22=$B$17,14,0)+IF('Standard Profiles'!$G$22=$B$24,21,0),0)),0)</f>
        <v>0</v>
      </c>
      <c r="I1782">
        <f t="shared" si="209"/>
        <v>1.1575343651262022</v>
      </c>
      <c r="J1782">
        <f t="shared" si="210"/>
        <v>10.902296592227264</v>
      </c>
      <c r="K1782">
        <f t="shared" si="211"/>
        <v>0.6235363730686968</v>
      </c>
      <c r="L1782">
        <f t="shared" si="212"/>
        <v>0.3117681865343484</v>
      </c>
      <c r="M1782">
        <f t="shared" si="213"/>
        <v>0</v>
      </c>
      <c r="N1782" s="45">
        <f t="shared" si="214"/>
        <v>44999.833333329094</v>
      </c>
    </row>
    <row r="1783" spans="2:14" x14ac:dyDescent="0.25">
      <c r="B1783">
        <f t="shared" si="208"/>
        <v>2</v>
      </c>
      <c r="C1783" s="16">
        <v>1749</v>
      </c>
      <c r="D1783" cm="1">
        <f t="array" ref="D1783">IFERROR(INDEX(Jesper!AH$2:AH$366,ROUNDDOWN($C1783/24,0)+1,1)*INDEX($D$3:$AA$30,INDEX(Jesper!$R$2:$R$366,ROW(INDEX(Jesper!AH$2:AH$366,ROUNDDOWN($C1783/24,0)+1,1))-1)+IF('Standard Profiles'!$G$18=$B$10,7,0)+IF('Standard Profiles'!$G$18=$B$17,14,0)+IF('Standard Profiles'!$G$18=$B$24,21,0),MOD($C1783,24)+1)/SUM(INDEX($D$3:$AA$30,INDEX(Jesper!$R$2:$R$366,ROW(INDEX(Jesper!AH$2:AH$366,ROUNDDOWN($C1783/24,0)+1,1))-1)+IF('Standard Profiles'!$G$18=$B$10,7,0)+IF('Standard Profiles'!$G$18=$B$17,14,0)+IF('Standard Profiles'!$G$18=$B$24,21,0),0)),0)</f>
        <v>5.8456534975190326</v>
      </c>
      <c r="E1783" cm="1">
        <f t="array" ref="E1783">IFERROR(INDEX(Jesper!AI$2:AI$366,ROUNDDOWN($C1783/24,0)+1,1)*INDEX($D$3:$AA$30,INDEX(Jesper!$R$2:$R$366,ROW(INDEX(Jesper!AI$2:AI$366,ROUNDDOWN($C1783/24,0)+1,1))-1)+IF('Standard Profiles'!$G$19=$B$10,7,0)+IF('Standard Profiles'!$G$19=$B$17,14,0)+IF('Standard Profiles'!$G$19=$B$24,21,0),MOD($C1783,24)+1)/SUM(INDEX($D$3:$AA$30,INDEX(Jesper!$R$2:$R$366,ROW(INDEX(Jesper!AI$2:AI$366,ROUNDDOWN($C1783/24,0)+1,1))-1)+IF('Standard Profiles'!$G$19=$B$10,7,0)+IF('Standard Profiles'!$G$19=$B$17,14,0)+IF('Standard Profiles'!$G$19=$B$24,21,0),0)),0)</f>
        <v>4.7379520920912226</v>
      </c>
      <c r="F1783" cm="1">
        <f t="array" ref="F1783">IFERROR(INDEX(Jesper!AJ$2:AJ$366,ROUNDDOWN($C1783/24,0)+1,1)*INDEX($D$3:$AA$30,INDEX(Jesper!$R$2:$R$366,ROW(INDEX(Jesper!AJ$2:AJ$366,ROUNDDOWN($C1783/24,0)+1,1))-1)+IF('Standard Profiles'!$G$20=$B$10,7,0)+IF('Standard Profiles'!$G$20=$B$17,14,0)+IF('Standard Profiles'!$G$20=$B$24,21,0),MOD($C1783,24)+1)/SUM(INDEX($D$3:$AA$30,INDEX(Jesper!$R$2:$R$366,ROW(INDEX(Jesper!AJ$2:AJ$366,ROUNDDOWN($C1783/24,0)+1,1))-1)+IF('Standard Profiles'!$G$20=$B$10,7,0)+IF('Standard Profiles'!$G$20=$B$17,14,0)+IF('Standard Profiles'!$G$20=$B$24,21,0),0)),0)</f>
        <v>0</v>
      </c>
      <c r="G1783" cm="1">
        <f t="array" ref="G1783">IFERROR(INDEX(Jesper!AK$2:AK$366,ROUNDDOWN($C1783/24,0)+1,1)*INDEX($D$3:$AA$30,INDEX(Jesper!$R$2:$R$366,ROW(INDEX(Jesper!AK$2:AK$366,ROUNDDOWN($C1783/24,0)+1,1))-1)+IF('Standard Profiles'!$G$21=$B$10,7,0)+IF('Standard Profiles'!$G$21=$B$17,14,0)+IF('Standard Profiles'!$G$21=$B$24,21,0),MOD($C1783,24)+1)/SUM(INDEX($D$3:$AA$30,INDEX(Jesper!$R$2:$R$366,ROW(INDEX(Jesper!AK$2:AK$366,ROUNDDOWN($C1783/24,0)+1,1))-1)+IF('Standard Profiles'!$G$21=$B$10,7,0)+IF('Standard Profiles'!$G$21=$B$17,14,0)+IF('Standard Profiles'!$G$21=$B$24,21,0),0)),0)</f>
        <v>2.411529927346256</v>
      </c>
      <c r="H1783" cm="1">
        <f t="array" ref="H1783">IFERROR(INDEX(Jesper!AL$2:AL$366,ROUNDDOWN($C1783/24,0)+1,1)*INDEX($D$3:$AA$30,INDEX(Jesper!$R$2:$R$366,ROW(INDEX(Jesper!AL$2:AL$366,ROUNDDOWN($C1783/24,0)+1,1))-1)+IF('Standard Profiles'!$G$22=$B$10,7,0)+IF('Standard Profiles'!$G$22=$B$17,14,0)+IF('Standard Profiles'!$G$22=$B$24,21,0),MOD($C1783,24)+1)/SUM(INDEX($D$3:$AA$30,INDEX(Jesper!$R$2:$R$366,ROW(INDEX(Jesper!AL$2:AL$366,ROUNDDOWN($C1783/24,0)+1,1))-1)+IF('Standard Profiles'!$G$22=$B$10,7,0)+IF('Standard Profiles'!$G$22=$B$17,14,0)+IF('Standard Profiles'!$G$22=$B$24,21,0),0)),0)</f>
        <v>0</v>
      </c>
      <c r="I1783">
        <f t="shared" si="209"/>
        <v>1.1575343651262022</v>
      </c>
      <c r="J1783">
        <f t="shared" si="210"/>
        <v>10.902296592227264</v>
      </c>
      <c r="K1783">
        <f t="shared" si="211"/>
        <v>0.6235363730686968</v>
      </c>
      <c r="L1783">
        <f t="shared" si="212"/>
        <v>0.3117681865343484</v>
      </c>
      <c r="M1783">
        <f t="shared" si="213"/>
        <v>0</v>
      </c>
      <c r="N1783" s="45">
        <f t="shared" si="214"/>
        <v>44999.874999995758</v>
      </c>
    </row>
    <row r="1784" spans="2:14" x14ac:dyDescent="0.25">
      <c r="B1784">
        <f t="shared" si="208"/>
        <v>2</v>
      </c>
      <c r="C1784" s="16">
        <v>1750</v>
      </c>
      <c r="D1784" cm="1">
        <f t="array" ref="D1784">IFERROR(INDEX(Jesper!AH$2:AH$366,ROUNDDOWN($C1784/24,0)+1,1)*INDEX($D$3:$AA$30,INDEX(Jesper!$R$2:$R$366,ROW(INDEX(Jesper!AH$2:AH$366,ROUNDDOWN($C1784/24,0)+1,1))-1)+IF('Standard Profiles'!$G$18=$B$10,7,0)+IF('Standard Profiles'!$G$18=$B$17,14,0)+IF('Standard Profiles'!$G$18=$B$24,21,0),MOD($C1784,24)+1)/SUM(INDEX($D$3:$AA$30,INDEX(Jesper!$R$2:$R$366,ROW(INDEX(Jesper!AH$2:AH$366,ROUNDDOWN($C1784/24,0)+1,1))-1)+IF('Standard Profiles'!$G$18=$B$10,7,0)+IF('Standard Profiles'!$G$18=$B$17,14,0)+IF('Standard Profiles'!$G$18=$B$24,21,0),0)),0)</f>
        <v>5.8456534975190326</v>
      </c>
      <c r="E1784" cm="1">
        <f t="array" ref="E1784">IFERROR(INDEX(Jesper!AI$2:AI$366,ROUNDDOWN($C1784/24,0)+1,1)*INDEX($D$3:$AA$30,INDEX(Jesper!$R$2:$R$366,ROW(INDEX(Jesper!AI$2:AI$366,ROUNDDOWN($C1784/24,0)+1,1))-1)+IF('Standard Profiles'!$G$19=$B$10,7,0)+IF('Standard Profiles'!$G$19=$B$17,14,0)+IF('Standard Profiles'!$G$19=$B$24,21,0),MOD($C1784,24)+1)/SUM(INDEX($D$3:$AA$30,INDEX(Jesper!$R$2:$R$366,ROW(INDEX(Jesper!AI$2:AI$366,ROUNDDOWN($C1784/24,0)+1,1))-1)+IF('Standard Profiles'!$G$19=$B$10,7,0)+IF('Standard Profiles'!$G$19=$B$17,14,0)+IF('Standard Profiles'!$G$19=$B$24,21,0),0)),0)</f>
        <v>4.7379520920912226</v>
      </c>
      <c r="F1784" cm="1">
        <f t="array" ref="F1784">IFERROR(INDEX(Jesper!AJ$2:AJ$366,ROUNDDOWN($C1784/24,0)+1,1)*INDEX($D$3:$AA$30,INDEX(Jesper!$R$2:$R$366,ROW(INDEX(Jesper!AJ$2:AJ$366,ROUNDDOWN($C1784/24,0)+1,1))-1)+IF('Standard Profiles'!$G$20=$B$10,7,0)+IF('Standard Profiles'!$G$20=$B$17,14,0)+IF('Standard Profiles'!$G$20=$B$24,21,0),MOD($C1784,24)+1)/SUM(INDEX($D$3:$AA$30,INDEX(Jesper!$R$2:$R$366,ROW(INDEX(Jesper!AJ$2:AJ$366,ROUNDDOWN($C1784/24,0)+1,1))-1)+IF('Standard Profiles'!$G$20=$B$10,7,0)+IF('Standard Profiles'!$G$20=$B$17,14,0)+IF('Standard Profiles'!$G$20=$B$24,21,0),0)),0)</f>
        <v>0</v>
      </c>
      <c r="G1784" cm="1">
        <f t="array" ref="G1784">IFERROR(INDEX(Jesper!AK$2:AK$366,ROUNDDOWN($C1784/24,0)+1,1)*INDEX($D$3:$AA$30,INDEX(Jesper!$R$2:$R$366,ROW(INDEX(Jesper!AK$2:AK$366,ROUNDDOWN($C1784/24,0)+1,1))-1)+IF('Standard Profiles'!$G$21=$B$10,7,0)+IF('Standard Profiles'!$G$21=$B$17,14,0)+IF('Standard Profiles'!$G$21=$B$24,21,0),MOD($C1784,24)+1)/SUM(INDEX($D$3:$AA$30,INDEX(Jesper!$R$2:$R$366,ROW(INDEX(Jesper!AK$2:AK$366,ROUNDDOWN($C1784/24,0)+1,1))-1)+IF('Standard Profiles'!$G$21=$B$10,7,0)+IF('Standard Profiles'!$G$21=$B$17,14,0)+IF('Standard Profiles'!$G$21=$B$24,21,0),0)),0)</f>
        <v>2.411529927346256</v>
      </c>
      <c r="H1784" cm="1">
        <f t="array" ref="H1784">IFERROR(INDEX(Jesper!AL$2:AL$366,ROUNDDOWN($C1784/24,0)+1,1)*INDEX($D$3:$AA$30,INDEX(Jesper!$R$2:$R$366,ROW(INDEX(Jesper!AL$2:AL$366,ROUNDDOWN($C1784/24,0)+1,1))-1)+IF('Standard Profiles'!$G$22=$B$10,7,0)+IF('Standard Profiles'!$G$22=$B$17,14,0)+IF('Standard Profiles'!$G$22=$B$24,21,0),MOD($C1784,24)+1)/SUM(INDEX($D$3:$AA$30,INDEX(Jesper!$R$2:$R$366,ROW(INDEX(Jesper!AL$2:AL$366,ROUNDDOWN($C1784/24,0)+1,1))-1)+IF('Standard Profiles'!$G$22=$B$10,7,0)+IF('Standard Profiles'!$G$22=$B$17,14,0)+IF('Standard Profiles'!$G$22=$B$24,21,0),0)),0)</f>
        <v>0</v>
      </c>
      <c r="I1784">
        <f t="shared" si="209"/>
        <v>1.1575343651262022</v>
      </c>
      <c r="J1784">
        <f t="shared" si="210"/>
        <v>10.902296592227264</v>
      </c>
      <c r="K1784">
        <f t="shared" si="211"/>
        <v>0.6235363730686968</v>
      </c>
      <c r="L1784">
        <f t="shared" si="212"/>
        <v>0.3117681865343484</v>
      </c>
      <c r="M1784">
        <f t="shared" si="213"/>
        <v>0</v>
      </c>
      <c r="N1784" s="45">
        <f t="shared" si="214"/>
        <v>44999.916666662422</v>
      </c>
    </row>
    <row r="1785" spans="2:14" x14ac:dyDescent="0.25">
      <c r="B1785">
        <f t="shared" si="208"/>
        <v>2</v>
      </c>
      <c r="C1785" s="16">
        <v>1751</v>
      </c>
      <c r="D1785" cm="1">
        <f t="array" ref="D1785">IFERROR(INDEX(Jesper!AH$2:AH$366,ROUNDDOWN($C1785/24,0)+1,1)*INDEX($D$3:$AA$30,INDEX(Jesper!$R$2:$R$366,ROW(INDEX(Jesper!AH$2:AH$366,ROUNDDOWN($C1785/24,0)+1,1))-1)+IF('Standard Profiles'!$G$18=$B$10,7,0)+IF('Standard Profiles'!$G$18=$B$17,14,0)+IF('Standard Profiles'!$G$18=$B$24,21,0),MOD($C1785,24)+1)/SUM(INDEX($D$3:$AA$30,INDEX(Jesper!$R$2:$R$366,ROW(INDEX(Jesper!AH$2:AH$366,ROUNDDOWN($C1785/24,0)+1,1))-1)+IF('Standard Profiles'!$G$18=$B$10,7,0)+IF('Standard Profiles'!$G$18=$B$17,14,0)+IF('Standard Profiles'!$G$18=$B$24,21,0),0)),0)</f>
        <v>5.8456534975190326</v>
      </c>
      <c r="E1785" cm="1">
        <f t="array" ref="E1785">IFERROR(INDEX(Jesper!AI$2:AI$366,ROUNDDOWN($C1785/24,0)+1,1)*INDEX($D$3:$AA$30,INDEX(Jesper!$R$2:$R$366,ROW(INDEX(Jesper!AI$2:AI$366,ROUNDDOWN($C1785/24,0)+1,1))-1)+IF('Standard Profiles'!$G$19=$B$10,7,0)+IF('Standard Profiles'!$G$19=$B$17,14,0)+IF('Standard Profiles'!$G$19=$B$24,21,0),MOD($C1785,24)+1)/SUM(INDEX($D$3:$AA$30,INDEX(Jesper!$R$2:$R$366,ROW(INDEX(Jesper!AI$2:AI$366,ROUNDDOWN($C1785/24,0)+1,1))-1)+IF('Standard Profiles'!$G$19=$B$10,7,0)+IF('Standard Profiles'!$G$19=$B$17,14,0)+IF('Standard Profiles'!$G$19=$B$24,21,0),0)),0)</f>
        <v>4.7379520920912226</v>
      </c>
      <c r="F1785" cm="1">
        <f t="array" ref="F1785">IFERROR(INDEX(Jesper!AJ$2:AJ$366,ROUNDDOWN($C1785/24,0)+1,1)*INDEX($D$3:$AA$30,INDEX(Jesper!$R$2:$R$366,ROW(INDEX(Jesper!AJ$2:AJ$366,ROUNDDOWN($C1785/24,0)+1,1))-1)+IF('Standard Profiles'!$G$20=$B$10,7,0)+IF('Standard Profiles'!$G$20=$B$17,14,0)+IF('Standard Profiles'!$G$20=$B$24,21,0),MOD($C1785,24)+1)/SUM(INDEX($D$3:$AA$30,INDEX(Jesper!$R$2:$R$366,ROW(INDEX(Jesper!AJ$2:AJ$366,ROUNDDOWN($C1785/24,0)+1,1))-1)+IF('Standard Profiles'!$G$20=$B$10,7,0)+IF('Standard Profiles'!$G$20=$B$17,14,0)+IF('Standard Profiles'!$G$20=$B$24,21,0),0)),0)</f>
        <v>0</v>
      </c>
      <c r="G1785" cm="1">
        <f t="array" ref="G1785">IFERROR(INDEX(Jesper!AK$2:AK$366,ROUNDDOWN($C1785/24,0)+1,1)*INDEX($D$3:$AA$30,INDEX(Jesper!$R$2:$R$366,ROW(INDEX(Jesper!AK$2:AK$366,ROUNDDOWN($C1785/24,0)+1,1))-1)+IF('Standard Profiles'!$G$21=$B$10,7,0)+IF('Standard Profiles'!$G$21=$B$17,14,0)+IF('Standard Profiles'!$G$21=$B$24,21,0),MOD($C1785,24)+1)/SUM(INDEX($D$3:$AA$30,INDEX(Jesper!$R$2:$R$366,ROW(INDEX(Jesper!AK$2:AK$366,ROUNDDOWN($C1785/24,0)+1,1))-1)+IF('Standard Profiles'!$G$21=$B$10,7,0)+IF('Standard Profiles'!$G$21=$B$17,14,0)+IF('Standard Profiles'!$G$21=$B$24,21,0),0)),0)</f>
        <v>2.411529927346256</v>
      </c>
      <c r="H1785" cm="1">
        <f t="array" ref="H1785">IFERROR(INDEX(Jesper!AL$2:AL$366,ROUNDDOWN($C1785/24,0)+1,1)*INDEX($D$3:$AA$30,INDEX(Jesper!$R$2:$R$366,ROW(INDEX(Jesper!AL$2:AL$366,ROUNDDOWN($C1785/24,0)+1,1))-1)+IF('Standard Profiles'!$G$22=$B$10,7,0)+IF('Standard Profiles'!$G$22=$B$17,14,0)+IF('Standard Profiles'!$G$22=$B$24,21,0),MOD($C1785,24)+1)/SUM(INDEX($D$3:$AA$30,INDEX(Jesper!$R$2:$R$366,ROW(INDEX(Jesper!AL$2:AL$366,ROUNDDOWN($C1785/24,0)+1,1))-1)+IF('Standard Profiles'!$G$22=$B$10,7,0)+IF('Standard Profiles'!$G$22=$B$17,14,0)+IF('Standard Profiles'!$G$22=$B$24,21,0),0)),0)</f>
        <v>0</v>
      </c>
      <c r="I1785">
        <f t="shared" si="209"/>
        <v>1.1575343651262022</v>
      </c>
      <c r="J1785">
        <f t="shared" si="210"/>
        <v>10.902296592227264</v>
      </c>
      <c r="K1785">
        <f t="shared" si="211"/>
        <v>0.6235363730686968</v>
      </c>
      <c r="L1785">
        <f t="shared" si="212"/>
        <v>0.3117681865343484</v>
      </c>
      <c r="M1785">
        <f t="shared" si="213"/>
        <v>0</v>
      </c>
      <c r="N1785" s="45">
        <f t="shared" si="214"/>
        <v>44999.958333329087</v>
      </c>
    </row>
    <row r="1786" spans="2:14" x14ac:dyDescent="0.25">
      <c r="B1786">
        <f t="shared" si="208"/>
        <v>3</v>
      </c>
      <c r="C1786" s="16">
        <v>1752</v>
      </c>
      <c r="D1786" cm="1">
        <f t="array" ref="D1786">IFERROR(INDEX(Jesper!AH$2:AH$366,ROUNDDOWN($C1786/24,0)+1,1)*INDEX($D$3:$AA$30,INDEX(Jesper!$R$2:$R$366,ROW(INDEX(Jesper!AH$2:AH$366,ROUNDDOWN($C1786/24,0)+1,1))-1)+IF('Standard Profiles'!$G$18=$B$10,7,0)+IF('Standard Profiles'!$G$18=$B$17,14,0)+IF('Standard Profiles'!$G$18=$B$24,21,0),MOD($C1786,24)+1)/SUM(INDEX($D$3:$AA$30,INDEX(Jesper!$R$2:$R$366,ROW(INDEX(Jesper!AH$2:AH$366,ROUNDDOWN($C1786/24,0)+1,1))-1)+IF('Standard Profiles'!$G$18=$B$10,7,0)+IF('Standard Profiles'!$G$18=$B$17,14,0)+IF('Standard Profiles'!$G$18=$B$24,21,0),0)),0)</f>
        <v>5.9266902571930897</v>
      </c>
      <c r="E1786" cm="1">
        <f t="array" ref="E1786">IFERROR(INDEX(Jesper!AI$2:AI$366,ROUNDDOWN($C1786/24,0)+1,1)*INDEX($D$3:$AA$30,INDEX(Jesper!$R$2:$R$366,ROW(INDEX(Jesper!AI$2:AI$366,ROUNDDOWN($C1786/24,0)+1,1))-1)+IF('Standard Profiles'!$G$19=$B$10,7,0)+IF('Standard Profiles'!$G$19=$B$17,14,0)+IF('Standard Profiles'!$G$19=$B$24,21,0),MOD($C1786,24)+1)/SUM(INDEX($D$3:$AA$30,INDEX(Jesper!$R$2:$R$366,ROW(INDEX(Jesper!AI$2:AI$366,ROUNDDOWN($C1786/24,0)+1,1))-1)+IF('Standard Profiles'!$G$19=$B$10,7,0)+IF('Standard Profiles'!$G$19=$B$17,14,0)+IF('Standard Profiles'!$G$19=$B$24,21,0),0)),0)</f>
        <v>5.7761954789472885</v>
      </c>
      <c r="F1786" cm="1">
        <f t="array" ref="F1786">IFERROR(INDEX(Jesper!AJ$2:AJ$366,ROUNDDOWN($C1786/24,0)+1,1)*INDEX($D$3:$AA$30,INDEX(Jesper!$R$2:$R$366,ROW(INDEX(Jesper!AJ$2:AJ$366,ROUNDDOWN($C1786/24,0)+1,1))-1)+IF('Standard Profiles'!$G$20=$B$10,7,0)+IF('Standard Profiles'!$G$20=$B$17,14,0)+IF('Standard Profiles'!$G$20=$B$24,21,0),MOD($C1786,24)+1)/SUM(INDEX($D$3:$AA$30,INDEX(Jesper!$R$2:$R$366,ROW(INDEX(Jesper!AJ$2:AJ$366,ROUNDDOWN($C1786/24,0)+1,1))-1)+IF('Standard Profiles'!$G$20=$B$10,7,0)+IF('Standard Profiles'!$G$20=$B$17,14,0)+IF('Standard Profiles'!$G$20=$B$24,21,0),0)),0)</f>
        <v>0</v>
      </c>
      <c r="G1786" cm="1">
        <f t="array" ref="G1786">IFERROR(INDEX(Jesper!AK$2:AK$366,ROUNDDOWN($C1786/24,0)+1,1)*INDEX($D$3:$AA$30,INDEX(Jesper!$R$2:$R$366,ROW(INDEX(Jesper!AK$2:AK$366,ROUNDDOWN($C1786/24,0)+1,1))-1)+IF('Standard Profiles'!$G$21=$B$10,7,0)+IF('Standard Profiles'!$G$21=$B$17,14,0)+IF('Standard Profiles'!$G$21=$B$24,21,0),MOD($C1786,24)+1)/SUM(INDEX($D$3:$AA$30,INDEX(Jesper!$R$2:$R$366,ROW(INDEX(Jesper!AK$2:AK$366,ROUNDDOWN($C1786/24,0)+1,1))-1)+IF('Standard Profiles'!$G$21=$B$10,7,0)+IF('Standard Profiles'!$G$21=$B$17,14,0)+IF('Standard Profiles'!$G$21=$B$24,21,0),0)),0)</f>
        <v>5.2829637192917742</v>
      </c>
      <c r="H1786" cm="1">
        <f t="array" ref="H1786">IFERROR(INDEX(Jesper!AL$2:AL$366,ROUNDDOWN($C1786/24,0)+1,1)*INDEX($D$3:$AA$30,INDEX(Jesper!$R$2:$R$366,ROW(INDEX(Jesper!AL$2:AL$366,ROUNDDOWN($C1786/24,0)+1,1))-1)+IF('Standard Profiles'!$G$22=$B$10,7,0)+IF('Standard Profiles'!$G$22=$B$17,14,0)+IF('Standard Profiles'!$G$22=$B$24,21,0),MOD($C1786,24)+1)/SUM(INDEX($D$3:$AA$30,INDEX(Jesper!$R$2:$R$366,ROW(INDEX(Jesper!AL$2:AL$366,ROUNDDOWN($C1786/24,0)+1,1))-1)+IF('Standard Profiles'!$G$22=$B$10,7,0)+IF('Standard Profiles'!$G$22=$B$17,14,0)+IF('Standard Profiles'!$G$22=$B$24,21,0),0)),0)</f>
        <v>0</v>
      </c>
      <c r="I1786">
        <f t="shared" si="209"/>
        <v>2.5358225852600502</v>
      </c>
      <c r="J1786">
        <f t="shared" si="210"/>
        <v>13.501756429021208</v>
      </c>
      <c r="K1786">
        <f t="shared" si="211"/>
        <v>0.63218029410059629</v>
      </c>
      <c r="L1786">
        <f t="shared" si="212"/>
        <v>0.31609014705029814</v>
      </c>
      <c r="M1786">
        <f t="shared" si="213"/>
        <v>0</v>
      </c>
      <c r="N1786" s="45">
        <f t="shared" si="214"/>
        <v>44999.999999995751</v>
      </c>
    </row>
    <row r="1787" spans="2:14" x14ac:dyDescent="0.25">
      <c r="B1787">
        <f t="shared" si="208"/>
        <v>3</v>
      </c>
      <c r="C1787" s="16">
        <v>1753</v>
      </c>
      <c r="D1787" cm="1">
        <f t="array" ref="D1787">IFERROR(INDEX(Jesper!AH$2:AH$366,ROUNDDOWN($C1787/24,0)+1,1)*INDEX($D$3:$AA$30,INDEX(Jesper!$R$2:$R$366,ROW(INDEX(Jesper!AH$2:AH$366,ROUNDDOWN($C1787/24,0)+1,1))-1)+IF('Standard Profiles'!$G$18=$B$10,7,0)+IF('Standard Profiles'!$G$18=$B$17,14,0)+IF('Standard Profiles'!$G$18=$B$24,21,0),MOD($C1787,24)+1)/SUM(INDEX($D$3:$AA$30,INDEX(Jesper!$R$2:$R$366,ROW(INDEX(Jesper!AH$2:AH$366,ROUNDDOWN($C1787/24,0)+1,1))-1)+IF('Standard Profiles'!$G$18=$B$10,7,0)+IF('Standard Profiles'!$G$18=$B$17,14,0)+IF('Standard Profiles'!$G$18=$B$24,21,0),0)),0)</f>
        <v>5.9266902571930897</v>
      </c>
      <c r="E1787" cm="1">
        <f t="array" ref="E1787">IFERROR(INDEX(Jesper!AI$2:AI$366,ROUNDDOWN($C1787/24,0)+1,1)*INDEX($D$3:$AA$30,INDEX(Jesper!$R$2:$R$366,ROW(INDEX(Jesper!AI$2:AI$366,ROUNDDOWN($C1787/24,0)+1,1))-1)+IF('Standard Profiles'!$G$19=$B$10,7,0)+IF('Standard Profiles'!$G$19=$B$17,14,0)+IF('Standard Profiles'!$G$19=$B$24,21,0),MOD($C1787,24)+1)/SUM(INDEX($D$3:$AA$30,INDEX(Jesper!$R$2:$R$366,ROW(INDEX(Jesper!AI$2:AI$366,ROUNDDOWN($C1787/24,0)+1,1))-1)+IF('Standard Profiles'!$G$19=$B$10,7,0)+IF('Standard Profiles'!$G$19=$B$17,14,0)+IF('Standard Profiles'!$G$19=$B$24,21,0),0)),0)</f>
        <v>5.7761954789472885</v>
      </c>
      <c r="F1787" cm="1">
        <f t="array" ref="F1787">IFERROR(INDEX(Jesper!AJ$2:AJ$366,ROUNDDOWN($C1787/24,0)+1,1)*INDEX($D$3:$AA$30,INDEX(Jesper!$R$2:$R$366,ROW(INDEX(Jesper!AJ$2:AJ$366,ROUNDDOWN($C1787/24,0)+1,1))-1)+IF('Standard Profiles'!$G$20=$B$10,7,0)+IF('Standard Profiles'!$G$20=$B$17,14,0)+IF('Standard Profiles'!$G$20=$B$24,21,0),MOD($C1787,24)+1)/SUM(INDEX($D$3:$AA$30,INDEX(Jesper!$R$2:$R$366,ROW(INDEX(Jesper!AJ$2:AJ$366,ROUNDDOWN($C1787/24,0)+1,1))-1)+IF('Standard Profiles'!$G$20=$B$10,7,0)+IF('Standard Profiles'!$G$20=$B$17,14,0)+IF('Standard Profiles'!$G$20=$B$24,21,0),0)),0)</f>
        <v>0</v>
      </c>
      <c r="G1787" cm="1">
        <f t="array" ref="G1787">IFERROR(INDEX(Jesper!AK$2:AK$366,ROUNDDOWN($C1787/24,0)+1,1)*INDEX($D$3:$AA$30,INDEX(Jesper!$R$2:$R$366,ROW(INDEX(Jesper!AK$2:AK$366,ROUNDDOWN($C1787/24,0)+1,1))-1)+IF('Standard Profiles'!$G$21=$B$10,7,0)+IF('Standard Profiles'!$G$21=$B$17,14,0)+IF('Standard Profiles'!$G$21=$B$24,21,0),MOD($C1787,24)+1)/SUM(INDEX($D$3:$AA$30,INDEX(Jesper!$R$2:$R$366,ROW(INDEX(Jesper!AK$2:AK$366,ROUNDDOWN($C1787/24,0)+1,1))-1)+IF('Standard Profiles'!$G$21=$B$10,7,0)+IF('Standard Profiles'!$G$21=$B$17,14,0)+IF('Standard Profiles'!$G$21=$B$24,21,0),0)),0)</f>
        <v>5.2829637192917742</v>
      </c>
      <c r="H1787" cm="1">
        <f t="array" ref="H1787">IFERROR(INDEX(Jesper!AL$2:AL$366,ROUNDDOWN($C1787/24,0)+1,1)*INDEX($D$3:$AA$30,INDEX(Jesper!$R$2:$R$366,ROW(INDEX(Jesper!AL$2:AL$366,ROUNDDOWN($C1787/24,0)+1,1))-1)+IF('Standard Profiles'!$G$22=$B$10,7,0)+IF('Standard Profiles'!$G$22=$B$17,14,0)+IF('Standard Profiles'!$G$22=$B$24,21,0),MOD($C1787,24)+1)/SUM(INDEX($D$3:$AA$30,INDEX(Jesper!$R$2:$R$366,ROW(INDEX(Jesper!AL$2:AL$366,ROUNDDOWN($C1787/24,0)+1,1))-1)+IF('Standard Profiles'!$G$22=$B$10,7,0)+IF('Standard Profiles'!$G$22=$B$17,14,0)+IF('Standard Profiles'!$G$22=$B$24,21,0),0)),0)</f>
        <v>0</v>
      </c>
      <c r="I1787">
        <f t="shared" si="209"/>
        <v>2.5358225852600502</v>
      </c>
      <c r="J1787">
        <f t="shared" si="210"/>
        <v>13.501756429021208</v>
      </c>
      <c r="K1787">
        <f t="shared" si="211"/>
        <v>0.63218029410059629</v>
      </c>
      <c r="L1787">
        <f t="shared" si="212"/>
        <v>0.31609014705029814</v>
      </c>
      <c r="M1787">
        <f t="shared" si="213"/>
        <v>0</v>
      </c>
      <c r="N1787" s="45">
        <f t="shared" si="214"/>
        <v>45000.041666662415</v>
      </c>
    </row>
    <row r="1788" spans="2:14" x14ac:dyDescent="0.25">
      <c r="B1788">
        <f t="shared" si="208"/>
        <v>3</v>
      </c>
      <c r="C1788" s="16">
        <v>1754</v>
      </c>
      <c r="D1788" cm="1">
        <f t="array" ref="D1788">IFERROR(INDEX(Jesper!AH$2:AH$366,ROUNDDOWN($C1788/24,0)+1,1)*INDEX($D$3:$AA$30,INDEX(Jesper!$R$2:$R$366,ROW(INDEX(Jesper!AH$2:AH$366,ROUNDDOWN($C1788/24,0)+1,1))-1)+IF('Standard Profiles'!$G$18=$B$10,7,0)+IF('Standard Profiles'!$G$18=$B$17,14,0)+IF('Standard Profiles'!$G$18=$B$24,21,0),MOD($C1788,24)+1)/SUM(INDEX($D$3:$AA$30,INDEX(Jesper!$R$2:$R$366,ROW(INDEX(Jesper!AH$2:AH$366,ROUNDDOWN($C1788/24,0)+1,1))-1)+IF('Standard Profiles'!$G$18=$B$10,7,0)+IF('Standard Profiles'!$G$18=$B$17,14,0)+IF('Standard Profiles'!$G$18=$B$24,21,0),0)),0)</f>
        <v>5.9266902571930897</v>
      </c>
      <c r="E1788" cm="1">
        <f t="array" ref="E1788">IFERROR(INDEX(Jesper!AI$2:AI$366,ROUNDDOWN($C1788/24,0)+1,1)*INDEX($D$3:$AA$30,INDEX(Jesper!$R$2:$R$366,ROW(INDEX(Jesper!AI$2:AI$366,ROUNDDOWN($C1788/24,0)+1,1))-1)+IF('Standard Profiles'!$G$19=$B$10,7,0)+IF('Standard Profiles'!$G$19=$B$17,14,0)+IF('Standard Profiles'!$G$19=$B$24,21,0),MOD($C1788,24)+1)/SUM(INDEX($D$3:$AA$30,INDEX(Jesper!$R$2:$R$366,ROW(INDEX(Jesper!AI$2:AI$366,ROUNDDOWN($C1788/24,0)+1,1))-1)+IF('Standard Profiles'!$G$19=$B$10,7,0)+IF('Standard Profiles'!$G$19=$B$17,14,0)+IF('Standard Profiles'!$G$19=$B$24,21,0),0)),0)</f>
        <v>5.7761954789472885</v>
      </c>
      <c r="F1788" cm="1">
        <f t="array" ref="F1788">IFERROR(INDEX(Jesper!AJ$2:AJ$366,ROUNDDOWN($C1788/24,0)+1,1)*INDEX($D$3:$AA$30,INDEX(Jesper!$R$2:$R$366,ROW(INDEX(Jesper!AJ$2:AJ$366,ROUNDDOWN($C1788/24,0)+1,1))-1)+IF('Standard Profiles'!$G$20=$B$10,7,0)+IF('Standard Profiles'!$G$20=$B$17,14,0)+IF('Standard Profiles'!$G$20=$B$24,21,0),MOD($C1788,24)+1)/SUM(INDEX($D$3:$AA$30,INDEX(Jesper!$R$2:$R$366,ROW(INDEX(Jesper!AJ$2:AJ$366,ROUNDDOWN($C1788/24,0)+1,1))-1)+IF('Standard Profiles'!$G$20=$B$10,7,0)+IF('Standard Profiles'!$G$20=$B$17,14,0)+IF('Standard Profiles'!$G$20=$B$24,21,0),0)),0)</f>
        <v>0</v>
      </c>
      <c r="G1788" cm="1">
        <f t="array" ref="G1788">IFERROR(INDEX(Jesper!AK$2:AK$366,ROUNDDOWN($C1788/24,0)+1,1)*INDEX($D$3:$AA$30,INDEX(Jesper!$R$2:$R$366,ROW(INDEX(Jesper!AK$2:AK$366,ROUNDDOWN($C1788/24,0)+1,1))-1)+IF('Standard Profiles'!$G$21=$B$10,7,0)+IF('Standard Profiles'!$G$21=$B$17,14,0)+IF('Standard Profiles'!$G$21=$B$24,21,0),MOD($C1788,24)+1)/SUM(INDEX($D$3:$AA$30,INDEX(Jesper!$R$2:$R$366,ROW(INDEX(Jesper!AK$2:AK$366,ROUNDDOWN($C1788/24,0)+1,1))-1)+IF('Standard Profiles'!$G$21=$B$10,7,0)+IF('Standard Profiles'!$G$21=$B$17,14,0)+IF('Standard Profiles'!$G$21=$B$24,21,0),0)),0)</f>
        <v>5.2829637192917742</v>
      </c>
      <c r="H1788" cm="1">
        <f t="array" ref="H1788">IFERROR(INDEX(Jesper!AL$2:AL$366,ROUNDDOWN($C1788/24,0)+1,1)*INDEX($D$3:$AA$30,INDEX(Jesper!$R$2:$R$366,ROW(INDEX(Jesper!AL$2:AL$366,ROUNDDOWN($C1788/24,0)+1,1))-1)+IF('Standard Profiles'!$G$22=$B$10,7,0)+IF('Standard Profiles'!$G$22=$B$17,14,0)+IF('Standard Profiles'!$G$22=$B$24,21,0),MOD($C1788,24)+1)/SUM(INDEX($D$3:$AA$30,INDEX(Jesper!$R$2:$R$366,ROW(INDEX(Jesper!AL$2:AL$366,ROUNDDOWN($C1788/24,0)+1,1))-1)+IF('Standard Profiles'!$G$22=$B$10,7,0)+IF('Standard Profiles'!$G$22=$B$17,14,0)+IF('Standard Profiles'!$G$22=$B$24,21,0),0)),0)</f>
        <v>0</v>
      </c>
      <c r="I1788">
        <f t="shared" si="209"/>
        <v>2.5358225852600502</v>
      </c>
      <c r="J1788">
        <f t="shared" si="210"/>
        <v>13.501756429021208</v>
      </c>
      <c r="K1788">
        <f t="shared" si="211"/>
        <v>0.63218029410059629</v>
      </c>
      <c r="L1788">
        <f t="shared" si="212"/>
        <v>0.31609014705029814</v>
      </c>
      <c r="M1788">
        <f t="shared" si="213"/>
        <v>0</v>
      </c>
      <c r="N1788" s="45">
        <f t="shared" si="214"/>
        <v>45000.083333329079</v>
      </c>
    </row>
    <row r="1789" spans="2:14" x14ac:dyDescent="0.25">
      <c r="B1789">
        <f t="shared" si="208"/>
        <v>3</v>
      </c>
      <c r="C1789" s="16">
        <v>1755</v>
      </c>
      <c r="D1789" cm="1">
        <f t="array" ref="D1789">IFERROR(INDEX(Jesper!AH$2:AH$366,ROUNDDOWN($C1789/24,0)+1,1)*INDEX($D$3:$AA$30,INDEX(Jesper!$R$2:$R$366,ROW(INDEX(Jesper!AH$2:AH$366,ROUNDDOWN($C1789/24,0)+1,1))-1)+IF('Standard Profiles'!$G$18=$B$10,7,0)+IF('Standard Profiles'!$G$18=$B$17,14,0)+IF('Standard Profiles'!$G$18=$B$24,21,0),MOD($C1789,24)+1)/SUM(INDEX($D$3:$AA$30,INDEX(Jesper!$R$2:$R$366,ROW(INDEX(Jesper!AH$2:AH$366,ROUNDDOWN($C1789/24,0)+1,1))-1)+IF('Standard Profiles'!$G$18=$B$10,7,0)+IF('Standard Profiles'!$G$18=$B$17,14,0)+IF('Standard Profiles'!$G$18=$B$24,21,0),0)),0)</f>
        <v>5.9266902571930897</v>
      </c>
      <c r="E1789" cm="1">
        <f t="array" ref="E1789">IFERROR(INDEX(Jesper!AI$2:AI$366,ROUNDDOWN($C1789/24,0)+1,1)*INDEX($D$3:$AA$30,INDEX(Jesper!$R$2:$R$366,ROW(INDEX(Jesper!AI$2:AI$366,ROUNDDOWN($C1789/24,0)+1,1))-1)+IF('Standard Profiles'!$G$19=$B$10,7,0)+IF('Standard Profiles'!$G$19=$B$17,14,0)+IF('Standard Profiles'!$G$19=$B$24,21,0),MOD($C1789,24)+1)/SUM(INDEX($D$3:$AA$30,INDEX(Jesper!$R$2:$R$366,ROW(INDEX(Jesper!AI$2:AI$366,ROUNDDOWN($C1789/24,0)+1,1))-1)+IF('Standard Profiles'!$G$19=$B$10,7,0)+IF('Standard Profiles'!$G$19=$B$17,14,0)+IF('Standard Profiles'!$G$19=$B$24,21,0),0)),0)</f>
        <v>5.7761954789472885</v>
      </c>
      <c r="F1789" cm="1">
        <f t="array" ref="F1789">IFERROR(INDEX(Jesper!AJ$2:AJ$366,ROUNDDOWN($C1789/24,0)+1,1)*INDEX($D$3:$AA$30,INDEX(Jesper!$R$2:$R$366,ROW(INDEX(Jesper!AJ$2:AJ$366,ROUNDDOWN($C1789/24,0)+1,1))-1)+IF('Standard Profiles'!$G$20=$B$10,7,0)+IF('Standard Profiles'!$G$20=$B$17,14,0)+IF('Standard Profiles'!$G$20=$B$24,21,0),MOD($C1789,24)+1)/SUM(INDEX($D$3:$AA$30,INDEX(Jesper!$R$2:$R$366,ROW(INDEX(Jesper!AJ$2:AJ$366,ROUNDDOWN($C1789/24,0)+1,1))-1)+IF('Standard Profiles'!$G$20=$B$10,7,0)+IF('Standard Profiles'!$G$20=$B$17,14,0)+IF('Standard Profiles'!$G$20=$B$24,21,0),0)),0)</f>
        <v>0</v>
      </c>
      <c r="G1789" cm="1">
        <f t="array" ref="G1789">IFERROR(INDEX(Jesper!AK$2:AK$366,ROUNDDOWN($C1789/24,0)+1,1)*INDEX($D$3:$AA$30,INDEX(Jesper!$R$2:$R$366,ROW(INDEX(Jesper!AK$2:AK$366,ROUNDDOWN($C1789/24,0)+1,1))-1)+IF('Standard Profiles'!$G$21=$B$10,7,0)+IF('Standard Profiles'!$G$21=$B$17,14,0)+IF('Standard Profiles'!$G$21=$B$24,21,0),MOD($C1789,24)+1)/SUM(INDEX($D$3:$AA$30,INDEX(Jesper!$R$2:$R$366,ROW(INDEX(Jesper!AK$2:AK$366,ROUNDDOWN($C1789/24,0)+1,1))-1)+IF('Standard Profiles'!$G$21=$B$10,7,0)+IF('Standard Profiles'!$G$21=$B$17,14,0)+IF('Standard Profiles'!$G$21=$B$24,21,0),0)),0)</f>
        <v>5.2829637192917742</v>
      </c>
      <c r="H1789" cm="1">
        <f t="array" ref="H1789">IFERROR(INDEX(Jesper!AL$2:AL$366,ROUNDDOWN($C1789/24,0)+1,1)*INDEX($D$3:$AA$30,INDEX(Jesper!$R$2:$R$366,ROW(INDEX(Jesper!AL$2:AL$366,ROUNDDOWN($C1789/24,0)+1,1))-1)+IF('Standard Profiles'!$G$22=$B$10,7,0)+IF('Standard Profiles'!$G$22=$B$17,14,0)+IF('Standard Profiles'!$G$22=$B$24,21,0),MOD($C1789,24)+1)/SUM(INDEX($D$3:$AA$30,INDEX(Jesper!$R$2:$R$366,ROW(INDEX(Jesper!AL$2:AL$366,ROUNDDOWN($C1789/24,0)+1,1))-1)+IF('Standard Profiles'!$G$22=$B$10,7,0)+IF('Standard Profiles'!$G$22=$B$17,14,0)+IF('Standard Profiles'!$G$22=$B$24,21,0),0)),0)</f>
        <v>0</v>
      </c>
      <c r="I1789">
        <f t="shared" si="209"/>
        <v>2.5358225852600502</v>
      </c>
      <c r="J1789">
        <f t="shared" si="210"/>
        <v>13.501756429021208</v>
      </c>
      <c r="K1789">
        <f t="shared" si="211"/>
        <v>0.63218029410059629</v>
      </c>
      <c r="L1789">
        <f t="shared" si="212"/>
        <v>0.31609014705029814</v>
      </c>
      <c r="M1789">
        <f t="shared" si="213"/>
        <v>0</v>
      </c>
      <c r="N1789" s="45">
        <f t="shared" si="214"/>
        <v>45000.124999995744</v>
      </c>
    </row>
    <row r="1790" spans="2:14" x14ac:dyDescent="0.25">
      <c r="B1790">
        <f t="shared" si="208"/>
        <v>3</v>
      </c>
      <c r="C1790" s="16">
        <v>1756</v>
      </c>
      <c r="D1790" cm="1">
        <f t="array" ref="D1790">IFERROR(INDEX(Jesper!AH$2:AH$366,ROUNDDOWN($C1790/24,0)+1,1)*INDEX($D$3:$AA$30,INDEX(Jesper!$R$2:$R$366,ROW(INDEX(Jesper!AH$2:AH$366,ROUNDDOWN($C1790/24,0)+1,1))-1)+IF('Standard Profiles'!$G$18=$B$10,7,0)+IF('Standard Profiles'!$G$18=$B$17,14,0)+IF('Standard Profiles'!$G$18=$B$24,21,0),MOD($C1790,24)+1)/SUM(INDEX($D$3:$AA$30,INDEX(Jesper!$R$2:$R$366,ROW(INDEX(Jesper!AH$2:AH$366,ROUNDDOWN($C1790/24,0)+1,1))-1)+IF('Standard Profiles'!$G$18=$B$10,7,0)+IF('Standard Profiles'!$G$18=$B$17,14,0)+IF('Standard Profiles'!$G$18=$B$24,21,0),0)),0)</f>
        <v>5.9266902571930897</v>
      </c>
      <c r="E1790" cm="1">
        <f t="array" ref="E1790">IFERROR(INDEX(Jesper!AI$2:AI$366,ROUNDDOWN($C1790/24,0)+1,1)*INDEX($D$3:$AA$30,INDEX(Jesper!$R$2:$R$366,ROW(INDEX(Jesper!AI$2:AI$366,ROUNDDOWN($C1790/24,0)+1,1))-1)+IF('Standard Profiles'!$G$19=$B$10,7,0)+IF('Standard Profiles'!$G$19=$B$17,14,0)+IF('Standard Profiles'!$G$19=$B$24,21,0),MOD($C1790,24)+1)/SUM(INDEX($D$3:$AA$30,INDEX(Jesper!$R$2:$R$366,ROW(INDEX(Jesper!AI$2:AI$366,ROUNDDOWN($C1790/24,0)+1,1))-1)+IF('Standard Profiles'!$G$19=$B$10,7,0)+IF('Standard Profiles'!$G$19=$B$17,14,0)+IF('Standard Profiles'!$G$19=$B$24,21,0),0)),0)</f>
        <v>5.7761954789472885</v>
      </c>
      <c r="F1790" cm="1">
        <f t="array" ref="F1790">IFERROR(INDEX(Jesper!AJ$2:AJ$366,ROUNDDOWN($C1790/24,0)+1,1)*INDEX($D$3:$AA$30,INDEX(Jesper!$R$2:$R$366,ROW(INDEX(Jesper!AJ$2:AJ$366,ROUNDDOWN($C1790/24,0)+1,1))-1)+IF('Standard Profiles'!$G$20=$B$10,7,0)+IF('Standard Profiles'!$G$20=$B$17,14,0)+IF('Standard Profiles'!$G$20=$B$24,21,0),MOD($C1790,24)+1)/SUM(INDEX($D$3:$AA$30,INDEX(Jesper!$R$2:$R$366,ROW(INDEX(Jesper!AJ$2:AJ$366,ROUNDDOWN($C1790/24,0)+1,1))-1)+IF('Standard Profiles'!$G$20=$B$10,7,0)+IF('Standard Profiles'!$G$20=$B$17,14,0)+IF('Standard Profiles'!$G$20=$B$24,21,0),0)),0)</f>
        <v>0</v>
      </c>
      <c r="G1790" cm="1">
        <f t="array" ref="G1790">IFERROR(INDEX(Jesper!AK$2:AK$366,ROUNDDOWN($C1790/24,0)+1,1)*INDEX($D$3:$AA$30,INDEX(Jesper!$R$2:$R$366,ROW(INDEX(Jesper!AK$2:AK$366,ROUNDDOWN($C1790/24,0)+1,1))-1)+IF('Standard Profiles'!$G$21=$B$10,7,0)+IF('Standard Profiles'!$G$21=$B$17,14,0)+IF('Standard Profiles'!$G$21=$B$24,21,0),MOD($C1790,24)+1)/SUM(INDEX($D$3:$AA$30,INDEX(Jesper!$R$2:$R$366,ROW(INDEX(Jesper!AK$2:AK$366,ROUNDDOWN($C1790/24,0)+1,1))-1)+IF('Standard Profiles'!$G$21=$B$10,7,0)+IF('Standard Profiles'!$G$21=$B$17,14,0)+IF('Standard Profiles'!$G$21=$B$24,21,0),0)),0)</f>
        <v>5.2829637192917742</v>
      </c>
      <c r="H1790" cm="1">
        <f t="array" ref="H1790">IFERROR(INDEX(Jesper!AL$2:AL$366,ROUNDDOWN($C1790/24,0)+1,1)*INDEX($D$3:$AA$30,INDEX(Jesper!$R$2:$R$366,ROW(INDEX(Jesper!AL$2:AL$366,ROUNDDOWN($C1790/24,0)+1,1))-1)+IF('Standard Profiles'!$G$22=$B$10,7,0)+IF('Standard Profiles'!$G$22=$B$17,14,0)+IF('Standard Profiles'!$G$22=$B$24,21,0),MOD($C1790,24)+1)/SUM(INDEX($D$3:$AA$30,INDEX(Jesper!$R$2:$R$366,ROW(INDEX(Jesper!AL$2:AL$366,ROUNDDOWN($C1790/24,0)+1,1))-1)+IF('Standard Profiles'!$G$22=$B$10,7,0)+IF('Standard Profiles'!$G$22=$B$17,14,0)+IF('Standard Profiles'!$G$22=$B$24,21,0),0)),0)</f>
        <v>0</v>
      </c>
      <c r="I1790">
        <f t="shared" si="209"/>
        <v>2.5358225852600502</v>
      </c>
      <c r="J1790">
        <f t="shared" si="210"/>
        <v>13.501756429021208</v>
      </c>
      <c r="K1790">
        <f t="shared" si="211"/>
        <v>0.63218029410059629</v>
      </c>
      <c r="L1790">
        <f t="shared" si="212"/>
        <v>0.31609014705029814</v>
      </c>
      <c r="M1790">
        <f t="shared" si="213"/>
        <v>0</v>
      </c>
      <c r="N1790" s="45">
        <f t="shared" si="214"/>
        <v>45000.166666662408</v>
      </c>
    </row>
    <row r="1791" spans="2:14" x14ac:dyDescent="0.25">
      <c r="B1791">
        <f t="shared" si="208"/>
        <v>3</v>
      </c>
      <c r="C1791" s="16">
        <v>1757</v>
      </c>
      <c r="D1791" cm="1">
        <f t="array" ref="D1791">IFERROR(INDEX(Jesper!AH$2:AH$366,ROUNDDOWN($C1791/24,0)+1,1)*INDEX($D$3:$AA$30,INDEX(Jesper!$R$2:$R$366,ROW(INDEX(Jesper!AH$2:AH$366,ROUNDDOWN($C1791/24,0)+1,1))-1)+IF('Standard Profiles'!$G$18=$B$10,7,0)+IF('Standard Profiles'!$G$18=$B$17,14,0)+IF('Standard Profiles'!$G$18=$B$24,21,0),MOD($C1791,24)+1)/SUM(INDEX($D$3:$AA$30,INDEX(Jesper!$R$2:$R$366,ROW(INDEX(Jesper!AH$2:AH$366,ROUNDDOWN($C1791/24,0)+1,1))-1)+IF('Standard Profiles'!$G$18=$B$10,7,0)+IF('Standard Profiles'!$G$18=$B$17,14,0)+IF('Standard Profiles'!$G$18=$B$24,21,0),0)),0)</f>
        <v>5.9266902571930897</v>
      </c>
      <c r="E1791" cm="1">
        <f t="array" ref="E1791">IFERROR(INDEX(Jesper!AI$2:AI$366,ROUNDDOWN($C1791/24,0)+1,1)*INDEX($D$3:$AA$30,INDEX(Jesper!$R$2:$R$366,ROW(INDEX(Jesper!AI$2:AI$366,ROUNDDOWN($C1791/24,0)+1,1))-1)+IF('Standard Profiles'!$G$19=$B$10,7,0)+IF('Standard Profiles'!$G$19=$B$17,14,0)+IF('Standard Profiles'!$G$19=$B$24,21,0),MOD($C1791,24)+1)/SUM(INDEX($D$3:$AA$30,INDEX(Jesper!$R$2:$R$366,ROW(INDEX(Jesper!AI$2:AI$366,ROUNDDOWN($C1791/24,0)+1,1))-1)+IF('Standard Profiles'!$G$19=$B$10,7,0)+IF('Standard Profiles'!$G$19=$B$17,14,0)+IF('Standard Profiles'!$G$19=$B$24,21,0),0)),0)</f>
        <v>5.7761954789472885</v>
      </c>
      <c r="F1791" cm="1">
        <f t="array" ref="F1791">IFERROR(INDEX(Jesper!AJ$2:AJ$366,ROUNDDOWN($C1791/24,0)+1,1)*INDEX($D$3:$AA$30,INDEX(Jesper!$R$2:$R$366,ROW(INDEX(Jesper!AJ$2:AJ$366,ROUNDDOWN($C1791/24,0)+1,1))-1)+IF('Standard Profiles'!$G$20=$B$10,7,0)+IF('Standard Profiles'!$G$20=$B$17,14,0)+IF('Standard Profiles'!$G$20=$B$24,21,0),MOD($C1791,24)+1)/SUM(INDEX($D$3:$AA$30,INDEX(Jesper!$R$2:$R$366,ROW(INDEX(Jesper!AJ$2:AJ$366,ROUNDDOWN($C1791/24,0)+1,1))-1)+IF('Standard Profiles'!$G$20=$B$10,7,0)+IF('Standard Profiles'!$G$20=$B$17,14,0)+IF('Standard Profiles'!$G$20=$B$24,21,0),0)),0)</f>
        <v>0</v>
      </c>
      <c r="G1791" cm="1">
        <f t="array" ref="G1791">IFERROR(INDEX(Jesper!AK$2:AK$366,ROUNDDOWN($C1791/24,0)+1,1)*INDEX($D$3:$AA$30,INDEX(Jesper!$R$2:$R$366,ROW(INDEX(Jesper!AK$2:AK$366,ROUNDDOWN($C1791/24,0)+1,1))-1)+IF('Standard Profiles'!$G$21=$B$10,7,0)+IF('Standard Profiles'!$G$21=$B$17,14,0)+IF('Standard Profiles'!$G$21=$B$24,21,0),MOD($C1791,24)+1)/SUM(INDEX($D$3:$AA$30,INDEX(Jesper!$R$2:$R$366,ROW(INDEX(Jesper!AK$2:AK$366,ROUNDDOWN($C1791/24,0)+1,1))-1)+IF('Standard Profiles'!$G$21=$B$10,7,0)+IF('Standard Profiles'!$G$21=$B$17,14,0)+IF('Standard Profiles'!$G$21=$B$24,21,0),0)),0)</f>
        <v>5.2829637192917742</v>
      </c>
      <c r="H1791" cm="1">
        <f t="array" ref="H1791">IFERROR(INDEX(Jesper!AL$2:AL$366,ROUNDDOWN($C1791/24,0)+1,1)*INDEX($D$3:$AA$30,INDEX(Jesper!$R$2:$R$366,ROW(INDEX(Jesper!AL$2:AL$366,ROUNDDOWN($C1791/24,0)+1,1))-1)+IF('Standard Profiles'!$G$22=$B$10,7,0)+IF('Standard Profiles'!$G$22=$B$17,14,0)+IF('Standard Profiles'!$G$22=$B$24,21,0),MOD($C1791,24)+1)/SUM(INDEX($D$3:$AA$30,INDEX(Jesper!$R$2:$R$366,ROW(INDEX(Jesper!AL$2:AL$366,ROUNDDOWN($C1791/24,0)+1,1))-1)+IF('Standard Profiles'!$G$22=$B$10,7,0)+IF('Standard Profiles'!$G$22=$B$17,14,0)+IF('Standard Profiles'!$G$22=$B$24,21,0),0)),0)</f>
        <v>0</v>
      </c>
      <c r="I1791">
        <f t="shared" si="209"/>
        <v>2.5358225852600502</v>
      </c>
      <c r="J1791">
        <f t="shared" si="210"/>
        <v>13.501756429021208</v>
      </c>
      <c r="K1791">
        <f t="shared" si="211"/>
        <v>0.63218029410059629</v>
      </c>
      <c r="L1791">
        <f t="shared" si="212"/>
        <v>0.31609014705029814</v>
      </c>
      <c r="M1791">
        <f t="shared" si="213"/>
        <v>0</v>
      </c>
      <c r="N1791" s="45">
        <f t="shared" si="214"/>
        <v>45000.208333329072</v>
      </c>
    </row>
    <row r="1792" spans="2:14" x14ac:dyDescent="0.25">
      <c r="B1792">
        <f t="shared" si="208"/>
        <v>3</v>
      </c>
      <c r="C1792" s="16">
        <v>1758</v>
      </c>
      <c r="D1792" cm="1">
        <f t="array" ref="D1792">IFERROR(INDEX(Jesper!AH$2:AH$366,ROUNDDOWN($C1792/24,0)+1,1)*INDEX($D$3:$AA$30,INDEX(Jesper!$R$2:$R$366,ROW(INDEX(Jesper!AH$2:AH$366,ROUNDDOWN($C1792/24,0)+1,1))-1)+IF('Standard Profiles'!$G$18=$B$10,7,0)+IF('Standard Profiles'!$G$18=$B$17,14,0)+IF('Standard Profiles'!$G$18=$B$24,21,0),MOD($C1792,24)+1)/SUM(INDEX($D$3:$AA$30,INDEX(Jesper!$R$2:$R$366,ROW(INDEX(Jesper!AH$2:AH$366,ROUNDDOWN($C1792/24,0)+1,1))-1)+IF('Standard Profiles'!$G$18=$B$10,7,0)+IF('Standard Profiles'!$G$18=$B$17,14,0)+IF('Standard Profiles'!$G$18=$B$24,21,0),0)),0)</f>
        <v>5.9266902571930897</v>
      </c>
      <c r="E1792" cm="1">
        <f t="array" ref="E1792">IFERROR(INDEX(Jesper!AI$2:AI$366,ROUNDDOWN($C1792/24,0)+1,1)*INDEX($D$3:$AA$30,INDEX(Jesper!$R$2:$R$366,ROW(INDEX(Jesper!AI$2:AI$366,ROUNDDOWN($C1792/24,0)+1,1))-1)+IF('Standard Profiles'!$G$19=$B$10,7,0)+IF('Standard Profiles'!$G$19=$B$17,14,0)+IF('Standard Profiles'!$G$19=$B$24,21,0),MOD($C1792,24)+1)/SUM(INDEX($D$3:$AA$30,INDEX(Jesper!$R$2:$R$366,ROW(INDEX(Jesper!AI$2:AI$366,ROUNDDOWN($C1792/24,0)+1,1))-1)+IF('Standard Profiles'!$G$19=$B$10,7,0)+IF('Standard Profiles'!$G$19=$B$17,14,0)+IF('Standard Profiles'!$G$19=$B$24,21,0),0)),0)</f>
        <v>5.7761954789472885</v>
      </c>
      <c r="F1792" cm="1">
        <f t="array" ref="F1792">IFERROR(INDEX(Jesper!AJ$2:AJ$366,ROUNDDOWN($C1792/24,0)+1,1)*INDEX($D$3:$AA$30,INDEX(Jesper!$R$2:$R$366,ROW(INDEX(Jesper!AJ$2:AJ$366,ROUNDDOWN($C1792/24,0)+1,1))-1)+IF('Standard Profiles'!$G$20=$B$10,7,0)+IF('Standard Profiles'!$G$20=$B$17,14,0)+IF('Standard Profiles'!$G$20=$B$24,21,0),MOD($C1792,24)+1)/SUM(INDEX($D$3:$AA$30,INDEX(Jesper!$R$2:$R$366,ROW(INDEX(Jesper!AJ$2:AJ$366,ROUNDDOWN($C1792/24,0)+1,1))-1)+IF('Standard Profiles'!$G$20=$B$10,7,0)+IF('Standard Profiles'!$G$20=$B$17,14,0)+IF('Standard Profiles'!$G$20=$B$24,21,0),0)),0)</f>
        <v>0</v>
      </c>
      <c r="G1792" cm="1">
        <f t="array" ref="G1792">IFERROR(INDEX(Jesper!AK$2:AK$366,ROUNDDOWN($C1792/24,0)+1,1)*INDEX($D$3:$AA$30,INDEX(Jesper!$R$2:$R$366,ROW(INDEX(Jesper!AK$2:AK$366,ROUNDDOWN($C1792/24,0)+1,1))-1)+IF('Standard Profiles'!$G$21=$B$10,7,0)+IF('Standard Profiles'!$G$21=$B$17,14,0)+IF('Standard Profiles'!$G$21=$B$24,21,0),MOD($C1792,24)+1)/SUM(INDEX($D$3:$AA$30,INDEX(Jesper!$R$2:$R$366,ROW(INDEX(Jesper!AK$2:AK$366,ROUNDDOWN($C1792/24,0)+1,1))-1)+IF('Standard Profiles'!$G$21=$B$10,7,0)+IF('Standard Profiles'!$G$21=$B$17,14,0)+IF('Standard Profiles'!$G$21=$B$24,21,0),0)),0)</f>
        <v>5.2829637192917742</v>
      </c>
      <c r="H1792" cm="1">
        <f t="array" ref="H1792">IFERROR(INDEX(Jesper!AL$2:AL$366,ROUNDDOWN($C1792/24,0)+1,1)*INDEX($D$3:$AA$30,INDEX(Jesper!$R$2:$R$366,ROW(INDEX(Jesper!AL$2:AL$366,ROUNDDOWN($C1792/24,0)+1,1))-1)+IF('Standard Profiles'!$G$22=$B$10,7,0)+IF('Standard Profiles'!$G$22=$B$17,14,0)+IF('Standard Profiles'!$G$22=$B$24,21,0),MOD($C1792,24)+1)/SUM(INDEX($D$3:$AA$30,INDEX(Jesper!$R$2:$R$366,ROW(INDEX(Jesper!AL$2:AL$366,ROUNDDOWN($C1792/24,0)+1,1))-1)+IF('Standard Profiles'!$G$22=$B$10,7,0)+IF('Standard Profiles'!$G$22=$B$17,14,0)+IF('Standard Profiles'!$G$22=$B$24,21,0),0)),0)</f>
        <v>0</v>
      </c>
      <c r="I1792">
        <f t="shared" si="209"/>
        <v>2.5358225852600502</v>
      </c>
      <c r="J1792">
        <f t="shared" si="210"/>
        <v>13.501756429021208</v>
      </c>
      <c r="K1792">
        <f t="shared" si="211"/>
        <v>0.63218029410059629</v>
      </c>
      <c r="L1792">
        <f t="shared" si="212"/>
        <v>0.31609014705029814</v>
      </c>
      <c r="M1792">
        <f t="shared" si="213"/>
        <v>0</v>
      </c>
      <c r="N1792" s="45">
        <f t="shared" si="214"/>
        <v>45000.249999995736</v>
      </c>
    </row>
    <row r="1793" spans="2:14" x14ac:dyDescent="0.25">
      <c r="B1793">
        <f t="shared" si="208"/>
        <v>3</v>
      </c>
      <c r="C1793" s="16">
        <v>1759</v>
      </c>
      <c r="D1793" cm="1">
        <f t="array" ref="D1793">IFERROR(INDEX(Jesper!AH$2:AH$366,ROUNDDOWN($C1793/24,0)+1,1)*INDEX($D$3:$AA$30,INDEX(Jesper!$R$2:$R$366,ROW(INDEX(Jesper!AH$2:AH$366,ROUNDDOWN($C1793/24,0)+1,1))-1)+IF('Standard Profiles'!$G$18=$B$10,7,0)+IF('Standard Profiles'!$G$18=$B$17,14,0)+IF('Standard Profiles'!$G$18=$B$24,21,0),MOD($C1793,24)+1)/SUM(INDEX($D$3:$AA$30,INDEX(Jesper!$R$2:$R$366,ROW(INDEX(Jesper!AH$2:AH$366,ROUNDDOWN($C1793/24,0)+1,1))-1)+IF('Standard Profiles'!$G$18=$B$10,7,0)+IF('Standard Profiles'!$G$18=$B$17,14,0)+IF('Standard Profiles'!$G$18=$B$24,21,0),0)),0)</f>
        <v>24.227591384707502</v>
      </c>
      <c r="E1793" cm="1">
        <f t="array" ref="E1793">IFERROR(INDEX(Jesper!AI$2:AI$366,ROUNDDOWN($C1793/24,0)+1,1)*INDEX($D$3:$AA$30,INDEX(Jesper!$R$2:$R$366,ROW(INDEX(Jesper!AI$2:AI$366,ROUNDDOWN($C1793/24,0)+1,1))-1)+IF('Standard Profiles'!$G$19=$B$10,7,0)+IF('Standard Profiles'!$G$19=$B$17,14,0)+IF('Standard Profiles'!$G$19=$B$24,21,0),MOD($C1793,24)+1)/SUM(INDEX($D$3:$AA$30,INDEX(Jesper!$R$2:$R$366,ROW(INDEX(Jesper!AI$2:AI$366,ROUNDDOWN($C1793/24,0)+1,1))-1)+IF('Standard Profiles'!$G$19=$B$10,7,0)+IF('Standard Profiles'!$G$19=$B$17,14,0)+IF('Standard Profiles'!$G$19=$B$24,21,0),0)),0)</f>
        <v>23.612386973029974</v>
      </c>
      <c r="F1793" cm="1">
        <f t="array" ref="F1793">IFERROR(INDEX(Jesper!AJ$2:AJ$366,ROUNDDOWN($C1793/24,0)+1,1)*INDEX($D$3:$AA$30,INDEX(Jesper!$R$2:$R$366,ROW(INDEX(Jesper!AJ$2:AJ$366,ROUNDDOWN($C1793/24,0)+1,1))-1)+IF('Standard Profiles'!$G$20=$B$10,7,0)+IF('Standard Profiles'!$G$20=$B$17,14,0)+IF('Standard Profiles'!$G$20=$B$24,21,0),MOD($C1793,24)+1)/SUM(INDEX($D$3:$AA$30,INDEX(Jesper!$R$2:$R$366,ROW(INDEX(Jesper!AJ$2:AJ$366,ROUNDDOWN($C1793/24,0)+1,1))-1)+IF('Standard Profiles'!$G$20=$B$10,7,0)+IF('Standard Profiles'!$G$20=$B$17,14,0)+IF('Standard Profiles'!$G$20=$B$24,21,0),0)),0)</f>
        <v>0</v>
      </c>
      <c r="G1793" cm="1">
        <f t="array" ref="G1793">IFERROR(INDEX(Jesper!AK$2:AK$366,ROUNDDOWN($C1793/24,0)+1,1)*INDEX($D$3:$AA$30,INDEX(Jesper!$R$2:$R$366,ROW(INDEX(Jesper!AK$2:AK$366,ROUNDDOWN($C1793/24,0)+1,1))-1)+IF('Standard Profiles'!$G$21=$B$10,7,0)+IF('Standard Profiles'!$G$21=$B$17,14,0)+IF('Standard Profiles'!$G$21=$B$24,21,0),MOD($C1793,24)+1)/SUM(INDEX($D$3:$AA$30,INDEX(Jesper!$R$2:$R$366,ROW(INDEX(Jesper!AK$2:AK$366,ROUNDDOWN($C1793/24,0)+1,1))-1)+IF('Standard Profiles'!$G$21=$B$10,7,0)+IF('Standard Profiles'!$G$21=$B$17,14,0)+IF('Standard Profiles'!$G$21=$B$24,21,0),0)),0)</f>
        <v>14.554565046648836</v>
      </c>
      <c r="H1793" cm="1">
        <f t="array" ref="H1793">IFERROR(INDEX(Jesper!AL$2:AL$366,ROUNDDOWN($C1793/24,0)+1,1)*INDEX($D$3:$AA$30,INDEX(Jesper!$R$2:$R$366,ROW(INDEX(Jesper!AL$2:AL$366,ROUNDDOWN($C1793/24,0)+1,1))-1)+IF('Standard Profiles'!$G$22=$B$10,7,0)+IF('Standard Profiles'!$G$22=$B$17,14,0)+IF('Standard Profiles'!$G$22=$B$24,21,0),MOD($C1793,24)+1)/SUM(INDEX($D$3:$AA$30,INDEX(Jesper!$R$2:$R$366,ROW(INDEX(Jesper!AL$2:AL$366,ROUNDDOWN($C1793/24,0)+1,1))-1)+IF('Standard Profiles'!$G$22=$B$10,7,0)+IF('Standard Profiles'!$G$22=$B$17,14,0)+IF('Standard Profiles'!$G$22=$B$24,21,0),0)),0)</f>
        <v>0</v>
      </c>
      <c r="I1793">
        <f t="shared" si="209"/>
        <v>6.9861912223914375</v>
      </c>
      <c r="J1793">
        <f t="shared" si="210"/>
        <v>51.531937560441669</v>
      </c>
      <c r="K1793">
        <f t="shared" si="211"/>
        <v>2.5842764143688002</v>
      </c>
      <c r="L1793">
        <f t="shared" si="212"/>
        <v>1.2921382071844001</v>
      </c>
      <c r="M1793">
        <f t="shared" si="213"/>
        <v>0</v>
      </c>
      <c r="N1793" s="45">
        <f t="shared" si="214"/>
        <v>45000.291666662401</v>
      </c>
    </row>
    <row r="1794" spans="2:14" x14ac:dyDescent="0.25">
      <c r="B1794">
        <f t="shared" si="208"/>
        <v>3</v>
      </c>
      <c r="C1794" s="16">
        <v>1760</v>
      </c>
      <c r="D1794" cm="1">
        <f t="array" ref="D1794">IFERROR(INDEX(Jesper!AH$2:AH$366,ROUNDDOWN($C1794/24,0)+1,1)*INDEX($D$3:$AA$30,INDEX(Jesper!$R$2:$R$366,ROW(INDEX(Jesper!AH$2:AH$366,ROUNDDOWN($C1794/24,0)+1,1))-1)+IF('Standard Profiles'!$G$18=$B$10,7,0)+IF('Standard Profiles'!$G$18=$B$17,14,0)+IF('Standard Profiles'!$G$18=$B$24,21,0),MOD($C1794,24)+1)/SUM(INDEX($D$3:$AA$30,INDEX(Jesper!$R$2:$R$366,ROW(INDEX(Jesper!AH$2:AH$366,ROUNDDOWN($C1794/24,0)+1,1))-1)+IF('Standard Profiles'!$G$18=$B$10,7,0)+IF('Standard Profiles'!$G$18=$B$17,14,0)+IF('Standard Profiles'!$G$18=$B$24,21,0),0)),0)</f>
        <v>27.032891439778901</v>
      </c>
      <c r="E1794" cm="1">
        <f t="array" ref="E1794">IFERROR(INDEX(Jesper!AI$2:AI$366,ROUNDDOWN($C1794/24,0)+1,1)*INDEX($D$3:$AA$30,INDEX(Jesper!$R$2:$R$366,ROW(INDEX(Jesper!AI$2:AI$366,ROUNDDOWN($C1794/24,0)+1,1))-1)+IF('Standard Profiles'!$G$19=$B$10,7,0)+IF('Standard Profiles'!$G$19=$B$17,14,0)+IF('Standard Profiles'!$G$19=$B$24,21,0),MOD($C1794,24)+1)/SUM(INDEX($D$3:$AA$30,INDEX(Jesper!$R$2:$R$366,ROW(INDEX(Jesper!AI$2:AI$366,ROUNDDOWN($C1794/24,0)+1,1))-1)+IF('Standard Profiles'!$G$19=$B$10,7,0)+IF('Standard Profiles'!$G$19=$B$17,14,0)+IF('Standard Profiles'!$G$19=$B$24,21,0),0)),0)</f>
        <v>26.346452833065026</v>
      </c>
      <c r="F1794" cm="1">
        <f t="array" ref="F1794">IFERROR(INDEX(Jesper!AJ$2:AJ$366,ROUNDDOWN($C1794/24,0)+1,1)*INDEX($D$3:$AA$30,INDEX(Jesper!$R$2:$R$366,ROW(INDEX(Jesper!AJ$2:AJ$366,ROUNDDOWN($C1794/24,0)+1,1))-1)+IF('Standard Profiles'!$G$20=$B$10,7,0)+IF('Standard Profiles'!$G$20=$B$17,14,0)+IF('Standard Profiles'!$G$20=$B$24,21,0),MOD($C1794,24)+1)/SUM(INDEX($D$3:$AA$30,INDEX(Jesper!$R$2:$R$366,ROW(INDEX(Jesper!AJ$2:AJ$366,ROUNDDOWN($C1794/24,0)+1,1))-1)+IF('Standard Profiles'!$G$20=$B$10,7,0)+IF('Standard Profiles'!$G$20=$B$17,14,0)+IF('Standard Profiles'!$G$20=$B$24,21,0),0)),0)</f>
        <v>0</v>
      </c>
      <c r="G1794" cm="1">
        <f t="array" ref="G1794">IFERROR(INDEX(Jesper!AK$2:AK$366,ROUNDDOWN($C1794/24,0)+1,1)*INDEX($D$3:$AA$30,INDEX(Jesper!$R$2:$R$366,ROW(INDEX(Jesper!AK$2:AK$366,ROUNDDOWN($C1794/24,0)+1,1))-1)+IF('Standard Profiles'!$G$21=$B$10,7,0)+IF('Standard Profiles'!$G$21=$B$17,14,0)+IF('Standard Profiles'!$G$21=$B$24,21,0),MOD($C1794,24)+1)/SUM(INDEX($D$3:$AA$30,INDEX(Jesper!$R$2:$R$366,ROW(INDEX(Jesper!AK$2:AK$366,ROUNDDOWN($C1794/24,0)+1,1))-1)+IF('Standard Profiles'!$G$21=$B$10,7,0)+IF('Standard Profiles'!$G$21=$B$17,14,0)+IF('Standard Profiles'!$G$21=$B$24,21,0),0)),0)</f>
        <v>16.239830473102916</v>
      </c>
      <c r="H1794" cm="1">
        <f t="array" ref="H1794">IFERROR(INDEX(Jesper!AL$2:AL$366,ROUNDDOWN($C1794/24,0)+1,1)*INDEX($D$3:$AA$30,INDEX(Jesper!$R$2:$R$366,ROW(INDEX(Jesper!AL$2:AL$366,ROUNDDOWN($C1794/24,0)+1,1))-1)+IF('Standard Profiles'!$G$22=$B$10,7,0)+IF('Standard Profiles'!$G$22=$B$17,14,0)+IF('Standard Profiles'!$G$22=$B$24,21,0),MOD($C1794,24)+1)/SUM(INDEX($D$3:$AA$30,INDEX(Jesper!$R$2:$R$366,ROW(INDEX(Jesper!AL$2:AL$366,ROUNDDOWN($C1794/24,0)+1,1))-1)+IF('Standard Profiles'!$G$22=$B$10,7,0)+IF('Standard Profiles'!$G$22=$B$17,14,0)+IF('Standard Profiles'!$G$22=$B$24,21,0),0)),0)</f>
        <v>0</v>
      </c>
      <c r="I1794">
        <f t="shared" si="209"/>
        <v>7.795118627089396</v>
      </c>
      <c r="J1794">
        <f t="shared" si="210"/>
        <v>57.498793488492822</v>
      </c>
      <c r="K1794">
        <f t="shared" si="211"/>
        <v>2.883508420243083</v>
      </c>
      <c r="L1794">
        <f t="shared" si="212"/>
        <v>1.4417542101215415</v>
      </c>
      <c r="M1794">
        <f t="shared" si="213"/>
        <v>0</v>
      </c>
      <c r="N1794" s="45">
        <f t="shared" si="214"/>
        <v>45000.333333329065</v>
      </c>
    </row>
    <row r="1795" spans="2:14" x14ac:dyDescent="0.25">
      <c r="B1795">
        <f t="shared" si="208"/>
        <v>3</v>
      </c>
      <c r="C1795" s="16">
        <v>1761</v>
      </c>
      <c r="D1795" cm="1">
        <f t="array" ref="D1795">IFERROR(INDEX(Jesper!AH$2:AH$366,ROUNDDOWN($C1795/24,0)+1,1)*INDEX($D$3:$AA$30,INDEX(Jesper!$R$2:$R$366,ROW(INDEX(Jesper!AH$2:AH$366,ROUNDDOWN($C1795/24,0)+1,1))-1)+IF('Standard Profiles'!$G$18=$B$10,7,0)+IF('Standard Profiles'!$G$18=$B$17,14,0)+IF('Standard Profiles'!$G$18=$B$24,21,0),MOD($C1795,24)+1)/SUM(INDEX($D$3:$AA$30,INDEX(Jesper!$R$2:$R$366,ROW(INDEX(Jesper!AH$2:AH$366,ROUNDDOWN($C1795/24,0)+1,1))-1)+IF('Standard Profiles'!$G$18=$B$10,7,0)+IF('Standard Profiles'!$G$18=$B$17,14,0)+IF('Standard Profiles'!$G$18=$B$24,21,0),0)),0)</f>
        <v>29.8381914948503</v>
      </c>
      <c r="E1795" cm="1">
        <f t="array" ref="E1795">IFERROR(INDEX(Jesper!AI$2:AI$366,ROUNDDOWN($C1795/24,0)+1,1)*INDEX($D$3:$AA$30,INDEX(Jesper!$R$2:$R$366,ROW(INDEX(Jesper!AI$2:AI$366,ROUNDDOWN($C1795/24,0)+1,1))-1)+IF('Standard Profiles'!$G$19=$B$10,7,0)+IF('Standard Profiles'!$G$19=$B$17,14,0)+IF('Standard Profiles'!$G$19=$B$24,21,0),MOD($C1795,24)+1)/SUM(INDEX($D$3:$AA$30,INDEX(Jesper!$R$2:$R$366,ROW(INDEX(Jesper!AI$2:AI$366,ROUNDDOWN($C1795/24,0)+1,1))-1)+IF('Standard Profiles'!$G$19=$B$10,7,0)+IF('Standard Profiles'!$G$19=$B$17,14,0)+IF('Standard Profiles'!$G$19=$B$24,21,0),0)),0)</f>
        <v>29.080518693100078</v>
      </c>
      <c r="F1795" cm="1">
        <f t="array" ref="F1795">IFERROR(INDEX(Jesper!AJ$2:AJ$366,ROUNDDOWN($C1795/24,0)+1,1)*INDEX($D$3:$AA$30,INDEX(Jesper!$R$2:$R$366,ROW(INDEX(Jesper!AJ$2:AJ$366,ROUNDDOWN($C1795/24,0)+1,1))-1)+IF('Standard Profiles'!$G$20=$B$10,7,0)+IF('Standard Profiles'!$G$20=$B$17,14,0)+IF('Standard Profiles'!$G$20=$B$24,21,0),MOD($C1795,24)+1)/SUM(INDEX($D$3:$AA$30,INDEX(Jesper!$R$2:$R$366,ROW(INDEX(Jesper!AJ$2:AJ$366,ROUNDDOWN($C1795/24,0)+1,1))-1)+IF('Standard Profiles'!$G$20=$B$10,7,0)+IF('Standard Profiles'!$G$20=$B$17,14,0)+IF('Standard Profiles'!$G$20=$B$24,21,0),0)),0)</f>
        <v>0</v>
      </c>
      <c r="G1795" cm="1">
        <f t="array" ref="G1795">IFERROR(INDEX(Jesper!AK$2:AK$366,ROUNDDOWN($C1795/24,0)+1,1)*INDEX($D$3:$AA$30,INDEX(Jesper!$R$2:$R$366,ROW(INDEX(Jesper!AK$2:AK$366,ROUNDDOWN($C1795/24,0)+1,1))-1)+IF('Standard Profiles'!$G$21=$B$10,7,0)+IF('Standard Profiles'!$G$21=$B$17,14,0)+IF('Standard Profiles'!$G$21=$B$24,21,0),MOD($C1795,24)+1)/SUM(INDEX($D$3:$AA$30,INDEX(Jesper!$R$2:$R$366,ROW(INDEX(Jesper!AK$2:AK$366,ROUNDDOWN($C1795/24,0)+1,1))-1)+IF('Standard Profiles'!$G$21=$B$10,7,0)+IF('Standard Profiles'!$G$21=$B$17,14,0)+IF('Standard Profiles'!$G$21=$B$24,21,0),0)),0)</f>
        <v>17.92509589955699</v>
      </c>
      <c r="H1795" cm="1">
        <f t="array" ref="H1795">IFERROR(INDEX(Jesper!AL$2:AL$366,ROUNDDOWN($C1795/24,0)+1,1)*INDEX($D$3:$AA$30,INDEX(Jesper!$R$2:$R$366,ROW(INDEX(Jesper!AL$2:AL$366,ROUNDDOWN($C1795/24,0)+1,1))-1)+IF('Standard Profiles'!$G$22=$B$10,7,0)+IF('Standard Profiles'!$G$22=$B$17,14,0)+IF('Standard Profiles'!$G$22=$B$24,21,0),MOD($C1795,24)+1)/SUM(INDEX($D$3:$AA$30,INDEX(Jesper!$R$2:$R$366,ROW(INDEX(Jesper!AL$2:AL$366,ROUNDDOWN($C1795/24,0)+1,1))-1)+IF('Standard Profiles'!$G$22=$B$10,7,0)+IF('Standard Profiles'!$G$22=$B$17,14,0)+IF('Standard Profiles'!$G$22=$B$24,21,0),0)),0)</f>
        <v>0</v>
      </c>
      <c r="I1795">
        <f t="shared" si="209"/>
        <v>8.6040460317873499</v>
      </c>
      <c r="J1795">
        <f t="shared" si="210"/>
        <v>63.465649416543968</v>
      </c>
      <c r="K1795">
        <f t="shared" si="211"/>
        <v>3.1827404261173653</v>
      </c>
      <c r="L1795">
        <f t="shared" si="212"/>
        <v>1.5913702130586826</v>
      </c>
      <c r="M1795">
        <f t="shared" si="213"/>
        <v>0</v>
      </c>
      <c r="N1795" s="45">
        <f t="shared" si="214"/>
        <v>45000.374999995729</v>
      </c>
    </row>
    <row r="1796" spans="2:14" x14ac:dyDescent="0.25">
      <c r="B1796">
        <f t="shared" si="208"/>
        <v>3</v>
      </c>
      <c r="C1796" s="16">
        <v>1762</v>
      </c>
      <c r="D1796" cm="1">
        <f t="array" ref="D1796">IFERROR(INDEX(Jesper!AH$2:AH$366,ROUNDDOWN($C1796/24,0)+1,1)*INDEX($D$3:$AA$30,INDEX(Jesper!$R$2:$R$366,ROW(INDEX(Jesper!AH$2:AH$366,ROUNDDOWN($C1796/24,0)+1,1))-1)+IF('Standard Profiles'!$G$18=$B$10,7,0)+IF('Standard Profiles'!$G$18=$B$17,14,0)+IF('Standard Profiles'!$G$18=$B$24,21,0),MOD($C1796,24)+1)/SUM(INDEX($D$3:$AA$30,INDEX(Jesper!$R$2:$R$366,ROW(INDEX(Jesper!AH$2:AH$366,ROUNDDOWN($C1796/24,0)+1,1))-1)+IF('Standard Profiles'!$G$18=$B$10,7,0)+IF('Standard Profiles'!$G$18=$B$17,14,0)+IF('Standard Profiles'!$G$18=$B$24,21,0),0)),0)</f>
        <v>29.8381914948503</v>
      </c>
      <c r="E1796" cm="1">
        <f t="array" ref="E1796">IFERROR(INDEX(Jesper!AI$2:AI$366,ROUNDDOWN($C1796/24,0)+1,1)*INDEX($D$3:$AA$30,INDEX(Jesper!$R$2:$R$366,ROW(INDEX(Jesper!AI$2:AI$366,ROUNDDOWN($C1796/24,0)+1,1))-1)+IF('Standard Profiles'!$G$19=$B$10,7,0)+IF('Standard Profiles'!$G$19=$B$17,14,0)+IF('Standard Profiles'!$G$19=$B$24,21,0),MOD($C1796,24)+1)/SUM(INDEX($D$3:$AA$30,INDEX(Jesper!$R$2:$R$366,ROW(INDEX(Jesper!AI$2:AI$366,ROUNDDOWN($C1796/24,0)+1,1))-1)+IF('Standard Profiles'!$G$19=$B$10,7,0)+IF('Standard Profiles'!$G$19=$B$17,14,0)+IF('Standard Profiles'!$G$19=$B$24,21,0),0)),0)</f>
        <v>29.080518693100078</v>
      </c>
      <c r="F1796" cm="1">
        <f t="array" ref="F1796">IFERROR(INDEX(Jesper!AJ$2:AJ$366,ROUNDDOWN($C1796/24,0)+1,1)*INDEX($D$3:$AA$30,INDEX(Jesper!$R$2:$R$366,ROW(INDEX(Jesper!AJ$2:AJ$366,ROUNDDOWN($C1796/24,0)+1,1))-1)+IF('Standard Profiles'!$G$20=$B$10,7,0)+IF('Standard Profiles'!$G$20=$B$17,14,0)+IF('Standard Profiles'!$G$20=$B$24,21,0),MOD($C1796,24)+1)/SUM(INDEX($D$3:$AA$30,INDEX(Jesper!$R$2:$R$366,ROW(INDEX(Jesper!AJ$2:AJ$366,ROUNDDOWN($C1796/24,0)+1,1))-1)+IF('Standard Profiles'!$G$20=$B$10,7,0)+IF('Standard Profiles'!$G$20=$B$17,14,0)+IF('Standard Profiles'!$G$20=$B$24,21,0),0)),0)</f>
        <v>0</v>
      </c>
      <c r="G1796" cm="1">
        <f t="array" ref="G1796">IFERROR(INDEX(Jesper!AK$2:AK$366,ROUNDDOWN($C1796/24,0)+1,1)*INDEX($D$3:$AA$30,INDEX(Jesper!$R$2:$R$366,ROW(INDEX(Jesper!AK$2:AK$366,ROUNDDOWN($C1796/24,0)+1,1))-1)+IF('Standard Profiles'!$G$21=$B$10,7,0)+IF('Standard Profiles'!$G$21=$B$17,14,0)+IF('Standard Profiles'!$G$21=$B$24,21,0),MOD($C1796,24)+1)/SUM(INDEX($D$3:$AA$30,INDEX(Jesper!$R$2:$R$366,ROW(INDEX(Jesper!AK$2:AK$366,ROUNDDOWN($C1796/24,0)+1,1))-1)+IF('Standard Profiles'!$G$21=$B$10,7,0)+IF('Standard Profiles'!$G$21=$B$17,14,0)+IF('Standard Profiles'!$G$21=$B$24,21,0),0)),0)</f>
        <v>17.92509589955699</v>
      </c>
      <c r="H1796" cm="1">
        <f t="array" ref="H1796">IFERROR(INDEX(Jesper!AL$2:AL$366,ROUNDDOWN($C1796/24,0)+1,1)*INDEX($D$3:$AA$30,INDEX(Jesper!$R$2:$R$366,ROW(INDEX(Jesper!AL$2:AL$366,ROUNDDOWN($C1796/24,0)+1,1))-1)+IF('Standard Profiles'!$G$22=$B$10,7,0)+IF('Standard Profiles'!$G$22=$B$17,14,0)+IF('Standard Profiles'!$G$22=$B$24,21,0),MOD($C1796,24)+1)/SUM(INDEX($D$3:$AA$30,INDEX(Jesper!$R$2:$R$366,ROW(INDEX(Jesper!AL$2:AL$366,ROUNDDOWN($C1796/24,0)+1,1))-1)+IF('Standard Profiles'!$G$22=$B$10,7,0)+IF('Standard Profiles'!$G$22=$B$17,14,0)+IF('Standard Profiles'!$G$22=$B$24,21,0),0)),0)</f>
        <v>0</v>
      </c>
      <c r="I1796">
        <f t="shared" si="209"/>
        <v>8.6040460317873499</v>
      </c>
      <c r="J1796">
        <f t="shared" si="210"/>
        <v>63.465649416543968</v>
      </c>
      <c r="K1796">
        <f t="shared" si="211"/>
        <v>3.1827404261173653</v>
      </c>
      <c r="L1796">
        <f t="shared" si="212"/>
        <v>1.5913702130586826</v>
      </c>
      <c r="M1796">
        <f t="shared" si="213"/>
        <v>0</v>
      </c>
      <c r="N1796" s="45">
        <f t="shared" si="214"/>
        <v>45000.416666662393</v>
      </c>
    </row>
    <row r="1797" spans="2:14" x14ac:dyDescent="0.25">
      <c r="B1797">
        <f t="shared" si="208"/>
        <v>3</v>
      </c>
      <c r="C1797" s="16">
        <v>1763</v>
      </c>
      <c r="D1797" cm="1">
        <f t="array" ref="D1797">IFERROR(INDEX(Jesper!AH$2:AH$366,ROUNDDOWN($C1797/24,0)+1,1)*INDEX($D$3:$AA$30,INDEX(Jesper!$R$2:$R$366,ROW(INDEX(Jesper!AH$2:AH$366,ROUNDDOWN($C1797/24,0)+1,1))-1)+IF('Standard Profiles'!$G$18=$B$10,7,0)+IF('Standard Profiles'!$G$18=$B$17,14,0)+IF('Standard Profiles'!$G$18=$B$24,21,0),MOD($C1797,24)+1)/SUM(INDEX($D$3:$AA$30,INDEX(Jesper!$R$2:$R$366,ROW(INDEX(Jesper!AH$2:AH$366,ROUNDDOWN($C1797/24,0)+1,1))-1)+IF('Standard Profiles'!$G$18=$B$10,7,0)+IF('Standard Profiles'!$G$18=$B$17,14,0)+IF('Standard Profiles'!$G$18=$B$24,21,0),0)),0)</f>
        <v>35.70381888272685</v>
      </c>
      <c r="E1797" cm="1">
        <f t="array" ref="E1797">IFERROR(INDEX(Jesper!AI$2:AI$366,ROUNDDOWN($C1797/24,0)+1,1)*INDEX($D$3:$AA$30,INDEX(Jesper!$R$2:$R$366,ROW(INDEX(Jesper!AI$2:AI$366,ROUNDDOWN($C1797/24,0)+1,1))-1)+IF('Standard Profiles'!$G$19=$B$10,7,0)+IF('Standard Profiles'!$G$19=$B$17,14,0)+IF('Standard Profiles'!$G$19=$B$24,21,0),MOD($C1797,24)+1)/SUM(INDEX($D$3:$AA$30,INDEX(Jesper!$R$2:$R$366,ROW(INDEX(Jesper!AI$2:AI$366,ROUNDDOWN($C1797/24,0)+1,1))-1)+IF('Standard Profiles'!$G$19=$B$10,7,0)+IF('Standard Profiles'!$G$19=$B$17,14,0)+IF('Standard Profiles'!$G$19=$B$24,21,0),0)),0)</f>
        <v>34.797201854991542</v>
      </c>
      <c r="F1797" cm="1">
        <f t="array" ref="F1797">IFERROR(INDEX(Jesper!AJ$2:AJ$366,ROUNDDOWN($C1797/24,0)+1,1)*INDEX($D$3:$AA$30,INDEX(Jesper!$R$2:$R$366,ROW(INDEX(Jesper!AJ$2:AJ$366,ROUNDDOWN($C1797/24,0)+1,1))-1)+IF('Standard Profiles'!$G$20=$B$10,7,0)+IF('Standard Profiles'!$G$20=$B$17,14,0)+IF('Standard Profiles'!$G$20=$B$24,21,0),MOD($C1797,24)+1)/SUM(INDEX($D$3:$AA$30,INDEX(Jesper!$R$2:$R$366,ROW(INDEX(Jesper!AJ$2:AJ$366,ROUNDDOWN($C1797/24,0)+1,1))-1)+IF('Standard Profiles'!$G$20=$B$10,7,0)+IF('Standard Profiles'!$G$20=$B$17,14,0)+IF('Standard Profiles'!$G$20=$B$24,21,0),0)),0)</f>
        <v>0</v>
      </c>
      <c r="G1797" cm="1">
        <f t="array" ref="G1797">IFERROR(INDEX(Jesper!AK$2:AK$366,ROUNDDOWN($C1797/24,0)+1,1)*INDEX($D$3:$AA$30,INDEX(Jesper!$R$2:$R$366,ROW(INDEX(Jesper!AK$2:AK$366,ROUNDDOWN($C1797/24,0)+1,1))-1)+IF('Standard Profiles'!$G$21=$B$10,7,0)+IF('Standard Profiles'!$G$21=$B$17,14,0)+IF('Standard Profiles'!$G$21=$B$24,21,0),MOD($C1797,24)+1)/SUM(INDEX($D$3:$AA$30,INDEX(Jesper!$R$2:$R$366,ROW(INDEX(Jesper!AK$2:AK$366,ROUNDDOWN($C1797/24,0)+1,1))-1)+IF('Standard Profiles'!$G$21=$B$10,7,0)+IF('Standard Profiles'!$G$21=$B$17,14,0)+IF('Standard Profiles'!$G$21=$B$24,21,0),0)),0)</f>
        <v>21.448832700324601</v>
      </c>
      <c r="H1797" cm="1">
        <f t="array" ref="H1797">IFERROR(INDEX(Jesper!AL$2:AL$366,ROUNDDOWN($C1797/24,0)+1,1)*INDEX($D$3:$AA$30,INDEX(Jesper!$R$2:$R$366,ROW(INDEX(Jesper!AL$2:AL$366,ROUNDDOWN($C1797/24,0)+1,1))-1)+IF('Standard Profiles'!$G$22=$B$10,7,0)+IF('Standard Profiles'!$G$22=$B$17,14,0)+IF('Standard Profiles'!$G$22=$B$24,21,0),MOD($C1797,24)+1)/SUM(INDEX($D$3:$AA$30,INDEX(Jesper!$R$2:$R$366,ROW(INDEX(Jesper!AL$2:AL$366,ROUNDDOWN($C1797/24,0)+1,1))-1)+IF('Standard Profiles'!$G$22=$B$10,7,0)+IF('Standard Profiles'!$G$22=$B$17,14,0)+IF('Standard Profiles'!$G$22=$B$24,21,0),0)),0)</f>
        <v>0</v>
      </c>
      <c r="I1797">
        <f t="shared" si="209"/>
        <v>10.295439696155803</v>
      </c>
      <c r="J1797">
        <f t="shared" si="210"/>
        <v>75.941802720650884</v>
      </c>
      <c r="K1797">
        <f t="shared" si="211"/>
        <v>3.8084073474908644</v>
      </c>
      <c r="L1797">
        <f t="shared" si="212"/>
        <v>1.9042036737454322</v>
      </c>
      <c r="M1797">
        <f t="shared" si="213"/>
        <v>0</v>
      </c>
      <c r="N1797" s="45">
        <f t="shared" si="214"/>
        <v>45000.458333329057</v>
      </c>
    </row>
    <row r="1798" spans="2:14" x14ac:dyDescent="0.25">
      <c r="B1798">
        <f t="shared" si="208"/>
        <v>3</v>
      </c>
      <c r="C1798" s="16">
        <v>1764</v>
      </c>
      <c r="D1798" cm="1">
        <f t="array" ref="D1798">IFERROR(INDEX(Jesper!AH$2:AH$366,ROUNDDOWN($C1798/24,0)+1,1)*INDEX($D$3:$AA$30,INDEX(Jesper!$R$2:$R$366,ROW(INDEX(Jesper!AH$2:AH$366,ROUNDDOWN($C1798/24,0)+1,1))-1)+IF('Standard Profiles'!$G$18=$B$10,7,0)+IF('Standard Profiles'!$G$18=$B$17,14,0)+IF('Standard Profiles'!$G$18=$B$24,21,0),MOD($C1798,24)+1)/SUM(INDEX($D$3:$AA$30,INDEX(Jesper!$R$2:$R$366,ROW(INDEX(Jesper!AH$2:AH$366,ROUNDDOWN($C1798/24,0)+1,1))-1)+IF('Standard Profiles'!$G$18=$B$10,7,0)+IF('Standard Profiles'!$G$18=$B$17,14,0)+IF('Standard Profiles'!$G$18=$B$24,21,0),0)),0)</f>
        <v>35.70381888272685</v>
      </c>
      <c r="E1798" cm="1">
        <f t="array" ref="E1798">IFERROR(INDEX(Jesper!AI$2:AI$366,ROUNDDOWN($C1798/24,0)+1,1)*INDEX($D$3:$AA$30,INDEX(Jesper!$R$2:$R$366,ROW(INDEX(Jesper!AI$2:AI$366,ROUNDDOWN($C1798/24,0)+1,1))-1)+IF('Standard Profiles'!$G$19=$B$10,7,0)+IF('Standard Profiles'!$G$19=$B$17,14,0)+IF('Standard Profiles'!$G$19=$B$24,21,0),MOD($C1798,24)+1)/SUM(INDEX($D$3:$AA$30,INDEX(Jesper!$R$2:$R$366,ROW(INDEX(Jesper!AI$2:AI$366,ROUNDDOWN($C1798/24,0)+1,1))-1)+IF('Standard Profiles'!$G$19=$B$10,7,0)+IF('Standard Profiles'!$G$19=$B$17,14,0)+IF('Standard Profiles'!$G$19=$B$24,21,0),0)),0)</f>
        <v>34.797201854991542</v>
      </c>
      <c r="F1798" cm="1">
        <f t="array" ref="F1798">IFERROR(INDEX(Jesper!AJ$2:AJ$366,ROUNDDOWN($C1798/24,0)+1,1)*INDEX($D$3:$AA$30,INDEX(Jesper!$R$2:$R$366,ROW(INDEX(Jesper!AJ$2:AJ$366,ROUNDDOWN($C1798/24,0)+1,1))-1)+IF('Standard Profiles'!$G$20=$B$10,7,0)+IF('Standard Profiles'!$G$20=$B$17,14,0)+IF('Standard Profiles'!$G$20=$B$24,21,0),MOD($C1798,24)+1)/SUM(INDEX($D$3:$AA$30,INDEX(Jesper!$R$2:$R$366,ROW(INDEX(Jesper!AJ$2:AJ$366,ROUNDDOWN($C1798/24,0)+1,1))-1)+IF('Standard Profiles'!$G$20=$B$10,7,0)+IF('Standard Profiles'!$G$20=$B$17,14,0)+IF('Standard Profiles'!$G$20=$B$24,21,0),0)),0)</f>
        <v>0</v>
      </c>
      <c r="G1798" cm="1">
        <f t="array" ref="G1798">IFERROR(INDEX(Jesper!AK$2:AK$366,ROUNDDOWN($C1798/24,0)+1,1)*INDEX($D$3:$AA$30,INDEX(Jesper!$R$2:$R$366,ROW(INDEX(Jesper!AK$2:AK$366,ROUNDDOWN($C1798/24,0)+1,1))-1)+IF('Standard Profiles'!$G$21=$B$10,7,0)+IF('Standard Profiles'!$G$21=$B$17,14,0)+IF('Standard Profiles'!$G$21=$B$24,21,0),MOD($C1798,24)+1)/SUM(INDEX($D$3:$AA$30,INDEX(Jesper!$R$2:$R$366,ROW(INDEX(Jesper!AK$2:AK$366,ROUNDDOWN($C1798/24,0)+1,1))-1)+IF('Standard Profiles'!$G$21=$B$10,7,0)+IF('Standard Profiles'!$G$21=$B$17,14,0)+IF('Standard Profiles'!$G$21=$B$24,21,0),0)),0)</f>
        <v>21.448832700324601</v>
      </c>
      <c r="H1798" cm="1">
        <f t="array" ref="H1798">IFERROR(INDEX(Jesper!AL$2:AL$366,ROUNDDOWN($C1798/24,0)+1,1)*INDEX($D$3:$AA$30,INDEX(Jesper!$R$2:$R$366,ROW(INDEX(Jesper!AL$2:AL$366,ROUNDDOWN($C1798/24,0)+1,1))-1)+IF('Standard Profiles'!$G$22=$B$10,7,0)+IF('Standard Profiles'!$G$22=$B$17,14,0)+IF('Standard Profiles'!$G$22=$B$24,21,0),MOD($C1798,24)+1)/SUM(INDEX($D$3:$AA$30,INDEX(Jesper!$R$2:$R$366,ROW(INDEX(Jesper!AL$2:AL$366,ROUNDDOWN($C1798/24,0)+1,1))-1)+IF('Standard Profiles'!$G$22=$B$10,7,0)+IF('Standard Profiles'!$G$22=$B$17,14,0)+IF('Standard Profiles'!$G$22=$B$24,21,0),0)),0)</f>
        <v>0</v>
      </c>
      <c r="I1798">
        <f t="shared" si="209"/>
        <v>10.295439696155803</v>
      </c>
      <c r="J1798">
        <f t="shared" si="210"/>
        <v>75.941802720650884</v>
      </c>
      <c r="K1798">
        <f t="shared" si="211"/>
        <v>3.8084073474908644</v>
      </c>
      <c r="L1798">
        <f t="shared" si="212"/>
        <v>1.9042036737454322</v>
      </c>
      <c r="M1798">
        <f t="shared" si="213"/>
        <v>0</v>
      </c>
      <c r="N1798" s="45">
        <f t="shared" si="214"/>
        <v>45000.499999995722</v>
      </c>
    </row>
    <row r="1799" spans="2:14" x14ac:dyDescent="0.25">
      <c r="B1799">
        <f t="shared" si="208"/>
        <v>3</v>
      </c>
      <c r="C1799" s="16">
        <v>1765</v>
      </c>
      <c r="D1799" cm="1">
        <f t="array" ref="D1799">IFERROR(INDEX(Jesper!AH$2:AH$366,ROUNDDOWN($C1799/24,0)+1,1)*INDEX($D$3:$AA$30,INDEX(Jesper!$R$2:$R$366,ROW(INDEX(Jesper!AH$2:AH$366,ROUNDDOWN($C1799/24,0)+1,1))-1)+IF('Standard Profiles'!$G$18=$B$10,7,0)+IF('Standard Profiles'!$G$18=$B$17,14,0)+IF('Standard Profiles'!$G$18=$B$24,21,0),MOD($C1799,24)+1)/SUM(INDEX($D$3:$AA$30,INDEX(Jesper!$R$2:$R$366,ROW(INDEX(Jesper!AH$2:AH$366,ROUNDDOWN($C1799/24,0)+1,1))-1)+IF('Standard Profiles'!$G$18=$B$10,7,0)+IF('Standard Profiles'!$G$18=$B$17,14,0)+IF('Standard Profiles'!$G$18=$B$24,21,0),0)),0)</f>
        <v>23.717536829239979</v>
      </c>
      <c r="E1799" cm="1">
        <f t="array" ref="E1799">IFERROR(INDEX(Jesper!AI$2:AI$366,ROUNDDOWN($C1799/24,0)+1,1)*INDEX($D$3:$AA$30,INDEX(Jesper!$R$2:$R$366,ROW(INDEX(Jesper!AI$2:AI$366,ROUNDDOWN($C1799/24,0)+1,1))-1)+IF('Standard Profiles'!$G$19=$B$10,7,0)+IF('Standard Profiles'!$G$19=$B$17,14,0)+IF('Standard Profiles'!$G$19=$B$24,21,0),MOD($C1799,24)+1)/SUM(INDEX($D$3:$AA$30,INDEX(Jesper!$R$2:$R$366,ROW(INDEX(Jesper!AI$2:AI$366,ROUNDDOWN($C1799/24,0)+1,1))-1)+IF('Standard Profiles'!$G$19=$B$10,7,0)+IF('Standard Profiles'!$G$19=$B$17,14,0)+IF('Standard Profiles'!$G$19=$B$24,21,0),0)),0)</f>
        <v>23.115284089387242</v>
      </c>
      <c r="F1799" cm="1">
        <f t="array" ref="F1799">IFERROR(INDEX(Jesper!AJ$2:AJ$366,ROUNDDOWN($C1799/24,0)+1,1)*INDEX($D$3:$AA$30,INDEX(Jesper!$R$2:$R$366,ROW(INDEX(Jesper!AJ$2:AJ$366,ROUNDDOWN($C1799/24,0)+1,1))-1)+IF('Standard Profiles'!$G$20=$B$10,7,0)+IF('Standard Profiles'!$G$20=$B$17,14,0)+IF('Standard Profiles'!$G$20=$B$24,21,0),MOD($C1799,24)+1)/SUM(INDEX($D$3:$AA$30,INDEX(Jesper!$R$2:$R$366,ROW(INDEX(Jesper!AJ$2:AJ$366,ROUNDDOWN($C1799/24,0)+1,1))-1)+IF('Standard Profiles'!$G$20=$B$10,7,0)+IF('Standard Profiles'!$G$20=$B$17,14,0)+IF('Standard Profiles'!$G$20=$B$24,21,0),0)),0)</f>
        <v>0</v>
      </c>
      <c r="G1799" cm="1">
        <f t="array" ref="G1799">IFERROR(INDEX(Jesper!AK$2:AK$366,ROUNDDOWN($C1799/24,0)+1,1)*INDEX($D$3:$AA$30,INDEX(Jesper!$R$2:$R$366,ROW(INDEX(Jesper!AK$2:AK$366,ROUNDDOWN($C1799/24,0)+1,1))-1)+IF('Standard Profiles'!$G$21=$B$10,7,0)+IF('Standard Profiles'!$G$21=$B$17,14,0)+IF('Standard Profiles'!$G$21=$B$24,21,0),MOD($C1799,24)+1)/SUM(INDEX($D$3:$AA$30,INDEX(Jesper!$R$2:$R$366,ROW(INDEX(Jesper!AK$2:AK$366,ROUNDDOWN($C1799/24,0)+1,1))-1)+IF('Standard Profiles'!$G$21=$B$10,7,0)+IF('Standard Profiles'!$G$21=$B$17,14,0)+IF('Standard Profiles'!$G$21=$B$24,21,0),0)),0)</f>
        <v>14.248153150929916</v>
      </c>
      <c r="H1799" cm="1">
        <f t="array" ref="H1799">IFERROR(INDEX(Jesper!AL$2:AL$366,ROUNDDOWN($C1799/24,0)+1,1)*INDEX($D$3:$AA$30,INDEX(Jesper!$R$2:$R$366,ROW(INDEX(Jesper!AL$2:AL$366,ROUNDDOWN($C1799/24,0)+1,1))-1)+IF('Standard Profiles'!$G$22=$B$10,7,0)+IF('Standard Profiles'!$G$22=$B$17,14,0)+IF('Standard Profiles'!$G$22=$B$24,21,0),MOD($C1799,24)+1)/SUM(INDEX($D$3:$AA$30,INDEX(Jesper!$R$2:$R$366,ROW(INDEX(Jesper!AL$2:AL$366,ROUNDDOWN($C1799/24,0)+1,1))-1)+IF('Standard Profiles'!$G$22=$B$10,7,0)+IF('Standard Profiles'!$G$22=$B$17,14,0)+IF('Standard Profiles'!$G$22=$B$24,21,0),0)),0)</f>
        <v>0</v>
      </c>
      <c r="I1799">
        <f t="shared" si="209"/>
        <v>6.8391135124463567</v>
      </c>
      <c r="J1799">
        <f t="shared" si="210"/>
        <v>50.447054664432386</v>
      </c>
      <c r="K1799">
        <f t="shared" si="211"/>
        <v>2.5298705951189313</v>
      </c>
      <c r="L1799">
        <f t="shared" si="212"/>
        <v>1.2649352975594657</v>
      </c>
      <c r="M1799">
        <f t="shared" si="213"/>
        <v>0</v>
      </c>
      <c r="N1799" s="45">
        <f t="shared" si="214"/>
        <v>45000.541666662386</v>
      </c>
    </row>
    <row r="1800" spans="2:14" x14ac:dyDescent="0.25">
      <c r="B1800">
        <f t="shared" si="208"/>
        <v>3</v>
      </c>
      <c r="C1800" s="16">
        <v>1766</v>
      </c>
      <c r="D1800" cm="1">
        <f t="array" ref="D1800">IFERROR(INDEX(Jesper!AH$2:AH$366,ROUNDDOWN($C1800/24,0)+1,1)*INDEX($D$3:$AA$30,INDEX(Jesper!$R$2:$R$366,ROW(INDEX(Jesper!AH$2:AH$366,ROUNDDOWN($C1800/24,0)+1,1))-1)+IF('Standard Profiles'!$G$18=$B$10,7,0)+IF('Standard Profiles'!$G$18=$B$17,14,0)+IF('Standard Profiles'!$G$18=$B$24,21,0),MOD($C1800,24)+1)/SUM(INDEX($D$3:$AA$30,INDEX(Jesper!$R$2:$R$366,ROW(INDEX(Jesper!AH$2:AH$366,ROUNDDOWN($C1800/24,0)+1,1))-1)+IF('Standard Profiles'!$G$18=$B$10,7,0)+IF('Standard Profiles'!$G$18=$B$17,14,0)+IF('Standard Profiles'!$G$18=$B$24,21,0),0)),0)</f>
        <v>35.70381888272685</v>
      </c>
      <c r="E1800" cm="1">
        <f t="array" ref="E1800">IFERROR(INDEX(Jesper!AI$2:AI$366,ROUNDDOWN($C1800/24,0)+1,1)*INDEX($D$3:$AA$30,INDEX(Jesper!$R$2:$R$366,ROW(INDEX(Jesper!AI$2:AI$366,ROUNDDOWN($C1800/24,0)+1,1))-1)+IF('Standard Profiles'!$G$19=$B$10,7,0)+IF('Standard Profiles'!$G$19=$B$17,14,0)+IF('Standard Profiles'!$G$19=$B$24,21,0),MOD($C1800,24)+1)/SUM(INDEX($D$3:$AA$30,INDEX(Jesper!$R$2:$R$366,ROW(INDEX(Jesper!AI$2:AI$366,ROUNDDOWN($C1800/24,0)+1,1))-1)+IF('Standard Profiles'!$G$19=$B$10,7,0)+IF('Standard Profiles'!$G$19=$B$17,14,0)+IF('Standard Profiles'!$G$19=$B$24,21,0),0)),0)</f>
        <v>34.797201854991542</v>
      </c>
      <c r="F1800" cm="1">
        <f t="array" ref="F1800">IFERROR(INDEX(Jesper!AJ$2:AJ$366,ROUNDDOWN($C1800/24,0)+1,1)*INDEX($D$3:$AA$30,INDEX(Jesper!$R$2:$R$366,ROW(INDEX(Jesper!AJ$2:AJ$366,ROUNDDOWN($C1800/24,0)+1,1))-1)+IF('Standard Profiles'!$G$20=$B$10,7,0)+IF('Standard Profiles'!$G$20=$B$17,14,0)+IF('Standard Profiles'!$G$20=$B$24,21,0),MOD($C1800,24)+1)/SUM(INDEX($D$3:$AA$30,INDEX(Jesper!$R$2:$R$366,ROW(INDEX(Jesper!AJ$2:AJ$366,ROUNDDOWN($C1800/24,0)+1,1))-1)+IF('Standard Profiles'!$G$20=$B$10,7,0)+IF('Standard Profiles'!$G$20=$B$17,14,0)+IF('Standard Profiles'!$G$20=$B$24,21,0),0)),0)</f>
        <v>0</v>
      </c>
      <c r="G1800" cm="1">
        <f t="array" ref="G1800">IFERROR(INDEX(Jesper!AK$2:AK$366,ROUNDDOWN($C1800/24,0)+1,1)*INDEX($D$3:$AA$30,INDEX(Jesper!$R$2:$R$366,ROW(INDEX(Jesper!AK$2:AK$366,ROUNDDOWN($C1800/24,0)+1,1))-1)+IF('Standard Profiles'!$G$21=$B$10,7,0)+IF('Standard Profiles'!$G$21=$B$17,14,0)+IF('Standard Profiles'!$G$21=$B$24,21,0),MOD($C1800,24)+1)/SUM(INDEX($D$3:$AA$30,INDEX(Jesper!$R$2:$R$366,ROW(INDEX(Jesper!AK$2:AK$366,ROUNDDOWN($C1800/24,0)+1,1))-1)+IF('Standard Profiles'!$G$21=$B$10,7,0)+IF('Standard Profiles'!$G$21=$B$17,14,0)+IF('Standard Profiles'!$G$21=$B$24,21,0),0)),0)</f>
        <v>21.448832700324601</v>
      </c>
      <c r="H1800" cm="1">
        <f t="array" ref="H1800">IFERROR(INDEX(Jesper!AL$2:AL$366,ROUNDDOWN($C1800/24,0)+1,1)*INDEX($D$3:$AA$30,INDEX(Jesper!$R$2:$R$366,ROW(INDEX(Jesper!AL$2:AL$366,ROUNDDOWN($C1800/24,0)+1,1))-1)+IF('Standard Profiles'!$G$22=$B$10,7,0)+IF('Standard Profiles'!$G$22=$B$17,14,0)+IF('Standard Profiles'!$G$22=$B$24,21,0),MOD($C1800,24)+1)/SUM(INDEX($D$3:$AA$30,INDEX(Jesper!$R$2:$R$366,ROW(INDEX(Jesper!AL$2:AL$366,ROUNDDOWN($C1800/24,0)+1,1))-1)+IF('Standard Profiles'!$G$22=$B$10,7,0)+IF('Standard Profiles'!$G$22=$B$17,14,0)+IF('Standard Profiles'!$G$22=$B$24,21,0),0)),0)</f>
        <v>0</v>
      </c>
      <c r="I1800">
        <f t="shared" si="209"/>
        <v>10.295439696155803</v>
      </c>
      <c r="J1800">
        <f t="shared" si="210"/>
        <v>75.941802720650884</v>
      </c>
      <c r="K1800">
        <f t="shared" si="211"/>
        <v>3.8084073474908644</v>
      </c>
      <c r="L1800">
        <f t="shared" si="212"/>
        <v>1.9042036737454322</v>
      </c>
      <c r="M1800">
        <f t="shared" si="213"/>
        <v>0</v>
      </c>
      <c r="N1800" s="45">
        <f t="shared" si="214"/>
        <v>45000.58333332905</v>
      </c>
    </row>
    <row r="1801" spans="2:14" x14ac:dyDescent="0.25">
      <c r="B1801">
        <f t="shared" si="208"/>
        <v>3</v>
      </c>
      <c r="C1801" s="16">
        <v>1767</v>
      </c>
      <c r="D1801" cm="1">
        <f t="array" ref="D1801">IFERROR(INDEX(Jesper!AH$2:AH$366,ROUNDDOWN($C1801/24,0)+1,1)*INDEX($D$3:$AA$30,INDEX(Jesper!$R$2:$R$366,ROW(INDEX(Jesper!AH$2:AH$366,ROUNDDOWN($C1801/24,0)+1,1))-1)+IF('Standard Profiles'!$G$18=$B$10,7,0)+IF('Standard Profiles'!$G$18=$B$17,14,0)+IF('Standard Profiles'!$G$18=$B$24,21,0),MOD($C1801,24)+1)/SUM(INDEX($D$3:$AA$30,INDEX(Jesper!$R$2:$R$366,ROW(INDEX(Jesper!AH$2:AH$366,ROUNDDOWN($C1801/24,0)+1,1))-1)+IF('Standard Profiles'!$G$18=$B$10,7,0)+IF('Standard Profiles'!$G$18=$B$17,14,0)+IF('Standard Profiles'!$G$18=$B$24,21,0),0)),0)</f>
        <v>35.70381888272685</v>
      </c>
      <c r="E1801" cm="1">
        <f t="array" ref="E1801">IFERROR(INDEX(Jesper!AI$2:AI$366,ROUNDDOWN($C1801/24,0)+1,1)*INDEX($D$3:$AA$30,INDEX(Jesper!$R$2:$R$366,ROW(INDEX(Jesper!AI$2:AI$366,ROUNDDOWN($C1801/24,0)+1,1))-1)+IF('Standard Profiles'!$G$19=$B$10,7,0)+IF('Standard Profiles'!$G$19=$B$17,14,0)+IF('Standard Profiles'!$G$19=$B$24,21,0),MOD($C1801,24)+1)/SUM(INDEX($D$3:$AA$30,INDEX(Jesper!$R$2:$R$366,ROW(INDEX(Jesper!AI$2:AI$366,ROUNDDOWN($C1801/24,0)+1,1))-1)+IF('Standard Profiles'!$G$19=$B$10,7,0)+IF('Standard Profiles'!$G$19=$B$17,14,0)+IF('Standard Profiles'!$G$19=$B$24,21,0),0)),0)</f>
        <v>34.797201854991542</v>
      </c>
      <c r="F1801" cm="1">
        <f t="array" ref="F1801">IFERROR(INDEX(Jesper!AJ$2:AJ$366,ROUNDDOWN($C1801/24,0)+1,1)*INDEX($D$3:$AA$30,INDEX(Jesper!$R$2:$R$366,ROW(INDEX(Jesper!AJ$2:AJ$366,ROUNDDOWN($C1801/24,0)+1,1))-1)+IF('Standard Profiles'!$G$20=$B$10,7,0)+IF('Standard Profiles'!$G$20=$B$17,14,0)+IF('Standard Profiles'!$G$20=$B$24,21,0),MOD($C1801,24)+1)/SUM(INDEX($D$3:$AA$30,INDEX(Jesper!$R$2:$R$366,ROW(INDEX(Jesper!AJ$2:AJ$366,ROUNDDOWN($C1801/24,0)+1,1))-1)+IF('Standard Profiles'!$G$20=$B$10,7,0)+IF('Standard Profiles'!$G$20=$B$17,14,0)+IF('Standard Profiles'!$G$20=$B$24,21,0),0)),0)</f>
        <v>0</v>
      </c>
      <c r="G1801" cm="1">
        <f t="array" ref="G1801">IFERROR(INDEX(Jesper!AK$2:AK$366,ROUNDDOWN($C1801/24,0)+1,1)*INDEX($D$3:$AA$30,INDEX(Jesper!$R$2:$R$366,ROW(INDEX(Jesper!AK$2:AK$366,ROUNDDOWN($C1801/24,0)+1,1))-1)+IF('Standard Profiles'!$G$21=$B$10,7,0)+IF('Standard Profiles'!$G$21=$B$17,14,0)+IF('Standard Profiles'!$G$21=$B$24,21,0),MOD($C1801,24)+1)/SUM(INDEX($D$3:$AA$30,INDEX(Jesper!$R$2:$R$366,ROW(INDEX(Jesper!AK$2:AK$366,ROUNDDOWN($C1801/24,0)+1,1))-1)+IF('Standard Profiles'!$G$21=$B$10,7,0)+IF('Standard Profiles'!$G$21=$B$17,14,0)+IF('Standard Profiles'!$G$21=$B$24,21,0),0)),0)</f>
        <v>21.448832700324601</v>
      </c>
      <c r="H1801" cm="1">
        <f t="array" ref="H1801">IFERROR(INDEX(Jesper!AL$2:AL$366,ROUNDDOWN($C1801/24,0)+1,1)*INDEX($D$3:$AA$30,INDEX(Jesper!$R$2:$R$366,ROW(INDEX(Jesper!AL$2:AL$366,ROUNDDOWN($C1801/24,0)+1,1))-1)+IF('Standard Profiles'!$G$22=$B$10,7,0)+IF('Standard Profiles'!$G$22=$B$17,14,0)+IF('Standard Profiles'!$G$22=$B$24,21,0),MOD($C1801,24)+1)/SUM(INDEX($D$3:$AA$30,INDEX(Jesper!$R$2:$R$366,ROW(INDEX(Jesper!AL$2:AL$366,ROUNDDOWN($C1801/24,0)+1,1))-1)+IF('Standard Profiles'!$G$22=$B$10,7,0)+IF('Standard Profiles'!$G$22=$B$17,14,0)+IF('Standard Profiles'!$G$22=$B$24,21,0),0)),0)</f>
        <v>0</v>
      </c>
      <c r="I1801">
        <f t="shared" si="209"/>
        <v>10.295439696155803</v>
      </c>
      <c r="J1801">
        <f t="shared" si="210"/>
        <v>75.941802720650884</v>
      </c>
      <c r="K1801">
        <f t="shared" si="211"/>
        <v>3.8084073474908644</v>
      </c>
      <c r="L1801">
        <f t="shared" si="212"/>
        <v>1.9042036737454322</v>
      </c>
      <c r="M1801">
        <f t="shared" si="213"/>
        <v>0</v>
      </c>
      <c r="N1801" s="45">
        <f t="shared" si="214"/>
        <v>45000.624999995714</v>
      </c>
    </row>
    <row r="1802" spans="2:14" x14ac:dyDescent="0.25">
      <c r="B1802">
        <f t="shared" si="208"/>
        <v>3</v>
      </c>
      <c r="C1802" s="16">
        <v>1768</v>
      </c>
      <c r="D1802" cm="1">
        <f t="array" ref="D1802">IFERROR(INDEX(Jesper!AH$2:AH$366,ROUNDDOWN($C1802/24,0)+1,1)*INDEX($D$3:$AA$30,INDEX(Jesper!$R$2:$R$366,ROW(INDEX(Jesper!AH$2:AH$366,ROUNDDOWN($C1802/24,0)+1,1))-1)+IF('Standard Profiles'!$G$18=$B$10,7,0)+IF('Standard Profiles'!$G$18=$B$17,14,0)+IF('Standard Profiles'!$G$18=$B$24,21,0),MOD($C1802,24)+1)/SUM(INDEX($D$3:$AA$30,INDEX(Jesper!$R$2:$R$366,ROW(INDEX(Jesper!AH$2:AH$366,ROUNDDOWN($C1802/24,0)+1,1))-1)+IF('Standard Profiles'!$G$18=$B$10,7,0)+IF('Standard Profiles'!$G$18=$B$17,14,0)+IF('Standard Profiles'!$G$18=$B$24,21,0),0)),0)</f>
        <v>21.039750413035467</v>
      </c>
      <c r="E1802" cm="1">
        <f t="array" ref="E1802">IFERROR(INDEX(Jesper!AI$2:AI$366,ROUNDDOWN($C1802/24,0)+1,1)*INDEX($D$3:$AA$30,INDEX(Jesper!$R$2:$R$366,ROW(INDEX(Jesper!AI$2:AI$366,ROUNDDOWN($C1802/24,0)+1,1))-1)+IF('Standard Profiles'!$G$19=$B$10,7,0)+IF('Standard Profiles'!$G$19=$B$17,14,0)+IF('Standard Profiles'!$G$19=$B$24,21,0),MOD($C1802,24)+1)/SUM(INDEX($D$3:$AA$30,INDEX(Jesper!$R$2:$R$366,ROW(INDEX(Jesper!AI$2:AI$366,ROUNDDOWN($C1802/24,0)+1,1))-1)+IF('Standard Profiles'!$G$19=$B$10,7,0)+IF('Standard Profiles'!$G$19=$B$17,14,0)+IF('Standard Profiles'!$G$19=$B$24,21,0),0)),0)</f>
        <v>20.505493950262874</v>
      </c>
      <c r="F1802" cm="1">
        <f t="array" ref="F1802">IFERROR(INDEX(Jesper!AJ$2:AJ$366,ROUNDDOWN($C1802/24,0)+1,1)*INDEX($D$3:$AA$30,INDEX(Jesper!$R$2:$R$366,ROW(INDEX(Jesper!AJ$2:AJ$366,ROUNDDOWN($C1802/24,0)+1,1))-1)+IF('Standard Profiles'!$G$20=$B$10,7,0)+IF('Standard Profiles'!$G$20=$B$17,14,0)+IF('Standard Profiles'!$G$20=$B$24,21,0),MOD($C1802,24)+1)/SUM(INDEX($D$3:$AA$30,INDEX(Jesper!$R$2:$R$366,ROW(INDEX(Jesper!AJ$2:AJ$366,ROUNDDOWN($C1802/24,0)+1,1))-1)+IF('Standard Profiles'!$G$20=$B$10,7,0)+IF('Standard Profiles'!$G$20=$B$17,14,0)+IF('Standard Profiles'!$G$20=$B$24,21,0),0)),0)</f>
        <v>0</v>
      </c>
      <c r="G1802" cm="1">
        <f t="array" ref="G1802">IFERROR(INDEX(Jesper!AK$2:AK$366,ROUNDDOWN($C1802/24,0)+1,1)*INDEX($D$3:$AA$30,INDEX(Jesper!$R$2:$R$366,ROW(INDEX(Jesper!AK$2:AK$366,ROUNDDOWN($C1802/24,0)+1,1))-1)+IF('Standard Profiles'!$G$21=$B$10,7,0)+IF('Standard Profiles'!$G$21=$B$17,14,0)+IF('Standard Profiles'!$G$21=$B$24,21,0),MOD($C1802,24)+1)/SUM(INDEX($D$3:$AA$30,INDEX(Jesper!$R$2:$R$366,ROW(INDEX(Jesper!AK$2:AK$366,ROUNDDOWN($C1802/24,0)+1,1))-1)+IF('Standard Profiles'!$G$21=$B$10,7,0)+IF('Standard Profiles'!$G$21=$B$17,14,0)+IF('Standard Profiles'!$G$21=$B$24,21,0),0)),0)</f>
        <v>17.922454417697349</v>
      </c>
      <c r="H1802" cm="1">
        <f t="array" ref="H1802">IFERROR(INDEX(Jesper!AL$2:AL$366,ROUNDDOWN($C1802/24,0)+1,1)*INDEX($D$3:$AA$30,INDEX(Jesper!$R$2:$R$366,ROW(INDEX(Jesper!AL$2:AL$366,ROUNDDOWN($C1802/24,0)+1,1))-1)+IF('Standard Profiles'!$G$22=$B$10,7,0)+IF('Standard Profiles'!$G$22=$B$17,14,0)+IF('Standard Profiles'!$G$22=$B$24,21,0),MOD($C1802,24)+1)/SUM(INDEX($D$3:$AA$30,INDEX(Jesper!$R$2:$R$366,ROW(INDEX(Jesper!AL$2:AL$366,ROUNDDOWN($C1802/24,0)+1,1))-1)+IF('Standard Profiles'!$G$22=$B$10,7,0)+IF('Standard Profiles'!$G$22=$B$17,14,0)+IF('Standard Profiles'!$G$22=$B$24,21,0),0)),0)</f>
        <v>0</v>
      </c>
      <c r="I1802">
        <f t="shared" si="209"/>
        <v>8.6027781204947225</v>
      </c>
      <c r="J1802">
        <f t="shared" si="210"/>
        <v>47.498560594415288</v>
      </c>
      <c r="K1802">
        <f t="shared" si="211"/>
        <v>2.2442400440571166</v>
      </c>
      <c r="L1802">
        <f t="shared" si="212"/>
        <v>1.1221200220285583</v>
      </c>
      <c r="M1802">
        <f t="shared" si="213"/>
        <v>0</v>
      </c>
      <c r="N1802" s="45">
        <f t="shared" si="214"/>
        <v>45000.666666662379</v>
      </c>
    </row>
    <row r="1803" spans="2:14" x14ac:dyDescent="0.25">
      <c r="B1803">
        <f t="shared" si="208"/>
        <v>3</v>
      </c>
      <c r="C1803" s="16">
        <v>1769</v>
      </c>
      <c r="D1803" cm="1">
        <f t="array" ref="D1803">IFERROR(INDEX(Jesper!AH$2:AH$366,ROUNDDOWN($C1803/24,0)+1,1)*INDEX($D$3:$AA$30,INDEX(Jesper!$R$2:$R$366,ROW(INDEX(Jesper!AH$2:AH$366,ROUNDDOWN($C1803/24,0)+1,1))-1)+IF('Standard Profiles'!$G$18=$B$10,7,0)+IF('Standard Profiles'!$G$18=$B$17,14,0)+IF('Standard Profiles'!$G$18=$B$24,21,0),MOD($C1803,24)+1)/SUM(INDEX($D$3:$AA$30,INDEX(Jesper!$R$2:$R$366,ROW(INDEX(Jesper!AH$2:AH$366,ROUNDDOWN($C1803/24,0)+1,1))-1)+IF('Standard Profiles'!$G$18=$B$10,7,0)+IF('Standard Profiles'!$G$18=$B$17,14,0)+IF('Standard Profiles'!$G$18=$B$24,21,0),0)),0)</f>
        <v>8.9798337230198317</v>
      </c>
      <c r="E1803" cm="1">
        <f t="array" ref="E1803">IFERROR(INDEX(Jesper!AI$2:AI$366,ROUNDDOWN($C1803/24,0)+1,1)*INDEX($D$3:$AA$30,INDEX(Jesper!$R$2:$R$366,ROW(INDEX(Jesper!AI$2:AI$366,ROUNDDOWN($C1803/24,0)+1,1))-1)+IF('Standard Profiles'!$G$19=$B$10,7,0)+IF('Standard Profiles'!$G$19=$B$17,14,0)+IF('Standard Profiles'!$G$19=$B$24,21,0),MOD($C1803,24)+1)/SUM(INDEX($D$3:$AA$30,INDEX(Jesper!$R$2:$R$366,ROW(INDEX(Jesper!AI$2:AI$366,ROUNDDOWN($C1803/24,0)+1,1))-1)+IF('Standard Profiles'!$G$19=$B$10,7,0)+IF('Standard Profiles'!$G$19=$B$17,14,0)+IF('Standard Profiles'!$G$19=$B$24,21,0),0)),0)</f>
        <v>8.7518113317383168</v>
      </c>
      <c r="F1803" cm="1">
        <f t="array" ref="F1803">IFERROR(INDEX(Jesper!AJ$2:AJ$366,ROUNDDOWN($C1803/24,0)+1,1)*INDEX($D$3:$AA$30,INDEX(Jesper!$R$2:$R$366,ROW(INDEX(Jesper!AJ$2:AJ$366,ROUNDDOWN($C1803/24,0)+1,1))-1)+IF('Standard Profiles'!$G$20=$B$10,7,0)+IF('Standard Profiles'!$G$20=$B$17,14,0)+IF('Standard Profiles'!$G$20=$B$24,21,0),MOD($C1803,24)+1)/SUM(INDEX($D$3:$AA$30,INDEX(Jesper!$R$2:$R$366,ROW(INDEX(Jesper!AJ$2:AJ$366,ROUNDDOWN($C1803/24,0)+1,1))-1)+IF('Standard Profiles'!$G$20=$B$10,7,0)+IF('Standard Profiles'!$G$20=$B$17,14,0)+IF('Standard Profiles'!$G$20=$B$24,21,0),0)),0)</f>
        <v>0</v>
      </c>
      <c r="G1803" cm="1">
        <f t="array" ref="G1803">IFERROR(INDEX(Jesper!AK$2:AK$366,ROUNDDOWN($C1803/24,0)+1,1)*INDEX($D$3:$AA$30,INDEX(Jesper!$R$2:$R$366,ROW(INDEX(Jesper!AK$2:AK$366,ROUNDDOWN($C1803/24,0)+1,1))-1)+IF('Standard Profiles'!$G$21=$B$10,7,0)+IF('Standard Profiles'!$G$21=$B$17,14,0)+IF('Standard Profiles'!$G$21=$B$24,21,0),MOD($C1803,24)+1)/SUM(INDEX($D$3:$AA$30,INDEX(Jesper!$R$2:$R$366,ROW(INDEX(Jesper!AK$2:AK$366,ROUNDDOWN($C1803/24,0)+1,1))-1)+IF('Standard Profiles'!$G$21=$B$10,7,0)+IF('Standard Profiles'!$G$21=$B$17,14,0)+IF('Standard Profiles'!$G$21=$B$24,21,0),0)),0)</f>
        <v>14.250794632789562</v>
      </c>
      <c r="H1803" cm="1">
        <f t="array" ref="H1803">IFERROR(INDEX(Jesper!AL$2:AL$366,ROUNDDOWN($C1803/24,0)+1,1)*INDEX($D$3:$AA$30,INDEX(Jesper!$R$2:$R$366,ROW(INDEX(Jesper!AL$2:AL$366,ROUNDDOWN($C1803/24,0)+1,1))-1)+IF('Standard Profiles'!$G$22=$B$10,7,0)+IF('Standard Profiles'!$G$22=$B$17,14,0)+IF('Standard Profiles'!$G$22=$B$24,21,0),MOD($C1803,24)+1)/SUM(INDEX($D$3:$AA$30,INDEX(Jesper!$R$2:$R$366,ROW(INDEX(Jesper!AL$2:AL$366,ROUNDDOWN($C1803/24,0)+1,1))-1)+IF('Standard Profiles'!$G$22=$B$10,7,0)+IF('Standard Profiles'!$G$22=$B$17,14,0)+IF('Standard Profiles'!$G$22=$B$24,21,0),0)),0)</f>
        <v>0</v>
      </c>
      <c r="I1803">
        <f t="shared" si="209"/>
        <v>6.8403814237389859</v>
      </c>
      <c r="J1803">
        <f t="shared" si="210"/>
        <v>23.705284868125553</v>
      </c>
      <c r="K1803">
        <f t="shared" si="211"/>
        <v>0.95784893045544883</v>
      </c>
      <c r="L1803">
        <f t="shared" si="212"/>
        <v>0.47892446522772442</v>
      </c>
      <c r="M1803">
        <f t="shared" si="213"/>
        <v>0</v>
      </c>
      <c r="N1803" s="45">
        <f t="shared" si="214"/>
        <v>45000.708333329043</v>
      </c>
    </row>
    <row r="1804" spans="2:14" x14ac:dyDescent="0.25">
      <c r="B1804">
        <f t="shared" si="208"/>
        <v>3</v>
      </c>
      <c r="C1804" s="16">
        <v>1770</v>
      </c>
      <c r="D1804" cm="1">
        <f t="array" ref="D1804">IFERROR(INDEX(Jesper!AH$2:AH$366,ROUNDDOWN($C1804/24,0)+1,1)*INDEX($D$3:$AA$30,INDEX(Jesper!$R$2:$R$366,ROW(INDEX(Jesper!AH$2:AH$366,ROUNDDOWN($C1804/24,0)+1,1))-1)+IF('Standard Profiles'!$G$18=$B$10,7,0)+IF('Standard Profiles'!$G$18=$B$17,14,0)+IF('Standard Profiles'!$G$18=$B$24,21,0),MOD($C1804,24)+1)/SUM(INDEX($D$3:$AA$30,INDEX(Jesper!$R$2:$R$366,ROW(INDEX(Jesper!AH$2:AH$366,ROUNDDOWN($C1804/24,0)+1,1))-1)+IF('Standard Profiles'!$G$18=$B$10,7,0)+IF('Standard Profiles'!$G$18=$B$17,14,0)+IF('Standard Profiles'!$G$18=$B$24,21,0),0)),0)</f>
        <v>5.9266902571930897</v>
      </c>
      <c r="E1804" cm="1">
        <f t="array" ref="E1804">IFERROR(INDEX(Jesper!AI$2:AI$366,ROUNDDOWN($C1804/24,0)+1,1)*INDEX($D$3:$AA$30,INDEX(Jesper!$R$2:$R$366,ROW(INDEX(Jesper!AI$2:AI$366,ROUNDDOWN($C1804/24,0)+1,1))-1)+IF('Standard Profiles'!$G$19=$B$10,7,0)+IF('Standard Profiles'!$G$19=$B$17,14,0)+IF('Standard Profiles'!$G$19=$B$24,21,0),MOD($C1804,24)+1)/SUM(INDEX($D$3:$AA$30,INDEX(Jesper!$R$2:$R$366,ROW(INDEX(Jesper!AI$2:AI$366,ROUNDDOWN($C1804/24,0)+1,1))-1)+IF('Standard Profiles'!$G$19=$B$10,7,0)+IF('Standard Profiles'!$G$19=$B$17,14,0)+IF('Standard Profiles'!$G$19=$B$24,21,0),0)),0)</f>
        <v>5.7761954789472885</v>
      </c>
      <c r="F1804" cm="1">
        <f t="array" ref="F1804">IFERROR(INDEX(Jesper!AJ$2:AJ$366,ROUNDDOWN($C1804/24,0)+1,1)*INDEX($D$3:$AA$30,INDEX(Jesper!$R$2:$R$366,ROW(INDEX(Jesper!AJ$2:AJ$366,ROUNDDOWN($C1804/24,0)+1,1))-1)+IF('Standard Profiles'!$G$20=$B$10,7,0)+IF('Standard Profiles'!$G$20=$B$17,14,0)+IF('Standard Profiles'!$G$20=$B$24,21,0),MOD($C1804,24)+1)/SUM(INDEX($D$3:$AA$30,INDEX(Jesper!$R$2:$R$366,ROW(INDEX(Jesper!AJ$2:AJ$366,ROUNDDOWN($C1804/24,0)+1,1))-1)+IF('Standard Profiles'!$G$20=$B$10,7,0)+IF('Standard Profiles'!$G$20=$B$17,14,0)+IF('Standard Profiles'!$G$20=$B$24,21,0),0)),0)</f>
        <v>0</v>
      </c>
      <c r="G1804" cm="1">
        <f t="array" ref="G1804">IFERROR(INDEX(Jesper!AK$2:AK$366,ROUNDDOWN($C1804/24,0)+1,1)*INDEX($D$3:$AA$30,INDEX(Jesper!$R$2:$R$366,ROW(INDEX(Jesper!AK$2:AK$366,ROUNDDOWN($C1804/24,0)+1,1))-1)+IF('Standard Profiles'!$G$21=$B$10,7,0)+IF('Standard Profiles'!$G$21=$B$17,14,0)+IF('Standard Profiles'!$G$21=$B$24,21,0),MOD($C1804,24)+1)/SUM(INDEX($D$3:$AA$30,INDEX(Jesper!$R$2:$R$366,ROW(INDEX(Jesper!AK$2:AK$366,ROUNDDOWN($C1804/24,0)+1,1))-1)+IF('Standard Profiles'!$G$21=$B$10,7,0)+IF('Standard Profiles'!$G$21=$B$17,14,0)+IF('Standard Profiles'!$G$21=$B$24,21,0),0)),0)</f>
        <v>5.2829637192917742</v>
      </c>
      <c r="H1804" cm="1">
        <f t="array" ref="H1804">IFERROR(INDEX(Jesper!AL$2:AL$366,ROUNDDOWN($C1804/24,0)+1,1)*INDEX($D$3:$AA$30,INDEX(Jesper!$R$2:$R$366,ROW(INDEX(Jesper!AL$2:AL$366,ROUNDDOWN($C1804/24,0)+1,1))-1)+IF('Standard Profiles'!$G$22=$B$10,7,0)+IF('Standard Profiles'!$G$22=$B$17,14,0)+IF('Standard Profiles'!$G$22=$B$24,21,0),MOD($C1804,24)+1)/SUM(INDEX($D$3:$AA$30,INDEX(Jesper!$R$2:$R$366,ROW(INDEX(Jesper!AL$2:AL$366,ROUNDDOWN($C1804/24,0)+1,1))-1)+IF('Standard Profiles'!$G$22=$B$10,7,0)+IF('Standard Profiles'!$G$22=$B$17,14,0)+IF('Standard Profiles'!$G$22=$B$24,21,0),0)),0)</f>
        <v>0</v>
      </c>
      <c r="I1804">
        <f t="shared" si="209"/>
        <v>2.5358225852600502</v>
      </c>
      <c r="J1804">
        <f t="shared" si="210"/>
        <v>13.501756429021208</v>
      </c>
      <c r="K1804">
        <f t="shared" si="211"/>
        <v>0.63218029410059629</v>
      </c>
      <c r="L1804">
        <f t="shared" si="212"/>
        <v>0.31609014705029814</v>
      </c>
      <c r="M1804">
        <f t="shared" si="213"/>
        <v>0</v>
      </c>
      <c r="N1804" s="45">
        <f t="shared" si="214"/>
        <v>45000.749999995707</v>
      </c>
    </row>
    <row r="1805" spans="2:14" x14ac:dyDescent="0.25">
      <c r="B1805">
        <f t="shared" si="208"/>
        <v>3</v>
      </c>
      <c r="C1805" s="16">
        <v>1771</v>
      </c>
      <c r="D1805" cm="1">
        <f t="array" ref="D1805">IFERROR(INDEX(Jesper!AH$2:AH$366,ROUNDDOWN($C1805/24,0)+1,1)*INDEX($D$3:$AA$30,INDEX(Jesper!$R$2:$R$366,ROW(INDEX(Jesper!AH$2:AH$366,ROUNDDOWN($C1805/24,0)+1,1))-1)+IF('Standard Profiles'!$G$18=$B$10,7,0)+IF('Standard Profiles'!$G$18=$B$17,14,0)+IF('Standard Profiles'!$G$18=$B$24,21,0),MOD($C1805,24)+1)/SUM(INDEX($D$3:$AA$30,INDEX(Jesper!$R$2:$R$366,ROW(INDEX(Jesper!AH$2:AH$366,ROUNDDOWN($C1805/24,0)+1,1))-1)+IF('Standard Profiles'!$G$18=$B$10,7,0)+IF('Standard Profiles'!$G$18=$B$17,14,0)+IF('Standard Profiles'!$G$18=$B$24,21,0),0)),0)</f>
        <v>5.9266902571930897</v>
      </c>
      <c r="E1805" cm="1">
        <f t="array" ref="E1805">IFERROR(INDEX(Jesper!AI$2:AI$366,ROUNDDOWN($C1805/24,0)+1,1)*INDEX($D$3:$AA$30,INDEX(Jesper!$R$2:$R$366,ROW(INDEX(Jesper!AI$2:AI$366,ROUNDDOWN($C1805/24,0)+1,1))-1)+IF('Standard Profiles'!$G$19=$B$10,7,0)+IF('Standard Profiles'!$G$19=$B$17,14,0)+IF('Standard Profiles'!$G$19=$B$24,21,0),MOD($C1805,24)+1)/SUM(INDEX($D$3:$AA$30,INDEX(Jesper!$R$2:$R$366,ROW(INDEX(Jesper!AI$2:AI$366,ROUNDDOWN($C1805/24,0)+1,1))-1)+IF('Standard Profiles'!$G$19=$B$10,7,0)+IF('Standard Profiles'!$G$19=$B$17,14,0)+IF('Standard Profiles'!$G$19=$B$24,21,0),0)),0)</f>
        <v>5.7761954789472885</v>
      </c>
      <c r="F1805" cm="1">
        <f t="array" ref="F1805">IFERROR(INDEX(Jesper!AJ$2:AJ$366,ROUNDDOWN($C1805/24,0)+1,1)*INDEX($D$3:$AA$30,INDEX(Jesper!$R$2:$R$366,ROW(INDEX(Jesper!AJ$2:AJ$366,ROUNDDOWN($C1805/24,0)+1,1))-1)+IF('Standard Profiles'!$G$20=$B$10,7,0)+IF('Standard Profiles'!$G$20=$B$17,14,0)+IF('Standard Profiles'!$G$20=$B$24,21,0),MOD($C1805,24)+1)/SUM(INDEX($D$3:$AA$30,INDEX(Jesper!$R$2:$R$366,ROW(INDEX(Jesper!AJ$2:AJ$366,ROUNDDOWN($C1805/24,0)+1,1))-1)+IF('Standard Profiles'!$G$20=$B$10,7,0)+IF('Standard Profiles'!$G$20=$B$17,14,0)+IF('Standard Profiles'!$G$20=$B$24,21,0),0)),0)</f>
        <v>0</v>
      </c>
      <c r="G1805" cm="1">
        <f t="array" ref="G1805">IFERROR(INDEX(Jesper!AK$2:AK$366,ROUNDDOWN($C1805/24,0)+1,1)*INDEX($D$3:$AA$30,INDEX(Jesper!$R$2:$R$366,ROW(INDEX(Jesper!AK$2:AK$366,ROUNDDOWN($C1805/24,0)+1,1))-1)+IF('Standard Profiles'!$G$21=$B$10,7,0)+IF('Standard Profiles'!$G$21=$B$17,14,0)+IF('Standard Profiles'!$G$21=$B$24,21,0),MOD($C1805,24)+1)/SUM(INDEX($D$3:$AA$30,INDEX(Jesper!$R$2:$R$366,ROW(INDEX(Jesper!AK$2:AK$366,ROUNDDOWN($C1805/24,0)+1,1))-1)+IF('Standard Profiles'!$G$21=$B$10,7,0)+IF('Standard Profiles'!$G$21=$B$17,14,0)+IF('Standard Profiles'!$G$21=$B$24,21,0),0)),0)</f>
        <v>5.2829637192917742</v>
      </c>
      <c r="H1805" cm="1">
        <f t="array" ref="H1805">IFERROR(INDEX(Jesper!AL$2:AL$366,ROUNDDOWN($C1805/24,0)+1,1)*INDEX($D$3:$AA$30,INDEX(Jesper!$R$2:$R$366,ROW(INDEX(Jesper!AL$2:AL$366,ROUNDDOWN($C1805/24,0)+1,1))-1)+IF('Standard Profiles'!$G$22=$B$10,7,0)+IF('Standard Profiles'!$G$22=$B$17,14,0)+IF('Standard Profiles'!$G$22=$B$24,21,0),MOD($C1805,24)+1)/SUM(INDEX($D$3:$AA$30,INDEX(Jesper!$R$2:$R$366,ROW(INDEX(Jesper!AL$2:AL$366,ROUNDDOWN($C1805/24,0)+1,1))-1)+IF('Standard Profiles'!$G$22=$B$10,7,0)+IF('Standard Profiles'!$G$22=$B$17,14,0)+IF('Standard Profiles'!$G$22=$B$24,21,0),0)),0)</f>
        <v>0</v>
      </c>
      <c r="I1805">
        <f t="shared" si="209"/>
        <v>2.5358225852600502</v>
      </c>
      <c r="J1805">
        <f t="shared" si="210"/>
        <v>13.501756429021208</v>
      </c>
      <c r="K1805">
        <f t="shared" si="211"/>
        <v>0.63218029410059629</v>
      </c>
      <c r="L1805">
        <f t="shared" si="212"/>
        <v>0.31609014705029814</v>
      </c>
      <c r="M1805">
        <f t="shared" si="213"/>
        <v>0</v>
      </c>
      <c r="N1805" s="45">
        <f t="shared" si="214"/>
        <v>45000.791666662371</v>
      </c>
    </row>
    <row r="1806" spans="2:14" x14ac:dyDescent="0.25">
      <c r="B1806">
        <f t="shared" si="208"/>
        <v>3</v>
      </c>
      <c r="C1806" s="16">
        <v>1772</v>
      </c>
      <c r="D1806" cm="1">
        <f t="array" ref="D1806">IFERROR(INDEX(Jesper!AH$2:AH$366,ROUNDDOWN($C1806/24,0)+1,1)*INDEX($D$3:$AA$30,INDEX(Jesper!$R$2:$R$366,ROW(INDEX(Jesper!AH$2:AH$366,ROUNDDOWN($C1806/24,0)+1,1))-1)+IF('Standard Profiles'!$G$18=$B$10,7,0)+IF('Standard Profiles'!$G$18=$B$17,14,0)+IF('Standard Profiles'!$G$18=$B$24,21,0),MOD($C1806,24)+1)/SUM(INDEX($D$3:$AA$30,INDEX(Jesper!$R$2:$R$366,ROW(INDEX(Jesper!AH$2:AH$366,ROUNDDOWN($C1806/24,0)+1,1))-1)+IF('Standard Profiles'!$G$18=$B$10,7,0)+IF('Standard Profiles'!$G$18=$B$17,14,0)+IF('Standard Profiles'!$G$18=$B$24,21,0),0)),0)</f>
        <v>5.9266902571930897</v>
      </c>
      <c r="E1806" cm="1">
        <f t="array" ref="E1806">IFERROR(INDEX(Jesper!AI$2:AI$366,ROUNDDOWN($C1806/24,0)+1,1)*INDEX($D$3:$AA$30,INDEX(Jesper!$R$2:$R$366,ROW(INDEX(Jesper!AI$2:AI$366,ROUNDDOWN($C1806/24,0)+1,1))-1)+IF('Standard Profiles'!$G$19=$B$10,7,0)+IF('Standard Profiles'!$G$19=$B$17,14,0)+IF('Standard Profiles'!$G$19=$B$24,21,0),MOD($C1806,24)+1)/SUM(INDEX($D$3:$AA$30,INDEX(Jesper!$R$2:$R$366,ROW(INDEX(Jesper!AI$2:AI$366,ROUNDDOWN($C1806/24,0)+1,1))-1)+IF('Standard Profiles'!$G$19=$B$10,7,0)+IF('Standard Profiles'!$G$19=$B$17,14,0)+IF('Standard Profiles'!$G$19=$B$24,21,0),0)),0)</f>
        <v>5.7761954789472885</v>
      </c>
      <c r="F1806" cm="1">
        <f t="array" ref="F1806">IFERROR(INDEX(Jesper!AJ$2:AJ$366,ROUNDDOWN($C1806/24,0)+1,1)*INDEX($D$3:$AA$30,INDEX(Jesper!$R$2:$R$366,ROW(INDEX(Jesper!AJ$2:AJ$366,ROUNDDOWN($C1806/24,0)+1,1))-1)+IF('Standard Profiles'!$G$20=$B$10,7,0)+IF('Standard Profiles'!$G$20=$B$17,14,0)+IF('Standard Profiles'!$G$20=$B$24,21,0),MOD($C1806,24)+1)/SUM(INDEX($D$3:$AA$30,INDEX(Jesper!$R$2:$R$366,ROW(INDEX(Jesper!AJ$2:AJ$366,ROUNDDOWN($C1806/24,0)+1,1))-1)+IF('Standard Profiles'!$G$20=$B$10,7,0)+IF('Standard Profiles'!$G$20=$B$17,14,0)+IF('Standard Profiles'!$G$20=$B$24,21,0),0)),0)</f>
        <v>0</v>
      </c>
      <c r="G1806" cm="1">
        <f t="array" ref="G1806">IFERROR(INDEX(Jesper!AK$2:AK$366,ROUNDDOWN($C1806/24,0)+1,1)*INDEX($D$3:$AA$30,INDEX(Jesper!$R$2:$R$366,ROW(INDEX(Jesper!AK$2:AK$366,ROUNDDOWN($C1806/24,0)+1,1))-1)+IF('Standard Profiles'!$G$21=$B$10,7,0)+IF('Standard Profiles'!$G$21=$B$17,14,0)+IF('Standard Profiles'!$G$21=$B$24,21,0),MOD($C1806,24)+1)/SUM(INDEX($D$3:$AA$30,INDEX(Jesper!$R$2:$R$366,ROW(INDEX(Jesper!AK$2:AK$366,ROUNDDOWN($C1806/24,0)+1,1))-1)+IF('Standard Profiles'!$G$21=$B$10,7,0)+IF('Standard Profiles'!$G$21=$B$17,14,0)+IF('Standard Profiles'!$G$21=$B$24,21,0),0)),0)</f>
        <v>5.2829637192917742</v>
      </c>
      <c r="H1806" cm="1">
        <f t="array" ref="H1806">IFERROR(INDEX(Jesper!AL$2:AL$366,ROUNDDOWN($C1806/24,0)+1,1)*INDEX($D$3:$AA$30,INDEX(Jesper!$R$2:$R$366,ROW(INDEX(Jesper!AL$2:AL$366,ROUNDDOWN($C1806/24,0)+1,1))-1)+IF('Standard Profiles'!$G$22=$B$10,7,0)+IF('Standard Profiles'!$G$22=$B$17,14,0)+IF('Standard Profiles'!$G$22=$B$24,21,0),MOD($C1806,24)+1)/SUM(INDEX($D$3:$AA$30,INDEX(Jesper!$R$2:$R$366,ROW(INDEX(Jesper!AL$2:AL$366,ROUNDDOWN($C1806/24,0)+1,1))-1)+IF('Standard Profiles'!$G$22=$B$10,7,0)+IF('Standard Profiles'!$G$22=$B$17,14,0)+IF('Standard Profiles'!$G$22=$B$24,21,0),0)),0)</f>
        <v>0</v>
      </c>
      <c r="I1806">
        <f t="shared" si="209"/>
        <v>2.5358225852600502</v>
      </c>
      <c r="J1806">
        <f t="shared" si="210"/>
        <v>13.501756429021208</v>
      </c>
      <c r="K1806">
        <f t="shared" si="211"/>
        <v>0.63218029410059629</v>
      </c>
      <c r="L1806">
        <f t="shared" si="212"/>
        <v>0.31609014705029814</v>
      </c>
      <c r="M1806">
        <f t="shared" si="213"/>
        <v>0</v>
      </c>
      <c r="N1806" s="45">
        <f t="shared" si="214"/>
        <v>45000.833333329036</v>
      </c>
    </row>
    <row r="1807" spans="2:14" x14ac:dyDescent="0.25">
      <c r="B1807">
        <f t="shared" si="208"/>
        <v>3</v>
      </c>
      <c r="C1807" s="16">
        <v>1773</v>
      </c>
      <c r="D1807" cm="1">
        <f t="array" ref="D1807">IFERROR(INDEX(Jesper!AH$2:AH$366,ROUNDDOWN($C1807/24,0)+1,1)*INDEX($D$3:$AA$30,INDEX(Jesper!$R$2:$R$366,ROW(INDEX(Jesper!AH$2:AH$366,ROUNDDOWN($C1807/24,0)+1,1))-1)+IF('Standard Profiles'!$G$18=$B$10,7,0)+IF('Standard Profiles'!$G$18=$B$17,14,0)+IF('Standard Profiles'!$G$18=$B$24,21,0),MOD($C1807,24)+1)/SUM(INDEX($D$3:$AA$30,INDEX(Jesper!$R$2:$R$366,ROW(INDEX(Jesper!AH$2:AH$366,ROUNDDOWN($C1807/24,0)+1,1))-1)+IF('Standard Profiles'!$G$18=$B$10,7,0)+IF('Standard Profiles'!$G$18=$B$17,14,0)+IF('Standard Profiles'!$G$18=$B$24,21,0),0)),0)</f>
        <v>5.9266902571930897</v>
      </c>
      <c r="E1807" cm="1">
        <f t="array" ref="E1807">IFERROR(INDEX(Jesper!AI$2:AI$366,ROUNDDOWN($C1807/24,0)+1,1)*INDEX($D$3:$AA$30,INDEX(Jesper!$R$2:$R$366,ROW(INDEX(Jesper!AI$2:AI$366,ROUNDDOWN($C1807/24,0)+1,1))-1)+IF('Standard Profiles'!$G$19=$B$10,7,0)+IF('Standard Profiles'!$G$19=$B$17,14,0)+IF('Standard Profiles'!$G$19=$B$24,21,0),MOD($C1807,24)+1)/SUM(INDEX($D$3:$AA$30,INDEX(Jesper!$R$2:$R$366,ROW(INDEX(Jesper!AI$2:AI$366,ROUNDDOWN($C1807/24,0)+1,1))-1)+IF('Standard Profiles'!$G$19=$B$10,7,0)+IF('Standard Profiles'!$G$19=$B$17,14,0)+IF('Standard Profiles'!$G$19=$B$24,21,0),0)),0)</f>
        <v>5.7761954789472885</v>
      </c>
      <c r="F1807" cm="1">
        <f t="array" ref="F1807">IFERROR(INDEX(Jesper!AJ$2:AJ$366,ROUNDDOWN($C1807/24,0)+1,1)*INDEX($D$3:$AA$30,INDEX(Jesper!$R$2:$R$366,ROW(INDEX(Jesper!AJ$2:AJ$366,ROUNDDOWN($C1807/24,0)+1,1))-1)+IF('Standard Profiles'!$G$20=$B$10,7,0)+IF('Standard Profiles'!$G$20=$B$17,14,0)+IF('Standard Profiles'!$G$20=$B$24,21,0),MOD($C1807,24)+1)/SUM(INDEX($D$3:$AA$30,INDEX(Jesper!$R$2:$R$366,ROW(INDEX(Jesper!AJ$2:AJ$366,ROUNDDOWN($C1807/24,0)+1,1))-1)+IF('Standard Profiles'!$G$20=$B$10,7,0)+IF('Standard Profiles'!$G$20=$B$17,14,0)+IF('Standard Profiles'!$G$20=$B$24,21,0),0)),0)</f>
        <v>0</v>
      </c>
      <c r="G1807" cm="1">
        <f t="array" ref="G1807">IFERROR(INDEX(Jesper!AK$2:AK$366,ROUNDDOWN($C1807/24,0)+1,1)*INDEX($D$3:$AA$30,INDEX(Jesper!$R$2:$R$366,ROW(INDEX(Jesper!AK$2:AK$366,ROUNDDOWN($C1807/24,0)+1,1))-1)+IF('Standard Profiles'!$G$21=$B$10,7,0)+IF('Standard Profiles'!$G$21=$B$17,14,0)+IF('Standard Profiles'!$G$21=$B$24,21,0),MOD($C1807,24)+1)/SUM(INDEX($D$3:$AA$30,INDEX(Jesper!$R$2:$R$366,ROW(INDEX(Jesper!AK$2:AK$366,ROUNDDOWN($C1807/24,0)+1,1))-1)+IF('Standard Profiles'!$G$21=$B$10,7,0)+IF('Standard Profiles'!$G$21=$B$17,14,0)+IF('Standard Profiles'!$G$21=$B$24,21,0),0)),0)</f>
        <v>5.2829637192917742</v>
      </c>
      <c r="H1807" cm="1">
        <f t="array" ref="H1807">IFERROR(INDEX(Jesper!AL$2:AL$366,ROUNDDOWN($C1807/24,0)+1,1)*INDEX($D$3:$AA$30,INDEX(Jesper!$R$2:$R$366,ROW(INDEX(Jesper!AL$2:AL$366,ROUNDDOWN($C1807/24,0)+1,1))-1)+IF('Standard Profiles'!$G$22=$B$10,7,0)+IF('Standard Profiles'!$G$22=$B$17,14,0)+IF('Standard Profiles'!$G$22=$B$24,21,0),MOD($C1807,24)+1)/SUM(INDEX($D$3:$AA$30,INDEX(Jesper!$R$2:$R$366,ROW(INDEX(Jesper!AL$2:AL$366,ROUNDDOWN($C1807/24,0)+1,1))-1)+IF('Standard Profiles'!$G$22=$B$10,7,0)+IF('Standard Profiles'!$G$22=$B$17,14,0)+IF('Standard Profiles'!$G$22=$B$24,21,0),0)),0)</f>
        <v>0</v>
      </c>
      <c r="I1807">
        <f t="shared" si="209"/>
        <v>2.5358225852600502</v>
      </c>
      <c r="J1807">
        <f t="shared" si="210"/>
        <v>13.501756429021208</v>
      </c>
      <c r="K1807">
        <f t="shared" si="211"/>
        <v>0.63218029410059629</v>
      </c>
      <c r="L1807">
        <f t="shared" si="212"/>
        <v>0.31609014705029814</v>
      </c>
      <c r="M1807">
        <f t="shared" si="213"/>
        <v>0</v>
      </c>
      <c r="N1807" s="45">
        <f t="shared" si="214"/>
        <v>45000.8749999957</v>
      </c>
    </row>
    <row r="1808" spans="2:14" x14ac:dyDescent="0.25">
      <c r="B1808">
        <f t="shared" si="208"/>
        <v>3</v>
      </c>
      <c r="C1808" s="16">
        <v>1774</v>
      </c>
      <c r="D1808" cm="1">
        <f t="array" ref="D1808">IFERROR(INDEX(Jesper!AH$2:AH$366,ROUNDDOWN($C1808/24,0)+1,1)*INDEX($D$3:$AA$30,INDEX(Jesper!$R$2:$R$366,ROW(INDEX(Jesper!AH$2:AH$366,ROUNDDOWN($C1808/24,0)+1,1))-1)+IF('Standard Profiles'!$G$18=$B$10,7,0)+IF('Standard Profiles'!$G$18=$B$17,14,0)+IF('Standard Profiles'!$G$18=$B$24,21,0),MOD($C1808,24)+1)/SUM(INDEX($D$3:$AA$30,INDEX(Jesper!$R$2:$R$366,ROW(INDEX(Jesper!AH$2:AH$366,ROUNDDOWN($C1808/24,0)+1,1))-1)+IF('Standard Profiles'!$G$18=$B$10,7,0)+IF('Standard Profiles'!$G$18=$B$17,14,0)+IF('Standard Profiles'!$G$18=$B$24,21,0),0)),0)</f>
        <v>5.9266902571930897</v>
      </c>
      <c r="E1808" cm="1">
        <f t="array" ref="E1808">IFERROR(INDEX(Jesper!AI$2:AI$366,ROUNDDOWN($C1808/24,0)+1,1)*INDEX($D$3:$AA$30,INDEX(Jesper!$R$2:$R$366,ROW(INDEX(Jesper!AI$2:AI$366,ROUNDDOWN($C1808/24,0)+1,1))-1)+IF('Standard Profiles'!$G$19=$B$10,7,0)+IF('Standard Profiles'!$G$19=$B$17,14,0)+IF('Standard Profiles'!$G$19=$B$24,21,0),MOD($C1808,24)+1)/SUM(INDEX($D$3:$AA$30,INDEX(Jesper!$R$2:$R$366,ROW(INDEX(Jesper!AI$2:AI$366,ROUNDDOWN($C1808/24,0)+1,1))-1)+IF('Standard Profiles'!$G$19=$B$10,7,0)+IF('Standard Profiles'!$G$19=$B$17,14,0)+IF('Standard Profiles'!$G$19=$B$24,21,0),0)),0)</f>
        <v>5.7761954789472885</v>
      </c>
      <c r="F1808" cm="1">
        <f t="array" ref="F1808">IFERROR(INDEX(Jesper!AJ$2:AJ$366,ROUNDDOWN($C1808/24,0)+1,1)*INDEX($D$3:$AA$30,INDEX(Jesper!$R$2:$R$366,ROW(INDEX(Jesper!AJ$2:AJ$366,ROUNDDOWN($C1808/24,0)+1,1))-1)+IF('Standard Profiles'!$G$20=$B$10,7,0)+IF('Standard Profiles'!$G$20=$B$17,14,0)+IF('Standard Profiles'!$G$20=$B$24,21,0),MOD($C1808,24)+1)/SUM(INDEX($D$3:$AA$30,INDEX(Jesper!$R$2:$R$366,ROW(INDEX(Jesper!AJ$2:AJ$366,ROUNDDOWN($C1808/24,0)+1,1))-1)+IF('Standard Profiles'!$G$20=$B$10,7,0)+IF('Standard Profiles'!$G$20=$B$17,14,0)+IF('Standard Profiles'!$G$20=$B$24,21,0),0)),0)</f>
        <v>0</v>
      </c>
      <c r="G1808" cm="1">
        <f t="array" ref="G1808">IFERROR(INDEX(Jesper!AK$2:AK$366,ROUNDDOWN($C1808/24,0)+1,1)*INDEX($D$3:$AA$30,INDEX(Jesper!$R$2:$R$366,ROW(INDEX(Jesper!AK$2:AK$366,ROUNDDOWN($C1808/24,0)+1,1))-1)+IF('Standard Profiles'!$G$21=$B$10,7,0)+IF('Standard Profiles'!$G$21=$B$17,14,0)+IF('Standard Profiles'!$G$21=$B$24,21,0),MOD($C1808,24)+1)/SUM(INDEX($D$3:$AA$30,INDEX(Jesper!$R$2:$R$366,ROW(INDEX(Jesper!AK$2:AK$366,ROUNDDOWN($C1808/24,0)+1,1))-1)+IF('Standard Profiles'!$G$21=$B$10,7,0)+IF('Standard Profiles'!$G$21=$B$17,14,0)+IF('Standard Profiles'!$G$21=$B$24,21,0),0)),0)</f>
        <v>5.2829637192917742</v>
      </c>
      <c r="H1808" cm="1">
        <f t="array" ref="H1808">IFERROR(INDEX(Jesper!AL$2:AL$366,ROUNDDOWN($C1808/24,0)+1,1)*INDEX($D$3:$AA$30,INDEX(Jesper!$R$2:$R$366,ROW(INDEX(Jesper!AL$2:AL$366,ROUNDDOWN($C1808/24,0)+1,1))-1)+IF('Standard Profiles'!$G$22=$B$10,7,0)+IF('Standard Profiles'!$G$22=$B$17,14,0)+IF('Standard Profiles'!$G$22=$B$24,21,0),MOD($C1808,24)+1)/SUM(INDEX($D$3:$AA$30,INDEX(Jesper!$R$2:$R$366,ROW(INDEX(Jesper!AL$2:AL$366,ROUNDDOWN($C1808/24,0)+1,1))-1)+IF('Standard Profiles'!$G$22=$B$10,7,0)+IF('Standard Profiles'!$G$22=$B$17,14,0)+IF('Standard Profiles'!$G$22=$B$24,21,0),0)),0)</f>
        <v>0</v>
      </c>
      <c r="I1808">
        <f t="shared" si="209"/>
        <v>2.5358225852600502</v>
      </c>
      <c r="J1808">
        <f t="shared" si="210"/>
        <v>13.501756429021208</v>
      </c>
      <c r="K1808">
        <f t="shared" si="211"/>
        <v>0.63218029410059629</v>
      </c>
      <c r="L1808">
        <f t="shared" si="212"/>
        <v>0.31609014705029814</v>
      </c>
      <c r="M1808">
        <f t="shared" si="213"/>
        <v>0</v>
      </c>
      <c r="N1808" s="45">
        <f t="shared" si="214"/>
        <v>45000.916666662364</v>
      </c>
    </row>
    <row r="1809" spans="2:14" x14ac:dyDescent="0.25">
      <c r="B1809">
        <f t="shared" si="208"/>
        <v>3</v>
      </c>
      <c r="C1809" s="16">
        <v>1775</v>
      </c>
      <c r="D1809" cm="1">
        <f t="array" ref="D1809">IFERROR(INDEX(Jesper!AH$2:AH$366,ROUNDDOWN($C1809/24,0)+1,1)*INDEX($D$3:$AA$30,INDEX(Jesper!$R$2:$R$366,ROW(INDEX(Jesper!AH$2:AH$366,ROUNDDOWN($C1809/24,0)+1,1))-1)+IF('Standard Profiles'!$G$18=$B$10,7,0)+IF('Standard Profiles'!$G$18=$B$17,14,0)+IF('Standard Profiles'!$G$18=$B$24,21,0),MOD($C1809,24)+1)/SUM(INDEX($D$3:$AA$30,INDEX(Jesper!$R$2:$R$366,ROW(INDEX(Jesper!AH$2:AH$366,ROUNDDOWN($C1809/24,0)+1,1))-1)+IF('Standard Profiles'!$G$18=$B$10,7,0)+IF('Standard Profiles'!$G$18=$B$17,14,0)+IF('Standard Profiles'!$G$18=$B$24,21,0),0)),0)</f>
        <v>5.9266902571930897</v>
      </c>
      <c r="E1809" cm="1">
        <f t="array" ref="E1809">IFERROR(INDEX(Jesper!AI$2:AI$366,ROUNDDOWN($C1809/24,0)+1,1)*INDEX($D$3:$AA$30,INDEX(Jesper!$R$2:$R$366,ROW(INDEX(Jesper!AI$2:AI$366,ROUNDDOWN($C1809/24,0)+1,1))-1)+IF('Standard Profiles'!$G$19=$B$10,7,0)+IF('Standard Profiles'!$G$19=$B$17,14,0)+IF('Standard Profiles'!$G$19=$B$24,21,0),MOD($C1809,24)+1)/SUM(INDEX($D$3:$AA$30,INDEX(Jesper!$R$2:$R$366,ROW(INDEX(Jesper!AI$2:AI$366,ROUNDDOWN($C1809/24,0)+1,1))-1)+IF('Standard Profiles'!$G$19=$B$10,7,0)+IF('Standard Profiles'!$G$19=$B$17,14,0)+IF('Standard Profiles'!$G$19=$B$24,21,0),0)),0)</f>
        <v>5.7761954789472885</v>
      </c>
      <c r="F1809" cm="1">
        <f t="array" ref="F1809">IFERROR(INDEX(Jesper!AJ$2:AJ$366,ROUNDDOWN($C1809/24,0)+1,1)*INDEX($D$3:$AA$30,INDEX(Jesper!$R$2:$R$366,ROW(INDEX(Jesper!AJ$2:AJ$366,ROUNDDOWN($C1809/24,0)+1,1))-1)+IF('Standard Profiles'!$G$20=$B$10,7,0)+IF('Standard Profiles'!$G$20=$B$17,14,0)+IF('Standard Profiles'!$G$20=$B$24,21,0),MOD($C1809,24)+1)/SUM(INDEX($D$3:$AA$30,INDEX(Jesper!$R$2:$R$366,ROW(INDEX(Jesper!AJ$2:AJ$366,ROUNDDOWN($C1809/24,0)+1,1))-1)+IF('Standard Profiles'!$G$20=$B$10,7,0)+IF('Standard Profiles'!$G$20=$B$17,14,0)+IF('Standard Profiles'!$G$20=$B$24,21,0),0)),0)</f>
        <v>0</v>
      </c>
      <c r="G1809" cm="1">
        <f t="array" ref="G1809">IFERROR(INDEX(Jesper!AK$2:AK$366,ROUNDDOWN($C1809/24,0)+1,1)*INDEX($D$3:$AA$30,INDEX(Jesper!$R$2:$R$366,ROW(INDEX(Jesper!AK$2:AK$366,ROUNDDOWN($C1809/24,0)+1,1))-1)+IF('Standard Profiles'!$G$21=$B$10,7,0)+IF('Standard Profiles'!$G$21=$B$17,14,0)+IF('Standard Profiles'!$G$21=$B$24,21,0),MOD($C1809,24)+1)/SUM(INDEX($D$3:$AA$30,INDEX(Jesper!$R$2:$R$366,ROW(INDEX(Jesper!AK$2:AK$366,ROUNDDOWN($C1809/24,0)+1,1))-1)+IF('Standard Profiles'!$G$21=$B$10,7,0)+IF('Standard Profiles'!$G$21=$B$17,14,0)+IF('Standard Profiles'!$G$21=$B$24,21,0),0)),0)</f>
        <v>5.2829637192917742</v>
      </c>
      <c r="H1809" cm="1">
        <f t="array" ref="H1809">IFERROR(INDEX(Jesper!AL$2:AL$366,ROUNDDOWN($C1809/24,0)+1,1)*INDEX($D$3:$AA$30,INDEX(Jesper!$R$2:$R$366,ROW(INDEX(Jesper!AL$2:AL$366,ROUNDDOWN($C1809/24,0)+1,1))-1)+IF('Standard Profiles'!$G$22=$B$10,7,0)+IF('Standard Profiles'!$G$22=$B$17,14,0)+IF('Standard Profiles'!$G$22=$B$24,21,0),MOD($C1809,24)+1)/SUM(INDEX($D$3:$AA$30,INDEX(Jesper!$R$2:$R$366,ROW(INDEX(Jesper!AL$2:AL$366,ROUNDDOWN($C1809/24,0)+1,1))-1)+IF('Standard Profiles'!$G$22=$B$10,7,0)+IF('Standard Profiles'!$G$22=$B$17,14,0)+IF('Standard Profiles'!$G$22=$B$24,21,0),0)),0)</f>
        <v>0</v>
      </c>
      <c r="I1809">
        <f t="shared" si="209"/>
        <v>2.5358225852600502</v>
      </c>
      <c r="J1809">
        <f t="shared" si="210"/>
        <v>13.501756429021208</v>
      </c>
      <c r="K1809">
        <f t="shared" si="211"/>
        <v>0.63218029410059629</v>
      </c>
      <c r="L1809">
        <f t="shared" si="212"/>
        <v>0.31609014705029814</v>
      </c>
      <c r="M1809">
        <f t="shared" si="213"/>
        <v>0</v>
      </c>
      <c r="N1809" s="45">
        <f t="shared" si="214"/>
        <v>45000.958333329028</v>
      </c>
    </row>
    <row r="1810" spans="2:14" x14ac:dyDescent="0.25">
      <c r="B1810">
        <f t="shared" si="208"/>
        <v>4</v>
      </c>
      <c r="C1810" s="16">
        <v>1776</v>
      </c>
      <c r="D1810" cm="1">
        <f t="array" ref="D1810">IFERROR(INDEX(Jesper!AH$2:AH$366,ROUNDDOWN($C1810/24,0)+1,1)*INDEX($D$3:$AA$30,INDEX(Jesper!$R$2:$R$366,ROW(INDEX(Jesper!AH$2:AH$366,ROUNDDOWN($C1810/24,0)+1,1))-1)+IF('Standard Profiles'!$G$18=$B$10,7,0)+IF('Standard Profiles'!$G$18=$B$17,14,0)+IF('Standard Profiles'!$G$18=$B$24,21,0),MOD($C1810,24)+1)/SUM(INDEX($D$3:$AA$30,INDEX(Jesper!$R$2:$R$366,ROW(INDEX(Jesper!AH$2:AH$366,ROUNDDOWN($C1810/24,0)+1,1))-1)+IF('Standard Profiles'!$G$18=$B$10,7,0)+IF('Standard Profiles'!$G$18=$B$17,14,0)+IF('Standard Profiles'!$G$18=$B$24,21,0),0)),0)</f>
        <v>6.0400731143130049</v>
      </c>
      <c r="E1810" cm="1">
        <f t="array" ref="E1810">IFERROR(INDEX(Jesper!AI$2:AI$366,ROUNDDOWN($C1810/24,0)+1,1)*INDEX($D$3:$AA$30,INDEX(Jesper!$R$2:$R$366,ROW(INDEX(Jesper!AI$2:AI$366,ROUNDDOWN($C1810/24,0)+1,1))-1)+IF('Standard Profiles'!$G$19=$B$10,7,0)+IF('Standard Profiles'!$G$19=$B$17,14,0)+IF('Standard Profiles'!$G$19=$B$24,21,0),MOD($C1810,24)+1)/SUM(INDEX($D$3:$AA$30,INDEX(Jesper!$R$2:$R$366,ROW(INDEX(Jesper!AI$2:AI$366,ROUNDDOWN($C1810/24,0)+1,1))-1)+IF('Standard Profiles'!$G$19=$B$10,7,0)+IF('Standard Profiles'!$G$19=$B$17,14,0)+IF('Standard Profiles'!$G$19=$B$24,21,0),0)),0)</f>
        <v>6.7151637313747532</v>
      </c>
      <c r="F1810" cm="1">
        <f t="array" ref="F1810">IFERROR(INDEX(Jesper!AJ$2:AJ$366,ROUNDDOWN($C1810/24,0)+1,1)*INDEX($D$3:$AA$30,INDEX(Jesper!$R$2:$R$366,ROW(INDEX(Jesper!AJ$2:AJ$366,ROUNDDOWN($C1810/24,0)+1,1))-1)+IF('Standard Profiles'!$G$20=$B$10,7,0)+IF('Standard Profiles'!$G$20=$B$17,14,0)+IF('Standard Profiles'!$G$20=$B$24,21,0),MOD($C1810,24)+1)/SUM(INDEX($D$3:$AA$30,INDEX(Jesper!$R$2:$R$366,ROW(INDEX(Jesper!AJ$2:AJ$366,ROUNDDOWN($C1810/24,0)+1,1))-1)+IF('Standard Profiles'!$G$20=$B$10,7,0)+IF('Standard Profiles'!$G$20=$B$17,14,0)+IF('Standard Profiles'!$G$20=$B$24,21,0),0)),0)</f>
        <v>0</v>
      </c>
      <c r="G1810" cm="1">
        <f t="array" ref="G1810">IFERROR(INDEX(Jesper!AK$2:AK$366,ROUNDDOWN($C1810/24,0)+1,1)*INDEX($D$3:$AA$30,INDEX(Jesper!$R$2:$R$366,ROW(INDEX(Jesper!AK$2:AK$366,ROUNDDOWN($C1810/24,0)+1,1))-1)+IF('Standard Profiles'!$G$21=$B$10,7,0)+IF('Standard Profiles'!$G$21=$B$17,14,0)+IF('Standard Profiles'!$G$21=$B$24,21,0),MOD($C1810,24)+1)/SUM(INDEX($D$3:$AA$30,INDEX(Jesper!$R$2:$R$366,ROW(INDEX(Jesper!AK$2:AK$366,ROUNDDOWN($C1810/24,0)+1,1))-1)+IF('Standard Profiles'!$G$21=$B$10,7,0)+IF('Standard Profiles'!$G$21=$B$17,14,0)+IF('Standard Profiles'!$G$21=$B$24,21,0),0)),0)</f>
        <v>7.7126898040137304</v>
      </c>
      <c r="H1810" cm="1">
        <f t="array" ref="H1810">IFERROR(INDEX(Jesper!AL$2:AL$366,ROUNDDOWN($C1810/24,0)+1,1)*INDEX($D$3:$AA$30,INDEX(Jesper!$R$2:$R$366,ROW(INDEX(Jesper!AL$2:AL$366,ROUNDDOWN($C1810/24,0)+1,1))-1)+IF('Standard Profiles'!$G$22=$B$10,7,0)+IF('Standard Profiles'!$G$22=$B$17,14,0)+IF('Standard Profiles'!$G$22=$B$24,21,0),MOD($C1810,24)+1)/SUM(INDEX($D$3:$AA$30,INDEX(Jesper!$R$2:$R$366,ROW(INDEX(Jesper!AL$2:AL$366,ROUNDDOWN($C1810/24,0)+1,1))-1)+IF('Standard Profiles'!$G$22=$B$10,7,0)+IF('Standard Profiles'!$G$22=$B$17,14,0)+IF('Standard Profiles'!$G$22=$B$24,21,0),0)),0)</f>
        <v>0</v>
      </c>
      <c r="I1810">
        <f t="shared" si="209"/>
        <v>3.7020911059265886</v>
      </c>
      <c r="J1810">
        <f t="shared" si="210"/>
        <v>15.799423845484819</v>
      </c>
      <c r="K1810">
        <f t="shared" si="211"/>
        <v>0.64427446552672052</v>
      </c>
      <c r="L1810">
        <f t="shared" si="212"/>
        <v>0.32213723276336026</v>
      </c>
      <c r="M1810">
        <f t="shared" si="213"/>
        <v>0</v>
      </c>
      <c r="N1810" s="45">
        <f t="shared" si="214"/>
        <v>45000.999999995693</v>
      </c>
    </row>
    <row r="1811" spans="2:14" x14ac:dyDescent="0.25">
      <c r="B1811">
        <f t="shared" si="208"/>
        <v>4</v>
      </c>
      <c r="C1811" s="16">
        <v>1777</v>
      </c>
      <c r="D1811" cm="1">
        <f t="array" ref="D1811">IFERROR(INDEX(Jesper!AH$2:AH$366,ROUNDDOWN($C1811/24,0)+1,1)*INDEX($D$3:$AA$30,INDEX(Jesper!$R$2:$R$366,ROW(INDEX(Jesper!AH$2:AH$366,ROUNDDOWN($C1811/24,0)+1,1))-1)+IF('Standard Profiles'!$G$18=$B$10,7,0)+IF('Standard Profiles'!$G$18=$B$17,14,0)+IF('Standard Profiles'!$G$18=$B$24,21,0),MOD($C1811,24)+1)/SUM(INDEX($D$3:$AA$30,INDEX(Jesper!$R$2:$R$366,ROW(INDEX(Jesper!AH$2:AH$366,ROUNDDOWN($C1811/24,0)+1,1))-1)+IF('Standard Profiles'!$G$18=$B$10,7,0)+IF('Standard Profiles'!$G$18=$B$17,14,0)+IF('Standard Profiles'!$G$18=$B$24,21,0),0)),0)</f>
        <v>6.0400731143130049</v>
      </c>
      <c r="E1811" cm="1">
        <f t="array" ref="E1811">IFERROR(INDEX(Jesper!AI$2:AI$366,ROUNDDOWN($C1811/24,0)+1,1)*INDEX($D$3:$AA$30,INDEX(Jesper!$R$2:$R$366,ROW(INDEX(Jesper!AI$2:AI$366,ROUNDDOWN($C1811/24,0)+1,1))-1)+IF('Standard Profiles'!$G$19=$B$10,7,0)+IF('Standard Profiles'!$G$19=$B$17,14,0)+IF('Standard Profiles'!$G$19=$B$24,21,0),MOD($C1811,24)+1)/SUM(INDEX($D$3:$AA$30,INDEX(Jesper!$R$2:$R$366,ROW(INDEX(Jesper!AI$2:AI$366,ROUNDDOWN($C1811/24,0)+1,1))-1)+IF('Standard Profiles'!$G$19=$B$10,7,0)+IF('Standard Profiles'!$G$19=$B$17,14,0)+IF('Standard Profiles'!$G$19=$B$24,21,0),0)),0)</f>
        <v>6.7151637313747532</v>
      </c>
      <c r="F1811" cm="1">
        <f t="array" ref="F1811">IFERROR(INDEX(Jesper!AJ$2:AJ$366,ROUNDDOWN($C1811/24,0)+1,1)*INDEX($D$3:$AA$30,INDEX(Jesper!$R$2:$R$366,ROW(INDEX(Jesper!AJ$2:AJ$366,ROUNDDOWN($C1811/24,0)+1,1))-1)+IF('Standard Profiles'!$G$20=$B$10,7,0)+IF('Standard Profiles'!$G$20=$B$17,14,0)+IF('Standard Profiles'!$G$20=$B$24,21,0),MOD($C1811,24)+1)/SUM(INDEX($D$3:$AA$30,INDEX(Jesper!$R$2:$R$366,ROW(INDEX(Jesper!AJ$2:AJ$366,ROUNDDOWN($C1811/24,0)+1,1))-1)+IF('Standard Profiles'!$G$20=$B$10,7,0)+IF('Standard Profiles'!$G$20=$B$17,14,0)+IF('Standard Profiles'!$G$20=$B$24,21,0),0)),0)</f>
        <v>0</v>
      </c>
      <c r="G1811" cm="1">
        <f t="array" ref="G1811">IFERROR(INDEX(Jesper!AK$2:AK$366,ROUNDDOWN($C1811/24,0)+1,1)*INDEX($D$3:$AA$30,INDEX(Jesper!$R$2:$R$366,ROW(INDEX(Jesper!AK$2:AK$366,ROUNDDOWN($C1811/24,0)+1,1))-1)+IF('Standard Profiles'!$G$21=$B$10,7,0)+IF('Standard Profiles'!$G$21=$B$17,14,0)+IF('Standard Profiles'!$G$21=$B$24,21,0),MOD($C1811,24)+1)/SUM(INDEX($D$3:$AA$30,INDEX(Jesper!$R$2:$R$366,ROW(INDEX(Jesper!AK$2:AK$366,ROUNDDOWN($C1811/24,0)+1,1))-1)+IF('Standard Profiles'!$G$21=$B$10,7,0)+IF('Standard Profiles'!$G$21=$B$17,14,0)+IF('Standard Profiles'!$G$21=$B$24,21,0),0)),0)</f>
        <v>7.7126898040137304</v>
      </c>
      <c r="H1811" cm="1">
        <f t="array" ref="H1811">IFERROR(INDEX(Jesper!AL$2:AL$366,ROUNDDOWN($C1811/24,0)+1,1)*INDEX($D$3:$AA$30,INDEX(Jesper!$R$2:$R$366,ROW(INDEX(Jesper!AL$2:AL$366,ROUNDDOWN($C1811/24,0)+1,1))-1)+IF('Standard Profiles'!$G$22=$B$10,7,0)+IF('Standard Profiles'!$G$22=$B$17,14,0)+IF('Standard Profiles'!$G$22=$B$24,21,0),MOD($C1811,24)+1)/SUM(INDEX($D$3:$AA$30,INDEX(Jesper!$R$2:$R$366,ROW(INDEX(Jesper!AL$2:AL$366,ROUNDDOWN($C1811/24,0)+1,1))-1)+IF('Standard Profiles'!$G$22=$B$10,7,0)+IF('Standard Profiles'!$G$22=$B$17,14,0)+IF('Standard Profiles'!$G$22=$B$24,21,0),0)),0)</f>
        <v>0</v>
      </c>
      <c r="I1811">
        <f t="shared" si="209"/>
        <v>3.7020911059265886</v>
      </c>
      <c r="J1811">
        <f t="shared" si="210"/>
        <v>15.799423845484819</v>
      </c>
      <c r="K1811">
        <f t="shared" si="211"/>
        <v>0.64427446552672052</v>
      </c>
      <c r="L1811">
        <f t="shared" si="212"/>
        <v>0.32213723276336026</v>
      </c>
      <c r="M1811">
        <f t="shared" si="213"/>
        <v>0</v>
      </c>
      <c r="N1811" s="45">
        <f t="shared" si="214"/>
        <v>45001.041666662357</v>
      </c>
    </row>
    <row r="1812" spans="2:14" x14ac:dyDescent="0.25">
      <c r="B1812">
        <f t="shared" si="208"/>
        <v>4</v>
      </c>
      <c r="C1812" s="16">
        <v>1778</v>
      </c>
      <c r="D1812" cm="1">
        <f t="array" ref="D1812">IFERROR(INDEX(Jesper!AH$2:AH$366,ROUNDDOWN($C1812/24,0)+1,1)*INDEX($D$3:$AA$30,INDEX(Jesper!$R$2:$R$366,ROW(INDEX(Jesper!AH$2:AH$366,ROUNDDOWN($C1812/24,0)+1,1))-1)+IF('Standard Profiles'!$G$18=$B$10,7,0)+IF('Standard Profiles'!$G$18=$B$17,14,0)+IF('Standard Profiles'!$G$18=$B$24,21,0),MOD($C1812,24)+1)/SUM(INDEX($D$3:$AA$30,INDEX(Jesper!$R$2:$R$366,ROW(INDEX(Jesper!AH$2:AH$366,ROUNDDOWN($C1812/24,0)+1,1))-1)+IF('Standard Profiles'!$G$18=$B$10,7,0)+IF('Standard Profiles'!$G$18=$B$17,14,0)+IF('Standard Profiles'!$G$18=$B$24,21,0),0)),0)</f>
        <v>6.0400731143130049</v>
      </c>
      <c r="E1812" cm="1">
        <f t="array" ref="E1812">IFERROR(INDEX(Jesper!AI$2:AI$366,ROUNDDOWN($C1812/24,0)+1,1)*INDEX($D$3:$AA$30,INDEX(Jesper!$R$2:$R$366,ROW(INDEX(Jesper!AI$2:AI$366,ROUNDDOWN($C1812/24,0)+1,1))-1)+IF('Standard Profiles'!$G$19=$B$10,7,0)+IF('Standard Profiles'!$G$19=$B$17,14,0)+IF('Standard Profiles'!$G$19=$B$24,21,0),MOD($C1812,24)+1)/SUM(INDEX($D$3:$AA$30,INDEX(Jesper!$R$2:$R$366,ROW(INDEX(Jesper!AI$2:AI$366,ROUNDDOWN($C1812/24,0)+1,1))-1)+IF('Standard Profiles'!$G$19=$B$10,7,0)+IF('Standard Profiles'!$G$19=$B$17,14,0)+IF('Standard Profiles'!$G$19=$B$24,21,0),0)),0)</f>
        <v>6.7151637313747532</v>
      </c>
      <c r="F1812" cm="1">
        <f t="array" ref="F1812">IFERROR(INDEX(Jesper!AJ$2:AJ$366,ROUNDDOWN($C1812/24,0)+1,1)*INDEX($D$3:$AA$30,INDEX(Jesper!$R$2:$R$366,ROW(INDEX(Jesper!AJ$2:AJ$366,ROUNDDOWN($C1812/24,0)+1,1))-1)+IF('Standard Profiles'!$G$20=$B$10,7,0)+IF('Standard Profiles'!$G$20=$B$17,14,0)+IF('Standard Profiles'!$G$20=$B$24,21,0),MOD($C1812,24)+1)/SUM(INDEX($D$3:$AA$30,INDEX(Jesper!$R$2:$R$366,ROW(INDEX(Jesper!AJ$2:AJ$366,ROUNDDOWN($C1812/24,0)+1,1))-1)+IF('Standard Profiles'!$G$20=$B$10,7,0)+IF('Standard Profiles'!$G$20=$B$17,14,0)+IF('Standard Profiles'!$G$20=$B$24,21,0),0)),0)</f>
        <v>0</v>
      </c>
      <c r="G1812" cm="1">
        <f t="array" ref="G1812">IFERROR(INDEX(Jesper!AK$2:AK$366,ROUNDDOWN($C1812/24,0)+1,1)*INDEX($D$3:$AA$30,INDEX(Jesper!$R$2:$R$366,ROW(INDEX(Jesper!AK$2:AK$366,ROUNDDOWN($C1812/24,0)+1,1))-1)+IF('Standard Profiles'!$G$21=$B$10,7,0)+IF('Standard Profiles'!$G$21=$B$17,14,0)+IF('Standard Profiles'!$G$21=$B$24,21,0),MOD($C1812,24)+1)/SUM(INDEX($D$3:$AA$30,INDEX(Jesper!$R$2:$R$366,ROW(INDEX(Jesper!AK$2:AK$366,ROUNDDOWN($C1812/24,0)+1,1))-1)+IF('Standard Profiles'!$G$21=$B$10,7,0)+IF('Standard Profiles'!$G$21=$B$17,14,0)+IF('Standard Profiles'!$G$21=$B$24,21,0),0)),0)</f>
        <v>7.7126898040137304</v>
      </c>
      <c r="H1812" cm="1">
        <f t="array" ref="H1812">IFERROR(INDEX(Jesper!AL$2:AL$366,ROUNDDOWN($C1812/24,0)+1,1)*INDEX($D$3:$AA$30,INDEX(Jesper!$R$2:$R$366,ROW(INDEX(Jesper!AL$2:AL$366,ROUNDDOWN($C1812/24,0)+1,1))-1)+IF('Standard Profiles'!$G$22=$B$10,7,0)+IF('Standard Profiles'!$G$22=$B$17,14,0)+IF('Standard Profiles'!$G$22=$B$24,21,0),MOD($C1812,24)+1)/SUM(INDEX($D$3:$AA$30,INDEX(Jesper!$R$2:$R$366,ROW(INDEX(Jesper!AL$2:AL$366,ROUNDDOWN($C1812/24,0)+1,1))-1)+IF('Standard Profiles'!$G$22=$B$10,7,0)+IF('Standard Profiles'!$G$22=$B$17,14,0)+IF('Standard Profiles'!$G$22=$B$24,21,0),0)),0)</f>
        <v>0</v>
      </c>
      <c r="I1812">
        <f t="shared" si="209"/>
        <v>3.7020911059265886</v>
      </c>
      <c r="J1812">
        <f t="shared" si="210"/>
        <v>15.799423845484819</v>
      </c>
      <c r="K1812">
        <f t="shared" si="211"/>
        <v>0.64427446552672052</v>
      </c>
      <c r="L1812">
        <f t="shared" si="212"/>
        <v>0.32213723276336026</v>
      </c>
      <c r="M1812">
        <f t="shared" si="213"/>
        <v>0</v>
      </c>
      <c r="N1812" s="45">
        <f t="shared" si="214"/>
        <v>45001.083333329021</v>
      </c>
    </row>
    <row r="1813" spans="2:14" x14ac:dyDescent="0.25">
      <c r="B1813">
        <f t="shared" si="208"/>
        <v>4</v>
      </c>
      <c r="C1813" s="16">
        <v>1779</v>
      </c>
      <c r="D1813" cm="1">
        <f t="array" ref="D1813">IFERROR(INDEX(Jesper!AH$2:AH$366,ROUNDDOWN($C1813/24,0)+1,1)*INDEX($D$3:$AA$30,INDEX(Jesper!$R$2:$R$366,ROW(INDEX(Jesper!AH$2:AH$366,ROUNDDOWN($C1813/24,0)+1,1))-1)+IF('Standard Profiles'!$G$18=$B$10,7,0)+IF('Standard Profiles'!$G$18=$B$17,14,0)+IF('Standard Profiles'!$G$18=$B$24,21,0),MOD($C1813,24)+1)/SUM(INDEX($D$3:$AA$30,INDEX(Jesper!$R$2:$R$366,ROW(INDEX(Jesper!AH$2:AH$366,ROUNDDOWN($C1813/24,0)+1,1))-1)+IF('Standard Profiles'!$G$18=$B$10,7,0)+IF('Standard Profiles'!$G$18=$B$17,14,0)+IF('Standard Profiles'!$G$18=$B$24,21,0),0)),0)</f>
        <v>6.0400731143130049</v>
      </c>
      <c r="E1813" cm="1">
        <f t="array" ref="E1813">IFERROR(INDEX(Jesper!AI$2:AI$366,ROUNDDOWN($C1813/24,0)+1,1)*INDEX($D$3:$AA$30,INDEX(Jesper!$R$2:$R$366,ROW(INDEX(Jesper!AI$2:AI$366,ROUNDDOWN($C1813/24,0)+1,1))-1)+IF('Standard Profiles'!$G$19=$B$10,7,0)+IF('Standard Profiles'!$G$19=$B$17,14,0)+IF('Standard Profiles'!$G$19=$B$24,21,0),MOD($C1813,24)+1)/SUM(INDEX($D$3:$AA$30,INDEX(Jesper!$R$2:$R$366,ROW(INDEX(Jesper!AI$2:AI$366,ROUNDDOWN($C1813/24,0)+1,1))-1)+IF('Standard Profiles'!$G$19=$B$10,7,0)+IF('Standard Profiles'!$G$19=$B$17,14,0)+IF('Standard Profiles'!$G$19=$B$24,21,0),0)),0)</f>
        <v>6.7151637313747532</v>
      </c>
      <c r="F1813" cm="1">
        <f t="array" ref="F1813">IFERROR(INDEX(Jesper!AJ$2:AJ$366,ROUNDDOWN($C1813/24,0)+1,1)*INDEX($D$3:$AA$30,INDEX(Jesper!$R$2:$R$366,ROW(INDEX(Jesper!AJ$2:AJ$366,ROUNDDOWN($C1813/24,0)+1,1))-1)+IF('Standard Profiles'!$G$20=$B$10,7,0)+IF('Standard Profiles'!$G$20=$B$17,14,0)+IF('Standard Profiles'!$G$20=$B$24,21,0),MOD($C1813,24)+1)/SUM(INDEX($D$3:$AA$30,INDEX(Jesper!$R$2:$R$366,ROW(INDEX(Jesper!AJ$2:AJ$366,ROUNDDOWN($C1813/24,0)+1,1))-1)+IF('Standard Profiles'!$G$20=$B$10,7,0)+IF('Standard Profiles'!$G$20=$B$17,14,0)+IF('Standard Profiles'!$G$20=$B$24,21,0),0)),0)</f>
        <v>0</v>
      </c>
      <c r="G1813" cm="1">
        <f t="array" ref="G1813">IFERROR(INDEX(Jesper!AK$2:AK$366,ROUNDDOWN($C1813/24,0)+1,1)*INDEX($D$3:$AA$30,INDEX(Jesper!$R$2:$R$366,ROW(INDEX(Jesper!AK$2:AK$366,ROUNDDOWN($C1813/24,0)+1,1))-1)+IF('Standard Profiles'!$G$21=$B$10,7,0)+IF('Standard Profiles'!$G$21=$B$17,14,0)+IF('Standard Profiles'!$G$21=$B$24,21,0),MOD($C1813,24)+1)/SUM(INDEX($D$3:$AA$30,INDEX(Jesper!$R$2:$R$366,ROW(INDEX(Jesper!AK$2:AK$366,ROUNDDOWN($C1813/24,0)+1,1))-1)+IF('Standard Profiles'!$G$21=$B$10,7,0)+IF('Standard Profiles'!$G$21=$B$17,14,0)+IF('Standard Profiles'!$G$21=$B$24,21,0),0)),0)</f>
        <v>7.7126898040137304</v>
      </c>
      <c r="H1813" cm="1">
        <f t="array" ref="H1813">IFERROR(INDEX(Jesper!AL$2:AL$366,ROUNDDOWN($C1813/24,0)+1,1)*INDEX($D$3:$AA$30,INDEX(Jesper!$R$2:$R$366,ROW(INDEX(Jesper!AL$2:AL$366,ROUNDDOWN($C1813/24,0)+1,1))-1)+IF('Standard Profiles'!$G$22=$B$10,7,0)+IF('Standard Profiles'!$G$22=$B$17,14,0)+IF('Standard Profiles'!$G$22=$B$24,21,0),MOD($C1813,24)+1)/SUM(INDEX($D$3:$AA$30,INDEX(Jesper!$R$2:$R$366,ROW(INDEX(Jesper!AL$2:AL$366,ROUNDDOWN($C1813/24,0)+1,1))-1)+IF('Standard Profiles'!$G$22=$B$10,7,0)+IF('Standard Profiles'!$G$22=$B$17,14,0)+IF('Standard Profiles'!$G$22=$B$24,21,0),0)),0)</f>
        <v>0</v>
      </c>
      <c r="I1813">
        <f t="shared" si="209"/>
        <v>3.7020911059265886</v>
      </c>
      <c r="J1813">
        <f t="shared" si="210"/>
        <v>15.799423845484819</v>
      </c>
      <c r="K1813">
        <f t="shared" si="211"/>
        <v>0.64427446552672052</v>
      </c>
      <c r="L1813">
        <f t="shared" si="212"/>
        <v>0.32213723276336026</v>
      </c>
      <c r="M1813">
        <f t="shared" si="213"/>
        <v>0</v>
      </c>
      <c r="N1813" s="45">
        <f t="shared" si="214"/>
        <v>45001.124999995685</v>
      </c>
    </row>
    <row r="1814" spans="2:14" x14ac:dyDescent="0.25">
      <c r="B1814">
        <f t="shared" si="208"/>
        <v>4</v>
      </c>
      <c r="C1814" s="16">
        <v>1780</v>
      </c>
      <c r="D1814" cm="1">
        <f t="array" ref="D1814">IFERROR(INDEX(Jesper!AH$2:AH$366,ROUNDDOWN($C1814/24,0)+1,1)*INDEX($D$3:$AA$30,INDEX(Jesper!$R$2:$R$366,ROW(INDEX(Jesper!AH$2:AH$366,ROUNDDOWN($C1814/24,0)+1,1))-1)+IF('Standard Profiles'!$G$18=$B$10,7,0)+IF('Standard Profiles'!$G$18=$B$17,14,0)+IF('Standard Profiles'!$G$18=$B$24,21,0),MOD($C1814,24)+1)/SUM(INDEX($D$3:$AA$30,INDEX(Jesper!$R$2:$R$366,ROW(INDEX(Jesper!AH$2:AH$366,ROUNDDOWN($C1814/24,0)+1,1))-1)+IF('Standard Profiles'!$G$18=$B$10,7,0)+IF('Standard Profiles'!$G$18=$B$17,14,0)+IF('Standard Profiles'!$G$18=$B$24,21,0),0)),0)</f>
        <v>6.0400731143130049</v>
      </c>
      <c r="E1814" cm="1">
        <f t="array" ref="E1814">IFERROR(INDEX(Jesper!AI$2:AI$366,ROUNDDOWN($C1814/24,0)+1,1)*INDEX($D$3:$AA$30,INDEX(Jesper!$R$2:$R$366,ROW(INDEX(Jesper!AI$2:AI$366,ROUNDDOWN($C1814/24,0)+1,1))-1)+IF('Standard Profiles'!$G$19=$B$10,7,0)+IF('Standard Profiles'!$G$19=$B$17,14,0)+IF('Standard Profiles'!$G$19=$B$24,21,0),MOD($C1814,24)+1)/SUM(INDEX($D$3:$AA$30,INDEX(Jesper!$R$2:$R$366,ROW(INDEX(Jesper!AI$2:AI$366,ROUNDDOWN($C1814/24,0)+1,1))-1)+IF('Standard Profiles'!$G$19=$B$10,7,0)+IF('Standard Profiles'!$G$19=$B$17,14,0)+IF('Standard Profiles'!$G$19=$B$24,21,0),0)),0)</f>
        <v>6.7151637313747532</v>
      </c>
      <c r="F1814" cm="1">
        <f t="array" ref="F1814">IFERROR(INDEX(Jesper!AJ$2:AJ$366,ROUNDDOWN($C1814/24,0)+1,1)*INDEX($D$3:$AA$30,INDEX(Jesper!$R$2:$R$366,ROW(INDEX(Jesper!AJ$2:AJ$366,ROUNDDOWN($C1814/24,0)+1,1))-1)+IF('Standard Profiles'!$G$20=$B$10,7,0)+IF('Standard Profiles'!$G$20=$B$17,14,0)+IF('Standard Profiles'!$G$20=$B$24,21,0),MOD($C1814,24)+1)/SUM(INDEX($D$3:$AA$30,INDEX(Jesper!$R$2:$R$366,ROW(INDEX(Jesper!AJ$2:AJ$366,ROUNDDOWN($C1814/24,0)+1,1))-1)+IF('Standard Profiles'!$G$20=$B$10,7,0)+IF('Standard Profiles'!$G$20=$B$17,14,0)+IF('Standard Profiles'!$G$20=$B$24,21,0),0)),0)</f>
        <v>0</v>
      </c>
      <c r="G1814" cm="1">
        <f t="array" ref="G1814">IFERROR(INDEX(Jesper!AK$2:AK$366,ROUNDDOWN($C1814/24,0)+1,1)*INDEX($D$3:$AA$30,INDEX(Jesper!$R$2:$R$366,ROW(INDEX(Jesper!AK$2:AK$366,ROUNDDOWN($C1814/24,0)+1,1))-1)+IF('Standard Profiles'!$G$21=$B$10,7,0)+IF('Standard Profiles'!$G$21=$B$17,14,0)+IF('Standard Profiles'!$G$21=$B$24,21,0),MOD($C1814,24)+1)/SUM(INDEX($D$3:$AA$30,INDEX(Jesper!$R$2:$R$366,ROW(INDEX(Jesper!AK$2:AK$366,ROUNDDOWN($C1814/24,0)+1,1))-1)+IF('Standard Profiles'!$G$21=$B$10,7,0)+IF('Standard Profiles'!$G$21=$B$17,14,0)+IF('Standard Profiles'!$G$21=$B$24,21,0),0)),0)</f>
        <v>7.7126898040137304</v>
      </c>
      <c r="H1814" cm="1">
        <f t="array" ref="H1814">IFERROR(INDEX(Jesper!AL$2:AL$366,ROUNDDOWN($C1814/24,0)+1,1)*INDEX($D$3:$AA$30,INDEX(Jesper!$R$2:$R$366,ROW(INDEX(Jesper!AL$2:AL$366,ROUNDDOWN($C1814/24,0)+1,1))-1)+IF('Standard Profiles'!$G$22=$B$10,7,0)+IF('Standard Profiles'!$G$22=$B$17,14,0)+IF('Standard Profiles'!$G$22=$B$24,21,0),MOD($C1814,24)+1)/SUM(INDEX($D$3:$AA$30,INDEX(Jesper!$R$2:$R$366,ROW(INDEX(Jesper!AL$2:AL$366,ROUNDDOWN($C1814/24,0)+1,1))-1)+IF('Standard Profiles'!$G$22=$B$10,7,0)+IF('Standard Profiles'!$G$22=$B$17,14,0)+IF('Standard Profiles'!$G$22=$B$24,21,0),0)),0)</f>
        <v>0</v>
      </c>
      <c r="I1814">
        <f t="shared" si="209"/>
        <v>3.7020911059265886</v>
      </c>
      <c r="J1814">
        <f t="shared" si="210"/>
        <v>15.799423845484819</v>
      </c>
      <c r="K1814">
        <f t="shared" si="211"/>
        <v>0.64427446552672052</v>
      </c>
      <c r="L1814">
        <f t="shared" si="212"/>
        <v>0.32213723276336026</v>
      </c>
      <c r="M1814">
        <f t="shared" si="213"/>
        <v>0</v>
      </c>
      <c r="N1814" s="45">
        <f t="shared" si="214"/>
        <v>45001.16666666235</v>
      </c>
    </row>
    <row r="1815" spans="2:14" x14ac:dyDescent="0.25">
      <c r="B1815">
        <f t="shared" si="208"/>
        <v>4</v>
      </c>
      <c r="C1815" s="16">
        <v>1781</v>
      </c>
      <c r="D1815" cm="1">
        <f t="array" ref="D1815">IFERROR(INDEX(Jesper!AH$2:AH$366,ROUNDDOWN($C1815/24,0)+1,1)*INDEX($D$3:$AA$30,INDEX(Jesper!$R$2:$R$366,ROW(INDEX(Jesper!AH$2:AH$366,ROUNDDOWN($C1815/24,0)+1,1))-1)+IF('Standard Profiles'!$G$18=$B$10,7,0)+IF('Standard Profiles'!$G$18=$B$17,14,0)+IF('Standard Profiles'!$G$18=$B$24,21,0),MOD($C1815,24)+1)/SUM(INDEX($D$3:$AA$30,INDEX(Jesper!$R$2:$R$366,ROW(INDEX(Jesper!AH$2:AH$366,ROUNDDOWN($C1815/24,0)+1,1))-1)+IF('Standard Profiles'!$G$18=$B$10,7,0)+IF('Standard Profiles'!$G$18=$B$17,14,0)+IF('Standard Profiles'!$G$18=$B$24,21,0),0)),0)</f>
        <v>6.0400731143130049</v>
      </c>
      <c r="E1815" cm="1">
        <f t="array" ref="E1815">IFERROR(INDEX(Jesper!AI$2:AI$366,ROUNDDOWN($C1815/24,0)+1,1)*INDEX($D$3:$AA$30,INDEX(Jesper!$R$2:$R$366,ROW(INDEX(Jesper!AI$2:AI$366,ROUNDDOWN($C1815/24,0)+1,1))-1)+IF('Standard Profiles'!$G$19=$B$10,7,0)+IF('Standard Profiles'!$G$19=$B$17,14,0)+IF('Standard Profiles'!$G$19=$B$24,21,0),MOD($C1815,24)+1)/SUM(INDEX($D$3:$AA$30,INDEX(Jesper!$R$2:$R$366,ROW(INDEX(Jesper!AI$2:AI$366,ROUNDDOWN($C1815/24,0)+1,1))-1)+IF('Standard Profiles'!$G$19=$B$10,7,0)+IF('Standard Profiles'!$G$19=$B$17,14,0)+IF('Standard Profiles'!$G$19=$B$24,21,0),0)),0)</f>
        <v>6.7151637313747532</v>
      </c>
      <c r="F1815" cm="1">
        <f t="array" ref="F1815">IFERROR(INDEX(Jesper!AJ$2:AJ$366,ROUNDDOWN($C1815/24,0)+1,1)*INDEX($D$3:$AA$30,INDEX(Jesper!$R$2:$R$366,ROW(INDEX(Jesper!AJ$2:AJ$366,ROUNDDOWN($C1815/24,0)+1,1))-1)+IF('Standard Profiles'!$G$20=$B$10,7,0)+IF('Standard Profiles'!$G$20=$B$17,14,0)+IF('Standard Profiles'!$G$20=$B$24,21,0),MOD($C1815,24)+1)/SUM(INDEX($D$3:$AA$30,INDEX(Jesper!$R$2:$R$366,ROW(INDEX(Jesper!AJ$2:AJ$366,ROUNDDOWN($C1815/24,0)+1,1))-1)+IF('Standard Profiles'!$G$20=$B$10,7,0)+IF('Standard Profiles'!$G$20=$B$17,14,0)+IF('Standard Profiles'!$G$20=$B$24,21,0),0)),0)</f>
        <v>0</v>
      </c>
      <c r="G1815" cm="1">
        <f t="array" ref="G1815">IFERROR(INDEX(Jesper!AK$2:AK$366,ROUNDDOWN($C1815/24,0)+1,1)*INDEX($D$3:$AA$30,INDEX(Jesper!$R$2:$R$366,ROW(INDEX(Jesper!AK$2:AK$366,ROUNDDOWN($C1815/24,0)+1,1))-1)+IF('Standard Profiles'!$G$21=$B$10,7,0)+IF('Standard Profiles'!$G$21=$B$17,14,0)+IF('Standard Profiles'!$G$21=$B$24,21,0),MOD($C1815,24)+1)/SUM(INDEX($D$3:$AA$30,INDEX(Jesper!$R$2:$R$366,ROW(INDEX(Jesper!AK$2:AK$366,ROUNDDOWN($C1815/24,0)+1,1))-1)+IF('Standard Profiles'!$G$21=$B$10,7,0)+IF('Standard Profiles'!$G$21=$B$17,14,0)+IF('Standard Profiles'!$G$21=$B$24,21,0),0)),0)</f>
        <v>7.7126898040137304</v>
      </c>
      <c r="H1815" cm="1">
        <f t="array" ref="H1815">IFERROR(INDEX(Jesper!AL$2:AL$366,ROUNDDOWN($C1815/24,0)+1,1)*INDEX($D$3:$AA$30,INDEX(Jesper!$R$2:$R$366,ROW(INDEX(Jesper!AL$2:AL$366,ROUNDDOWN($C1815/24,0)+1,1))-1)+IF('Standard Profiles'!$G$22=$B$10,7,0)+IF('Standard Profiles'!$G$22=$B$17,14,0)+IF('Standard Profiles'!$G$22=$B$24,21,0),MOD($C1815,24)+1)/SUM(INDEX($D$3:$AA$30,INDEX(Jesper!$R$2:$R$366,ROW(INDEX(Jesper!AL$2:AL$366,ROUNDDOWN($C1815/24,0)+1,1))-1)+IF('Standard Profiles'!$G$22=$B$10,7,0)+IF('Standard Profiles'!$G$22=$B$17,14,0)+IF('Standard Profiles'!$G$22=$B$24,21,0),0)),0)</f>
        <v>0</v>
      </c>
      <c r="I1815">
        <f t="shared" si="209"/>
        <v>3.7020911059265886</v>
      </c>
      <c r="J1815">
        <f t="shared" si="210"/>
        <v>15.799423845484819</v>
      </c>
      <c r="K1815">
        <f t="shared" si="211"/>
        <v>0.64427446552672052</v>
      </c>
      <c r="L1815">
        <f t="shared" si="212"/>
        <v>0.32213723276336026</v>
      </c>
      <c r="M1815">
        <f t="shared" si="213"/>
        <v>0</v>
      </c>
      <c r="N1815" s="45">
        <f t="shared" si="214"/>
        <v>45001.208333329014</v>
      </c>
    </row>
    <row r="1816" spans="2:14" x14ac:dyDescent="0.25">
      <c r="B1816">
        <f t="shared" si="208"/>
        <v>4</v>
      </c>
      <c r="C1816" s="16">
        <v>1782</v>
      </c>
      <c r="D1816" cm="1">
        <f t="array" ref="D1816">IFERROR(INDEX(Jesper!AH$2:AH$366,ROUNDDOWN($C1816/24,0)+1,1)*INDEX($D$3:$AA$30,INDEX(Jesper!$R$2:$R$366,ROW(INDEX(Jesper!AH$2:AH$366,ROUNDDOWN($C1816/24,0)+1,1))-1)+IF('Standard Profiles'!$G$18=$B$10,7,0)+IF('Standard Profiles'!$G$18=$B$17,14,0)+IF('Standard Profiles'!$G$18=$B$24,21,0),MOD($C1816,24)+1)/SUM(INDEX($D$3:$AA$30,INDEX(Jesper!$R$2:$R$366,ROW(INDEX(Jesper!AH$2:AH$366,ROUNDDOWN($C1816/24,0)+1,1))-1)+IF('Standard Profiles'!$G$18=$B$10,7,0)+IF('Standard Profiles'!$G$18=$B$17,14,0)+IF('Standard Profiles'!$G$18=$B$24,21,0),0)),0)</f>
        <v>6.0400731143130049</v>
      </c>
      <c r="E1816" cm="1">
        <f t="array" ref="E1816">IFERROR(INDEX(Jesper!AI$2:AI$366,ROUNDDOWN($C1816/24,0)+1,1)*INDEX($D$3:$AA$30,INDEX(Jesper!$R$2:$R$366,ROW(INDEX(Jesper!AI$2:AI$366,ROUNDDOWN($C1816/24,0)+1,1))-1)+IF('Standard Profiles'!$G$19=$B$10,7,0)+IF('Standard Profiles'!$G$19=$B$17,14,0)+IF('Standard Profiles'!$G$19=$B$24,21,0),MOD($C1816,24)+1)/SUM(INDEX($D$3:$AA$30,INDEX(Jesper!$R$2:$R$366,ROW(INDEX(Jesper!AI$2:AI$366,ROUNDDOWN($C1816/24,0)+1,1))-1)+IF('Standard Profiles'!$G$19=$B$10,7,0)+IF('Standard Profiles'!$G$19=$B$17,14,0)+IF('Standard Profiles'!$G$19=$B$24,21,0),0)),0)</f>
        <v>6.7151637313747532</v>
      </c>
      <c r="F1816" cm="1">
        <f t="array" ref="F1816">IFERROR(INDEX(Jesper!AJ$2:AJ$366,ROUNDDOWN($C1816/24,0)+1,1)*INDEX($D$3:$AA$30,INDEX(Jesper!$R$2:$R$366,ROW(INDEX(Jesper!AJ$2:AJ$366,ROUNDDOWN($C1816/24,0)+1,1))-1)+IF('Standard Profiles'!$G$20=$B$10,7,0)+IF('Standard Profiles'!$G$20=$B$17,14,0)+IF('Standard Profiles'!$G$20=$B$24,21,0),MOD($C1816,24)+1)/SUM(INDEX($D$3:$AA$30,INDEX(Jesper!$R$2:$R$366,ROW(INDEX(Jesper!AJ$2:AJ$366,ROUNDDOWN($C1816/24,0)+1,1))-1)+IF('Standard Profiles'!$G$20=$B$10,7,0)+IF('Standard Profiles'!$G$20=$B$17,14,0)+IF('Standard Profiles'!$G$20=$B$24,21,0),0)),0)</f>
        <v>0</v>
      </c>
      <c r="G1816" cm="1">
        <f t="array" ref="G1816">IFERROR(INDEX(Jesper!AK$2:AK$366,ROUNDDOWN($C1816/24,0)+1,1)*INDEX($D$3:$AA$30,INDEX(Jesper!$R$2:$R$366,ROW(INDEX(Jesper!AK$2:AK$366,ROUNDDOWN($C1816/24,0)+1,1))-1)+IF('Standard Profiles'!$G$21=$B$10,7,0)+IF('Standard Profiles'!$G$21=$B$17,14,0)+IF('Standard Profiles'!$G$21=$B$24,21,0),MOD($C1816,24)+1)/SUM(INDEX($D$3:$AA$30,INDEX(Jesper!$R$2:$R$366,ROW(INDEX(Jesper!AK$2:AK$366,ROUNDDOWN($C1816/24,0)+1,1))-1)+IF('Standard Profiles'!$G$21=$B$10,7,0)+IF('Standard Profiles'!$G$21=$B$17,14,0)+IF('Standard Profiles'!$G$21=$B$24,21,0),0)),0)</f>
        <v>7.7126898040137304</v>
      </c>
      <c r="H1816" cm="1">
        <f t="array" ref="H1816">IFERROR(INDEX(Jesper!AL$2:AL$366,ROUNDDOWN($C1816/24,0)+1,1)*INDEX($D$3:$AA$30,INDEX(Jesper!$R$2:$R$366,ROW(INDEX(Jesper!AL$2:AL$366,ROUNDDOWN($C1816/24,0)+1,1))-1)+IF('Standard Profiles'!$G$22=$B$10,7,0)+IF('Standard Profiles'!$G$22=$B$17,14,0)+IF('Standard Profiles'!$G$22=$B$24,21,0),MOD($C1816,24)+1)/SUM(INDEX($D$3:$AA$30,INDEX(Jesper!$R$2:$R$366,ROW(INDEX(Jesper!AL$2:AL$366,ROUNDDOWN($C1816/24,0)+1,1))-1)+IF('Standard Profiles'!$G$22=$B$10,7,0)+IF('Standard Profiles'!$G$22=$B$17,14,0)+IF('Standard Profiles'!$G$22=$B$24,21,0),0)),0)</f>
        <v>0</v>
      </c>
      <c r="I1816">
        <f t="shared" si="209"/>
        <v>3.7020911059265886</v>
      </c>
      <c r="J1816">
        <f t="shared" si="210"/>
        <v>15.799423845484819</v>
      </c>
      <c r="K1816">
        <f t="shared" si="211"/>
        <v>0.64427446552672052</v>
      </c>
      <c r="L1816">
        <f t="shared" si="212"/>
        <v>0.32213723276336026</v>
      </c>
      <c r="M1816">
        <f t="shared" si="213"/>
        <v>0</v>
      </c>
      <c r="N1816" s="45">
        <f t="shared" si="214"/>
        <v>45001.249999995678</v>
      </c>
    </row>
    <row r="1817" spans="2:14" x14ac:dyDescent="0.25">
      <c r="B1817">
        <f t="shared" si="208"/>
        <v>4</v>
      </c>
      <c r="C1817" s="16">
        <v>1783</v>
      </c>
      <c r="D1817" cm="1">
        <f t="array" ref="D1817">IFERROR(INDEX(Jesper!AH$2:AH$366,ROUNDDOWN($C1817/24,0)+1,1)*INDEX($D$3:$AA$30,INDEX(Jesper!$R$2:$R$366,ROW(INDEX(Jesper!AH$2:AH$366,ROUNDDOWN($C1817/24,0)+1,1))-1)+IF('Standard Profiles'!$G$18=$B$10,7,0)+IF('Standard Profiles'!$G$18=$B$17,14,0)+IF('Standard Profiles'!$G$18=$B$24,21,0),MOD($C1817,24)+1)/SUM(INDEX($D$3:$AA$30,INDEX(Jesper!$R$2:$R$366,ROW(INDEX(Jesper!AH$2:AH$366,ROUNDDOWN($C1817/24,0)+1,1))-1)+IF('Standard Profiles'!$G$18=$B$10,7,0)+IF('Standard Profiles'!$G$18=$B$17,14,0)+IF('Standard Profiles'!$G$18=$B$24,21,0),0)),0)</f>
        <v>24.691086761237095</v>
      </c>
      <c r="E1817" cm="1">
        <f t="array" ref="E1817">IFERROR(INDEX(Jesper!AI$2:AI$366,ROUNDDOWN($C1817/24,0)+1,1)*INDEX($D$3:$AA$30,INDEX(Jesper!$R$2:$R$366,ROW(INDEX(Jesper!AI$2:AI$366,ROUNDDOWN($C1817/24,0)+1,1))-1)+IF('Standard Profiles'!$G$19=$B$10,7,0)+IF('Standard Profiles'!$G$19=$B$17,14,0)+IF('Standard Profiles'!$G$19=$B$24,21,0),MOD($C1817,24)+1)/SUM(INDEX($D$3:$AA$30,INDEX(Jesper!$R$2:$R$366,ROW(INDEX(Jesper!AI$2:AI$366,ROUNDDOWN($C1817/24,0)+1,1))-1)+IF('Standard Profiles'!$G$19=$B$10,7,0)+IF('Standard Profiles'!$G$19=$B$17,14,0)+IF('Standard Profiles'!$G$19=$B$24,21,0),0)),0)</f>
        <v>27.450775374619816</v>
      </c>
      <c r="F1817" cm="1">
        <f t="array" ref="F1817">IFERROR(INDEX(Jesper!AJ$2:AJ$366,ROUNDDOWN($C1817/24,0)+1,1)*INDEX($D$3:$AA$30,INDEX(Jesper!$R$2:$R$366,ROW(INDEX(Jesper!AJ$2:AJ$366,ROUNDDOWN($C1817/24,0)+1,1))-1)+IF('Standard Profiles'!$G$20=$B$10,7,0)+IF('Standard Profiles'!$G$20=$B$17,14,0)+IF('Standard Profiles'!$G$20=$B$24,21,0),MOD($C1817,24)+1)/SUM(INDEX($D$3:$AA$30,INDEX(Jesper!$R$2:$R$366,ROW(INDEX(Jesper!AJ$2:AJ$366,ROUNDDOWN($C1817/24,0)+1,1))-1)+IF('Standard Profiles'!$G$20=$B$10,7,0)+IF('Standard Profiles'!$G$20=$B$17,14,0)+IF('Standard Profiles'!$G$20=$B$24,21,0),0)),0)</f>
        <v>0</v>
      </c>
      <c r="G1817" cm="1">
        <f t="array" ref="G1817">IFERROR(INDEX(Jesper!AK$2:AK$366,ROUNDDOWN($C1817/24,0)+1,1)*INDEX($D$3:$AA$30,INDEX(Jesper!$R$2:$R$366,ROW(INDEX(Jesper!AK$2:AK$366,ROUNDDOWN($C1817/24,0)+1,1))-1)+IF('Standard Profiles'!$G$21=$B$10,7,0)+IF('Standard Profiles'!$G$21=$B$17,14,0)+IF('Standard Profiles'!$G$21=$B$24,21,0),MOD($C1817,24)+1)/SUM(INDEX($D$3:$AA$30,INDEX(Jesper!$R$2:$R$366,ROW(INDEX(Jesper!AK$2:AK$366,ROUNDDOWN($C1817/24,0)+1,1))-1)+IF('Standard Profiles'!$G$21=$B$10,7,0)+IF('Standard Profiles'!$G$21=$B$17,14,0)+IF('Standard Profiles'!$G$21=$B$24,21,0),0)),0)</f>
        <v>21.248460410057824</v>
      </c>
      <c r="H1817" cm="1">
        <f t="array" ref="H1817">IFERROR(INDEX(Jesper!AL$2:AL$366,ROUNDDOWN($C1817/24,0)+1,1)*INDEX($D$3:$AA$30,INDEX(Jesper!$R$2:$R$366,ROW(INDEX(Jesper!AL$2:AL$366,ROUNDDOWN($C1817/24,0)+1,1))-1)+IF('Standard Profiles'!$G$22=$B$10,7,0)+IF('Standard Profiles'!$G$22=$B$17,14,0)+IF('Standard Profiles'!$G$22=$B$24,21,0),MOD($C1817,24)+1)/SUM(INDEX($D$3:$AA$30,INDEX(Jesper!$R$2:$R$366,ROW(INDEX(Jesper!AL$2:AL$366,ROUNDDOWN($C1817/24,0)+1,1))-1)+IF('Standard Profiles'!$G$22=$B$10,7,0)+IF('Standard Profiles'!$G$22=$B$17,14,0)+IF('Standard Profiles'!$G$22=$B$24,21,0),0)),0)</f>
        <v>0</v>
      </c>
      <c r="I1817">
        <f t="shared" si="209"/>
        <v>10.19926099682775</v>
      </c>
      <c r="J1817">
        <f t="shared" si="210"/>
        <v>59.240487667289045</v>
      </c>
      <c r="K1817">
        <f t="shared" si="211"/>
        <v>2.6337159211986236</v>
      </c>
      <c r="L1817">
        <f t="shared" si="212"/>
        <v>1.3168579605993118</v>
      </c>
      <c r="M1817">
        <f t="shared" si="213"/>
        <v>0</v>
      </c>
      <c r="N1817" s="45">
        <f t="shared" si="214"/>
        <v>45001.291666662342</v>
      </c>
    </row>
    <row r="1818" spans="2:14" x14ac:dyDescent="0.25">
      <c r="B1818">
        <f t="shared" si="208"/>
        <v>4</v>
      </c>
      <c r="C1818" s="16">
        <v>1784</v>
      </c>
      <c r="D1818" cm="1">
        <f t="array" ref="D1818">IFERROR(INDEX(Jesper!AH$2:AH$366,ROUNDDOWN($C1818/24,0)+1,1)*INDEX($D$3:$AA$30,INDEX(Jesper!$R$2:$R$366,ROW(INDEX(Jesper!AH$2:AH$366,ROUNDDOWN($C1818/24,0)+1,1))-1)+IF('Standard Profiles'!$G$18=$B$10,7,0)+IF('Standard Profiles'!$G$18=$B$17,14,0)+IF('Standard Profiles'!$G$18=$B$24,21,0),MOD($C1818,24)+1)/SUM(INDEX($D$3:$AA$30,INDEX(Jesper!$R$2:$R$366,ROW(INDEX(Jesper!AH$2:AH$366,ROUNDDOWN($C1818/24,0)+1,1))-1)+IF('Standard Profiles'!$G$18=$B$10,7,0)+IF('Standard Profiles'!$G$18=$B$17,14,0)+IF('Standard Profiles'!$G$18=$B$24,21,0),0)),0)</f>
        <v>27.55005470201192</v>
      </c>
      <c r="E1818" cm="1">
        <f t="array" ref="E1818">IFERROR(INDEX(Jesper!AI$2:AI$366,ROUNDDOWN($C1818/24,0)+1,1)*INDEX($D$3:$AA$30,INDEX(Jesper!$R$2:$R$366,ROW(INDEX(Jesper!AI$2:AI$366,ROUNDDOWN($C1818/24,0)+1,1))-1)+IF('Standard Profiles'!$G$19=$B$10,7,0)+IF('Standard Profiles'!$G$19=$B$17,14,0)+IF('Standard Profiles'!$G$19=$B$24,21,0),MOD($C1818,24)+1)/SUM(INDEX($D$3:$AA$30,INDEX(Jesper!$R$2:$R$366,ROW(INDEX(Jesper!AI$2:AI$366,ROUNDDOWN($C1818/24,0)+1,1))-1)+IF('Standard Profiles'!$G$19=$B$10,7,0)+IF('Standard Profiles'!$G$19=$B$17,14,0)+IF('Standard Profiles'!$G$19=$B$24,21,0),0)),0)</f>
        <v>30.629286207470539</v>
      </c>
      <c r="F1818" cm="1">
        <f t="array" ref="F1818">IFERROR(INDEX(Jesper!AJ$2:AJ$366,ROUNDDOWN($C1818/24,0)+1,1)*INDEX($D$3:$AA$30,INDEX(Jesper!$R$2:$R$366,ROW(INDEX(Jesper!AJ$2:AJ$366,ROUNDDOWN($C1818/24,0)+1,1))-1)+IF('Standard Profiles'!$G$20=$B$10,7,0)+IF('Standard Profiles'!$G$20=$B$17,14,0)+IF('Standard Profiles'!$G$20=$B$24,21,0),MOD($C1818,24)+1)/SUM(INDEX($D$3:$AA$30,INDEX(Jesper!$R$2:$R$366,ROW(INDEX(Jesper!AJ$2:AJ$366,ROUNDDOWN($C1818/24,0)+1,1))-1)+IF('Standard Profiles'!$G$20=$B$10,7,0)+IF('Standard Profiles'!$G$20=$B$17,14,0)+IF('Standard Profiles'!$G$20=$B$24,21,0),0)),0)</f>
        <v>0</v>
      </c>
      <c r="G1818" cm="1">
        <f t="array" ref="G1818">IFERROR(INDEX(Jesper!AK$2:AK$366,ROUNDDOWN($C1818/24,0)+1,1)*INDEX($D$3:$AA$30,INDEX(Jesper!$R$2:$R$366,ROW(INDEX(Jesper!AK$2:AK$366,ROUNDDOWN($C1818/24,0)+1,1))-1)+IF('Standard Profiles'!$G$21=$B$10,7,0)+IF('Standard Profiles'!$G$21=$B$17,14,0)+IF('Standard Profiles'!$G$21=$B$24,21,0),MOD($C1818,24)+1)/SUM(INDEX($D$3:$AA$30,INDEX(Jesper!$R$2:$R$366,ROW(INDEX(Jesper!AK$2:AK$366,ROUNDDOWN($C1818/24,0)+1,1))-1)+IF('Standard Profiles'!$G$21=$B$10,7,0)+IF('Standard Profiles'!$G$21=$B$17,14,0)+IF('Standard Profiles'!$G$21=$B$24,21,0),0)),0)</f>
        <v>23.708808457538208</v>
      </c>
      <c r="H1818" cm="1">
        <f t="array" ref="H1818">IFERROR(INDEX(Jesper!AL$2:AL$366,ROUNDDOWN($C1818/24,0)+1,1)*INDEX($D$3:$AA$30,INDEX(Jesper!$R$2:$R$366,ROW(INDEX(Jesper!AL$2:AL$366,ROUNDDOWN($C1818/24,0)+1,1))-1)+IF('Standard Profiles'!$G$22=$B$10,7,0)+IF('Standard Profiles'!$G$22=$B$17,14,0)+IF('Standard Profiles'!$G$22=$B$24,21,0),MOD($C1818,24)+1)/SUM(INDEX($D$3:$AA$30,INDEX(Jesper!$R$2:$R$366,ROW(INDEX(Jesper!AL$2:AL$366,ROUNDDOWN($C1818/24,0)+1,1))-1)+IF('Standard Profiles'!$G$22=$B$10,7,0)+IF('Standard Profiles'!$G$22=$B$17,14,0)+IF('Standard Profiles'!$G$22=$B$24,21,0),0)),0)</f>
        <v>0</v>
      </c>
      <c r="I1818">
        <f t="shared" si="209"/>
        <v>11.380228059618334</v>
      </c>
      <c r="J1818">
        <f t="shared" si="210"/>
        <v>66.099912555080422</v>
      </c>
      <c r="K1818">
        <f t="shared" si="211"/>
        <v>2.9386725015479382</v>
      </c>
      <c r="L1818">
        <f t="shared" si="212"/>
        <v>1.4693362507739691</v>
      </c>
      <c r="M1818">
        <f t="shared" si="213"/>
        <v>0</v>
      </c>
      <c r="N1818" s="45">
        <f t="shared" si="214"/>
        <v>45001.333333329007</v>
      </c>
    </row>
    <row r="1819" spans="2:14" x14ac:dyDescent="0.25">
      <c r="B1819">
        <f t="shared" si="208"/>
        <v>4</v>
      </c>
      <c r="C1819" s="16">
        <v>1785</v>
      </c>
      <c r="D1819" cm="1">
        <f t="array" ref="D1819">IFERROR(INDEX(Jesper!AH$2:AH$366,ROUNDDOWN($C1819/24,0)+1,1)*INDEX($D$3:$AA$30,INDEX(Jesper!$R$2:$R$366,ROW(INDEX(Jesper!AH$2:AH$366,ROUNDDOWN($C1819/24,0)+1,1))-1)+IF('Standard Profiles'!$G$18=$B$10,7,0)+IF('Standard Profiles'!$G$18=$B$17,14,0)+IF('Standard Profiles'!$G$18=$B$24,21,0),MOD($C1819,24)+1)/SUM(INDEX($D$3:$AA$30,INDEX(Jesper!$R$2:$R$366,ROW(INDEX(Jesper!AH$2:AH$366,ROUNDDOWN($C1819/24,0)+1,1))-1)+IF('Standard Profiles'!$G$18=$B$10,7,0)+IF('Standard Profiles'!$G$18=$B$17,14,0)+IF('Standard Profiles'!$G$18=$B$24,21,0),0)),0)</f>
        <v>30.409022642786745</v>
      </c>
      <c r="E1819" cm="1">
        <f t="array" ref="E1819">IFERROR(INDEX(Jesper!AI$2:AI$366,ROUNDDOWN($C1819/24,0)+1,1)*INDEX($D$3:$AA$30,INDEX(Jesper!$R$2:$R$366,ROW(INDEX(Jesper!AI$2:AI$366,ROUNDDOWN($C1819/24,0)+1,1))-1)+IF('Standard Profiles'!$G$19=$B$10,7,0)+IF('Standard Profiles'!$G$19=$B$17,14,0)+IF('Standard Profiles'!$G$19=$B$24,21,0),MOD($C1819,24)+1)/SUM(INDEX($D$3:$AA$30,INDEX(Jesper!$R$2:$R$366,ROW(INDEX(Jesper!AI$2:AI$366,ROUNDDOWN($C1819/24,0)+1,1))-1)+IF('Standard Profiles'!$G$19=$B$10,7,0)+IF('Standard Profiles'!$G$19=$B$17,14,0)+IF('Standard Profiles'!$G$19=$B$24,21,0),0)),0)</f>
        <v>33.807797040321255</v>
      </c>
      <c r="F1819" cm="1">
        <f t="array" ref="F1819">IFERROR(INDEX(Jesper!AJ$2:AJ$366,ROUNDDOWN($C1819/24,0)+1,1)*INDEX($D$3:$AA$30,INDEX(Jesper!$R$2:$R$366,ROW(INDEX(Jesper!AJ$2:AJ$366,ROUNDDOWN($C1819/24,0)+1,1))-1)+IF('Standard Profiles'!$G$20=$B$10,7,0)+IF('Standard Profiles'!$G$20=$B$17,14,0)+IF('Standard Profiles'!$G$20=$B$24,21,0),MOD($C1819,24)+1)/SUM(INDEX($D$3:$AA$30,INDEX(Jesper!$R$2:$R$366,ROW(INDEX(Jesper!AJ$2:AJ$366,ROUNDDOWN($C1819/24,0)+1,1))-1)+IF('Standard Profiles'!$G$20=$B$10,7,0)+IF('Standard Profiles'!$G$20=$B$17,14,0)+IF('Standard Profiles'!$G$20=$B$24,21,0),0)),0)</f>
        <v>0</v>
      </c>
      <c r="G1819" cm="1">
        <f t="array" ref="G1819">IFERROR(INDEX(Jesper!AK$2:AK$366,ROUNDDOWN($C1819/24,0)+1,1)*INDEX($D$3:$AA$30,INDEX(Jesper!$R$2:$R$366,ROW(INDEX(Jesper!AK$2:AK$366,ROUNDDOWN($C1819/24,0)+1,1))-1)+IF('Standard Profiles'!$G$21=$B$10,7,0)+IF('Standard Profiles'!$G$21=$B$17,14,0)+IF('Standard Profiles'!$G$21=$B$24,21,0),MOD($C1819,24)+1)/SUM(INDEX($D$3:$AA$30,INDEX(Jesper!$R$2:$R$366,ROW(INDEX(Jesper!AK$2:AK$366,ROUNDDOWN($C1819/24,0)+1,1))-1)+IF('Standard Profiles'!$G$21=$B$10,7,0)+IF('Standard Profiles'!$G$21=$B$17,14,0)+IF('Standard Profiles'!$G$21=$B$24,21,0),0)),0)</f>
        <v>26.169156505018588</v>
      </c>
      <c r="H1819" cm="1">
        <f t="array" ref="H1819">IFERROR(INDEX(Jesper!AL$2:AL$366,ROUNDDOWN($C1819/24,0)+1,1)*INDEX($D$3:$AA$30,INDEX(Jesper!$R$2:$R$366,ROW(INDEX(Jesper!AL$2:AL$366,ROUNDDOWN($C1819/24,0)+1,1))-1)+IF('Standard Profiles'!$G$22=$B$10,7,0)+IF('Standard Profiles'!$G$22=$B$17,14,0)+IF('Standard Profiles'!$G$22=$B$24,21,0),MOD($C1819,24)+1)/SUM(INDEX($D$3:$AA$30,INDEX(Jesper!$R$2:$R$366,ROW(INDEX(Jesper!AL$2:AL$366,ROUNDDOWN($C1819/24,0)+1,1))-1)+IF('Standard Profiles'!$G$22=$B$10,7,0)+IF('Standard Profiles'!$G$22=$B$17,14,0)+IF('Standard Profiles'!$G$22=$B$24,21,0),0)),0)</f>
        <v>0</v>
      </c>
      <c r="I1819">
        <f t="shared" si="209"/>
        <v>12.561195122408916</v>
      </c>
      <c r="J1819">
        <f t="shared" si="210"/>
        <v>72.959337442871785</v>
      </c>
      <c r="K1819">
        <f t="shared" si="211"/>
        <v>3.2436290818972529</v>
      </c>
      <c r="L1819">
        <f t="shared" si="212"/>
        <v>1.6218145409486264</v>
      </c>
      <c r="M1819">
        <f t="shared" si="213"/>
        <v>0</v>
      </c>
      <c r="N1819" s="45">
        <f t="shared" si="214"/>
        <v>45001.374999995671</v>
      </c>
    </row>
    <row r="1820" spans="2:14" x14ac:dyDescent="0.25">
      <c r="B1820">
        <f t="shared" si="208"/>
        <v>4</v>
      </c>
      <c r="C1820" s="16">
        <v>1786</v>
      </c>
      <c r="D1820" cm="1">
        <f t="array" ref="D1820">IFERROR(INDEX(Jesper!AH$2:AH$366,ROUNDDOWN($C1820/24,0)+1,1)*INDEX($D$3:$AA$30,INDEX(Jesper!$R$2:$R$366,ROW(INDEX(Jesper!AH$2:AH$366,ROUNDDOWN($C1820/24,0)+1,1))-1)+IF('Standard Profiles'!$G$18=$B$10,7,0)+IF('Standard Profiles'!$G$18=$B$17,14,0)+IF('Standard Profiles'!$G$18=$B$24,21,0),MOD($C1820,24)+1)/SUM(INDEX($D$3:$AA$30,INDEX(Jesper!$R$2:$R$366,ROW(INDEX(Jesper!AH$2:AH$366,ROUNDDOWN($C1820/24,0)+1,1))-1)+IF('Standard Profiles'!$G$18=$B$10,7,0)+IF('Standard Profiles'!$G$18=$B$17,14,0)+IF('Standard Profiles'!$G$18=$B$24,21,0),0)),0)</f>
        <v>30.409022642786745</v>
      </c>
      <c r="E1820" cm="1">
        <f t="array" ref="E1820">IFERROR(INDEX(Jesper!AI$2:AI$366,ROUNDDOWN($C1820/24,0)+1,1)*INDEX($D$3:$AA$30,INDEX(Jesper!$R$2:$R$366,ROW(INDEX(Jesper!AI$2:AI$366,ROUNDDOWN($C1820/24,0)+1,1))-1)+IF('Standard Profiles'!$G$19=$B$10,7,0)+IF('Standard Profiles'!$G$19=$B$17,14,0)+IF('Standard Profiles'!$G$19=$B$24,21,0),MOD($C1820,24)+1)/SUM(INDEX($D$3:$AA$30,INDEX(Jesper!$R$2:$R$366,ROW(INDEX(Jesper!AI$2:AI$366,ROUNDDOWN($C1820/24,0)+1,1))-1)+IF('Standard Profiles'!$G$19=$B$10,7,0)+IF('Standard Profiles'!$G$19=$B$17,14,0)+IF('Standard Profiles'!$G$19=$B$24,21,0),0)),0)</f>
        <v>33.807797040321255</v>
      </c>
      <c r="F1820" cm="1">
        <f t="array" ref="F1820">IFERROR(INDEX(Jesper!AJ$2:AJ$366,ROUNDDOWN($C1820/24,0)+1,1)*INDEX($D$3:$AA$30,INDEX(Jesper!$R$2:$R$366,ROW(INDEX(Jesper!AJ$2:AJ$366,ROUNDDOWN($C1820/24,0)+1,1))-1)+IF('Standard Profiles'!$G$20=$B$10,7,0)+IF('Standard Profiles'!$G$20=$B$17,14,0)+IF('Standard Profiles'!$G$20=$B$24,21,0),MOD($C1820,24)+1)/SUM(INDEX($D$3:$AA$30,INDEX(Jesper!$R$2:$R$366,ROW(INDEX(Jesper!AJ$2:AJ$366,ROUNDDOWN($C1820/24,0)+1,1))-1)+IF('Standard Profiles'!$G$20=$B$10,7,0)+IF('Standard Profiles'!$G$20=$B$17,14,0)+IF('Standard Profiles'!$G$20=$B$24,21,0),0)),0)</f>
        <v>0</v>
      </c>
      <c r="G1820" cm="1">
        <f t="array" ref="G1820">IFERROR(INDEX(Jesper!AK$2:AK$366,ROUNDDOWN($C1820/24,0)+1,1)*INDEX($D$3:$AA$30,INDEX(Jesper!$R$2:$R$366,ROW(INDEX(Jesper!AK$2:AK$366,ROUNDDOWN($C1820/24,0)+1,1))-1)+IF('Standard Profiles'!$G$21=$B$10,7,0)+IF('Standard Profiles'!$G$21=$B$17,14,0)+IF('Standard Profiles'!$G$21=$B$24,21,0),MOD($C1820,24)+1)/SUM(INDEX($D$3:$AA$30,INDEX(Jesper!$R$2:$R$366,ROW(INDEX(Jesper!AK$2:AK$366,ROUNDDOWN($C1820/24,0)+1,1))-1)+IF('Standard Profiles'!$G$21=$B$10,7,0)+IF('Standard Profiles'!$G$21=$B$17,14,0)+IF('Standard Profiles'!$G$21=$B$24,21,0),0)),0)</f>
        <v>26.169156505018588</v>
      </c>
      <c r="H1820" cm="1">
        <f t="array" ref="H1820">IFERROR(INDEX(Jesper!AL$2:AL$366,ROUNDDOWN($C1820/24,0)+1,1)*INDEX($D$3:$AA$30,INDEX(Jesper!$R$2:$R$366,ROW(INDEX(Jesper!AL$2:AL$366,ROUNDDOWN($C1820/24,0)+1,1))-1)+IF('Standard Profiles'!$G$22=$B$10,7,0)+IF('Standard Profiles'!$G$22=$B$17,14,0)+IF('Standard Profiles'!$G$22=$B$24,21,0),MOD($C1820,24)+1)/SUM(INDEX($D$3:$AA$30,INDEX(Jesper!$R$2:$R$366,ROW(INDEX(Jesper!AL$2:AL$366,ROUNDDOWN($C1820/24,0)+1,1))-1)+IF('Standard Profiles'!$G$22=$B$10,7,0)+IF('Standard Profiles'!$G$22=$B$17,14,0)+IF('Standard Profiles'!$G$22=$B$24,21,0),0)),0)</f>
        <v>0</v>
      </c>
      <c r="I1820">
        <f t="shared" si="209"/>
        <v>12.561195122408916</v>
      </c>
      <c r="J1820">
        <f t="shared" si="210"/>
        <v>72.959337442871785</v>
      </c>
      <c r="K1820">
        <f t="shared" si="211"/>
        <v>3.2436290818972529</v>
      </c>
      <c r="L1820">
        <f t="shared" si="212"/>
        <v>1.6218145409486264</v>
      </c>
      <c r="M1820">
        <f t="shared" si="213"/>
        <v>0</v>
      </c>
      <c r="N1820" s="45">
        <f t="shared" si="214"/>
        <v>45001.416666662335</v>
      </c>
    </row>
    <row r="1821" spans="2:14" x14ac:dyDescent="0.25">
      <c r="B1821">
        <f t="shared" si="208"/>
        <v>4</v>
      </c>
      <c r="C1821" s="16">
        <v>1787</v>
      </c>
      <c r="D1821" cm="1">
        <f t="array" ref="D1821">IFERROR(INDEX(Jesper!AH$2:AH$366,ROUNDDOWN($C1821/24,0)+1,1)*INDEX($D$3:$AA$30,INDEX(Jesper!$R$2:$R$366,ROW(INDEX(Jesper!AH$2:AH$366,ROUNDDOWN($C1821/24,0)+1,1))-1)+IF('Standard Profiles'!$G$18=$B$10,7,0)+IF('Standard Profiles'!$G$18=$B$17,14,0)+IF('Standard Profiles'!$G$18=$B$24,21,0),MOD($C1821,24)+1)/SUM(INDEX($D$3:$AA$30,INDEX(Jesper!$R$2:$R$366,ROW(INDEX(Jesper!AH$2:AH$366,ROUNDDOWN($C1821/24,0)+1,1))-1)+IF('Standard Profiles'!$G$18=$B$10,7,0)+IF('Standard Profiles'!$G$18=$B$17,14,0)+IF('Standard Profiles'!$G$18=$B$24,21,0),0)),0)</f>
        <v>36.38686470077046</v>
      </c>
      <c r="E1821" cm="1">
        <f t="array" ref="E1821">IFERROR(INDEX(Jesper!AI$2:AI$366,ROUNDDOWN($C1821/24,0)+1,1)*INDEX($D$3:$AA$30,INDEX(Jesper!$R$2:$R$366,ROW(INDEX(Jesper!AI$2:AI$366,ROUNDDOWN($C1821/24,0)+1,1))-1)+IF('Standard Profiles'!$G$19=$B$10,7,0)+IF('Standard Profiles'!$G$19=$B$17,14,0)+IF('Standard Profiles'!$G$19=$B$24,21,0),MOD($C1821,24)+1)/SUM(INDEX($D$3:$AA$30,INDEX(Jesper!$R$2:$R$366,ROW(INDEX(Jesper!AI$2:AI$366,ROUNDDOWN($C1821/24,0)+1,1))-1)+IF('Standard Profiles'!$G$19=$B$10,7,0)+IF('Standard Profiles'!$G$19=$B$17,14,0)+IF('Standard Profiles'!$G$19=$B$24,21,0),0)),0)</f>
        <v>40.453774236281838</v>
      </c>
      <c r="F1821" cm="1">
        <f t="array" ref="F1821">IFERROR(INDEX(Jesper!AJ$2:AJ$366,ROUNDDOWN($C1821/24,0)+1,1)*INDEX($D$3:$AA$30,INDEX(Jesper!$R$2:$R$366,ROW(INDEX(Jesper!AJ$2:AJ$366,ROUNDDOWN($C1821/24,0)+1,1))-1)+IF('Standard Profiles'!$G$20=$B$10,7,0)+IF('Standard Profiles'!$G$20=$B$17,14,0)+IF('Standard Profiles'!$G$20=$B$24,21,0),MOD($C1821,24)+1)/SUM(INDEX($D$3:$AA$30,INDEX(Jesper!$R$2:$R$366,ROW(INDEX(Jesper!AJ$2:AJ$366,ROUNDDOWN($C1821/24,0)+1,1))-1)+IF('Standard Profiles'!$G$20=$B$10,7,0)+IF('Standard Profiles'!$G$20=$B$17,14,0)+IF('Standard Profiles'!$G$20=$B$24,21,0),0)),0)</f>
        <v>0</v>
      </c>
      <c r="G1821" cm="1">
        <f t="array" ref="G1821">IFERROR(INDEX(Jesper!AK$2:AK$366,ROUNDDOWN($C1821/24,0)+1,1)*INDEX($D$3:$AA$30,INDEX(Jesper!$R$2:$R$366,ROW(INDEX(Jesper!AK$2:AK$366,ROUNDDOWN($C1821/24,0)+1,1))-1)+IF('Standard Profiles'!$G$21=$B$10,7,0)+IF('Standard Profiles'!$G$21=$B$17,14,0)+IF('Standard Profiles'!$G$21=$B$24,21,0),MOD($C1821,24)+1)/SUM(INDEX($D$3:$AA$30,INDEX(Jesper!$R$2:$R$366,ROW(INDEX(Jesper!AK$2:AK$366,ROUNDDOWN($C1821/24,0)+1,1))-1)+IF('Standard Profiles'!$G$21=$B$10,7,0)+IF('Standard Profiles'!$G$21=$B$17,14,0)+IF('Standard Profiles'!$G$21=$B$24,21,0),0)),0)</f>
        <v>31.313520604295739</v>
      </c>
      <c r="H1821" cm="1">
        <f t="array" ref="H1821">IFERROR(INDEX(Jesper!AL$2:AL$366,ROUNDDOWN($C1821/24,0)+1,1)*INDEX($D$3:$AA$30,INDEX(Jesper!$R$2:$R$366,ROW(INDEX(Jesper!AL$2:AL$366,ROUNDDOWN($C1821/24,0)+1,1))-1)+IF('Standard Profiles'!$G$22=$B$10,7,0)+IF('Standard Profiles'!$G$22=$B$17,14,0)+IF('Standard Profiles'!$G$22=$B$24,21,0),MOD($C1821,24)+1)/SUM(INDEX($D$3:$AA$30,INDEX(Jesper!$R$2:$R$366,ROW(INDEX(Jesper!AL$2:AL$366,ROUNDDOWN($C1821/24,0)+1,1))-1)+IF('Standard Profiles'!$G$22=$B$10,7,0)+IF('Standard Profiles'!$G$22=$B$17,14,0)+IF('Standard Profiles'!$G$22=$B$24,21,0),0)),0)</f>
        <v>0</v>
      </c>
      <c r="I1821">
        <f t="shared" si="209"/>
        <v>15.030489890061947</v>
      </c>
      <c r="J1821">
        <f t="shared" si="210"/>
        <v>87.301771299162809</v>
      </c>
      <c r="K1821">
        <f t="shared" si="211"/>
        <v>3.8812655680821826</v>
      </c>
      <c r="L1821">
        <f t="shared" si="212"/>
        <v>1.9406327840410913</v>
      </c>
      <c r="M1821">
        <f t="shared" si="213"/>
        <v>0</v>
      </c>
      <c r="N1821" s="45">
        <f t="shared" si="214"/>
        <v>45001.458333328999</v>
      </c>
    </row>
    <row r="1822" spans="2:14" x14ac:dyDescent="0.25">
      <c r="B1822">
        <f t="shared" si="208"/>
        <v>4</v>
      </c>
      <c r="C1822" s="16">
        <v>1788</v>
      </c>
      <c r="D1822" cm="1">
        <f t="array" ref="D1822">IFERROR(INDEX(Jesper!AH$2:AH$366,ROUNDDOWN($C1822/24,0)+1,1)*INDEX($D$3:$AA$30,INDEX(Jesper!$R$2:$R$366,ROW(INDEX(Jesper!AH$2:AH$366,ROUNDDOWN($C1822/24,0)+1,1))-1)+IF('Standard Profiles'!$G$18=$B$10,7,0)+IF('Standard Profiles'!$G$18=$B$17,14,0)+IF('Standard Profiles'!$G$18=$B$24,21,0),MOD($C1822,24)+1)/SUM(INDEX($D$3:$AA$30,INDEX(Jesper!$R$2:$R$366,ROW(INDEX(Jesper!AH$2:AH$366,ROUNDDOWN($C1822/24,0)+1,1))-1)+IF('Standard Profiles'!$G$18=$B$10,7,0)+IF('Standard Profiles'!$G$18=$B$17,14,0)+IF('Standard Profiles'!$G$18=$B$24,21,0),0)),0)</f>
        <v>36.38686470077046</v>
      </c>
      <c r="E1822" cm="1">
        <f t="array" ref="E1822">IFERROR(INDEX(Jesper!AI$2:AI$366,ROUNDDOWN($C1822/24,0)+1,1)*INDEX($D$3:$AA$30,INDEX(Jesper!$R$2:$R$366,ROW(INDEX(Jesper!AI$2:AI$366,ROUNDDOWN($C1822/24,0)+1,1))-1)+IF('Standard Profiles'!$G$19=$B$10,7,0)+IF('Standard Profiles'!$G$19=$B$17,14,0)+IF('Standard Profiles'!$G$19=$B$24,21,0),MOD($C1822,24)+1)/SUM(INDEX($D$3:$AA$30,INDEX(Jesper!$R$2:$R$366,ROW(INDEX(Jesper!AI$2:AI$366,ROUNDDOWN($C1822/24,0)+1,1))-1)+IF('Standard Profiles'!$G$19=$B$10,7,0)+IF('Standard Profiles'!$G$19=$B$17,14,0)+IF('Standard Profiles'!$G$19=$B$24,21,0),0)),0)</f>
        <v>40.453774236281838</v>
      </c>
      <c r="F1822" cm="1">
        <f t="array" ref="F1822">IFERROR(INDEX(Jesper!AJ$2:AJ$366,ROUNDDOWN($C1822/24,0)+1,1)*INDEX($D$3:$AA$30,INDEX(Jesper!$R$2:$R$366,ROW(INDEX(Jesper!AJ$2:AJ$366,ROUNDDOWN($C1822/24,0)+1,1))-1)+IF('Standard Profiles'!$G$20=$B$10,7,0)+IF('Standard Profiles'!$G$20=$B$17,14,0)+IF('Standard Profiles'!$G$20=$B$24,21,0),MOD($C1822,24)+1)/SUM(INDEX($D$3:$AA$30,INDEX(Jesper!$R$2:$R$366,ROW(INDEX(Jesper!AJ$2:AJ$366,ROUNDDOWN($C1822/24,0)+1,1))-1)+IF('Standard Profiles'!$G$20=$B$10,7,0)+IF('Standard Profiles'!$G$20=$B$17,14,0)+IF('Standard Profiles'!$G$20=$B$24,21,0),0)),0)</f>
        <v>0</v>
      </c>
      <c r="G1822" cm="1">
        <f t="array" ref="G1822">IFERROR(INDEX(Jesper!AK$2:AK$366,ROUNDDOWN($C1822/24,0)+1,1)*INDEX($D$3:$AA$30,INDEX(Jesper!$R$2:$R$366,ROW(INDEX(Jesper!AK$2:AK$366,ROUNDDOWN($C1822/24,0)+1,1))-1)+IF('Standard Profiles'!$G$21=$B$10,7,0)+IF('Standard Profiles'!$G$21=$B$17,14,0)+IF('Standard Profiles'!$G$21=$B$24,21,0),MOD($C1822,24)+1)/SUM(INDEX($D$3:$AA$30,INDEX(Jesper!$R$2:$R$366,ROW(INDEX(Jesper!AK$2:AK$366,ROUNDDOWN($C1822/24,0)+1,1))-1)+IF('Standard Profiles'!$G$21=$B$10,7,0)+IF('Standard Profiles'!$G$21=$B$17,14,0)+IF('Standard Profiles'!$G$21=$B$24,21,0),0)),0)</f>
        <v>31.313520604295739</v>
      </c>
      <c r="H1822" cm="1">
        <f t="array" ref="H1822">IFERROR(INDEX(Jesper!AL$2:AL$366,ROUNDDOWN($C1822/24,0)+1,1)*INDEX($D$3:$AA$30,INDEX(Jesper!$R$2:$R$366,ROW(INDEX(Jesper!AL$2:AL$366,ROUNDDOWN($C1822/24,0)+1,1))-1)+IF('Standard Profiles'!$G$22=$B$10,7,0)+IF('Standard Profiles'!$G$22=$B$17,14,0)+IF('Standard Profiles'!$G$22=$B$24,21,0),MOD($C1822,24)+1)/SUM(INDEX($D$3:$AA$30,INDEX(Jesper!$R$2:$R$366,ROW(INDEX(Jesper!AL$2:AL$366,ROUNDDOWN($C1822/24,0)+1,1))-1)+IF('Standard Profiles'!$G$22=$B$10,7,0)+IF('Standard Profiles'!$G$22=$B$17,14,0)+IF('Standard Profiles'!$G$22=$B$24,21,0),0)),0)</f>
        <v>0</v>
      </c>
      <c r="I1822">
        <f t="shared" si="209"/>
        <v>15.030489890061947</v>
      </c>
      <c r="J1822">
        <f t="shared" si="210"/>
        <v>87.301771299162809</v>
      </c>
      <c r="K1822">
        <f t="shared" si="211"/>
        <v>3.8812655680821826</v>
      </c>
      <c r="L1822">
        <f t="shared" si="212"/>
        <v>1.9406327840410913</v>
      </c>
      <c r="M1822">
        <f t="shared" si="213"/>
        <v>0</v>
      </c>
      <c r="N1822" s="45">
        <f t="shared" si="214"/>
        <v>45001.499999995664</v>
      </c>
    </row>
    <row r="1823" spans="2:14" x14ac:dyDescent="0.25">
      <c r="B1823">
        <f t="shared" si="208"/>
        <v>4</v>
      </c>
      <c r="C1823" s="16">
        <v>1789</v>
      </c>
      <c r="D1823" cm="1">
        <f t="array" ref="D1823">IFERROR(INDEX(Jesper!AH$2:AH$366,ROUNDDOWN($C1823/24,0)+1,1)*INDEX($D$3:$AA$30,INDEX(Jesper!$R$2:$R$366,ROW(INDEX(Jesper!AH$2:AH$366,ROUNDDOWN($C1823/24,0)+1,1))-1)+IF('Standard Profiles'!$G$18=$B$10,7,0)+IF('Standard Profiles'!$G$18=$B$17,14,0)+IF('Standard Profiles'!$G$18=$B$24,21,0),MOD($C1823,24)+1)/SUM(INDEX($D$3:$AA$30,INDEX(Jesper!$R$2:$R$366,ROW(INDEX(Jesper!AH$2:AH$366,ROUNDDOWN($C1823/24,0)+1,1))-1)+IF('Standard Profiles'!$G$18=$B$10,7,0)+IF('Standard Profiles'!$G$18=$B$17,14,0)+IF('Standard Profiles'!$G$18=$B$24,21,0),0)),0)</f>
        <v>24.171274408368951</v>
      </c>
      <c r="E1823" cm="1">
        <f t="array" ref="E1823">IFERROR(INDEX(Jesper!AI$2:AI$366,ROUNDDOWN($C1823/24,0)+1,1)*INDEX($D$3:$AA$30,INDEX(Jesper!$R$2:$R$366,ROW(INDEX(Jesper!AI$2:AI$366,ROUNDDOWN($C1823/24,0)+1,1))-1)+IF('Standard Profiles'!$G$19=$B$10,7,0)+IF('Standard Profiles'!$G$19=$B$17,14,0)+IF('Standard Profiles'!$G$19=$B$24,21,0),MOD($C1823,24)+1)/SUM(INDEX($D$3:$AA$30,INDEX(Jesper!$R$2:$R$366,ROW(INDEX(Jesper!AI$2:AI$366,ROUNDDOWN($C1823/24,0)+1,1))-1)+IF('Standard Profiles'!$G$19=$B$10,7,0)+IF('Standard Profiles'!$G$19=$B$17,14,0)+IF('Standard Profiles'!$G$19=$B$24,21,0),0)),0)</f>
        <v>26.872864314101509</v>
      </c>
      <c r="F1823" cm="1">
        <f t="array" ref="F1823">IFERROR(INDEX(Jesper!AJ$2:AJ$366,ROUNDDOWN($C1823/24,0)+1,1)*INDEX($D$3:$AA$30,INDEX(Jesper!$R$2:$R$366,ROW(INDEX(Jesper!AJ$2:AJ$366,ROUNDDOWN($C1823/24,0)+1,1))-1)+IF('Standard Profiles'!$G$20=$B$10,7,0)+IF('Standard Profiles'!$G$20=$B$17,14,0)+IF('Standard Profiles'!$G$20=$B$24,21,0),MOD($C1823,24)+1)/SUM(INDEX($D$3:$AA$30,INDEX(Jesper!$R$2:$R$366,ROW(INDEX(Jesper!AJ$2:AJ$366,ROUNDDOWN($C1823/24,0)+1,1))-1)+IF('Standard Profiles'!$G$20=$B$10,7,0)+IF('Standard Profiles'!$G$20=$B$17,14,0)+IF('Standard Profiles'!$G$20=$B$24,21,0),0)),0)</f>
        <v>0</v>
      </c>
      <c r="G1823" cm="1">
        <f t="array" ref="G1823">IFERROR(INDEX(Jesper!AK$2:AK$366,ROUNDDOWN($C1823/24,0)+1,1)*INDEX($D$3:$AA$30,INDEX(Jesper!$R$2:$R$366,ROW(INDEX(Jesper!AK$2:AK$366,ROUNDDOWN($C1823/24,0)+1,1))-1)+IF('Standard Profiles'!$G$21=$B$10,7,0)+IF('Standard Profiles'!$G$21=$B$17,14,0)+IF('Standard Profiles'!$G$21=$B$24,21,0),MOD($C1823,24)+1)/SUM(INDEX($D$3:$AA$30,INDEX(Jesper!$R$2:$R$366,ROW(INDEX(Jesper!AK$2:AK$366,ROUNDDOWN($C1823/24,0)+1,1))-1)+IF('Standard Profiles'!$G$21=$B$10,7,0)+IF('Standard Profiles'!$G$21=$B$17,14,0)+IF('Standard Profiles'!$G$21=$B$24,21,0),0)),0)</f>
        <v>20.801124401425028</v>
      </c>
      <c r="H1823" cm="1">
        <f t="array" ref="H1823">IFERROR(INDEX(Jesper!AL$2:AL$366,ROUNDDOWN($C1823/24,0)+1,1)*INDEX($D$3:$AA$30,INDEX(Jesper!$R$2:$R$366,ROW(INDEX(Jesper!AL$2:AL$366,ROUNDDOWN($C1823/24,0)+1,1))-1)+IF('Standard Profiles'!$G$22=$B$10,7,0)+IF('Standard Profiles'!$G$22=$B$17,14,0)+IF('Standard Profiles'!$G$22=$B$24,21,0),MOD($C1823,24)+1)/SUM(INDEX($D$3:$AA$30,INDEX(Jesper!$R$2:$R$366,ROW(INDEX(Jesper!AL$2:AL$366,ROUNDDOWN($C1823/24,0)+1,1))-1)+IF('Standard Profiles'!$G$22=$B$10,7,0)+IF('Standard Profiles'!$G$22=$B$17,14,0)+IF('Standard Profiles'!$G$22=$B$24,21,0),0)),0)</f>
        <v>0</v>
      </c>
      <c r="I1823">
        <f t="shared" si="209"/>
        <v>9.9845397126840076</v>
      </c>
      <c r="J1823">
        <f t="shared" si="210"/>
        <v>57.993319505872449</v>
      </c>
      <c r="K1823">
        <f t="shared" si="211"/>
        <v>2.5782692702260217</v>
      </c>
      <c r="L1823">
        <f t="shared" si="212"/>
        <v>1.2891346351130109</v>
      </c>
      <c r="M1823">
        <f t="shared" si="213"/>
        <v>0</v>
      </c>
      <c r="N1823" s="45">
        <f t="shared" si="214"/>
        <v>45001.541666662328</v>
      </c>
    </row>
    <row r="1824" spans="2:14" x14ac:dyDescent="0.25">
      <c r="B1824">
        <f t="shared" si="208"/>
        <v>4</v>
      </c>
      <c r="C1824" s="16">
        <v>1790</v>
      </c>
      <c r="D1824" cm="1">
        <f t="array" ref="D1824">IFERROR(INDEX(Jesper!AH$2:AH$366,ROUNDDOWN($C1824/24,0)+1,1)*INDEX($D$3:$AA$30,INDEX(Jesper!$R$2:$R$366,ROW(INDEX(Jesper!AH$2:AH$366,ROUNDDOWN($C1824/24,0)+1,1))-1)+IF('Standard Profiles'!$G$18=$B$10,7,0)+IF('Standard Profiles'!$G$18=$B$17,14,0)+IF('Standard Profiles'!$G$18=$B$24,21,0),MOD($C1824,24)+1)/SUM(INDEX($D$3:$AA$30,INDEX(Jesper!$R$2:$R$366,ROW(INDEX(Jesper!AH$2:AH$366,ROUNDDOWN($C1824/24,0)+1,1))-1)+IF('Standard Profiles'!$G$18=$B$10,7,0)+IF('Standard Profiles'!$G$18=$B$17,14,0)+IF('Standard Profiles'!$G$18=$B$24,21,0),0)),0)</f>
        <v>36.38686470077046</v>
      </c>
      <c r="E1824" cm="1">
        <f t="array" ref="E1824">IFERROR(INDEX(Jesper!AI$2:AI$366,ROUNDDOWN($C1824/24,0)+1,1)*INDEX($D$3:$AA$30,INDEX(Jesper!$R$2:$R$366,ROW(INDEX(Jesper!AI$2:AI$366,ROUNDDOWN($C1824/24,0)+1,1))-1)+IF('Standard Profiles'!$G$19=$B$10,7,0)+IF('Standard Profiles'!$G$19=$B$17,14,0)+IF('Standard Profiles'!$G$19=$B$24,21,0),MOD($C1824,24)+1)/SUM(INDEX($D$3:$AA$30,INDEX(Jesper!$R$2:$R$366,ROW(INDEX(Jesper!AI$2:AI$366,ROUNDDOWN($C1824/24,0)+1,1))-1)+IF('Standard Profiles'!$G$19=$B$10,7,0)+IF('Standard Profiles'!$G$19=$B$17,14,0)+IF('Standard Profiles'!$G$19=$B$24,21,0),0)),0)</f>
        <v>40.453774236281838</v>
      </c>
      <c r="F1824" cm="1">
        <f t="array" ref="F1824">IFERROR(INDEX(Jesper!AJ$2:AJ$366,ROUNDDOWN($C1824/24,0)+1,1)*INDEX($D$3:$AA$30,INDEX(Jesper!$R$2:$R$366,ROW(INDEX(Jesper!AJ$2:AJ$366,ROUNDDOWN($C1824/24,0)+1,1))-1)+IF('Standard Profiles'!$G$20=$B$10,7,0)+IF('Standard Profiles'!$G$20=$B$17,14,0)+IF('Standard Profiles'!$G$20=$B$24,21,0),MOD($C1824,24)+1)/SUM(INDEX($D$3:$AA$30,INDEX(Jesper!$R$2:$R$366,ROW(INDEX(Jesper!AJ$2:AJ$366,ROUNDDOWN($C1824/24,0)+1,1))-1)+IF('Standard Profiles'!$G$20=$B$10,7,0)+IF('Standard Profiles'!$G$20=$B$17,14,0)+IF('Standard Profiles'!$G$20=$B$24,21,0),0)),0)</f>
        <v>0</v>
      </c>
      <c r="G1824" cm="1">
        <f t="array" ref="G1824">IFERROR(INDEX(Jesper!AK$2:AK$366,ROUNDDOWN($C1824/24,0)+1,1)*INDEX($D$3:$AA$30,INDEX(Jesper!$R$2:$R$366,ROW(INDEX(Jesper!AK$2:AK$366,ROUNDDOWN($C1824/24,0)+1,1))-1)+IF('Standard Profiles'!$G$21=$B$10,7,0)+IF('Standard Profiles'!$G$21=$B$17,14,0)+IF('Standard Profiles'!$G$21=$B$24,21,0),MOD($C1824,24)+1)/SUM(INDEX($D$3:$AA$30,INDEX(Jesper!$R$2:$R$366,ROW(INDEX(Jesper!AK$2:AK$366,ROUNDDOWN($C1824/24,0)+1,1))-1)+IF('Standard Profiles'!$G$21=$B$10,7,0)+IF('Standard Profiles'!$G$21=$B$17,14,0)+IF('Standard Profiles'!$G$21=$B$24,21,0),0)),0)</f>
        <v>31.313520604295739</v>
      </c>
      <c r="H1824" cm="1">
        <f t="array" ref="H1824">IFERROR(INDEX(Jesper!AL$2:AL$366,ROUNDDOWN($C1824/24,0)+1,1)*INDEX($D$3:$AA$30,INDEX(Jesper!$R$2:$R$366,ROW(INDEX(Jesper!AL$2:AL$366,ROUNDDOWN($C1824/24,0)+1,1))-1)+IF('Standard Profiles'!$G$22=$B$10,7,0)+IF('Standard Profiles'!$G$22=$B$17,14,0)+IF('Standard Profiles'!$G$22=$B$24,21,0),MOD($C1824,24)+1)/SUM(INDEX($D$3:$AA$30,INDEX(Jesper!$R$2:$R$366,ROW(INDEX(Jesper!AL$2:AL$366,ROUNDDOWN($C1824/24,0)+1,1))-1)+IF('Standard Profiles'!$G$22=$B$10,7,0)+IF('Standard Profiles'!$G$22=$B$17,14,0)+IF('Standard Profiles'!$G$22=$B$24,21,0),0)),0)</f>
        <v>0</v>
      </c>
      <c r="I1824">
        <f t="shared" si="209"/>
        <v>15.030489890061947</v>
      </c>
      <c r="J1824">
        <f t="shared" si="210"/>
        <v>87.301771299162809</v>
      </c>
      <c r="K1824">
        <f t="shared" si="211"/>
        <v>3.8812655680821826</v>
      </c>
      <c r="L1824">
        <f t="shared" si="212"/>
        <v>1.9406327840410913</v>
      </c>
      <c r="M1824">
        <f t="shared" si="213"/>
        <v>0</v>
      </c>
      <c r="N1824" s="45">
        <f t="shared" si="214"/>
        <v>45001.583333328992</v>
      </c>
    </row>
    <row r="1825" spans="2:14" x14ac:dyDescent="0.25">
      <c r="B1825">
        <f t="shared" si="208"/>
        <v>4</v>
      </c>
      <c r="C1825" s="16">
        <v>1791</v>
      </c>
      <c r="D1825" cm="1">
        <f t="array" ref="D1825">IFERROR(INDEX(Jesper!AH$2:AH$366,ROUNDDOWN($C1825/24,0)+1,1)*INDEX($D$3:$AA$30,INDEX(Jesper!$R$2:$R$366,ROW(INDEX(Jesper!AH$2:AH$366,ROUNDDOWN($C1825/24,0)+1,1))-1)+IF('Standard Profiles'!$G$18=$B$10,7,0)+IF('Standard Profiles'!$G$18=$B$17,14,0)+IF('Standard Profiles'!$G$18=$B$24,21,0),MOD($C1825,24)+1)/SUM(INDEX($D$3:$AA$30,INDEX(Jesper!$R$2:$R$366,ROW(INDEX(Jesper!AH$2:AH$366,ROUNDDOWN($C1825/24,0)+1,1))-1)+IF('Standard Profiles'!$G$18=$B$10,7,0)+IF('Standard Profiles'!$G$18=$B$17,14,0)+IF('Standard Profiles'!$G$18=$B$24,21,0),0)),0)</f>
        <v>36.38686470077046</v>
      </c>
      <c r="E1825" cm="1">
        <f t="array" ref="E1825">IFERROR(INDEX(Jesper!AI$2:AI$366,ROUNDDOWN($C1825/24,0)+1,1)*INDEX($D$3:$AA$30,INDEX(Jesper!$R$2:$R$366,ROW(INDEX(Jesper!AI$2:AI$366,ROUNDDOWN($C1825/24,0)+1,1))-1)+IF('Standard Profiles'!$G$19=$B$10,7,0)+IF('Standard Profiles'!$G$19=$B$17,14,0)+IF('Standard Profiles'!$G$19=$B$24,21,0),MOD($C1825,24)+1)/SUM(INDEX($D$3:$AA$30,INDEX(Jesper!$R$2:$R$366,ROW(INDEX(Jesper!AI$2:AI$366,ROUNDDOWN($C1825/24,0)+1,1))-1)+IF('Standard Profiles'!$G$19=$B$10,7,0)+IF('Standard Profiles'!$G$19=$B$17,14,0)+IF('Standard Profiles'!$G$19=$B$24,21,0),0)),0)</f>
        <v>40.453774236281838</v>
      </c>
      <c r="F1825" cm="1">
        <f t="array" ref="F1825">IFERROR(INDEX(Jesper!AJ$2:AJ$366,ROUNDDOWN($C1825/24,0)+1,1)*INDEX($D$3:$AA$30,INDEX(Jesper!$R$2:$R$366,ROW(INDEX(Jesper!AJ$2:AJ$366,ROUNDDOWN($C1825/24,0)+1,1))-1)+IF('Standard Profiles'!$G$20=$B$10,7,0)+IF('Standard Profiles'!$G$20=$B$17,14,0)+IF('Standard Profiles'!$G$20=$B$24,21,0),MOD($C1825,24)+1)/SUM(INDEX($D$3:$AA$30,INDEX(Jesper!$R$2:$R$366,ROW(INDEX(Jesper!AJ$2:AJ$366,ROUNDDOWN($C1825/24,0)+1,1))-1)+IF('Standard Profiles'!$G$20=$B$10,7,0)+IF('Standard Profiles'!$G$20=$B$17,14,0)+IF('Standard Profiles'!$G$20=$B$24,21,0),0)),0)</f>
        <v>0</v>
      </c>
      <c r="G1825" cm="1">
        <f t="array" ref="G1825">IFERROR(INDEX(Jesper!AK$2:AK$366,ROUNDDOWN($C1825/24,0)+1,1)*INDEX($D$3:$AA$30,INDEX(Jesper!$R$2:$R$366,ROW(INDEX(Jesper!AK$2:AK$366,ROUNDDOWN($C1825/24,0)+1,1))-1)+IF('Standard Profiles'!$G$21=$B$10,7,0)+IF('Standard Profiles'!$G$21=$B$17,14,0)+IF('Standard Profiles'!$G$21=$B$24,21,0),MOD($C1825,24)+1)/SUM(INDEX($D$3:$AA$30,INDEX(Jesper!$R$2:$R$366,ROW(INDEX(Jesper!AK$2:AK$366,ROUNDDOWN($C1825/24,0)+1,1))-1)+IF('Standard Profiles'!$G$21=$B$10,7,0)+IF('Standard Profiles'!$G$21=$B$17,14,0)+IF('Standard Profiles'!$G$21=$B$24,21,0),0)),0)</f>
        <v>31.313520604295739</v>
      </c>
      <c r="H1825" cm="1">
        <f t="array" ref="H1825">IFERROR(INDEX(Jesper!AL$2:AL$366,ROUNDDOWN($C1825/24,0)+1,1)*INDEX($D$3:$AA$30,INDEX(Jesper!$R$2:$R$366,ROW(INDEX(Jesper!AL$2:AL$366,ROUNDDOWN($C1825/24,0)+1,1))-1)+IF('Standard Profiles'!$G$22=$B$10,7,0)+IF('Standard Profiles'!$G$22=$B$17,14,0)+IF('Standard Profiles'!$G$22=$B$24,21,0),MOD($C1825,24)+1)/SUM(INDEX($D$3:$AA$30,INDEX(Jesper!$R$2:$R$366,ROW(INDEX(Jesper!AL$2:AL$366,ROUNDDOWN($C1825/24,0)+1,1))-1)+IF('Standard Profiles'!$G$22=$B$10,7,0)+IF('Standard Profiles'!$G$22=$B$17,14,0)+IF('Standard Profiles'!$G$22=$B$24,21,0),0)),0)</f>
        <v>0</v>
      </c>
      <c r="I1825">
        <f t="shared" si="209"/>
        <v>15.030489890061947</v>
      </c>
      <c r="J1825">
        <f t="shared" si="210"/>
        <v>87.301771299162809</v>
      </c>
      <c r="K1825">
        <f t="shared" si="211"/>
        <v>3.8812655680821826</v>
      </c>
      <c r="L1825">
        <f t="shared" si="212"/>
        <v>1.9406327840410913</v>
      </c>
      <c r="M1825">
        <f t="shared" si="213"/>
        <v>0</v>
      </c>
      <c r="N1825" s="45">
        <f t="shared" si="214"/>
        <v>45001.624999995656</v>
      </c>
    </row>
    <row r="1826" spans="2:14" x14ac:dyDescent="0.25">
      <c r="B1826">
        <f t="shared" si="208"/>
        <v>4</v>
      </c>
      <c r="C1826" s="16">
        <v>1792</v>
      </c>
      <c r="D1826" cm="1">
        <f t="array" ref="D1826">IFERROR(INDEX(Jesper!AH$2:AH$366,ROUNDDOWN($C1826/24,0)+1,1)*INDEX($D$3:$AA$30,INDEX(Jesper!$R$2:$R$366,ROW(INDEX(Jesper!AH$2:AH$366,ROUNDDOWN($C1826/24,0)+1,1))-1)+IF('Standard Profiles'!$G$18=$B$10,7,0)+IF('Standard Profiles'!$G$18=$B$17,14,0)+IF('Standard Profiles'!$G$18=$B$24,21,0),MOD($C1826,24)+1)/SUM(INDEX($D$3:$AA$30,INDEX(Jesper!$R$2:$R$366,ROW(INDEX(Jesper!AH$2:AH$366,ROUNDDOWN($C1826/24,0)+1,1))-1)+IF('Standard Profiles'!$G$18=$B$10,7,0)+IF('Standard Profiles'!$G$18=$B$17,14,0)+IF('Standard Profiles'!$G$18=$B$24,21,0),0)),0)</f>
        <v>21.442259555811166</v>
      </c>
      <c r="E1826" cm="1">
        <f t="array" ref="E1826">IFERROR(INDEX(Jesper!AI$2:AI$366,ROUNDDOWN($C1826/24,0)+1,1)*INDEX($D$3:$AA$30,INDEX(Jesper!$R$2:$R$366,ROW(INDEX(Jesper!AI$2:AI$366,ROUNDDOWN($C1826/24,0)+1,1))-1)+IF('Standard Profiles'!$G$19=$B$10,7,0)+IF('Standard Profiles'!$G$19=$B$17,14,0)+IF('Standard Profiles'!$G$19=$B$24,21,0),MOD($C1826,24)+1)/SUM(INDEX($D$3:$AA$30,INDEX(Jesper!$R$2:$R$366,ROW(INDEX(Jesper!AI$2:AI$366,ROUNDDOWN($C1826/24,0)+1,1))-1)+IF('Standard Profiles'!$G$19=$B$10,7,0)+IF('Standard Profiles'!$G$19=$B$17,14,0)+IF('Standard Profiles'!$G$19=$B$24,21,0),0)),0)</f>
        <v>23.838831246380373</v>
      </c>
      <c r="F1826" cm="1">
        <f t="array" ref="F1826">IFERROR(INDEX(Jesper!AJ$2:AJ$366,ROUNDDOWN($C1826/24,0)+1,1)*INDEX($D$3:$AA$30,INDEX(Jesper!$R$2:$R$366,ROW(INDEX(Jesper!AJ$2:AJ$366,ROUNDDOWN($C1826/24,0)+1,1))-1)+IF('Standard Profiles'!$G$20=$B$10,7,0)+IF('Standard Profiles'!$G$20=$B$17,14,0)+IF('Standard Profiles'!$G$20=$B$24,21,0),MOD($C1826,24)+1)/SUM(INDEX($D$3:$AA$30,INDEX(Jesper!$R$2:$R$366,ROW(INDEX(Jesper!AJ$2:AJ$366,ROUNDDOWN($C1826/24,0)+1,1))-1)+IF('Standard Profiles'!$G$20=$B$10,7,0)+IF('Standard Profiles'!$G$20=$B$17,14,0)+IF('Standard Profiles'!$G$20=$B$24,21,0),0)),0)</f>
        <v>0</v>
      </c>
      <c r="G1826" cm="1">
        <f t="array" ref="G1826">IFERROR(INDEX(Jesper!AK$2:AK$366,ROUNDDOWN($C1826/24,0)+1,1)*INDEX($D$3:$AA$30,INDEX(Jesper!$R$2:$R$366,ROW(INDEX(Jesper!AK$2:AK$366,ROUNDDOWN($C1826/24,0)+1,1))-1)+IF('Standard Profiles'!$G$21=$B$10,7,0)+IF('Standard Profiles'!$G$21=$B$17,14,0)+IF('Standard Profiles'!$G$21=$B$24,21,0),MOD($C1826,24)+1)/SUM(INDEX($D$3:$AA$30,INDEX(Jesper!$R$2:$R$366,ROW(INDEX(Jesper!AK$2:AK$366,ROUNDDOWN($C1826/24,0)+1,1))-1)+IF('Standard Profiles'!$G$21=$B$10,7,0)+IF('Standard Profiles'!$G$21=$B$17,14,0)+IF('Standard Profiles'!$G$21=$B$24,21,0),0)),0)</f>
        <v>26.16530016011658</v>
      </c>
      <c r="H1826" cm="1">
        <f t="array" ref="H1826">IFERROR(INDEX(Jesper!AL$2:AL$366,ROUNDDOWN($C1826/24,0)+1,1)*INDEX($D$3:$AA$30,INDEX(Jesper!$R$2:$R$366,ROW(INDEX(Jesper!AL$2:AL$366,ROUNDDOWN($C1826/24,0)+1,1))-1)+IF('Standard Profiles'!$G$22=$B$10,7,0)+IF('Standard Profiles'!$G$22=$B$17,14,0)+IF('Standard Profiles'!$G$22=$B$24,21,0),MOD($C1826,24)+1)/SUM(INDEX($D$3:$AA$30,INDEX(Jesper!$R$2:$R$366,ROW(INDEX(Jesper!AL$2:AL$366,ROUNDDOWN($C1826/24,0)+1,1))-1)+IF('Standard Profiles'!$G$22=$B$10,7,0)+IF('Standard Profiles'!$G$22=$B$17,14,0)+IF('Standard Profiles'!$G$22=$B$24,21,0),0)),0)</f>
        <v>0</v>
      </c>
      <c r="I1826">
        <f t="shared" si="209"/>
        <v>12.559344076855952</v>
      </c>
      <c r="J1826">
        <f t="shared" si="210"/>
        <v>55.456285356522379</v>
      </c>
      <c r="K1826">
        <f t="shared" si="211"/>
        <v>2.287174352619858</v>
      </c>
      <c r="L1826">
        <f t="shared" si="212"/>
        <v>1.143587176309929</v>
      </c>
      <c r="M1826">
        <f t="shared" si="213"/>
        <v>0</v>
      </c>
      <c r="N1826" s="45">
        <f t="shared" si="214"/>
        <v>45001.66666666232</v>
      </c>
    </row>
    <row r="1827" spans="2:14" x14ac:dyDescent="0.25">
      <c r="B1827">
        <f t="shared" ref="B1827:B1890" si="215">WEEKDAY(N1827,2)</f>
        <v>4</v>
      </c>
      <c r="C1827" s="16">
        <v>1793</v>
      </c>
      <c r="D1827" cm="1">
        <f t="array" ref="D1827">IFERROR(INDEX(Jesper!AH$2:AH$366,ROUNDDOWN($C1827/24,0)+1,1)*INDEX($D$3:$AA$30,INDEX(Jesper!$R$2:$R$366,ROW(INDEX(Jesper!AH$2:AH$366,ROUNDDOWN($C1827/24,0)+1,1))-1)+IF('Standard Profiles'!$G$18=$B$10,7,0)+IF('Standard Profiles'!$G$18=$B$17,14,0)+IF('Standard Profiles'!$G$18=$B$24,21,0),MOD($C1827,24)+1)/SUM(INDEX($D$3:$AA$30,INDEX(Jesper!$R$2:$R$366,ROW(INDEX(Jesper!AH$2:AH$366,ROUNDDOWN($C1827/24,0)+1,1))-1)+IF('Standard Profiles'!$G$18=$B$10,7,0)+IF('Standard Profiles'!$G$18=$B$17,14,0)+IF('Standard Profiles'!$G$18=$B$24,21,0),0)),0)</f>
        <v>9.1516259307772803</v>
      </c>
      <c r="E1827" cm="1">
        <f t="array" ref="E1827">IFERROR(INDEX(Jesper!AI$2:AI$366,ROUNDDOWN($C1827/24,0)+1,1)*INDEX($D$3:$AA$30,INDEX(Jesper!$R$2:$R$366,ROW(INDEX(Jesper!AI$2:AI$366,ROUNDDOWN($C1827/24,0)+1,1))-1)+IF('Standard Profiles'!$G$19=$B$10,7,0)+IF('Standard Profiles'!$G$19=$B$17,14,0)+IF('Standard Profiles'!$G$19=$B$24,21,0),MOD($C1827,24)+1)/SUM(INDEX($D$3:$AA$30,INDEX(Jesper!$R$2:$R$366,ROW(INDEX(Jesper!AI$2:AI$366,ROUNDDOWN($C1827/24,0)+1,1))-1)+IF('Standard Profiles'!$G$19=$B$10,7,0)+IF('Standard Profiles'!$G$19=$B$17,14,0)+IF('Standard Profiles'!$G$19=$B$24,21,0),0)),0)</f>
        <v>10.174490502082959</v>
      </c>
      <c r="F1827" cm="1">
        <f t="array" ref="F1827">IFERROR(INDEX(Jesper!AJ$2:AJ$366,ROUNDDOWN($C1827/24,0)+1,1)*INDEX($D$3:$AA$30,INDEX(Jesper!$R$2:$R$366,ROW(INDEX(Jesper!AJ$2:AJ$366,ROUNDDOWN($C1827/24,0)+1,1))-1)+IF('Standard Profiles'!$G$20=$B$10,7,0)+IF('Standard Profiles'!$G$20=$B$17,14,0)+IF('Standard Profiles'!$G$20=$B$24,21,0),MOD($C1827,24)+1)/SUM(INDEX($D$3:$AA$30,INDEX(Jesper!$R$2:$R$366,ROW(INDEX(Jesper!AJ$2:AJ$366,ROUNDDOWN($C1827/24,0)+1,1))-1)+IF('Standard Profiles'!$G$20=$B$10,7,0)+IF('Standard Profiles'!$G$20=$B$17,14,0)+IF('Standard Profiles'!$G$20=$B$24,21,0),0)),0)</f>
        <v>0</v>
      </c>
      <c r="G1827" cm="1">
        <f t="array" ref="G1827">IFERROR(INDEX(Jesper!AK$2:AK$366,ROUNDDOWN($C1827/24,0)+1,1)*INDEX($D$3:$AA$30,INDEX(Jesper!$R$2:$R$366,ROW(INDEX(Jesper!AK$2:AK$366,ROUNDDOWN($C1827/24,0)+1,1))-1)+IF('Standard Profiles'!$G$21=$B$10,7,0)+IF('Standard Profiles'!$G$21=$B$17,14,0)+IF('Standard Profiles'!$G$21=$B$24,21,0),MOD($C1827,24)+1)/SUM(INDEX($D$3:$AA$30,INDEX(Jesper!$R$2:$R$366,ROW(INDEX(Jesper!AK$2:AK$366,ROUNDDOWN($C1827/24,0)+1,1))-1)+IF('Standard Profiles'!$G$21=$B$10,7,0)+IF('Standard Profiles'!$G$21=$B$17,14,0)+IF('Standard Profiles'!$G$21=$B$24,21,0),0)),0)</f>
        <v>20.804980746327033</v>
      </c>
      <c r="H1827" cm="1">
        <f t="array" ref="H1827">IFERROR(INDEX(Jesper!AL$2:AL$366,ROUNDDOWN($C1827/24,0)+1,1)*INDEX($D$3:$AA$30,INDEX(Jesper!$R$2:$R$366,ROW(INDEX(Jesper!AL$2:AL$366,ROUNDDOWN($C1827/24,0)+1,1))-1)+IF('Standard Profiles'!$G$22=$B$10,7,0)+IF('Standard Profiles'!$G$22=$B$17,14,0)+IF('Standard Profiles'!$G$22=$B$24,21,0),MOD($C1827,24)+1)/SUM(INDEX($D$3:$AA$30,INDEX(Jesper!$R$2:$R$366,ROW(INDEX(Jesper!AL$2:AL$366,ROUNDDOWN($C1827/24,0)+1,1))-1)+IF('Standard Profiles'!$G$22=$B$10,7,0)+IF('Standard Profiles'!$G$22=$B$17,14,0)+IF('Standard Profiles'!$G$22=$B$24,21,0),0)),0)</f>
        <v>0</v>
      </c>
      <c r="I1827">
        <f t="shared" ref="I1827:I1890" si="216">IF($B1827&lt;6,AC$37*$D1827+AC$38*$E1827+AC$39*$F1827+AC$40*$G1827,AC$46*$D1827+AC$47*$E1827+AC$48*$F1827+AC$49*$G1827+AC$50*$H1827)</f>
        <v>9.9863907582369702</v>
      </c>
      <c r="J1827">
        <f t="shared" ref="J1827:J1890" si="217">IF($B1827&lt;6,AD$37*$D1827+AD$38*$E1827+AD$39*$F1827+AD$40*$G1827,AD$46*$D1827+AD$47*$E1827+AD$48*$F1827+AD$49*$G1827+AD$50*$H1827)</f>
        <v>28.680446272025939</v>
      </c>
      <c r="K1827">
        <f t="shared" ref="K1827:K1890" si="218">IF($B1827&lt;6,AE$37*$D1827+AE$38*$E1827+AE$39*$F1827+AE$40*$G1827,AE$46*$D1827+AE$47*$E1827+AE$48*$F1827+AE$49*$G1827+AE$50*$H1827)</f>
        <v>0.97617343261624334</v>
      </c>
      <c r="L1827">
        <f t="shared" ref="L1827:L1890" si="219">IF($B1827&lt;6,AF$37*$D1827+AF$38*$E1827+AF$39*$F1827+AF$40*$G1827,AF$46*$D1827+AF$47*$E1827+AF$48*$F1827+AF$49*$G1827+AF$50*$H1827)</f>
        <v>0.48808671630812167</v>
      </c>
      <c r="M1827">
        <f t="shared" ref="M1827:M1890" si="220">IF($B1827&lt;6,AG$37*$D1827+AG$38*$E1827+AG$39*$F1827+AG$40*$G1827,AG$46*$D1827+AG$47*$E1827+AG$48*$F1827+AG$49*$G1827+AG$50*$H1827)</f>
        <v>0</v>
      </c>
      <c r="N1827" s="45">
        <f t="shared" si="214"/>
        <v>45001.708333328985</v>
      </c>
    </row>
    <row r="1828" spans="2:14" x14ac:dyDescent="0.25">
      <c r="B1828">
        <f t="shared" si="215"/>
        <v>4</v>
      </c>
      <c r="C1828" s="16">
        <v>1794</v>
      </c>
      <c r="D1828" cm="1">
        <f t="array" ref="D1828">IFERROR(INDEX(Jesper!AH$2:AH$366,ROUNDDOWN($C1828/24,0)+1,1)*INDEX($D$3:$AA$30,INDEX(Jesper!$R$2:$R$366,ROW(INDEX(Jesper!AH$2:AH$366,ROUNDDOWN($C1828/24,0)+1,1))-1)+IF('Standard Profiles'!$G$18=$B$10,7,0)+IF('Standard Profiles'!$G$18=$B$17,14,0)+IF('Standard Profiles'!$G$18=$B$24,21,0),MOD($C1828,24)+1)/SUM(INDEX($D$3:$AA$30,INDEX(Jesper!$R$2:$R$366,ROW(INDEX(Jesper!AH$2:AH$366,ROUNDDOWN($C1828/24,0)+1,1))-1)+IF('Standard Profiles'!$G$18=$B$10,7,0)+IF('Standard Profiles'!$G$18=$B$17,14,0)+IF('Standard Profiles'!$G$18=$B$24,21,0),0)),0)</f>
        <v>6.0400731143130049</v>
      </c>
      <c r="E1828" cm="1">
        <f t="array" ref="E1828">IFERROR(INDEX(Jesper!AI$2:AI$366,ROUNDDOWN($C1828/24,0)+1,1)*INDEX($D$3:$AA$30,INDEX(Jesper!$R$2:$R$366,ROW(INDEX(Jesper!AI$2:AI$366,ROUNDDOWN($C1828/24,0)+1,1))-1)+IF('Standard Profiles'!$G$19=$B$10,7,0)+IF('Standard Profiles'!$G$19=$B$17,14,0)+IF('Standard Profiles'!$G$19=$B$24,21,0),MOD($C1828,24)+1)/SUM(INDEX($D$3:$AA$30,INDEX(Jesper!$R$2:$R$366,ROW(INDEX(Jesper!AI$2:AI$366,ROUNDDOWN($C1828/24,0)+1,1))-1)+IF('Standard Profiles'!$G$19=$B$10,7,0)+IF('Standard Profiles'!$G$19=$B$17,14,0)+IF('Standard Profiles'!$G$19=$B$24,21,0),0)),0)</f>
        <v>6.7151637313747532</v>
      </c>
      <c r="F1828" cm="1">
        <f t="array" ref="F1828">IFERROR(INDEX(Jesper!AJ$2:AJ$366,ROUNDDOWN($C1828/24,0)+1,1)*INDEX($D$3:$AA$30,INDEX(Jesper!$R$2:$R$366,ROW(INDEX(Jesper!AJ$2:AJ$366,ROUNDDOWN($C1828/24,0)+1,1))-1)+IF('Standard Profiles'!$G$20=$B$10,7,0)+IF('Standard Profiles'!$G$20=$B$17,14,0)+IF('Standard Profiles'!$G$20=$B$24,21,0),MOD($C1828,24)+1)/SUM(INDEX($D$3:$AA$30,INDEX(Jesper!$R$2:$R$366,ROW(INDEX(Jesper!AJ$2:AJ$366,ROUNDDOWN($C1828/24,0)+1,1))-1)+IF('Standard Profiles'!$G$20=$B$10,7,0)+IF('Standard Profiles'!$G$20=$B$17,14,0)+IF('Standard Profiles'!$G$20=$B$24,21,0),0)),0)</f>
        <v>0</v>
      </c>
      <c r="G1828" cm="1">
        <f t="array" ref="G1828">IFERROR(INDEX(Jesper!AK$2:AK$366,ROUNDDOWN($C1828/24,0)+1,1)*INDEX($D$3:$AA$30,INDEX(Jesper!$R$2:$R$366,ROW(INDEX(Jesper!AK$2:AK$366,ROUNDDOWN($C1828/24,0)+1,1))-1)+IF('Standard Profiles'!$G$21=$B$10,7,0)+IF('Standard Profiles'!$G$21=$B$17,14,0)+IF('Standard Profiles'!$G$21=$B$24,21,0),MOD($C1828,24)+1)/SUM(INDEX($D$3:$AA$30,INDEX(Jesper!$R$2:$R$366,ROW(INDEX(Jesper!AK$2:AK$366,ROUNDDOWN($C1828/24,0)+1,1))-1)+IF('Standard Profiles'!$G$21=$B$10,7,0)+IF('Standard Profiles'!$G$21=$B$17,14,0)+IF('Standard Profiles'!$G$21=$B$24,21,0),0)),0)</f>
        <v>7.7126898040137304</v>
      </c>
      <c r="H1828" cm="1">
        <f t="array" ref="H1828">IFERROR(INDEX(Jesper!AL$2:AL$366,ROUNDDOWN($C1828/24,0)+1,1)*INDEX($D$3:$AA$30,INDEX(Jesper!$R$2:$R$366,ROW(INDEX(Jesper!AL$2:AL$366,ROUNDDOWN($C1828/24,0)+1,1))-1)+IF('Standard Profiles'!$G$22=$B$10,7,0)+IF('Standard Profiles'!$G$22=$B$17,14,0)+IF('Standard Profiles'!$G$22=$B$24,21,0),MOD($C1828,24)+1)/SUM(INDEX($D$3:$AA$30,INDEX(Jesper!$R$2:$R$366,ROW(INDEX(Jesper!AL$2:AL$366,ROUNDDOWN($C1828/24,0)+1,1))-1)+IF('Standard Profiles'!$G$22=$B$10,7,0)+IF('Standard Profiles'!$G$22=$B$17,14,0)+IF('Standard Profiles'!$G$22=$B$24,21,0),0)),0)</f>
        <v>0</v>
      </c>
      <c r="I1828">
        <f t="shared" si="216"/>
        <v>3.7020911059265886</v>
      </c>
      <c r="J1828">
        <f t="shared" si="217"/>
        <v>15.799423845484819</v>
      </c>
      <c r="K1828">
        <f t="shared" si="218"/>
        <v>0.64427446552672052</v>
      </c>
      <c r="L1828">
        <f t="shared" si="219"/>
        <v>0.32213723276336026</v>
      </c>
      <c r="M1828">
        <f t="shared" si="220"/>
        <v>0</v>
      </c>
      <c r="N1828" s="45">
        <f t="shared" ref="N1828:N1891" si="221">N1827+1/24</f>
        <v>45001.749999995649</v>
      </c>
    </row>
    <row r="1829" spans="2:14" x14ac:dyDescent="0.25">
      <c r="B1829">
        <f t="shared" si="215"/>
        <v>4</v>
      </c>
      <c r="C1829" s="16">
        <v>1795</v>
      </c>
      <c r="D1829" cm="1">
        <f t="array" ref="D1829">IFERROR(INDEX(Jesper!AH$2:AH$366,ROUNDDOWN($C1829/24,0)+1,1)*INDEX($D$3:$AA$30,INDEX(Jesper!$R$2:$R$366,ROW(INDEX(Jesper!AH$2:AH$366,ROUNDDOWN($C1829/24,0)+1,1))-1)+IF('Standard Profiles'!$G$18=$B$10,7,0)+IF('Standard Profiles'!$G$18=$B$17,14,0)+IF('Standard Profiles'!$G$18=$B$24,21,0),MOD($C1829,24)+1)/SUM(INDEX($D$3:$AA$30,INDEX(Jesper!$R$2:$R$366,ROW(INDEX(Jesper!AH$2:AH$366,ROUNDDOWN($C1829/24,0)+1,1))-1)+IF('Standard Profiles'!$G$18=$B$10,7,0)+IF('Standard Profiles'!$G$18=$B$17,14,0)+IF('Standard Profiles'!$G$18=$B$24,21,0),0)),0)</f>
        <v>6.0400731143130049</v>
      </c>
      <c r="E1829" cm="1">
        <f t="array" ref="E1829">IFERROR(INDEX(Jesper!AI$2:AI$366,ROUNDDOWN($C1829/24,0)+1,1)*INDEX($D$3:$AA$30,INDEX(Jesper!$R$2:$R$366,ROW(INDEX(Jesper!AI$2:AI$366,ROUNDDOWN($C1829/24,0)+1,1))-1)+IF('Standard Profiles'!$G$19=$B$10,7,0)+IF('Standard Profiles'!$G$19=$B$17,14,0)+IF('Standard Profiles'!$G$19=$B$24,21,0),MOD($C1829,24)+1)/SUM(INDEX($D$3:$AA$30,INDEX(Jesper!$R$2:$R$366,ROW(INDEX(Jesper!AI$2:AI$366,ROUNDDOWN($C1829/24,0)+1,1))-1)+IF('Standard Profiles'!$G$19=$B$10,7,0)+IF('Standard Profiles'!$G$19=$B$17,14,0)+IF('Standard Profiles'!$G$19=$B$24,21,0),0)),0)</f>
        <v>6.7151637313747532</v>
      </c>
      <c r="F1829" cm="1">
        <f t="array" ref="F1829">IFERROR(INDEX(Jesper!AJ$2:AJ$366,ROUNDDOWN($C1829/24,0)+1,1)*INDEX($D$3:$AA$30,INDEX(Jesper!$R$2:$R$366,ROW(INDEX(Jesper!AJ$2:AJ$366,ROUNDDOWN($C1829/24,0)+1,1))-1)+IF('Standard Profiles'!$G$20=$B$10,7,0)+IF('Standard Profiles'!$G$20=$B$17,14,0)+IF('Standard Profiles'!$G$20=$B$24,21,0),MOD($C1829,24)+1)/SUM(INDEX($D$3:$AA$30,INDEX(Jesper!$R$2:$R$366,ROW(INDEX(Jesper!AJ$2:AJ$366,ROUNDDOWN($C1829/24,0)+1,1))-1)+IF('Standard Profiles'!$G$20=$B$10,7,0)+IF('Standard Profiles'!$G$20=$B$17,14,0)+IF('Standard Profiles'!$G$20=$B$24,21,0),0)),0)</f>
        <v>0</v>
      </c>
      <c r="G1829" cm="1">
        <f t="array" ref="G1829">IFERROR(INDEX(Jesper!AK$2:AK$366,ROUNDDOWN($C1829/24,0)+1,1)*INDEX($D$3:$AA$30,INDEX(Jesper!$R$2:$R$366,ROW(INDEX(Jesper!AK$2:AK$366,ROUNDDOWN($C1829/24,0)+1,1))-1)+IF('Standard Profiles'!$G$21=$B$10,7,0)+IF('Standard Profiles'!$G$21=$B$17,14,0)+IF('Standard Profiles'!$G$21=$B$24,21,0),MOD($C1829,24)+1)/SUM(INDEX($D$3:$AA$30,INDEX(Jesper!$R$2:$R$366,ROW(INDEX(Jesper!AK$2:AK$366,ROUNDDOWN($C1829/24,0)+1,1))-1)+IF('Standard Profiles'!$G$21=$B$10,7,0)+IF('Standard Profiles'!$G$21=$B$17,14,0)+IF('Standard Profiles'!$G$21=$B$24,21,0),0)),0)</f>
        <v>7.7126898040137304</v>
      </c>
      <c r="H1829" cm="1">
        <f t="array" ref="H1829">IFERROR(INDEX(Jesper!AL$2:AL$366,ROUNDDOWN($C1829/24,0)+1,1)*INDEX($D$3:$AA$30,INDEX(Jesper!$R$2:$R$366,ROW(INDEX(Jesper!AL$2:AL$366,ROUNDDOWN($C1829/24,0)+1,1))-1)+IF('Standard Profiles'!$G$22=$B$10,7,0)+IF('Standard Profiles'!$G$22=$B$17,14,0)+IF('Standard Profiles'!$G$22=$B$24,21,0),MOD($C1829,24)+1)/SUM(INDEX($D$3:$AA$30,INDEX(Jesper!$R$2:$R$366,ROW(INDEX(Jesper!AL$2:AL$366,ROUNDDOWN($C1829/24,0)+1,1))-1)+IF('Standard Profiles'!$G$22=$B$10,7,0)+IF('Standard Profiles'!$G$22=$B$17,14,0)+IF('Standard Profiles'!$G$22=$B$24,21,0),0)),0)</f>
        <v>0</v>
      </c>
      <c r="I1829">
        <f t="shared" si="216"/>
        <v>3.7020911059265886</v>
      </c>
      <c r="J1829">
        <f t="shared" si="217"/>
        <v>15.799423845484819</v>
      </c>
      <c r="K1829">
        <f t="shared" si="218"/>
        <v>0.64427446552672052</v>
      </c>
      <c r="L1829">
        <f t="shared" si="219"/>
        <v>0.32213723276336026</v>
      </c>
      <c r="M1829">
        <f t="shared" si="220"/>
        <v>0</v>
      </c>
      <c r="N1829" s="45">
        <f t="shared" si="221"/>
        <v>45001.791666662313</v>
      </c>
    </row>
    <row r="1830" spans="2:14" x14ac:dyDescent="0.25">
      <c r="B1830">
        <f t="shared" si="215"/>
        <v>4</v>
      </c>
      <c r="C1830" s="16">
        <v>1796</v>
      </c>
      <c r="D1830" cm="1">
        <f t="array" ref="D1830">IFERROR(INDEX(Jesper!AH$2:AH$366,ROUNDDOWN($C1830/24,0)+1,1)*INDEX($D$3:$AA$30,INDEX(Jesper!$R$2:$R$366,ROW(INDEX(Jesper!AH$2:AH$366,ROUNDDOWN($C1830/24,0)+1,1))-1)+IF('Standard Profiles'!$G$18=$B$10,7,0)+IF('Standard Profiles'!$G$18=$B$17,14,0)+IF('Standard Profiles'!$G$18=$B$24,21,0),MOD($C1830,24)+1)/SUM(INDEX($D$3:$AA$30,INDEX(Jesper!$R$2:$R$366,ROW(INDEX(Jesper!AH$2:AH$366,ROUNDDOWN($C1830/24,0)+1,1))-1)+IF('Standard Profiles'!$G$18=$B$10,7,0)+IF('Standard Profiles'!$G$18=$B$17,14,0)+IF('Standard Profiles'!$G$18=$B$24,21,0),0)),0)</f>
        <v>6.0400731143130049</v>
      </c>
      <c r="E1830" cm="1">
        <f t="array" ref="E1830">IFERROR(INDEX(Jesper!AI$2:AI$366,ROUNDDOWN($C1830/24,0)+1,1)*INDEX($D$3:$AA$30,INDEX(Jesper!$R$2:$R$366,ROW(INDEX(Jesper!AI$2:AI$366,ROUNDDOWN($C1830/24,0)+1,1))-1)+IF('Standard Profiles'!$G$19=$B$10,7,0)+IF('Standard Profiles'!$G$19=$B$17,14,0)+IF('Standard Profiles'!$G$19=$B$24,21,0),MOD($C1830,24)+1)/SUM(INDEX($D$3:$AA$30,INDEX(Jesper!$R$2:$R$366,ROW(INDEX(Jesper!AI$2:AI$366,ROUNDDOWN($C1830/24,0)+1,1))-1)+IF('Standard Profiles'!$G$19=$B$10,7,0)+IF('Standard Profiles'!$G$19=$B$17,14,0)+IF('Standard Profiles'!$G$19=$B$24,21,0),0)),0)</f>
        <v>6.7151637313747532</v>
      </c>
      <c r="F1830" cm="1">
        <f t="array" ref="F1830">IFERROR(INDEX(Jesper!AJ$2:AJ$366,ROUNDDOWN($C1830/24,0)+1,1)*INDEX($D$3:$AA$30,INDEX(Jesper!$R$2:$R$366,ROW(INDEX(Jesper!AJ$2:AJ$366,ROUNDDOWN($C1830/24,0)+1,1))-1)+IF('Standard Profiles'!$G$20=$B$10,7,0)+IF('Standard Profiles'!$G$20=$B$17,14,0)+IF('Standard Profiles'!$G$20=$B$24,21,0),MOD($C1830,24)+1)/SUM(INDEX($D$3:$AA$30,INDEX(Jesper!$R$2:$R$366,ROW(INDEX(Jesper!AJ$2:AJ$366,ROUNDDOWN($C1830/24,0)+1,1))-1)+IF('Standard Profiles'!$G$20=$B$10,7,0)+IF('Standard Profiles'!$G$20=$B$17,14,0)+IF('Standard Profiles'!$G$20=$B$24,21,0),0)),0)</f>
        <v>0</v>
      </c>
      <c r="G1830" cm="1">
        <f t="array" ref="G1830">IFERROR(INDEX(Jesper!AK$2:AK$366,ROUNDDOWN($C1830/24,0)+1,1)*INDEX($D$3:$AA$30,INDEX(Jesper!$R$2:$R$366,ROW(INDEX(Jesper!AK$2:AK$366,ROUNDDOWN($C1830/24,0)+1,1))-1)+IF('Standard Profiles'!$G$21=$B$10,7,0)+IF('Standard Profiles'!$G$21=$B$17,14,0)+IF('Standard Profiles'!$G$21=$B$24,21,0),MOD($C1830,24)+1)/SUM(INDEX($D$3:$AA$30,INDEX(Jesper!$R$2:$R$366,ROW(INDEX(Jesper!AK$2:AK$366,ROUNDDOWN($C1830/24,0)+1,1))-1)+IF('Standard Profiles'!$G$21=$B$10,7,0)+IF('Standard Profiles'!$G$21=$B$17,14,0)+IF('Standard Profiles'!$G$21=$B$24,21,0),0)),0)</f>
        <v>7.7126898040137304</v>
      </c>
      <c r="H1830" cm="1">
        <f t="array" ref="H1830">IFERROR(INDEX(Jesper!AL$2:AL$366,ROUNDDOWN($C1830/24,0)+1,1)*INDEX($D$3:$AA$30,INDEX(Jesper!$R$2:$R$366,ROW(INDEX(Jesper!AL$2:AL$366,ROUNDDOWN($C1830/24,0)+1,1))-1)+IF('Standard Profiles'!$G$22=$B$10,7,0)+IF('Standard Profiles'!$G$22=$B$17,14,0)+IF('Standard Profiles'!$G$22=$B$24,21,0),MOD($C1830,24)+1)/SUM(INDEX($D$3:$AA$30,INDEX(Jesper!$R$2:$R$366,ROW(INDEX(Jesper!AL$2:AL$366,ROUNDDOWN($C1830/24,0)+1,1))-1)+IF('Standard Profiles'!$G$22=$B$10,7,0)+IF('Standard Profiles'!$G$22=$B$17,14,0)+IF('Standard Profiles'!$G$22=$B$24,21,0),0)),0)</f>
        <v>0</v>
      </c>
      <c r="I1830">
        <f t="shared" si="216"/>
        <v>3.7020911059265886</v>
      </c>
      <c r="J1830">
        <f t="shared" si="217"/>
        <v>15.799423845484819</v>
      </c>
      <c r="K1830">
        <f t="shared" si="218"/>
        <v>0.64427446552672052</v>
      </c>
      <c r="L1830">
        <f t="shared" si="219"/>
        <v>0.32213723276336026</v>
      </c>
      <c r="M1830">
        <f t="shared" si="220"/>
        <v>0</v>
      </c>
      <c r="N1830" s="45">
        <f t="shared" si="221"/>
        <v>45001.833333328977</v>
      </c>
    </row>
    <row r="1831" spans="2:14" x14ac:dyDescent="0.25">
      <c r="B1831">
        <f t="shared" si="215"/>
        <v>4</v>
      </c>
      <c r="C1831" s="16">
        <v>1797</v>
      </c>
      <c r="D1831" cm="1">
        <f t="array" ref="D1831">IFERROR(INDEX(Jesper!AH$2:AH$366,ROUNDDOWN($C1831/24,0)+1,1)*INDEX($D$3:$AA$30,INDEX(Jesper!$R$2:$R$366,ROW(INDEX(Jesper!AH$2:AH$366,ROUNDDOWN($C1831/24,0)+1,1))-1)+IF('Standard Profiles'!$G$18=$B$10,7,0)+IF('Standard Profiles'!$G$18=$B$17,14,0)+IF('Standard Profiles'!$G$18=$B$24,21,0),MOD($C1831,24)+1)/SUM(INDEX($D$3:$AA$30,INDEX(Jesper!$R$2:$R$366,ROW(INDEX(Jesper!AH$2:AH$366,ROUNDDOWN($C1831/24,0)+1,1))-1)+IF('Standard Profiles'!$G$18=$B$10,7,0)+IF('Standard Profiles'!$G$18=$B$17,14,0)+IF('Standard Profiles'!$G$18=$B$24,21,0),0)),0)</f>
        <v>6.0400731143130049</v>
      </c>
      <c r="E1831" cm="1">
        <f t="array" ref="E1831">IFERROR(INDEX(Jesper!AI$2:AI$366,ROUNDDOWN($C1831/24,0)+1,1)*INDEX($D$3:$AA$30,INDEX(Jesper!$R$2:$R$366,ROW(INDEX(Jesper!AI$2:AI$366,ROUNDDOWN($C1831/24,0)+1,1))-1)+IF('Standard Profiles'!$G$19=$B$10,7,0)+IF('Standard Profiles'!$G$19=$B$17,14,0)+IF('Standard Profiles'!$G$19=$B$24,21,0),MOD($C1831,24)+1)/SUM(INDEX($D$3:$AA$30,INDEX(Jesper!$R$2:$R$366,ROW(INDEX(Jesper!AI$2:AI$366,ROUNDDOWN($C1831/24,0)+1,1))-1)+IF('Standard Profiles'!$G$19=$B$10,7,0)+IF('Standard Profiles'!$G$19=$B$17,14,0)+IF('Standard Profiles'!$G$19=$B$24,21,0),0)),0)</f>
        <v>6.7151637313747532</v>
      </c>
      <c r="F1831" cm="1">
        <f t="array" ref="F1831">IFERROR(INDEX(Jesper!AJ$2:AJ$366,ROUNDDOWN($C1831/24,0)+1,1)*INDEX($D$3:$AA$30,INDEX(Jesper!$R$2:$R$366,ROW(INDEX(Jesper!AJ$2:AJ$366,ROUNDDOWN($C1831/24,0)+1,1))-1)+IF('Standard Profiles'!$G$20=$B$10,7,0)+IF('Standard Profiles'!$G$20=$B$17,14,0)+IF('Standard Profiles'!$G$20=$B$24,21,0),MOD($C1831,24)+1)/SUM(INDEX($D$3:$AA$30,INDEX(Jesper!$R$2:$R$366,ROW(INDEX(Jesper!AJ$2:AJ$366,ROUNDDOWN($C1831/24,0)+1,1))-1)+IF('Standard Profiles'!$G$20=$B$10,7,0)+IF('Standard Profiles'!$G$20=$B$17,14,0)+IF('Standard Profiles'!$G$20=$B$24,21,0),0)),0)</f>
        <v>0</v>
      </c>
      <c r="G1831" cm="1">
        <f t="array" ref="G1831">IFERROR(INDEX(Jesper!AK$2:AK$366,ROUNDDOWN($C1831/24,0)+1,1)*INDEX($D$3:$AA$30,INDEX(Jesper!$R$2:$R$366,ROW(INDEX(Jesper!AK$2:AK$366,ROUNDDOWN($C1831/24,0)+1,1))-1)+IF('Standard Profiles'!$G$21=$B$10,7,0)+IF('Standard Profiles'!$G$21=$B$17,14,0)+IF('Standard Profiles'!$G$21=$B$24,21,0),MOD($C1831,24)+1)/SUM(INDEX($D$3:$AA$30,INDEX(Jesper!$R$2:$R$366,ROW(INDEX(Jesper!AK$2:AK$366,ROUNDDOWN($C1831/24,0)+1,1))-1)+IF('Standard Profiles'!$G$21=$B$10,7,0)+IF('Standard Profiles'!$G$21=$B$17,14,0)+IF('Standard Profiles'!$G$21=$B$24,21,0),0)),0)</f>
        <v>7.7126898040137304</v>
      </c>
      <c r="H1831" cm="1">
        <f t="array" ref="H1831">IFERROR(INDEX(Jesper!AL$2:AL$366,ROUNDDOWN($C1831/24,0)+1,1)*INDEX($D$3:$AA$30,INDEX(Jesper!$R$2:$R$366,ROW(INDEX(Jesper!AL$2:AL$366,ROUNDDOWN($C1831/24,0)+1,1))-1)+IF('Standard Profiles'!$G$22=$B$10,7,0)+IF('Standard Profiles'!$G$22=$B$17,14,0)+IF('Standard Profiles'!$G$22=$B$24,21,0),MOD($C1831,24)+1)/SUM(INDEX($D$3:$AA$30,INDEX(Jesper!$R$2:$R$366,ROW(INDEX(Jesper!AL$2:AL$366,ROUNDDOWN($C1831/24,0)+1,1))-1)+IF('Standard Profiles'!$G$22=$B$10,7,0)+IF('Standard Profiles'!$G$22=$B$17,14,0)+IF('Standard Profiles'!$G$22=$B$24,21,0),0)),0)</f>
        <v>0</v>
      </c>
      <c r="I1831">
        <f t="shared" si="216"/>
        <v>3.7020911059265886</v>
      </c>
      <c r="J1831">
        <f t="shared" si="217"/>
        <v>15.799423845484819</v>
      </c>
      <c r="K1831">
        <f t="shared" si="218"/>
        <v>0.64427446552672052</v>
      </c>
      <c r="L1831">
        <f t="shared" si="219"/>
        <v>0.32213723276336026</v>
      </c>
      <c r="M1831">
        <f t="shared" si="220"/>
        <v>0</v>
      </c>
      <c r="N1831" s="45">
        <f t="shared" si="221"/>
        <v>45001.874999995642</v>
      </c>
    </row>
    <row r="1832" spans="2:14" x14ac:dyDescent="0.25">
      <c r="B1832">
        <f t="shared" si="215"/>
        <v>4</v>
      </c>
      <c r="C1832" s="16">
        <v>1798</v>
      </c>
      <c r="D1832" cm="1">
        <f t="array" ref="D1832">IFERROR(INDEX(Jesper!AH$2:AH$366,ROUNDDOWN($C1832/24,0)+1,1)*INDEX($D$3:$AA$30,INDEX(Jesper!$R$2:$R$366,ROW(INDEX(Jesper!AH$2:AH$366,ROUNDDOWN($C1832/24,0)+1,1))-1)+IF('Standard Profiles'!$G$18=$B$10,7,0)+IF('Standard Profiles'!$G$18=$B$17,14,0)+IF('Standard Profiles'!$G$18=$B$24,21,0),MOD($C1832,24)+1)/SUM(INDEX($D$3:$AA$30,INDEX(Jesper!$R$2:$R$366,ROW(INDEX(Jesper!AH$2:AH$366,ROUNDDOWN($C1832/24,0)+1,1))-1)+IF('Standard Profiles'!$G$18=$B$10,7,0)+IF('Standard Profiles'!$G$18=$B$17,14,0)+IF('Standard Profiles'!$G$18=$B$24,21,0),0)),0)</f>
        <v>6.0400731143130049</v>
      </c>
      <c r="E1832" cm="1">
        <f t="array" ref="E1832">IFERROR(INDEX(Jesper!AI$2:AI$366,ROUNDDOWN($C1832/24,0)+1,1)*INDEX($D$3:$AA$30,INDEX(Jesper!$R$2:$R$366,ROW(INDEX(Jesper!AI$2:AI$366,ROUNDDOWN($C1832/24,0)+1,1))-1)+IF('Standard Profiles'!$G$19=$B$10,7,0)+IF('Standard Profiles'!$G$19=$B$17,14,0)+IF('Standard Profiles'!$G$19=$B$24,21,0),MOD($C1832,24)+1)/SUM(INDEX($D$3:$AA$30,INDEX(Jesper!$R$2:$R$366,ROW(INDEX(Jesper!AI$2:AI$366,ROUNDDOWN($C1832/24,0)+1,1))-1)+IF('Standard Profiles'!$G$19=$B$10,7,0)+IF('Standard Profiles'!$G$19=$B$17,14,0)+IF('Standard Profiles'!$G$19=$B$24,21,0),0)),0)</f>
        <v>6.7151637313747532</v>
      </c>
      <c r="F1832" cm="1">
        <f t="array" ref="F1832">IFERROR(INDEX(Jesper!AJ$2:AJ$366,ROUNDDOWN($C1832/24,0)+1,1)*INDEX($D$3:$AA$30,INDEX(Jesper!$R$2:$R$366,ROW(INDEX(Jesper!AJ$2:AJ$366,ROUNDDOWN($C1832/24,0)+1,1))-1)+IF('Standard Profiles'!$G$20=$B$10,7,0)+IF('Standard Profiles'!$G$20=$B$17,14,0)+IF('Standard Profiles'!$G$20=$B$24,21,0),MOD($C1832,24)+1)/SUM(INDEX($D$3:$AA$30,INDEX(Jesper!$R$2:$R$366,ROW(INDEX(Jesper!AJ$2:AJ$366,ROUNDDOWN($C1832/24,0)+1,1))-1)+IF('Standard Profiles'!$G$20=$B$10,7,0)+IF('Standard Profiles'!$G$20=$B$17,14,0)+IF('Standard Profiles'!$G$20=$B$24,21,0),0)),0)</f>
        <v>0</v>
      </c>
      <c r="G1832" cm="1">
        <f t="array" ref="G1832">IFERROR(INDEX(Jesper!AK$2:AK$366,ROUNDDOWN($C1832/24,0)+1,1)*INDEX($D$3:$AA$30,INDEX(Jesper!$R$2:$R$366,ROW(INDEX(Jesper!AK$2:AK$366,ROUNDDOWN($C1832/24,0)+1,1))-1)+IF('Standard Profiles'!$G$21=$B$10,7,0)+IF('Standard Profiles'!$G$21=$B$17,14,0)+IF('Standard Profiles'!$G$21=$B$24,21,0),MOD($C1832,24)+1)/SUM(INDEX($D$3:$AA$30,INDEX(Jesper!$R$2:$R$366,ROW(INDEX(Jesper!AK$2:AK$366,ROUNDDOWN($C1832/24,0)+1,1))-1)+IF('Standard Profiles'!$G$21=$B$10,7,0)+IF('Standard Profiles'!$G$21=$B$17,14,0)+IF('Standard Profiles'!$G$21=$B$24,21,0),0)),0)</f>
        <v>7.7126898040137304</v>
      </c>
      <c r="H1832" cm="1">
        <f t="array" ref="H1832">IFERROR(INDEX(Jesper!AL$2:AL$366,ROUNDDOWN($C1832/24,0)+1,1)*INDEX($D$3:$AA$30,INDEX(Jesper!$R$2:$R$366,ROW(INDEX(Jesper!AL$2:AL$366,ROUNDDOWN($C1832/24,0)+1,1))-1)+IF('Standard Profiles'!$G$22=$B$10,7,0)+IF('Standard Profiles'!$G$22=$B$17,14,0)+IF('Standard Profiles'!$G$22=$B$24,21,0),MOD($C1832,24)+1)/SUM(INDEX($D$3:$AA$30,INDEX(Jesper!$R$2:$R$366,ROW(INDEX(Jesper!AL$2:AL$366,ROUNDDOWN($C1832/24,0)+1,1))-1)+IF('Standard Profiles'!$G$22=$B$10,7,0)+IF('Standard Profiles'!$G$22=$B$17,14,0)+IF('Standard Profiles'!$G$22=$B$24,21,0),0)),0)</f>
        <v>0</v>
      </c>
      <c r="I1832">
        <f t="shared" si="216"/>
        <v>3.7020911059265886</v>
      </c>
      <c r="J1832">
        <f t="shared" si="217"/>
        <v>15.799423845484819</v>
      </c>
      <c r="K1832">
        <f t="shared" si="218"/>
        <v>0.64427446552672052</v>
      </c>
      <c r="L1832">
        <f t="shared" si="219"/>
        <v>0.32213723276336026</v>
      </c>
      <c r="M1832">
        <f t="shared" si="220"/>
        <v>0</v>
      </c>
      <c r="N1832" s="45">
        <f t="shared" si="221"/>
        <v>45001.916666662306</v>
      </c>
    </row>
    <row r="1833" spans="2:14" x14ac:dyDescent="0.25">
      <c r="B1833">
        <f t="shared" si="215"/>
        <v>4</v>
      </c>
      <c r="C1833" s="16">
        <v>1799</v>
      </c>
      <c r="D1833" cm="1">
        <f t="array" ref="D1833">IFERROR(INDEX(Jesper!AH$2:AH$366,ROUNDDOWN($C1833/24,0)+1,1)*INDEX($D$3:$AA$30,INDEX(Jesper!$R$2:$R$366,ROW(INDEX(Jesper!AH$2:AH$366,ROUNDDOWN($C1833/24,0)+1,1))-1)+IF('Standard Profiles'!$G$18=$B$10,7,0)+IF('Standard Profiles'!$G$18=$B$17,14,0)+IF('Standard Profiles'!$G$18=$B$24,21,0),MOD($C1833,24)+1)/SUM(INDEX($D$3:$AA$30,INDEX(Jesper!$R$2:$R$366,ROW(INDEX(Jesper!AH$2:AH$366,ROUNDDOWN($C1833/24,0)+1,1))-1)+IF('Standard Profiles'!$G$18=$B$10,7,0)+IF('Standard Profiles'!$G$18=$B$17,14,0)+IF('Standard Profiles'!$G$18=$B$24,21,0),0)),0)</f>
        <v>6.0400731143130049</v>
      </c>
      <c r="E1833" cm="1">
        <f t="array" ref="E1833">IFERROR(INDEX(Jesper!AI$2:AI$366,ROUNDDOWN($C1833/24,0)+1,1)*INDEX($D$3:$AA$30,INDEX(Jesper!$R$2:$R$366,ROW(INDEX(Jesper!AI$2:AI$366,ROUNDDOWN($C1833/24,0)+1,1))-1)+IF('Standard Profiles'!$G$19=$B$10,7,0)+IF('Standard Profiles'!$G$19=$B$17,14,0)+IF('Standard Profiles'!$G$19=$B$24,21,0),MOD($C1833,24)+1)/SUM(INDEX($D$3:$AA$30,INDEX(Jesper!$R$2:$R$366,ROW(INDEX(Jesper!AI$2:AI$366,ROUNDDOWN($C1833/24,0)+1,1))-1)+IF('Standard Profiles'!$G$19=$B$10,7,0)+IF('Standard Profiles'!$G$19=$B$17,14,0)+IF('Standard Profiles'!$G$19=$B$24,21,0),0)),0)</f>
        <v>6.7151637313747532</v>
      </c>
      <c r="F1833" cm="1">
        <f t="array" ref="F1833">IFERROR(INDEX(Jesper!AJ$2:AJ$366,ROUNDDOWN($C1833/24,0)+1,1)*INDEX($D$3:$AA$30,INDEX(Jesper!$R$2:$R$366,ROW(INDEX(Jesper!AJ$2:AJ$366,ROUNDDOWN($C1833/24,0)+1,1))-1)+IF('Standard Profiles'!$G$20=$B$10,7,0)+IF('Standard Profiles'!$G$20=$B$17,14,0)+IF('Standard Profiles'!$G$20=$B$24,21,0),MOD($C1833,24)+1)/SUM(INDEX($D$3:$AA$30,INDEX(Jesper!$R$2:$R$366,ROW(INDEX(Jesper!AJ$2:AJ$366,ROUNDDOWN($C1833/24,0)+1,1))-1)+IF('Standard Profiles'!$G$20=$B$10,7,0)+IF('Standard Profiles'!$G$20=$B$17,14,0)+IF('Standard Profiles'!$G$20=$B$24,21,0),0)),0)</f>
        <v>0</v>
      </c>
      <c r="G1833" cm="1">
        <f t="array" ref="G1833">IFERROR(INDEX(Jesper!AK$2:AK$366,ROUNDDOWN($C1833/24,0)+1,1)*INDEX($D$3:$AA$30,INDEX(Jesper!$R$2:$R$366,ROW(INDEX(Jesper!AK$2:AK$366,ROUNDDOWN($C1833/24,0)+1,1))-1)+IF('Standard Profiles'!$G$21=$B$10,7,0)+IF('Standard Profiles'!$G$21=$B$17,14,0)+IF('Standard Profiles'!$G$21=$B$24,21,0),MOD($C1833,24)+1)/SUM(INDEX($D$3:$AA$30,INDEX(Jesper!$R$2:$R$366,ROW(INDEX(Jesper!AK$2:AK$366,ROUNDDOWN($C1833/24,0)+1,1))-1)+IF('Standard Profiles'!$G$21=$B$10,7,0)+IF('Standard Profiles'!$G$21=$B$17,14,0)+IF('Standard Profiles'!$G$21=$B$24,21,0),0)),0)</f>
        <v>7.7126898040137304</v>
      </c>
      <c r="H1833" cm="1">
        <f t="array" ref="H1833">IFERROR(INDEX(Jesper!AL$2:AL$366,ROUNDDOWN($C1833/24,0)+1,1)*INDEX($D$3:$AA$30,INDEX(Jesper!$R$2:$R$366,ROW(INDEX(Jesper!AL$2:AL$366,ROUNDDOWN($C1833/24,0)+1,1))-1)+IF('Standard Profiles'!$G$22=$B$10,7,0)+IF('Standard Profiles'!$G$22=$B$17,14,0)+IF('Standard Profiles'!$G$22=$B$24,21,0),MOD($C1833,24)+1)/SUM(INDEX($D$3:$AA$30,INDEX(Jesper!$R$2:$R$366,ROW(INDEX(Jesper!AL$2:AL$366,ROUNDDOWN($C1833/24,0)+1,1))-1)+IF('Standard Profiles'!$G$22=$B$10,7,0)+IF('Standard Profiles'!$G$22=$B$17,14,0)+IF('Standard Profiles'!$G$22=$B$24,21,0),0)),0)</f>
        <v>0</v>
      </c>
      <c r="I1833">
        <f t="shared" si="216"/>
        <v>3.7020911059265886</v>
      </c>
      <c r="J1833">
        <f t="shared" si="217"/>
        <v>15.799423845484819</v>
      </c>
      <c r="K1833">
        <f t="shared" si="218"/>
        <v>0.64427446552672052</v>
      </c>
      <c r="L1833">
        <f t="shared" si="219"/>
        <v>0.32213723276336026</v>
      </c>
      <c r="M1833">
        <f t="shared" si="220"/>
        <v>0</v>
      </c>
      <c r="N1833" s="45">
        <f t="shared" si="221"/>
        <v>45001.95833332897</v>
      </c>
    </row>
    <row r="1834" spans="2:14" x14ac:dyDescent="0.25">
      <c r="B1834">
        <f t="shared" si="215"/>
        <v>5</v>
      </c>
      <c r="C1834" s="16">
        <v>1800</v>
      </c>
      <c r="D1834" cm="1">
        <f t="array" ref="D1834">IFERROR(INDEX(Jesper!AH$2:AH$366,ROUNDDOWN($C1834/24,0)+1,1)*INDEX($D$3:$AA$30,INDEX(Jesper!$R$2:$R$366,ROW(INDEX(Jesper!AH$2:AH$366,ROUNDDOWN($C1834/24,0)+1,1))-1)+IF('Standard Profiles'!$G$18=$B$10,7,0)+IF('Standard Profiles'!$G$18=$B$17,14,0)+IF('Standard Profiles'!$G$18=$B$24,21,0),MOD($C1834,24)+1)/SUM(INDEX($D$3:$AA$30,INDEX(Jesper!$R$2:$R$366,ROW(INDEX(Jesper!AH$2:AH$366,ROUNDDOWN($C1834/24,0)+1,1))-1)+IF('Standard Profiles'!$G$18=$B$10,7,0)+IF('Standard Profiles'!$G$18=$B$17,14,0)+IF('Standard Profiles'!$G$18=$B$24,21,0),0)),0)</f>
        <v>9.0595386425206659</v>
      </c>
      <c r="E1834" cm="1">
        <f t="array" ref="E1834">IFERROR(INDEX(Jesper!AI$2:AI$366,ROUNDDOWN($C1834/24,0)+1,1)*INDEX($D$3:$AA$30,INDEX(Jesper!$R$2:$R$366,ROW(INDEX(Jesper!AI$2:AI$366,ROUNDDOWN($C1834/24,0)+1,1))-1)+IF('Standard Profiles'!$G$19=$B$10,7,0)+IF('Standard Profiles'!$G$19=$B$17,14,0)+IF('Standard Profiles'!$G$19=$B$24,21,0),MOD($C1834,24)+1)/SUM(INDEX($D$3:$AA$30,INDEX(Jesper!$R$2:$R$366,ROW(INDEX(Jesper!AI$2:AI$366,ROUNDDOWN($C1834/24,0)+1,1))-1)+IF('Standard Profiles'!$G$19=$B$10,7,0)+IF('Standard Profiles'!$G$19=$B$17,14,0)+IF('Standard Profiles'!$G$19=$B$24,21,0),0)),0)</f>
        <v>8.8294923266429848</v>
      </c>
      <c r="F1834" cm="1">
        <f t="array" ref="F1834">IFERROR(INDEX(Jesper!AJ$2:AJ$366,ROUNDDOWN($C1834/24,0)+1,1)*INDEX($D$3:$AA$30,INDEX(Jesper!$R$2:$R$366,ROW(INDEX(Jesper!AJ$2:AJ$366,ROUNDDOWN($C1834/24,0)+1,1))-1)+IF('Standard Profiles'!$G$20=$B$10,7,0)+IF('Standard Profiles'!$G$20=$B$17,14,0)+IF('Standard Profiles'!$G$20=$B$24,21,0),MOD($C1834,24)+1)/SUM(INDEX($D$3:$AA$30,INDEX(Jesper!$R$2:$R$366,ROW(INDEX(Jesper!AJ$2:AJ$366,ROUNDDOWN($C1834/24,0)+1,1))-1)+IF('Standard Profiles'!$G$20=$B$10,7,0)+IF('Standard Profiles'!$G$20=$B$17,14,0)+IF('Standard Profiles'!$G$20=$B$24,21,0),0)),0)</f>
        <v>0</v>
      </c>
      <c r="G1834" cm="1">
        <f t="array" ref="G1834">IFERROR(INDEX(Jesper!AK$2:AK$366,ROUNDDOWN($C1834/24,0)+1,1)*INDEX($D$3:$AA$30,INDEX(Jesper!$R$2:$R$366,ROW(INDEX(Jesper!AK$2:AK$366,ROUNDDOWN($C1834/24,0)+1,1))-1)+IF('Standard Profiles'!$G$21=$B$10,7,0)+IF('Standard Profiles'!$G$21=$B$17,14,0)+IF('Standard Profiles'!$G$21=$B$24,21,0),MOD($C1834,24)+1)/SUM(INDEX($D$3:$AA$30,INDEX(Jesper!$R$2:$R$366,ROW(INDEX(Jesper!AK$2:AK$366,ROUNDDOWN($C1834/24,0)+1,1))-1)+IF('Standard Profiles'!$G$21=$B$10,7,0)+IF('Standard Profiles'!$G$21=$B$17,14,0)+IF('Standard Profiles'!$G$21=$B$24,21,0),0)),0)</f>
        <v>5.099130223697264</v>
      </c>
      <c r="H1834" cm="1">
        <f t="array" ref="H1834">IFERROR(INDEX(Jesper!AL$2:AL$366,ROUNDDOWN($C1834/24,0)+1,1)*INDEX($D$3:$AA$30,INDEX(Jesper!$R$2:$R$366,ROW(INDEX(Jesper!AL$2:AL$366,ROUNDDOWN($C1834/24,0)+1,1))-1)+IF('Standard Profiles'!$G$22=$B$10,7,0)+IF('Standard Profiles'!$G$22=$B$17,14,0)+IF('Standard Profiles'!$G$22=$B$24,21,0),MOD($C1834,24)+1)/SUM(INDEX($D$3:$AA$30,INDEX(Jesper!$R$2:$R$366,ROW(INDEX(Jesper!AL$2:AL$366,ROUNDDOWN($C1834/24,0)+1,1))-1)+IF('Standard Profiles'!$G$22=$B$10,7,0)+IF('Standard Profiles'!$G$22=$B$17,14,0)+IF('Standard Profiles'!$G$22=$B$24,21,0),0)),0)</f>
        <v>0</v>
      </c>
      <c r="I1834">
        <f t="shared" si="216"/>
        <v>2.4475825073746855</v>
      </c>
      <c r="J1834">
        <f t="shared" si="217"/>
        <v>19.091052502682924</v>
      </c>
      <c r="K1834">
        <f t="shared" si="218"/>
        <v>0.9663507885355378</v>
      </c>
      <c r="L1834">
        <f t="shared" si="219"/>
        <v>0.4831753942677689</v>
      </c>
      <c r="M1834">
        <f t="shared" si="220"/>
        <v>0</v>
      </c>
      <c r="N1834" s="45">
        <f t="shared" si="221"/>
        <v>45001.999999995634</v>
      </c>
    </row>
    <row r="1835" spans="2:14" x14ac:dyDescent="0.25">
      <c r="B1835">
        <f t="shared" si="215"/>
        <v>5</v>
      </c>
      <c r="C1835" s="16">
        <v>1801</v>
      </c>
      <c r="D1835" cm="1">
        <f t="array" ref="D1835">IFERROR(INDEX(Jesper!AH$2:AH$366,ROUNDDOWN($C1835/24,0)+1,1)*INDEX($D$3:$AA$30,INDEX(Jesper!$R$2:$R$366,ROW(INDEX(Jesper!AH$2:AH$366,ROUNDDOWN($C1835/24,0)+1,1))-1)+IF('Standard Profiles'!$G$18=$B$10,7,0)+IF('Standard Profiles'!$G$18=$B$17,14,0)+IF('Standard Profiles'!$G$18=$B$24,21,0),MOD($C1835,24)+1)/SUM(INDEX($D$3:$AA$30,INDEX(Jesper!$R$2:$R$366,ROW(INDEX(Jesper!AH$2:AH$366,ROUNDDOWN($C1835/24,0)+1,1))-1)+IF('Standard Profiles'!$G$18=$B$10,7,0)+IF('Standard Profiles'!$G$18=$B$17,14,0)+IF('Standard Profiles'!$G$18=$B$24,21,0),0)),0)</f>
        <v>5.4906294803155538</v>
      </c>
      <c r="E1835" cm="1">
        <f t="array" ref="E1835">IFERROR(INDEX(Jesper!AI$2:AI$366,ROUNDDOWN($C1835/24,0)+1,1)*INDEX($D$3:$AA$30,INDEX(Jesper!$R$2:$R$366,ROW(INDEX(Jesper!AI$2:AI$366,ROUNDDOWN($C1835/24,0)+1,1))-1)+IF('Standard Profiles'!$G$19=$B$10,7,0)+IF('Standard Profiles'!$G$19=$B$17,14,0)+IF('Standard Profiles'!$G$19=$B$24,21,0),MOD($C1835,24)+1)/SUM(INDEX($D$3:$AA$30,INDEX(Jesper!$R$2:$R$366,ROW(INDEX(Jesper!AI$2:AI$366,ROUNDDOWN($C1835/24,0)+1,1))-1)+IF('Standard Profiles'!$G$19=$B$10,7,0)+IF('Standard Profiles'!$G$19=$B$17,14,0)+IF('Standard Profiles'!$G$19=$B$24,21,0),0)),0)</f>
        <v>5.3512074706927191</v>
      </c>
      <c r="F1835" cm="1">
        <f t="array" ref="F1835">IFERROR(INDEX(Jesper!AJ$2:AJ$366,ROUNDDOWN($C1835/24,0)+1,1)*INDEX($D$3:$AA$30,INDEX(Jesper!$R$2:$R$366,ROW(INDEX(Jesper!AJ$2:AJ$366,ROUNDDOWN($C1835/24,0)+1,1))-1)+IF('Standard Profiles'!$G$20=$B$10,7,0)+IF('Standard Profiles'!$G$20=$B$17,14,0)+IF('Standard Profiles'!$G$20=$B$24,21,0),MOD($C1835,24)+1)/SUM(INDEX($D$3:$AA$30,INDEX(Jesper!$R$2:$R$366,ROW(INDEX(Jesper!AJ$2:AJ$366,ROUNDDOWN($C1835/24,0)+1,1))-1)+IF('Standard Profiles'!$G$20=$B$10,7,0)+IF('Standard Profiles'!$G$20=$B$17,14,0)+IF('Standard Profiles'!$G$20=$B$24,21,0),0)),0)</f>
        <v>0</v>
      </c>
      <c r="G1835" cm="1">
        <f t="array" ref="G1835">IFERROR(INDEX(Jesper!AK$2:AK$366,ROUNDDOWN($C1835/24,0)+1,1)*INDEX($D$3:$AA$30,INDEX(Jesper!$R$2:$R$366,ROW(INDEX(Jesper!AK$2:AK$366,ROUNDDOWN($C1835/24,0)+1,1))-1)+IF('Standard Profiles'!$G$21=$B$10,7,0)+IF('Standard Profiles'!$G$21=$B$17,14,0)+IF('Standard Profiles'!$G$21=$B$24,21,0),MOD($C1835,24)+1)/SUM(INDEX($D$3:$AA$30,INDEX(Jesper!$R$2:$R$366,ROW(INDEX(Jesper!AK$2:AK$366,ROUNDDOWN($C1835/24,0)+1,1))-1)+IF('Standard Profiles'!$G$21=$B$10,7,0)+IF('Standard Profiles'!$G$21=$B$17,14,0)+IF('Standard Profiles'!$G$21=$B$24,21,0),0)),0)</f>
        <v>5.099130223697264</v>
      </c>
      <c r="H1835" cm="1">
        <f t="array" ref="H1835">IFERROR(INDEX(Jesper!AL$2:AL$366,ROUNDDOWN($C1835/24,0)+1,1)*INDEX($D$3:$AA$30,INDEX(Jesper!$R$2:$R$366,ROW(INDEX(Jesper!AL$2:AL$366,ROUNDDOWN($C1835/24,0)+1,1))-1)+IF('Standard Profiles'!$G$22=$B$10,7,0)+IF('Standard Profiles'!$G$22=$B$17,14,0)+IF('Standard Profiles'!$G$22=$B$24,21,0),MOD($C1835,24)+1)/SUM(INDEX($D$3:$AA$30,INDEX(Jesper!$R$2:$R$366,ROW(INDEX(Jesper!AL$2:AL$366,ROUNDDOWN($C1835/24,0)+1,1))-1)+IF('Standard Profiles'!$G$22=$B$10,7,0)+IF('Standard Profiles'!$G$22=$B$17,14,0)+IF('Standard Profiles'!$G$22=$B$24,21,0),0)),0)</f>
        <v>0</v>
      </c>
      <c r="I1835">
        <f t="shared" si="216"/>
        <v>2.4475825073746855</v>
      </c>
      <c r="J1835">
        <f t="shared" si="217"/>
        <v>12.614883950480362</v>
      </c>
      <c r="K1835">
        <f t="shared" si="218"/>
        <v>0.58566714456699243</v>
      </c>
      <c r="L1835">
        <f t="shared" si="219"/>
        <v>0.29283357228349621</v>
      </c>
      <c r="M1835">
        <f t="shared" si="220"/>
        <v>0</v>
      </c>
      <c r="N1835" s="45">
        <f t="shared" si="221"/>
        <v>45002.041666662299</v>
      </c>
    </row>
    <row r="1836" spans="2:14" x14ac:dyDescent="0.25">
      <c r="B1836">
        <f t="shared" si="215"/>
        <v>5</v>
      </c>
      <c r="C1836" s="16">
        <v>1802</v>
      </c>
      <c r="D1836" cm="1">
        <f t="array" ref="D1836">IFERROR(INDEX(Jesper!AH$2:AH$366,ROUNDDOWN($C1836/24,0)+1,1)*INDEX($D$3:$AA$30,INDEX(Jesper!$R$2:$R$366,ROW(INDEX(Jesper!AH$2:AH$366,ROUNDDOWN($C1836/24,0)+1,1))-1)+IF('Standard Profiles'!$G$18=$B$10,7,0)+IF('Standard Profiles'!$G$18=$B$17,14,0)+IF('Standard Profiles'!$G$18=$B$24,21,0),MOD($C1836,24)+1)/SUM(INDEX($D$3:$AA$30,INDEX(Jesper!$R$2:$R$366,ROW(INDEX(Jesper!AH$2:AH$366,ROUNDDOWN($C1836/24,0)+1,1))-1)+IF('Standard Profiles'!$G$18=$B$10,7,0)+IF('Standard Profiles'!$G$18=$B$17,14,0)+IF('Standard Profiles'!$G$18=$B$24,21,0),0)),0)</f>
        <v>5.4906294803155538</v>
      </c>
      <c r="E1836" cm="1">
        <f t="array" ref="E1836">IFERROR(INDEX(Jesper!AI$2:AI$366,ROUNDDOWN($C1836/24,0)+1,1)*INDEX($D$3:$AA$30,INDEX(Jesper!$R$2:$R$366,ROW(INDEX(Jesper!AI$2:AI$366,ROUNDDOWN($C1836/24,0)+1,1))-1)+IF('Standard Profiles'!$G$19=$B$10,7,0)+IF('Standard Profiles'!$G$19=$B$17,14,0)+IF('Standard Profiles'!$G$19=$B$24,21,0),MOD($C1836,24)+1)/SUM(INDEX($D$3:$AA$30,INDEX(Jesper!$R$2:$R$366,ROW(INDEX(Jesper!AI$2:AI$366,ROUNDDOWN($C1836/24,0)+1,1))-1)+IF('Standard Profiles'!$G$19=$B$10,7,0)+IF('Standard Profiles'!$G$19=$B$17,14,0)+IF('Standard Profiles'!$G$19=$B$24,21,0),0)),0)</f>
        <v>5.3512074706927191</v>
      </c>
      <c r="F1836" cm="1">
        <f t="array" ref="F1836">IFERROR(INDEX(Jesper!AJ$2:AJ$366,ROUNDDOWN($C1836/24,0)+1,1)*INDEX($D$3:$AA$30,INDEX(Jesper!$R$2:$R$366,ROW(INDEX(Jesper!AJ$2:AJ$366,ROUNDDOWN($C1836/24,0)+1,1))-1)+IF('Standard Profiles'!$G$20=$B$10,7,0)+IF('Standard Profiles'!$G$20=$B$17,14,0)+IF('Standard Profiles'!$G$20=$B$24,21,0),MOD($C1836,24)+1)/SUM(INDEX($D$3:$AA$30,INDEX(Jesper!$R$2:$R$366,ROW(INDEX(Jesper!AJ$2:AJ$366,ROUNDDOWN($C1836/24,0)+1,1))-1)+IF('Standard Profiles'!$G$20=$B$10,7,0)+IF('Standard Profiles'!$G$20=$B$17,14,0)+IF('Standard Profiles'!$G$20=$B$24,21,0),0)),0)</f>
        <v>0</v>
      </c>
      <c r="G1836" cm="1">
        <f t="array" ref="G1836">IFERROR(INDEX(Jesper!AK$2:AK$366,ROUNDDOWN($C1836/24,0)+1,1)*INDEX($D$3:$AA$30,INDEX(Jesper!$R$2:$R$366,ROW(INDEX(Jesper!AK$2:AK$366,ROUNDDOWN($C1836/24,0)+1,1))-1)+IF('Standard Profiles'!$G$21=$B$10,7,0)+IF('Standard Profiles'!$G$21=$B$17,14,0)+IF('Standard Profiles'!$G$21=$B$24,21,0),MOD($C1836,24)+1)/SUM(INDEX($D$3:$AA$30,INDEX(Jesper!$R$2:$R$366,ROW(INDEX(Jesper!AK$2:AK$366,ROUNDDOWN($C1836/24,0)+1,1))-1)+IF('Standard Profiles'!$G$21=$B$10,7,0)+IF('Standard Profiles'!$G$21=$B$17,14,0)+IF('Standard Profiles'!$G$21=$B$24,21,0),0)),0)</f>
        <v>5.099130223697264</v>
      </c>
      <c r="H1836" cm="1">
        <f t="array" ref="H1836">IFERROR(INDEX(Jesper!AL$2:AL$366,ROUNDDOWN($C1836/24,0)+1,1)*INDEX($D$3:$AA$30,INDEX(Jesper!$R$2:$R$366,ROW(INDEX(Jesper!AL$2:AL$366,ROUNDDOWN($C1836/24,0)+1,1))-1)+IF('Standard Profiles'!$G$22=$B$10,7,0)+IF('Standard Profiles'!$G$22=$B$17,14,0)+IF('Standard Profiles'!$G$22=$B$24,21,0),MOD($C1836,24)+1)/SUM(INDEX($D$3:$AA$30,INDEX(Jesper!$R$2:$R$366,ROW(INDEX(Jesper!AL$2:AL$366,ROUNDDOWN($C1836/24,0)+1,1))-1)+IF('Standard Profiles'!$G$22=$B$10,7,0)+IF('Standard Profiles'!$G$22=$B$17,14,0)+IF('Standard Profiles'!$G$22=$B$24,21,0),0)),0)</f>
        <v>0</v>
      </c>
      <c r="I1836">
        <f t="shared" si="216"/>
        <v>2.4475825073746855</v>
      </c>
      <c r="J1836">
        <f t="shared" si="217"/>
        <v>12.614883950480362</v>
      </c>
      <c r="K1836">
        <f t="shared" si="218"/>
        <v>0.58566714456699243</v>
      </c>
      <c r="L1836">
        <f t="shared" si="219"/>
        <v>0.29283357228349621</v>
      </c>
      <c r="M1836">
        <f t="shared" si="220"/>
        <v>0</v>
      </c>
      <c r="N1836" s="45">
        <f t="shared" si="221"/>
        <v>45002.083333328963</v>
      </c>
    </row>
    <row r="1837" spans="2:14" x14ac:dyDescent="0.25">
      <c r="B1837">
        <f t="shared" si="215"/>
        <v>5</v>
      </c>
      <c r="C1837" s="16">
        <v>1803</v>
      </c>
      <c r="D1837" cm="1">
        <f t="array" ref="D1837">IFERROR(INDEX(Jesper!AH$2:AH$366,ROUNDDOWN($C1837/24,0)+1,1)*INDEX($D$3:$AA$30,INDEX(Jesper!$R$2:$R$366,ROW(INDEX(Jesper!AH$2:AH$366,ROUNDDOWN($C1837/24,0)+1,1))-1)+IF('Standard Profiles'!$G$18=$B$10,7,0)+IF('Standard Profiles'!$G$18=$B$17,14,0)+IF('Standard Profiles'!$G$18=$B$24,21,0),MOD($C1837,24)+1)/SUM(INDEX($D$3:$AA$30,INDEX(Jesper!$R$2:$R$366,ROW(INDEX(Jesper!AH$2:AH$366,ROUNDDOWN($C1837/24,0)+1,1))-1)+IF('Standard Profiles'!$G$18=$B$10,7,0)+IF('Standard Profiles'!$G$18=$B$17,14,0)+IF('Standard Profiles'!$G$18=$B$24,21,0),0)),0)</f>
        <v>5.4906294803155538</v>
      </c>
      <c r="E1837" cm="1">
        <f t="array" ref="E1837">IFERROR(INDEX(Jesper!AI$2:AI$366,ROUNDDOWN($C1837/24,0)+1,1)*INDEX($D$3:$AA$30,INDEX(Jesper!$R$2:$R$366,ROW(INDEX(Jesper!AI$2:AI$366,ROUNDDOWN($C1837/24,0)+1,1))-1)+IF('Standard Profiles'!$G$19=$B$10,7,0)+IF('Standard Profiles'!$G$19=$B$17,14,0)+IF('Standard Profiles'!$G$19=$B$24,21,0),MOD($C1837,24)+1)/SUM(INDEX($D$3:$AA$30,INDEX(Jesper!$R$2:$R$366,ROW(INDEX(Jesper!AI$2:AI$366,ROUNDDOWN($C1837/24,0)+1,1))-1)+IF('Standard Profiles'!$G$19=$B$10,7,0)+IF('Standard Profiles'!$G$19=$B$17,14,0)+IF('Standard Profiles'!$G$19=$B$24,21,0),0)),0)</f>
        <v>5.3512074706927191</v>
      </c>
      <c r="F1837" cm="1">
        <f t="array" ref="F1837">IFERROR(INDEX(Jesper!AJ$2:AJ$366,ROUNDDOWN($C1837/24,0)+1,1)*INDEX($D$3:$AA$30,INDEX(Jesper!$R$2:$R$366,ROW(INDEX(Jesper!AJ$2:AJ$366,ROUNDDOWN($C1837/24,0)+1,1))-1)+IF('Standard Profiles'!$G$20=$B$10,7,0)+IF('Standard Profiles'!$G$20=$B$17,14,0)+IF('Standard Profiles'!$G$20=$B$24,21,0),MOD($C1837,24)+1)/SUM(INDEX($D$3:$AA$30,INDEX(Jesper!$R$2:$R$366,ROW(INDEX(Jesper!AJ$2:AJ$366,ROUNDDOWN($C1837/24,0)+1,1))-1)+IF('Standard Profiles'!$G$20=$B$10,7,0)+IF('Standard Profiles'!$G$20=$B$17,14,0)+IF('Standard Profiles'!$G$20=$B$24,21,0),0)),0)</f>
        <v>0</v>
      </c>
      <c r="G1837" cm="1">
        <f t="array" ref="G1837">IFERROR(INDEX(Jesper!AK$2:AK$366,ROUNDDOWN($C1837/24,0)+1,1)*INDEX($D$3:$AA$30,INDEX(Jesper!$R$2:$R$366,ROW(INDEX(Jesper!AK$2:AK$366,ROUNDDOWN($C1837/24,0)+1,1))-1)+IF('Standard Profiles'!$G$21=$B$10,7,0)+IF('Standard Profiles'!$G$21=$B$17,14,0)+IF('Standard Profiles'!$G$21=$B$24,21,0),MOD($C1837,24)+1)/SUM(INDEX($D$3:$AA$30,INDEX(Jesper!$R$2:$R$366,ROW(INDEX(Jesper!AK$2:AK$366,ROUNDDOWN($C1837/24,0)+1,1))-1)+IF('Standard Profiles'!$G$21=$B$10,7,0)+IF('Standard Profiles'!$G$21=$B$17,14,0)+IF('Standard Profiles'!$G$21=$B$24,21,0),0)),0)</f>
        <v>5.099130223697264</v>
      </c>
      <c r="H1837" cm="1">
        <f t="array" ref="H1837">IFERROR(INDEX(Jesper!AL$2:AL$366,ROUNDDOWN($C1837/24,0)+1,1)*INDEX($D$3:$AA$30,INDEX(Jesper!$R$2:$R$366,ROW(INDEX(Jesper!AL$2:AL$366,ROUNDDOWN($C1837/24,0)+1,1))-1)+IF('Standard Profiles'!$G$22=$B$10,7,0)+IF('Standard Profiles'!$G$22=$B$17,14,0)+IF('Standard Profiles'!$G$22=$B$24,21,0),MOD($C1837,24)+1)/SUM(INDEX($D$3:$AA$30,INDEX(Jesper!$R$2:$R$366,ROW(INDEX(Jesper!AL$2:AL$366,ROUNDDOWN($C1837/24,0)+1,1))-1)+IF('Standard Profiles'!$G$22=$B$10,7,0)+IF('Standard Profiles'!$G$22=$B$17,14,0)+IF('Standard Profiles'!$G$22=$B$24,21,0),0)),0)</f>
        <v>0</v>
      </c>
      <c r="I1837">
        <f t="shared" si="216"/>
        <v>2.4475825073746855</v>
      </c>
      <c r="J1837">
        <f t="shared" si="217"/>
        <v>12.614883950480362</v>
      </c>
      <c r="K1837">
        <f t="shared" si="218"/>
        <v>0.58566714456699243</v>
      </c>
      <c r="L1837">
        <f t="shared" si="219"/>
        <v>0.29283357228349621</v>
      </c>
      <c r="M1837">
        <f t="shared" si="220"/>
        <v>0</v>
      </c>
      <c r="N1837" s="45">
        <f t="shared" si="221"/>
        <v>45002.124999995627</v>
      </c>
    </row>
    <row r="1838" spans="2:14" x14ac:dyDescent="0.25">
      <c r="B1838">
        <f t="shared" si="215"/>
        <v>5</v>
      </c>
      <c r="C1838" s="16">
        <v>1804</v>
      </c>
      <c r="D1838" cm="1">
        <f t="array" ref="D1838">IFERROR(INDEX(Jesper!AH$2:AH$366,ROUNDDOWN($C1838/24,0)+1,1)*INDEX($D$3:$AA$30,INDEX(Jesper!$R$2:$R$366,ROW(INDEX(Jesper!AH$2:AH$366,ROUNDDOWN($C1838/24,0)+1,1))-1)+IF('Standard Profiles'!$G$18=$B$10,7,0)+IF('Standard Profiles'!$G$18=$B$17,14,0)+IF('Standard Profiles'!$G$18=$B$24,21,0),MOD($C1838,24)+1)/SUM(INDEX($D$3:$AA$30,INDEX(Jesper!$R$2:$R$366,ROW(INDEX(Jesper!AH$2:AH$366,ROUNDDOWN($C1838/24,0)+1,1))-1)+IF('Standard Profiles'!$G$18=$B$10,7,0)+IF('Standard Profiles'!$G$18=$B$17,14,0)+IF('Standard Profiles'!$G$18=$B$24,21,0),0)),0)</f>
        <v>5.4906294803155538</v>
      </c>
      <c r="E1838" cm="1">
        <f t="array" ref="E1838">IFERROR(INDEX(Jesper!AI$2:AI$366,ROUNDDOWN($C1838/24,0)+1,1)*INDEX($D$3:$AA$30,INDEX(Jesper!$R$2:$R$366,ROW(INDEX(Jesper!AI$2:AI$366,ROUNDDOWN($C1838/24,0)+1,1))-1)+IF('Standard Profiles'!$G$19=$B$10,7,0)+IF('Standard Profiles'!$G$19=$B$17,14,0)+IF('Standard Profiles'!$G$19=$B$24,21,0),MOD($C1838,24)+1)/SUM(INDEX($D$3:$AA$30,INDEX(Jesper!$R$2:$R$366,ROW(INDEX(Jesper!AI$2:AI$366,ROUNDDOWN($C1838/24,0)+1,1))-1)+IF('Standard Profiles'!$G$19=$B$10,7,0)+IF('Standard Profiles'!$G$19=$B$17,14,0)+IF('Standard Profiles'!$G$19=$B$24,21,0),0)),0)</f>
        <v>5.3512074706927191</v>
      </c>
      <c r="F1838" cm="1">
        <f t="array" ref="F1838">IFERROR(INDEX(Jesper!AJ$2:AJ$366,ROUNDDOWN($C1838/24,0)+1,1)*INDEX($D$3:$AA$30,INDEX(Jesper!$R$2:$R$366,ROW(INDEX(Jesper!AJ$2:AJ$366,ROUNDDOWN($C1838/24,0)+1,1))-1)+IF('Standard Profiles'!$G$20=$B$10,7,0)+IF('Standard Profiles'!$G$20=$B$17,14,0)+IF('Standard Profiles'!$G$20=$B$24,21,0),MOD($C1838,24)+1)/SUM(INDEX($D$3:$AA$30,INDEX(Jesper!$R$2:$R$366,ROW(INDEX(Jesper!AJ$2:AJ$366,ROUNDDOWN($C1838/24,0)+1,1))-1)+IF('Standard Profiles'!$G$20=$B$10,7,0)+IF('Standard Profiles'!$G$20=$B$17,14,0)+IF('Standard Profiles'!$G$20=$B$24,21,0),0)),0)</f>
        <v>0</v>
      </c>
      <c r="G1838" cm="1">
        <f t="array" ref="G1838">IFERROR(INDEX(Jesper!AK$2:AK$366,ROUNDDOWN($C1838/24,0)+1,1)*INDEX($D$3:$AA$30,INDEX(Jesper!$R$2:$R$366,ROW(INDEX(Jesper!AK$2:AK$366,ROUNDDOWN($C1838/24,0)+1,1))-1)+IF('Standard Profiles'!$G$21=$B$10,7,0)+IF('Standard Profiles'!$G$21=$B$17,14,0)+IF('Standard Profiles'!$G$21=$B$24,21,0),MOD($C1838,24)+1)/SUM(INDEX($D$3:$AA$30,INDEX(Jesper!$R$2:$R$366,ROW(INDEX(Jesper!AK$2:AK$366,ROUNDDOWN($C1838/24,0)+1,1))-1)+IF('Standard Profiles'!$G$21=$B$10,7,0)+IF('Standard Profiles'!$G$21=$B$17,14,0)+IF('Standard Profiles'!$G$21=$B$24,21,0),0)),0)</f>
        <v>5.099130223697264</v>
      </c>
      <c r="H1838" cm="1">
        <f t="array" ref="H1838">IFERROR(INDEX(Jesper!AL$2:AL$366,ROUNDDOWN($C1838/24,0)+1,1)*INDEX($D$3:$AA$30,INDEX(Jesper!$R$2:$R$366,ROW(INDEX(Jesper!AL$2:AL$366,ROUNDDOWN($C1838/24,0)+1,1))-1)+IF('Standard Profiles'!$G$22=$B$10,7,0)+IF('Standard Profiles'!$G$22=$B$17,14,0)+IF('Standard Profiles'!$G$22=$B$24,21,0),MOD($C1838,24)+1)/SUM(INDEX($D$3:$AA$30,INDEX(Jesper!$R$2:$R$366,ROW(INDEX(Jesper!AL$2:AL$366,ROUNDDOWN($C1838/24,0)+1,1))-1)+IF('Standard Profiles'!$G$22=$B$10,7,0)+IF('Standard Profiles'!$G$22=$B$17,14,0)+IF('Standard Profiles'!$G$22=$B$24,21,0),0)),0)</f>
        <v>0</v>
      </c>
      <c r="I1838">
        <f t="shared" si="216"/>
        <v>2.4475825073746855</v>
      </c>
      <c r="J1838">
        <f t="shared" si="217"/>
        <v>12.614883950480362</v>
      </c>
      <c r="K1838">
        <f t="shared" si="218"/>
        <v>0.58566714456699243</v>
      </c>
      <c r="L1838">
        <f t="shared" si="219"/>
        <v>0.29283357228349621</v>
      </c>
      <c r="M1838">
        <f t="shared" si="220"/>
        <v>0</v>
      </c>
      <c r="N1838" s="45">
        <f t="shared" si="221"/>
        <v>45002.166666662291</v>
      </c>
    </row>
    <row r="1839" spans="2:14" x14ac:dyDescent="0.25">
      <c r="B1839">
        <f t="shared" si="215"/>
        <v>5</v>
      </c>
      <c r="C1839" s="16">
        <v>1805</v>
      </c>
      <c r="D1839" cm="1">
        <f t="array" ref="D1839">IFERROR(INDEX(Jesper!AH$2:AH$366,ROUNDDOWN($C1839/24,0)+1,1)*INDEX($D$3:$AA$30,INDEX(Jesper!$R$2:$R$366,ROW(INDEX(Jesper!AH$2:AH$366,ROUNDDOWN($C1839/24,0)+1,1))-1)+IF('Standard Profiles'!$G$18=$B$10,7,0)+IF('Standard Profiles'!$G$18=$B$17,14,0)+IF('Standard Profiles'!$G$18=$B$24,21,0),MOD($C1839,24)+1)/SUM(INDEX($D$3:$AA$30,INDEX(Jesper!$R$2:$R$366,ROW(INDEX(Jesper!AH$2:AH$366,ROUNDDOWN($C1839/24,0)+1,1))-1)+IF('Standard Profiles'!$G$18=$B$10,7,0)+IF('Standard Profiles'!$G$18=$B$17,14,0)+IF('Standard Profiles'!$G$18=$B$24,21,0),0)),0)</f>
        <v>5.4906294803155538</v>
      </c>
      <c r="E1839" cm="1">
        <f t="array" ref="E1839">IFERROR(INDEX(Jesper!AI$2:AI$366,ROUNDDOWN($C1839/24,0)+1,1)*INDEX($D$3:$AA$30,INDEX(Jesper!$R$2:$R$366,ROW(INDEX(Jesper!AI$2:AI$366,ROUNDDOWN($C1839/24,0)+1,1))-1)+IF('Standard Profiles'!$G$19=$B$10,7,0)+IF('Standard Profiles'!$G$19=$B$17,14,0)+IF('Standard Profiles'!$G$19=$B$24,21,0),MOD($C1839,24)+1)/SUM(INDEX($D$3:$AA$30,INDEX(Jesper!$R$2:$R$366,ROW(INDEX(Jesper!AI$2:AI$366,ROUNDDOWN($C1839/24,0)+1,1))-1)+IF('Standard Profiles'!$G$19=$B$10,7,0)+IF('Standard Profiles'!$G$19=$B$17,14,0)+IF('Standard Profiles'!$G$19=$B$24,21,0),0)),0)</f>
        <v>5.3512074706927191</v>
      </c>
      <c r="F1839" cm="1">
        <f t="array" ref="F1839">IFERROR(INDEX(Jesper!AJ$2:AJ$366,ROUNDDOWN($C1839/24,0)+1,1)*INDEX($D$3:$AA$30,INDEX(Jesper!$R$2:$R$366,ROW(INDEX(Jesper!AJ$2:AJ$366,ROUNDDOWN($C1839/24,0)+1,1))-1)+IF('Standard Profiles'!$G$20=$B$10,7,0)+IF('Standard Profiles'!$G$20=$B$17,14,0)+IF('Standard Profiles'!$G$20=$B$24,21,0),MOD($C1839,24)+1)/SUM(INDEX($D$3:$AA$30,INDEX(Jesper!$R$2:$R$366,ROW(INDEX(Jesper!AJ$2:AJ$366,ROUNDDOWN($C1839/24,0)+1,1))-1)+IF('Standard Profiles'!$G$20=$B$10,7,0)+IF('Standard Profiles'!$G$20=$B$17,14,0)+IF('Standard Profiles'!$G$20=$B$24,21,0),0)),0)</f>
        <v>0</v>
      </c>
      <c r="G1839" cm="1">
        <f t="array" ref="G1839">IFERROR(INDEX(Jesper!AK$2:AK$366,ROUNDDOWN($C1839/24,0)+1,1)*INDEX($D$3:$AA$30,INDEX(Jesper!$R$2:$R$366,ROW(INDEX(Jesper!AK$2:AK$366,ROUNDDOWN($C1839/24,0)+1,1))-1)+IF('Standard Profiles'!$G$21=$B$10,7,0)+IF('Standard Profiles'!$G$21=$B$17,14,0)+IF('Standard Profiles'!$G$21=$B$24,21,0),MOD($C1839,24)+1)/SUM(INDEX($D$3:$AA$30,INDEX(Jesper!$R$2:$R$366,ROW(INDEX(Jesper!AK$2:AK$366,ROUNDDOWN($C1839/24,0)+1,1))-1)+IF('Standard Profiles'!$G$21=$B$10,7,0)+IF('Standard Profiles'!$G$21=$B$17,14,0)+IF('Standard Profiles'!$G$21=$B$24,21,0),0)),0)</f>
        <v>5.099130223697264</v>
      </c>
      <c r="H1839" cm="1">
        <f t="array" ref="H1839">IFERROR(INDEX(Jesper!AL$2:AL$366,ROUNDDOWN($C1839/24,0)+1,1)*INDEX($D$3:$AA$30,INDEX(Jesper!$R$2:$R$366,ROW(INDEX(Jesper!AL$2:AL$366,ROUNDDOWN($C1839/24,0)+1,1))-1)+IF('Standard Profiles'!$G$22=$B$10,7,0)+IF('Standard Profiles'!$G$22=$B$17,14,0)+IF('Standard Profiles'!$G$22=$B$24,21,0),MOD($C1839,24)+1)/SUM(INDEX($D$3:$AA$30,INDEX(Jesper!$R$2:$R$366,ROW(INDEX(Jesper!AL$2:AL$366,ROUNDDOWN($C1839/24,0)+1,1))-1)+IF('Standard Profiles'!$G$22=$B$10,7,0)+IF('Standard Profiles'!$G$22=$B$17,14,0)+IF('Standard Profiles'!$G$22=$B$24,21,0),0)),0)</f>
        <v>0</v>
      </c>
      <c r="I1839">
        <f t="shared" si="216"/>
        <v>2.4475825073746855</v>
      </c>
      <c r="J1839">
        <f t="shared" si="217"/>
        <v>12.614883950480362</v>
      </c>
      <c r="K1839">
        <f t="shared" si="218"/>
        <v>0.58566714456699243</v>
      </c>
      <c r="L1839">
        <f t="shared" si="219"/>
        <v>0.29283357228349621</v>
      </c>
      <c r="M1839">
        <f t="shared" si="220"/>
        <v>0</v>
      </c>
      <c r="N1839" s="45">
        <f t="shared" si="221"/>
        <v>45002.208333328956</v>
      </c>
    </row>
    <row r="1840" spans="2:14" x14ac:dyDescent="0.25">
      <c r="B1840">
        <f t="shared" si="215"/>
        <v>5</v>
      </c>
      <c r="C1840" s="16">
        <v>1806</v>
      </c>
      <c r="D1840" cm="1">
        <f t="array" ref="D1840">IFERROR(INDEX(Jesper!AH$2:AH$366,ROUNDDOWN($C1840/24,0)+1,1)*INDEX($D$3:$AA$30,INDEX(Jesper!$R$2:$R$366,ROW(INDEX(Jesper!AH$2:AH$366,ROUNDDOWN($C1840/24,0)+1,1))-1)+IF('Standard Profiles'!$G$18=$B$10,7,0)+IF('Standard Profiles'!$G$18=$B$17,14,0)+IF('Standard Profiles'!$G$18=$B$24,21,0),MOD($C1840,24)+1)/SUM(INDEX($D$3:$AA$30,INDEX(Jesper!$R$2:$R$366,ROW(INDEX(Jesper!AH$2:AH$366,ROUNDDOWN($C1840/24,0)+1,1))-1)+IF('Standard Profiles'!$G$18=$B$10,7,0)+IF('Standard Profiles'!$G$18=$B$17,14,0)+IF('Standard Profiles'!$G$18=$B$24,21,0),0)),0)</f>
        <v>5.4906294803155538</v>
      </c>
      <c r="E1840" cm="1">
        <f t="array" ref="E1840">IFERROR(INDEX(Jesper!AI$2:AI$366,ROUNDDOWN($C1840/24,0)+1,1)*INDEX($D$3:$AA$30,INDEX(Jesper!$R$2:$R$366,ROW(INDEX(Jesper!AI$2:AI$366,ROUNDDOWN($C1840/24,0)+1,1))-1)+IF('Standard Profiles'!$G$19=$B$10,7,0)+IF('Standard Profiles'!$G$19=$B$17,14,0)+IF('Standard Profiles'!$G$19=$B$24,21,0),MOD($C1840,24)+1)/SUM(INDEX($D$3:$AA$30,INDEX(Jesper!$R$2:$R$366,ROW(INDEX(Jesper!AI$2:AI$366,ROUNDDOWN($C1840/24,0)+1,1))-1)+IF('Standard Profiles'!$G$19=$B$10,7,0)+IF('Standard Profiles'!$G$19=$B$17,14,0)+IF('Standard Profiles'!$G$19=$B$24,21,0),0)),0)</f>
        <v>5.3512074706927191</v>
      </c>
      <c r="F1840" cm="1">
        <f t="array" ref="F1840">IFERROR(INDEX(Jesper!AJ$2:AJ$366,ROUNDDOWN($C1840/24,0)+1,1)*INDEX($D$3:$AA$30,INDEX(Jesper!$R$2:$R$366,ROW(INDEX(Jesper!AJ$2:AJ$366,ROUNDDOWN($C1840/24,0)+1,1))-1)+IF('Standard Profiles'!$G$20=$B$10,7,0)+IF('Standard Profiles'!$G$20=$B$17,14,0)+IF('Standard Profiles'!$G$20=$B$24,21,0),MOD($C1840,24)+1)/SUM(INDEX($D$3:$AA$30,INDEX(Jesper!$R$2:$R$366,ROW(INDEX(Jesper!AJ$2:AJ$366,ROUNDDOWN($C1840/24,0)+1,1))-1)+IF('Standard Profiles'!$G$20=$B$10,7,0)+IF('Standard Profiles'!$G$20=$B$17,14,0)+IF('Standard Profiles'!$G$20=$B$24,21,0),0)),0)</f>
        <v>0</v>
      </c>
      <c r="G1840" cm="1">
        <f t="array" ref="G1840">IFERROR(INDEX(Jesper!AK$2:AK$366,ROUNDDOWN($C1840/24,0)+1,1)*INDEX($D$3:$AA$30,INDEX(Jesper!$R$2:$R$366,ROW(INDEX(Jesper!AK$2:AK$366,ROUNDDOWN($C1840/24,0)+1,1))-1)+IF('Standard Profiles'!$G$21=$B$10,7,0)+IF('Standard Profiles'!$G$21=$B$17,14,0)+IF('Standard Profiles'!$G$21=$B$24,21,0),MOD($C1840,24)+1)/SUM(INDEX($D$3:$AA$30,INDEX(Jesper!$R$2:$R$366,ROW(INDEX(Jesper!AK$2:AK$366,ROUNDDOWN($C1840/24,0)+1,1))-1)+IF('Standard Profiles'!$G$21=$B$10,7,0)+IF('Standard Profiles'!$G$21=$B$17,14,0)+IF('Standard Profiles'!$G$21=$B$24,21,0),0)),0)</f>
        <v>5.099130223697264</v>
      </c>
      <c r="H1840" cm="1">
        <f t="array" ref="H1840">IFERROR(INDEX(Jesper!AL$2:AL$366,ROUNDDOWN($C1840/24,0)+1,1)*INDEX($D$3:$AA$30,INDEX(Jesper!$R$2:$R$366,ROW(INDEX(Jesper!AL$2:AL$366,ROUNDDOWN($C1840/24,0)+1,1))-1)+IF('Standard Profiles'!$G$22=$B$10,7,0)+IF('Standard Profiles'!$G$22=$B$17,14,0)+IF('Standard Profiles'!$G$22=$B$24,21,0),MOD($C1840,24)+1)/SUM(INDEX($D$3:$AA$30,INDEX(Jesper!$R$2:$R$366,ROW(INDEX(Jesper!AL$2:AL$366,ROUNDDOWN($C1840/24,0)+1,1))-1)+IF('Standard Profiles'!$G$22=$B$10,7,0)+IF('Standard Profiles'!$G$22=$B$17,14,0)+IF('Standard Profiles'!$G$22=$B$24,21,0),0)),0)</f>
        <v>0</v>
      </c>
      <c r="I1840">
        <f t="shared" si="216"/>
        <v>2.4475825073746855</v>
      </c>
      <c r="J1840">
        <f t="shared" si="217"/>
        <v>12.614883950480362</v>
      </c>
      <c r="K1840">
        <f t="shared" si="218"/>
        <v>0.58566714456699243</v>
      </c>
      <c r="L1840">
        <f t="shared" si="219"/>
        <v>0.29283357228349621</v>
      </c>
      <c r="M1840">
        <f t="shared" si="220"/>
        <v>0</v>
      </c>
      <c r="N1840" s="45">
        <f t="shared" si="221"/>
        <v>45002.24999999562</v>
      </c>
    </row>
    <row r="1841" spans="2:14" x14ac:dyDescent="0.25">
      <c r="B1841">
        <f t="shared" si="215"/>
        <v>5</v>
      </c>
      <c r="C1841" s="16">
        <v>1807</v>
      </c>
      <c r="D1841" cm="1">
        <f t="array" ref="D1841">IFERROR(INDEX(Jesper!AH$2:AH$366,ROUNDDOWN($C1841/24,0)+1,1)*INDEX($D$3:$AA$30,INDEX(Jesper!$R$2:$R$366,ROW(INDEX(Jesper!AH$2:AH$366,ROUNDDOWN($C1841/24,0)+1,1))-1)+IF('Standard Profiles'!$G$18=$B$10,7,0)+IF('Standard Profiles'!$G$18=$B$17,14,0)+IF('Standard Profiles'!$G$18=$B$24,21,0),MOD($C1841,24)+1)/SUM(INDEX($D$3:$AA$30,INDEX(Jesper!$R$2:$R$366,ROW(INDEX(Jesper!AH$2:AH$366,ROUNDDOWN($C1841/24,0)+1,1))-1)+IF('Standard Profiles'!$G$18=$B$10,7,0)+IF('Standard Profiles'!$G$18=$B$17,14,0)+IF('Standard Profiles'!$G$18=$B$24,21,0),0)),0)</f>
        <v>23.390081586144262</v>
      </c>
      <c r="E1841" cm="1">
        <f t="array" ref="E1841">IFERROR(INDEX(Jesper!AI$2:AI$366,ROUNDDOWN($C1841/24,0)+1,1)*INDEX($D$3:$AA$30,INDEX(Jesper!$R$2:$R$366,ROW(INDEX(Jesper!AI$2:AI$366,ROUNDDOWN($C1841/24,0)+1,1))-1)+IF('Standard Profiles'!$G$19=$B$10,7,0)+IF('Standard Profiles'!$G$19=$B$17,14,0)+IF('Standard Profiles'!$G$19=$B$24,21,0),MOD($C1841,24)+1)/SUM(INDEX($D$3:$AA$30,INDEX(Jesper!$R$2:$R$366,ROW(INDEX(Jesper!AI$2:AI$366,ROUNDDOWN($C1841/24,0)+1,1))-1)+IF('Standard Profiles'!$G$19=$B$10,7,0)+IF('Standard Profiles'!$G$19=$B$17,14,0)+IF('Standard Profiles'!$G$19=$B$24,21,0),0)),0)</f>
        <v>22.796143825150978</v>
      </c>
      <c r="F1841" cm="1">
        <f t="array" ref="F1841">IFERROR(INDEX(Jesper!AJ$2:AJ$366,ROUNDDOWN($C1841/24,0)+1,1)*INDEX($D$3:$AA$30,INDEX(Jesper!$R$2:$R$366,ROW(INDEX(Jesper!AJ$2:AJ$366,ROUNDDOWN($C1841/24,0)+1,1))-1)+IF('Standard Profiles'!$G$20=$B$10,7,0)+IF('Standard Profiles'!$G$20=$B$17,14,0)+IF('Standard Profiles'!$G$20=$B$24,21,0),MOD($C1841,24)+1)/SUM(INDEX($D$3:$AA$30,INDEX(Jesper!$R$2:$R$366,ROW(INDEX(Jesper!AJ$2:AJ$366,ROUNDDOWN($C1841/24,0)+1,1))-1)+IF('Standard Profiles'!$G$20=$B$10,7,0)+IF('Standard Profiles'!$G$20=$B$17,14,0)+IF('Standard Profiles'!$G$20=$B$24,21,0),0)),0)</f>
        <v>0</v>
      </c>
      <c r="G1841" cm="1">
        <f t="array" ref="G1841">IFERROR(INDEX(Jesper!AK$2:AK$366,ROUNDDOWN($C1841/24,0)+1,1)*INDEX($D$3:$AA$30,INDEX(Jesper!$R$2:$R$366,ROW(INDEX(Jesper!AK$2:AK$366,ROUNDDOWN($C1841/24,0)+1,1))-1)+IF('Standard Profiles'!$G$21=$B$10,7,0)+IF('Standard Profiles'!$G$21=$B$17,14,0)+IF('Standard Profiles'!$G$21=$B$24,21,0),MOD($C1841,24)+1)/SUM(INDEX($D$3:$AA$30,INDEX(Jesper!$R$2:$R$366,ROW(INDEX(Jesper!AK$2:AK$366,ROUNDDOWN($C1841/24,0)+1,1))-1)+IF('Standard Profiles'!$G$21=$B$10,7,0)+IF('Standard Profiles'!$G$21=$B$17,14,0)+IF('Standard Profiles'!$G$21=$B$24,21,0),0)),0)</f>
        <v>13.816998025502265</v>
      </c>
      <c r="H1841" cm="1">
        <f t="array" ref="H1841">IFERROR(INDEX(Jesper!AL$2:AL$366,ROUNDDOWN($C1841/24,0)+1,1)*INDEX($D$3:$AA$30,INDEX(Jesper!$R$2:$R$366,ROW(INDEX(Jesper!AL$2:AL$366,ROUNDDOWN($C1841/24,0)+1,1))-1)+IF('Standard Profiles'!$G$22=$B$10,7,0)+IF('Standard Profiles'!$G$22=$B$17,14,0)+IF('Standard Profiles'!$G$22=$B$24,21,0),MOD($C1841,24)+1)/SUM(INDEX($D$3:$AA$30,INDEX(Jesper!$R$2:$R$366,ROW(INDEX(Jesper!AL$2:AL$366,ROUNDDOWN($C1841/24,0)+1,1))-1)+IF('Standard Profiles'!$G$22=$B$10,7,0)+IF('Standard Profiles'!$G$22=$B$17,14,0)+IF('Standard Profiles'!$G$22=$B$24,21,0),0)),0)</f>
        <v>0</v>
      </c>
      <c r="I1841">
        <f t="shared" si="216"/>
        <v>6.632159052241084</v>
      </c>
      <c r="J1841">
        <f t="shared" si="217"/>
        <v>49.628651330773337</v>
      </c>
      <c r="K1841">
        <f t="shared" si="218"/>
        <v>2.494942035855388</v>
      </c>
      <c r="L1841">
        <f t="shared" si="219"/>
        <v>1.247471017927694</v>
      </c>
      <c r="M1841">
        <f t="shared" si="220"/>
        <v>0</v>
      </c>
      <c r="N1841" s="45">
        <f t="shared" si="221"/>
        <v>45002.291666662284</v>
      </c>
    </row>
    <row r="1842" spans="2:14" x14ac:dyDescent="0.25">
      <c r="B1842">
        <f t="shared" si="215"/>
        <v>5</v>
      </c>
      <c r="C1842" s="16">
        <v>1808</v>
      </c>
      <c r="D1842" cm="1">
        <f t="array" ref="D1842">IFERROR(INDEX(Jesper!AH$2:AH$366,ROUNDDOWN($C1842/24,0)+1,1)*INDEX($D$3:$AA$30,INDEX(Jesper!$R$2:$R$366,ROW(INDEX(Jesper!AH$2:AH$366,ROUNDDOWN($C1842/24,0)+1,1))-1)+IF('Standard Profiles'!$G$18=$B$10,7,0)+IF('Standard Profiles'!$G$18=$B$17,14,0)+IF('Standard Profiles'!$G$18=$B$24,21,0),MOD($C1842,24)+1)/SUM(INDEX($D$3:$AA$30,INDEX(Jesper!$R$2:$R$366,ROW(INDEX(Jesper!AH$2:AH$366,ROUNDDOWN($C1842/24,0)+1,1))-1)+IF('Standard Profiles'!$G$18=$B$10,7,0)+IF('Standard Profiles'!$G$18=$B$17,14,0)+IF('Standard Profiles'!$G$18=$B$24,21,0),0)),0)</f>
        <v>29.237601982680328</v>
      </c>
      <c r="E1842" cm="1">
        <f t="array" ref="E1842">IFERROR(INDEX(Jesper!AI$2:AI$366,ROUNDDOWN($C1842/24,0)+1,1)*INDEX($D$3:$AA$30,INDEX(Jesper!$R$2:$R$366,ROW(INDEX(Jesper!AI$2:AI$366,ROUNDDOWN($C1842/24,0)+1,1))-1)+IF('Standard Profiles'!$G$19=$B$10,7,0)+IF('Standard Profiles'!$G$19=$B$17,14,0)+IF('Standard Profiles'!$G$19=$B$24,21,0),MOD($C1842,24)+1)/SUM(INDEX($D$3:$AA$30,INDEX(Jesper!$R$2:$R$366,ROW(INDEX(Jesper!AI$2:AI$366,ROUNDDOWN($C1842/24,0)+1,1))-1)+IF('Standard Profiles'!$G$19=$B$10,7,0)+IF('Standard Profiles'!$G$19=$B$17,14,0)+IF('Standard Profiles'!$G$19=$B$24,21,0),0)),0)</f>
        <v>28.495179781438726</v>
      </c>
      <c r="F1842" cm="1">
        <f t="array" ref="F1842">IFERROR(INDEX(Jesper!AJ$2:AJ$366,ROUNDDOWN($C1842/24,0)+1,1)*INDEX($D$3:$AA$30,INDEX(Jesper!$R$2:$R$366,ROW(INDEX(Jesper!AJ$2:AJ$366,ROUNDDOWN($C1842/24,0)+1,1))-1)+IF('Standard Profiles'!$G$20=$B$10,7,0)+IF('Standard Profiles'!$G$20=$B$17,14,0)+IF('Standard Profiles'!$G$20=$B$24,21,0),MOD($C1842,24)+1)/SUM(INDEX($D$3:$AA$30,INDEX(Jesper!$R$2:$R$366,ROW(INDEX(Jesper!AJ$2:AJ$366,ROUNDDOWN($C1842/24,0)+1,1))-1)+IF('Standard Profiles'!$G$20=$B$10,7,0)+IF('Standard Profiles'!$G$20=$B$17,14,0)+IF('Standard Profiles'!$G$20=$B$24,21,0),0)),0)</f>
        <v>0</v>
      </c>
      <c r="G1842" cm="1">
        <f t="array" ref="G1842">IFERROR(INDEX(Jesper!AK$2:AK$366,ROUNDDOWN($C1842/24,0)+1,1)*INDEX($D$3:$AA$30,INDEX(Jesper!$R$2:$R$366,ROW(INDEX(Jesper!AK$2:AK$366,ROUNDDOWN($C1842/24,0)+1,1))-1)+IF('Standard Profiles'!$G$21=$B$10,7,0)+IF('Standard Profiles'!$G$21=$B$17,14,0)+IF('Standard Profiles'!$G$21=$B$24,21,0),MOD($C1842,24)+1)/SUM(INDEX($D$3:$AA$30,INDEX(Jesper!$R$2:$R$366,ROW(INDEX(Jesper!AK$2:AK$366,ROUNDDOWN($C1842/24,0)+1,1))-1)+IF('Standard Profiles'!$G$21=$B$10,7,0)+IF('Standard Profiles'!$G$21=$B$17,14,0)+IF('Standard Profiles'!$G$21=$B$24,21,0),0)),0)</f>
        <v>17.271247531877826</v>
      </c>
      <c r="H1842" cm="1">
        <f t="array" ref="H1842">IFERROR(INDEX(Jesper!AL$2:AL$366,ROUNDDOWN($C1842/24,0)+1,1)*INDEX($D$3:$AA$30,INDEX(Jesper!$R$2:$R$366,ROW(INDEX(Jesper!AL$2:AL$366,ROUNDDOWN($C1842/24,0)+1,1))-1)+IF('Standard Profiles'!$G$22=$B$10,7,0)+IF('Standard Profiles'!$G$22=$B$17,14,0)+IF('Standard Profiles'!$G$22=$B$24,21,0),MOD($C1842,24)+1)/SUM(INDEX($D$3:$AA$30,INDEX(Jesper!$R$2:$R$366,ROW(INDEX(Jesper!AL$2:AL$366,ROUNDDOWN($C1842/24,0)+1,1))-1)+IF('Standard Profiles'!$G$22=$B$10,7,0)+IF('Standard Profiles'!$G$22=$B$17,14,0)+IF('Standard Profiles'!$G$22=$B$24,21,0),0)),0)</f>
        <v>0</v>
      </c>
      <c r="I1842">
        <f t="shared" si="216"/>
        <v>8.2901988153013519</v>
      </c>
      <c r="J1842">
        <f t="shared" si="217"/>
        <v>62.035814163466675</v>
      </c>
      <c r="K1842">
        <f t="shared" si="218"/>
        <v>3.118677544819235</v>
      </c>
      <c r="L1842">
        <f t="shared" si="219"/>
        <v>1.5593387724096175</v>
      </c>
      <c r="M1842">
        <f t="shared" si="220"/>
        <v>0</v>
      </c>
      <c r="N1842" s="45">
        <f t="shared" si="221"/>
        <v>45002.333333328948</v>
      </c>
    </row>
    <row r="1843" spans="2:14" x14ac:dyDescent="0.25">
      <c r="B1843">
        <f t="shared" si="215"/>
        <v>5</v>
      </c>
      <c r="C1843" s="16">
        <v>1809</v>
      </c>
      <c r="D1843" cm="1">
        <f t="array" ref="D1843">IFERROR(INDEX(Jesper!AH$2:AH$366,ROUNDDOWN($C1843/24,0)+1,1)*INDEX($D$3:$AA$30,INDEX(Jesper!$R$2:$R$366,ROW(INDEX(Jesper!AH$2:AH$366,ROUNDDOWN($C1843/24,0)+1,1))-1)+IF('Standard Profiles'!$G$18=$B$10,7,0)+IF('Standard Profiles'!$G$18=$B$17,14,0)+IF('Standard Profiles'!$G$18=$B$24,21,0),MOD($C1843,24)+1)/SUM(INDEX($D$3:$AA$30,INDEX(Jesper!$R$2:$R$366,ROW(INDEX(Jesper!AH$2:AH$366,ROUNDDOWN($C1843/24,0)+1,1))-1)+IF('Standard Profiles'!$G$18=$B$10,7,0)+IF('Standard Profiles'!$G$18=$B$17,14,0)+IF('Standard Profiles'!$G$18=$B$24,21,0),0)),0)</f>
        <v>32.161362180948359</v>
      </c>
      <c r="E1843" cm="1">
        <f t="array" ref="E1843">IFERROR(INDEX(Jesper!AI$2:AI$366,ROUNDDOWN($C1843/24,0)+1,1)*INDEX($D$3:$AA$30,INDEX(Jesper!$R$2:$R$366,ROW(INDEX(Jesper!AI$2:AI$366,ROUNDDOWN($C1843/24,0)+1,1))-1)+IF('Standard Profiles'!$G$19=$B$10,7,0)+IF('Standard Profiles'!$G$19=$B$17,14,0)+IF('Standard Profiles'!$G$19=$B$24,21,0),MOD($C1843,24)+1)/SUM(INDEX($D$3:$AA$30,INDEX(Jesper!$R$2:$R$366,ROW(INDEX(Jesper!AI$2:AI$366,ROUNDDOWN($C1843/24,0)+1,1))-1)+IF('Standard Profiles'!$G$19=$B$10,7,0)+IF('Standard Profiles'!$G$19=$B$17,14,0)+IF('Standard Profiles'!$G$19=$B$24,21,0),0)),0)</f>
        <v>31.344697759582598</v>
      </c>
      <c r="F1843" cm="1">
        <f t="array" ref="F1843">IFERROR(INDEX(Jesper!AJ$2:AJ$366,ROUNDDOWN($C1843/24,0)+1,1)*INDEX($D$3:$AA$30,INDEX(Jesper!$R$2:$R$366,ROW(INDEX(Jesper!AJ$2:AJ$366,ROUNDDOWN($C1843/24,0)+1,1))-1)+IF('Standard Profiles'!$G$20=$B$10,7,0)+IF('Standard Profiles'!$G$20=$B$17,14,0)+IF('Standard Profiles'!$G$20=$B$24,21,0),MOD($C1843,24)+1)/SUM(INDEX($D$3:$AA$30,INDEX(Jesper!$R$2:$R$366,ROW(INDEX(Jesper!AJ$2:AJ$366,ROUNDDOWN($C1843/24,0)+1,1))-1)+IF('Standard Profiles'!$G$20=$B$10,7,0)+IF('Standard Profiles'!$G$20=$B$17,14,0)+IF('Standard Profiles'!$G$20=$B$24,21,0),0)),0)</f>
        <v>0</v>
      </c>
      <c r="G1843" cm="1">
        <f t="array" ref="G1843">IFERROR(INDEX(Jesper!AK$2:AK$366,ROUNDDOWN($C1843/24,0)+1,1)*INDEX($D$3:$AA$30,INDEX(Jesper!$R$2:$R$366,ROW(INDEX(Jesper!AK$2:AK$366,ROUNDDOWN($C1843/24,0)+1,1))-1)+IF('Standard Profiles'!$G$21=$B$10,7,0)+IF('Standard Profiles'!$G$21=$B$17,14,0)+IF('Standard Profiles'!$G$21=$B$24,21,0),MOD($C1843,24)+1)/SUM(INDEX($D$3:$AA$30,INDEX(Jesper!$R$2:$R$366,ROW(INDEX(Jesper!AK$2:AK$366,ROUNDDOWN($C1843/24,0)+1,1))-1)+IF('Standard Profiles'!$G$21=$B$10,7,0)+IF('Standard Profiles'!$G$21=$B$17,14,0)+IF('Standard Profiles'!$G$21=$B$24,21,0),0)),0)</f>
        <v>18.998372285065614</v>
      </c>
      <c r="H1843" cm="1">
        <f t="array" ref="H1843">IFERROR(INDEX(Jesper!AL$2:AL$366,ROUNDDOWN($C1843/24,0)+1,1)*INDEX($D$3:$AA$30,INDEX(Jesper!$R$2:$R$366,ROW(INDEX(Jesper!AL$2:AL$366,ROUNDDOWN($C1843/24,0)+1,1))-1)+IF('Standard Profiles'!$G$22=$B$10,7,0)+IF('Standard Profiles'!$G$22=$B$17,14,0)+IF('Standard Profiles'!$G$22=$B$24,21,0),MOD($C1843,24)+1)/SUM(INDEX($D$3:$AA$30,INDEX(Jesper!$R$2:$R$366,ROW(INDEX(Jesper!AL$2:AL$366,ROUNDDOWN($C1843/24,0)+1,1))-1)+IF('Standard Profiles'!$G$22=$B$10,7,0)+IF('Standard Profiles'!$G$22=$B$17,14,0)+IF('Standard Profiles'!$G$22=$B$24,21,0),0)),0)</f>
        <v>0</v>
      </c>
      <c r="I1843">
        <f t="shared" si="216"/>
        <v>9.1192186968314903</v>
      </c>
      <c r="J1843">
        <f t="shared" si="217"/>
        <v>68.239395579813333</v>
      </c>
      <c r="K1843">
        <f t="shared" si="218"/>
        <v>3.4305452993011585</v>
      </c>
      <c r="L1843">
        <f t="shared" si="219"/>
        <v>1.7152726496505792</v>
      </c>
      <c r="M1843">
        <f t="shared" si="220"/>
        <v>0</v>
      </c>
      <c r="N1843" s="45">
        <f t="shared" si="221"/>
        <v>45002.374999995613</v>
      </c>
    </row>
    <row r="1844" spans="2:14" x14ac:dyDescent="0.25">
      <c r="B1844">
        <f t="shared" si="215"/>
        <v>5</v>
      </c>
      <c r="C1844" s="16">
        <v>1810</v>
      </c>
      <c r="D1844" cm="1">
        <f t="array" ref="D1844">IFERROR(INDEX(Jesper!AH$2:AH$366,ROUNDDOWN($C1844/24,0)+1,1)*INDEX($D$3:$AA$30,INDEX(Jesper!$R$2:$R$366,ROW(INDEX(Jesper!AH$2:AH$366,ROUNDDOWN($C1844/24,0)+1,1))-1)+IF('Standard Profiles'!$G$18=$B$10,7,0)+IF('Standard Profiles'!$G$18=$B$17,14,0)+IF('Standard Profiles'!$G$18=$B$24,21,0),MOD($C1844,24)+1)/SUM(INDEX($D$3:$AA$30,INDEX(Jesper!$R$2:$R$366,ROW(INDEX(Jesper!AH$2:AH$366,ROUNDDOWN($C1844/24,0)+1,1))-1)+IF('Standard Profiles'!$G$18=$B$10,7,0)+IF('Standard Profiles'!$G$18=$B$17,14,0)+IF('Standard Profiles'!$G$18=$B$24,21,0),0)),0)</f>
        <v>32.161362180948359</v>
      </c>
      <c r="E1844" cm="1">
        <f t="array" ref="E1844">IFERROR(INDEX(Jesper!AI$2:AI$366,ROUNDDOWN($C1844/24,0)+1,1)*INDEX($D$3:$AA$30,INDEX(Jesper!$R$2:$R$366,ROW(INDEX(Jesper!AI$2:AI$366,ROUNDDOWN($C1844/24,0)+1,1))-1)+IF('Standard Profiles'!$G$19=$B$10,7,0)+IF('Standard Profiles'!$G$19=$B$17,14,0)+IF('Standard Profiles'!$G$19=$B$24,21,0),MOD($C1844,24)+1)/SUM(INDEX($D$3:$AA$30,INDEX(Jesper!$R$2:$R$366,ROW(INDEX(Jesper!AI$2:AI$366,ROUNDDOWN($C1844/24,0)+1,1))-1)+IF('Standard Profiles'!$G$19=$B$10,7,0)+IF('Standard Profiles'!$G$19=$B$17,14,0)+IF('Standard Profiles'!$G$19=$B$24,21,0),0)),0)</f>
        <v>31.344697759582598</v>
      </c>
      <c r="F1844" cm="1">
        <f t="array" ref="F1844">IFERROR(INDEX(Jesper!AJ$2:AJ$366,ROUNDDOWN($C1844/24,0)+1,1)*INDEX($D$3:$AA$30,INDEX(Jesper!$R$2:$R$366,ROW(INDEX(Jesper!AJ$2:AJ$366,ROUNDDOWN($C1844/24,0)+1,1))-1)+IF('Standard Profiles'!$G$20=$B$10,7,0)+IF('Standard Profiles'!$G$20=$B$17,14,0)+IF('Standard Profiles'!$G$20=$B$24,21,0),MOD($C1844,24)+1)/SUM(INDEX($D$3:$AA$30,INDEX(Jesper!$R$2:$R$366,ROW(INDEX(Jesper!AJ$2:AJ$366,ROUNDDOWN($C1844/24,0)+1,1))-1)+IF('Standard Profiles'!$G$20=$B$10,7,0)+IF('Standard Profiles'!$G$20=$B$17,14,0)+IF('Standard Profiles'!$G$20=$B$24,21,0),0)),0)</f>
        <v>0</v>
      </c>
      <c r="G1844" cm="1">
        <f t="array" ref="G1844">IFERROR(INDEX(Jesper!AK$2:AK$366,ROUNDDOWN($C1844/24,0)+1,1)*INDEX($D$3:$AA$30,INDEX(Jesper!$R$2:$R$366,ROW(INDEX(Jesper!AK$2:AK$366,ROUNDDOWN($C1844/24,0)+1,1))-1)+IF('Standard Profiles'!$G$21=$B$10,7,0)+IF('Standard Profiles'!$G$21=$B$17,14,0)+IF('Standard Profiles'!$G$21=$B$24,21,0),MOD($C1844,24)+1)/SUM(INDEX($D$3:$AA$30,INDEX(Jesper!$R$2:$R$366,ROW(INDEX(Jesper!AK$2:AK$366,ROUNDDOWN($C1844/24,0)+1,1))-1)+IF('Standard Profiles'!$G$21=$B$10,7,0)+IF('Standard Profiles'!$G$21=$B$17,14,0)+IF('Standard Profiles'!$G$21=$B$24,21,0),0)),0)</f>
        <v>18.998372285065614</v>
      </c>
      <c r="H1844" cm="1">
        <f t="array" ref="H1844">IFERROR(INDEX(Jesper!AL$2:AL$366,ROUNDDOWN($C1844/24,0)+1,1)*INDEX($D$3:$AA$30,INDEX(Jesper!$R$2:$R$366,ROW(INDEX(Jesper!AL$2:AL$366,ROUNDDOWN($C1844/24,0)+1,1))-1)+IF('Standard Profiles'!$G$22=$B$10,7,0)+IF('Standard Profiles'!$G$22=$B$17,14,0)+IF('Standard Profiles'!$G$22=$B$24,21,0),MOD($C1844,24)+1)/SUM(INDEX($D$3:$AA$30,INDEX(Jesper!$R$2:$R$366,ROW(INDEX(Jesper!AL$2:AL$366,ROUNDDOWN($C1844/24,0)+1,1))-1)+IF('Standard Profiles'!$G$22=$B$10,7,0)+IF('Standard Profiles'!$G$22=$B$17,14,0)+IF('Standard Profiles'!$G$22=$B$24,21,0),0)),0)</f>
        <v>0</v>
      </c>
      <c r="I1844">
        <f t="shared" si="216"/>
        <v>9.1192186968314903</v>
      </c>
      <c r="J1844">
        <f t="shared" si="217"/>
        <v>68.239395579813333</v>
      </c>
      <c r="K1844">
        <f t="shared" si="218"/>
        <v>3.4305452993011585</v>
      </c>
      <c r="L1844">
        <f t="shared" si="219"/>
        <v>1.7152726496505792</v>
      </c>
      <c r="M1844">
        <f t="shared" si="220"/>
        <v>0</v>
      </c>
      <c r="N1844" s="45">
        <f t="shared" si="221"/>
        <v>45002.416666662277</v>
      </c>
    </row>
    <row r="1845" spans="2:14" x14ac:dyDescent="0.25">
      <c r="B1845">
        <f t="shared" si="215"/>
        <v>5</v>
      </c>
      <c r="C1845" s="16">
        <v>1811</v>
      </c>
      <c r="D1845" cm="1">
        <f t="array" ref="D1845">IFERROR(INDEX(Jesper!AH$2:AH$366,ROUNDDOWN($C1845/24,0)+1,1)*INDEX($D$3:$AA$30,INDEX(Jesper!$R$2:$R$366,ROW(INDEX(Jesper!AH$2:AH$366,ROUNDDOWN($C1845/24,0)+1,1))-1)+IF('Standard Profiles'!$G$18=$B$10,7,0)+IF('Standard Profiles'!$G$18=$B$17,14,0)+IF('Standard Profiles'!$G$18=$B$24,21,0),MOD($C1845,24)+1)/SUM(INDEX($D$3:$AA$30,INDEX(Jesper!$R$2:$R$366,ROW(INDEX(Jesper!AH$2:AH$366,ROUNDDOWN($C1845/24,0)+1,1))-1)+IF('Standard Profiles'!$G$18=$B$10,7,0)+IF('Standard Profiles'!$G$18=$B$17,14,0)+IF('Standard Profiles'!$G$18=$B$24,21,0),0)),0)</f>
        <v>38.008882577484421</v>
      </c>
      <c r="E1845" cm="1">
        <f t="array" ref="E1845">IFERROR(INDEX(Jesper!AI$2:AI$366,ROUNDDOWN($C1845/24,0)+1,1)*INDEX($D$3:$AA$30,INDEX(Jesper!$R$2:$R$366,ROW(INDEX(Jesper!AI$2:AI$366,ROUNDDOWN($C1845/24,0)+1,1))-1)+IF('Standard Profiles'!$G$19=$B$10,7,0)+IF('Standard Profiles'!$G$19=$B$17,14,0)+IF('Standard Profiles'!$G$19=$B$24,21,0),MOD($C1845,24)+1)/SUM(INDEX($D$3:$AA$30,INDEX(Jesper!$R$2:$R$366,ROW(INDEX(Jesper!AI$2:AI$366,ROUNDDOWN($C1845/24,0)+1,1))-1)+IF('Standard Profiles'!$G$19=$B$10,7,0)+IF('Standard Profiles'!$G$19=$B$17,14,0)+IF('Standard Profiles'!$G$19=$B$24,21,0),0)),0)</f>
        <v>37.043733715870339</v>
      </c>
      <c r="F1845" cm="1">
        <f t="array" ref="F1845">IFERROR(INDEX(Jesper!AJ$2:AJ$366,ROUNDDOWN($C1845/24,0)+1,1)*INDEX($D$3:$AA$30,INDEX(Jesper!$R$2:$R$366,ROW(INDEX(Jesper!AJ$2:AJ$366,ROUNDDOWN($C1845/24,0)+1,1))-1)+IF('Standard Profiles'!$G$20=$B$10,7,0)+IF('Standard Profiles'!$G$20=$B$17,14,0)+IF('Standard Profiles'!$G$20=$B$24,21,0),MOD($C1845,24)+1)/SUM(INDEX($D$3:$AA$30,INDEX(Jesper!$R$2:$R$366,ROW(INDEX(Jesper!AJ$2:AJ$366,ROUNDDOWN($C1845/24,0)+1,1))-1)+IF('Standard Profiles'!$G$20=$B$10,7,0)+IF('Standard Profiles'!$G$20=$B$17,14,0)+IF('Standard Profiles'!$G$20=$B$24,21,0),0)),0)</f>
        <v>0</v>
      </c>
      <c r="G1845" cm="1">
        <f t="array" ref="G1845">IFERROR(INDEX(Jesper!AK$2:AK$366,ROUNDDOWN($C1845/24,0)+1,1)*INDEX($D$3:$AA$30,INDEX(Jesper!$R$2:$R$366,ROW(INDEX(Jesper!AK$2:AK$366,ROUNDDOWN($C1845/24,0)+1,1))-1)+IF('Standard Profiles'!$G$21=$B$10,7,0)+IF('Standard Profiles'!$G$21=$B$17,14,0)+IF('Standard Profiles'!$G$21=$B$24,21,0),MOD($C1845,24)+1)/SUM(INDEX($D$3:$AA$30,INDEX(Jesper!$R$2:$R$366,ROW(INDEX(Jesper!AK$2:AK$366,ROUNDDOWN($C1845/24,0)+1,1))-1)+IF('Standard Profiles'!$G$21=$B$10,7,0)+IF('Standard Profiles'!$G$21=$B$17,14,0)+IF('Standard Profiles'!$G$21=$B$24,21,0),0)),0)</f>
        <v>22.452621791441178</v>
      </c>
      <c r="H1845" cm="1">
        <f t="array" ref="H1845">IFERROR(INDEX(Jesper!AL$2:AL$366,ROUNDDOWN($C1845/24,0)+1,1)*INDEX($D$3:$AA$30,INDEX(Jesper!$R$2:$R$366,ROW(INDEX(Jesper!AL$2:AL$366,ROUNDDOWN($C1845/24,0)+1,1))-1)+IF('Standard Profiles'!$G$22=$B$10,7,0)+IF('Standard Profiles'!$G$22=$B$17,14,0)+IF('Standard Profiles'!$G$22=$B$24,21,0),MOD($C1845,24)+1)/SUM(INDEX($D$3:$AA$30,INDEX(Jesper!$R$2:$R$366,ROW(INDEX(Jesper!AL$2:AL$366,ROUNDDOWN($C1845/24,0)+1,1))-1)+IF('Standard Profiles'!$G$22=$B$10,7,0)+IF('Standard Profiles'!$G$22=$B$17,14,0)+IF('Standard Profiles'!$G$22=$B$24,21,0),0)),0)</f>
        <v>0</v>
      </c>
      <c r="I1845">
        <f t="shared" si="216"/>
        <v>10.77725845989176</v>
      </c>
      <c r="J1845">
        <f t="shared" si="217"/>
        <v>80.646558412506664</v>
      </c>
      <c r="K1845">
        <f t="shared" si="218"/>
        <v>4.0542808082650055</v>
      </c>
      <c r="L1845">
        <f t="shared" si="219"/>
        <v>2.0271404041325027</v>
      </c>
      <c r="M1845">
        <f t="shared" si="220"/>
        <v>0</v>
      </c>
      <c r="N1845" s="45">
        <f t="shared" si="221"/>
        <v>45002.458333328941</v>
      </c>
    </row>
    <row r="1846" spans="2:14" x14ac:dyDescent="0.25">
      <c r="B1846">
        <f t="shared" si="215"/>
        <v>5</v>
      </c>
      <c r="C1846" s="16">
        <v>1812</v>
      </c>
      <c r="D1846" cm="1">
        <f t="array" ref="D1846">IFERROR(INDEX(Jesper!AH$2:AH$366,ROUNDDOWN($C1846/24,0)+1,1)*INDEX($D$3:$AA$30,INDEX(Jesper!$R$2:$R$366,ROW(INDEX(Jesper!AH$2:AH$366,ROUNDDOWN($C1846/24,0)+1,1))-1)+IF('Standard Profiles'!$G$18=$B$10,7,0)+IF('Standard Profiles'!$G$18=$B$17,14,0)+IF('Standard Profiles'!$G$18=$B$24,21,0),MOD($C1846,24)+1)/SUM(INDEX($D$3:$AA$30,INDEX(Jesper!$R$2:$R$366,ROW(INDEX(Jesper!AH$2:AH$366,ROUNDDOWN($C1846/24,0)+1,1))-1)+IF('Standard Profiles'!$G$18=$B$10,7,0)+IF('Standard Profiles'!$G$18=$B$17,14,0)+IF('Standard Profiles'!$G$18=$B$24,21,0),0)),0)</f>
        <v>38.008882577484421</v>
      </c>
      <c r="E1846" cm="1">
        <f t="array" ref="E1846">IFERROR(INDEX(Jesper!AI$2:AI$366,ROUNDDOWN($C1846/24,0)+1,1)*INDEX($D$3:$AA$30,INDEX(Jesper!$R$2:$R$366,ROW(INDEX(Jesper!AI$2:AI$366,ROUNDDOWN($C1846/24,0)+1,1))-1)+IF('Standard Profiles'!$G$19=$B$10,7,0)+IF('Standard Profiles'!$G$19=$B$17,14,0)+IF('Standard Profiles'!$G$19=$B$24,21,0),MOD($C1846,24)+1)/SUM(INDEX($D$3:$AA$30,INDEX(Jesper!$R$2:$R$366,ROW(INDEX(Jesper!AI$2:AI$366,ROUNDDOWN($C1846/24,0)+1,1))-1)+IF('Standard Profiles'!$G$19=$B$10,7,0)+IF('Standard Profiles'!$G$19=$B$17,14,0)+IF('Standard Profiles'!$G$19=$B$24,21,0),0)),0)</f>
        <v>37.043733715870339</v>
      </c>
      <c r="F1846" cm="1">
        <f t="array" ref="F1846">IFERROR(INDEX(Jesper!AJ$2:AJ$366,ROUNDDOWN($C1846/24,0)+1,1)*INDEX($D$3:$AA$30,INDEX(Jesper!$R$2:$R$366,ROW(INDEX(Jesper!AJ$2:AJ$366,ROUNDDOWN($C1846/24,0)+1,1))-1)+IF('Standard Profiles'!$G$20=$B$10,7,0)+IF('Standard Profiles'!$G$20=$B$17,14,0)+IF('Standard Profiles'!$G$20=$B$24,21,0),MOD($C1846,24)+1)/SUM(INDEX($D$3:$AA$30,INDEX(Jesper!$R$2:$R$366,ROW(INDEX(Jesper!AJ$2:AJ$366,ROUNDDOWN($C1846/24,0)+1,1))-1)+IF('Standard Profiles'!$G$20=$B$10,7,0)+IF('Standard Profiles'!$G$20=$B$17,14,0)+IF('Standard Profiles'!$G$20=$B$24,21,0),0)),0)</f>
        <v>0</v>
      </c>
      <c r="G1846" cm="1">
        <f t="array" ref="G1846">IFERROR(INDEX(Jesper!AK$2:AK$366,ROUNDDOWN($C1846/24,0)+1,1)*INDEX($D$3:$AA$30,INDEX(Jesper!$R$2:$R$366,ROW(INDEX(Jesper!AK$2:AK$366,ROUNDDOWN($C1846/24,0)+1,1))-1)+IF('Standard Profiles'!$G$21=$B$10,7,0)+IF('Standard Profiles'!$G$21=$B$17,14,0)+IF('Standard Profiles'!$G$21=$B$24,21,0),MOD($C1846,24)+1)/SUM(INDEX($D$3:$AA$30,INDEX(Jesper!$R$2:$R$366,ROW(INDEX(Jesper!AK$2:AK$366,ROUNDDOWN($C1846/24,0)+1,1))-1)+IF('Standard Profiles'!$G$21=$B$10,7,0)+IF('Standard Profiles'!$G$21=$B$17,14,0)+IF('Standard Profiles'!$G$21=$B$24,21,0),0)),0)</f>
        <v>22.452621791441178</v>
      </c>
      <c r="H1846" cm="1">
        <f t="array" ref="H1846">IFERROR(INDEX(Jesper!AL$2:AL$366,ROUNDDOWN($C1846/24,0)+1,1)*INDEX($D$3:$AA$30,INDEX(Jesper!$R$2:$R$366,ROW(INDEX(Jesper!AL$2:AL$366,ROUNDDOWN($C1846/24,0)+1,1))-1)+IF('Standard Profiles'!$G$22=$B$10,7,0)+IF('Standard Profiles'!$G$22=$B$17,14,0)+IF('Standard Profiles'!$G$22=$B$24,21,0),MOD($C1846,24)+1)/SUM(INDEX($D$3:$AA$30,INDEX(Jesper!$R$2:$R$366,ROW(INDEX(Jesper!AL$2:AL$366,ROUNDDOWN($C1846/24,0)+1,1))-1)+IF('Standard Profiles'!$G$22=$B$10,7,0)+IF('Standard Profiles'!$G$22=$B$17,14,0)+IF('Standard Profiles'!$G$22=$B$24,21,0),0)),0)</f>
        <v>0</v>
      </c>
      <c r="I1846">
        <f t="shared" si="216"/>
        <v>10.77725845989176</v>
      </c>
      <c r="J1846">
        <f t="shared" si="217"/>
        <v>80.646558412506664</v>
      </c>
      <c r="K1846">
        <f t="shared" si="218"/>
        <v>4.0542808082650055</v>
      </c>
      <c r="L1846">
        <f t="shared" si="219"/>
        <v>2.0271404041325027</v>
      </c>
      <c r="M1846">
        <f t="shared" si="220"/>
        <v>0</v>
      </c>
      <c r="N1846" s="45">
        <f t="shared" si="221"/>
        <v>45002.499999995605</v>
      </c>
    </row>
    <row r="1847" spans="2:14" x14ac:dyDescent="0.25">
      <c r="B1847">
        <f t="shared" si="215"/>
        <v>5</v>
      </c>
      <c r="C1847" s="16">
        <v>1813</v>
      </c>
      <c r="D1847" cm="1">
        <f t="array" ref="D1847">IFERROR(INDEX(Jesper!AH$2:AH$366,ROUNDDOWN($C1847/24,0)+1,1)*INDEX($D$3:$AA$30,INDEX(Jesper!$R$2:$R$366,ROW(INDEX(Jesper!AH$2:AH$366,ROUNDDOWN($C1847/24,0)+1,1))-1)+IF('Standard Profiles'!$G$18=$B$10,7,0)+IF('Standard Profiles'!$G$18=$B$17,14,0)+IF('Standard Profiles'!$G$18=$B$24,21,0),MOD($C1847,24)+1)/SUM(INDEX($D$3:$AA$30,INDEX(Jesper!$R$2:$R$366,ROW(INDEX(Jesper!AH$2:AH$366,ROUNDDOWN($C1847/24,0)+1,1))-1)+IF('Standard Profiles'!$G$18=$B$10,7,0)+IF('Standard Profiles'!$G$18=$B$17,14,0)+IF('Standard Profiles'!$G$18=$B$24,21,0),0)),0)</f>
        <v>26.313841784412293</v>
      </c>
      <c r="E1847" cm="1">
        <f t="array" ref="E1847">IFERROR(INDEX(Jesper!AI$2:AI$366,ROUNDDOWN($C1847/24,0)+1,1)*INDEX($D$3:$AA$30,INDEX(Jesper!$R$2:$R$366,ROW(INDEX(Jesper!AI$2:AI$366,ROUNDDOWN($C1847/24,0)+1,1))-1)+IF('Standard Profiles'!$G$19=$B$10,7,0)+IF('Standard Profiles'!$G$19=$B$17,14,0)+IF('Standard Profiles'!$G$19=$B$24,21,0),MOD($C1847,24)+1)/SUM(INDEX($D$3:$AA$30,INDEX(Jesper!$R$2:$R$366,ROW(INDEX(Jesper!AI$2:AI$366,ROUNDDOWN($C1847/24,0)+1,1))-1)+IF('Standard Profiles'!$G$19=$B$10,7,0)+IF('Standard Profiles'!$G$19=$B$17,14,0)+IF('Standard Profiles'!$G$19=$B$24,21,0),0)),0)</f>
        <v>25.645661803294853</v>
      </c>
      <c r="F1847" cm="1">
        <f t="array" ref="F1847">IFERROR(INDEX(Jesper!AJ$2:AJ$366,ROUNDDOWN($C1847/24,0)+1,1)*INDEX($D$3:$AA$30,INDEX(Jesper!$R$2:$R$366,ROW(INDEX(Jesper!AJ$2:AJ$366,ROUNDDOWN($C1847/24,0)+1,1))-1)+IF('Standard Profiles'!$G$20=$B$10,7,0)+IF('Standard Profiles'!$G$20=$B$17,14,0)+IF('Standard Profiles'!$G$20=$B$24,21,0),MOD($C1847,24)+1)/SUM(INDEX($D$3:$AA$30,INDEX(Jesper!$R$2:$R$366,ROW(INDEX(Jesper!AJ$2:AJ$366,ROUNDDOWN($C1847/24,0)+1,1))-1)+IF('Standard Profiles'!$G$20=$B$10,7,0)+IF('Standard Profiles'!$G$20=$B$17,14,0)+IF('Standard Profiles'!$G$20=$B$24,21,0),0)),0)</f>
        <v>0</v>
      </c>
      <c r="G1847" cm="1">
        <f t="array" ref="G1847">IFERROR(INDEX(Jesper!AK$2:AK$366,ROUNDDOWN($C1847/24,0)+1,1)*INDEX($D$3:$AA$30,INDEX(Jesper!$R$2:$R$366,ROW(INDEX(Jesper!AK$2:AK$366,ROUNDDOWN($C1847/24,0)+1,1))-1)+IF('Standard Profiles'!$G$21=$B$10,7,0)+IF('Standard Profiles'!$G$21=$B$17,14,0)+IF('Standard Profiles'!$G$21=$B$24,21,0),MOD($C1847,24)+1)/SUM(INDEX($D$3:$AA$30,INDEX(Jesper!$R$2:$R$366,ROW(INDEX(Jesper!AK$2:AK$366,ROUNDDOWN($C1847/24,0)+1,1))-1)+IF('Standard Profiles'!$G$21=$B$10,7,0)+IF('Standard Profiles'!$G$21=$B$17,14,0)+IF('Standard Profiles'!$G$21=$B$24,21,0),0)),0)</f>
        <v>15.544122778690047</v>
      </c>
      <c r="H1847" cm="1">
        <f t="array" ref="H1847">IFERROR(INDEX(Jesper!AL$2:AL$366,ROUNDDOWN($C1847/24,0)+1,1)*INDEX($D$3:$AA$30,INDEX(Jesper!$R$2:$R$366,ROW(INDEX(Jesper!AL$2:AL$366,ROUNDDOWN($C1847/24,0)+1,1))-1)+IF('Standard Profiles'!$G$22=$B$10,7,0)+IF('Standard Profiles'!$G$22=$B$17,14,0)+IF('Standard Profiles'!$G$22=$B$24,21,0),MOD($C1847,24)+1)/SUM(INDEX($D$3:$AA$30,INDEX(Jesper!$R$2:$R$366,ROW(INDEX(Jesper!AL$2:AL$366,ROUNDDOWN($C1847/24,0)+1,1))-1)+IF('Standard Profiles'!$G$22=$B$10,7,0)+IF('Standard Profiles'!$G$22=$B$17,14,0)+IF('Standard Profiles'!$G$22=$B$24,21,0),0)),0)</f>
        <v>0</v>
      </c>
      <c r="I1847">
        <f t="shared" si="216"/>
        <v>7.4611789337712189</v>
      </c>
      <c r="J1847">
        <f t="shared" si="217"/>
        <v>55.83223274712001</v>
      </c>
      <c r="K1847">
        <f t="shared" si="218"/>
        <v>2.8068097903373115</v>
      </c>
      <c r="L1847">
        <f t="shared" si="219"/>
        <v>1.4034048951686557</v>
      </c>
      <c r="M1847">
        <f t="shared" si="220"/>
        <v>0</v>
      </c>
      <c r="N1847" s="45">
        <f t="shared" si="221"/>
        <v>45002.54166666227</v>
      </c>
    </row>
    <row r="1848" spans="2:14" x14ac:dyDescent="0.25">
      <c r="B1848">
        <f t="shared" si="215"/>
        <v>5</v>
      </c>
      <c r="C1848" s="16">
        <v>1814</v>
      </c>
      <c r="D1848" cm="1">
        <f t="array" ref="D1848">IFERROR(INDEX(Jesper!AH$2:AH$366,ROUNDDOWN($C1848/24,0)+1,1)*INDEX($D$3:$AA$30,INDEX(Jesper!$R$2:$R$366,ROW(INDEX(Jesper!AH$2:AH$366,ROUNDDOWN($C1848/24,0)+1,1))-1)+IF('Standard Profiles'!$G$18=$B$10,7,0)+IF('Standard Profiles'!$G$18=$B$17,14,0)+IF('Standard Profiles'!$G$18=$B$24,21,0),MOD($C1848,24)+1)/SUM(INDEX($D$3:$AA$30,INDEX(Jesper!$R$2:$R$366,ROW(INDEX(Jesper!AH$2:AH$366,ROUNDDOWN($C1848/24,0)+1,1))-1)+IF('Standard Profiles'!$G$18=$B$10,7,0)+IF('Standard Profiles'!$G$18=$B$17,14,0)+IF('Standard Profiles'!$G$18=$B$24,21,0),0)),0)</f>
        <v>38.008882577484421</v>
      </c>
      <c r="E1848" cm="1">
        <f t="array" ref="E1848">IFERROR(INDEX(Jesper!AI$2:AI$366,ROUNDDOWN($C1848/24,0)+1,1)*INDEX($D$3:$AA$30,INDEX(Jesper!$R$2:$R$366,ROW(INDEX(Jesper!AI$2:AI$366,ROUNDDOWN($C1848/24,0)+1,1))-1)+IF('Standard Profiles'!$G$19=$B$10,7,0)+IF('Standard Profiles'!$G$19=$B$17,14,0)+IF('Standard Profiles'!$G$19=$B$24,21,0),MOD($C1848,24)+1)/SUM(INDEX($D$3:$AA$30,INDEX(Jesper!$R$2:$R$366,ROW(INDEX(Jesper!AI$2:AI$366,ROUNDDOWN($C1848/24,0)+1,1))-1)+IF('Standard Profiles'!$G$19=$B$10,7,0)+IF('Standard Profiles'!$G$19=$B$17,14,0)+IF('Standard Profiles'!$G$19=$B$24,21,0),0)),0)</f>
        <v>37.043733715870339</v>
      </c>
      <c r="F1848" cm="1">
        <f t="array" ref="F1848">IFERROR(INDEX(Jesper!AJ$2:AJ$366,ROUNDDOWN($C1848/24,0)+1,1)*INDEX($D$3:$AA$30,INDEX(Jesper!$R$2:$R$366,ROW(INDEX(Jesper!AJ$2:AJ$366,ROUNDDOWN($C1848/24,0)+1,1))-1)+IF('Standard Profiles'!$G$20=$B$10,7,0)+IF('Standard Profiles'!$G$20=$B$17,14,0)+IF('Standard Profiles'!$G$20=$B$24,21,0),MOD($C1848,24)+1)/SUM(INDEX($D$3:$AA$30,INDEX(Jesper!$R$2:$R$366,ROW(INDEX(Jesper!AJ$2:AJ$366,ROUNDDOWN($C1848/24,0)+1,1))-1)+IF('Standard Profiles'!$G$20=$B$10,7,0)+IF('Standard Profiles'!$G$20=$B$17,14,0)+IF('Standard Profiles'!$G$20=$B$24,21,0),0)),0)</f>
        <v>0</v>
      </c>
      <c r="G1848" cm="1">
        <f t="array" ref="G1848">IFERROR(INDEX(Jesper!AK$2:AK$366,ROUNDDOWN($C1848/24,0)+1,1)*INDEX($D$3:$AA$30,INDEX(Jesper!$R$2:$R$366,ROW(INDEX(Jesper!AK$2:AK$366,ROUNDDOWN($C1848/24,0)+1,1))-1)+IF('Standard Profiles'!$G$21=$B$10,7,0)+IF('Standard Profiles'!$G$21=$B$17,14,0)+IF('Standard Profiles'!$G$21=$B$24,21,0),MOD($C1848,24)+1)/SUM(INDEX($D$3:$AA$30,INDEX(Jesper!$R$2:$R$366,ROW(INDEX(Jesper!AK$2:AK$366,ROUNDDOWN($C1848/24,0)+1,1))-1)+IF('Standard Profiles'!$G$21=$B$10,7,0)+IF('Standard Profiles'!$G$21=$B$17,14,0)+IF('Standard Profiles'!$G$21=$B$24,21,0),0)),0)</f>
        <v>22.452621791441178</v>
      </c>
      <c r="H1848" cm="1">
        <f t="array" ref="H1848">IFERROR(INDEX(Jesper!AL$2:AL$366,ROUNDDOWN($C1848/24,0)+1,1)*INDEX($D$3:$AA$30,INDEX(Jesper!$R$2:$R$366,ROW(INDEX(Jesper!AL$2:AL$366,ROUNDDOWN($C1848/24,0)+1,1))-1)+IF('Standard Profiles'!$G$22=$B$10,7,0)+IF('Standard Profiles'!$G$22=$B$17,14,0)+IF('Standard Profiles'!$G$22=$B$24,21,0),MOD($C1848,24)+1)/SUM(INDEX($D$3:$AA$30,INDEX(Jesper!$R$2:$R$366,ROW(INDEX(Jesper!AL$2:AL$366,ROUNDDOWN($C1848/24,0)+1,1))-1)+IF('Standard Profiles'!$G$22=$B$10,7,0)+IF('Standard Profiles'!$G$22=$B$17,14,0)+IF('Standard Profiles'!$G$22=$B$24,21,0),0)),0)</f>
        <v>0</v>
      </c>
      <c r="I1848">
        <f t="shared" si="216"/>
        <v>10.77725845989176</v>
      </c>
      <c r="J1848">
        <f t="shared" si="217"/>
        <v>80.646558412506664</v>
      </c>
      <c r="K1848">
        <f t="shared" si="218"/>
        <v>4.0542808082650055</v>
      </c>
      <c r="L1848">
        <f t="shared" si="219"/>
        <v>2.0271404041325027</v>
      </c>
      <c r="M1848">
        <f t="shared" si="220"/>
        <v>0</v>
      </c>
      <c r="N1848" s="45">
        <f t="shared" si="221"/>
        <v>45002.583333328934</v>
      </c>
    </row>
    <row r="1849" spans="2:14" x14ac:dyDescent="0.25">
      <c r="B1849">
        <f t="shared" si="215"/>
        <v>5</v>
      </c>
      <c r="C1849" s="16">
        <v>1815</v>
      </c>
      <c r="D1849" cm="1">
        <f t="array" ref="D1849">IFERROR(INDEX(Jesper!AH$2:AH$366,ROUNDDOWN($C1849/24,0)+1,1)*INDEX($D$3:$AA$30,INDEX(Jesper!$R$2:$R$366,ROW(INDEX(Jesper!AH$2:AH$366,ROUNDDOWN($C1849/24,0)+1,1))-1)+IF('Standard Profiles'!$G$18=$B$10,7,0)+IF('Standard Profiles'!$G$18=$B$17,14,0)+IF('Standard Profiles'!$G$18=$B$24,21,0),MOD($C1849,24)+1)/SUM(INDEX($D$3:$AA$30,INDEX(Jesper!$R$2:$R$366,ROW(INDEX(Jesper!AH$2:AH$366,ROUNDDOWN($C1849/24,0)+1,1))-1)+IF('Standard Profiles'!$G$18=$B$10,7,0)+IF('Standard Profiles'!$G$18=$B$17,14,0)+IF('Standard Profiles'!$G$18=$B$24,21,0),0)),0)</f>
        <v>29.237601982680328</v>
      </c>
      <c r="E1849" cm="1">
        <f t="array" ref="E1849">IFERROR(INDEX(Jesper!AI$2:AI$366,ROUNDDOWN($C1849/24,0)+1,1)*INDEX($D$3:$AA$30,INDEX(Jesper!$R$2:$R$366,ROW(INDEX(Jesper!AI$2:AI$366,ROUNDDOWN($C1849/24,0)+1,1))-1)+IF('Standard Profiles'!$G$19=$B$10,7,0)+IF('Standard Profiles'!$G$19=$B$17,14,0)+IF('Standard Profiles'!$G$19=$B$24,21,0),MOD($C1849,24)+1)/SUM(INDEX($D$3:$AA$30,INDEX(Jesper!$R$2:$R$366,ROW(INDEX(Jesper!AI$2:AI$366,ROUNDDOWN($C1849/24,0)+1,1))-1)+IF('Standard Profiles'!$G$19=$B$10,7,0)+IF('Standard Profiles'!$G$19=$B$17,14,0)+IF('Standard Profiles'!$G$19=$B$24,21,0),0)),0)</f>
        <v>28.495179781438726</v>
      </c>
      <c r="F1849" cm="1">
        <f t="array" ref="F1849">IFERROR(INDEX(Jesper!AJ$2:AJ$366,ROUNDDOWN($C1849/24,0)+1,1)*INDEX($D$3:$AA$30,INDEX(Jesper!$R$2:$R$366,ROW(INDEX(Jesper!AJ$2:AJ$366,ROUNDDOWN($C1849/24,0)+1,1))-1)+IF('Standard Profiles'!$G$20=$B$10,7,0)+IF('Standard Profiles'!$G$20=$B$17,14,0)+IF('Standard Profiles'!$G$20=$B$24,21,0),MOD($C1849,24)+1)/SUM(INDEX($D$3:$AA$30,INDEX(Jesper!$R$2:$R$366,ROW(INDEX(Jesper!AJ$2:AJ$366,ROUNDDOWN($C1849/24,0)+1,1))-1)+IF('Standard Profiles'!$G$20=$B$10,7,0)+IF('Standard Profiles'!$G$20=$B$17,14,0)+IF('Standard Profiles'!$G$20=$B$24,21,0),0)),0)</f>
        <v>0</v>
      </c>
      <c r="G1849" cm="1">
        <f t="array" ref="G1849">IFERROR(INDEX(Jesper!AK$2:AK$366,ROUNDDOWN($C1849/24,0)+1,1)*INDEX($D$3:$AA$30,INDEX(Jesper!$R$2:$R$366,ROW(INDEX(Jesper!AK$2:AK$366,ROUNDDOWN($C1849/24,0)+1,1))-1)+IF('Standard Profiles'!$G$21=$B$10,7,0)+IF('Standard Profiles'!$G$21=$B$17,14,0)+IF('Standard Profiles'!$G$21=$B$24,21,0),MOD($C1849,24)+1)/SUM(INDEX($D$3:$AA$30,INDEX(Jesper!$R$2:$R$366,ROW(INDEX(Jesper!AK$2:AK$366,ROUNDDOWN($C1849/24,0)+1,1))-1)+IF('Standard Profiles'!$G$21=$B$10,7,0)+IF('Standard Profiles'!$G$21=$B$17,14,0)+IF('Standard Profiles'!$G$21=$B$24,21,0),0)),0)</f>
        <v>18.998372285065614</v>
      </c>
      <c r="H1849" cm="1">
        <f t="array" ref="H1849">IFERROR(INDEX(Jesper!AL$2:AL$366,ROUNDDOWN($C1849/24,0)+1,1)*INDEX($D$3:$AA$30,INDEX(Jesper!$R$2:$R$366,ROW(INDEX(Jesper!AL$2:AL$366,ROUNDDOWN($C1849/24,0)+1,1))-1)+IF('Standard Profiles'!$G$22=$B$10,7,0)+IF('Standard Profiles'!$G$22=$B$17,14,0)+IF('Standard Profiles'!$G$22=$B$24,21,0),MOD($C1849,24)+1)/SUM(INDEX($D$3:$AA$30,INDEX(Jesper!$R$2:$R$366,ROW(INDEX(Jesper!AL$2:AL$366,ROUNDDOWN($C1849/24,0)+1,1))-1)+IF('Standard Profiles'!$G$22=$B$10,7,0)+IF('Standard Profiles'!$G$22=$B$17,14,0)+IF('Standard Profiles'!$G$22=$B$24,21,0),0)),0)</f>
        <v>0</v>
      </c>
      <c r="I1849">
        <f t="shared" si="216"/>
        <v>9.1192186968314903</v>
      </c>
      <c r="J1849">
        <f t="shared" si="217"/>
        <v>62.933919035124326</v>
      </c>
      <c r="K1849">
        <f t="shared" si="218"/>
        <v>3.118677544819235</v>
      </c>
      <c r="L1849">
        <f t="shared" si="219"/>
        <v>1.5593387724096175</v>
      </c>
      <c r="M1849">
        <f t="shared" si="220"/>
        <v>0</v>
      </c>
      <c r="N1849" s="45">
        <f t="shared" si="221"/>
        <v>45002.624999995598</v>
      </c>
    </row>
    <row r="1850" spans="2:14" x14ac:dyDescent="0.25">
      <c r="B1850">
        <f t="shared" si="215"/>
        <v>5</v>
      </c>
      <c r="C1850" s="16">
        <v>1816</v>
      </c>
      <c r="D1850" cm="1">
        <f t="array" ref="D1850">IFERROR(INDEX(Jesper!AH$2:AH$366,ROUNDDOWN($C1850/24,0)+1,1)*INDEX($D$3:$AA$30,INDEX(Jesper!$R$2:$R$366,ROW(INDEX(Jesper!AH$2:AH$366,ROUNDDOWN($C1850/24,0)+1,1))-1)+IF('Standard Profiles'!$G$18=$B$10,7,0)+IF('Standard Profiles'!$G$18=$B$17,14,0)+IF('Standard Profiles'!$G$18=$B$24,21,0),MOD($C1850,24)+1)/SUM(INDEX($D$3:$AA$30,INDEX(Jesper!$R$2:$R$366,ROW(INDEX(Jesper!AH$2:AH$366,ROUNDDOWN($C1850/24,0)+1,1))-1)+IF('Standard Profiles'!$G$18=$B$10,7,0)+IF('Standard Profiles'!$G$18=$B$17,14,0)+IF('Standard Profiles'!$G$18=$B$24,21,0),0)),0)</f>
        <v>13.726573700788887</v>
      </c>
      <c r="E1850" cm="1">
        <f t="array" ref="E1850">IFERROR(INDEX(Jesper!AI$2:AI$366,ROUNDDOWN($C1850/24,0)+1,1)*INDEX($D$3:$AA$30,INDEX(Jesper!$R$2:$R$366,ROW(INDEX(Jesper!AI$2:AI$366,ROUNDDOWN($C1850/24,0)+1,1))-1)+IF('Standard Profiles'!$G$19=$B$10,7,0)+IF('Standard Profiles'!$G$19=$B$17,14,0)+IF('Standard Profiles'!$G$19=$B$24,21,0),MOD($C1850,24)+1)/SUM(INDEX($D$3:$AA$30,INDEX(Jesper!$R$2:$R$366,ROW(INDEX(Jesper!AI$2:AI$366,ROUNDDOWN($C1850/24,0)+1,1))-1)+IF('Standard Profiles'!$G$19=$B$10,7,0)+IF('Standard Profiles'!$G$19=$B$17,14,0)+IF('Standard Profiles'!$G$19=$B$24,21,0),0)),0)</f>
        <v>13.378018676731795</v>
      </c>
      <c r="F1850" cm="1">
        <f t="array" ref="F1850">IFERROR(INDEX(Jesper!AJ$2:AJ$366,ROUNDDOWN($C1850/24,0)+1,1)*INDEX($D$3:$AA$30,INDEX(Jesper!$R$2:$R$366,ROW(INDEX(Jesper!AJ$2:AJ$366,ROUNDDOWN($C1850/24,0)+1,1))-1)+IF('Standard Profiles'!$G$20=$B$10,7,0)+IF('Standard Profiles'!$G$20=$B$17,14,0)+IF('Standard Profiles'!$G$20=$B$24,21,0),MOD($C1850,24)+1)/SUM(INDEX($D$3:$AA$30,INDEX(Jesper!$R$2:$R$366,ROW(INDEX(Jesper!AJ$2:AJ$366,ROUNDDOWN($C1850/24,0)+1,1))-1)+IF('Standard Profiles'!$G$20=$B$10,7,0)+IF('Standard Profiles'!$G$20=$B$17,14,0)+IF('Standard Profiles'!$G$20=$B$24,21,0),0)),0)</f>
        <v>0</v>
      </c>
      <c r="G1850" cm="1">
        <f t="array" ref="G1850">IFERROR(INDEX(Jesper!AK$2:AK$366,ROUNDDOWN($C1850/24,0)+1,1)*INDEX($D$3:$AA$30,INDEX(Jesper!$R$2:$R$366,ROW(INDEX(Jesper!AK$2:AK$366,ROUNDDOWN($C1850/24,0)+1,1))-1)+IF('Standard Profiles'!$G$21=$B$10,7,0)+IF('Standard Profiles'!$G$21=$B$17,14,0)+IF('Standard Profiles'!$G$21=$B$24,21,0),MOD($C1850,24)+1)/SUM(INDEX($D$3:$AA$30,INDEX(Jesper!$R$2:$R$366,ROW(INDEX(Jesper!AK$2:AK$366,ROUNDDOWN($C1850/24,0)+1,1))-1)+IF('Standard Profiles'!$G$21=$B$10,7,0)+IF('Standard Profiles'!$G$21=$B$17,14,0)+IF('Standard Profiles'!$G$21=$B$24,21,0),0)),0)</f>
        <v>16.448807173216981</v>
      </c>
      <c r="H1850" cm="1">
        <f t="array" ref="H1850">IFERROR(INDEX(Jesper!AL$2:AL$366,ROUNDDOWN($C1850/24,0)+1,1)*INDEX($D$3:$AA$30,INDEX(Jesper!$R$2:$R$366,ROW(INDEX(Jesper!AL$2:AL$366,ROUNDDOWN($C1850/24,0)+1,1))-1)+IF('Standard Profiles'!$G$22=$B$10,7,0)+IF('Standard Profiles'!$G$22=$B$17,14,0)+IF('Standard Profiles'!$G$22=$B$24,21,0),MOD($C1850,24)+1)/SUM(INDEX($D$3:$AA$30,INDEX(Jesper!$R$2:$R$366,ROW(INDEX(Jesper!AL$2:AL$366,ROUNDDOWN($C1850/24,0)+1,1))-1)+IF('Standard Profiles'!$G$22=$B$10,7,0)+IF('Standard Profiles'!$G$22=$B$17,14,0)+IF('Standard Profiles'!$G$22=$B$24,21,0),0)),0)</f>
        <v>0</v>
      </c>
      <c r="I1850">
        <f t="shared" si="216"/>
        <v>7.8954274431441469</v>
      </c>
      <c r="J1850">
        <f t="shared" si="217"/>
        <v>33.461720315467289</v>
      </c>
      <c r="K1850">
        <f t="shared" si="218"/>
        <v>1.4641678614174813</v>
      </c>
      <c r="L1850">
        <f t="shared" si="219"/>
        <v>0.73208393070874067</v>
      </c>
      <c r="M1850">
        <f t="shared" si="220"/>
        <v>0</v>
      </c>
      <c r="N1850" s="45">
        <f t="shared" si="221"/>
        <v>45002.666666662262</v>
      </c>
    </row>
    <row r="1851" spans="2:14" x14ac:dyDescent="0.25">
      <c r="B1851">
        <f t="shared" si="215"/>
        <v>5</v>
      </c>
      <c r="C1851" s="16">
        <v>1817</v>
      </c>
      <c r="D1851" cm="1">
        <f t="array" ref="D1851">IFERROR(INDEX(Jesper!AH$2:AH$366,ROUNDDOWN($C1851/24,0)+1,1)*INDEX($D$3:$AA$30,INDEX(Jesper!$R$2:$R$366,ROW(INDEX(Jesper!AH$2:AH$366,ROUNDDOWN($C1851/24,0)+1,1))-1)+IF('Standard Profiles'!$G$18=$B$10,7,0)+IF('Standard Profiles'!$G$18=$B$17,14,0)+IF('Standard Profiles'!$G$18=$B$24,21,0),MOD($C1851,24)+1)/SUM(INDEX($D$3:$AA$30,INDEX(Jesper!$R$2:$R$366,ROW(INDEX(Jesper!AH$2:AH$366,ROUNDDOWN($C1851/24,0)+1,1))-1)+IF('Standard Profiles'!$G$18=$B$10,7,0)+IF('Standard Profiles'!$G$18=$B$17,14,0)+IF('Standard Profiles'!$G$18=$B$24,21,0),0)),0)</f>
        <v>9.0595386425206659</v>
      </c>
      <c r="E1851" cm="1">
        <f t="array" ref="E1851">IFERROR(INDEX(Jesper!AI$2:AI$366,ROUNDDOWN($C1851/24,0)+1,1)*INDEX($D$3:$AA$30,INDEX(Jesper!$R$2:$R$366,ROW(INDEX(Jesper!AI$2:AI$366,ROUNDDOWN($C1851/24,0)+1,1))-1)+IF('Standard Profiles'!$G$19=$B$10,7,0)+IF('Standard Profiles'!$G$19=$B$17,14,0)+IF('Standard Profiles'!$G$19=$B$24,21,0),MOD($C1851,24)+1)/SUM(INDEX($D$3:$AA$30,INDEX(Jesper!$R$2:$R$366,ROW(INDEX(Jesper!AI$2:AI$366,ROUNDDOWN($C1851/24,0)+1,1))-1)+IF('Standard Profiles'!$G$19=$B$10,7,0)+IF('Standard Profiles'!$G$19=$B$17,14,0)+IF('Standard Profiles'!$G$19=$B$24,21,0),0)),0)</f>
        <v>8.8294923266429848</v>
      </c>
      <c r="F1851" cm="1">
        <f t="array" ref="F1851">IFERROR(INDEX(Jesper!AJ$2:AJ$366,ROUNDDOWN($C1851/24,0)+1,1)*INDEX($D$3:$AA$30,INDEX(Jesper!$R$2:$R$366,ROW(INDEX(Jesper!AJ$2:AJ$366,ROUNDDOWN($C1851/24,0)+1,1))-1)+IF('Standard Profiles'!$G$20=$B$10,7,0)+IF('Standard Profiles'!$G$20=$B$17,14,0)+IF('Standard Profiles'!$G$20=$B$24,21,0),MOD($C1851,24)+1)/SUM(INDEX($D$3:$AA$30,INDEX(Jesper!$R$2:$R$366,ROW(INDEX(Jesper!AJ$2:AJ$366,ROUNDDOWN($C1851/24,0)+1,1))-1)+IF('Standard Profiles'!$G$20=$B$10,7,0)+IF('Standard Profiles'!$G$20=$B$17,14,0)+IF('Standard Profiles'!$G$20=$B$24,21,0),0)),0)</f>
        <v>0</v>
      </c>
      <c r="G1851" cm="1">
        <f t="array" ref="G1851">IFERROR(INDEX(Jesper!AK$2:AK$366,ROUNDDOWN($C1851/24,0)+1,1)*INDEX($D$3:$AA$30,INDEX(Jesper!$R$2:$R$366,ROW(INDEX(Jesper!AK$2:AK$366,ROUNDDOWN($C1851/24,0)+1,1))-1)+IF('Standard Profiles'!$G$21=$B$10,7,0)+IF('Standard Profiles'!$G$21=$B$17,14,0)+IF('Standard Profiles'!$G$21=$B$24,21,0),MOD($C1851,24)+1)/SUM(INDEX($D$3:$AA$30,INDEX(Jesper!$R$2:$R$366,ROW(INDEX(Jesper!AK$2:AK$366,ROUNDDOWN($C1851/24,0)+1,1))-1)+IF('Standard Profiles'!$G$21=$B$10,7,0)+IF('Standard Profiles'!$G$21=$B$17,14,0)+IF('Standard Profiles'!$G$21=$B$24,21,0),0)),0)</f>
        <v>13.816998025502265</v>
      </c>
      <c r="H1851" cm="1">
        <f t="array" ref="H1851">IFERROR(INDEX(Jesper!AL$2:AL$366,ROUNDDOWN($C1851/24,0)+1,1)*INDEX($D$3:$AA$30,INDEX(Jesper!$R$2:$R$366,ROW(INDEX(Jesper!AL$2:AL$366,ROUNDDOWN($C1851/24,0)+1,1))-1)+IF('Standard Profiles'!$G$22=$B$10,7,0)+IF('Standard Profiles'!$G$22=$B$17,14,0)+IF('Standard Profiles'!$G$22=$B$24,21,0),MOD($C1851,24)+1)/SUM(INDEX($D$3:$AA$30,INDEX(Jesper!$R$2:$R$366,ROW(INDEX(Jesper!AL$2:AL$366,ROUNDDOWN($C1851/24,0)+1,1))-1)+IF('Standard Profiles'!$G$22=$B$10,7,0)+IF('Standard Profiles'!$G$22=$B$17,14,0)+IF('Standard Profiles'!$G$22=$B$24,21,0),0)),0)</f>
        <v>0</v>
      </c>
      <c r="I1851">
        <f t="shared" si="216"/>
        <v>6.632159052241084</v>
      </c>
      <c r="J1851">
        <f t="shared" si="217"/>
        <v>23.624343759621524</v>
      </c>
      <c r="K1851">
        <f t="shared" si="218"/>
        <v>0.9663507885355378</v>
      </c>
      <c r="L1851">
        <f t="shared" si="219"/>
        <v>0.4831753942677689</v>
      </c>
      <c r="M1851">
        <f t="shared" si="220"/>
        <v>0</v>
      </c>
      <c r="N1851" s="45">
        <f t="shared" si="221"/>
        <v>45002.708333328927</v>
      </c>
    </row>
    <row r="1852" spans="2:14" x14ac:dyDescent="0.25">
      <c r="B1852">
        <f t="shared" si="215"/>
        <v>5</v>
      </c>
      <c r="C1852" s="16">
        <v>1818</v>
      </c>
      <c r="D1852" cm="1">
        <f t="array" ref="D1852">IFERROR(INDEX(Jesper!AH$2:AH$366,ROUNDDOWN($C1852/24,0)+1,1)*INDEX($D$3:$AA$30,INDEX(Jesper!$R$2:$R$366,ROW(INDEX(Jesper!AH$2:AH$366,ROUNDDOWN($C1852/24,0)+1,1))-1)+IF('Standard Profiles'!$G$18=$B$10,7,0)+IF('Standard Profiles'!$G$18=$B$17,14,0)+IF('Standard Profiles'!$G$18=$B$24,21,0),MOD($C1852,24)+1)/SUM(INDEX($D$3:$AA$30,INDEX(Jesper!$R$2:$R$366,ROW(INDEX(Jesper!AH$2:AH$366,ROUNDDOWN($C1852/24,0)+1,1))-1)+IF('Standard Profiles'!$G$18=$B$10,7,0)+IF('Standard Profiles'!$G$18=$B$17,14,0)+IF('Standard Profiles'!$G$18=$B$24,21,0),0)),0)</f>
        <v>5.7651609543313311</v>
      </c>
      <c r="E1852" cm="1">
        <f t="array" ref="E1852">IFERROR(INDEX(Jesper!AI$2:AI$366,ROUNDDOWN($C1852/24,0)+1,1)*INDEX($D$3:$AA$30,INDEX(Jesper!$R$2:$R$366,ROW(INDEX(Jesper!AI$2:AI$366,ROUNDDOWN($C1852/24,0)+1,1))-1)+IF('Standard Profiles'!$G$19=$B$10,7,0)+IF('Standard Profiles'!$G$19=$B$17,14,0)+IF('Standard Profiles'!$G$19=$B$24,21,0),MOD($C1852,24)+1)/SUM(INDEX($D$3:$AA$30,INDEX(Jesper!$R$2:$R$366,ROW(INDEX(Jesper!AI$2:AI$366,ROUNDDOWN($C1852/24,0)+1,1))-1)+IF('Standard Profiles'!$G$19=$B$10,7,0)+IF('Standard Profiles'!$G$19=$B$17,14,0)+IF('Standard Profiles'!$G$19=$B$24,21,0),0)),0)</f>
        <v>5.6187678442273539</v>
      </c>
      <c r="F1852" cm="1">
        <f t="array" ref="F1852">IFERROR(INDEX(Jesper!AJ$2:AJ$366,ROUNDDOWN($C1852/24,0)+1,1)*INDEX($D$3:$AA$30,INDEX(Jesper!$R$2:$R$366,ROW(INDEX(Jesper!AJ$2:AJ$366,ROUNDDOWN($C1852/24,0)+1,1))-1)+IF('Standard Profiles'!$G$20=$B$10,7,0)+IF('Standard Profiles'!$G$20=$B$17,14,0)+IF('Standard Profiles'!$G$20=$B$24,21,0),MOD($C1852,24)+1)/SUM(INDEX($D$3:$AA$30,INDEX(Jesper!$R$2:$R$366,ROW(INDEX(Jesper!AJ$2:AJ$366,ROUNDDOWN($C1852/24,0)+1,1))-1)+IF('Standard Profiles'!$G$20=$B$10,7,0)+IF('Standard Profiles'!$G$20=$B$17,14,0)+IF('Standard Profiles'!$G$20=$B$24,21,0),0)),0)</f>
        <v>0</v>
      </c>
      <c r="G1852" cm="1">
        <f t="array" ref="G1852">IFERROR(INDEX(Jesper!AK$2:AK$366,ROUNDDOWN($C1852/24,0)+1,1)*INDEX($D$3:$AA$30,INDEX(Jesper!$R$2:$R$366,ROW(INDEX(Jesper!AK$2:AK$366,ROUNDDOWN($C1852/24,0)+1,1))-1)+IF('Standard Profiles'!$G$21=$B$10,7,0)+IF('Standard Profiles'!$G$21=$B$17,14,0)+IF('Standard Profiles'!$G$21=$B$24,21,0),MOD($C1852,24)+1)/SUM(INDEX($D$3:$AA$30,INDEX(Jesper!$R$2:$R$366,ROW(INDEX(Jesper!AK$2:AK$366,ROUNDDOWN($C1852/24,0)+1,1))-1)+IF('Standard Profiles'!$G$21=$B$10,7,0)+IF('Standard Profiles'!$G$21=$B$17,14,0)+IF('Standard Profiles'!$G$21=$B$24,21,0),0)),0)</f>
        <v>5.099130223697264</v>
      </c>
      <c r="H1852" cm="1">
        <f t="array" ref="H1852">IFERROR(INDEX(Jesper!AL$2:AL$366,ROUNDDOWN($C1852/24,0)+1,1)*INDEX($D$3:$AA$30,INDEX(Jesper!$R$2:$R$366,ROW(INDEX(Jesper!AL$2:AL$366,ROUNDDOWN($C1852/24,0)+1,1))-1)+IF('Standard Profiles'!$G$22=$B$10,7,0)+IF('Standard Profiles'!$G$22=$B$17,14,0)+IF('Standard Profiles'!$G$22=$B$24,21,0),MOD($C1852,24)+1)/SUM(INDEX($D$3:$AA$30,INDEX(Jesper!$R$2:$R$366,ROW(INDEX(Jesper!AL$2:AL$366,ROUNDDOWN($C1852/24,0)+1,1))-1)+IF('Standard Profiles'!$G$22=$B$10,7,0)+IF('Standard Profiles'!$G$22=$B$17,14,0)+IF('Standard Profiles'!$G$22=$B$24,21,0),0)),0)</f>
        <v>0</v>
      </c>
      <c r="I1852">
        <f t="shared" si="216"/>
        <v>2.4475825073746855</v>
      </c>
      <c r="J1852">
        <f t="shared" si="217"/>
        <v>13.113050762188251</v>
      </c>
      <c r="K1852">
        <f t="shared" si="218"/>
        <v>0.61495050179534205</v>
      </c>
      <c r="L1852">
        <f t="shared" si="219"/>
        <v>0.30747525089767103</v>
      </c>
      <c r="M1852">
        <f t="shared" si="220"/>
        <v>0</v>
      </c>
      <c r="N1852" s="45">
        <f t="shared" si="221"/>
        <v>45002.749999995591</v>
      </c>
    </row>
    <row r="1853" spans="2:14" x14ac:dyDescent="0.25">
      <c r="B1853">
        <f t="shared" si="215"/>
        <v>5</v>
      </c>
      <c r="C1853" s="16">
        <v>1819</v>
      </c>
      <c r="D1853" cm="1">
        <f t="array" ref="D1853">IFERROR(INDEX(Jesper!AH$2:AH$366,ROUNDDOWN($C1853/24,0)+1,1)*INDEX($D$3:$AA$30,INDEX(Jesper!$R$2:$R$366,ROW(INDEX(Jesper!AH$2:AH$366,ROUNDDOWN($C1853/24,0)+1,1))-1)+IF('Standard Profiles'!$G$18=$B$10,7,0)+IF('Standard Profiles'!$G$18=$B$17,14,0)+IF('Standard Profiles'!$G$18=$B$24,21,0),MOD($C1853,24)+1)/SUM(INDEX($D$3:$AA$30,INDEX(Jesper!$R$2:$R$366,ROW(INDEX(Jesper!AH$2:AH$366,ROUNDDOWN($C1853/24,0)+1,1))-1)+IF('Standard Profiles'!$G$18=$B$10,7,0)+IF('Standard Profiles'!$G$18=$B$17,14,0)+IF('Standard Profiles'!$G$18=$B$24,21,0),0)),0)</f>
        <v>5.4906294803155538</v>
      </c>
      <c r="E1853" cm="1">
        <f t="array" ref="E1853">IFERROR(INDEX(Jesper!AI$2:AI$366,ROUNDDOWN($C1853/24,0)+1,1)*INDEX($D$3:$AA$30,INDEX(Jesper!$R$2:$R$366,ROW(INDEX(Jesper!AI$2:AI$366,ROUNDDOWN($C1853/24,0)+1,1))-1)+IF('Standard Profiles'!$G$19=$B$10,7,0)+IF('Standard Profiles'!$G$19=$B$17,14,0)+IF('Standard Profiles'!$G$19=$B$24,21,0),MOD($C1853,24)+1)/SUM(INDEX($D$3:$AA$30,INDEX(Jesper!$R$2:$R$366,ROW(INDEX(Jesper!AI$2:AI$366,ROUNDDOWN($C1853/24,0)+1,1))-1)+IF('Standard Profiles'!$G$19=$B$10,7,0)+IF('Standard Profiles'!$G$19=$B$17,14,0)+IF('Standard Profiles'!$G$19=$B$24,21,0),0)),0)</f>
        <v>5.3512074706927191</v>
      </c>
      <c r="F1853" cm="1">
        <f t="array" ref="F1853">IFERROR(INDEX(Jesper!AJ$2:AJ$366,ROUNDDOWN($C1853/24,0)+1,1)*INDEX($D$3:$AA$30,INDEX(Jesper!$R$2:$R$366,ROW(INDEX(Jesper!AJ$2:AJ$366,ROUNDDOWN($C1853/24,0)+1,1))-1)+IF('Standard Profiles'!$G$20=$B$10,7,0)+IF('Standard Profiles'!$G$20=$B$17,14,0)+IF('Standard Profiles'!$G$20=$B$24,21,0),MOD($C1853,24)+1)/SUM(INDEX($D$3:$AA$30,INDEX(Jesper!$R$2:$R$366,ROW(INDEX(Jesper!AJ$2:AJ$366,ROUNDDOWN($C1853/24,0)+1,1))-1)+IF('Standard Profiles'!$G$20=$B$10,7,0)+IF('Standard Profiles'!$G$20=$B$17,14,0)+IF('Standard Profiles'!$G$20=$B$24,21,0),0)),0)</f>
        <v>0</v>
      </c>
      <c r="G1853" cm="1">
        <f t="array" ref="G1853">IFERROR(INDEX(Jesper!AK$2:AK$366,ROUNDDOWN($C1853/24,0)+1,1)*INDEX($D$3:$AA$30,INDEX(Jesper!$R$2:$R$366,ROW(INDEX(Jesper!AK$2:AK$366,ROUNDDOWN($C1853/24,0)+1,1))-1)+IF('Standard Profiles'!$G$21=$B$10,7,0)+IF('Standard Profiles'!$G$21=$B$17,14,0)+IF('Standard Profiles'!$G$21=$B$24,21,0),MOD($C1853,24)+1)/SUM(INDEX($D$3:$AA$30,INDEX(Jesper!$R$2:$R$366,ROW(INDEX(Jesper!AK$2:AK$366,ROUNDDOWN($C1853/24,0)+1,1))-1)+IF('Standard Profiles'!$G$21=$B$10,7,0)+IF('Standard Profiles'!$G$21=$B$17,14,0)+IF('Standard Profiles'!$G$21=$B$24,21,0),0)),0)</f>
        <v>5.099130223697264</v>
      </c>
      <c r="H1853" cm="1">
        <f t="array" ref="H1853">IFERROR(INDEX(Jesper!AL$2:AL$366,ROUNDDOWN($C1853/24,0)+1,1)*INDEX($D$3:$AA$30,INDEX(Jesper!$R$2:$R$366,ROW(INDEX(Jesper!AL$2:AL$366,ROUNDDOWN($C1853/24,0)+1,1))-1)+IF('Standard Profiles'!$G$22=$B$10,7,0)+IF('Standard Profiles'!$G$22=$B$17,14,0)+IF('Standard Profiles'!$G$22=$B$24,21,0),MOD($C1853,24)+1)/SUM(INDEX($D$3:$AA$30,INDEX(Jesper!$R$2:$R$366,ROW(INDEX(Jesper!AL$2:AL$366,ROUNDDOWN($C1853/24,0)+1,1))-1)+IF('Standard Profiles'!$G$22=$B$10,7,0)+IF('Standard Profiles'!$G$22=$B$17,14,0)+IF('Standard Profiles'!$G$22=$B$24,21,0),0)),0)</f>
        <v>0</v>
      </c>
      <c r="I1853">
        <f t="shared" si="216"/>
        <v>2.4475825073746855</v>
      </c>
      <c r="J1853">
        <f t="shared" si="217"/>
        <v>12.614883950480362</v>
      </c>
      <c r="K1853">
        <f t="shared" si="218"/>
        <v>0.58566714456699243</v>
      </c>
      <c r="L1853">
        <f t="shared" si="219"/>
        <v>0.29283357228349621</v>
      </c>
      <c r="M1853">
        <f t="shared" si="220"/>
        <v>0</v>
      </c>
      <c r="N1853" s="45">
        <f t="shared" si="221"/>
        <v>45002.791666662255</v>
      </c>
    </row>
    <row r="1854" spans="2:14" x14ac:dyDescent="0.25">
      <c r="B1854">
        <f t="shared" si="215"/>
        <v>5</v>
      </c>
      <c r="C1854" s="16">
        <v>1820</v>
      </c>
      <c r="D1854" cm="1">
        <f t="array" ref="D1854">IFERROR(INDEX(Jesper!AH$2:AH$366,ROUNDDOWN($C1854/24,0)+1,1)*INDEX($D$3:$AA$30,INDEX(Jesper!$R$2:$R$366,ROW(INDEX(Jesper!AH$2:AH$366,ROUNDDOWN($C1854/24,0)+1,1))-1)+IF('Standard Profiles'!$G$18=$B$10,7,0)+IF('Standard Profiles'!$G$18=$B$17,14,0)+IF('Standard Profiles'!$G$18=$B$24,21,0),MOD($C1854,24)+1)/SUM(INDEX($D$3:$AA$30,INDEX(Jesper!$R$2:$R$366,ROW(INDEX(Jesper!AH$2:AH$366,ROUNDDOWN($C1854/24,0)+1,1))-1)+IF('Standard Profiles'!$G$18=$B$10,7,0)+IF('Standard Profiles'!$G$18=$B$17,14,0)+IF('Standard Profiles'!$G$18=$B$24,21,0),0)),0)</f>
        <v>5.4906294803155538</v>
      </c>
      <c r="E1854" cm="1">
        <f t="array" ref="E1854">IFERROR(INDEX(Jesper!AI$2:AI$366,ROUNDDOWN($C1854/24,0)+1,1)*INDEX($D$3:$AA$30,INDEX(Jesper!$R$2:$R$366,ROW(INDEX(Jesper!AI$2:AI$366,ROUNDDOWN($C1854/24,0)+1,1))-1)+IF('Standard Profiles'!$G$19=$B$10,7,0)+IF('Standard Profiles'!$G$19=$B$17,14,0)+IF('Standard Profiles'!$G$19=$B$24,21,0),MOD($C1854,24)+1)/SUM(INDEX($D$3:$AA$30,INDEX(Jesper!$R$2:$R$366,ROW(INDEX(Jesper!AI$2:AI$366,ROUNDDOWN($C1854/24,0)+1,1))-1)+IF('Standard Profiles'!$G$19=$B$10,7,0)+IF('Standard Profiles'!$G$19=$B$17,14,0)+IF('Standard Profiles'!$G$19=$B$24,21,0),0)),0)</f>
        <v>5.3512074706927191</v>
      </c>
      <c r="F1854" cm="1">
        <f t="array" ref="F1854">IFERROR(INDEX(Jesper!AJ$2:AJ$366,ROUNDDOWN($C1854/24,0)+1,1)*INDEX($D$3:$AA$30,INDEX(Jesper!$R$2:$R$366,ROW(INDEX(Jesper!AJ$2:AJ$366,ROUNDDOWN($C1854/24,0)+1,1))-1)+IF('Standard Profiles'!$G$20=$B$10,7,0)+IF('Standard Profiles'!$G$20=$B$17,14,0)+IF('Standard Profiles'!$G$20=$B$24,21,0),MOD($C1854,24)+1)/SUM(INDEX($D$3:$AA$30,INDEX(Jesper!$R$2:$R$366,ROW(INDEX(Jesper!AJ$2:AJ$366,ROUNDDOWN($C1854/24,0)+1,1))-1)+IF('Standard Profiles'!$G$20=$B$10,7,0)+IF('Standard Profiles'!$G$20=$B$17,14,0)+IF('Standard Profiles'!$G$20=$B$24,21,0),0)),0)</f>
        <v>0</v>
      </c>
      <c r="G1854" cm="1">
        <f t="array" ref="G1854">IFERROR(INDEX(Jesper!AK$2:AK$366,ROUNDDOWN($C1854/24,0)+1,1)*INDEX($D$3:$AA$30,INDEX(Jesper!$R$2:$R$366,ROW(INDEX(Jesper!AK$2:AK$366,ROUNDDOWN($C1854/24,0)+1,1))-1)+IF('Standard Profiles'!$G$21=$B$10,7,0)+IF('Standard Profiles'!$G$21=$B$17,14,0)+IF('Standard Profiles'!$G$21=$B$24,21,0),MOD($C1854,24)+1)/SUM(INDEX($D$3:$AA$30,INDEX(Jesper!$R$2:$R$366,ROW(INDEX(Jesper!AK$2:AK$366,ROUNDDOWN($C1854/24,0)+1,1))-1)+IF('Standard Profiles'!$G$21=$B$10,7,0)+IF('Standard Profiles'!$G$21=$B$17,14,0)+IF('Standard Profiles'!$G$21=$B$24,21,0),0)),0)</f>
        <v>5.099130223697264</v>
      </c>
      <c r="H1854" cm="1">
        <f t="array" ref="H1854">IFERROR(INDEX(Jesper!AL$2:AL$366,ROUNDDOWN($C1854/24,0)+1,1)*INDEX($D$3:$AA$30,INDEX(Jesper!$R$2:$R$366,ROW(INDEX(Jesper!AL$2:AL$366,ROUNDDOWN($C1854/24,0)+1,1))-1)+IF('Standard Profiles'!$G$22=$B$10,7,0)+IF('Standard Profiles'!$G$22=$B$17,14,0)+IF('Standard Profiles'!$G$22=$B$24,21,0),MOD($C1854,24)+1)/SUM(INDEX($D$3:$AA$30,INDEX(Jesper!$R$2:$R$366,ROW(INDEX(Jesper!AL$2:AL$366,ROUNDDOWN($C1854/24,0)+1,1))-1)+IF('Standard Profiles'!$G$22=$B$10,7,0)+IF('Standard Profiles'!$G$22=$B$17,14,0)+IF('Standard Profiles'!$G$22=$B$24,21,0),0)),0)</f>
        <v>0</v>
      </c>
      <c r="I1854">
        <f t="shared" si="216"/>
        <v>2.4475825073746855</v>
      </c>
      <c r="J1854">
        <f t="shared" si="217"/>
        <v>12.614883950480362</v>
      </c>
      <c r="K1854">
        <f t="shared" si="218"/>
        <v>0.58566714456699243</v>
      </c>
      <c r="L1854">
        <f t="shared" si="219"/>
        <v>0.29283357228349621</v>
      </c>
      <c r="M1854">
        <f t="shared" si="220"/>
        <v>0</v>
      </c>
      <c r="N1854" s="45">
        <f t="shared" si="221"/>
        <v>45002.833333328919</v>
      </c>
    </row>
    <row r="1855" spans="2:14" x14ac:dyDescent="0.25">
      <c r="B1855">
        <f t="shared" si="215"/>
        <v>5</v>
      </c>
      <c r="C1855" s="16">
        <v>1821</v>
      </c>
      <c r="D1855" cm="1">
        <f t="array" ref="D1855">IFERROR(INDEX(Jesper!AH$2:AH$366,ROUNDDOWN($C1855/24,0)+1,1)*INDEX($D$3:$AA$30,INDEX(Jesper!$R$2:$R$366,ROW(INDEX(Jesper!AH$2:AH$366,ROUNDDOWN($C1855/24,0)+1,1))-1)+IF('Standard Profiles'!$G$18=$B$10,7,0)+IF('Standard Profiles'!$G$18=$B$17,14,0)+IF('Standard Profiles'!$G$18=$B$24,21,0),MOD($C1855,24)+1)/SUM(INDEX($D$3:$AA$30,INDEX(Jesper!$R$2:$R$366,ROW(INDEX(Jesper!AH$2:AH$366,ROUNDDOWN($C1855/24,0)+1,1))-1)+IF('Standard Profiles'!$G$18=$B$10,7,0)+IF('Standard Profiles'!$G$18=$B$17,14,0)+IF('Standard Profiles'!$G$18=$B$24,21,0),0)),0)</f>
        <v>5.4906294803155538</v>
      </c>
      <c r="E1855" cm="1">
        <f t="array" ref="E1855">IFERROR(INDEX(Jesper!AI$2:AI$366,ROUNDDOWN($C1855/24,0)+1,1)*INDEX($D$3:$AA$30,INDEX(Jesper!$R$2:$R$366,ROW(INDEX(Jesper!AI$2:AI$366,ROUNDDOWN($C1855/24,0)+1,1))-1)+IF('Standard Profiles'!$G$19=$B$10,7,0)+IF('Standard Profiles'!$G$19=$B$17,14,0)+IF('Standard Profiles'!$G$19=$B$24,21,0),MOD($C1855,24)+1)/SUM(INDEX($D$3:$AA$30,INDEX(Jesper!$R$2:$R$366,ROW(INDEX(Jesper!AI$2:AI$366,ROUNDDOWN($C1855/24,0)+1,1))-1)+IF('Standard Profiles'!$G$19=$B$10,7,0)+IF('Standard Profiles'!$G$19=$B$17,14,0)+IF('Standard Profiles'!$G$19=$B$24,21,0),0)),0)</f>
        <v>5.3512074706927191</v>
      </c>
      <c r="F1855" cm="1">
        <f t="array" ref="F1855">IFERROR(INDEX(Jesper!AJ$2:AJ$366,ROUNDDOWN($C1855/24,0)+1,1)*INDEX($D$3:$AA$30,INDEX(Jesper!$R$2:$R$366,ROW(INDEX(Jesper!AJ$2:AJ$366,ROUNDDOWN($C1855/24,0)+1,1))-1)+IF('Standard Profiles'!$G$20=$B$10,7,0)+IF('Standard Profiles'!$G$20=$B$17,14,0)+IF('Standard Profiles'!$G$20=$B$24,21,0),MOD($C1855,24)+1)/SUM(INDEX($D$3:$AA$30,INDEX(Jesper!$R$2:$R$366,ROW(INDEX(Jesper!AJ$2:AJ$366,ROUNDDOWN($C1855/24,0)+1,1))-1)+IF('Standard Profiles'!$G$20=$B$10,7,0)+IF('Standard Profiles'!$G$20=$B$17,14,0)+IF('Standard Profiles'!$G$20=$B$24,21,0),0)),0)</f>
        <v>0</v>
      </c>
      <c r="G1855" cm="1">
        <f t="array" ref="G1855">IFERROR(INDEX(Jesper!AK$2:AK$366,ROUNDDOWN($C1855/24,0)+1,1)*INDEX($D$3:$AA$30,INDEX(Jesper!$R$2:$R$366,ROW(INDEX(Jesper!AK$2:AK$366,ROUNDDOWN($C1855/24,0)+1,1))-1)+IF('Standard Profiles'!$G$21=$B$10,7,0)+IF('Standard Profiles'!$G$21=$B$17,14,0)+IF('Standard Profiles'!$G$21=$B$24,21,0),MOD($C1855,24)+1)/SUM(INDEX($D$3:$AA$30,INDEX(Jesper!$R$2:$R$366,ROW(INDEX(Jesper!AK$2:AK$366,ROUNDDOWN($C1855/24,0)+1,1))-1)+IF('Standard Profiles'!$G$21=$B$10,7,0)+IF('Standard Profiles'!$G$21=$B$17,14,0)+IF('Standard Profiles'!$G$21=$B$24,21,0),0)),0)</f>
        <v>5.099130223697264</v>
      </c>
      <c r="H1855" cm="1">
        <f t="array" ref="H1855">IFERROR(INDEX(Jesper!AL$2:AL$366,ROUNDDOWN($C1855/24,0)+1,1)*INDEX($D$3:$AA$30,INDEX(Jesper!$R$2:$R$366,ROW(INDEX(Jesper!AL$2:AL$366,ROUNDDOWN($C1855/24,0)+1,1))-1)+IF('Standard Profiles'!$G$22=$B$10,7,0)+IF('Standard Profiles'!$G$22=$B$17,14,0)+IF('Standard Profiles'!$G$22=$B$24,21,0),MOD($C1855,24)+1)/SUM(INDEX($D$3:$AA$30,INDEX(Jesper!$R$2:$R$366,ROW(INDEX(Jesper!AL$2:AL$366,ROUNDDOWN($C1855/24,0)+1,1))-1)+IF('Standard Profiles'!$G$22=$B$10,7,0)+IF('Standard Profiles'!$G$22=$B$17,14,0)+IF('Standard Profiles'!$G$22=$B$24,21,0),0)),0)</f>
        <v>0</v>
      </c>
      <c r="I1855">
        <f t="shared" si="216"/>
        <v>2.4475825073746855</v>
      </c>
      <c r="J1855">
        <f t="shared" si="217"/>
        <v>12.614883950480362</v>
      </c>
      <c r="K1855">
        <f t="shared" si="218"/>
        <v>0.58566714456699243</v>
      </c>
      <c r="L1855">
        <f t="shared" si="219"/>
        <v>0.29283357228349621</v>
      </c>
      <c r="M1855">
        <f t="shared" si="220"/>
        <v>0</v>
      </c>
      <c r="N1855" s="45">
        <f t="shared" si="221"/>
        <v>45002.874999995583</v>
      </c>
    </row>
    <row r="1856" spans="2:14" x14ac:dyDescent="0.25">
      <c r="B1856">
        <f t="shared" si="215"/>
        <v>5</v>
      </c>
      <c r="C1856" s="16">
        <v>1822</v>
      </c>
      <c r="D1856" cm="1">
        <f t="array" ref="D1856">IFERROR(INDEX(Jesper!AH$2:AH$366,ROUNDDOWN($C1856/24,0)+1,1)*INDEX($D$3:$AA$30,INDEX(Jesper!$R$2:$R$366,ROW(INDEX(Jesper!AH$2:AH$366,ROUNDDOWN($C1856/24,0)+1,1))-1)+IF('Standard Profiles'!$G$18=$B$10,7,0)+IF('Standard Profiles'!$G$18=$B$17,14,0)+IF('Standard Profiles'!$G$18=$B$24,21,0),MOD($C1856,24)+1)/SUM(INDEX($D$3:$AA$30,INDEX(Jesper!$R$2:$R$366,ROW(INDEX(Jesper!AH$2:AH$366,ROUNDDOWN($C1856/24,0)+1,1))-1)+IF('Standard Profiles'!$G$18=$B$10,7,0)+IF('Standard Profiles'!$G$18=$B$17,14,0)+IF('Standard Profiles'!$G$18=$B$24,21,0),0)),0)</f>
        <v>5.4906294803155538</v>
      </c>
      <c r="E1856" cm="1">
        <f t="array" ref="E1856">IFERROR(INDEX(Jesper!AI$2:AI$366,ROUNDDOWN($C1856/24,0)+1,1)*INDEX($D$3:$AA$30,INDEX(Jesper!$R$2:$R$366,ROW(INDEX(Jesper!AI$2:AI$366,ROUNDDOWN($C1856/24,0)+1,1))-1)+IF('Standard Profiles'!$G$19=$B$10,7,0)+IF('Standard Profiles'!$G$19=$B$17,14,0)+IF('Standard Profiles'!$G$19=$B$24,21,0),MOD($C1856,24)+1)/SUM(INDEX($D$3:$AA$30,INDEX(Jesper!$R$2:$R$366,ROW(INDEX(Jesper!AI$2:AI$366,ROUNDDOWN($C1856/24,0)+1,1))-1)+IF('Standard Profiles'!$G$19=$B$10,7,0)+IF('Standard Profiles'!$G$19=$B$17,14,0)+IF('Standard Profiles'!$G$19=$B$24,21,0),0)),0)</f>
        <v>5.3512074706927191</v>
      </c>
      <c r="F1856" cm="1">
        <f t="array" ref="F1856">IFERROR(INDEX(Jesper!AJ$2:AJ$366,ROUNDDOWN($C1856/24,0)+1,1)*INDEX($D$3:$AA$30,INDEX(Jesper!$R$2:$R$366,ROW(INDEX(Jesper!AJ$2:AJ$366,ROUNDDOWN($C1856/24,0)+1,1))-1)+IF('Standard Profiles'!$G$20=$B$10,7,0)+IF('Standard Profiles'!$G$20=$B$17,14,0)+IF('Standard Profiles'!$G$20=$B$24,21,0),MOD($C1856,24)+1)/SUM(INDEX($D$3:$AA$30,INDEX(Jesper!$R$2:$R$366,ROW(INDEX(Jesper!AJ$2:AJ$366,ROUNDDOWN($C1856/24,0)+1,1))-1)+IF('Standard Profiles'!$G$20=$B$10,7,0)+IF('Standard Profiles'!$G$20=$B$17,14,0)+IF('Standard Profiles'!$G$20=$B$24,21,0),0)),0)</f>
        <v>0</v>
      </c>
      <c r="G1856" cm="1">
        <f t="array" ref="G1856">IFERROR(INDEX(Jesper!AK$2:AK$366,ROUNDDOWN($C1856/24,0)+1,1)*INDEX($D$3:$AA$30,INDEX(Jesper!$R$2:$R$366,ROW(INDEX(Jesper!AK$2:AK$366,ROUNDDOWN($C1856/24,0)+1,1))-1)+IF('Standard Profiles'!$G$21=$B$10,7,0)+IF('Standard Profiles'!$G$21=$B$17,14,0)+IF('Standard Profiles'!$G$21=$B$24,21,0),MOD($C1856,24)+1)/SUM(INDEX($D$3:$AA$30,INDEX(Jesper!$R$2:$R$366,ROW(INDEX(Jesper!AK$2:AK$366,ROUNDDOWN($C1856/24,0)+1,1))-1)+IF('Standard Profiles'!$G$21=$B$10,7,0)+IF('Standard Profiles'!$G$21=$B$17,14,0)+IF('Standard Profiles'!$G$21=$B$24,21,0),0)),0)</f>
        <v>5.099130223697264</v>
      </c>
      <c r="H1856" cm="1">
        <f t="array" ref="H1856">IFERROR(INDEX(Jesper!AL$2:AL$366,ROUNDDOWN($C1856/24,0)+1,1)*INDEX($D$3:$AA$30,INDEX(Jesper!$R$2:$R$366,ROW(INDEX(Jesper!AL$2:AL$366,ROUNDDOWN($C1856/24,0)+1,1))-1)+IF('Standard Profiles'!$G$22=$B$10,7,0)+IF('Standard Profiles'!$G$22=$B$17,14,0)+IF('Standard Profiles'!$G$22=$B$24,21,0),MOD($C1856,24)+1)/SUM(INDEX($D$3:$AA$30,INDEX(Jesper!$R$2:$R$366,ROW(INDEX(Jesper!AL$2:AL$366,ROUNDDOWN($C1856/24,0)+1,1))-1)+IF('Standard Profiles'!$G$22=$B$10,7,0)+IF('Standard Profiles'!$G$22=$B$17,14,0)+IF('Standard Profiles'!$G$22=$B$24,21,0),0)),0)</f>
        <v>0</v>
      </c>
      <c r="I1856">
        <f t="shared" si="216"/>
        <v>2.4475825073746855</v>
      </c>
      <c r="J1856">
        <f t="shared" si="217"/>
        <v>12.614883950480362</v>
      </c>
      <c r="K1856">
        <f t="shared" si="218"/>
        <v>0.58566714456699243</v>
      </c>
      <c r="L1856">
        <f t="shared" si="219"/>
        <v>0.29283357228349621</v>
      </c>
      <c r="M1856">
        <f t="shared" si="220"/>
        <v>0</v>
      </c>
      <c r="N1856" s="45">
        <f t="shared" si="221"/>
        <v>45002.916666662248</v>
      </c>
    </row>
    <row r="1857" spans="2:14" x14ac:dyDescent="0.25">
      <c r="B1857">
        <f t="shared" si="215"/>
        <v>5</v>
      </c>
      <c r="C1857" s="16">
        <v>1823</v>
      </c>
      <c r="D1857" cm="1">
        <f t="array" ref="D1857">IFERROR(INDEX(Jesper!AH$2:AH$366,ROUNDDOWN($C1857/24,0)+1,1)*INDEX($D$3:$AA$30,INDEX(Jesper!$R$2:$R$366,ROW(INDEX(Jesper!AH$2:AH$366,ROUNDDOWN($C1857/24,0)+1,1))-1)+IF('Standard Profiles'!$G$18=$B$10,7,0)+IF('Standard Profiles'!$G$18=$B$17,14,0)+IF('Standard Profiles'!$G$18=$B$24,21,0),MOD($C1857,24)+1)/SUM(INDEX($D$3:$AA$30,INDEX(Jesper!$R$2:$R$366,ROW(INDEX(Jesper!AH$2:AH$366,ROUNDDOWN($C1857/24,0)+1,1))-1)+IF('Standard Profiles'!$G$18=$B$10,7,0)+IF('Standard Profiles'!$G$18=$B$17,14,0)+IF('Standard Profiles'!$G$18=$B$24,21,0),0)),0)</f>
        <v>5.4906294803155538</v>
      </c>
      <c r="E1857" cm="1">
        <f t="array" ref="E1857">IFERROR(INDEX(Jesper!AI$2:AI$366,ROUNDDOWN($C1857/24,0)+1,1)*INDEX($D$3:$AA$30,INDEX(Jesper!$R$2:$R$366,ROW(INDEX(Jesper!AI$2:AI$366,ROUNDDOWN($C1857/24,0)+1,1))-1)+IF('Standard Profiles'!$G$19=$B$10,7,0)+IF('Standard Profiles'!$G$19=$B$17,14,0)+IF('Standard Profiles'!$G$19=$B$24,21,0),MOD($C1857,24)+1)/SUM(INDEX($D$3:$AA$30,INDEX(Jesper!$R$2:$R$366,ROW(INDEX(Jesper!AI$2:AI$366,ROUNDDOWN($C1857/24,0)+1,1))-1)+IF('Standard Profiles'!$G$19=$B$10,7,0)+IF('Standard Profiles'!$G$19=$B$17,14,0)+IF('Standard Profiles'!$G$19=$B$24,21,0),0)),0)</f>
        <v>5.3512074706927191</v>
      </c>
      <c r="F1857" cm="1">
        <f t="array" ref="F1857">IFERROR(INDEX(Jesper!AJ$2:AJ$366,ROUNDDOWN($C1857/24,0)+1,1)*INDEX($D$3:$AA$30,INDEX(Jesper!$R$2:$R$366,ROW(INDEX(Jesper!AJ$2:AJ$366,ROUNDDOWN($C1857/24,0)+1,1))-1)+IF('Standard Profiles'!$G$20=$B$10,7,0)+IF('Standard Profiles'!$G$20=$B$17,14,0)+IF('Standard Profiles'!$G$20=$B$24,21,0),MOD($C1857,24)+1)/SUM(INDEX($D$3:$AA$30,INDEX(Jesper!$R$2:$R$366,ROW(INDEX(Jesper!AJ$2:AJ$366,ROUNDDOWN($C1857/24,0)+1,1))-1)+IF('Standard Profiles'!$G$20=$B$10,7,0)+IF('Standard Profiles'!$G$20=$B$17,14,0)+IF('Standard Profiles'!$G$20=$B$24,21,0),0)),0)</f>
        <v>0</v>
      </c>
      <c r="G1857" cm="1">
        <f t="array" ref="G1857">IFERROR(INDEX(Jesper!AK$2:AK$366,ROUNDDOWN($C1857/24,0)+1,1)*INDEX($D$3:$AA$30,INDEX(Jesper!$R$2:$R$366,ROW(INDEX(Jesper!AK$2:AK$366,ROUNDDOWN($C1857/24,0)+1,1))-1)+IF('Standard Profiles'!$G$21=$B$10,7,0)+IF('Standard Profiles'!$G$21=$B$17,14,0)+IF('Standard Profiles'!$G$21=$B$24,21,0),MOD($C1857,24)+1)/SUM(INDEX($D$3:$AA$30,INDEX(Jesper!$R$2:$R$366,ROW(INDEX(Jesper!AK$2:AK$366,ROUNDDOWN($C1857/24,0)+1,1))-1)+IF('Standard Profiles'!$G$21=$B$10,7,0)+IF('Standard Profiles'!$G$21=$B$17,14,0)+IF('Standard Profiles'!$G$21=$B$24,21,0),0)),0)</f>
        <v>5.099130223697264</v>
      </c>
      <c r="H1857" cm="1">
        <f t="array" ref="H1857">IFERROR(INDEX(Jesper!AL$2:AL$366,ROUNDDOWN($C1857/24,0)+1,1)*INDEX($D$3:$AA$30,INDEX(Jesper!$R$2:$R$366,ROW(INDEX(Jesper!AL$2:AL$366,ROUNDDOWN($C1857/24,0)+1,1))-1)+IF('Standard Profiles'!$G$22=$B$10,7,0)+IF('Standard Profiles'!$G$22=$B$17,14,0)+IF('Standard Profiles'!$G$22=$B$24,21,0),MOD($C1857,24)+1)/SUM(INDEX($D$3:$AA$30,INDEX(Jesper!$R$2:$R$366,ROW(INDEX(Jesper!AL$2:AL$366,ROUNDDOWN($C1857/24,0)+1,1))-1)+IF('Standard Profiles'!$G$22=$B$10,7,0)+IF('Standard Profiles'!$G$22=$B$17,14,0)+IF('Standard Profiles'!$G$22=$B$24,21,0),0)),0)</f>
        <v>0</v>
      </c>
      <c r="I1857">
        <f t="shared" si="216"/>
        <v>2.4475825073746855</v>
      </c>
      <c r="J1857">
        <f t="shared" si="217"/>
        <v>12.614883950480362</v>
      </c>
      <c r="K1857">
        <f t="shared" si="218"/>
        <v>0.58566714456699243</v>
      </c>
      <c r="L1857">
        <f t="shared" si="219"/>
        <v>0.29283357228349621</v>
      </c>
      <c r="M1857">
        <f t="shared" si="220"/>
        <v>0</v>
      </c>
      <c r="N1857" s="45">
        <f t="shared" si="221"/>
        <v>45002.958333328912</v>
      </c>
    </row>
    <row r="1858" spans="2:14" x14ac:dyDescent="0.25">
      <c r="B1858">
        <f t="shared" si="215"/>
        <v>6</v>
      </c>
      <c r="C1858" s="16">
        <v>1824</v>
      </c>
      <c r="D1858" cm="1">
        <f t="array" ref="D1858">IFERROR(INDEX(Jesper!AH$2:AH$366,ROUNDDOWN($C1858/24,0)+1,1)*INDEX($D$3:$AA$30,INDEX(Jesper!$R$2:$R$366,ROW(INDEX(Jesper!AH$2:AH$366,ROUNDDOWN($C1858/24,0)+1,1))-1)+IF('Standard Profiles'!$G$18=$B$10,7,0)+IF('Standard Profiles'!$G$18=$B$17,14,0)+IF('Standard Profiles'!$G$18=$B$24,21,0),MOD($C1858,24)+1)/SUM(INDEX($D$3:$AA$30,INDEX(Jesper!$R$2:$R$366,ROW(INDEX(Jesper!AH$2:AH$366,ROUNDDOWN($C1858/24,0)+1,1))-1)+IF('Standard Profiles'!$G$18=$B$10,7,0)+IF('Standard Profiles'!$G$18=$B$17,14,0)+IF('Standard Profiles'!$G$18=$B$24,21,0),0)),0)</f>
        <v>0</v>
      </c>
      <c r="E1858" cm="1">
        <f t="array" ref="E1858">IFERROR(INDEX(Jesper!AI$2:AI$366,ROUNDDOWN($C1858/24,0)+1,1)*INDEX($D$3:$AA$30,INDEX(Jesper!$R$2:$R$366,ROW(INDEX(Jesper!AI$2:AI$366,ROUNDDOWN($C1858/24,0)+1,1))-1)+IF('Standard Profiles'!$G$19=$B$10,7,0)+IF('Standard Profiles'!$G$19=$B$17,14,0)+IF('Standard Profiles'!$G$19=$B$24,21,0),MOD($C1858,24)+1)/SUM(INDEX($D$3:$AA$30,INDEX(Jesper!$R$2:$R$366,ROW(INDEX(Jesper!AI$2:AI$366,ROUNDDOWN($C1858/24,0)+1,1))-1)+IF('Standard Profiles'!$G$19=$B$10,7,0)+IF('Standard Profiles'!$G$19=$B$17,14,0)+IF('Standard Profiles'!$G$19=$B$24,21,0),0)),0)</f>
        <v>4.50941357617143</v>
      </c>
      <c r="F1858" cm="1">
        <f t="array" ref="F1858">IFERROR(INDEX(Jesper!AJ$2:AJ$366,ROUNDDOWN($C1858/24,0)+1,1)*INDEX($D$3:$AA$30,INDEX(Jesper!$R$2:$R$366,ROW(INDEX(Jesper!AJ$2:AJ$366,ROUNDDOWN($C1858/24,0)+1,1))-1)+IF('Standard Profiles'!$G$20=$B$10,7,0)+IF('Standard Profiles'!$G$20=$B$17,14,0)+IF('Standard Profiles'!$G$20=$B$24,21,0),MOD($C1858,24)+1)/SUM(INDEX($D$3:$AA$30,INDEX(Jesper!$R$2:$R$366,ROW(INDEX(Jesper!AJ$2:AJ$366,ROUNDDOWN($C1858/24,0)+1,1))-1)+IF('Standard Profiles'!$G$20=$B$10,7,0)+IF('Standard Profiles'!$G$20=$B$17,14,0)+IF('Standard Profiles'!$G$20=$B$24,21,0),0)),0)</f>
        <v>3.3774112053632352</v>
      </c>
      <c r="G1858" cm="1">
        <f t="array" ref="G1858">IFERROR(INDEX(Jesper!AK$2:AK$366,ROUNDDOWN($C1858/24,0)+1,1)*INDEX($D$3:$AA$30,INDEX(Jesper!$R$2:$R$366,ROW(INDEX(Jesper!AK$2:AK$366,ROUNDDOWN($C1858/24,0)+1,1))-1)+IF('Standard Profiles'!$G$21=$B$10,7,0)+IF('Standard Profiles'!$G$21=$B$17,14,0)+IF('Standard Profiles'!$G$21=$B$24,21,0),MOD($C1858,24)+1)/SUM(INDEX($D$3:$AA$30,INDEX(Jesper!$R$2:$R$366,ROW(INDEX(Jesper!AK$2:AK$366,ROUNDDOWN($C1858/24,0)+1,1))-1)+IF('Standard Profiles'!$G$21=$B$10,7,0)+IF('Standard Profiles'!$G$21=$B$17,14,0)+IF('Standard Profiles'!$G$21=$B$24,21,0),0)),0)</f>
        <v>4.1674902290915252</v>
      </c>
      <c r="H1858" cm="1">
        <f t="array" ref="H1858">IFERROR(INDEX(Jesper!AL$2:AL$366,ROUNDDOWN($C1858/24,0)+1,1)*INDEX($D$3:$AA$30,INDEX(Jesper!$R$2:$R$366,ROW(INDEX(Jesper!AL$2:AL$366,ROUNDDOWN($C1858/24,0)+1,1))-1)+IF('Standard Profiles'!$G$22=$B$10,7,0)+IF('Standard Profiles'!$G$22=$B$17,14,0)+IF('Standard Profiles'!$G$22=$B$24,21,0),MOD($C1858,24)+1)/SUM(INDEX($D$3:$AA$30,INDEX(Jesper!$R$2:$R$366,ROW(INDEX(Jesper!AL$2:AL$366,ROUNDDOWN($C1858/24,0)+1,1))-1)+IF('Standard Profiles'!$G$22=$B$10,7,0)+IF('Standard Profiles'!$G$22=$B$17,14,0)+IF('Standard Profiles'!$G$22=$B$24,21,0),0)),0)</f>
        <v>1.0889030578658172</v>
      </c>
      <c r="I1858">
        <f t="shared" si="216"/>
        <v>1.0453469355511851</v>
      </c>
      <c r="J1858">
        <f t="shared" si="217"/>
        <v>11.556741503800252</v>
      </c>
      <c r="K1858">
        <f t="shared" si="218"/>
        <v>0.36075308609371443</v>
      </c>
      <c r="L1858">
        <f t="shared" si="219"/>
        <v>0.18037654304685721</v>
      </c>
      <c r="M1858">
        <f t="shared" si="220"/>
        <v>0</v>
      </c>
      <c r="N1858" s="45">
        <f t="shared" si="221"/>
        <v>45002.999999995576</v>
      </c>
    </row>
    <row r="1859" spans="2:14" x14ac:dyDescent="0.25">
      <c r="B1859">
        <f t="shared" si="215"/>
        <v>6</v>
      </c>
      <c r="C1859" s="16">
        <v>1825</v>
      </c>
      <c r="D1859" cm="1">
        <f t="array" ref="D1859">IFERROR(INDEX(Jesper!AH$2:AH$366,ROUNDDOWN($C1859/24,0)+1,1)*INDEX($D$3:$AA$30,INDEX(Jesper!$R$2:$R$366,ROW(INDEX(Jesper!AH$2:AH$366,ROUNDDOWN($C1859/24,0)+1,1))-1)+IF('Standard Profiles'!$G$18=$B$10,7,0)+IF('Standard Profiles'!$G$18=$B$17,14,0)+IF('Standard Profiles'!$G$18=$B$24,21,0),MOD($C1859,24)+1)/SUM(INDEX($D$3:$AA$30,INDEX(Jesper!$R$2:$R$366,ROW(INDEX(Jesper!AH$2:AH$366,ROUNDDOWN($C1859/24,0)+1,1))-1)+IF('Standard Profiles'!$G$18=$B$10,7,0)+IF('Standard Profiles'!$G$18=$B$17,14,0)+IF('Standard Profiles'!$G$18=$B$24,21,0),0)),0)</f>
        <v>0</v>
      </c>
      <c r="E1859" cm="1">
        <f t="array" ref="E1859">IFERROR(INDEX(Jesper!AI$2:AI$366,ROUNDDOWN($C1859/24,0)+1,1)*INDEX($D$3:$AA$30,INDEX(Jesper!$R$2:$R$366,ROW(INDEX(Jesper!AI$2:AI$366,ROUNDDOWN($C1859/24,0)+1,1))-1)+IF('Standard Profiles'!$G$19=$B$10,7,0)+IF('Standard Profiles'!$G$19=$B$17,14,0)+IF('Standard Profiles'!$G$19=$B$24,21,0),MOD($C1859,24)+1)/SUM(INDEX($D$3:$AA$30,INDEX(Jesper!$R$2:$R$366,ROW(INDEX(Jesper!AI$2:AI$366,ROUNDDOWN($C1859/24,0)+1,1))-1)+IF('Standard Profiles'!$G$19=$B$10,7,0)+IF('Standard Profiles'!$G$19=$B$17,14,0)+IF('Standard Profiles'!$G$19=$B$24,21,0),0)),0)</f>
        <v>4.0584722185542867</v>
      </c>
      <c r="F1859" cm="1">
        <f t="array" ref="F1859">IFERROR(INDEX(Jesper!AJ$2:AJ$366,ROUNDDOWN($C1859/24,0)+1,1)*INDEX($D$3:$AA$30,INDEX(Jesper!$R$2:$R$366,ROW(INDEX(Jesper!AJ$2:AJ$366,ROUNDDOWN($C1859/24,0)+1,1))-1)+IF('Standard Profiles'!$G$20=$B$10,7,0)+IF('Standard Profiles'!$G$20=$B$17,14,0)+IF('Standard Profiles'!$G$20=$B$24,21,0),MOD($C1859,24)+1)/SUM(INDEX($D$3:$AA$30,INDEX(Jesper!$R$2:$R$366,ROW(INDEX(Jesper!AJ$2:AJ$366,ROUNDDOWN($C1859/24,0)+1,1))-1)+IF('Standard Profiles'!$G$20=$B$10,7,0)+IF('Standard Profiles'!$G$20=$B$17,14,0)+IF('Standard Profiles'!$G$20=$B$24,21,0),0)),0)</f>
        <v>3.0396700848269118</v>
      </c>
      <c r="G1859" cm="1">
        <f t="array" ref="G1859">IFERROR(INDEX(Jesper!AK$2:AK$366,ROUNDDOWN($C1859/24,0)+1,1)*INDEX($D$3:$AA$30,INDEX(Jesper!$R$2:$R$366,ROW(INDEX(Jesper!AK$2:AK$366,ROUNDDOWN($C1859/24,0)+1,1))-1)+IF('Standard Profiles'!$G$21=$B$10,7,0)+IF('Standard Profiles'!$G$21=$B$17,14,0)+IF('Standard Profiles'!$G$21=$B$24,21,0),MOD($C1859,24)+1)/SUM(INDEX($D$3:$AA$30,INDEX(Jesper!$R$2:$R$366,ROW(INDEX(Jesper!AK$2:AK$366,ROUNDDOWN($C1859/24,0)+1,1))-1)+IF('Standard Profiles'!$G$21=$B$10,7,0)+IF('Standard Profiles'!$G$21=$B$17,14,0)+IF('Standard Profiles'!$G$21=$B$24,21,0),0)),0)</f>
        <v>4.1674902290915252</v>
      </c>
      <c r="H1859" cm="1">
        <f t="array" ref="H1859">IFERROR(INDEX(Jesper!AL$2:AL$366,ROUNDDOWN($C1859/24,0)+1,1)*INDEX($D$3:$AA$30,INDEX(Jesper!$R$2:$R$366,ROW(INDEX(Jesper!AL$2:AL$366,ROUNDDOWN($C1859/24,0)+1,1))-1)+IF('Standard Profiles'!$G$22=$B$10,7,0)+IF('Standard Profiles'!$G$22=$B$17,14,0)+IF('Standard Profiles'!$G$22=$B$24,21,0),MOD($C1859,24)+1)/SUM(INDEX($D$3:$AA$30,INDEX(Jesper!$R$2:$R$366,ROW(INDEX(Jesper!AL$2:AL$366,ROUNDDOWN($C1859/24,0)+1,1))-1)+IF('Standard Profiles'!$G$22=$B$10,7,0)+IF('Standard Profiles'!$G$22=$B$17,14,0)+IF('Standard Profiles'!$G$22=$B$24,21,0),0)),0)</f>
        <v>2.1259535891665959</v>
      </c>
      <c r="I1859">
        <f t="shared" si="216"/>
        <v>2.040915445599933</v>
      </c>
      <c r="J1859">
        <f t="shared" si="217"/>
        <v>10.863654009812873</v>
      </c>
      <c r="K1859">
        <f t="shared" si="218"/>
        <v>0.32467777748434296</v>
      </c>
      <c r="L1859">
        <f t="shared" si="219"/>
        <v>0.16233888874217148</v>
      </c>
      <c r="M1859">
        <f t="shared" si="220"/>
        <v>0</v>
      </c>
      <c r="N1859" s="45">
        <f t="shared" si="221"/>
        <v>45003.04166666224</v>
      </c>
    </row>
    <row r="1860" spans="2:14" x14ac:dyDescent="0.25">
      <c r="B1860">
        <f t="shared" si="215"/>
        <v>6</v>
      </c>
      <c r="C1860" s="16">
        <v>1826</v>
      </c>
      <c r="D1860" cm="1">
        <f t="array" ref="D1860">IFERROR(INDEX(Jesper!AH$2:AH$366,ROUNDDOWN($C1860/24,0)+1,1)*INDEX($D$3:$AA$30,INDEX(Jesper!$R$2:$R$366,ROW(INDEX(Jesper!AH$2:AH$366,ROUNDDOWN($C1860/24,0)+1,1))-1)+IF('Standard Profiles'!$G$18=$B$10,7,0)+IF('Standard Profiles'!$G$18=$B$17,14,0)+IF('Standard Profiles'!$G$18=$B$24,21,0),MOD($C1860,24)+1)/SUM(INDEX($D$3:$AA$30,INDEX(Jesper!$R$2:$R$366,ROW(INDEX(Jesper!AH$2:AH$366,ROUNDDOWN($C1860/24,0)+1,1))-1)+IF('Standard Profiles'!$G$18=$B$10,7,0)+IF('Standard Profiles'!$G$18=$B$17,14,0)+IF('Standard Profiles'!$G$18=$B$24,21,0),0)),0)</f>
        <v>0</v>
      </c>
      <c r="E1860" cm="1">
        <f t="array" ref="E1860">IFERROR(INDEX(Jesper!AI$2:AI$366,ROUNDDOWN($C1860/24,0)+1,1)*INDEX($D$3:$AA$30,INDEX(Jesper!$R$2:$R$366,ROW(INDEX(Jesper!AI$2:AI$366,ROUNDDOWN($C1860/24,0)+1,1))-1)+IF('Standard Profiles'!$G$19=$B$10,7,0)+IF('Standard Profiles'!$G$19=$B$17,14,0)+IF('Standard Profiles'!$G$19=$B$24,21,0),MOD($C1860,24)+1)/SUM(INDEX($D$3:$AA$30,INDEX(Jesper!$R$2:$R$366,ROW(INDEX(Jesper!AI$2:AI$366,ROUNDDOWN($C1860/24,0)+1,1))-1)+IF('Standard Profiles'!$G$19=$B$10,7,0)+IF('Standard Profiles'!$G$19=$B$17,14,0)+IF('Standard Profiles'!$G$19=$B$24,21,0),0)),0)</f>
        <v>4.0584722185542867</v>
      </c>
      <c r="F1860" cm="1">
        <f t="array" ref="F1860">IFERROR(INDEX(Jesper!AJ$2:AJ$366,ROUNDDOWN($C1860/24,0)+1,1)*INDEX($D$3:$AA$30,INDEX(Jesper!$R$2:$R$366,ROW(INDEX(Jesper!AJ$2:AJ$366,ROUNDDOWN($C1860/24,0)+1,1))-1)+IF('Standard Profiles'!$G$20=$B$10,7,0)+IF('Standard Profiles'!$G$20=$B$17,14,0)+IF('Standard Profiles'!$G$20=$B$24,21,0),MOD($C1860,24)+1)/SUM(INDEX($D$3:$AA$30,INDEX(Jesper!$R$2:$R$366,ROW(INDEX(Jesper!AJ$2:AJ$366,ROUNDDOWN($C1860/24,0)+1,1))-1)+IF('Standard Profiles'!$G$20=$B$10,7,0)+IF('Standard Profiles'!$G$20=$B$17,14,0)+IF('Standard Profiles'!$G$20=$B$24,21,0),0)),0)</f>
        <v>3.0396700848269118</v>
      </c>
      <c r="G1860" cm="1">
        <f t="array" ref="G1860">IFERROR(INDEX(Jesper!AK$2:AK$366,ROUNDDOWN($C1860/24,0)+1,1)*INDEX($D$3:$AA$30,INDEX(Jesper!$R$2:$R$366,ROW(INDEX(Jesper!AK$2:AK$366,ROUNDDOWN($C1860/24,0)+1,1))-1)+IF('Standard Profiles'!$G$21=$B$10,7,0)+IF('Standard Profiles'!$G$21=$B$17,14,0)+IF('Standard Profiles'!$G$21=$B$24,21,0),MOD($C1860,24)+1)/SUM(INDEX($D$3:$AA$30,INDEX(Jesper!$R$2:$R$366,ROW(INDEX(Jesper!AK$2:AK$366,ROUNDDOWN($C1860/24,0)+1,1))-1)+IF('Standard Profiles'!$G$21=$B$10,7,0)+IF('Standard Profiles'!$G$21=$B$17,14,0)+IF('Standard Profiles'!$G$21=$B$24,21,0),0)),0)</f>
        <v>4.1674902290915252</v>
      </c>
      <c r="H1860" cm="1">
        <f t="array" ref="H1860">IFERROR(INDEX(Jesper!AL$2:AL$366,ROUNDDOWN($C1860/24,0)+1,1)*INDEX($D$3:$AA$30,INDEX(Jesper!$R$2:$R$366,ROW(INDEX(Jesper!AL$2:AL$366,ROUNDDOWN($C1860/24,0)+1,1))-1)+IF('Standard Profiles'!$G$22=$B$10,7,0)+IF('Standard Profiles'!$G$22=$B$17,14,0)+IF('Standard Profiles'!$G$22=$B$24,21,0),MOD($C1860,24)+1)/SUM(INDEX($D$3:$AA$30,INDEX(Jesper!$R$2:$R$366,ROW(INDEX(Jesper!AL$2:AL$366,ROUNDDOWN($C1860/24,0)+1,1))-1)+IF('Standard Profiles'!$G$22=$B$10,7,0)+IF('Standard Profiles'!$G$22=$B$17,14,0)+IF('Standard Profiles'!$G$22=$B$24,21,0),0)),0)</f>
        <v>2.1259535891665959</v>
      </c>
      <c r="I1860">
        <f t="shared" si="216"/>
        <v>2.040915445599933</v>
      </c>
      <c r="J1860">
        <f t="shared" si="217"/>
        <v>10.863654009812873</v>
      </c>
      <c r="K1860">
        <f t="shared" si="218"/>
        <v>0.32467777748434296</v>
      </c>
      <c r="L1860">
        <f t="shared" si="219"/>
        <v>0.16233888874217148</v>
      </c>
      <c r="M1860">
        <f t="shared" si="220"/>
        <v>0</v>
      </c>
      <c r="N1860" s="45">
        <f t="shared" si="221"/>
        <v>45003.083333328905</v>
      </c>
    </row>
    <row r="1861" spans="2:14" x14ac:dyDescent="0.25">
      <c r="B1861">
        <f t="shared" si="215"/>
        <v>6</v>
      </c>
      <c r="C1861" s="16">
        <v>1827</v>
      </c>
      <c r="D1861" cm="1">
        <f t="array" ref="D1861">IFERROR(INDEX(Jesper!AH$2:AH$366,ROUNDDOWN($C1861/24,0)+1,1)*INDEX($D$3:$AA$30,INDEX(Jesper!$R$2:$R$366,ROW(INDEX(Jesper!AH$2:AH$366,ROUNDDOWN($C1861/24,0)+1,1))-1)+IF('Standard Profiles'!$G$18=$B$10,7,0)+IF('Standard Profiles'!$G$18=$B$17,14,0)+IF('Standard Profiles'!$G$18=$B$24,21,0),MOD($C1861,24)+1)/SUM(INDEX($D$3:$AA$30,INDEX(Jesper!$R$2:$R$366,ROW(INDEX(Jesper!AH$2:AH$366,ROUNDDOWN($C1861/24,0)+1,1))-1)+IF('Standard Profiles'!$G$18=$B$10,7,0)+IF('Standard Profiles'!$G$18=$B$17,14,0)+IF('Standard Profiles'!$G$18=$B$24,21,0),0)),0)</f>
        <v>0</v>
      </c>
      <c r="E1861" cm="1">
        <f t="array" ref="E1861">IFERROR(INDEX(Jesper!AI$2:AI$366,ROUNDDOWN($C1861/24,0)+1,1)*INDEX($D$3:$AA$30,INDEX(Jesper!$R$2:$R$366,ROW(INDEX(Jesper!AI$2:AI$366,ROUNDDOWN($C1861/24,0)+1,1))-1)+IF('Standard Profiles'!$G$19=$B$10,7,0)+IF('Standard Profiles'!$G$19=$B$17,14,0)+IF('Standard Profiles'!$G$19=$B$24,21,0),MOD($C1861,24)+1)/SUM(INDEX($D$3:$AA$30,INDEX(Jesper!$R$2:$R$366,ROW(INDEX(Jesper!AI$2:AI$366,ROUNDDOWN($C1861/24,0)+1,1))-1)+IF('Standard Profiles'!$G$19=$B$10,7,0)+IF('Standard Profiles'!$G$19=$B$17,14,0)+IF('Standard Profiles'!$G$19=$B$24,21,0),0)),0)</f>
        <v>4.0584722185542867</v>
      </c>
      <c r="F1861" cm="1">
        <f t="array" ref="F1861">IFERROR(INDEX(Jesper!AJ$2:AJ$366,ROUNDDOWN($C1861/24,0)+1,1)*INDEX($D$3:$AA$30,INDEX(Jesper!$R$2:$R$366,ROW(INDEX(Jesper!AJ$2:AJ$366,ROUNDDOWN($C1861/24,0)+1,1))-1)+IF('Standard Profiles'!$G$20=$B$10,7,0)+IF('Standard Profiles'!$G$20=$B$17,14,0)+IF('Standard Profiles'!$G$20=$B$24,21,0),MOD($C1861,24)+1)/SUM(INDEX($D$3:$AA$30,INDEX(Jesper!$R$2:$R$366,ROW(INDEX(Jesper!AJ$2:AJ$366,ROUNDDOWN($C1861/24,0)+1,1))-1)+IF('Standard Profiles'!$G$20=$B$10,7,0)+IF('Standard Profiles'!$G$20=$B$17,14,0)+IF('Standard Profiles'!$G$20=$B$24,21,0),0)),0)</f>
        <v>3.0396700848269118</v>
      </c>
      <c r="G1861" cm="1">
        <f t="array" ref="G1861">IFERROR(INDEX(Jesper!AK$2:AK$366,ROUNDDOWN($C1861/24,0)+1,1)*INDEX($D$3:$AA$30,INDEX(Jesper!$R$2:$R$366,ROW(INDEX(Jesper!AK$2:AK$366,ROUNDDOWN($C1861/24,0)+1,1))-1)+IF('Standard Profiles'!$G$21=$B$10,7,0)+IF('Standard Profiles'!$G$21=$B$17,14,0)+IF('Standard Profiles'!$G$21=$B$24,21,0),MOD($C1861,24)+1)/SUM(INDEX($D$3:$AA$30,INDEX(Jesper!$R$2:$R$366,ROW(INDEX(Jesper!AK$2:AK$366,ROUNDDOWN($C1861/24,0)+1,1))-1)+IF('Standard Profiles'!$G$21=$B$10,7,0)+IF('Standard Profiles'!$G$21=$B$17,14,0)+IF('Standard Profiles'!$G$21=$B$24,21,0),0)),0)</f>
        <v>4.1674902290915252</v>
      </c>
      <c r="H1861" cm="1">
        <f t="array" ref="H1861">IFERROR(INDEX(Jesper!AL$2:AL$366,ROUNDDOWN($C1861/24,0)+1,1)*INDEX($D$3:$AA$30,INDEX(Jesper!$R$2:$R$366,ROW(INDEX(Jesper!AL$2:AL$366,ROUNDDOWN($C1861/24,0)+1,1))-1)+IF('Standard Profiles'!$G$22=$B$10,7,0)+IF('Standard Profiles'!$G$22=$B$17,14,0)+IF('Standard Profiles'!$G$22=$B$24,21,0),MOD($C1861,24)+1)/SUM(INDEX($D$3:$AA$30,INDEX(Jesper!$R$2:$R$366,ROW(INDEX(Jesper!AL$2:AL$366,ROUNDDOWN($C1861/24,0)+1,1))-1)+IF('Standard Profiles'!$G$22=$B$10,7,0)+IF('Standard Profiles'!$G$22=$B$17,14,0)+IF('Standard Profiles'!$G$22=$B$24,21,0),0)),0)</f>
        <v>2.1259535891665959</v>
      </c>
      <c r="I1861">
        <f t="shared" si="216"/>
        <v>2.040915445599933</v>
      </c>
      <c r="J1861">
        <f t="shared" si="217"/>
        <v>10.863654009812873</v>
      </c>
      <c r="K1861">
        <f t="shared" si="218"/>
        <v>0.32467777748434296</v>
      </c>
      <c r="L1861">
        <f t="shared" si="219"/>
        <v>0.16233888874217148</v>
      </c>
      <c r="M1861">
        <f t="shared" si="220"/>
        <v>0</v>
      </c>
      <c r="N1861" s="45">
        <f t="shared" si="221"/>
        <v>45003.124999995569</v>
      </c>
    </row>
    <row r="1862" spans="2:14" x14ac:dyDescent="0.25">
      <c r="B1862">
        <f t="shared" si="215"/>
        <v>6</v>
      </c>
      <c r="C1862" s="16">
        <v>1828</v>
      </c>
      <c r="D1862" cm="1">
        <f t="array" ref="D1862">IFERROR(INDEX(Jesper!AH$2:AH$366,ROUNDDOWN($C1862/24,0)+1,1)*INDEX($D$3:$AA$30,INDEX(Jesper!$R$2:$R$366,ROW(INDEX(Jesper!AH$2:AH$366,ROUNDDOWN($C1862/24,0)+1,1))-1)+IF('Standard Profiles'!$G$18=$B$10,7,0)+IF('Standard Profiles'!$G$18=$B$17,14,0)+IF('Standard Profiles'!$G$18=$B$24,21,0),MOD($C1862,24)+1)/SUM(INDEX($D$3:$AA$30,INDEX(Jesper!$R$2:$R$366,ROW(INDEX(Jesper!AH$2:AH$366,ROUNDDOWN($C1862/24,0)+1,1))-1)+IF('Standard Profiles'!$G$18=$B$10,7,0)+IF('Standard Profiles'!$G$18=$B$17,14,0)+IF('Standard Profiles'!$G$18=$B$24,21,0),0)),0)</f>
        <v>0</v>
      </c>
      <c r="E1862" cm="1">
        <f t="array" ref="E1862">IFERROR(INDEX(Jesper!AI$2:AI$366,ROUNDDOWN($C1862/24,0)+1,1)*INDEX($D$3:$AA$30,INDEX(Jesper!$R$2:$R$366,ROW(INDEX(Jesper!AI$2:AI$366,ROUNDDOWN($C1862/24,0)+1,1))-1)+IF('Standard Profiles'!$G$19=$B$10,7,0)+IF('Standard Profiles'!$G$19=$B$17,14,0)+IF('Standard Profiles'!$G$19=$B$24,21,0),MOD($C1862,24)+1)/SUM(INDEX($D$3:$AA$30,INDEX(Jesper!$R$2:$R$366,ROW(INDEX(Jesper!AI$2:AI$366,ROUNDDOWN($C1862/24,0)+1,1))-1)+IF('Standard Profiles'!$G$19=$B$10,7,0)+IF('Standard Profiles'!$G$19=$B$17,14,0)+IF('Standard Profiles'!$G$19=$B$24,21,0),0)),0)</f>
        <v>4.0584722185542867</v>
      </c>
      <c r="F1862" cm="1">
        <f t="array" ref="F1862">IFERROR(INDEX(Jesper!AJ$2:AJ$366,ROUNDDOWN($C1862/24,0)+1,1)*INDEX($D$3:$AA$30,INDEX(Jesper!$R$2:$R$366,ROW(INDEX(Jesper!AJ$2:AJ$366,ROUNDDOWN($C1862/24,0)+1,1))-1)+IF('Standard Profiles'!$G$20=$B$10,7,0)+IF('Standard Profiles'!$G$20=$B$17,14,0)+IF('Standard Profiles'!$G$20=$B$24,21,0),MOD($C1862,24)+1)/SUM(INDEX($D$3:$AA$30,INDEX(Jesper!$R$2:$R$366,ROW(INDEX(Jesper!AJ$2:AJ$366,ROUNDDOWN($C1862/24,0)+1,1))-1)+IF('Standard Profiles'!$G$20=$B$10,7,0)+IF('Standard Profiles'!$G$20=$B$17,14,0)+IF('Standard Profiles'!$G$20=$B$24,21,0),0)),0)</f>
        <v>3.0396700848269118</v>
      </c>
      <c r="G1862" cm="1">
        <f t="array" ref="G1862">IFERROR(INDEX(Jesper!AK$2:AK$366,ROUNDDOWN($C1862/24,0)+1,1)*INDEX($D$3:$AA$30,INDEX(Jesper!$R$2:$R$366,ROW(INDEX(Jesper!AK$2:AK$366,ROUNDDOWN($C1862/24,0)+1,1))-1)+IF('Standard Profiles'!$G$21=$B$10,7,0)+IF('Standard Profiles'!$G$21=$B$17,14,0)+IF('Standard Profiles'!$G$21=$B$24,21,0),MOD($C1862,24)+1)/SUM(INDEX($D$3:$AA$30,INDEX(Jesper!$R$2:$R$366,ROW(INDEX(Jesper!AK$2:AK$366,ROUNDDOWN($C1862/24,0)+1,1))-1)+IF('Standard Profiles'!$G$21=$B$10,7,0)+IF('Standard Profiles'!$G$21=$B$17,14,0)+IF('Standard Profiles'!$G$21=$B$24,21,0),0)),0)</f>
        <v>4.1674902290915252</v>
      </c>
      <c r="H1862" cm="1">
        <f t="array" ref="H1862">IFERROR(INDEX(Jesper!AL$2:AL$366,ROUNDDOWN($C1862/24,0)+1,1)*INDEX($D$3:$AA$30,INDEX(Jesper!$R$2:$R$366,ROW(INDEX(Jesper!AL$2:AL$366,ROUNDDOWN($C1862/24,0)+1,1))-1)+IF('Standard Profiles'!$G$22=$B$10,7,0)+IF('Standard Profiles'!$G$22=$B$17,14,0)+IF('Standard Profiles'!$G$22=$B$24,21,0),MOD($C1862,24)+1)/SUM(INDEX($D$3:$AA$30,INDEX(Jesper!$R$2:$R$366,ROW(INDEX(Jesper!AL$2:AL$366,ROUNDDOWN($C1862/24,0)+1,1))-1)+IF('Standard Profiles'!$G$22=$B$10,7,0)+IF('Standard Profiles'!$G$22=$B$17,14,0)+IF('Standard Profiles'!$G$22=$B$24,21,0),0)),0)</f>
        <v>2.1259535891665959</v>
      </c>
      <c r="I1862">
        <f t="shared" si="216"/>
        <v>2.040915445599933</v>
      </c>
      <c r="J1862">
        <f t="shared" si="217"/>
        <v>10.863654009812873</v>
      </c>
      <c r="K1862">
        <f t="shared" si="218"/>
        <v>0.32467777748434296</v>
      </c>
      <c r="L1862">
        <f t="shared" si="219"/>
        <v>0.16233888874217148</v>
      </c>
      <c r="M1862">
        <f t="shared" si="220"/>
        <v>0</v>
      </c>
      <c r="N1862" s="45">
        <f t="shared" si="221"/>
        <v>45003.166666662233</v>
      </c>
    </row>
    <row r="1863" spans="2:14" x14ac:dyDescent="0.25">
      <c r="B1863">
        <f t="shared" si="215"/>
        <v>6</v>
      </c>
      <c r="C1863" s="16">
        <v>1829</v>
      </c>
      <c r="D1863" cm="1">
        <f t="array" ref="D1863">IFERROR(INDEX(Jesper!AH$2:AH$366,ROUNDDOWN($C1863/24,0)+1,1)*INDEX($D$3:$AA$30,INDEX(Jesper!$R$2:$R$366,ROW(INDEX(Jesper!AH$2:AH$366,ROUNDDOWN($C1863/24,0)+1,1))-1)+IF('Standard Profiles'!$G$18=$B$10,7,0)+IF('Standard Profiles'!$G$18=$B$17,14,0)+IF('Standard Profiles'!$G$18=$B$24,21,0),MOD($C1863,24)+1)/SUM(INDEX($D$3:$AA$30,INDEX(Jesper!$R$2:$R$366,ROW(INDEX(Jesper!AH$2:AH$366,ROUNDDOWN($C1863/24,0)+1,1))-1)+IF('Standard Profiles'!$G$18=$B$10,7,0)+IF('Standard Profiles'!$G$18=$B$17,14,0)+IF('Standard Profiles'!$G$18=$B$24,21,0),0)),0)</f>
        <v>0</v>
      </c>
      <c r="E1863" cm="1">
        <f t="array" ref="E1863">IFERROR(INDEX(Jesper!AI$2:AI$366,ROUNDDOWN($C1863/24,0)+1,1)*INDEX($D$3:$AA$30,INDEX(Jesper!$R$2:$R$366,ROW(INDEX(Jesper!AI$2:AI$366,ROUNDDOWN($C1863/24,0)+1,1))-1)+IF('Standard Profiles'!$G$19=$B$10,7,0)+IF('Standard Profiles'!$G$19=$B$17,14,0)+IF('Standard Profiles'!$G$19=$B$24,21,0),MOD($C1863,24)+1)/SUM(INDEX($D$3:$AA$30,INDEX(Jesper!$R$2:$R$366,ROW(INDEX(Jesper!AI$2:AI$366,ROUNDDOWN($C1863/24,0)+1,1))-1)+IF('Standard Profiles'!$G$19=$B$10,7,0)+IF('Standard Profiles'!$G$19=$B$17,14,0)+IF('Standard Profiles'!$G$19=$B$24,21,0),0)),0)</f>
        <v>4.0584722185542867</v>
      </c>
      <c r="F1863" cm="1">
        <f t="array" ref="F1863">IFERROR(INDEX(Jesper!AJ$2:AJ$366,ROUNDDOWN($C1863/24,0)+1,1)*INDEX($D$3:$AA$30,INDEX(Jesper!$R$2:$R$366,ROW(INDEX(Jesper!AJ$2:AJ$366,ROUNDDOWN($C1863/24,0)+1,1))-1)+IF('Standard Profiles'!$G$20=$B$10,7,0)+IF('Standard Profiles'!$G$20=$B$17,14,0)+IF('Standard Profiles'!$G$20=$B$24,21,0),MOD($C1863,24)+1)/SUM(INDEX($D$3:$AA$30,INDEX(Jesper!$R$2:$R$366,ROW(INDEX(Jesper!AJ$2:AJ$366,ROUNDDOWN($C1863/24,0)+1,1))-1)+IF('Standard Profiles'!$G$20=$B$10,7,0)+IF('Standard Profiles'!$G$20=$B$17,14,0)+IF('Standard Profiles'!$G$20=$B$24,21,0),0)),0)</f>
        <v>3.0396700848269118</v>
      </c>
      <c r="G1863" cm="1">
        <f t="array" ref="G1863">IFERROR(INDEX(Jesper!AK$2:AK$366,ROUNDDOWN($C1863/24,0)+1,1)*INDEX($D$3:$AA$30,INDEX(Jesper!$R$2:$R$366,ROW(INDEX(Jesper!AK$2:AK$366,ROUNDDOWN($C1863/24,0)+1,1))-1)+IF('Standard Profiles'!$G$21=$B$10,7,0)+IF('Standard Profiles'!$G$21=$B$17,14,0)+IF('Standard Profiles'!$G$21=$B$24,21,0),MOD($C1863,24)+1)/SUM(INDEX($D$3:$AA$30,INDEX(Jesper!$R$2:$R$366,ROW(INDEX(Jesper!AK$2:AK$366,ROUNDDOWN($C1863/24,0)+1,1))-1)+IF('Standard Profiles'!$G$21=$B$10,7,0)+IF('Standard Profiles'!$G$21=$B$17,14,0)+IF('Standard Profiles'!$G$21=$B$24,21,0),0)),0)</f>
        <v>4.1674902290915252</v>
      </c>
      <c r="H1863" cm="1">
        <f t="array" ref="H1863">IFERROR(INDEX(Jesper!AL$2:AL$366,ROUNDDOWN($C1863/24,0)+1,1)*INDEX($D$3:$AA$30,INDEX(Jesper!$R$2:$R$366,ROW(INDEX(Jesper!AL$2:AL$366,ROUNDDOWN($C1863/24,0)+1,1))-1)+IF('Standard Profiles'!$G$22=$B$10,7,0)+IF('Standard Profiles'!$G$22=$B$17,14,0)+IF('Standard Profiles'!$G$22=$B$24,21,0),MOD($C1863,24)+1)/SUM(INDEX($D$3:$AA$30,INDEX(Jesper!$R$2:$R$366,ROW(INDEX(Jesper!AL$2:AL$366,ROUNDDOWN($C1863/24,0)+1,1))-1)+IF('Standard Profiles'!$G$22=$B$10,7,0)+IF('Standard Profiles'!$G$22=$B$17,14,0)+IF('Standard Profiles'!$G$22=$B$24,21,0),0)),0)</f>
        <v>2.6444788548169851</v>
      </c>
      <c r="I1863">
        <f t="shared" si="216"/>
        <v>2.5386997006243068</v>
      </c>
      <c r="J1863">
        <f t="shared" si="217"/>
        <v>10.884395020438888</v>
      </c>
      <c r="K1863">
        <f t="shared" si="218"/>
        <v>0.32467777748434296</v>
      </c>
      <c r="L1863">
        <f t="shared" si="219"/>
        <v>0.16233888874217148</v>
      </c>
      <c r="M1863">
        <f t="shared" si="220"/>
        <v>0</v>
      </c>
      <c r="N1863" s="45">
        <f t="shared" si="221"/>
        <v>45003.208333328897</v>
      </c>
    </row>
    <row r="1864" spans="2:14" x14ac:dyDescent="0.25">
      <c r="B1864">
        <f t="shared" si="215"/>
        <v>6</v>
      </c>
      <c r="C1864" s="16">
        <v>1830</v>
      </c>
      <c r="D1864" cm="1">
        <f t="array" ref="D1864">IFERROR(INDEX(Jesper!AH$2:AH$366,ROUNDDOWN($C1864/24,0)+1,1)*INDEX($D$3:$AA$30,INDEX(Jesper!$R$2:$R$366,ROW(INDEX(Jesper!AH$2:AH$366,ROUNDDOWN($C1864/24,0)+1,1))-1)+IF('Standard Profiles'!$G$18=$B$10,7,0)+IF('Standard Profiles'!$G$18=$B$17,14,0)+IF('Standard Profiles'!$G$18=$B$24,21,0),MOD($C1864,24)+1)/SUM(INDEX($D$3:$AA$30,INDEX(Jesper!$R$2:$R$366,ROW(INDEX(Jesper!AH$2:AH$366,ROUNDDOWN($C1864/24,0)+1,1))-1)+IF('Standard Profiles'!$G$18=$B$10,7,0)+IF('Standard Profiles'!$G$18=$B$17,14,0)+IF('Standard Profiles'!$G$18=$B$24,21,0),0)),0)</f>
        <v>0</v>
      </c>
      <c r="E1864" cm="1">
        <f t="array" ref="E1864">IFERROR(INDEX(Jesper!AI$2:AI$366,ROUNDDOWN($C1864/24,0)+1,1)*INDEX($D$3:$AA$30,INDEX(Jesper!$R$2:$R$366,ROW(INDEX(Jesper!AI$2:AI$366,ROUNDDOWN($C1864/24,0)+1,1))-1)+IF('Standard Profiles'!$G$19=$B$10,7,0)+IF('Standard Profiles'!$G$19=$B$17,14,0)+IF('Standard Profiles'!$G$19=$B$24,21,0),MOD($C1864,24)+1)/SUM(INDEX($D$3:$AA$30,INDEX(Jesper!$R$2:$R$366,ROW(INDEX(Jesper!AI$2:AI$366,ROUNDDOWN($C1864/24,0)+1,1))-1)+IF('Standard Profiles'!$G$19=$B$10,7,0)+IF('Standard Profiles'!$G$19=$B$17,14,0)+IF('Standard Profiles'!$G$19=$B$24,21,0),0)),0)</f>
        <v>4.0584722185542867</v>
      </c>
      <c r="F1864" cm="1">
        <f t="array" ref="F1864">IFERROR(INDEX(Jesper!AJ$2:AJ$366,ROUNDDOWN($C1864/24,0)+1,1)*INDEX($D$3:$AA$30,INDEX(Jesper!$R$2:$R$366,ROW(INDEX(Jesper!AJ$2:AJ$366,ROUNDDOWN($C1864/24,0)+1,1))-1)+IF('Standard Profiles'!$G$20=$B$10,7,0)+IF('Standard Profiles'!$G$20=$B$17,14,0)+IF('Standard Profiles'!$G$20=$B$24,21,0),MOD($C1864,24)+1)/SUM(INDEX($D$3:$AA$30,INDEX(Jesper!$R$2:$R$366,ROW(INDEX(Jesper!AJ$2:AJ$366,ROUNDDOWN($C1864/24,0)+1,1))-1)+IF('Standard Profiles'!$G$20=$B$10,7,0)+IF('Standard Profiles'!$G$20=$B$17,14,0)+IF('Standard Profiles'!$G$20=$B$24,21,0),0)),0)</f>
        <v>3.0396700848269118</v>
      </c>
      <c r="G1864" cm="1">
        <f t="array" ref="G1864">IFERROR(INDEX(Jesper!AK$2:AK$366,ROUNDDOWN($C1864/24,0)+1,1)*INDEX($D$3:$AA$30,INDEX(Jesper!$R$2:$R$366,ROW(INDEX(Jesper!AK$2:AK$366,ROUNDDOWN($C1864/24,0)+1,1))-1)+IF('Standard Profiles'!$G$21=$B$10,7,0)+IF('Standard Profiles'!$G$21=$B$17,14,0)+IF('Standard Profiles'!$G$21=$B$24,21,0),MOD($C1864,24)+1)/SUM(INDEX($D$3:$AA$30,INDEX(Jesper!$R$2:$R$366,ROW(INDEX(Jesper!AK$2:AK$366,ROUNDDOWN($C1864/24,0)+1,1))-1)+IF('Standard Profiles'!$G$21=$B$10,7,0)+IF('Standard Profiles'!$G$21=$B$17,14,0)+IF('Standard Profiles'!$G$21=$B$24,21,0),0)),0)</f>
        <v>4.1674902290915252</v>
      </c>
      <c r="H1864" cm="1">
        <f t="array" ref="H1864">IFERROR(INDEX(Jesper!AL$2:AL$366,ROUNDDOWN($C1864/24,0)+1,1)*INDEX($D$3:$AA$30,INDEX(Jesper!$R$2:$R$366,ROW(INDEX(Jesper!AL$2:AL$366,ROUNDDOWN($C1864/24,0)+1,1))-1)+IF('Standard Profiles'!$G$22=$B$10,7,0)+IF('Standard Profiles'!$G$22=$B$17,14,0)+IF('Standard Profiles'!$G$22=$B$24,21,0),MOD($C1864,24)+1)/SUM(INDEX($D$3:$AA$30,INDEX(Jesper!$R$2:$R$366,ROW(INDEX(Jesper!AL$2:AL$366,ROUNDDOWN($C1864/24,0)+1,1))-1)+IF('Standard Profiles'!$G$22=$B$10,7,0)+IF('Standard Profiles'!$G$22=$B$17,14,0)+IF('Standard Profiles'!$G$22=$B$24,21,0),0)),0)</f>
        <v>3.318561700162491</v>
      </c>
      <c r="I1864">
        <f t="shared" si="216"/>
        <v>3.1858192321559931</v>
      </c>
      <c r="J1864">
        <f t="shared" si="217"/>
        <v>10.911358334252707</v>
      </c>
      <c r="K1864">
        <f t="shared" si="218"/>
        <v>0.32467777748434296</v>
      </c>
      <c r="L1864">
        <f t="shared" si="219"/>
        <v>0.16233888874217148</v>
      </c>
      <c r="M1864">
        <f t="shared" si="220"/>
        <v>0</v>
      </c>
      <c r="N1864" s="45">
        <f t="shared" si="221"/>
        <v>45003.249999995562</v>
      </c>
    </row>
    <row r="1865" spans="2:14" x14ac:dyDescent="0.25">
      <c r="B1865">
        <f t="shared" si="215"/>
        <v>6</v>
      </c>
      <c r="C1865" s="16">
        <v>1831</v>
      </c>
      <c r="D1865" cm="1">
        <f t="array" ref="D1865">IFERROR(INDEX(Jesper!AH$2:AH$366,ROUNDDOWN($C1865/24,0)+1,1)*INDEX($D$3:$AA$30,INDEX(Jesper!$R$2:$R$366,ROW(INDEX(Jesper!AH$2:AH$366,ROUNDDOWN($C1865/24,0)+1,1))-1)+IF('Standard Profiles'!$G$18=$B$10,7,0)+IF('Standard Profiles'!$G$18=$B$17,14,0)+IF('Standard Profiles'!$G$18=$B$24,21,0),MOD($C1865,24)+1)/SUM(INDEX($D$3:$AA$30,INDEX(Jesper!$R$2:$R$366,ROW(INDEX(Jesper!AH$2:AH$366,ROUNDDOWN($C1865/24,0)+1,1))-1)+IF('Standard Profiles'!$G$18=$B$10,7,0)+IF('Standard Profiles'!$G$18=$B$17,14,0)+IF('Standard Profiles'!$G$18=$B$24,21,0),0)),0)</f>
        <v>0</v>
      </c>
      <c r="E1865" cm="1">
        <f t="array" ref="E1865">IFERROR(INDEX(Jesper!AI$2:AI$366,ROUNDDOWN($C1865/24,0)+1,1)*INDEX($D$3:$AA$30,INDEX(Jesper!$R$2:$R$366,ROW(INDEX(Jesper!AI$2:AI$366,ROUNDDOWN($C1865/24,0)+1,1))-1)+IF('Standard Profiles'!$G$19=$B$10,7,0)+IF('Standard Profiles'!$G$19=$B$17,14,0)+IF('Standard Profiles'!$G$19=$B$24,21,0),MOD($C1865,24)+1)/SUM(INDEX($D$3:$AA$30,INDEX(Jesper!$R$2:$R$366,ROW(INDEX(Jesper!AI$2:AI$366,ROUNDDOWN($C1865/24,0)+1,1))-1)+IF('Standard Profiles'!$G$19=$B$10,7,0)+IF('Standard Profiles'!$G$19=$B$17,14,0)+IF('Standard Profiles'!$G$19=$B$24,21,0),0)),0)</f>
        <v>4.0584722185542867</v>
      </c>
      <c r="F1865" cm="1">
        <f t="array" ref="F1865">IFERROR(INDEX(Jesper!AJ$2:AJ$366,ROUNDDOWN($C1865/24,0)+1,1)*INDEX($D$3:$AA$30,INDEX(Jesper!$R$2:$R$366,ROW(INDEX(Jesper!AJ$2:AJ$366,ROUNDDOWN($C1865/24,0)+1,1))-1)+IF('Standard Profiles'!$G$20=$B$10,7,0)+IF('Standard Profiles'!$G$20=$B$17,14,0)+IF('Standard Profiles'!$G$20=$B$24,21,0),MOD($C1865,24)+1)/SUM(INDEX($D$3:$AA$30,INDEX(Jesper!$R$2:$R$366,ROW(INDEX(Jesper!AJ$2:AJ$366,ROUNDDOWN($C1865/24,0)+1,1))-1)+IF('Standard Profiles'!$G$20=$B$10,7,0)+IF('Standard Profiles'!$G$20=$B$17,14,0)+IF('Standard Profiles'!$G$20=$B$24,21,0),0)),0)</f>
        <v>3.0396700848269118</v>
      </c>
      <c r="G1865" cm="1">
        <f t="array" ref="G1865">IFERROR(INDEX(Jesper!AK$2:AK$366,ROUNDDOWN($C1865/24,0)+1,1)*INDEX($D$3:$AA$30,INDEX(Jesper!$R$2:$R$366,ROW(INDEX(Jesper!AK$2:AK$366,ROUNDDOWN($C1865/24,0)+1,1))-1)+IF('Standard Profiles'!$G$21=$B$10,7,0)+IF('Standard Profiles'!$G$21=$B$17,14,0)+IF('Standard Profiles'!$G$21=$B$24,21,0),MOD($C1865,24)+1)/SUM(INDEX($D$3:$AA$30,INDEX(Jesper!$R$2:$R$366,ROW(INDEX(Jesper!AK$2:AK$366,ROUNDDOWN($C1865/24,0)+1,1))-1)+IF('Standard Profiles'!$G$21=$B$10,7,0)+IF('Standard Profiles'!$G$21=$B$17,14,0)+IF('Standard Profiles'!$G$21=$B$24,21,0),0)),0)</f>
        <v>4.1674902290915252</v>
      </c>
      <c r="H1865" cm="1">
        <f t="array" ref="H1865">IFERROR(INDEX(Jesper!AL$2:AL$366,ROUNDDOWN($C1865/24,0)+1,1)*INDEX($D$3:$AA$30,INDEX(Jesper!$R$2:$R$366,ROW(INDEX(Jesper!AL$2:AL$366,ROUNDDOWN($C1865/24,0)+1,1))-1)+IF('Standard Profiles'!$G$22=$B$10,7,0)+IF('Standard Profiles'!$G$22=$B$17,14,0)+IF('Standard Profiles'!$G$22=$B$24,21,0),MOD($C1865,24)+1)/SUM(INDEX($D$3:$AA$30,INDEX(Jesper!$R$2:$R$366,ROW(INDEX(Jesper!AL$2:AL$366,ROUNDDOWN($C1865/24,0)+1,1))-1)+IF('Standard Profiles'!$G$22=$B$10,7,0)+IF('Standard Profiles'!$G$22=$B$17,14,0)+IF('Standard Profiles'!$G$22=$B$24,21,0),0)),0)</f>
        <v>3.7852344392478412</v>
      </c>
      <c r="I1865">
        <f t="shared" si="216"/>
        <v>3.6338250616779297</v>
      </c>
      <c r="J1865">
        <f t="shared" si="217"/>
        <v>10.930025243816122</v>
      </c>
      <c r="K1865">
        <f t="shared" si="218"/>
        <v>0.32467777748434296</v>
      </c>
      <c r="L1865">
        <f t="shared" si="219"/>
        <v>0.16233888874217148</v>
      </c>
      <c r="M1865">
        <f t="shared" si="220"/>
        <v>0</v>
      </c>
      <c r="N1865" s="45">
        <f t="shared" si="221"/>
        <v>45003.291666662226</v>
      </c>
    </row>
    <row r="1866" spans="2:14" x14ac:dyDescent="0.25">
      <c r="B1866">
        <f t="shared" si="215"/>
        <v>6</v>
      </c>
      <c r="C1866" s="16">
        <v>1832</v>
      </c>
      <c r="D1866" cm="1">
        <f t="array" ref="D1866">IFERROR(INDEX(Jesper!AH$2:AH$366,ROUNDDOWN($C1866/24,0)+1,1)*INDEX($D$3:$AA$30,INDEX(Jesper!$R$2:$R$366,ROW(INDEX(Jesper!AH$2:AH$366,ROUNDDOWN($C1866/24,0)+1,1))-1)+IF('Standard Profiles'!$G$18=$B$10,7,0)+IF('Standard Profiles'!$G$18=$B$17,14,0)+IF('Standard Profiles'!$G$18=$B$24,21,0),MOD($C1866,24)+1)/SUM(INDEX($D$3:$AA$30,INDEX(Jesper!$R$2:$R$366,ROW(INDEX(Jesper!AH$2:AH$366,ROUNDDOWN($C1866/24,0)+1,1))-1)+IF('Standard Profiles'!$G$18=$B$10,7,0)+IF('Standard Profiles'!$G$18=$B$17,14,0)+IF('Standard Profiles'!$G$18=$B$24,21,0),0)),0)</f>
        <v>0</v>
      </c>
      <c r="E1866" cm="1">
        <f t="array" ref="E1866">IFERROR(INDEX(Jesper!AI$2:AI$366,ROUNDDOWN($C1866/24,0)+1,1)*INDEX($D$3:$AA$30,INDEX(Jesper!$R$2:$R$366,ROW(INDEX(Jesper!AI$2:AI$366,ROUNDDOWN($C1866/24,0)+1,1))-1)+IF('Standard Profiles'!$G$19=$B$10,7,0)+IF('Standard Profiles'!$G$19=$B$17,14,0)+IF('Standard Profiles'!$G$19=$B$24,21,0),MOD($C1866,24)+1)/SUM(INDEX($D$3:$AA$30,INDEX(Jesper!$R$2:$R$366,ROW(INDEX(Jesper!AI$2:AI$366,ROUNDDOWN($C1866/24,0)+1,1))-1)+IF('Standard Profiles'!$G$19=$B$10,7,0)+IF('Standard Profiles'!$G$19=$B$17,14,0)+IF('Standard Profiles'!$G$19=$B$24,21,0),0)),0)</f>
        <v>4.0584722185542867</v>
      </c>
      <c r="F1866" cm="1">
        <f t="array" ref="F1866">IFERROR(INDEX(Jesper!AJ$2:AJ$366,ROUNDDOWN($C1866/24,0)+1,1)*INDEX($D$3:$AA$30,INDEX(Jesper!$R$2:$R$366,ROW(INDEX(Jesper!AJ$2:AJ$366,ROUNDDOWN($C1866/24,0)+1,1))-1)+IF('Standard Profiles'!$G$20=$B$10,7,0)+IF('Standard Profiles'!$G$20=$B$17,14,0)+IF('Standard Profiles'!$G$20=$B$24,21,0),MOD($C1866,24)+1)/SUM(INDEX($D$3:$AA$30,INDEX(Jesper!$R$2:$R$366,ROW(INDEX(Jesper!AJ$2:AJ$366,ROUNDDOWN($C1866/24,0)+1,1))-1)+IF('Standard Profiles'!$G$20=$B$10,7,0)+IF('Standard Profiles'!$G$20=$B$17,14,0)+IF('Standard Profiles'!$G$20=$B$24,21,0),0)),0)</f>
        <v>3.0396700848269118</v>
      </c>
      <c r="G1866" cm="1">
        <f t="array" ref="G1866">IFERROR(INDEX(Jesper!AK$2:AK$366,ROUNDDOWN($C1866/24,0)+1,1)*INDEX($D$3:$AA$30,INDEX(Jesper!$R$2:$R$366,ROW(INDEX(Jesper!AK$2:AK$366,ROUNDDOWN($C1866/24,0)+1,1))-1)+IF('Standard Profiles'!$G$21=$B$10,7,0)+IF('Standard Profiles'!$G$21=$B$17,14,0)+IF('Standard Profiles'!$G$21=$B$24,21,0),MOD($C1866,24)+1)/SUM(INDEX($D$3:$AA$30,INDEX(Jesper!$R$2:$R$366,ROW(INDEX(Jesper!AK$2:AK$366,ROUNDDOWN($C1866/24,0)+1,1))-1)+IF('Standard Profiles'!$G$21=$B$10,7,0)+IF('Standard Profiles'!$G$21=$B$17,14,0)+IF('Standard Profiles'!$G$21=$B$24,21,0),0)),0)</f>
        <v>4.1674902290915252</v>
      </c>
      <c r="H1866" cm="1">
        <f t="array" ref="H1866">IFERROR(INDEX(Jesper!AL$2:AL$366,ROUNDDOWN($C1866/24,0)+1,1)*INDEX($D$3:$AA$30,INDEX(Jesper!$R$2:$R$366,ROW(INDEX(Jesper!AL$2:AL$366,ROUNDDOWN($C1866/24,0)+1,1))-1)+IF('Standard Profiles'!$G$22=$B$10,7,0)+IF('Standard Profiles'!$G$22=$B$17,14,0)+IF('Standard Profiles'!$G$22=$B$24,21,0),MOD($C1866,24)+1)/SUM(INDEX($D$3:$AA$30,INDEX(Jesper!$R$2:$R$366,ROW(INDEX(Jesper!AL$2:AL$366,ROUNDDOWN($C1866/24,0)+1,1))-1)+IF('Standard Profiles'!$G$22=$B$10,7,0)+IF('Standard Profiles'!$G$22=$B$17,14,0)+IF('Standard Profiles'!$G$22=$B$24,21,0),0)),0)</f>
        <v>3.7852344392478412</v>
      </c>
      <c r="I1866">
        <f t="shared" si="216"/>
        <v>3.6338250616779297</v>
      </c>
      <c r="J1866">
        <f t="shared" si="217"/>
        <v>10.930025243816122</v>
      </c>
      <c r="K1866">
        <f t="shared" si="218"/>
        <v>0.32467777748434296</v>
      </c>
      <c r="L1866">
        <f t="shared" si="219"/>
        <v>0.16233888874217148</v>
      </c>
      <c r="M1866">
        <f t="shared" si="220"/>
        <v>0</v>
      </c>
      <c r="N1866" s="45">
        <f t="shared" si="221"/>
        <v>45003.33333332889</v>
      </c>
    </row>
    <row r="1867" spans="2:14" x14ac:dyDescent="0.25">
      <c r="B1867">
        <f t="shared" si="215"/>
        <v>6</v>
      </c>
      <c r="C1867" s="16">
        <v>1833</v>
      </c>
      <c r="D1867" cm="1">
        <f t="array" ref="D1867">IFERROR(INDEX(Jesper!AH$2:AH$366,ROUNDDOWN($C1867/24,0)+1,1)*INDEX($D$3:$AA$30,INDEX(Jesper!$R$2:$R$366,ROW(INDEX(Jesper!AH$2:AH$366,ROUNDDOWN($C1867/24,0)+1,1))-1)+IF('Standard Profiles'!$G$18=$B$10,7,0)+IF('Standard Profiles'!$G$18=$B$17,14,0)+IF('Standard Profiles'!$G$18=$B$24,21,0),MOD($C1867,24)+1)/SUM(INDEX($D$3:$AA$30,INDEX(Jesper!$R$2:$R$366,ROW(INDEX(Jesper!AH$2:AH$366,ROUNDDOWN($C1867/24,0)+1,1))-1)+IF('Standard Profiles'!$G$18=$B$10,7,0)+IF('Standard Profiles'!$G$18=$B$17,14,0)+IF('Standard Profiles'!$G$18=$B$24,21,0),0)),0)</f>
        <v>0</v>
      </c>
      <c r="E1867" cm="1">
        <f t="array" ref="E1867">IFERROR(INDEX(Jesper!AI$2:AI$366,ROUNDDOWN($C1867/24,0)+1,1)*INDEX($D$3:$AA$30,INDEX(Jesper!$R$2:$R$366,ROW(INDEX(Jesper!AI$2:AI$366,ROUNDDOWN($C1867/24,0)+1,1))-1)+IF('Standard Profiles'!$G$19=$B$10,7,0)+IF('Standard Profiles'!$G$19=$B$17,14,0)+IF('Standard Profiles'!$G$19=$B$24,21,0),MOD($C1867,24)+1)/SUM(INDEX($D$3:$AA$30,INDEX(Jesper!$R$2:$R$366,ROW(INDEX(Jesper!AI$2:AI$366,ROUNDDOWN($C1867/24,0)+1,1))-1)+IF('Standard Profiles'!$G$19=$B$10,7,0)+IF('Standard Profiles'!$G$19=$B$17,14,0)+IF('Standard Profiles'!$G$19=$B$24,21,0),0)),0)</f>
        <v>4.0584722185542867</v>
      </c>
      <c r="F1867" cm="1">
        <f t="array" ref="F1867">IFERROR(INDEX(Jesper!AJ$2:AJ$366,ROUNDDOWN($C1867/24,0)+1,1)*INDEX($D$3:$AA$30,INDEX(Jesper!$R$2:$R$366,ROW(INDEX(Jesper!AJ$2:AJ$366,ROUNDDOWN($C1867/24,0)+1,1))-1)+IF('Standard Profiles'!$G$20=$B$10,7,0)+IF('Standard Profiles'!$G$20=$B$17,14,0)+IF('Standard Profiles'!$G$20=$B$24,21,0),MOD($C1867,24)+1)/SUM(INDEX($D$3:$AA$30,INDEX(Jesper!$R$2:$R$366,ROW(INDEX(Jesper!AJ$2:AJ$366,ROUNDDOWN($C1867/24,0)+1,1))-1)+IF('Standard Profiles'!$G$20=$B$10,7,0)+IF('Standard Profiles'!$G$20=$B$17,14,0)+IF('Standard Profiles'!$G$20=$B$24,21,0),0)),0)</f>
        <v>3.0396700848269118</v>
      </c>
      <c r="G1867" cm="1">
        <f t="array" ref="G1867">IFERROR(INDEX(Jesper!AK$2:AK$366,ROUNDDOWN($C1867/24,0)+1,1)*INDEX($D$3:$AA$30,INDEX(Jesper!$R$2:$R$366,ROW(INDEX(Jesper!AK$2:AK$366,ROUNDDOWN($C1867/24,0)+1,1))-1)+IF('Standard Profiles'!$G$21=$B$10,7,0)+IF('Standard Profiles'!$G$21=$B$17,14,0)+IF('Standard Profiles'!$G$21=$B$24,21,0),MOD($C1867,24)+1)/SUM(INDEX($D$3:$AA$30,INDEX(Jesper!$R$2:$R$366,ROW(INDEX(Jesper!AK$2:AK$366,ROUNDDOWN($C1867/24,0)+1,1))-1)+IF('Standard Profiles'!$G$21=$B$10,7,0)+IF('Standard Profiles'!$G$21=$B$17,14,0)+IF('Standard Profiles'!$G$21=$B$24,21,0),0)),0)</f>
        <v>4.1674902290915252</v>
      </c>
      <c r="H1867" cm="1">
        <f t="array" ref="H1867">IFERROR(INDEX(Jesper!AL$2:AL$366,ROUNDDOWN($C1867/24,0)+1,1)*INDEX($D$3:$AA$30,INDEX(Jesper!$R$2:$R$366,ROW(INDEX(Jesper!AL$2:AL$366,ROUNDDOWN($C1867/24,0)+1,1))-1)+IF('Standard Profiles'!$G$22=$B$10,7,0)+IF('Standard Profiles'!$G$22=$B$17,14,0)+IF('Standard Profiles'!$G$22=$B$24,21,0),MOD($C1867,24)+1)/SUM(INDEX($D$3:$AA$30,INDEX(Jesper!$R$2:$R$366,ROW(INDEX(Jesper!AL$2:AL$366,ROUNDDOWN($C1867/24,0)+1,1))-1)+IF('Standard Profiles'!$G$22=$B$10,7,0)+IF('Standard Profiles'!$G$22=$B$17,14,0)+IF('Standard Profiles'!$G$22=$B$24,21,0),0)),0)</f>
        <v>3.7852344392478412</v>
      </c>
      <c r="I1867">
        <f t="shared" si="216"/>
        <v>3.6338250616779297</v>
      </c>
      <c r="J1867">
        <f t="shared" si="217"/>
        <v>10.930025243816122</v>
      </c>
      <c r="K1867">
        <f t="shared" si="218"/>
        <v>0.32467777748434296</v>
      </c>
      <c r="L1867">
        <f t="shared" si="219"/>
        <v>0.16233888874217148</v>
      </c>
      <c r="M1867">
        <f t="shared" si="220"/>
        <v>0</v>
      </c>
      <c r="N1867" s="45">
        <f t="shared" si="221"/>
        <v>45003.374999995554</v>
      </c>
    </row>
    <row r="1868" spans="2:14" x14ac:dyDescent="0.25">
      <c r="B1868">
        <f t="shared" si="215"/>
        <v>6</v>
      </c>
      <c r="C1868" s="16">
        <v>1834</v>
      </c>
      <c r="D1868" cm="1">
        <f t="array" ref="D1868">IFERROR(INDEX(Jesper!AH$2:AH$366,ROUNDDOWN($C1868/24,0)+1,1)*INDEX($D$3:$AA$30,INDEX(Jesper!$R$2:$R$366,ROW(INDEX(Jesper!AH$2:AH$366,ROUNDDOWN($C1868/24,0)+1,1))-1)+IF('Standard Profiles'!$G$18=$B$10,7,0)+IF('Standard Profiles'!$G$18=$B$17,14,0)+IF('Standard Profiles'!$G$18=$B$24,21,0),MOD($C1868,24)+1)/SUM(INDEX($D$3:$AA$30,INDEX(Jesper!$R$2:$R$366,ROW(INDEX(Jesper!AH$2:AH$366,ROUNDDOWN($C1868/24,0)+1,1))-1)+IF('Standard Profiles'!$G$18=$B$10,7,0)+IF('Standard Profiles'!$G$18=$B$17,14,0)+IF('Standard Profiles'!$G$18=$B$24,21,0),0)),0)</f>
        <v>0</v>
      </c>
      <c r="E1868" cm="1">
        <f t="array" ref="E1868">IFERROR(INDEX(Jesper!AI$2:AI$366,ROUNDDOWN($C1868/24,0)+1,1)*INDEX($D$3:$AA$30,INDEX(Jesper!$R$2:$R$366,ROW(INDEX(Jesper!AI$2:AI$366,ROUNDDOWN($C1868/24,0)+1,1))-1)+IF('Standard Profiles'!$G$19=$B$10,7,0)+IF('Standard Profiles'!$G$19=$B$17,14,0)+IF('Standard Profiles'!$G$19=$B$24,21,0),MOD($C1868,24)+1)/SUM(INDEX($D$3:$AA$30,INDEX(Jesper!$R$2:$R$366,ROW(INDEX(Jesper!AI$2:AI$366,ROUNDDOWN($C1868/24,0)+1,1))-1)+IF('Standard Profiles'!$G$19=$B$10,7,0)+IF('Standard Profiles'!$G$19=$B$17,14,0)+IF('Standard Profiles'!$G$19=$B$24,21,0),0)),0)</f>
        <v>4.0584722185542867</v>
      </c>
      <c r="F1868" cm="1">
        <f t="array" ref="F1868">IFERROR(INDEX(Jesper!AJ$2:AJ$366,ROUNDDOWN($C1868/24,0)+1,1)*INDEX($D$3:$AA$30,INDEX(Jesper!$R$2:$R$366,ROW(INDEX(Jesper!AJ$2:AJ$366,ROUNDDOWN($C1868/24,0)+1,1))-1)+IF('Standard Profiles'!$G$20=$B$10,7,0)+IF('Standard Profiles'!$G$20=$B$17,14,0)+IF('Standard Profiles'!$G$20=$B$24,21,0),MOD($C1868,24)+1)/SUM(INDEX($D$3:$AA$30,INDEX(Jesper!$R$2:$R$366,ROW(INDEX(Jesper!AJ$2:AJ$366,ROUNDDOWN($C1868/24,0)+1,1))-1)+IF('Standard Profiles'!$G$20=$B$10,7,0)+IF('Standard Profiles'!$G$20=$B$17,14,0)+IF('Standard Profiles'!$G$20=$B$24,21,0),0)),0)</f>
        <v>3.0396700848269118</v>
      </c>
      <c r="G1868" cm="1">
        <f t="array" ref="G1868">IFERROR(INDEX(Jesper!AK$2:AK$366,ROUNDDOWN($C1868/24,0)+1,1)*INDEX($D$3:$AA$30,INDEX(Jesper!$R$2:$R$366,ROW(INDEX(Jesper!AK$2:AK$366,ROUNDDOWN($C1868/24,0)+1,1))-1)+IF('Standard Profiles'!$G$21=$B$10,7,0)+IF('Standard Profiles'!$G$21=$B$17,14,0)+IF('Standard Profiles'!$G$21=$B$24,21,0),MOD($C1868,24)+1)/SUM(INDEX($D$3:$AA$30,INDEX(Jesper!$R$2:$R$366,ROW(INDEX(Jesper!AK$2:AK$366,ROUNDDOWN($C1868/24,0)+1,1))-1)+IF('Standard Profiles'!$G$21=$B$10,7,0)+IF('Standard Profiles'!$G$21=$B$17,14,0)+IF('Standard Profiles'!$G$21=$B$24,21,0),0)),0)</f>
        <v>4.1674902290915252</v>
      </c>
      <c r="H1868" cm="1">
        <f t="array" ref="H1868">IFERROR(INDEX(Jesper!AL$2:AL$366,ROUNDDOWN($C1868/24,0)+1,1)*INDEX($D$3:$AA$30,INDEX(Jesper!$R$2:$R$366,ROW(INDEX(Jesper!AL$2:AL$366,ROUNDDOWN($C1868/24,0)+1,1))-1)+IF('Standard Profiles'!$G$22=$B$10,7,0)+IF('Standard Profiles'!$G$22=$B$17,14,0)+IF('Standard Profiles'!$G$22=$B$24,21,0),MOD($C1868,24)+1)/SUM(INDEX($D$3:$AA$30,INDEX(Jesper!$R$2:$R$366,ROW(INDEX(Jesper!AL$2:AL$366,ROUNDDOWN($C1868/24,0)+1,1))-1)+IF('Standard Profiles'!$G$22=$B$10,7,0)+IF('Standard Profiles'!$G$22=$B$17,14,0)+IF('Standard Profiles'!$G$22=$B$24,21,0),0)),0)</f>
        <v>3.7852344392478412</v>
      </c>
      <c r="I1868">
        <f t="shared" si="216"/>
        <v>3.6338250616779297</v>
      </c>
      <c r="J1868">
        <f t="shared" si="217"/>
        <v>10.930025243816122</v>
      </c>
      <c r="K1868">
        <f t="shared" si="218"/>
        <v>0.32467777748434296</v>
      </c>
      <c r="L1868">
        <f t="shared" si="219"/>
        <v>0.16233888874217148</v>
      </c>
      <c r="M1868">
        <f t="shared" si="220"/>
        <v>0</v>
      </c>
      <c r="N1868" s="45">
        <f t="shared" si="221"/>
        <v>45003.416666662219</v>
      </c>
    </row>
    <row r="1869" spans="2:14" x14ac:dyDescent="0.25">
      <c r="B1869">
        <f t="shared" si="215"/>
        <v>6</v>
      </c>
      <c r="C1869" s="16">
        <v>1835</v>
      </c>
      <c r="D1869" cm="1">
        <f t="array" ref="D1869">IFERROR(INDEX(Jesper!AH$2:AH$366,ROUNDDOWN($C1869/24,0)+1,1)*INDEX($D$3:$AA$30,INDEX(Jesper!$R$2:$R$366,ROW(INDEX(Jesper!AH$2:AH$366,ROUNDDOWN($C1869/24,0)+1,1))-1)+IF('Standard Profiles'!$G$18=$B$10,7,0)+IF('Standard Profiles'!$G$18=$B$17,14,0)+IF('Standard Profiles'!$G$18=$B$24,21,0),MOD($C1869,24)+1)/SUM(INDEX($D$3:$AA$30,INDEX(Jesper!$R$2:$R$366,ROW(INDEX(Jesper!AH$2:AH$366,ROUNDDOWN($C1869/24,0)+1,1))-1)+IF('Standard Profiles'!$G$18=$B$10,7,0)+IF('Standard Profiles'!$G$18=$B$17,14,0)+IF('Standard Profiles'!$G$18=$B$24,21,0),0)),0)</f>
        <v>0</v>
      </c>
      <c r="E1869" cm="1">
        <f t="array" ref="E1869">IFERROR(INDEX(Jesper!AI$2:AI$366,ROUNDDOWN($C1869/24,0)+1,1)*INDEX($D$3:$AA$30,INDEX(Jesper!$R$2:$R$366,ROW(INDEX(Jesper!AI$2:AI$366,ROUNDDOWN($C1869/24,0)+1,1))-1)+IF('Standard Profiles'!$G$19=$B$10,7,0)+IF('Standard Profiles'!$G$19=$B$17,14,0)+IF('Standard Profiles'!$G$19=$B$24,21,0),MOD($C1869,24)+1)/SUM(INDEX($D$3:$AA$30,INDEX(Jesper!$R$2:$R$366,ROW(INDEX(Jesper!AI$2:AI$366,ROUNDDOWN($C1869/24,0)+1,1))-1)+IF('Standard Profiles'!$G$19=$B$10,7,0)+IF('Standard Profiles'!$G$19=$B$17,14,0)+IF('Standard Profiles'!$G$19=$B$24,21,0),0)),0)</f>
        <v>4.0584722185542867</v>
      </c>
      <c r="F1869" cm="1">
        <f t="array" ref="F1869">IFERROR(INDEX(Jesper!AJ$2:AJ$366,ROUNDDOWN($C1869/24,0)+1,1)*INDEX($D$3:$AA$30,INDEX(Jesper!$R$2:$R$366,ROW(INDEX(Jesper!AJ$2:AJ$366,ROUNDDOWN($C1869/24,0)+1,1))-1)+IF('Standard Profiles'!$G$20=$B$10,7,0)+IF('Standard Profiles'!$G$20=$B$17,14,0)+IF('Standard Profiles'!$G$20=$B$24,21,0),MOD($C1869,24)+1)/SUM(INDEX($D$3:$AA$30,INDEX(Jesper!$R$2:$R$366,ROW(INDEX(Jesper!AJ$2:AJ$366,ROUNDDOWN($C1869/24,0)+1,1))-1)+IF('Standard Profiles'!$G$20=$B$10,7,0)+IF('Standard Profiles'!$G$20=$B$17,14,0)+IF('Standard Profiles'!$G$20=$B$24,21,0),0)),0)</f>
        <v>3.0396700848269118</v>
      </c>
      <c r="G1869" cm="1">
        <f t="array" ref="G1869">IFERROR(INDEX(Jesper!AK$2:AK$366,ROUNDDOWN($C1869/24,0)+1,1)*INDEX($D$3:$AA$30,INDEX(Jesper!$R$2:$R$366,ROW(INDEX(Jesper!AK$2:AK$366,ROUNDDOWN($C1869/24,0)+1,1))-1)+IF('Standard Profiles'!$G$21=$B$10,7,0)+IF('Standard Profiles'!$G$21=$B$17,14,0)+IF('Standard Profiles'!$G$21=$B$24,21,0),MOD($C1869,24)+1)/SUM(INDEX($D$3:$AA$30,INDEX(Jesper!$R$2:$R$366,ROW(INDEX(Jesper!AK$2:AK$366,ROUNDDOWN($C1869/24,0)+1,1))-1)+IF('Standard Profiles'!$G$21=$B$10,7,0)+IF('Standard Profiles'!$G$21=$B$17,14,0)+IF('Standard Profiles'!$G$21=$B$24,21,0),0)),0)</f>
        <v>4.1674902290915252</v>
      </c>
      <c r="H1869" cm="1">
        <f t="array" ref="H1869">IFERROR(INDEX(Jesper!AL$2:AL$366,ROUNDDOWN($C1869/24,0)+1,1)*INDEX($D$3:$AA$30,INDEX(Jesper!$R$2:$R$366,ROW(INDEX(Jesper!AL$2:AL$366,ROUNDDOWN($C1869/24,0)+1,1))-1)+IF('Standard Profiles'!$G$22=$B$10,7,0)+IF('Standard Profiles'!$G$22=$B$17,14,0)+IF('Standard Profiles'!$G$22=$B$24,21,0),MOD($C1869,24)+1)/SUM(INDEX($D$3:$AA$30,INDEX(Jesper!$R$2:$R$366,ROW(INDEX(Jesper!AL$2:AL$366,ROUNDDOWN($C1869/24,0)+1,1))-1)+IF('Standard Profiles'!$G$22=$B$10,7,0)+IF('Standard Profiles'!$G$22=$B$17,14,0)+IF('Standard Profiles'!$G$22=$B$24,21,0),0)),0)</f>
        <v>3.7852344392478412</v>
      </c>
      <c r="I1869">
        <f t="shared" si="216"/>
        <v>3.6338250616779297</v>
      </c>
      <c r="J1869">
        <f t="shared" si="217"/>
        <v>10.930025243816122</v>
      </c>
      <c r="K1869">
        <f t="shared" si="218"/>
        <v>0.32467777748434296</v>
      </c>
      <c r="L1869">
        <f t="shared" si="219"/>
        <v>0.16233888874217148</v>
      </c>
      <c r="M1869">
        <f t="shared" si="220"/>
        <v>0</v>
      </c>
      <c r="N1869" s="45">
        <f t="shared" si="221"/>
        <v>45003.458333328883</v>
      </c>
    </row>
    <row r="1870" spans="2:14" x14ac:dyDescent="0.25">
      <c r="B1870">
        <f t="shared" si="215"/>
        <v>6</v>
      </c>
      <c r="C1870" s="16">
        <v>1836</v>
      </c>
      <c r="D1870" cm="1">
        <f t="array" ref="D1870">IFERROR(INDEX(Jesper!AH$2:AH$366,ROUNDDOWN($C1870/24,0)+1,1)*INDEX($D$3:$AA$30,INDEX(Jesper!$R$2:$R$366,ROW(INDEX(Jesper!AH$2:AH$366,ROUNDDOWN($C1870/24,0)+1,1))-1)+IF('Standard Profiles'!$G$18=$B$10,7,0)+IF('Standard Profiles'!$G$18=$B$17,14,0)+IF('Standard Profiles'!$G$18=$B$24,21,0),MOD($C1870,24)+1)/SUM(INDEX($D$3:$AA$30,INDEX(Jesper!$R$2:$R$366,ROW(INDEX(Jesper!AH$2:AH$366,ROUNDDOWN($C1870/24,0)+1,1))-1)+IF('Standard Profiles'!$G$18=$B$10,7,0)+IF('Standard Profiles'!$G$18=$B$17,14,0)+IF('Standard Profiles'!$G$18=$B$24,21,0),0)),0)</f>
        <v>0</v>
      </c>
      <c r="E1870" cm="1">
        <f t="array" ref="E1870">IFERROR(INDEX(Jesper!AI$2:AI$366,ROUNDDOWN($C1870/24,0)+1,1)*INDEX($D$3:$AA$30,INDEX(Jesper!$R$2:$R$366,ROW(INDEX(Jesper!AI$2:AI$366,ROUNDDOWN($C1870/24,0)+1,1))-1)+IF('Standard Profiles'!$G$19=$B$10,7,0)+IF('Standard Profiles'!$G$19=$B$17,14,0)+IF('Standard Profiles'!$G$19=$B$24,21,0),MOD($C1870,24)+1)/SUM(INDEX($D$3:$AA$30,INDEX(Jesper!$R$2:$R$366,ROW(INDEX(Jesper!AI$2:AI$366,ROUNDDOWN($C1870/24,0)+1,1))-1)+IF('Standard Profiles'!$G$19=$B$10,7,0)+IF('Standard Profiles'!$G$19=$B$17,14,0)+IF('Standard Profiles'!$G$19=$B$24,21,0),0)),0)</f>
        <v>4.0584722185542867</v>
      </c>
      <c r="F1870" cm="1">
        <f t="array" ref="F1870">IFERROR(INDEX(Jesper!AJ$2:AJ$366,ROUNDDOWN($C1870/24,0)+1,1)*INDEX($D$3:$AA$30,INDEX(Jesper!$R$2:$R$366,ROW(INDEX(Jesper!AJ$2:AJ$366,ROUNDDOWN($C1870/24,0)+1,1))-1)+IF('Standard Profiles'!$G$20=$B$10,7,0)+IF('Standard Profiles'!$G$20=$B$17,14,0)+IF('Standard Profiles'!$G$20=$B$24,21,0),MOD($C1870,24)+1)/SUM(INDEX($D$3:$AA$30,INDEX(Jesper!$R$2:$R$366,ROW(INDEX(Jesper!AJ$2:AJ$366,ROUNDDOWN($C1870/24,0)+1,1))-1)+IF('Standard Profiles'!$G$20=$B$10,7,0)+IF('Standard Profiles'!$G$20=$B$17,14,0)+IF('Standard Profiles'!$G$20=$B$24,21,0),0)),0)</f>
        <v>3.0396700848269118</v>
      </c>
      <c r="G1870" cm="1">
        <f t="array" ref="G1870">IFERROR(INDEX(Jesper!AK$2:AK$366,ROUNDDOWN($C1870/24,0)+1,1)*INDEX($D$3:$AA$30,INDEX(Jesper!$R$2:$R$366,ROW(INDEX(Jesper!AK$2:AK$366,ROUNDDOWN($C1870/24,0)+1,1))-1)+IF('Standard Profiles'!$G$21=$B$10,7,0)+IF('Standard Profiles'!$G$21=$B$17,14,0)+IF('Standard Profiles'!$G$21=$B$24,21,0),MOD($C1870,24)+1)/SUM(INDEX($D$3:$AA$30,INDEX(Jesper!$R$2:$R$366,ROW(INDEX(Jesper!AK$2:AK$366,ROUNDDOWN($C1870/24,0)+1,1))-1)+IF('Standard Profiles'!$G$21=$B$10,7,0)+IF('Standard Profiles'!$G$21=$B$17,14,0)+IF('Standard Profiles'!$G$21=$B$24,21,0),0)),0)</f>
        <v>4.1674902290915252</v>
      </c>
      <c r="H1870" cm="1">
        <f t="array" ref="H1870">IFERROR(INDEX(Jesper!AL$2:AL$366,ROUNDDOWN($C1870/24,0)+1,1)*INDEX($D$3:$AA$30,INDEX(Jesper!$R$2:$R$366,ROW(INDEX(Jesper!AL$2:AL$366,ROUNDDOWN($C1870/24,0)+1,1))-1)+IF('Standard Profiles'!$G$22=$B$10,7,0)+IF('Standard Profiles'!$G$22=$B$17,14,0)+IF('Standard Profiles'!$G$22=$B$24,21,0),MOD($C1870,24)+1)/SUM(INDEX($D$3:$AA$30,INDEX(Jesper!$R$2:$R$366,ROW(INDEX(Jesper!AL$2:AL$366,ROUNDDOWN($C1870/24,0)+1,1))-1)+IF('Standard Profiles'!$G$22=$B$10,7,0)+IF('Standard Profiles'!$G$22=$B$17,14,0)+IF('Standard Profiles'!$G$22=$B$24,21,0),0)),0)</f>
        <v>3.7852344392478412</v>
      </c>
      <c r="I1870">
        <f t="shared" si="216"/>
        <v>3.6338250616779297</v>
      </c>
      <c r="J1870">
        <f t="shared" si="217"/>
        <v>10.930025243816122</v>
      </c>
      <c r="K1870">
        <f t="shared" si="218"/>
        <v>0.32467777748434296</v>
      </c>
      <c r="L1870">
        <f t="shared" si="219"/>
        <v>0.16233888874217148</v>
      </c>
      <c r="M1870">
        <f t="shared" si="220"/>
        <v>0</v>
      </c>
      <c r="N1870" s="45">
        <f t="shared" si="221"/>
        <v>45003.499999995547</v>
      </c>
    </row>
    <row r="1871" spans="2:14" x14ac:dyDescent="0.25">
      <c r="B1871">
        <f t="shared" si="215"/>
        <v>6</v>
      </c>
      <c r="C1871" s="16">
        <v>1837</v>
      </c>
      <c r="D1871" cm="1">
        <f t="array" ref="D1871">IFERROR(INDEX(Jesper!AH$2:AH$366,ROUNDDOWN($C1871/24,0)+1,1)*INDEX($D$3:$AA$30,INDEX(Jesper!$R$2:$R$366,ROW(INDEX(Jesper!AH$2:AH$366,ROUNDDOWN($C1871/24,0)+1,1))-1)+IF('Standard Profiles'!$G$18=$B$10,7,0)+IF('Standard Profiles'!$G$18=$B$17,14,0)+IF('Standard Profiles'!$G$18=$B$24,21,0),MOD($C1871,24)+1)/SUM(INDEX($D$3:$AA$30,INDEX(Jesper!$R$2:$R$366,ROW(INDEX(Jesper!AH$2:AH$366,ROUNDDOWN($C1871/24,0)+1,1))-1)+IF('Standard Profiles'!$G$18=$B$10,7,0)+IF('Standard Profiles'!$G$18=$B$17,14,0)+IF('Standard Profiles'!$G$18=$B$24,21,0),0)),0)</f>
        <v>0</v>
      </c>
      <c r="E1871" cm="1">
        <f t="array" ref="E1871">IFERROR(INDEX(Jesper!AI$2:AI$366,ROUNDDOWN($C1871/24,0)+1,1)*INDEX($D$3:$AA$30,INDEX(Jesper!$R$2:$R$366,ROW(INDEX(Jesper!AI$2:AI$366,ROUNDDOWN($C1871/24,0)+1,1))-1)+IF('Standard Profiles'!$G$19=$B$10,7,0)+IF('Standard Profiles'!$G$19=$B$17,14,0)+IF('Standard Profiles'!$G$19=$B$24,21,0),MOD($C1871,24)+1)/SUM(INDEX($D$3:$AA$30,INDEX(Jesper!$R$2:$R$366,ROW(INDEX(Jesper!AI$2:AI$366,ROUNDDOWN($C1871/24,0)+1,1))-1)+IF('Standard Profiles'!$G$19=$B$10,7,0)+IF('Standard Profiles'!$G$19=$B$17,14,0)+IF('Standard Profiles'!$G$19=$B$24,21,0),0)),0)</f>
        <v>4.0584722185542867</v>
      </c>
      <c r="F1871" cm="1">
        <f t="array" ref="F1871">IFERROR(INDEX(Jesper!AJ$2:AJ$366,ROUNDDOWN($C1871/24,0)+1,1)*INDEX($D$3:$AA$30,INDEX(Jesper!$R$2:$R$366,ROW(INDEX(Jesper!AJ$2:AJ$366,ROUNDDOWN($C1871/24,0)+1,1))-1)+IF('Standard Profiles'!$G$20=$B$10,7,0)+IF('Standard Profiles'!$G$20=$B$17,14,0)+IF('Standard Profiles'!$G$20=$B$24,21,0),MOD($C1871,24)+1)/SUM(INDEX($D$3:$AA$30,INDEX(Jesper!$R$2:$R$366,ROW(INDEX(Jesper!AJ$2:AJ$366,ROUNDDOWN($C1871/24,0)+1,1))-1)+IF('Standard Profiles'!$G$20=$B$10,7,0)+IF('Standard Profiles'!$G$20=$B$17,14,0)+IF('Standard Profiles'!$G$20=$B$24,21,0),0)),0)</f>
        <v>3.0396700848269118</v>
      </c>
      <c r="G1871" cm="1">
        <f t="array" ref="G1871">IFERROR(INDEX(Jesper!AK$2:AK$366,ROUNDDOWN($C1871/24,0)+1,1)*INDEX($D$3:$AA$30,INDEX(Jesper!$R$2:$R$366,ROW(INDEX(Jesper!AK$2:AK$366,ROUNDDOWN($C1871/24,0)+1,1))-1)+IF('Standard Profiles'!$G$21=$B$10,7,0)+IF('Standard Profiles'!$G$21=$B$17,14,0)+IF('Standard Profiles'!$G$21=$B$24,21,0),MOD($C1871,24)+1)/SUM(INDEX($D$3:$AA$30,INDEX(Jesper!$R$2:$R$366,ROW(INDEX(Jesper!AK$2:AK$366,ROUNDDOWN($C1871/24,0)+1,1))-1)+IF('Standard Profiles'!$G$21=$B$10,7,0)+IF('Standard Profiles'!$G$21=$B$17,14,0)+IF('Standard Profiles'!$G$21=$B$24,21,0),0)),0)</f>
        <v>4.1674902290915252</v>
      </c>
      <c r="H1871" cm="1">
        <f t="array" ref="H1871">IFERROR(INDEX(Jesper!AL$2:AL$366,ROUNDDOWN($C1871/24,0)+1,1)*INDEX($D$3:$AA$30,INDEX(Jesper!$R$2:$R$366,ROW(INDEX(Jesper!AL$2:AL$366,ROUNDDOWN($C1871/24,0)+1,1))-1)+IF('Standard Profiles'!$G$22=$B$10,7,0)+IF('Standard Profiles'!$G$22=$B$17,14,0)+IF('Standard Profiles'!$G$22=$B$24,21,0),MOD($C1871,24)+1)/SUM(INDEX($D$3:$AA$30,INDEX(Jesper!$R$2:$R$366,ROW(INDEX(Jesper!AL$2:AL$366,ROUNDDOWN($C1871/24,0)+1,1))-1)+IF('Standard Profiles'!$G$22=$B$10,7,0)+IF('Standard Profiles'!$G$22=$B$17,14,0)+IF('Standard Profiles'!$G$22=$B$24,21,0),0)),0)</f>
        <v>3.7852344392478412</v>
      </c>
      <c r="I1871">
        <f t="shared" si="216"/>
        <v>3.6338250616779297</v>
      </c>
      <c r="J1871">
        <f t="shared" si="217"/>
        <v>10.930025243816122</v>
      </c>
      <c r="K1871">
        <f t="shared" si="218"/>
        <v>0.32467777748434296</v>
      </c>
      <c r="L1871">
        <f t="shared" si="219"/>
        <v>0.16233888874217148</v>
      </c>
      <c r="M1871">
        <f t="shared" si="220"/>
        <v>0</v>
      </c>
      <c r="N1871" s="45">
        <f t="shared" si="221"/>
        <v>45003.541666662211</v>
      </c>
    </row>
    <row r="1872" spans="2:14" x14ac:dyDescent="0.25">
      <c r="B1872">
        <f t="shared" si="215"/>
        <v>6</v>
      </c>
      <c r="C1872" s="16">
        <v>1838</v>
      </c>
      <c r="D1872" cm="1">
        <f t="array" ref="D1872">IFERROR(INDEX(Jesper!AH$2:AH$366,ROUNDDOWN($C1872/24,0)+1,1)*INDEX($D$3:$AA$30,INDEX(Jesper!$R$2:$R$366,ROW(INDEX(Jesper!AH$2:AH$366,ROUNDDOWN($C1872/24,0)+1,1))-1)+IF('Standard Profiles'!$G$18=$B$10,7,0)+IF('Standard Profiles'!$G$18=$B$17,14,0)+IF('Standard Profiles'!$G$18=$B$24,21,0),MOD($C1872,24)+1)/SUM(INDEX($D$3:$AA$30,INDEX(Jesper!$R$2:$R$366,ROW(INDEX(Jesper!AH$2:AH$366,ROUNDDOWN($C1872/24,0)+1,1))-1)+IF('Standard Profiles'!$G$18=$B$10,7,0)+IF('Standard Profiles'!$G$18=$B$17,14,0)+IF('Standard Profiles'!$G$18=$B$24,21,0),0)),0)</f>
        <v>0</v>
      </c>
      <c r="E1872" cm="1">
        <f t="array" ref="E1872">IFERROR(INDEX(Jesper!AI$2:AI$366,ROUNDDOWN($C1872/24,0)+1,1)*INDEX($D$3:$AA$30,INDEX(Jesper!$R$2:$R$366,ROW(INDEX(Jesper!AI$2:AI$366,ROUNDDOWN($C1872/24,0)+1,1))-1)+IF('Standard Profiles'!$G$19=$B$10,7,0)+IF('Standard Profiles'!$G$19=$B$17,14,0)+IF('Standard Profiles'!$G$19=$B$24,21,0),MOD($C1872,24)+1)/SUM(INDEX($D$3:$AA$30,INDEX(Jesper!$R$2:$R$366,ROW(INDEX(Jesper!AI$2:AI$366,ROUNDDOWN($C1872/24,0)+1,1))-1)+IF('Standard Profiles'!$G$19=$B$10,7,0)+IF('Standard Profiles'!$G$19=$B$17,14,0)+IF('Standard Profiles'!$G$19=$B$24,21,0),0)),0)</f>
        <v>4.0584722185542867</v>
      </c>
      <c r="F1872" cm="1">
        <f t="array" ref="F1872">IFERROR(INDEX(Jesper!AJ$2:AJ$366,ROUNDDOWN($C1872/24,0)+1,1)*INDEX($D$3:$AA$30,INDEX(Jesper!$R$2:$R$366,ROW(INDEX(Jesper!AJ$2:AJ$366,ROUNDDOWN($C1872/24,0)+1,1))-1)+IF('Standard Profiles'!$G$20=$B$10,7,0)+IF('Standard Profiles'!$G$20=$B$17,14,0)+IF('Standard Profiles'!$G$20=$B$24,21,0),MOD($C1872,24)+1)/SUM(INDEX($D$3:$AA$30,INDEX(Jesper!$R$2:$R$366,ROW(INDEX(Jesper!AJ$2:AJ$366,ROUNDDOWN($C1872/24,0)+1,1))-1)+IF('Standard Profiles'!$G$20=$B$10,7,0)+IF('Standard Profiles'!$G$20=$B$17,14,0)+IF('Standard Profiles'!$G$20=$B$24,21,0),0)),0)</f>
        <v>3.0396700848269118</v>
      </c>
      <c r="G1872" cm="1">
        <f t="array" ref="G1872">IFERROR(INDEX(Jesper!AK$2:AK$366,ROUNDDOWN($C1872/24,0)+1,1)*INDEX($D$3:$AA$30,INDEX(Jesper!$R$2:$R$366,ROW(INDEX(Jesper!AK$2:AK$366,ROUNDDOWN($C1872/24,0)+1,1))-1)+IF('Standard Profiles'!$G$21=$B$10,7,0)+IF('Standard Profiles'!$G$21=$B$17,14,0)+IF('Standard Profiles'!$G$21=$B$24,21,0),MOD($C1872,24)+1)/SUM(INDEX($D$3:$AA$30,INDEX(Jesper!$R$2:$R$366,ROW(INDEX(Jesper!AK$2:AK$366,ROUNDDOWN($C1872/24,0)+1,1))-1)+IF('Standard Profiles'!$G$21=$B$10,7,0)+IF('Standard Profiles'!$G$21=$B$17,14,0)+IF('Standard Profiles'!$G$21=$B$24,21,0),0)),0)</f>
        <v>4.1674902290915252</v>
      </c>
      <c r="H1872" cm="1">
        <f t="array" ref="H1872">IFERROR(INDEX(Jesper!AL$2:AL$366,ROUNDDOWN($C1872/24,0)+1,1)*INDEX($D$3:$AA$30,INDEX(Jesper!$R$2:$R$366,ROW(INDEX(Jesper!AL$2:AL$366,ROUNDDOWN($C1872/24,0)+1,1))-1)+IF('Standard Profiles'!$G$22=$B$10,7,0)+IF('Standard Profiles'!$G$22=$B$17,14,0)+IF('Standard Profiles'!$G$22=$B$24,21,0),MOD($C1872,24)+1)/SUM(INDEX($D$3:$AA$30,INDEX(Jesper!$R$2:$R$366,ROW(INDEX(Jesper!AL$2:AL$366,ROUNDDOWN($C1872/24,0)+1,1))-1)+IF('Standard Profiles'!$G$22=$B$10,7,0)+IF('Standard Profiles'!$G$22=$B$17,14,0)+IF('Standard Profiles'!$G$22=$B$24,21,0),0)),0)</f>
        <v>3.7852344392478412</v>
      </c>
      <c r="I1872">
        <f t="shared" si="216"/>
        <v>3.6338250616779297</v>
      </c>
      <c r="J1872">
        <f t="shared" si="217"/>
        <v>10.930025243816122</v>
      </c>
      <c r="K1872">
        <f t="shared" si="218"/>
        <v>0.32467777748434296</v>
      </c>
      <c r="L1872">
        <f t="shared" si="219"/>
        <v>0.16233888874217148</v>
      </c>
      <c r="M1872">
        <f t="shared" si="220"/>
        <v>0</v>
      </c>
      <c r="N1872" s="45">
        <f t="shared" si="221"/>
        <v>45003.583333328876</v>
      </c>
    </row>
    <row r="1873" spans="2:14" x14ac:dyDescent="0.25">
      <c r="B1873">
        <f t="shared" si="215"/>
        <v>6</v>
      </c>
      <c r="C1873" s="16">
        <v>1839</v>
      </c>
      <c r="D1873" cm="1">
        <f t="array" ref="D1873">IFERROR(INDEX(Jesper!AH$2:AH$366,ROUNDDOWN($C1873/24,0)+1,1)*INDEX($D$3:$AA$30,INDEX(Jesper!$R$2:$R$366,ROW(INDEX(Jesper!AH$2:AH$366,ROUNDDOWN($C1873/24,0)+1,1))-1)+IF('Standard Profiles'!$G$18=$B$10,7,0)+IF('Standard Profiles'!$G$18=$B$17,14,0)+IF('Standard Profiles'!$G$18=$B$24,21,0),MOD($C1873,24)+1)/SUM(INDEX($D$3:$AA$30,INDEX(Jesper!$R$2:$R$366,ROW(INDEX(Jesper!AH$2:AH$366,ROUNDDOWN($C1873/24,0)+1,1))-1)+IF('Standard Profiles'!$G$18=$B$10,7,0)+IF('Standard Profiles'!$G$18=$B$17,14,0)+IF('Standard Profiles'!$G$18=$B$24,21,0),0)),0)</f>
        <v>0</v>
      </c>
      <c r="E1873" cm="1">
        <f t="array" ref="E1873">IFERROR(INDEX(Jesper!AI$2:AI$366,ROUNDDOWN($C1873/24,0)+1,1)*INDEX($D$3:$AA$30,INDEX(Jesper!$R$2:$R$366,ROW(INDEX(Jesper!AI$2:AI$366,ROUNDDOWN($C1873/24,0)+1,1))-1)+IF('Standard Profiles'!$G$19=$B$10,7,0)+IF('Standard Profiles'!$G$19=$B$17,14,0)+IF('Standard Profiles'!$G$19=$B$24,21,0),MOD($C1873,24)+1)/SUM(INDEX($D$3:$AA$30,INDEX(Jesper!$R$2:$R$366,ROW(INDEX(Jesper!AI$2:AI$366,ROUNDDOWN($C1873/24,0)+1,1))-1)+IF('Standard Profiles'!$G$19=$B$10,7,0)+IF('Standard Profiles'!$G$19=$B$17,14,0)+IF('Standard Profiles'!$G$19=$B$24,21,0),0)),0)</f>
        <v>4.0584722185542867</v>
      </c>
      <c r="F1873" cm="1">
        <f t="array" ref="F1873">IFERROR(INDEX(Jesper!AJ$2:AJ$366,ROUNDDOWN($C1873/24,0)+1,1)*INDEX($D$3:$AA$30,INDEX(Jesper!$R$2:$R$366,ROW(INDEX(Jesper!AJ$2:AJ$366,ROUNDDOWN($C1873/24,0)+1,1))-1)+IF('Standard Profiles'!$G$20=$B$10,7,0)+IF('Standard Profiles'!$G$20=$B$17,14,0)+IF('Standard Profiles'!$G$20=$B$24,21,0),MOD($C1873,24)+1)/SUM(INDEX($D$3:$AA$30,INDEX(Jesper!$R$2:$R$366,ROW(INDEX(Jesper!AJ$2:AJ$366,ROUNDDOWN($C1873/24,0)+1,1))-1)+IF('Standard Profiles'!$G$20=$B$10,7,0)+IF('Standard Profiles'!$G$20=$B$17,14,0)+IF('Standard Profiles'!$G$20=$B$24,21,0),0)),0)</f>
        <v>3.0396700848269118</v>
      </c>
      <c r="G1873" cm="1">
        <f t="array" ref="G1873">IFERROR(INDEX(Jesper!AK$2:AK$366,ROUNDDOWN($C1873/24,0)+1,1)*INDEX($D$3:$AA$30,INDEX(Jesper!$R$2:$R$366,ROW(INDEX(Jesper!AK$2:AK$366,ROUNDDOWN($C1873/24,0)+1,1))-1)+IF('Standard Profiles'!$G$21=$B$10,7,0)+IF('Standard Profiles'!$G$21=$B$17,14,0)+IF('Standard Profiles'!$G$21=$B$24,21,0),MOD($C1873,24)+1)/SUM(INDEX($D$3:$AA$30,INDEX(Jesper!$R$2:$R$366,ROW(INDEX(Jesper!AK$2:AK$366,ROUNDDOWN($C1873/24,0)+1,1))-1)+IF('Standard Profiles'!$G$21=$B$10,7,0)+IF('Standard Profiles'!$G$21=$B$17,14,0)+IF('Standard Profiles'!$G$21=$B$24,21,0),0)),0)</f>
        <v>4.1674902290915252</v>
      </c>
      <c r="H1873" cm="1">
        <f t="array" ref="H1873">IFERROR(INDEX(Jesper!AL$2:AL$366,ROUNDDOWN($C1873/24,0)+1,1)*INDEX($D$3:$AA$30,INDEX(Jesper!$R$2:$R$366,ROW(INDEX(Jesper!AL$2:AL$366,ROUNDDOWN($C1873/24,0)+1,1))-1)+IF('Standard Profiles'!$G$22=$B$10,7,0)+IF('Standard Profiles'!$G$22=$B$17,14,0)+IF('Standard Profiles'!$G$22=$B$24,21,0),MOD($C1873,24)+1)/SUM(INDEX($D$3:$AA$30,INDEX(Jesper!$R$2:$R$366,ROW(INDEX(Jesper!AL$2:AL$366,ROUNDDOWN($C1873/24,0)+1,1))-1)+IF('Standard Profiles'!$G$22=$B$10,7,0)+IF('Standard Profiles'!$G$22=$B$17,14,0)+IF('Standard Profiles'!$G$22=$B$24,21,0),0)),0)</f>
        <v>3.4222667532925688</v>
      </c>
      <c r="I1873">
        <f t="shared" si="216"/>
        <v>3.2853760831608678</v>
      </c>
      <c r="J1873">
        <f t="shared" si="217"/>
        <v>10.91550653637791</v>
      </c>
      <c r="K1873">
        <f t="shared" si="218"/>
        <v>0.32467777748434296</v>
      </c>
      <c r="L1873">
        <f t="shared" si="219"/>
        <v>0.16233888874217148</v>
      </c>
      <c r="M1873">
        <f t="shared" si="220"/>
        <v>0</v>
      </c>
      <c r="N1873" s="45">
        <f t="shared" si="221"/>
        <v>45003.62499999554</v>
      </c>
    </row>
    <row r="1874" spans="2:14" x14ac:dyDescent="0.25">
      <c r="B1874">
        <f t="shared" si="215"/>
        <v>6</v>
      </c>
      <c r="C1874" s="16">
        <v>1840</v>
      </c>
      <c r="D1874" cm="1">
        <f t="array" ref="D1874">IFERROR(INDEX(Jesper!AH$2:AH$366,ROUNDDOWN($C1874/24,0)+1,1)*INDEX($D$3:$AA$30,INDEX(Jesper!$R$2:$R$366,ROW(INDEX(Jesper!AH$2:AH$366,ROUNDDOWN($C1874/24,0)+1,1))-1)+IF('Standard Profiles'!$G$18=$B$10,7,0)+IF('Standard Profiles'!$G$18=$B$17,14,0)+IF('Standard Profiles'!$G$18=$B$24,21,0),MOD($C1874,24)+1)/SUM(INDEX($D$3:$AA$30,INDEX(Jesper!$R$2:$R$366,ROW(INDEX(Jesper!AH$2:AH$366,ROUNDDOWN($C1874/24,0)+1,1))-1)+IF('Standard Profiles'!$G$18=$B$10,7,0)+IF('Standard Profiles'!$G$18=$B$17,14,0)+IF('Standard Profiles'!$G$18=$B$24,21,0),0)),0)</f>
        <v>0</v>
      </c>
      <c r="E1874" cm="1">
        <f t="array" ref="E1874">IFERROR(INDEX(Jesper!AI$2:AI$366,ROUNDDOWN($C1874/24,0)+1,1)*INDEX($D$3:$AA$30,INDEX(Jesper!$R$2:$R$366,ROW(INDEX(Jesper!AI$2:AI$366,ROUNDDOWN($C1874/24,0)+1,1))-1)+IF('Standard Profiles'!$G$19=$B$10,7,0)+IF('Standard Profiles'!$G$19=$B$17,14,0)+IF('Standard Profiles'!$G$19=$B$24,21,0),MOD($C1874,24)+1)/SUM(INDEX($D$3:$AA$30,INDEX(Jesper!$R$2:$R$366,ROW(INDEX(Jesper!AI$2:AI$366,ROUNDDOWN($C1874/24,0)+1,1))-1)+IF('Standard Profiles'!$G$19=$B$10,7,0)+IF('Standard Profiles'!$G$19=$B$17,14,0)+IF('Standard Profiles'!$G$19=$B$24,21,0),0)),0)</f>
        <v>4.0584722185542867</v>
      </c>
      <c r="F1874" cm="1">
        <f t="array" ref="F1874">IFERROR(INDEX(Jesper!AJ$2:AJ$366,ROUNDDOWN($C1874/24,0)+1,1)*INDEX($D$3:$AA$30,INDEX(Jesper!$R$2:$R$366,ROW(INDEX(Jesper!AJ$2:AJ$366,ROUNDDOWN($C1874/24,0)+1,1))-1)+IF('Standard Profiles'!$G$20=$B$10,7,0)+IF('Standard Profiles'!$G$20=$B$17,14,0)+IF('Standard Profiles'!$G$20=$B$24,21,0),MOD($C1874,24)+1)/SUM(INDEX($D$3:$AA$30,INDEX(Jesper!$R$2:$R$366,ROW(INDEX(Jesper!AJ$2:AJ$366,ROUNDDOWN($C1874/24,0)+1,1))-1)+IF('Standard Profiles'!$G$20=$B$10,7,0)+IF('Standard Profiles'!$G$20=$B$17,14,0)+IF('Standard Profiles'!$G$20=$B$24,21,0),0)),0)</f>
        <v>3.0396700848269118</v>
      </c>
      <c r="G1874" cm="1">
        <f t="array" ref="G1874">IFERROR(INDEX(Jesper!AK$2:AK$366,ROUNDDOWN($C1874/24,0)+1,1)*INDEX($D$3:$AA$30,INDEX(Jesper!$R$2:$R$366,ROW(INDEX(Jesper!AK$2:AK$366,ROUNDDOWN($C1874/24,0)+1,1))-1)+IF('Standard Profiles'!$G$21=$B$10,7,0)+IF('Standard Profiles'!$G$21=$B$17,14,0)+IF('Standard Profiles'!$G$21=$B$24,21,0),MOD($C1874,24)+1)/SUM(INDEX($D$3:$AA$30,INDEX(Jesper!$R$2:$R$366,ROW(INDEX(Jesper!AK$2:AK$366,ROUNDDOWN($C1874/24,0)+1,1))-1)+IF('Standard Profiles'!$G$21=$B$10,7,0)+IF('Standard Profiles'!$G$21=$B$17,14,0)+IF('Standard Profiles'!$G$21=$B$24,21,0),0)),0)</f>
        <v>4.1674902290915252</v>
      </c>
      <c r="H1874" cm="1">
        <f t="array" ref="H1874">IFERROR(INDEX(Jesper!AL$2:AL$366,ROUNDDOWN($C1874/24,0)+1,1)*INDEX($D$3:$AA$30,INDEX(Jesper!$R$2:$R$366,ROW(INDEX(Jesper!AL$2:AL$366,ROUNDDOWN($C1874/24,0)+1,1))-1)+IF('Standard Profiles'!$G$22=$B$10,7,0)+IF('Standard Profiles'!$G$22=$B$17,14,0)+IF('Standard Profiles'!$G$22=$B$24,21,0),MOD($C1874,24)+1)/SUM(INDEX($D$3:$AA$30,INDEX(Jesper!$R$2:$R$366,ROW(INDEX(Jesper!AL$2:AL$366,ROUNDDOWN($C1874/24,0)+1,1))-1)+IF('Standard Profiles'!$G$22=$B$10,7,0)+IF('Standard Profiles'!$G$22=$B$17,14,0)+IF('Standard Profiles'!$G$22=$B$24,21,0),0)),0)</f>
        <v>3.1111515939023349</v>
      </c>
      <c r="I1874">
        <f t="shared" si="216"/>
        <v>2.9867055301462431</v>
      </c>
      <c r="J1874">
        <f t="shared" si="217"/>
        <v>10.9030619300023</v>
      </c>
      <c r="K1874">
        <f t="shared" si="218"/>
        <v>0.32467777748434296</v>
      </c>
      <c r="L1874">
        <f t="shared" si="219"/>
        <v>0.16233888874217148</v>
      </c>
      <c r="M1874">
        <f t="shared" si="220"/>
        <v>0</v>
      </c>
      <c r="N1874" s="45">
        <f t="shared" si="221"/>
        <v>45003.666666662204</v>
      </c>
    </row>
    <row r="1875" spans="2:14" x14ac:dyDescent="0.25">
      <c r="B1875">
        <f t="shared" si="215"/>
        <v>6</v>
      </c>
      <c r="C1875" s="16">
        <v>1841</v>
      </c>
      <c r="D1875" cm="1">
        <f t="array" ref="D1875">IFERROR(INDEX(Jesper!AH$2:AH$366,ROUNDDOWN($C1875/24,0)+1,1)*INDEX($D$3:$AA$30,INDEX(Jesper!$R$2:$R$366,ROW(INDEX(Jesper!AH$2:AH$366,ROUNDDOWN($C1875/24,0)+1,1))-1)+IF('Standard Profiles'!$G$18=$B$10,7,0)+IF('Standard Profiles'!$G$18=$B$17,14,0)+IF('Standard Profiles'!$G$18=$B$24,21,0),MOD($C1875,24)+1)/SUM(INDEX($D$3:$AA$30,INDEX(Jesper!$R$2:$R$366,ROW(INDEX(Jesper!AH$2:AH$366,ROUNDDOWN($C1875/24,0)+1,1))-1)+IF('Standard Profiles'!$G$18=$B$10,7,0)+IF('Standard Profiles'!$G$18=$B$17,14,0)+IF('Standard Profiles'!$G$18=$B$24,21,0),0)),0)</f>
        <v>0</v>
      </c>
      <c r="E1875" cm="1">
        <f t="array" ref="E1875">IFERROR(INDEX(Jesper!AI$2:AI$366,ROUNDDOWN($C1875/24,0)+1,1)*INDEX($D$3:$AA$30,INDEX(Jesper!$R$2:$R$366,ROW(INDEX(Jesper!AI$2:AI$366,ROUNDDOWN($C1875/24,0)+1,1))-1)+IF('Standard Profiles'!$G$19=$B$10,7,0)+IF('Standard Profiles'!$G$19=$B$17,14,0)+IF('Standard Profiles'!$G$19=$B$24,21,0),MOD($C1875,24)+1)/SUM(INDEX($D$3:$AA$30,INDEX(Jesper!$R$2:$R$366,ROW(INDEX(Jesper!AI$2:AI$366,ROUNDDOWN($C1875/24,0)+1,1))-1)+IF('Standard Profiles'!$G$19=$B$10,7,0)+IF('Standard Profiles'!$G$19=$B$17,14,0)+IF('Standard Profiles'!$G$19=$B$24,21,0),0)),0)</f>
        <v>4.0584722185542867</v>
      </c>
      <c r="F1875" cm="1">
        <f t="array" ref="F1875">IFERROR(INDEX(Jesper!AJ$2:AJ$366,ROUNDDOWN($C1875/24,0)+1,1)*INDEX($D$3:$AA$30,INDEX(Jesper!$R$2:$R$366,ROW(INDEX(Jesper!AJ$2:AJ$366,ROUNDDOWN($C1875/24,0)+1,1))-1)+IF('Standard Profiles'!$G$20=$B$10,7,0)+IF('Standard Profiles'!$G$20=$B$17,14,0)+IF('Standard Profiles'!$G$20=$B$24,21,0),MOD($C1875,24)+1)/SUM(INDEX($D$3:$AA$30,INDEX(Jesper!$R$2:$R$366,ROW(INDEX(Jesper!AJ$2:AJ$366,ROUNDDOWN($C1875/24,0)+1,1))-1)+IF('Standard Profiles'!$G$20=$B$10,7,0)+IF('Standard Profiles'!$G$20=$B$17,14,0)+IF('Standard Profiles'!$G$20=$B$24,21,0),0)),0)</f>
        <v>3.0396700848269118</v>
      </c>
      <c r="G1875" cm="1">
        <f t="array" ref="G1875">IFERROR(INDEX(Jesper!AK$2:AK$366,ROUNDDOWN($C1875/24,0)+1,1)*INDEX($D$3:$AA$30,INDEX(Jesper!$R$2:$R$366,ROW(INDEX(Jesper!AK$2:AK$366,ROUNDDOWN($C1875/24,0)+1,1))-1)+IF('Standard Profiles'!$G$21=$B$10,7,0)+IF('Standard Profiles'!$G$21=$B$17,14,0)+IF('Standard Profiles'!$G$21=$B$24,21,0),MOD($C1875,24)+1)/SUM(INDEX($D$3:$AA$30,INDEX(Jesper!$R$2:$R$366,ROW(INDEX(Jesper!AK$2:AK$366,ROUNDDOWN($C1875/24,0)+1,1))-1)+IF('Standard Profiles'!$G$21=$B$10,7,0)+IF('Standard Profiles'!$G$21=$B$17,14,0)+IF('Standard Profiles'!$G$21=$B$24,21,0),0)),0)</f>
        <v>4.1674902290915252</v>
      </c>
      <c r="H1875" cm="1">
        <f t="array" ref="H1875">IFERROR(INDEX(Jesper!AL$2:AL$366,ROUNDDOWN($C1875/24,0)+1,1)*INDEX($D$3:$AA$30,INDEX(Jesper!$R$2:$R$366,ROW(INDEX(Jesper!AL$2:AL$366,ROUNDDOWN($C1875/24,0)+1,1))-1)+IF('Standard Profiles'!$G$22=$B$10,7,0)+IF('Standard Profiles'!$G$22=$B$17,14,0)+IF('Standard Profiles'!$G$22=$B$24,21,0),MOD($C1875,24)+1)/SUM(INDEX($D$3:$AA$30,INDEX(Jesper!$R$2:$R$366,ROW(INDEX(Jesper!AL$2:AL$366,ROUNDDOWN($C1875/24,0)+1,1))-1)+IF('Standard Profiles'!$G$22=$B$10,7,0)+IF('Standard Profiles'!$G$22=$B$17,14,0)+IF('Standard Profiles'!$G$22=$B$24,21,0),0)),0)</f>
        <v>2.8000364345121014</v>
      </c>
      <c r="I1875">
        <f t="shared" si="216"/>
        <v>2.6880349771316188</v>
      </c>
      <c r="J1875">
        <f t="shared" si="217"/>
        <v>10.890617323626692</v>
      </c>
      <c r="K1875">
        <f t="shared" si="218"/>
        <v>0.32467777748434296</v>
      </c>
      <c r="L1875">
        <f t="shared" si="219"/>
        <v>0.16233888874217148</v>
      </c>
      <c r="M1875">
        <f t="shared" si="220"/>
        <v>0</v>
      </c>
      <c r="N1875" s="45">
        <f t="shared" si="221"/>
        <v>45003.708333328868</v>
      </c>
    </row>
    <row r="1876" spans="2:14" x14ac:dyDescent="0.25">
      <c r="B1876">
        <f t="shared" si="215"/>
        <v>6</v>
      </c>
      <c r="C1876" s="16">
        <v>1842</v>
      </c>
      <c r="D1876" cm="1">
        <f t="array" ref="D1876">IFERROR(INDEX(Jesper!AH$2:AH$366,ROUNDDOWN($C1876/24,0)+1,1)*INDEX($D$3:$AA$30,INDEX(Jesper!$R$2:$R$366,ROW(INDEX(Jesper!AH$2:AH$366,ROUNDDOWN($C1876/24,0)+1,1))-1)+IF('Standard Profiles'!$G$18=$B$10,7,0)+IF('Standard Profiles'!$G$18=$B$17,14,0)+IF('Standard Profiles'!$G$18=$B$24,21,0),MOD($C1876,24)+1)/SUM(INDEX($D$3:$AA$30,INDEX(Jesper!$R$2:$R$366,ROW(INDEX(Jesper!AH$2:AH$366,ROUNDDOWN($C1876/24,0)+1,1))-1)+IF('Standard Profiles'!$G$18=$B$10,7,0)+IF('Standard Profiles'!$G$18=$B$17,14,0)+IF('Standard Profiles'!$G$18=$B$24,21,0),0)),0)</f>
        <v>0</v>
      </c>
      <c r="E1876" cm="1">
        <f t="array" ref="E1876">IFERROR(INDEX(Jesper!AI$2:AI$366,ROUNDDOWN($C1876/24,0)+1,1)*INDEX($D$3:$AA$30,INDEX(Jesper!$R$2:$R$366,ROW(INDEX(Jesper!AI$2:AI$366,ROUNDDOWN($C1876/24,0)+1,1))-1)+IF('Standard Profiles'!$G$19=$B$10,7,0)+IF('Standard Profiles'!$G$19=$B$17,14,0)+IF('Standard Profiles'!$G$19=$B$24,21,0),MOD($C1876,24)+1)/SUM(INDEX($D$3:$AA$30,INDEX(Jesper!$R$2:$R$366,ROW(INDEX(Jesper!AI$2:AI$366,ROUNDDOWN($C1876/24,0)+1,1))-1)+IF('Standard Profiles'!$G$19=$B$10,7,0)+IF('Standard Profiles'!$G$19=$B$17,14,0)+IF('Standard Profiles'!$G$19=$B$24,21,0),0)),0)</f>
        <v>4.0584722185542867</v>
      </c>
      <c r="F1876" cm="1">
        <f t="array" ref="F1876">IFERROR(INDEX(Jesper!AJ$2:AJ$366,ROUNDDOWN($C1876/24,0)+1,1)*INDEX($D$3:$AA$30,INDEX(Jesper!$R$2:$R$366,ROW(INDEX(Jesper!AJ$2:AJ$366,ROUNDDOWN($C1876/24,0)+1,1))-1)+IF('Standard Profiles'!$G$20=$B$10,7,0)+IF('Standard Profiles'!$G$20=$B$17,14,0)+IF('Standard Profiles'!$G$20=$B$24,21,0),MOD($C1876,24)+1)/SUM(INDEX($D$3:$AA$30,INDEX(Jesper!$R$2:$R$366,ROW(INDEX(Jesper!AJ$2:AJ$366,ROUNDDOWN($C1876/24,0)+1,1))-1)+IF('Standard Profiles'!$G$20=$B$10,7,0)+IF('Standard Profiles'!$G$20=$B$17,14,0)+IF('Standard Profiles'!$G$20=$B$24,21,0),0)),0)</f>
        <v>3.0396700848269118</v>
      </c>
      <c r="G1876" cm="1">
        <f t="array" ref="G1876">IFERROR(INDEX(Jesper!AK$2:AK$366,ROUNDDOWN($C1876/24,0)+1,1)*INDEX($D$3:$AA$30,INDEX(Jesper!$R$2:$R$366,ROW(INDEX(Jesper!AK$2:AK$366,ROUNDDOWN($C1876/24,0)+1,1))-1)+IF('Standard Profiles'!$G$21=$B$10,7,0)+IF('Standard Profiles'!$G$21=$B$17,14,0)+IF('Standard Profiles'!$G$21=$B$24,21,0),MOD($C1876,24)+1)/SUM(INDEX($D$3:$AA$30,INDEX(Jesper!$R$2:$R$366,ROW(INDEX(Jesper!AK$2:AK$366,ROUNDDOWN($C1876/24,0)+1,1))-1)+IF('Standard Profiles'!$G$21=$B$10,7,0)+IF('Standard Profiles'!$G$21=$B$17,14,0)+IF('Standard Profiles'!$G$21=$B$24,21,0),0)),0)</f>
        <v>4.1674902290915252</v>
      </c>
      <c r="H1876" cm="1">
        <f t="array" ref="H1876">IFERROR(INDEX(Jesper!AL$2:AL$366,ROUNDDOWN($C1876/24,0)+1,1)*INDEX($D$3:$AA$30,INDEX(Jesper!$R$2:$R$366,ROW(INDEX(Jesper!AL$2:AL$366,ROUNDDOWN($C1876/24,0)+1,1))-1)+IF('Standard Profiles'!$G$22=$B$10,7,0)+IF('Standard Profiles'!$G$22=$B$17,14,0)+IF('Standard Profiles'!$G$22=$B$24,21,0),MOD($C1876,24)+1)/SUM(INDEX($D$3:$AA$30,INDEX(Jesper!$R$2:$R$366,ROW(INDEX(Jesper!AL$2:AL$366,ROUNDDOWN($C1876/24,0)+1,1))-1)+IF('Standard Profiles'!$G$22=$B$10,7,0)+IF('Standard Profiles'!$G$22=$B$17,14,0)+IF('Standard Profiles'!$G$22=$B$24,21,0),0)),0)</f>
        <v>2.6963313813820236</v>
      </c>
      <c r="I1876">
        <f t="shared" si="216"/>
        <v>2.588478126126744</v>
      </c>
      <c r="J1876">
        <f t="shared" si="217"/>
        <v>10.886469121501488</v>
      </c>
      <c r="K1876">
        <f t="shared" si="218"/>
        <v>0.32467777748434296</v>
      </c>
      <c r="L1876">
        <f t="shared" si="219"/>
        <v>0.16233888874217148</v>
      </c>
      <c r="M1876">
        <f t="shared" si="220"/>
        <v>0</v>
      </c>
      <c r="N1876" s="45">
        <f t="shared" si="221"/>
        <v>45003.749999995533</v>
      </c>
    </row>
    <row r="1877" spans="2:14" x14ac:dyDescent="0.25">
      <c r="B1877">
        <f t="shared" si="215"/>
        <v>6</v>
      </c>
      <c r="C1877" s="16">
        <v>1843</v>
      </c>
      <c r="D1877" cm="1">
        <f t="array" ref="D1877">IFERROR(INDEX(Jesper!AH$2:AH$366,ROUNDDOWN($C1877/24,0)+1,1)*INDEX($D$3:$AA$30,INDEX(Jesper!$R$2:$R$366,ROW(INDEX(Jesper!AH$2:AH$366,ROUNDDOWN($C1877/24,0)+1,1))-1)+IF('Standard Profiles'!$G$18=$B$10,7,0)+IF('Standard Profiles'!$G$18=$B$17,14,0)+IF('Standard Profiles'!$G$18=$B$24,21,0),MOD($C1877,24)+1)/SUM(INDEX($D$3:$AA$30,INDEX(Jesper!$R$2:$R$366,ROW(INDEX(Jesper!AH$2:AH$366,ROUNDDOWN($C1877/24,0)+1,1))-1)+IF('Standard Profiles'!$G$18=$B$10,7,0)+IF('Standard Profiles'!$G$18=$B$17,14,0)+IF('Standard Profiles'!$G$18=$B$24,21,0),0)),0)</f>
        <v>0</v>
      </c>
      <c r="E1877" cm="1">
        <f t="array" ref="E1877">IFERROR(INDEX(Jesper!AI$2:AI$366,ROUNDDOWN($C1877/24,0)+1,1)*INDEX($D$3:$AA$30,INDEX(Jesper!$R$2:$R$366,ROW(INDEX(Jesper!AI$2:AI$366,ROUNDDOWN($C1877/24,0)+1,1))-1)+IF('Standard Profiles'!$G$19=$B$10,7,0)+IF('Standard Profiles'!$G$19=$B$17,14,0)+IF('Standard Profiles'!$G$19=$B$24,21,0),MOD($C1877,24)+1)/SUM(INDEX($D$3:$AA$30,INDEX(Jesper!$R$2:$R$366,ROW(INDEX(Jesper!AI$2:AI$366,ROUNDDOWN($C1877/24,0)+1,1))-1)+IF('Standard Profiles'!$G$19=$B$10,7,0)+IF('Standard Profiles'!$G$19=$B$17,14,0)+IF('Standard Profiles'!$G$19=$B$24,21,0),0)),0)</f>
        <v>4.0584722185542867</v>
      </c>
      <c r="F1877" cm="1">
        <f t="array" ref="F1877">IFERROR(INDEX(Jesper!AJ$2:AJ$366,ROUNDDOWN($C1877/24,0)+1,1)*INDEX($D$3:$AA$30,INDEX(Jesper!$R$2:$R$366,ROW(INDEX(Jesper!AJ$2:AJ$366,ROUNDDOWN($C1877/24,0)+1,1))-1)+IF('Standard Profiles'!$G$20=$B$10,7,0)+IF('Standard Profiles'!$G$20=$B$17,14,0)+IF('Standard Profiles'!$G$20=$B$24,21,0),MOD($C1877,24)+1)/SUM(INDEX($D$3:$AA$30,INDEX(Jesper!$R$2:$R$366,ROW(INDEX(Jesper!AJ$2:AJ$366,ROUNDDOWN($C1877/24,0)+1,1))-1)+IF('Standard Profiles'!$G$20=$B$10,7,0)+IF('Standard Profiles'!$G$20=$B$17,14,0)+IF('Standard Profiles'!$G$20=$B$24,21,0),0)),0)</f>
        <v>3.0396700848269118</v>
      </c>
      <c r="G1877" cm="1">
        <f t="array" ref="G1877">IFERROR(INDEX(Jesper!AK$2:AK$366,ROUNDDOWN($C1877/24,0)+1,1)*INDEX($D$3:$AA$30,INDEX(Jesper!$R$2:$R$366,ROW(INDEX(Jesper!AK$2:AK$366,ROUNDDOWN($C1877/24,0)+1,1))-1)+IF('Standard Profiles'!$G$21=$B$10,7,0)+IF('Standard Profiles'!$G$21=$B$17,14,0)+IF('Standard Profiles'!$G$21=$B$24,21,0),MOD($C1877,24)+1)/SUM(INDEX($D$3:$AA$30,INDEX(Jesper!$R$2:$R$366,ROW(INDEX(Jesper!AK$2:AK$366,ROUNDDOWN($C1877/24,0)+1,1))-1)+IF('Standard Profiles'!$G$21=$B$10,7,0)+IF('Standard Profiles'!$G$21=$B$17,14,0)+IF('Standard Profiles'!$G$21=$B$24,21,0),0)),0)</f>
        <v>4.1674902290915252</v>
      </c>
      <c r="H1877" cm="1">
        <f t="array" ref="H1877">IFERROR(INDEX(Jesper!AL$2:AL$366,ROUNDDOWN($C1877/24,0)+1,1)*INDEX($D$3:$AA$30,INDEX(Jesper!$R$2:$R$366,ROW(INDEX(Jesper!AL$2:AL$366,ROUNDDOWN($C1877/24,0)+1,1))-1)+IF('Standard Profiles'!$G$22=$B$10,7,0)+IF('Standard Profiles'!$G$22=$B$17,14,0)+IF('Standard Profiles'!$G$22=$B$24,21,0),MOD($C1877,24)+1)/SUM(INDEX($D$3:$AA$30,INDEX(Jesper!$R$2:$R$366,ROW(INDEX(Jesper!AL$2:AL$366,ROUNDDOWN($C1877/24,0)+1,1))-1)+IF('Standard Profiles'!$G$22=$B$10,7,0)+IF('Standard Profiles'!$G$22=$B$17,14,0)+IF('Standard Profiles'!$G$22=$B$24,21,0),0)),0)</f>
        <v>2.1778061157316344</v>
      </c>
      <c r="I1877">
        <f t="shared" si="216"/>
        <v>2.0906938711023701</v>
      </c>
      <c r="J1877">
        <f t="shared" si="217"/>
        <v>10.865728110875473</v>
      </c>
      <c r="K1877">
        <f t="shared" si="218"/>
        <v>0.32467777748434296</v>
      </c>
      <c r="L1877">
        <f t="shared" si="219"/>
        <v>0.16233888874217148</v>
      </c>
      <c r="M1877">
        <f t="shared" si="220"/>
        <v>0</v>
      </c>
      <c r="N1877" s="45">
        <f t="shared" si="221"/>
        <v>45003.791666662197</v>
      </c>
    </row>
    <row r="1878" spans="2:14" x14ac:dyDescent="0.25">
      <c r="B1878">
        <f t="shared" si="215"/>
        <v>6</v>
      </c>
      <c r="C1878" s="16">
        <v>1844</v>
      </c>
      <c r="D1878" cm="1">
        <f t="array" ref="D1878">IFERROR(INDEX(Jesper!AH$2:AH$366,ROUNDDOWN($C1878/24,0)+1,1)*INDEX($D$3:$AA$30,INDEX(Jesper!$R$2:$R$366,ROW(INDEX(Jesper!AH$2:AH$366,ROUNDDOWN($C1878/24,0)+1,1))-1)+IF('Standard Profiles'!$G$18=$B$10,7,0)+IF('Standard Profiles'!$G$18=$B$17,14,0)+IF('Standard Profiles'!$G$18=$B$24,21,0),MOD($C1878,24)+1)/SUM(INDEX($D$3:$AA$30,INDEX(Jesper!$R$2:$R$366,ROW(INDEX(Jesper!AH$2:AH$366,ROUNDDOWN($C1878/24,0)+1,1))-1)+IF('Standard Profiles'!$G$18=$B$10,7,0)+IF('Standard Profiles'!$G$18=$B$17,14,0)+IF('Standard Profiles'!$G$18=$B$24,21,0),0)),0)</f>
        <v>0</v>
      </c>
      <c r="E1878" cm="1">
        <f t="array" ref="E1878">IFERROR(INDEX(Jesper!AI$2:AI$366,ROUNDDOWN($C1878/24,0)+1,1)*INDEX($D$3:$AA$30,INDEX(Jesper!$R$2:$R$366,ROW(INDEX(Jesper!AI$2:AI$366,ROUNDDOWN($C1878/24,0)+1,1))-1)+IF('Standard Profiles'!$G$19=$B$10,7,0)+IF('Standard Profiles'!$G$19=$B$17,14,0)+IF('Standard Profiles'!$G$19=$B$24,21,0),MOD($C1878,24)+1)/SUM(INDEX($D$3:$AA$30,INDEX(Jesper!$R$2:$R$366,ROW(INDEX(Jesper!AI$2:AI$366,ROUNDDOWN($C1878/24,0)+1,1))-1)+IF('Standard Profiles'!$G$19=$B$10,7,0)+IF('Standard Profiles'!$G$19=$B$17,14,0)+IF('Standard Profiles'!$G$19=$B$24,21,0),0)),0)</f>
        <v>4.0584722185542867</v>
      </c>
      <c r="F1878" cm="1">
        <f t="array" ref="F1878">IFERROR(INDEX(Jesper!AJ$2:AJ$366,ROUNDDOWN($C1878/24,0)+1,1)*INDEX($D$3:$AA$30,INDEX(Jesper!$R$2:$R$366,ROW(INDEX(Jesper!AJ$2:AJ$366,ROUNDDOWN($C1878/24,0)+1,1))-1)+IF('Standard Profiles'!$G$20=$B$10,7,0)+IF('Standard Profiles'!$G$20=$B$17,14,0)+IF('Standard Profiles'!$G$20=$B$24,21,0),MOD($C1878,24)+1)/SUM(INDEX($D$3:$AA$30,INDEX(Jesper!$R$2:$R$366,ROW(INDEX(Jesper!AJ$2:AJ$366,ROUNDDOWN($C1878/24,0)+1,1))-1)+IF('Standard Profiles'!$G$20=$B$10,7,0)+IF('Standard Profiles'!$G$20=$B$17,14,0)+IF('Standard Profiles'!$G$20=$B$24,21,0),0)),0)</f>
        <v>3.0396700848269118</v>
      </c>
      <c r="G1878" cm="1">
        <f t="array" ref="G1878">IFERROR(INDEX(Jesper!AK$2:AK$366,ROUNDDOWN($C1878/24,0)+1,1)*INDEX($D$3:$AA$30,INDEX(Jesper!$R$2:$R$366,ROW(INDEX(Jesper!AK$2:AK$366,ROUNDDOWN($C1878/24,0)+1,1))-1)+IF('Standard Profiles'!$G$21=$B$10,7,0)+IF('Standard Profiles'!$G$21=$B$17,14,0)+IF('Standard Profiles'!$G$21=$B$24,21,0),MOD($C1878,24)+1)/SUM(INDEX($D$3:$AA$30,INDEX(Jesper!$R$2:$R$366,ROW(INDEX(Jesper!AK$2:AK$366,ROUNDDOWN($C1878/24,0)+1,1))-1)+IF('Standard Profiles'!$G$21=$B$10,7,0)+IF('Standard Profiles'!$G$21=$B$17,14,0)+IF('Standard Profiles'!$G$21=$B$24,21,0),0)),0)</f>
        <v>4.1674902290915252</v>
      </c>
      <c r="H1878" cm="1">
        <f t="array" ref="H1878">IFERROR(INDEX(Jesper!AL$2:AL$366,ROUNDDOWN($C1878/24,0)+1,1)*INDEX($D$3:$AA$30,INDEX(Jesper!$R$2:$R$366,ROW(INDEX(Jesper!AL$2:AL$366,ROUNDDOWN($C1878/24,0)+1,1))-1)+IF('Standard Profiles'!$G$22=$B$10,7,0)+IF('Standard Profiles'!$G$22=$B$17,14,0)+IF('Standard Profiles'!$G$22=$B$24,21,0),MOD($C1878,24)+1)/SUM(INDEX($D$3:$AA$30,INDEX(Jesper!$R$2:$R$366,ROW(INDEX(Jesper!AL$2:AL$366,ROUNDDOWN($C1878/24,0)+1,1))-1)+IF('Standard Profiles'!$G$22=$B$10,7,0)+IF('Standard Profiles'!$G$22=$B$17,14,0)+IF('Standard Profiles'!$G$22=$B$24,21,0),0)),0)</f>
        <v>1.6074283235162063</v>
      </c>
      <c r="I1878">
        <f t="shared" si="216"/>
        <v>1.5431311905755589</v>
      </c>
      <c r="J1878">
        <f t="shared" si="217"/>
        <v>10.842912999186856</v>
      </c>
      <c r="K1878">
        <f t="shared" si="218"/>
        <v>0.32467777748434296</v>
      </c>
      <c r="L1878">
        <f t="shared" si="219"/>
        <v>0.16233888874217148</v>
      </c>
      <c r="M1878">
        <f t="shared" si="220"/>
        <v>0</v>
      </c>
      <c r="N1878" s="45">
        <f t="shared" si="221"/>
        <v>45003.833333328861</v>
      </c>
    </row>
    <row r="1879" spans="2:14" x14ac:dyDescent="0.25">
      <c r="B1879">
        <f t="shared" si="215"/>
        <v>6</v>
      </c>
      <c r="C1879" s="16">
        <v>1845</v>
      </c>
      <c r="D1879" cm="1">
        <f t="array" ref="D1879">IFERROR(INDEX(Jesper!AH$2:AH$366,ROUNDDOWN($C1879/24,0)+1,1)*INDEX($D$3:$AA$30,INDEX(Jesper!$R$2:$R$366,ROW(INDEX(Jesper!AH$2:AH$366,ROUNDDOWN($C1879/24,0)+1,1))-1)+IF('Standard Profiles'!$G$18=$B$10,7,0)+IF('Standard Profiles'!$G$18=$B$17,14,0)+IF('Standard Profiles'!$G$18=$B$24,21,0),MOD($C1879,24)+1)/SUM(INDEX($D$3:$AA$30,INDEX(Jesper!$R$2:$R$366,ROW(INDEX(Jesper!AH$2:AH$366,ROUNDDOWN($C1879/24,0)+1,1))-1)+IF('Standard Profiles'!$G$18=$B$10,7,0)+IF('Standard Profiles'!$G$18=$B$17,14,0)+IF('Standard Profiles'!$G$18=$B$24,21,0),0)),0)</f>
        <v>0</v>
      </c>
      <c r="E1879" cm="1">
        <f t="array" ref="E1879">IFERROR(INDEX(Jesper!AI$2:AI$366,ROUNDDOWN($C1879/24,0)+1,1)*INDEX($D$3:$AA$30,INDEX(Jesper!$R$2:$R$366,ROW(INDEX(Jesper!AI$2:AI$366,ROUNDDOWN($C1879/24,0)+1,1))-1)+IF('Standard Profiles'!$G$19=$B$10,7,0)+IF('Standard Profiles'!$G$19=$B$17,14,0)+IF('Standard Profiles'!$G$19=$B$24,21,0),MOD($C1879,24)+1)/SUM(INDEX($D$3:$AA$30,INDEX(Jesper!$R$2:$R$366,ROW(INDEX(Jesper!AI$2:AI$366,ROUNDDOWN($C1879/24,0)+1,1))-1)+IF('Standard Profiles'!$G$19=$B$10,7,0)+IF('Standard Profiles'!$G$19=$B$17,14,0)+IF('Standard Profiles'!$G$19=$B$24,21,0),0)),0)</f>
        <v>4.0584722185542867</v>
      </c>
      <c r="F1879" cm="1">
        <f t="array" ref="F1879">IFERROR(INDEX(Jesper!AJ$2:AJ$366,ROUNDDOWN($C1879/24,0)+1,1)*INDEX($D$3:$AA$30,INDEX(Jesper!$R$2:$R$366,ROW(INDEX(Jesper!AJ$2:AJ$366,ROUNDDOWN($C1879/24,0)+1,1))-1)+IF('Standard Profiles'!$G$20=$B$10,7,0)+IF('Standard Profiles'!$G$20=$B$17,14,0)+IF('Standard Profiles'!$G$20=$B$24,21,0),MOD($C1879,24)+1)/SUM(INDEX($D$3:$AA$30,INDEX(Jesper!$R$2:$R$366,ROW(INDEX(Jesper!AJ$2:AJ$366,ROUNDDOWN($C1879/24,0)+1,1))-1)+IF('Standard Profiles'!$G$20=$B$10,7,0)+IF('Standard Profiles'!$G$20=$B$17,14,0)+IF('Standard Profiles'!$G$20=$B$24,21,0),0)),0)</f>
        <v>3.0396700848269118</v>
      </c>
      <c r="G1879" cm="1">
        <f t="array" ref="G1879">IFERROR(INDEX(Jesper!AK$2:AK$366,ROUNDDOWN($C1879/24,0)+1,1)*INDEX($D$3:$AA$30,INDEX(Jesper!$R$2:$R$366,ROW(INDEX(Jesper!AK$2:AK$366,ROUNDDOWN($C1879/24,0)+1,1))-1)+IF('Standard Profiles'!$G$21=$B$10,7,0)+IF('Standard Profiles'!$G$21=$B$17,14,0)+IF('Standard Profiles'!$G$21=$B$24,21,0),MOD($C1879,24)+1)/SUM(INDEX($D$3:$AA$30,INDEX(Jesper!$R$2:$R$366,ROW(INDEX(Jesper!AK$2:AK$366,ROUNDDOWN($C1879/24,0)+1,1))-1)+IF('Standard Profiles'!$G$21=$B$10,7,0)+IF('Standard Profiles'!$G$21=$B$17,14,0)+IF('Standard Profiles'!$G$21=$B$24,21,0),0)),0)</f>
        <v>4.1674902290915252</v>
      </c>
      <c r="H1879" cm="1">
        <f t="array" ref="H1879">IFERROR(INDEX(Jesper!AL$2:AL$366,ROUNDDOWN($C1879/24,0)+1,1)*INDEX($D$3:$AA$30,INDEX(Jesper!$R$2:$R$366,ROW(INDEX(Jesper!AL$2:AL$366,ROUNDDOWN($C1879/24,0)+1,1))-1)+IF('Standard Profiles'!$G$22=$B$10,7,0)+IF('Standard Profiles'!$G$22=$B$17,14,0)+IF('Standard Profiles'!$G$22=$B$24,21,0),MOD($C1879,24)+1)/SUM(INDEX($D$3:$AA$30,INDEX(Jesper!$R$2:$R$366,ROW(INDEX(Jesper!AL$2:AL$366,ROUNDDOWN($C1879/24,0)+1,1))-1)+IF('Standard Profiles'!$G$22=$B$10,7,0)+IF('Standard Profiles'!$G$22=$B$17,14,0)+IF('Standard Profiles'!$G$22=$B$24,21,0),0)),0)</f>
        <v>1.6074283235162063</v>
      </c>
      <c r="I1879">
        <f t="shared" si="216"/>
        <v>1.5431311905755589</v>
      </c>
      <c r="J1879">
        <f t="shared" si="217"/>
        <v>10.842912999186856</v>
      </c>
      <c r="K1879">
        <f t="shared" si="218"/>
        <v>0.32467777748434296</v>
      </c>
      <c r="L1879">
        <f t="shared" si="219"/>
        <v>0.16233888874217148</v>
      </c>
      <c r="M1879">
        <f t="shared" si="220"/>
        <v>0</v>
      </c>
      <c r="N1879" s="45">
        <f t="shared" si="221"/>
        <v>45003.874999995525</v>
      </c>
    </row>
    <row r="1880" spans="2:14" x14ac:dyDescent="0.25">
      <c r="B1880">
        <f t="shared" si="215"/>
        <v>6</v>
      </c>
      <c r="C1880" s="16">
        <v>1846</v>
      </c>
      <c r="D1880" cm="1">
        <f t="array" ref="D1880">IFERROR(INDEX(Jesper!AH$2:AH$366,ROUNDDOWN($C1880/24,0)+1,1)*INDEX($D$3:$AA$30,INDEX(Jesper!$R$2:$R$366,ROW(INDEX(Jesper!AH$2:AH$366,ROUNDDOWN($C1880/24,0)+1,1))-1)+IF('Standard Profiles'!$G$18=$B$10,7,0)+IF('Standard Profiles'!$G$18=$B$17,14,0)+IF('Standard Profiles'!$G$18=$B$24,21,0),MOD($C1880,24)+1)/SUM(INDEX($D$3:$AA$30,INDEX(Jesper!$R$2:$R$366,ROW(INDEX(Jesper!AH$2:AH$366,ROUNDDOWN($C1880/24,0)+1,1))-1)+IF('Standard Profiles'!$G$18=$B$10,7,0)+IF('Standard Profiles'!$G$18=$B$17,14,0)+IF('Standard Profiles'!$G$18=$B$24,21,0),0)),0)</f>
        <v>0</v>
      </c>
      <c r="E1880" cm="1">
        <f t="array" ref="E1880">IFERROR(INDEX(Jesper!AI$2:AI$366,ROUNDDOWN($C1880/24,0)+1,1)*INDEX($D$3:$AA$30,INDEX(Jesper!$R$2:$R$366,ROW(INDEX(Jesper!AI$2:AI$366,ROUNDDOWN($C1880/24,0)+1,1))-1)+IF('Standard Profiles'!$G$19=$B$10,7,0)+IF('Standard Profiles'!$G$19=$B$17,14,0)+IF('Standard Profiles'!$G$19=$B$24,21,0),MOD($C1880,24)+1)/SUM(INDEX($D$3:$AA$30,INDEX(Jesper!$R$2:$R$366,ROW(INDEX(Jesper!AI$2:AI$366,ROUNDDOWN($C1880/24,0)+1,1))-1)+IF('Standard Profiles'!$G$19=$B$10,7,0)+IF('Standard Profiles'!$G$19=$B$17,14,0)+IF('Standard Profiles'!$G$19=$B$24,21,0),0)),0)</f>
        <v>4.0584722185542867</v>
      </c>
      <c r="F1880" cm="1">
        <f t="array" ref="F1880">IFERROR(INDEX(Jesper!AJ$2:AJ$366,ROUNDDOWN($C1880/24,0)+1,1)*INDEX($D$3:$AA$30,INDEX(Jesper!$R$2:$R$366,ROW(INDEX(Jesper!AJ$2:AJ$366,ROUNDDOWN($C1880/24,0)+1,1))-1)+IF('Standard Profiles'!$G$20=$B$10,7,0)+IF('Standard Profiles'!$G$20=$B$17,14,0)+IF('Standard Profiles'!$G$20=$B$24,21,0),MOD($C1880,24)+1)/SUM(INDEX($D$3:$AA$30,INDEX(Jesper!$R$2:$R$366,ROW(INDEX(Jesper!AJ$2:AJ$366,ROUNDDOWN($C1880/24,0)+1,1))-1)+IF('Standard Profiles'!$G$20=$B$10,7,0)+IF('Standard Profiles'!$G$20=$B$17,14,0)+IF('Standard Profiles'!$G$20=$B$24,21,0),0)),0)</f>
        <v>3.0396700848269118</v>
      </c>
      <c r="G1880" cm="1">
        <f t="array" ref="G1880">IFERROR(INDEX(Jesper!AK$2:AK$366,ROUNDDOWN($C1880/24,0)+1,1)*INDEX($D$3:$AA$30,INDEX(Jesper!$R$2:$R$366,ROW(INDEX(Jesper!AK$2:AK$366,ROUNDDOWN($C1880/24,0)+1,1))-1)+IF('Standard Profiles'!$G$21=$B$10,7,0)+IF('Standard Profiles'!$G$21=$B$17,14,0)+IF('Standard Profiles'!$G$21=$B$24,21,0),MOD($C1880,24)+1)/SUM(INDEX($D$3:$AA$30,INDEX(Jesper!$R$2:$R$366,ROW(INDEX(Jesper!AK$2:AK$366,ROUNDDOWN($C1880/24,0)+1,1))-1)+IF('Standard Profiles'!$G$21=$B$10,7,0)+IF('Standard Profiles'!$G$21=$B$17,14,0)+IF('Standard Profiles'!$G$21=$B$24,21,0),0)),0)</f>
        <v>4.1674902290915252</v>
      </c>
      <c r="H1880" cm="1">
        <f t="array" ref="H1880">IFERROR(INDEX(Jesper!AL$2:AL$366,ROUNDDOWN($C1880/24,0)+1,1)*INDEX($D$3:$AA$30,INDEX(Jesper!$R$2:$R$366,ROW(INDEX(Jesper!AL$2:AL$366,ROUNDDOWN($C1880/24,0)+1,1))-1)+IF('Standard Profiles'!$G$22=$B$10,7,0)+IF('Standard Profiles'!$G$22=$B$17,14,0)+IF('Standard Profiles'!$G$22=$B$24,21,0),MOD($C1880,24)+1)/SUM(INDEX($D$3:$AA$30,INDEX(Jesper!$R$2:$R$366,ROW(INDEX(Jesper!AL$2:AL$366,ROUNDDOWN($C1880/24,0)+1,1))-1)+IF('Standard Profiles'!$G$22=$B$10,7,0)+IF('Standard Profiles'!$G$22=$B$17,14,0)+IF('Standard Profiles'!$G$22=$B$24,21,0),0)),0)</f>
        <v>1.6074283235162063</v>
      </c>
      <c r="I1880">
        <f t="shared" si="216"/>
        <v>1.5431311905755589</v>
      </c>
      <c r="J1880">
        <f t="shared" si="217"/>
        <v>10.842912999186856</v>
      </c>
      <c r="K1880">
        <f t="shared" si="218"/>
        <v>0.32467777748434296</v>
      </c>
      <c r="L1880">
        <f t="shared" si="219"/>
        <v>0.16233888874217148</v>
      </c>
      <c r="M1880">
        <f t="shared" si="220"/>
        <v>0</v>
      </c>
      <c r="N1880" s="45">
        <f t="shared" si="221"/>
        <v>45003.91666666219</v>
      </c>
    </row>
    <row r="1881" spans="2:14" x14ac:dyDescent="0.25">
      <c r="B1881">
        <f t="shared" si="215"/>
        <v>6</v>
      </c>
      <c r="C1881" s="16">
        <v>1847</v>
      </c>
      <c r="D1881" cm="1">
        <f t="array" ref="D1881">IFERROR(INDEX(Jesper!AH$2:AH$366,ROUNDDOWN($C1881/24,0)+1,1)*INDEX($D$3:$AA$30,INDEX(Jesper!$R$2:$R$366,ROW(INDEX(Jesper!AH$2:AH$366,ROUNDDOWN($C1881/24,0)+1,1))-1)+IF('Standard Profiles'!$G$18=$B$10,7,0)+IF('Standard Profiles'!$G$18=$B$17,14,0)+IF('Standard Profiles'!$G$18=$B$24,21,0),MOD($C1881,24)+1)/SUM(INDEX($D$3:$AA$30,INDEX(Jesper!$R$2:$R$366,ROW(INDEX(Jesper!AH$2:AH$366,ROUNDDOWN($C1881/24,0)+1,1))-1)+IF('Standard Profiles'!$G$18=$B$10,7,0)+IF('Standard Profiles'!$G$18=$B$17,14,0)+IF('Standard Profiles'!$G$18=$B$24,21,0),0)),0)</f>
        <v>0</v>
      </c>
      <c r="E1881" cm="1">
        <f t="array" ref="E1881">IFERROR(INDEX(Jesper!AI$2:AI$366,ROUNDDOWN($C1881/24,0)+1,1)*INDEX($D$3:$AA$30,INDEX(Jesper!$R$2:$R$366,ROW(INDEX(Jesper!AI$2:AI$366,ROUNDDOWN($C1881/24,0)+1,1))-1)+IF('Standard Profiles'!$G$19=$B$10,7,0)+IF('Standard Profiles'!$G$19=$B$17,14,0)+IF('Standard Profiles'!$G$19=$B$24,21,0),MOD($C1881,24)+1)/SUM(INDEX($D$3:$AA$30,INDEX(Jesper!$R$2:$R$366,ROW(INDEX(Jesper!AI$2:AI$366,ROUNDDOWN($C1881/24,0)+1,1))-1)+IF('Standard Profiles'!$G$19=$B$10,7,0)+IF('Standard Profiles'!$G$19=$B$17,14,0)+IF('Standard Profiles'!$G$19=$B$24,21,0),0)),0)</f>
        <v>4.0584722185542867</v>
      </c>
      <c r="F1881" cm="1">
        <f t="array" ref="F1881">IFERROR(INDEX(Jesper!AJ$2:AJ$366,ROUNDDOWN($C1881/24,0)+1,1)*INDEX($D$3:$AA$30,INDEX(Jesper!$R$2:$R$366,ROW(INDEX(Jesper!AJ$2:AJ$366,ROUNDDOWN($C1881/24,0)+1,1))-1)+IF('Standard Profiles'!$G$20=$B$10,7,0)+IF('Standard Profiles'!$G$20=$B$17,14,0)+IF('Standard Profiles'!$G$20=$B$24,21,0),MOD($C1881,24)+1)/SUM(INDEX($D$3:$AA$30,INDEX(Jesper!$R$2:$R$366,ROW(INDEX(Jesper!AJ$2:AJ$366,ROUNDDOWN($C1881/24,0)+1,1))-1)+IF('Standard Profiles'!$G$20=$B$10,7,0)+IF('Standard Profiles'!$G$20=$B$17,14,0)+IF('Standard Profiles'!$G$20=$B$24,21,0),0)),0)</f>
        <v>3.0396700848269118</v>
      </c>
      <c r="G1881" cm="1">
        <f t="array" ref="G1881">IFERROR(INDEX(Jesper!AK$2:AK$366,ROUNDDOWN($C1881/24,0)+1,1)*INDEX($D$3:$AA$30,INDEX(Jesper!$R$2:$R$366,ROW(INDEX(Jesper!AK$2:AK$366,ROUNDDOWN($C1881/24,0)+1,1))-1)+IF('Standard Profiles'!$G$21=$B$10,7,0)+IF('Standard Profiles'!$G$21=$B$17,14,0)+IF('Standard Profiles'!$G$21=$B$24,21,0),MOD($C1881,24)+1)/SUM(INDEX($D$3:$AA$30,INDEX(Jesper!$R$2:$R$366,ROW(INDEX(Jesper!AK$2:AK$366,ROUNDDOWN($C1881/24,0)+1,1))-1)+IF('Standard Profiles'!$G$21=$B$10,7,0)+IF('Standard Profiles'!$G$21=$B$17,14,0)+IF('Standard Profiles'!$G$21=$B$24,21,0),0)),0)</f>
        <v>4.1674902290915252</v>
      </c>
      <c r="H1881" cm="1">
        <f t="array" ref="H1881">IFERROR(INDEX(Jesper!AL$2:AL$366,ROUNDDOWN($C1881/24,0)+1,1)*INDEX($D$3:$AA$30,INDEX(Jesper!$R$2:$R$366,ROW(INDEX(Jesper!AL$2:AL$366,ROUNDDOWN($C1881/24,0)+1,1))-1)+IF('Standard Profiles'!$G$22=$B$10,7,0)+IF('Standard Profiles'!$G$22=$B$17,14,0)+IF('Standard Profiles'!$G$22=$B$24,21,0),MOD($C1881,24)+1)/SUM(INDEX($D$3:$AA$30,INDEX(Jesper!$R$2:$R$366,ROW(INDEX(Jesper!AL$2:AL$366,ROUNDDOWN($C1881/24,0)+1,1))-1)+IF('Standard Profiles'!$G$22=$B$10,7,0)+IF('Standard Profiles'!$G$22=$B$17,14,0)+IF('Standard Profiles'!$G$22=$B$24,21,0),0)),0)</f>
        <v>1.6074283235162063</v>
      </c>
      <c r="I1881">
        <f t="shared" si="216"/>
        <v>1.5431311905755589</v>
      </c>
      <c r="J1881">
        <f t="shared" si="217"/>
        <v>10.842912999186856</v>
      </c>
      <c r="K1881">
        <f t="shared" si="218"/>
        <v>0.32467777748434296</v>
      </c>
      <c r="L1881">
        <f t="shared" si="219"/>
        <v>0.16233888874217148</v>
      </c>
      <c r="M1881">
        <f t="shared" si="220"/>
        <v>0</v>
      </c>
      <c r="N1881" s="45">
        <f t="shared" si="221"/>
        <v>45003.958333328854</v>
      </c>
    </row>
    <row r="1882" spans="2:14" x14ac:dyDescent="0.25">
      <c r="B1882">
        <f t="shared" si="215"/>
        <v>7</v>
      </c>
      <c r="C1882" s="16">
        <v>1848</v>
      </c>
      <c r="D1882" cm="1">
        <f t="array" ref="D1882">IFERROR(INDEX(Jesper!AH$2:AH$366,ROUNDDOWN($C1882/24,0)+1,1)*INDEX($D$3:$AA$30,INDEX(Jesper!$R$2:$R$366,ROW(INDEX(Jesper!AH$2:AH$366,ROUNDDOWN($C1882/24,0)+1,1))-1)+IF('Standard Profiles'!$G$18=$B$10,7,0)+IF('Standard Profiles'!$G$18=$B$17,14,0)+IF('Standard Profiles'!$G$18=$B$24,21,0),MOD($C1882,24)+1)/SUM(INDEX($D$3:$AA$30,INDEX(Jesper!$R$2:$R$366,ROW(INDEX(Jesper!AH$2:AH$366,ROUNDDOWN($C1882/24,0)+1,1))-1)+IF('Standard Profiles'!$G$18=$B$10,7,0)+IF('Standard Profiles'!$G$18=$B$17,14,0)+IF('Standard Profiles'!$G$18=$B$24,21,0),0)),0)</f>
        <v>0</v>
      </c>
      <c r="E1882" cm="1">
        <f t="array" ref="E1882">IFERROR(INDEX(Jesper!AI$2:AI$366,ROUNDDOWN($C1882/24,0)+1,1)*INDEX($D$3:$AA$30,INDEX(Jesper!$R$2:$R$366,ROW(INDEX(Jesper!AI$2:AI$366,ROUNDDOWN($C1882/24,0)+1,1))-1)+IF('Standard Profiles'!$G$19=$B$10,7,0)+IF('Standard Profiles'!$G$19=$B$17,14,0)+IF('Standard Profiles'!$G$19=$B$24,21,0),MOD($C1882,24)+1)/SUM(INDEX($D$3:$AA$30,INDEX(Jesper!$R$2:$R$366,ROW(INDEX(Jesper!AI$2:AI$366,ROUNDDOWN($C1882/24,0)+1,1))-1)+IF('Standard Profiles'!$G$19=$B$10,7,0)+IF('Standard Profiles'!$G$19=$B$17,14,0)+IF('Standard Profiles'!$G$19=$B$24,21,0),0)),0)</f>
        <v>4.0970129685784453</v>
      </c>
      <c r="F1882" cm="1">
        <f t="array" ref="F1882">IFERROR(INDEX(Jesper!AJ$2:AJ$366,ROUNDDOWN($C1882/24,0)+1,1)*INDEX($D$3:$AA$30,INDEX(Jesper!$R$2:$R$366,ROW(INDEX(Jesper!AJ$2:AJ$366,ROUNDDOWN($C1882/24,0)+1,1))-1)+IF('Standard Profiles'!$G$20=$B$10,7,0)+IF('Standard Profiles'!$G$20=$B$17,14,0)+IF('Standard Profiles'!$G$20=$B$24,21,0),MOD($C1882,24)+1)/SUM(INDEX($D$3:$AA$30,INDEX(Jesper!$R$2:$R$366,ROW(INDEX(Jesper!AJ$2:AJ$366,ROUNDDOWN($C1882/24,0)+1,1))-1)+IF('Standard Profiles'!$G$20=$B$10,7,0)+IF('Standard Profiles'!$G$20=$B$17,14,0)+IF('Standard Profiles'!$G$20=$B$24,21,0),0)),0)</f>
        <v>3.0784276741197281</v>
      </c>
      <c r="G1882" cm="1">
        <f t="array" ref="G1882">IFERROR(INDEX(Jesper!AK$2:AK$366,ROUNDDOWN($C1882/24,0)+1,1)*INDEX($D$3:$AA$30,INDEX(Jesper!$R$2:$R$366,ROW(INDEX(Jesper!AK$2:AK$366,ROUNDDOWN($C1882/24,0)+1,1))-1)+IF('Standard Profiles'!$G$21=$B$10,7,0)+IF('Standard Profiles'!$G$21=$B$17,14,0)+IF('Standard Profiles'!$G$21=$B$24,21,0),MOD($C1882,24)+1)/SUM(INDEX($D$3:$AA$30,INDEX(Jesper!$R$2:$R$366,ROW(INDEX(Jesper!AK$2:AK$366,ROUNDDOWN($C1882/24,0)+1,1))-1)+IF('Standard Profiles'!$G$21=$B$10,7,0)+IF('Standard Profiles'!$G$21=$B$17,14,0)+IF('Standard Profiles'!$G$21=$B$24,21,0),0)),0)</f>
        <v>4.223722887209731</v>
      </c>
      <c r="H1882" cm="1">
        <f t="array" ref="H1882">IFERROR(INDEX(Jesper!AL$2:AL$366,ROUNDDOWN($C1882/24,0)+1,1)*INDEX($D$3:$AA$30,INDEX(Jesper!$R$2:$R$366,ROW(INDEX(Jesper!AL$2:AL$366,ROUNDDOWN($C1882/24,0)+1,1))-1)+IF('Standard Profiles'!$G$22=$B$10,7,0)+IF('Standard Profiles'!$G$22=$B$17,14,0)+IF('Standard Profiles'!$G$22=$B$24,21,0),MOD($C1882,24)+1)/SUM(INDEX($D$3:$AA$30,INDEX(Jesper!$R$2:$R$366,ROW(INDEX(Jesper!AL$2:AL$366,ROUNDDOWN($C1882/24,0)+1,1))-1)+IF('Standard Profiles'!$G$22=$B$10,7,0)+IF('Standard Profiles'!$G$22=$B$17,14,0)+IF('Standard Profiles'!$G$22=$B$24,21,0),0)),0)</f>
        <v>1.8564461291070706</v>
      </c>
      <c r="I1882">
        <f t="shared" si="216"/>
        <v>1.7821882839427887</v>
      </c>
      <c r="J1882">
        <f t="shared" si="217"/>
        <v>10.981779818842773</v>
      </c>
      <c r="K1882">
        <f t="shared" si="218"/>
        <v>0.32776103748627561</v>
      </c>
      <c r="L1882">
        <f t="shared" si="219"/>
        <v>0.1638805187431378</v>
      </c>
      <c r="M1882">
        <f t="shared" si="220"/>
        <v>0</v>
      </c>
      <c r="N1882" s="45">
        <f t="shared" si="221"/>
        <v>45003.999999995518</v>
      </c>
    </row>
    <row r="1883" spans="2:14" x14ac:dyDescent="0.25">
      <c r="B1883">
        <f t="shared" si="215"/>
        <v>7</v>
      </c>
      <c r="C1883" s="16">
        <v>1849</v>
      </c>
      <c r="D1883" cm="1">
        <f t="array" ref="D1883">IFERROR(INDEX(Jesper!AH$2:AH$366,ROUNDDOWN($C1883/24,0)+1,1)*INDEX($D$3:$AA$30,INDEX(Jesper!$R$2:$R$366,ROW(INDEX(Jesper!AH$2:AH$366,ROUNDDOWN($C1883/24,0)+1,1))-1)+IF('Standard Profiles'!$G$18=$B$10,7,0)+IF('Standard Profiles'!$G$18=$B$17,14,0)+IF('Standard Profiles'!$G$18=$B$24,21,0),MOD($C1883,24)+1)/SUM(INDEX($D$3:$AA$30,INDEX(Jesper!$R$2:$R$366,ROW(INDEX(Jesper!AH$2:AH$366,ROUNDDOWN($C1883/24,0)+1,1))-1)+IF('Standard Profiles'!$G$18=$B$10,7,0)+IF('Standard Profiles'!$G$18=$B$17,14,0)+IF('Standard Profiles'!$G$18=$B$24,21,0),0)),0)</f>
        <v>0</v>
      </c>
      <c r="E1883" cm="1">
        <f t="array" ref="E1883">IFERROR(INDEX(Jesper!AI$2:AI$366,ROUNDDOWN($C1883/24,0)+1,1)*INDEX($D$3:$AA$30,INDEX(Jesper!$R$2:$R$366,ROW(INDEX(Jesper!AI$2:AI$366,ROUNDDOWN($C1883/24,0)+1,1))-1)+IF('Standard Profiles'!$G$19=$B$10,7,0)+IF('Standard Profiles'!$G$19=$B$17,14,0)+IF('Standard Profiles'!$G$19=$B$24,21,0),MOD($C1883,24)+1)/SUM(INDEX($D$3:$AA$30,INDEX(Jesper!$R$2:$R$366,ROW(INDEX(Jesper!AI$2:AI$366,ROUNDDOWN($C1883/24,0)+1,1))-1)+IF('Standard Profiles'!$G$19=$B$10,7,0)+IF('Standard Profiles'!$G$19=$B$17,14,0)+IF('Standard Profiles'!$G$19=$B$24,21,0),0)),0)</f>
        <v>4.0970129685784453</v>
      </c>
      <c r="F1883" cm="1">
        <f t="array" ref="F1883">IFERROR(INDEX(Jesper!AJ$2:AJ$366,ROUNDDOWN($C1883/24,0)+1,1)*INDEX($D$3:$AA$30,INDEX(Jesper!$R$2:$R$366,ROW(INDEX(Jesper!AJ$2:AJ$366,ROUNDDOWN($C1883/24,0)+1,1))-1)+IF('Standard Profiles'!$G$20=$B$10,7,0)+IF('Standard Profiles'!$G$20=$B$17,14,0)+IF('Standard Profiles'!$G$20=$B$24,21,0),MOD($C1883,24)+1)/SUM(INDEX($D$3:$AA$30,INDEX(Jesper!$R$2:$R$366,ROW(INDEX(Jesper!AJ$2:AJ$366,ROUNDDOWN($C1883/24,0)+1,1))-1)+IF('Standard Profiles'!$G$20=$B$10,7,0)+IF('Standard Profiles'!$G$20=$B$17,14,0)+IF('Standard Profiles'!$G$20=$B$24,21,0),0)),0)</f>
        <v>3.0784276741197281</v>
      </c>
      <c r="G1883" cm="1">
        <f t="array" ref="G1883">IFERROR(INDEX(Jesper!AK$2:AK$366,ROUNDDOWN($C1883/24,0)+1,1)*INDEX($D$3:$AA$30,INDEX(Jesper!$R$2:$R$366,ROW(INDEX(Jesper!AK$2:AK$366,ROUNDDOWN($C1883/24,0)+1,1))-1)+IF('Standard Profiles'!$G$21=$B$10,7,0)+IF('Standard Profiles'!$G$21=$B$17,14,0)+IF('Standard Profiles'!$G$21=$B$24,21,0),MOD($C1883,24)+1)/SUM(INDEX($D$3:$AA$30,INDEX(Jesper!$R$2:$R$366,ROW(INDEX(Jesper!AK$2:AK$366,ROUNDDOWN($C1883/24,0)+1,1))-1)+IF('Standard Profiles'!$G$21=$B$10,7,0)+IF('Standard Profiles'!$G$21=$B$17,14,0)+IF('Standard Profiles'!$G$21=$B$24,21,0),0)),0)</f>
        <v>4.223722887209731</v>
      </c>
      <c r="H1883" cm="1">
        <f t="array" ref="H1883">IFERROR(INDEX(Jesper!AL$2:AL$366,ROUNDDOWN($C1883/24,0)+1,1)*INDEX($D$3:$AA$30,INDEX(Jesper!$R$2:$R$366,ROW(INDEX(Jesper!AL$2:AL$366,ROUNDDOWN($C1883/24,0)+1,1))-1)+IF('Standard Profiles'!$G$22=$B$10,7,0)+IF('Standard Profiles'!$G$22=$B$17,14,0)+IF('Standard Profiles'!$G$22=$B$24,21,0),MOD($C1883,24)+1)/SUM(INDEX($D$3:$AA$30,INDEX(Jesper!$R$2:$R$366,ROW(INDEX(Jesper!AL$2:AL$366,ROUNDDOWN($C1883/24,0)+1,1))-1)+IF('Standard Profiles'!$G$22=$B$10,7,0)+IF('Standard Profiles'!$G$22=$B$17,14,0)+IF('Standard Profiles'!$G$22=$B$24,21,0),0)),0)</f>
        <v>2.1558729241243402</v>
      </c>
      <c r="I1883">
        <f t="shared" si="216"/>
        <v>2.0696380071593676</v>
      </c>
      <c r="J1883">
        <f t="shared" si="217"/>
        <v>10.993756890643464</v>
      </c>
      <c r="K1883">
        <f t="shared" si="218"/>
        <v>0.32776103748627561</v>
      </c>
      <c r="L1883">
        <f t="shared" si="219"/>
        <v>0.1638805187431378</v>
      </c>
      <c r="M1883">
        <f t="shared" si="220"/>
        <v>0</v>
      </c>
      <c r="N1883" s="45">
        <f t="shared" si="221"/>
        <v>45004.041666662182</v>
      </c>
    </row>
    <row r="1884" spans="2:14" x14ac:dyDescent="0.25">
      <c r="B1884">
        <f t="shared" si="215"/>
        <v>7</v>
      </c>
      <c r="C1884" s="16">
        <v>1850</v>
      </c>
      <c r="D1884" cm="1">
        <f t="array" ref="D1884">IFERROR(INDEX(Jesper!AH$2:AH$366,ROUNDDOWN($C1884/24,0)+1,1)*INDEX($D$3:$AA$30,INDEX(Jesper!$R$2:$R$366,ROW(INDEX(Jesper!AH$2:AH$366,ROUNDDOWN($C1884/24,0)+1,1))-1)+IF('Standard Profiles'!$G$18=$B$10,7,0)+IF('Standard Profiles'!$G$18=$B$17,14,0)+IF('Standard Profiles'!$G$18=$B$24,21,0),MOD($C1884,24)+1)/SUM(INDEX($D$3:$AA$30,INDEX(Jesper!$R$2:$R$366,ROW(INDEX(Jesper!AH$2:AH$366,ROUNDDOWN($C1884/24,0)+1,1))-1)+IF('Standard Profiles'!$G$18=$B$10,7,0)+IF('Standard Profiles'!$G$18=$B$17,14,0)+IF('Standard Profiles'!$G$18=$B$24,21,0),0)),0)</f>
        <v>0</v>
      </c>
      <c r="E1884" cm="1">
        <f t="array" ref="E1884">IFERROR(INDEX(Jesper!AI$2:AI$366,ROUNDDOWN($C1884/24,0)+1,1)*INDEX($D$3:$AA$30,INDEX(Jesper!$R$2:$R$366,ROW(INDEX(Jesper!AI$2:AI$366,ROUNDDOWN($C1884/24,0)+1,1))-1)+IF('Standard Profiles'!$G$19=$B$10,7,0)+IF('Standard Profiles'!$G$19=$B$17,14,0)+IF('Standard Profiles'!$G$19=$B$24,21,0),MOD($C1884,24)+1)/SUM(INDEX($D$3:$AA$30,INDEX(Jesper!$R$2:$R$366,ROW(INDEX(Jesper!AI$2:AI$366,ROUNDDOWN($C1884/24,0)+1,1))-1)+IF('Standard Profiles'!$G$19=$B$10,7,0)+IF('Standard Profiles'!$G$19=$B$17,14,0)+IF('Standard Profiles'!$G$19=$B$24,21,0),0)),0)</f>
        <v>4.0970129685784453</v>
      </c>
      <c r="F1884" cm="1">
        <f t="array" ref="F1884">IFERROR(INDEX(Jesper!AJ$2:AJ$366,ROUNDDOWN($C1884/24,0)+1,1)*INDEX($D$3:$AA$30,INDEX(Jesper!$R$2:$R$366,ROW(INDEX(Jesper!AJ$2:AJ$366,ROUNDDOWN($C1884/24,0)+1,1))-1)+IF('Standard Profiles'!$G$20=$B$10,7,0)+IF('Standard Profiles'!$G$20=$B$17,14,0)+IF('Standard Profiles'!$G$20=$B$24,21,0),MOD($C1884,24)+1)/SUM(INDEX($D$3:$AA$30,INDEX(Jesper!$R$2:$R$366,ROW(INDEX(Jesper!AJ$2:AJ$366,ROUNDDOWN($C1884/24,0)+1,1))-1)+IF('Standard Profiles'!$G$20=$B$10,7,0)+IF('Standard Profiles'!$G$20=$B$17,14,0)+IF('Standard Profiles'!$G$20=$B$24,21,0),0)),0)</f>
        <v>3.0784276741197281</v>
      </c>
      <c r="G1884" cm="1">
        <f t="array" ref="G1884">IFERROR(INDEX(Jesper!AK$2:AK$366,ROUNDDOWN($C1884/24,0)+1,1)*INDEX($D$3:$AA$30,INDEX(Jesper!$R$2:$R$366,ROW(INDEX(Jesper!AK$2:AK$366,ROUNDDOWN($C1884/24,0)+1,1))-1)+IF('Standard Profiles'!$G$21=$B$10,7,0)+IF('Standard Profiles'!$G$21=$B$17,14,0)+IF('Standard Profiles'!$G$21=$B$24,21,0),MOD($C1884,24)+1)/SUM(INDEX($D$3:$AA$30,INDEX(Jesper!$R$2:$R$366,ROW(INDEX(Jesper!AK$2:AK$366,ROUNDDOWN($C1884/24,0)+1,1))-1)+IF('Standard Profiles'!$G$21=$B$10,7,0)+IF('Standard Profiles'!$G$21=$B$17,14,0)+IF('Standard Profiles'!$G$21=$B$24,21,0),0)),0)</f>
        <v>4.223722887209731</v>
      </c>
      <c r="H1884" cm="1">
        <f t="array" ref="H1884">IFERROR(INDEX(Jesper!AL$2:AL$366,ROUNDDOWN($C1884/24,0)+1,1)*INDEX($D$3:$AA$30,INDEX(Jesper!$R$2:$R$366,ROW(INDEX(Jesper!AL$2:AL$366,ROUNDDOWN($C1884/24,0)+1,1))-1)+IF('Standard Profiles'!$G$22=$B$10,7,0)+IF('Standard Profiles'!$G$22=$B$17,14,0)+IF('Standard Profiles'!$G$22=$B$24,21,0),MOD($C1884,24)+1)/SUM(INDEX($D$3:$AA$30,INDEX(Jesper!$R$2:$R$366,ROW(INDEX(Jesper!AL$2:AL$366,ROUNDDOWN($C1884/24,0)+1,1))-1)+IF('Standard Profiles'!$G$22=$B$10,7,0)+IF('Standard Profiles'!$G$22=$B$17,14,0)+IF('Standard Profiles'!$G$22=$B$24,21,0),0)),0)</f>
        <v>2.1558729241243402</v>
      </c>
      <c r="I1884">
        <f t="shared" si="216"/>
        <v>2.0696380071593676</v>
      </c>
      <c r="J1884">
        <f t="shared" si="217"/>
        <v>10.993756890643464</v>
      </c>
      <c r="K1884">
        <f t="shared" si="218"/>
        <v>0.32776103748627561</v>
      </c>
      <c r="L1884">
        <f t="shared" si="219"/>
        <v>0.1638805187431378</v>
      </c>
      <c r="M1884">
        <f t="shared" si="220"/>
        <v>0</v>
      </c>
      <c r="N1884" s="45">
        <f t="shared" si="221"/>
        <v>45004.083333328846</v>
      </c>
    </row>
    <row r="1885" spans="2:14" x14ac:dyDescent="0.25">
      <c r="B1885">
        <f t="shared" si="215"/>
        <v>7</v>
      </c>
      <c r="C1885" s="16">
        <v>1851</v>
      </c>
      <c r="D1885" cm="1">
        <f t="array" ref="D1885">IFERROR(INDEX(Jesper!AH$2:AH$366,ROUNDDOWN($C1885/24,0)+1,1)*INDEX($D$3:$AA$30,INDEX(Jesper!$R$2:$R$366,ROW(INDEX(Jesper!AH$2:AH$366,ROUNDDOWN($C1885/24,0)+1,1))-1)+IF('Standard Profiles'!$G$18=$B$10,7,0)+IF('Standard Profiles'!$G$18=$B$17,14,0)+IF('Standard Profiles'!$G$18=$B$24,21,0),MOD($C1885,24)+1)/SUM(INDEX($D$3:$AA$30,INDEX(Jesper!$R$2:$R$366,ROW(INDEX(Jesper!AH$2:AH$366,ROUNDDOWN($C1885/24,0)+1,1))-1)+IF('Standard Profiles'!$G$18=$B$10,7,0)+IF('Standard Profiles'!$G$18=$B$17,14,0)+IF('Standard Profiles'!$G$18=$B$24,21,0),0)),0)</f>
        <v>0</v>
      </c>
      <c r="E1885" cm="1">
        <f t="array" ref="E1885">IFERROR(INDEX(Jesper!AI$2:AI$366,ROUNDDOWN($C1885/24,0)+1,1)*INDEX($D$3:$AA$30,INDEX(Jesper!$R$2:$R$366,ROW(INDEX(Jesper!AI$2:AI$366,ROUNDDOWN($C1885/24,0)+1,1))-1)+IF('Standard Profiles'!$G$19=$B$10,7,0)+IF('Standard Profiles'!$G$19=$B$17,14,0)+IF('Standard Profiles'!$G$19=$B$24,21,0),MOD($C1885,24)+1)/SUM(INDEX($D$3:$AA$30,INDEX(Jesper!$R$2:$R$366,ROW(INDEX(Jesper!AI$2:AI$366,ROUNDDOWN($C1885/24,0)+1,1))-1)+IF('Standard Profiles'!$G$19=$B$10,7,0)+IF('Standard Profiles'!$G$19=$B$17,14,0)+IF('Standard Profiles'!$G$19=$B$24,21,0),0)),0)</f>
        <v>4.0970129685784453</v>
      </c>
      <c r="F1885" cm="1">
        <f t="array" ref="F1885">IFERROR(INDEX(Jesper!AJ$2:AJ$366,ROUNDDOWN($C1885/24,0)+1,1)*INDEX($D$3:$AA$30,INDEX(Jesper!$R$2:$R$366,ROW(INDEX(Jesper!AJ$2:AJ$366,ROUNDDOWN($C1885/24,0)+1,1))-1)+IF('Standard Profiles'!$G$20=$B$10,7,0)+IF('Standard Profiles'!$G$20=$B$17,14,0)+IF('Standard Profiles'!$G$20=$B$24,21,0),MOD($C1885,24)+1)/SUM(INDEX($D$3:$AA$30,INDEX(Jesper!$R$2:$R$366,ROW(INDEX(Jesper!AJ$2:AJ$366,ROUNDDOWN($C1885/24,0)+1,1))-1)+IF('Standard Profiles'!$G$20=$B$10,7,0)+IF('Standard Profiles'!$G$20=$B$17,14,0)+IF('Standard Profiles'!$G$20=$B$24,21,0),0)),0)</f>
        <v>3.0784276741197281</v>
      </c>
      <c r="G1885" cm="1">
        <f t="array" ref="G1885">IFERROR(INDEX(Jesper!AK$2:AK$366,ROUNDDOWN($C1885/24,0)+1,1)*INDEX($D$3:$AA$30,INDEX(Jesper!$R$2:$R$366,ROW(INDEX(Jesper!AK$2:AK$366,ROUNDDOWN($C1885/24,0)+1,1))-1)+IF('Standard Profiles'!$G$21=$B$10,7,0)+IF('Standard Profiles'!$G$21=$B$17,14,0)+IF('Standard Profiles'!$G$21=$B$24,21,0),MOD($C1885,24)+1)/SUM(INDEX($D$3:$AA$30,INDEX(Jesper!$R$2:$R$366,ROW(INDEX(Jesper!AK$2:AK$366,ROUNDDOWN($C1885/24,0)+1,1))-1)+IF('Standard Profiles'!$G$21=$B$10,7,0)+IF('Standard Profiles'!$G$21=$B$17,14,0)+IF('Standard Profiles'!$G$21=$B$24,21,0),0)),0)</f>
        <v>4.223722887209731</v>
      </c>
      <c r="H1885" cm="1">
        <f t="array" ref="H1885">IFERROR(INDEX(Jesper!AL$2:AL$366,ROUNDDOWN($C1885/24,0)+1,1)*INDEX($D$3:$AA$30,INDEX(Jesper!$R$2:$R$366,ROW(INDEX(Jesper!AL$2:AL$366,ROUNDDOWN($C1885/24,0)+1,1))-1)+IF('Standard Profiles'!$G$22=$B$10,7,0)+IF('Standard Profiles'!$G$22=$B$17,14,0)+IF('Standard Profiles'!$G$22=$B$24,21,0),MOD($C1885,24)+1)/SUM(INDEX($D$3:$AA$30,INDEX(Jesper!$R$2:$R$366,ROW(INDEX(Jesper!AL$2:AL$366,ROUNDDOWN($C1885/24,0)+1,1))-1)+IF('Standard Profiles'!$G$22=$B$10,7,0)+IF('Standard Profiles'!$G$22=$B$17,14,0)+IF('Standard Profiles'!$G$22=$B$24,21,0),0)),0)</f>
        <v>2.1558729241243402</v>
      </c>
      <c r="I1885">
        <f t="shared" si="216"/>
        <v>2.0696380071593676</v>
      </c>
      <c r="J1885">
        <f t="shared" si="217"/>
        <v>10.993756890643464</v>
      </c>
      <c r="K1885">
        <f t="shared" si="218"/>
        <v>0.32776103748627561</v>
      </c>
      <c r="L1885">
        <f t="shared" si="219"/>
        <v>0.1638805187431378</v>
      </c>
      <c r="M1885">
        <f t="shared" si="220"/>
        <v>0</v>
      </c>
      <c r="N1885" s="45">
        <f t="shared" si="221"/>
        <v>45004.124999995511</v>
      </c>
    </row>
    <row r="1886" spans="2:14" x14ac:dyDescent="0.25">
      <c r="B1886">
        <f t="shared" si="215"/>
        <v>7</v>
      </c>
      <c r="C1886" s="16">
        <v>1852</v>
      </c>
      <c r="D1886" cm="1">
        <f t="array" ref="D1886">IFERROR(INDEX(Jesper!AH$2:AH$366,ROUNDDOWN($C1886/24,0)+1,1)*INDEX($D$3:$AA$30,INDEX(Jesper!$R$2:$R$366,ROW(INDEX(Jesper!AH$2:AH$366,ROUNDDOWN($C1886/24,0)+1,1))-1)+IF('Standard Profiles'!$G$18=$B$10,7,0)+IF('Standard Profiles'!$G$18=$B$17,14,0)+IF('Standard Profiles'!$G$18=$B$24,21,0),MOD($C1886,24)+1)/SUM(INDEX($D$3:$AA$30,INDEX(Jesper!$R$2:$R$366,ROW(INDEX(Jesper!AH$2:AH$366,ROUNDDOWN($C1886/24,0)+1,1))-1)+IF('Standard Profiles'!$G$18=$B$10,7,0)+IF('Standard Profiles'!$G$18=$B$17,14,0)+IF('Standard Profiles'!$G$18=$B$24,21,0),0)),0)</f>
        <v>0</v>
      </c>
      <c r="E1886" cm="1">
        <f t="array" ref="E1886">IFERROR(INDEX(Jesper!AI$2:AI$366,ROUNDDOWN($C1886/24,0)+1,1)*INDEX($D$3:$AA$30,INDEX(Jesper!$R$2:$R$366,ROW(INDEX(Jesper!AI$2:AI$366,ROUNDDOWN($C1886/24,0)+1,1))-1)+IF('Standard Profiles'!$G$19=$B$10,7,0)+IF('Standard Profiles'!$G$19=$B$17,14,0)+IF('Standard Profiles'!$G$19=$B$24,21,0),MOD($C1886,24)+1)/SUM(INDEX($D$3:$AA$30,INDEX(Jesper!$R$2:$R$366,ROW(INDEX(Jesper!AI$2:AI$366,ROUNDDOWN($C1886/24,0)+1,1))-1)+IF('Standard Profiles'!$G$19=$B$10,7,0)+IF('Standard Profiles'!$G$19=$B$17,14,0)+IF('Standard Profiles'!$G$19=$B$24,21,0),0)),0)</f>
        <v>4.0970129685784453</v>
      </c>
      <c r="F1886" cm="1">
        <f t="array" ref="F1886">IFERROR(INDEX(Jesper!AJ$2:AJ$366,ROUNDDOWN($C1886/24,0)+1,1)*INDEX($D$3:$AA$30,INDEX(Jesper!$R$2:$R$366,ROW(INDEX(Jesper!AJ$2:AJ$366,ROUNDDOWN($C1886/24,0)+1,1))-1)+IF('Standard Profiles'!$G$20=$B$10,7,0)+IF('Standard Profiles'!$G$20=$B$17,14,0)+IF('Standard Profiles'!$G$20=$B$24,21,0),MOD($C1886,24)+1)/SUM(INDEX($D$3:$AA$30,INDEX(Jesper!$R$2:$R$366,ROW(INDEX(Jesper!AJ$2:AJ$366,ROUNDDOWN($C1886/24,0)+1,1))-1)+IF('Standard Profiles'!$G$20=$B$10,7,0)+IF('Standard Profiles'!$G$20=$B$17,14,0)+IF('Standard Profiles'!$G$20=$B$24,21,0),0)),0)</f>
        <v>3.0784276741197281</v>
      </c>
      <c r="G1886" cm="1">
        <f t="array" ref="G1886">IFERROR(INDEX(Jesper!AK$2:AK$366,ROUNDDOWN($C1886/24,0)+1,1)*INDEX($D$3:$AA$30,INDEX(Jesper!$R$2:$R$366,ROW(INDEX(Jesper!AK$2:AK$366,ROUNDDOWN($C1886/24,0)+1,1))-1)+IF('Standard Profiles'!$G$21=$B$10,7,0)+IF('Standard Profiles'!$G$21=$B$17,14,0)+IF('Standard Profiles'!$G$21=$B$24,21,0),MOD($C1886,24)+1)/SUM(INDEX($D$3:$AA$30,INDEX(Jesper!$R$2:$R$366,ROW(INDEX(Jesper!AK$2:AK$366,ROUNDDOWN($C1886/24,0)+1,1))-1)+IF('Standard Profiles'!$G$21=$B$10,7,0)+IF('Standard Profiles'!$G$21=$B$17,14,0)+IF('Standard Profiles'!$G$21=$B$24,21,0),0)),0)</f>
        <v>4.223722887209731</v>
      </c>
      <c r="H1886" cm="1">
        <f t="array" ref="H1886">IFERROR(INDEX(Jesper!AL$2:AL$366,ROUNDDOWN($C1886/24,0)+1,1)*INDEX($D$3:$AA$30,INDEX(Jesper!$R$2:$R$366,ROW(INDEX(Jesper!AL$2:AL$366,ROUNDDOWN($C1886/24,0)+1,1))-1)+IF('Standard Profiles'!$G$22=$B$10,7,0)+IF('Standard Profiles'!$G$22=$B$17,14,0)+IF('Standard Profiles'!$G$22=$B$24,21,0),MOD($C1886,24)+1)/SUM(INDEX($D$3:$AA$30,INDEX(Jesper!$R$2:$R$366,ROW(INDEX(Jesper!AL$2:AL$366,ROUNDDOWN($C1886/24,0)+1,1))-1)+IF('Standard Profiles'!$G$22=$B$10,7,0)+IF('Standard Profiles'!$G$22=$B$17,14,0)+IF('Standard Profiles'!$G$22=$B$24,21,0),0)),0)</f>
        <v>2.1558729241243402</v>
      </c>
      <c r="I1886">
        <f t="shared" si="216"/>
        <v>2.0696380071593676</v>
      </c>
      <c r="J1886">
        <f t="shared" si="217"/>
        <v>10.993756890643464</v>
      </c>
      <c r="K1886">
        <f t="shared" si="218"/>
        <v>0.32776103748627561</v>
      </c>
      <c r="L1886">
        <f t="shared" si="219"/>
        <v>0.1638805187431378</v>
      </c>
      <c r="M1886">
        <f t="shared" si="220"/>
        <v>0</v>
      </c>
      <c r="N1886" s="45">
        <f t="shared" si="221"/>
        <v>45004.166666662175</v>
      </c>
    </row>
    <row r="1887" spans="2:14" x14ac:dyDescent="0.25">
      <c r="B1887">
        <f t="shared" si="215"/>
        <v>7</v>
      </c>
      <c r="C1887" s="16">
        <v>1853</v>
      </c>
      <c r="D1887" cm="1">
        <f t="array" ref="D1887">IFERROR(INDEX(Jesper!AH$2:AH$366,ROUNDDOWN($C1887/24,0)+1,1)*INDEX($D$3:$AA$30,INDEX(Jesper!$R$2:$R$366,ROW(INDEX(Jesper!AH$2:AH$366,ROUNDDOWN($C1887/24,0)+1,1))-1)+IF('Standard Profiles'!$G$18=$B$10,7,0)+IF('Standard Profiles'!$G$18=$B$17,14,0)+IF('Standard Profiles'!$G$18=$B$24,21,0),MOD($C1887,24)+1)/SUM(INDEX($D$3:$AA$30,INDEX(Jesper!$R$2:$R$366,ROW(INDEX(Jesper!AH$2:AH$366,ROUNDDOWN($C1887/24,0)+1,1))-1)+IF('Standard Profiles'!$G$18=$B$10,7,0)+IF('Standard Profiles'!$G$18=$B$17,14,0)+IF('Standard Profiles'!$G$18=$B$24,21,0),0)),0)</f>
        <v>0</v>
      </c>
      <c r="E1887" cm="1">
        <f t="array" ref="E1887">IFERROR(INDEX(Jesper!AI$2:AI$366,ROUNDDOWN($C1887/24,0)+1,1)*INDEX($D$3:$AA$30,INDEX(Jesper!$R$2:$R$366,ROW(INDEX(Jesper!AI$2:AI$366,ROUNDDOWN($C1887/24,0)+1,1))-1)+IF('Standard Profiles'!$G$19=$B$10,7,0)+IF('Standard Profiles'!$G$19=$B$17,14,0)+IF('Standard Profiles'!$G$19=$B$24,21,0),MOD($C1887,24)+1)/SUM(INDEX($D$3:$AA$30,INDEX(Jesper!$R$2:$R$366,ROW(INDEX(Jesper!AI$2:AI$366,ROUNDDOWN($C1887/24,0)+1,1))-1)+IF('Standard Profiles'!$G$19=$B$10,7,0)+IF('Standard Profiles'!$G$19=$B$17,14,0)+IF('Standard Profiles'!$G$19=$B$24,21,0),0)),0)</f>
        <v>4.0970129685784453</v>
      </c>
      <c r="F1887" cm="1">
        <f t="array" ref="F1887">IFERROR(INDEX(Jesper!AJ$2:AJ$366,ROUNDDOWN($C1887/24,0)+1,1)*INDEX($D$3:$AA$30,INDEX(Jesper!$R$2:$R$366,ROW(INDEX(Jesper!AJ$2:AJ$366,ROUNDDOWN($C1887/24,0)+1,1))-1)+IF('Standard Profiles'!$G$20=$B$10,7,0)+IF('Standard Profiles'!$G$20=$B$17,14,0)+IF('Standard Profiles'!$G$20=$B$24,21,0),MOD($C1887,24)+1)/SUM(INDEX($D$3:$AA$30,INDEX(Jesper!$R$2:$R$366,ROW(INDEX(Jesper!AJ$2:AJ$366,ROUNDDOWN($C1887/24,0)+1,1))-1)+IF('Standard Profiles'!$G$20=$B$10,7,0)+IF('Standard Profiles'!$G$20=$B$17,14,0)+IF('Standard Profiles'!$G$20=$B$24,21,0),0)),0)</f>
        <v>3.0784276741197281</v>
      </c>
      <c r="G1887" cm="1">
        <f t="array" ref="G1887">IFERROR(INDEX(Jesper!AK$2:AK$366,ROUNDDOWN($C1887/24,0)+1,1)*INDEX($D$3:$AA$30,INDEX(Jesper!$R$2:$R$366,ROW(INDEX(Jesper!AK$2:AK$366,ROUNDDOWN($C1887/24,0)+1,1))-1)+IF('Standard Profiles'!$G$21=$B$10,7,0)+IF('Standard Profiles'!$G$21=$B$17,14,0)+IF('Standard Profiles'!$G$21=$B$24,21,0),MOD($C1887,24)+1)/SUM(INDEX($D$3:$AA$30,INDEX(Jesper!$R$2:$R$366,ROW(INDEX(Jesper!AK$2:AK$366,ROUNDDOWN($C1887/24,0)+1,1))-1)+IF('Standard Profiles'!$G$21=$B$10,7,0)+IF('Standard Profiles'!$G$21=$B$17,14,0)+IF('Standard Profiles'!$G$21=$B$24,21,0),0)),0)</f>
        <v>4.223722887209731</v>
      </c>
      <c r="H1887" cm="1">
        <f t="array" ref="H1887">IFERROR(INDEX(Jesper!AL$2:AL$366,ROUNDDOWN($C1887/24,0)+1,1)*INDEX($D$3:$AA$30,INDEX(Jesper!$R$2:$R$366,ROW(INDEX(Jesper!AL$2:AL$366,ROUNDDOWN($C1887/24,0)+1,1))-1)+IF('Standard Profiles'!$G$22=$B$10,7,0)+IF('Standard Profiles'!$G$22=$B$17,14,0)+IF('Standard Profiles'!$G$22=$B$24,21,0),MOD($C1887,24)+1)/SUM(INDEX($D$3:$AA$30,INDEX(Jesper!$R$2:$R$366,ROW(INDEX(Jesper!AL$2:AL$366,ROUNDDOWN($C1887/24,0)+1,1))-1)+IF('Standard Profiles'!$G$22=$B$10,7,0)+IF('Standard Profiles'!$G$22=$B$17,14,0)+IF('Standard Profiles'!$G$22=$B$24,21,0),0)),0)</f>
        <v>2.6948411551554248</v>
      </c>
      <c r="I1887">
        <f t="shared" si="216"/>
        <v>2.5870475089492091</v>
      </c>
      <c r="J1887">
        <f t="shared" si="217"/>
        <v>11.015315619884706</v>
      </c>
      <c r="K1887">
        <f t="shared" si="218"/>
        <v>0.32776103748627561</v>
      </c>
      <c r="L1887">
        <f t="shared" si="219"/>
        <v>0.1638805187431378</v>
      </c>
      <c r="M1887">
        <f t="shared" si="220"/>
        <v>0</v>
      </c>
      <c r="N1887" s="45">
        <f t="shared" si="221"/>
        <v>45004.208333328839</v>
      </c>
    </row>
    <row r="1888" spans="2:14" x14ac:dyDescent="0.25">
      <c r="B1888">
        <f t="shared" si="215"/>
        <v>7</v>
      </c>
      <c r="C1888" s="16">
        <v>1854</v>
      </c>
      <c r="D1888" cm="1">
        <f t="array" ref="D1888">IFERROR(INDEX(Jesper!AH$2:AH$366,ROUNDDOWN($C1888/24,0)+1,1)*INDEX($D$3:$AA$30,INDEX(Jesper!$R$2:$R$366,ROW(INDEX(Jesper!AH$2:AH$366,ROUNDDOWN($C1888/24,0)+1,1))-1)+IF('Standard Profiles'!$G$18=$B$10,7,0)+IF('Standard Profiles'!$G$18=$B$17,14,0)+IF('Standard Profiles'!$G$18=$B$24,21,0),MOD($C1888,24)+1)/SUM(INDEX($D$3:$AA$30,INDEX(Jesper!$R$2:$R$366,ROW(INDEX(Jesper!AH$2:AH$366,ROUNDDOWN($C1888/24,0)+1,1))-1)+IF('Standard Profiles'!$G$18=$B$10,7,0)+IF('Standard Profiles'!$G$18=$B$17,14,0)+IF('Standard Profiles'!$G$18=$B$24,21,0),0)),0)</f>
        <v>0</v>
      </c>
      <c r="E1888" cm="1">
        <f t="array" ref="E1888">IFERROR(INDEX(Jesper!AI$2:AI$366,ROUNDDOWN($C1888/24,0)+1,1)*INDEX($D$3:$AA$30,INDEX(Jesper!$R$2:$R$366,ROW(INDEX(Jesper!AI$2:AI$366,ROUNDDOWN($C1888/24,0)+1,1))-1)+IF('Standard Profiles'!$G$19=$B$10,7,0)+IF('Standard Profiles'!$G$19=$B$17,14,0)+IF('Standard Profiles'!$G$19=$B$24,21,0),MOD($C1888,24)+1)/SUM(INDEX($D$3:$AA$30,INDEX(Jesper!$R$2:$R$366,ROW(INDEX(Jesper!AI$2:AI$366,ROUNDDOWN($C1888/24,0)+1,1))-1)+IF('Standard Profiles'!$G$19=$B$10,7,0)+IF('Standard Profiles'!$G$19=$B$17,14,0)+IF('Standard Profiles'!$G$19=$B$24,21,0),0)),0)</f>
        <v>4.0970129685784453</v>
      </c>
      <c r="F1888" cm="1">
        <f t="array" ref="F1888">IFERROR(INDEX(Jesper!AJ$2:AJ$366,ROUNDDOWN($C1888/24,0)+1,1)*INDEX($D$3:$AA$30,INDEX(Jesper!$R$2:$R$366,ROW(INDEX(Jesper!AJ$2:AJ$366,ROUNDDOWN($C1888/24,0)+1,1))-1)+IF('Standard Profiles'!$G$20=$B$10,7,0)+IF('Standard Profiles'!$G$20=$B$17,14,0)+IF('Standard Profiles'!$G$20=$B$24,21,0),MOD($C1888,24)+1)/SUM(INDEX($D$3:$AA$30,INDEX(Jesper!$R$2:$R$366,ROW(INDEX(Jesper!AJ$2:AJ$366,ROUNDDOWN($C1888/24,0)+1,1))-1)+IF('Standard Profiles'!$G$20=$B$10,7,0)+IF('Standard Profiles'!$G$20=$B$17,14,0)+IF('Standard Profiles'!$G$20=$B$24,21,0),0)),0)</f>
        <v>3.0784276741197281</v>
      </c>
      <c r="G1888" cm="1">
        <f t="array" ref="G1888">IFERROR(INDEX(Jesper!AK$2:AK$366,ROUNDDOWN($C1888/24,0)+1,1)*INDEX($D$3:$AA$30,INDEX(Jesper!$R$2:$R$366,ROW(INDEX(Jesper!AK$2:AK$366,ROUNDDOWN($C1888/24,0)+1,1))-1)+IF('Standard Profiles'!$G$21=$B$10,7,0)+IF('Standard Profiles'!$G$21=$B$17,14,0)+IF('Standard Profiles'!$G$21=$B$24,21,0),MOD($C1888,24)+1)/SUM(INDEX($D$3:$AA$30,INDEX(Jesper!$R$2:$R$366,ROW(INDEX(Jesper!AK$2:AK$366,ROUNDDOWN($C1888/24,0)+1,1))-1)+IF('Standard Profiles'!$G$21=$B$10,7,0)+IF('Standard Profiles'!$G$21=$B$17,14,0)+IF('Standard Profiles'!$G$21=$B$24,21,0),0)),0)</f>
        <v>4.223722887209731</v>
      </c>
      <c r="H1888" cm="1">
        <f t="array" ref="H1888">IFERROR(INDEX(Jesper!AL$2:AL$366,ROUNDDOWN($C1888/24,0)+1,1)*INDEX($D$3:$AA$30,INDEX(Jesper!$R$2:$R$366,ROW(INDEX(Jesper!AL$2:AL$366,ROUNDDOWN($C1888/24,0)+1,1))-1)+IF('Standard Profiles'!$G$22=$B$10,7,0)+IF('Standard Profiles'!$G$22=$B$17,14,0)+IF('Standard Profiles'!$G$22=$B$24,21,0),MOD($C1888,24)+1)/SUM(INDEX($D$3:$AA$30,INDEX(Jesper!$R$2:$R$366,ROW(INDEX(Jesper!AL$2:AL$366,ROUNDDOWN($C1888/24,0)+1,1))-1)+IF('Standard Profiles'!$G$22=$B$10,7,0)+IF('Standard Profiles'!$G$22=$B$17,14,0)+IF('Standard Profiles'!$G$22=$B$24,21,0),0)),0)</f>
        <v>3.1739240271830562</v>
      </c>
      <c r="I1888">
        <f t="shared" si="216"/>
        <v>3.0469670660957355</v>
      </c>
      <c r="J1888">
        <f t="shared" si="217"/>
        <v>11.034478934765811</v>
      </c>
      <c r="K1888">
        <f t="shared" si="218"/>
        <v>0.32776103748627561</v>
      </c>
      <c r="L1888">
        <f t="shared" si="219"/>
        <v>0.1638805187431378</v>
      </c>
      <c r="M1888">
        <f t="shared" si="220"/>
        <v>0</v>
      </c>
      <c r="N1888" s="45">
        <f t="shared" si="221"/>
        <v>45004.249999995503</v>
      </c>
    </row>
    <row r="1889" spans="2:14" x14ac:dyDescent="0.25">
      <c r="B1889">
        <f t="shared" si="215"/>
        <v>7</v>
      </c>
      <c r="C1889" s="16">
        <v>1855</v>
      </c>
      <c r="D1889" cm="1">
        <f t="array" ref="D1889">IFERROR(INDEX(Jesper!AH$2:AH$366,ROUNDDOWN($C1889/24,0)+1,1)*INDEX($D$3:$AA$30,INDEX(Jesper!$R$2:$R$366,ROW(INDEX(Jesper!AH$2:AH$366,ROUNDDOWN($C1889/24,0)+1,1))-1)+IF('Standard Profiles'!$G$18=$B$10,7,0)+IF('Standard Profiles'!$G$18=$B$17,14,0)+IF('Standard Profiles'!$G$18=$B$24,21,0),MOD($C1889,24)+1)/SUM(INDEX($D$3:$AA$30,INDEX(Jesper!$R$2:$R$366,ROW(INDEX(Jesper!AH$2:AH$366,ROUNDDOWN($C1889/24,0)+1,1))-1)+IF('Standard Profiles'!$G$18=$B$10,7,0)+IF('Standard Profiles'!$G$18=$B$17,14,0)+IF('Standard Profiles'!$G$18=$B$24,21,0),0)),0)</f>
        <v>0</v>
      </c>
      <c r="E1889" cm="1">
        <f t="array" ref="E1889">IFERROR(INDEX(Jesper!AI$2:AI$366,ROUNDDOWN($C1889/24,0)+1,1)*INDEX($D$3:$AA$30,INDEX(Jesper!$R$2:$R$366,ROW(INDEX(Jesper!AI$2:AI$366,ROUNDDOWN($C1889/24,0)+1,1))-1)+IF('Standard Profiles'!$G$19=$B$10,7,0)+IF('Standard Profiles'!$G$19=$B$17,14,0)+IF('Standard Profiles'!$G$19=$B$24,21,0),MOD($C1889,24)+1)/SUM(INDEX($D$3:$AA$30,INDEX(Jesper!$R$2:$R$366,ROW(INDEX(Jesper!AI$2:AI$366,ROUNDDOWN($C1889/24,0)+1,1))-1)+IF('Standard Profiles'!$G$19=$B$10,7,0)+IF('Standard Profiles'!$G$19=$B$17,14,0)+IF('Standard Profiles'!$G$19=$B$24,21,0),0)),0)</f>
        <v>4.0970129685784453</v>
      </c>
      <c r="F1889" cm="1">
        <f t="array" ref="F1889">IFERROR(INDEX(Jesper!AJ$2:AJ$366,ROUNDDOWN($C1889/24,0)+1,1)*INDEX($D$3:$AA$30,INDEX(Jesper!$R$2:$R$366,ROW(INDEX(Jesper!AJ$2:AJ$366,ROUNDDOWN($C1889/24,0)+1,1))-1)+IF('Standard Profiles'!$G$20=$B$10,7,0)+IF('Standard Profiles'!$G$20=$B$17,14,0)+IF('Standard Profiles'!$G$20=$B$24,21,0),MOD($C1889,24)+1)/SUM(INDEX($D$3:$AA$30,INDEX(Jesper!$R$2:$R$366,ROW(INDEX(Jesper!AJ$2:AJ$366,ROUNDDOWN($C1889/24,0)+1,1))-1)+IF('Standard Profiles'!$G$20=$B$10,7,0)+IF('Standard Profiles'!$G$20=$B$17,14,0)+IF('Standard Profiles'!$G$20=$B$24,21,0),0)),0)</f>
        <v>3.0784276741197281</v>
      </c>
      <c r="G1889" cm="1">
        <f t="array" ref="G1889">IFERROR(INDEX(Jesper!AK$2:AK$366,ROUNDDOWN($C1889/24,0)+1,1)*INDEX($D$3:$AA$30,INDEX(Jesper!$R$2:$R$366,ROW(INDEX(Jesper!AK$2:AK$366,ROUNDDOWN($C1889/24,0)+1,1))-1)+IF('Standard Profiles'!$G$21=$B$10,7,0)+IF('Standard Profiles'!$G$21=$B$17,14,0)+IF('Standard Profiles'!$G$21=$B$24,21,0),MOD($C1889,24)+1)/SUM(INDEX($D$3:$AA$30,INDEX(Jesper!$R$2:$R$366,ROW(INDEX(Jesper!AK$2:AK$366,ROUNDDOWN($C1889/24,0)+1,1))-1)+IF('Standard Profiles'!$G$21=$B$10,7,0)+IF('Standard Profiles'!$G$21=$B$17,14,0)+IF('Standard Profiles'!$G$21=$B$24,21,0),0)),0)</f>
        <v>4.223722887209731</v>
      </c>
      <c r="H1889" cm="1">
        <f t="array" ref="H1889">IFERROR(INDEX(Jesper!AL$2:AL$366,ROUNDDOWN($C1889/24,0)+1,1)*INDEX($D$3:$AA$30,INDEX(Jesper!$R$2:$R$366,ROW(INDEX(Jesper!AL$2:AL$366,ROUNDDOWN($C1889/24,0)+1,1))-1)+IF('Standard Profiles'!$G$22=$B$10,7,0)+IF('Standard Profiles'!$G$22=$B$17,14,0)+IF('Standard Profiles'!$G$22=$B$24,21,0),MOD($C1889,24)+1)/SUM(INDEX($D$3:$AA$30,INDEX(Jesper!$R$2:$R$366,ROW(INDEX(Jesper!AL$2:AL$366,ROUNDDOWN($C1889/24,0)+1,1))-1)+IF('Standard Profiles'!$G$22=$B$10,7,0)+IF('Standard Profiles'!$G$22=$B$17,14,0)+IF('Standard Profiles'!$G$22=$B$24,21,0),0)),0)</f>
        <v>3.7727776172175953</v>
      </c>
      <c r="I1889">
        <f t="shared" si="216"/>
        <v>3.6218665125288934</v>
      </c>
      <c r="J1889">
        <f t="shared" si="217"/>
        <v>11.058433078367193</v>
      </c>
      <c r="K1889">
        <f t="shared" si="218"/>
        <v>0.32776103748627561</v>
      </c>
      <c r="L1889">
        <f t="shared" si="219"/>
        <v>0.1638805187431378</v>
      </c>
      <c r="M1889">
        <f t="shared" si="220"/>
        <v>0</v>
      </c>
      <c r="N1889" s="45">
        <f t="shared" si="221"/>
        <v>45004.291666662168</v>
      </c>
    </row>
    <row r="1890" spans="2:14" x14ac:dyDescent="0.25">
      <c r="B1890">
        <f t="shared" si="215"/>
        <v>7</v>
      </c>
      <c r="C1890" s="16">
        <v>1856</v>
      </c>
      <c r="D1890" cm="1">
        <f t="array" ref="D1890">IFERROR(INDEX(Jesper!AH$2:AH$366,ROUNDDOWN($C1890/24,0)+1,1)*INDEX($D$3:$AA$30,INDEX(Jesper!$R$2:$R$366,ROW(INDEX(Jesper!AH$2:AH$366,ROUNDDOWN($C1890/24,0)+1,1))-1)+IF('Standard Profiles'!$G$18=$B$10,7,0)+IF('Standard Profiles'!$G$18=$B$17,14,0)+IF('Standard Profiles'!$G$18=$B$24,21,0),MOD($C1890,24)+1)/SUM(INDEX($D$3:$AA$30,INDEX(Jesper!$R$2:$R$366,ROW(INDEX(Jesper!AH$2:AH$366,ROUNDDOWN($C1890/24,0)+1,1))-1)+IF('Standard Profiles'!$G$18=$B$10,7,0)+IF('Standard Profiles'!$G$18=$B$17,14,0)+IF('Standard Profiles'!$G$18=$B$24,21,0),0)),0)</f>
        <v>0</v>
      </c>
      <c r="E1890" cm="1">
        <f t="array" ref="E1890">IFERROR(INDEX(Jesper!AI$2:AI$366,ROUNDDOWN($C1890/24,0)+1,1)*INDEX($D$3:$AA$30,INDEX(Jesper!$R$2:$R$366,ROW(INDEX(Jesper!AI$2:AI$366,ROUNDDOWN($C1890/24,0)+1,1))-1)+IF('Standard Profiles'!$G$19=$B$10,7,0)+IF('Standard Profiles'!$G$19=$B$17,14,0)+IF('Standard Profiles'!$G$19=$B$24,21,0),MOD($C1890,24)+1)/SUM(INDEX($D$3:$AA$30,INDEX(Jesper!$R$2:$R$366,ROW(INDEX(Jesper!AI$2:AI$366,ROUNDDOWN($C1890/24,0)+1,1))-1)+IF('Standard Profiles'!$G$19=$B$10,7,0)+IF('Standard Profiles'!$G$19=$B$17,14,0)+IF('Standard Profiles'!$G$19=$B$24,21,0),0)),0)</f>
        <v>4.0970129685784453</v>
      </c>
      <c r="F1890" cm="1">
        <f t="array" ref="F1890">IFERROR(INDEX(Jesper!AJ$2:AJ$366,ROUNDDOWN($C1890/24,0)+1,1)*INDEX($D$3:$AA$30,INDEX(Jesper!$R$2:$R$366,ROW(INDEX(Jesper!AJ$2:AJ$366,ROUNDDOWN($C1890/24,0)+1,1))-1)+IF('Standard Profiles'!$G$20=$B$10,7,0)+IF('Standard Profiles'!$G$20=$B$17,14,0)+IF('Standard Profiles'!$G$20=$B$24,21,0),MOD($C1890,24)+1)/SUM(INDEX($D$3:$AA$30,INDEX(Jesper!$R$2:$R$366,ROW(INDEX(Jesper!AJ$2:AJ$366,ROUNDDOWN($C1890/24,0)+1,1))-1)+IF('Standard Profiles'!$G$20=$B$10,7,0)+IF('Standard Profiles'!$G$20=$B$17,14,0)+IF('Standard Profiles'!$G$20=$B$24,21,0),0)),0)</f>
        <v>3.0784276741197281</v>
      </c>
      <c r="G1890" cm="1">
        <f t="array" ref="G1890">IFERROR(INDEX(Jesper!AK$2:AK$366,ROUNDDOWN($C1890/24,0)+1,1)*INDEX($D$3:$AA$30,INDEX(Jesper!$R$2:$R$366,ROW(INDEX(Jesper!AK$2:AK$366,ROUNDDOWN($C1890/24,0)+1,1))-1)+IF('Standard Profiles'!$G$21=$B$10,7,0)+IF('Standard Profiles'!$G$21=$B$17,14,0)+IF('Standard Profiles'!$G$21=$B$24,21,0),MOD($C1890,24)+1)/SUM(INDEX($D$3:$AA$30,INDEX(Jesper!$R$2:$R$366,ROW(INDEX(Jesper!AK$2:AK$366,ROUNDDOWN($C1890/24,0)+1,1))-1)+IF('Standard Profiles'!$G$21=$B$10,7,0)+IF('Standard Profiles'!$G$21=$B$17,14,0)+IF('Standard Profiles'!$G$21=$B$24,21,0),0)),0)</f>
        <v>4.223722887209731</v>
      </c>
      <c r="H1890" cm="1">
        <f t="array" ref="H1890">IFERROR(INDEX(Jesper!AL$2:AL$366,ROUNDDOWN($C1890/24,0)+1,1)*INDEX($D$3:$AA$30,INDEX(Jesper!$R$2:$R$366,ROW(INDEX(Jesper!AL$2:AL$366,ROUNDDOWN($C1890/24,0)+1,1))-1)+IF('Standard Profiles'!$G$22=$B$10,7,0)+IF('Standard Profiles'!$G$22=$B$17,14,0)+IF('Standard Profiles'!$G$22=$B$24,21,0),MOD($C1890,24)+1)/SUM(INDEX($D$3:$AA$30,INDEX(Jesper!$R$2:$R$366,ROW(INDEX(Jesper!AL$2:AL$366,ROUNDDOWN($C1890/24,0)+1,1))-1)+IF('Standard Profiles'!$G$22=$B$10,7,0)+IF('Standard Profiles'!$G$22=$B$17,14,0)+IF('Standard Profiles'!$G$22=$B$24,21,0),0)),0)</f>
        <v>3.7727776172175953</v>
      </c>
      <c r="I1890">
        <f t="shared" si="216"/>
        <v>3.6218665125288934</v>
      </c>
      <c r="J1890">
        <f t="shared" si="217"/>
        <v>11.058433078367193</v>
      </c>
      <c r="K1890">
        <f t="shared" si="218"/>
        <v>0.32776103748627561</v>
      </c>
      <c r="L1890">
        <f t="shared" si="219"/>
        <v>0.1638805187431378</v>
      </c>
      <c r="M1890">
        <f t="shared" si="220"/>
        <v>0</v>
      </c>
      <c r="N1890" s="45">
        <f t="shared" si="221"/>
        <v>45004.333333328832</v>
      </c>
    </row>
    <row r="1891" spans="2:14" x14ac:dyDescent="0.25">
      <c r="B1891">
        <f t="shared" ref="B1891:B1954" si="222">WEEKDAY(N1891,2)</f>
        <v>7</v>
      </c>
      <c r="C1891" s="16">
        <v>1857</v>
      </c>
      <c r="D1891" cm="1">
        <f t="array" ref="D1891">IFERROR(INDEX(Jesper!AH$2:AH$366,ROUNDDOWN($C1891/24,0)+1,1)*INDEX($D$3:$AA$30,INDEX(Jesper!$R$2:$R$366,ROW(INDEX(Jesper!AH$2:AH$366,ROUNDDOWN($C1891/24,0)+1,1))-1)+IF('Standard Profiles'!$G$18=$B$10,7,0)+IF('Standard Profiles'!$G$18=$B$17,14,0)+IF('Standard Profiles'!$G$18=$B$24,21,0),MOD($C1891,24)+1)/SUM(INDEX($D$3:$AA$30,INDEX(Jesper!$R$2:$R$366,ROW(INDEX(Jesper!AH$2:AH$366,ROUNDDOWN($C1891/24,0)+1,1))-1)+IF('Standard Profiles'!$G$18=$B$10,7,0)+IF('Standard Profiles'!$G$18=$B$17,14,0)+IF('Standard Profiles'!$G$18=$B$24,21,0),0)),0)</f>
        <v>0</v>
      </c>
      <c r="E1891" cm="1">
        <f t="array" ref="E1891">IFERROR(INDEX(Jesper!AI$2:AI$366,ROUNDDOWN($C1891/24,0)+1,1)*INDEX($D$3:$AA$30,INDEX(Jesper!$R$2:$R$366,ROW(INDEX(Jesper!AI$2:AI$366,ROUNDDOWN($C1891/24,0)+1,1))-1)+IF('Standard Profiles'!$G$19=$B$10,7,0)+IF('Standard Profiles'!$G$19=$B$17,14,0)+IF('Standard Profiles'!$G$19=$B$24,21,0),MOD($C1891,24)+1)/SUM(INDEX($D$3:$AA$30,INDEX(Jesper!$R$2:$R$366,ROW(INDEX(Jesper!AI$2:AI$366,ROUNDDOWN($C1891/24,0)+1,1))-1)+IF('Standard Profiles'!$G$19=$B$10,7,0)+IF('Standard Profiles'!$G$19=$B$17,14,0)+IF('Standard Profiles'!$G$19=$B$24,21,0),0)),0)</f>
        <v>4.0970129685784453</v>
      </c>
      <c r="F1891" cm="1">
        <f t="array" ref="F1891">IFERROR(INDEX(Jesper!AJ$2:AJ$366,ROUNDDOWN($C1891/24,0)+1,1)*INDEX($D$3:$AA$30,INDEX(Jesper!$R$2:$R$366,ROW(INDEX(Jesper!AJ$2:AJ$366,ROUNDDOWN($C1891/24,0)+1,1))-1)+IF('Standard Profiles'!$G$20=$B$10,7,0)+IF('Standard Profiles'!$G$20=$B$17,14,0)+IF('Standard Profiles'!$G$20=$B$24,21,0),MOD($C1891,24)+1)/SUM(INDEX($D$3:$AA$30,INDEX(Jesper!$R$2:$R$366,ROW(INDEX(Jesper!AJ$2:AJ$366,ROUNDDOWN($C1891/24,0)+1,1))-1)+IF('Standard Profiles'!$G$20=$B$10,7,0)+IF('Standard Profiles'!$G$20=$B$17,14,0)+IF('Standard Profiles'!$G$20=$B$24,21,0),0)),0)</f>
        <v>3.0784276741197281</v>
      </c>
      <c r="G1891" cm="1">
        <f t="array" ref="G1891">IFERROR(INDEX(Jesper!AK$2:AK$366,ROUNDDOWN($C1891/24,0)+1,1)*INDEX($D$3:$AA$30,INDEX(Jesper!$R$2:$R$366,ROW(INDEX(Jesper!AK$2:AK$366,ROUNDDOWN($C1891/24,0)+1,1))-1)+IF('Standard Profiles'!$G$21=$B$10,7,0)+IF('Standard Profiles'!$G$21=$B$17,14,0)+IF('Standard Profiles'!$G$21=$B$24,21,0),MOD($C1891,24)+1)/SUM(INDEX($D$3:$AA$30,INDEX(Jesper!$R$2:$R$366,ROW(INDEX(Jesper!AK$2:AK$366,ROUNDDOWN($C1891/24,0)+1,1))-1)+IF('Standard Profiles'!$G$21=$B$10,7,0)+IF('Standard Profiles'!$G$21=$B$17,14,0)+IF('Standard Profiles'!$G$21=$B$24,21,0),0)),0)</f>
        <v>4.223722887209731</v>
      </c>
      <c r="H1891" cm="1">
        <f t="array" ref="H1891">IFERROR(INDEX(Jesper!AL$2:AL$366,ROUNDDOWN($C1891/24,0)+1,1)*INDEX($D$3:$AA$30,INDEX(Jesper!$R$2:$R$366,ROW(INDEX(Jesper!AL$2:AL$366,ROUNDDOWN($C1891/24,0)+1,1))-1)+IF('Standard Profiles'!$G$22=$B$10,7,0)+IF('Standard Profiles'!$G$22=$B$17,14,0)+IF('Standard Profiles'!$G$22=$B$24,21,0),MOD($C1891,24)+1)/SUM(INDEX($D$3:$AA$30,INDEX(Jesper!$R$2:$R$366,ROW(INDEX(Jesper!AL$2:AL$366,ROUNDDOWN($C1891/24,0)+1,1))-1)+IF('Standard Profiles'!$G$22=$B$10,7,0)+IF('Standard Profiles'!$G$22=$B$17,14,0)+IF('Standard Profiles'!$G$22=$B$24,21,0),0)),0)</f>
        <v>3.7727776172175953</v>
      </c>
      <c r="I1891">
        <f t="shared" ref="I1891:I1954" si="223">IF($B1891&lt;6,AC$37*$D1891+AC$38*$E1891+AC$39*$F1891+AC$40*$G1891,AC$46*$D1891+AC$47*$E1891+AC$48*$F1891+AC$49*$G1891+AC$50*$H1891)</f>
        <v>3.6218665125288934</v>
      </c>
      <c r="J1891">
        <f t="shared" ref="J1891:J1954" si="224">IF($B1891&lt;6,AD$37*$D1891+AD$38*$E1891+AD$39*$F1891+AD$40*$G1891,AD$46*$D1891+AD$47*$E1891+AD$48*$F1891+AD$49*$G1891+AD$50*$H1891)</f>
        <v>11.058433078367193</v>
      </c>
      <c r="K1891">
        <f t="shared" ref="K1891:K1954" si="225">IF($B1891&lt;6,AE$37*$D1891+AE$38*$E1891+AE$39*$F1891+AE$40*$G1891,AE$46*$D1891+AE$47*$E1891+AE$48*$F1891+AE$49*$G1891+AE$50*$H1891)</f>
        <v>0.32776103748627561</v>
      </c>
      <c r="L1891">
        <f t="shared" ref="L1891:L1954" si="226">IF($B1891&lt;6,AF$37*$D1891+AF$38*$E1891+AF$39*$F1891+AF$40*$G1891,AF$46*$D1891+AF$47*$E1891+AF$48*$F1891+AF$49*$G1891+AF$50*$H1891)</f>
        <v>0.1638805187431378</v>
      </c>
      <c r="M1891">
        <f t="shared" ref="M1891:M1954" si="227">IF($B1891&lt;6,AG$37*$D1891+AG$38*$E1891+AG$39*$F1891+AG$40*$G1891,AG$46*$D1891+AG$47*$E1891+AG$48*$F1891+AG$49*$G1891+AG$50*$H1891)</f>
        <v>0</v>
      </c>
      <c r="N1891" s="45">
        <f t="shared" si="221"/>
        <v>45004.374999995496</v>
      </c>
    </row>
    <row r="1892" spans="2:14" x14ac:dyDescent="0.25">
      <c r="B1892">
        <f t="shared" si="222"/>
        <v>7</v>
      </c>
      <c r="C1892" s="16">
        <v>1858</v>
      </c>
      <c r="D1892" cm="1">
        <f t="array" ref="D1892">IFERROR(INDEX(Jesper!AH$2:AH$366,ROUNDDOWN($C1892/24,0)+1,1)*INDEX($D$3:$AA$30,INDEX(Jesper!$R$2:$R$366,ROW(INDEX(Jesper!AH$2:AH$366,ROUNDDOWN($C1892/24,0)+1,1))-1)+IF('Standard Profiles'!$G$18=$B$10,7,0)+IF('Standard Profiles'!$G$18=$B$17,14,0)+IF('Standard Profiles'!$G$18=$B$24,21,0),MOD($C1892,24)+1)/SUM(INDEX($D$3:$AA$30,INDEX(Jesper!$R$2:$R$366,ROW(INDEX(Jesper!AH$2:AH$366,ROUNDDOWN($C1892/24,0)+1,1))-1)+IF('Standard Profiles'!$G$18=$B$10,7,0)+IF('Standard Profiles'!$G$18=$B$17,14,0)+IF('Standard Profiles'!$G$18=$B$24,21,0),0)),0)</f>
        <v>0</v>
      </c>
      <c r="E1892" cm="1">
        <f t="array" ref="E1892">IFERROR(INDEX(Jesper!AI$2:AI$366,ROUNDDOWN($C1892/24,0)+1,1)*INDEX($D$3:$AA$30,INDEX(Jesper!$R$2:$R$366,ROW(INDEX(Jesper!AI$2:AI$366,ROUNDDOWN($C1892/24,0)+1,1))-1)+IF('Standard Profiles'!$G$19=$B$10,7,0)+IF('Standard Profiles'!$G$19=$B$17,14,0)+IF('Standard Profiles'!$G$19=$B$24,21,0),MOD($C1892,24)+1)/SUM(INDEX($D$3:$AA$30,INDEX(Jesper!$R$2:$R$366,ROW(INDEX(Jesper!AI$2:AI$366,ROUNDDOWN($C1892/24,0)+1,1))-1)+IF('Standard Profiles'!$G$19=$B$10,7,0)+IF('Standard Profiles'!$G$19=$B$17,14,0)+IF('Standard Profiles'!$G$19=$B$24,21,0),0)),0)</f>
        <v>4.0970129685784453</v>
      </c>
      <c r="F1892" cm="1">
        <f t="array" ref="F1892">IFERROR(INDEX(Jesper!AJ$2:AJ$366,ROUNDDOWN($C1892/24,0)+1,1)*INDEX($D$3:$AA$30,INDEX(Jesper!$R$2:$R$366,ROW(INDEX(Jesper!AJ$2:AJ$366,ROUNDDOWN($C1892/24,0)+1,1))-1)+IF('Standard Profiles'!$G$20=$B$10,7,0)+IF('Standard Profiles'!$G$20=$B$17,14,0)+IF('Standard Profiles'!$G$20=$B$24,21,0),MOD($C1892,24)+1)/SUM(INDEX($D$3:$AA$30,INDEX(Jesper!$R$2:$R$366,ROW(INDEX(Jesper!AJ$2:AJ$366,ROUNDDOWN($C1892/24,0)+1,1))-1)+IF('Standard Profiles'!$G$20=$B$10,7,0)+IF('Standard Profiles'!$G$20=$B$17,14,0)+IF('Standard Profiles'!$G$20=$B$24,21,0),0)),0)</f>
        <v>3.0784276741197281</v>
      </c>
      <c r="G1892" cm="1">
        <f t="array" ref="G1892">IFERROR(INDEX(Jesper!AK$2:AK$366,ROUNDDOWN($C1892/24,0)+1,1)*INDEX($D$3:$AA$30,INDEX(Jesper!$R$2:$R$366,ROW(INDEX(Jesper!AK$2:AK$366,ROUNDDOWN($C1892/24,0)+1,1))-1)+IF('Standard Profiles'!$G$21=$B$10,7,0)+IF('Standard Profiles'!$G$21=$B$17,14,0)+IF('Standard Profiles'!$G$21=$B$24,21,0),MOD($C1892,24)+1)/SUM(INDEX($D$3:$AA$30,INDEX(Jesper!$R$2:$R$366,ROW(INDEX(Jesper!AK$2:AK$366,ROUNDDOWN($C1892/24,0)+1,1))-1)+IF('Standard Profiles'!$G$21=$B$10,7,0)+IF('Standard Profiles'!$G$21=$B$17,14,0)+IF('Standard Profiles'!$G$21=$B$24,21,0),0)),0)</f>
        <v>4.223722887209731</v>
      </c>
      <c r="H1892" cm="1">
        <f t="array" ref="H1892">IFERROR(INDEX(Jesper!AL$2:AL$366,ROUNDDOWN($C1892/24,0)+1,1)*INDEX($D$3:$AA$30,INDEX(Jesper!$R$2:$R$366,ROW(INDEX(Jesper!AL$2:AL$366,ROUNDDOWN($C1892/24,0)+1,1))-1)+IF('Standard Profiles'!$G$22=$B$10,7,0)+IF('Standard Profiles'!$G$22=$B$17,14,0)+IF('Standard Profiles'!$G$22=$B$24,21,0),MOD($C1892,24)+1)/SUM(INDEX($D$3:$AA$30,INDEX(Jesper!$R$2:$R$366,ROW(INDEX(Jesper!AL$2:AL$366,ROUNDDOWN($C1892/24,0)+1,1))-1)+IF('Standard Profiles'!$G$22=$B$10,7,0)+IF('Standard Profiles'!$G$22=$B$17,14,0)+IF('Standard Profiles'!$G$22=$B$24,21,0),0)),0)</f>
        <v>3.7727776172175953</v>
      </c>
      <c r="I1892">
        <f t="shared" si="223"/>
        <v>3.6218665125288934</v>
      </c>
      <c r="J1892">
        <f t="shared" si="224"/>
        <v>11.058433078367193</v>
      </c>
      <c r="K1892">
        <f t="shared" si="225"/>
        <v>0.32776103748627561</v>
      </c>
      <c r="L1892">
        <f t="shared" si="226"/>
        <v>0.1638805187431378</v>
      </c>
      <c r="M1892">
        <f t="shared" si="227"/>
        <v>0</v>
      </c>
      <c r="N1892" s="45">
        <f t="shared" ref="N1892:N1955" si="228">N1891+1/24</f>
        <v>45004.41666666216</v>
      </c>
    </row>
    <row r="1893" spans="2:14" x14ac:dyDescent="0.25">
      <c r="B1893">
        <f t="shared" si="222"/>
        <v>7</v>
      </c>
      <c r="C1893" s="16">
        <v>1859</v>
      </c>
      <c r="D1893" cm="1">
        <f t="array" ref="D1893">IFERROR(INDEX(Jesper!AH$2:AH$366,ROUNDDOWN($C1893/24,0)+1,1)*INDEX($D$3:$AA$30,INDEX(Jesper!$R$2:$R$366,ROW(INDEX(Jesper!AH$2:AH$366,ROUNDDOWN($C1893/24,0)+1,1))-1)+IF('Standard Profiles'!$G$18=$B$10,7,0)+IF('Standard Profiles'!$G$18=$B$17,14,0)+IF('Standard Profiles'!$G$18=$B$24,21,0),MOD($C1893,24)+1)/SUM(INDEX($D$3:$AA$30,INDEX(Jesper!$R$2:$R$366,ROW(INDEX(Jesper!AH$2:AH$366,ROUNDDOWN($C1893/24,0)+1,1))-1)+IF('Standard Profiles'!$G$18=$B$10,7,0)+IF('Standard Profiles'!$G$18=$B$17,14,0)+IF('Standard Profiles'!$G$18=$B$24,21,0),0)),0)</f>
        <v>0</v>
      </c>
      <c r="E1893" cm="1">
        <f t="array" ref="E1893">IFERROR(INDEX(Jesper!AI$2:AI$366,ROUNDDOWN($C1893/24,0)+1,1)*INDEX($D$3:$AA$30,INDEX(Jesper!$R$2:$R$366,ROW(INDEX(Jesper!AI$2:AI$366,ROUNDDOWN($C1893/24,0)+1,1))-1)+IF('Standard Profiles'!$G$19=$B$10,7,0)+IF('Standard Profiles'!$G$19=$B$17,14,0)+IF('Standard Profiles'!$G$19=$B$24,21,0),MOD($C1893,24)+1)/SUM(INDEX($D$3:$AA$30,INDEX(Jesper!$R$2:$R$366,ROW(INDEX(Jesper!AI$2:AI$366,ROUNDDOWN($C1893/24,0)+1,1))-1)+IF('Standard Profiles'!$G$19=$B$10,7,0)+IF('Standard Profiles'!$G$19=$B$17,14,0)+IF('Standard Profiles'!$G$19=$B$24,21,0),0)),0)</f>
        <v>4.0970129685784453</v>
      </c>
      <c r="F1893" cm="1">
        <f t="array" ref="F1893">IFERROR(INDEX(Jesper!AJ$2:AJ$366,ROUNDDOWN($C1893/24,0)+1,1)*INDEX($D$3:$AA$30,INDEX(Jesper!$R$2:$R$366,ROW(INDEX(Jesper!AJ$2:AJ$366,ROUNDDOWN($C1893/24,0)+1,1))-1)+IF('Standard Profiles'!$G$20=$B$10,7,0)+IF('Standard Profiles'!$G$20=$B$17,14,0)+IF('Standard Profiles'!$G$20=$B$24,21,0),MOD($C1893,24)+1)/SUM(INDEX($D$3:$AA$30,INDEX(Jesper!$R$2:$R$366,ROW(INDEX(Jesper!AJ$2:AJ$366,ROUNDDOWN($C1893/24,0)+1,1))-1)+IF('Standard Profiles'!$G$20=$B$10,7,0)+IF('Standard Profiles'!$G$20=$B$17,14,0)+IF('Standard Profiles'!$G$20=$B$24,21,0),0)),0)</f>
        <v>3.0784276741197281</v>
      </c>
      <c r="G1893" cm="1">
        <f t="array" ref="G1893">IFERROR(INDEX(Jesper!AK$2:AK$366,ROUNDDOWN($C1893/24,0)+1,1)*INDEX($D$3:$AA$30,INDEX(Jesper!$R$2:$R$366,ROW(INDEX(Jesper!AK$2:AK$366,ROUNDDOWN($C1893/24,0)+1,1))-1)+IF('Standard Profiles'!$G$21=$B$10,7,0)+IF('Standard Profiles'!$G$21=$B$17,14,0)+IF('Standard Profiles'!$G$21=$B$24,21,0),MOD($C1893,24)+1)/SUM(INDEX($D$3:$AA$30,INDEX(Jesper!$R$2:$R$366,ROW(INDEX(Jesper!AK$2:AK$366,ROUNDDOWN($C1893/24,0)+1,1))-1)+IF('Standard Profiles'!$G$21=$B$10,7,0)+IF('Standard Profiles'!$G$21=$B$17,14,0)+IF('Standard Profiles'!$G$21=$B$24,21,0),0)),0)</f>
        <v>4.223722887209731</v>
      </c>
      <c r="H1893" cm="1">
        <f t="array" ref="H1893">IFERROR(INDEX(Jesper!AL$2:AL$366,ROUNDDOWN($C1893/24,0)+1,1)*INDEX($D$3:$AA$30,INDEX(Jesper!$R$2:$R$366,ROW(INDEX(Jesper!AL$2:AL$366,ROUNDDOWN($C1893/24,0)+1,1))-1)+IF('Standard Profiles'!$G$22=$B$10,7,0)+IF('Standard Profiles'!$G$22=$B$17,14,0)+IF('Standard Profiles'!$G$22=$B$24,21,0),MOD($C1893,24)+1)/SUM(INDEX($D$3:$AA$30,INDEX(Jesper!$R$2:$R$366,ROW(INDEX(Jesper!AL$2:AL$366,ROUNDDOWN($C1893/24,0)+1,1))-1)+IF('Standard Profiles'!$G$22=$B$10,7,0)+IF('Standard Profiles'!$G$22=$B$17,14,0)+IF('Standard Profiles'!$G$22=$B$24,21,0),0)),0)</f>
        <v>3.7727776172175953</v>
      </c>
      <c r="I1893">
        <f t="shared" si="223"/>
        <v>3.6218665125288934</v>
      </c>
      <c r="J1893">
        <f t="shared" si="224"/>
        <v>11.058433078367193</v>
      </c>
      <c r="K1893">
        <f t="shared" si="225"/>
        <v>0.32776103748627561</v>
      </c>
      <c r="L1893">
        <f t="shared" si="226"/>
        <v>0.1638805187431378</v>
      </c>
      <c r="M1893">
        <f t="shared" si="227"/>
        <v>0</v>
      </c>
      <c r="N1893" s="45">
        <f t="shared" si="228"/>
        <v>45004.458333328825</v>
      </c>
    </row>
    <row r="1894" spans="2:14" x14ac:dyDescent="0.25">
      <c r="B1894">
        <f t="shared" si="222"/>
        <v>7</v>
      </c>
      <c r="C1894" s="16">
        <v>1860</v>
      </c>
      <c r="D1894" cm="1">
        <f t="array" ref="D1894">IFERROR(INDEX(Jesper!AH$2:AH$366,ROUNDDOWN($C1894/24,0)+1,1)*INDEX($D$3:$AA$30,INDEX(Jesper!$R$2:$R$366,ROW(INDEX(Jesper!AH$2:AH$366,ROUNDDOWN($C1894/24,0)+1,1))-1)+IF('Standard Profiles'!$G$18=$B$10,7,0)+IF('Standard Profiles'!$G$18=$B$17,14,0)+IF('Standard Profiles'!$G$18=$B$24,21,0),MOD($C1894,24)+1)/SUM(INDEX($D$3:$AA$30,INDEX(Jesper!$R$2:$R$366,ROW(INDEX(Jesper!AH$2:AH$366,ROUNDDOWN($C1894/24,0)+1,1))-1)+IF('Standard Profiles'!$G$18=$B$10,7,0)+IF('Standard Profiles'!$G$18=$B$17,14,0)+IF('Standard Profiles'!$G$18=$B$24,21,0),0)),0)</f>
        <v>0</v>
      </c>
      <c r="E1894" cm="1">
        <f t="array" ref="E1894">IFERROR(INDEX(Jesper!AI$2:AI$366,ROUNDDOWN($C1894/24,0)+1,1)*INDEX($D$3:$AA$30,INDEX(Jesper!$R$2:$R$366,ROW(INDEX(Jesper!AI$2:AI$366,ROUNDDOWN($C1894/24,0)+1,1))-1)+IF('Standard Profiles'!$G$19=$B$10,7,0)+IF('Standard Profiles'!$G$19=$B$17,14,0)+IF('Standard Profiles'!$G$19=$B$24,21,0),MOD($C1894,24)+1)/SUM(INDEX($D$3:$AA$30,INDEX(Jesper!$R$2:$R$366,ROW(INDEX(Jesper!AI$2:AI$366,ROUNDDOWN($C1894/24,0)+1,1))-1)+IF('Standard Profiles'!$G$19=$B$10,7,0)+IF('Standard Profiles'!$G$19=$B$17,14,0)+IF('Standard Profiles'!$G$19=$B$24,21,0),0)),0)</f>
        <v>4.0970129685784453</v>
      </c>
      <c r="F1894" cm="1">
        <f t="array" ref="F1894">IFERROR(INDEX(Jesper!AJ$2:AJ$366,ROUNDDOWN($C1894/24,0)+1,1)*INDEX($D$3:$AA$30,INDEX(Jesper!$R$2:$R$366,ROW(INDEX(Jesper!AJ$2:AJ$366,ROUNDDOWN($C1894/24,0)+1,1))-1)+IF('Standard Profiles'!$G$20=$B$10,7,0)+IF('Standard Profiles'!$G$20=$B$17,14,0)+IF('Standard Profiles'!$G$20=$B$24,21,0),MOD($C1894,24)+1)/SUM(INDEX($D$3:$AA$30,INDEX(Jesper!$R$2:$R$366,ROW(INDEX(Jesper!AJ$2:AJ$366,ROUNDDOWN($C1894/24,0)+1,1))-1)+IF('Standard Profiles'!$G$20=$B$10,7,0)+IF('Standard Profiles'!$G$20=$B$17,14,0)+IF('Standard Profiles'!$G$20=$B$24,21,0),0)),0)</f>
        <v>3.0784276741197281</v>
      </c>
      <c r="G1894" cm="1">
        <f t="array" ref="G1894">IFERROR(INDEX(Jesper!AK$2:AK$366,ROUNDDOWN($C1894/24,0)+1,1)*INDEX($D$3:$AA$30,INDEX(Jesper!$R$2:$R$366,ROW(INDEX(Jesper!AK$2:AK$366,ROUNDDOWN($C1894/24,0)+1,1))-1)+IF('Standard Profiles'!$G$21=$B$10,7,0)+IF('Standard Profiles'!$G$21=$B$17,14,0)+IF('Standard Profiles'!$G$21=$B$24,21,0),MOD($C1894,24)+1)/SUM(INDEX($D$3:$AA$30,INDEX(Jesper!$R$2:$R$366,ROW(INDEX(Jesper!AK$2:AK$366,ROUNDDOWN($C1894/24,0)+1,1))-1)+IF('Standard Profiles'!$G$21=$B$10,7,0)+IF('Standard Profiles'!$G$21=$B$17,14,0)+IF('Standard Profiles'!$G$21=$B$24,21,0),0)),0)</f>
        <v>4.223722887209731</v>
      </c>
      <c r="H1894" cm="1">
        <f t="array" ref="H1894">IFERROR(INDEX(Jesper!AL$2:AL$366,ROUNDDOWN($C1894/24,0)+1,1)*INDEX($D$3:$AA$30,INDEX(Jesper!$R$2:$R$366,ROW(INDEX(Jesper!AL$2:AL$366,ROUNDDOWN($C1894/24,0)+1,1))-1)+IF('Standard Profiles'!$G$22=$B$10,7,0)+IF('Standard Profiles'!$G$22=$B$17,14,0)+IF('Standard Profiles'!$G$22=$B$24,21,0),MOD($C1894,24)+1)/SUM(INDEX($D$3:$AA$30,INDEX(Jesper!$R$2:$R$366,ROW(INDEX(Jesper!AL$2:AL$366,ROUNDDOWN($C1894/24,0)+1,1))-1)+IF('Standard Profiles'!$G$22=$B$10,7,0)+IF('Standard Profiles'!$G$22=$B$17,14,0)+IF('Standard Profiles'!$G$22=$B$24,21,0),0)),0)</f>
        <v>3.7727776172175953</v>
      </c>
      <c r="I1894">
        <f t="shared" si="223"/>
        <v>3.6218665125288934</v>
      </c>
      <c r="J1894">
        <f t="shared" si="224"/>
        <v>11.058433078367193</v>
      </c>
      <c r="K1894">
        <f t="shared" si="225"/>
        <v>0.32776103748627561</v>
      </c>
      <c r="L1894">
        <f t="shared" si="226"/>
        <v>0.1638805187431378</v>
      </c>
      <c r="M1894">
        <f t="shared" si="227"/>
        <v>0</v>
      </c>
      <c r="N1894" s="45">
        <f t="shared" si="228"/>
        <v>45004.499999995489</v>
      </c>
    </row>
    <row r="1895" spans="2:14" x14ac:dyDescent="0.25">
      <c r="B1895">
        <f t="shared" si="222"/>
        <v>7</v>
      </c>
      <c r="C1895" s="16">
        <v>1861</v>
      </c>
      <c r="D1895" cm="1">
        <f t="array" ref="D1895">IFERROR(INDEX(Jesper!AH$2:AH$366,ROUNDDOWN($C1895/24,0)+1,1)*INDEX($D$3:$AA$30,INDEX(Jesper!$R$2:$R$366,ROW(INDEX(Jesper!AH$2:AH$366,ROUNDDOWN($C1895/24,0)+1,1))-1)+IF('Standard Profiles'!$G$18=$B$10,7,0)+IF('Standard Profiles'!$G$18=$B$17,14,0)+IF('Standard Profiles'!$G$18=$B$24,21,0),MOD($C1895,24)+1)/SUM(INDEX($D$3:$AA$30,INDEX(Jesper!$R$2:$R$366,ROW(INDEX(Jesper!AH$2:AH$366,ROUNDDOWN($C1895/24,0)+1,1))-1)+IF('Standard Profiles'!$G$18=$B$10,7,0)+IF('Standard Profiles'!$G$18=$B$17,14,0)+IF('Standard Profiles'!$G$18=$B$24,21,0),0)),0)</f>
        <v>0</v>
      </c>
      <c r="E1895" cm="1">
        <f t="array" ref="E1895">IFERROR(INDEX(Jesper!AI$2:AI$366,ROUNDDOWN($C1895/24,0)+1,1)*INDEX($D$3:$AA$30,INDEX(Jesper!$R$2:$R$366,ROW(INDEX(Jesper!AI$2:AI$366,ROUNDDOWN($C1895/24,0)+1,1))-1)+IF('Standard Profiles'!$G$19=$B$10,7,0)+IF('Standard Profiles'!$G$19=$B$17,14,0)+IF('Standard Profiles'!$G$19=$B$24,21,0),MOD($C1895,24)+1)/SUM(INDEX($D$3:$AA$30,INDEX(Jesper!$R$2:$R$366,ROW(INDEX(Jesper!AI$2:AI$366,ROUNDDOWN($C1895/24,0)+1,1))-1)+IF('Standard Profiles'!$G$19=$B$10,7,0)+IF('Standard Profiles'!$G$19=$B$17,14,0)+IF('Standard Profiles'!$G$19=$B$24,21,0),0)),0)</f>
        <v>4.0970129685784453</v>
      </c>
      <c r="F1895" cm="1">
        <f t="array" ref="F1895">IFERROR(INDEX(Jesper!AJ$2:AJ$366,ROUNDDOWN($C1895/24,0)+1,1)*INDEX($D$3:$AA$30,INDEX(Jesper!$R$2:$R$366,ROW(INDEX(Jesper!AJ$2:AJ$366,ROUNDDOWN($C1895/24,0)+1,1))-1)+IF('Standard Profiles'!$G$20=$B$10,7,0)+IF('Standard Profiles'!$G$20=$B$17,14,0)+IF('Standard Profiles'!$G$20=$B$24,21,0),MOD($C1895,24)+1)/SUM(INDEX($D$3:$AA$30,INDEX(Jesper!$R$2:$R$366,ROW(INDEX(Jesper!AJ$2:AJ$366,ROUNDDOWN($C1895/24,0)+1,1))-1)+IF('Standard Profiles'!$G$20=$B$10,7,0)+IF('Standard Profiles'!$G$20=$B$17,14,0)+IF('Standard Profiles'!$G$20=$B$24,21,0),0)),0)</f>
        <v>3.0784276741197281</v>
      </c>
      <c r="G1895" cm="1">
        <f t="array" ref="G1895">IFERROR(INDEX(Jesper!AK$2:AK$366,ROUNDDOWN($C1895/24,0)+1,1)*INDEX($D$3:$AA$30,INDEX(Jesper!$R$2:$R$366,ROW(INDEX(Jesper!AK$2:AK$366,ROUNDDOWN($C1895/24,0)+1,1))-1)+IF('Standard Profiles'!$G$21=$B$10,7,0)+IF('Standard Profiles'!$G$21=$B$17,14,0)+IF('Standard Profiles'!$G$21=$B$24,21,0),MOD($C1895,24)+1)/SUM(INDEX($D$3:$AA$30,INDEX(Jesper!$R$2:$R$366,ROW(INDEX(Jesper!AK$2:AK$366,ROUNDDOWN($C1895/24,0)+1,1))-1)+IF('Standard Profiles'!$G$21=$B$10,7,0)+IF('Standard Profiles'!$G$21=$B$17,14,0)+IF('Standard Profiles'!$G$21=$B$24,21,0),0)),0)</f>
        <v>4.223722887209731</v>
      </c>
      <c r="H1895" cm="1">
        <f t="array" ref="H1895">IFERROR(INDEX(Jesper!AL$2:AL$366,ROUNDDOWN($C1895/24,0)+1,1)*INDEX($D$3:$AA$30,INDEX(Jesper!$R$2:$R$366,ROW(INDEX(Jesper!AL$2:AL$366,ROUNDDOWN($C1895/24,0)+1,1))-1)+IF('Standard Profiles'!$G$22=$B$10,7,0)+IF('Standard Profiles'!$G$22=$B$17,14,0)+IF('Standard Profiles'!$G$22=$B$24,21,0),MOD($C1895,24)+1)/SUM(INDEX($D$3:$AA$30,INDEX(Jesper!$R$2:$R$366,ROW(INDEX(Jesper!AL$2:AL$366,ROUNDDOWN($C1895/24,0)+1,1))-1)+IF('Standard Profiles'!$G$22=$B$10,7,0)+IF('Standard Profiles'!$G$22=$B$17,14,0)+IF('Standard Profiles'!$G$22=$B$24,21,0),0)),0)</f>
        <v>3.7727776172175953</v>
      </c>
      <c r="I1895">
        <f t="shared" si="223"/>
        <v>3.6218665125288934</v>
      </c>
      <c r="J1895">
        <f t="shared" si="224"/>
        <v>11.058433078367193</v>
      </c>
      <c r="K1895">
        <f t="shared" si="225"/>
        <v>0.32776103748627561</v>
      </c>
      <c r="L1895">
        <f t="shared" si="226"/>
        <v>0.1638805187431378</v>
      </c>
      <c r="M1895">
        <f t="shared" si="227"/>
        <v>0</v>
      </c>
      <c r="N1895" s="45">
        <f t="shared" si="228"/>
        <v>45004.541666662153</v>
      </c>
    </row>
    <row r="1896" spans="2:14" x14ac:dyDescent="0.25">
      <c r="B1896">
        <f t="shared" si="222"/>
        <v>7</v>
      </c>
      <c r="C1896" s="16">
        <v>1862</v>
      </c>
      <c r="D1896" cm="1">
        <f t="array" ref="D1896">IFERROR(INDEX(Jesper!AH$2:AH$366,ROUNDDOWN($C1896/24,0)+1,1)*INDEX($D$3:$AA$30,INDEX(Jesper!$R$2:$R$366,ROW(INDEX(Jesper!AH$2:AH$366,ROUNDDOWN($C1896/24,0)+1,1))-1)+IF('Standard Profiles'!$G$18=$B$10,7,0)+IF('Standard Profiles'!$G$18=$B$17,14,0)+IF('Standard Profiles'!$G$18=$B$24,21,0),MOD($C1896,24)+1)/SUM(INDEX($D$3:$AA$30,INDEX(Jesper!$R$2:$R$366,ROW(INDEX(Jesper!AH$2:AH$366,ROUNDDOWN($C1896/24,0)+1,1))-1)+IF('Standard Profiles'!$G$18=$B$10,7,0)+IF('Standard Profiles'!$G$18=$B$17,14,0)+IF('Standard Profiles'!$G$18=$B$24,21,0),0)),0)</f>
        <v>0</v>
      </c>
      <c r="E1896" cm="1">
        <f t="array" ref="E1896">IFERROR(INDEX(Jesper!AI$2:AI$366,ROUNDDOWN($C1896/24,0)+1,1)*INDEX($D$3:$AA$30,INDEX(Jesper!$R$2:$R$366,ROW(INDEX(Jesper!AI$2:AI$366,ROUNDDOWN($C1896/24,0)+1,1))-1)+IF('Standard Profiles'!$G$19=$B$10,7,0)+IF('Standard Profiles'!$G$19=$B$17,14,0)+IF('Standard Profiles'!$G$19=$B$24,21,0),MOD($C1896,24)+1)/SUM(INDEX($D$3:$AA$30,INDEX(Jesper!$R$2:$R$366,ROW(INDEX(Jesper!AI$2:AI$366,ROUNDDOWN($C1896/24,0)+1,1))-1)+IF('Standard Profiles'!$G$19=$B$10,7,0)+IF('Standard Profiles'!$G$19=$B$17,14,0)+IF('Standard Profiles'!$G$19=$B$24,21,0),0)),0)</f>
        <v>4.0970129685784453</v>
      </c>
      <c r="F1896" cm="1">
        <f t="array" ref="F1896">IFERROR(INDEX(Jesper!AJ$2:AJ$366,ROUNDDOWN($C1896/24,0)+1,1)*INDEX($D$3:$AA$30,INDEX(Jesper!$R$2:$R$366,ROW(INDEX(Jesper!AJ$2:AJ$366,ROUNDDOWN($C1896/24,0)+1,1))-1)+IF('Standard Profiles'!$G$20=$B$10,7,0)+IF('Standard Profiles'!$G$20=$B$17,14,0)+IF('Standard Profiles'!$G$20=$B$24,21,0),MOD($C1896,24)+1)/SUM(INDEX($D$3:$AA$30,INDEX(Jesper!$R$2:$R$366,ROW(INDEX(Jesper!AJ$2:AJ$366,ROUNDDOWN($C1896/24,0)+1,1))-1)+IF('Standard Profiles'!$G$20=$B$10,7,0)+IF('Standard Profiles'!$G$20=$B$17,14,0)+IF('Standard Profiles'!$G$20=$B$24,21,0),0)),0)</f>
        <v>3.0784276741197281</v>
      </c>
      <c r="G1896" cm="1">
        <f t="array" ref="G1896">IFERROR(INDEX(Jesper!AK$2:AK$366,ROUNDDOWN($C1896/24,0)+1,1)*INDEX($D$3:$AA$30,INDEX(Jesper!$R$2:$R$366,ROW(INDEX(Jesper!AK$2:AK$366,ROUNDDOWN($C1896/24,0)+1,1))-1)+IF('Standard Profiles'!$G$21=$B$10,7,0)+IF('Standard Profiles'!$G$21=$B$17,14,0)+IF('Standard Profiles'!$G$21=$B$24,21,0),MOD($C1896,24)+1)/SUM(INDEX($D$3:$AA$30,INDEX(Jesper!$R$2:$R$366,ROW(INDEX(Jesper!AK$2:AK$366,ROUNDDOWN($C1896/24,0)+1,1))-1)+IF('Standard Profiles'!$G$21=$B$10,7,0)+IF('Standard Profiles'!$G$21=$B$17,14,0)+IF('Standard Profiles'!$G$21=$B$24,21,0),0)),0)</f>
        <v>4.223722887209731</v>
      </c>
      <c r="H1896" cm="1">
        <f t="array" ref="H1896">IFERROR(INDEX(Jesper!AL$2:AL$366,ROUNDDOWN($C1896/24,0)+1,1)*INDEX($D$3:$AA$30,INDEX(Jesper!$R$2:$R$366,ROW(INDEX(Jesper!AL$2:AL$366,ROUNDDOWN($C1896/24,0)+1,1))-1)+IF('Standard Profiles'!$G$22=$B$10,7,0)+IF('Standard Profiles'!$G$22=$B$17,14,0)+IF('Standard Profiles'!$G$22=$B$24,21,0),MOD($C1896,24)+1)/SUM(INDEX($D$3:$AA$30,INDEX(Jesper!$R$2:$R$366,ROW(INDEX(Jesper!AL$2:AL$366,ROUNDDOWN($C1896/24,0)+1,1))-1)+IF('Standard Profiles'!$G$22=$B$10,7,0)+IF('Standard Profiles'!$G$22=$B$17,14,0)+IF('Standard Profiles'!$G$22=$B$24,21,0),0)),0)</f>
        <v>3.7727776172175953</v>
      </c>
      <c r="I1896">
        <f t="shared" si="223"/>
        <v>3.6218665125288934</v>
      </c>
      <c r="J1896">
        <f t="shared" si="224"/>
        <v>11.058433078367193</v>
      </c>
      <c r="K1896">
        <f t="shared" si="225"/>
        <v>0.32776103748627561</v>
      </c>
      <c r="L1896">
        <f t="shared" si="226"/>
        <v>0.1638805187431378</v>
      </c>
      <c r="M1896">
        <f t="shared" si="227"/>
        <v>0</v>
      </c>
      <c r="N1896" s="45">
        <f t="shared" si="228"/>
        <v>45004.583333328817</v>
      </c>
    </row>
    <row r="1897" spans="2:14" x14ac:dyDescent="0.25">
      <c r="B1897">
        <f t="shared" si="222"/>
        <v>7</v>
      </c>
      <c r="C1897" s="16">
        <v>1863</v>
      </c>
      <c r="D1897" cm="1">
        <f t="array" ref="D1897">IFERROR(INDEX(Jesper!AH$2:AH$366,ROUNDDOWN($C1897/24,0)+1,1)*INDEX($D$3:$AA$30,INDEX(Jesper!$R$2:$R$366,ROW(INDEX(Jesper!AH$2:AH$366,ROUNDDOWN($C1897/24,0)+1,1))-1)+IF('Standard Profiles'!$G$18=$B$10,7,0)+IF('Standard Profiles'!$G$18=$B$17,14,0)+IF('Standard Profiles'!$G$18=$B$24,21,0),MOD($C1897,24)+1)/SUM(INDEX($D$3:$AA$30,INDEX(Jesper!$R$2:$R$366,ROW(INDEX(Jesper!AH$2:AH$366,ROUNDDOWN($C1897/24,0)+1,1))-1)+IF('Standard Profiles'!$G$18=$B$10,7,0)+IF('Standard Profiles'!$G$18=$B$17,14,0)+IF('Standard Profiles'!$G$18=$B$24,21,0),0)),0)</f>
        <v>0</v>
      </c>
      <c r="E1897" cm="1">
        <f t="array" ref="E1897">IFERROR(INDEX(Jesper!AI$2:AI$366,ROUNDDOWN($C1897/24,0)+1,1)*INDEX($D$3:$AA$30,INDEX(Jesper!$R$2:$R$366,ROW(INDEX(Jesper!AI$2:AI$366,ROUNDDOWN($C1897/24,0)+1,1))-1)+IF('Standard Profiles'!$G$19=$B$10,7,0)+IF('Standard Profiles'!$G$19=$B$17,14,0)+IF('Standard Profiles'!$G$19=$B$24,21,0),MOD($C1897,24)+1)/SUM(INDEX($D$3:$AA$30,INDEX(Jesper!$R$2:$R$366,ROW(INDEX(Jesper!AI$2:AI$366,ROUNDDOWN($C1897/24,0)+1,1))-1)+IF('Standard Profiles'!$G$19=$B$10,7,0)+IF('Standard Profiles'!$G$19=$B$17,14,0)+IF('Standard Profiles'!$G$19=$B$24,21,0),0)),0)</f>
        <v>4.0970129685784453</v>
      </c>
      <c r="F1897" cm="1">
        <f t="array" ref="F1897">IFERROR(INDEX(Jesper!AJ$2:AJ$366,ROUNDDOWN($C1897/24,0)+1,1)*INDEX($D$3:$AA$30,INDEX(Jesper!$R$2:$R$366,ROW(INDEX(Jesper!AJ$2:AJ$366,ROUNDDOWN($C1897/24,0)+1,1))-1)+IF('Standard Profiles'!$G$20=$B$10,7,0)+IF('Standard Profiles'!$G$20=$B$17,14,0)+IF('Standard Profiles'!$G$20=$B$24,21,0),MOD($C1897,24)+1)/SUM(INDEX($D$3:$AA$30,INDEX(Jesper!$R$2:$R$366,ROW(INDEX(Jesper!AJ$2:AJ$366,ROUNDDOWN($C1897/24,0)+1,1))-1)+IF('Standard Profiles'!$G$20=$B$10,7,0)+IF('Standard Profiles'!$G$20=$B$17,14,0)+IF('Standard Profiles'!$G$20=$B$24,21,0),0)),0)</f>
        <v>3.0784276741197281</v>
      </c>
      <c r="G1897" cm="1">
        <f t="array" ref="G1897">IFERROR(INDEX(Jesper!AK$2:AK$366,ROUNDDOWN($C1897/24,0)+1,1)*INDEX($D$3:$AA$30,INDEX(Jesper!$R$2:$R$366,ROW(INDEX(Jesper!AK$2:AK$366,ROUNDDOWN($C1897/24,0)+1,1))-1)+IF('Standard Profiles'!$G$21=$B$10,7,0)+IF('Standard Profiles'!$G$21=$B$17,14,0)+IF('Standard Profiles'!$G$21=$B$24,21,0),MOD($C1897,24)+1)/SUM(INDEX($D$3:$AA$30,INDEX(Jesper!$R$2:$R$366,ROW(INDEX(Jesper!AK$2:AK$366,ROUNDDOWN($C1897/24,0)+1,1))-1)+IF('Standard Profiles'!$G$21=$B$10,7,0)+IF('Standard Profiles'!$G$21=$B$17,14,0)+IF('Standard Profiles'!$G$21=$B$24,21,0),0)),0)</f>
        <v>4.223722887209731</v>
      </c>
      <c r="H1897" cm="1">
        <f t="array" ref="H1897">IFERROR(INDEX(Jesper!AL$2:AL$366,ROUNDDOWN($C1897/24,0)+1,1)*INDEX($D$3:$AA$30,INDEX(Jesper!$R$2:$R$366,ROW(INDEX(Jesper!AL$2:AL$366,ROUNDDOWN($C1897/24,0)+1,1))-1)+IF('Standard Profiles'!$G$22=$B$10,7,0)+IF('Standard Profiles'!$G$22=$B$17,14,0)+IF('Standard Profiles'!$G$22=$B$24,21,0),MOD($C1897,24)+1)/SUM(INDEX($D$3:$AA$30,INDEX(Jesper!$R$2:$R$366,ROW(INDEX(Jesper!AL$2:AL$366,ROUNDDOWN($C1897/24,0)+1,1))-1)+IF('Standard Profiles'!$G$22=$B$10,7,0)+IF('Standard Profiles'!$G$22=$B$17,14,0)+IF('Standard Profiles'!$G$22=$B$24,21,0),0)),0)</f>
        <v>3.3535801041934179</v>
      </c>
      <c r="I1897">
        <f t="shared" si="223"/>
        <v>3.2194369000256828</v>
      </c>
      <c r="J1897">
        <f t="shared" si="224"/>
        <v>11.041665177846227</v>
      </c>
      <c r="K1897">
        <f t="shared" si="225"/>
        <v>0.32776103748627561</v>
      </c>
      <c r="L1897">
        <f t="shared" si="226"/>
        <v>0.1638805187431378</v>
      </c>
      <c r="M1897">
        <f t="shared" si="227"/>
        <v>0</v>
      </c>
      <c r="N1897" s="45">
        <f t="shared" si="228"/>
        <v>45004.624999995482</v>
      </c>
    </row>
    <row r="1898" spans="2:14" x14ac:dyDescent="0.25">
      <c r="B1898">
        <f t="shared" si="222"/>
        <v>7</v>
      </c>
      <c r="C1898" s="16">
        <v>1864</v>
      </c>
      <c r="D1898" cm="1">
        <f t="array" ref="D1898">IFERROR(INDEX(Jesper!AH$2:AH$366,ROUNDDOWN($C1898/24,0)+1,1)*INDEX($D$3:$AA$30,INDEX(Jesper!$R$2:$R$366,ROW(INDEX(Jesper!AH$2:AH$366,ROUNDDOWN($C1898/24,0)+1,1))-1)+IF('Standard Profiles'!$G$18=$B$10,7,0)+IF('Standard Profiles'!$G$18=$B$17,14,0)+IF('Standard Profiles'!$G$18=$B$24,21,0),MOD($C1898,24)+1)/SUM(INDEX($D$3:$AA$30,INDEX(Jesper!$R$2:$R$366,ROW(INDEX(Jesper!AH$2:AH$366,ROUNDDOWN($C1898/24,0)+1,1))-1)+IF('Standard Profiles'!$G$18=$B$10,7,0)+IF('Standard Profiles'!$G$18=$B$17,14,0)+IF('Standard Profiles'!$G$18=$B$24,21,0),0)),0)</f>
        <v>0</v>
      </c>
      <c r="E1898" cm="1">
        <f t="array" ref="E1898">IFERROR(INDEX(Jesper!AI$2:AI$366,ROUNDDOWN($C1898/24,0)+1,1)*INDEX($D$3:$AA$30,INDEX(Jesper!$R$2:$R$366,ROW(INDEX(Jesper!AI$2:AI$366,ROUNDDOWN($C1898/24,0)+1,1))-1)+IF('Standard Profiles'!$G$19=$B$10,7,0)+IF('Standard Profiles'!$G$19=$B$17,14,0)+IF('Standard Profiles'!$G$19=$B$24,21,0),MOD($C1898,24)+1)/SUM(INDEX($D$3:$AA$30,INDEX(Jesper!$R$2:$R$366,ROW(INDEX(Jesper!AI$2:AI$366,ROUNDDOWN($C1898/24,0)+1,1))-1)+IF('Standard Profiles'!$G$19=$B$10,7,0)+IF('Standard Profiles'!$G$19=$B$17,14,0)+IF('Standard Profiles'!$G$19=$B$24,21,0),0)),0)</f>
        <v>4.0970129685784453</v>
      </c>
      <c r="F1898" cm="1">
        <f t="array" ref="F1898">IFERROR(INDEX(Jesper!AJ$2:AJ$366,ROUNDDOWN($C1898/24,0)+1,1)*INDEX($D$3:$AA$30,INDEX(Jesper!$R$2:$R$366,ROW(INDEX(Jesper!AJ$2:AJ$366,ROUNDDOWN($C1898/24,0)+1,1))-1)+IF('Standard Profiles'!$G$20=$B$10,7,0)+IF('Standard Profiles'!$G$20=$B$17,14,0)+IF('Standard Profiles'!$G$20=$B$24,21,0),MOD($C1898,24)+1)/SUM(INDEX($D$3:$AA$30,INDEX(Jesper!$R$2:$R$366,ROW(INDEX(Jesper!AJ$2:AJ$366,ROUNDDOWN($C1898/24,0)+1,1))-1)+IF('Standard Profiles'!$G$20=$B$10,7,0)+IF('Standard Profiles'!$G$20=$B$17,14,0)+IF('Standard Profiles'!$G$20=$B$24,21,0),0)),0)</f>
        <v>3.0784276741197281</v>
      </c>
      <c r="G1898" cm="1">
        <f t="array" ref="G1898">IFERROR(INDEX(Jesper!AK$2:AK$366,ROUNDDOWN($C1898/24,0)+1,1)*INDEX($D$3:$AA$30,INDEX(Jesper!$R$2:$R$366,ROW(INDEX(Jesper!AK$2:AK$366,ROUNDDOWN($C1898/24,0)+1,1))-1)+IF('Standard Profiles'!$G$21=$B$10,7,0)+IF('Standard Profiles'!$G$21=$B$17,14,0)+IF('Standard Profiles'!$G$21=$B$24,21,0),MOD($C1898,24)+1)/SUM(INDEX($D$3:$AA$30,INDEX(Jesper!$R$2:$R$366,ROW(INDEX(Jesper!AK$2:AK$366,ROUNDDOWN($C1898/24,0)+1,1))-1)+IF('Standard Profiles'!$G$21=$B$10,7,0)+IF('Standard Profiles'!$G$21=$B$17,14,0)+IF('Standard Profiles'!$G$21=$B$24,21,0),0)),0)</f>
        <v>4.223722887209731</v>
      </c>
      <c r="H1898" cm="1">
        <f t="array" ref="H1898">IFERROR(INDEX(Jesper!AL$2:AL$366,ROUNDDOWN($C1898/24,0)+1,1)*INDEX($D$3:$AA$30,INDEX(Jesper!$R$2:$R$366,ROW(INDEX(Jesper!AL$2:AL$366,ROUNDDOWN($C1898/24,0)+1,1))-1)+IF('Standard Profiles'!$G$22=$B$10,7,0)+IF('Standard Profiles'!$G$22=$B$17,14,0)+IF('Standard Profiles'!$G$22=$B$24,21,0),MOD($C1898,24)+1)/SUM(INDEX($D$3:$AA$30,INDEX(Jesper!$R$2:$R$366,ROW(INDEX(Jesper!AL$2:AL$366,ROUNDDOWN($C1898/24,0)+1,1))-1)+IF('Standard Profiles'!$G$22=$B$10,7,0)+IF('Standard Profiles'!$G$22=$B$17,14,0)+IF('Standard Profiles'!$G$22=$B$24,21,0),0)),0)</f>
        <v>3.2936947451899639</v>
      </c>
      <c r="I1898">
        <f t="shared" si="223"/>
        <v>3.1619469553823669</v>
      </c>
      <c r="J1898">
        <f t="shared" si="224"/>
        <v>11.039269763486088</v>
      </c>
      <c r="K1898">
        <f t="shared" si="225"/>
        <v>0.32776103748627561</v>
      </c>
      <c r="L1898">
        <f t="shared" si="226"/>
        <v>0.1638805187431378</v>
      </c>
      <c r="M1898">
        <f t="shared" si="227"/>
        <v>0</v>
      </c>
      <c r="N1898" s="45">
        <f t="shared" si="228"/>
        <v>45004.666666662146</v>
      </c>
    </row>
    <row r="1899" spans="2:14" x14ac:dyDescent="0.25">
      <c r="B1899">
        <f t="shared" si="222"/>
        <v>7</v>
      </c>
      <c r="C1899" s="16">
        <v>1865</v>
      </c>
      <c r="D1899" cm="1">
        <f t="array" ref="D1899">IFERROR(INDEX(Jesper!AH$2:AH$366,ROUNDDOWN($C1899/24,0)+1,1)*INDEX($D$3:$AA$30,INDEX(Jesper!$R$2:$R$366,ROW(INDEX(Jesper!AH$2:AH$366,ROUNDDOWN($C1899/24,0)+1,1))-1)+IF('Standard Profiles'!$G$18=$B$10,7,0)+IF('Standard Profiles'!$G$18=$B$17,14,0)+IF('Standard Profiles'!$G$18=$B$24,21,0),MOD($C1899,24)+1)/SUM(INDEX($D$3:$AA$30,INDEX(Jesper!$R$2:$R$366,ROW(INDEX(Jesper!AH$2:AH$366,ROUNDDOWN($C1899/24,0)+1,1))-1)+IF('Standard Profiles'!$G$18=$B$10,7,0)+IF('Standard Profiles'!$G$18=$B$17,14,0)+IF('Standard Profiles'!$G$18=$B$24,21,0),0)),0)</f>
        <v>0</v>
      </c>
      <c r="E1899" cm="1">
        <f t="array" ref="E1899">IFERROR(INDEX(Jesper!AI$2:AI$366,ROUNDDOWN($C1899/24,0)+1,1)*INDEX($D$3:$AA$30,INDEX(Jesper!$R$2:$R$366,ROW(INDEX(Jesper!AI$2:AI$366,ROUNDDOWN($C1899/24,0)+1,1))-1)+IF('Standard Profiles'!$G$19=$B$10,7,0)+IF('Standard Profiles'!$G$19=$B$17,14,0)+IF('Standard Profiles'!$G$19=$B$24,21,0),MOD($C1899,24)+1)/SUM(INDEX($D$3:$AA$30,INDEX(Jesper!$R$2:$R$366,ROW(INDEX(Jesper!AI$2:AI$366,ROUNDDOWN($C1899/24,0)+1,1))-1)+IF('Standard Profiles'!$G$19=$B$10,7,0)+IF('Standard Profiles'!$G$19=$B$17,14,0)+IF('Standard Profiles'!$G$19=$B$24,21,0),0)),0)</f>
        <v>4.0970129685784453</v>
      </c>
      <c r="F1899" cm="1">
        <f t="array" ref="F1899">IFERROR(INDEX(Jesper!AJ$2:AJ$366,ROUNDDOWN($C1899/24,0)+1,1)*INDEX($D$3:$AA$30,INDEX(Jesper!$R$2:$R$366,ROW(INDEX(Jesper!AJ$2:AJ$366,ROUNDDOWN($C1899/24,0)+1,1))-1)+IF('Standard Profiles'!$G$20=$B$10,7,0)+IF('Standard Profiles'!$G$20=$B$17,14,0)+IF('Standard Profiles'!$G$20=$B$24,21,0),MOD($C1899,24)+1)/SUM(INDEX($D$3:$AA$30,INDEX(Jesper!$R$2:$R$366,ROW(INDEX(Jesper!AJ$2:AJ$366,ROUNDDOWN($C1899/24,0)+1,1))-1)+IF('Standard Profiles'!$G$20=$B$10,7,0)+IF('Standard Profiles'!$G$20=$B$17,14,0)+IF('Standard Profiles'!$G$20=$B$24,21,0),0)),0)</f>
        <v>3.0784276741197281</v>
      </c>
      <c r="G1899" cm="1">
        <f t="array" ref="G1899">IFERROR(INDEX(Jesper!AK$2:AK$366,ROUNDDOWN($C1899/24,0)+1,1)*INDEX($D$3:$AA$30,INDEX(Jesper!$R$2:$R$366,ROW(INDEX(Jesper!AK$2:AK$366,ROUNDDOWN($C1899/24,0)+1,1))-1)+IF('Standard Profiles'!$G$21=$B$10,7,0)+IF('Standard Profiles'!$G$21=$B$17,14,0)+IF('Standard Profiles'!$G$21=$B$24,21,0),MOD($C1899,24)+1)/SUM(INDEX($D$3:$AA$30,INDEX(Jesper!$R$2:$R$366,ROW(INDEX(Jesper!AK$2:AK$366,ROUNDDOWN($C1899/24,0)+1,1))-1)+IF('Standard Profiles'!$G$21=$B$10,7,0)+IF('Standard Profiles'!$G$21=$B$17,14,0)+IF('Standard Profiles'!$G$21=$B$24,21,0),0)),0)</f>
        <v>4.223722887209731</v>
      </c>
      <c r="H1899" cm="1">
        <f t="array" ref="H1899">IFERROR(INDEX(Jesper!AL$2:AL$366,ROUNDDOWN($C1899/24,0)+1,1)*INDEX($D$3:$AA$30,INDEX(Jesper!$R$2:$R$366,ROW(INDEX(Jesper!AL$2:AL$366,ROUNDDOWN($C1899/24,0)+1,1))-1)+IF('Standard Profiles'!$G$22=$B$10,7,0)+IF('Standard Profiles'!$G$22=$B$17,14,0)+IF('Standard Profiles'!$G$22=$B$24,21,0),MOD($C1899,24)+1)/SUM(INDEX($D$3:$AA$30,INDEX(Jesper!$R$2:$R$366,ROW(INDEX(Jesper!AL$2:AL$366,ROUNDDOWN($C1899/24,0)+1,1))-1)+IF('Standard Profiles'!$G$22=$B$10,7,0)+IF('Standard Profiles'!$G$22=$B$17,14,0)+IF('Standard Profiles'!$G$22=$B$24,21,0),0)),0)</f>
        <v>2.8146118731623333</v>
      </c>
      <c r="I1899">
        <f t="shared" si="223"/>
        <v>2.7020273982358414</v>
      </c>
      <c r="J1899">
        <f t="shared" si="224"/>
        <v>11.020106448604983</v>
      </c>
      <c r="K1899">
        <f t="shared" si="225"/>
        <v>0.32776103748627561</v>
      </c>
      <c r="L1899">
        <f t="shared" si="226"/>
        <v>0.1638805187431378</v>
      </c>
      <c r="M1899">
        <f t="shared" si="227"/>
        <v>0</v>
      </c>
      <c r="N1899" s="45">
        <f t="shared" si="228"/>
        <v>45004.70833332881</v>
      </c>
    </row>
    <row r="1900" spans="2:14" x14ac:dyDescent="0.25">
      <c r="B1900">
        <f t="shared" si="222"/>
        <v>7</v>
      </c>
      <c r="C1900" s="16">
        <v>1866</v>
      </c>
      <c r="D1900" cm="1">
        <f t="array" ref="D1900">IFERROR(INDEX(Jesper!AH$2:AH$366,ROUNDDOWN($C1900/24,0)+1,1)*INDEX($D$3:$AA$30,INDEX(Jesper!$R$2:$R$366,ROW(INDEX(Jesper!AH$2:AH$366,ROUNDDOWN($C1900/24,0)+1,1))-1)+IF('Standard Profiles'!$G$18=$B$10,7,0)+IF('Standard Profiles'!$G$18=$B$17,14,0)+IF('Standard Profiles'!$G$18=$B$24,21,0),MOD($C1900,24)+1)/SUM(INDEX($D$3:$AA$30,INDEX(Jesper!$R$2:$R$366,ROW(INDEX(Jesper!AH$2:AH$366,ROUNDDOWN($C1900/24,0)+1,1))-1)+IF('Standard Profiles'!$G$18=$B$10,7,0)+IF('Standard Profiles'!$G$18=$B$17,14,0)+IF('Standard Profiles'!$G$18=$B$24,21,0),0)),0)</f>
        <v>0</v>
      </c>
      <c r="E1900" cm="1">
        <f t="array" ref="E1900">IFERROR(INDEX(Jesper!AI$2:AI$366,ROUNDDOWN($C1900/24,0)+1,1)*INDEX($D$3:$AA$30,INDEX(Jesper!$R$2:$R$366,ROW(INDEX(Jesper!AI$2:AI$366,ROUNDDOWN($C1900/24,0)+1,1))-1)+IF('Standard Profiles'!$G$19=$B$10,7,0)+IF('Standard Profiles'!$G$19=$B$17,14,0)+IF('Standard Profiles'!$G$19=$B$24,21,0),MOD($C1900,24)+1)/SUM(INDEX($D$3:$AA$30,INDEX(Jesper!$R$2:$R$366,ROW(INDEX(Jesper!AI$2:AI$366,ROUNDDOWN($C1900/24,0)+1,1))-1)+IF('Standard Profiles'!$G$19=$B$10,7,0)+IF('Standard Profiles'!$G$19=$B$17,14,0)+IF('Standard Profiles'!$G$19=$B$24,21,0),0)),0)</f>
        <v>4.0970129685784453</v>
      </c>
      <c r="F1900" cm="1">
        <f t="array" ref="F1900">IFERROR(INDEX(Jesper!AJ$2:AJ$366,ROUNDDOWN($C1900/24,0)+1,1)*INDEX($D$3:$AA$30,INDEX(Jesper!$R$2:$R$366,ROW(INDEX(Jesper!AJ$2:AJ$366,ROUNDDOWN($C1900/24,0)+1,1))-1)+IF('Standard Profiles'!$G$20=$B$10,7,0)+IF('Standard Profiles'!$G$20=$B$17,14,0)+IF('Standard Profiles'!$G$20=$B$24,21,0),MOD($C1900,24)+1)/SUM(INDEX($D$3:$AA$30,INDEX(Jesper!$R$2:$R$366,ROW(INDEX(Jesper!AJ$2:AJ$366,ROUNDDOWN($C1900/24,0)+1,1))-1)+IF('Standard Profiles'!$G$20=$B$10,7,0)+IF('Standard Profiles'!$G$20=$B$17,14,0)+IF('Standard Profiles'!$G$20=$B$24,21,0),0)),0)</f>
        <v>3.0784276741197281</v>
      </c>
      <c r="G1900" cm="1">
        <f t="array" ref="G1900">IFERROR(INDEX(Jesper!AK$2:AK$366,ROUNDDOWN($C1900/24,0)+1,1)*INDEX($D$3:$AA$30,INDEX(Jesper!$R$2:$R$366,ROW(INDEX(Jesper!AK$2:AK$366,ROUNDDOWN($C1900/24,0)+1,1))-1)+IF('Standard Profiles'!$G$21=$B$10,7,0)+IF('Standard Profiles'!$G$21=$B$17,14,0)+IF('Standard Profiles'!$G$21=$B$24,21,0),MOD($C1900,24)+1)/SUM(INDEX($D$3:$AA$30,INDEX(Jesper!$R$2:$R$366,ROW(INDEX(Jesper!AK$2:AK$366,ROUNDDOWN($C1900/24,0)+1,1))-1)+IF('Standard Profiles'!$G$21=$B$10,7,0)+IF('Standard Profiles'!$G$21=$B$17,14,0)+IF('Standard Profiles'!$G$21=$B$24,21,0),0)),0)</f>
        <v>4.223722887209731</v>
      </c>
      <c r="H1900" cm="1">
        <f t="array" ref="H1900">IFERROR(INDEX(Jesper!AL$2:AL$366,ROUNDDOWN($C1900/24,0)+1,1)*INDEX($D$3:$AA$30,INDEX(Jesper!$R$2:$R$366,ROW(INDEX(Jesper!AL$2:AL$366,ROUNDDOWN($C1900/24,0)+1,1))-1)+IF('Standard Profiles'!$G$22=$B$10,7,0)+IF('Standard Profiles'!$G$22=$B$17,14,0)+IF('Standard Profiles'!$G$22=$B$24,21,0),MOD($C1900,24)+1)/SUM(INDEX($D$3:$AA$30,INDEX(Jesper!$R$2:$R$366,ROW(INDEX(Jesper!AL$2:AL$366,ROUNDDOWN($C1900/24,0)+1,1))-1)+IF('Standard Profiles'!$G$22=$B$10,7,0)+IF('Standard Profiles'!$G$22=$B$17,14,0)+IF('Standard Profiles'!$G$22=$B$24,21,0),0)),0)</f>
        <v>2.6349557961519712</v>
      </c>
      <c r="I1900">
        <f t="shared" si="223"/>
        <v>2.5295575643058936</v>
      </c>
      <c r="J1900">
        <f t="shared" si="224"/>
        <v>11.012920205524569</v>
      </c>
      <c r="K1900">
        <f t="shared" si="225"/>
        <v>0.32776103748627561</v>
      </c>
      <c r="L1900">
        <f t="shared" si="226"/>
        <v>0.1638805187431378</v>
      </c>
      <c r="M1900">
        <f t="shared" si="227"/>
        <v>0</v>
      </c>
      <c r="N1900" s="45">
        <f t="shared" si="228"/>
        <v>45004.749999995474</v>
      </c>
    </row>
    <row r="1901" spans="2:14" x14ac:dyDescent="0.25">
      <c r="B1901">
        <f t="shared" si="222"/>
        <v>7</v>
      </c>
      <c r="C1901" s="16">
        <v>1867</v>
      </c>
      <c r="D1901" cm="1">
        <f t="array" ref="D1901">IFERROR(INDEX(Jesper!AH$2:AH$366,ROUNDDOWN($C1901/24,0)+1,1)*INDEX($D$3:$AA$30,INDEX(Jesper!$R$2:$R$366,ROW(INDEX(Jesper!AH$2:AH$366,ROUNDDOWN($C1901/24,0)+1,1))-1)+IF('Standard Profiles'!$G$18=$B$10,7,0)+IF('Standard Profiles'!$G$18=$B$17,14,0)+IF('Standard Profiles'!$G$18=$B$24,21,0),MOD($C1901,24)+1)/SUM(INDEX($D$3:$AA$30,INDEX(Jesper!$R$2:$R$366,ROW(INDEX(Jesper!AH$2:AH$366,ROUNDDOWN($C1901/24,0)+1,1))-1)+IF('Standard Profiles'!$G$18=$B$10,7,0)+IF('Standard Profiles'!$G$18=$B$17,14,0)+IF('Standard Profiles'!$G$18=$B$24,21,0),0)),0)</f>
        <v>0</v>
      </c>
      <c r="E1901" cm="1">
        <f t="array" ref="E1901">IFERROR(INDEX(Jesper!AI$2:AI$366,ROUNDDOWN($C1901/24,0)+1,1)*INDEX($D$3:$AA$30,INDEX(Jesper!$R$2:$R$366,ROW(INDEX(Jesper!AI$2:AI$366,ROUNDDOWN($C1901/24,0)+1,1))-1)+IF('Standard Profiles'!$G$19=$B$10,7,0)+IF('Standard Profiles'!$G$19=$B$17,14,0)+IF('Standard Profiles'!$G$19=$B$24,21,0),MOD($C1901,24)+1)/SUM(INDEX($D$3:$AA$30,INDEX(Jesper!$R$2:$R$366,ROW(INDEX(Jesper!AI$2:AI$366,ROUNDDOWN($C1901/24,0)+1,1))-1)+IF('Standard Profiles'!$G$19=$B$10,7,0)+IF('Standard Profiles'!$G$19=$B$17,14,0)+IF('Standard Profiles'!$G$19=$B$24,21,0),0)),0)</f>
        <v>4.0970129685784453</v>
      </c>
      <c r="F1901" cm="1">
        <f t="array" ref="F1901">IFERROR(INDEX(Jesper!AJ$2:AJ$366,ROUNDDOWN($C1901/24,0)+1,1)*INDEX($D$3:$AA$30,INDEX(Jesper!$R$2:$R$366,ROW(INDEX(Jesper!AJ$2:AJ$366,ROUNDDOWN($C1901/24,0)+1,1))-1)+IF('Standard Profiles'!$G$20=$B$10,7,0)+IF('Standard Profiles'!$G$20=$B$17,14,0)+IF('Standard Profiles'!$G$20=$B$24,21,0),MOD($C1901,24)+1)/SUM(INDEX($D$3:$AA$30,INDEX(Jesper!$R$2:$R$366,ROW(INDEX(Jesper!AJ$2:AJ$366,ROUNDDOWN($C1901/24,0)+1,1))-1)+IF('Standard Profiles'!$G$20=$B$10,7,0)+IF('Standard Profiles'!$G$20=$B$17,14,0)+IF('Standard Profiles'!$G$20=$B$24,21,0),0)),0)</f>
        <v>3.0784276741197281</v>
      </c>
      <c r="G1901" cm="1">
        <f t="array" ref="G1901">IFERROR(INDEX(Jesper!AK$2:AK$366,ROUNDDOWN($C1901/24,0)+1,1)*INDEX($D$3:$AA$30,INDEX(Jesper!$R$2:$R$366,ROW(INDEX(Jesper!AK$2:AK$366,ROUNDDOWN($C1901/24,0)+1,1))-1)+IF('Standard Profiles'!$G$21=$B$10,7,0)+IF('Standard Profiles'!$G$21=$B$17,14,0)+IF('Standard Profiles'!$G$21=$B$24,21,0),MOD($C1901,24)+1)/SUM(INDEX($D$3:$AA$30,INDEX(Jesper!$R$2:$R$366,ROW(INDEX(Jesper!AK$2:AK$366,ROUNDDOWN($C1901/24,0)+1,1))-1)+IF('Standard Profiles'!$G$21=$B$10,7,0)+IF('Standard Profiles'!$G$21=$B$17,14,0)+IF('Standard Profiles'!$G$21=$B$24,21,0),0)),0)</f>
        <v>4.223722887209731</v>
      </c>
      <c r="H1901" cm="1">
        <f t="array" ref="H1901">IFERROR(INDEX(Jesper!AL$2:AL$366,ROUNDDOWN($C1901/24,0)+1,1)*INDEX($D$3:$AA$30,INDEX(Jesper!$R$2:$R$366,ROW(INDEX(Jesper!AL$2:AL$366,ROUNDDOWN($C1901/24,0)+1,1))-1)+IF('Standard Profiles'!$G$22=$B$10,7,0)+IF('Standard Profiles'!$G$22=$B$17,14,0)+IF('Standard Profiles'!$G$22=$B$24,21,0),MOD($C1901,24)+1)/SUM(INDEX($D$3:$AA$30,INDEX(Jesper!$R$2:$R$366,ROW(INDEX(Jesper!AL$2:AL$366,ROUNDDOWN($C1901/24,0)+1,1))-1)+IF('Standard Profiles'!$G$22=$B$10,7,0)+IF('Standard Profiles'!$G$22=$B$17,14,0)+IF('Standard Profiles'!$G$22=$B$24,21,0),0)),0)</f>
        <v>2.2157582831277942</v>
      </c>
      <c r="I1901">
        <f t="shared" si="223"/>
        <v>2.1271279518026835</v>
      </c>
      <c r="J1901">
        <f t="shared" si="224"/>
        <v>10.996152305003601</v>
      </c>
      <c r="K1901">
        <f t="shared" si="225"/>
        <v>0.32776103748627561</v>
      </c>
      <c r="L1901">
        <f t="shared" si="226"/>
        <v>0.1638805187431378</v>
      </c>
      <c r="M1901">
        <f t="shared" si="227"/>
        <v>0</v>
      </c>
      <c r="N1901" s="45">
        <f t="shared" si="228"/>
        <v>45004.791666662139</v>
      </c>
    </row>
    <row r="1902" spans="2:14" x14ac:dyDescent="0.25">
      <c r="B1902">
        <f t="shared" si="222"/>
        <v>7</v>
      </c>
      <c r="C1902" s="16">
        <v>1868</v>
      </c>
      <c r="D1902" cm="1">
        <f t="array" ref="D1902">IFERROR(INDEX(Jesper!AH$2:AH$366,ROUNDDOWN($C1902/24,0)+1,1)*INDEX($D$3:$AA$30,INDEX(Jesper!$R$2:$R$366,ROW(INDEX(Jesper!AH$2:AH$366,ROUNDDOWN($C1902/24,0)+1,1))-1)+IF('Standard Profiles'!$G$18=$B$10,7,0)+IF('Standard Profiles'!$G$18=$B$17,14,0)+IF('Standard Profiles'!$G$18=$B$24,21,0),MOD($C1902,24)+1)/SUM(INDEX($D$3:$AA$30,INDEX(Jesper!$R$2:$R$366,ROW(INDEX(Jesper!AH$2:AH$366,ROUNDDOWN($C1902/24,0)+1,1))-1)+IF('Standard Profiles'!$G$18=$B$10,7,0)+IF('Standard Profiles'!$G$18=$B$17,14,0)+IF('Standard Profiles'!$G$18=$B$24,21,0),0)),0)</f>
        <v>0</v>
      </c>
      <c r="E1902" cm="1">
        <f t="array" ref="E1902">IFERROR(INDEX(Jesper!AI$2:AI$366,ROUNDDOWN($C1902/24,0)+1,1)*INDEX($D$3:$AA$30,INDEX(Jesper!$R$2:$R$366,ROW(INDEX(Jesper!AI$2:AI$366,ROUNDDOWN($C1902/24,0)+1,1))-1)+IF('Standard Profiles'!$G$19=$B$10,7,0)+IF('Standard Profiles'!$G$19=$B$17,14,0)+IF('Standard Profiles'!$G$19=$B$24,21,0),MOD($C1902,24)+1)/SUM(INDEX($D$3:$AA$30,INDEX(Jesper!$R$2:$R$366,ROW(INDEX(Jesper!AI$2:AI$366,ROUNDDOWN($C1902/24,0)+1,1))-1)+IF('Standard Profiles'!$G$19=$B$10,7,0)+IF('Standard Profiles'!$G$19=$B$17,14,0)+IF('Standard Profiles'!$G$19=$B$24,21,0),0)),0)</f>
        <v>4.0970129685784453</v>
      </c>
      <c r="F1902" cm="1">
        <f t="array" ref="F1902">IFERROR(INDEX(Jesper!AJ$2:AJ$366,ROUNDDOWN($C1902/24,0)+1,1)*INDEX($D$3:$AA$30,INDEX(Jesper!$R$2:$R$366,ROW(INDEX(Jesper!AJ$2:AJ$366,ROUNDDOWN($C1902/24,0)+1,1))-1)+IF('Standard Profiles'!$G$20=$B$10,7,0)+IF('Standard Profiles'!$G$20=$B$17,14,0)+IF('Standard Profiles'!$G$20=$B$24,21,0),MOD($C1902,24)+1)/SUM(INDEX($D$3:$AA$30,INDEX(Jesper!$R$2:$R$366,ROW(INDEX(Jesper!AJ$2:AJ$366,ROUNDDOWN($C1902/24,0)+1,1))-1)+IF('Standard Profiles'!$G$20=$B$10,7,0)+IF('Standard Profiles'!$G$20=$B$17,14,0)+IF('Standard Profiles'!$G$20=$B$24,21,0),0)),0)</f>
        <v>3.0784276741197281</v>
      </c>
      <c r="G1902" cm="1">
        <f t="array" ref="G1902">IFERROR(INDEX(Jesper!AK$2:AK$366,ROUNDDOWN($C1902/24,0)+1,1)*INDEX($D$3:$AA$30,INDEX(Jesper!$R$2:$R$366,ROW(INDEX(Jesper!AK$2:AK$366,ROUNDDOWN($C1902/24,0)+1,1))-1)+IF('Standard Profiles'!$G$21=$B$10,7,0)+IF('Standard Profiles'!$G$21=$B$17,14,0)+IF('Standard Profiles'!$G$21=$B$24,21,0),MOD($C1902,24)+1)/SUM(INDEX($D$3:$AA$30,INDEX(Jesper!$R$2:$R$366,ROW(INDEX(Jesper!AK$2:AK$366,ROUNDDOWN($C1902/24,0)+1,1))-1)+IF('Standard Profiles'!$G$21=$B$10,7,0)+IF('Standard Profiles'!$G$21=$B$17,14,0)+IF('Standard Profiles'!$G$21=$B$24,21,0),0)),0)</f>
        <v>4.223722887209731</v>
      </c>
      <c r="H1902" cm="1">
        <f t="array" ref="H1902">IFERROR(INDEX(Jesper!AL$2:AL$366,ROUNDDOWN($C1902/24,0)+1,1)*INDEX($D$3:$AA$30,INDEX(Jesper!$R$2:$R$366,ROW(INDEX(Jesper!AL$2:AL$366,ROUNDDOWN($C1902/24,0)+1,1))-1)+IF('Standard Profiles'!$G$22=$B$10,7,0)+IF('Standard Profiles'!$G$22=$B$17,14,0)+IF('Standard Profiles'!$G$22=$B$24,21,0),MOD($C1902,24)+1)/SUM(INDEX($D$3:$AA$30,INDEX(Jesper!$R$2:$R$366,ROW(INDEX(Jesper!AL$2:AL$366,ROUNDDOWN($C1902/24,0)+1,1))-1)+IF('Standard Profiles'!$G$22=$B$10,7,0)+IF('Standard Profiles'!$G$22=$B$17,14,0)+IF('Standard Profiles'!$G$22=$B$24,21,0),0)),0)</f>
        <v>1.8564461291070706</v>
      </c>
      <c r="I1902">
        <f t="shared" si="223"/>
        <v>1.7821882839427887</v>
      </c>
      <c r="J1902">
        <f t="shared" si="224"/>
        <v>10.981779818842773</v>
      </c>
      <c r="K1902">
        <f t="shared" si="225"/>
        <v>0.32776103748627561</v>
      </c>
      <c r="L1902">
        <f t="shared" si="226"/>
        <v>0.1638805187431378</v>
      </c>
      <c r="M1902">
        <f t="shared" si="227"/>
        <v>0</v>
      </c>
      <c r="N1902" s="45">
        <f t="shared" si="228"/>
        <v>45004.833333328803</v>
      </c>
    </row>
    <row r="1903" spans="2:14" x14ac:dyDescent="0.25">
      <c r="B1903">
        <f t="shared" si="222"/>
        <v>7</v>
      </c>
      <c r="C1903" s="16">
        <v>1869</v>
      </c>
      <c r="D1903" cm="1">
        <f t="array" ref="D1903">IFERROR(INDEX(Jesper!AH$2:AH$366,ROUNDDOWN($C1903/24,0)+1,1)*INDEX($D$3:$AA$30,INDEX(Jesper!$R$2:$R$366,ROW(INDEX(Jesper!AH$2:AH$366,ROUNDDOWN($C1903/24,0)+1,1))-1)+IF('Standard Profiles'!$G$18=$B$10,7,0)+IF('Standard Profiles'!$G$18=$B$17,14,0)+IF('Standard Profiles'!$G$18=$B$24,21,0),MOD($C1903,24)+1)/SUM(INDEX($D$3:$AA$30,INDEX(Jesper!$R$2:$R$366,ROW(INDEX(Jesper!AH$2:AH$366,ROUNDDOWN($C1903/24,0)+1,1))-1)+IF('Standard Profiles'!$G$18=$B$10,7,0)+IF('Standard Profiles'!$G$18=$B$17,14,0)+IF('Standard Profiles'!$G$18=$B$24,21,0),0)),0)</f>
        <v>0</v>
      </c>
      <c r="E1903" cm="1">
        <f t="array" ref="E1903">IFERROR(INDEX(Jesper!AI$2:AI$366,ROUNDDOWN($C1903/24,0)+1,1)*INDEX($D$3:$AA$30,INDEX(Jesper!$R$2:$R$366,ROW(INDEX(Jesper!AI$2:AI$366,ROUNDDOWN($C1903/24,0)+1,1))-1)+IF('Standard Profiles'!$G$19=$B$10,7,0)+IF('Standard Profiles'!$G$19=$B$17,14,0)+IF('Standard Profiles'!$G$19=$B$24,21,0),MOD($C1903,24)+1)/SUM(INDEX($D$3:$AA$30,INDEX(Jesper!$R$2:$R$366,ROW(INDEX(Jesper!AI$2:AI$366,ROUNDDOWN($C1903/24,0)+1,1))-1)+IF('Standard Profiles'!$G$19=$B$10,7,0)+IF('Standard Profiles'!$G$19=$B$17,14,0)+IF('Standard Profiles'!$G$19=$B$24,21,0),0)),0)</f>
        <v>4.0970129685784453</v>
      </c>
      <c r="F1903" cm="1">
        <f t="array" ref="F1903">IFERROR(INDEX(Jesper!AJ$2:AJ$366,ROUNDDOWN($C1903/24,0)+1,1)*INDEX($D$3:$AA$30,INDEX(Jesper!$R$2:$R$366,ROW(INDEX(Jesper!AJ$2:AJ$366,ROUNDDOWN($C1903/24,0)+1,1))-1)+IF('Standard Profiles'!$G$20=$B$10,7,0)+IF('Standard Profiles'!$G$20=$B$17,14,0)+IF('Standard Profiles'!$G$20=$B$24,21,0),MOD($C1903,24)+1)/SUM(INDEX($D$3:$AA$30,INDEX(Jesper!$R$2:$R$366,ROW(INDEX(Jesper!AJ$2:AJ$366,ROUNDDOWN($C1903/24,0)+1,1))-1)+IF('Standard Profiles'!$G$20=$B$10,7,0)+IF('Standard Profiles'!$G$20=$B$17,14,0)+IF('Standard Profiles'!$G$20=$B$24,21,0),0)),0)</f>
        <v>3.0784276741197281</v>
      </c>
      <c r="G1903" cm="1">
        <f t="array" ref="G1903">IFERROR(INDEX(Jesper!AK$2:AK$366,ROUNDDOWN($C1903/24,0)+1,1)*INDEX($D$3:$AA$30,INDEX(Jesper!$R$2:$R$366,ROW(INDEX(Jesper!AK$2:AK$366,ROUNDDOWN($C1903/24,0)+1,1))-1)+IF('Standard Profiles'!$G$21=$B$10,7,0)+IF('Standard Profiles'!$G$21=$B$17,14,0)+IF('Standard Profiles'!$G$21=$B$24,21,0),MOD($C1903,24)+1)/SUM(INDEX($D$3:$AA$30,INDEX(Jesper!$R$2:$R$366,ROW(INDEX(Jesper!AK$2:AK$366,ROUNDDOWN($C1903/24,0)+1,1))-1)+IF('Standard Profiles'!$G$21=$B$10,7,0)+IF('Standard Profiles'!$G$21=$B$17,14,0)+IF('Standard Profiles'!$G$21=$B$24,21,0),0)),0)</f>
        <v>4.223722887209731</v>
      </c>
      <c r="H1903" cm="1">
        <f t="array" ref="H1903">IFERROR(INDEX(Jesper!AL$2:AL$366,ROUNDDOWN($C1903/24,0)+1,1)*INDEX($D$3:$AA$30,INDEX(Jesper!$R$2:$R$366,ROW(INDEX(Jesper!AL$2:AL$366,ROUNDDOWN($C1903/24,0)+1,1))-1)+IF('Standard Profiles'!$G$22=$B$10,7,0)+IF('Standard Profiles'!$G$22=$B$17,14,0)+IF('Standard Profiles'!$G$22=$B$24,21,0),MOD($C1903,24)+1)/SUM(INDEX($D$3:$AA$30,INDEX(Jesper!$R$2:$R$366,ROW(INDEX(Jesper!AL$2:AL$366,ROUNDDOWN($C1903/24,0)+1,1))-1)+IF('Standard Profiles'!$G$22=$B$10,7,0)+IF('Standard Profiles'!$G$22=$B$17,14,0)+IF('Standard Profiles'!$G$22=$B$24,21,0),0)),0)</f>
        <v>1.6169046930932554</v>
      </c>
      <c r="I1903">
        <f t="shared" si="223"/>
        <v>1.5522285053695259</v>
      </c>
      <c r="J1903">
        <f t="shared" si="224"/>
        <v>10.97219816140222</v>
      </c>
      <c r="K1903">
        <f t="shared" si="225"/>
        <v>0.32776103748627561</v>
      </c>
      <c r="L1903">
        <f t="shared" si="226"/>
        <v>0.1638805187431378</v>
      </c>
      <c r="M1903">
        <f t="shared" si="227"/>
        <v>0</v>
      </c>
      <c r="N1903" s="45">
        <f t="shared" si="228"/>
        <v>45004.874999995467</v>
      </c>
    </row>
    <row r="1904" spans="2:14" x14ac:dyDescent="0.25">
      <c r="B1904">
        <f t="shared" si="222"/>
        <v>7</v>
      </c>
      <c r="C1904" s="16">
        <v>1870</v>
      </c>
      <c r="D1904" cm="1">
        <f t="array" ref="D1904">IFERROR(INDEX(Jesper!AH$2:AH$366,ROUNDDOWN($C1904/24,0)+1,1)*INDEX($D$3:$AA$30,INDEX(Jesper!$R$2:$R$366,ROW(INDEX(Jesper!AH$2:AH$366,ROUNDDOWN($C1904/24,0)+1,1))-1)+IF('Standard Profiles'!$G$18=$B$10,7,0)+IF('Standard Profiles'!$G$18=$B$17,14,0)+IF('Standard Profiles'!$G$18=$B$24,21,0),MOD($C1904,24)+1)/SUM(INDEX($D$3:$AA$30,INDEX(Jesper!$R$2:$R$366,ROW(INDEX(Jesper!AH$2:AH$366,ROUNDDOWN($C1904/24,0)+1,1))-1)+IF('Standard Profiles'!$G$18=$B$10,7,0)+IF('Standard Profiles'!$G$18=$B$17,14,0)+IF('Standard Profiles'!$G$18=$B$24,21,0),0)),0)</f>
        <v>0</v>
      </c>
      <c r="E1904" cm="1">
        <f t="array" ref="E1904">IFERROR(INDEX(Jesper!AI$2:AI$366,ROUNDDOWN($C1904/24,0)+1,1)*INDEX($D$3:$AA$30,INDEX(Jesper!$R$2:$R$366,ROW(INDEX(Jesper!AI$2:AI$366,ROUNDDOWN($C1904/24,0)+1,1))-1)+IF('Standard Profiles'!$G$19=$B$10,7,0)+IF('Standard Profiles'!$G$19=$B$17,14,0)+IF('Standard Profiles'!$G$19=$B$24,21,0),MOD($C1904,24)+1)/SUM(INDEX($D$3:$AA$30,INDEX(Jesper!$R$2:$R$366,ROW(INDEX(Jesper!AI$2:AI$366,ROUNDDOWN($C1904/24,0)+1,1))-1)+IF('Standard Profiles'!$G$19=$B$10,7,0)+IF('Standard Profiles'!$G$19=$B$17,14,0)+IF('Standard Profiles'!$G$19=$B$24,21,0),0)),0)</f>
        <v>4.0970129685784453</v>
      </c>
      <c r="F1904" cm="1">
        <f t="array" ref="F1904">IFERROR(INDEX(Jesper!AJ$2:AJ$366,ROUNDDOWN($C1904/24,0)+1,1)*INDEX($D$3:$AA$30,INDEX(Jesper!$R$2:$R$366,ROW(INDEX(Jesper!AJ$2:AJ$366,ROUNDDOWN($C1904/24,0)+1,1))-1)+IF('Standard Profiles'!$G$20=$B$10,7,0)+IF('Standard Profiles'!$G$20=$B$17,14,0)+IF('Standard Profiles'!$G$20=$B$24,21,0),MOD($C1904,24)+1)/SUM(INDEX($D$3:$AA$30,INDEX(Jesper!$R$2:$R$366,ROW(INDEX(Jesper!AJ$2:AJ$366,ROUNDDOWN($C1904/24,0)+1,1))-1)+IF('Standard Profiles'!$G$20=$B$10,7,0)+IF('Standard Profiles'!$G$20=$B$17,14,0)+IF('Standard Profiles'!$G$20=$B$24,21,0),0)),0)</f>
        <v>3.0784276741197281</v>
      </c>
      <c r="G1904" cm="1">
        <f t="array" ref="G1904">IFERROR(INDEX(Jesper!AK$2:AK$366,ROUNDDOWN($C1904/24,0)+1,1)*INDEX($D$3:$AA$30,INDEX(Jesper!$R$2:$R$366,ROW(INDEX(Jesper!AK$2:AK$366,ROUNDDOWN($C1904/24,0)+1,1))-1)+IF('Standard Profiles'!$G$21=$B$10,7,0)+IF('Standard Profiles'!$G$21=$B$17,14,0)+IF('Standard Profiles'!$G$21=$B$24,21,0),MOD($C1904,24)+1)/SUM(INDEX($D$3:$AA$30,INDEX(Jesper!$R$2:$R$366,ROW(INDEX(Jesper!AK$2:AK$366,ROUNDDOWN($C1904/24,0)+1,1))-1)+IF('Standard Profiles'!$G$21=$B$10,7,0)+IF('Standard Profiles'!$G$21=$B$17,14,0)+IF('Standard Profiles'!$G$21=$B$24,21,0),0)),0)</f>
        <v>4.223722887209731</v>
      </c>
      <c r="H1904" cm="1">
        <f t="array" ref="H1904">IFERROR(INDEX(Jesper!AL$2:AL$366,ROUNDDOWN($C1904/24,0)+1,1)*INDEX($D$3:$AA$30,INDEX(Jesper!$R$2:$R$366,ROW(INDEX(Jesper!AL$2:AL$366,ROUNDDOWN($C1904/24,0)+1,1))-1)+IF('Standard Profiles'!$G$22=$B$10,7,0)+IF('Standard Profiles'!$G$22=$B$17,14,0)+IF('Standard Profiles'!$G$22=$B$24,21,0),MOD($C1904,24)+1)/SUM(INDEX($D$3:$AA$30,INDEX(Jesper!$R$2:$R$366,ROW(INDEX(Jesper!AL$2:AL$366,ROUNDDOWN($C1904/24,0)+1,1))-1)+IF('Standard Profiles'!$G$22=$B$10,7,0)+IF('Standard Profiles'!$G$22=$B$17,14,0)+IF('Standard Profiles'!$G$22=$B$24,21,0),0)),0)</f>
        <v>1.6169046930932554</v>
      </c>
      <c r="I1904">
        <f t="shared" si="223"/>
        <v>1.5522285053695259</v>
      </c>
      <c r="J1904">
        <f t="shared" si="224"/>
        <v>10.97219816140222</v>
      </c>
      <c r="K1904">
        <f t="shared" si="225"/>
        <v>0.32776103748627561</v>
      </c>
      <c r="L1904">
        <f t="shared" si="226"/>
        <v>0.1638805187431378</v>
      </c>
      <c r="M1904">
        <f t="shared" si="227"/>
        <v>0</v>
      </c>
      <c r="N1904" s="45">
        <f t="shared" si="228"/>
        <v>45004.916666662131</v>
      </c>
    </row>
    <row r="1905" spans="2:14" x14ac:dyDescent="0.25">
      <c r="B1905">
        <f t="shared" si="222"/>
        <v>7</v>
      </c>
      <c r="C1905" s="16">
        <v>1871</v>
      </c>
      <c r="D1905" cm="1">
        <f t="array" ref="D1905">IFERROR(INDEX(Jesper!AH$2:AH$366,ROUNDDOWN($C1905/24,0)+1,1)*INDEX($D$3:$AA$30,INDEX(Jesper!$R$2:$R$366,ROW(INDEX(Jesper!AH$2:AH$366,ROUNDDOWN($C1905/24,0)+1,1))-1)+IF('Standard Profiles'!$G$18=$B$10,7,0)+IF('Standard Profiles'!$G$18=$B$17,14,0)+IF('Standard Profiles'!$G$18=$B$24,21,0),MOD($C1905,24)+1)/SUM(INDEX($D$3:$AA$30,INDEX(Jesper!$R$2:$R$366,ROW(INDEX(Jesper!AH$2:AH$366,ROUNDDOWN($C1905/24,0)+1,1))-1)+IF('Standard Profiles'!$G$18=$B$10,7,0)+IF('Standard Profiles'!$G$18=$B$17,14,0)+IF('Standard Profiles'!$G$18=$B$24,21,0),0)),0)</f>
        <v>0</v>
      </c>
      <c r="E1905" cm="1">
        <f t="array" ref="E1905">IFERROR(INDEX(Jesper!AI$2:AI$366,ROUNDDOWN($C1905/24,0)+1,1)*INDEX($D$3:$AA$30,INDEX(Jesper!$R$2:$R$366,ROW(INDEX(Jesper!AI$2:AI$366,ROUNDDOWN($C1905/24,0)+1,1))-1)+IF('Standard Profiles'!$G$19=$B$10,7,0)+IF('Standard Profiles'!$G$19=$B$17,14,0)+IF('Standard Profiles'!$G$19=$B$24,21,0),MOD($C1905,24)+1)/SUM(INDEX($D$3:$AA$30,INDEX(Jesper!$R$2:$R$366,ROW(INDEX(Jesper!AI$2:AI$366,ROUNDDOWN($C1905/24,0)+1,1))-1)+IF('Standard Profiles'!$G$19=$B$10,7,0)+IF('Standard Profiles'!$G$19=$B$17,14,0)+IF('Standard Profiles'!$G$19=$B$24,21,0),0)),0)</f>
        <v>4.0970129685784453</v>
      </c>
      <c r="F1905" cm="1">
        <f t="array" ref="F1905">IFERROR(INDEX(Jesper!AJ$2:AJ$366,ROUNDDOWN($C1905/24,0)+1,1)*INDEX($D$3:$AA$30,INDEX(Jesper!$R$2:$R$366,ROW(INDEX(Jesper!AJ$2:AJ$366,ROUNDDOWN($C1905/24,0)+1,1))-1)+IF('Standard Profiles'!$G$20=$B$10,7,0)+IF('Standard Profiles'!$G$20=$B$17,14,0)+IF('Standard Profiles'!$G$20=$B$24,21,0),MOD($C1905,24)+1)/SUM(INDEX($D$3:$AA$30,INDEX(Jesper!$R$2:$R$366,ROW(INDEX(Jesper!AJ$2:AJ$366,ROUNDDOWN($C1905/24,0)+1,1))-1)+IF('Standard Profiles'!$G$20=$B$10,7,0)+IF('Standard Profiles'!$G$20=$B$17,14,0)+IF('Standard Profiles'!$G$20=$B$24,21,0),0)),0)</f>
        <v>3.0784276741197281</v>
      </c>
      <c r="G1905" cm="1">
        <f t="array" ref="G1905">IFERROR(INDEX(Jesper!AK$2:AK$366,ROUNDDOWN($C1905/24,0)+1,1)*INDEX($D$3:$AA$30,INDEX(Jesper!$R$2:$R$366,ROW(INDEX(Jesper!AK$2:AK$366,ROUNDDOWN($C1905/24,0)+1,1))-1)+IF('Standard Profiles'!$G$21=$B$10,7,0)+IF('Standard Profiles'!$G$21=$B$17,14,0)+IF('Standard Profiles'!$G$21=$B$24,21,0),MOD($C1905,24)+1)/SUM(INDEX($D$3:$AA$30,INDEX(Jesper!$R$2:$R$366,ROW(INDEX(Jesper!AK$2:AK$366,ROUNDDOWN($C1905/24,0)+1,1))-1)+IF('Standard Profiles'!$G$21=$B$10,7,0)+IF('Standard Profiles'!$G$21=$B$17,14,0)+IF('Standard Profiles'!$G$21=$B$24,21,0),0)),0)</f>
        <v>4.223722887209731</v>
      </c>
      <c r="H1905" cm="1">
        <f t="array" ref="H1905">IFERROR(INDEX(Jesper!AL$2:AL$366,ROUNDDOWN($C1905/24,0)+1,1)*INDEX($D$3:$AA$30,INDEX(Jesper!$R$2:$R$366,ROW(INDEX(Jesper!AL$2:AL$366,ROUNDDOWN($C1905/24,0)+1,1))-1)+IF('Standard Profiles'!$G$22=$B$10,7,0)+IF('Standard Profiles'!$G$22=$B$17,14,0)+IF('Standard Profiles'!$G$22=$B$24,21,0),MOD($C1905,24)+1)/SUM(INDEX($D$3:$AA$30,INDEX(Jesper!$R$2:$R$366,ROW(INDEX(Jesper!AL$2:AL$366,ROUNDDOWN($C1905/24,0)+1,1))-1)+IF('Standard Profiles'!$G$22=$B$10,7,0)+IF('Standard Profiles'!$G$22=$B$17,14,0)+IF('Standard Profiles'!$G$22=$B$24,21,0),0)),0)</f>
        <v>1.6169046930932554</v>
      </c>
      <c r="I1905">
        <f t="shared" si="223"/>
        <v>1.5522285053695259</v>
      </c>
      <c r="J1905">
        <f t="shared" si="224"/>
        <v>10.97219816140222</v>
      </c>
      <c r="K1905">
        <f t="shared" si="225"/>
        <v>0.32776103748627561</v>
      </c>
      <c r="L1905">
        <f t="shared" si="226"/>
        <v>0.1638805187431378</v>
      </c>
      <c r="M1905">
        <f t="shared" si="227"/>
        <v>0</v>
      </c>
      <c r="N1905" s="45">
        <f t="shared" si="228"/>
        <v>45004.958333328796</v>
      </c>
    </row>
    <row r="1906" spans="2:14" x14ac:dyDescent="0.25">
      <c r="B1906">
        <f t="shared" si="222"/>
        <v>1</v>
      </c>
      <c r="C1906" s="16">
        <v>1872</v>
      </c>
      <c r="D1906" cm="1">
        <f t="array" ref="D1906">IFERROR(INDEX(Jesper!AH$2:AH$366,ROUNDDOWN($C1906/24,0)+1,1)*INDEX($D$3:$AA$30,INDEX(Jesper!$R$2:$R$366,ROW(INDEX(Jesper!AH$2:AH$366,ROUNDDOWN($C1906/24,0)+1,1))-1)+IF('Standard Profiles'!$G$18=$B$10,7,0)+IF('Standard Profiles'!$G$18=$B$17,14,0)+IF('Standard Profiles'!$G$18=$B$24,21,0),MOD($C1906,24)+1)/SUM(INDEX($D$3:$AA$30,INDEX(Jesper!$R$2:$R$366,ROW(INDEX(Jesper!AH$2:AH$366,ROUNDDOWN($C1906/24,0)+1,1))-1)+IF('Standard Profiles'!$G$18=$B$10,7,0)+IF('Standard Profiles'!$G$18=$B$17,14,0)+IF('Standard Profiles'!$G$18=$B$24,21,0),0)),0)</f>
        <v>5.5058103752448675</v>
      </c>
      <c r="E1906" cm="1">
        <f t="array" ref="E1906">IFERROR(INDEX(Jesper!AI$2:AI$366,ROUNDDOWN($C1906/24,0)+1,1)*INDEX($D$3:$AA$30,INDEX(Jesper!$R$2:$R$366,ROW(INDEX(Jesper!AI$2:AI$366,ROUNDDOWN($C1906/24,0)+1,1))-1)+IF('Standard Profiles'!$G$19=$B$10,7,0)+IF('Standard Profiles'!$G$19=$B$17,14,0)+IF('Standard Profiles'!$G$19=$B$24,21,0),MOD($C1906,24)+1)/SUM(INDEX($D$3:$AA$30,INDEX(Jesper!$R$2:$R$366,ROW(INDEX(Jesper!AI$2:AI$366,ROUNDDOWN($C1906/24,0)+1,1))-1)+IF('Standard Profiles'!$G$19=$B$10,7,0)+IF('Standard Profiles'!$G$19=$B$17,14,0)+IF('Standard Profiles'!$G$19=$B$24,21,0),0)),0)</f>
        <v>4.0410371751250098</v>
      </c>
      <c r="F1906" cm="1">
        <f t="array" ref="F1906">IFERROR(INDEX(Jesper!AJ$2:AJ$366,ROUNDDOWN($C1906/24,0)+1,1)*INDEX($D$3:$AA$30,INDEX(Jesper!$R$2:$R$366,ROW(INDEX(Jesper!AJ$2:AJ$366,ROUNDDOWN($C1906/24,0)+1,1))-1)+IF('Standard Profiles'!$G$20=$B$10,7,0)+IF('Standard Profiles'!$G$20=$B$17,14,0)+IF('Standard Profiles'!$G$20=$B$24,21,0),MOD($C1906,24)+1)/SUM(INDEX($D$3:$AA$30,INDEX(Jesper!$R$2:$R$366,ROW(INDEX(Jesper!AJ$2:AJ$366,ROUNDDOWN($C1906/24,0)+1,1))-1)+IF('Standard Profiles'!$G$20=$B$10,7,0)+IF('Standard Profiles'!$G$20=$B$17,14,0)+IF('Standard Profiles'!$G$20=$B$24,21,0),0)),0)</f>
        <v>0</v>
      </c>
      <c r="G1906" cm="1">
        <f t="array" ref="G1906">IFERROR(INDEX(Jesper!AK$2:AK$366,ROUNDDOWN($C1906/24,0)+1,1)*INDEX($D$3:$AA$30,INDEX(Jesper!$R$2:$R$366,ROW(INDEX(Jesper!AK$2:AK$366,ROUNDDOWN($C1906/24,0)+1,1))-1)+IF('Standard Profiles'!$G$21=$B$10,7,0)+IF('Standard Profiles'!$G$21=$B$17,14,0)+IF('Standard Profiles'!$G$21=$B$24,21,0),MOD($C1906,24)+1)/SUM(INDEX($D$3:$AA$30,INDEX(Jesper!$R$2:$R$366,ROW(INDEX(Jesper!AK$2:AK$366,ROUNDDOWN($C1906/24,0)+1,1))-1)+IF('Standard Profiles'!$G$21=$B$10,7,0)+IF('Standard Profiles'!$G$21=$B$17,14,0)+IF('Standard Profiles'!$G$21=$B$24,21,0),0)),0)</f>
        <v>0.81378217454463664</v>
      </c>
      <c r="H1906" cm="1">
        <f t="array" ref="H1906">IFERROR(INDEX(Jesper!AL$2:AL$366,ROUNDDOWN($C1906/24,0)+1,1)*INDEX($D$3:$AA$30,INDEX(Jesper!$R$2:$R$366,ROW(INDEX(Jesper!AL$2:AL$366,ROUNDDOWN($C1906/24,0)+1,1))-1)+IF('Standard Profiles'!$G$22=$B$10,7,0)+IF('Standard Profiles'!$G$22=$B$17,14,0)+IF('Standard Profiles'!$G$22=$B$24,21,0),MOD($C1906,24)+1)/SUM(INDEX($D$3:$AA$30,INDEX(Jesper!$R$2:$R$366,ROW(INDEX(Jesper!AL$2:AL$366,ROUNDDOWN($C1906/24,0)+1,1))-1)+IF('Standard Profiles'!$G$22=$B$10,7,0)+IF('Standard Profiles'!$G$22=$B$17,14,0)+IF('Standard Profiles'!$G$22=$B$24,21,0),0)),0)</f>
        <v>0</v>
      </c>
      <c r="I1906">
        <f t="shared" si="223"/>
        <v>0.39061544378142538</v>
      </c>
      <c r="J1906">
        <f t="shared" si="224"/>
        <v>9.0890846210939102</v>
      </c>
      <c r="K1906">
        <f t="shared" si="225"/>
        <v>0.58728644002611918</v>
      </c>
      <c r="L1906">
        <f t="shared" si="226"/>
        <v>0.29364322001305959</v>
      </c>
      <c r="M1906">
        <f t="shared" si="227"/>
        <v>0</v>
      </c>
      <c r="N1906" s="45">
        <f t="shared" si="228"/>
        <v>45004.99999999546</v>
      </c>
    </row>
    <row r="1907" spans="2:14" x14ac:dyDescent="0.25">
      <c r="B1907">
        <f t="shared" si="222"/>
        <v>1</v>
      </c>
      <c r="C1907" s="16">
        <v>1873</v>
      </c>
      <c r="D1907" cm="1">
        <f t="array" ref="D1907">IFERROR(INDEX(Jesper!AH$2:AH$366,ROUNDDOWN($C1907/24,0)+1,1)*INDEX($D$3:$AA$30,INDEX(Jesper!$R$2:$R$366,ROW(INDEX(Jesper!AH$2:AH$366,ROUNDDOWN($C1907/24,0)+1,1))-1)+IF('Standard Profiles'!$G$18=$B$10,7,0)+IF('Standard Profiles'!$G$18=$B$17,14,0)+IF('Standard Profiles'!$G$18=$B$24,21,0),MOD($C1907,24)+1)/SUM(INDEX($D$3:$AA$30,INDEX(Jesper!$R$2:$R$366,ROW(INDEX(Jesper!AH$2:AH$366,ROUNDDOWN($C1907/24,0)+1,1))-1)+IF('Standard Profiles'!$G$18=$B$10,7,0)+IF('Standard Profiles'!$G$18=$B$17,14,0)+IF('Standard Profiles'!$G$18=$B$24,21,0),0)),0)</f>
        <v>5.5058103752448675</v>
      </c>
      <c r="E1907" cm="1">
        <f t="array" ref="E1907">IFERROR(INDEX(Jesper!AI$2:AI$366,ROUNDDOWN($C1907/24,0)+1,1)*INDEX($D$3:$AA$30,INDEX(Jesper!$R$2:$R$366,ROW(INDEX(Jesper!AI$2:AI$366,ROUNDDOWN($C1907/24,0)+1,1))-1)+IF('Standard Profiles'!$G$19=$B$10,7,0)+IF('Standard Profiles'!$G$19=$B$17,14,0)+IF('Standard Profiles'!$G$19=$B$24,21,0),MOD($C1907,24)+1)/SUM(INDEX($D$3:$AA$30,INDEX(Jesper!$R$2:$R$366,ROW(INDEX(Jesper!AI$2:AI$366,ROUNDDOWN($C1907/24,0)+1,1))-1)+IF('Standard Profiles'!$G$19=$B$10,7,0)+IF('Standard Profiles'!$G$19=$B$17,14,0)+IF('Standard Profiles'!$G$19=$B$24,21,0),0)),0)</f>
        <v>4.0410371751250098</v>
      </c>
      <c r="F1907" cm="1">
        <f t="array" ref="F1907">IFERROR(INDEX(Jesper!AJ$2:AJ$366,ROUNDDOWN($C1907/24,0)+1,1)*INDEX($D$3:$AA$30,INDEX(Jesper!$R$2:$R$366,ROW(INDEX(Jesper!AJ$2:AJ$366,ROUNDDOWN($C1907/24,0)+1,1))-1)+IF('Standard Profiles'!$G$20=$B$10,7,0)+IF('Standard Profiles'!$G$20=$B$17,14,0)+IF('Standard Profiles'!$G$20=$B$24,21,0),MOD($C1907,24)+1)/SUM(INDEX($D$3:$AA$30,INDEX(Jesper!$R$2:$R$366,ROW(INDEX(Jesper!AJ$2:AJ$366,ROUNDDOWN($C1907/24,0)+1,1))-1)+IF('Standard Profiles'!$G$20=$B$10,7,0)+IF('Standard Profiles'!$G$20=$B$17,14,0)+IF('Standard Profiles'!$G$20=$B$24,21,0),0)),0)</f>
        <v>0</v>
      </c>
      <c r="G1907" cm="1">
        <f t="array" ref="G1907">IFERROR(INDEX(Jesper!AK$2:AK$366,ROUNDDOWN($C1907/24,0)+1,1)*INDEX($D$3:$AA$30,INDEX(Jesper!$R$2:$R$366,ROW(INDEX(Jesper!AK$2:AK$366,ROUNDDOWN($C1907/24,0)+1,1))-1)+IF('Standard Profiles'!$G$21=$B$10,7,0)+IF('Standard Profiles'!$G$21=$B$17,14,0)+IF('Standard Profiles'!$G$21=$B$24,21,0),MOD($C1907,24)+1)/SUM(INDEX($D$3:$AA$30,INDEX(Jesper!$R$2:$R$366,ROW(INDEX(Jesper!AK$2:AK$366,ROUNDDOWN($C1907/24,0)+1,1))-1)+IF('Standard Profiles'!$G$21=$B$10,7,0)+IF('Standard Profiles'!$G$21=$B$17,14,0)+IF('Standard Profiles'!$G$21=$B$24,21,0),0)),0)</f>
        <v>0.81378217454463664</v>
      </c>
      <c r="H1907" cm="1">
        <f t="array" ref="H1907">IFERROR(INDEX(Jesper!AL$2:AL$366,ROUNDDOWN($C1907/24,0)+1,1)*INDEX($D$3:$AA$30,INDEX(Jesper!$R$2:$R$366,ROW(INDEX(Jesper!AL$2:AL$366,ROUNDDOWN($C1907/24,0)+1,1))-1)+IF('Standard Profiles'!$G$22=$B$10,7,0)+IF('Standard Profiles'!$G$22=$B$17,14,0)+IF('Standard Profiles'!$G$22=$B$24,21,0),MOD($C1907,24)+1)/SUM(INDEX($D$3:$AA$30,INDEX(Jesper!$R$2:$R$366,ROW(INDEX(Jesper!AL$2:AL$366,ROUNDDOWN($C1907/24,0)+1,1))-1)+IF('Standard Profiles'!$G$22=$B$10,7,0)+IF('Standard Profiles'!$G$22=$B$17,14,0)+IF('Standard Profiles'!$G$22=$B$24,21,0),0)),0)</f>
        <v>0</v>
      </c>
      <c r="I1907">
        <f t="shared" si="223"/>
        <v>0.39061544378142538</v>
      </c>
      <c r="J1907">
        <f t="shared" si="224"/>
        <v>9.0890846210939102</v>
      </c>
      <c r="K1907">
        <f t="shared" si="225"/>
        <v>0.58728644002611918</v>
      </c>
      <c r="L1907">
        <f t="shared" si="226"/>
        <v>0.29364322001305959</v>
      </c>
      <c r="M1907">
        <f t="shared" si="227"/>
        <v>0</v>
      </c>
      <c r="N1907" s="45">
        <f t="shared" si="228"/>
        <v>45005.041666662124</v>
      </c>
    </row>
    <row r="1908" spans="2:14" x14ac:dyDescent="0.25">
      <c r="B1908">
        <f t="shared" si="222"/>
        <v>1</v>
      </c>
      <c r="C1908" s="16">
        <v>1874</v>
      </c>
      <c r="D1908" cm="1">
        <f t="array" ref="D1908">IFERROR(INDEX(Jesper!AH$2:AH$366,ROUNDDOWN($C1908/24,0)+1,1)*INDEX($D$3:$AA$30,INDEX(Jesper!$R$2:$R$366,ROW(INDEX(Jesper!AH$2:AH$366,ROUNDDOWN($C1908/24,0)+1,1))-1)+IF('Standard Profiles'!$G$18=$B$10,7,0)+IF('Standard Profiles'!$G$18=$B$17,14,0)+IF('Standard Profiles'!$G$18=$B$24,21,0),MOD($C1908,24)+1)/SUM(INDEX($D$3:$AA$30,INDEX(Jesper!$R$2:$R$366,ROW(INDEX(Jesper!AH$2:AH$366,ROUNDDOWN($C1908/24,0)+1,1))-1)+IF('Standard Profiles'!$G$18=$B$10,7,0)+IF('Standard Profiles'!$G$18=$B$17,14,0)+IF('Standard Profiles'!$G$18=$B$24,21,0),0)),0)</f>
        <v>5.5058103752448675</v>
      </c>
      <c r="E1908" cm="1">
        <f t="array" ref="E1908">IFERROR(INDEX(Jesper!AI$2:AI$366,ROUNDDOWN($C1908/24,0)+1,1)*INDEX($D$3:$AA$30,INDEX(Jesper!$R$2:$R$366,ROW(INDEX(Jesper!AI$2:AI$366,ROUNDDOWN($C1908/24,0)+1,1))-1)+IF('Standard Profiles'!$G$19=$B$10,7,0)+IF('Standard Profiles'!$G$19=$B$17,14,0)+IF('Standard Profiles'!$G$19=$B$24,21,0),MOD($C1908,24)+1)/SUM(INDEX($D$3:$AA$30,INDEX(Jesper!$R$2:$R$366,ROW(INDEX(Jesper!AI$2:AI$366,ROUNDDOWN($C1908/24,0)+1,1))-1)+IF('Standard Profiles'!$G$19=$B$10,7,0)+IF('Standard Profiles'!$G$19=$B$17,14,0)+IF('Standard Profiles'!$G$19=$B$24,21,0),0)),0)</f>
        <v>4.0410371751250098</v>
      </c>
      <c r="F1908" cm="1">
        <f t="array" ref="F1908">IFERROR(INDEX(Jesper!AJ$2:AJ$366,ROUNDDOWN($C1908/24,0)+1,1)*INDEX($D$3:$AA$30,INDEX(Jesper!$R$2:$R$366,ROW(INDEX(Jesper!AJ$2:AJ$366,ROUNDDOWN($C1908/24,0)+1,1))-1)+IF('Standard Profiles'!$G$20=$B$10,7,0)+IF('Standard Profiles'!$G$20=$B$17,14,0)+IF('Standard Profiles'!$G$20=$B$24,21,0),MOD($C1908,24)+1)/SUM(INDEX($D$3:$AA$30,INDEX(Jesper!$R$2:$R$366,ROW(INDEX(Jesper!AJ$2:AJ$366,ROUNDDOWN($C1908/24,0)+1,1))-1)+IF('Standard Profiles'!$G$20=$B$10,7,0)+IF('Standard Profiles'!$G$20=$B$17,14,0)+IF('Standard Profiles'!$G$20=$B$24,21,0),0)),0)</f>
        <v>0</v>
      </c>
      <c r="G1908" cm="1">
        <f t="array" ref="G1908">IFERROR(INDEX(Jesper!AK$2:AK$366,ROUNDDOWN($C1908/24,0)+1,1)*INDEX($D$3:$AA$30,INDEX(Jesper!$R$2:$R$366,ROW(INDEX(Jesper!AK$2:AK$366,ROUNDDOWN($C1908/24,0)+1,1))-1)+IF('Standard Profiles'!$G$21=$B$10,7,0)+IF('Standard Profiles'!$G$21=$B$17,14,0)+IF('Standard Profiles'!$G$21=$B$24,21,0),MOD($C1908,24)+1)/SUM(INDEX($D$3:$AA$30,INDEX(Jesper!$R$2:$R$366,ROW(INDEX(Jesper!AK$2:AK$366,ROUNDDOWN($C1908/24,0)+1,1))-1)+IF('Standard Profiles'!$G$21=$B$10,7,0)+IF('Standard Profiles'!$G$21=$B$17,14,0)+IF('Standard Profiles'!$G$21=$B$24,21,0),0)),0)</f>
        <v>0.81378217454463664</v>
      </c>
      <c r="H1908" cm="1">
        <f t="array" ref="H1908">IFERROR(INDEX(Jesper!AL$2:AL$366,ROUNDDOWN($C1908/24,0)+1,1)*INDEX($D$3:$AA$30,INDEX(Jesper!$R$2:$R$366,ROW(INDEX(Jesper!AL$2:AL$366,ROUNDDOWN($C1908/24,0)+1,1))-1)+IF('Standard Profiles'!$G$22=$B$10,7,0)+IF('Standard Profiles'!$G$22=$B$17,14,0)+IF('Standard Profiles'!$G$22=$B$24,21,0),MOD($C1908,24)+1)/SUM(INDEX($D$3:$AA$30,INDEX(Jesper!$R$2:$R$366,ROW(INDEX(Jesper!AL$2:AL$366,ROUNDDOWN($C1908/24,0)+1,1))-1)+IF('Standard Profiles'!$G$22=$B$10,7,0)+IF('Standard Profiles'!$G$22=$B$17,14,0)+IF('Standard Profiles'!$G$22=$B$24,21,0),0)),0)</f>
        <v>0</v>
      </c>
      <c r="I1908">
        <f t="shared" si="223"/>
        <v>0.39061544378142538</v>
      </c>
      <c r="J1908">
        <f t="shared" si="224"/>
        <v>9.0890846210939102</v>
      </c>
      <c r="K1908">
        <f t="shared" si="225"/>
        <v>0.58728644002611918</v>
      </c>
      <c r="L1908">
        <f t="shared" si="226"/>
        <v>0.29364322001305959</v>
      </c>
      <c r="M1908">
        <f t="shared" si="227"/>
        <v>0</v>
      </c>
      <c r="N1908" s="45">
        <f t="shared" si="228"/>
        <v>45005.083333328788</v>
      </c>
    </row>
    <row r="1909" spans="2:14" x14ac:dyDescent="0.25">
      <c r="B1909">
        <f t="shared" si="222"/>
        <v>1</v>
      </c>
      <c r="C1909" s="16">
        <v>1875</v>
      </c>
      <c r="D1909" cm="1">
        <f t="array" ref="D1909">IFERROR(INDEX(Jesper!AH$2:AH$366,ROUNDDOWN($C1909/24,0)+1,1)*INDEX($D$3:$AA$30,INDEX(Jesper!$R$2:$R$366,ROW(INDEX(Jesper!AH$2:AH$366,ROUNDDOWN($C1909/24,0)+1,1))-1)+IF('Standard Profiles'!$G$18=$B$10,7,0)+IF('Standard Profiles'!$G$18=$B$17,14,0)+IF('Standard Profiles'!$G$18=$B$24,21,0),MOD($C1909,24)+1)/SUM(INDEX($D$3:$AA$30,INDEX(Jesper!$R$2:$R$366,ROW(INDEX(Jesper!AH$2:AH$366,ROUNDDOWN($C1909/24,0)+1,1))-1)+IF('Standard Profiles'!$G$18=$B$10,7,0)+IF('Standard Profiles'!$G$18=$B$17,14,0)+IF('Standard Profiles'!$G$18=$B$24,21,0),0)),0)</f>
        <v>5.5058103752448675</v>
      </c>
      <c r="E1909" cm="1">
        <f t="array" ref="E1909">IFERROR(INDEX(Jesper!AI$2:AI$366,ROUNDDOWN($C1909/24,0)+1,1)*INDEX($D$3:$AA$30,INDEX(Jesper!$R$2:$R$366,ROW(INDEX(Jesper!AI$2:AI$366,ROUNDDOWN($C1909/24,0)+1,1))-1)+IF('Standard Profiles'!$G$19=$B$10,7,0)+IF('Standard Profiles'!$G$19=$B$17,14,0)+IF('Standard Profiles'!$G$19=$B$24,21,0),MOD($C1909,24)+1)/SUM(INDEX($D$3:$AA$30,INDEX(Jesper!$R$2:$R$366,ROW(INDEX(Jesper!AI$2:AI$366,ROUNDDOWN($C1909/24,0)+1,1))-1)+IF('Standard Profiles'!$G$19=$B$10,7,0)+IF('Standard Profiles'!$G$19=$B$17,14,0)+IF('Standard Profiles'!$G$19=$B$24,21,0),0)),0)</f>
        <v>4.0410371751250098</v>
      </c>
      <c r="F1909" cm="1">
        <f t="array" ref="F1909">IFERROR(INDEX(Jesper!AJ$2:AJ$366,ROUNDDOWN($C1909/24,0)+1,1)*INDEX($D$3:$AA$30,INDEX(Jesper!$R$2:$R$366,ROW(INDEX(Jesper!AJ$2:AJ$366,ROUNDDOWN($C1909/24,0)+1,1))-1)+IF('Standard Profiles'!$G$20=$B$10,7,0)+IF('Standard Profiles'!$G$20=$B$17,14,0)+IF('Standard Profiles'!$G$20=$B$24,21,0),MOD($C1909,24)+1)/SUM(INDEX($D$3:$AA$30,INDEX(Jesper!$R$2:$R$366,ROW(INDEX(Jesper!AJ$2:AJ$366,ROUNDDOWN($C1909/24,0)+1,1))-1)+IF('Standard Profiles'!$G$20=$B$10,7,0)+IF('Standard Profiles'!$G$20=$B$17,14,0)+IF('Standard Profiles'!$G$20=$B$24,21,0),0)),0)</f>
        <v>0</v>
      </c>
      <c r="G1909" cm="1">
        <f t="array" ref="G1909">IFERROR(INDEX(Jesper!AK$2:AK$366,ROUNDDOWN($C1909/24,0)+1,1)*INDEX($D$3:$AA$30,INDEX(Jesper!$R$2:$R$366,ROW(INDEX(Jesper!AK$2:AK$366,ROUNDDOWN($C1909/24,0)+1,1))-1)+IF('Standard Profiles'!$G$21=$B$10,7,0)+IF('Standard Profiles'!$G$21=$B$17,14,0)+IF('Standard Profiles'!$G$21=$B$24,21,0),MOD($C1909,24)+1)/SUM(INDEX($D$3:$AA$30,INDEX(Jesper!$R$2:$R$366,ROW(INDEX(Jesper!AK$2:AK$366,ROUNDDOWN($C1909/24,0)+1,1))-1)+IF('Standard Profiles'!$G$21=$B$10,7,0)+IF('Standard Profiles'!$G$21=$B$17,14,0)+IF('Standard Profiles'!$G$21=$B$24,21,0),0)),0)</f>
        <v>0.81378217454463664</v>
      </c>
      <c r="H1909" cm="1">
        <f t="array" ref="H1909">IFERROR(INDEX(Jesper!AL$2:AL$366,ROUNDDOWN($C1909/24,0)+1,1)*INDEX($D$3:$AA$30,INDEX(Jesper!$R$2:$R$366,ROW(INDEX(Jesper!AL$2:AL$366,ROUNDDOWN($C1909/24,0)+1,1))-1)+IF('Standard Profiles'!$G$22=$B$10,7,0)+IF('Standard Profiles'!$G$22=$B$17,14,0)+IF('Standard Profiles'!$G$22=$B$24,21,0),MOD($C1909,24)+1)/SUM(INDEX($D$3:$AA$30,INDEX(Jesper!$R$2:$R$366,ROW(INDEX(Jesper!AL$2:AL$366,ROUNDDOWN($C1909/24,0)+1,1))-1)+IF('Standard Profiles'!$G$22=$B$10,7,0)+IF('Standard Profiles'!$G$22=$B$17,14,0)+IF('Standard Profiles'!$G$22=$B$24,21,0),0)),0)</f>
        <v>0</v>
      </c>
      <c r="I1909">
        <f t="shared" si="223"/>
        <v>0.39061544378142538</v>
      </c>
      <c r="J1909">
        <f t="shared" si="224"/>
        <v>9.0890846210939102</v>
      </c>
      <c r="K1909">
        <f t="shared" si="225"/>
        <v>0.58728644002611918</v>
      </c>
      <c r="L1909">
        <f t="shared" si="226"/>
        <v>0.29364322001305959</v>
      </c>
      <c r="M1909">
        <f t="shared" si="227"/>
        <v>0</v>
      </c>
      <c r="N1909" s="45">
        <f t="shared" si="228"/>
        <v>45005.124999995453</v>
      </c>
    </row>
    <row r="1910" spans="2:14" x14ac:dyDescent="0.25">
      <c r="B1910">
        <f t="shared" si="222"/>
        <v>1</v>
      </c>
      <c r="C1910" s="16">
        <v>1876</v>
      </c>
      <c r="D1910" cm="1">
        <f t="array" ref="D1910">IFERROR(INDEX(Jesper!AH$2:AH$366,ROUNDDOWN($C1910/24,0)+1,1)*INDEX($D$3:$AA$30,INDEX(Jesper!$R$2:$R$366,ROW(INDEX(Jesper!AH$2:AH$366,ROUNDDOWN($C1910/24,0)+1,1))-1)+IF('Standard Profiles'!$G$18=$B$10,7,0)+IF('Standard Profiles'!$G$18=$B$17,14,0)+IF('Standard Profiles'!$G$18=$B$24,21,0),MOD($C1910,24)+1)/SUM(INDEX($D$3:$AA$30,INDEX(Jesper!$R$2:$R$366,ROW(INDEX(Jesper!AH$2:AH$366,ROUNDDOWN($C1910/24,0)+1,1))-1)+IF('Standard Profiles'!$G$18=$B$10,7,0)+IF('Standard Profiles'!$G$18=$B$17,14,0)+IF('Standard Profiles'!$G$18=$B$24,21,0),0)),0)</f>
        <v>5.5058103752448675</v>
      </c>
      <c r="E1910" cm="1">
        <f t="array" ref="E1910">IFERROR(INDEX(Jesper!AI$2:AI$366,ROUNDDOWN($C1910/24,0)+1,1)*INDEX($D$3:$AA$30,INDEX(Jesper!$R$2:$R$366,ROW(INDEX(Jesper!AI$2:AI$366,ROUNDDOWN($C1910/24,0)+1,1))-1)+IF('Standard Profiles'!$G$19=$B$10,7,0)+IF('Standard Profiles'!$G$19=$B$17,14,0)+IF('Standard Profiles'!$G$19=$B$24,21,0),MOD($C1910,24)+1)/SUM(INDEX($D$3:$AA$30,INDEX(Jesper!$R$2:$R$366,ROW(INDEX(Jesper!AI$2:AI$366,ROUNDDOWN($C1910/24,0)+1,1))-1)+IF('Standard Profiles'!$G$19=$B$10,7,0)+IF('Standard Profiles'!$G$19=$B$17,14,0)+IF('Standard Profiles'!$G$19=$B$24,21,0),0)),0)</f>
        <v>4.0410371751250098</v>
      </c>
      <c r="F1910" cm="1">
        <f t="array" ref="F1910">IFERROR(INDEX(Jesper!AJ$2:AJ$366,ROUNDDOWN($C1910/24,0)+1,1)*INDEX($D$3:$AA$30,INDEX(Jesper!$R$2:$R$366,ROW(INDEX(Jesper!AJ$2:AJ$366,ROUNDDOWN($C1910/24,0)+1,1))-1)+IF('Standard Profiles'!$G$20=$B$10,7,0)+IF('Standard Profiles'!$G$20=$B$17,14,0)+IF('Standard Profiles'!$G$20=$B$24,21,0),MOD($C1910,24)+1)/SUM(INDEX($D$3:$AA$30,INDEX(Jesper!$R$2:$R$366,ROW(INDEX(Jesper!AJ$2:AJ$366,ROUNDDOWN($C1910/24,0)+1,1))-1)+IF('Standard Profiles'!$G$20=$B$10,7,0)+IF('Standard Profiles'!$G$20=$B$17,14,0)+IF('Standard Profiles'!$G$20=$B$24,21,0),0)),0)</f>
        <v>0</v>
      </c>
      <c r="G1910" cm="1">
        <f t="array" ref="G1910">IFERROR(INDEX(Jesper!AK$2:AK$366,ROUNDDOWN($C1910/24,0)+1,1)*INDEX($D$3:$AA$30,INDEX(Jesper!$R$2:$R$366,ROW(INDEX(Jesper!AK$2:AK$366,ROUNDDOWN($C1910/24,0)+1,1))-1)+IF('Standard Profiles'!$G$21=$B$10,7,0)+IF('Standard Profiles'!$G$21=$B$17,14,0)+IF('Standard Profiles'!$G$21=$B$24,21,0),MOD($C1910,24)+1)/SUM(INDEX($D$3:$AA$30,INDEX(Jesper!$R$2:$R$366,ROW(INDEX(Jesper!AK$2:AK$366,ROUNDDOWN($C1910/24,0)+1,1))-1)+IF('Standard Profiles'!$G$21=$B$10,7,0)+IF('Standard Profiles'!$G$21=$B$17,14,0)+IF('Standard Profiles'!$G$21=$B$24,21,0),0)),0)</f>
        <v>0.81378217454463664</v>
      </c>
      <c r="H1910" cm="1">
        <f t="array" ref="H1910">IFERROR(INDEX(Jesper!AL$2:AL$366,ROUNDDOWN($C1910/24,0)+1,1)*INDEX($D$3:$AA$30,INDEX(Jesper!$R$2:$R$366,ROW(INDEX(Jesper!AL$2:AL$366,ROUNDDOWN($C1910/24,0)+1,1))-1)+IF('Standard Profiles'!$G$22=$B$10,7,0)+IF('Standard Profiles'!$G$22=$B$17,14,0)+IF('Standard Profiles'!$G$22=$B$24,21,0),MOD($C1910,24)+1)/SUM(INDEX($D$3:$AA$30,INDEX(Jesper!$R$2:$R$366,ROW(INDEX(Jesper!AL$2:AL$366,ROUNDDOWN($C1910/24,0)+1,1))-1)+IF('Standard Profiles'!$G$22=$B$10,7,0)+IF('Standard Profiles'!$G$22=$B$17,14,0)+IF('Standard Profiles'!$G$22=$B$24,21,0),0)),0)</f>
        <v>0</v>
      </c>
      <c r="I1910">
        <f t="shared" si="223"/>
        <v>0.39061544378142538</v>
      </c>
      <c r="J1910">
        <f t="shared" si="224"/>
        <v>9.0890846210939102</v>
      </c>
      <c r="K1910">
        <f t="shared" si="225"/>
        <v>0.58728644002611918</v>
      </c>
      <c r="L1910">
        <f t="shared" si="226"/>
        <v>0.29364322001305959</v>
      </c>
      <c r="M1910">
        <f t="shared" si="227"/>
        <v>0</v>
      </c>
      <c r="N1910" s="45">
        <f t="shared" si="228"/>
        <v>45005.166666662117</v>
      </c>
    </row>
    <row r="1911" spans="2:14" x14ac:dyDescent="0.25">
      <c r="B1911">
        <f t="shared" si="222"/>
        <v>1</v>
      </c>
      <c r="C1911" s="16">
        <v>1877</v>
      </c>
      <c r="D1911" cm="1">
        <f t="array" ref="D1911">IFERROR(INDEX(Jesper!AH$2:AH$366,ROUNDDOWN($C1911/24,0)+1,1)*INDEX($D$3:$AA$30,INDEX(Jesper!$R$2:$R$366,ROW(INDEX(Jesper!AH$2:AH$366,ROUNDDOWN($C1911/24,0)+1,1))-1)+IF('Standard Profiles'!$G$18=$B$10,7,0)+IF('Standard Profiles'!$G$18=$B$17,14,0)+IF('Standard Profiles'!$G$18=$B$24,21,0),MOD($C1911,24)+1)/SUM(INDEX($D$3:$AA$30,INDEX(Jesper!$R$2:$R$366,ROW(INDEX(Jesper!AH$2:AH$366,ROUNDDOWN($C1911/24,0)+1,1))-1)+IF('Standard Profiles'!$G$18=$B$10,7,0)+IF('Standard Profiles'!$G$18=$B$17,14,0)+IF('Standard Profiles'!$G$18=$B$24,21,0),0)),0)</f>
        <v>5.5058103752448675</v>
      </c>
      <c r="E1911" cm="1">
        <f t="array" ref="E1911">IFERROR(INDEX(Jesper!AI$2:AI$366,ROUNDDOWN($C1911/24,0)+1,1)*INDEX($D$3:$AA$30,INDEX(Jesper!$R$2:$R$366,ROW(INDEX(Jesper!AI$2:AI$366,ROUNDDOWN($C1911/24,0)+1,1))-1)+IF('Standard Profiles'!$G$19=$B$10,7,0)+IF('Standard Profiles'!$G$19=$B$17,14,0)+IF('Standard Profiles'!$G$19=$B$24,21,0),MOD($C1911,24)+1)/SUM(INDEX($D$3:$AA$30,INDEX(Jesper!$R$2:$R$366,ROW(INDEX(Jesper!AI$2:AI$366,ROUNDDOWN($C1911/24,0)+1,1))-1)+IF('Standard Profiles'!$G$19=$B$10,7,0)+IF('Standard Profiles'!$G$19=$B$17,14,0)+IF('Standard Profiles'!$G$19=$B$24,21,0),0)),0)</f>
        <v>4.0410371751250098</v>
      </c>
      <c r="F1911" cm="1">
        <f t="array" ref="F1911">IFERROR(INDEX(Jesper!AJ$2:AJ$366,ROUNDDOWN($C1911/24,0)+1,1)*INDEX($D$3:$AA$30,INDEX(Jesper!$R$2:$R$366,ROW(INDEX(Jesper!AJ$2:AJ$366,ROUNDDOWN($C1911/24,0)+1,1))-1)+IF('Standard Profiles'!$G$20=$B$10,7,0)+IF('Standard Profiles'!$G$20=$B$17,14,0)+IF('Standard Profiles'!$G$20=$B$24,21,0),MOD($C1911,24)+1)/SUM(INDEX($D$3:$AA$30,INDEX(Jesper!$R$2:$R$366,ROW(INDEX(Jesper!AJ$2:AJ$366,ROUNDDOWN($C1911/24,0)+1,1))-1)+IF('Standard Profiles'!$G$20=$B$10,7,0)+IF('Standard Profiles'!$G$20=$B$17,14,0)+IF('Standard Profiles'!$G$20=$B$24,21,0),0)),0)</f>
        <v>0</v>
      </c>
      <c r="G1911" cm="1">
        <f t="array" ref="G1911">IFERROR(INDEX(Jesper!AK$2:AK$366,ROUNDDOWN($C1911/24,0)+1,1)*INDEX($D$3:$AA$30,INDEX(Jesper!$R$2:$R$366,ROW(INDEX(Jesper!AK$2:AK$366,ROUNDDOWN($C1911/24,0)+1,1))-1)+IF('Standard Profiles'!$G$21=$B$10,7,0)+IF('Standard Profiles'!$G$21=$B$17,14,0)+IF('Standard Profiles'!$G$21=$B$24,21,0),MOD($C1911,24)+1)/SUM(INDEX($D$3:$AA$30,INDEX(Jesper!$R$2:$R$366,ROW(INDEX(Jesper!AK$2:AK$366,ROUNDDOWN($C1911/24,0)+1,1))-1)+IF('Standard Profiles'!$G$21=$B$10,7,0)+IF('Standard Profiles'!$G$21=$B$17,14,0)+IF('Standard Profiles'!$G$21=$B$24,21,0),0)),0)</f>
        <v>0.81378217454463664</v>
      </c>
      <c r="H1911" cm="1">
        <f t="array" ref="H1911">IFERROR(INDEX(Jesper!AL$2:AL$366,ROUNDDOWN($C1911/24,0)+1,1)*INDEX($D$3:$AA$30,INDEX(Jesper!$R$2:$R$366,ROW(INDEX(Jesper!AL$2:AL$366,ROUNDDOWN($C1911/24,0)+1,1))-1)+IF('Standard Profiles'!$G$22=$B$10,7,0)+IF('Standard Profiles'!$G$22=$B$17,14,0)+IF('Standard Profiles'!$G$22=$B$24,21,0),MOD($C1911,24)+1)/SUM(INDEX($D$3:$AA$30,INDEX(Jesper!$R$2:$R$366,ROW(INDEX(Jesper!AL$2:AL$366,ROUNDDOWN($C1911/24,0)+1,1))-1)+IF('Standard Profiles'!$G$22=$B$10,7,0)+IF('Standard Profiles'!$G$22=$B$17,14,0)+IF('Standard Profiles'!$G$22=$B$24,21,0),0)),0)</f>
        <v>0</v>
      </c>
      <c r="I1911">
        <f t="shared" si="223"/>
        <v>0.39061544378142538</v>
      </c>
      <c r="J1911">
        <f t="shared" si="224"/>
        <v>9.0890846210939102</v>
      </c>
      <c r="K1911">
        <f t="shared" si="225"/>
        <v>0.58728644002611918</v>
      </c>
      <c r="L1911">
        <f t="shared" si="226"/>
        <v>0.29364322001305959</v>
      </c>
      <c r="M1911">
        <f t="shared" si="227"/>
        <v>0</v>
      </c>
      <c r="N1911" s="45">
        <f t="shared" si="228"/>
        <v>45005.208333328781</v>
      </c>
    </row>
    <row r="1912" spans="2:14" x14ac:dyDescent="0.25">
      <c r="B1912">
        <f t="shared" si="222"/>
        <v>1</v>
      </c>
      <c r="C1912" s="16">
        <v>1878</v>
      </c>
      <c r="D1912" cm="1">
        <f t="array" ref="D1912">IFERROR(INDEX(Jesper!AH$2:AH$366,ROUNDDOWN($C1912/24,0)+1,1)*INDEX($D$3:$AA$30,INDEX(Jesper!$R$2:$R$366,ROW(INDEX(Jesper!AH$2:AH$366,ROUNDDOWN($C1912/24,0)+1,1))-1)+IF('Standard Profiles'!$G$18=$B$10,7,0)+IF('Standard Profiles'!$G$18=$B$17,14,0)+IF('Standard Profiles'!$G$18=$B$24,21,0),MOD($C1912,24)+1)/SUM(INDEX($D$3:$AA$30,INDEX(Jesper!$R$2:$R$366,ROW(INDEX(Jesper!AH$2:AH$366,ROUNDDOWN($C1912/24,0)+1,1))-1)+IF('Standard Profiles'!$G$18=$B$10,7,0)+IF('Standard Profiles'!$G$18=$B$17,14,0)+IF('Standard Profiles'!$G$18=$B$24,21,0),0)),0)</f>
        <v>5.5058103752448675</v>
      </c>
      <c r="E1912" cm="1">
        <f t="array" ref="E1912">IFERROR(INDEX(Jesper!AI$2:AI$366,ROUNDDOWN($C1912/24,0)+1,1)*INDEX($D$3:$AA$30,INDEX(Jesper!$R$2:$R$366,ROW(INDEX(Jesper!AI$2:AI$366,ROUNDDOWN($C1912/24,0)+1,1))-1)+IF('Standard Profiles'!$G$19=$B$10,7,0)+IF('Standard Profiles'!$G$19=$B$17,14,0)+IF('Standard Profiles'!$G$19=$B$24,21,0),MOD($C1912,24)+1)/SUM(INDEX($D$3:$AA$30,INDEX(Jesper!$R$2:$R$366,ROW(INDEX(Jesper!AI$2:AI$366,ROUNDDOWN($C1912/24,0)+1,1))-1)+IF('Standard Profiles'!$G$19=$B$10,7,0)+IF('Standard Profiles'!$G$19=$B$17,14,0)+IF('Standard Profiles'!$G$19=$B$24,21,0),0)),0)</f>
        <v>4.0410371751250098</v>
      </c>
      <c r="F1912" cm="1">
        <f t="array" ref="F1912">IFERROR(INDEX(Jesper!AJ$2:AJ$366,ROUNDDOWN($C1912/24,0)+1,1)*INDEX($D$3:$AA$30,INDEX(Jesper!$R$2:$R$366,ROW(INDEX(Jesper!AJ$2:AJ$366,ROUNDDOWN($C1912/24,0)+1,1))-1)+IF('Standard Profiles'!$G$20=$B$10,7,0)+IF('Standard Profiles'!$G$20=$B$17,14,0)+IF('Standard Profiles'!$G$20=$B$24,21,0),MOD($C1912,24)+1)/SUM(INDEX($D$3:$AA$30,INDEX(Jesper!$R$2:$R$366,ROW(INDEX(Jesper!AJ$2:AJ$366,ROUNDDOWN($C1912/24,0)+1,1))-1)+IF('Standard Profiles'!$G$20=$B$10,7,0)+IF('Standard Profiles'!$G$20=$B$17,14,0)+IF('Standard Profiles'!$G$20=$B$24,21,0),0)),0)</f>
        <v>0</v>
      </c>
      <c r="G1912" cm="1">
        <f t="array" ref="G1912">IFERROR(INDEX(Jesper!AK$2:AK$366,ROUNDDOWN($C1912/24,0)+1,1)*INDEX($D$3:$AA$30,INDEX(Jesper!$R$2:$R$366,ROW(INDEX(Jesper!AK$2:AK$366,ROUNDDOWN($C1912/24,0)+1,1))-1)+IF('Standard Profiles'!$G$21=$B$10,7,0)+IF('Standard Profiles'!$G$21=$B$17,14,0)+IF('Standard Profiles'!$G$21=$B$24,21,0),MOD($C1912,24)+1)/SUM(INDEX($D$3:$AA$30,INDEX(Jesper!$R$2:$R$366,ROW(INDEX(Jesper!AK$2:AK$366,ROUNDDOWN($C1912/24,0)+1,1))-1)+IF('Standard Profiles'!$G$21=$B$10,7,0)+IF('Standard Profiles'!$G$21=$B$17,14,0)+IF('Standard Profiles'!$G$21=$B$24,21,0),0)),0)</f>
        <v>0.81378217454463664</v>
      </c>
      <c r="H1912" cm="1">
        <f t="array" ref="H1912">IFERROR(INDEX(Jesper!AL$2:AL$366,ROUNDDOWN($C1912/24,0)+1,1)*INDEX($D$3:$AA$30,INDEX(Jesper!$R$2:$R$366,ROW(INDEX(Jesper!AL$2:AL$366,ROUNDDOWN($C1912/24,0)+1,1))-1)+IF('Standard Profiles'!$G$22=$B$10,7,0)+IF('Standard Profiles'!$G$22=$B$17,14,0)+IF('Standard Profiles'!$G$22=$B$24,21,0),MOD($C1912,24)+1)/SUM(INDEX($D$3:$AA$30,INDEX(Jesper!$R$2:$R$366,ROW(INDEX(Jesper!AL$2:AL$366,ROUNDDOWN($C1912/24,0)+1,1))-1)+IF('Standard Profiles'!$G$22=$B$10,7,0)+IF('Standard Profiles'!$G$22=$B$17,14,0)+IF('Standard Profiles'!$G$22=$B$24,21,0),0)),0)</f>
        <v>0</v>
      </c>
      <c r="I1912">
        <f t="shared" si="223"/>
        <v>0.39061544378142538</v>
      </c>
      <c r="J1912">
        <f t="shared" si="224"/>
        <v>9.0890846210939102</v>
      </c>
      <c r="K1912">
        <f t="shared" si="225"/>
        <v>0.58728644002611918</v>
      </c>
      <c r="L1912">
        <f t="shared" si="226"/>
        <v>0.29364322001305959</v>
      </c>
      <c r="M1912">
        <f t="shared" si="227"/>
        <v>0</v>
      </c>
      <c r="N1912" s="45">
        <f t="shared" si="228"/>
        <v>45005.249999995445</v>
      </c>
    </row>
    <row r="1913" spans="2:14" x14ac:dyDescent="0.25">
      <c r="B1913">
        <f t="shared" si="222"/>
        <v>1</v>
      </c>
      <c r="C1913" s="16">
        <v>1879</v>
      </c>
      <c r="D1913" cm="1">
        <f t="array" ref="D1913">IFERROR(INDEX(Jesper!AH$2:AH$366,ROUNDDOWN($C1913/24,0)+1,1)*INDEX($D$3:$AA$30,INDEX(Jesper!$R$2:$R$366,ROW(INDEX(Jesper!AH$2:AH$366,ROUNDDOWN($C1913/24,0)+1,1))-1)+IF('Standard Profiles'!$G$18=$B$10,7,0)+IF('Standard Profiles'!$G$18=$B$17,14,0)+IF('Standard Profiles'!$G$18=$B$24,21,0),MOD($C1913,24)+1)/SUM(INDEX($D$3:$AA$30,INDEX(Jesper!$R$2:$R$366,ROW(INDEX(Jesper!AH$2:AH$366,ROUNDDOWN($C1913/24,0)+1,1))-1)+IF('Standard Profiles'!$G$18=$B$10,7,0)+IF('Standard Profiles'!$G$18=$B$17,14,0)+IF('Standard Profiles'!$G$18=$B$24,21,0),0)),0)</f>
        <v>23.454752198543137</v>
      </c>
      <c r="E1913" cm="1">
        <f t="array" ref="E1913">IFERROR(INDEX(Jesper!AI$2:AI$366,ROUNDDOWN($C1913/24,0)+1,1)*INDEX($D$3:$AA$30,INDEX(Jesper!$R$2:$R$366,ROW(INDEX(Jesper!AI$2:AI$366,ROUNDDOWN($C1913/24,0)+1,1))-1)+IF('Standard Profiles'!$G$19=$B$10,7,0)+IF('Standard Profiles'!$G$19=$B$17,14,0)+IF('Standard Profiles'!$G$19=$B$24,21,0),MOD($C1913,24)+1)/SUM(INDEX($D$3:$AA$30,INDEX(Jesper!$R$2:$R$366,ROW(INDEX(Jesper!AI$2:AI$366,ROUNDDOWN($C1913/24,0)+1,1))-1)+IF('Standard Profiles'!$G$19=$B$10,7,0)+IF('Standard Profiles'!$G$19=$B$17,14,0)+IF('Standard Profiles'!$G$19=$B$24,21,0),0)),0)</f>
        <v>17.214818366032542</v>
      </c>
      <c r="F1913" cm="1">
        <f t="array" ref="F1913">IFERROR(INDEX(Jesper!AJ$2:AJ$366,ROUNDDOWN($C1913/24,0)+1,1)*INDEX($D$3:$AA$30,INDEX(Jesper!$R$2:$R$366,ROW(INDEX(Jesper!AJ$2:AJ$366,ROUNDDOWN($C1913/24,0)+1,1))-1)+IF('Standard Profiles'!$G$20=$B$10,7,0)+IF('Standard Profiles'!$G$20=$B$17,14,0)+IF('Standard Profiles'!$G$20=$B$24,21,0),MOD($C1913,24)+1)/SUM(INDEX($D$3:$AA$30,INDEX(Jesper!$R$2:$R$366,ROW(INDEX(Jesper!AJ$2:AJ$366,ROUNDDOWN($C1913/24,0)+1,1))-1)+IF('Standard Profiles'!$G$20=$B$10,7,0)+IF('Standard Profiles'!$G$20=$B$17,14,0)+IF('Standard Profiles'!$G$20=$B$24,21,0),0)),0)</f>
        <v>0</v>
      </c>
      <c r="G1913" cm="1">
        <f t="array" ref="G1913">IFERROR(INDEX(Jesper!AK$2:AK$366,ROUNDDOWN($C1913/24,0)+1,1)*INDEX($D$3:$AA$30,INDEX(Jesper!$R$2:$R$366,ROW(INDEX(Jesper!AK$2:AK$366,ROUNDDOWN($C1913/24,0)+1,1))-1)+IF('Standard Profiles'!$G$21=$B$10,7,0)+IF('Standard Profiles'!$G$21=$B$17,14,0)+IF('Standard Profiles'!$G$21=$B$24,21,0),MOD($C1913,24)+1)/SUM(INDEX($D$3:$AA$30,INDEX(Jesper!$R$2:$R$366,ROW(INDEX(Jesper!AK$2:AK$366,ROUNDDOWN($C1913/24,0)+1,1))-1)+IF('Standard Profiles'!$G$21=$B$10,7,0)+IF('Standard Profiles'!$G$21=$B$17,14,0)+IF('Standard Profiles'!$G$21=$B$24,21,0),0)),0)</f>
        <v>3.5399524592691689</v>
      </c>
      <c r="H1913" cm="1">
        <f t="array" ref="H1913">IFERROR(INDEX(Jesper!AL$2:AL$366,ROUNDDOWN($C1913/24,0)+1,1)*INDEX($D$3:$AA$30,INDEX(Jesper!$R$2:$R$366,ROW(INDEX(Jesper!AL$2:AL$366,ROUNDDOWN($C1913/24,0)+1,1))-1)+IF('Standard Profiles'!$G$22=$B$10,7,0)+IF('Standard Profiles'!$G$22=$B$17,14,0)+IF('Standard Profiles'!$G$22=$B$24,21,0),MOD($C1913,24)+1)/SUM(INDEX($D$3:$AA$30,INDEX(Jesper!$R$2:$R$366,ROW(INDEX(Jesper!AL$2:AL$366,ROUNDDOWN($C1913/24,0)+1,1))-1)+IF('Standard Profiles'!$G$22=$B$10,7,0)+IF('Standard Profiles'!$G$22=$B$17,14,0)+IF('Standard Profiles'!$G$22=$B$24,21,0),0)),0)</f>
        <v>0</v>
      </c>
      <c r="I1913">
        <f t="shared" si="223"/>
        <v>1.6991771804492002</v>
      </c>
      <c r="J1913">
        <f t="shared" si="224"/>
        <v>38.757585491628745</v>
      </c>
      <c r="K1913">
        <f t="shared" si="225"/>
        <v>2.5018402345112682</v>
      </c>
      <c r="L1913">
        <f t="shared" si="226"/>
        <v>1.2509201172556341</v>
      </c>
      <c r="M1913">
        <f t="shared" si="227"/>
        <v>0</v>
      </c>
      <c r="N1913" s="45">
        <f t="shared" si="228"/>
        <v>45005.291666662109</v>
      </c>
    </row>
    <row r="1914" spans="2:14" x14ac:dyDescent="0.25">
      <c r="B1914">
        <f t="shared" si="222"/>
        <v>1</v>
      </c>
      <c r="C1914" s="16">
        <v>1880</v>
      </c>
      <c r="D1914" cm="1">
        <f t="array" ref="D1914">IFERROR(INDEX(Jesper!AH$2:AH$366,ROUNDDOWN($C1914/24,0)+1,1)*INDEX($D$3:$AA$30,INDEX(Jesper!$R$2:$R$366,ROW(INDEX(Jesper!AH$2:AH$366,ROUNDDOWN($C1914/24,0)+1,1))-1)+IF('Standard Profiles'!$G$18=$B$10,7,0)+IF('Standard Profiles'!$G$18=$B$17,14,0)+IF('Standard Profiles'!$G$18=$B$24,21,0),MOD($C1914,24)+1)/SUM(INDEX($D$3:$AA$30,INDEX(Jesper!$R$2:$R$366,ROW(INDEX(Jesper!AH$2:AH$366,ROUNDDOWN($C1914/24,0)+1,1))-1)+IF('Standard Profiles'!$G$18=$B$10,7,0)+IF('Standard Profiles'!$G$18=$B$17,14,0)+IF('Standard Profiles'!$G$18=$B$24,21,0),0)),0)</f>
        <v>26.386596223361028</v>
      </c>
      <c r="E1914" cm="1">
        <f t="array" ref="E1914">IFERROR(INDEX(Jesper!AI$2:AI$366,ROUNDDOWN($C1914/24,0)+1,1)*INDEX($D$3:$AA$30,INDEX(Jesper!$R$2:$R$366,ROW(INDEX(Jesper!AI$2:AI$366,ROUNDDOWN($C1914/24,0)+1,1))-1)+IF('Standard Profiles'!$G$19=$B$10,7,0)+IF('Standard Profiles'!$G$19=$B$17,14,0)+IF('Standard Profiles'!$G$19=$B$24,21,0),MOD($C1914,24)+1)/SUM(INDEX($D$3:$AA$30,INDEX(Jesper!$R$2:$R$366,ROW(INDEX(Jesper!AI$2:AI$366,ROUNDDOWN($C1914/24,0)+1,1))-1)+IF('Standard Profiles'!$G$19=$B$10,7,0)+IF('Standard Profiles'!$G$19=$B$17,14,0)+IF('Standard Profiles'!$G$19=$B$24,21,0),0)),0)</f>
        <v>19.366670661786607</v>
      </c>
      <c r="F1914" cm="1">
        <f t="array" ref="F1914">IFERROR(INDEX(Jesper!AJ$2:AJ$366,ROUNDDOWN($C1914/24,0)+1,1)*INDEX($D$3:$AA$30,INDEX(Jesper!$R$2:$R$366,ROW(INDEX(Jesper!AJ$2:AJ$366,ROUNDDOWN($C1914/24,0)+1,1))-1)+IF('Standard Profiles'!$G$20=$B$10,7,0)+IF('Standard Profiles'!$G$20=$B$17,14,0)+IF('Standard Profiles'!$G$20=$B$24,21,0),MOD($C1914,24)+1)/SUM(INDEX($D$3:$AA$30,INDEX(Jesper!$R$2:$R$366,ROW(INDEX(Jesper!AJ$2:AJ$366,ROUNDDOWN($C1914/24,0)+1,1))-1)+IF('Standard Profiles'!$G$20=$B$10,7,0)+IF('Standard Profiles'!$G$20=$B$17,14,0)+IF('Standard Profiles'!$G$20=$B$24,21,0),0)),0)</f>
        <v>0</v>
      </c>
      <c r="G1914" cm="1">
        <f t="array" ref="G1914">IFERROR(INDEX(Jesper!AK$2:AK$366,ROUNDDOWN($C1914/24,0)+1,1)*INDEX($D$3:$AA$30,INDEX(Jesper!$R$2:$R$366,ROW(INDEX(Jesper!AK$2:AK$366,ROUNDDOWN($C1914/24,0)+1,1))-1)+IF('Standard Profiles'!$G$21=$B$10,7,0)+IF('Standard Profiles'!$G$21=$B$17,14,0)+IF('Standard Profiles'!$G$21=$B$24,21,0),MOD($C1914,24)+1)/SUM(INDEX($D$3:$AA$30,INDEX(Jesper!$R$2:$R$366,ROW(INDEX(Jesper!AK$2:AK$366,ROUNDDOWN($C1914/24,0)+1,1))-1)+IF('Standard Profiles'!$G$21=$B$10,7,0)+IF('Standard Profiles'!$G$21=$B$17,14,0)+IF('Standard Profiles'!$G$21=$B$24,21,0),0)),0)</f>
        <v>3.9824465166778151</v>
      </c>
      <c r="H1914" cm="1">
        <f t="array" ref="H1914">IFERROR(INDEX(Jesper!AL$2:AL$366,ROUNDDOWN($C1914/24,0)+1,1)*INDEX($D$3:$AA$30,INDEX(Jesper!$R$2:$R$366,ROW(INDEX(Jesper!AL$2:AL$366,ROUNDDOWN($C1914/24,0)+1,1))-1)+IF('Standard Profiles'!$G$22=$B$10,7,0)+IF('Standard Profiles'!$G$22=$B$17,14,0)+IF('Standard Profiles'!$G$22=$B$24,21,0),MOD($C1914,24)+1)/SUM(INDEX($D$3:$AA$30,INDEX(Jesper!$R$2:$R$366,ROW(INDEX(Jesper!AL$2:AL$366,ROUNDDOWN($C1914/24,0)+1,1))-1)+IF('Standard Profiles'!$G$22=$B$10,7,0)+IF('Standard Profiles'!$G$22=$B$17,14,0)+IF('Standard Profiles'!$G$22=$B$24,21,0),0)),0)</f>
        <v>0</v>
      </c>
      <c r="I1914">
        <f t="shared" si="223"/>
        <v>1.9115743280053503</v>
      </c>
      <c r="J1914">
        <f t="shared" si="224"/>
        <v>43.602283678082337</v>
      </c>
      <c r="K1914">
        <f t="shared" si="225"/>
        <v>2.8145702638251766</v>
      </c>
      <c r="L1914">
        <f t="shared" si="226"/>
        <v>1.4072851319125883</v>
      </c>
      <c r="M1914">
        <f t="shared" si="227"/>
        <v>0</v>
      </c>
      <c r="N1914" s="45">
        <f t="shared" si="228"/>
        <v>45005.333333328774</v>
      </c>
    </row>
    <row r="1915" spans="2:14" x14ac:dyDescent="0.25">
      <c r="B1915">
        <f t="shared" si="222"/>
        <v>1</v>
      </c>
      <c r="C1915" s="16">
        <v>1881</v>
      </c>
      <c r="D1915" cm="1">
        <f t="array" ref="D1915">IFERROR(INDEX(Jesper!AH$2:AH$366,ROUNDDOWN($C1915/24,0)+1,1)*INDEX($D$3:$AA$30,INDEX(Jesper!$R$2:$R$366,ROW(INDEX(Jesper!AH$2:AH$366,ROUNDDOWN($C1915/24,0)+1,1))-1)+IF('Standard Profiles'!$G$18=$B$10,7,0)+IF('Standard Profiles'!$G$18=$B$17,14,0)+IF('Standard Profiles'!$G$18=$B$24,21,0),MOD($C1915,24)+1)/SUM(INDEX($D$3:$AA$30,INDEX(Jesper!$R$2:$R$366,ROW(INDEX(Jesper!AH$2:AH$366,ROUNDDOWN($C1915/24,0)+1,1))-1)+IF('Standard Profiles'!$G$18=$B$10,7,0)+IF('Standard Profiles'!$G$18=$B$17,14,0)+IF('Standard Profiles'!$G$18=$B$24,21,0),0)),0)</f>
        <v>29.31844024817892</v>
      </c>
      <c r="E1915" cm="1">
        <f t="array" ref="E1915">IFERROR(INDEX(Jesper!AI$2:AI$366,ROUNDDOWN($C1915/24,0)+1,1)*INDEX($D$3:$AA$30,INDEX(Jesper!$R$2:$R$366,ROW(INDEX(Jesper!AI$2:AI$366,ROUNDDOWN($C1915/24,0)+1,1))-1)+IF('Standard Profiles'!$G$19=$B$10,7,0)+IF('Standard Profiles'!$G$19=$B$17,14,0)+IF('Standard Profiles'!$G$19=$B$24,21,0),MOD($C1915,24)+1)/SUM(INDEX($D$3:$AA$30,INDEX(Jesper!$R$2:$R$366,ROW(INDEX(Jesper!AI$2:AI$366,ROUNDDOWN($C1915/24,0)+1,1))-1)+IF('Standard Profiles'!$G$19=$B$10,7,0)+IF('Standard Profiles'!$G$19=$B$17,14,0)+IF('Standard Profiles'!$G$19=$B$24,21,0),0)),0)</f>
        <v>21.518522957540675</v>
      </c>
      <c r="F1915" cm="1">
        <f t="array" ref="F1915">IFERROR(INDEX(Jesper!AJ$2:AJ$366,ROUNDDOWN($C1915/24,0)+1,1)*INDEX($D$3:$AA$30,INDEX(Jesper!$R$2:$R$366,ROW(INDEX(Jesper!AJ$2:AJ$366,ROUNDDOWN($C1915/24,0)+1,1))-1)+IF('Standard Profiles'!$G$20=$B$10,7,0)+IF('Standard Profiles'!$G$20=$B$17,14,0)+IF('Standard Profiles'!$G$20=$B$24,21,0),MOD($C1915,24)+1)/SUM(INDEX($D$3:$AA$30,INDEX(Jesper!$R$2:$R$366,ROW(INDEX(Jesper!AJ$2:AJ$366,ROUNDDOWN($C1915/24,0)+1,1))-1)+IF('Standard Profiles'!$G$20=$B$10,7,0)+IF('Standard Profiles'!$G$20=$B$17,14,0)+IF('Standard Profiles'!$G$20=$B$24,21,0),0)),0)</f>
        <v>0</v>
      </c>
      <c r="G1915" cm="1">
        <f t="array" ref="G1915">IFERROR(INDEX(Jesper!AK$2:AK$366,ROUNDDOWN($C1915/24,0)+1,1)*INDEX($D$3:$AA$30,INDEX(Jesper!$R$2:$R$366,ROW(INDEX(Jesper!AK$2:AK$366,ROUNDDOWN($C1915/24,0)+1,1))-1)+IF('Standard Profiles'!$G$21=$B$10,7,0)+IF('Standard Profiles'!$G$21=$B$17,14,0)+IF('Standard Profiles'!$G$21=$B$24,21,0),MOD($C1915,24)+1)/SUM(INDEX($D$3:$AA$30,INDEX(Jesper!$R$2:$R$366,ROW(INDEX(Jesper!AK$2:AK$366,ROUNDDOWN($C1915/24,0)+1,1))-1)+IF('Standard Profiles'!$G$21=$B$10,7,0)+IF('Standard Profiles'!$G$21=$B$17,14,0)+IF('Standard Profiles'!$G$21=$B$24,21,0),0)),0)</f>
        <v>4.4249405740864614</v>
      </c>
      <c r="H1915" cm="1">
        <f t="array" ref="H1915">IFERROR(INDEX(Jesper!AL$2:AL$366,ROUNDDOWN($C1915/24,0)+1,1)*INDEX($D$3:$AA$30,INDEX(Jesper!$R$2:$R$366,ROW(INDEX(Jesper!AL$2:AL$366,ROUNDDOWN($C1915/24,0)+1,1))-1)+IF('Standard Profiles'!$G$22=$B$10,7,0)+IF('Standard Profiles'!$G$22=$B$17,14,0)+IF('Standard Profiles'!$G$22=$B$24,21,0),MOD($C1915,24)+1)/SUM(INDEX($D$3:$AA$30,INDEX(Jesper!$R$2:$R$366,ROW(INDEX(Jesper!AL$2:AL$366,ROUNDDOWN($C1915/24,0)+1,1))-1)+IF('Standard Profiles'!$G$22=$B$10,7,0)+IF('Standard Profiles'!$G$22=$B$17,14,0)+IF('Standard Profiles'!$G$22=$B$24,21,0),0)),0)</f>
        <v>0</v>
      </c>
      <c r="I1915">
        <f t="shared" si="223"/>
        <v>2.1239714755615005</v>
      </c>
      <c r="J1915">
        <f t="shared" si="224"/>
        <v>48.446981864535928</v>
      </c>
      <c r="K1915">
        <f t="shared" si="225"/>
        <v>3.127300293139085</v>
      </c>
      <c r="L1915">
        <f t="shared" si="226"/>
        <v>1.5636501465695425</v>
      </c>
      <c r="M1915">
        <f t="shared" si="227"/>
        <v>0</v>
      </c>
      <c r="N1915" s="45">
        <f t="shared" si="228"/>
        <v>45005.374999995438</v>
      </c>
    </row>
    <row r="1916" spans="2:14" x14ac:dyDescent="0.25">
      <c r="B1916">
        <f t="shared" si="222"/>
        <v>1</v>
      </c>
      <c r="C1916" s="16">
        <v>1882</v>
      </c>
      <c r="D1916" cm="1">
        <f t="array" ref="D1916">IFERROR(INDEX(Jesper!AH$2:AH$366,ROUNDDOWN($C1916/24,0)+1,1)*INDEX($D$3:$AA$30,INDEX(Jesper!$R$2:$R$366,ROW(INDEX(Jesper!AH$2:AH$366,ROUNDDOWN($C1916/24,0)+1,1))-1)+IF('Standard Profiles'!$G$18=$B$10,7,0)+IF('Standard Profiles'!$G$18=$B$17,14,0)+IF('Standard Profiles'!$G$18=$B$24,21,0),MOD($C1916,24)+1)/SUM(INDEX($D$3:$AA$30,INDEX(Jesper!$R$2:$R$366,ROW(INDEX(Jesper!AH$2:AH$366,ROUNDDOWN($C1916/24,0)+1,1))-1)+IF('Standard Profiles'!$G$18=$B$10,7,0)+IF('Standard Profiles'!$G$18=$B$17,14,0)+IF('Standard Profiles'!$G$18=$B$24,21,0),0)),0)</f>
        <v>29.31844024817892</v>
      </c>
      <c r="E1916" cm="1">
        <f t="array" ref="E1916">IFERROR(INDEX(Jesper!AI$2:AI$366,ROUNDDOWN($C1916/24,0)+1,1)*INDEX($D$3:$AA$30,INDEX(Jesper!$R$2:$R$366,ROW(INDEX(Jesper!AI$2:AI$366,ROUNDDOWN($C1916/24,0)+1,1))-1)+IF('Standard Profiles'!$G$19=$B$10,7,0)+IF('Standard Profiles'!$G$19=$B$17,14,0)+IF('Standard Profiles'!$G$19=$B$24,21,0),MOD($C1916,24)+1)/SUM(INDEX($D$3:$AA$30,INDEX(Jesper!$R$2:$R$366,ROW(INDEX(Jesper!AI$2:AI$366,ROUNDDOWN($C1916/24,0)+1,1))-1)+IF('Standard Profiles'!$G$19=$B$10,7,0)+IF('Standard Profiles'!$G$19=$B$17,14,0)+IF('Standard Profiles'!$G$19=$B$24,21,0),0)),0)</f>
        <v>21.518522957540675</v>
      </c>
      <c r="F1916" cm="1">
        <f t="array" ref="F1916">IFERROR(INDEX(Jesper!AJ$2:AJ$366,ROUNDDOWN($C1916/24,0)+1,1)*INDEX($D$3:$AA$30,INDEX(Jesper!$R$2:$R$366,ROW(INDEX(Jesper!AJ$2:AJ$366,ROUNDDOWN($C1916/24,0)+1,1))-1)+IF('Standard Profiles'!$G$20=$B$10,7,0)+IF('Standard Profiles'!$G$20=$B$17,14,0)+IF('Standard Profiles'!$G$20=$B$24,21,0),MOD($C1916,24)+1)/SUM(INDEX($D$3:$AA$30,INDEX(Jesper!$R$2:$R$366,ROW(INDEX(Jesper!AJ$2:AJ$366,ROUNDDOWN($C1916/24,0)+1,1))-1)+IF('Standard Profiles'!$G$20=$B$10,7,0)+IF('Standard Profiles'!$G$20=$B$17,14,0)+IF('Standard Profiles'!$G$20=$B$24,21,0),0)),0)</f>
        <v>0</v>
      </c>
      <c r="G1916" cm="1">
        <f t="array" ref="G1916">IFERROR(INDEX(Jesper!AK$2:AK$366,ROUNDDOWN($C1916/24,0)+1,1)*INDEX($D$3:$AA$30,INDEX(Jesper!$R$2:$R$366,ROW(INDEX(Jesper!AK$2:AK$366,ROUNDDOWN($C1916/24,0)+1,1))-1)+IF('Standard Profiles'!$G$21=$B$10,7,0)+IF('Standard Profiles'!$G$21=$B$17,14,0)+IF('Standard Profiles'!$G$21=$B$24,21,0),MOD($C1916,24)+1)/SUM(INDEX($D$3:$AA$30,INDEX(Jesper!$R$2:$R$366,ROW(INDEX(Jesper!AK$2:AK$366,ROUNDDOWN($C1916/24,0)+1,1))-1)+IF('Standard Profiles'!$G$21=$B$10,7,0)+IF('Standard Profiles'!$G$21=$B$17,14,0)+IF('Standard Profiles'!$G$21=$B$24,21,0),0)),0)</f>
        <v>4.4249405740864614</v>
      </c>
      <c r="H1916" cm="1">
        <f t="array" ref="H1916">IFERROR(INDEX(Jesper!AL$2:AL$366,ROUNDDOWN($C1916/24,0)+1,1)*INDEX($D$3:$AA$30,INDEX(Jesper!$R$2:$R$366,ROW(INDEX(Jesper!AL$2:AL$366,ROUNDDOWN($C1916/24,0)+1,1))-1)+IF('Standard Profiles'!$G$22=$B$10,7,0)+IF('Standard Profiles'!$G$22=$B$17,14,0)+IF('Standard Profiles'!$G$22=$B$24,21,0),MOD($C1916,24)+1)/SUM(INDEX($D$3:$AA$30,INDEX(Jesper!$R$2:$R$366,ROW(INDEX(Jesper!AL$2:AL$366,ROUNDDOWN($C1916/24,0)+1,1))-1)+IF('Standard Profiles'!$G$22=$B$10,7,0)+IF('Standard Profiles'!$G$22=$B$17,14,0)+IF('Standard Profiles'!$G$22=$B$24,21,0),0)),0)</f>
        <v>0</v>
      </c>
      <c r="I1916">
        <f t="shared" si="223"/>
        <v>2.1239714755615005</v>
      </c>
      <c r="J1916">
        <f t="shared" si="224"/>
        <v>48.446981864535928</v>
      </c>
      <c r="K1916">
        <f t="shared" si="225"/>
        <v>3.127300293139085</v>
      </c>
      <c r="L1916">
        <f t="shared" si="226"/>
        <v>1.5636501465695425</v>
      </c>
      <c r="M1916">
        <f t="shared" si="227"/>
        <v>0</v>
      </c>
      <c r="N1916" s="45">
        <f t="shared" si="228"/>
        <v>45005.416666662102</v>
      </c>
    </row>
    <row r="1917" spans="2:14" x14ac:dyDescent="0.25">
      <c r="B1917">
        <f t="shared" si="222"/>
        <v>1</v>
      </c>
      <c r="C1917" s="16">
        <v>1883</v>
      </c>
      <c r="D1917" cm="1">
        <f t="array" ref="D1917">IFERROR(INDEX(Jesper!AH$2:AH$366,ROUNDDOWN($C1917/24,0)+1,1)*INDEX($D$3:$AA$30,INDEX(Jesper!$R$2:$R$366,ROW(INDEX(Jesper!AH$2:AH$366,ROUNDDOWN($C1917/24,0)+1,1))-1)+IF('Standard Profiles'!$G$18=$B$10,7,0)+IF('Standard Profiles'!$G$18=$B$17,14,0)+IF('Standard Profiles'!$G$18=$B$24,21,0),MOD($C1917,24)+1)/SUM(INDEX($D$3:$AA$30,INDEX(Jesper!$R$2:$R$366,ROW(INDEX(Jesper!AH$2:AH$366,ROUNDDOWN($C1917/24,0)+1,1))-1)+IF('Standard Profiles'!$G$18=$B$10,7,0)+IF('Standard Profiles'!$G$18=$B$17,14,0)+IF('Standard Profiles'!$G$18=$B$24,21,0),0)),0)</f>
        <v>35.1821282978147</v>
      </c>
      <c r="E1917" cm="1">
        <f t="array" ref="E1917">IFERROR(INDEX(Jesper!AI$2:AI$366,ROUNDDOWN($C1917/24,0)+1,1)*INDEX($D$3:$AA$30,INDEX(Jesper!$R$2:$R$366,ROW(INDEX(Jesper!AI$2:AI$366,ROUNDDOWN($C1917/24,0)+1,1))-1)+IF('Standard Profiles'!$G$19=$B$10,7,0)+IF('Standard Profiles'!$G$19=$B$17,14,0)+IF('Standard Profiles'!$G$19=$B$24,21,0),MOD($C1917,24)+1)/SUM(INDEX($D$3:$AA$30,INDEX(Jesper!$R$2:$R$366,ROW(INDEX(Jesper!AI$2:AI$366,ROUNDDOWN($C1917/24,0)+1,1))-1)+IF('Standard Profiles'!$G$19=$B$10,7,0)+IF('Standard Profiles'!$G$19=$B$17,14,0)+IF('Standard Profiles'!$G$19=$B$24,21,0),0)),0)</f>
        <v>25.822227549048808</v>
      </c>
      <c r="F1917" cm="1">
        <f t="array" ref="F1917">IFERROR(INDEX(Jesper!AJ$2:AJ$366,ROUNDDOWN($C1917/24,0)+1,1)*INDEX($D$3:$AA$30,INDEX(Jesper!$R$2:$R$366,ROW(INDEX(Jesper!AJ$2:AJ$366,ROUNDDOWN($C1917/24,0)+1,1))-1)+IF('Standard Profiles'!$G$20=$B$10,7,0)+IF('Standard Profiles'!$G$20=$B$17,14,0)+IF('Standard Profiles'!$G$20=$B$24,21,0),MOD($C1917,24)+1)/SUM(INDEX($D$3:$AA$30,INDEX(Jesper!$R$2:$R$366,ROW(INDEX(Jesper!AJ$2:AJ$366,ROUNDDOWN($C1917/24,0)+1,1))-1)+IF('Standard Profiles'!$G$20=$B$10,7,0)+IF('Standard Profiles'!$G$20=$B$17,14,0)+IF('Standard Profiles'!$G$20=$B$24,21,0),0)),0)</f>
        <v>0</v>
      </c>
      <c r="G1917" cm="1">
        <f t="array" ref="G1917">IFERROR(INDEX(Jesper!AK$2:AK$366,ROUNDDOWN($C1917/24,0)+1,1)*INDEX($D$3:$AA$30,INDEX(Jesper!$R$2:$R$366,ROW(INDEX(Jesper!AK$2:AK$366,ROUNDDOWN($C1917/24,0)+1,1))-1)+IF('Standard Profiles'!$G$21=$B$10,7,0)+IF('Standard Profiles'!$G$21=$B$17,14,0)+IF('Standard Profiles'!$G$21=$B$24,21,0),MOD($C1917,24)+1)/SUM(INDEX($D$3:$AA$30,INDEX(Jesper!$R$2:$R$366,ROW(INDEX(Jesper!AK$2:AK$366,ROUNDDOWN($C1917/24,0)+1,1))-1)+IF('Standard Profiles'!$G$21=$B$10,7,0)+IF('Standard Profiles'!$G$21=$B$17,14,0)+IF('Standard Profiles'!$G$21=$B$24,21,0),0)),0)</f>
        <v>5.3099286889037529</v>
      </c>
      <c r="H1917" cm="1">
        <f t="array" ref="H1917">IFERROR(INDEX(Jesper!AL$2:AL$366,ROUNDDOWN($C1917/24,0)+1,1)*INDEX($D$3:$AA$30,INDEX(Jesper!$R$2:$R$366,ROW(INDEX(Jesper!AL$2:AL$366,ROUNDDOWN($C1917/24,0)+1,1))-1)+IF('Standard Profiles'!$G$22=$B$10,7,0)+IF('Standard Profiles'!$G$22=$B$17,14,0)+IF('Standard Profiles'!$G$22=$B$24,21,0),MOD($C1917,24)+1)/SUM(INDEX($D$3:$AA$30,INDEX(Jesper!$R$2:$R$366,ROW(INDEX(Jesper!AL$2:AL$366,ROUNDDOWN($C1917/24,0)+1,1))-1)+IF('Standard Profiles'!$G$22=$B$10,7,0)+IF('Standard Profiles'!$G$22=$B$17,14,0)+IF('Standard Profiles'!$G$22=$B$24,21,0),0)),0)</f>
        <v>0</v>
      </c>
      <c r="I1917">
        <f t="shared" si="223"/>
        <v>2.5487657706738003</v>
      </c>
      <c r="J1917">
        <f t="shared" si="224"/>
        <v>58.136378237443104</v>
      </c>
      <c r="K1917">
        <f t="shared" si="225"/>
        <v>3.7527603517669017</v>
      </c>
      <c r="L1917">
        <f t="shared" si="226"/>
        <v>1.8763801758834509</v>
      </c>
      <c r="M1917">
        <f t="shared" si="227"/>
        <v>0</v>
      </c>
      <c r="N1917" s="45">
        <f t="shared" si="228"/>
        <v>45005.458333328766</v>
      </c>
    </row>
    <row r="1918" spans="2:14" x14ac:dyDescent="0.25">
      <c r="B1918">
        <f t="shared" si="222"/>
        <v>1</v>
      </c>
      <c r="C1918" s="16">
        <v>1884</v>
      </c>
      <c r="D1918" cm="1">
        <f t="array" ref="D1918">IFERROR(INDEX(Jesper!AH$2:AH$366,ROUNDDOWN($C1918/24,0)+1,1)*INDEX($D$3:$AA$30,INDEX(Jesper!$R$2:$R$366,ROW(INDEX(Jesper!AH$2:AH$366,ROUNDDOWN($C1918/24,0)+1,1))-1)+IF('Standard Profiles'!$G$18=$B$10,7,0)+IF('Standard Profiles'!$G$18=$B$17,14,0)+IF('Standard Profiles'!$G$18=$B$24,21,0),MOD($C1918,24)+1)/SUM(INDEX($D$3:$AA$30,INDEX(Jesper!$R$2:$R$366,ROW(INDEX(Jesper!AH$2:AH$366,ROUNDDOWN($C1918/24,0)+1,1))-1)+IF('Standard Profiles'!$G$18=$B$10,7,0)+IF('Standard Profiles'!$G$18=$B$17,14,0)+IF('Standard Profiles'!$G$18=$B$24,21,0),0)),0)</f>
        <v>35.1821282978147</v>
      </c>
      <c r="E1918" cm="1">
        <f t="array" ref="E1918">IFERROR(INDEX(Jesper!AI$2:AI$366,ROUNDDOWN($C1918/24,0)+1,1)*INDEX($D$3:$AA$30,INDEX(Jesper!$R$2:$R$366,ROW(INDEX(Jesper!AI$2:AI$366,ROUNDDOWN($C1918/24,0)+1,1))-1)+IF('Standard Profiles'!$G$19=$B$10,7,0)+IF('Standard Profiles'!$G$19=$B$17,14,0)+IF('Standard Profiles'!$G$19=$B$24,21,0),MOD($C1918,24)+1)/SUM(INDEX($D$3:$AA$30,INDEX(Jesper!$R$2:$R$366,ROW(INDEX(Jesper!AI$2:AI$366,ROUNDDOWN($C1918/24,0)+1,1))-1)+IF('Standard Profiles'!$G$19=$B$10,7,0)+IF('Standard Profiles'!$G$19=$B$17,14,0)+IF('Standard Profiles'!$G$19=$B$24,21,0),0)),0)</f>
        <v>25.822227549048808</v>
      </c>
      <c r="F1918" cm="1">
        <f t="array" ref="F1918">IFERROR(INDEX(Jesper!AJ$2:AJ$366,ROUNDDOWN($C1918/24,0)+1,1)*INDEX($D$3:$AA$30,INDEX(Jesper!$R$2:$R$366,ROW(INDEX(Jesper!AJ$2:AJ$366,ROUNDDOWN($C1918/24,0)+1,1))-1)+IF('Standard Profiles'!$G$20=$B$10,7,0)+IF('Standard Profiles'!$G$20=$B$17,14,0)+IF('Standard Profiles'!$G$20=$B$24,21,0),MOD($C1918,24)+1)/SUM(INDEX($D$3:$AA$30,INDEX(Jesper!$R$2:$R$366,ROW(INDEX(Jesper!AJ$2:AJ$366,ROUNDDOWN($C1918/24,0)+1,1))-1)+IF('Standard Profiles'!$G$20=$B$10,7,0)+IF('Standard Profiles'!$G$20=$B$17,14,0)+IF('Standard Profiles'!$G$20=$B$24,21,0),0)),0)</f>
        <v>0</v>
      </c>
      <c r="G1918" cm="1">
        <f t="array" ref="G1918">IFERROR(INDEX(Jesper!AK$2:AK$366,ROUNDDOWN($C1918/24,0)+1,1)*INDEX($D$3:$AA$30,INDEX(Jesper!$R$2:$R$366,ROW(INDEX(Jesper!AK$2:AK$366,ROUNDDOWN($C1918/24,0)+1,1))-1)+IF('Standard Profiles'!$G$21=$B$10,7,0)+IF('Standard Profiles'!$G$21=$B$17,14,0)+IF('Standard Profiles'!$G$21=$B$24,21,0),MOD($C1918,24)+1)/SUM(INDEX($D$3:$AA$30,INDEX(Jesper!$R$2:$R$366,ROW(INDEX(Jesper!AK$2:AK$366,ROUNDDOWN($C1918/24,0)+1,1))-1)+IF('Standard Profiles'!$G$21=$B$10,7,0)+IF('Standard Profiles'!$G$21=$B$17,14,0)+IF('Standard Profiles'!$G$21=$B$24,21,0),0)),0)</f>
        <v>5.3099286889037529</v>
      </c>
      <c r="H1918" cm="1">
        <f t="array" ref="H1918">IFERROR(INDEX(Jesper!AL$2:AL$366,ROUNDDOWN($C1918/24,0)+1,1)*INDEX($D$3:$AA$30,INDEX(Jesper!$R$2:$R$366,ROW(INDEX(Jesper!AL$2:AL$366,ROUNDDOWN($C1918/24,0)+1,1))-1)+IF('Standard Profiles'!$G$22=$B$10,7,0)+IF('Standard Profiles'!$G$22=$B$17,14,0)+IF('Standard Profiles'!$G$22=$B$24,21,0),MOD($C1918,24)+1)/SUM(INDEX($D$3:$AA$30,INDEX(Jesper!$R$2:$R$366,ROW(INDEX(Jesper!AL$2:AL$366,ROUNDDOWN($C1918/24,0)+1,1))-1)+IF('Standard Profiles'!$G$22=$B$10,7,0)+IF('Standard Profiles'!$G$22=$B$17,14,0)+IF('Standard Profiles'!$G$22=$B$24,21,0),0)),0)</f>
        <v>0</v>
      </c>
      <c r="I1918">
        <f t="shared" si="223"/>
        <v>2.5487657706738003</v>
      </c>
      <c r="J1918">
        <f t="shared" si="224"/>
        <v>58.136378237443104</v>
      </c>
      <c r="K1918">
        <f t="shared" si="225"/>
        <v>3.7527603517669017</v>
      </c>
      <c r="L1918">
        <f t="shared" si="226"/>
        <v>1.8763801758834509</v>
      </c>
      <c r="M1918">
        <f t="shared" si="227"/>
        <v>0</v>
      </c>
      <c r="N1918" s="45">
        <f t="shared" si="228"/>
        <v>45005.499999995431</v>
      </c>
    </row>
    <row r="1919" spans="2:14" x14ac:dyDescent="0.25">
      <c r="B1919">
        <f t="shared" si="222"/>
        <v>1</v>
      </c>
      <c r="C1919" s="16">
        <v>1885</v>
      </c>
      <c r="D1919" cm="1">
        <f t="array" ref="D1919">IFERROR(INDEX(Jesper!AH$2:AH$366,ROUNDDOWN($C1919/24,0)+1,1)*INDEX($D$3:$AA$30,INDEX(Jesper!$R$2:$R$366,ROW(INDEX(Jesper!AH$2:AH$366,ROUNDDOWN($C1919/24,0)+1,1))-1)+IF('Standard Profiles'!$G$18=$B$10,7,0)+IF('Standard Profiles'!$G$18=$B$17,14,0)+IF('Standard Profiles'!$G$18=$B$24,21,0),MOD($C1919,24)+1)/SUM(INDEX($D$3:$AA$30,INDEX(Jesper!$R$2:$R$366,ROW(INDEX(Jesper!AH$2:AH$366,ROUNDDOWN($C1919/24,0)+1,1))-1)+IF('Standard Profiles'!$G$18=$B$10,7,0)+IF('Standard Profiles'!$G$18=$B$17,14,0)+IF('Standard Profiles'!$G$18=$B$24,21,0),0)),0)</f>
        <v>23.454752198543137</v>
      </c>
      <c r="E1919" cm="1">
        <f t="array" ref="E1919">IFERROR(INDEX(Jesper!AI$2:AI$366,ROUNDDOWN($C1919/24,0)+1,1)*INDEX($D$3:$AA$30,INDEX(Jesper!$R$2:$R$366,ROW(INDEX(Jesper!AI$2:AI$366,ROUNDDOWN($C1919/24,0)+1,1))-1)+IF('Standard Profiles'!$G$19=$B$10,7,0)+IF('Standard Profiles'!$G$19=$B$17,14,0)+IF('Standard Profiles'!$G$19=$B$24,21,0),MOD($C1919,24)+1)/SUM(INDEX($D$3:$AA$30,INDEX(Jesper!$R$2:$R$366,ROW(INDEX(Jesper!AI$2:AI$366,ROUNDDOWN($C1919/24,0)+1,1))-1)+IF('Standard Profiles'!$G$19=$B$10,7,0)+IF('Standard Profiles'!$G$19=$B$17,14,0)+IF('Standard Profiles'!$G$19=$B$24,21,0),0)),0)</f>
        <v>17.214818366032542</v>
      </c>
      <c r="F1919" cm="1">
        <f t="array" ref="F1919">IFERROR(INDEX(Jesper!AJ$2:AJ$366,ROUNDDOWN($C1919/24,0)+1,1)*INDEX($D$3:$AA$30,INDEX(Jesper!$R$2:$R$366,ROW(INDEX(Jesper!AJ$2:AJ$366,ROUNDDOWN($C1919/24,0)+1,1))-1)+IF('Standard Profiles'!$G$20=$B$10,7,0)+IF('Standard Profiles'!$G$20=$B$17,14,0)+IF('Standard Profiles'!$G$20=$B$24,21,0),MOD($C1919,24)+1)/SUM(INDEX($D$3:$AA$30,INDEX(Jesper!$R$2:$R$366,ROW(INDEX(Jesper!AJ$2:AJ$366,ROUNDDOWN($C1919/24,0)+1,1))-1)+IF('Standard Profiles'!$G$20=$B$10,7,0)+IF('Standard Profiles'!$G$20=$B$17,14,0)+IF('Standard Profiles'!$G$20=$B$24,21,0),0)),0)</f>
        <v>0</v>
      </c>
      <c r="G1919" cm="1">
        <f t="array" ref="G1919">IFERROR(INDEX(Jesper!AK$2:AK$366,ROUNDDOWN($C1919/24,0)+1,1)*INDEX($D$3:$AA$30,INDEX(Jesper!$R$2:$R$366,ROW(INDEX(Jesper!AK$2:AK$366,ROUNDDOWN($C1919/24,0)+1,1))-1)+IF('Standard Profiles'!$G$21=$B$10,7,0)+IF('Standard Profiles'!$G$21=$B$17,14,0)+IF('Standard Profiles'!$G$21=$B$24,21,0),MOD($C1919,24)+1)/SUM(INDEX($D$3:$AA$30,INDEX(Jesper!$R$2:$R$366,ROW(INDEX(Jesper!AK$2:AK$366,ROUNDDOWN($C1919/24,0)+1,1))-1)+IF('Standard Profiles'!$G$21=$B$10,7,0)+IF('Standard Profiles'!$G$21=$B$17,14,0)+IF('Standard Profiles'!$G$21=$B$24,21,0),0)),0)</f>
        <v>3.5399524592691689</v>
      </c>
      <c r="H1919" cm="1">
        <f t="array" ref="H1919">IFERROR(INDEX(Jesper!AL$2:AL$366,ROUNDDOWN($C1919/24,0)+1,1)*INDEX($D$3:$AA$30,INDEX(Jesper!$R$2:$R$366,ROW(INDEX(Jesper!AL$2:AL$366,ROUNDDOWN($C1919/24,0)+1,1))-1)+IF('Standard Profiles'!$G$22=$B$10,7,0)+IF('Standard Profiles'!$G$22=$B$17,14,0)+IF('Standard Profiles'!$G$22=$B$24,21,0),MOD($C1919,24)+1)/SUM(INDEX($D$3:$AA$30,INDEX(Jesper!$R$2:$R$366,ROW(INDEX(Jesper!AL$2:AL$366,ROUNDDOWN($C1919/24,0)+1,1))-1)+IF('Standard Profiles'!$G$22=$B$10,7,0)+IF('Standard Profiles'!$G$22=$B$17,14,0)+IF('Standard Profiles'!$G$22=$B$24,21,0),0)),0)</f>
        <v>0</v>
      </c>
      <c r="I1919">
        <f t="shared" si="223"/>
        <v>1.6991771804492002</v>
      </c>
      <c r="J1919">
        <f t="shared" si="224"/>
        <v>38.757585491628745</v>
      </c>
      <c r="K1919">
        <f t="shared" si="225"/>
        <v>2.5018402345112682</v>
      </c>
      <c r="L1919">
        <f t="shared" si="226"/>
        <v>1.2509201172556341</v>
      </c>
      <c r="M1919">
        <f t="shared" si="227"/>
        <v>0</v>
      </c>
      <c r="N1919" s="45">
        <f t="shared" si="228"/>
        <v>45005.541666662095</v>
      </c>
    </row>
    <row r="1920" spans="2:14" x14ac:dyDescent="0.25">
      <c r="B1920">
        <f t="shared" si="222"/>
        <v>1</v>
      </c>
      <c r="C1920" s="16">
        <v>1886</v>
      </c>
      <c r="D1920" cm="1">
        <f t="array" ref="D1920">IFERROR(INDEX(Jesper!AH$2:AH$366,ROUNDDOWN($C1920/24,0)+1,1)*INDEX($D$3:$AA$30,INDEX(Jesper!$R$2:$R$366,ROW(INDEX(Jesper!AH$2:AH$366,ROUNDDOWN($C1920/24,0)+1,1))-1)+IF('Standard Profiles'!$G$18=$B$10,7,0)+IF('Standard Profiles'!$G$18=$B$17,14,0)+IF('Standard Profiles'!$G$18=$B$24,21,0),MOD($C1920,24)+1)/SUM(INDEX($D$3:$AA$30,INDEX(Jesper!$R$2:$R$366,ROW(INDEX(Jesper!AH$2:AH$366,ROUNDDOWN($C1920/24,0)+1,1))-1)+IF('Standard Profiles'!$G$18=$B$10,7,0)+IF('Standard Profiles'!$G$18=$B$17,14,0)+IF('Standard Profiles'!$G$18=$B$24,21,0),0)),0)</f>
        <v>35.1821282978147</v>
      </c>
      <c r="E1920" cm="1">
        <f t="array" ref="E1920">IFERROR(INDEX(Jesper!AI$2:AI$366,ROUNDDOWN($C1920/24,0)+1,1)*INDEX($D$3:$AA$30,INDEX(Jesper!$R$2:$R$366,ROW(INDEX(Jesper!AI$2:AI$366,ROUNDDOWN($C1920/24,0)+1,1))-1)+IF('Standard Profiles'!$G$19=$B$10,7,0)+IF('Standard Profiles'!$G$19=$B$17,14,0)+IF('Standard Profiles'!$G$19=$B$24,21,0),MOD($C1920,24)+1)/SUM(INDEX($D$3:$AA$30,INDEX(Jesper!$R$2:$R$366,ROW(INDEX(Jesper!AI$2:AI$366,ROUNDDOWN($C1920/24,0)+1,1))-1)+IF('Standard Profiles'!$G$19=$B$10,7,0)+IF('Standard Profiles'!$G$19=$B$17,14,0)+IF('Standard Profiles'!$G$19=$B$24,21,0),0)),0)</f>
        <v>25.822227549048808</v>
      </c>
      <c r="F1920" cm="1">
        <f t="array" ref="F1920">IFERROR(INDEX(Jesper!AJ$2:AJ$366,ROUNDDOWN($C1920/24,0)+1,1)*INDEX($D$3:$AA$30,INDEX(Jesper!$R$2:$R$366,ROW(INDEX(Jesper!AJ$2:AJ$366,ROUNDDOWN($C1920/24,0)+1,1))-1)+IF('Standard Profiles'!$G$20=$B$10,7,0)+IF('Standard Profiles'!$G$20=$B$17,14,0)+IF('Standard Profiles'!$G$20=$B$24,21,0),MOD($C1920,24)+1)/SUM(INDEX($D$3:$AA$30,INDEX(Jesper!$R$2:$R$366,ROW(INDEX(Jesper!AJ$2:AJ$366,ROUNDDOWN($C1920/24,0)+1,1))-1)+IF('Standard Profiles'!$G$20=$B$10,7,0)+IF('Standard Profiles'!$G$20=$B$17,14,0)+IF('Standard Profiles'!$G$20=$B$24,21,0),0)),0)</f>
        <v>0</v>
      </c>
      <c r="G1920" cm="1">
        <f t="array" ref="G1920">IFERROR(INDEX(Jesper!AK$2:AK$366,ROUNDDOWN($C1920/24,0)+1,1)*INDEX($D$3:$AA$30,INDEX(Jesper!$R$2:$R$366,ROW(INDEX(Jesper!AK$2:AK$366,ROUNDDOWN($C1920/24,0)+1,1))-1)+IF('Standard Profiles'!$G$21=$B$10,7,0)+IF('Standard Profiles'!$G$21=$B$17,14,0)+IF('Standard Profiles'!$G$21=$B$24,21,0),MOD($C1920,24)+1)/SUM(INDEX($D$3:$AA$30,INDEX(Jesper!$R$2:$R$366,ROW(INDEX(Jesper!AK$2:AK$366,ROUNDDOWN($C1920/24,0)+1,1))-1)+IF('Standard Profiles'!$G$21=$B$10,7,0)+IF('Standard Profiles'!$G$21=$B$17,14,0)+IF('Standard Profiles'!$G$21=$B$24,21,0),0)),0)</f>
        <v>5.3099286889037529</v>
      </c>
      <c r="H1920" cm="1">
        <f t="array" ref="H1920">IFERROR(INDEX(Jesper!AL$2:AL$366,ROUNDDOWN($C1920/24,0)+1,1)*INDEX($D$3:$AA$30,INDEX(Jesper!$R$2:$R$366,ROW(INDEX(Jesper!AL$2:AL$366,ROUNDDOWN($C1920/24,0)+1,1))-1)+IF('Standard Profiles'!$G$22=$B$10,7,0)+IF('Standard Profiles'!$G$22=$B$17,14,0)+IF('Standard Profiles'!$G$22=$B$24,21,0),MOD($C1920,24)+1)/SUM(INDEX($D$3:$AA$30,INDEX(Jesper!$R$2:$R$366,ROW(INDEX(Jesper!AL$2:AL$366,ROUNDDOWN($C1920/24,0)+1,1))-1)+IF('Standard Profiles'!$G$22=$B$10,7,0)+IF('Standard Profiles'!$G$22=$B$17,14,0)+IF('Standard Profiles'!$G$22=$B$24,21,0),0)),0)</f>
        <v>0</v>
      </c>
      <c r="I1920">
        <f t="shared" si="223"/>
        <v>2.5487657706738003</v>
      </c>
      <c r="J1920">
        <f t="shared" si="224"/>
        <v>58.136378237443104</v>
      </c>
      <c r="K1920">
        <f t="shared" si="225"/>
        <v>3.7527603517669017</v>
      </c>
      <c r="L1920">
        <f t="shared" si="226"/>
        <v>1.8763801758834509</v>
      </c>
      <c r="M1920">
        <f t="shared" si="227"/>
        <v>0</v>
      </c>
      <c r="N1920" s="45">
        <f t="shared" si="228"/>
        <v>45005.583333328759</v>
      </c>
    </row>
    <row r="1921" spans="2:14" x14ac:dyDescent="0.25">
      <c r="B1921">
        <f t="shared" si="222"/>
        <v>1</v>
      </c>
      <c r="C1921" s="16">
        <v>1887</v>
      </c>
      <c r="D1921" cm="1">
        <f t="array" ref="D1921">IFERROR(INDEX(Jesper!AH$2:AH$366,ROUNDDOWN($C1921/24,0)+1,1)*INDEX($D$3:$AA$30,INDEX(Jesper!$R$2:$R$366,ROW(INDEX(Jesper!AH$2:AH$366,ROUNDDOWN($C1921/24,0)+1,1))-1)+IF('Standard Profiles'!$G$18=$B$10,7,0)+IF('Standard Profiles'!$G$18=$B$17,14,0)+IF('Standard Profiles'!$G$18=$B$24,21,0),MOD($C1921,24)+1)/SUM(INDEX($D$3:$AA$30,INDEX(Jesper!$R$2:$R$366,ROW(INDEX(Jesper!AH$2:AH$366,ROUNDDOWN($C1921/24,0)+1,1))-1)+IF('Standard Profiles'!$G$18=$B$10,7,0)+IF('Standard Profiles'!$G$18=$B$17,14,0)+IF('Standard Profiles'!$G$18=$B$24,21,0),0)),0)</f>
        <v>35.1821282978147</v>
      </c>
      <c r="E1921" cm="1">
        <f t="array" ref="E1921">IFERROR(INDEX(Jesper!AI$2:AI$366,ROUNDDOWN($C1921/24,0)+1,1)*INDEX($D$3:$AA$30,INDEX(Jesper!$R$2:$R$366,ROW(INDEX(Jesper!AI$2:AI$366,ROUNDDOWN($C1921/24,0)+1,1))-1)+IF('Standard Profiles'!$G$19=$B$10,7,0)+IF('Standard Profiles'!$G$19=$B$17,14,0)+IF('Standard Profiles'!$G$19=$B$24,21,0),MOD($C1921,24)+1)/SUM(INDEX($D$3:$AA$30,INDEX(Jesper!$R$2:$R$366,ROW(INDEX(Jesper!AI$2:AI$366,ROUNDDOWN($C1921/24,0)+1,1))-1)+IF('Standard Profiles'!$G$19=$B$10,7,0)+IF('Standard Profiles'!$G$19=$B$17,14,0)+IF('Standard Profiles'!$G$19=$B$24,21,0),0)),0)</f>
        <v>25.822227549048808</v>
      </c>
      <c r="F1921" cm="1">
        <f t="array" ref="F1921">IFERROR(INDEX(Jesper!AJ$2:AJ$366,ROUNDDOWN($C1921/24,0)+1,1)*INDEX($D$3:$AA$30,INDEX(Jesper!$R$2:$R$366,ROW(INDEX(Jesper!AJ$2:AJ$366,ROUNDDOWN($C1921/24,0)+1,1))-1)+IF('Standard Profiles'!$G$20=$B$10,7,0)+IF('Standard Profiles'!$G$20=$B$17,14,0)+IF('Standard Profiles'!$G$20=$B$24,21,0),MOD($C1921,24)+1)/SUM(INDEX($D$3:$AA$30,INDEX(Jesper!$R$2:$R$366,ROW(INDEX(Jesper!AJ$2:AJ$366,ROUNDDOWN($C1921/24,0)+1,1))-1)+IF('Standard Profiles'!$G$20=$B$10,7,0)+IF('Standard Profiles'!$G$20=$B$17,14,0)+IF('Standard Profiles'!$G$20=$B$24,21,0),0)),0)</f>
        <v>0</v>
      </c>
      <c r="G1921" cm="1">
        <f t="array" ref="G1921">IFERROR(INDEX(Jesper!AK$2:AK$366,ROUNDDOWN($C1921/24,0)+1,1)*INDEX($D$3:$AA$30,INDEX(Jesper!$R$2:$R$366,ROW(INDEX(Jesper!AK$2:AK$366,ROUNDDOWN($C1921/24,0)+1,1))-1)+IF('Standard Profiles'!$G$21=$B$10,7,0)+IF('Standard Profiles'!$G$21=$B$17,14,0)+IF('Standard Profiles'!$G$21=$B$24,21,0),MOD($C1921,24)+1)/SUM(INDEX($D$3:$AA$30,INDEX(Jesper!$R$2:$R$366,ROW(INDEX(Jesper!AK$2:AK$366,ROUNDDOWN($C1921/24,0)+1,1))-1)+IF('Standard Profiles'!$G$21=$B$10,7,0)+IF('Standard Profiles'!$G$21=$B$17,14,0)+IF('Standard Profiles'!$G$21=$B$24,21,0),0)),0)</f>
        <v>5.3099286889037529</v>
      </c>
      <c r="H1921" cm="1">
        <f t="array" ref="H1921">IFERROR(INDEX(Jesper!AL$2:AL$366,ROUNDDOWN($C1921/24,0)+1,1)*INDEX($D$3:$AA$30,INDEX(Jesper!$R$2:$R$366,ROW(INDEX(Jesper!AL$2:AL$366,ROUNDDOWN($C1921/24,0)+1,1))-1)+IF('Standard Profiles'!$G$22=$B$10,7,0)+IF('Standard Profiles'!$G$22=$B$17,14,0)+IF('Standard Profiles'!$G$22=$B$24,21,0),MOD($C1921,24)+1)/SUM(INDEX($D$3:$AA$30,INDEX(Jesper!$R$2:$R$366,ROW(INDEX(Jesper!AL$2:AL$366,ROUNDDOWN($C1921/24,0)+1,1))-1)+IF('Standard Profiles'!$G$22=$B$10,7,0)+IF('Standard Profiles'!$G$22=$B$17,14,0)+IF('Standard Profiles'!$G$22=$B$24,21,0),0)),0)</f>
        <v>0</v>
      </c>
      <c r="I1921">
        <f t="shared" si="223"/>
        <v>2.5487657706738003</v>
      </c>
      <c r="J1921">
        <f t="shared" si="224"/>
        <v>58.136378237443104</v>
      </c>
      <c r="K1921">
        <f t="shared" si="225"/>
        <v>3.7527603517669017</v>
      </c>
      <c r="L1921">
        <f t="shared" si="226"/>
        <v>1.8763801758834509</v>
      </c>
      <c r="M1921">
        <f t="shared" si="227"/>
        <v>0</v>
      </c>
      <c r="N1921" s="45">
        <f t="shared" si="228"/>
        <v>45005.624999995423</v>
      </c>
    </row>
    <row r="1922" spans="2:14" x14ac:dyDescent="0.25">
      <c r="B1922">
        <f t="shared" si="222"/>
        <v>1</v>
      </c>
      <c r="C1922" s="16">
        <v>1888</v>
      </c>
      <c r="D1922" cm="1">
        <f t="array" ref="D1922">IFERROR(INDEX(Jesper!AH$2:AH$366,ROUNDDOWN($C1922/24,0)+1,1)*INDEX($D$3:$AA$30,INDEX(Jesper!$R$2:$R$366,ROW(INDEX(Jesper!AH$2:AH$366,ROUNDDOWN($C1922/24,0)+1,1))-1)+IF('Standard Profiles'!$G$18=$B$10,7,0)+IF('Standard Profiles'!$G$18=$B$17,14,0)+IF('Standard Profiles'!$G$18=$B$24,21,0),MOD($C1922,24)+1)/SUM(INDEX($D$3:$AA$30,INDEX(Jesper!$R$2:$R$366,ROW(INDEX(Jesper!AH$2:AH$366,ROUNDDOWN($C1922/24,0)+1,1))-1)+IF('Standard Profiles'!$G$18=$B$10,7,0)+IF('Standard Profiles'!$G$18=$B$17,14,0)+IF('Standard Profiles'!$G$18=$B$24,21,0),0)),0)</f>
        <v>20.522908173725241</v>
      </c>
      <c r="E1922" cm="1">
        <f t="array" ref="E1922">IFERROR(INDEX(Jesper!AI$2:AI$366,ROUNDDOWN($C1922/24,0)+1,1)*INDEX($D$3:$AA$30,INDEX(Jesper!$R$2:$R$366,ROW(INDEX(Jesper!AI$2:AI$366,ROUNDDOWN($C1922/24,0)+1,1))-1)+IF('Standard Profiles'!$G$19=$B$10,7,0)+IF('Standard Profiles'!$G$19=$B$17,14,0)+IF('Standard Profiles'!$G$19=$B$24,21,0),MOD($C1922,24)+1)/SUM(INDEX($D$3:$AA$30,INDEX(Jesper!$R$2:$R$366,ROW(INDEX(Jesper!AI$2:AI$366,ROUNDDOWN($C1922/24,0)+1,1))-1)+IF('Standard Profiles'!$G$19=$B$10,7,0)+IF('Standard Profiles'!$G$19=$B$17,14,0)+IF('Standard Profiles'!$G$19=$B$24,21,0),0)),0)</f>
        <v>15.062966070278472</v>
      </c>
      <c r="F1922" cm="1">
        <f t="array" ref="F1922">IFERROR(INDEX(Jesper!AJ$2:AJ$366,ROUNDDOWN($C1922/24,0)+1,1)*INDEX($D$3:$AA$30,INDEX(Jesper!$R$2:$R$366,ROW(INDEX(Jesper!AJ$2:AJ$366,ROUNDDOWN($C1922/24,0)+1,1))-1)+IF('Standard Profiles'!$G$20=$B$10,7,0)+IF('Standard Profiles'!$G$20=$B$17,14,0)+IF('Standard Profiles'!$G$20=$B$24,21,0),MOD($C1922,24)+1)/SUM(INDEX($D$3:$AA$30,INDEX(Jesper!$R$2:$R$366,ROW(INDEX(Jesper!AJ$2:AJ$366,ROUNDDOWN($C1922/24,0)+1,1))-1)+IF('Standard Profiles'!$G$20=$B$10,7,0)+IF('Standard Profiles'!$G$20=$B$17,14,0)+IF('Standard Profiles'!$G$20=$B$24,21,0),0)),0)</f>
        <v>0</v>
      </c>
      <c r="G1922" cm="1">
        <f t="array" ref="G1922">IFERROR(INDEX(Jesper!AK$2:AK$366,ROUNDDOWN($C1922/24,0)+1,1)*INDEX($D$3:$AA$30,INDEX(Jesper!$R$2:$R$366,ROW(INDEX(Jesper!AK$2:AK$366,ROUNDDOWN($C1922/24,0)+1,1))-1)+IF('Standard Profiles'!$G$21=$B$10,7,0)+IF('Standard Profiles'!$G$21=$B$17,14,0)+IF('Standard Profiles'!$G$21=$B$24,21,0),MOD($C1922,24)+1)/SUM(INDEX($D$3:$AA$30,INDEX(Jesper!$R$2:$R$366,ROW(INDEX(Jesper!AK$2:AK$366,ROUNDDOWN($C1922/24,0)+1,1))-1)+IF('Standard Profiles'!$G$21=$B$10,7,0)+IF('Standard Profiles'!$G$21=$B$17,14,0)+IF('Standard Profiles'!$G$21=$B$24,21,0),0)),0)</f>
        <v>4.4249405740864614</v>
      </c>
      <c r="H1922" cm="1">
        <f t="array" ref="H1922">IFERROR(INDEX(Jesper!AL$2:AL$366,ROUNDDOWN($C1922/24,0)+1,1)*INDEX($D$3:$AA$30,INDEX(Jesper!$R$2:$R$366,ROW(INDEX(Jesper!AL$2:AL$366,ROUNDDOWN($C1922/24,0)+1,1))-1)+IF('Standard Profiles'!$G$22=$B$10,7,0)+IF('Standard Profiles'!$G$22=$B$17,14,0)+IF('Standard Profiles'!$G$22=$B$24,21,0),MOD($C1922,24)+1)/SUM(INDEX($D$3:$AA$30,INDEX(Jesper!$R$2:$R$366,ROW(INDEX(Jesper!AL$2:AL$366,ROUNDDOWN($C1922/24,0)+1,1))-1)+IF('Standard Profiles'!$G$22=$B$10,7,0)+IF('Standard Profiles'!$G$22=$B$17,14,0)+IF('Standard Profiles'!$G$22=$B$24,21,0),0)),0)</f>
        <v>0</v>
      </c>
      <c r="I1922">
        <f t="shared" si="223"/>
        <v>2.1239714755615005</v>
      </c>
      <c r="J1922">
        <f t="shared" si="224"/>
        <v>34.603178034732636</v>
      </c>
      <c r="K1922">
        <f t="shared" si="225"/>
        <v>2.1891102051973594</v>
      </c>
      <c r="L1922">
        <f t="shared" si="226"/>
        <v>1.0945551025986797</v>
      </c>
      <c r="M1922">
        <f t="shared" si="227"/>
        <v>0</v>
      </c>
      <c r="N1922" s="45">
        <f t="shared" si="228"/>
        <v>45005.666666662088</v>
      </c>
    </row>
    <row r="1923" spans="2:14" x14ac:dyDescent="0.25">
      <c r="B1923">
        <f t="shared" si="222"/>
        <v>1</v>
      </c>
      <c r="C1923" s="16">
        <v>1889</v>
      </c>
      <c r="D1923" cm="1">
        <f t="array" ref="D1923">IFERROR(INDEX(Jesper!AH$2:AH$366,ROUNDDOWN($C1923/24,0)+1,1)*INDEX($D$3:$AA$30,INDEX(Jesper!$R$2:$R$366,ROW(INDEX(Jesper!AH$2:AH$366,ROUNDDOWN($C1923/24,0)+1,1))-1)+IF('Standard Profiles'!$G$18=$B$10,7,0)+IF('Standard Profiles'!$G$18=$B$17,14,0)+IF('Standard Profiles'!$G$18=$B$24,21,0),MOD($C1923,24)+1)/SUM(INDEX($D$3:$AA$30,INDEX(Jesper!$R$2:$R$366,ROW(INDEX(Jesper!AH$2:AH$366,ROUNDDOWN($C1923/24,0)+1,1))-1)+IF('Standard Profiles'!$G$18=$B$10,7,0)+IF('Standard Profiles'!$G$18=$B$17,14,0)+IF('Standard Profiles'!$G$18=$B$24,21,0),0)),0)</f>
        <v>5.8636880496357842</v>
      </c>
      <c r="E1923" cm="1">
        <f t="array" ref="E1923">IFERROR(INDEX(Jesper!AI$2:AI$366,ROUNDDOWN($C1923/24,0)+1,1)*INDEX($D$3:$AA$30,INDEX(Jesper!$R$2:$R$366,ROW(INDEX(Jesper!AI$2:AI$366,ROUNDDOWN($C1923/24,0)+1,1))-1)+IF('Standard Profiles'!$G$19=$B$10,7,0)+IF('Standard Profiles'!$G$19=$B$17,14,0)+IF('Standard Profiles'!$G$19=$B$24,21,0),MOD($C1923,24)+1)/SUM(INDEX($D$3:$AA$30,INDEX(Jesper!$R$2:$R$366,ROW(INDEX(Jesper!AI$2:AI$366,ROUNDDOWN($C1923/24,0)+1,1))-1)+IF('Standard Profiles'!$G$19=$B$10,7,0)+IF('Standard Profiles'!$G$19=$B$17,14,0)+IF('Standard Profiles'!$G$19=$B$24,21,0),0)),0)</f>
        <v>4.3037045915081356</v>
      </c>
      <c r="F1923" cm="1">
        <f t="array" ref="F1923">IFERROR(INDEX(Jesper!AJ$2:AJ$366,ROUNDDOWN($C1923/24,0)+1,1)*INDEX($D$3:$AA$30,INDEX(Jesper!$R$2:$R$366,ROW(INDEX(Jesper!AJ$2:AJ$366,ROUNDDOWN($C1923/24,0)+1,1))-1)+IF('Standard Profiles'!$G$20=$B$10,7,0)+IF('Standard Profiles'!$G$20=$B$17,14,0)+IF('Standard Profiles'!$G$20=$B$24,21,0),MOD($C1923,24)+1)/SUM(INDEX($D$3:$AA$30,INDEX(Jesper!$R$2:$R$366,ROW(INDEX(Jesper!AJ$2:AJ$366,ROUNDDOWN($C1923/24,0)+1,1))-1)+IF('Standard Profiles'!$G$20=$B$10,7,0)+IF('Standard Profiles'!$G$20=$B$17,14,0)+IF('Standard Profiles'!$G$20=$B$24,21,0),0)),0)</f>
        <v>0</v>
      </c>
      <c r="G1923" cm="1">
        <f t="array" ref="G1923">IFERROR(INDEX(Jesper!AK$2:AK$366,ROUNDDOWN($C1923/24,0)+1,1)*INDEX($D$3:$AA$30,INDEX(Jesper!$R$2:$R$366,ROW(INDEX(Jesper!AK$2:AK$366,ROUNDDOWN($C1923/24,0)+1,1))-1)+IF('Standard Profiles'!$G$21=$B$10,7,0)+IF('Standard Profiles'!$G$21=$B$17,14,0)+IF('Standard Profiles'!$G$21=$B$24,21,0),MOD($C1923,24)+1)/SUM(INDEX($D$3:$AA$30,INDEX(Jesper!$R$2:$R$366,ROW(INDEX(Jesper!AK$2:AK$366,ROUNDDOWN($C1923/24,0)+1,1))-1)+IF('Standard Profiles'!$G$21=$B$10,7,0)+IF('Standard Profiles'!$G$21=$B$17,14,0)+IF('Standard Profiles'!$G$21=$B$24,21,0),0)),0)</f>
        <v>3.5602970136327849</v>
      </c>
      <c r="H1923" cm="1">
        <f t="array" ref="H1923">IFERROR(INDEX(Jesper!AL$2:AL$366,ROUNDDOWN($C1923/24,0)+1,1)*INDEX($D$3:$AA$30,INDEX(Jesper!$R$2:$R$366,ROW(INDEX(Jesper!AL$2:AL$366,ROUNDDOWN($C1923/24,0)+1,1))-1)+IF('Standard Profiles'!$G$22=$B$10,7,0)+IF('Standard Profiles'!$G$22=$B$17,14,0)+IF('Standard Profiles'!$G$22=$B$24,21,0),MOD($C1923,24)+1)/SUM(INDEX($D$3:$AA$30,INDEX(Jesper!$R$2:$R$366,ROW(INDEX(Jesper!AL$2:AL$366,ROUNDDOWN($C1923/24,0)+1,1))-1)+IF('Standard Profiles'!$G$22=$B$10,7,0)+IF('Standard Profiles'!$G$22=$B$17,14,0)+IF('Standard Profiles'!$G$22=$B$24,21,0),0)),0)</f>
        <v>0</v>
      </c>
      <c r="I1923">
        <f t="shared" si="223"/>
        <v>1.7089425665437359</v>
      </c>
      <c r="J1923">
        <f t="shared" si="224"/>
        <v>11.080557000291243</v>
      </c>
      <c r="K1923">
        <f t="shared" si="225"/>
        <v>0.62546005862781706</v>
      </c>
      <c r="L1923">
        <f t="shared" si="226"/>
        <v>0.31273002931390853</v>
      </c>
      <c r="M1923">
        <f t="shared" si="227"/>
        <v>0</v>
      </c>
      <c r="N1923" s="45">
        <f t="shared" si="228"/>
        <v>45005.708333328752</v>
      </c>
    </row>
    <row r="1924" spans="2:14" x14ac:dyDescent="0.25">
      <c r="B1924">
        <f t="shared" si="222"/>
        <v>1</v>
      </c>
      <c r="C1924" s="16">
        <v>1890</v>
      </c>
      <c r="D1924" cm="1">
        <f t="array" ref="D1924">IFERROR(INDEX(Jesper!AH$2:AH$366,ROUNDDOWN($C1924/24,0)+1,1)*INDEX($D$3:$AA$30,INDEX(Jesper!$R$2:$R$366,ROW(INDEX(Jesper!AH$2:AH$366,ROUNDDOWN($C1924/24,0)+1,1))-1)+IF('Standard Profiles'!$G$18=$B$10,7,0)+IF('Standard Profiles'!$G$18=$B$17,14,0)+IF('Standard Profiles'!$G$18=$B$24,21,0),MOD($C1924,24)+1)/SUM(INDEX($D$3:$AA$30,INDEX(Jesper!$R$2:$R$366,ROW(INDEX(Jesper!AH$2:AH$366,ROUNDDOWN($C1924/24,0)+1,1))-1)+IF('Standard Profiles'!$G$18=$B$10,7,0)+IF('Standard Profiles'!$G$18=$B$17,14,0)+IF('Standard Profiles'!$G$18=$B$24,21,0),0)),0)</f>
        <v>5.7811008940071114</v>
      </c>
      <c r="E1924" cm="1">
        <f t="array" ref="E1924">IFERROR(INDEX(Jesper!AI$2:AI$366,ROUNDDOWN($C1924/24,0)+1,1)*INDEX($D$3:$AA$30,INDEX(Jesper!$R$2:$R$366,ROW(INDEX(Jesper!AI$2:AI$366,ROUNDDOWN($C1924/24,0)+1,1))-1)+IF('Standard Profiles'!$G$19=$B$10,7,0)+IF('Standard Profiles'!$G$19=$B$17,14,0)+IF('Standard Profiles'!$G$19=$B$24,21,0),MOD($C1924,24)+1)/SUM(INDEX($D$3:$AA$30,INDEX(Jesper!$R$2:$R$366,ROW(INDEX(Jesper!AI$2:AI$366,ROUNDDOWN($C1924/24,0)+1,1))-1)+IF('Standard Profiles'!$G$19=$B$10,7,0)+IF('Standard Profiles'!$G$19=$B$17,14,0)+IF('Standard Profiles'!$G$19=$B$24,21,0),0)),0)</f>
        <v>4.2430890338812599</v>
      </c>
      <c r="F1924" cm="1">
        <f t="array" ref="F1924">IFERROR(INDEX(Jesper!AJ$2:AJ$366,ROUNDDOWN($C1924/24,0)+1,1)*INDEX($D$3:$AA$30,INDEX(Jesper!$R$2:$R$366,ROW(INDEX(Jesper!AJ$2:AJ$366,ROUNDDOWN($C1924/24,0)+1,1))-1)+IF('Standard Profiles'!$G$20=$B$10,7,0)+IF('Standard Profiles'!$G$20=$B$17,14,0)+IF('Standard Profiles'!$G$20=$B$24,21,0),MOD($C1924,24)+1)/SUM(INDEX($D$3:$AA$30,INDEX(Jesper!$R$2:$R$366,ROW(INDEX(Jesper!AJ$2:AJ$366,ROUNDDOWN($C1924/24,0)+1,1))-1)+IF('Standard Profiles'!$G$20=$B$10,7,0)+IF('Standard Profiles'!$G$20=$B$17,14,0)+IF('Standard Profiles'!$G$20=$B$24,21,0),0)),0)</f>
        <v>0</v>
      </c>
      <c r="G1924" cm="1">
        <f t="array" ref="G1924">IFERROR(INDEX(Jesper!AK$2:AK$366,ROUNDDOWN($C1924/24,0)+1,1)*INDEX($D$3:$AA$30,INDEX(Jesper!$R$2:$R$366,ROW(INDEX(Jesper!AK$2:AK$366,ROUNDDOWN($C1924/24,0)+1,1))-1)+IF('Standard Profiles'!$G$21=$B$10,7,0)+IF('Standard Profiles'!$G$21=$B$17,14,0)+IF('Standard Profiles'!$G$21=$B$24,21,0),MOD($C1924,24)+1)/SUM(INDEX($D$3:$AA$30,INDEX(Jesper!$R$2:$R$366,ROW(INDEX(Jesper!AK$2:AK$366,ROUNDDOWN($C1924/24,0)+1,1))-1)+IF('Standard Profiles'!$G$21=$B$10,7,0)+IF('Standard Profiles'!$G$21=$B$17,14,0)+IF('Standard Profiles'!$G$21=$B$24,21,0),0)),0)</f>
        <v>1.2715346477259948</v>
      </c>
      <c r="H1924" cm="1">
        <f t="array" ref="H1924">IFERROR(INDEX(Jesper!AL$2:AL$366,ROUNDDOWN($C1924/24,0)+1,1)*INDEX($D$3:$AA$30,INDEX(Jesper!$R$2:$R$366,ROW(INDEX(Jesper!AL$2:AL$366,ROUNDDOWN($C1924/24,0)+1,1))-1)+IF('Standard Profiles'!$G$22=$B$10,7,0)+IF('Standard Profiles'!$G$22=$B$17,14,0)+IF('Standard Profiles'!$G$22=$B$24,21,0),MOD($C1924,24)+1)/SUM(INDEX($D$3:$AA$30,INDEX(Jesper!$R$2:$R$366,ROW(INDEX(Jesper!AL$2:AL$366,ROUNDDOWN($C1924/24,0)+1,1))-1)+IF('Standard Profiles'!$G$22=$B$10,7,0)+IF('Standard Profiles'!$G$22=$B$17,14,0)+IF('Standard Profiles'!$G$22=$B$24,21,0),0)),0)</f>
        <v>0</v>
      </c>
      <c r="I1924">
        <f t="shared" si="223"/>
        <v>0.61033663090847723</v>
      </c>
      <c r="J1924">
        <f t="shared" si="224"/>
        <v>9.7604118016647501</v>
      </c>
      <c r="K1924">
        <f t="shared" si="225"/>
        <v>0.6166507620274253</v>
      </c>
      <c r="L1924">
        <f t="shared" si="226"/>
        <v>0.30832538101371265</v>
      </c>
      <c r="M1924">
        <f t="shared" si="227"/>
        <v>0</v>
      </c>
      <c r="N1924" s="45">
        <f t="shared" si="228"/>
        <v>45005.749999995416</v>
      </c>
    </row>
    <row r="1925" spans="2:14" x14ac:dyDescent="0.25">
      <c r="B1925">
        <f t="shared" si="222"/>
        <v>1</v>
      </c>
      <c r="C1925" s="16">
        <v>1891</v>
      </c>
      <c r="D1925" cm="1">
        <f t="array" ref="D1925">IFERROR(INDEX(Jesper!AH$2:AH$366,ROUNDDOWN($C1925/24,0)+1,1)*INDEX($D$3:$AA$30,INDEX(Jesper!$R$2:$R$366,ROW(INDEX(Jesper!AH$2:AH$366,ROUNDDOWN($C1925/24,0)+1,1))-1)+IF('Standard Profiles'!$G$18=$B$10,7,0)+IF('Standard Profiles'!$G$18=$B$17,14,0)+IF('Standard Profiles'!$G$18=$B$24,21,0),MOD($C1925,24)+1)/SUM(INDEX($D$3:$AA$30,INDEX(Jesper!$R$2:$R$366,ROW(INDEX(Jesper!AH$2:AH$366,ROUNDDOWN($C1925/24,0)+1,1))-1)+IF('Standard Profiles'!$G$18=$B$10,7,0)+IF('Standard Profiles'!$G$18=$B$17,14,0)+IF('Standard Profiles'!$G$18=$B$24,21,0),0)),0)</f>
        <v>5.7811008940071114</v>
      </c>
      <c r="E1925" cm="1">
        <f t="array" ref="E1925">IFERROR(INDEX(Jesper!AI$2:AI$366,ROUNDDOWN($C1925/24,0)+1,1)*INDEX($D$3:$AA$30,INDEX(Jesper!$R$2:$R$366,ROW(INDEX(Jesper!AI$2:AI$366,ROUNDDOWN($C1925/24,0)+1,1))-1)+IF('Standard Profiles'!$G$19=$B$10,7,0)+IF('Standard Profiles'!$G$19=$B$17,14,0)+IF('Standard Profiles'!$G$19=$B$24,21,0),MOD($C1925,24)+1)/SUM(INDEX($D$3:$AA$30,INDEX(Jesper!$R$2:$R$366,ROW(INDEX(Jesper!AI$2:AI$366,ROUNDDOWN($C1925/24,0)+1,1))-1)+IF('Standard Profiles'!$G$19=$B$10,7,0)+IF('Standard Profiles'!$G$19=$B$17,14,0)+IF('Standard Profiles'!$G$19=$B$24,21,0),0)),0)</f>
        <v>4.2430890338812599</v>
      </c>
      <c r="F1925" cm="1">
        <f t="array" ref="F1925">IFERROR(INDEX(Jesper!AJ$2:AJ$366,ROUNDDOWN($C1925/24,0)+1,1)*INDEX($D$3:$AA$30,INDEX(Jesper!$R$2:$R$366,ROW(INDEX(Jesper!AJ$2:AJ$366,ROUNDDOWN($C1925/24,0)+1,1))-1)+IF('Standard Profiles'!$G$20=$B$10,7,0)+IF('Standard Profiles'!$G$20=$B$17,14,0)+IF('Standard Profiles'!$G$20=$B$24,21,0),MOD($C1925,24)+1)/SUM(INDEX($D$3:$AA$30,INDEX(Jesper!$R$2:$R$366,ROW(INDEX(Jesper!AJ$2:AJ$366,ROUNDDOWN($C1925/24,0)+1,1))-1)+IF('Standard Profiles'!$G$20=$B$10,7,0)+IF('Standard Profiles'!$G$20=$B$17,14,0)+IF('Standard Profiles'!$G$20=$B$24,21,0),0)),0)</f>
        <v>0</v>
      </c>
      <c r="G1925" cm="1">
        <f t="array" ref="G1925">IFERROR(INDEX(Jesper!AK$2:AK$366,ROUNDDOWN($C1925/24,0)+1,1)*INDEX($D$3:$AA$30,INDEX(Jesper!$R$2:$R$366,ROW(INDEX(Jesper!AK$2:AK$366,ROUNDDOWN($C1925/24,0)+1,1))-1)+IF('Standard Profiles'!$G$21=$B$10,7,0)+IF('Standard Profiles'!$G$21=$B$17,14,0)+IF('Standard Profiles'!$G$21=$B$24,21,0),MOD($C1925,24)+1)/SUM(INDEX($D$3:$AA$30,INDEX(Jesper!$R$2:$R$366,ROW(INDEX(Jesper!AK$2:AK$366,ROUNDDOWN($C1925/24,0)+1,1))-1)+IF('Standard Profiles'!$G$21=$B$10,7,0)+IF('Standard Profiles'!$G$21=$B$17,14,0)+IF('Standard Profiles'!$G$21=$B$24,21,0),0)),0)</f>
        <v>1.2715346477259948</v>
      </c>
      <c r="H1925" cm="1">
        <f t="array" ref="H1925">IFERROR(INDEX(Jesper!AL$2:AL$366,ROUNDDOWN($C1925/24,0)+1,1)*INDEX($D$3:$AA$30,INDEX(Jesper!$R$2:$R$366,ROW(INDEX(Jesper!AL$2:AL$366,ROUNDDOWN($C1925/24,0)+1,1))-1)+IF('Standard Profiles'!$G$22=$B$10,7,0)+IF('Standard Profiles'!$G$22=$B$17,14,0)+IF('Standard Profiles'!$G$22=$B$24,21,0),MOD($C1925,24)+1)/SUM(INDEX($D$3:$AA$30,INDEX(Jesper!$R$2:$R$366,ROW(INDEX(Jesper!AL$2:AL$366,ROUNDDOWN($C1925/24,0)+1,1))-1)+IF('Standard Profiles'!$G$22=$B$10,7,0)+IF('Standard Profiles'!$G$22=$B$17,14,0)+IF('Standard Profiles'!$G$22=$B$24,21,0),0)),0)</f>
        <v>0</v>
      </c>
      <c r="I1925">
        <f t="shared" si="223"/>
        <v>0.61033663090847723</v>
      </c>
      <c r="J1925">
        <f t="shared" si="224"/>
        <v>9.7604118016647501</v>
      </c>
      <c r="K1925">
        <f t="shared" si="225"/>
        <v>0.6166507620274253</v>
      </c>
      <c r="L1925">
        <f t="shared" si="226"/>
        <v>0.30832538101371265</v>
      </c>
      <c r="M1925">
        <f t="shared" si="227"/>
        <v>0</v>
      </c>
      <c r="N1925" s="45">
        <f t="shared" si="228"/>
        <v>45005.79166666208</v>
      </c>
    </row>
    <row r="1926" spans="2:14" x14ac:dyDescent="0.25">
      <c r="B1926">
        <f t="shared" si="222"/>
        <v>1</v>
      </c>
      <c r="C1926" s="16">
        <v>1892</v>
      </c>
      <c r="D1926" cm="1">
        <f t="array" ref="D1926">IFERROR(INDEX(Jesper!AH$2:AH$366,ROUNDDOWN($C1926/24,0)+1,1)*INDEX($D$3:$AA$30,INDEX(Jesper!$R$2:$R$366,ROW(INDEX(Jesper!AH$2:AH$366,ROUNDDOWN($C1926/24,0)+1,1))-1)+IF('Standard Profiles'!$G$18=$B$10,7,0)+IF('Standard Profiles'!$G$18=$B$17,14,0)+IF('Standard Profiles'!$G$18=$B$24,21,0),MOD($C1926,24)+1)/SUM(INDEX($D$3:$AA$30,INDEX(Jesper!$R$2:$R$366,ROW(INDEX(Jesper!AH$2:AH$366,ROUNDDOWN($C1926/24,0)+1,1))-1)+IF('Standard Profiles'!$G$18=$B$10,7,0)+IF('Standard Profiles'!$G$18=$B$17,14,0)+IF('Standard Profiles'!$G$18=$B$24,21,0),0)),0)</f>
        <v>5.7811008940071114</v>
      </c>
      <c r="E1926" cm="1">
        <f t="array" ref="E1926">IFERROR(INDEX(Jesper!AI$2:AI$366,ROUNDDOWN($C1926/24,0)+1,1)*INDEX($D$3:$AA$30,INDEX(Jesper!$R$2:$R$366,ROW(INDEX(Jesper!AI$2:AI$366,ROUNDDOWN($C1926/24,0)+1,1))-1)+IF('Standard Profiles'!$G$19=$B$10,7,0)+IF('Standard Profiles'!$G$19=$B$17,14,0)+IF('Standard Profiles'!$G$19=$B$24,21,0),MOD($C1926,24)+1)/SUM(INDEX($D$3:$AA$30,INDEX(Jesper!$R$2:$R$366,ROW(INDEX(Jesper!AI$2:AI$366,ROUNDDOWN($C1926/24,0)+1,1))-1)+IF('Standard Profiles'!$G$19=$B$10,7,0)+IF('Standard Profiles'!$G$19=$B$17,14,0)+IF('Standard Profiles'!$G$19=$B$24,21,0),0)),0)</f>
        <v>4.2430890338812599</v>
      </c>
      <c r="F1926" cm="1">
        <f t="array" ref="F1926">IFERROR(INDEX(Jesper!AJ$2:AJ$366,ROUNDDOWN($C1926/24,0)+1,1)*INDEX($D$3:$AA$30,INDEX(Jesper!$R$2:$R$366,ROW(INDEX(Jesper!AJ$2:AJ$366,ROUNDDOWN($C1926/24,0)+1,1))-1)+IF('Standard Profiles'!$G$20=$B$10,7,0)+IF('Standard Profiles'!$G$20=$B$17,14,0)+IF('Standard Profiles'!$G$20=$B$24,21,0),MOD($C1926,24)+1)/SUM(INDEX($D$3:$AA$30,INDEX(Jesper!$R$2:$R$366,ROW(INDEX(Jesper!AJ$2:AJ$366,ROUNDDOWN($C1926/24,0)+1,1))-1)+IF('Standard Profiles'!$G$20=$B$10,7,0)+IF('Standard Profiles'!$G$20=$B$17,14,0)+IF('Standard Profiles'!$G$20=$B$24,21,0),0)),0)</f>
        <v>0</v>
      </c>
      <c r="G1926" cm="1">
        <f t="array" ref="G1926">IFERROR(INDEX(Jesper!AK$2:AK$366,ROUNDDOWN($C1926/24,0)+1,1)*INDEX($D$3:$AA$30,INDEX(Jesper!$R$2:$R$366,ROW(INDEX(Jesper!AK$2:AK$366,ROUNDDOWN($C1926/24,0)+1,1))-1)+IF('Standard Profiles'!$G$21=$B$10,7,0)+IF('Standard Profiles'!$G$21=$B$17,14,0)+IF('Standard Profiles'!$G$21=$B$24,21,0),MOD($C1926,24)+1)/SUM(INDEX($D$3:$AA$30,INDEX(Jesper!$R$2:$R$366,ROW(INDEX(Jesper!AK$2:AK$366,ROUNDDOWN($C1926/24,0)+1,1))-1)+IF('Standard Profiles'!$G$21=$B$10,7,0)+IF('Standard Profiles'!$G$21=$B$17,14,0)+IF('Standard Profiles'!$G$21=$B$24,21,0),0)),0)</f>
        <v>1.2715346477259948</v>
      </c>
      <c r="H1926" cm="1">
        <f t="array" ref="H1926">IFERROR(INDEX(Jesper!AL$2:AL$366,ROUNDDOWN($C1926/24,0)+1,1)*INDEX($D$3:$AA$30,INDEX(Jesper!$R$2:$R$366,ROW(INDEX(Jesper!AL$2:AL$366,ROUNDDOWN($C1926/24,0)+1,1))-1)+IF('Standard Profiles'!$G$22=$B$10,7,0)+IF('Standard Profiles'!$G$22=$B$17,14,0)+IF('Standard Profiles'!$G$22=$B$24,21,0),MOD($C1926,24)+1)/SUM(INDEX($D$3:$AA$30,INDEX(Jesper!$R$2:$R$366,ROW(INDEX(Jesper!AL$2:AL$366,ROUNDDOWN($C1926/24,0)+1,1))-1)+IF('Standard Profiles'!$G$22=$B$10,7,0)+IF('Standard Profiles'!$G$22=$B$17,14,0)+IF('Standard Profiles'!$G$22=$B$24,21,0),0)),0)</f>
        <v>0</v>
      </c>
      <c r="I1926">
        <f t="shared" si="223"/>
        <v>0.61033663090847723</v>
      </c>
      <c r="J1926">
        <f t="shared" si="224"/>
        <v>9.7604118016647501</v>
      </c>
      <c r="K1926">
        <f t="shared" si="225"/>
        <v>0.6166507620274253</v>
      </c>
      <c r="L1926">
        <f t="shared" si="226"/>
        <v>0.30832538101371265</v>
      </c>
      <c r="M1926">
        <f t="shared" si="227"/>
        <v>0</v>
      </c>
      <c r="N1926" s="45">
        <f t="shared" si="228"/>
        <v>45005.833333328745</v>
      </c>
    </row>
    <row r="1927" spans="2:14" x14ac:dyDescent="0.25">
      <c r="B1927">
        <f t="shared" si="222"/>
        <v>1</v>
      </c>
      <c r="C1927" s="16">
        <v>1893</v>
      </c>
      <c r="D1927" cm="1">
        <f t="array" ref="D1927">IFERROR(INDEX(Jesper!AH$2:AH$366,ROUNDDOWN($C1927/24,0)+1,1)*INDEX($D$3:$AA$30,INDEX(Jesper!$R$2:$R$366,ROW(INDEX(Jesper!AH$2:AH$366,ROUNDDOWN($C1927/24,0)+1,1))-1)+IF('Standard Profiles'!$G$18=$B$10,7,0)+IF('Standard Profiles'!$G$18=$B$17,14,0)+IF('Standard Profiles'!$G$18=$B$24,21,0),MOD($C1927,24)+1)/SUM(INDEX($D$3:$AA$30,INDEX(Jesper!$R$2:$R$366,ROW(INDEX(Jesper!AH$2:AH$366,ROUNDDOWN($C1927/24,0)+1,1))-1)+IF('Standard Profiles'!$G$18=$B$10,7,0)+IF('Standard Profiles'!$G$18=$B$17,14,0)+IF('Standard Profiles'!$G$18=$B$24,21,0),0)),0)</f>
        <v>5.7811008940071114</v>
      </c>
      <c r="E1927" cm="1">
        <f t="array" ref="E1927">IFERROR(INDEX(Jesper!AI$2:AI$366,ROUNDDOWN($C1927/24,0)+1,1)*INDEX($D$3:$AA$30,INDEX(Jesper!$R$2:$R$366,ROW(INDEX(Jesper!AI$2:AI$366,ROUNDDOWN($C1927/24,0)+1,1))-1)+IF('Standard Profiles'!$G$19=$B$10,7,0)+IF('Standard Profiles'!$G$19=$B$17,14,0)+IF('Standard Profiles'!$G$19=$B$24,21,0),MOD($C1927,24)+1)/SUM(INDEX($D$3:$AA$30,INDEX(Jesper!$R$2:$R$366,ROW(INDEX(Jesper!AI$2:AI$366,ROUNDDOWN($C1927/24,0)+1,1))-1)+IF('Standard Profiles'!$G$19=$B$10,7,0)+IF('Standard Profiles'!$G$19=$B$17,14,0)+IF('Standard Profiles'!$G$19=$B$24,21,0),0)),0)</f>
        <v>4.2430890338812599</v>
      </c>
      <c r="F1927" cm="1">
        <f t="array" ref="F1927">IFERROR(INDEX(Jesper!AJ$2:AJ$366,ROUNDDOWN($C1927/24,0)+1,1)*INDEX($D$3:$AA$30,INDEX(Jesper!$R$2:$R$366,ROW(INDEX(Jesper!AJ$2:AJ$366,ROUNDDOWN($C1927/24,0)+1,1))-1)+IF('Standard Profiles'!$G$20=$B$10,7,0)+IF('Standard Profiles'!$G$20=$B$17,14,0)+IF('Standard Profiles'!$G$20=$B$24,21,0),MOD($C1927,24)+1)/SUM(INDEX($D$3:$AA$30,INDEX(Jesper!$R$2:$R$366,ROW(INDEX(Jesper!AJ$2:AJ$366,ROUNDDOWN($C1927/24,0)+1,1))-1)+IF('Standard Profiles'!$G$20=$B$10,7,0)+IF('Standard Profiles'!$G$20=$B$17,14,0)+IF('Standard Profiles'!$G$20=$B$24,21,0),0)),0)</f>
        <v>0</v>
      </c>
      <c r="G1927" cm="1">
        <f t="array" ref="G1927">IFERROR(INDEX(Jesper!AK$2:AK$366,ROUNDDOWN($C1927/24,0)+1,1)*INDEX($D$3:$AA$30,INDEX(Jesper!$R$2:$R$366,ROW(INDEX(Jesper!AK$2:AK$366,ROUNDDOWN($C1927/24,0)+1,1))-1)+IF('Standard Profiles'!$G$21=$B$10,7,0)+IF('Standard Profiles'!$G$21=$B$17,14,0)+IF('Standard Profiles'!$G$21=$B$24,21,0),MOD($C1927,24)+1)/SUM(INDEX($D$3:$AA$30,INDEX(Jesper!$R$2:$R$366,ROW(INDEX(Jesper!AK$2:AK$366,ROUNDDOWN($C1927/24,0)+1,1))-1)+IF('Standard Profiles'!$G$21=$B$10,7,0)+IF('Standard Profiles'!$G$21=$B$17,14,0)+IF('Standard Profiles'!$G$21=$B$24,21,0),0)),0)</f>
        <v>1.2715346477259948</v>
      </c>
      <c r="H1927" cm="1">
        <f t="array" ref="H1927">IFERROR(INDEX(Jesper!AL$2:AL$366,ROUNDDOWN($C1927/24,0)+1,1)*INDEX($D$3:$AA$30,INDEX(Jesper!$R$2:$R$366,ROW(INDEX(Jesper!AL$2:AL$366,ROUNDDOWN($C1927/24,0)+1,1))-1)+IF('Standard Profiles'!$G$22=$B$10,7,0)+IF('Standard Profiles'!$G$22=$B$17,14,0)+IF('Standard Profiles'!$G$22=$B$24,21,0),MOD($C1927,24)+1)/SUM(INDEX($D$3:$AA$30,INDEX(Jesper!$R$2:$R$366,ROW(INDEX(Jesper!AL$2:AL$366,ROUNDDOWN($C1927/24,0)+1,1))-1)+IF('Standard Profiles'!$G$22=$B$10,7,0)+IF('Standard Profiles'!$G$22=$B$17,14,0)+IF('Standard Profiles'!$G$22=$B$24,21,0),0)),0)</f>
        <v>0</v>
      </c>
      <c r="I1927">
        <f t="shared" si="223"/>
        <v>0.61033663090847723</v>
      </c>
      <c r="J1927">
        <f t="shared" si="224"/>
        <v>9.7604118016647501</v>
      </c>
      <c r="K1927">
        <f t="shared" si="225"/>
        <v>0.6166507620274253</v>
      </c>
      <c r="L1927">
        <f t="shared" si="226"/>
        <v>0.30832538101371265</v>
      </c>
      <c r="M1927">
        <f t="shared" si="227"/>
        <v>0</v>
      </c>
      <c r="N1927" s="45">
        <f t="shared" si="228"/>
        <v>45005.874999995409</v>
      </c>
    </row>
    <row r="1928" spans="2:14" x14ac:dyDescent="0.25">
      <c r="B1928">
        <f t="shared" si="222"/>
        <v>1</v>
      </c>
      <c r="C1928" s="16">
        <v>1894</v>
      </c>
      <c r="D1928" cm="1">
        <f t="array" ref="D1928">IFERROR(INDEX(Jesper!AH$2:AH$366,ROUNDDOWN($C1928/24,0)+1,1)*INDEX($D$3:$AA$30,INDEX(Jesper!$R$2:$R$366,ROW(INDEX(Jesper!AH$2:AH$366,ROUNDDOWN($C1928/24,0)+1,1))-1)+IF('Standard Profiles'!$G$18=$B$10,7,0)+IF('Standard Profiles'!$G$18=$B$17,14,0)+IF('Standard Profiles'!$G$18=$B$24,21,0),MOD($C1928,24)+1)/SUM(INDEX($D$3:$AA$30,INDEX(Jesper!$R$2:$R$366,ROW(INDEX(Jesper!AH$2:AH$366,ROUNDDOWN($C1928/24,0)+1,1))-1)+IF('Standard Profiles'!$G$18=$B$10,7,0)+IF('Standard Profiles'!$G$18=$B$17,14,0)+IF('Standard Profiles'!$G$18=$B$24,21,0),0)),0)</f>
        <v>5.7811008940071114</v>
      </c>
      <c r="E1928" cm="1">
        <f t="array" ref="E1928">IFERROR(INDEX(Jesper!AI$2:AI$366,ROUNDDOWN($C1928/24,0)+1,1)*INDEX($D$3:$AA$30,INDEX(Jesper!$R$2:$R$366,ROW(INDEX(Jesper!AI$2:AI$366,ROUNDDOWN($C1928/24,0)+1,1))-1)+IF('Standard Profiles'!$G$19=$B$10,7,0)+IF('Standard Profiles'!$G$19=$B$17,14,0)+IF('Standard Profiles'!$G$19=$B$24,21,0),MOD($C1928,24)+1)/SUM(INDEX($D$3:$AA$30,INDEX(Jesper!$R$2:$R$366,ROW(INDEX(Jesper!AI$2:AI$366,ROUNDDOWN($C1928/24,0)+1,1))-1)+IF('Standard Profiles'!$G$19=$B$10,7,0)+IF('Standard Profiles'!$G$19=$B$17,14,0)+IF('Standard Profiles'!$G$19=$B$24,21,0),0)),0)</f>
        <v>4.2430890338812599</v>
      </c>
      <c r="F1928" cm="1">
        <f t="array" ref="F1928">IFERROR(INDEX(Jesper!AJ$2:AJ$366,ROUNDDOWN($C1928/24,0)+1,1)*INDEX($D$3:$AA$30,INDEX(Jesper!$R$2:$R$366,ROW(INDEX(Jesper!AJ$2:AJ$366,ROUNDDOWN($C1928/24,0)+1,1))-1)+IF('Standard Profiles'!$G$20=$B$10,7,0)+IF('Standard Profiles'!$G$20=$B$17,14,0)+IF('Standard Profiles'!$G$20=$B$24,21,0),MOD($C1928,24)+1)/SUM(INDEX($D$3:$AA$30,INDEX(Jesper!$R$2:$R$366,ROW(INDEX(Jesper!AJ$2:AJ$366,ROUNDDOWN($C1928/24,0)+1,1))-1)+IF('Standard Profiles'!$G$20=$B$10,7,0)+IF('Standard Profiles'!$G$20=$B$17,14,0)+IF('Standard Profiles'!$G$20=$B$24,21,0),0)),0)</f>
        <v>0</v>
      </c>
      <c r="G1928" cm="1">
        <f t="array" ref="G1928">IFERROR(INDEX(Jesper!AK$2:AK$366,ROUNDDOWN($C1928/24,0)+1,1)*INDEX($D$3:$AA$30,INDEX(Jesper!$R$2:$R$366,ROW(INDEX(Jesper!AK$2:AK$366,ROUNDDOWN($C1928/24,0)+1,1))-1)+IF('Standard Profiles'!$G$21=$B$10,7,0)+IF('Standard Profiles'!$G$21=$B$17,14,0)+IF('Standard Profiles'!$G$21=$B$24,21,0),MOD($C1928,24)+1)/SUM(INDEX($D$3:$AA$30,INDEX(Jesper!$R$2:$R$366,ROW(INDEX(Jesper!AK$2:AK$366,ROUNDDOWN($C1928/24,0)+1,1))-1)+IF('Standard Profiles'!$G$21=$B$10,7,0)+IF('Standard Profiles'!$G$21=$B$17,14,0)+IF('Standard Profiles'!$G$21=$B$24,21,0),0)),0)</f>
        <v>1.2715346477259948</v>
      </c>
      <c r="H1928" cm="1">
        <f t="array" ref="H1928">IFERROR(INDEX(Jesper!AL$2:AL$366,ROUNDDOWN($C1928/24,0)+1,1)*INDEX($D$3:$AA$30,INDEX(Jesper!$R$2:$R$366,ROW(INDEX(Jesper!AL$2:AL$366,ROUNDDOWN($C1928/24,0)+1,1))-1)+IF('Standard Profiles'!$G$22=$B$10,7,0)+IF('Standard Profiles'!$G$22=$B$17,14,0)+IF('Standard Profiles'!$G$22=$B$24,21,0),MOD($C1928,24)+1)/SUM(INDEX($D$3:$AA$30,INDEX(Jesper!$R$2:$R$366,ROW(INDEX(Jesper!AL$2:AL$366,ROUNDDOWN($C1928/24,0)+1,1))-1)+IF('Standard Profiles'!$G$22=$B$10,7,0)+IF('Standard Profiles'!$G$22=$B$17,14,0)+IF('Standard Profiles'!$G$22=$B$24,21,0),0)),0)</f>
        <v>0</v>
      </c>
      <c r="I1928">
        <f t="shared" si="223"/>
        <v>0.61033663090847723</v>
      </c>
      <c r="J1928">
        <f t="shared" si="224"/>
        <v>9.7604118016647501</v>
      </c>
      <c r="K1928">
        <f t="shared" si="225"/>
        <v>0.6166507620274253</v>
      </c>
      <c r="L1928">
        <f t="shared" si="226"/>
        <v>0.30832538101371265</v>
      </c>
      <c r="M1928">
        <f t="shared" si="227"/>
        <v>0</v>
      </c>
      <c r="N1928" s="45">
        <f t="shared" si="228"/>
        <v>45005.916666662073</v>
      </c>
    </row>
    <row r="1929" spans="2:14" x14ac:dyDescent="0.25">
      <c r="B1929">
        <f t="shared" si="222"/>
        <v>1</v>
      </c>
      <c r="C1929" s="16">
        <v>1895</v>
      </c>
      <c r="D1929" cm="1">
        <f t="array" ref="D1929">IFERROR(INDEX(Jesper!AH$2:AH$366,ROUNDDOWN($C1929/24,0)+1,1)*INDEX($D$3:$AA$30,INDEX(Jesper!$R$2:$R$366,ROW(INDEX(Jesper!AH$2:AH$366,ROUNDDOWN($C1929/24,0)+1,1))-1)+IF('Standard Profiles'!$G$18=$B$10,7,0)+IF('Standard Profiles'!$G$18=$B$17,14,0)+IF('Standard Profiles'!$G$18=$B$24,21,0),MOD($C1929,24)+1)/SUM(INDEX($D$3:$AA$30,INDEX(Jesper!$R$2:$R$366,ROW(INDEX(Jesper!AH$2:AH$366,ROUNDDOWN($C1929/24,0)+1,1))-1)+IF('Standard Profiles'!$G$18=$B$10,7,0)+IF('Standard Profiles'!$G$18=$B$17,14,0)+IF('Standard Profiles'!$G$18=$B$24,21,0),0)),0)</f>
        <v>5.7811008940071114</v>
      </c>
      <c r="E1929" cm="1">
        <f t="array" ref="E1929">IFERROR(INDEX(Jesper!AI$2:AI$366,ROUNDDOWN($C1929/24,0)+1,1)*INDEX($D$3:$AA$30,INDEX(Jesper!$R$2:$R$366,ROW(INDEX(Jesper!AI$2:AI$366,ROUNDDOWN($C1929/24,0)+1,1))-1)+IF('Standard Profiles'!$G$19=$B$10,7,0)+IF('Standard Profiles'!$G$19=$B$17,14,0)+IF('Standard Profiles'!$G$19=$B$24,21,0),MOD($C1929,24)+1)/SUM(INDEX($D$3:$AA$30,INDEX(Jesper!$R$2:$R$366,ROW(INDEX(Jesper!AI$2:AI$366,ROUNDDOWN($C1929/24,0)+1,1))-1)+IF('Standard Profiles'!$G$19=$B$10,7,0)+IF('Standard Profiles'!$G$19=$B$17,14,0)+IF('Standard Profiles'!$G$19=$B$24,21,0),0)),0)</f>
        <v>4.2430890338812599</v>
      </c>
      <c r="F1929" cm="1">
        <f t="array" ref="F1929">IFERROR(INDEX(Jesper!AJ$2:AJ$366,ROUNDDOWN($C1929/24,0)+1,1)*INDEX($D$3:$AA$30,INDEX(Jesper!$R$2:$R$366,ROW(INDEX(Jesper!AJ$2:AJ$366,ROUNDDOWN($C1929/24,0)+1,1))-1)+IF('Standard Profiles'!$G$20=$B$10,7,0)+IF('Standard Profiles'!$G$20=$B$17,14,0)+IF('Standard Profiles'!$G$20=$B$24,21,0),MOD($C1929,24)+1)/SUM(INDEX($D$3:$AA$30,INDEX(Jesper!$R$2:$R$366,ROW(INDEX(Jesper!AJ$2:AJ$366,ROUNDDOWN($C1929/24,0)+1,1))-1)+IF('Standard Profiles'!$G$20=$B$10,7,0)+IF('Standard Profiles'!$G$20=$B$17,14,0)+IF('Standard Profiles'!$G$20=$B$24,21,0),0)),0)</f>
        <v>0</v>
      </c>
      <c r="G1929" cm="1">
        <f t="array" ref="G1929">IFERROR(INDEX(Jesper!AK$2:AK$366,ROUNDDOWN($C1929/24,0)+1,1)*INDEX($D$3:$AA$30,INDEX(Jesper!$R$2:$R$366,ROW(INDEX(Jesper!AK$2:AK$366,ROUNDDOWN($C1929/24,0)+1,1))-1)+IF('Standard Profiles'!$G$21=$B$10,7,0)+IF('Standard Profiles'!$G$21=$B$17,14,0)+IF('Standard Profiles'!$G$21=$B$24,21,0),MOD($C1929,24)+1)/SUM(INDEX($D$3:$AA$30,INDEX(Jesper!$R$2:$R$366,ROW(INDEX(Jesper!AK$2:AK$366,ROUNDDOWN($C1929/24,0)+1,1))-1)+IF('Standard Profiles'!$G$21=$B$10,7,0)+IF('Standard Profiles'!$G$21=$B$17,14,0)+IF('Standard Profiles'!$G$21=$B$24,21,0),0)),0)</f>
        <v>1.2715346477259948</v>
      </c>
      <c r="H1929" cm="1">
        <f t="array" ref="H1929">IFERROR(INDEX(Jesper!AL$2:AL$366,ROUNDDOWN($C1929/24,0)+1,1)*INDEX($D$3:$AA$30,INDEX(Jesper!$R$2:$R$366,ROW(INDEX(Jesper!AL$2:AL$366,ROUNDDOWN($C1929/24,0)+1,1))-1)+IF('Standard Profiles'!$G$22=$B$10,7,0)+IF('Standard Profiles'!$G$22=$B$17,14,0)+IF('Standard Profiles'!$G$22=$B$24,21,0),MOD($C1929,24)+1)/SUM(INDEX($D$3:$AA$30,INDEX(Jesper!$R$2:$R$366,ROW(INDEX(Jesper!AL$2:AL$366,ROUNDDOWN($C1929/24,0)+1,1))-1)+IF('Standard Profiles'!$G$22=$B$10,7,0)+IF('Standard Profiles'!$G$22=$B$17,14,0)+IF('Standard Profiles'!$G$22=$B$24,21,0),0)),0)</f>
        <v>0</v>
      </c>
      <c r="I1929">
        <f t="shared" si="223"/>
        <v>0.61033663090847723</v>
      </c>
      <c r="J1929">
        <f t="shared" si="224"/>
        <v>9.7604118016647501</v>
      </c>
      <c r="K1929">
        <f t="shared" si="225"/>
        <v>0.6166507620274253</v>
      </c>
      <c r="L1929">
        <f t="shared" si="226"/>
        <v>0.30832538101371265</v>
      </c>
      <c r="M1929">
        <f t="shared" si="227"/>
        <v>0</v>
      </c>
      <c r="N1929" s="45">
        <f t="shared" si="228"/>
        <v>45005.958333328737</v>
      </c>
    </row>
    <row r="1930" spans="2:14" x14ac:dyDescent="0.25">
      <c r="B1930">
        <f t="shared" si="222"/>
        <v>2</v>
      </c>
      <c r="C1930" s="16">
        <v>1896</v>
      </c>
      <c r="D1930" cm="1">
        <f t="array" ref="D1930">IFERROR(INDEX(Jesper!AH$2:AH$366,ROUNDDOWN($C1930/24,0)+1,1)*INDEX($D$3:$AA$30,INDEX(Jesper!$R$2:$R$366,ROW(INDEX(Jesper!AH$2:AH$366,ROUNDDOWN($C1930/24,0)+1,1))-1)+IF('Standard Profiles'!$G$18=$B$10,7,0)+IF('Standard Profiles'!$G$18=$B$17,14,0)+IF('Standard Profiles'!$G$18=$B$24,21,0),MOD($C1930,24)+1)/SUM(INDEX($D$3:$AA$30,INDEX(Jesper!$R$2:$R$366,ROW(INDEX(Jesper!AH$2:AH$366,ROUNDDOWN($C1930/24,0)+1,1))-1)+IF('Standard Profiles'!$G$18=$B$10,7,0)+IF('Standard Profiles'!$G$18=$B$17,14,0)+IF('Standard Profiles'!$G$18=$B$24,21,0),0)),0)</f>
        <v>3.6552818078280427</v>
      </c>
      <c r="E1930" cm="1">
        <f t="array" ref="E1930">IFERROR(INDEX(Jesper!AI$2:AI$366,ROUNDDOWN($C1930/24,0)+1,1)*INDEX($D$3:$AA$30,INDEX(Jesper!$R$2:$R$366,ROW(INDEX(Jesper!AI$2:AI$366,ROUNDDOWN($C1930/24,0)+1,1))-1)+IF('Standard Profiles'!$G$19=$B$10,7,0)+IF('Standard Profiles'!$G$19=$B$17,14,0)+IF('Standard Profiles'!$G$19=$B$24,21,0),MOD($C1930,24)+1)/SUM(INDEX($D$3:$AA$30,INDEX(Jesper!$R$2:$R$366,ROW(INDEX(Jesper!AI$2:AI$366,ROUNDDOWN($C1930/24,0)+1,1))-1)+IF('Standard Profiles'!$G$19=$B$10,7,0)+IF('Standard Profiles'!$G$19=$B$17,14,0)+IF('Standard Profiles'!$G$19=$B$24,21,0),0)),0)</f>
        <v>2.4794238466147083</v>
      </c>
      <c r="F1930" cm="1">
        <f t="array" ref="F1930">IFERROR(INDEX(Jesper!AJ$2:AJ$366,ROUNDDOWN($C1930/24,0)+1,1)*INDEX($D$3:$AA$30,INDEX(Jesper!$R$2:$R$366,ROW(INDEX(Jesper!AJ$2:AJ$366,ROUNDDOWN($C1930/24,0)+1,1))-1)+IF('Standard Profiles'!$G$20=$B$10,7,0)+IF('Standard Profiles'!$G$20=$B$17,14,0)+IF('Standard Profiles'!$G$20=$B$24,21,0),MOD($C1930,24)+1)/SUM(INDEX($D$3:$AA$30,INDEX(Jesper!$R$2:$R$366,ROW(INDEX(Jesper!AJ$2:AJ$366,ROUNDDOWN($C1930/24,0)+1,1))-1)+IF('Standard Profiles'!$G$20=$B$10,7,0)+IF('Standard Profiles'!$G$20=$B$17,14,0)+IF('Standard Profiles'!$G$20=$B$24,21,0),0)),0)</f>
        <v>0</v>
      </c>
      <c r="G1930" cm="1">
        <f t="array" ref="G1930">IFERROR(INDEX(Jesper!AK$2:AK$366,ROUNDDOWN($C1930/24,0)+1,1)*INDEX($D$3:$AA$30,INDEX(Jesper!$R$2:$R$366,ROW(INDEX(Jesper!AK$2:AK$366,ROUNDDOWN($C1930/24,0)+1,1))-1)+IF('Standard Profiles'!$G$21=$B$10,7,0)+IF('Standard Profiles'!$G$21=$B$17,14,0)+IF('Standard Profiles'!$G$21=$B$24,21,0),MOD($C1930,24)+1)/SUM(INDEX($D$3:$AA$30,INDEX(Jesper!$R$2:$R$366,ROW(INDEX(Jesper!AK$2:AK$366,ROUNDDOWN($C1930/24,0)+1,1))-1)+IF('Standard Profiles'!$G$21=$B$10,7,0)+IF('Standard Profiles'!$G$21=$B$17,14,0)+IF('Standard Profiles'!$G$21=$B$24,21,0),0)),0)</f>
        <v>1.0879717654411585</v>
      </c>
      <c r="H1930" cm="1">
        <f t="array" ref="H1930">IFERROR(INDEX(Jesper!AL$2:AL$366,ROUNDDOWN($C1930/24,0)+1,1)*INDEX($D$3:$AA$30,INDEX(Jesper!$R$2:$R$366,ROW(INDEX(Jesper!AL$2:AL$366,ROUNDDOWN($C1930/24,0)+1,1))-1)+IF('Standard Profiles'!$G$22=$B$10,7,0)+IF('Standard Profiles'!$G$22=$B$17,14,0)+IF('Standard Profiles'!$G$22=$B$24,21,0),MOD($C1930,24)+1)/SUM(INDEX($D$3:$AA$30,INDEX(Jesper!$R$2:$R$366,ROW(INDEX(Jesper!AL$2:AL$366,ROUNDDOWN($C1930/24,0)+1,1))-1)+IF('Standard Profiles'!$G$22=$B$10,7,0)+IF('Standard Profiles'!$G$22=$B$17,14,0)+IF('Standard Profiles'!$G$22=$B$24,21,0),0)),0)</f>
        <v>0</v>
      </c>
      <c r="I1930">
        <f t="shared" si="223"/>
        <v>0.52222644741175583</v>
      </c>
      <c r="J1930">
        <f t="shared" si="224"/>
        <v>6.1156058832196667</v>
      </c>
      <c r="K1930">
        <f t="shared" si="225"/>
        <v>0.3898967261683246</v>
      </c>
      <c r="L1930">
        <f t="shared" si="226"/>
        <v>0.1949483630841623</v>
      </c>
      <c r="M1930">
        <f t="shared" si="227"/>
        <v>0</v>
      </c>
      <c r="N1930" s="45">
        <f t="shared" si="228"/>
        <v>45005.999999995402</v>
      </c>
    </row>
    <row r="1931" spans="2:14" x14ac:dyDescent="0.25">
      <c r="B1931">
        <f t="shared" si="222"/>
        <v>2</v>
      </c>
      <c r="C1931" s="16">
        <v>1897</v>
      </c>
      <c r="D1931" cm="1">
        <f t="array" ref="D1931">IFERROR(INDEX(Jesper!AH$2:AH$366,ROUNDDOWN($C1931/24,0)+1,1)*INDEX($D$3:$AA$30,INDEX(Jesper!$R$2:$R$366,ROW(INDEX(Jesper!AH$2:AH$366,ROUNDDOWN($C1931/24,0)+1,1))-1)+IF('Standard Profiles'!$G$18=$B$10,7,0)+IF('Standard Profiles'!$G$18=$B$17,14,0)+IF('Standard Profiles'!$G$18=$B$24,21,0),MOD($C1931,24)+1)/SUM(INDEX($D$3:$AA$30,INDEX(Jesper!$R$2:$R$366,ROW(INDEX(Jesper!AH$2:AH$366,ROUNDDOWN($C1931/24,0)+1,1))-1)+IF('Standard Profiles'!$G$18=$B$10,7,0)+IF('Standard Profiles'!$G$18=$B$17,14,0)+IF('Standard Profiles'!$G$18=$B$24,21,0),0)),0)</f>
        <v>5.5699532309760658</v>
      </c>
      <c r="E1931" cm="1">
        <f t="array" ref="E1931">IFERROR(INDEX(Jesper!AI$2:AI$366,ROUNDDOWN($C1931/24,0)+1,1)*INDEX($D$3:$AA$30,INDEX(Jesper!$R$2:$R$366,ROW(INDEX(Jesper!AI$2:AI$366,ROUNDDOWN($C1931/24,0)+1,1))-1)+IF('Standard Profiles'!$G$19=$B$10,7,0)+IF('Standard Profiles'!$G$19=$B$17,14,0)+IF('Standard Profiles'!$G$19=$B$24,21,0),MOD($C1931,24)+1)/SUM(INDEX($D$3:$AA$30,INDEX(Jesper!$R$2:$R$366,ROW(INDEX(Jesper!AI$2:AI$366,ROUNDDOWN($C1931/24,0)+1,1))-1)+IF('Standard Profiles'!$G$19=$B$10,7,0)+IF('Standard Profiles'!$G$19=$B$17,14,0)+IF('Standard Profiles'!$G$19=$B$24,21,0),0)),0)</f>
        <v>3.7781696710319363</v>
      </c>
      <c r="F1931" cm="1">
        <f t="array" ref="F1931">IFERROR(INDEX(Jesper!AJ$2:AJ$366,ROUNDDOWN($C1931/24,0)+1,1)*INDEX($D$3:$AA$30,INDEX(Jesper!$R$2:$R$366,ROW(INDEX(Jesper!AJ$2:AJ$366,ROUNDDOWN($C1931/24,0)+1,1))-1)+IF('Standard Profiles'!$G$20=$B$10,7,0)+IF('Standard Profiles'!$G$20=$B$17,14,0)+IF('Standard Profiles'!$G$20=$B$24,21,0),MOD($C1931,24)+1)/SUM(INDEX($D$3:$AA$30,INDEX(Jesper!$R$2:$R$366,ROW(INDEX(Jesper!AJ$2:AJ$366,ROUNDDOWN($C1931/24,0)+1,1))-1)+IF('Standard Profiles'!$G$20=$B$10,7,0)+IF('Standard Profiles'!$G$20=$B$17,14,0)+IF('Standard Profiles'!$G$20=$B$24,21,0),0)),0)</f>
        <v>0</v>
      </c>
      <c r="G1931" cm="1">
        <f t="array" ref="G1931">IFERROR(INDEX(Jesper!AK$2:AK$366,ROUNDDOWN($C1931/24,0)+1,1)*INDEX($D$3:$AA$30,INDEX(Jesper!$R$2:$R$366,ROW(INDEX(Jesper!AK$2:AK$366,ROUNDDOWN($C1931/24,0)+1,1))-1)+IF('Standard Profiles'!$G$21=$B$10,7,0)+IF('Standard Profiles'!$G$21=$B$17,14,0)+IF('Standard Profiles'!$G$21=$B$24,21,0),MOD($C1931,24)+1)/SUM(INDEX($D$3:$AA$30,INDEX(Jesper!$R$2:$R$366,ROW(INDEX(Jesper!AK$2:AK$366,ROUNDDOWN($C1931/24,0)+1,1))-1)+IF('Standard Profiles'!$G$21=$B$10,7,0)+IF('Standard Profiles'!$G$21=$B$17,14,0)+IF('Standard Profiles'!$G$21=$B$24,21,0),0)),0)</f>
        <v>1.0879717654411585</v>
      </c>
      <c r="H1931" cm="1">
        <f t="array" ref="H1931">IFERROR(INDEX(Jesper!AL$2:AL$366,ROUNDDOWN($C1931/24,0)+1,1)*INDEX($D$3:$AA$30,INDEX(Jesper!$R$2:$R$366,ROW(INDEX(Jesper!AL$2:AL$366,ROUNDDOWN($C1931/24,0)+1,1))-1)+IF('Standard Profiles'!$G$22=$B$10,7,0)+IF('Standard Profiles'!$G$22=$B$17,14,0)+IF('Standard Profiles'!$G$22=$B$24,21,0),MOD($C1931,24)+1)/SUM(INDEX($D$3:$AA$30,INDEX(Jesper!$R$2:$R$366,ROW(INDEX(Jesper!AL$2:AL$366,ROUNDDOWN($C1931/24,0)+1,1))-1)+IF('Standard Profiles'!$G$22=$B$10,7,0)+IF('Standard Profiles'!$G$22=$B$17,14,0)+IF('Standard Profiles'!$G$22=$B$24,21,0),0)),0)</f>
        <v>0</v>
      </c>
      <c r="I1931">
        <f t="shared" si="223"/>
        <v>0.52222644741175583</v>
      </c>
      <c r="J1931">
        <f t="shared" si="224"/>
        <v>9.0226757030812355</v>
      </c>
      <c r="K1931">
        <f t="shared" si="225"/>
        <v>0.59412834463744701</v>
      </c>
      <c r="L1931">
        <f t="shared" si="226"/>
        <v>0.29706417231872351</v>
      </c>
      <c r="M1931">
        <f t="shared" si="227"/>
        <v>0</v>
      </c>
      <c r="N1931" s="45">
        <f t="shared" si="228"/>
        <v>45006.041666662066</v>
      </c>
    </row>
    <row r="1932" spans="2:14" x14ac:dyDescent="0.25">
      <c r="B1932">
        <f t="shared" si="222"/>
        <v>2</v>
      </c>
      <c r="C1932" s="16">
        <v>1898</v>
      </c>
      <c r="D1932" cm="1">
        <f t="array" ref="D1932">IFERROR(INDEX(Jesper!AH$2:AH$366,ROUNDDOWN($C1932/24,0)+1,1)*INDEX($D$3:$AA$30,INDEX(Jesper!$R$2:$R$366,ROW(INDEX(Jesper!AH$2:AH$366,ROUNDDOWN($C1932/24,0)+1,1))-1)+IF('Standard Profiles'!$G$18=$B$10,7,0)+IF('Standard Profiles'!$G$18=$B$17,14,0)+IF('Standard Profiles'!$G$18=$B$24,21,0),MOD($C1932,24)+1)/SUM(INDEX($D$3:$AA$30,INDEX(Jesper!$R$2:$R$366,ROW(INDEX(Jesper!AH$2:AH$366,ROUNDDOWN($C1932/24,0)+1,1))-1)+IF('Standard Profiles'!$G$18=$B$10,7,0)+IF('Standard Profiles'!$G$18=$B$17,14,0)+IF('Standard Profiles'!$G$18=$B$24,21,0),0)),0)</f>
        <v>5.5699532309760658</v>
      </c>
      <c r="E1932" cm="1">
        <f t="array" ref="E1932">IFERROR(INDEX(Jesper!AI$2:AI$366,ROUNDDOWN($C1932/24,0)+1,1)*INDEX($D$3:$AA$30,INDEX(Jesper!$R$2:$R$366,ROW(INDEX(Jesper!AI$2:AI$366,ROUNDDOWN($C1932/24,0)+1,1))-1)+IF('Standard Profiles'!$G$19=$B$10,7,0)+IF('Standard Profiles'!$G$19=$B$17,14,0)+IF('Standard Profiles'!$G$19=$B$24,21,0),MOD($C1932,24)+1)/SUM(INDEX($D$3:$AA$30,INDEX(Jesper!$R$2:$R$366,ROW(INDEX(Jesper!AI$2:AI$366,ROUNDDOWN($C1932/24,0)+1,1))-1)+IF('Standard Profiles'!$G$19=$B$10,7,0)+IF('Standard Profiles'!$G$19=$B$17,14,0)+IF('Standard Profiles'!$G$19=$B$24,21,0),0)),0)</f>
        <v>3.7781696710319363</v>
      </c>
      <c r="F1932" cm="1">
        <f t="array" ref="F1932">IFERROR(INDEX(Jesper!AJ$2:AJ$366,ROUNDDOWN($C1932/24,0)+1,1)*INDEX($D$3:$AA$30,INDEX(Jesper!$R$2:$R$366,ROW(INDEX(Jesper!AJ$2:AJ$366,ROUNDDOWN($C1932/24,0)+1,1))-1)+IF('Standard Profiles'!$G$20=$B$10,7,0)+IF('Standard Profiles'!$G$20=$B$17,14,0)+IF('Standard Profiles'!$G$20=$B$24,21,0),MOD($C1932,24)+1)/SUM(INDEX($D$3:$AA$30,INDEX(Jesper!$R$2:$R$366,ROW(INDEX(Jesper!AJ$2:AJ$366,ROUNDDOWN($C1932/24,0)+1,1))-1)+IF('Standard Profiles'!$G$20=$B$10,7,0)+IF('Standard Profiles'!$G$20=$B$17,14,0)+IF('Standard Profiles'!$G$20=$B$24,21,0),0)),0)</f>
        <v>0</v>
      </c>
      <c r="G1932" cm="1">
        <f t="array" ref="G1932">IFERROR(INDEX(Jesper!AK$2:AK$366,ROUNDDOWN($C1932/24,0)+1,1)*INDEX($D$3:$AA$30,INDEX(Jesper!$R$2:$R$366,ROW(INDEX(Jesper!AK$2:AK$366,ROUNDDOWN($C1932/24,0)+1,1))-1)+IF('Standard Profiles'!$G$21=$B$10,7,0)+IF('Standard Profiles'!$G$21=$B$17,14,0)+IF('Standard Profiles'!$G$21=$B$24,21,0),MOD($C1932,24)+1)/SUM(INDEX($D$3:$AA$30,INDEX(Jesper!$R$2:$R$366,ROW(INDEX(Jesper!AK$2:AK$366,ROUNDDOWN($C1932/24,0)+1,1))-1)+IF('Standard Profiles'!$G$21=$B$10,7,0)+IF('Standard Profiles'!$G$21=$B$17,14,0)+IF('Standard Profiles'!$G$21=$B$24,21,0),0)),0)</f>
        <v>1.0879717654411585</v>
      </c>
      <c r="H1932" cm="1">
        <f t="array" ref="H1932">IFERROR(INDEX(Jesper!AL$2:AL$366,ROUNDDOWN($C1932/24,0)+1,1)*INDEX($D$3:$AA$30,INDEX(Jesper!$R$2:$R$366,ROW(INDEX(Jesper!AL$2:AL$366,ROUNDDOWN($C1932/24,0)+1,1))-1)+IF('Standard Profiles'!$G$22=$B$10,7,0)+IF('Standard Profiles'!$G$22=$B$17,14,0)+IF('Standard Profiles'!$G$22=$B$24,21,0),MOD($C1932,24)+1)/SUM(INDEX($D$3:$AA$30,INDEX(Jesper!$R$2:$R$366,ROW(INDEX(Jesper!AL$2:AL$366,ROUNDDOWN($C1932/24,0)+1,1))-1)+IF('Standard Profiles'!$G$22=$B$10,7,0)+IF('Standard Profiles'!$G$22=$B$17,14,0)+IF('Standard Profiles'!$G$22=$B$24,21,0),0)),0)</f>
        <v>0</v>
      </c>
      <c r="I1932">
        <f t="shared" si="223"/>
        <v>0.52222644741175583</v>
      </c>
      <c r="J1932">
        <f t="shared" si="224"/>
        <v>9.0226757030812355</v>
      </c>
      <c r="K1932">
        <f t="shared" si="225"/>
        <v>0.59412834463744701</v>
      </c>
      <c r="L1932">
        <f t="shared" si="226"/>
        <v>0.29706417231872351</v>
      </c>
      <c r="M1932">
        <f t="shared" si="227"/>
        <v>0</v>
      </c>
      <c r="N1932" s="45">
        <f t="shared" si="228"/>
        <v>45006.08333332873</v>
      </c>
    </row>
    <row r="1933" spans="2:14" x14ac:dyDescent="0.25">
      <c r="B1933">
        <f t="shared" si="222"/>
        <v>2</v>
      </c>
      <c r="C1933" s="16">
        <v>1899</v>
      </c>
      <c r="D1933" cm="1">
        <f t="array" ref="D1933">IFERROR(INDEX(Jesper!AH$2:AH$366,ROUNDDOWN($C1933/24,0)+1,1)*INDEX($D$3:$AA$30,INDEX(Jesper!$R$2:$R$366,ROW(INDEX(Jesper!AH$2:AH$366,ROUNDDOWN($C1933/24,0)+1,1))-1)+IF('Standard Profiles'!$G$18=$B$10,7,0)+IF('Standard Profiles'!$G$18=$B$17,14,0)+IF('Standard Profiles'!$G$18=$B$24,21,0),MOD($C1933,24)+1)/SUM(INDEX($D$3:$AA$30,INDEX(Jesper!$R$2:$R$366,ROW(INDEX(Jesper!AH$2:AH$366,ROUNDDOWN($C1933/24,0)+1,1))-1)+IF('Standard Profiles'!$G$18=$B$10,7,0)+IF('Standard Profiles'!$G$18=$B$17,14,0)+IF('Standard Profiles'!$G$18=$B$24,21,0),0)),0)</f>
        <v>5.5699532309760658</v>
      </c>
      <c r="E1933" cm="1">
        <f t="array" ref="E1933">IFERROR(INDEX(Jesper!AI$2:AI$366,ROUNDDOWN($C1933/24,0)+1,1)*INDEX($D$3:$AA$30,INDEX(Jesper!$R$2:$R$366,ROW(INDEX(Jesper!AI$2:AI$366,ROUNDDOWN($C1933/24,0)+1,1))-1)+IF('Standard Profiles'!$G$19=$B$10,7,0)+IF('Standard Profiles'!$G$19=$B$17,14,0)+IF('Standard Profiles'!$G$19=$B$24,21,0),MOD($C1933,24)+1)/SUM(INDEX($D$3:$AA$30,INDEX(Jesper!$R$2:$R$366,ROW(INDEX(Jesper!AI$2:AI$366,ROUNDDOWN($C1933/24,0)+1,1))-1)+IF('Standard Profiles'!$G$19=$B$10,7,0)+IF('Standard Profiles'!$G$19=$B$17,14,0)+IF('Standard Profiles'!$G$19=$B$24,21,0),0)),0)</f>
        <v>3.7781696710319363</v>
      </c>
      <c r="F1933" cm="1">
        <f t="array" ref="F1933">IFERROR(INDEX(Jesper!AJ$2:AJ$366,ROUNDDOWN($C1933/24,0)+1,1)*INDEX($D$3:$AA$30,INDEX(Jesper!$R$2:$R$366,ROW(INDEX(Jesper!AJ$2:AJ$366,ROUNDDOWN($C1933/24,0)+1,1))-1)+IF('Standard Profiles'!$G$20=$B$10,7,0)+IF('Standard Profiles'!$G$20=$B$17,14,0)+IF('Standard Profiles'!$G$20=$B$24,21,0),MOD($C1933,24)+1)/SUM(INDEX($D$3:$AA$30,INDEX(Jesper!$R$2:$R$366,ROW(INDEX(Jesper!AJ$2:AJ$366,ROUNDDOWN($C1933/24,0)+1,1))-1)+IF('Standard Profiles'!$G$20=$B$10,7,0)+IF('Standard Profiles'!$G$20=$B$17,14,0)+IF('Standard Profiles'!$G$20=$B$24,21,0),0)),0)</f>
        <v>0</v>
      </c>
      <c r="G1933" cm="1">
        <f t="array" ref="G1933">IFERROR(INDEX(Jesper!AK$2:AK$366,ROUNDDOWN($C1933/24,0)+1,1)*INDEX($D$3:$AA$30,INDEX(Jesper!$R$2:$R$366,ROW(INDEX(Jesper!AK$2:AK$366,ROUNDDOWN($C1933/24,0)+1,1))-1)+IF('Standard Profiles'!$G$21=$B$10,7,0)+IF('Standard Profiles'!$G$21=$B$17,14,0)+IF('Standard Profiles'!$G$21=$B$24,21,0),MOD($C1933,24)+1)/SUM(INDEX($D$3:$AA$30,INDEX(Jesper!$R$2:$R$366,ROW(INDEX(Jesper!AK$2:AK$366,ROUNDDOWN($C1933/24,0)+1,1))-1)+IF('Standard Profiles'!$G$21=$B$10,7,0)+IF('Standard Profiles'!$G$21=$B$17,14,0)+IF('Standard Profiles'!$G$21=$B$24,21,0),0)),0)</f>
        <v>1.0879717654411585</v>
      </c>
      <c r="H1933" cm="1">
        <f t="array" ref="H1933">IFERROR(INDEX(Jesper!AL$2:AL$366,ROUNDDOWN($C1933/24,0)+1,1)*INDEX($D$3:$AA$30,INDEX(Jesper!$R$2:$R$366,ROW(INDEX(Jesper!AL$2:AL$366,ROUNDDOWN($C1933/24,0)+1,1))-1)+IF('Standard Profiles'!$G$22=$B$10,7,0)+IF('Standard Profiles'!$G$22=$B$17,14,0)+IF('Standard Profiles'!$G$22=$B$24,21,0),MOD($C1933,24)+1)/SUM(INDEX($D$3:$AA$30,INDEX(Jesper!$R$2:$R$366,ROW(INDEX(Jesper!AL$2:AL$366,ROUNDDOWN($C1933/24,0)+1,1))-1)+IF('Standard Profiles'!$G$22=$B$10,7,0)+IF('Standard Profiles'!$G$22=$B$17,14,0)+IF('Standard Profiles'!$G$22=$B$24,21,0),0)),0)</f>
        <v>0</v>
      </c>
      <c r="I1933">
        <f t="shared" si="223"/>
        <v>0.52222644741175583</v>
      </c>
      <c r="J1933">
        <f t="shared" si="224"/>
        <v>9.0226757030812355</v>
      </c>
      <c r="K1933">
        <f t="shared" si="225"/>
        <v>0.59412834463744701</v>
      </c>
      <c r="L1933">
        <f t="shared" si="226"/>
        <v>0.29706417231872351</v>
      </c>
      <c r="M1933">
        <f t="shared" si="227"/>
        <v>0</v>
      </c>
      <c r="N1933" s="45">
        <f t="shared" si="228"/>
        <v>45006.124999995394</v>
      </c>
    </row>
    <row r="1934" spans="2:14" x14ac:dyDescent="0.25">
      <c r="B1934">
        <f t="shared" si="222"/>
        <v>2</v>
      </c>
      <c r="C1934" s="16">
        <v>1900</v>
      </c>
      <c r="D1934" cm="1">
        <f t="array" ref="D1934">IFERROR(INDEX(Jesper!AH$2:AH$366,ROUNDDOWN($C1934/24,0)+1,1)*INDEX($D$3:$AA$30,INDEX(Jesper!$R$2:$R$366,ROW(INDEX(Jesper!AH$2:AH$366,ROUNDDOWN($C1934/24,0)+1,1))-1)+IF('Standard Profiles'!$G$18=$B$10,7,0)+IF('Standard Profiles'!$G$18=$B$17,14,0)+IF('Standard Profiles'!$G$18=$B$24,21,0),MOD($C1934,24)+1)/SUM(INDEX($D$3:$AA$30,INDEX(Jesper!$R$2:$R$366,ROW(INDEX(Jesper!AH$2:AH$366,ROUNDDOWN($C1934/24,0)+1,1))-1)+IF('Standard Profiles'!$G$18=$B$10,7,0)+IF('Standard Profiles'!$G$18=$B$17,14,0)+IF('Standard Profiles'!$G$18=$B$24,21,0),0)),0)</f>
        <v>5.5699532309760658</v>
      </c>
      <c r="E1934" cm="1">
        <f t="array" ref="E1934">IFERROR(INDEX(Jesper!AI$2:AI$366,ROUNDDOWN($C1934/24,0)+1,1)*INDEX($D$3:$AA$30,INDEX(Jesper!$R$2:$R$366,ROW(INDEX(Jesper!AI$2:AI$366,ROUNDDOWN($C1934/24,0)+1,1))-1)+IF('Standard Profiles'!$G$19=$B$10,7,0)+IF('Standard Profiles'!$G$19=$B$17,14,0)+IF('Standard Profiles'!$G$19=$B$24,21,0),MOD($C1934,24)+1)/SUM(INDEX($D$3:$AA$30,INDEX(Jesper!$R$2:$R$366,ROW(INDEX(Jesper!AI$2:AI$366,ROUNDDOWN($C1934/24,0)+1,1))-1)+IF('Standard Profiles'!$G$19=$B$10,7,0)+IF('Standard Profiles'!$G$19=$B$17,14,0)+IF('Standard Profiles'!$G$19=$B$24,21,0),0)),0)</f>
        <v>3.7781696710319363</v>
      </c>
      <c r="F1934" cm="1">
        <f t="array" ref="F1934">IFERROR(INDEX(Jesper!AJ$2:AJ$366,ROUNDDOWN($C1934/24,0)+1,1)*INDEX($D$3:$AA$30,INDEX(Jesper!$R$2:$R$366,ROW(INDEX(Jesper!AJ$2:AJ$366,ROUNDDOWN($C1934/24,0)+1,1))-1)+IF('Standard Profiles'!$G$20=$B$10,7,0)+IF('Standard Profiles'!$G$20=$B$17,14,0)+IF('Standard Profiles'!$G$20=$B$24,21,0),MOD($C1934,24)+1)/SUM(INDEX($D$3:$AA$30,INDEX(Jesper!$R$2:$R$366,ROW(INDEX(Jesper!AJ$2:AJ$366,ROUNDDOWN($C1934/24,0)+1,1))-1)+IF('Standard Profiles'!$G$20=$B$10,7,0)+IF('Standard Profiles'!$G$20=$B$17,14,0)+IF('Standard Profiles'!$G$20=$B$24,21,0),0)),0)</f>
        <v>0</v>
      </c>
      <c r="G1934" cm="1">
        <f t="array" ref="G1934">IFERROR(INDEX(Jesper!AK$2:AK$366,ROUNDDOWN($C1934/24,0)+1,1)*INDEX($D$3:$AA$30,INDEX(Jesper!$R$2:$R$366,ROW(INDEX(Jesper!AK$2:AK$366,ROUNDDOWN($C1934/24,0)+1,1))-1)+IF('Standard Profiles'!$G$21=$B$10,7,0)+IF('Standard Profiles'!$G$21=$B$17,14,0)+IF('Standard Profiles'!$G$21=$B$24,21,0),MOD($C1934,24)+1)/SUM(INDEX($D$3:$AA$30,INDEX(Jesper!$R$2:$R$366,ROW(INDEX(Jesper!AK$2:AK$366,ROUNDDOWN($C1934/24,0)+1,1))-1)+IF('Standard Profiles'!$G$21=$B$10,7,0)+IF('Standard Profiles'!$G$21=$B$17,14,0)+IF('Standard Profiles'!$G$21=$B$24,21,0),0)),0)</f>
        <v>1.0879717654411585</v>
      </c>
      <c r="H1934" cm="1">
        <f t="array" ref="H1934">IFERROR(INDEX(Jesper!AL$2:AL$366,ROUNDDOWN($C1934/24,0)+1,1)*INDEX($D$3:$AA$30,INDEX(Jesper!$R$2:$R$366,ROW(INDEX(Jesper!AL$2:AL$366,ROUNDDOWN($C1934/24,0)+1,1))-1)+IF('Standard Profiles'!$G$22=$B$10,7,0)+IF('Standard Profiles'!$G$22=$B$17,14,0)+IF('Standard Profiles'!$G$22=$B$24,21,0),MOD($C1934,24)+1)/SUM(INDEX($D$3:$AA$30,INDEX(Jesper!$R$2:$R$366,ROW(INDEX(Jesper!AL$2:AL$366,ROUNDDOWN($C1934/24,0)+1,1))-1)+IF('Standard Profiles'!$G$22=$B$10,7,0)+IF('Standard Profiles'!$G$22=$B$17,14,0)+IF('Standard Profiles'!$G$22=$B$24,21,0),0)),0)</f>
        <v>0</v>
      </c>
      <c r="I1934">
        <f t="shared" si="223"/>
        <v>0.52222644741175583</v>
      </c>
      <c r="J1934">
        <f t="shared" si="224"/>
        <v>9.0226757030812355</v>
      </c>
      <c r="K1934">
        <f t="shared" si="225"/>
        <v>0.59412834463744701</v>
      </c>
      <c r="L1934">
        <f t="shared" si="226"/>
        <v>0.29706417231872351</v>
      </c>
      <c r="M1934">
        <f t="shared" si="227"/>
        <v>0</v>
      </c>
      <c r="N1934" s="45">
        <f t="shared" si="228"/>
        <v>45006.166666662059</v>
      </c>
    </row>
    <row r="1935" spans="2:14" x14ac:dyDescent="0.25">
      <c r="B1935">
        <f t="shared" si="222"/>
        <v>2</v>
      </c>
      <c r="C1935" s="16">
        <v>1901</v>
      </c>
      <c r="D1935" cm="1">
        <f t="array" ref="D1935">IFERROR(INDEX(Jesper!AH$2:AH$366,ROUNDDOWN($C1935/24,0)+1,1)*INDEX($D$3:$AA$30,INDEX(Jesper!$R$2:$R$366,ROW(INDEX(Jesper!AH$2:AH$366,ROUNDDOWN($C1935/24,0)+1,1))-1)+IF('Standard Profiles'!$G$18=$B$10,7,0)+IF('Standard Profiles'!$G$18=$B$17,14,0)+IF('Standard Profiles'!$G$18=$B$24,21,0),MOD($C1935,24)+1)/SUM(INDEX($D$3:$AA$30,INDEX(Jesper!$R$2:$R$366,ROW(INDEX(Jesper!AH$2:AH$366,ROUNDDOWN($C1935/24,0)+1,1))-1)+IF('Standard Profiles'!$G$18=$B$10,7,0)+IF('Standard Profiles'!$G$18=$B$17,14,0)+IF('Standard Profiles'!$G$18=$B$24,21,0),0)),0)</f>
        <v>5.5699532309760658</v>
      </c>
      <c r="E1935" cm="1">
        <f t="array" ref="E1935">IFERROR(INDEX(Jesper!AI$2:AI$366,ROUNDDOWN($C1935/24,0)+1,1)*INDEX($D$3:$AA$30,INDEX(Jesper!$R$2:$R$366,ROW(INDEX(Jesper!AI$2:AI$366,ROUNDDOWN($C1935/24,0)+1,1))-1)+IF('Standard Profiles'!$G$19=$B$10,7,0)+IF('Standard Profiles'!$G$19=$B$17,14,0)+IF('Standard Profiles'!$G$19=$B$24,21,0),MOD($C1935,24)+1)/SUM(INDEX($D$3:$AA$30,INDEX(Jesper!$R$2:$R$366,ROW(INDEX(Jesper!AI$2:AI$366,ROUNDDOWN($C1935/24,0)+1,1))-1)+IF('Standard Profiles'!$G$19=$B$10,7,0)+IF('Standard Profiles'!$G$19=$B$17,14,0)+IF('Standard Profiles'!$G$19=$B$24,21,0),0)),0)</f>
        <v>3.7781696710319363</v>
      </c>
      <c r="F1935" cm="1">
        <f t="array" ref="F1935">IFERROR(INDEX(Jesper!AJ$2:AJ$366,ROUNDDOWN($C1935/24,0)+1,1)*INDEX($D$3:$AA$30,INDEX(Jesper!$R$2:$R$366,ROW(INDEX(Jesper!AJ$2:AJ$366,ROUNDDOWN($C1935/24,0)+1,1))-1)+IF('Standard Profiles'!$G$20=$B$10,7,0)+IF('Standard Profiles'!$G$20=$B$17,14,0)+IF('Standard Profiles'!$G$20=$B$24,21,0),MOD($C1935,24)+1)/SUM(INDEX($D$3:$AA$30,INDEX(Jesper!$R$2:$R$366,ROW(INDEX(Jesper!AJ$2:AJ$366,ROUNDDOWN($C1935/24,0)+1,1))-1)+IF('Standard Profiles'!$G$20=$B$10,7,0)+IF('Standard Profiles'!$G$20=$B$17,14,0)+IF('Standard Profiles'!$G$20=$B$24,21,0),0)),0)</f>
        <v>0</v>
      </c>
      <c r="G1935" cm="1">
        <f t="array" ref="G1935">IFERROR(INDEX(Jesper!AK$2:AK$366,ROUNDDOWN($C1935/24,0)+1,1)*INDEX($D$3:$AA$30,INDEX(Jesper!$R$2:$R$366,ROW(INDEX(Jesper!AK$2:AK$366,ROUNDDOWN($C1935/24,0)+1,1))-1)+IF('Standard Profiles'!$G$21=$B$10,7,0)+IF('Standard Profiles'!$G$21=$B$17,14,0)+IF('Standard Profiles'!$G$21=$B$24,21,0),MOD($C1935,24)+1)/SUM(INDEX($D$3:$AA$30,INDEX(Jesper!$R$2:$R$366,ROW(INDEX(Jesper!AK$2:AK$366,ROUNDDOWN($C1935/24,0)+1,1))-1)+IF('Standard Profiles'!$G$21=$B$10,7,0)+IF('Standard Profiles'!$G$21=$B$17,14,0)+IF('Standard Profiles'!$G$21=$B$24,21,0),0)),0)</f>
        <v>1.0879717654411585</v>
      </c>
      <c r="H1935" cm="1">
        <f t="array" ref="H1935">IFERROR(INDEX(Jesper!AL$2:AL$366,ROUNDDOWN($C1935/24,0)+1,1)*INDEX($D$3:$AA$30,INDEX(Jesper!$R$2:$R$366,ROW(INDEX(Jesper!AL$2:AL$366,ROUNDDOWN($C1935/24,0)+1,1))-1)+IF('Standard Profiles'!$G$22=$B$10,7,0)+IF('Standard Profiles'!$G$22=$B$17,14,0)+IF('Standard Profiles'!$G$22=$B$24,21,0),MOD($C1935,24)+1)/SUM(INDEX($D$3:$AA$30,INDEX(Jesper!$R$2:$R$366,ROW(INDEX(Jesper!AL$2:AL$366,ROUNDDOWN($C1935/24,0)+1,1))-1)+IF('Standard Profiles'!$G$22=$B$10,7,0)+IF('Standard Profiles'!$G$22=$B$17,14,0)+IF('Standard Profiles'!$G$22=$B$24,21,0),0)),0)</f>
        <v>0</v>
      </c>
      <c r="I1935">
        <f t="shared" si="223"/>
        <v>0.52222644741175583</v>
      </c>
      <c r="J1935">
        <f t="shared" si="224"/>
        <v>9.0226757030812355</v>
      </c>
      <c r="K1935">
        <f t="shared" si="225"/>
        <v>0.59412834463744701</v>
      </c>
      <c r="L1935">
        <f t="shared" si="226"/>
        <v>0.29706417231872351</v>
      </c>
      <c r="M1935">
        <f t="shared" si="227"/>
        <v>0</v>
      </c>
      <c r="N1935" s="45">
        <f t="shared" si="228"/>
        <v>45006.208333328723</v>
      </c>
    </row>
    <row r="1936" spans="2:14" x14ac:dyDescent="0.25">
      <c r="B1936">
        <f t="shared" si="222"/>
        <v>2</v>
      </c>
      <c r="C1936" s="16">
        <v>1902</v>
      </c>
      <c r="D1936" cm="1">
        <f t="array" ref="D1936">IFERROR(INDEX(Jesper!AH$2:AH$366,ROUNDDOWN($C1936/24,0)+1,1)*INDEX($D$3:$AA$30,INDEX(Jesper!$R$2:$R$366,ROW(INDEX(Jesper!AH$2:AH$366,ROUNDDOWN($C1936/24,0)+1,1))-1)+IF('Standard Profiles'!$G$18=$B$10,7,0)+IF('Standard Profiles'!$G$18=$B$17,14,0)+IF('Standard Profiles'!$G$18=$B$24,21,0),MOD($C1936,24)+1)/SUM(INDEX($D$3:$AA$30,INDEX(Jesper!$R$2:$R$366,ROW(INDEX(Jesper!AH$2:AH$366,ROUNDDOWN($C1936/24,0)+1,1))-1)+IF('Standard Profiles'!$G$18=$B$10,7,0)+IF('Standard Profiles'!$G$18=$B$17,14,0)+IF('Standard Profiles'!$G$18=$B$24,21,0),0)),0)</f>
        <v>5.5699532309760658</v>
      </c>
      <c r="E1936" cm="1">
        <f t="array" ref="E1936">IFERROR(INDEX(Jesper!AI$2:AI$366,ROUNDDOWN($C1936/24,0)+1,1)*INDEX($D$3:$AA$30,INDEX(Jesper!$R$2:$R$366,ROW(INDEX(Jesper!AI$2:AI$366,ROUNDDOWN($C1936/24,0)+1,1))-1)+IF('Standard Profiles'!$G$19=$B$10,7,0)+IF('Standard Profiles'!$G$19=$B$17,14,0)+IF('Standard Profiles'!$G$19=$B$24,21,0),MOD($C1936,24)+1)/SUM(INDEX($D$3:$AA$30,INDEX(Jesper!$R$2:$R$366,ROW(INDEX(Jesper!AI$2:AI$366,ROUNDDOWN($C1936/24,0)+1,1))-1)+IF('Standard Profiles'!$G$19=$B$10,7,0)+IF('Standard Profiles'!$G$19=$B$17,14,0)+IF('Standard Profiles'!$G$19=$B$24,21,0),0)),0)</f>
        <v>3.7781696710319363</v>
      </c>
      <c r="F1936" cm="1">
        <f t="array" ref="F1936">IFERROR(INDEX(Jesper!AJ$2:AJ$366,ROUNDDOWN($C1936/24,0)+1,1)*INDEX($D$3:$AA$30,INDEX(Jesper!$R$2:$R$366,ROW(INDEX(Jesper!AJ$2:AJ$366,ROUNDDOWN($C1936/24,0)+1,1))-1)+IF('Standard Profiles'!$G$20=$B$10,7,0)+IF('Standard Profiles'!$G$20=$B$17,14,0)+IF('Standard Profiles'!$G$20=$B$24,21,0),MOD($C1936,24)+1)/SUM(INDEX($D$3:$AA$30,INDEX(Jesper!$R$2:$R$366,ROW(INDEX(Jesper!AJ$2:AJ$366,ROUNDDOWN($C1936/24,0)+1,1))-1)+IF('Standard Profiles'!$G$20=$B$10,7,0)+IF('Standard Profiles'!$G$20=$B$17,14,0)+IF('Standard Profiles'!$G$20=$B$24,21,0),0)),0)</f>
        <v>0</v>
      </c>
      <c r="G1936" cm="1">
        <f t="array" ref="G1936">IFERROR(INDEX(Jesper!AK$2:AK$366,ROUNDDOWN($C1936/24,0)+1,1)*INDEX($D$3:$AA$30,INDEX(Jesper!$R$2:$R$366,ROW(INDEX(Jesper!AK$2:AK$366,ROUNDDOWN($C1936/24,0)+1,1))-1)+IF('Standard Profiles'!$G$21=$B$10,7,0)+IF('Standard Profiles'!$G$21=$B$17,14,0)+IF('Standard Profiles'!$G$21=$B$24,21,0),MOD($C1936,24)+1)/SUM(INDEX($D$3:$AA$30,INDEX(Jesper!$R$2:$R$366,ROW(INDEX(Jesper!AK$2:AK$366,ROUNDDOWN($C1936/24,0)+1,1))-1)+IF('Standard Profiles'!$G$21=$B$10,7,0)+IF('Standard Profiles'!$G$21=$B$17,14,0)+IF('Standard Profiles'!$G$21=$B$24,21,0),0)),0)</f>
        <v>1.0879717654411585</v>
      </c>
      <c r="H1936" cm="1">
        <f t="array" ref="H1936">IFERROR(INDEX(Jesper!AL$2:AL$366,ROUNDDOWN($C1936/24,0)+1,1)*INDEX($D$3:$AA$30,INDEX(Jesper!$R$2:$R$366,ROW(INDEX(Jesper!AL$2:AL$366,ROUNDDOWN($C1936/24,0)+1,1))-1)+IF('Standard Profiles'!$G$22=$B$10,7,0)+IF('Standard Profiles'!$G$22=$B$17,14,0)+IF('Standard Profiles'!$G$22=$B$24,21,0),MOD($C1936,24)+1)/SUM(INDEX($D$3:$AA$30,INDEX(Jesper!$R$2:$R$366,ROW(INDEX(Jesper!AL$2:AL$366,ROUNDDOWN($C1936/24,0)+1,1))-1)+IF('Standard Profiles'!$G$22=$B$10,7,0)+IF('Standard Profiles'!$G$22=$B$17,14,0)+IF('Standard Profiles'!$G$22=$B$24,21,0),0)),0)</f>
        <v>0</v>
      </c>
      <c r="I1936">
        <f t="shared" si="223"/>
        <v>0.52222644741175583</v>
      </c>
      <c r="J1936">
        <f t="shared" si="224"/>
        <v>9.0226757030812355</v>
      </c>
      <c r="K1936">
        <f t="shared" si="225"/>
        <v>0.59412834463744701</v>
      </c>
      <c r="L1936">
        <f t="shared" si="226"/>
        <v>0.29706417231872351</v>
      </c>
      <c r="M1936">
        <f t="shared" si="227"/>
        <v>0</v>
      </c>
      <c r="N1936" s="45">
        <f t="shared" si="228"/>
        <v>45006.249999995387</v>
      </c>
    </row>
    <row r="1937" spans="2:14" x14ac:dyDescent="0.25">
      <c r="B1937">
        <f t="shared" si="222"/>
        <v>2</v>
      </c>
      <c r="C1937" s="16">
        <v>1903</v>
      </c>
      <c r="D1937" cm="1">
        <f t="array" ref="D1937">IFERROR(INDEX(Jesper!AH$2:AH$366,ROUNDDOWN($C1937/24,0)+1,1)*INDEX($D$3:$AA$30,INDEX(Jesper!$R$2:$R$366,ROW(INDEX(Jesper!AH$2:AH$366,ROUNDDOWN($C1937/24,0)+1,1))-1)+IF('Standard Profiles'!$G$18=$B$10,7,0)+IF('Standard Profiles'!$G$18=$B$17,14,0)+IF('Standard Profiles'!$G$18=$B$24,21,0),MOD($C1937,24)+1)/SUM(INDEX($D$3:$AA$30,INDEX(Jesper!$R$2:$R$366,ROW(INDEX(Jesper!AH$2:AH$366,ROUNDDOWN($C1937/24,0)+1,1))-1)+IF('Standard Profiles'!$G$18=$B$10,7,0)+IF('Standard Profiles'!$G$18=$B$17,14,0)+IF('Standard Profiles'!$G$18=$B$24,21,0),0)),0)</f>
        <v>23.480834089333474</v>
      </c>
      <c r="E1937" cm="1">
        <f t="array" ref="E1937">IFERROR(INDEX(Jesper!AI$2:AI$366,ROUNDDOWN($C1937/24,0)+1,1)*INDEX($D$3:$AA$30,INDEX(Jesper!$R$2:$R$366,ROW(INDEX(Jesper!AI$2:AI$366,ROUNDDOWN($C1937/24,0)+1,1))-1)+IF('Standard Profiles'!$G$19=$B$10,7,0)+IF('Standard Profiles'!$G$19=$B$17,14,0)+IF('Standard Profiles'!$G$19=$B$24,21,0),MOD($C1937,24)+1)/SUM(INDEX($D$3:$AA$30,INDEX(Jesper!$R$2:$R$366,ROW(INDEX(Jesper!AI$2:AI$366,ROUNDDOWN($C1937/24,0)+1,1))-1)+IF('Standard Profiles'!$G$19=$B$10,7,0)+IF('Standard Profiles'!$G$19=$B$17,14,0)+IF('Standard Profiles'!$G$19=$B$24,21,0),0)),0)</f>
        <v>15.927346519444006</v>
      </c>
      <c r="F1937" cm="1">
        <f t="array" ref="F1937">IFERROR(INDEX(Jesper!AJ$2:AJ$366,ROUNDDOWN($C1937/24,0)+1,1)*INDEX($D$3:$AA$30,INDEX(Jesper!$R$2:$R$366,ROW(INDEX(Jesper!AJ$2:AJ$366,ROUNDDOWN($C1937/24,0)+1,1))-1)+IF('Standard Profiles'!$G$20=$B$10,7,0)+IF('Standard Profiles'!$G$20=$B$17,14,0)+IF('Standard Profiles'!$G$20=$B$24,21,0),MOD($C1937,24)+1)/SUM(INDEX($D$3:$AA$30,INDEX(Jesper!$R$2:$R$366,ROW(INDEX(Jesper!AJ$2:AJ$366,ROUNDDOWN($C1937/24,0)+1,1))-1)+IF('Standard Profiles'!$G$20=$B$10,7,0)+IF('Standard Profiles'!$G$20=$B$17,14,0)+IF('Standard Profiles'!$G$20=$B$24,21,0),0)),0)</f>
        <v>0</v>
      </c>
      <c r="G1937" cm="1">
        <f t="array" ref="G1937">IFERROR(INDEX(Jesper!AK$2:AK$366,ROUNDDOWN($C1937/24,0)+1,1)*INDEX($D$3:$AA$30,INDEX(Jesper!$R$2:$R$366,ROW(INDEX(Jesper!AK$2:AK$366,ROUNDDOWN($C1937/24,0)+1,1))-1)+IF('Standard Profiles'!$G$21=$B$10,7,0)+IF('Standard Profiles'!$G$21=$B$17,14,0)+IF('Standard Profiles'!$G$21=$B$24,21,0),MOD($C1937,24)+1)/SUM(INDEX($D$3:$AA$30,INDEX(Jesper!$R$2:$R$366,ROW(INDEX(Jesper!AK$2:AK$366,ROUNDDOWN($C1937/24,0)+1,1))-1)+IF('Standard Profiles'!$G$21=$B$10,7,0)+IF('Standard Profiles'!$G$21=$B$17,14,0)+IF('Standard Profiles'!$G$21=$B$24,21,0),0)),0)</f>
        <v>3.1340606017385633</v>
      </c>
      <c r="H1937" cm="1">
        <f t="array" ref="H1937">IFERROR(INDEX(Jesper!AL$2:AL$366,ROUNDDOWN($C1937/24,0)+1,1)*INDEX($D$3:$AA$30,INDEX(Jesper!$R$2:$R$366,ROW(INDEX(Jesper!AL$2:AL$366,ROUNDDOWN($C1937/24,0)+1,1))-1)+IF('Standard Profiles'!$G$22=$B$10,7,0)+IF('Standard Profiles'!$G$22=$B$17,14,0)+IF('Standard Profiles'!$G$22=$B$24,21,0),MOD($C1937,24)+1)/SUM(INDEX($D$3:$AA$30,INDEX(Jesper!$R$2:$R$366,ROW(INDEX(Jesper!AL$2:AL$366,ROUNDDOWN($C1937/24,0)+1,1))-1)+IF('Standard Profiles'!$G$22=$B$10,7,0)+IF('Standard Profiles'!$G$22=$B$17,14,0)+IF('Standard Profiles'!$G$22=$B$24,21,0),0)),0)</f>
        <v>0</v>
      </c>
      <c r="I1937">
        <f t="shared" si="223"/>
        <v>1.5043490888345097</v>
      </c>
      <c r="J1937">
        <f t="shared" si="224"/>
        <v>37.280958667388177</v>
      </c>
      <c r="K1937">
        <f t="shared" si="225"/>
        <v>2.5046223028622374</v>
      </c>
      <c r="L1937">
        <f t="shared" si="226"/>
        <v>1.2523111514311187</v>
      </c>
      <c r="M1937">
        <f t="shared" si="227"/>
        <v>0</v>
      </c>
      <c r="N1937" s="45">
        <f t="shared" si="228"/>
        <v>45006.291666662051</v>
      </c>
    </row>
    <row r="1938" spans="2:14" x14ac:dyDescent="0.25">
      <c r="B1938">
        <f t="shared" si="222"/>
        <v>2</v>
      </c>
      <c r="C1938" s="16">
        <v>1904</v>
      </c>
      <c r="D1938" cm="1">
        <f t="array" ref="D1938">IFERROR(INDEX(Jesper!AH$2:AH$366,ROUNDDOWN($C1938/24,0)+1,1)*INDEX($D$3:$AA$30,INDEX(Jesper!$R$2:$R$366,ROW(INDEX(Jesper!AH$2:AH$366,ROUNDDOWN($C1938/24,0)+1,1))-1)+IF('Standard Profiles'!$G$18=$B$10,7,0)+IF('Standard Profiles'!$G$18=$B$17,14,0)+IF('Standard Profiles'!$G$18=$B$24,21,0),MOD($C1938,24)+1)/SUM(INDEX($D$3:$AA$30,INDEX(Jesper!$R$2:$R$366,ROW(INDEX(Jesper!AH$2:AH$366,ROUNDDOWN($C1938/24,0)+1,1))-1)+IF('Standard Profiles'!$G$18=$B$10,7,0)+IF('Standard Profiles'!$G$18=$B$17,14,0)+IF('Standard Profiles'!$G$18=$B$24,21,0),0)),0)</f>
        <v>26.199667510203668</v>
      </c>
      <c r="E1938" cm="1">
        <f t="array" ref="E1938">IFERROR(INDEX(Jesper!AI$2:AI$366,ROUNDDOWN($C1938/24,0)+1,1)*INDEX($D$3:$AA$30,INDEX(Jesper!$R$2:$R$366,ROW(INDEX(Jesper!AI$2:AI$366,ROUNDDOWN($C1938/24,0)+1,1))-1)+IF('Standard Profiles'!$G$19=$B$10,7,0)+IF('Standard Profiles'!$G$19=$B$17,14,0)+IF('Standard Profiles'!$G$19=$B$24,21,0),MOD($C1938,24)+1)/SUM(INDEX($D$3:$AA$30,INDEX(Jesper!$R$2:$R$366,ROW(INDEX(Jesper!AI$2:AI$366,ROUNDDOWN($C1938/24,0)+1,1))-1)+IF('Standard Profiles'!$G$19=$B$10,7,0)+IF('Standard Profiles'!$G$19=$B$17,14,0)+IF('Standard Profiles'!$G$19=$B$24,21,0),0)),0)</f>
        <v>17.77156559011647</v>
      </c>
      <c r="F1938" cm="1">
        <f t="array" ref="F1938">IFERROR(INDEX(Jesper!AJ$2:AJ$366,ROUNDDOWN($C1938/24,0)+1,1)*INDEX($D$3:$AA$30,INDEX(Jesper!$R$2:$R$366,ROW(INDEX(Jesper!AJ$2:AJ$366,ROUNDDOWN($C1938/24,0)+1,1))-1)+IF('Standard Profiles'!$G$20=$B$10,7,0)+IF('Standard Profiles'!$G$20=$B$17,14,0)+IF('Standard Profiles'!$G$20=$B$24,21,0),MOD($C1938,24)+1)/SUM(INDEX($D$3:$AA$30,INDEX(Jesper!$R$2:$R$366,ROW(INDEX(Jesper!AJ$2:AJ$366,ROUNDDOWN($C1938/24,0)+1,1))-1)+IF('Standard Profiles'!$G$20=$B$10,7,0)+IF('Standard Profiles'!$G$20=$B$17,14,0)+IF('Standard Profiles'!$G$20=$B$24,21,0),0)),0)</f>
        <v>0</v>
      </c>
      <c r="G1938" cm="1">
        <f t="array" ref="G1938">IFERROR(INDEX(Jesper!AK$2:AK$366,ROUNDDOWN($C1938/24,0)+1,1)*INDEX($D$3:$AA$30,INDEX(Jesper!$R$2:$R$366,ROW(INDEX(Jesper!AK$2:AK$366,ROUNDDOWN($C1938/24,0)+1,1))-1)+IF('Standard Profiles'!$G$21=$B$10,7,0)+IF('Standard Profiles'!$G$21=$B$17,14,0)+IF('Standard Profiles'!$G$21=$B$24,21,0),MOD($C1938,24)+1)/SUM(INDEX($D$3:$AA$30,INDEX(Jesper!$R$2:$R$366,ROW(INDEX(Jesper!AK$2:AK$366,ROUNDDOWN($C1938/24,0)+1,1))-1)+IF('Standard Profiles'!$G$21=$B$10,7,0)+IF('Standard Profiles'!$G$21=$B$17,14,0)+IF('Standard Profiles'!$G$21=$B$24,21,0),0)),0)</f>
        <v>3.4969518293082915</v>
      </c>
      <c r="H1938" cm="1">
        <f t="array" ref="H1938">IFERROR(INDEX(Jesper!AL$2:AL$366,ROUNDDOWN($C1938/24,0)+1,1)*INDEX($D$3:$AA$30,INDEX(Jesper!$R$2:$R$366,ROW(INDEX(Jesper!AL$2:AL$366,ROUNDDOWN($C1938/24,0)+1,1))-1)+IF('Standard Profiles'!$G$22=$B$10,7,0)+IF('Standard Profiles'!$G$22=$B$17,14,0)+IF('Standard Profiles'!$G$22=$B$24,21,0),MOD($C1938,24)+1)/SUM(INDEX($D$3:$AA$30,INDEX(Jesper!$R$2:$R$366,ROW(INDEX(Jesper!AL$2:AL$366,ROUNDDOWN($C1938/24,0)+1,1))-1)+IF('Standard Profiles'!$G$22=$B$10,7,0)+IF('Standard Profiles'!$G$22=$B$17,14,0)+IF('Standard Profiles'!$G$22=$B$24,21,0),0)),0)</f>
        <v>0</v>
      </c>
      <c r="I1938">
        <f t="shared" si="223"/>
        <v>1.678536878067979</v>
      </c>
      <c r="J1938">
        <f t="shared" si="224"/>
        <v>41.597701249927866</v>
      </c>
      <c r="K1938">
        <f t="shared" si="225"/>
        <v>2.7946312010883916</v>
      </c>
      <c r="L1938">
        <f t="shared" si="226"/>
        <v>1.3973156005441958</v>
      </c>
      <c r="M1938">
        <f t="shared" si="227"/>
        <v>0</v>
      </c>
      <c r="N1938" s="45">
        <f t="shared" si="228"/>
        <v>45006.333333328716</v>
      </c>
    </row>
    <row r="1939" spans="2:14" x14ac:dyDescent="0.25">
      <c r="B1939">
        <f t="shared" si="222"/>
        <v>2</v>
      </c>
      <c r="C1939" s="16">
        <v>1905</v>
      </c>
      <c r="D1939" cm="1">
        <f t="array" ref="D1939">IFERROR(INDEX(Jesper!AH$2:AH$366,ROUNDDOWN($C1939/24,0)+1,1)*INDEX($D$3:$AA$30,INDEX(Jesper!$R$2:$R$366,ROW(INDEX(Jesper!AH$2:AH$366,ROUNDDOWN($C1939/24,0)+1,1))-1)+IF('Standard Profiles'!$G$18=$B$10,7,0)+IF('Standard Profiles'!$G$18=$B$17,14,0)+IF('Standard Profiles'!$G$18=$B$24,21,0),MOD($C1939,24)+1)/SUM(INDEX($D$3:$AA$30,INDEX(Jesper!$R$2:$R$366,ROW(INDEX(Jesper!AH$2:AH$366,ROUNDDOWN($C1939/24,0)+1,1))-1)+IF('Standard Profiles'!$G$18=$B$10,7,0)+IF('Standard Profiles'!$G$18=$B$17,14,0)+IF('Standard Profiles'!$G$18=$B$24,21,0),0)),0)</f>
        <v>28.918500931073861</v>
      </c>
      <c r="E1939" cm="1">
        <f t="array" ref="E1939">IFERROR(INDEX(Jesper!AI$2:AI$366,ROUNDDOWN($C1939/24,0)+1,1)*INDEX($D$3:$AA$30,INDEX(Jesper!$R$2:$R$366,ROW(INDEX(Jesper!AI$2:AI$366,ROUNDDOWN($C1939/24,0)+1,1))-1)+IF('Standard Profiles'!$G$19=$B$10,7,0)+IF('Standard Profiles'!$G$19=$B$17,14,0)+IF('Standard Profiles'!$G$19=$B$24,21,0),MOD($C1939,24)+1)/SUM(INDEX($D$3:$AA$30,INDEX(Jesper!$R$2:$R$366,ROW(INDEX(Jesper!AI$2:AI$366,ROUNDDOWN($C1939/24,0)+1,1))-1)+IF('Standard Profiles'!$G$19=$B$10,7,0)+IF('Standard Profiles'!$G$19=$B$17,14,0)+IF('Standard Profiles'!$G$19=$B$24,21,0),0)),0)</f>
        <v>19.615784660788933</v>
      </c>
      <c r="F1939" cm="1">
        <f t="array" ref="F1939">IFERROR(INDEX(Jesper!AJ$2:AJ$366,ROUNDDOWN($C1939/24,0)+1,1)*INDEX($D$3:$AA$30,INDEX(Jesper!$R$2:$R$366,ROW(INDEX(Jesper!AJ$2:AJ$366,ROUNDDOWN($C1939/24,0)+1,1))-1)+IF('Standard Profiles'!$G$20=$B$10,7,0)+IF('Standard Profiles'!$G$20=$B$17,14,0)+IF('Standard Profiles'!$G$20=$B$24,21,0),MOD($C1939,24)+1)/SUM(INDEX($D$3:$AA$30,INDEX(Jesper!$R$2:$R$366,ROW(INDEX(Jesper!AJ$2:AJ$366,ROUNDDOWN($C1939/24,0)+1,1))-1)+IF('Standard Profiles'!$G$20=$B$10,7,0)+IF('Standard Profiles'!$G$20=$B$17,14,0)+IF('Standard Profiles'!$G$20=$B$24,21,0),0)),0)</f>
        <v>0</v>
      </c>
      <c r="G1939" cm="1">
        <f t="array" ref="G1939">IFERROR(INDEX(Jesper!AK$2:AK$366,ROUNDDOWN($C1939/24,0)+1,1)*INDEX($D$3:$AA$30,INDEX(Jesper!$R$2:$R$366,ROW(INDEX(Jesper!AK$2:AK$366,ROUNDDOWN($C1939/24,0)+1,1))-1)+IF('Standard Profiles'!$G$21=$B$10,7,0)+IF('Standard Profiles'!$G$21=$B$17,14,0)+IF('Standard Profiles'!$G$21=$B$24,21,0),MOD($C1939,24)+1)/SUM(INDEX($D$3:$AA$30,INDEX(Jesper!$R$2:$R$366,ROW(INDEX(Jesper!AK$2:AK$366,ROUNDDOWN($C1939/24,0)+1,1))-1)+IF('Standard Profiles'!$G$21=$B$10,7,0)+IF('Standard Profiles'!$G$21=$B$17,14,0)+IF('Standard Profiles'!$G$21=$B$24,21,0),0)),0)</f>
        <v>3.8598430568780202</v>
      </c>
      <c r="H1939" cm="1">
        <f t="array" ref="H1939">IFERROR(INDEX(Jesper!AL$2:AL$366,ROUNDDOWN($C1939/24,0)+1,1)*INDEX($D$3:$AA$30,INDEX(Jesper!$R$2:$R$366,ROW(INDEX(Jesper!AL$2:AL$366,ROUNDDOWN($C1939/24,0)+1,1))-1)+IF('Standard Profiles'!$G$22=$B$10,7,0)+IF('Standard Profiles'!$G$22=$B$17,14,0)+IF('Standard Profiles'!$G$22=$B$24,21,0),MOD($C1939,24)+1)/SUM(INDEX($D$3:$AA$30,INDEX(Jesper!$R$2:$R$366,ROW(INDEX(Jesper!AL$2:AL$366,ROUNDDOWN($C1939/24,0)+1,1))-1)+IF('Standard Profiles'!$G$22=$B$10,7,0)+IF('Standard Profiles'!$G$22=$B$17,14,0)+IF('Standard Profiles'!$G$22=$B$24,21,0),0)),0)</f>
        <v>0</v>
      </c>
      <c r="I1939">
        <f t="shared" si="223"/>
        <v>1.8527246673014488</v>
      </c>
      <c r="J1939">
        <f t="shared" si="224"/>
        <v>45.914443832467548</v>
      </c>
      <c r="K1939">
        <f t="shared" si="225"/>
        <v>3.0846400993145453</v>
      </c>
      <c r="L1939">
        <f t="shared" si="226"/>
        <v>1.5423200496572727</v>
      </c>
      <c r="M1939">
        <f t="shared" si="227"/>
        <v>0</v>
      </c>
      <c r="N1939" s="45">
        <f t="shared" si="228"/>
        <v>45006.37499999538</v>
      </c>
    </row>
    <row r="1940" spans="2:14" x14ac:dyDescent="0.25">
      <c r="B1940">
        <f t="shared" si="222"/>
        <v>2</v>
      </c>
      <c r="C1940" s="16">
        <v>1906</v>
      </c>
      <c r="D1940" cm="1">
        <f t="array" ref="D1940">IFERROR(INDEX(Jesper!AH$2:AH$366,ROUNDDOWN($C1940/24,0)+1,1)*INDEX($D$3:$AA$30,INDEX(Jesper!$R$2:$R$366,ROW(INDEX(Jesper!AH$2:AH$366,ROUNDDOWN($C1940/24,0)+1,1))-1)+IF('Standard Profiles'!$G$18=$B$10,7,0)+IF('Standard Profiles'!$G$18=$B$17,14,0)+IF('Standard Profiles'!$G$18=$B$24,21,0),MOD($C1940,24)+1)/SUM(INDEX($D$3:$AA$30,INDEX(Jesper!$R$2:$R$366,ROW(INDEX(Jesper!AH$2:AH$366,ROUNDDOWN($C1940/24,0)+1,1))-1)+IF('Standard Profiles'!$G$18=$B$10,7,0)+IF('Standard Profiles'!$G$18=$B$17,14,0)+IF('Standard Profiles'!$G$18=$B$24,21,0),0)),0)</f>
        <v>28.918500931073861</v>
      </c>
      <c r="E1940" cm="1">
        <f t="array" ref="E1940">IFERROR(INDEX(Jesper!AI$2:AI$366,ROUNDDOWN($C1940/24,0)+1,1)*INDEX($D$3:$AA$30,INDEX(Jesper!$R$2:$R$366,ROW(INDEX(Jesper!AI$2:AI$366,ROUNDDOWN($C1940/24,0)+1,1))-1)+IF('Standard Profiles'!$G$19=$B$10,7,0)+IF('Standard Profiles'!$G$19=$B$17,14,0)+IF('Standard Profiles'!$G$19=$B$24,21,0),MOD($C1940,24)+1)/SUM(INDEX($D$3:$AA$30,INDEX(Jesper!$R$2:$R$366,ROW(INDEX(Jesper!AI$2:AI$366,ROUNDDOWN($C1940/24,0)+1,1))-1)+IF('Standard Profiles'!$G$19=$B$10,7,0)+IF('Standard Profiles'!$G$19=$B$17,14,0)+IF('Standard Profiles'!$G$19=$B$24,21,0),0)),0)</f>
        <v>19.615784660788933</v>
      </c>
      <c r="F1940" cm="1">
        <f t="array" ref="F1940">IFERROR(INDEX(Jesper!AJ$2:AJ$366,ROUNDDOWN($C1940/24,0)+1,1)*INDEX($D$3:$AA$30,INDEX(Jesper!$R$2:$R$366,ROW(INDEX(Jesper!AJ$2:AJ$366,ROUNDDOWN($C1940/24,0)+1,1))-1)+IF('Standard Profiles'!$G$20=$B$10,7,0)+IF('Standard Profiles'!$G$20=$B$17,14,0)+IF('Standard Profiles'!$G$20=$B$24,21,0),MOD($C1940,24)+1)/SUM(INDEX($D$3:$AA$30,INDEX(Jesper!$R$2:$R$366,ROW(INDEX(Jesper!AJ$2:AJ$366,ROUNDDOWN($C1940/24,0)+1,1))-1)+IF('Standard Profiles'!$G$20=$B$10,7,0)+IF('Standard Profiles'!$G$20=$B$17,14,0)+IF('Standard Profiles'!$G$20=$B$24,21,0),0)),0)</f>
        <v>0</v>
      </c>
      <c r="G1940" cm="1">
        <f t="array" ref="G1940">IFERROR(INDEX(Jesper!AK$2:AK$366,ROUNDDOWN($C1940/24,0)+1,1)*INDEX($D$3:$AA$30,INDEX(Jesper!$R$2:$R$366,ROW(INDEX(Jesper!AK$2:AK$366,ROUNDDOWN($C1940/24,0)+1,1))-1)+IF('Standard Profiles'!$G$21=$B$10,7,0)+IF('Standard Profiles'!$G$21=$B$17,14,0)+IF('Standard Profiles'!$G$21=$B$24,21,0),MOD($C1940,24)+1)/SUM(INDEX($D$3:$AA$30,INDEX(Jesper!$R$2:$R$366,ROW(INDEX(Jesper!AK$2:AK$366,ROUNDDOWN($C1940/24,0)+1,1))-1)+IF('Standard Profiles'!$G$21=$B$10,7,0)+IF('Standard Profiles'!$G$21=$B$17,14,0)+IF('Standard Profiles'!$G$21=$B$24,21,0),0)),0)</f>
        <v>3.8598430568780202</v>
      </c>
      <c r="H1940" cm="1">
        <f t="array" ref="H1940">IFERROR(INDEX(Jesper!AL$2:AL$366,ROUNDDOWN($C1940/24,0)+1,1)*INDEX($D$3:$AA$30,INDEX(Jesper!$R$2:$R$366,ROW(INDEX(Jesper!AL$2:AL$366,ROUNDDOWN($C1940/24,0)+1,1))-1)+IF('Standard Profiles'!$G$22=$B$10,7,0)+IF('Standard Profiles'!$G$22=$B$17,14,0)+IF('Standard Profiles'!$G$22=$B$24,21,0),MOD($C1940,24)+1)/SUM(INDEX($D$3:$AA$30,INDEX(Jesper!$R$2:$R$366,ROW(INDEX(Jesper!AL$2:AL$366,ROUNDDOWN($C1940/24,0)+1,1))-1)+IF('Standard Profiles'!$G$22=$B$10,7,0)+IF('Standard Profiles'!$G$22=$B$17,14,0)+IF('Standard Profiles'!$G$22=$B$24,21,0),0)),0)</f>
        <v>0</v>
      </c>
      <c r="I1940">
        <f t="shared" si="223"/>
        <v>1.8527246673014488</v>
      </c>
      <c r="J1940">
        <f t="shared" si="224"/>
        <v>45.914443832467548</v>
      </c>
      <c r="K1940">
        <f t="shared" si="225"/>
        <v>3.0846400993145453</v>
      </c>
      <c r="L1940">
        <f t="shared" si="226"/>
        <v>1.5423200496572727</v>
      </c>
      <c r="M1940">
        <f t="shared" si="227"/>
        <v>0</v>
      </c>
      <c r="N1940" s="45">
        <f t="shared" si="228"/>
        <v>45006.416666662044</v>
      </c>
    </row>
    <row r="1941" spans="2:14" x14ac:dyDescent="0.25">
      <c r="B1941">
        <f t="shared" si="222"/>
        <v>2</v>
      </c>
      <c r="C1941" s="16">
        <v>1907</v>
      </c>
      <c r="D1941" cm="1">
        <f t="array" ref="D1941">IFERROR(INDEX(Jesper!AH$2:AH$366,ROUNDDOWN($C1941/24,0)+1,1)*INDEX($D$3:$AA$30,INDEX(Jesper!$R$2:$R$366,ROW(INDEX(Jesper!AH$2:AH$366,ROUNDDOWN($C1941/24,0)+1,1))-1)+IF('Standard Profiles'!$G$18=$B$10,7,0)+IF('Standard Profiles'!$G$18=$B$17,14,0)+IF('Standard Profiles'!$G$18=$B$24,21,0),MOD($C1941,24)+1)/SUM(INDEX($D$3:$AA$30,INDEX(Jesper!$R$2:$R$366,ROW(INDEX(Jesper!AH$2:AH$366,ROUNDDOWN($C1941/24,0)+1,1))-1)+IF('Standard Profiles'!$G$18=$B$10,7,0)+IF('Standard Profiles'!$G$18=$B$17,14,0)+IF('Standard Profiles'!$G$18=$B$24,21,0),0)),0)</f>
        <v>34.603334447438804</v>
      </c>
      <c r="E1941" cm="1">
        <f t="array" ref="E1941">IFERROR(INDEX(Jesper!AI$2:AI$366,ROUNDDOWN($C1941/24,0)+1,1)*INDEX($D$3:$AA$30,INDEX(Jesper!$R$2:$R$366,ROW(INDEX(Jesper!AI$2:AI$366,ROUNDDOWN($C1941/24,0)+1,1))-1)+IF('Standard Profiles'!$G$19=$B$10,7,0)+IF('Standard Profiles'!$G$19=$B$17,14,0)+IF('Standard Profiles'!$G$19=$B$24,21,0),MOD($C1941,24)+1)/SUM(INDEX($D$3:$AA$30,INDEX(Jesper!$R$2:$R$366,ROW(INDEX(Jesper!AI$2:AI$366,ROUNDDOWN($C1941/24,0)+1,1))-1)+IF('Standard Profiles'!$G$19=$B$10,7,0)+IF('Standard Profiles'!$G$19=$B$17,14,0)+IF('Standard Profiles'!$G$19=$B$24,21,0),0)),0)</f>
        <v>23.471879081285902</v>
      </c>
      <c r="F1941" cm="1">
        <f t="array" ref="F1941">IFERROR(INDEX(Jesper!AJ$2:AJ$366,ROUNDDOWN($C1941/24,0)+1,1)*INDEX($D$3:$AA$30,INDEX(Jesper!$R$2:$R$366,ROW(INDEX(Jesper!AJ$2:AJ$366,ROUNDDOWN($C1941/24,0)+1,1))-1)+IF('Standard Profiles'!$G$20=$B$10,7,0)+IF('Standard Profiles'!$G$20=$B$17,14,0)+IF('Standard Profiles'!$G$20=$B$24,21,0),MOD($C1941,24)+1)/SUM(INDEX($D$3:$AA$30,INDEX(Jesper!$R$2:$R$366,ROW(INDEX(Jesper!AJ$2:AJ$366,ROUNDDOWN($C1941/24,0)+1,1))-1)+IF('Standard Profiles'!$G$20=$B$10,7,0)+IF('Standard Profiles'!$G$20=$B$17,14,0)+IF('Standard Profiles'!$G$20=$B$24,21,0),0)),0)</f>
        <v>0</v>
      </c>
      <c r="G1941" cm="1">
        <f t="array" ref="G1941">IFERROR(INDEX(Jesper!AK$2:AK$366,ROUNDDOWN($C1941/24,0)+1,1)*INDEX($D$3:$AA$30,INDEX(Jesper!$R$2:$R$366,ROW(INDEX(Jesper!AK$2:AK$366,ROUNDDOWN($C1941/24,0)+1,1))-1)+IF('Standard Profiles'!$G$21=$B$10,7,0)+IF('Standard Profiles'!$G$21=$B$17,14,0)+IF('Standard Profiles'!$G$21=$B$24,21,0),MOD($C1941,24)+1)/SUM(INDEX($D$3:$AA$30,INDEX(Jesper!$R$2:$R$366,ROW(INDEX(Jesper!AK$2:AK$366,ROUNDDOWN($C1941/24,0)+1,1))-1)+IF('Standard Profiles'!$G$21=$B$10,7,0)+IF('Standard Profiles'!$G$21=$B$17,14,0)+IF('Standard Profiles'!$G$21=$B$24,21,0),0)),0)</f>
        <v>4.6186156236147244</v>
      </c>
      <c r="H1941" cm="1">
        <f t="array" ref="H1941">IFERROR(INDEX(Jesper!AL$2:AL$366,ROUNDDOWN($C1941/24,0)+1,1)*INDEX($D$3:$AA$30,INDEX(Jesper!$R$2:$R$366,ROW(INDEX(Jesper!AL$2:AL$366,ROUNDDOWN($C1941/24,0)+1,1))-1)+IF('Standard Profiles'!$G$22=$B$10,7,0)+IF('Standard Profiles'!$G$22=$B$17,14,0)+IF('Standard Profiles'!$G$22=$B$24,21,0),MOD($C1941,24)+1)/SUM(INDEX($D$3:$AA$30,INDEX(Jesper!$R$2:$R$366,ROW(INDEX(Jesper!AL$2:AL$366,ROUNDDOWN($C1941/24,0)+1,1))-1)+IF('Standard Profiles'!$G$22=$B$10,7,0)+IF('Standard Profiles'!$G$22=$B$17,14,0)+IF('Standard Profiles'!$G$22=$B$24,21,0),0)),0)</f>
        <v>0</v>
      </c>
      <c r="I1941">
        <f t="shared" si="223"/>
        <v>2.2169354993350665</v>
      </c>
      <c r="J1941">
        <f t="shared" si="224"/>
        <v>54.940360141414153</v>
      </c>
      <c r="K1941">
        <f t="shared" si="225"/>
        <v>3.6910223410601395</v>
      </c>
      <c r="L1941">
        <f t="shared" si="226"/>
        <v>1.8455111705300697</v>
      </c>
      <c r="M1941">
        <f t="shared" si="227"/>
        <v>0</v>
      </c>
      <c r="N1941" s="45">
        <f t="shared" si="228"/>
        <v>45006.458333328708</v>
      </c>
    </row>
    <row r="1942" spans="2:14" x14ac:dyDescent="0.25">
      <c r="B1942">
        <f t="shared" si="222"/>
        <v>2</v>
      </c>
      <c r="C1942" s="16">
        <v>1908</v>
      </c>
      <c r="D1942" cm="1">
        <f t="array" ref="D1942">IFERROR(INDEX(Jesper!AH$2:AH$366,ROUNDDOWN($C1942/24,0)+1,1)*INDEX($D$3:$AA$30,INDEX(Jesper!$R$2:$R$366,ROW(INDEX(Jesper!AH$2:AH$366,ROUNDDOWN($C1942/24,0)+1,1))-1)+IF('Standard Profiles'!$G$18=$B$10,7,0)+IF('Standard Profiles'!$G$18=$B$17,14,0)+IF('Standard Profiles'!$G$18=$B$24,21,0),MOD($C1942,24)+1)/SUM(INDEX($D$3:$AA$30,INDEX(Jesper!$R$2:$R$366,ROW(INDEX(Jesper!AH$2:AH$366,ROUNDDOWN($C1942/24,0)+1,1))-1)+IF('Standard Profiles'!$G$18=$B$10,7,0)+IF('Standard Profiles'!$G$18=$B$17,14,0)+IF('Standard Profiles'!$G$18=$B$24,21,0),0)),0)</f>
        <v>34.603334447438804</v>
      </c>
      <c r="E1942" cm="1">
        <f t="array" ref="E1942">IFERROR(INDEX(Jesper!AI$2:AI$366,ROUNDDOWN($C1942/24,0)+1,1)*INDEX($D$3:$AA$30,INDEX(Jesper!$R$2:$R$366,ROW(INDEX(Jesper!AI$2:AI$366,ROUNDDOWN($C1942/24,0)+1,1))-1)+IF('Standard Profiles'!$G$19=$B$10,7,0)+IF('Standard Profiles'!$G$19=$B$17,14,0)+IF('Standard Profiles'!$G$19=$B$24,21,0),MOD($C1942,24)+1)/SUM(INDEX($D$3:$AA$30,INDEX(Jesper!$R$2:$R$366,ROW(INDEX(Jesper!AI$2:AI$366,ROUNDDOWN($C1942/24,0)+1,1))-1)+IF('Standard Profiles'!$G$19=$B$10,7,0)+IF('Standard Profiles'!$G$19=$B$17,14,0)+IF('Standard Profiles'!$G$19=$B$24,21,0),0)),0)</f>
        <v>23.471879081285902</v>
      </c>
      <c r="F1942" cm="1">
        <f t="array" ref="F1942">IFERROR(INDEX(Jesper!AJ$2:AJ$366,ROUNDDOWN($C1942/24,0)+1,1)*INDEX($D$3:$AA$30,INDEX(Jesper!$R$2:$R$366,ROW(INDEX(Jesper!AJ$2:AJ$366,ROUNDDOWN($C1942/24,0)+1,1))-1)+IF('Standard Profiles'!$G$20=$B$10,7,0)+IF('Standard Profiles'!$G$20=$B$17,14,0)+IF('Standard Profiles'!$G$20=$B$24,21,0),MOD($C1942,24)+1)/SUM(INDEX($D$3:$AA$30,INDEX(Jesper!$R$2:$R$366,ROW(INDEX(Jesper!AJ$2:AJ$366,ROUNDDOWN($C1942/24,0)+1,1))-1)+IF('Standard Profiles'!$G$20=$B$10,7,0)+IF('Standard Profiles'!$G$20=$B$17,14,0)+IF('Standard Profiles'!$G$20=$B$24,21,0),0)),0)</f>
        <v>0</v>
      </c>
      <c r="G1942" cm="1">
        <f t="array" ref="G1942">IFERROR(INDEX(Jesper!AK$2:AK$366,ROUNDDOWN($C1942/24,0)+1,1)*INDEX($D$3:$AA$30,INDEX(Jesper!$R$2:$R$366,ROW(INDEX(Jesper!AK$2:AK$366,ROUNDDOWN($C1942/24,0)+1,1))-1)+IF('Standard Profiles'!$G$21=$B$10,7,0)+IF('Standard Profiles'!$G$21=$B$17,14,0)+IF('Standard Profiles'!$G$21=$B$24,21,0),MOD($C1942,24)+1)/SUM(INDEX($D$3:$AA$30,INDEX(Jesper!$R$2:$R$366,ROW(INDEX(Jesper!AK$2:AK$366,ROUNDDOWN($C1942/24,0)+1,1))-1)+IF('Standard Profiles'!$G$21=$B$10,7,0)+IF('Standard Profiles'!$G$21=$B$17,14,0)+IF('Standard Profiles'!$G$21=$B$24,21,0),0)),0)</f>
        <v>4.6186156236147244</v>
      </c>
      <c r="H1942" cm="1">
        <f t="array" ref="H1942">IFERROR(INDEX(Jesper!AL$2:AL$366,ROUNDDOWN($C1942/24,0)+1,1)*INDEX($D$3:$AA$30,INDEX(Jesper!$R$2:$R$366,ROW(INDEX(Jesper!AL$2:AL$366,ROUNDDOWN($C1942/24,0)+1,1))-1)+IF('Standard Profiles'!$G$22=$B$10,7,0)+IF('Standard Profiles'!$G$22=$B$17,14,0)+IF('Standard Profiles'!$G$22=$B$24,21,0),MOD($C1942,24)+1)/SUM(INDEX($D$3:$AA$30,INDEX(Jesper!$R$2:$R$366,ROW(INDEX(Jesper!AL$2:AL$366,ROUNDDOWN($C1942/24,0)+1,1))-1)+IF('Standard Profiles'!$G$22=$B$10,7,0)+IF('Standard Profiles'!$G$22=$B$17,14,0)+IF('Standard Profiles'!$G$22=$B$24,21,0),0)),0)</f>
        <v>0</v>
      </c>
      <c r="I1942">
        <f t="shared" si="223"/>
        <v>2.2169354993350665</v>
      </c>
      <c r="J1942">
        <f t="shared" si="224"/>
        <v>54.940360141414153</v>
      </c>
      <c r="K1942">
        <f t="shared" si="225"/>
        <v>3.6910223410601395</v>
      </c>
      <c r="L1942">
        <f t="shared" si="226"/>
        <v>1.8455111705300697</v>
      </c>
      <c r="M1942">
        <f t="shared" si="227"/>
        <v>0</v>
      </c>
      <c r="N1942" s="45">
        <f t="shared" si="228"/>
        <v>45006.499999995372</v>
      </c>
    </row>
    <row r="1943" spans="2:14" x14ac:dyDescent="0.25">
      <c r="B1943">
        <f t="shared" si="222"/>
        <v>2</v>
      </c>
      <c r="C1943" s="16">
        <v>1909</v>
      </c>
      <c r="D1943" cm="1">
        <f t="array" ref="D1943">IFERROR(INDEX(Jesper!AH$2:AH$366,ROUNDDOWN($C1943/24,0)+1,1)*INDEX($D$3:$AA$30,INDEX(Jesper!$R$2:$R$366,ROW(INDEX(Jesper!AH$2:AH$366,ROUNDDOWN($C1943/24,0)+1,1))-1)+IF('Standard Profiles'!$G$18=$B$10,7,0)+IF('Standard Profiles'!$G$18=$B$17,14,0)+IF('Standard Profiles'!$G$18=$B$24,21,0),MOD($C1943,24)+1)/SUM(INDEX($D$3:$AA$30,INDEX(Jesper!$R$2:$R$366,ROW(INDEX(Jesper!AH$2:AH$366,ROUNDDOWN($C1943/24,0)+1,1))-1)+IF('Standard Profiles'!$G$18=$B$10,7,0)+IF('Standard Profiles'!$G$18=$B$17,14,0)+IF('Standard Profiles'!$G$18=$B$24,21,0),0)),0)</f>
        <v>22.986500740084349</v>
      </c>
      <c r="E1943" cm="1">
        <f t="array" ref="E1943">IFERROR(INDEX(Jesper!AI$2:AI$366,ROUNDDOWN($C1943/24,0)+1,1)*INDEX($D$3:$AA$30,INDEX(Jesper!$R$2:$R$366,ROW(INDEX(Jesper!AI$2:AI$366,ROUNDDOWN($C1943/24,0)+1,1))-1)+IF('Standard Profiles'!$G$19=$B$10,7,0)+IF('Standard Profiles'!$G$19=$B$17,14,0)+IF('Standard Profiles'!$G$19=$B$24,21,0),MOD($C1943,24)+1)/SUM(INDEX($D$3:$AA$30,INDEX(Jesper!$R$2:$R$366,ROW(INDEX(Jesper!AI$2:AI$366,ROUNDDOWN($C1943/24,0)+1,1))-1)+IF('Standard Profiles'!$G$19=$B$10,7,0)+IF('Standard Profiles'!$G$19=$B$17,14,0)+IF('Standard Profiles'!$G$19=$B$24,21,0),0)),0)</f>
        <v>15.59203396113992</v>
      </c>
      <c r="F1943" cm="1">
        <f t="array" ref="F1943">IFERROR(INDEX(Jesper!AJ$2:AJ$366,ROUNDDOWN($C1943/24,0)+1,1)*INDEX($D$3:$AA$30,INDEX(Jesper!$R$2:$R$366,ROW(INDEX(Jesper!AJ$2:AJ$366,ROUNDDOWN($C1943/24,0)+1,1))-1)+IF('Standard Profiles'!$G$20=$B$10,7,0)+IF('Standard Profiles'!$G$20=$B$17,14,0)+IF('Standard Profiles'!$G$20=$B$24,21,0),MOD($C1943,24)+1)/SUM(INDEX($D$3:$AA$30,INDEX(Jesper!$R$2:$R$366,ROW(INDEX(Jesper!AJ$2:AJ$366,ROUNDDOWN($C1943/24,0)+1,1))-1)+IF('Standard Profiles'!$G$20=$B$10,7,0)+IF('Standard Profiles'!$G$20=$B$17,14,0)+IF('Standard Profiles'!$G$20=$B$24,21,0),0)),0)</f>
        <v>0</v>
      </c>
      <c r="G1943" cm="1">
        <f t="array" ref="G1943">IFERROR(INDEX(Jesper!AK$2:AK$366,ROUNDDOWN($C1943/24,0)+1,1)*INDEX($D$3:$AA$30,INDEX(Jesper!$R$2:$R$366,ROW(INDEX(Jesper!AK$2:AK$366,ROUNDDOWN($C1943/24,0)+1,1))-1)+IF('Standard Profiles'!$G$21=$B$10,7,0)+IF('Standard Profiles'!$G$21=$B$17,14,0)+IF('Standard Profiles'!$G$21=$B$24,21,0),MOD($C1943,24)+1)/SUM(INDEX($D$3:$AA$30,INDEX(Jesper!$R$2:$R$366,ROW(INDEX(Jesper!AK$2:AK$366,ROUNDDOWN($C1943/24,0)+1,1))-1)+IF('Standard Profiles'!$G$21=$B$10,7,0)+IF('Standard Profiles'!$G$21=$B$17,14,0)+IF('Standard Profiles'!$G$21=$B$24,21,0),0)),0)</f>
        <v>3.0680803785440665</v>
      </c>
      <c r="H1943" cm="1">
        <f t="array" ref="H1943">IFERROR(INDEX(Jesper!AL$2:AL$366,ROUNDDOWN($C1943/24,0)+1,1)*INDEX($D$3:$AA$30,INDEX(Jesper!$R$2:$R$366,ROW(INDEX(Jesper!AL$2:AL$366,ROUNDDOWN($C1943/24,0)+1,1))-1)+IF('Standard Profiles'!$G$22=$B$10,7,0)+IF('Standard Profiles'!$G$22=$B$17,14,0)+IF('Standard Profiles'!$G$22=$B$24,21,0),MOD($C1943,24)+1)/SUM(INDEX($D$3:$AA$30,INDEX(Jesper!$R$2:$R$366,ROW(INDEX(Jesper!AL$2:AL$366,ROUNDDOWN($C1943/24,0)+1,1))-1)+IF('Standard Profiles'!$G$22=$B$10,7,0)+IF('Standard Profiles'!$G$22=$B$17,14,0)+IF('Standard Profiles'!$G$22=$B$24,21,0),0)),0)</f>
        <v>0</v>
      </c>
      <c r="I1943">
        <f t="shared" si="223"/>
        <v>1.4726785817011512</v>
      </c>
      <c r="J1943">
        <f t="shared" si="224"/>
        <v>36.496096379653686</v>
      </c>
      <c r="K1943">
        <f t="shared" si="225"/>
        <v>2.4518934122756639</v>
      </c>
      <c r="L1943">
        <f t="shared" si="226"/>
        <v>1.225946706137832</v>
      </c>
      <c r="M1943">
        <f t="shared" si="227"/>
        <v>0</v>
      </c>
      <c r="N1943" s="45">
        <f t="shared" si="228"/>
        <v>45006.541666662037</v>
      </c>
    </row>
    <row r="1944" spans="2:14" x14ac:dyDescent="0.25">
      <c r="B1944">
        <f t="shared" si="222"/>
        <v>2</v>
      </c>
      <c r="C1944" s="16">
        <v>1910</v>
      </c>
      <c r="D1944" cm="1">
        <f t="array" ref="D1944">IFERROR(INDEX(Jesper!AH$2:AH$366,ROUNDDOWN($C1944/24,0)+1,1)*INDEX($D$3:$AA$30,INDEX(Jesper!$R$2:$R$366,ROW(INDEX(Jesper!AH$2:AH$366,ROUNDDOWN($C1944/24,0)+1,1))-1)+IF('Standard Profiles'!$G$18=$B$10,7,0)+IF('Standard Profiles'!$G$18=$B$17,14,0)+IF('Standard Profiles'!$G$18=$B$24,21,0),MOD($C1944,24)+1)/SUM(INDEX($D$3:$AA$30,INDEX(Jesper!$R$2:$R$366,ROW(INDEX(Jesper!AH$2:AH$366,ROUNDDOWN($C1944/24,0)+1,1))-1)+IF('Standard Profiles'!$G$18=$B$10,7,0)+IF('Standard Profiles'!$G$18=$B$17,14,0)+IF('Standard Profiles'!$G$18=$B$24,21,0),0)),0)</f>
        <v>34.603334447438804</v>
      </c>
      <c r="E1944" cm="1">
        <f t="array" ref="E1944">IFERROR(INDEX(Jesper!AI$2:AI$366,ROUNDDOWN($C1944/24,0)+1,1)*INDEX($D$3:$AA$30,INDEX(Jesper!$R$2:$R$366,ROW(INDEX(Jesper!AI$2:AI$366,ROUNDDOWN($C1944/24,0)+1,1))-1)+IF('Standard Profiles'!$G$19=$B$10,7,0)+IF('Standard Profiles'!$G$19=$B$17,14,0)+IF('Standard Profiles'!$G$19=$B$24,21,0),MOD($C1944,24)+1)/SUM(INDEX($D$3:$AA$30,INDEX(Jesper!$R$2:$R$366,ROW(INDEX(Jesper!AI$2:AI$366,ROUNDDOWN($C1944/24,0)+1,1))-1)+IF('Standard Profiles'!$G$19=$B$10,7,0)+IF('Standard Profiles'!$G$19=$B$17,14,0)+IF('Standard Profiles'!$G$19=$B$24,21,0),0)),0)</f>
        <v>23.471879081285902</v>
      </c>
      <c r="F1944" cm="1">
        <f t="array" ref="F1944">IFERROR(INDEX(Jesper!AJ$2:AJ$366,ROUNDDOWN($C1944/24,0)+1,1)*INDEX($D$3:$AA$30,INDEX(Jesper!$R$2:$R$366,ROW(INDEX(Jesper!AJ$2:AJ$366,ROUNDDOWN($C1944/24,0)+1,1))-1)+IF('Standard Profiles'!$G$20=$B$10,7,0)+IF('Standard Profiles'!$G$20=$B$17,14,0)+IF('Standard Profiles'!$G$20=$B$24,21,0),MOD($C1944,24)+1)/SUM(INDEX($D$3:$AA$30,INDEX(Jesper!$R$2:$R$366,ROW(INDEX(Jesper!AJ$2:AJ$366,ROUNDDOWN($C1944/24,0)+1,1))-1)+IF('Standard Profiles'!$G$20=$B$10,7,0)+IF('Standard Profiles'!$G$20=$B$17,14,0)+IF('Standard Profiles'!$G$20=$B$24,21,0),0)),0)</f>
        <v>0</v>
      </c>
      <c r="G1944" cm="1">
        <f t="array" ref="G1944">IFERROR(INDEX(Jesper!AK$2:AK$366,ROUNDDOWN($C1944/24,0)+1,1)*INDEX($D$3:$AA$30,INDEX(Jesper!$R$2:$R$366,ROW(INDEX(Jesper!AK$2:AK$366,ROUNDDOWN($C1944/24,0)+1,1))-1)+IF('Standard Profiles'!$G$21=$B$10,7,0)+IF('Standard Profiles'!$G$21=$B$17,14,0)+IF('Standard Profiles'!$G$21=$B$24,21,0),MOD($C1944,24)+1)/SUM(INDEX($D$3:$AA$30,INDEX(Jesper!$R$2:$R$366,ROW(INDEX(Jesper!AK$2:AK$366,ROUNDDOWN($C1944/24,0)+1,1))-1)+IF('Standard Profiles'!$G$21=$B$10,7,0)+IF('Standard Profiles'!$G$21=$B$17,14,0)+IF('Standard Profiles'!$G$21=$B$24,21,0),0)),0)</f>
        <v>4.6186156236147244</v>
      </c>
      <c r="H1944" cm="1">
        <f t="array" ref="H1944">IFERROR(INDEX(Jesper!AL$2:AL$366,ROUNDDOWN($C1944/24,0)+1,1)*INDEX($D$3:$AA$30,INDEX(Jesper!$R$2:$R$366,ROW(INDEX(Jesper!AL$2:AL$366,ROUNDDOWN($C1944/24,0)+1,1))-1)+IF('Standard Profiles'!$G$22=$B$10,7,0)+IF('Standard Profiles'!$G$22=$B$17,14,0)+IF('Standard Profiles'!$G$22=$B$24,21,0),MOD($C1944,24)+1)/SUM(INDEX($D$3:$AA$30,INDEX(Jesper!$R$2:$R$366,ROW(INDEX(Jesper!AL$2:AL$366,ROUNDDOWN($C1944/24,0)+1,1))-1)+IF('Standard Profiles'!$G$22=$B$10,7,0)+IF('Standard Profiles'!$G$22=$B$17,14,0)+IF('Standard Profiles'!$G$22=$B$24,21,0),0)),0)</f>
        <v>0</v>
      </c>
      <c r="I1944">
        <f t="shared" si="223"/>
        <v>2.2169354993350665</v>
      </c>
      <c r="J1944">
        <f t="shared" si="224"/>
        <v>54.940360141414153</v>
      </c>
      <c r="K1944">
        <f t="shared" si="225"/>
        <v>3.6910223410601395</v>
      </c>
      <c r="L1944">
        <f t="shared" si="226"/>
        <v>1.8455111705300697</v>
      </c>
      <c r="M1944">
        <f t="shared" si="227"/>
        <v>0</v>
      </c>
      <c r="N1944" s="45">
        <f t="shared" si="228"/>
        <v>45006.583333328701</v>
      </c>
    </row>
    <row r="1945" spans="2:14" x14ac:dyDescent="0.25">
      <c r="B1945">
        <f t="shared" si="222"/>
        <v>2</v>
      </c>
      <c r="C1945" s="16">
        <v>1911</v>
      </c>
      <c r="D1945" cm="1">
        <f t="array" ref="D1945">IFERROR(INDEX(Jesper!AH$2:AH$366,ROUNDDOWN($C1945/24,0)+1,1)*INDEX($D$3:$AA$30,INDEX(Jesper!$R$2:$R$366,ROW(INDEX(Jesper!AH$2:AH$366,ROUNDDOWN($C1945/24,0)+1,1))-1)+IF('Standard Profiles'!$G$18=$B$10,7,0)+IF('Standard Profiles'!$G$18=$B$17,14,0)+IF('Standard Profiles'!$G$18=$B$24,21,0),MOD($C1945,24)+1)/SUM(INDEX($D$3:$AA$30,INDEX(Jesper!$R$2:$R$366,ROW(INDEX(Jesper!AH$2:AH$366,ROUNDDOWN($C1945/24,0)+1,1))-1)+IF('Standard Profiles'!$G$18=$B$10,7,0)+IF('Standard Profiles'!$G$18=$B$17,14,0)+IF('Standard Profiles'!$G$18=$B$24,21,0),0)),0)</f>
        <v>34.603334447438804</v>
      </c>
      <c r="E1945" cm="1">
        <f t="array" ref="E1945">IFERROR(INDEX(Jesper!AI$2:AI$366,ROUNDDOWN($C1945/24,0)+1,1)*INDEX($D$3:$AA$30,INDEX(Jesper!$R$2:$R$366,ROW(INDEX(Jesper!AI$2:AI$366,ROUNDDOWN($C1945/24,0)+1,1))-1)+IF('Standard Profiles'!$G$19=$B$10,7,0)+IF('Standard Profiles'!$G$19=$B$17,14,0)+IF('Standard Profiles'!$G$19=$B$24,21,0),MOD($C1945,24)+1)/SUM(INDEX($D$3:$AA$30,INDEX(Jesper!$R$2:$R$366,ROW(INDEX(Jesper!AI$2:AI$366,ROUNDDOWN($C1945/24,0)+1,1))-1)+IF('Standard Profiles'!$G$19=$B$10,7,0)+IF('Standard Profiles'!$G$19=$B$17,14,0)+IF('Standard Profiles'!$G$19=$B$24,21,0),0)),0)</f>
        <v>23.471879081285902</v>
      </c>
      <c r="F1945" cm="1">
        <f t="array" ref="F1945">IFERROR(INDEX(Jesper!AJ$2:AJ$366,ROUNDDOWN($C1945/24,0)+1,1)*INDEX($D$3:$AA$30,INDEX(Jesper!$R$2:$R$366,ROW(INDEX(Jesper!AJ$2:AJ$366,ROUNDDOWN($C1945/24,0)+1,1))-1)+IF('Standard Profiles'!$G$20=$B$10,7,0)+IF('Standard Profiles'!$G$20=$B$17,14,0)+IF('Standard Profiles'!$G$20=$B$24,21,0),MOD($C1945,24)+1)/SUM(INDEX($D$3:$AA$30,INDEX(Jesper!$R$2:$R$366,ROW(INDEX(Jesper!AJ$2:AJ$366,ROUNDDOWN($C1945/24,0)+1,1))-1)+IF('Standard Profiles'!$G$20=$B$10,7,0)+IF('Standard Profiles'!$G$20=$B$17,14,0)+IF('Standard Profiles'!$G$20=$B$24,21,0),0)),0)</f>
        <v>0</v>
      </c>
      <c r="G1945" cm="1">
        <f t="array" ref="G1945">IFERROR(INDEX(Jesper!AK$2:AK$366,ROUNDDOWN($C1945/24,0)+1,1)*INDEX($D$3:$AA$30,INDEX(Jesper!$R$2:$R$366,ROW(INDEX(Jesper!AK$2:AK$366,ROUNDDOWN($C1945/24,0)+1,1))-1)+IF('Standard Profiles'!$G$21=$B$10,7,0)+IF('Standard Profiles'!$G$21=$B$17,14,0)+IF('Standard Profiles'!$G$21=$B$24,21,0),MOD($C1945,24)+1)/SUM(INDEX($D$3:$AA$30,INDEX(Jesper!$R$2:$R$366,ROW(INDEX(Jesper!AK$2:AK$366,ROUNDDOWN($C1945/24,0)+1,1))-1)+IF('Standard Profiles'!$G$21=$B$10,7,0)+IF('Standard Profiles'!$G$21=$B$17,14,0)+IF('Standard Profiles'!$G$21=$B$24,21,0),0)),0)</f>
        <v>4.6186156236147244</v>
      </c>
      <c r="H1945" cm="1">
        <f t="array" ref="H1945">IFERROR(INDEX(Jesper!AL$2:AL$366,ROUNDDOWN($C1945/24,0)+1,1)*INDEX($D$3:$AA$30,INDEX(Jesper!$R$2:$R$366,ROW(INDEX(Jesper!AL$2:AL$366,ROUNDDOWN($C1945/24,0)+1,1))-1)+IF('Standard Profiles'!$G$22=$B$10,7,0)+IF('Standard Profiles'!$G$22=$B$17,14,0)+IF('Standard Profiles'!$G$22=$B$24,21,0),MOD($C1945,24)+1)/SUM(INDEX($D$3:$AA$30,INDEX(Jesper!$R$2:$R$366,ROW(INDEX(Jesper!AL$2:AL$366,ROUNDDOWN($C1945/24,0)+1,1))-1)+IF('Standard Profiles'!$G$22=$B$10,7,0)+IF('Standard Profiles'!$G$22=$B$17,14,0)+IF('Standard Profiles'!$G$22=$B$24,21,0),0)),0)</f>
        <v>0</v>
      </c>
      <c r="I1945">
        <f t="shared" si="223"/>
        <v>2.2169354993350665</v>
      </c>
      <c r="J1945">
        <f t="shared" si="224"/>
        <v>54.940360141414153</v>
      </c>
      <c r="K1945">
        <f t="shared" si="225"/>
        <v>3.6910223410601395</v>
      </c>
      <c r="L1945">
        <f t="shared" si="226"/>
        <v>1.8455111705300697</v>
      </c>
      <c r="M1945">
        <f t="shared" si="227"/>
        <v>0</v>
      </c>
      <c r="N1945" s="45">
        <f t="shared" si="228"/>
        <v>45006.624999995365</v>
      </c>
    </row>
    <row r="1946" spans="2:14" x14ac:dyDescent="0.25">
      <c r="B1946">
        <f t="shared" si="222"/>
        <v>2</v>
      </c>
      <c r="C1946" s="16">
        <v>1912</v>
      </c>
      <c r="D1946" cm="1">
        <f t="array" ref="D1946">IFERROR(INDEX(Jesper!AH$2:AH$366,ROUNDDOWN($C1946/24,0)+1,1)*INDEX($D$3:$AA$30,INDEX(Jesper!$R$2:$R$366,ROW(INDEX(Jesper!AH$2:AH$366,ROUNDDOWN($C1946/24,0)+1,1))-1)+IF('Standard Profiles'!$G$18=$B$10,7,0)+IF('Standard Profiles'!$G$18=$B$17,14,0)+IF('Standard Profiles'!$G$18=$B$24,21,0),MOD($C1946,24)+1)/SUM(INDEX($D$3:$AA$30,INDEX(Jesper!$R$2:$R$366,ROW(INDEX(Jesper!AH$2:AH$366,ROUNDDOWN($C1946/24,0)+1,1))-1)+IF('Standard Profiles'!$G$18=$B$10,7,0)+IF('Standard Profiles'!$G$18=$B$17,14,0)+IF('Standard Profiles'!$G$18=$B$24,21,0),0)),0)</f>
        <v>20.391250656526438</v>
      </c>
      <c r="E1946" cm="1">
        <f t="array" ref="E1946">IFERROR(INDEX(Jesper!AI$2:AI$366,ROUNDDOWN($C1946/24,0)+1,1)*INDEX($D$3:$AA$30,INDEX(Jesper!$R$2:$R$366,ROW(INDEX(Jesper!AI$2:AI$366,ROUNDDOWN($C1946/24,0)+1,1))-1)+IF('Standard Profiles'!$G$19=$B$10,7,0)+IF('Standard Profiles'!$G$19=$B$17,14,0)+IF('Standard Profiles'!$G$19=$B$24,21,0),MOD($C1946,24)+1)/SUM(INDEX($D$3:$AA$30,INDEX(Jesper!$R$2:$R$366,ROW(INDEX(Jesper!AI$2:AI$366,ROUNDDOWN($C1946/24,0)+1,1))-1)+IF('Standard Profiles'!$G$19=$B$10,7,0)+IF('Standard Profiles'!$G$19=$B$17,14,0)+IF('Standard Profiles'!$G$19=$B$24,21,0),0)),0)</f>
        <v>13.831643030043479</v>
      </c>
      <c r="F1946" cm="1">
        <f t="array" ref="F1946">IFERROR(INDEX(Jesper!AJ$2:AJ$366,ROUNDDOWN($C1946/24,0)+1,1)*INDEX($D$3:$AA$30,INDEX(Jesper!$R$2:$R$366,ROW(INDEX(Jesper!AJ$2:AJ$366,ROUNDDOWN($C1946/24,0)+1,1))-1)+IF('Standard Profiles'!$G$20=$B$10,7,0)+IF('Standard Profiles'!$G$20=$B$17,14,0)+IF('Standard Profiles'!$G$20=$B$24,21,0),MOD($C1946,24)+1)/SUM(INDEX($D$3:$AA$30,INDEX(Jesper!$R$2:$R$366,ROW(INDEX(Jesper!AJ$2:AJ$366,ROUNDDOWN($C1946/24,0)+1,1))-1)+IF('Standard Profiles'!$G$20=$B$10,7,0)+IF('Standard Profiles'!$G$20=$B$17,14,0)+IF('Standard Profiles'!$G$20=$B$24,21,0),0)),0)</f>
        <v>0</v>
      </c>
      <c r="G1946" cm="1">
        <f t="array" ref="G1946">IFERROR(INDEX(Jesper!AK$2:AK$366,ROUNDDOWN($C1946/24,0)+1,1)*INDEX($D$3:$AA$30,INDEX(Jesper!$R$2:$R$366,ROW(INDEX(Jesper!AK$2:AK$366,ROUNDDOWN($C1946/24,0)+1,1))-1)+IF('Standard Profiles'!$G$21=$B$10,7,0)+IF('Standard Profiles'!$G$21=$B$17,14,0)+IF('Standard Profiles'!$G$21=$B$24,21,0),MOD($C1946,24)+1)/SUM(INDEX($D$3:$AA$30,INDEX(Jesper!$R$2:$R$366,ROW(INDEX(Jesper!AK$2:AK$366,ROUNDDOWN($C1946/24,0)+1,1))-1)+IF('Standard Profiles'!$G$21=$B$10,7,0)+IF('Standard Profiles'!$G$21=$B$17,14,0)+IF('Standard Profiles'!$G$21=$B$24,21,0),0)),0)</f>
        <v>3.860544974146046</v>
      </c>
      <c r="H1946" cm="1">
        <f t="array" ref="H1946">IFERROR(INDEX(Jesper!AL$2:AL$366,ROUNDDOWN($C1946/24,0)+1,1)*INDEX($D$3:$AA$30,INDEX(Jesper!$R$2:$R$366,ROW(INDEX(Jesper!AL$2:AL$366,ROUNDDOWN($C1946/24,0)+1,1))-1)+IF('Standard Profiles'!$G$22=$B$10,7,0)+IF('Standard Profiles'!$G$22=$B$17,14,0)+IF('Standard Profiles'!$G$22=$B$24,21,0),MOD($C1946,24)+1)/SUM(INDEX($D$3:$AA$30,INDEX(Jesper!$R$2:$R$366,ROW(INDEX(Jesper!AL$2:AL$366,ROUNDDOWN($C1946/24,0)+1,1))-1)+IF('Standard Profiles'!$G$22=$B$10,7,0)+IF('Standard Profiles'!$G$22=$B$17,14,0)+IF('Standard Profiles'!$G$22=$B$24,21,0),0)),0)</f>
        <v>0</v>
      </c>
      <c r="I1946">
        <f t="shared" si="223"/>
        <v>1.8530615875901011</v>
      </c>
      <c r="J1946">
        <f t="shared" si="224"/>
        <v>32.96777696808163</v>
      </c>
      <c r="K1946">
        <f t="shared" si="225"/>
        <v>2.1750667366961536</v>
      </c>
      <c r="L1946">
        <f t="shared" si="226"/>
        <v>1.0875333683480768</v>
      </c>
      <c r="M1946">
        <f t="shared" si="227"/>
        <v>0</v>
      </c>
      <c r="N1946" s="45">
        <f t="shared" si="228"/>
        <v>45006.666666662029</v>
      </c>
    </row>
    <row r="1947" spans="2:14" x14ac:dyDescent="0.25">
      <c r="B1947">
        <f t="shared" si="222"/>
        <v>2</v>
      </c>
      <c r="C1947" s="16">
        <v>1913</v>
      </c>
      <c r="D1947" cm="1">
        <f t="array" ref="D1947">IFERROR(INDEX(Jesper!AH$2:AH$366,ROUNDDOWN($C1947/24,0)+1,1)*INDEX($D$3:$AA$30,INDEX(Jesper!$R$2:$R$366,ROW(INDEX(Jesper!AH$2:AH$366,ROUNDDOWN($C1947/24,0)+1,1))-1)+IF('Standard Profiles'!$G$18=$B$10,7,0)+IF('Standard Profiles'!$G$18=$B$17,14,0)+IF('Standard Profiles'!$G$18=$B$24,21,0),MOD($C1947,24)+1)/SUM(INDEX($D$3:$AA$30,INDEX(Jesper!$R$2:$R$366,ROW(INDEX(Jesper!AH$2:AH$366,ROUNDDOWN($C1947/24,0)+1,1))-1)+IF('Standard Profiles'!$G$18=$B$10,7,0)+IF('Standard Profiles'!$G$18=$B$17,14,0)+IF('Standard Profiles'!$G$18=$B$24,21,0),0)),0)</f>
        <v>8.7030519234001034</v>
      </c>
      <c r="E1947" cm="1">
        <f t="array" ref="E1947">IFERROR(INDEX(Jesper!AI$2:AI$366,ROUNDDOWN($C1947/24,0)+1,1)*INDEX($D$3:$AA$30,INDEX(Jesper!$R$2:$R$366,ROW(INDEX(Jesper!AI$2:AI$366,ROUNDDOWN($C1947/24,0)+1,1))-1)+IF('Standard Profiles'!$G$19=$B$10,7,0)+IF('Standard Profiles'!$G$19=$B$17,14,0)+IF('Standard Profiles'!$G$19=$B$24,21,0),MOD($C1947,24)+1)/SUM(INDEX($D$3:$AA$30,INDEX(Jesper!$R$2:$R$366,ROW(INDEX(Jesper!AI$2:AI$366,ROUNDDOWN($C1947/24,0)+1,1))-1)+IF('Standard Profiles'!$G$19=$B$10,7,0)+IF('Standard Profiles'!$G$19=$B$17,14,0)+IF('Standard Profiles'!$G$19=$B$24,21,0),0)),0)</f>
        <v>5.9033901109874005</v>
      </c>
      <c r="F1947" cm="1">
        <f t="array" ref="F1947">IFERROR(INDEX(Jesper!AJ$2:AJ$366,ROUNDDOWN($C1947/24,0)+1,1)*INDEX($D$3:$AA$30,INDEX(Jesper!$R$2:$R$366,ROW(INDEX(Jesper!AJ$2:AJ$366,ROUNDDOWN($C1947/24,0)+1,1))-1)+IF('Standard Profiles'!$G$20=$B$10,7,0)+IF('Standard Profiles'!$G$20=$B$17,14,0)+IF('Standard Profiles'!$G$20=$B$24,21,0),MOD($C1947,24)+1)/SUM(INDEX($D$3:$AA$30,INDEX(Jesper!$R$2:$R$366,ROW(INDEX(Jesper!AJ$2:AJ$366,ROUNDDOWN($C1947/24,0)+1,1))-1)+IF('Standard Profiles'!$G$20=$B$10,7,0)+IF('Standard Profiles'!$G$20=$B$17,14,0)+IF('Standard Profiles'!$G$20=$B$24,21,0),0)),0)</f>
        <v>0</v>
      </c>
      <c r="G1947" cm="1">
        <f t="array" ref="G1947">IFERROR(INDEX(Jesper!AK$2:AK$366,ROUNDDOWN($C1947/24,0)+1,1)*INDEX($D$3:$AA$30,INDEX(Jesper!$R$2:$R$366,ROW(INDEX(Jesper!AK$2:AK$366,ROUNDDOWN($C1947/24,0)+1,1))-1)+IF('Standard Profiles'!$G$21=$B$10,7,0)+IF('Standard Profiles'!$G$21=$B$17,14,0)+IF('Standard Profiles'!$G$21=$B$24,21,0),MOD($C1947,24)+1)/SUM(INDEX($D$3:$AA$30,INDEX(Jesper!$R$2:$R$366,ROW(INDEX(Jesper!AK$2:AK$366,ROUNDDOWN($C1947/24,0)+1,1))-1)+IF('Standard Profiles'!$G$21=$B$10,7,0)+IF('Standard Profiles'!$G$21=$B$17,14,0)+IF('Standard Profiles'!$G$21=$B$24,21,0),0)),0)</f>
        <v>3.0673784612760406</v>
      </c>
      <c r="H1947" cm="1">
        <f t="array" ref="H1947">IFERROR(INDEX(Jesper!AL$2:AL$366,ROUNDDOWN($C1947/24,0)+1,1)*INDEX($D$3:$AA$30,INDEX(Jesper!$R$2:$R$366,ROW(INDEX(Jesper!AL$2:AL$366,ROUNDDOWN($C1947/24,0)+1,1))-1)+IF('Standard Profiles'!$G$22=$B$10,7,0)+IF('Standard Profiles'!$G$22=$B$17,14,0)+IF('Standard Profiles'!$G$22=$B$24,21,0),MOD($C1947,24)+1)/SUM(INDEX($D$3:$AA$30,INDEX(Jesper!$R$2:$R$366,ROW(INDEX(Jesper!AL$2:AL$366,ROUNDDOWN($C1947/24,0)+1,1))-1)+IF('Standard Profiles'!$G$22=$B$10,7,0)+IF('Standard Profiles'!$G$22=$B$17,14,0)+IF('Standard Profiles'!$G$22=$B$24,21,0),0)),0)</f>
        <v>0</v>
      </c>
      <c r="I1947">
        <f t="shared" si="223"/>
        <v>1.4723416614124987</v>
      </c>
      <c r="J1947">
        <f t="shared" si="224"/>
        <v>14.808990526507028</v>
      </c>
      <c r="K1947">
        <f t="shared" si="225"/>
        <v>0.92832553849601107</v>
      </c>
      <c r="L1947">
        <f t="shared" si="226"/>
        <v>0.46416276924800554</v>
      </c>
      <c r="M1947">
        <f t="shared" si="227"/>
        <v>0</v>
      </c>
      <c r="N1947" s="45">
        <f t="shared" si="228"/>
        <v>45006.708333328694</v>
      </c>
    </row>
    <row r="1948" spans="2:14" x14ac:dyDescent="0.25">
      <c r="B1948">
        <f t="shared" si="222"/>
        <v>2</v>
      </c>
      <c r="C1948" s="16">
        <v>1914</v>
      </c>
      <c r="D1948" cm="1">
        <f t="array" ref="D1948">IFERROR(INDEX(Jesper!AH$2:AH$366,ROUNDDOWN($C1948/24,0)+1,1)*INDEX($D$3:$AA$30,INDEX(Jesper!$R$2:$R$366,ROW(INDEX(Jesper!AH$2:AH$366,ROUNDDOWN($C1948/24,0)+1,1))-1)+IF('Standard Profiles'!$G$18=$B$10,7,0)+IF('Standard Profiles'!$G$18=$B$17,14,0)+IF('Standard Profiles'!$G$18=$B$24,21,0),MOD($C1948,24)+1)/SUM(INDEX($D$3:$AA$30,INDEX(Jesper!$R$2:$R$366,ROW(INDEX(Jesper!AH$2:AH$366,ROUNDDOWN($C1948/24,0)+1,1))-1)+IF('Standard Profiles'!$G$18=$B$10,7,0)+IF('Standard Profiles'!$G$18=$B$17,14,0)+IF('Standard Profiles'!$G$18=$B$24,21,0),0)),0)</f>
        <v>5.744014269444067</v>
      </c>
      <c r="E1948" cm="1">
        <f t="array" ref="E1948">IFERROR(INDEX(Jesper!AI$2:AI$366,ROUNDDOWN($C1948/24,0)+1,1)*INDEX($D$3:$AA$30,INDEX(Jesper!$R$2:$R$366,ROW(INDEX(Jesper!AI$2:AI$366,ROUNDDOWN($C1948/24,0)+1,1))-1)+IF('Standard Profiles'!$G$19=$B$10,7,0)+IF('Standard Profiles'!$G$19=$B$17,14,0)+IF('Standard Profiles'!$G$19=$B$24,21,0),MOD($C1948,24)+1)/SUM(INDEX($D$3:$AA$30,INDEX(Jesper!$R$2:$R$366,ROW(INDEX(Jesper!AI$2:AI$366,ROUNDDOWN($C1948/24,0)+1,1))-1)+IF('Standard Profiles'!$G$19=$B$10,7,0)+IF('Standard Profiles'!$G$19=$B$17,14,0)+IF('Standard Profiles'!$G$19=$B$24,21,0),0)),0)</f>
        <v>3.8962374732516842</v>
      </c>
      <c r="F1948" cm="1">
        <f t="array" ref="F1948">IFERROR(INDEX(Jesper!AJ$2:AJ$366,ROUNDDOWN($C1948/24,0)+1,1)*INDEX($D$3:$AA$30,INDEX(Jesper!$R$2:$R$366,ROW(INDEX(Jesper!AJ$2:AJ$366,ROUNDDOWN($C1948/24,0)+1,1))-1)+IF('Standard Profiles'!$G$20=$B$10,7,0)+IF('Standard Profiles'!$G$20=$B$17,14,0)+IF('Standard Profiles'!$G$20=$B$24,21,0),MOD($C1948,24)+1)/SUM(INDEX($D$3:$AA$30,INDEX(Jesper!$R$2:$R$366,ROW(INDEX(Jesper!AJ$2:AJ$366,ROUNDDOWN($C1948/24,0)+1,1))-1)+IF('Standard Profiles'!$G$20=$B$10,7,0)+IF('Standard Profiles'!$G$20=$B$17,14,0)+IF('Standard Profiles'!$G$20=$B$24,21,0),0)),0)</f>
        <v>0</v>
      </c>
      <c r="G1948" cm="1">
        <f t="array" ref="G1948">IFERROR(INDEX(Jesper!AK$2:AK$366,ROUNDDOWN($C1948/24,0)+1,1)*INDEX($D$3:$AA$30,INDEX(Jesper!$R$2:$R$366,ROW(INDEX(Jesper!AK$2:AK$366,ROUNDDOWN($C1948/24,0)+1,1))-1)+IF('Standard Profiles'!$G$21=$B$10,7,0)+IF('Standard Profiles'!$G$21=$B$17,14,0)+IF('Standard Profiles'!$G$21=$B$24,21,0),MOD($C1948,24)+1)/SUM(INDEX($D$3:$AA$30,INDEX(Jesper!$R$2:$R$366,ROW(INDEX(Jesper!AK$2:AK$366,ROUNDDOWN($C1948/24,0)+1,1))-1)+IF('Standard Profiles'!$G$21=$B$10,7,0)+IF('Standard Profiles'!$G$21=$B$17,14,0)+IF('Standard Profiles'!$G$21=$B$24,21,0),0)),0)</f>
        <v>1.0879717654411585</v>
      </c>
      <c r="H1948" cm="1">
        <f t="array" ref="H1948">IFERROR(INDEX(Jesper!AL$2:AL$366,ROUNDDOWN($C1948/24,0)+1,1)*INDEX($D$3:$AA$30,INDEX(Jesper!$R$2:$R$366,ROW(INDEX(Jesper!AL$2:AL$366,ROUNDDOWN($C1948/24,0)+1,1))-1)+IF('Standard Profiles'!$G$22=$B$10,7,0)+IF('Standard Profiles'!$G$22=$B$17,14,0)+IF('Standard Profiles'!$G$22=$B$24,21,0),MOD($C1948,24)+1)/SUM(INDEX($D$3:$AA$30,INDEX(Jesper!$R$2:$R$366,ROW(INDEX(Jesper!AL$2:AL$366,ROUNDDOWN($C1948/24,0)+1,1))-1)+IF('Standard Profiles'!$G$22=$B$10,7,0)+IF('Standard Profiles'!$G$22=$B$17,14,0)+IF('Standard Profiles'!$G$22=$B$24,21,0),0)),0)</f>
        <v>0</v>
      </c>
      <c r="I1948">
        <f t="shared" si="223"/>
        <v>0.52222644741175583</v>
      </c>
      <c r="J1948">
        <f t="shared" si="224"/>
        <v>9.2869547776141026</v>
      </c>
      <c r="K1948">
        <f t="shared" si="225"/>
        <v>0.61269485540736723</v>
      </c>
      <c r="L1948">
        <f t="shared" si="226"/>
        <v>0.30634742770368362</v>
      </c>
      <c r="M1948">
        <f t="shared" si="227"/>
        <v>0</v>
      </c>
      <c r="N1948" s="45">
        <f t="shared" si="228"/>
        <v>45006.749999995358</v>
      </c>
    </row>
    <row r="1949" spans="2:14" x14ac:dyDescent="0.25">
      <c r="B1949">
        <f t="shared" si="222"/>
        <v>2</v>
      </c>
      <c r="C1949" s="16">
        <v>1915</v>
      </c>
      <c r="D1949" cm="1">
        <f t="array" ref="D1949">IFERROR(INDEX(Jesper!AH$2:AH$366,ROUNDDOWN($C1949/24,0)+1,1)*INDEX($D$3:$AA$30,INDEX(Jesper!$R$2:$R$366,ROW(INDEX(Jesper!AH$2:AH$366,ROUNDDOWN($C1949/24,0)+1,1))-1)+IF('Standard Profiles'!$G$18=$B$10,7,0)+IF('Standard Profiles'!$G$18=$B$17,14,0)+IF('Standard Profiles'!$G$18=$B$24,21,0),MOD($C1949,24)+1)/SUM(INDEX($D$3:$AA$30,INDEX(Jesper!$R$2:$R$366,ROW(INDEX(Jesper!AH$2:AH$366,ROUNDDOWN($C1949/24,0)+1,1))-1)+IF('Standard Profiles'!$G$18=$B$10,7,0)+IF('Standard Profiles'!$G$18=$B$17,14,0)+IF('Standard Profiles'!$G$18=$B$24,21,0),0)),0)</f>
        <v>5.744014269444067</v>
      </c>
      <c r="E1949" cm="1">
        <f t="array" ref="E1949">IFERROR(INDEX(Jesper!AI$2:AI$366,ROUNDDOWN($C1949/24,0)+1,1)*INDEX($D$3:$AA$30,INDEX(Jesper!$R$2:$R$366,ROW(INDEX(Jesper!AI$2:AI$366,ROUNDDOWN($C1949/24,0)+1,1))-1)+IF('Standard Profiles'!$G$19=$B$10,7,0)+IF('Standard Profiles'!$G$19=$B$17,14,0)+IF('Standard Profiles'!$G$19=$B$24,21,0),MOD($C1949,24)+1)/SUM(INDEX($D$3:$AA$30,INDEX(Jesper!$R$2:$R$366,ROW(INDEX(Jesper!AI$2:AI$366,ROUNDDOWN($C1949/24,0)+1,1))-1)+IF('Standard Profiles'!$G$19=$B$10,7,0)+IF('Standard Profiles'!$G$19=$B$17,14,0)+IF('Standard Profiles'!$G$19=$B$24,21,0),0)),0)</f>
        <v>3.8962374732516842</v>
      </c>
      <c r="F1949" cm="1">
        <f t="array" ref="F1949">IFERROR(INDEX(Jesper!AJ$2:AJ$366,ROUNDDOWN($C1949/24,0)+1,1)*INDEX($D$3:$AA$30,INDEX(Jesper!$R$2:$R$366,ROW(INDEX(Jesper!AJ$2:AJ$366,ROUNDDOWN($C1949/24,0)+1,1))-1)+IF('Standard Profiles'!$G$20=$B$10,7,0)+IF('Standard Profiles'!$G$20=$B$17,14,0)+IF('Standard Profiles'!$G$20=$B$24,21,0),MOD($C1949,24)+1)/SUM(INDEX($D$3:$AA$30,INDEX(Jesper!$R$2:$R$366,ROW(INDEX(Jesper!AJ$2:AJ$366,ROUNDDOWN($C1949/24,0)+1,1))-1)+IF('Standard Profiles'!$G$20=$B$10,7,0)+IF('Standard Profiles'!$G$20=$B$17,14,0)+IF('Standard Profiles'!$G$20=$B$24,21,0),0)),0)</f>
        <v>0</v>
      </c>
      <c r="G1949" cm="1">
        <f t="array" ref="G1949">IFERROR(INDEX(Jesper!AK$2:AK$366,ROUNDDOWN($C1949/24,0)+1,1)*INDEX($D$3:$AA$30,INDEX(Jesper!$R$2:$R$366,ROW(INDEX(Jesper!AK$2:AK$366,ROUNDDOWN($C1949/24,0)+1,1))-1)+IF('Standard Profiles'!$G$21=$B$10,7,0)+IF('Standard Profiles'!$G$21=$B$17,14,0)+IF('Standard Profiles'!$G$21=$B$24,21,0),MOD($C1949,24)+1)/SUM(INDEX($D$3:$AA$30,INDEX(Jesper!$R$2:$R$366,ROW(INDEX(Jesper!AK$2:AK$366,ROUNDDOWN($C1949/24,0)+1,1))-1)+IF('Standard Profiles'!$G$21=$B$10,7,0)+IF('Standard Profiles'!$G$21=$B$17,14,0)+IF('Standard Profiles'!$G$21=$B$24,21,0),0)),0)</f>
        <v>1.0879717654411585</v>
      </c>
      <c r="H1949" cm="1">
        <f t="array" ref="H1949">IFERROR(INDEX(Jesper!AL$2:AL$366,ROUNDDOWN($C1949/24,0)+1,1)*INDEX($D$3:$AA$30,INDEX(Jesper!$R$2:$R$366,ROW(INDEX(Jesper!AL$2:AL$366,ROUNDDOWN($C1949/24,0)+1,1))-1)+IF('Standard Profiles'!$G$22=$B$10,7,0)+IF('Standard Profiles'!$G$22=$B$17,14,0)+IF('Standard Profiles'!$G$22=$B$24,21,0),MOD($C1949,24)+1)/SUM(INDEX($D$3:$AA$30,INDEX(Jesper!$R$2:$R$366,ROW(INDEX(Jesper!AL$2:AL$366,ROUNDDOWN($C1949/24,0)+1,1))-1)+IF('Standard Profiles'!$G$22=$B$10,7,0)+IF('Standard Profiles'!$G$22=$B$17,14,0)+IF('Standard Profiles'!$G$22=$B$24,21,0),0)),0)</f>
        <v>0</v>
      </c>
      <c r="I1949">
        <f t="shared" si="223"/>
        <v>0.52222644741175583</v>
      </c>
      <c r="J1949">
        <f t="shared" si="224"/>
        <v>9.2869547776141026</v>
      </c>
      <c r="K1949">
        <f t="shared" si="225"/>
        <v>0.61269485540736723</v>
      </c>
      <c r="L1949">
        <f t="shared" si="226"/>
        <v>0.30634742770368362</v>
      </c>
      <c r="M1949">
        <f t="shared" si="227"/>
        <v>0</v>
      </c>
      <c r="N1949" s="45">
        <f t="shared" si="228"/>
        <v>45006.791666662022</v>
      </c>
    </row>
    <row r="1950" spans="2:14" x14ac:dyDescent="0.25">
      <c r="B1950">
        <f t="shared" si="222"/>
        <v>2</v>
      </c>
      <c r="C1950" s="16">
        <v>1916</v>
      </c>
      <c r="D1950" cm="1">
        <f t="array" ref="D1950">IFERROR(INDEX(Jesper!AH$2:AH$366,ROUNDDOWN($C1950/24,0)+1,1)*INDEX($D$3:$AA$30,INDEX(Jesper!$R$2:$R$366,ROW(INDEX(Jesper!AH$2:AH$366,ROUNDDOWN($C1950/24,0)+1,1))-1)+IF('Standard Profiles'!$G$18=$B$10,7,0)+IF('Standard Profiles'!$G$18=$B$17,14,0)+IF('Standard Profiles'!$G$18=$B$24,21,0),MOD($C1950,24)+1)/SUM(INDEX($D$3:$AA$30,INDEX(Jesper!$R$2:$R$366,ROW(INDEX(Jesper!AH$2:AH$366,ROUNDDOWN($C1950/24,0)+1,1))-1)+IF('Standard Profiles'!$G$18=$B$10,7,0)+IF('Standard Profiles'!$G$18=$B$17,14,0)+IF('Standard Profiles'!$G$18=$B$24,21,0),0)),0)</f>
        <v>5.744014269444067</v>
      </c>
      <c r="E1950" cm="1">
        <f t="array" ref="E1950">IFERROR(INDEX(Jesper!AI$2:AI$366,ROUNDDOWN($C1950/24,0)+1,1)*INDEX($D$3:$AA$30,INDEX(Jesper!$R$2:$R$366,ROW(INDEX(Jesper!AI$2:AI$366,ROUNDDOWN($C1950/24,0)+1,1))-1)+IF('Standard Profiles'!$G$19=$B$10,7,0)+IF('Standard Profiles'!$G$19=$B$17,14,0)+IF('Standard Profiles'!$G$19=$B$24,21,0),MOD($C1950,24)+1)/SUM(INDEX($D$3:$AA$30,INDEX(Jesper!$R$2:$R$366,ROW(INDEX(Jesper!AI$2:AI$366,ROUNDDOWN($C1950/24,0)+1,1))-1)+IF('Standard Profiles'!$G$19=$B$10,7,0)+IF('Standard Profiles'!$G$19=$B$17,14,0)+IF('Standard Profiles'!$G$19=$B$24,21,0),0)),0)</f>
        <v>3.8962374732516842</v>
      </c>
      <c r="F1950" cm="1">
        <f t="array" ref="F1950">IFERROR(INDEX(Jesper!AJ$2:AJ$366,ROUNDDOWN($C1950/24,0)+1,1)*INDEX($D$3:$AA$30,INDEX(Jesper!$R$2:$R$366,ROW(INDEX(Jesper!AJ$2:AJ$366,ROUNDDOWN($C1950/24,0)+1,1))-1)+IF('Standard Profiles'!$G$20=$B$10,7,0)+IF('Standard Profiles'!$G$20=$B$17,14,0)+IF('Standard Profiles'!$G$20=$B$24,21,0),MOD($C1950,24)+1)/SUM(INDEX($D$3:$AA$30,INDEX(Jesper!$R$2:$R$366,ROW(INDEX(Jesper!AJ$2:AJ$366,ROUNDDOWN($C1950/24,0)+1,1))-1)+IF('Standard Profiles'!$G$20=$B$10,7,0)+IF('Standard Profiles'!$G$20=$B$17,14,0)+IF('Standard Profiles'!$G$20=$B$24,21,0),0)),0)</f>
        <v>0</v>
      </c>
      <c r="G1950" cm="1">
        <f t="array" ref="G1950">IFERROR(INDEX(Jesper!AK$2:AK$366,ROUNDDOWN($C1950/24,0)+1,1)*INDEX($D$3:$AA$30,INDEX(Jesper!$R$2:$R$366,ROW(INDEX(Jesper!AK$2:AK$366,ROUNDDOWN($C1950/24,0)+1,1))-1)+IF('Standard Profiles'!$G$21=$B$10,7,0)+IF('Standard Profiles'!$G$21=$B$17,14,0)+IF('Standard Profiles'!$G$21=$B$24,21,0),MOD($C1950,24)+1)/SUM(INDEX($D$3:$AA$30,INDEX(Jesper!$R$2:$R$366,ROW(INDEX(Jesper!AK$2:AK$366,ROUNDDOWN($C1950/24,0)+1,1))-1)+IF('Standard Profiles'!$G$21=$B$10,7,0)+IF('Standard Profiles'!$G$21=$B$17,14,0)+IF('Standard Profiles'!$G$21=$B$24,21,0),0)),0)</f>
        <v>1.0879717654411585</v>
      </c>
      <c r="H1950" cm="1">
        <f t="array" ref="H1950">IFERROR(INDEX(Jesper!AL$2:AL$366,ROUNDDOWN($C1950/24,0)+1,1)*INDEX($D$3:$AA$30,INDEX(Jesper!$R$2:$R$366,ROW(INDEX(Jesper!AL$2:AL$366,ROUNDDOWN($C1950/24,0)+1,1))-1)+IF('Standard Profiles'!$G$22=$B$10,7,0)+IF('Standard Profiles'!$G$22=$B$17,14,0)+IF('Standard Profiles'!$G$22=$B$24,21,0),MOD($C1950,24)+1)/SUM(INDEX($D$3:$AA$30,INDEX(Jesper!$R$2:$R$366,ROW(INDEX(Jesper!AL$2:AL$366,ROUNDDOWN($C1950/24,0)+1,1))-1)+IF('Standard Profiles'!$G$22=$B$10,7,0)+IF('Standard Profiles'!$G$22=$B$17,14,0)+IF('Standard Profiles'!$G$22=$B$24,21,0),0)),0)</f>
        <v>0</v>
      </c>
      <c r="I1950">
        <f t="shared" si="223"/>
        <v>0.52222644741175583</v>
      </c>
      <c r="J1950">
        <f t="shared" si="224"/>
        <v>9.2869547776141026</v>
      </c>
      <c r="K1950">
        <f t="shared" si="225"/>
        <v>0.61269485540736723</v>
      </c>
      <c r="L1950">
        <f t="shared" si="226"/>
        <v>0.30634742770368362</v>
      </c>
      <c r="M1950">
        <f t="shared" si="227"/>
        <v>0</v>
      </c>
      <c r="N1950" s="45">
        <f t="shared" si="228"/>
        <v>45006.833333328686</v>
      </c>
    </row>
    <row r="1951" spans="2:14" x14ac:dyDescent="0.25">
      <c r="B1951">
        <f t="shared" si="222"/>
        <v>2</v>
      </c>
      <c r="C1951" s="16">
        <v>1917</v>
      </c>
      <c r="D1951" cm="1">
        <f t="array" ref="D1951">IFERROR(INDEX(Jesper!AH$2:AH$366,ROUNDDOWN($C1951/24,0)+1,1)*INDEX($D$3:$AA$30,INDEX(Jesper!$R$2:$R$366,ROW(INDEX(Jesper!AH$2:AH$366,ROUNDDOWN($C1951/24,0)+1,1))-1)+IF('Standard Profiles'!$G$18=$B$10,7,0)+IF('Standard Profiles'!$G$18=$B$17,14,0)+IF('Standard Profiles'!$G$18=$B$24,21,0),MOD($C1951,24)+1)/SUM(INDEX($D$3:$AA$30,INDEX(Jesper!$R$2:$R$366,ROW(INDEX(Jesper!AH$2:AH$366,ROUNDDOWN($C1951/24,0)+1,1))-1)+IF('Standard Profiles'!$G$18=$B$10,7,0)+IF('Standard Profiles'!$G$18=$B$17,14,0)+IF('Standard Profiles'!$G$18=$B$24,21,0),0)),0)</f>
        <v>5.744014269444067</v>
      </c>
      <c r="E1951" cm="1">
        <f t="array" ref="E1951">IFERROR(INDEX(Jesper!AI$2:AI$366,ROUNDDOWN($C1951/24,0)+1,1)*INDEX($D$3:$AA$30,INDEX(Jesper!$R$2:$R$366,ROW(INDEX(Jesper!AI$2:AI$366,ROUNDDOWN($C1951/24,0)+1,1))-1)+IF('Standard Profiles'!$G$19=$B$10,7,0)+IF('Standard Profiles'!$G$19=$B$17,14,0)+IF('Standard Profiles'!$G$19=$B$24,21,0),MOD($C1951,24)+1)/SUM(INDEX($D$3:$AA$30,INDEX(Jesper!$R$2:$R$366,ROW(INDEX(Jesper!AI$2:AI$366,ROUNDDOWN($C1951/24,0)+1,1))-1)+IF('Standard Profiles'!$G$19=$B$10,7,0)+IF('Standard Profiles'!$G$19=$B$17,14,0)+IF('Standard Profiles'!$G$19=$B$24,21,0),0)),0)</f>
        <v>3.8962374732516842</v>
      </c>
      <c r="F1951" cm="1">
        <f t="array" ref="F1951">IFERROR(INDEX(Jesper!AJ$2:AJ$366,ROUNDDOWN($C1951/24,0)+1,1)*INDEX($D$3:$AA$30,INDEX(Jesper!$R$2:$R$366,ROW(INDEX(Jesper!AJ$2:AJ$366,ROUNDDOWN($C1951/24,0)+1,1))-1)+IF('Standard Profiles'!$G$20=$B$10,7,0)+IF('Standard Profiles'!$G$20=$B$17,14,0)+IF('Standard Profiles'!$G$20=$B$24,21,0),MOD($C1951,24)+1)/SUM(INDEX($D$3:$AA$30,INDEX(Jesper!$R$2:$R$366,ROW(INDEX(Jesper!AJ$2:AJ$366,ROUNDDOWN($C1951/24,0)+1,1))-1)+IF('Standard Profiles'!$G$20=$B$10,7,0)+IF('Standard Profiles'!$G$20=$B$17,14,0)+IF('Standard Profiles'!$G$20=$B$24,21,0),0)),0)</f>
        <v>0</v>
      </c>
      <c r="G1951" cm="1">
        <f t="array" ref="G1951">IFERROR(INDEX(Jesper!AK$2:AK$366,ROUNDDOWN($C1951/24,0)+1,1)*INDEX($D$3:$AA$30,INDEX(Jesper!$R$2:$R$366,ROW(INDEX(Jesper!AK$2:AK$366,ROUNDDOWN($C1951/24,0)+1,1))-1)+IF('Standard Profiles'!$G$21=$B$10,7,0)+IF('Standard Profiles'!$G$21=$B$17,14,0)+IF('Standard Profiles'!$G$21=$B$24,21,0),MOD($C1951,24)+1)/SUM(INDEX($D$3:$AA$30,INDEX(Jesper!$R$2:$R$366,ROW(INDEX(Jesper!AK$2:AK$366,ROUNDDOWN($C1951/24,0)+1,1))-1)+IF('Standard Profiles'!$G$21=$B$10,7,0)+IF('Standard Profiles'!$G$21=$B$17,14,0)+IF('Standard Profiles'!$G$21=$B$24,21,0),0)),0)</f>
        <v>1.0879717654411585</v>
      </c>
      <c r="H1951" cm="1">
        <f t="array" ref="H1951">IFERROR(INDEX(Jesper!AL$2:AL$366,ROUNDDOWN($C1951/24,0)+1,1)*INDEX($D$3:$AA$30,INDEX(Jesper!$R$2:$R$366,ROW(INDEX(Jesper!AL$2:AL$366,ROUNDDOWN($C1951/24,0)+1,1))-1)+IF('Standard Profiles'!$G$22=$B$10,7,0)+IF('Standard Profiles'!$G$22=$B$17,14,0)+IF('Standard Profiles'!$G$22=$B$24,21,0),MOD($C1951,24)+1)/SUM(INDEX($D$3:$AA$30,INDEX(Jesper!$R$2:$R$366,ROW(INDEX(Jesper!AL$2:AL$366,ROUNDDOWN($C1951/24,0)+1,1))-1)+IF('Standard Profiles'!$G$22=$B$10,7,0)+IF('Standard Profiles'!$G$22=$B$17,14,0)+IF('Standard Profiles'!$G$22=$B$24,21,0),0)),0)</f>
        <v>0</v>
      </c>
      <c r="I1951">
        <f t="shared" si="223"/>
        <v>0.52222644741175583</v>
      </c>
      <c r="J1951">
        <f t="shared" si="224"/>
        <v>9.2869547776141026</v>
      </c>
      <c r="K1951">
        <f t="shared" si="225"/>
        <v>0.61269485540736723</v>
      </c>
      <c r="L1951">
        <f t="shared" si="226"/>
        <v>0.30634742770368362</v>
      </c>
      <c r="M1951">
        <f t="shared" si="227"/>
        <v>0</v>
      </c>
      <c r="N1951" s="45">
        <f t="shared" si="228"/>
        <v>45006.874999995351</v>
      </c>
    </row>
    <row r="1952" spans="2:14" x14ac:dyDescent="0.25">
      <c r="B1952">
        <f t="shared" si="222"/>
        <v>2</v>
      </c>
      <c r="C1952" s="16">
        <v>1918</v>
      </c>
      <c r="D1952" cm="1">
        <f t="array" ref="D1952">IFERROR(INDEX(Jesper!AH$2:AH$366,ROUNDDOWN($C1952/24,0)+1,1)*INDEX($D$3:$AA$30,INDEX(Jesper!$R$2:$R$366,ROW(INDEX(Jesper!AH$2:AH$366,ROUNDDOWN($C1952/24,0)+1,1))-1)+IF('Standard Profiles'!$G$18=$B$10,7,0)+IF('Standard Profiles'!$G$18=$B$17,14,0)+IF('Standard Profiles'!$G$18=$B$24,21,0),MOD($C1952,24)+1)/SUM(INDEX($D$3:$AA$30,INDEX(Jesper!$R$2:$R$366,ROW(INDEX(Jesper!AH$2:AH$366,ROUNDDOWN($C1952/24,0)+1,1))-1)+IF('Standard Profiles'!$G$18=$B$10,7,0)+IF('Standard Profiles'!$G$18=$B$17,14,0)+IF('Standard Profiles'!$G$18=$B$24,21,0),0)),0)</f>
        <v>5.744014269444067</v>
      </c>
      <c r="E1952" cm="1">
        <f t="array" ref="E1952">IFERROR(INDEX(Jesper!AI$2:AI$366,ROUNDDOWN($C1952/24,0)+1,1)*INDEX($D$3:$AA$30,INDEX(Jesper!$R$2:$R$366,ROW(INDEX(Jesper!AI$2:AI$366,ROUNDDOWN($C1952/24,0)+1,1))-1)+IF('Standard Profiles'!$G$19=$B$10,7,0)+IF('Standard Profiles'!$G$19=$B$17,14,0)+IF('Standard Profiles'!$G$19=$B$24,21,0),MOD($C1952,24)+1)/SUM(INDEX($D$3:$AA$30,INDEX(Jesper!$R$2:$R$366,ROW(INDEX(Jesper!AI$2:AI$366,ROUNDDOWN($C1952/24,0)+1,1))-1)+IF('Standard Profiles'!$G$19=$B$10,7,0)+IF('Standard Profiles'!$G$19=$B$17,14,0)+IF('Standard Profiles'!$G$19=$B$24,21,0),0)),0)</f>
        <v>3.8962374732516842</v>
      </c>
      <c r="F1952" cm="1">
        <f t="array" ref="F1952">IFERROR(INDEX(Jesper!AJ$2:AJ$366,ROUNDDOWN($C1952/24,0)+1,1)*INDEX($D$3:$AA$30,INDEX(Jesper!$R$2:$R$366,ROW(INDEX(Jesper!AJ$2:AJ$366,ROUNDDOWN($C1952/24,0)+1,1))-1)+IF('Standard Profiles'!$G$20=$B$10,7,0)+IF('Standard Profiles'!$G$20=$B$17,14,0)+IF('Standard Profiles'!$G$20=$B$24,21,0),MOD($C1952,24)+1)/SUM(INDEX($D$3:$AA$30,INDEX(Jesper!$R$2:$R$366,ROW(INDEX(Jesper!AJ$2:AJ$366,ROUNDDOWN($C1952/24,0)+1,1))-1)+IF('Standard Profiles'!$G$20=$B$10,7,0)+IF('Standard Profiles'!$G$20=$B$17,14,0)+IF('Standard Profiles'!$G$20=$B$24,21,0),0)),0)</f>
        <v>0</v>
      </c>
      <c r="G1952" cm="1">
        <f t="array" ref="G1952">IFERROR(INDEX(Jesper!AK$2:AK$366,ROUNDDOWN($C1952/24,0)+1,1)*INDEX($D$3:$AA$30,INDEX(Jesper!$R$2:$R$366,ROW(INDEX(Jesper!AK$2:AK$366,ROUNDDOWN($C1952/24,0)+1,1))-1)+IF('Standard Profiles'!$G$21=$B$10,7,0)+IF('Standard Profiles'!$G$21=$B$17,14,0)+IF('Standard Profiles'!$G$21=$B$24,21,0),MOD($C1952,24)+1)/SUM(INDEX($D$3:$AA$30,INDEX(Jesper!$R$2:$R$366,ROW(INDEX(Jesper!AK$2:AK$366,ROUNDDOWN($C1952/24,0)+1,1))-1)+IF('Standard Profiles'!$G$21=$B$10,7,0)+IF('Standard Profiles'!$G$21=$B$17,14,0)+IF('Standard Profiles'!$G$21=$B$24,21,0),0)),0)</f>
        <v>1.0879717654411585</v>
      </c>
      <c r="H1952" cm="1">
        <f t="array" ref="H1952">IFERROR(INDEX(Jesper!AL$2:AL$366,ROUNDDOWN($C1952/24,0)+1,1)*INDEX($D$3:$AA$30,INDEX(Jesper!$R$2:$R$366,ROW(INDEX(Jesper!AL$2:AL$366,ROUNDDOWN($C1952/24,0)+1,1))-1)+IF('Standard Profiles'!$G$22=$B$10,7,0)+IF('Standard Profiles'!$G$22=$B$17,14,0)+IF('Standard Profiles'!$G$22=$B$24,21,0),MOD($C1952,24)+1)/SUM(INDEX($D$3:$AA$30,INDEX(Jesper!$R$2:$R$366,ROW(INDEX(Jesper!AL$2:AL$366,ROUNDDOWN($C1952/24,0)+1,1))-1)+IF('Standard Profiles'!$G$22=$B$10,7,0)+IF('Standard Profiles'!$G$22=$B$17,14,0)+IF('Standard Profiles'!$G$22=$B$24,21,0),0)),0)</f>
        <v>0</v>
      </c>
      <c r="I1952">
        <f t="shared" si="223"/>
        <v>0.52222644741175583</v>
      </c>
      <c r="J1952">
        <f t="shared" si="224"/>
        <v>9.2869547776141026</v>
      </c>
      <c r="K1952">
        <f t="shared" si="225"/>
        <v>0.61269485540736723</v>
      </c>
      <c r="L1952">
        <f t="shared" si="226"/>
        <v>0.30634742770368362</v>
      </c>
      <c r="M1952">
        <f t="shared" si="227"/>
        <v>0</v>
      </c>
      <c r="N1952" s="45">
        <f t="shared" si="228"/>
        <v>45006.916666662015</v>
      </c>
    </row>
    <row r="1953" spans="2:14" x14ac:dyDescent="0.25">
      <c r="B1953">
        <f t="shared" si="222"/>
        <v>2</v>
      </c>
      <c r="C1953" s="16">
        <v>1919</v>
      </c>
      <c r="D1953" cm="1">
        <f t="array" ref="D1953">IFERROR(INDEX(Jesper!AH$2:AH$366,ROUNDDOWN($C1953/24,0)+1,1)*INDEX($D$3:$AA$30,INDEX(Jesper!$R$2:$R$366,ROW(INDEX(Jesper!AH$2:AH$366,ROUNDDOWN($C1953/24,0)+1,1))-1)+IF('Standard Profiles'!$G$18=$B$10,7,0)+IF('Standard Profiles'!$G$18=$B$17,14,0)+IF('Standard Profiles'!$G$18=$B$24,21,0),MOD($C1953,24)+1)/SUM(INDEX($D$3:$AA$30,INDEX(Jesper!$R$2:$R$366,ROW(INDEX(Jesper!AH$2:AH$366,ROUNDDOWN($C1953/24,0)+1,1))-1)+IF('Standard Profiles'!$G$18=$B$10,7,0)+IF('Standard Profiles'!$G$18=$B$17,14,0)+IF('Standard Profiles'!$G$18=$B$24,21,0),0)),0)</f>
        <v>5.744014269444067</v>
      </c>
      <c r="E1953" cm="1">
        <f t="array" ref="E1953">IFERROR(INDEX(Jesper!AI$2:AI$366,ROUNDDOWN($C1953/24,0)+1,1)*INDEX($D$3:$AA$30,INDEX(Jesper!$R$2:$R$366,ROW(INDEX(Jesper!AI$2:AI$366,ROUNDDOWN($C1953/24,0)+1,1))-1)+IF('Standard Profiles'!$G$19=$B$10,7,0)+IF('Standard Profiles'!$G$19=$B$17,14,0)+IF('Standard Profiles'!$G$19=$B$24,21,0),MOD($C1953,24)+1)/SUM(INDEX($D$3:$AA$30,INDEX(Jesper!$R$2:$R$366,ROW(INDEX(Jesper!AI$2:AI$366,ROUNDDOWN($C1953/24,0)+1,1))-1)+IF('Standard Profiles'!$G$19=$B$10,7,0)+IF('Standard Profiles'!$G$19=$B$17,14,0)+IF('Standard Profiles'!$G$19=$B$24,21,0),0)),0)</f>
        <v>3.8962374732516842</v>
      </c>
      <c r="F1953" cm="1">
        <f t="array" ref="F1953">IFERROR(INDEX(Jesper!AJ$2:AJ$366,ROUNDDOWN($C1953/24,0)+1,1)*INDEX($D$3:$AA$30,INDEX(Jesper!$R$2:$R$366,ROW(INDEX(Jesper!AJ$2:AJ$366,ROUNDDOWN($C1953/24,0)+1,1))-1)+IF('Standard Profiles'!$G$20=$B$10,7,0)+IF('Standard Profiles'!$G$20=$B$17,14,0)+IF('Standard Profiles'!$G$20=$B$24,21,0),MOD($C1953,24)+1)/SUM(INDEX($D$3:$AA$30,INDEX(Jesper!$R$2:$R$366,ROW(INDEX(Jesper!AJ$2:AJ$366,ROUNDDOWN($C1953/24,0)+1,1))-1)+IF('Standard Profiles'!$G$20=$B$10,7,0)+IF('Standard Profiles'!$G$20=$B$17,14,0)+IF('Standard Profiles'!$G$20=$B$24,21,0),0)),0)</f>
        <v>0</v>
      </c>
      <c r="G1953" cm="1">
        <f t="array" ref="G1953">IFERROR(INDEX(Jesper!AK$2:AK$366,ROUNDDOWN($C1953/24,0)+1,1)*INDEX($D$3:$AA$30,INDEX(Jesper!$R$2:$R$366,ROW(INDEX(Jesper!AK$2:AK$366,ROUNDDOWN($C1953/24,0)+1,1))-1)+IF('Standard Profiles'!$G$21=$B$10,7,0)+IF('Standard Profiles'!$G$21=$B$17,14,0)+IF('Standard Profiles'!$G$21=$B$24,21,0),MOD($C1953,24)+1)/SUM(INDEX($D$3:$AA$30,INDEX(Jesper!$R$2:$R$366,ROW(INDEX(Jesper!AK$2:AK$366,ROUNDDOWN($C1953/24,0)+1,1))-1)+IF('Standard Profiles'!$G$21=$B$10,7,0)+IF('Standard Profiles'!$G$21=$B$17,14,0)+IF('Standard Profiles'!$G$21=$B$24,21,0),0)),0)</f>
        <v>1.0879717654411585</v>
      </c>
      <c r="H1953" cm="1">
        <f t="array" ref="H1953">IFERROR(INDEX(Jesper!AL$2:AL$366,ROUNDDOWN($C1953/24,0)+1,1)*INDEX($D$3:$AA$30,INDEX(Jesper!$R$2:$R$366,ROW(INDEX(Jesper!AL$2:AL$366,ROUNDDOWN($C1953/24,0)+1,1))-1)+IF('Standard Profiles'!$G$22=$B$10,7,0)+IF('Standard Profiles'!$G$22=$B$17,14,0)+IF('Standard Profiles'!$G$22=$B$24,21,0),MOD($C1953,24)+1)/SUM(INDEX($D$3:$AA$30,INDEX(Jesper!$R$2:$R$366,ROW(INDEX(Jesper!AL$2:AL$366,ROUNDDOWN($C1953/24,0)+1,1))-1)+IF('Standard Profiles'!$G$22=$B$10,7,0)+IF('Standard Profiles'!$G$22=$B$17,14,0)+IF('Standard Profiles'!$G$22=$B$24,21,0),0)),0)</f>
        <v>0</v>
      </c>
      <c r="I1953">
        <f t="shared" si="223"/>
        <v>0.52222644741175583</v>
      </c>
      <c r="J1953">
        <f t="shared" si="224"/>
        <v>9.2869547776141026</v>
      </c>
      <c r="K1953">
        <f t="shared" si="225"/>
        <v>0.61269485540736723</v>
      </c>
      <c r="L1953">
        <f t="shared" si="226"/>
        <v>0.30634742770368362</v>
      </c>
      <c r="M1953">
        <f t="shared" si="227"/>
        <v>0</v>
      </c>
      <c r="N1953" s="45">
        <f t="shared" si="228"/>
        <v>45006.958333328679</v>
      </c>
    </row>
    <row r="1954" spans="2:14" x14ac:dyDescent="0.25">
      <c r="B1954">
        <f t="shared" si="222"/>
        <v>3</v>
      </c>
      <c r="C1954" s="16">
        <v>1920</v>
      </c>
      <c r="D1954" cm="1">
        <f t="array" ref="D1954">IFERROR(INDEX(Jesper!AH$2:AH$366,ROUNDDOWN($C1954/24,0)+1,1)*INDEX($D$3:$AA$30,INDEX(Jesper!$R$2:$R$366,ROW(INDEX(Jesper!AH$2:AH$366,ROUNDDOWN($C1954/24,0)+1,1))-1)+IF('Standard Profiles'!$G$18=$B$10,7,0)+IF('Standard Profiles'!$G$18=$B$17,14,0)+IF('Standard Profiles'!$G$18=$B$24,21,0),MOD($C1954,24)+1)/SUM(INDEX($D$3:$AA$30,INDEX(Jesper!$R$2:$R$366,ROW(INDEX(Jesper!AH$2:AH$366,ROUNDDOWN($C1954/24,0)+1,1))-1)+IF('Standard Profiles'!$G$18=$B$10,7,0)+IF('Standard Profiles'!$G$18=$B$17,14,0)+IF('Standard Profiles'!$G$18=$B$24,21,0),0)),0)</f>
        <v>5.5991397810688905</v>
      </c>
      <c r="E1954" cm="1">
        <f t="array" ref="E1954">IFERROR(INDEX(Jesper!AI$2:AI$366,ROUNDDOWN($C1954/24,0)+1,1)*INDEX($D$3:$AA$30,INDEX(Jesper!$R$2:$R$366,ROW(INDEX(Jesper!AI$2:AI$366,ROUNDDOWN($C1954/24,0)+1,1))-1)+IF('Standard Profiles'!$G$19=$B$10,7,0)+IF('Standard Profiles'!$G$19=$B$17,14,0)+IF('Standard Profiles'!$G$19=$B$24,21,0),MOD($C1954,24)+1)/SUM(INDEX($D$3:$AA$30,INDEX(Jesper!$R$2:$R$366,ROW(INDEX(Jesper!AI$2:AI$366,ROUNDDOWN($C1954/24,0)+1,1))-1)+IF('Standard Profiles'!$G$19=$B$10,7,0)+IF('Standard Profiles'!$G$19=$B$17,14,0)+IF('Standard Profiles'!$G$19=$B$24,21,0),0)),0)</f>
        <v>3.0636205274901753</v>
      </c>
      <c r="F1954" cm="1">
        <f t="array" ref="F1954">IFERROR(INDEX(Jesper!AJ$2:AJ$366,ROUNDDOWN($C1954/24,0)+1,1)*INDEX($D$3:$AA$30,INDEX(Jesper!$R$2:$R$366,ROW(INDEX(Jesper!AJ$2:AJ$366,ROUNDDOWN($C1954/24,0)+1,1))-1)+IF('Standard Profiles'!$G$20=$B$10,7,0)+IF('Standard Profiles'!$G$20=$B$17,14,0)+IF('Standard Profiles'!$G$20=$B$24,21,0),MOD($C1954,24)+1)/SUM(INDEX($D$3:$AA$30,INDEX(Jesper!$R$2:$R$366,ROW(INDEX(Jesper!AJ$2:AJ$366,ROUNDDOWN($C1954/24,0)+1,1))-1)+IF('Standard Profiles'!$G$20=$B$10,7,0)+IF('Standard Profiles'!$G$20=$B$17,14,0)+IF('Standard Profiles'!$G$20=$B$24,21,0),0)),0)</f>
        <v>0</v>
      </c>
      <c r="G1954" cm="1">
        <f t="array" ref="G1954">IFERROR(INDEX(Jesper!AK$2:AK$366,ROUNDDOWN($C1954/24,0)+1,1)*INDEX($D$3:$AA$30,INDEX(Jesper!$R$2:$R$366,ROW(INDEX(Jesper!AK$2:AK$366,ROUNDDOWN($C1954/24,0)+1,1))-1)+IF('Standard Profiles'!$G$21=$B$10,7,0)+IF('Standard Profiles'!$G$21=$B$17,14,0)+IF('Standard Profiles'!$G$21=$B$24,21,0),MOD($C1954,24)+1)/SUM(INDEX($D$3:$AA$30,INDEX(Jesper!$R$2:$R$366,ROW(INDEX(Jesper!AK$2:AK$366,ROUNDDOWN($C1954/24,0)+1,1))-1)+IF('Standard Profiles'!$G$21=$B$10,7,0)+IF('Standard Profiles'!$G$21=$B$17,14,0)+IF('Standard Profiles'!$G$21=$B$24,21,0),0)),0)</f>
        <v>0.87514782735331931</v>
      </c>
      <c r="H1954" cm="1">
        <f t="array" ref="H1954">IFERROR(INDEX(Jesper!AL$2:AL$366,ROUNDDOWN($C1954/24,0)+1,1)*INDEX($D$3:$AA$30,INDEX(Jesper!$R$2:$R$366,ROW(INDEX(Jesper!AL$2:AL$366,ROUNDDOWN($C1954/24,0)+1,1))-1)+IF('Standard Profiles'!$G$22=$B$10,7,0)+IF('Standard Profiles'!$G$22=$B$17,14,0)+IF('Standard Profiles'!$G$22=$B$24,21,0),MOD($C1954,24)+1)/SUM(INDEX($D$3:$AA$30,INDEX(Jesper!$R$2:$R$366,ROW(INDEX(Jesper!AL$2:AL$366,ROUNDDOWN($C1954/24,0)+1,1))-1)+IF('Standard Profiles'!$G$22=$B$10,7,0)+IF('Standard Profiles'!$G$22=$B$17,14,0)+IF('Standard Profiles'!$G$22=$B$24,21,0),0)),0)</f>
        <v>0</v>
      </c>
      <c r="I1954">
        <f t="shared" si="223"/>
        <v>0.42007095712959308</v>
      </c>
      <c r="J1954">
        <f t="shared" si="224"/>
        <v>8.2219748138117694</v>
      </c>
      <c r="K1954">
        <f t="shared" si="225"/>
        <v>0.59724157664734834</v>
      </c>
      <c r="L1954">
        <f t="shared" si="226"/>
        <v>0.29862078832367417</v>
      </c>
      <c r="M1954">
        <f t="shared" si="227"/>
        <v>0</v>
      </c>
      <c r="N1954" s="45">
        <f t="shared" si="228"/>
        <v>45006.999999995343</v>
      </c>
    </row>
    <row r="1955" spans="2:14" x14ac:dyDescent="0.25">
      <c r="B1955">
        <f t="shared" ref="B1955:B2018" si="229">WEEKDAY(N1955,2)</f>
        <v>3</v>
      </c>
      <c r="C1955" s="16">
        <v>1921</v>
      </c>
      <c r="D1955" cm="1">
        <f t="array" ref="D1955">IFERROR(INDEX(Jesper!AH$2:AH$366,ROUNDDOWN($C1955/24,0)+1,1)*INDEX($D$3:$AA$30,INDEX(Jesper!$R$2:$R$366,ROW(INDEX(Jesper!AH$2:AH$366,ROUNDDOWN($C1955/24,0)+1,1))-1)+IF('Standard Profiles'!$G$18=$B$10,7,0)+IF('Standard Profiles'!$G$18=$B$17,14,0)+IF('Standard Profiles'!$G$18=$B$24,21,0),MOD($C1955,24)+1)/SUM(INDEX($D$3:$AA$30,INDEX(Jesper!$R$2:$R$366,ROW(INDEX(Jesper!AH$2:AH$366,ROUNDDOWN($C1955/24,0)+1,1))-1)+IF('Standard Profiles'!$G$18=$B$10,7,0)+IF('Standard Profiles'!$G$18=$B$17,14,0)+IF('Standard Profiles'!$G$18=$B$24,21,0),0)),0)</f>
        <v>5.5991397810688905</v>
      </c>
      <c r="E1955" cm="1">
        <f t="array" ref="E1955">IFERROR(INDEX(Jesper!AI$2:AI$366,ROUNDDOWN($C1955/24,0)+1,1)*INDEX($D$3:$AA$30,INDEX(Jesper!$R$2:$R$366,ROW(INDEX(Jesper!AI$2:AI$366,ROUNDDOWN($C1955/24,0)+1,1))-1)+IF('Standard Profiles'!$G$19=$B$10,7,0)+IF('Standard Profiles'!$G$19=$B$17,14,0)+IF('Standard Profiles'!$G$19=$B$24,21,0),MOD($C1955,24)+1)/SUM(INDEX($D$3:$AA$30,INDEX(Jesper!$R$2:$R$366,ROW(INDEX(Jesper!AI$2:AI$366,ROUNDDOWN($C1955/24,0)+1,1))-1)+IF('Standard Profiles'!$G$19=$B$10,7,0)+IF('Standard Profiles'!$G$19=$B$17,14,0)+IF('Standard Profiles'!$G$19=$B$24,21,0),0)),0)</f>
        <v>3.0636205274901753</v>
      </c>
      <c r="F1955" cm="1">
        <f t="array" ref="F1955">IFERROR(INDEX(Jesper!AJ$2:AJ$366,ROUNDDOWN($C1955/24,0)+1,1)*INDEX($D$3:$AA$30,INDEX(Jesper!$R$2:$R$366,ROW(INDEX(Jesper!AJ$2:AJ$366,ROUNDDOWN($C1955/24,0)+1,1))-1)+IF('Standard Profiles'!$G$20=$B$10,7,0)+IF('Standard Profiles'!$G$20=$B$17,14,0)+IF('Standard Profiles'!$G$20=$B$24,21,0),MOD($C1955,24)+1)/SUM(INDEX($D$3:$AA$30,INDEX(Jesper!$R$2:$R$366,ROW(INDEX(Jesper!AJ$2:AJ$366,ROUNDDOWN($C1955/24,0)+1,1))-1)+IF('Standard Profiles'!$G$20=$B$10,7,0)+IF('Standard Profiles'!$G$20=$B$17,14,0)+IF('Standard Profiles'!$G$20=$B$24,21,0),0)),0)</f>
        <v>0</v>
      </c>
      <c r="G1955" cm="1">
        <f t="array" ref="G1955">IFERROR(INDEX(Jesper!AK$2:AK$366,ROUNDDOWN($C1955/24,0)+1,1)*INDEX($D$3:$AA$30,INDEX(Jesper!$R$2:$R$366,ROW(INDEX(Jesper!AK$2:AK$366,ROUNDDOWN($C1955/24,0)+1,1))-1)+IF('Standard Profiles'!$G$21=$B$10,7,0)+IF('Standard Profiles'!$G$21=$B$17,14,0)+IF('Standard Profiles'!$G$21=$B$24,21,0),MOD($C1955,24)+1)/SUM(INDEX($D$3:$AA$30,INDEX(Jesper!$R$2:$R$366,ROW(INDEX(Jesper!AK$2:AK$366,ROUNDDOWN($C1955/24,0)+1,1))-1)+IF('Standard Profiles'!$G$21=$B$10,7,0)+IF('Standard Profiles'!$G$21=$B$17,14,0)+IF('Standard Profiles'!$G$21=$B$24,21,0),0)),0)</f>
        <v>0.87514782735331931</v>
      </c>
      <c r="H1955" cm="1">
        <f t="array" ref="H1955">IFERROR(INDEX(Jesper!AL$2:AL$366,ROUNDDOWN($C1955/24,0)+1,1)*INDEX($D$3:$AA$30,INDEX(Jesper!$R$2:$R$366,ROW(INDEX(Jesper!AL$2:AL$366,ROUNDDOWN($C1955/24,0)+1,1))-1)+IF('Standard Profiles'!$G$22=$B$10,7,0)+IF('Standard Profiles'!$G$22=$B$17,14,0)+IF('Standard Profiles'!$G$22=$B$24,21,0),MOD($C1955,24)+1)/SUM(INDEX($D$3:$AA$30,INDEX(Jesper!$R$2:$R$366,ROW(INDEX(Jesper!AL$2:AL$366,ROUNDDOWN($C1955/24,0)+1,1))-1)+IF('Standard Profiles'!$G$22=$B$10,7,0)+IF('Standard Profiles'!$G$22=$B$17,14,0)+IF('Standard Profiles'!$G$22=$B$24,21,0),0)),0)</f>
        <v>0</v>
      </c>
      <c r="I1955">
        <f t="shared" ref="I1955:I2018" si="230">IF($B1955&lt;6,AC$37*$D1955+AC$38*$E1955+AC$39*$F1955+AC$40*$G1955,AC$46*$D1955+AC$47*$E1955+AC$48*$F1955+AC$49*$G1955+AC$50*$H1955)</f>
        <v>0.42007095712959308</v>
      </c>
      <c r="J1955">
        <f t="shared" ref="J1955:J2018" si="231">IF($B1955&lt;6,AD$37*$D1955+AD$38*$E1955+AD$39*$F1955+AD$40*$G1955,AD$46*$D1955+AD$47*$E1955+AD$48*$F1955+AD$49*$G1955+AD$50*$H1955)</f>
        <v>8.2219748138117694</v>
      </c>
      <c r="K1955">
        <f t="shared" ref="K1955:K2018" si="232">IF($B1955&lt;6,AE$37*$D1955+AE$38*$E1955+AE$39*$F1955+AE$40*$G1955,AE$46*$D1955+AE$47*$E1955+AE$48*$F1955+AE$49*$G1955+AE$50*$H1955)</f>
        <v>0.59724157664734834</v>
      </c>
      <c r="L1955">
        <f t="shared" ref="L1955:L2018" si="233">IF($B1955&lt;6,AF$37*$D1955+AF$38*$E1955+AF$39*$F1955+AF$40*$G1955,AF$46*$D1955+AF$47*$E1955+AF$48*$F1955+AF$49*$G1955+AF$50*$H1955)</f>
        <v>0.29862078832367417</v>
      </c>
      <c r="M1955">
        <f t="shared" ref="M1955:M2018" si="234">IF($B1955&lt;6,AG$37*$D1955+AG$38*$E1955+AG$39*$F1955+AG$40*$G1955,AG$46*$D1955+AG$47*$E1955+AG$48*$F1955+AG$49*$G1955+AG$50*$H1955)</f>
        <v>0</v>
      </c>
      <c r="N1955" s="45">
        <f t="shared" si="228"/>
        <v>45007.041666662008</v>
      </c>
    </row>
    <row r="1956" spans="2:14" x14ac:dyDescent="0.25">
      <c r="B1956">
        <f t="shared" si="229"/>
        <v>3</v>
      </c>
      <c r="C1956" s="16">
        <v>1922</v>
      </c>
      <c r="D1956" cm="1">
        <f t="array" ref="D1956">IFERROR(INDEX(Jesper!AH$2:AH$366,ROUNDDOWN($C1956/24,0)+1,1)*INDEX($D$3:$AA$30,INDEX(Jesper!$R$2:$R$366,ROW(INDEX(Jesper!AH$2:AH$366,ROUNDDOWN($C1956/24,0)+1,1))-1)+IF('Standard Profiles'!$G$18=$B$10,7,0)+IF('Standard Profiles'!$G$18=$B$17,14,0)+IF('Standard Profiles'!$G$18=$B$24,21,0),MOD($C1956,24)+1)/SUM(INDEX($D$3:$AA$30,INDEX(Jesper!$R$2:$R$366,ROW(INDEX(Jesper!AH$2:AH$366,ROUNDDOWN($C1956/24,0)+1,1))-1)+IF('Standard Profiles'!$G$18=$B$10,7,0)+IF('Standard Profiles'!$G$18=$B$17,14,0)+IF('Standard Profiles'!$G$18=$B$24,21,0),0)),0)</f>
        <v>5.5991397810688905</v>
      </c>
      <c r="E1956" cm="1">
        <f t="array" ref="E1956">IFERROR(INDEX(Jesper!AI$2:AI$366,ROUNDDOWN($C1956/24,0)+1,1)*INDEX($D$3:$AA$30,INDEX(Jesper!$R$2:$R$366,ROW(INDEX(Jesper!AI$2:AI$366,ROUNDDOWN($C1956/24,0)+1,1))-1)+IF('Standard Profiles'!$G$19=$B$10,7,0)+IF('Standard Profiles'!$G$19=$B$17,14,0)+IF('Standard Profiles'!$G$19=$B$24,21,0),MOD($C1956,24)+1)/SUM(INDEX($D$3:$AA$30,INDEX(Jesper!$R$2:$R$366,ROW(INDEX(Jesper!AI$2:AI$366,ROUNDDOWN($C1956/24,0)+1,1))-1)+IF('Standard Profiles'!$G$19=$B$10,7,0)+IF('Standard Profiles'!$G$19=$B$17,14,0)+IF('Standard Profiles'!$G$19=$B$24,21,0),0)),0)</f>
        <v>3.0636205274901753</v>
      </c>
      <c r="F1956" cm="1">
        <f t="array" ref="F1956">IFERROR(INDEX(Jesper!AJ$2:AJ$366,ROUNDDOWN($C1956/24,0)+1,1)*INDEX($D$3:$AA$30,INDEX(Jesper!$R$2:$R$366,ROW(INDEX(Jesper!AJ$2:AJ$366,ROUNDDOWN($C1956/24,0)+1,1))-1)+IF('Standard Profiles'!$G$20=$B$10,7,0)+IF('Standard Profiles'!$G$20=$B$17,14,0)+IF('Standard Profiles'!$G$20=$B$24,21,0),MOD($C1956,24)+1)/SUM(INDEX($D$3:$AA$30,INDEX(Jesper!$R$2:$R$366,ROW(INDEX(Jesper!AJ$2:AJ$366,ROUNDDOWN($C1956/24,0)+1,1))-1)+IF('Standard Profiles'!$G$20=$B$10,7,0)+IF('Standard Profiles'!$G$20=$B$17,14,0)+IF('Standard Profiles'!$G$20=$B$24,21,0),0)),0)</f>
        <v>0</v>
      </c>
      <c r="G1956" cm="1">
        <f t="array" ref="G1956">IFERROR(INDEX(Jesper!AK$2:AK$366,ROUNDDOWN($C1956/24,0)+1,1)*INDEX($D$3:$AA$30,INDEX(Jesper!$R$2:$R$366,ROW(INDEX(Jesper!AK$2:AK$366,ROUNDDOWN($C1956/24,0)+1,1))-1)+IF('Standard Profiles'!$G$21=$B$10,7,0)+IF('Standard Profiles'!$G$21=$B$17,14,0)+IF('Standard Profiles'!$G$21=$B$24,21,0),MOD($C1956,24)+1)/SUM(INDEX($D$3:$AA$30,INDEX(Jesper!$R$2:$R$366,ROW(INDEX(Jesper!AK$2:AK$366,ROUNDDOWN($C1956/24,0)+1,1))-1)+IF('Standard Profiles'!$G$21=$B$10,7,0)+IF('Standard Profiles'!$G$21=$B$17,14,0)+IF('Standard Profiles'!$G$21=$B$24,21,0),0)),0)</f>
        <v>0.87514782735331931</v>
      </c>
      <c r="H1956" cm="1">
        <f t="array" ref="H1956">IFERROR(INDEX(Jesper!AL$2:AL$366,ROUNDDOWN($C1956/24,0)+1,1)*INDEX($D$3:$AA$30,INDEX(Jesper!$R$2:$R$366,ROW(INDEX(Jesper!AL$2:AL$366,ROUNDDOWN($C1956/24,0)+1,1))-1)+IF('Standard Profiles'!$G$22=$B$10,7,0)+IF('Standard Profiles'!$G$22=$B$17,14,0)+IF('Standard Profiles'!$G$22=$B$24,21,0),MOD($C1956,24)+1)/SUM(INDEX($D$3:$AA$30,INDEX(Jesper!$R$2:$R$366,ROW(INDEX(Jesper!AL$2:AL$366,ROUNDDOWN($C1956/24,0)+1,1))-1)+IF('Standard Profiles'!$G$22=$B$10,7,0)+IF('Standard Profiles'!$G$22=$B$17,14,0)+IF('Standard Profiles'!$G$22=$B$24,21,0),0)),0)</f>
        <v>0</v>
      </c>
      <c r="I1956">
        <f t="shared" si="230"/>
        <v>0.42007095712959308</v>
      </c>
      <c r="J1956">
        <f t="shared" si="231"/>
        <v>8.2219748138117694</v>
      </c>
      <c r="K1956">
        <f t="shared" si="232"/>
        <v>0.59724157664734834</v>
      </c>
      <c r="L1956">
        <f t="shared" si="233"/>
        <v>0.29862078832367417</v>
      </c>
      <c r="M1956">
        <f t="shared" si="234"/>
        <v>0</v>
      </c>
      <c r="N1956" s="45">
        <f t="shared" ref="N1956:N2019" si="235">N1955+1/24</f>
        <v>45007.083333328672</v>
      </c>
    </row>
    <row r="1957" spans="2:14" x14ac:dyDescent="0.25">
      <c r="B1957">
        <f t="shared" si="229"/>
        <v>3</v>
      </c>
      <c r="C1957" s="16">
        <v>1923</v>
      </c>
      <c r="D1957" cm="1">
        <f t="array" ref="D1957">IFERROR(INDEX(Jesper!AH$2:AH$366,ROUNDDOWN($C1957/24,0)+1,1)*INDEX($D$3:$AA$30,INDEX(Jesper!$R$2:$R$366,ROW(INDEX(Jesper!AH$2:AH$366,ROUNDDOWN($C1957/24,0)+1,1))-1)+IF('Standard Profiles'!$G$18=$B$10,7,0)+IF('Standard Profiles'!$G$18=$B$17,14,0)+IF('Standard Profiles'!$G$18=$B$24,21,0),MOD($C1957,24)+1)/SUM(INDEX($D$3:$AA$30,INDEX(Jesper!$R$2:$R$366,ROW(INDEX(Jesper!AH$2:AH$366,ROUNDDOWN($C1957/24,0)+1,1))-1)+IF('Standard Profiles'!$G$18=$B$10,7,0)+IF('Standard Profiles'!$G$18=$B$17,14,0)+IF('Standard Profiles'!$G$18=$B$24,21,0),0)),0)</f>
        <v>5.5991397810688905</v>
      </c>
      <c r="E1957" cm="1">
        <f t="array" ref="E1957">IFERROR(INDEX(Jesper!AI$2:AI$366,ROUNDDOWN($C1957/24,0)+1,1)*INDEX($D$3:$AA$30,INDEX(Jesper!$R$2:$R$366,ROW(INDEX(Jesper!AI$2:AI$366,ROUNDDOWN($C1957/24,0)+1,1))-1)+IF('Standard Profiles'!$G$19=$B$10,7,0)+IF('Standard Profiles'!$G$19=$B$17,14,0)+IF('Standard Profiles'!$G$19=$B$24,21,0),MOD($C1957,24)+1)/SUM(INDEX($D$3:$AA$30,INDEX(Jesper!$R$2:$R$366,ROW(INDEX(Jesper!AI$2:AI$366,ROUNDDOWN($C1957/24,0)+1,1))-1)+IF('Standard Profiles'!$G$19=$B$10,7,0)+IF('Standard Profiles'!$G$19=$B$17,14,0)+IF('Standard Profiles'!$G$19=$B$24,21,0),0)),0)</f>
        <v>3.0636205274901753</v>
      </c>
      <c r="F1957" cm="1">
        <f t="array" ref="F1957">IFERROR(INDEX(Jesper!AJ$2:AJ$366,ROUNDDOWN($C1957/24,0)+1,1)*INDEX($D$3:$AA$30,INDEX(Jesper!$R$2:$R$366,ROW(INDEX(Jesper!AJ$2:AJ$366,ROUNDDOWN($C1957/24,0)+1,1))-1)+IF('Standard Profiles'!$G$20=$B$10,7,0)+IF('Standard Profiles'!$G$20=$B$17,14,0)+IF('Standard Profiles'!$G$20=$B$24,21,0),MOD($C1957,24)+1)/SUM(INDEX($D$3:$AA$30,INDEX(Jesper!$R$2:$R$366,ROW(INDEX(Jesper!AJ$2:AJ$366,ROUNDDOWN($C1957/24,0)+1,1))-1)+IF('Standard Profiles'!$G$20=$B$10,7,0)+IF('Standard Profiles'!$G$20=$B$17,14,0)+IF('Standard Profiles'!$G$20=$B$24,21,0),0)),0)</f>
        <v>0</v>
      </c>
      <c r="G1957" cm="1">
        <f t="array" ref="G1957">IFERROR(INDEX(Jesper!AK$2:AK$366,ROUNDDOWN($C1957/24,0)+1,1)*INDEX($D$3:$AA$30,INDEX(Jesper!$R$2:$R$366,ROW(INDEX(Jesper!AK$2:AK$366,ROUNDDOWN($C1957/24,0)+1,1))-1)+IF('Standard Profiles'!$G$21=$B$10,7,0)+IF('Standard Profiles'!$G$21=$B$17,14,0)+IF('Standard Profiles'!$G$21=$B$24,21,0),MOD($C1957,24)+1)/SUM(INDEX($D$3:$AA$30,INDEX(Jesper!$R$2:$R$366,ROW(INDEX(Jesper!AK$2:AK$366,ROUNDDOWN($C1957/24,0)+1,1))-1)+IF('Standard Profiles'!$G$21=$B$10,7,0)+IF('Standard Profiles'!$G$21=$B$17,14,0)+IF('Standard Profiles'!$G$21=$B$24,21,0),0)),0)</f>
        <v>0.87514782735331931</v>
      </c>
      <c r="H1957" cm="1">
        <f t="array" ref="H1957">IFERROR(INDEX(Jesper!AL$2:AL$366,ROUNDDOWN($C1957/24,0)+1,1)*INDEX($D$3:$AA$30,INDEX(Jesper!$R$2:$R$366,ROW(INDEX(Jesper!AL$2:AL$366,ROUNDDOWN($C1957/24,0)+1,1))-1)+IF('Standard Profiles'!$G$22=$B$10,7,0)+IF('Standard Profiles'!$G$22=$B$17,14,0)+IF('Standard Profiles'!$G$22=$B$24,21,0),MOD($C1957,24)+1)/SUM(INDEX($D$3:$AA$30,INDEX(Jesper!$R$2:$R$366,ROW(INDEX(Jesper!AL$2:AL$366,ROUNDDOWN($C1957/24,0)+1,1))-1)+IF('Standard Profiles'!$G$22=$B$10,7,0)+IF('Standard Profiles'!$G$22=$B$17,14,0)+IF('Standard Profiles'!$G$22=$B$24,21,0),0)),0)</f>
        <v>0</v>
      </c>
      <c r="I1957">
        <f t="shared" si="230"/>
        <v>0.42007095712959308</v>
      </c>
      <c r="J1957">
        <f t="shared" si="231"/>
        <v>8.2219748138117694</v>
      </c>
      <c r="K1957">
        <f t="shared" si="232"/>
        <v>0.59724157664734834</v>
      </c>
      <c r="L1957">
        <f t="shared" si="233"/>
        <v>0.29862078832367417</v>
      </c>
      <c r="M1957">
        <f t="shared" si="234"/>
        <v>0</v>
      </c>
      <c r="N1957" s="45">
        <f t="shared" si="235"/>
        <v>45007.124999995336</v>
      </c>
    </row>
    <row r="1958" spans="2:14" x14ac:dyDescent="0.25">
      <c r="B1958">
        <f t="shared" si="229"/>
        <v>3</v>
      </c>
      <c r="C1958" s="16">
        <v>1924</v>
      </c>
      <c r="D1958" cm="1">
        <f t="array" ref="D1958">IFERROR(INDEX(Jesper!AH$2:AH$366,ROUNDDOWN($C1958/24,0)+1,1)*INDEX($D$3:$AA$30,INDEX(Jesper!$R$2:$R$366,ROW(INDEX(Jesper!AH$2:AH$366,ROUNDDOWN($C1958/24,0)+1,1))-1)+IF('Standard Profiles'!$G$18=$B$10,7,0)+IF('Standard Profiles'!$G$18=$B$17,14,0)+IF('Standard Profiles'!$G$18=$B$24,21,0),MOD($C1958,24)+1)/SUM(INDEX($D$3:$AA$30,INDEX(Jesper!$R$2:$R$366,ROW(INDEX(Jesper!AH$2:AH$366,ROUNDDOWN($C1958/24,0)+1,1))-1)+IF('Standard Profiles'!$G$18=$B$10,7,0)+IF('Standard Profiles'!$G$18=$B$17,14,0)+IF('Standard Profiles'!$G$18=$B$24,21,0),0)),0)</f>
        <v>5.5991397810688905</v>
      </c>
      <c r="E1958" cm="1">
        <f t="array" ref="E1958">IFERROR(INDEX(Jesper!AI$2:AI$366,ROUNDDOWN($C1958/24,0)+1,1)*INDEX($D$3:$AA$30,INDEX(Jesper!$R$2:$R$366,ROW(INDEX(Jesper!AI$2:AI$366,ROUNDDOWN($C1958/24,0)+1,1))-1)+IF('Standard Profiles'!$G$19=$B$10,7,0)+IF('Standard Profiles'!$G$19=$B$17,14,0)+IF('Standard Profiles'!$G$19=$B$24,21,0),MOD($C1958,24)+1)/SUM(INDEX($D$3:$AA$30,INDEX(Jesper!$R$2:$R$366,ROW(INDEX(Jesper!AI$2:AI$366,ROUNDDOWN($C1958/24,0)+1,1))-1)+IF('Standard Profiles'!$G$19=$B$10,7,0)+IF('Standard Profiles'!$G$19=$B$17,14,0)+IF('Standard Profiles'!$G$19=$B$24,21,0),0)),0)</f>
        <v>3.0636205274901753</v>
      </c>
      <c r="F1958" cm="1">
        <f t="array" ref="F1958">IFERROR(INDEX(Jesper!AJ$2:AJ$366,ROUNDDOWN($C1958/24,0)+1,1)*INDEX($D$3:$AA$30,INDEX(Jesper!$R$2:$R$366,ROW(INDEX(Jesper!AJ$2:AJ$366,ROUNDDOWN($C1958/24,0)+1,1))-1)+IF('Standard Profiles'!$G$20=$B$10,7,0)+IF('Standard Profiles'!$G$20=$B$17,14,0)+IF('Standard Profiles'!$G$20=$B$24,21,0),MOD($C1958,24)+1)/SUM(INDEX($D$3:$AA$30,INDEX(Jesper!$R$2:$R$366,ROW(INDEX(Jesper!AJ$2:AJ$366,ROUNDDOWN($C1958/24,0)+1,1))-1)+IF('Standard Profiles'!$G$20=$B$10,7,0)+IF('Standard Profiles'!$G$20=$B$17,14,0)+IF('Standard Profiles'!$G$20=$B$24,21,0),0)),0)</f>
        <v>0</v>
      </c>
      <c r="G1958" cm="1">
        <f t="array" ref="G1958">IFERROR(INDEX(Jesper!AK$2:AK$366,ROUNDDOWN($C1958/24,0)+1,1)*INDEX($D$3:$AA$30,INDEX(Jesper!$R$2:$R$366,ROW(INDEX(Jesper!AK$2:AK$366,ROUNDDOWN($C1958/24,0)+1,1))-1)+IF('Standard Profiles'!$G$21=$B$10,7,0)+IF('Standard Profiles'!$G$21=$B$17,14,0)+IF('Standard Profiles'!$G$21=$B$24,21,0),MOD($C1958,24)+1)/SUM(INDEX($D$3:$AA$30,INDEX(Jesper!$R$2:$R$366,ROW(INDEX(Jesper!AK$2:AK$366,ROUNDDOWN($C1958/24,0)+1,1))-1)+IF('Standard Profiles'!$G$21=$B$10,7,0)+IF('Standard Profiles'!$G$21=$B$17,14,0)+IF('Standard Profiles'!$G$21=$B$24,21,0),0)),0)</f>
        <v>0.87514782735331931</v>
      </c>
      <c r="H1958" cm="1">
        <f t="array" ref="H1958">IFERROR(INDEX(Jesper!AL$2:AL$366,ROUNDDOWN($C1958/24,0)+1,1)*INDEX($D$3:$AA$30,INDEX(Jesper!$R$2:$R$366,ROW(INDEX(Jesper!AL$2:AL$366,ROUNDDOWN($C1958/24,0)+1,1))-1)+IF('Standard Profiles'!$G$22=$B$10,7,0)+IF('Standard Profiles'!$G$22=$B$17,14,0)+IF('Standard Profiles'!$G$22=$B$24,21,0),MOD($C1958,24)+1)/SUM(INDEX($D$3:$AA$30,INDEX(Jesper!$R$2:$R$366,ROW(INDEX(Jesper!AL$2:AL$366,ROUNDDOWN($C1958/24,0)+1,1))-1)+IF('Standard Profiles'!$G$22=$B$10,7,0)+IF('Standard Profiles'!$G$22=$B$17,14,0)+IF('Standard Profiles'!$G$22=$B$24,21,0),0)),0)</f>
        <v>0</v>
      </c>
      <c r="I1958">
        <f t="shared" si="230"/>
        <v>0.42007095712959308</v>
      </c>
      <c r="J1958">
        <f t="shared" si="231"/>
        <v>8.2219748138117694</v>
      </c>
      <c r="K1958">
        <f t="shared" si="232"/>
        <v>0.59724157664734834</v>
      </c>
      <c r="L1958">
        <f t="shared" si="233"/>
        <v>0.29862078832367417</v>
      </c>
      <c r="M1958">
        <f t="shared" si="234"/>
        <v>0</v>
      </c>
      <c r="N1958" s="45">
        <f t="shared" si="235"/>
        <v>45007.166666662</v>
      </c>
    </row>
    <row r="1959" spans="2:14" x14ac:dyDescent="0.25">
      <c r="B1959">
        <f t="shared" si="229"/>
        <v>3</v>
      </c>
      <c r="C1959" s="16">
        <v>1925</v>
      </c>
      <c r="D1959" cm="1">
        <f t="array" ref="D1959">IFERROR(INDEX(Jesper!AH$2:AH$366,ROUNDDOWN($C1959/24,0)+1,1)*INDEX($D$3:$AA$30,INDEX(Jesper!$R$2:$R$366,ROW(INDEX(Jesper!AH$2:AH$366,ROUNDDOWN($C1959/24,0)+1,1))-1)+IF('Standard Profiles'!$G$18=$B$10,7,0)+IF('Standard Profiles'!$G$18=$B$17,14,0)+IF('Standard Profiles'!$G$18=$B$24,21,0),MOD($C1959,24)+1)/SUM(INDEX($D$3:$AA$30,INDEX(Jesper!$R$2:$R$366,ROW(INDEX(Jesper!AH$2:AH$366,ROUNDDOWN($C1959/24,0)+1,1))-1)+IF('Standard Profiles'!$G$18=$B$10,7,0)+IF('Standard Profiles'!$G$18=$B$17,14,0)+IF('Standard Profiles'!$G$18=$B$24,21,0),0)),0)</f>
        <v>5.5991397810688905</v>
      </c>
      <c r="E1959" cm="1">
        <f t="array" ref="E1959">IFERROR(INDEX(Jesper!AI$2:AI$366,ROUNDDOWN($C1959/24,0)+1,1)*INDEX($D$3:$AA$30,INDEX(Jesper!$R$2:$R$366,ROW(INDEX(Jesper!AI$2:AI$366,ROUNDDOWN($C1959/24,0)+1,1))-1)+IF('Standard Profiles'!$G$19=$B$10,7,0)+IF('Standard Profiles'!$G$19=$B$17,14,0)+IF('Standard Profiles'!$G$19=$B$24,21,0),MOD($C1959,24)+1)/SUM(INDEX($D$3:$AA$30,INDEX(Jesper!$R$2:$R$366,ROW(INDEX(Jesper!AI$2:AI$366,ROUNDDOWN($C1959/24,0)+1,1))-1)+IF('Standard Profiles'!$G$19=$B$10,7,0)+IF('Standard Profiles'!$G$19=$B$17,14,0)+IF('Standard Profiles'!$G$19=$B$24,21,0),0)),0)</f>
        <v>3.0636205274901753</v>
      </c>
      <c r="F1959" cm="1">
        <f t="array" ref="F1959">IFERROR(INDEX(Jesper!AJ$2:AJ$366,ROUNDDOWN($C1959/24,0)+1,1)*INDEX($D$3:$AA$30,INDEX(Jesper!$R$2:$R$366,ROW(INDEX(Jesper!AJ$2:AJ$366,ROUNDDOWN($C1959/24,0)+1,1))-1)+IF('Standard Profiles'!$G$20=$B$10,7,0)+IF('Standard Profiles'!$G$20=$B$17,14,0)+IF('Standard Profiles'!$G$20=$B$24,21,0),MOD($C1959,24)+1)/SUM(INDEX($D$3:$AA$30,INDEX(Jesper!$R$2:$R$366,ROW(INDEX(Jesper!AJ$2:AJ$366,ROUNDDOWN($C1959/24,0)+1,1))-1)+IF('Standard Profiles'!$G$20=$B$10,7,0)+IF('Standard Profiles'!$G$20=$B$17,14,0)+IF('Standard Profiles'!$G$20=$B$24,21,0),0)),0)</f>
        <v>0</v>
      </c>
      <c r="G1959" cm="1">
        <f t="array" ref="G1959">IFERROR(INDEX(Jesper!AK$2:AK$366,ROUNDDOWN($C1959/24,0)+1,1)*INDEX($D$3:$AA$30,INDEX(Jesper!$R$2:$R$366,ROW(INDEX(Jesper!AK$2:AK$366,ROUNDDOWN($C1959/24,0)+1,1))-1)+IF('Standard Profiles'!$G$21=$B$10,7,0)+IF('Standard Profiles'!$G$21=$B$17,14,0)+IF('Standard Profiles'!$G$21=$B$24,21,0),MOD($C1959,24)+1)/SUM(INDEX($D$3:$AA$30,INDEX(Jesper!$R$2:$R$366,ROW(INDEX(Jesper!AK$2:AK$366,ROUNDDOWN($C1959/24,0)+1,1))-1)+IF('Standard Profiles'!$G$21=$B$10,7,0)+IF('Standard Profiles'!$G$21=$B$17,14,0)+IF('Standard Profiles'!$G$21=$B$24,21,0),0)),0)</f>
        <v>0.87514782735331931</v>
      </c>
      <c r="H1959" cm="1">
        <f t="array" ref="H1959">IFERROR(INDEX(Jesper!AL$2:AL$366,ROUNDDOWN($C1959/24,0)+1,1)*INDEX($D$3:$AA$30,INDEX(Jesper!$R$2:$R$366,ROW(INDEX(Jesper!AL$2:AL$366,ROUNDDOWN($C1959/24,0)+1,1))-1)+IF('Standard Profiles'!$G$22=$B$10,7,0)+IF('Standard Profiles'!$G$22=$B$17,14,0)+IF('Standard Profiles'!$G$22=$B$24,21,0),MOD($C1959,24)+1)/SUM(INDEX($D$3:$AA$30,INDEX(Jesper!$R$2:$R$366,ROW(INDEX(Jesper!AL$2:AL$366,ROUNDDOWN($C1959/24,0)+1,1))-1)+IF('Standard Profiles'!$G$22=$B$10,7,0)+IF('Standard Profiles'!$G$22=$B$17,14,0)+IF('Standard Profiles'!$G$22=$B$24,21,0),0)),0)</f>
        <v>0</v>
      </c>
      <c r="I1959">
        <f t="shared" si="230"/>
        <v>0.42007095712959308</v>
      </c>
      <c r="J1959">
        <f t="shared" si="231"/>
        <v>8.2219748138117694</v>
      </c>
      <c r="K1959">
        <f t="shared" si="232"/>
        <v>0.59724157664734834</v>
      </c>
      <c r="L1959">
        <f t="shared" si="233"/>
        <v>0.29862078832367417</v>
      </c>
      <c r="M1959">
        <f t="shared" si="234"/>
        <v>0</v>
      </c>
      <c r="N1959" s="45">
        <f t="shared" si="235"/>
        <v>45007.208333328665</v>
      </c>
    </row>
    <row r="1960" spans="2:14" x14ac:dyDescent="0.25">
      <c r="B1960">
        <f t="shared" si="229"/>
        <v>3</v>
      </c>
      <c r="C1960" s="16">
        <v>1926</v>
      </c>
      <c r="D1960" cm="1">
        <f t="array" ref="D1960">IFERROR(INDEX(Jesper!AH$2:AH$366,ROUNDDOWN($C1960/24,0)+1,1)*INDEX($D$3:$AA$30,INDEX(Jesper!$R$2:$R$366,ROW(INDEX(Jesper!AH$2:AH$366,ROUNDDOWN($C1960/24,0)+1,1))-1)+IF('Standard Profiles'!$G$18=$B$10,7,0)+IF('Standard Profiles'!$G$18=$B$17,14,0)+IF('Standard Profiles'!$G$18=$B$24,21,0),MOD($C1960,24)+1)/SUM(INDEX($D$3:$AA$30,INDEX(Jesper!$R$2:$R$366,ROW(INDEX(Jesper!AH$2:AH$366,ROUNDDOWN($C1960/24,0)+1,1))-1)+IF('Standard Profiles'!$G$18=$B$10,7,0)+IF('Standard Profiles'!$G$18=$B$17,14,0)+IF('Standard Profiles'!$G$18=$B$24,21,0),0)),0)</f>
        <v>5.5991397810688905</v>
      </c>
      <c r="E1960" cm="1">
        <f t="array" ref="E1960">IFERROR(INDEX(Jesper!AI$2:AI$366,ROUNDDOWN($C1960/24,0)+1,1)*INDEX($D$3:$AA$30,INDEX(Jesper!$R$2:$R$366,ROW(INDEX(Jesper!AI$2:AI$366,ROUNDDOWN($C1960/24,0)+1,1))-1)+IF('Standard Profiles'!$G$19=$B$10,7,0)+IF('Standard Profiles'!$G$19=$B$17,14,0)+IF('Standard Profiles'!$G$19=$B$24,21,0),MOD($C1960,24)+1)/SUM(INDEX($D$3:$AA$30,INDEX(Jesper!$R$2:$R$366,ROW(INDEX(Jesper!AI$2:AI$366,ROUNDDOWN($C1960/24,0)+1,1))-1)+IF('Standard Profiles'!$G$19=$B$10,7,0)+IF('Standard Profiles'!$G$19=$B$17,14,0)+IF('Standard Profiles'!$G$19=$B$24,21,0),0)),0)</f>
        <v>3.0636205274901753</v>
      </c>
      <c r="F1960" cm="1">
        <f t="array" ref="F1960">IFERROR(INDEX(Jesper!AJ$2:AJ$366,ROUNDDOWN($C1960/24,0)+1,1)*INDEX($D$3:$AA$30,INDEX(Jesper!$R$2:$R$366,ROW(INDEX(Jesper!AJ$2:AJ$366,ROUNDDOWN($C1960/24,0)+1,1))-1)+IF('Standard Profiles'!$G$20=$B$10,7,0)+IF('Standard Profiles'!$G$20=$B$17,14,0)+IF('Standard Profiles'!$G$20=$B$24,21,0),MOD($C1960,24)+1)/SUM(INDEX($D$3:$AA$30,INDEX(Jesper!$R$2:$R$366,ROW(INDEX(Jesper!AJ$2:AJ$366,ROUNDDOWN($C1960/24,0)+1,1))-1)+IF('Standard Profiles'!$G$20=$B$10,7,0)+IF('Standard Profiles'!$G$20=$B$17,14,0)+IF('Standard Profiles'!$G$20=$B$24,21,0),0)),0)</f>
        <v>0</v>
      </c>
      <c r="G1960" cm="1">
        <f t="array" ref="G1960">IFERROR(INDEX(Jesper!AK$2:AK$366,ROUNDDOWN($C1960/24,0)+1,1)*INDEX($D$3:$AA$30,INDEX(Jesper!$R$2:$R$366,ROW(INDEX(Jesper!AK$2:AK$366,ROUNDDOWN($C1960/24,0)+1,1))-1)+IF('Standard Profiles'!$G$21=$B$10,7,0)+IF('Standard Profiles'!$G$21=$B$17,14,0)+IF('Standard Profiles'!$G$21=$B$24,21,0),MOD($C1960,24)+1)/SUM(INDEX($D$3:$AA$30,INDEX(Jesper!$R$2:$R$366,ROW(INDEX(Jesper!AK$2:AK$366,ROUNDDOWN($C1960/24,0)+1,1))-1)+IF('Standard Profiles'!$G$21=$B$10,7,0)+IF('Standard Profiles'!$G$21=$B$17,14,0)+IF('Standard Profiles'!$G$21=$B$24,21,0),0)),0)</f>
        <v>0.87514782735331931</v>
      </c>
      <c r="H1960" cm="1">
        <f t="array" ref="H1960">IFERROR(INDEX(Jesper!AL$2:AL$366,ROUNDDOWN($C1960/24,0)+1,1)*INDEX($D$3:$AA$30,INDEX(Jesper!$R$2:$R$366,ROW(INDEX(Jesper!AL$2:AL$366,ROUNDDOWN($C1960/24,0)+1,1))-1)+IF('Standard Profiles'!$G$22=$B$10,7,0)+IF('Standard Profiles'!$G$22=$B$17,14,0)+IF('Standard Profiles'!$G$22=$B$24,21,0),MOD($C1960,24)+1)/SUM(INDEX($D$3:$AA$30,INDEX(Jesper!$R$2:$R$366,ROW(INDEX(Jesper!AL$2:AL$366,ROUNDDOWN($C1960/24,0)+1,1))-1)+IF('Standard Profiles'!$G$22=$B$10,7,0)+IF('Standard Profiles'!$G$22=$B$17,14,0)+IF('Standard Profiles'!$G$22=$B$24,21,0),0)),0)</f>
        <v>0</v>
      </c>
      <c r="I1960">
        <f t="shared" si="230"/>
        <v>0.42007095712959308</v>
      </c>
      <c r="J1960">
        <f t="shared" si="231"/>
        <v>8.2219748138117694</v>
      </c>
      <c r="K1960">
        <f t="shared" si="232"/>
        <v>0.59724157664734834</v>
      </c>
      <c r="L1960">
        <f t="shared" si="233"/>
        <v>0.29862078832367417</v>
      </c>
      <c r="M1960">
        <f t="shared" si="234"/>
        <v>0</v>
      </c>
      <c r="N1960" s="45">
        <f t="shared" si="235"/>
        <v>45007.249999995329</v>
      </c>
    </row>
    <row r="1961" spans="2:14" x14ac:dyDescent="0.25">
      <c r="B1961">
        <f t="shared" si="229"/>
        <v>3</v>
      </c>
      <c r="C1961" s="16">
        <v>1927</v>
      </c>
      <c r="D1961" cm="1">
        <f t="array" ref="D1961">IFERROR(INDEX(Jesper!AH$2:AH$366,ROUNDDOWN($C1961/24,0)+1,1)*INDEX($D$3:$AA$30,INDEX(Jesper!$R$2:$R$366,ROW(INDEX(Jesper!AH$2:AH$366,ROUNDDOWN($C1961/24,0)+1,1))-1)+IF('Standard Profiles'!$G$18=$B$10,7,0)+IF('Standard Profiles'!$G$18=$B$17,14,0)+IF('Standard Profiles'!$G$18=$B$24,21,0),MOD($C1961,24)+1)/SUM(INDEX($D$3:$AA$30,INDEX(Jesper!$R$2:$R$366,ROW(INDEX(Jesper!AH$2:AH$366,ROUNDDOWN($C1961/24,0)+1,1))-1)+IF('Standard Profiles'!$G$18=$B$10,7,0)+IF('Standard Profiles'!$G$18=$B$17,14,0)+IF('Standard Profiles'!$G$18=$B$24,21,0),0)),0)</f>
        <v>22.888604741399796</v>
      </c>
      <c r="E1961" cm="1">
        <f t="array" ref="E1961">IFERROR(INDEX(Jesper!AI$2:AI$366,ROUNDDOWN($C1961/24,0)+1,1)*INDEX($D$3:$AA$30,INDEX(Jesper!$R$2:$R$366,ROW(INDEX(Jesper!AI$2:AI$366,ROUNDDOWN($C1961/24,0)+1,1))-1)+IF('Standard Profiles'!$G$19=$B$10,7,0)+IF('Standard Profiles'!$G$19=$B$17,14,0)+IF('Standard Profiles'!$G$19=$B$24,21,0),MOD($C1961,24)+1)/SUM(INDEX($D$3:$AA$30,INDEX(Jesper!$R$2:$R$366,ROW(INDEX(Jesper!AI$2:AI$366,ROUNDDOWN($C1961/24,0)+1,1))-1)+IF('Standard Profiles'!$G$19=$B$10,7,0)+IF('Standard Profiles'!$G$19=$B$17,14,0)+IF('Standard Profiles'!$G$19=$B$24,21,0),0)),0)</f>
        <v>12.52370936843711</v>
      </c>
      <c r="F1961" cm="1">
        <f t="array" ref="F1961">IFERROR(INDEX(Jesper!AJ$2:AJ$366,ROUNDDOWN($C1961/24,0)+1,1)*INDEX($D$3:$AA$30,INDEX(Jesper!$R$2:$R$366,ROW(INDEX(Jesper!AJ$2:AJ$366,ROUNDDOWN($C1961/24,0)+1,1))-1)+IF('Standard Profiles'!$G$20=$B$10,7,0)+IF('Standard Profiles'!$G$20=$B$17,14,0)+IF('Standard Profiles'!$G$20=$B$24,21,0),MOD($C1961,24)+1)/SUM(INDEX($D$3:$AA$30,INDEX(Jesper!$R$2:$R$366,ROW(INDEX(Jesper!AJ$2:AJ$366,ROUNDDOWN($C1961/24,0)+1,1))-1)+IF('Standard Profiles'!$G$20=$B$10,7,0)+IF('Standard Profiles'!$G$20=$B$17,14,0)+IF('Standard Profiles'!$G$20=$B$24,21,0),0)),0)</f>
        <v>0</v>
      </c>
      <c r="G1961" cm="1">
        <f t="array" ref="G1961">IFERROR(INDEX(Jesper!AK$2:AK$366,ROUNDDOWN($C1961/24,0)+1,1)*INDEX($D$3:$AA$30,INDEX(Jesper!$R$2:$R$366,ROW(INDEX(Jesper!AK$2:AK$366,ROUNDDOWN($C1961/24,0)+1,1))-1)+IF('Standard Profiles'!$G$21=$B$10,7,0)+IF('Standard Profiles'!$G$21=$B$17,14,0)+IF('Standard Profiles'!$G$21=$B$24,21,0),MOD($C1961,24)+1)/SUM(INDEX($D$3:$AA$30,INDEX(Jesper!$R$2:$R$366,ROW(INDEX(Jesper!AK$2:AK$366,ROUNDDOWN($C1961/24,0)+1,1))-1)+IF('Standard Profiles'!$G$21=$B$10,7,0)+IF('Standard Profiles'!$G$21=$B$17,14,0)+IF('Standard Profiles'!$G$21=$B$24,21,0),0)),0)</f>
        <v>2.4110322643583939</v>
      </c>
      <c r="H1961" cm="1">
        <f t="array" ref="H1961">IFERROR(INDEX(Jesper!AL$2:AL$366,ROUNDDOWN($C1961/24,0)+1,1)*INDEX($D$3:$AA$30,INDEX(Jesper!$R$2:$R$366,ROW(INDEX(Jesper!AL$2:AL$366,ROUNDDOWN($C1961/24,0)+1,1))-1)+IF('Standard Profiles'!$G$22=$B$10,7,0)+IF('Standard Profiles'!$G$22=$B$17,14,0)+IF('Standard Profiles'!$G$22=$B$24,21,0),MOD($C1961,24)+1)/SUM(INDEX($D$3:$AA$30,INDEX(Jesper!$R$2:$R$366,ROW(INDEX(Jesper!AL$2:AL$366,ROUNDDOWN($C1961/24,0)+1,1))-1)+IF('Standard Profiles'!$G$22=$B$10,7,0)+IF('Standard Profiles'!$G$22=$B$17,14,0)+IF('Standard Profiles'!$G$22=$B$24,21,0),0)),0)</f>
        <v>0</v>
      </c>
      <c r="I1961">
        <f t="shared" si="230"/>
        <v>1.1572954868920284</v>
      </c>
      <c r="J1961">
        <f t="shared" si="231"/>
        <v>33.003874128679307</v>
      </c>
      <c r="K1961">
        <f t="shared" si="232"/>
        <v>2.4414511724159782</v>
      </c>
      <c r="L1961">
        <f t="shared" si="233"/>
        <v>1.2207255862079891</v>
      </c>
      <c r="M1961">
        <f t="shared" si="234"/>
        <v>0</v>
      </c>
      <c r="N1961" s="45">
        <f t="shared" si="235"/>
        <v>45007.291666661993</v>
      </c>
    </row>
    <row r="1962" spans="2:14" x14ac:dyDescent="0.25">
      <c r="B1962">
        <f t="shared" si="229"/>
        <v>3</v>
      </c>
      <c r="C1962" s="16">
        <v>1928</v>
      </c>
      <c r="D1962" cm="1">
        <f t="array" ref="D1962">IFERROR(INDEX(Jesper!AH$2:AH$366,ROUNDDOWN($C1962/24,0)+1,1)*INDEX($D$3:$AA$30,INDEX(Jesper!$R$2:$R$366,ROW(INDEX(Jesper!AH$2:AH$366,ROUNDDOWN($C1962/24,0)+1,1))-1)+IF('Standard Profiles'!$G$18=$B$10,7,0)+IF('Standard Profiles'!$G$18=$B$17,14,0)+IF('Standard Profiles'!$G$18=$B$24,21,0),MOD($C1962,24)+1)/SUM(INDEX($D$3:$AA$30,INDEX(Jesper!$R$2:$R$366,ROW(INDEX(Jesper!AH$2:AH$366,ROUNDDOWN($C1962/24,0)+1,1))-1)+IF('Standard Profiles'!$G$18=$B$10,7,0)+IF('Standard Profiles'!$G$18=$B$17,14,0)+IF('Standard Profiles'!$G$18=$B$24,21,0),0)),0)</f>
        <v>25.538864237772405</v>
      </c>
      <c r="E1962" cm="1">
        <f t="array" ref="E1962">IFERROR(INDEX(Jesper!AI$2:AI$366,ROUNDDOWN($C1962/24,0)+1,1)*INDEX($D$3:$AA$30,INDEX(Jesper!$R$2:$R$366,ROW(INDEX(Jesper!AI$2:AI$366,ROUNDDOWN($C1962/24,0)+1,1))-1)+IF('Standard Profiles'!$G$19=$B$10,7,0)+IF('Standard Profiles'!$G$19=$B$17,14,0)+IF('Standard Profiles'!$G$19=$B$24,21,0),MOD($C1962,24)+1)/SUM(INDEX($D$3:$AA$30,INDEX(Jesper!$R$2:$R$366,ROW(INDEX(Jesper!AI$2:AI$366,ROUNDDOWN($C1962/24,0)+1,1))-1)+IF('Standard Profiles'!$G$19=$B$10,7,0)+IF('Standard Profiles'!$G$19=$B$17,14,0)+IF('Standard Profiles'!$G$19=$B$24,21,0),0)),0)</f>
        <v>13.973823084782461</v>
      </c>
      <c r="F1962" cm="1">
        <f t="array" ref="F1962">IFERROR(INDEX(Jesper!AJ$2:AJ$366,ROUNDDOWN($C1962/24,0)+1,1)*INDEX($D$3:$AA$30,INDEX(Jesper!$R$2:$R$366,ROW(INDEX(Jesper!AJ$2:AJ$366,ROUNDDOWN($C1962/24,0)+1,1))-1)+IF('Standard Profiles'!$G$20=$B$10,7,0)+IF('Standard Profiles'!$G$20=$B$17,14,0)+IF('Standard Profiles'!$G$20=$B$24,21,0),MOD($C1962,24)+1)/SUM(INDEX($D$3:$AA$30,INDEX(Jesper!$R$2:$R$366,ROW(INDEX(Jesper!AJ$2:AJ$366,ROUNDDOWN($C1962/24,0)+1,1))-1)+IF('Standard Profiles'!$G$20=$B$10,7,0)+IF('Standard Profiles'!$G$20=$B$17,14,0)+IF('Standard Profiles'!$G$20=$B$24,21,0),0)),0)</f>
        <v>0</v>
      </c>
      <c r="G1962" cm="1">
        <f t="array" ref="G1962">IFERROR(INDEX(Jesper!AK$2:AK$366,ROUNDDOWN($C1962/24,0)+1,1)*INDEX($D$3:$AA$30,INDEX(Jesper!$R$2:$R$366,ROW(INDEX(Jesper!AK$2:AK$366,ROUNDDOWN($C1962/24,0)+1,1))-1)+IF('Standard Profiles'!$G$21=$B$10,7,0)+IF('Standard Profiles'!$G$21=$B$17,14,0)+IF('Standard Profiles'!$G$21=$B$24,21,0),MOD($C1962,24)+1)/SUM(INDEX($D$3:$AA$30,INDEX(Jesper!$R$2:$R$366,ROW(INDEX(Jesper!AK$2:AK$366,ROUNDDOWN($C1962/24,0)+1,1))-1)+IF('Standard Profiles'!$G$21=$B$10,7,0)+IF('Standard Profiles'!$G$21=$B$17,14,0)+IF('Standard Profiles'!$G$21=$B$24,21,0),0)),0)</f>
        <v>2.6902044212841032</v>
      </c>
      <c r="H1962" cm="1">
        <f t="array" ref="H1962">IFERROR(INDEX(Jesper!AL$2:AL$366,ROUNDDOWN($C1962/24,0)+1,1)*INDEX($D$3:$AA$30,INDEX(Jesper!$R$2:$R$366,ROW(INDEX(Jesper!AL$2:AL$366,ROUNDDOWN($C1962/24,0)+1,1))-1)+IF('Standard Profiles'!$G$22=$B$10,7,0)+IF('Standard Profiles'!$G$22=$B$17,14,0)+IF('Standard Profiles'!$G$22=$B$24,21,0),MOD($C1962,24)+1)/SUM(INDEX($D$3:$AA$30,INDEX(Jesper!$R$2:$R$366,ROW(INDEX(Jesper!AL$2:AL$366,ROUNDDOWN($C1962/24,0)+1,1))-1)+IF('Standard Profiles'!$G$22=$B$10,7,0)+IF('Standard Profiles'!$G$22=$B$17,14,0)+IF('Standard Profiles'!$G$22=$B$24,21,0),0)),0)</f>
        <v>0</v>
      </c>
      <c r="I1962">
        <f t="shared" si="230"/>
        <v>1.2912981222163689</v>
      </c>
      <c r="J1962">
        <f t="shared" si="231"/>
        <v>36.825375343579012</v>
      </c>
      <c r="K1962">
        <f t="shared" si="232"/>
        <v>2.7241455186957233</v>
      </c>
      <c r="L1962">
        <f t="shared" si="233"/>
        <v>1.3620727593478617</v>
      </c>
      <c r="M1962">
        <f t="shared" si="234"/>
        <v>0</v>
      </c>
      <c r="N1962" s="45">
        <f t="shared" si="235"/>
        <v>45007.333333328657</v>
      </c>
    </row>
    <row r="1963" spans="2:14" x14ac:dyDescent="0.25">
      <c r="B1963">
        <f t="shared" si="229"/>
        <v>3</v>
      </c>
      <c r="C1963" s="16">
        <v>1929</v>
      </c>
      <c r="D1963" cm="1">
        <f t="array" ref="D1963">IFERROR(INDEX(Jesper!AH$2:AH$366,ROUNDDOWN($C1963/24,0)+1,1)*INDEX($D$3:$AA$30,INDEX(Jesper!$R$2:$R$366,ROW(INDEX(Jesper!AH$2:AH$366,ROUNDDOWN($C1963/24,0)+1,1))-1)+IF('Standard Profiles'!$G$18=$B$10,7,0)+IF('Standard Profiles'!$G$18=$B$17,14,0)+IF('Standard Profiles'!$G$18=$B$24,21,0),MOD($C1963,24)+1)/SUM(INDEX($D$3:$AA$30,INDEX(Jesper!$R$2:$R$366,ROW(INDEX(Jesper!AH$2:AH$366,ROUNDDOWN($C1963/24,0)+1,1))-1)+IF('Standard Profiles'!$G$18=$B$10,7,0)+IF('Standard Profiles'!$G$18=$B$17,14,0)+IF('Standard Profiles'!$G$18=$B$24,21,0),0)),0)</f>
        <v>28.189123734145014</v>
      </c>
      <c r="E1963" cm="1">
        <f t="array" ref="E1963">IFERROR(INDEX(Jesper!AI$2:AI$366,ROUNDDOWN($C1963/24,0)+1,1)*INDEX($D$3:$AA$30,INDEX(Jesper!$R$2:$R$366,ROW(INDEX(Jesper!AI$2:AI$366,ROUNDDOWN($C1963/24,0)+1,1))-1)+IF('Standard Profiles'!$G$19=$B$10,7,0)+IF('Standard Profiles'!$G$19=$B$17,14,0)+IF('Standard Profiles'!$G$19=$B$24,21,0),MOD($C1963,24)+1)/SUM(INDEX($D$3:$AA$30,INDEX(Jesper!$R$2:$R$366,ROW(INDEX(Jesper!AI$2:AI$366,ROUNDDOWN($C1963/24,0)+1,1))-1)+IF('Standard Profiles'!$G$19=$B$10,7,0)+IF('Standard Profiles'!$G$19=$B$17,14,0)+IF('Standard Profiles'!$G$19=$B$24,21,0),0)),0)</f>
        <v>15.423936801127811</v>
      </c>
      <c r="F1963" cm="1">
        <f t="array" ref="F1963">IFERROR(INDEX(Jesper!AJ$2:AJ$366,ROUNDDOWN($C1963/24,0)+1,1)*INDEX($D$3:$AA$30,INDEX(Jesper!$R$2:$R$366,ROW(INDEX(Jesper!AJ$2:AJ$366,ROUNDDOWN($C1963/24,0)+1,1))-1)+IF('Standard Profiles'!$G$20=$B$10,7,0)+IF('Standard Profiles'!$G$20=$B$17,14,0)+IF('Standard Profiles'!$G$20=$B$24,21,0),MOD($C1963,24)+1)/SUM(INDEX($D$3:$AA$30,INDEX(Jesper!$R$2:$R$366,ROW(INDEX(Jesper!AJ$2:AJ$366,ROUNDDOWN($C1963/24,0)+1,1))-1)+IF('Standard Profiles'!$G$20=$B$10,7,0)+IF('Standard Profiles'!$G$20=$B$17,14,0)+IF('Standard Profiles'!$G$20=$B$24,21,0),0)),0)</f>
        <v>0</v>
      </c>
      <c r="G1963" cm="1">
        <f t="array" ref="G1963">IFERROR(INDEX(Jesper!AK$2:AK$366,ROUNDDOWN($C1963/24,0)+1,1)*INDEX($D$3:$AA$30,INDEX(Jesper!$R$2:$R$366,ROW(INDEX(Jesper!AK$2:AK$366,ROUNDDOWN($C1963/24,0)+1,1))-1)+IF('Standard Profiles'!$G$21=$B$10,7,0)+IF('Standard Profiles'!$G$21=$B$17,14,0)+IF('Standard Profiles'!$G$21=$B$24,21,0),MOD($C1963,24)+1)/SUM(INDEX($D$3:$AA$30,INDEX(Jesper!$R$2:$R$366,ROW(INDEX(Jesper!AK$2:AK$366,ROUNDDOWN($C1963/24,0)+1,1))-1)+IF('Standard Profiles'!$G$21=$B$10,7,0)+IF('Standard Profiles'!$G$21=$B$17,14,0)+IF('Standard Profiles'!$G$21=$B$24,21,0),0)),0)</f>
        <v>2.969376578209812</v>
      </c>
      <c r="H1963" cm="1">
        <f t="array" ref="H1963">IFERROR(INDEX(Jesper!AL$2:AL$366,ROUNDDOWN($C1963/24,0)+1,1)*INDEX($D$3:$AA$30,INDEX(Jesper!$R$2:$R$366,ROW(INDEX(Jesper!AL$2:AL$366,ROUNDDOWN($C1963/24,0)+1,1))-1)+IF('Standard Profiles'!$G$22=$B$10,7,0)+IF('Standard Profiles'!$G$22=$B$17,14,0)+IF('Standard Profiles'!$G$22=$B$24,21,0),MOD($C1963,24)+1)/SUM(INDEX($D$3:$AA$30,INDEX(Jesper!$R$2:$R$366,ROW(INDEX(Jesper!AL$2:AL$366,ROUNDDOWN($C1963/24,0)+1,1))-1)+IF('Standard Profiles'!$G$22=$B$10,7,0)+IF('Standard Profiles'!$G$22=$B$17,14,0)+IF('Standard Profiles'!$G$22=$B$24,21,0),0)),0)</f>
        <v>0</v>
      </c>
      <c r="I1963">
        <f t="shared" si="230"/>
        <v>1.4253007575407091</v>
      </c>
      <c r="J1963">
        <f t="shared" si="231"/>
        <v>40.646876558478723</v>
      </c>
      <c r="K1963">
        <f t="shared" si="232"/>
        <v>3.0068398649754684</v>
      </c>
      <c r="L1963">
        <f t="shared" si="233"/>
        <v>1.5034199324877342</v>
      </c>
      <c r="M1963">
        <f t="shared" si="234"/>
        <v>0</v>
      </c>
      <c r="N1963" s="45">
        <f t="shared" si="235"/>
        <v>45007.374999995322</v>
      </c>
    </row>
    <row r="1964" spans="2:14" x14ac:dyDescent="0.25">
      <c r="B1964">
        <f t="shared" si="229"/>
        <v>3</v>
      </c>
      <c r="C1964" s="16">
        <v>1930</v>
      </c>
      <c r="D1964" cm="1">
        <f t="array" ref="D1964">IFERROR(INDEX(Jesper!AH$2:AH$366,ROUNDDOWN($C1964/24,0)+1,1)*INDEX($D$3:$AA$30,INDEX(Jesper!$R$2:$R$366,ROW(INDEX(Jesper!AH$2:AH$366,ROUNDDOWN($C1964/24,0)+1,1))-1)+IF('Standard Profiles'!$G$18=$B$10,7,0)+IF('Standard Profiles'!$G$18=$B$17,14,0)+IF('Standard Profiles'!$G$18=$B$24,21,0),MOD($C1964,24)+1)/SUM(INDEX($D$3:$AA$30,INDEX(Jesper!$R$2:$R$366,ROW(INDEX(Jesper!AH$2:AH$366,ROUNDDOWN($C1964/24,0)+1,1))-1)+IF('Standard Profiles'!$G$18=$B$10,7,0)+IF('Standard Profiles'!$G$18=$B$17,14,0)+IF('Standard Profiles'!$G$18=$B$24,21,0),0)),0)</f>
        <v>28.189123734145014</v>
      </c>
      <c r="E1964" cm="1">
        <f t="array" ref="E1964">IFERROR(INDEX(Jesper!AI$2:AI$366,ROUNDDOWN($C1964/24,0)+1,1)*INDEX($D$3:$AA$30,INDEX(Jesper!$R$2:$R$366,ROW(INDEX(Jesper!AI$2:AI$366,ROUNDDOWN($C1964/24,0)+1,1))-1)+IF('Standard Profiles'!$G$19=$B$10,7,0)+IF('Standard Profiles'!$G$19=$B$17,14,0)+IF('Standard Profiles'!$G$19=$B$24,21,0),MOD($C1964,24)+1)/SUM(INDEX($D$3:$AA$30,INDEX(Jesper!$R$2:$R$366,ROW(INDEX(Jesper!AI$2:AI$366,ROUNDDOWN($C1964/24,0)+1,1))-1)+IF('Standard Profiles'!$G$19=$B$10,7,0)+IF('Standard Profiles'!$G$19=$B$17,14,0)+IF('Standard Profiles'!$G$19=$B$24,21,0),0)),0)</f>
        <v>15.423936801127811</v>
      </c>
      <c r="F1964" cm="1">
        <f t="array" ref="F1964">IFERROR(INDEX(Jesper!AJ$2:AJ$366,ROUNDDOWN($C1964/24,0)+1,1)*INDEX($D$3:$AA$30,INDEX(Jesper!$R$2:$R$366,ROW(INDEX(Jesper!AJ$2:AJ$366,ROUNDDOWN($C1964/24,0)+1,1))-1)+IF('Standard Profiles'!$G$20=$B$10,7,0)+IF('Standard Profiles'!$G$20=$B$17,14,0)+IF('Standard Profiles'!$G$20=$B$24,21,0),MOD($C1964,24)+1)/SUM(INDEX($D$3:$AA$30,INDEX(Jesper!$R$2:$R$366,ROW(INDEX(Jesper!AJ$2:AJ$366,ROUNDDOWN($C1964/24,0)+1,1))-1)+IF('Standard Profiles'!$G$20=$B$10,7,0)+IF('Standard Profiles'!$G$20=$B$17,14,0)+IF('Standard Profiles'!$G$20=$B$24,21,0),0)),0)</f>
        <v>0</v>
      </c>
      <c r="G1964" cm="1">
        <f t="array" ref="G1964">IFERROR(INDEX(Jesper!AK$2:AK$366,ROUNDDOWN($C1964/24,0)+1,1)*INDEX($D$3:$AA$30,INDEX(Jesper!$R$2:$R$366,ROW(INDEX(Jesper!AK$2:AK$366,ROUNDDOWN($C1964/24,0)+1,1))-1)+IF('Standard Profiles'!$G$21=$B$10,7,0)+IF('Standard Profiles'!$G$21=$B$17,14,0)+IF('Standard Profiles'!$G$21=$B$24,21,0),MOD($C1964,24)+1)/SUM(INDEX($D$3:$AA$30,INDEX(Jesper!$R$2:$R$366,ROW(INDEX(Jesper!AK$2:AK$366,ROUNDDOWN($C1964/24,0)+1,1))-1)+IF('Standard Profiles'!$G$21=$B$10,7,0)+IF('Standard Profiles'!$G$21=$B$17,14,0)+IF('Standard Profiles'!$G$21=$B$24,21,0),0)),0)</f>
        <v>2.969376578209812</v>
      </c>
      <c r="H1964" cm="1">
        <f t="array" ref="H1964">IFERROR(INDEX(Jesper!AL$2:AL$366,ROUNDDOWN($C1964/24,0)+1,1)*INDEX($D$3:$AA$30,INDEX(Jesper!$R$2:$R$366,ROW(INDEX(Jesper!AL$2:AL$366,ROUNDDOWN($C1964/24,0)+1,1))-1)+IF('Standard Profiles'!$G$22=$B$10,7,0)+IF('Standard Profiles'!$G$22=$B$17,14,0)+IF('Standard Profiles'!$G$22=$B$24,21,0),MOD($C1964,24)+1)/SUM(INDEX($D$3:$AA$30,INDEX(Jesper!$R$2:$R$366,ROW(INDEX(Jesper!AL$2:AL$366,ROUNDDOWN($C1964/24,0)+1,1))-1)+IF('Standard Profiles'!$G$22=$B$10,7,0)+IF('Standard Profiles'!$G$22=$B$17,14,0)+IF('Standard Profiles'!$G$22=$B$24,21,0),0)),0)</f>
        <v>0</v>
      </c>
      <c r="I1964">
        <f t="shared" si="230"/>
        <v>1.4253007575407091</v>
      </c>
      <c r="J1964">
        <f t="shared" si="231"/>
        <v>40.646876558478723</v>
      </c>
      <c r="K1964">
        <f t="shared" si="232"/>
        <v>3.0068398649754684</v>
      </c>
      <c r="L1964">
        <f t="shared" si="233"/>
        <v>1.5034199324877342</v>
      </c>
      <c r="M1964">
        <f t="shared" si="234"/>
        <v>0</v>
      </c>
      <c r="N1964" s="45">
        <f t="shared" si="235"/>
        <v>45007.416666661986</v>
      </c>
    </row>
    <row r="1965" spans="2:14" x14ac:dyDescent="0.25">
      <c r="B1965">
        <f t="shared" si="229"/>
        <v>3</v>
      </c>
      <c r="C1965" s="16">
        <v>1931</v>
      </c>
      <c r="D1965" cm="1">
        <f t="array" ref="D1965">IFERROR(INDEX(Jesper!AH$2:AH$366,ROUNDDOWN($C1965/24,0)+1,1)*INDEX($D$3:$AA$30,INDEX(Jesper!$R$2:$R$366,ROW(INDEX(Jesper!AH$2:AH$366,ROUNDDOWN($C1965/24,0)+1,1))-1)+IF('Standard Profiles'!$G$18=$B$10,7,0)+IF('Standard Profiles'!$G$18=$B$17,14,0)+IF('Standard Profiles'!$G$18=$B$24,21,0),MOD($C1965,24)+1)/SUM(INDEX($D$3:$AA$30,INDEX(Jesper!$R$2:$R$366,ROW(INDEX(Jesper!AH$2:AH$366,ROUNDDOWN($C1965/24,0)+1,1))-1)+IF('Standard Profiles'!$G$18=$B$10,7,0)+IF('Standard Profiles'!$G$18=$B$17,14,0)+IF('Standard Profiles'!$G$18=$B$24,21,0),0)),0)</f>
        <v>33.730575408378648</v>
      </c>
      <c r="E1965" cm="1">
        <f t="array" ref="E1965">IFERROR(INDEX(Jesper!AI$2:AI$366,ROUNDDOWN($C1965/24,0)+1,1)*INDEX($D$3:$AA$30,INDEX(Jesper!$R$2:$R$366,ROW(INDEX(Jesper!AI$2:AI$366,ROUNDDOWN($C1965/24,0)+1,1))-1)+IF('Standard Profiles'!$G$19=$B$10,7,0)+IF('Standard Profiles'!$G$19=$B$17,14,0)+IF('Standard Profiles'!$G$19=$B$24,21,0),MOD($C1965,24)+1)/SUM(INDEX($D$3:$AA$30,INDEX(Jesper!$R$2:$R$366,ROW(INDEX(Jesper!AI$2:AI$366,ROUNDDOWN($C1965/24,0)+1,1))-1)+IF('Standard Profiles'!$G$19=$B$10,7,0)+IF('Standard Profiles'!$G$19=$B$17,14,0)+IF('Standard Profiles'!$G$19=$B$24,21,0),0)),0)</f>
        <v>18.455992753486267</v>
      </c>
      <c r="F1965" cm="1">
        <f t="array" ref="F1965">IFERROR(INDEX(Jesper!AJ$2:AJ$366,ROUNDDOWN($C1965/24,0)+1,1)*INDEX($D$3:$AA$30,INDEX(Jesper!$R$2:$R$366,ROW(INDEX(Jesper!AJ$2:AJ$366,ROUNDDOWN($C1965/24,0)+1,1))-1)+IF('Standard Profiles'!$G$20=$B$10,7,0)+IF('Standard Profiles'!$G$20=$B$17,14,0)+IF('Standard Profiles'!$G$20=$B$24,21,0),MOD($C1965,24)+1)/SUM(INDEX($D$3:$AA$30,INDEX(Jesper!$R$2:$R$366,ROW(INDEX(Jesper!AJ$2:AJ$366,ROUNDDOWN($C1965/24,0)+1,1))-1)+IF('Standard Profiles'!$G$20=$B$10,7,0)+IF('Standard Profiles'!$G$20=$B$17,14,0)+IF('Standard Profiles'!$G$20=$B$24,21,0),0)),0)</f>
        <v>0</v>
      </c>
      <c r="G1965" cm="1">
        <f t="array" ref="G1965">IFERROR(INDEX(Jesper!AK$2:AK$366,ROUNDDOWN($C1965/24,0)+1,1)*INDEX($D$3:$AA$30,INDEX(Jesper!$R$2:$R$366,ROW(INDEX(Jesper!AK$2:AK$366,ROUNDDOWN($C1965/24,0)+1,1))-1)+IF('Standard Profiles'!$G$21=$B$10,7,0)+IF('Standard Profiles'!$G$21=$B$17,14,0)+IF('Standard Profiles'!$G$21=$B$24,21,0),MOD($C1965,24)+1)/SUM(INDEX($D$3:$AA$30,INDEX(Jesper!$R$2:$R$366,ROW(INDEX(Jesper!AK$2:AK$366,ROUNDDOWN($C1965/24,0)+1,1))-1)+IF('Standard Profiles'!$G$21=$B$10,7,0)+IF('Standard Profiles'!$G$21=$B$17,14,0)+IF('Standard Profiles'!$G$21=$B$24,21,0),0)),0)</f>
        <v>3.5531001790544758</v>
      </c>
      <c r="H1965" cm="1">
        <f t="array" ref="H1965">IFERROR(INDEX(Jesper!AL$2:AL$366,ROUNDDOWN($C1965/24,0)+1,1)*INDEX($D$3:$AA$30,INDEX(Jesper!$R$2:$R$366,ROW(INDEX(Jesper!AL$2:AL$366,ROUNDDOWN($C1965/24,0)+1,1))-1)+IF('Standard Profiles'!$G$22=$B$10,7,0)+IF('Standard Profiles'!$G$22=$B$17,14,0)+IF('Standard Profiles'!$G$22=$B$24,21,0),MOD($C1965,24)+1)/SUM(INDEX($D$3:$AA$30,INDEX(Jesper!$R$2:$R$366,ROW(INDEX(Jesper!AL$2:AL$366,ROUNDDOWN($C1965/24,0)+1,1))-1)+IF('Standard Profiles'!$G$22=$B$10,7,0)+IF('Standard Profiles'!$G$22=$B$17,14,0)+IF('Standard Profiles'!$G$22=$B$24,21,0),0)),0)</f>
        <v>0</v>
      </c>
      <c r="I1965">
        <f t="shared" si="230"/>
        <v>1.7054880859461476</v>
      </c>
      <c r="J1965">
        <f t="shared" si="231"/>
        <v>48.637288189632663</v>
      </c>
      <c r="K1965">
        <f t="shared" si="232"/>
        <v>3.5979280435603895</v>
      </c>
      <c r="L1965">
        <f t="shared" si="233"/>
        <v>1.7989640217801948</v>
      </c>
      <c r="M1965">
        <f t="shared" si="234"/>
        <v>0</v>
      </c>
      <c r="N1965" s="45">
        <f t="shared" si="235"/>
        <v>45007.45833332865</v>
      </c>
    </row>
    <row r="1966" spans="2:14" x14ac:dyDescent="0.25">
      <c r="B1966">
        <f t="shared" si="229"/>
        <v>3</v>
      </c>
      <c r="C1966" s="16">
        <v>1932</v>
      </c>
      <c r="D1966" cm="1">
        <f t="array" ref="D1966">IFERROR(INDEX(Jesper!AH$2:AH$366,ROUNDDOWN($C1966/24,0)+1,1)*INDEX($D$3:$AA$30,INDEX(Jesper!$R$2:$R$366,ROW(INDEX(Jesper!AH$2:AH$366,ROUNDDOWN($C1966/24,0)+1,1))-1)+IF('Standard Profiles'!$G$18=$B$10,7,0)+IF('Standard Profiles'!$G$18=$B$17,14,0)+IF('Standard Profiles'!$G$18=$B$24,21,0),MOD($C1966,24)+1)/SUM(INDEX($D$3:$AA$30,INDEX(Jesper!$R$2:$R$366,ROW(INDEX(Jesper!AH$2:AH$366,ROUNDDOWN($C1966/24,0)+1,1))-1)+IF('Standard Profiles'!$G$18=$B$10,7,0)+IF('Standard Profiles'!$G$18=$B$17,14,0)+IF('Standard Profiles'!$G$18=$B$24,21,0),0)),0)</f>
        <v>33.730575408378648</v>
      </c>
      <c r="E1966" cm="1">
        <f t="array" ref="E1966">IFERROR(INDEX(Jesper!AI$2:AI$366,ROUNDDOWN($C1966/24,0)+1,1)*INDEX($D$3:$AA$30,INDEX(Jesper!$R$2:$R$366,ROW(INDEX(Jesper!AI$2:AI$366,ROUNDDOWN($C1966/24,0)+1,1))-1)+IF('Standard Profiles'!$G$19=$B$10,7,0)+IF('Standard Profiles'!$G$19=$B$17,14,0)+IF('Standard Profiles'!$G$19=$B$24,21,0),MOD($C1966,24)+1)/SUM(INDEX($D$3:$AA$30,INDEX(Jesper!$R$2:$R$366,ROW(INDEX(Jesper!AI$2:AI$366,ROUNDDOWN($C1966/24,0)+1,1))-1)+IF('Standard Profiles'!$G$19=$B$10,7,0)+IF('Standard Profiles'!$G$19=$B$17,14,0)+IF('Standard Profiles'!$G$19=$B$24,21,0),0)),0)</f>
        <v>18.455992753486267</v>
      </c>
      <c r="F1966" cm="1">
        <f t="array" ref="F1966">IFERROR(INDEX(Jesper!AJ$2:AJ$366,ROUNDDOWN($C1966/24,0)+1,1)*INDEX($D$3:$AA$30,INDEX(Jesper!$R$2:$R$366,ROW(INDEX(Jesper!AJ$2:AJ$366,ROUNDDOWN($C1966/24,0)+1,1))-1)+IF('Standard Profiles'!$G$20=$B$10,7,0)+IF('Standard Profiles'!$G$20=$B$17,14,0)+IF('Standard Profiles'!$G$20=$B$24,21,0),MOD($C1966,24)+1)/SUM(INDEX($D$3:$AA$30,INDEX(Jesper!$R$2:$R$366,ROW(INDEX(Jesper!AJ$2:AJ$366,ROUNDDOWN($C1966/24,0)+1,1))-1)+IF('Standard Profiles'!$G$20=$B$10,7,0)+IF('Standard Profiles'!$G$20=$B$17,14,0)+IF('Standard Profiles'!$G$20=$B$24,21,0),0)),0)</f>
        <v>0</v>
      </c>
      <c r="G1966" cm="1">
        <f t="array" ref="G1966">IFERROR(INDEX(Jesper!AK$2:AK$366,ROUNDDOWN($C1966/24,0)+1,1)*INDEX($D$3:$AA$30,INDEX(Jesper!$R$2:$R$366,ROW(INDEX(Jesper!AK$2:AK$366,ROUNDDOWN($C1966/24,0)+1,1))-1)+IF('Standard Profiles'!$G$21=$B$10,7,0)+IF('Standard Profiles'!$G$21=$B$17,14,0)+IF('Standard Profiles'!$G$21=$B$24,21,0),MOD($C1966,24)+1)/SUM(INDEX($D$3:$AA$30,INDEX(Jesper!$R$2:$R$366,ROW(INDEX(Jesper!AK$2:AK$366,ROUNDDOWN($C1966/24,0)+1,1))-1)+IF('Standard Profiles'!$G$21=$B$10,7,0)+IF('Standard Profiles'!$G$21=$B$17,14,0)+IF('Standard Profiles'!$G$21=$B$24,21,0),0)),0)</f>
        <v>3.5531001790544758</v>
      </c>
      <c r="H1966" cm="1">
        <f t="array" ref="H1966">IFERROR(INDEX(Jesper!AL$2:AL$366,ROUNDDOWN($C1966/24,0)+1,1)*INDEX($D$3:$AA$30,INDEX(Jesper!$R$2:$R$366,ROW(INDEX(Jesper!AL$2:AL$366,ROUNDDOWN($C1966/24,0)+1,1))-1)+IF('Standard Profiles'!$G$22=$B$10,7,0)+IF('Standard Profiles'!$G$22=$B$17,14,0)+IF('Standard Profiles'!$G$22=$B$24,21,0),MOD($C1966,24)+1)/SUM(INDEX($D$3:$AA$30,INDEX(Jesper!$R$2:$R$366,ROW(INDEX(Jesper!AL$2:AL$366,ROUNDDOWN($C1966/24,0)+1,1))-1)+IF('Standard Profiles'!$G$22=$B$10,7,0)+IF('Standard Profiles'!$G$22=$B$17,14,0)+IF('Standard Profiles'!$G$22=$B$24,21,0),0)),0)</f>
        <v>0</v>
      </c>
      <c r="I1966">
        <f t="shared" si="230"/>
        <v>1.7054880859461476</v>
      </c>
      <c r="J1966">
        <f t="shared" si="231"/>
        <v>48.637288189632663</v>
      </c>
      <c r="K1966">
        <f t="shared" si="232"/>
        <v>3.5979280435603895</v>
      </c>
      <c r="L1966">
        <f t="shared" si="233"/>
        <v>1.7989640217801948</v>
      </c>
      <c r="M1966">
        <f t="shared" si="234"/>
        <v>0</v>
      </c>
      <c r="N1966" s="45">
        <f t="shared" si="235"/>
        <v>45007.499999995314</v>
      </c>
    </row>
    <row r="1967" spans="2:14" x14ac:dyDescent="0.25">
      <c r="B1967">
        <f t="shared" si="229"/>
        <v>3</v>
      </c>
      <c r="C1967" s="16">
        <v>1933</v>
      </c>
      <c r="D1967" cm="1">
        <f t="array" ref="D1967">IFERROR(INDEX(Jesper!AH$2:AH$366,ROUNDDOWN($C1967/24,0)+1,1)*INDEX($D$3:$AA$30,INDEX(Jesper!$R$2:$R$366,ROW(INDEX(Jesper!AH$2:AH$366,ROUNDDOWN($C1967/24,0)+1,1))-1)+IF('Standard Profiles'!$G$18=$B$10,7,0)+IF('Standard Profiles'!$G$18=$B$17,14,0)+IF('Standard Profiles'!$G$18=$B$24,21,0),MOD($C1967,24)+1)/SUM(INDEX($D$3:$AA$30,INDEX(Jesper!$R$2:$R$366,ROW(INDEX(Jesper!AH$2:AH$366,ROUNDDOWN($C1967/24,0)+1,1))-1)+IF('Standard Profiles'!$G$18=$B$10,7,0)+IF('Standard Profiles'!$G$18=$B$17,14,0)+IF('Standard Profiles'!$G$18=$B$24,21,0),0)),0)</f>
        <v>22.406739378422959</v>
      </c>
      <c r="E1967" cm="1">
        <f t="array" ref="E1967">IFERROR(INDEX(Jesper!AI$2:AI$366,ROUNDDOWN($C1967/24,0)+1,1)*INDEX($D$3:$AA$30,INDEX(Jesper!$R$2:$R$366,ROW(INDEX(Jesper!AI$2:AI$366,ROUNDDOWN($C1967/24,0)+1,1))-1)+IF('Standard Profiles'!$G$19=$B$10,7,0)+IF('Standard Profiles'!$G$19=$B$17,14,0)+IF('Standard Profiles'!$G$19=$B$24,21,0),MOD($C1967,24)+1)/SUM(INDEX($D$3:$AA$30,INDEX(Jesper!$R$2:$R$366,ROW(INDEX(Jesper!AI$2:AI$366,ROUNDDOWN($C1967/24,0)+1,1))-1)+IF('Standard Profiles'!$G$19=$B$10,7,0)+IF('Standard Profiles'!$G$19=$B$17,14,0)+IF('Standard Profiles'!$G$19=$B$24,21,0),0)),0)</f>
        <v>12.260052329101592</v>
      </c>
      <c r="F1967" cm="1">
        <f t="array" ref="F1967">IFERROR(INDEX(Jesper!AJ$2:AJ$366,ROUNDDOWN($C1967/24,0)+1,1)*INDEX($D$3:$AA$30,INDEX(Jesper!$R$2:$R$366,ROW(INDEX(Jesper!AJ$2:AJ$366,ROUNDDOWN($C1967/24,0)+1,1))-1)+IF('Standard Profiles'!$G$20=$B$10,7,0)+IF('Standard Profiles'!$G$20=$B$17,14,0)+IF('Standard Profiles'!$G$20=$B$24,21,0),MOD($C1967,24)+1)/SUM(INDEX($D$3:$AA$30,INDEX(Jesper!$R$2:$R$366,ROW(INDEX(Jesper!AJ$2:AJ$366,ROUNDDOWN($C1967/24,0)+1,1))-1)+IF('Standard Profiles'!$G$20=$B$10,7,0)+IF('Standard Profiles'!$G$20=$B$17,14,0)+IF('Standard Profiles'!$G$20=$B$24,21,0),0)),0)</f>
        <v>0</v>
      </c>
      <c r="G1967" cm="1">
        <f t="array" ref="G1967">IFERROR(INDEX(Jesper!AK$2:AK$366,ROUNDDOWN($C1967/24,0)+1,1)*INDEX($D$3:$AA$30,INDEX(Jesper!$R$2:$R$366,ROW(INDEX(Jesper!AK$2:AK$366,ROUNDDOWN($C1967/24,0)+1,1))-1)+IF('Standard Profiles'!$G$21=$B$10,7,0)+IF('Standard Profiles'!$G$21=$B$17,14,0)+IF('Standard Profiles'!$G$21=$B$24,21,0),MOD($C1967,24)+1)/SUM(INDEX($D$3:$AA$30,INDEX(Jesper!$R$2:$R$366,ROW(INDEX(Jesper!AK$2:AK$366,ROUNDDOWN($C1967/24,0)+1,1))-1)+IF('Standard Profiles'!$G$21=$B$10,7,0)+IF('Standard Profiles'!$G$21=$B$17,14,0)+IF('Standard Profiles'!$G$21=$B$24,21,0),0)),0)</f>
        <v>2.3602736903719017</v>
      </c>
      <c r="H1967" cm="1">
        <f t="array" ref="H1967">IFERROR(INDEX(Jesper!AL$2:AL$366,ROUNDDOWN($C1967/24,0)+1,1)*INDEX($D$3:$AA$30,INDEX(Jesper!$R$2:$R$366,ROW(INDEX(Jesper!AL$2:AL$366,ROUNDDOWN($C1967/24,0)+1,1))-1)+IF('Standard Profiles'!$G$22=$B$10,7,0)+IF('Standard Profiles'!$G$22=$B$17,14,0)+IF('Standard Profiles'!$G$22=$B$24,21,0),MOD($C1967,24)+1)/SUM(INDEX($D$3:$AA$30,INDEX(Jesper!$R$2:$R$366,ROW(INDEX(Jesper!AL$2:AL$366,ROUNDDOWN($C1967/24,0)+1,1))-1)+IF('Standard Profiles'!$G$22=$B$10,7,0)+IF('Standard Profiles'!$G$22=$B$17,14,0)+IF('Standard Profiles'!$G$22=$B$24,21,0),0)),0)</f>
        <v>0</v>
      </c>
      <c r="I1967">
        <f t="shared" si="230"/>
        <v>1.1329313713785123</v>
      </c>
      <c r="J1967">
        <f t="shared" si="231"/>
        <v>32.309055725970261</v>
      </c>
      <c r="K1967">
        <f t="shared" si="232"/>
        <v>2.3900522003651159</v>
      </c>
      <c r="L1967">
        <f t="shared" si="233"/>
        <v>1.1950261001825579</v>
      </c>
      <c r="M1967">
        <f t="shared" si="234"/>
        <v>0</v>
      </c>
      <c r="N1967" s="45">
        <f t="shared" si="235"/>
        <v>45007.541666661979</v>
      </c>
    </row>
    <row r="1968" spans="2:14" x14ac:dyDescent="0.25">
      <c r="B1968">
        <f t="shared" si="229"/>
        <v>3</v>
      </c>
      <c r="C1968" s="16">
        <v>1934</v>
      </c>
      <c r="D1968" cm="1">
        <f t="array" ref="D1968">IFERROR(INDEX(Jesper!AH$2:AH$366,ROUNDDOWN($C1968/24,0)+1,1)*INDEX($D$3:$AA$30,INDEX(Jesper!$R$2:$R$366,ROW(INDEX(Jesper!AH$2:AH$366,ROUNDDOWN($C1968/24,0)+1,1))-1)+IF('Standard Profiles'!$G$18=$B$10,7,0)+IF('Standard Profiles'!$G$18=$B$17,14,0)+IF('Standard Profiles'!$G$18=$B$24,21,0),MOD($C1968,24)+1)/SUM(INDEX($D$3:$AA$30,INDEX(Jesper!$R$2:$R$366,ROW(INDEX(Jesper!AH$2:AH$366,ROUNDDOWN($C1968/24,0)+1,1))-1)+IF('Standard Profiles'!$G$18=$B$10,7,0)+IF('Standard Profiles'!$G$18=$B$17,14,0)+IF('Standard Profiles'!$G$18=$B$24,21,0),0)),0)</f>
        <v>33.730575408378648</v>
      </c>
      <c r="E1968" cm="1">
        <f t="array" ref="E1968">IFERROR(INDEX(Jesper!AI$2:AI$366,ROUNDDOWN($C1968/24,0)+1,1)*INDEX($D$3:$AA$30,INDEX(Jesper!$R$2:$R$366,ROW(INDEX(Jesper!AI$2:AI$366,ROUNDDOWN($C1968/24,0)+1,1))-1)+IF('Standard Profiles'!$G$19=$B$10,7,0)+IF('Standard Profiles'!$G$19=$B$17,14,0)+IF('Standard Profiles'!$G$19=$B$24,21,0),MOD($C1968,24)+1)/SUM(INDEX($D$3:$AA$30,INDEX(Jesper!$R$2:$R$366,ROW(INDEX(Jesper!AI$2:AI$366,ROUNDDOWN($C1968/24,0)+1,1))-1)+IF('Standard Profiles'!$G$19=$B$10,7,0)+IF('Standard Profiles'!$G$19=$B$17,14,0)+IF('Standard Profiles'!$G$19=$B$24,21,0),0)),0)</f>
        <v>18.455992753486267</v>
      </c>
      <c r="F1968" cm="1">
        <f t="array" ref="F1968">IFERROR(INDEX(Jesper!AJ$2:AJ$366,ROUNDDOWN($C1968/24,0)+1,1)*INDEX($D$3:$AA$30,INDEX(Jesper!$R$2:$R$366,ROW(INDEX(Jesper!AJ$2:AJ$366,ROUNDDOWN($C1968/24,0)+1,1))-1)+IF('Standard Profiles'!$G$20=$B$10,7,0)+IF('Standard Profiles'!$G$20=$B$17,14,0)+IF('Standard Profiles'!$G$20=$B$24,21,0),MOD($C1968,24)+1)/SUM(INDEX($D$3:$AA$30,INDEX(Jesper!$R$2:$R$366,ROW(INDEX(Jesper!AJ$2:AJ$366,ROUNDDOWN($C1968/24,0)+1,1))-1)+IF('Standard Profiles'!$G$20=$B$10,7,0)+IF('Standard Profiles'!$G$20=$B$17,14,0)+IF('Standard Profiles'!$G$20=$B$24,21,0),0)),0)</f>
        <v>0</v>
      </c>
      <c r="G1968" cm="1">
        <f t="array" ref="G1968">IFERROR(INDEX(Jesper!AK$2:AK$366,ROUNDDOWN($C1968/24,0)+1,1)*INDEX($D$3:$AA$30,INDEX(Jesper!$R$2:$R$366,ROW(INDEX(Jesper!AK$2:AK$366,ROUNDDOWN($C1968/24,0)+1,1))-1)+IF('Standard Profiles'!$G$21=$B$10,7,0)+IF('Standard Profiles'!$G$21=$B$17,14,0)+IF('Standard Profiles'!$G$21=$B$24,21,0),MOD($C1968,24)+1)/SUM(INDEX($D$3:$AA$30,INDEX(Jesper!$R$2:$R$366,ROW(INDEX(Jesper!AK$2:AK$366,ROUNDDOWN($C1968/24,0)+1,1))-1)+IF('Standard Profiles'!$G$21=$B$10,7,0)+IF('Standard Profiles'!$G$21=$B$17,14,0)+IF('Standard Profiles'!$G$21=$B$24,21,0),0)),0)</f>
        <v>3.5531001790544758</v>
      </c>
      <c r="H1968" cm="1">
        <f t="array" ref="H1968">IFERROR(INDEX(Jesper!AL$2:AL$366,ROUNDDOWN($C1968/24,0)+1,1)*INDEX($D$3:$AA$30,INDEX(Jesper!$R$2:$R$366,ROW(INDEX(Jesper!AL$2:AL$366,ROUNDDOWN($C1968/24,0)+1,1))-1)+IF('Standard Profiles'!$G$22=$B$10,7,0)+IF('Standard Profiles'!$G$22=$B$17,14,0)+IF('Standard Profiles'!$G$22=$B$24,21,0),MOD($C1968,24)+1)/SUM(INDEX($D$3:$AA$30,INDEX(Jesper!$R$2:$R$366,ROW(INDEX(Jesper!AL$2:AL$366,ROUNDDOWN($C1968/24,0)+1,1))-1)+IF('Standard Profiles'!$G$22=$B$10,7,0)+IF('Standard Profiles'!$G$22=$B$17,14,0)+IF('Standard Profiles'!$G$22=$B$24,21,0),0)),0)</f>
        <v>0</v>
      </c>
      <c r="I1968">
        <f t="shared" si="230"/>
        <v>1.7054880859461476</v>
      </c>
      <c r="J1968">
        <f t="shared" si="231"/>
        <v>48.637288189632663</v>
      </c>
      <c r="K1968">
        <f t="shared" si="232"/>
        <v>3.5979280435603895</v>
      </c>
      <c r="L1968">
        <f t="shared" si="233"/>
        <v>1.7989640217801948</v>
      </c>
      <c r="M1968">
        <f t="shared" si="234"/>
        <v>0</v>
      </c>
      <c r="N1968" s="45">
        <f t="shared" si="235"/>
        <v>45007.583333328643</v>
      </c>
    </row>
    <row r="1969" spans="2:14" x14ac:dyDescent="0.25">
      <c r="B1969">
        <f t="shared" si="229"/>
        <v>3</v>
      </c>
      <c r="C1969" s="16">
        <v>1935</v>
      </c>
      <c r="D1969" cm="1">
        <f t="array" ref="D1969">IFERROR(INDEX(Jesper!AH$2:AH$366,ROUNDDOWN($C1969/24,0)+1,1)*INDEX($D$3:$AA$30,INDEX(Jesper!$R$2:$R$366,ROW(INDEX(Jesper!AH$2:AH$366,ROUNDDOWN($C1969/24,0)+1,1))-1)+IF('Standard Profiles'!$G$18=$B$10,7,0)+IF('Standard Profiles'!$G$18=$B$17,14,0)+IF('Standard Profiles'!$G$18=$B$24,21,0),MOD($C1969,24)+1)/SUM(INDEX($D$3:$AA$30,INDEX(Jesper!$R$2:$R$366,ROW(INDEX(Jesper!AH$2:AH$366,ROUNDDOWN($C1969/24,0)+1,1))-1)+IF('Standard Profiles'!$G$18=$B$10,7,0)+IF('Standard Profiles'!$G$18=$B$17,14,0)+IF('Standard Profiles'!$G$18=$B$24,21,0),0)),0)</f>
        <v>33.730575408378648</v>
      </c>
      <c r="E1969" cm="1">
        <f t="array" ref="E1969">IFERROR(INDEX(Jesper!AI$2:AI$366,ROUNDDOWN($C1969/24,0)+1,1)*INDEX($D$3:$AA$30,INDEX(Jesper!$R$2:$R$366,ROW(INDEX(Jesper!AI$2:AI$366,ROUNDDOWN($C1969/24,0)+1,1))-1)+IF('Standard Profiles'!$G$19=$B$10,7,0)+IF('Standard Profiles'!$G$19=$B$17,14,0)+IF('Standard Profiles'!$G$19=$B$24,21,0),MOD($C1969,24)+1)/SUM(INDEX($D$3:$AA$30,INDEX(Jesper!$R$2:$R$366,ROW(INDEX(Jesper!AI$2:AI$366,ROUNDDOWN($C1969/24,0)+1,1))-1)+IF('Standard Profiles'!$G$19=$B$10,7,0)+IF('Standard Profiles'!$G$19=$B$17,14,0)+IF('Standard Profiles'!$G$19=$B$24,21,0),0)),0)</f>
        <v>18.455992753486267</v>
      </c>
      <c r="F1969" cm="1">
        <f t="array" ref="F1969">IFERROR(INDEX(Jesper!AJ$2:AJ$366,ROUNDDOWN($C1969/24,0)+1,1)*INDEX($D$3:$AA$30,INDEX(Jesper!$R$2:$R$366,ROW(INDEX(Jesper!AJ$2:AJ$366,ROUNDDOWN($C1969/24,0)+1,1))-1)+IF('Standard Profiles'!$G$20=$B$10,7,0)+IF('Standard Profiles'!$G$20=$B$17,14,0)+IF('Standard Profiles'!$G$20=$B$24,21,0),MOD($C1969,24)+1)/SUM(INDEX($D$3:$AA$30,INDEX(Jesper!$R$2:$R$366,ROW(INDEX(Jesper!AJ$2:AJ$366,ROUNDDOWN($C1969/24,0)+1,1))-1)+IF('Standard Profiles'!$G$20=$B$10,7,0)+IF('Standard Profiles'!$G$20=$B$17,14,0)+IF('Standard Profiles'!$G$20=$B$24,21,0),0)),0)</f>
        <v>0</v>
      </c>
      <c r="G1969" cm="1">
        <f t="array" ref="G1969">IFERROR(INDEX(Jesper!AK$2:AK$366,ROUNDDOWN($C1969/24,0)+1,1)*INDEX($D$3:$AA$30,INDEX(Jesper!$R$2:$R$366,ROW(INDEX(Jesper!AK$2:AK$366,ROUNDDOWN($C1969/24,0)+1,1))-1)+IF('Standard Profiles'!$G$21=$B$10,7,0)+IF('Standard Profiles'!$G$21=$B$17,14,0)+IF('Standard Profiles'!$G$21=$B$24,21,0),MOD($C1969,24)+1)/SUM(INDEX($D$3:$AA$30,INDEX(Jesper!$R$2:$R$366,ROW(INDEX(Jesper!AK$2:AK$366,ROUNDDOWN($C1969/24,0)+1,1))-1)+IF('Standard Profiles'!$G$21=$B$10,7,0)+IF('Standard Profiles'!$G$21=$B$17,14,0)+IF('Standard Profiles'!$G$21=$B$24,21,0),0)),0)</f>
        <v>3.5531001790544758</v>
      </c>
      <c r="H1969" cm="1">
        <f t="array" ref="H1969">IFERROR(INDEX(Jesper!AL$2:AL$366,ROUNDDOWN($C1969/24,0)+1,1)*INDEX($D$3:$AA$30,INDEX(Jesper!$R$2:$R$366,ROW(INDEX(Jesper!AL$2:AL$366,ROUNDDOWN($C1969/24,0)+1,1))-1)+IF('Standard Profiles'!$G$22=$B$10,7,0)+IF('Standard Profiles'!$G$22=$B$17,14,0)+IF('Standard Profiles'!$G$22=$B$24,21,0),MOD($C1969,24)+1)/SUM(INDEX($D$3:$AA$30,INDEX(Jesper!$R$2:$R$366,ROW(INDEX(Jesper!AL$2:AL$366,ROUNDDOWN($C1969/24,0)+1,1))-1)+IF('Standard Profiles'!$G$22=$B$10,7,0)+IF('Standard Profiles'!$G$22=$B$17,14,0)+IF('Standard Profiles'!$G$22=$B$24,21,0),0)),0)</f>
        <v>0</v>
      </c>
      <c r="I1969">
        <f t="shared" si="230"/>
        <v>1.7054880859461476</v>
      </c>
      <c r="J1969">
        <f t="shared" si="231"/>
        <v>48.637288189632663</v>
      </c>
      <c r="K1969">
        <f t="shared" si="232"/>
        <v>3.5979280435603895</v>
      </c>
      <c r="L1969">
        <f t="shared" si="233"/>
        <v>1.7989640217801948</v>
      </c>
      <c r="M1969">
        <f t="shared" si="234"/>
        <v>0</v>
      </c>
      <c r="N1969" s="45">
        <f t="shared" si="235"/>
        <v>45007.624999995307</v>
      </c>
    </row>
    <row r="1970" spans="2:14" x14ac:dyDescent="0.25">
      <c r="B1970">
        <f t="shared" si="229"/>
        <v>3</v>
      </c>
      <c r="C1970" s="16">
        <v>1936</v>
      </c>
      <c r="D1970" cm="1">
        <f t="array" ref="D1970">IFERROR(INDEX(Jesper!AH$2:AH$366,ROUNDDOWN($C1970/24,0)+1,1)*INDEX($D$3:$AA$30,INDEX(Jesper!$R$2:$R$366,ROW(INDEX(Jesper!AH$2:AH$366,ROUNDDOWN($C1970/24,0)+1,1))-1)+IF('Standard Profiles'!$G$18=$B$10,7,0)+IF('Standard Profiles'!$G$18=$B$17,14,0)+IF('Standard Profiles'!$G$18=$B$24,21,0),MOD($C1970,24)+1)/SUM(INDEX($D$3:$AA$30,INDEX(Jesper!$R$2:$R$366,ROW(INDEX(Jesper!AH$2:AH$366,ROUNDDOWN($C1970/24,0)+1,1))-1)+IF('Standard Profiles'!$G$18=$B$10,7,0)+IF('Standard Profiles'!$G$18=$B$17,14,0)+IF('Standard Profiles'!$G$18=$B$24,21,0),0)),0)</f>
        <v>19.876946222794562</v>
      </c>
      <c r="E1970" cm="1">
        <f t="array" ref="E1970">IFERROR(INDEX(Jesper!AI$2:AI$366,ROUNDDOWN($C1970/24,0)+1,1)*INDEX($D$3:$AA$30,INDEX(Jesper!$R$2:$R$366,ROW(INDEX(Jesper!AI$2:AI$366,ROUNDDOWN($C1970/24,0)+1,1))-1)+IF('Standard Profiles'!$G$19=$B$10,7,0)+IF('Standard Profiles'!$G$19=$B$17,14,0)+IF('Standard Profiles'!$G$19=$B$24,21,0),MOD($C1970,24)+1)/SUM(INDEX($D$3:$AA$30,INDEX(Jesper!$R$2:$R$366,ROW(INDEX(Jesper!AI$2:AI$366,ROUNDDOWN($C1970/24,0)+1,1))-1)+IF('Standard Profiles'!$G$19=$B$10,7,0)+IF('Standard Profiles'!$G$19=$B$17,14,0)+IF('Standard Profiles'!$G$19=$B$24,21,0),0)),0)</f>
        <v>10.875852872590121</v>
      </c>
      <c r="F1970" cm="1">
        <f t="array" ref="F1970">IFERROR(INDEX(Jesper!AJ$2:AJ$366,ROUNDDOWN($C1970/24,0)+1,1)*INDEX($D$3:$AA$30,INDEX(Jesper!$R$2:$R$366,ROW(INDEX(Jesper!AJ$2:AJ$366,ROUNDDOWN($C1970/24,0)+1,1))-1)+IF('Standard Profiles'!$G$20=$B$10,7,0)+IF('Standard Profiles'!$G$20=$B$17,14,0)+IF('Standard Profiles'!$G$20=$B$24,21,0),MOD($C1970,24)+1)/SUM(INDEX($D$3:$AA$30,INDEX(Jesper!$R$2:$R$366,ROW(INDEX(Jesper!AJ$2:AJ$366,ROUNDDOWN($C1970/24,0)+1,1))-1)+IF('Standard Profiles'!$G$20=$B$10,7,0)+IF('Standard Profiles'!$G$20=$B$17,14,0)+IF('Standard Profiles'!$G$20=$B$24,21,0),0)),0)</f>
        <v>0</v>
      </c>
      <c r="G1970" cm="1">
        <f t="array" ref="G1970">IFERROR(INDEX(Jesper!AK$2:AK$366,ROUNDDOWN($C1970/24,0)+1,1)*INDEX($D$3:$AA$30,INDEX(Jesper!$R$2:$R$366,ROW(INDEX(Jesper!AK$2:AK$366,ROUNDDOWN($C1970/24,0)+1,1))-1)+IF('Standard Profiles'!$G$21=$B$10,7,0)+IF('Standard Profiles'!$G$21=$B$17,14,0)+IF('Standard Profiles'!$G$21=$B$24,21,0),MOD($C1970,24)+1)/SUM(INDEX($D$3:$AA$30,INDEX(Jesper!$R$2:$R$366,ROW(INDEX(Jesper!AK$2:AK$366,ROUNDDOWN($C1970/24,0)+1,1))-1)+IF('Standard Profiles'!$G$21=$B$10,7,0)+IF('Standard Profiles'!$G$21=$B$17,14,0)+IF('Standard Profiles'!$G$21=$B$24,21,0),0)),0)</f>
        <v>2.9689390042961357</v>
      </c>
      <c r="H1970" cm="1">
        <f t="array" ref="H1970">IFERROR(INDEX(Jesper!AL$2:AL$366,ROUNDDOWN($C1970/24,0)+1,1)*INDEX($D$3:$AA$30,INDEX(Jesper!$R$2:$R$366,ROW(INDEX(Jesper!AL$2:AL$366,ROUNDDOWN($C1970/24,0)+1,1))-1)+IF('Standard Profiles'!$G$22=$B$10,7,0)+IF('Standard Profiles'!$G$22=$B$17,14,0)+IF('Standard Profiles'!$G$22=$B$24,21,0),MOD($C1970,24)+1)/SUM(INDEX($D$3:$AA$30,INDEX(Jesper!$R$2:$R$366,ROW(INDEX(Jesper!AL$2:AL$366,ROUNDDOWN($C1970/24,0)+1,1))-1)+IF('Standard Profiles'!$G$22=$B$10,7,0)+IF('Standard Profiles'!$G$22=$B$17,14,0)+IF('Standard Profiles'!$G$22=$B$24,21,0),0)),0)</f>
        <v>0</v>
      </c>
      <c r="I1970">
        <f t="shared" si="230"/>
        <v>1.4250907220621445</v>
      </c>
      <c r="J1970">
        <f t="shared" si="231"/>
        <v>29.116335981971542</v>
      </c>
      <c r="K1970">
        <f t="shared" si="232"/>
        <v>2.1202075970980867</v>
      </c>
      <c r="L1970">
        <f t="shared" si="233"/>
        <v>1.0601037985490434</v>
      </c>
      <c r="M1970">
        <f t="shared" si="234"/>
        <v>0</v>
      </c>
      <c r="N1970" s="45">
        <f t="shared" si="235"/>
        <v>45007.666666661971</v>
      </c>
    </row>
    <row r="1971" spans="2:14" x14ac:dyDescent="0.25">
      <c r="B1971">
        <f t="shared" si="229"/>
        <v>3</v>
      </c>
      <c r="C1971" s="16">
        <v>1937</v>
      </c>
      <c r="D1971" cm="1">
        <f t="array" ref="D1971">IFERROR(INDEX(Jesper!AH$2:AH$366,ROUNDDOWN($C1971/24,0)+1,1)*INDEX($D$3:$AA$30,INDEX(Jesper!$R$2:$R$366,ROW(INDEX(Jesper!AH$2:AH$366,ROUNDDOWN($C1971/24,0)+1,1))-1)+IF('Standard Profiles'!$G$18=$B$10,7,0)+IF('Standard Profiles'!$G$18=$B$17,14,0)+IF('Standard Profiles'!$G$18=$B$24,21,0),MOD($C1971,24)+1)/SUM(INDEX($D$3:$AA$30,INDEX(Jesper!$R$2:$R$366,ROW(INDEX(Jesper!AH$2:AH$366,ROUNDDOWN($C1971/24,0)+1,1))-1)+IF('Standard Profiles'!$G$18=$B$10,7,0)+IF('Standard Profiles'!$G$18=$B$17,14,0)+IF('Standard Profiles'!$G$18=$B$24,21,0),0)),0)</f>
        <v>8.4835451228316536</v>
      </c>
      <c r="E1971" cm="1">
        <f t="array" ref="E1971">IFERROR(INDEX(Jesper!AI$2:AI$366,ROUNDDOWN($C1971/24,0)+1,1)*INDEX($D$3:$AA$30,INDEX(Jesper!$R$2:$R$366,ROW(INDEX(Jesper!AI$2:AI$366,ROUNDDOWN($C1971/24,0)+1,1))-1)+IF('Standard Profiles'!$G$19=$B$10,7,0)+IF('Standard Profiles'!$G$19=$B$17,14,0)+IF('Standard Profiles'!$G$19=$B$24,21,0),MOD($C1971,24)+1)/SUM(INDEX($D$3:$AA$30,INDEX(Jesper!$R$2:$R$366,ROW(INDEX(Jesper!AI$2:AI$366,ROUNDDOWN($C1971/24,0)+1,1))-1)+IF('Standard Profiles'!$G$19=$B$10,7,0)+IF('Standard Profiles'!$G$19=$B$17,14,0)+IF('Standard Profiles'!$G$19=$B$24,21,0),0)),0)</f>
        <v>4.6418492840760228</v>
      </c>
      <c r="F1971" cm="1">
        <f t="array" ref="F1971">IFERROR(INDEX(Jesper!AJ$2:AJ$366,ROUNDDOWN($C1971/24,0)+1,1)*INDEX($D$3:$AA$30,INDEX(Jesper!$R$2:$R$366,ROW(INDEX(Jesper!AJ$2:AJ$366,ROUNDDOWN($C1971/24,0)+1,1))-1)+IF('Standard Profiles'!$G$20=$B$10,7,0)+IF('Standard Profiles'!$G$20=$B$17,14,0)+IF('Standard Profiles'!$G$20=$B$24,21,0),MOD($C1971,24)+1)/SUM(INDEX($D$3:$AA$30,INDEX(Jesper!$R$2:$R$366,ROW(INDEX(Jesper!AJ$2:AJ$366,ROUNDDOWN($C1971/24,0)+1,1))-1)+IF('Standard Profiles'!$G$20=$B$10,7,0)+IF('Standard Profiles'!$G$20=$B$17,14,0)+IF('Standard Profiles'!$G$20=$B$24,21,0),0)),0)</f>
        <v>0</v>
      </c>
      <c r="G1971" cm="1">
        <f t="array" ref="G1971">IFERROR(INDEX(Jesper!AK$2:AK$366,ROUNDDOWN($C1971/24,0)+1,1)*INDEX($D$3:$AA$30,INDEX(Jesper!$R$2:$R$366,ROW(INDEX(Jesper!AK$2:AK$366,ROUNDDOWN($C1971/24,0)+1,1))-1)+IF('Standard Profiles'!$G$21=$B$10,7,0)+IF('Standard Profiles'!$G$21=$B$17,14,0)+IF('Standard Profiles'!$G$21=$B$24,21,0),MOD($C1971,24)+1)/SUM(INDEX($D$3:$AA$30,INDEX(Jesper!$R$2:$R$366,ROW(INDEX(Jesper!AK$2:AK$366,ROUNDDOWN($C1971/24,0)+1,1))-1)+IF('Standard Profiles'!$G$21=$B$10,7,0)+IF('Standard Profiles'!$G$21=$B$17,14,0)+IF('Standard Profiles'!$G$21=$B$24,21,0),0)),0)</f>
        <v>2.3607112642855785</v>
      </c>
      <c r="H1971" cm="1">
        <f t="array" ref="H1971">IFERROR(INDEX(Jesper!AL$2:AL$366,ROUNDDOWN($C1971/24,0)+1,1)*INDEX($D$3:$AA$30,INDEX(Jesper!$R$2:$R$366,ROW(INDEX(Jesper!AL$2:AL$366,ROUNDDOWN($C1971/24,0)+1,1))-1)+IF('Standard Profiles'!$G$22=$B$10,7,0)+IF('Standard Profiles'!$G$22=$B$17,14,0)+IF('Standard Profiles'!$G$22=$B$24,21,0),MOD($C1971,24)+1)/SUM(INDEX($D$3:$AA$30,INDEX(Jesper!$R$2:$R$366,ROW(INDEX(Jesper!AL$2:AL$366,ROUNDDOWN($C1971/24,0)+1,1))-1)+IF('Standard Profiles'!$G$22=$B$10,7,0)+IF('Standard Profiles'!$G$22=$B$17,14,0)+IF('Standard Profiles'!$G$22=$B$24,21,0),0)),0)</f>
        <v>0</v>
      </c>
      <c r="I1971">
        <f t="shared" si="230"/>
        <v>1.1331414068570771</v>
      </c>
      <c r="J1971">
        <f t="shared" si="231"/>
        <v>12.995597044683112</v>
      </c>
      <c r="K1971">
        <f t="shared" si="232"/>
        <v>0.90491147976870978</v>
      </c>
      <c r="L1971">
        <f t="shared" si="233"/>
        <v>0.45245573988435489</v>
      </c>
      <c r="M1971">
        <f t="shared" si="234"/>
        <v>0</v>
      </c>
      <c r="N1971" s="45">
        <f t="shared" si="235"/>
        <v>45007.708333328635</v>
      </c>
    </row>
    <row r="1972" spans="2:14" x14ac:dyDescent="0.25">
      <c r="B1972">
        <f t="shared" si="229"/>
        <v>3</v>
      </c>
      <c r="C1972" s="16">
        <v>1938</v>
      </c>
      <c r="D1972" cm="1">
        <f t="array" ref="D1972">IFERROR(INDEX(Jesper!AH$2:AH$366,ROUNDDOWN($C1972/24,0)+1,1)*INDEX($D$3:$AA$30,INDEX(Jesper!$R$2:$R$366,ROW(INDEX(Jesper!AH$2:AH$366,ROUNDDOWN($C1972/24,0)+1,1))-1)+IF('Standard Profiles'!$G$18=$B$10,7,0)+IF('Standard Profiles'!$G$18=$B$17,14,0)+IF('Standard Profiles'!$G$18=$B$24,21,0),MOD($C1972,24)+1)/SUM(INDEX($D$3:$AA$30,INDEX(Jesper!$R$2:$R$366,ROW(INDEX(Jesper!AH$2:AH$366,ROUNDDOWN($C1972/24,0)+1,1))-1)+IF('Standard Profiles'!$G$18=$B$10,7,0)+IF('Standard Profiles'!$G$18=$B$17,14,0)+IF('Standard Profiles'!$G$18=$B$24,21,0),0)),0)</f>
        <v>5.5991397810688905</v>
      </c>
      <c r="E1972" cm="1">
        <f t="array" ref="E1972">IFERROR(INDEX(Jesper!AI$2:AI$366,ROUNDDOWN($C1972/24,0)+1,1)*INDEX($D$3:$AA$30,INDEX(Jesper!$R$2:$R$366,ROW(INDEX(Jesper!AI$2:AI$366,ROUNDDOWN($C1972/24,0)+1,1))-1)+IF('Standard Profiles'!$G$19=$B$10,7,0)+IF('Standard Profiles'!$G$19=$B$17,14,0)+IF('Standard Profiles'!$G$19=$B$24,21,0),MOD($C1972,24)+1)/SUM(INDEX($D$3:$AA$30,INDEX(Jesper!$R$2:$R$366,ROW(INDEX(Jesper!AI$2:AI$366,ROUNDDOWN($C1972/24,0)+1,1))-1)+IF('Standard Profiles'!$G$19=$B$10,7,0)+IF('Standard Profiles'!$G$19=$B$17,14,0)+IF('Standard Profiles'!$G$19=$B$24,21,0),0)),0)</f>
        <v>3.0636205274901753</v>
      </c>
      <c r="F1972" cm="1">
        <f t="array" ref="F1972">IFERROR(INDEX(Jesper!AJ$2:AJ$366,ROUNDDOWN($C1972/24,0)+1,1)*INDEX($D$3:$AA$30,INDEX(Jesper!$R$2:$R$366,ROW(INDEX(Jesper!AJ$2:AJ$366,ROUNDDOWN($C1972/24,0)+1,1))-1)+IF('Standard Profiles'!$G$20=$B$10,7,0)+IF('Standard Profiles'!$G$20=$B$17,14,0)+IF('Standard Profiles'!$G$20=$B$24,21,0),MOD($C1972,24)+1)/SUM(INDEX($D$3:$AA$30,INDEX(Jesper!$R$2:$R$366,ROW(INDEX(Jesper!AJ$2:AJ$366,ROUNDDOWN($C1972/24,0)+1,1))-1)+IF('Standard Profiles'!$G$20=$B$10,7,0)+IF('Standard Profiles'!$G$20=$B$17,14,0)+IF('Standard Profiles'!$G$20=$B$24,21,0),0)),0)</f>
        <v>0</v>
      </c>
      <c r="G1972" cm="1">
        <f t="array" ref="G1972">IFERROR(INDEX(Jesper!AK$2:AK$366,ROUNDDOWN($C1972/24,0)+1,1)*INDEX($D$3:$AA$30,INDEX(Jesper!$R$2:$R$366,ROW(INDEX(Jesper!AK$2:AK$366,ROUNDDOWN($C1972/24,0)+1,1))-1)+IF('Standard Profiles'!$G$21=$B$10,7,0)+IF('Standard Profiles'!$G$21=$B$17,14,0)+IF('Standard Profiles'!$G$21=$B$24,21,0),MOD($C1972,24)+1)/SUM(INDEX($D$3:$AA$30,INDEX(Jesper!$R$2:$R$366,ROW(INDEX(Jesper!AK$2:AK$366,ROUNDDOWN($C1972/24,0)+1,1))-1)+IF('Standard Profiles'!$G$21=$B$10,7,0)+IF('Standard Profiles'!$G$21=$B$17,14,0)+IF('Standard Profiles'!$G$21=$B$24,21,0),0)),0)</f>
        <v>0.87514782735331931</v>
      </c>
      <c r="H1972" cm="1">
        <f t="array" ref="H1972">IFERROR(INDEX(Jesper!AL$2:AL$366,ROUNDDOWN($C1972/24,0)+1,1)*INDEX($D$3:$AA$30,INDEX(Jesper!$R$2:$R$366,ROW(INDEX(Jesper!AL$2:AL$366,ROUNDDOWN($C1972/24,0)+1,1))-1)+IF('Standard Profiles'!$G$22=$B$10,7,0)+IF('Standard Profiles'!$G$22=$B$17,14,0)+IF('Standard Profiles'!$G$22=$B$24,21,0),MOD($C1972,24)+1)/SUM(INDEX($D$3:$AA$30,INDEX(Jesper!$R$2:$R$366,ROW(INDEX(Jesper!AL$2:AL$366,ROUNDDOWN($C1972/24,0)+1,1))-1)+IF('Standard Profiles'!$G$22=$B$10,7,0)+IF('Standard Profiles'!$G$22=$B$17,14,0)+IF('Standard Profiles'!$G$22=$B$24,21,0),0)),0)</f>
        <v>0</v>
      </c>
      <c r="I1972">
        <f t="shared" si="230"/>
        <v>0.42007095712959308</v>
      </c>
      <c r="J1972">
        <f t="shared" si="231"/>
        <v>8.2219748138117694</v>
      </c>
      <c r="K1972">
        <f t="shared" si="232"/>
        <v>0.59724157664734834</v>
      </c>
      <c r="L1972">
        <f t="shared" si="233"/>
        <v>0.29862078832367417</v>
      </c>
      <c r="M1972">
        <f t="shared" si="234"/>
        <v>0</v>
      </c>
      <c r="N1972" s="45">
        <f t="shared" si="235"/>
        <v>45007.7499999953</v>
      </c>
    </row>
    <row r="1973" spans="2:14" x14ac:dyDescent="0.25">
      <c r="B1973">
        <f t="shared" si="229"/>
        <v>3</v>
      </c>
      <c r="C1973" s="16">
        <v>1939</v>
      </c>
      <c r="D1973" cm="1">
        <f t="array" ref="D1973">IFERROR(INDEX(Jesper!AH$2:AH$366,ROUNDDOWN($C1973/24,0)+1,1)*INDEX($D$3:$AA$30,INDEX(Jesper!$R$2:$R$366,ROW(INDEX(Jesper!AH$2:AH$366,ROUNDDOWN($C1973/24,0)+1,1))-1)+IF('Standard Profiles'!$G$18=$B$10,7,0)+IF('Standard Profiles'!$G$18=$B$17,14,0)+IF('Standard Profiles'!$G$18=$B$24,21,0),MOD($C1973,24)+1)/SUM(INDEX($D$3:$AA$30,INDEX(Jesper!$R$2:$R$366,ROW(INDEX(Jesper!AH$2:AH$366,ROUNDDOWN($C1973/24,0)+1,1))-1)+IF('Standard Profiles'!$G$18=$B$10,7,0)+IF('Standard Profiles'!$G$18=$B$17,14,0)+IF('Standard Profiles'!$G$18=$B$24,21,0),0)),0)</f>
        <v>5.5991397810688905</v>
      </c>
      <c r="E1973" cm="1">
        <f t="array" ref="E1973">IFERROR(INDEX(Jesper!AI$2:AI$366,ROUNDDOWN($C1973/24,0)+1,1)*INDEX($D$3:$AA$30,INDEX(Jesper!$R$2:$R$366,ROW(INDEX(Jesper!AI$2:AI$366,ROUNDDOWN($C1973/24,0)+1,1))-1)+IF('Standard Profiles'!$G$19=$B$10,7,0)+IF('Standard Profiles'!$G$19=$B$17,14,0)+IF('Standard Profiles'!$G$19=$B$24,21,0),MOD($C1973,24)+1)/SUM(INDEX($D$3:$AA$30,INDEX(Jesper!$R$2:$R$366,ROW(INDEX(Jesper!AI$2:AI$366,ROUNDDOWN($C1973/24,0)+1,1))-1)+IF('Standard Profiles'!$G$19=$B$10,7,0)+IF('Standard Profiles'!$G$19=$B$17,14,0)+IF('Standard Profiles'!$G$19=$B$24,21,0),0)),0)</f>
        <v>3.0636205274901753</v>
      </c>
      <c r="F1973" cm="1">
        <f t="array" ref="F1973">IFERROR(INDEX(Jesper!AJ$2:AJ$366,ROUNDDOWN($C1973/24,0)+1,1)*INDEX($D$3:$AA$30,INDEX(Jesper!$R$2:$R$366,ROW(INDEX(Jesper!AJ$2:AJ$366,ROUNDDOWN($C1973/24,0)+1,1))-1)+IF('Standard Profiles'!$G$20=$B$10,7,0)+IF('Standard Profiles'!$G$20=$B$17,14,0)+IF('Standard Profiles'!$G$20=$B$24,21,0),MOD($C1973,24)+1)/SUM(INDEX($D$3:$AA$30,INDEX(Jesper!$R$2:$R$366,ROW(INDEX(Jesper!AJ$2:AJ$366,ROUNDDOWN($C1973/24,0)+1,1))-1)+IF('Standard Profiles'!$G$20=$B$10,7,0)+IF('Standard Profiles'!$G$20=$B$17,14,0)+IF('Standard Profiles'!$G$20=$B$24,21,0),0)),0)</f>
        <v>0</v>
      </c>
      <c r="G1973" cm="1">
        <f t="array" ref="G1973">IFERROR(INDEX(Jesper!AK$2:AK$366,ROUNDDOWN($C1973/24,0)+1,1)*INDEX($D$3:$AA$30,INDEX(Jesper!$R$2:$R$366,ROW(INDEX(Jesper!AK$2:AK$366,ROUNDDOWN($C1973/24,0)+1,1))-1)+IF('Standard Profiles'!$G$21=$B$10,7,0)+IF('Standard Profiles'!$G$21=$B$17,14,0)+IF('Standard Profiles'!$G$21=$B$24,21,0),MOD($C1973,24)+1)/SUM(INDEX($D$3:$AA$30,INDEX(Jesper!$R$2:$R$366,ROW(INDEX(Jesper!AK$2:AK$366,ROUNDDOWN($C1973/24,0)+1,1))-1)+IF('Standard Profiles'!$G$21=$B$10,7,0)+IF('Standard Profiles'!$G$21=$B$17,14,0)+IF('Standard Profiles'!$G$21=$B$24,21,0),0)),0)</f>
        <v>0.87514782735331931</v>
      </c>
      <c r="H1973" cm="1">
        <f t="array" ref="H1973">IFERROR(INDEX(Jesper!AL$2:AL$366,ROUNDDOWN($C1973/24,0)+1,1)*INDEX($D$3:$AA$30,INDEX(Jesper!$R$2:$R$366,ROW(INDEX(Jesper!AL$2:AL$366,ROUNDDOWN($C1973/24,0)+1,1))-1)+IF('Standard Profiles'!$G$22=$B$10,7,0)+IF('Standard Profiles'!$G$22=$B$17,14,0)+IF('Standard Profiles'!$G$22=$B$24,21,0),MOD($C1973,24)+1)/SUM(INDEX($D$3:$AA$30,INDEX(Jesper!$R$2:$R$366,ROW(INDEX(Jesper!AL$2:AL$366,ROUNDDOWN($C1973/24,0)+1,1))-1)+IF('Standard Profiles'!$G$22=$B$10,7,0)+IF('Standard Profiles'!$G$22=$B$17,14,0)+IF('Standard Profiles'!$G$22=$B$24,21,0),0)),0)</f>
        <v>0</v>
      </c>
      <c r="I1973">
        <f t="shared" si="230"/>
        <v>0.42007095712959308</v>
      </c>
      <c r="J1973">
        <f t="shared" si="231"/>
        <v>8.2219748138117694</v>
      </c>
      <c r="K1973">
        <f t="shared" si="232"/>
        <v>0.59724157664734834</v>
      </c>
      <c r="L1973">
        <f t="shared" si="233"/>
        <v>0.29862078832367417</v>
      </c>
      <c r="M1973">
        <f t="shared" si="234"/>
        <v>0</v>
      </c>
      <c r="N1973" s="45">
        <f t="shared" si="235"/>
        <v>45007.791666661964</v>
      </c>
    </row>
    <row r="1974" spans="2:14" x14ac:dyDescent="0.25">
      <c r="B1974">
        <f t="shared" si="229"/>
        <v>3</v>
      </c>
      <c r="C1974" s="16">
        <v>1940</v>
      </c>
      <c r="D1974" cm="1">
        <f t="array" ref="D1974">IFERROR(INDEX(Jesper!AH$2:AH$366,ROUNDDOWN($C1974/24,0)+1,1)*INDEX($D$3:$AA$30,INDEX(Jesper!$R$2:$R$366,ROW(INDEX(Jesper!AH$2:AH$366,ROUNDDOWN($C1974/24,0)+1,1))-1)+IF('Standard Profiles'!$G$18=$B$10,7,0)+IF('Standard Profiles'!$G$18=$B$17,14,0)+IF('Standard Profiles'!$G$18=$B$24,21,0),MOD($C1974,24)+1)/SUM(INDEX($D$3:$AA$30,INDEX(Jesper!$R$2:$R$366,ROW(INDEX(Jesper!AH$2:AH$366,ROUNDDOWN($C1974/24,0)+1,1))-1)+IF('Standard Profiles'!$G$18=$B$10,7,0)+IF('Standard Profiles'!$G$18=$B$17,14,0)+IF('Standard Profiles'!$G$18=$B$24,21,0),0)),0)</f>
        <v>5.5991397810688905</v>
      </c>
      <c r="E1974" cm="1">
        <f t="array" ref="E1974">IFERROR(INDEX(Jesper!AI$2:AI$366,ROUNDDOWN($C1974/24,0)+1,1)*INDEX($D$3:$AA$30,INDEX(Jesper!$R$2:$R$366,ROW(INDEX(Jesper!AI$2:AI$366,ROUNDDOWN($C1974/24,0)+1,1))-1)+IF('Standard Profiles'!$G$19=$B$10,7,0)+IF('Standard Profiles'!$G$19=$B$17,14,0)+IF('Standard Profiles'!$G$19=$B$24,21,0),MOD($C1974,24)+1)/SUM(INDEX($D$3:$AA$30,INDEX(Jesper!$R$2:$R$366,ROW(INDEX(Jesper!AI$2:AI$366,ROUNDDOWN($C1974/24,0)+1,1))-1)+IF('Standard Profiles'!$G$19=$B$10,7,0)+IF('Standard Profiles'!$G$19=$B$17,14,0)+IF('Standard Profiles'!$G$19=$B$24,21,0),0)),0)</f>
        <v>3.0636205274901753</v>
      </c>
      <c r="F1974" cm="1">
        <f t="array" ref="F1974">IFERROR(INDEX(Jesper!AJ$2:AJ$366,ROUNDDOWN($C1974/24,0)+1,1)*INDEX($D$3:$AA$30,INDEX(Jesper!$R$2:$R$366,ROW(INDEX(Jesper!AJ$2:AJ$366,ROUNDDOWN($C1974/24,0)+1,1))-1)+IF('Standard Profiles'!$G$20=$B$10,7,0)+IF('Standard Profiles'!$G$20=$B$17,14,0)+IF('Standard Profiles'!$G$20=$B$24,21,0),MOD($C1974,24)+1)/SUM(INDEX($D$3:$AA$30,INDEX(Jesper!$R$2:$R$366,ROW(INDEX(Jesper!AJ$2:AJ$366,ROUNDDOWN($C1974/24,0)+1,1))-1)+IF('Standard Profiles'!$G$20=$B$10,7,0)+IF('Standard Profiles'!$G$20=$B$17,14,0)+IF('Standard Profiles'!$G$20=$B$24,21,0),0)),0)</f>
        <v>0</v>
      </c>
      <c r="G1974" cm="1">
        <f t="array" ref="G1974">IFERROR(INDEX(Jesper!AK$2:AK$366,ROUNDDOWN($C1974/24,0)+1,1)*INDEX($D$3:$AA$30,INDEX(Jesper!$R$2:$R$366,ROW(INDEX(Jesper!AK$2:AK$366,ROUNDDOWN($C1974/24,0)+1,1))-1)+IF('Standard Profiles'!$G$21=$B$10,7,0)+IF('Standard Profiles'!$G$21=$B$17,14,0)+IF('Standard Profiles'!$G$21=$B$24,21,0),MOD($C1974,24)+1)/SUM(INDEX($D$3:$AA$30,INDEX(Jesper!$R$2:$R$366,ROW(INDEX(Jesper!AK$2:AK$366,ROUNDDOWN($C1974/24,0)+1,1))-1)+IF('Standard Profiles'!$G$21=$B$10,7,0)+IF('Standard Profiles'!$G$21=$B$17,14,0)+IF('Standard Profiles'!$G$21=$B$24,21,0),0)),0)</f>
        <v>0.87514782735331931</v>
      </c>
      <c r="H1974" cm="1">
        <f t="array" ref="H1974">IFERROR(INDEX(Jesper!AL$2:AL$366,ROUNDDOWN($C1974/24,0)+1,1)*INDEX($D$3:$AA$30,INDEX(Jesper!$R$2:$R$366,ROW(INDEX(Jesper!AL$2:AL$366,ROUNDDOWN($C1974/24,0)+1,1))-1)+IF('Standard Profiles'!$G$22=$B$10,7,0)+IF('Standard Profiles'!$G$22=$B$17,14,0)+IF('Standard Profiles'!$G$22=$B$24,21,0),MOD($C1974,24)+1)/SUM(INDEX($D$3:$AA$30,INDEX(Jesper!$R$2:$R$366,ROW(INDEX(Jesper!AL$2:AL$366,ROUNDDOWN($C1974/24,0)+1,1))-1)+IF('Standard Profiles'!$G$22=$B$10,7,0)+IF('Standard Profiles'!$G$22=$B$17,14,0)+IF('Standard Profiles'!$G$22=$B$24,21,0),0)),0)</f>
        <v>0</v>
      </c>
      <c r="I1974">
        <f t="shared" si="230"/>
        <v>0.42007095712959308</v>
      </c>
      <c r="J1974">
        <f t="shared" si="231"/>
        <v>8.2219748138117694</v>
      </c>
      <c r="K1974">
        <f t="shared" si="232"/>
        <v>0.59724157664734834</v>
      </c>
      <c r="L1974">
        <f t="shared" si="233"/>
        <v>0.29862078832367417</v>
      </c>
      <c r="M1974">
        <f t="shared" si="234"/>
        <v>0</v>
      </c>
      <c r="N1974" s="45">
        <f t="shared" si="235"/>
        <v>45007.833333328628</v>
      </c>
    </row>
    <row r="1975" spans="2:14" x14ac:dyDescent="0.25">
      <c r="B1975">
        <f t="shared" si="229"/>
        <v>3</v>
      </c>
      <c r="C1975" s="16">
        <v>1941</v>
      </c>
      <c r="D1975" cm="1">
        <f t="array" ref="D1975">IFERROR(INDEX(Jesper!AH$2:AH$366,ROUNDDOWN($C1975/24,0)+1,1)*INDEX($D$3:$AA$30,INDEX(Jesper!$R$2:$R$366,ROW(INDEX(Jesper!AH$2:AH$366,ROUNDDOWN($C1975/24,0)+1,1))-1)+IF('Standard Profiles'!$G$18=$B$10,7,0)+IF('Standard Profiles'!$G$18=$B$17,14,0)+IF('Standard Profiles'!$G$18=$B$24,21,0),MOD($C1975,24)+1)/SUM(INDEX($D$3:$AA$30,INDEX(Jesper!$R$2:$R$366,ROW(INDEX(Jesper!AH$2:AH$366,ROUNDDOWN($C1975/24,0)+1,1))-1)+IF('Standard Profiles'!$G$18=$B$10,7,0)+IF('Standard Profiles'!$G$18=$B$17,14,0)+IF('Standard Profiles'!$G$18=$B$24,21,0),0)),0)</f>
        <v>5.5991397810688905</v>
      </c>
      <c r="E1975" cm="1">
        <f t="array" ref="E1975">IFERROR(INDEX(Jesper!AI$2:AI$366,ROUNDDOWN($C1975/24,0)+1,1)*INDEX($D$3:$AA$30,INDEX(Jesper!$R$2:$R$366,ROW(INDEX(Jesper!AI$2:AI$366,ROUNDDOWN($C1975/24,0)+1,1))-1)+IF('Standard Profiles'!$G$19=$B$10,7,0)+IF('Standard Profiles'!$G$19=$B$17,14,0)+IF('Standard Profiles'!$G$19=$B$24,21,0),MOD($C1975,24)+1)/SUM(INDEX($D$3:$AA$30,INDEX(Jesper!$R$2:$R$366,ROW(INDEX(Jesper!AI$2:AI$366,ROUNDDOWN($C1975/24,0)+1,1))-1)+IF('Standard Profiles'!$G$19=$B$10,7,0)+IF('Standard Profiles'!$G$19=$B$17,14,0)+IF('Standard Profiles'!$G$19=$B$24,21,0),0)),0)</f>
        <v>3.0636205274901753</v>
      </c>
      <c r="F1975" cm="1">
        <f t="array" ref="F1975">IFERROR(INDEX(Jesper!AJ$2:AJ$366,ROUNDDOWN($C1975/24,0)+1,1)*INDEX($D$3:$AA$30,INDEX(Jesper!$R$2:$R$366,ROW(INDEX(Jesper!AJ$2:AJ$366,ROUNDDOWN($C1975/24,0)+1,1))-1)+IF('Standard Profiles'!$G$20=$B$10,7,0)+IF('Standard Profiles'!$G$20=$B$17,14,0)+IF('Standard Profiles'!$G$20=$B$24,21,0),MOD($C1975,24)+1)/SUM(INDEX($D$3:$AA$30,INDEX(Jesper!$R$2:$R$366,ROW(INDEX(Jesper!AJ$2:AJ$366,ROUNDDOWN($C1975/24,0)+1,1))-1)+IF('Standard Profiles'!$G$20=$B$10,7,0)+IF('Standard Profiles'!$G$20=$B$17,14,0)+IF('Standard Profiles'!$G$20=$B$24,21,0),0)),0)</f>
        <v>0</v>
      </c>
      <c r="G1975" cm="1">
        <f t="array" ref="G1975">IFERROR(INDEX(Jesper!AK$2:AK$366,ROUNDDOWN($C1975/24,0)+1,1)*INDEX($D$3:$AA$30,INDEX(Jesper!$R$2:$R$366,ROW(INDEX(Jesper!AK$2:AK$366,ROUNDDOWN($C1975/24,0)+1,1))-1)+IF('Standard Profiles'!$G$21=$B$10,7,0)+IF('Standard Profiles'!$G$21=$B$17,14,0)+IF('Standard Profiles'!$G$21=$B$24,21,0),MOD($C1975,24)+1)/SUM(INDEX($D$3:$AA$30,INDEX(Jesper!$R$2:$R$366,ROW(INDEX(Jesper!AK$2:AK$366,ROUNDDOWN($C1975/24,0)+1,1))-1)+IF('Standard Profiles'!$G$21=$B$10,7,0)+IF('Standard Profiles'!$G$21=$B$17,14,0)+IF('Standard Profiles'!$G$21=$B$24,21,0),0)),0)</f>
        <v>0.87514782735331931</v>
      </c>
      <c r="H1975" cm="1">
        <f t="array" ref="H1975">IFERROR(INDEX(Jesper!AL$2:AL$366,ROUNDDOWN($C1975/24,0)+1,1)*INDEX($D$3:$AA$30,INDEX(Jesper!$R$2:$R$366,ROW(INDEX(Jesper!AL$2:AL$366,ROUNDDOWN($C1975/24,0)+1,1))-1)+IF('Standard Profiles'!$G$22=$B$10,7,0)+IF('Standard Profiles'!$G$22=$B$17,14,0)+IF('Standard Profiles'!$G$22=$B$24,21,0),MOD($C1975,24)+1)/SUM(INDEX($D$3:$AA$30,INDEX(Jesper!$R$2:$R$366,ROW(INDEX(Jesper!AL$2:AL$366,ROUNDDOWN($C1975/24,0)+1,1))-1)+IF('Standard Profiles'!$G$22=$B$10,7,0)+IF('Standard Profiles'!$G$22=$B$17,14,0)+IF('Standard Profiles'!$G$22=$B$24,21,0),0)),0)</f>
        <v>0</v>
      </c>
      <c r="I1975">
        <f t="shared" si="230"/>
        <v>0.42007095712959308</v>
      </c>
      <c r="J1975">
        <f t="shared" si="231"/>
        <v>8.2219748138117694</v>
      </c>
      <c r="K1975">
        <f t="shared" si="232"/>
        <v>0.59724157664734834</v>
      </c>
      <c r="L1975">
        <f t="shared" si="233"/>
        <v>0.29862078832367417</v>
      </c>
      <c r="M1975">
        <f t="shared" si="234"/>
        <v>0</v>
      </c>
      <c r="N1975" s="45">
        <f t="shared" si="235"/>
        <v>45007.874999995292</v>
      </c>
    </row>
    <row r="1976" spans="2:14" x14ac:dyDescent="0.25">
      <c r="B1976">
        <f t="shared" si="229"/>
        <v>3</v>
      </c>
      <c r="C1976" s="16">
        <v>1942</v>
      </c>
      <c r="D1976" cm="1">
        <f t="array" ref="D1976">IFERROR(INDEX(Jesper!AH$2:AH$366,ROUNDDOWN($C1976/24,0)+1,1)*INDEX($D$3:$AA$30,INDEX(Jesper!$R$2:$R$366,ROW(INDEX(Jesper!AH$2:AH$366,ROUNDDOWN($C1976/24,0)+1,1))-1)+IF('Standard Profiles'!$G$18=$B$10,7,0)+IF('Standard Profiles'!$G$18=$B$17,14,0)+IF('Standard Profiles'!$G$18=$B$24,21,0),MOD($C1976,24)+1)/SUM(INDEX($D$3:$AA$30,INDEX(Jesper!$R$2:$R$366,ROW(INDEX(Jesper!AH$2:AH$366,ROUNDDOWN($C1976/24,0)+1,1))-1)+IF('Standard Profiles'!$G$18=$B$10,7,0)+IF('Standard Profiles'!$G$18=$B$17,14,0)+IF('Standard Profiles'!$G$18=$B$24,21,0),0)),0)</f>
        <v>5.5991397810688905</v>
      </c>
      <c r="E1976" cm="1">
        <f t="array" ref="E1976">IFERROR(INDEX(Jesper!AI$2:AI$366,ROUNDDOWN($C1976/24,0)+1,1)*INDEX($D$3:$AA$30,INDEX(Jesper!$R$2:$R$366,ROW(INDEX(Jesper!AI$2:AI$366,ROUNDDOWN($C1976/24,0)+1,1))-1)+IF('Standard Profiles'!$G$19=$B$10,7,0)+IF('Standard Profiles'!$G$19=$B$17,14,0)+IF('Standard Profiles'!$G$19=$B$24,21,0),MOD($C1976,24)+1)/SUM(INDEX($D$3:$AA$30,INDEX(Jesper!$R$2:$R$366,ROW(INDEX(Jesper!AI$2:AI$366,ROUNDDOWN($C1976/24,0)+1,1))-1)+IF('Standard Profiles'!$G$19=$B$10,7,0)+IF('Standard Profiles'!$G$19=$B$17,14,0)+IF('Standard Profiles'!$G$19=$B$24,21,0),0)),0)</f>
        <v>3.0636205274901753</v>
      </c>
      <c r="F1976" cm="1">
        <f t="array" ref="F1976">IFERROR(INDEX(Jesper!AJ$2:AJ$366,ROUNDDOWN($C1976/24,0)+1,1)*INDEX($D$3:$AA$30,INDEX(Jesper!$R$2:$R$366,ROW(INDEX(Jesper!AJ$2:AJ$366,ROUNDDOWN($C1976/24,0)+1,1))-1)+IF('Standard Profiles'!$G$20=$B$10,7,0)+IF('Standard Profiles'!$G$20=$B$17,14,0)+IF('Standard Profiles'!$G$20=$B$24,21,0),MOD($C1976,24)+1)/SUM(INDEX($D$3:$AA$30,INDEX(Jesper!$R$2:$R$366,ROW(INDEX(Jesper!AJ$2:AJ$366,ROUNDDOWN($C1976/24,0)+1,1))-1)+IF('Standard Profiles'!$G$20=$B$10,7,0)+IF('Standard Profiles'!$G$20=$B$17,14,0)+IF('Standard Profiles'!$G$20=$B$24,21,0),0)),0)</f>
        <v>0</v>
      </c>
      <c r="G1976" cm="1">
        <f t="array" ref="G1976">IFERROR(INDEX(Jesper!AK$2:AK$366,ROUNDDOWN($C1976/24,0)+1,1)*INDEX($D$3:$AA$30,INDEX(Jesper!$R$2:$R$366,ROW(INDEX(Jesper!AK$2:AK$366,ROUNDDOWN($C1976/24,0)+1,1))-1)+IF('Standard Profiles'!$G$21=$B$10,7,0)+IF('Standard Profiles'!$G$21=$B$17,14,0)+IF('Standard Profiles'!$G$21=$B$24,21,0),MOD($C1976,24)+1)/SUM(INDEX($D$3:$AA$30,INDEX(Jesper!$R$2:$R$366,ROW(INDEX(Jesper!AK$2:AK$366,ROUNDDOWN($C1976/24,0)+1,1))-1)+IF('Standard Profiles'!$G$21=$B$10,7,0)+IF('Standard Profiles'!$G$21=$B$17,14,0)+IF('Standard Profiles'!$G$21=$B$24,21,0),0)),0)</f>
        <v>0.87514782735331931</v>
      </c>
      <c r="H1976" cm="1">
        <f t="array" ref="H1976">IFERROR(INDEX(Jesper!AL$2:AL$366,ROUNDDOWN($C1976/24,0)+1,1)*INDEX($D$3:$AA$30,INDEX(Jesper!$R$2:$R$366,ROW(INDEX(Jesper!AL$2:AL$366,ROUNDDOWN($C1976/24,0)+1,1))-1)+IF('Standard Profiles'!$G$22=$B$10,7,0)+IF('Standard Profiles'!$G$22=$B$17,14,0)+IF('Standard Profiles'!$G$22=$B$24,21,0),MOD($C1976,24)+1)/SUM(INDEX($D$3:$AA$30,INDEX(Jesper!$R$2:$R$366,ROW(INDEX(Jesper!AL$2:AL$366,ROUNDDOWN($C1976/24,0)+1,1))-1)+IF('Standard Profiles'!$G$22=$B$10,7,0)+IF('Standard Profiles'!$G$22=$B$17,14,0)+IF('Standard Profiles'!$G$22=$B$24,21,0),0)),0)</f>
        <v>0</v>
      </c>
      <c r="I1976">
        <f t="shared" si="230"/>
        <v>0.42007095712959308</v>
      </c>
      <c r="J1976">
        <f t="shared" si="231"/>
        <v>8.2219748138117694</v>
      </c>
      <c r="K1976">
        <f t="shared" si="232"/>
        <v>0.59724157664734834</v>
      </c>
      <c r="L1976">
        <f t="shared" si="233"/>
        <v>0.29862078832367417</v>
      </c>
      <c r="M1976">
        <f t="shared" si="234"/>
        <v>0</v>
      </c>
      <c r="N1976" s="45">
        <f t="shared" si="235"/>
        <v>45007.916666661957</v>
      </c>
    </row>
    <row r="1977" spans="2:14" x14ac:dyDescent="0.25">
      <c r="B1977">
        <f t="shared" si="229"/>
        <v>3</v>
      </c>
      <c r="C1977" s="16">
        <v>1943</v>
      </c>
      <c r="D1977" cm="1">
        <f t="array" ref="D1977">IFERROR(INDEX(Jesper!AH$2:AH$366,ROUNDDOWN($C1977/24,0)+1,1)*INDEX($D$3:$AA$30,INDEX(Jesper!$R$2:$R$366,ROW(INDEX(Jesper!AH$2:AH$366,ROUNDDOWN($C1977/24,0)+1,1))-1)+IF('Standard Profiles'!$G$18=$B$10,7,0)+IF('Standard Profiles'!$G$18=$B$17,14,0)+IF('Standard Profiles'!$G$18=$B$24,21,0),MOD($C1977,24)+1)/SUM(INDEX($D$3:$AA$30,INDEX(Jesper!$R$2:$R$366,ROW(INDEX(Jesper!AH$2:AH$366,ROUNDDOWN($C1977/24,0)+1,1))-1)+IF('Standard Profiles'!$G$18=$B$10,7,0)+IF('Standard Profiles'!$G$18=$B$17,14,0)+IF('Standard Profiles'!$G$18=$B$24,21,0),0)),0)</f>
        <v>5.5991397810688905</v>
      </c>
      <c r="E1977" cm="1">
        <f t="array" ref="E1977">IFERROR(INDEX(Jesper!AI$2:AI$366,ROUNDDOWN($C1977/24,0)+1,1)*INDEX($D$3:$AA$30,INDEX(Jesper!$R$2:$R$366,ROW(INDEX(Jesper!AI$2:AI$366,ROUNDDOWN($C1977/24,0)+1,1))-1)+IF('Standard Profiles'!$G$19=$B$10,7,0)+IF('Standard Profiles'!$G$19=$B$17,14,0)+IF('Standard Profiles'!$G$19=$B$24,21,0),MOD($C1977,24)+1)/SUM(INDEX($D$3:$AA$30,INDEX(Jesper!$R$2:$R$366,ROW(INDEX(Jesper!AI$2:AI$366,ROUNDDOWN($C1977/24,0)+1,1))-1)+IF('Standard Profiles'!$G$19=$B$10,7,0)+IF('Standard Profiles'!$G$19=$B$17,14,0)+IF('Standard Profiles'!$G$19=$B$24,21,0),0)),0)</f>
        <v>3.0636205274901753</v>
      </c>
      <c r="F1977" cm="1">
        <f t="array" ref="F1977">IFERROR(INDEX(Jesper!AJ$2:AJ$366,ROUNDDOWN($C1977/24,0)+1,1)*INDEX($D$3:$AA$30,INDEX(Jesper!$R$2:$R$366,ROW(INDEX(Jesper!AJ$2:AJ$366,ROUNDDOWN($C1977/24,0)+1,1))-1)+IF('Standard Profiles'!$G$20=$B$10,7,0)+IF('Standard Profiles'!$G$20=$B$17,14,0)+IF('Standard Profiles'!$G$20=$B$24,21,0),MOD($C1977,24)+1)/SUM(INDEX($D$3:$AA$30,INDEX(Jesper!$R$2:$R$366,ROW(INDEX(Jesper!AJ$2:AJ$366,ROUNDDOWN($C1977/24,0)+1,1))-1)+IF('Standard Profiles'!$G$20=$B$10,7,0)+IF('Standard Profiles'!$G$20=$B$17,14,0)+IF('Standard Profiles'!$G$20=$B$24,21,0),0)),0)</f>
        <v>0</v>
      </c>
      <c r="G1977" cm="1">
        <f t="array" ref="G1977">IFERROR(INDEX(Jesper!AK$2:AK$366,ROUNDDOWN($C1977/24,0)+1,1)*INDEX($D$3:$AA$30,INDEX(Jesper!$R$2:$R$366,ROW(INDEX(Jesper!AK$2:AK$366,ROUNDDOWN($C1977/24,0)+1,1))-1)+IF('Standard Profiles'!$G$21=$B$10,7,0)+IF('Standard Profiles'!$G$21=$B$17,14,0)+IF('Standard Profiles'!$G$21=$B$24,21,0),MOD($C1977,24)+1)/SUM(INDEX($D$3:$AA$30,INDEX(Jesper!$R$2:$R$366,ROW(INDEX(Jesper!AK$2:AK$366,ROUNDDOWN($C1977/24,0)+1,1))-1)+IF('Standard Profiles'!$G$21=$B$10,7,0)+IF('Standard Profiles'!$G$21=$B$17,14,0)+IF('Standard Profiles'!$G$21=$B$24,21,0),0)),0)</f>
        <v>0.87514782735331931</v>
      </c>
      <c r="H1977" cm="1">
        <f t="array" ref="H1977">IFERROR(INDEX(Jesper!AL$2:AL$366,ROUNDDOWN($C1977/24,0)+1,1)*INDEX($D$3:$AA$30,INDEX(Jesper!$R$2:$R$366,ROW(INDEX(Jesper!AL$2:AL$366,ROUNDDOWN($C1977/24,0)+1,1))-1)+IF('Standard Profiles'!$G$22=$B$10,7,0)+IF('Standard Profiles'!$G$22=$B$17,14,0)+IF('Standard Profiles'!$G$22=$B$24,21,0),MOD($C1977,24)+1)/SUM(INDEX($D$3:$AA$30,INDEX(Jesper!$R$2:$R$366,ROW(INDEX(Jesper!AL$2:AL$366,ROUNDDOWN($C1977/24,0)+1,1))-1)+IF('Standard Profiles'!$G$22=$B$10,7,0)+IF('Standard Profiles'!$G$22=$B$17,14,0)+IF('Standard Profiles'!$G$22=$B$24,21,0),0)),0)</f>
        <v>0</v>
      </c>
      <c r="I1977">
        <f t="shared" si="230"/>
        <v>0.42007095712959308</v>
      </c>
      <c r="J1977">
        <f t="shared" si="231"/>
        <v>8.2219748138117694</v>
      </c>
      <c r="K1977">
        <f t="shared" si="232"/>
        <v>0.59724157664734834</v>
      </c>
      <c r="L1977">
        <f t="shared" si="233"/>
        <v>0.29862078832367417</v>
      </c>
      <c r="M1977">
        <f t="shared" si="234"/>
        <v>0</v>
      </c>
      <c r="N1977" s="45">
        <f t="shared" si="235"/>
        <v>45007.958333328621</v>
      </c>
    </row>
    <row r="1978" spans="2:14" x14ac:dyDescent="0.25">
      <c r="B1978">
        <f t="shared" si="229"/>
        <v>4</v>
      </c>
      <c r="C1978" s="16">
        <v>1944</v>
      </c>
      <c r="D1978" cm="1">
        <f t="array" ref="D1978">IFERROR(INDEX(Jesper!AH$2:AH$366,ROUNDDOWN($C1978/24,0)+1,1)*INDEX($D$3:$AA$30,INDEX(Jesper!$R$2:$R$366,ROW(INDEX(Jesper!AH$2:AH$366,ROUNDDOWN($C1978/24,0)+1,1))-1)+IF('Standard Profiles'!$G$18=$B$10,7,0)+IF('Standard Profiles'!$G$18=$B$17,14,0)+IF('Standard Profiles'!$G$18=$B$24,21,0),MOD($C1978,24)+1)/SUM(INDEX($D$3:$AA$30,INDEX(Jesper!$R$2:$R$366,ROW(INDEX(Jesper!AH$2:AH$366,ROUNDDOWN($C1978/24,0)+1,1))-1)+IF('Standard Profiles'!$G$18=$B$10,7,0)+IF('Standard Profiles'!$G$18=$B$17,14,0)+IF('Standard Profiles'!$G$18=$B$24,21,0),0)),0)</f>
        <v>5.6369340667755292</v>
      </c>
      <c r="E1978" cm="1">
        <f t="array" ref="E1978">IFERROR(INDEX(Jesper!AI$2:AI$366,ROUNDDOWN($C1978/24,0)+1,1)*INDEX($D$3:$AA$30,INDEX(Jesper!$R$2:$R$366,ROW(INDEX(Jesper!AI$2:AI$366,ROUNDDOWN($C1978/24,0)+1,1))-1)+IF('Standard Profiles'!$G$19=$B$10,7,0)+IF('Standard Profiles'!$G$19=$B$17,14,0)+IF('Standard Profiles'!$G$19=$B$24,21,0),MOD($C1978,24)+1)/SUM(INDEX($D$3:$AA$30,INDEX(Jesper!$R$2:$R$366,ROW(INDEX(Jesper!AI$2:AI$366,ROUNDDOWN($C1978/24,0)+1,1))-1)+IF('Standard Profiles'!$G$19=$B$10,7,0)+IF('Standard Profiles'!$G$19=$B$17,14,0)+IF('Standard Profiles'!$G$19=$B$24,21,0),0)),0)</f>
        <v>3.376609944965995</v>
      </c>
      <c r="F1978" cm="1">
        <f t="array" ref="F1978">IFERROR(INDEX(Jesper!AJ$2:AJ$366,ROUNDDOWN($C1978/24,0)+1,1)*INDEX($D$3:$AA$30,INDEX(Jesper!$R$2:$R$366,ROW(INDEX(Jesper!AJ$2:AJ$366,ROUNDDOWN($C1978/24,0)+1,1))-1)+IF('Standard Profiles'!$G$20=$B$10,7,0)+IF('Standard Profiles'!$G$20=$B$17,14,0)+IF('Standard Profiles'!$G$20=$B$24,21,0),MOD($C1978,24)+1)/SUM(INDEX($D$3:$AA$30,INDEX(Jesper!$R$2:$R$366,ROW(INDEX(Jesper!AJ$2:AJ$366,ROUNDDOWN($C1978/24,0)+1,1))-1)+IF('Standard Profiles'!$G$20=$B$10,7,0)+IF('Standard Profiles'!$G$20=$B$17,14,0)+IF('Standard Profiles'!$G$20=$B$24,21,0),0)),0)</f>
        <v>0</v>
      </c>
      <c r="G1978" cm="1">
        <f t="array" ref="G1978">IFERROR(INDEX(Jesper!AK$2:AK$366,ROUNDDOWN($C1978/24,0)+1,1)*INDEX($D$3:$AA$30,INDEX(Jesper!$R$2:$R$366,ROW(INDEX(Jesper!AK$2:AK$366,ROUNDDOWN($C1978/24,0)+1,1))-1)+IF('Standard Profiles'!$G$21=$B$10,7,0)+IF('Standard Profiles'!$G$21=$B$17,14,0)+IF('Standard Profiles'!$G$21=$B$24,21,0),MOD($C1978,24)+1)/SUM(INDEX($D$3:$AA$30,INDEX(Jesper!$R$2:$R$366,ROW(INDEX(Jesper!AK$2:AK$366,ROUNDDOWN($C1978/24,0)+1,1))-1)+IF('Standard Profiles'!$G$21=$B$10,7,0)+IF('Standard Profiles'!$G$21=$B$17,14,0)+IF('Standard Profiles'!$G$21=$B$24,21,0),0)),0)</f>
        <v>0.9728584866447354</v>
      </c>
      <c r="H1978" cm="1">
        <f t="array" ref="H1978">IFERROR(INDEX(Jesper!AL$2:AL$366,ROUNDDOWN($C1978/24,0)+1,1)*INDEX($D$3:$AA$30,INDEX(Jesper!$R$2:$R$366,ROW(INDEX(Jesper!AL$2:AL$366,ROUNDDOWN($C1978/24,0)+1,1))-1)+IF('Standard Profiles'!$G$22=$B$10,7,0)+IF('Standard Profiles'!$G$22=$B$17,14,0)+IF('Standard Profiles'!$G$22=$B$24,21,0),MOD($C1978,24)+1)/SUM(INDEX($D$3:$AA$30,INDEX(Jesper!$R$2:$R$366,ROW(INDEX(Jesper!AL$2:AL$366,ROUNDDOWN($C1978/24,0)+1,1))-1)+IF('Standard Profiles'!$G$22=$B$10,7,0)+IF('Standard Profiles'!$G$22=$B$17,14,0)+IF('Standard Profiles'!$G$22=$B$24,21,0),0)),0)</f>
        <v>0</v>
      </c>
      <c r="I1978">
        <f t="shared" si="230"/>
        <v>0.46697207358947274</v>
      </c>
      <c r="J1978">
        <f t="shared" si="231"/>
        <v>8.6175209741127023</v>
      </c>
      <c r="K1978">
        <f t="shared" si="232"/>
        <v>0.60127296712272316</v>
      </c>
      <c r="L1978">
        <f t="shared" si="233"/>
        <v>0.30063648356136158</v>
      </c>
      <c r="M1978">
        <f t="shared" si="234"/>
        <v>0</v>
      </c>
      <c r="N1978" s="45">
        <f t="shared" si="235"/>
        <v>45007.999999995285</v>
      </c>
    </row>
    <row r="1979" spans="2:14" x14ac:dyDescent="0.25">
      <c r="B1979">
        <f t="shared" si="229"/>
        <v>4</v>
      </c>
      <c r="C1979" s="16">
        <v>1945</v>
      </c>
      <c r="D1979" cm="1">
        <f t="array" ref="D1979">IFERROR(INDEX(Jesper!AH$2:AH$366,ROUNDDOWN($C1979/24,0)+1,1)*INDEX($D$3:$AA$30,INDEX(Jesper!$R$2:$R$366,ROW(INDEX(Jesper!AH$2:AH$366,ROUNDDOWN($C1979/24,0)+1,1))-1)+IF('Standard Profiles'!$G$18=$B$10,7,0)+IF('Standard Profiles'!$G$18=$B$17,14,0)+IF('Standard Profiles'!$G$18=$B$24,21,0),MOD($C1979,24)+1)/SUM(INDEX($D$3:$AA$30,INDEX(Jesper!$R$2:$R$366,ROW(INDEX(Jesper!AH$2:AH$366,ROUNDDOWN($C1979/24,0)+1,1))-1)+IF('Standard Profiles'!$G$18=$B$10,7,0)+IF('Standard Profiles'!$G$18=$B$17,14,0)+IF('Standard Profiles'!$G$18=$B$24,21,0),0)),0)</f>
        <v>5.6369340667755292</v>
      </c>
      <c r="E1979" cm="1">
        <f t="array" ref="E1979">IFERROR(INDEX(Jesper!AI$2:AI$366,ROUNDDOWN($C1979/24,0)+1,1)*INDEX($D$3:$AA$30,INDEX(Jesper!$R$2:$R$366,ROW(INDEX(Jesper!AI$2:AI$366,ROUNDDOWN($C1979/24,0)+1,1))-1)+IF('Standard Profiles'!$G$19=$B$10,7,0)+IF('Standard Profiles'!$G$19=$B$17,14,0)+IF('Standard Profiles'!$G$19=$B$24,21,0),MOD($C1979,24)+1)/SUM(INDEX($D$3:$AA$30,INDEX(Jesper!$R$2:$R$366,ROW(INDEX(Jesper!AI$2:AI$366,ROUNDDOWN($C1979/24,0)+1,1))-1)+IF('Standard Profiles'!$G$19=$B$10,7,0)+IF('Standard Profiles'!$G$19=$B$17,14,0)+IF('Standard Profiles'!$G$19=$B$24,21,0),0)),0)</f>
        <v>3.376609944965995</v>
      </c>
      <c r="F1979" cm="1">
        <f t="array" ref="F1979">IFERROR(INDEX(Jesper!AJ$2:AJ$366,ROUNDDOWN($C1979/24,0)+1,1)*INDEX($D$3:$AA$30,INDEX(Jesper!$R$2:$R$366,ROW(INDEX(Jesper!AJ$2:AJ$366,ROUNDDOWN($C1979/24,0)+1,1))-1)+IF('Standard Profiles'!$G$20=$B$10,7,0)+IF('Standard Profiles'!$G$20=$B$17,14,0)+IF('Standard Profiles'!$G$20=$B$24,21,0),MOD($C1979,24)+1)/SUM(INDEX($D$3:$AA$30,INDEX(Jesper!$R$2:$R$366,ROW(INDEX(Jesper!AJ$2:AJ$366,ROUNDDOWN($C1979/24,0)+1,1))-1)+IF('Standard Profiles'!$G$20=$B$10,7,0)+IF('Standard Profiles'!$G$20=$B$17,14,0)+IF('Standard Profiles'!$G$20=$B$24,21,0),0)),0)</f>
        <v>0</v>
      </c>
      <c r="G1979" cm="1">
        <f t="array" ref="G1979">IFERROR(INDEX(Jesper!AK$2:AK$366,ROUNDDOWN($C1979/24,0)+1,1)*INDEX($D$3:$AA$30,INDEX(Jesper!$R$2:$R$366,ROW(INDEX(Jesper!AK$2:AK$366,ROUNDDOWN($C1979/24,0)+1,1))-1)+IF('Standard Profiles'!$G$21=$B$10,7,0)+IF('Standard Profiles'!$G$21=$B$17,14,0)+IF('Standard Profiles'!$G$21=$B$24,21,0),MOD($C1979,24)+1)/SUM(INDEX($D$3:$AA$30,INDEX(Jesper!$R$2:$R$366,ROW(INDEX(Jesper!AK$2:AK$366,ROUNDDOWN($C1979/24,0)+1,1))-1)+IF('Standard Profiles'!$G$21=$B$10,7,0)+IF('Standard Profiles'!$G$21=$B$17,14,0)+IF('Standard Profiles'!$G$21=$B$24,21,0),0)),0)</f>
        <v>0.9728584866447354</v>
      </c>
      <c r="H1979" cm="1">
        <f t="array" ref="H1979">IFERROR(INDEX(Jesper!AL$2:AL$366,ROUNDDOWN($C1979/24,0)+1,1)*INDEX($D$3:$AA$30,INDEX(Jesper!$R$2:$R$366,ROW(INDEX(Jesper!AL$2:AL$366,ROUNDDOWN($C1979/24,0)+1,1))-1)+IF('Standard Profiles'!$G$22=$B$10,7,0)+IF('Standard Profiles'!$G$22=$B$17,14,0)+IF('Standard Profiles'!$G$22=$B$24,21,0),MOD($C1979,24)+1)/SUM(INDEX($D$3:$AA$30,INDEX(Jesper!$R$2:$R$366,ROW(INDEX(Jesper!AL$2:AL$366,ROUNDDOWN($C1979/24,0)+1,1))-1)+IF('Standard Profiles'!$G$22=$B$10,7,0)+IF('Standard Profiles'!$G$22=$B$17,14,0)+IF('Standard Profiles'!$G$22=$B$24,21,0),0)),0)</f>
        <v>0</v>
      </c>
      <c r="I1979">
        <f t="shared" si="230"/>
        <v>0.46697207358947274</v>
      </c>
      <c r="J1979">
        <f t="shared" si="231"/>
        <v>8.6175209741127023</v>
      </c>
      <c r="K1979">
        <f t="shared" si="232"/>
        <v>0.60127296712272316</v>
      </c>
      <c r="L1979">
        <f t="shared" si="233"/>
        <v>0.30063648356136158</v>
      </c>
      <c r="M1979">
        <f t="shared" si="234"/>
        <v>0</v>
      </c>
      <c r="N1979" s="45">
        <f t="shared" si="235"/>
        <v>45008.041666661949</v>
      </c>
    </row>
    <row r="1980" spans="2:14" x14ac:dyDescent="0.25">
      <c r="B1980">
        <f t="shared" si="229"/>
        <v>4</v>
      </c>
      <c r="C1980" s="16">
        <v>1946</v>
      </c>
      <c r="D1980" cm="1">
        <f t="array" ref="D1980">IFERROR(INDEX(Jesper!AH$2:AH$366,ROUNDDOWN($C1980/24,0)+1,1)*INDEX($D$3:$AA$30,INDEX(Jesper!$R$2:$R$366,ROW(INDEX(Jesper!AH$2:AH$366,ROUNDDOWN($C1980/24,0)+1,1))-1)+IF('Standard Profiles'!$G$18=$B$10,7,0)+IF('Standard Profiles'!$G$18=$B$17,14,0)+IF('Standard Profiles'!$G$18=$B$24,21,0),MOD($C1980,24)+1)/SUM(INDEX($D$3:$AA$30,INDEX(Jesper!$R$2:$R$366,ROW(INDEX(Jesper!AH$2:AH$366,ROUNDDOWN($C1980/24,0)+1,1))-1)+IF('Standard Profiles'!$G$18=$B$10,7,0)+IF('Standard Profiles'!$G$18=$B$17,14,0)+IF('Standard Profiles'!$G$18=$B$24,21,0),0)),0)</f>
        <v>5.6369340667755292</v>
      </c>
      <c r="E1980" cm="1">
        <f t="array" ref="E1980">IFERROR(INDEX(Jesper!AI$2:AI$366,ROUNDDOWN($C1980/24,0)+1,1)*INDEX($D$3:$AA$30,INDEX(Jesper!$R$2:$R$366,ROW(INDEX(Jesper!AI$2:AI$366,ROUNDDOWN($C1980/24,0)+1,1))-1)+IF('Standard Profiles'!$G$19=$B$10,7,0)+IF('Standard Profiles'!$G$19=$B$17,14,0)+IF('Standard Profiles'!$G$19=$B$24,21,0),MOD($C1980,24)+1)/SUM(INDEX($D$3:$AA$30,INDEX(Jesper!$R$2:$R$366,ROW(INDEX(Jesper!AI$2:AI$366,ROUNDDOWN($C1980/24,0)+1,1))-1)+IF('Standard Profiles'!$G$19=$B$10,7,0)+IF('Standard Profiles'!$G$19=$B$17,14,0)+IF('Standard Profiles'!$G$19=$B$24,21,0),0)),0)</f>
        <v>3.376609944965995</v>
      </c>
      <c r="F1980" cm="1">
        <f t="array" ref="F1980">IFERROR(INDEX(Jesper!AJ$2:AJ$366,ROUNDDOWN($C1980/24,0)+1,1)*INDEX($D$3:$AA$30,INDEX(Jesper!$R$2:$R$366,ROW(INDEX(Jesper!AJ$2:AJ$366,ROUNDDOWN($C1980/24,0)+1,1))-1)+IF('Standard Profiles'!$G$20=$B$10,7,0)+IF('Standard Profiles'!$G$20=$B$17,14,0)+IF('Standard Profiles'!$G$20=$B$24,21,0),MOD($C1980,24)+1)/SUM(INDEX($D$3:$AA$30,INDEX(Jesper!$R$2:$R$366,ROW(INDEX(Jesper!AJ$2:AJ$366,ROUNDDOWN($C1980/24,0)+1,1))-1)+IF('Standard Profiles'!$G$20=$B$10,7,0)+IF('Standard Profiles'!$G$20=$B$17,14,0)+IF('Standard Profiles'!$G$20=$B$24,21,0),0)),0)</f>
        <v>0</v>
      </c>
      <c r="G1980" cm="1">
        <f t="array" ref="G1980">IFERROR(INDEX(Jesper!AK$2:AK$366,ROUNDDOWN($C1980/24,0)+1,1)*INDEX($D$3:$AA$30,INDEX(Jesper!$R$2:$R$366,ROW(INDEX(Jesper!AK$2:AK$366,ROUNDDOWN($C1980/24,0)+1,1))-1)+IF('Standard Profiles'!$G$21=$B$10,7,0)+IF('Standard Profiles'!$G$21=$B$17,14,0)+IF('Standard Profiles'!$G$21=$B$24,21,0),MOD($C1980,24)+1)/SUM(INDEX($D$3:$AA$30,INDEX(Jesper!$R$2:$R$366,ROW(INDEX(Jesper!AK$2:AK$366,ROUNDDOWN($C1980/24,0)+1,1))-1)+IF('Standard Profiles'!$G$21=$B$10,7,0)+IF('Standard Profiles'!$G$21=$B$17,14,0)+IF('Standard Profiles'!$G$21=$B$24,21,0),0)),0)</f>
        <v>0.9728584866447354</v>
      </c>
      <c r="H1980" cm="1">
        <f t="array" ref="H1980">IFERROR(INDEX(Jesper!AL$2:AL$366,ROUNDDOWN($C1980/24,0)+1,1)*INDEX($D$3:$AA$30,INDEX(Jesper!$R$2:$R$366,ROW(INDEX(Jesper!AL$2:AL$366,ROUNDDOWN($C1980/24,0)+1,1))-1)+IF('Standard Profiles'!$G$22=$B$10,7,0)+IF('Standard Profiles'!$G$22=$B$17,14,0)+IF('Standard Profiles'!$G$22=$B$24,21,0),MOD($C1980,24)+1)/SUM(INDEX($D$3:$AA$30,INDEX(Jesper!$R$2:$R$366,ROW(INDEX(Jesper!AL$2:AL$366,ROUNDDOWN($C1980/24,0)+1,1))-1)+IF('Standard Profiles'!$G$22=$B$10,7,0)+IF('Standard Profiles'!$G$22=$B$17,14,0)+IF('Standard Profiles'!$G$22=$B$24,21,0),0)),0)</f>
        <v>0</v>
      </c>
      <c r="I1980">
        <f t="shared" si="230"/>
        <v>0.46697207358947274</v>
      </c>
      <c r="J1980">
        <f t="shared" si="231"/>
        <v>8.6175209741127023</v>
      </c>
      <c r="K1980">
        <f t="shared" si="232"/>
        <v>0.60127296712272316</v>
      </c>
      <c r="L1980">
        <f t="shared" si="233"/>
        <v>0.30063648356136158</v>
      </c>
      <c r="M1980">
        <f t="shared" si="234"/>
        <v>0</v>
      </c>
      <c r="N1980" s="45">
        <f t="shared" si="235"/>
        <v>45008.083333328614</v>
      </c>
    </row>
    <row r="1981" spans="2:14" x14ac:dyDescent="0.25">
      <c r="B1981">
        <f t="shared" si="229"/>
        <v>4</v>
      </c>
      <c r="C1981" s="16">
        <v>1947</v>
      </c>
      <c r="D1981" cm="1">
        <f t="array" ref="D1981">IFERROR(INDEX(Jesper!AH$2:AH$366,ROUNDDOWN($C1981/24,0)+1,1)*INDEX($D$3:$AA$30,INDEX(Jesper!$R$2:$R$366,ROW(INDEX(Jesper!AH$2:AH$366,ROUNDDOWN($C1981/24,0)+1,1))-1)+IF('Standard Profiles'!$G$18=$B$10,7,0)+IF('Standard Profiles'!$G$18=$B$17,14,0)+IF('Standard Profiles'!$G$18=$B$24,21,0),MOD($C1981,24)+1)/SUM(INDEX($D$3:$AA$30,INDEX(Jesper!$R$2:$R$366,ROW(INDEX(Jesper!AH$2:AH$366,ROUNDDOWN($C1981/24,0)+1,1))-1)+IF('Standard Profiles'!$G$18=$B$10,7,0)+IF('Standard Profiles'!$G$18=$B$17,14,0)+IF('Standard Profiles'!$G$18=$B$24,21,0),0)),0)</f>
        <v>5.6369340667755292</v>
      </c>
      <c r="E1981" cm="1">
        <f t="array" ref="E1981">IFERROR(INDEX(Jesper!AI$2:AI$366,ROUNDDOWN($C1981/24,0)+1,1)*INDEX($D$3:$AA$30,INDEX(Jesper!$R$2:$R$366,ROW(INDEX(Jesper!AI$2:AI$366,ROUNDDOWN($C1981/24,0)+1,1))-1)+IF('Standard Profiles'!$G$19=$B$10,7,0)+IF('Standard Profiles'!$G$19=$B$17,14,0)+IF('Standard Profiles'!$G$19=$B$24,21,0),MOD($C1981,24)+1)/SUM(INDEX($D$3:$AA$30,INDEX(Jesper!$R$2:$R$366,ROW(INDEX(Jesper!AI$2:AI$366,ROUNDDOWN($C1981/24,0)+1,1))-1)+IF('Standard Profiles'!$G$19=$B$10,7,0)+IF('Standard Profiles'!$G$19=$B$17,14,0)+IF('Standard Profiles'!$G$19=$B$24,21,0),0)),0)</f>
        <v>3.376609944965995</v>
      </c>
      <c r="F1981" cm="1">
        <f t="array" ref="F1981">IFERROR(INDEX(Jesper!AJ$2:AJ$366,ROUNDDOWN($C1981/24,0)+1,1)*INDEX($D$3:$AA$30,INDEX(Jesper!$R$2:$R$366,ROW(INDEX(Jesper!AJ$2:AJ$366,ROUNDDOWN($C1981/24,0)+1,1))-1)+IF('Standard Profiles'!$G$20=$B$10,7,0)+IF('Standard Profiles'!$G$20=$B$17,14,0)+IF('Standard Profiles'!$G$20=$B$24,21,0),MOD($C1981,24)+1)/SUM(INDEX($D$3:$AA$30,INDEX(Jesper!$R$2:$R$366,ROW(INDEX(Jesper!AJ$2:AJ$366,ROUNDDOWN($C1981/24,0)+1,1))-1)+IF('Standard Profiles'!$G$20=$B$10,7,0)+IF('Standard Profiles'!$G$20=$B$17,14,0)+IF('Standard Profiles'!$G$20=$B$24,21,0),0)),0)</f>
        <v>0</v>
      </c>
      <c r="G1981" cm="1">
        <f t="array" ref="G1981">IFERROR(INDEX(Jesper!AK$2:AK$366,ROUNDDOWN($C1981/24,0)+1,1)*INDEX($D$3:$AA$30,INDEX(Jesper!$R$2:$R$366,ROW(INDEX(Jesper!AK$2:AK$366,ROUNDDOWN($C1981/24,0)+1,1))-1)+IF('Standard Profiles'!$G$21=$B$10,7,0)+IF('Standard Profiles'!$G$21=$B$17,14,0)+IF('Standard Profiles'!$G$21=$B$24,21,0),MOD($C1981,24)+1)/SUM(INDEX($D$3:$AA$30,INDEX(Jesper!$R$2:$R$366,ROW(INDEX(Jesper!AK$2:AK$366,ROUNDDOWN($C1981/24,0)+1,1))-1)+IF('Standard Profiles'!$G$21=$B$10,7,0)+IF('Standard Profiles'!$G$21=$B$17,14,0)+IF('Standard Profiles'!$G$21=$B$24,21,0),0)),0)</f>
        <v>0.9728584866447354</v>
      </c>
      <c r="H1981" cm="1">
        <f t="array" ref="H1981">IFERROR(INDEX(Jesper!AL$2:AL$366,ROUNDDOWN($C1981/24,0)+1,1)*INDEX($D$3:$AA$30,INDEX(Jesper!$R$2:$R$366,ROW(INDEX(Jesper!AL$2:AL$366,ROUNDDOWN($C1981/24,0)+1,1))-1)+IF('Standard Profiles'!$G$22=$B$10,7,0)+IF('Standard Profiles'!$G$22=$B$17,14,0)+IF('Standard Profiles'!$G$22=$B$24,21,0),MOD($C1981,24)+1)/SUM(INDEX($D$3:$AA$30,INDEX(Jesper!$R$2:$R$366,ROW(INDEX(Jesper!AL$2:AL$366,ROUNDDOWN($C1981/24,0)+1,1))-1)+IF('Standard Profiles'!$G$22=$B$10,7,0)+IF('Standard Profiles'!$G$22=$B$17,14,0)+IF('Standard Profiles'!$G$22=$B$24,21,0),0)),0)</f>
        <v>0</v>
      </c>
      <c r="I1981">
        <f t="shared" si="230"/>
        <v>0.46697207358947274</v>
      </c>
      <c r="J1981">
        <f t="shared" si="231"/>
        <v>8.6175209741127023</v>
      </c>
      <c r="K1981">
        <f t="shared" si="232"/>
        <v>0.60127296712272316</v>
      </c>
      <c r="L1981">
        <f t="shared" si="233"/>
        <v>0.30063648356136158</v>
      </c>
      <c r="M1981">
        <f t="shared" si="234"/>
        <v>0</v>
      </c>
      <c r="N1981" s="45">
        <f t="shared" si="235"/>
        <v>45008.124999995278</v>
      </c>
    </row>
    <row r="1982" spans="2:14" x14ac:dyDescent="0.25">
      <c r="B1982">
        <f t="shared" si="229"/>
        <v>4</v>
      </c>
      <c r="C1982" s="16">
        <v>1948</v>
      </c>
      <c r="D1982" cm="1">
        <f t="array" ref="D1982">IFERROR(INDEX(Jesper!AH$2:AH$366,ROUNDDOWN($C1982/24,0)+1,1)*INDEX($D$3:$AA$30,INDEX(Jesper!$R$2:$R$366,ROW(INDEX(Jesper!AH$2:AH$366,ROUNDDOWN($C1982/24,0)+1,1))-1)+IF('Standard Profiles'!$G$18=$B$10,7,0)+IF('Standard Profiles'!$G$18=$B$17,14,0)+IF('Standard Profiles'!$G$18=$B$24,21,0),MOD($C1982,24)+1)/SUM(INDEX($D$3:$AA$30,INDEX(Jesper!$R$2:$R$366,ROW(INDEX(Jesper!AH$2:AH$366,ROUNDDOWN($C1982/24,0)+1,1))-1)+IF('Standard Profiles'!$G$18=$B$10,7,0)+IF('Standard Profiles'!$G$18=$B$17,14,0)+IF('Standard Profiles'!$G$18=$B$24,21,0),0)),0)</f>
        <v>5.6369340667755292</v>
      </c>
      <c r="E1982" cm="1">
        <f t="array" ref="E1982">IFERROR(INDEX(Jesper!AI$2:AI$366,ROUNDDOWN($C1982/24,0)+1,1)*INDEX($D$3:$AA$30,INDEX(Jesper!$R$2:$R$366,ROW(INDEX(Jesper!AI$2:AI$366,ROUNDDOWN($C1982/24,0)+1,1))-1)+IF('Standard Profiles'!$G$19=$B$10,7,0)+IF('Standard Profiles'!$G$19=$B$17,14,0)+IF('Standard Profiles'!$G$19=$B$24,21,0),MOD($C1982,24)+1)/SUM(INDEX($D$3:$AA$30,INDEX(Jesper!$R$2:$R$366,ROW(INDEX(Jesper!AI$2:AI$366,ROUNDDOWN($C1982/24,0)+1,1))-1)+IF('Standard Profiles'!$G$19=$B$10,7,0)+IF('Standard Profiles'!$G$19=$B$17,14,0)+IF('Standard Profiles'!$G$19=$B$24,21,0),0)),0)</f>
        <v>3.376609944965995</v>
      </c>
      <c r="F1982" cm="1">
        <f t="array" ref="F1982">IFERROR(INDEX(Jesper!AJ$2:AJ$366,ROUNDDOWN($C1982/24,0)+1,1)*INDEX($D$3:$AA$30,INDEX(Jesper!$R$2:$R$366,ROW(INDEX(Jesper!AJ$2:AJ$366,ROUNDDOWN($C1982/24,0)+1,1))-1)+IF('Standard Profiles'!$G$20=$B$10,7,0)+IF('Standard Profiles'!$G$20=$B$17,14,0)+IF('Standard Profiles'!$G$20=$B$24,21,0),MOD($C1982,24)+1)/SUM(INDEX($D$3:$AA$30,INDEX(Jesper!$R$2:$R$366,ROW(INDEX(Jesper!AJ$2:AJ$366,ROUNDDOWN($C1982/24,0)+1,1))-1)+IF('Standard Profiles'!$G$20=$B$10,7,0)+IF('Standard Profiles'!$G$20=$B$17,14,0)+IF('Standard Profiles'!$G$20=$B$24,21,0),0)),0)</f>
        <v>0</v>
      </c>
      <c r="G1982" cm="1">
        <f t="array" ref="G1982">IFERROR(INDEX(Jesper!AK$2:AK$366,ROUNDDOWN($C1982/24,0)+1,1)*INDEX($D$3:$AA$30,INDEX(Jesper!$R$2:$R$366,ROW(INDEX(Jesper!AK$2:AK$366,ROUNDDOWN($C1982/24,0)+1,1))-1)+IF('Standard Profiles'!$G$21=$B$10,7,0)+IF('Standard Profiles'!$G$21=$B$17,14,0)+IF('Standard Profiles'!$G$21=$B$24,21,0),MOD($C1982,24)+1)/SUM(INDEX($D$3:$AA$30,INDEX(Jesper!$R$2:$R$366,ROW(INDEX(Jesper!AK$2:AK$366,ROUNDDOWN($C1982/24,0)+1,1))-1)+IF('Standard Profiles'!$G$21=$B$10,7,0)+IF('Standard Profiles'!$G$21=$B$17,14,0)+IF('Standard Profiles'!$G$21=$B$24,21,0),0)),0)</f>
        <v>0.9728584866447354</v>
      </c>
      <c r="H1982" cm="1">
        <f t="array" ref="H1982">IFERROR(INDEX(Jesper!AL$2:AL$366,ROUNDDOWN($C1982/24,0)+1,1)*INDEX($D$3:$AA$30,INDEX(Jesper!$R$2:$R$366,ROW(INDEX(Jesper!AL$2:AL$366,ROUNDDOWN($C1982/24,0)+1,1))-1)+IF('Standard Profiles'!$G$22=$B$10,7,0)+IF('Standard Profiles'!$G$22=$B$17,14,0)+IF('Standard Profiles'!$G$22=$B$24,21,0),MOD($C1982,24)+1)/SUM(INDEX($D$3:$AA$30,INDEX(Jesper!$R$2:$R$366,ROW(INDEX(Jesper!AL$2:AL$366,ROUNDDOWN($C1982/24,0)+1,1))-1)+IF('Standard Profiles'!$G$22=$B$10,7,0)+IF('Standard Profiles'!$G$22=$B$17,14,0)+IF('Standard Profiles'!$G$22=$B$24,21,0),0)),0)</f>
        <v>0</v>
      </c>
      <c r="I1982">
        <f t="shared" si="230"/>
        <v>0.46697207358947274</v>
      </c>
      <c r="J1982">
        <f t="shared" si="231"/>
        <v>8.6175209741127023</v>
      </c>
      <c r="K1982">
        <f t="shared" si="232"/>
        <v>0.60127296712272316</v>
      </c>
      <c r="L1982">
        <f t="shared" si="233"/>
        <v>0.30063648356136158</v>
      </c>
      <c r="M1982">
        <f t="shared" si="234"/>
        <v>0</v>
      </c>
      <c r="N1982" s="45">
        <f t="shared" si="235"/>
        <v>45008.166666661942</v>
      </c>
    </row>
    <row r="1983" spans="2:14" x14ac:dyDescent="0.25">
      <c r="B1983">
        <f t="shared" si="229"/>
        <v>4</v>
      </c>
      <c r="C1983" s="16">
        <v>1949</v>
      </c>
      <c r="D1983" cm="1">
        <f t="array" ref="D1983">IFERROR(INDEX(Jesper!AH$2:AH$366,ROUNDDOWN($C1983/24,0)+1,1)*INDEX($D$3:$AA$30,INDEX(Jesper!$R$2:$R$366,ROW(INDEX(Jesper!AH$2:AH$366,ROUNDDOWN($C1983/24,0)+1,1))-1)+IF('Standard Profiles'!$G$18=$B$10,7,0)+IF('Standard Profiles'!$G$18=$B$17,14,0)+IF('Standard Profiles'!$G$18=$B$24,21,0),MOD($C1983,24)+1)/SUM(INDEX($D$3:$AA$30,INDEX(Jesper!$R$2:$R$366,ROW(INDEX(Jesper!AH$2:AH$366,ROUNDDOWN($C1983/24,0)+1,1))-1)+IF('Standard Profiles'!$G$18=$B$10,7,0)+IF('Standard Profiles'!$G$18=$B$17,14,0)+IF('Standard Profiles'!$G$18=$B$24,21,0),0)),0)</f>
        <v>5.6369340667755292</v>
      </c>
      <c r="E1983" cm="1">
        <f t="array" ref="E1983">IFERROR(INDEX(Jesper!AI$2:AI$366,ROUNDDOWN($C1983/24,0)+1,1)*INDEX($D$3:$AA$30,INDEX(Jesper!$R$2:$R$366,ROW(INDEX(Jesper!AI$2:AI$366,ROUNDDOWN($C1983/24,0)+1,1))-1)+IF('Standard Profiles'!$G$19=$B$10,7,0)+IF('Standard Profiles'!$G$19=$B$17,14,0)+IF('Standard Profiles'!$G$19=$B$24,21,0),MOD($C1983,24)+1)/SUM(INDEX($D$3:$AA$30,INDEX(Jesper!$R$2:$R$366,ROW(INDEX(Jesper!AI$2:AI$366,ROUNDDOWN($C1983/24,0)+1,1))-1)+IF('Standard Profiles'!$G$19=$B$10,7,0)+IF('Standard Profiles'!$G$19=$B$17,14,0)+IF('Standard Profiles'!$G$19=$B$24,21,0),0)),0)</f>
        <v>3.376609944965995</v>
      </c>
      <c r="F1983" cm="1">
        <f t="array" ref="F1983">IFERROR(INDEX(Jesper!AJ$2:AJ$366,ROUNDDOWN($C1983/24,0)+1,1)*INDEX($D$3:$AA$30,INDEX(Jesper!$R$2:$R$366,ROW(INDEX(Jesper!AJ$2:AJ$366,ROUNDDOWN($C1983/24,0)+1,1))-1)+IF('Standard Profiles'!$G$20=$B$10,7,0)+IF('Standard Profiles'!$G$20=$B$17,14,0)+IF('Standard Profiles'!$G$20=$B$24,21,0),MOD($C1983,24)+1)/SUM(INDEX($D$3:$AA$30,INDEX(Jesper!$R$2:$R$366,ROW(INDEX(Jesper!AJ$2:AJ$366,ROUNDDOWN($C1983/24,0)+1,1))-1)+IF('Standard Profiles'!$G$20=$B$10,7,0)+IF('Standard Profiles'!$G$20=$B$17,14,0)+IF('Standard Profiles'!$G$20=$B$24,21,0),0)),0)</f>
        <v>0</v>
      </c>
      <c r="G1983" cm="1">
        <f t="array" ref="G1983">IFERROR(INDEX(Jesper!AK$2:AK$366,ROUNDDOWN($C1983/24,0)+1,1)*INDEX($D$3:$AA$30,INDEX(Jesper!$R$2:$R$366,ROW(INDEX(Jesper!AK$2:AK$366,ROUNDDOWN($C1983/24,0)+1,1))-1)+IF('Standard Profiles'!$G$21=$B$10,7,0)+IF('Standard Profiles'!$G$21=$B$17,14,0)+IF('Standard Profiles'!$G$21=$B$24,21,0),MOD($C1983,24)+1)/SUM(INDEX($D$3:$AA$30,INDEX(Jesper!$R$2:$R$366,ROW(INDEX(Jesper!AK$2:AK$366,ROUNDDOWN($C1983/24,0)+1,1))-1)+IF('Standard Profiles'!$G$21=$B$10,7,0)+IF('Standard Profiles'!$G$21=$B$17,14,0)+IF('Standard Profiles'!$G$21=$B$24,21,0),0)),0)</f>
        <v>0.9728584866447354</v>
      </c>
      <c r="H1983" cm="1">
        <f t="array" ref="H1983">IFERROR(INDEX(Jesper!AL$2:AL$366,ROUNDDOWN($C1983/24,0)+1,1)*INDEX($D$3:$AA$30,INDEX(Jesper!$R$2:$R$366,ROW(INDEX(Jesper!AL$2:AL$366,ROUNDDOWN($C1983/24,0)+1,1))-1)+IF('Standard Profiles'!$G$22=$B$10,7,0)+IF('Standard Profiles'!$G$22=$B$17,14,0)+IF('Standard Profiles'!$G$22=$B$24,21,0),MOD($C1983,24)+1)/SUM(INDEX($D$3:$AA$30,INDEX(Jesper!$R$2:$R$366,ROW(INDEX(Jesper!AL$2:AL$366,ROUNDDOWN($C1983/24,0)+1,1))-1)+IF('Standard Profiles'!$G$22=$B$10,7,0)+IF('Standard Profiles'!$G$22=$B$17,14,0)+IF('Standard Profiles'!$G$22=$B$24,21,0),0)),0)</f>
        <v>0</v>
      </c>
      <c r="I1983">
        <f t="shared" si="230"/>
        <v>0.46697207358947274</v>
      </c>
      <c r="J1983">
        <f t="shared" si="231"/>
        <v>8.6175209741127023</v>
      </c>
      <c r="K1983">
        <f t="shared" si="232"/>
        <v>0.60127296712272316</v>
      </c>
      <c r="L1983">
        <f t="shared" si="233"/>
        <v>0.30063648356136158</v>
      </c>
      <c r="M1983">
        <f t="shared" si="234"/>
        <v>0</v>
      </c>
      <c r="N1983" s="45">
        <f t="shared" si="235"/>
        <v>45008.208333328606</v>
      </c>
    </row>
    <row r="1984" spans="2:14" x14ac:dyDescent="0.25">
      <c r="B1984">
        <f t="shared" si="229"/>
        <v>4</v>
      </c>
      <c r="C1984" s="16">
        <v>1950</v>
      </c>
      <c r="D1984" cm="1">
        <f t="array" ref="D1984">IFERROR(INDEX(Jesper!AH$2:AH$366,ROUNDDOWN($C1984/24,0)+1,1)*INDEX($D$3:$AA$30,INDEX(Jesper!$R$2:$R$366,ROW(INDEX(Jesper!AH$2:AH$366,ROUNDDOWN($C1984/24,0)+1,1))-1)+IF('Standard Profiles'!$G$18=$B$10,7,0)+IF('Standard Profiles'!$G$18=$B$17,14,0)+IF('Standard Profiles'!$G$18=$B$24,21,0),MOD($C1984,24)+1)/SUM(INDEX($D$3:$AA$30,INDEX(Jesper!$R$2:$R$366,ROW(INDEX(Jesper!AH$2:AH$366,ROUNDDOWN($C1984/24,0)+1,1))-1)+IF('Standard Profiles'!$G$18=$B$10,7,0)+IF('Standard Profiles'!$G$18=$B$17,14,0)+IF('Standard Profiles'!$G$18=$B$24,21,0),0)),0)</f>
        <v>5.6369340667755292</v>
      </c>
      <c r="E1984" cm="1">
        <f t="array" ref="E1984">IFERROR(INDEX(Jesper!AI$2:AI$366,ROUNDDOWN($C1984/24,0)+1,1)*INDEX($D$3:$AA$30,INDEX(Jesper!$R$2:$R$366,ROW(INDEX(Jesper!AI$2:AI$366,ROUNDDOWN($C1984/24,0)+1,1))-1)+IF('Standard Profiles'!$G$19=$B$10,7,0)+IF('Standard Profiles'!$G$19=$B$17,14,0)+IF('Standard Profiles'!$G$19=$B$24,21,0),MOD($C1984,24)+1)/SUM(INDEX($D$3:$AA$30,INDEX(Jesper!$R$2:$R$366,ROW(INDEX(Jesper!AI$2:AI$366,ROUNDDOWN($C1984/24,0)+1,1))-1)+IF('Standard Profiles'!$G$19=$B$10,7,0)+IF('Standard Profiles'!$G$19=$B$17,14,0)+IF('Standard Profiles'!$G$19=$B$24,21,0),0)),0)</f>
        <v>3.376609944965995</v>
      </c>
      <c r="F1984" cm="1">
        <f t="array" ref="F1984">IFERROR(INDEX(Jesper!AJ$2:AJ$366,ROUNDDOWN($C1984/24,0)+1,1)*INDEX($D$3:$AA$30,INDEX(Jesper!$R$2:$R$366,ROW(INDEX(Jesper!AJ$2:AJ$366,ROUNDDOWN($C1984/24,0)+1,1))-1)+IF('Standard Profiles'!$G$20=$B$10,7,0)+IF('Standard Profiles'!$G$20=$B$17,14,0)+IF('Standard Profiles'!$G$20=$B$24,21,0),MOD($C1984,24)+1)/SUM(INDEX($D$3:$AA$30,INDEX(Jesper!$R$2:$R$366,ROW(INDEX(Jesper!AJ$2:AJ$366,ROUNDDOWN($C1984/24,0)+1,1))-1)+IF('Standard Profiles'!$G$20=$B$10,7,0)+IF('Standard Profiles'!$G$20=$B$17,14,0)+IF('Standard Profiles'!$G$20=$B$24,21,0),0)),0)</f>
        <v>0</v>
      </c>
      <c r="G1984" cm="1">
        <f t="array" ref="G1984">IFERROR(INDEX(Jesper!AK$2:AK$366,ROUNDDOWN($C1984/24,0)+1,1)*INDEX($D$3:$AA$30,INDEX(Jesper!$R$2:$R$366,ROW(INDEX(Jesper!AK$2:AK$366,ROUNDDOWN($C1984/24,0)+1,1))-1)+IF('Standard Profiles'!$G$21=$B$10,7,0)+IF('Standard Profiles'!$G$21=$B$17,14,0)+IF('Standard Profiles'!$G$21=$B$24,21,0),MOD($C1984,24)+1)/SUM(INDEX($D$3:$AA$30,INDEX(Jesper!$R$2:$R$366,ROW(INDEX(Jesper!AK$2:AK$366,ROUNDDOWN($C1984/24,0)+1,1))-1)+IF('Standard Profiles'!$G$21=$B$10,7,0)+IF('Standard Profiles'!$G$21=$B$17,14,0)+IF('Standard Profiles'!$G$21=$B$24,21,0),0)),0)</f>
        <v>0.9728584866447354</v>
      </c>
      <c r="H1984" cm="1">
        <f t="array" ref="H1984">IFERROR(INDEX(Jesper!AL$2:AL$366,ROUNDDOWN($C1984/24,0)+1,1)*INDEX($D$3:$AA$30,INDEX(Jesper!$R$2:$R$366,ROW(INDEX(Jesper!AL$2:AL$366,ROUNDDOWN($C1984/24,0)+1,1))-1)+IF('Standard Profiles'!$G$22=$B$10,7,0)+IF('Standard Profiles'!$G$22=$B$17,14,0)+IF('Standard Profiles'!$G$22=$B$24,21,0),MOD($C1984,24)+1)/SUM(INDEX($D$3:$AA$30,INDEX(Jesper!$R$2:$R$366,ROW(INDEX(Jesper!AL$2:AL$366,ROUNDDOWN($C1984/24,0)+1,1))-1)+IF('Standard Profiles'!$G$22=$B$10,7,0)+IF('Standard Profiles'!$G$22=$B$17,14,0)+IF('Standard Profiles'!$G$22=$B$24,21,0),0)),0)</f>
        <v>0</v>
      </c>
      <c r="I1984">
        <f t="shared" si="230"/>
        <v>0.46697207358947274</v>
      </c>
      <c r="J1984">
        <f t="shared" si="231"/>
        <v>8.6175209741127023</v>
      </c>
      <c r="K1984">
        <f t="shared" si="232"/>
        <v>0.60127296712272316</v>
      </c>
      <c r="L1984">
        <f t="shared" si="233"/>
        <v>0.30063648356136158</v>
      </c>
      <c r="M1984">
        <f t="shared" si="234"/>
        <v>0</v>
      </c>
      <c r="N1984" s="45">
        <f t="shared" si="235"/>
        <v>45008.249999995271</v>
      </c>
    </row>
    <row r="1985" spans="2:14" x14ac:dyDescent="0.25">
      <c r="B1985">
        <f t="shared" si="229"/>
        <v>4</v>
      </c>
      <c r="C1985" s="16">
        <v>1951</v>
      </c>
      <c r="D1985" cm="1">
        <f t="array" ref="D1985">IFERROR(INDEX(Jesper!AH$2:AH$366,ROUNDDOWN($C1985/24,0)+1,1)*INDEX($D$3:$AA$30,INDEX(Jesper!$R$2:$R$366,ROW(INDEX(Jesper!AH$2:AH$366,ROUNDDOWN($C1985/24,0)+1,1))-1)+IF('Standard Profiles'!$G$18=$B$10,7,0)+IF('Standard Profiles'!$G$18=$B$17,14,0)+IF('Standard Profiles'!$G$18=$B$24,21,0),MOD($C1985,24)+1)/SUM(INDEX($D$3:$AA$30,INDEX(Jesper!$R$2:$R$366,ROW(INDEX(Jesper!AH$2:AH$366,ROUNDDOWN($C1985/24,0)+1,1))-1)+IF('Standard Profiles'!$G$18=$B$10,7,0)+IF('Standard Profiles'!$G$18=$B$17,14,0)+IF('Standard Profiles'!$G$18=$B$24,21,0),0)),0)</f>
        <v>23.043103200242989</v>
      </c>
      <c r="E1985" cm="1">
        <f t="array" ref="E1985">IFERROR(INDEX(Jesper!AI$2:AI$366,ROUNDDOWN($C1985/24,0)+1,1)*INDEX($D$3:$AA$30,INDEX(Jesper!$R$2:$R$366,ROW(INDEX(Jesper!AI$2:AI$366,ROUNDDOWN($C1985/24,0)+1,1))-1)+IF('Standard Profiles'!$G$19=$B$10,7,0)+IF('Standard Profiles'!$G$19=$B$17,14,0)+IF('Standard Profiles'!$G$19=$B$24,21,0),MOD($C1985,24)+1)/SUM(INDEX($D$3:$AA$30,INDEX(Jesper!$R$2:$R$366,ROW(INDEX(Jesper!AI$2:AI$366,ROUNDDOWN($C1985/24,0)+1,1))-1)+IF('Standard Profiles'!$G$19=$B$10,7,0)+IF('Standard Profiles'!$G$19=$B$17,14,0)+IF('Standard Profiles'!$G$19=$B$24,21,0),0)),0)</f>
        <v>13.80317216896705</v>
      </c>
      <c r="F1985" cm="1">
        <f t="array" ref="F1985">IFERROR(INDEX(Jesper!AJ$2:AJ$366,ROUNDDOWN($C1985/24,0)+1,1)*INDEX($D$3:$AA$30,INDEX(Jesper!$R$2:$R$366,ROW(INDEX(Jesper!AJ$2:AJ$366,ROUNDDOWN($C1985/24,0)+1,1))-1)+IF('Standard Profiles'!$G$20=$B$10,7,0)+IF('Standard Profiles'!$G$20=$B$17,14,0)+IF('Standard Profiles'!$G$20=$B$24,21,0),MOD($C1985,24)+1)/SUM(INDEX($D$3:$AA$30,INDEX(Jesper!$R$2:$R$366,ROW(INDEX(Jesper!AJ$2:AJ$366,ROUNDDOWN($C1985/24,0)+1,1))-1)+IF('Standard Profiles'!$G$20=$B$10,7,0)+IF('Standard Profiles'!$G$20=$B$17,14,0)+IF('Standard Profiles'!$G$20=$B$24,21,0),0)),0)</f>
        <v>0</v>
      </c>
      <c r="G1985" cm="1">
        <f t="array" ref="G1985">IFERROR(INDEX(Jesper!AK$2:AK$366,ROUNDDOWN($C1985/24,0)+1,1)*INDEX($D$3:$AA$30,INDEX(Jesper!$R$2:$R$366,ROW(INDEX(Jesper!AK$2:AK$366,ROUNDDOWN($C1985/24,0)+1,1))-1)+IF('Standard Profiles'!$G$21=$B$10,7,0)+IF('Standard Profiles'!$G$21=$B$17,14,0)+IF('Standard Profiles'!$G$21=$B$24,21,0),MOD($C1985,24)+1)/SUM(INDEX($D$3:$AA$30,INDEX(Jesper!$R$2:$R$366,ROW(INDEX(Jesper!AK$2:AK$366,ROUNDDOWN($C1985/24,0)+1,1))-1)+IF('Standard Profiles'!$G$21=$B$10,7,0)+IF('Standard Profiles'!$G$21=$B$17,14,0)+IF('Standard Profiles'!$G$21=$B$24,21,0),0)),0)</f>
        <v>2.6802251307062455</v>
      </c>
      <c r="H1985" cm="1">
        <f t="array" ref="H1985">IFERROR(INDEX(Jesper!AL$2:AL$366,ROUNDDOWN($C1985/24,0)+1,1)*INDEX($D$3:$AA$30,INDEX(Jesper!$R$2:$R$366,ROW(INDEX(Jesper!AL$2:AL$366,ROUNDDOWN($C1985/24,0)+1,1))-1)+IF('Standard Profiles'!$G$22=$B$10,7,0)+IF('Standard Profiles'!$G$22=$B$17,14,0)+IF('Standard Profiles'!$G$22=$B$24,21,0),MOD($C1985,24)+1)/SUM(INDEX($D$3:$AA$30,INDEX(Jesper!$R$2:$R$366,ROW(INDEX(Jesper!AL$2:AL$366,ROUNDDOWN($C1985/24,0)+1,1))-1)+IF('Standard Profiles'!$G$22=$B$10,7,0)+IF('Standard Profiles'!$G$22=$B$17,14,0)+IF('Standard Profiles'!$G$22=$B$24,21,0),0)),0)</f>
        <v>0</v>
      </c>
      <c r="I1985">
        <f t="shared" si="230"/>
        <v>1.2865080627389971</v>
      </c>
      <c r="J1985">
        <f t="shared" si="231"/>
        <v>34.553095925138408</v>
      </c>
      <c r="K1985">
        <f t="shared" si="232"/>
        <v>2.4579310080259189</v>
      </c>
      <c r="L1985">
        <f t="shared" si="233"/>
        <v>1.2289655040129595</v>
      </c>
      <c r="M1985">
        <f t="shared" si="234"/>
        <v>0</v>
      </c>
      <c r="N1985" s="45">
        <f t="shared" si="235"/>
        <v>45008.291666661935</v>
      </c>
    </row>
    <row r="1986" spans="2:14" x14ac:dyDescent="0.25">
      <c r="B1986">
        <f t="shared" si="229"/>
        <v>4</v>
      </c>
      <c r="C1986" s="16">
        <v>1952</v>
      </c>
      <c r="D1986" cm="1">
        <f t="array" ref="D1986">IFERROR(INDEX(Jesper!AH$2:AH$366,ROUNDDOWN($C1986/24,0)+1,1)*INDEX($D$3:$AA$30,INDEX(Jesper!$R$2:$R$366,ROW(INDEX(Jesper!AH$2:AH$366,ROUNDDOWN($C1986/24,0)+1,1))-1)+IF('Standard Profiles'!$G$18=$B$10,7,0)+IF('Standard Profiles'!$G$18=$B$17,14,0)+IF('Standard Profiles'!$G$18=$B$24,21,0),MOD($C1986,24)+1)/SUM(INDEX($D$3:$AA$30,INDEX(Jesper!$R$2:$R$366,ROW(INDEX(Jesper!AH$2:AH$366,ROUNDDOWN($C1986/24,0)+1,1))-1)+IF('Standard Profiles'!$G$18=$B$10,7,0)+IF('Standard Profiles'!$G$18=$B$17,14,0)+IF('Standard Profiles'!$G$18=$B$24,21,0),0)),0)</f>
        <v>25.711251991850077</v>
      </c>
      <c r="E1986" cm="1">
        <f t="array" ref="E1986">IFERROR(INDEX(Jesper!AI$2:AI$366,ROUNDDOWN($C1986/24,0)+1,1)*INDEX($D$3:$AA$30,INDEX(Jesper!$R$2:$R$366,ROW(INDEX(Jesper!AI$2:AI$366,ROUNDDOWN($C1986/24,0)+1,1))-1)+IF('Standard Profiles'!$G$19=$B$10,7,0)+IF('Standard Profiles'!$G$19=$B$17,14,0)+IF('Standard Profiles'!$G$19=$B$24,21,0),MOD($C1986,24)+1)/SUM(INDEX($D$3:$AA$30,INDEX(Jesper!$R$2:$R$366,ROW(INDEX(Jesper!AI$2:AI$366,ROUNDDOWN($C1986/24,0)+1,1))-1)+IF('Standard Profiles'!$G$19=$B$10,7,0)+IF('Standard Profiles'!$G$19=$B$17,14,0)+IF('Standard Profiles'!$G$19=$B$24,21,0),0)),0)</f>
        <v>15.401434209584291</v>
      </c>
      <c r="F1986" cm="1">
        <f t="array" ref="F1986">IFERROR(INDEX(Jesper!AJ$2:AJ$366,ROUNDDOWN($C1986/24,0)+1,1)*INDEX($D$3:$AA$30,INDEX(Jesper!$R$2:$R$366,ROW(INDEX(Jesper!AJ$2:AJ$366,ROUNDDOWN($C1986/24,0)+1,1))-1)+IF('Standard Profiles'!$G$20=$B$10,7,0)+IF('Standard Profiles'!$G$20=$B$17,14,0)+IF('Standard Profiles'!$G$20=$B$24,21,0),MOD($C1986,24)+1)/SUM(INDEX($D$3:$AA$30,INDEX(Jesper!$R$2:$R$366,ROW(INDEX(Jesper!AJ$2:AJ$366,ROUNDDOWN($C1986/24,0)+1,1))-1)+IF('Standard Profiles'!$G$20=$B$10,7,0)+IF('Standard Profiles'!$G$20=$B$17,14,0)+IF('Standard Profiles'!$G$20=$B$24,21,0),0)),0)</f>
        <v>0</v>
      </c>
      <c r="G1986" cm="1">
        <f t="array" ref="G1986">IFERROR(INDEX(Jesper!AK$2:AK$366,ROUNDDOWN($C1986/24,0)+1,1)*INDEX($D$3:$AA$30,INDEX(Jesper!$R$2:$R$366,ROW(INDEX(Jesper!AK$2:AK$366,ROUNDDOWN($C1986/24,0)+1,1))-1)+IF('Standard Profiles'!$G$21=$B$10,7,0)+IF('Standard Profiles'!$G$21=$B$17,14,0)+IF('Standard Profiles'!$G$21=$B$24,21,0),MOD($C1986,24)+1)/SUM(INDEX($D$3:$AA$30,INDEX(Jesper!$R$2:$R$366,ROW(INDEX(Jesper!AK$2:AK$366,ROUNDDOWN($C1986/24,0)+1,1))-1)+IF('Standard Profiles'!$G$21=$B$10,7,0)+IF('Standard Profiles'!$G$21=$B$17,14,0)+IF('Standard Profiles'!$G$21=$B$24,21,0),0)),0)</f>
        <v>2.9905669879459165</v>
      </c>
      <c r="H1986" cm="1">
        <f t="array" ref="H1986">IFERROR(INDEX(Jesper!AL$2:AL$366,ROUNDDOWN($C1986/24,0)+1,1)*INDEX($D$3:$AA$30,INDEX(Jesper!$R$2:$R$366,ROW(INDEX(Jesper!AL$2:AL$366,ROUNDDOWN($C1986/24,0)+1,1))-1)+IF('Standard Profiles'!$G$22=$B$10,7,0)+IF('Standard Profiles'!$G$22=$B$17,14,0)+IF('Standard Profiles'!$G$22=$B$24,21,0),MOD($C1986,24)+1)/SUM(INDEX($D$3:$AA$30,INDEX(Jesper!$R$2:$R$366,ROW(INDEX(Jesper!AL$2:AL$366,ROUNDDOWN($C1986/24,0)+1,1))-1)+IF('Standard Profiles'!$G$22=$B$10,7,0)+IF('Standard Profiles'!$G$22=$B$17,14,0)+IF('Standard Profiles'!$G$22=$B$24,21,0),0)),0)</f>
        <v>0</v>
      </c>
      <c r="I1986">
        <f t="shared" si="230"/>
        <v>1.4354721542140392</v>
      </c>
      <c r="J1986">
        <f t="shared" si="231"/>
        <v>38.553980716470228</v>
      </c>
      <c r="K1986">
        <f t="shared" si="232"/>
        <v>2.7425335457973419</v>
      </c>
      <c r="L1986">
        <f t="shared" si="233"/>
        <v>1.3712667728986709</v>
      </c>
      <c r="M1986">
        <f t="shared" si="234"/>
        <v>0</v>
      </c>
      <c r="N1986" s="45">
        <f t="shared" si="235"/>
        <v>45008.333333328599</v>
      </c>
    </row>
    <row r="1987" spans="2:14" x14ac:dyDescent="0.25">
      <c r="B1987">
        <f t="shared" si="229"/>
        <v>4</v>
      </c>
      <c r="C1987" s="16">
        <v>1953</v>
      </c>
      <c r="D1987" cm="1">
        <f t="array" ref="D1987">IFERROR(INDEX(Jesper!AH$2:AH$366,ROUNDDOWN($C1987/24,0)+1,1)*INDEX($D$3:$AA$30,INDEX(Jesper!$R$2:$R$366,ROW(INDEX(Jesper!AH$2:AH$366,ROUNDDOWN($C1987/24,0)+1,1))-1)+IF('Standard Profiles'!$G$18=$B$10,7,0)+IF('Standard Profiles'!$G$18=$B$17,14,0)+IF('Standard Profiles'!$G$18=$B$24,21,0),MOD($C1987,24)+1)/SUM(INDEX($D$3:$AA$30,INDEX(Jesper!$R$2:$R$366,ROW(INDEX(Jesper!AH$2:AH$366,ROUNDDOWN($C1987/24,0)+1,1))-1)+IF('Standard Profiles'!$G$18=$B$10,7,0)+IF('Standard Profiles'!$G$18=$B$17,14,0)+IF('Standard Profiles'!$G$18=$B$24,21,0),0)),0)</f>
        <v>28.379400783457164</v>
      </c>
      <c r="E1987" cm="1">
        <f t="array" ref="E1987">IFERROR(INDEX(Jesper!AI$2:AI$366,ROUNDDOWN($C1987/24,0)+1,1)*INDEX($D$3:$AA$30,INDEX(Jesper!$R$2:$R$366,ROW(INDEX(Jesper!AI$2:AI$366,ROUNDDOWN($C1987/24,0)+1,1))-1)+IF('Standard Profiles'!$G$19=$B$10,7,0)+IF('Standard Profiles'!$G$19=$B$17,14,0)+IF('Standard Profiles'!$G$19=$B$24,21,0),MOD($C1987,24)+1)/SUM(INDEX($D$3:$AA$30,INDEX(Jesper!$R$2:$R$366,ROW(INDEX(Jesper!AI$2:AI$366,ROUNDDOWN($C1987/24,0)+1,1))-1)+IF('Standard Profiles'!$G$19=$B$10,7,0)+IF('Standard Profiles'!$G$19=$B$17,14,0)+IF('Standard Profiles'!$G$19=$B$24,21,0),0)),0)</f>
        <v>16.999696250201531</v>
      </c>
      <c r="F1987" cm="1">
        <f t="array" ref="F1987">IFERROR(INDEX(Jesper!AJ$2:AJ$366,ROUNDDOWN($C1987/24,0)+1,1)*INDEX($D$3:$AA$30,INDEX(Jesper!$R$2:$R$366,ROW(INDEX(Jesper!AJ$2:AJ$366,ROUNDDOWN($C1987/24,0)+1,1))-1)+IF('Standard Profiles'!$G$20=$B$10,7,0)+IF('Standard Profiles'!$G$20=$B$17,14,0)+IF('Standard Profiles'!$G$20=$B$24,21,0),MOD($C1987,24)+1)/SUM(INDEX($D$3:$AA$30,INDEX(Jesper!$R$2:$R$366,ROW(INDEX(Jesper!AJ$2:AJ$366,ROUNDDOWN($C1987/24,0)+1,1))-1)+IF('Standard Profiles'!$G$20=$B$10,7,0)+IF('Standard Profiles'!$G$20=$B$17,14,0)+IF('Standard Profiles'!$G$20=$B$24,21,0),0)),0)</f>
        <v>0</v>
      </c>
      <c r="G1987" cm="1">
        <f t="array" ref="G1987">IFERROR(INDEX(Jesper!AK$2:AK$366,ROUNDDOWN($C1987/24,0)+1,1)*INDEX($D$3:$AA$30,INDEX(Jesper!$R$2:$R$366,ROW(INDEX(Jesper!AK$2:AK$366,ROUNDDOWN($C1987/24,0)+1,1))-1)+IF('Standard Profiles'!$G$21=$B$10,7,0)+IF('Standard Profiles'!$G$21=$B$17,14,0)+IF('Standard Profiles'!$G$21=$B$24,21,0),MOD($C1987,24)+1)/SUM(INDEX($D$3:$AA$30,INDEX(Jesper!$R$2:$R$366,ROW(INDEX(Jesper!AK$2:AK$366,ROUNDDOWN($C1987/24,0)+1,1))-1)+IF('Standard Profiles'!$G$21=$B$10,7,0)+IF('Standard Profiles'!$G$21=$B$17,14,0)+IF('Standard Profiles'!$G$21=$B$24,21,0),0)),0)</f>
        <v>3.300908845185587</v>
      </c>
      <c r="H1987" cm="1">
        <f t="array" ref="H1987">IFERROR(INDEX(Jesper!AL$2:AL$366,ROUNDDOWN($C1987/24,0)+1,1)*INDEX($D$3:$AA$30,INDEX(Jesper!$R$2:$R$366,ROW(INDEX(Jesper!AL$2:AL$366,ROUNDDOWN($C1987/24,0)+1,1))-1)+IF('Standard Profiles'!$G$22=$B$10,7,0)+IF('Standard Profiles'!$G$22=$B$17,14,0)+IF('Standard Profiles'!$G$22=$B$24,21,0),MOD($C1987,24)+1)/SUM(INDEX($D$3:$AA$30,INDEX(Jesper!$R$2:$R$366,ROW(INDEX(Jesper!AL$2:AL$366,ROUNDDOWN($C1987/24,0)+1,1))-1)+IF('Standard Profiles'!$G$22=$B$10,7,0)+IF('Standard Profiles'!$G$22=$B$17,14,0)+IF('Standard Profiles'!$G$22=$B$24,21,0),0)),0)</f>
        <v>0</v>
      </c>
      <c r="I1987">
        <f t="shared" si="230"/>
        <v>1.584436245689081</v>
      </c>
      <c r="J1987">
        <f t="shared" si="231"/>
        <v>42.554865507802056</v>
      </c>
      <c r="K1987">
        <f t="shared" si="232"/>
        <v>3.0271360835687644</v>
      </c>
      <c r="L1987">
        <f t="shared" si="233"/>
        <v>1.5135680417843822</v>
      </c>
      <c r="M1987">
        <f t="shared" si="234"/>
        <v>0</v>
      </c>
      <c r="N1987" s="45">
        <f t="shared" si="235"/>
        <v>45008.374999995263</v>
      </c>
    </row>
    <row r="1988" spans="2:14" x14ac:dyDescent="0.25">
      <c r="B1988">
        <f t="shared" si="229"/>
        <v>4</v>
      </c>
      <c r="C1988" s="16">
        <v>1954</v>
      </c>
      <c r="D1988" cm="1">
        <f t="array" ref="D1988">IFERROR(INDEX(Jesper!AH$2:AH$366,ROUNDDOWN($C1988/24,0)+1,1)*INDEX($D$3:$AA$30,INDEX(Jesper!$R$2:$R$366,ROW(INDEX(Jesper!AH$2:AH$366,ROUNDDOWN($C1988/24,0)+1,1))-1)+IF('Standard Profiles'!$G$18=$B$10,7,0)+IF('Standard Profiles'!$G$18=$B$17,14,0)+IF('Standard Profiles'!$G$18=$B$24,21,0),MOD($C1988,24)+1)/SUM(INDEX($D$3:$AA$30,INDEX(Jesper!$R$2:$R$366,ROW(INDEX(Jesper!AH$2:AH$366,ROUNDDOWN($C1988/24,0)+1,1))-1)+IF('Standard Profiles'!$G$18=$B$10,7,0)+IF('Standard Profiles'!$G$18=$B$17,14,0)+IF('Standard Profiles'!$G$18=$B$24,21,0),0)),0)</f>
        <v>28.379400783457164</v>
      </c>
      <c r="E1988" cm="1">
        <f t="array" ref="E1988">IFERROR(INDEX(Jesper!AI$2:AI$366,ROUNDDOWN($C1988/24,0)+1,1)*INDEX($D$3:$AA$30,INDEX(Jesper!$R$2:$R$366,ROW(INDEX(Jesper!AI$2:AI$366,ROUNDDOWN($C1988/24,0)+1,1))-1)+IF('Standard Profiles'!$G$19=$B$10,7,0)+IF('Standard Profiles'!$G$19=$B$17,14,0)+IF('Standard Profiles'!$G$19=$B$24,21,0),MOD($C1988,24)+1)/SUM(INDEX($D$3:$AA$30,INDEX(Jesper!$R$2:$R$366,ROW(INDEX(Jesper!AI$2:AI$366,ROUNDDOWN($C1988/24,0)+1,1))-1)+IF('Standard Profiles'!$G$19=$B$10,7,0)+IF('Standard Profiles'!$G$19=$B$17,14,0)+IF('Standard Profiles'!$G$19=$B$24,21,0),0)),0)</f>
        <v>16.999696250201531</v>
      </c>
      <c r="F1988" cm="1">
        <f t="array" ref="F1988">IFERROR(INDEX(Jesper!AJ$2:AJ$366,ROUNDDOWN($C1988/24,0)+1,1)*INDEX($D$3:$AA$30,INDEX(Jesper!$R$2:$R$366,ROW(INDEX(Jesper!AJ$2:AJ$366,ROUNDDOWN($C1988/24,0)+1,1))-1)+IF('Standard Profiles'!$G$20=$B$10,7,0)+IF('Standard Profiles'!$G$20=$B$17,14,0)+IF('Standard Profiles'!$G$20=$B$24,21,0),MOD($C1988,24)+1)/SUM(INDEX($D$3:$AA$30,INDEX(Jesper!$R$2:$R$366,ROW(INDEX(Jesper!AJ$2:AJ$366,ROUNDDOWN($C1988/24,0)+1,1))-1)+IF('Standard Profiles'!$G$20=$B$10,7,0)+IF('Standard Profiles'!$G$20=$B$17,14,0)+IF('Standard Profiles'!$G$20=$B$24,21,0),0)),0)</f>
        <v>0</v>
      </c>
      <c r="G1988" cm="1">
        <f t="array" ref="G1988">IFERROR(INDEX(Jesper!AK$2:AK$366,ROUNDDOWN($C1988/24,0)+1,1)*INDEX($D$3:$AA$30,INDEX(Jesper!$R$2:$R$366,ROW(INDEX(Jesper!AK$2:AK$366,ROUNDDOWN($C1988/24,0)+1,1))-1)+IF('Standard Profiles'!$G$21=$B$10,7,0)+IF('Standard Profiles'!$G$21=$B$17,14,0)+IF('Standard Profiles'!$G$21=$B$24,21,0),MOD($C1988,24)+1)/SUM(INDEX($D$3:$AA$30,INDEX(Jesper!$R$2:$R$366,ROW(INDEX(Jesper!AK$2:AK$366,ROUNDDOWN($C1988/24,0)+1,1))-1)+IF('Standard Profiles'!$G$21=$B$10,7,0)+IF('Standard Profiles'!$G$21=$B$17,14,0)+IF('Standard Profiles'!$G$21=$B$24,21,0),0)),0)</f>
        <v>3.300908845185587</v>
      </c>
      <c r="H1988" cm="1">
        <f t="array" ref="H1988">IFERROR(INDEX(Jesper!AL$2:AL$366,ROUNDDOWN($C1988/24,0)+1,1)*INDEX($D$3:$AA$30,INDEX(Jesper!$R$2:$R$366,ROW(INDEX(Jesper!AL$2:AL$366,ROUNDDOWN($C1988/24,0)+1,1))-1)+IF('Standard Profiles'!$G$22=$B$10,7,0)+IF('Standard Profiles'!$G$22=$B$17,14,0)+IF('Standard Profiles'!$G$22=$B$24,21,0),MOD($C1988,24)+1)/SUM(INDEX($D$3:$AA$30,INDEX(Jesper!$R$2:$R$366,ROW(INDEX(Jesper!AL$2:AL$366,ROUNDDOWN($C1988/24,0)+1,1))-1)+IF('Standard Profiles'!$G$22=$B$10,7,0)+IF('Standard Profiles'!$G$22=$B$17,14,0)+IF('Standard Profiles'!$G$22=$B$24,21,0),0)),0)</f>
        <v>0</v>
      </c>
      <c r="I1988">
        <f t="shared" si="230"/>
        <v>1.584436245689081</v>
      </c>
      <c r="J1988">
        <f t="shared" si="231"/>
        <v>42.554865507802056</v>
      </c>
      <c r="K1988">
        <f t="shared" si="232"/>
        <v>3.0271360835687644</v>
      </c>
      <c r="L1988">
        <f t="shared" si="233"/>
        <v>1.5135680417843822</v>
      </c>
      <c r="M1988">
        <f t="shared" si="234"/>
        <v>0</v>
      </c>
      <c r="N1988" s="45">
        <f t="shared" si="235"/>
        <v>45008.416666661928</v>
      </c>
    </row>
    <row r="1989" spans="2:14" x14ac:dyDescent="0.25">
      <c r="B1989">
        <f t="shared" si="229"/>
        <v>4</v>
      </c>
      <c r="C1989" s="16">
        <v>1955</v>
      </c>
      <c r="D1989" cm="1">
        <f t="array" ref="D1989">IFERROR(INDEX(Jesper!AH$2:AH$366,ROUNDDOWN($C1989/24,0)+1,1)*INDEX($D$3:$AA$30,INDEX(Jesper!$R$2:$R$366,ROW(INDEX(Jesper!AH$2:AH$366,ROUNDDOWN($C1989/24,0)+1,1))-1)+IF('Standard Profiles'!$G$18=$B$10,7,0)+IF('Standard Profiles'!$G$18=$B$17,14,0)+IF('Standard Profiles'!$G$18=$B$24,21,0),MOD($C1989,24)+1)/SUM(INDEX($D$3:$AA$30,INDEX(Jesper!$R$2:$R$366,ROW(INDEX(Jesper!AH$2:AH$366,ROUNDDOWN($C1989/24,0)+1,1))-1)+IF('Standard Profiles'!$G$18=$B$10,7,0)+IF('Standard Profiles'!$G$18=$B$17,14,0)+IF('Standard Profiles'!$G$18=$B$24,21,0),0)),0)</f>
        <v>33.958257347726516</v>
      </c>
      <c r="E1989" cm="1">
        <f t="array" ref="E1989">IFERROR(INDEX(Jesper!AI$2:AI$366,ROUNDDOWN($C1989/24,0)+1,1)*INDEX($D$3:$AA$30,INDEX(Jesper!$R$2:$R$366,ROW(INDEX(Jesper!AI$2:AI$366,ROUNDDOWN($C1989/24,0)+1,1))-1)+IF('Standard Profiles'!$G$19=$B$10,7,0)+IF('Standard Profiles'!$G$19=$B$17,14,0)+IF('Standard Profiles'!$G$19=$B$24,21,0),MOD($C1989,24)+1)/SUM(INDEX($D$3:$AA$30,INDEX(Jesper!$R$2:$R$366,ROW(INDEX(Jesper!AI$2:AI$366,ROUNDDOWN($C1989/24,0)+1,1))-1)+IF('Standard Profiles'!$G$19=$B$10,7,0)+IF('Standard Profiles'!$G$19=$B$17,14,0)+IF('Standard Profiles'!$G$19=$B$24,21,0),0)),0)</f>
        <v>20.341516880583026</v>
      </c>
      <c r="F1989" cm="1">
        <f t="array" ref="F1989">IFERROR(INDEX(Jesper!AJ$2:AJ$366,ROUNDDOWN($C1989/24,0)+1,1)*INDEX($D$3:$AA$30,INDEX(Jesper!$R$2:$R$366,ROW(INDEX(Jesper!AJ$2:AJ$366,ROUNDDOWN($C1989/24,0)+1,1))-1)+IF('Standard Profiles'!$G$20=$B$10,7,0)+IF('Standard Profiles'!$G$20=$B$17,14,0)+IF('Standard Profiles'!$G$20=$B$24,21,0),MOD($C1989,24)+1)/SUM(INDEX($D$3:$AA$30,INDEX(Jesper!$R$2:$R$366,ROW(INDEX(Jesper!AJ$2:AJ$366,ROUNDDOWN($C1989/24,0)+1,1))-1)+IF('Standard Profiles'!$G$20=$B$10,7,0)+IF('Standard Profiles'!$G$20=$B$17,14,0)+IF('Standard Profiles'!$G$20=$B$24,21,0),0)),0)</f>
        <v>0</v>
      </c>
      <c r="G1989" cm="1">
        <f t="array" ref="G1989">IFERROR(INDEX(Jesper!AK$2:AK$366,ROUNDDOWN($C1989/24,0)+1,1)*INDEX($D$3:$AA$30,INDEX(Jesper!$R$2:$R$366,ROW(INDEX(Jesper!AK$2:AK$366,ROUNDDOWN($C1989/24,0)+1,1))-1)+IF('Standard Profiles'!$G$21=$B$10,7,0)+IF('Standard Profiles'!$G$21=$B$17,14,0)+IF('Standard Profiles'!$G$21=$B$24,21,0),MOD($C1989,24)+1)/SUM(INDEX($D$3:$AA$30,INDEX(Jesper!$R$2:$R$366,ROW(INDEX(Jesper!AK$2:AK$366,ROUNDDOWN($C1989/24,0)+1,1))-1)+IF('Standard Profiles'!$G$21=$B$10,7,0)+IF('Standard Profiles'!$G$21=$B$17,14,0)+IF('Standard Profiles'!$G$21=$B$24,21,0),0)),0)</f>
        <v>3.949805455777625</v>
      </c>
      <c r="H1989" cm="1">
        <f t="array" ref="H1989">IFERROR(INDEX(Jesper!AL$2:AL$366,ROUNDDOWN($C1989/24,0)+1,1)*INDEX($D$3:$AA$30,INDEX(Jesper!$R$2:$R$366,ROW(INDEX(Jesper!AL$2:AL$366,ROUNDDOWN($C1989/24,0)+1,1))-1)+IF('Standard Profiles'!$G$22=$B$10,7,0)+IF('Standard Profiles'!$G$22=$B$17,14,0)+IF('Standard Profiles'!$G$22=$B$24,21,0),MOD($C1989,24)+1)/SUM(INDEX($D$3:$AA$30,INDEX(Jesper!$R$2:$R$366,ROW(INDEX(Jesper!AL$2:AL$366,ROUNDDOWN($C1989/24,0)+1,1))-1)+IF('Standard Profiles'!$G$22=$B$10,7,0)+IF('Standard Profiles'!$G$22=$B$17,14,0)+IF('Standard Profiles'!$G$22=$B$24,21,0),0)),0)</f>
        <v>0</v>
      </c>
      <c r="I1989">
        <f t="shared" si="230"/>
        <v>1.8959066187732589</v>
      </c>
      <c r="J1989">
        <f t="shared" si="231"/>
        <v>50.920351889677661</v>
      </c>
      <c r="K1989">
        <f t="shared" si="232"/>
        <v>3.6222141170908286</v>
      </c>
      <c r="L1989">
        <f t="shared" si="233"/>
        <v>1.8111070585454143</v>
      </c>
      <c r="M1989">
        <f t="shared" si="234"/>
        <v>0</v>
      </c>
      <c r="N1989" s="45">
        <f t="shared" si="235"/>
        <v>45008.458333328592</v>
      </c>
    </row>
    <row r="1990" spans="2:14" x14ac:dyDescent="0.25">
      <c r="B1990">
        <f t="shared" si="229"/>
        <v>4</v>
      </c>
      <c r="C1990" s="16">
        <v>1956</v>
      </c>
      <c r="D1990" cm="1">
        <f t="array" ref="D1990">IFERROR(INDEX(Jesper!AH$2:AH$366,ROUNDDOWN($C1990/24,0)+1,1)*INDEX($D$3:$AA$30,INDEX(Jesper!$R$2:$R$366,ROW(INDEX(Jesper!AH$2:AH$366,ROUNDDOWN($C1990/24,0)+1,1))-1)+IF('Standard Profiles'!$G$18=$B$10,7,0)+IF('Standard Profiles'!$G$18=$B$17,14,0)+IF('Standard Profiles'!$G$18=$B$24,21,0),MOD($C1990,24)+1)/SUM(INDEX($D$3:$AA$30,INDEX(Jesper!$R$2:$R$366,ROW(INDEX(Jesper!AH$2:AH$366,ROUNDDOWN($C1990/24,0)+1,1))-1)+IF('Standard Profiles'!$G$18=$B$10,7,0)+IF('Standard Profiles'!$G$18=$B$17,14,0)+IF('Standard Profiles'!$G$18=$B$24,21,0),0)),0)</f>
        <v>33.958257347726516</v>
      </c>
      <c r="E1990" cm="1">
        <f t="array" ref="E1990">IFERROR(INDEX(Jesper!AI$2:AI$366,ROUNDDOWN($C1990/24,0)+1,1)*INDEX($D$3:$AA$30,INDEX(Jesper!$R$2:$R$366,ROW(INDEX(Jesper!AI$2:AI$366,ROUNDDOWN($C1990/24,0)+1,1))-1)+IF('Standard Profiles'!$G$19=$B$10,7,0)+IF('Standard Profiles'!$G$19=$B$17,14,0)+IF('Standard Profiles'!$G$19=$B$24,21,0),MOD($C1990,24)+1)/SUM(INDEX($D$3:$AA$30,INDEX(Jesper!$R$2:$R$366,ROW(INDEX(Jesper!AI$2:AI$366,ROUNDDOWN($C1990/24,0)+1,1))-1)+IF('Standard Profiles'!$G$19=$B$10,7,0)+IF('Standard Profiles'!$G$19=$B$17,14,0)+IF('Standard Profiles'!$G$19=$B$24,21,0),0)),0)</f>
        <v>20.341516880583026</v>
      </c>
      <c r="F1990" cm="1">
        <f t="array" ref="F1990">IFERROR(INDEX(Jesper!AJ$2:AJ$366,ROUNDDOWN($C1990/24,0)+1,1)*INDEX($D$3:$AA$30,INDEX(Jesper!$R$2:$R$366,ROW(INDEX(Jesper!AJ$2:AJ$366,ROUNDDOWN($C1990/24,0)+1,1))-1)+IF('Standard Profiles'!$G$20=$B$10,7,0)+IF('Standard Profiles'!$G$20=$B$17,14,0)+IF('Standard Profiles'!$G$20=$B$24,21,0),MOD($C1990,24)+1)/SUM(INDEX($D$3:$AA$30,INDEX(Jesper!$R$2:$R$366,ROW(INDEX(Jesper!AJ$2:AJ$366,ROUNDDOWN($C1990/24,0)+1,1))-1)+IF('Standard Profiles'!$G$20=$B$10,7,0)+IF('Standard Profiles'!$G$20=$B$17,14,0)+IF('Standard Profiles'!$G$20=$B$24,21,0),0)),0)</f>
        <v>0</v>
      </c>
      <c r="G1990" cm="1">
        <f t="array" ref="G1990">IFERROR(INDEX(Jesper!AK$2:AK$366,ROUNDDOWN($C1990/24,0)+1,1)*INDEX($D$3:$AA$30,INDEX(Jesper!$R$2:$R$366,ROW(INDEX(Jesper!AK$2:AK$366,ROUNDDOWN($C1990/24,0)+1,1))-1)+IF('Standard Profiles'!$G$21=$B$10,7,0)+IF('Standard Profiles'!$G$21=$B$17,14,0)+IF('Standard Profiles'!$G$21=$B$24,21,0),MOD($C1990,24)+1)/SUM(INDEX($D$3:$AA$30,INDEX(Jesper!$R$2:$R$366,ROW(INDEX(Jesper!AK$2:AK$366,ROUNDDOWN($C1990/24,0)+1,1))-1)+IF('Standard Profiles'!$G$21=$B$10,7,0)+IF('Standard Profiles'!$G$21=$B$17,14,0)+IF('Standard Profiles'!$G$21=$B$24,21,0),0)),0)</f>
        <v>3.949805455777625</v>
      </c>
      <c r="H1990" cm="1">
        <f t="array" ref="H1990">IFERROR(INDEX(Jesper!AL$2:AL$366,ROUNDDOWN($C1990/24,0)+1,1)*INDEX($D$3:$AA$30,INDEX(Jesper!$R$2:$R$366,ROW(INDEX(Jesper!AL$2:AL$366,ROUNDDOWN($C1990/24,0)+1,1))-1)+IF('Standard Profiles'!$G$22=$B$10,7,0)+IF('Standard Profiles'!$G$22=$B$17,14,0)+IF('Standard Profiles'!$G$22=$B$24,21,0),MOD($C1990,24)+1)/SUM(INDEX($D$3:$AA$30,INDEX(Jesper!$R$2:$R$366,ROW(INDEX(Jesper!AL$2:AL$366,ROUNDDOWN($C1990/24,0)+1,1))-1)+IF('Standard Profiles'!$G$22=$B$10,7,0)+IF('Standard Profiles'!$G$22=$B$17,14,0)+IF('Standard Profiles'!$G$22=$B$24,21,0),0)),0)</f>
        <v>0</v>
      </c>
      <c r="I1990">
        <f t="shared" si="230"/>
        <v>1.8959066187732589</v>
      </c>
      <c r="J1990">
        <f t="shared" si="231"/>
        <v>50.920351889677661</v>
      </c>
      <c r="K1990">
        <f t="shared" si="232"/>
        <v>3.6222141170908286</v>
      </c>
      <c r="L1990">
        <f t="shared" si="233"/>
        <v>1.8111070585454143</v>
      </c>
      <c r="M1990">
        <f t="shared" si="234"/>
        <v>0</v>
      </c>
      <c r="N1990" s="45">
        <f t="shared" si="235"/>
        <v>45008.499999995256</v>
      </c>
    </row>
    <row r="1991" spans="2:14" x14ac:dyDescent="0.25">
      <c r="B1991">
        <f t="shared" si="229"/>
        <v>4</v>
      </c>
      <c r="C1991" s="16">
        <v>1957</v>
      </c>
      <c r="D1991" cm="1">
        <f t="array" ref="D1991">IFERROR(INDEX(Jesper!AH$2:AH$366,ROUNDDOWN($C1991/24,0)+1,1)*INDEX($D$3:$AA$30,INDEX(Jesper!$R$2:$R$366,ROW(INDEX(Jesper!AH$2:AH$366,ROUNDDOWN($C1991/24,0)+1,1))-1)+IF('Standard Profiles'!$G$18=$B$10,7,0)+IF('Standard Profiles'!$G$18=$B$17,14,0)+IF('Standard Profiles'!$G$18=$B$24,21,0),MOD($C1991,24)+1)/SUM(INDEX($D$3:$AA$30,INDEX(Jesper!$R$2:$R$366,ROW(INDEX(Jesper!AH$2:AH$366,ROUNDDOWN($C1991/24,0)+1,1))-1)+IF('Standard Profiles'!$G$18=$B$10,7,0)+IF('Standard Profiles'!$G$18=$B$17,14,0)+IF('Standard Profiles'!$G$18=$B$24,21,0),0)),0)</f>
        <v>22.557985238132613</v>
      </c>
      <c r="E1991" cm="1">
        <f t="array" ref="E1991">IFERROR(INDEX(Jesper!AI$2:AI$366,ROUNDDOWN($C1991/24,0)+1,1)*INDEX($D$3:$AA$30,INDEX(Jesper!$R$2:$R$366,ROW(INDEX(Jesper!AI$2:AI$366,ROUNDDOWN($C1991/24,0)+1,1))-1)+IF('Standard Profiles'!$G$19=$B$10,7,0)+IF('Standard Profiles'!$G$19=$B$17,14,0)+IF('Standard Profiles'!$G$19=$B$24,21,0),MOD($C1991,24)+1)/SUM(INDEX($D$3:$AA$30,INDEX(Jesper!$R$2:$R$366,ROW(INDEX(Jesper!AI$2:AI$366,ROUNDDOWN($C1991/24,0)+1,1))-1)+IF('Standard Profiles'!$G$19=$B$10,7,0)+IF('Standard Profiles'!$G$19=$B$17,14,0)+IF('Standard Profiles'!$G$19=$B$24,21,0),0)),0)</f>
        <v>13.512579070673009</v>
      </c>
      <c r="F1991" cm="1">
        <f t="array" ref="F1991">IFERROR(INDEX(Jesper!AJ$2:AJ$366,ROUNDDOWN($C1991/24,0)+1,1)*INDEX($D$3:$AA$30,INDEX(Jesper!$R$2:$R$366,ROW(INDEX(Jesper!AJ$2:AJ$366,ROUNDDOWN($C1991/24,0)+1,1))-1)+IF('Standard Profiles'!$G$20=$B$10,7,0)+IF('Standard Profiles'!$G$20=$B$17,14,0)+IF('Standard Profiles'!$G$20=$B$24,21,0),MOD($C1991,24)+1)/SUM(INDEX($D$3:$AA$30,INDEX(Jesper!$R$2:$R$366,ROW(INDEX(Jesper!AJ$2:AJ$366,ROUNDDOWN($C1991/24,0)+1,1))-1)+IF('Standard Profiles'!$G$20=$B$10,7,0)+IF('Standard Profiles'!$G$20=$B$17,14,0)+IF('Standard Profiles'!$G$20=$B$24,21,0),0)),0)</f>
        <v>0</v>
      </c>
      <c r="G1991" cm="1">
        <f t="array" ref="G1991">IFERROR(INDEX(Jesper!AK$2:AK$366,ROUNDDOWN($C1991/24,0)+1,1)*INDEX($D$3:$AA$30,INDEX(Jesper!$R$2:$R$366,ROW(INDEX(Jesper!AK$2:AK$366,ROUNDDOWN($C1991/24,0)+1,1))-1)+IF('Standard Profiles'!$G$21=$B$10,7,0)+IF('Standard Profiles'!$G$21=$B$17,14,0)+IF('Standard Profiles'!$G$21=$B$24,21,0),MOD($C1991,24)+1)/SUM(INDEX($D$3:$AA$30,INDEX(Jesper!$R$2:$R$366,ROW(INDEX(Jesper!AK$2:AK$366,ROUNDDOWN($C1991/24,0)+1,1))-1)+IF('Standard Profiles'!$G$21=$B$10,7,0)+IF('Standard Profiles'!$G$21=$B$17,14,0)+IF('Standard Profiles'!$G$21=$B$24,21,0),0)),0)</f>
        <v>2.6237993384808509</v>
      </c>
      <c r="H1991" cm="1">
        <f t="array" ref="H1991">IFERROR(INDEX(Jesper!AL$2:AL$366,ROUNDDOWN($C1991/24,0)+1,1)*INDEX($D$3:$AA$30,INDEX(Jesper!$R$2:$R$366,ROW(INDEX(Jesper!AL$2:AL$366,ROUNDDOWN($C1991/24,0)+1,1))-1)+IF('Standard Profiles'!$G$22=$B$10,7,0)+IF('Standard Profiles'!$G$22=$B$17,14,0)+IF('Standard Profiles'!$G$22=$B$24,21,0),MOD($C1991,24)+1)/SUM(INDEX($D$3:$AA$30,INDEX(Jesper!$R$2:$R$366,ROW(INDEX(Jesper!AL$2:AL$366,ROUNDDOWN($C1991/24,0)+1,1))-1)+IF('Standard Profiles'!$G$22=$B$10,7,0)+IF('Standard Profiles'!$G$22=$B$17,14,0)+IF('Standard Profiles'!$G$22=$B$24,21,0),0)),0)</f>
        <v>0</v>
      </c>
      <c r="I1991">
        <f t="shared" si="230"/>
        <v>1.2594236824708078</v>
      </c>
      <c r="J1991">
        <f t="shared" si="231"/>
        <v>33.825662326714443</v>
      </c>
      <c r="K1991">
        <f t="shared" si="232"/>
        <v>2.4061850920674788</v>
      </c>
      <c r="L1991">
        <f t="shared" si="233"/>
        <v>1.2030925460337394</v>
      </c>
      <c r="M1991">
        <f t="shared" si="234"/>
        <v>0</v>
      </c>
      <c r="N1991" s="45">
        <f t="shared" si="235"/>
        <v>45008.54166666192</v>
      </c>
    </row>
    <row r="1992" spans="2:14" x14ac:dyDescent="0.25">
      <c r="B1992">
        <f t="shared" si="229"/>
        <v>4</v>
      </c>
      <c r="C1992" s="16">
        <v>1958</v>
      </c>
      <c r="D1992" cm="1">
        <f t="array" ref="D1992">IFERROR(INDEX(Jesper!AH$2:AH$366,ROUNDDOWN($C1992/24,0)+1,1)*INDEX($D$3:$AA$30,INDEX(Jesper!$R$2:$R$366,ROW(INDEX(Jesper!AH$2:AH$366,ROUNDDOWN($C1992/24,0)+1,1))-1)+IF('Standard Profiles'!$G$18=$B$10,7,0)+IF('Standard Profiles'!$G$18=$B$17,14,0)+IF('Standard Profiles'!$G$18=$B$24,21,0),MOD($C1992,24)+1)/SUM(INDEX($D$3:$AA$30,INDEX(Jesper!$R$2:$R$366,ROW(INDEX(Jesper!AH$2:AH$366,ROUNDDOWN($C1992/24,0)+1,1))-1)+IF('Standard Profiles'!$G$18=$B$10,7,0)+IF('Standard Profiles'!$G$18=$B$17,14,0)+IF('Standard Profiles'!$G$18=$B$24,21,0),0)),0)</f>
        <v>33.958257347726516</v>
      </c>
      <c r="E1992" cm="1">
        <f t="array" ref="E1992">IFERROR(INDEX(Jesper!AI$2:AI$366,ROUNDDOWN($C1992/24,0)+1,1)*INDEX($D$3:$AA$30,INDEX(Jesper!$R$2:$R$366,ROW(INDEX(Jesper!AI$2:AI$366,ROUNDDOWN($C1992/24,0)+1,1))-1)+IF('Standard Profiles'!$G$19=$B$10,7,0)+IF('Standard Profiles'!$G$19=$B$17,14,0)+IF('Standard Profiles'!$G$19=$B$24,21,0),MOD($C1992,24)+1)/SUM(INDEX($D$3:$AA$30,INDEX(Jesper!$R$2:$R$366,ROW(INDEX(Jesper!AI$2:AI$366,ROUNDDOWN($C1992/24,0)+1,1))-1)+IF('Standard Profiles'!$G$19=$B$10,7,0)+IF('Standard Profiles'!$G$19=$B$17,14,0)+IF('Standard Profiles'!$G$19=$B$24,21,0),0)),0)</f>
        <v>20.341516880583026</v>
      </c>
      <c r="F1992" cm="1">
        <f t="array" ref="F1992">IFERROR(INDEX(Jesper!AJ$2:AJ$366,ROUNDDOWN($C1992/24,0)+1,1)*INDEX($D$3:$AA$30,INDEX(Jesper!$R$2:$R$366,ROW(INDEX(Jesper!AJ$2:AJ$366,ROUNDDOWN($C1992/24,0)+1,1))-1)+IF('Standard Profiles'!$G$20=$B$10,7,0)+IF('Standard Profiles'!$G$20=$B$17,14,0)+IF('Standard Profiles'!$G$20=$B$24,21,0),MOD($C1992,24)+1)/SUM(INDEX($D$3:$AA$30,INDEX(Jesper!$R$2:$R$366,ROW(INDEX(Jesper!AJ$2:AJ$366,ROUNDDOWN($C1992/24,0)+1,1))-1)+IF('Standard Profiles'!$G$20=$B$10,7,0)+IF('Standard Profiles'!$G$20=$B$17,14,0)+IF('Standard Profiles'!$G$20=$B$24,21,0),0)),0)</f>
        <v>0</v>
      </c>
      <c r="G1992" cm="1">
        <f t="array" ref="G1992">IFERROR(INDEX(Jesper!AK$2:AK$366,ROUNDDOWN($C1992/24,0)+1,1)*INDEX($D$3:$AA$30,INDEX(Jesper!$R$2:$R$366,ROW(INDEX(Jesper!AK$2:AK$366,ROUNDDOWN($C1992/24,0)+1,1))-1)+IF('Standard Profiles'!$G$21=$B$10,7,0)+IF('Standard Profiles'!$G$21=$B$17,14,0)+IF('Standard Profiles'!$G$21=$B$24,21,0),MOD($C1992,24)+1)/SUM(INDEX($D$3:$AA$30,INDEX(Jesper!$R$2:$R$366,ROW(INDEX(Jesper!AK$2:AK$366,ROUNDDOWN($C1992/24,0)+1,1))-1)+IF('Standard Profiles'!$G$21=$B$10,7,0)+IF('Standard Profiles'!$G$21=$B$17,14,0)+IF('Standard Profiles'!$G$21=$B$24,21,0),0)),0)</f>
        <v>3.949805455777625</v>
      </c>
      <c r="H1992" cm="1">
        <f t="array" ref="H1992">IFERROR(INDEX(Jesper!AL$2:AL$366,ROUNDDOWN($C1992/24,0)+1,1)*INDEX($D$3:$AA$30,INDEX(Jesper!$R$2:$R$366,ROW(INDEX(Jesper!AL$2:AL$366,ROUNDDOWN($C1992/24,0)+1,1))-1)+IF('Standard Profiles'!$G$22=$B$10,7,0)+IF('Standard Profiles'!$G$22=$B$17,14,0)+IF('Standard Profiles'!$G$22=$B$24,21,0),MOD($C1992,24)+1)/SUM(INDEX($D$3:$AA$30,INDEX(Jesper!$R$2:$R$366,ROW(INDEX(Jesper!AL$2:AL$366,ROUNDDOWN($C1992/24,0)+1,1))-1)+IF('Standard Profiles'!$G$22=$B$10,7,0)+IF('Standard Profiles'!$G$22=$B$17,14,0)+IF('Standard Profiles'!$G$22=$B$24,21,0),0)),0)</f>
        <v>0</v>
      </c>
      <c r="I1992">
        <f t="shared" si="230"/>
        <v>1.8959066187732589</v>
      </c>
      <c r="J1992">
        <f t="shared" si="231"/>
        <v>50.920351889677661</v>
      </c>
      <c r="K1992">
        <f t="shared" si="232"/>
        <v>3.6222141170908286</v>
      </c>
      <c r="L1992">
        <f t="shared" si="233"/>
        <v>1.8111070585454143</v>
      </c>
      <c r="M1992">
        <f t="shared" si="234"/>
        <v>0</v>
      </c>
      <c r="N1992" s="45">
        <f t="shared" si="235"/>
        <v>45008.583333328585</v>
      </c>
    </row>
    <row r="1993" spans="2:14" x14ac:dyDescent="0.25">
      <c r="B1993">
        <f t="shared" si="229"/>
        <v>4</v>
      </c>
      <c r="C1993" s="16">
        <v>1959</v>
      </c>
      <c r="D1993" cm="1">
        <f t="array" ref="D1993">IFERROR(INDEX(Jesper!AH$2:AH$366,ROUNDDOWN($C1993/24,0)+1,1)*INDEX($D$3:$AA$30,INDEX(Jesper!$R$2:$R$366,ROW(INDEX(Jesper!AH$2:AH$366,ROUNDDOWN($C1993/24,0)+1,1))-1)+IF('Standard Profiles'!$G$18=$B$10,7,0)+IF('Standard Profiles'!$G$18=$B$17,14,0)+IF('Standard Profiles'!$G$18=$B$24,21,0),MOD($C1993,24)+1)/SUM(INDEX($D$3:$AA$30,INDEX(Jesper!$R$2:$R$366,ROW(INDEX(Jesper!AH$2:AH$366,ROUNDDOWN($C1993/24,0)+1,1))-1)+IF('Standard Profiles'!$G$18=$B$10,7,0)+IF('Standard Profiles'!$G$18=$B$17,14,0)+IF('Standard Profiles'!$G$18=$B$24,21,0),0)),0)</f>
        <v>33.958257347726516</v>
      </c>
      <c r="E1993" cm="1">
        <f t="array" ref="E1993">IFERROR(INDEX(Jesper!AI$2:AI$366,ROUNDDOWN($C1993/24,0)+1,1)*INDEX($D$3:$AA$30,INDEX(Jesper!$R$2:$R$366,ROW(INDEX(Jesper!AI$2:AI$366,ROUNDDOWN($C1993/24,0)+1,1))-1)+IF('Standard Profiles'!$G$19=$B$10,7,0)+IF('Standard Profiles'!$G$19=$B$17,14,0)+IF('Standard Profiles'!$G$19=$B$24,21,0),MOD($C1993,24)+1)/SUM(INDEX($D$3:$AA$30,INDEX(Jesper!$R$2:$R$366,ROW(INDEX(Jesper!AI$2:AI$366,ROUNDDOWN($C1993/24,0)+1,1))-1)+IF('Standard Profiles'!$G$19=$B$10,7,0)+IF('Standard Profiles'!$G$19=$B$17,14,0)+IF('Standard Profiles'!$G$19=$B$24,21,0),0)),0)</f>
        <v>20.341516880583026</v>
      </c>
      <c r="F1993" cm="1">
        <f t="array" ref="F1993">IFERROR(INDEX(Jesper!AJ$2:AJ$366,ROUNDDOWN($C1993/24,0)+1,1)*INDEX($D$3:$AA$30,INDEX(Jesper!$R$2:$R$366,ROW(INDEX(Jesper!AJ$2:AJ$366,ROUNDDOWN($C1993/24,0)+1,1))-1)+IF('Standard Profiles'!$G$20=$B$10,7,0)+IF('Standard Profiles'!$G$20=$B$17,14,0)+IF('Standard Profiles'!$G$20=$B$24,21,0),MOD($C1993,24)+1)/SUM(INDEX($D$3:$AA$30,INDEX(Jesper!$R$2:$R$366,ROW(INDEX(Jesper!AJ$2:AJ$366,ROUNDDOWN($C1993/24,0)+1,1))-1)+IF('Standard Profiles'!$G$20=$B$10,7,0)+IF('Standard Profiles'!$G$20=$B$17,14,0)+IF('Standard Profiles'!$G$20=$B$24,21,0),0)),0)</f>
        <v>0</v>
      </c>
      <c r="G1993" cm="1">
        <f t="array" ref="G1993">IFERROR(INDEX(Jesper!AK$2:AK$366,ROUNDDOWN($C1993/24,0)+1,1)*INDEX($D$3:$AA$30,INDEX(Jesper!$R$2:$R$366,ROW(INDEX(Jesper!AK$2:AK$366,ROUNDDOWN($C1993/24,0)+1,1))-1)+IF('Standard Profiles'!$G$21=$B$10,7,0)+IF('Standard Profiles'!$G$21=$B$17,14,0)+IF('Standard Profiles'!$G$21=$B$24,21,0),MOD($C1993,24)+1)/SUM(INDEX($D$3:$AA$30,INDEX(Jesper!$R$2:$R$366,ROW(INDEX(Jesper!AK$2:AK$366,ROUNDDOWN($C1993/24,0)+1,1))-1)+IF('Standard Profiles'!$G$21=$B$10,7,0)+IF('Standard Profiles'!$G$21=$B$17,14,0)+IF('Standard Profiles'!$G$21=$B$24,21,0),0)),0)</f>
        <v>3.949805455777625</v>
      </c>
      <c r="H1993" cm="1">
        <f t="array" ref="H1993">IFERROR(INDEX(Jesper!AL$2:AL$366,ROUNDDOWN($C1993/24,0)+1,1)*INDEX($D$3:$AA$30,INDEX(Jesper!$R$2:$R$366,ROW(INDEX(Jesper!AL$2:AL$366,ROUNDDOWN($C1993/24,0)+1,1))-1)+IF('Standard Profiles'!$G$22=$B$10,7,0)+IF('Standard Profiles'!$G$22=$B$17,14,0)+IF('Standard Profiles'!$G$22=$B$24,21,0),MOD($C1993,24)+1)/SUM(INDEX($D$3:$AA$30,INDEX(Jesper!$R$2:$R$366,ROW(INDEX(Jesper!AL$2:AL$366,ROUNDDOWN($C1993/24,0)+1,1))-1)+IF('Standard Profiles'!$G$22=$B$10,7,0)+IF('Standard Profiles'!$G$22=$B$17,14,0)+IF('Standard Profiles'!$G$22=$B$24,21,0),0)),0)</f>
        <v>0</v>
      </c>
      <c r="I1993">
        <f t="shared" si="230"/>
        <v>1.8959066187732589</v>
      </c>
      <c r="J1993">
        <f t="shared" si="231"/>
        <v>50.920351889677661</v>
      </c>
      <c r="K1993">
        <f t="shared" si="232"/>
        <v>3.6222141170908286</v>
      </c>
      <c r="L1993">
        <f t="shared" si="233"/>
        <v>1.8111070585454143</v>
      </c>
      <c r="M1993">
        <f t="shared" si="234"/>
        <v>0</v>
      </c>
      <c r="N1993" s="45">
        <f t="shared" si="235"/>
        <v>45008.624999995249</v>
      </c>
    </row>
    <row r="1994" spans="2:14" x14ac:dyDescent="0.25">
      <c r="B1994">
        <f t="shared" si="229"/>
        <v>4</v>
      </c>
      <c r="C1994" s="16">
        <v>1960</v>
      </c>
      <c r="D1994" cm="1">
        <f t="array" ref="D1994">IFERROR(INDEX(Jesper!AH$2:AH$366,ROUNDDOWN($C1994/24,0)+1,1)*INDEX($D$3:$AA$30,INDEX(Jesper!$R$2:$R$366,ROW(INDEX(Jesper!AH$2:AH$366,ROUNDDOWN($C1994/24,0)+1,1))-1)+IF('Standard Profiles'!$G$18=$B$10,7,0)+IF('Standard Profiles'!$G$18=$B$17,14,0)+IF('Standard Profiles'!$G$18=$B$24,21,0),MOD($C1994,24)+1)/SUM(INDEX($D$3:$AA$30,INDEX(Jesper!$R$2:$R$366,ROW(INDEX(Jesper!AH$2:AH$366,ROUNDDOWN($C1994/24,0)+1,1))-1)+IF('Standard Profiles'!$G$18=$B$10,7,0)+IF('Standard Profiles'!$G$18=$B$17,14,0)+IF('Standard Profiles'!$G$18=$B$24,21,0),0)),0)</f>
        <v>20.011115937053127</v>
      </c>
      <c r="E1994" cm="1">
        <f t="array" ref="E1994">IFERROR(INDEX(Jesper!AI$2:AI$366,ROUNDDOWN($C1994/24,0)+1,1)*INDEX($D$3:$AA$30,INDEX(Jesper!$R$2:$R$366,ROW(INDEX(Jesper!AI$2:AI$366,ROUNDDOWN($C1994/24,0)+1,1))-1)+IF('Standard Profiles'!$G$19=$B$10,7,0)+IF('Standard Profiles'!$G$19=$B$17,14,0)+IF('Standard Profiles'!$G$19=$B$24,21,0),MOD($C1994,24)+1)/SUM(INDEX($D$3:$AA$30,INDEX(Jesper!$R$2:$R$366,ROW(INDEX(Jesper!AI$2:AI$366,ROUNDDOWN($C1994/24,0)+1,1))-1)+IF('Standard Profiles'!$G$19=$B$10,7,0)+IF('Standard Profiles'!$G$19=$B$17,14,0)+IF('Standard Profiles'!$G$19=$B$24,21,0),0)),0)</f>
        <v>11.986965304629283</v>
      </c>
      <c r="F1994" cm="1">
        <f t="array" ref="F1994">IFERROR(INDEX(Jesper!AJ$2:AJ$366,ROUNDDOWN($C1994/24,0)+1,1)*INDEX($D$3:$AA$30,INDEX(Jesper!$R$2:$R$366,ROW(INDEX(Jesper!AJ$2:AJ$366,ROUNDDOWN($C1994/24,0)+1,1))-1)+IF('Standard Profiles'!$G$20=$B$10,7,0)+IF('Standard Profiles'!$G$20=$B$17,14,0)+IF('Standard Profiles'!$G$20=$B$24,21,0),MOD($C1994,24)+1)/SUM(INDEX($D$3:$AA$30,INDEX(Jesper!$R$2:$R$366,ROW(INDEX(Jesper!AJ$2:AJ$366,ROUNDDOWN($C1994/24,0)+1,1))-1)+IF('Standard Profiles'!$G$20=$B$10,7,0)+IF('Standard Profiles'!$G$20=$B$17,14,0)+IF('Standard Profiles'!$G$20=$B$24,21,0),0)),0)</f>
        <v>0</v>
      </c>
      <c r="G1994" cm="1">
        <f t="array" ref="G1994">IFERROR(INDEX(Jesper!AK$2:AK$366,ROUNDDOWN($C1994/24,0)+1,1)*INDEX($D$3:$AA$30,INDEX(Jesper!$R$2:$R$366,ROW(INDEX(Jesper!AK$2:AK$366,ROUNDDOWN($C1994/24,0)+1,1))-1)+IF('Standard Profiles'!$G$21=$B$10,7,0)+IF('Standard Profiles'!$G$21=$B$17,14,0)+IF('Standard Profiles'!$G$21=$B$24,21,0),MOD($C1994,24)+1)/SUM(INDEX($D$3:$AA$30,INDEX(Jesper!$R$2:$R$366,ROW(INDEX(Jesper!AK$2:AK$366,ROUNDDOWN($C1994/24,0)+1,1))-1)+IF('Standard Profiles'!$G$21=$B$10,7,0)+IF('Standard Profiles'!$G$21=$B$17,14,0)+IF('Standard Profiles'!$G$21=$B$24,21,0),0)),0)</f>
        <v>3.3004224159422648</v>
      </c>
      <c r="H1994" cm="1">
        <f t="array" ref="H1994">IFERROR(INDEX(Jesper!AL$2:AL$366,ROUNDDOWN($C1994/24,0)+1,1)*INDEX($D$3:$AA$30,INDEX(Jesper!$R$2:$R$366,ROW(INDEX(Jesper!AL$2:AL$366,ROUNDDOWN($C1994/24,0)+1,1))-1)+IF('Standard Profiles'!$G$22=$B$10,7,0)+IF('Standard Profiles'!$G$22=$B$17,14,0)+IF('Standard Profiles'!$G$22=$B$24,21,0),MOD($C1994,24)+1)/SUM(INDEX($D$3:$AA$30,INDEX(Jesper!$R$2:$R$366,ROW(INDEX(Jesper!AL$2:AL$366,ROUNDDOWN($C1994/24,0)+1,1))-1)+IF('Standard Profiles'!$G$22=$B$10,7,0)+IF('Standard Profiles'!$G$22=$B$17,14,0)+IF('Standard Profiles'!$G$22=$B$24,21,0),0)),0)</f>
        <v>0</v>
      </c>
      <c r="I1994">
        <f t="shared" si="230"/>
        <v>1.5842027596522863</v>
      </c>
      <c r="J1994">
        <f t="shared" si="231"/>
        <v>30.512522348043888</v>
      </c>
      <c r="K1994">
        <f t="shared" si="232"/>
        <v>2.1345190332856672</v>
      </c>
      <c r="L1994">
        <f t="shared" si="233"/>
        <v>1.0672595166428336</v>
      </c>
      <c r="M1994">
        <f t="shared" si="234"/>
        <v>0</v>
      </c>
      <c r="N1994" s="45">
        <f t="shared" si="235"/>
        <v>45008.666666661913</v>
      </c>
    </row>
    <row r="1995" spans="2:14" x14ac:dyDescent="0.25">
      <c r="B1995">
        <f t="shared" si="229"/>
        <v>4</v>
      </c>
      <c r="C1995" s="16">
        <v>1961</v>
      </c>
      <c r="D1995" cm="1">
        <f t="array" ref="D1995">IFERROR(INDEX(Jesper!AH$2:AH$366,ROUNDDOWN($C1995/24,0)+1,1)*INDEX($D$3:$AA$30,INDEX(Jesper!$R$2:$R$366,ROW(INDEX(Jesper!AH$2:AH$366,ROUNDDOWN($C1995/24,0)+1,1))-1)+IF('Standard Profiles'!$G$18=$B$10,7,0)+IF('Standard Profiles'!$G$18=$B$17,14,0)+IF('Standard Profiles'!$G$18=$B$24,21,0),MOD($C1995,24)+1)/SUM(INDEX($D$3:$AA$30,INDEX(Jesper!$R$2:$R$366,ROW(INDEX(Jesper!AH$2:AH$366,ROUNDDOWN($C1995/24,0)+1,1))-1)+IF('Standard Profiles'!$G$18=$B$10,7,0)+IF('Standard Profiles'!$G$18=$B$17,14,0)+IF('Standard Profiles'!$G$18=$B$24,21,0),0)),0)</f>
        <v>8.5408091920841347</v>
      </c>
      <c r="E1995" cm="1">
        <f t="array" ref="E1995">IFERROR(INDEX(Jesper!AI$2:AI$366,ROUNDDOWN($C1995/24,0)+1,1)*INDEX($D$3:$AA$30,INDEX(Jesper!$R$2:$R$366,ROW(INDEX(Jesper!AI$2:AI$366,ROUNDDOWN($C1995/24,0)+1,1))-1)+IF('Standard Profiles'!$G$19=$B$10,7,0)+IF('Standard Profiles'!$G$19=$B$17,14,0)+IF('Standard Profiles'!$G$19=$B$24,21,0),MOD($C1995,24)+1)/SUM(INDEX($D$3:$AA$30,INDEX(Jesper!$R$2:$R$366,ROW(INDEX(Jesper!AI$2:AI$366,ROUNDDOWN($C1995/24,0)+1,1))-1)+IF('Standard Profiles'!$G$19=$B$10,7,0)+IF('Standard Profiles'!$G$19=$B$17,14,0)+IF('Standard Profiles'!$G$19=$B$24,21,0),0)),0)</f>
        <v>5.1160756741909017</v>
      </c>
      <c r="F1995" cm="1">
        <f t="array" ref="F1995">IFERROR(INDEX(Jesper!AJ$2:AJ$366,ROUNDDOWN($C1995/24,0)+1,1)*INDEX($D$3:$AA$30,INDEX(Jesper!$R$2:$R$366,ROW(INDEX(Jesper!AJ$2:AJ$366,ROUNDDOWN($C1995/24,0)+1,1))-1)+IF('Standard Profiles'!$G$20=$B$10,7,0)+IF('Standard Profiles'!$G$20=$B$17,14,0)+IF('Standard Profiles'!$G$20=$B$24,21,0),MOD($C1995,24)+1)/SUM(INDEX($D$3:$AA$30,INDEX(Jesper!$R$2:$R$366,ROW(INDEX(Jesper!AJ$2:AJ$366,ROUNDDOWN($C1995/24,0)+1,1))-1)+IF('Standard Profiles'!$G$20=$B$10,7,0)+IF('Standard Profiles'!$G$20=$B$17,14,0)+IF('Standard Profiles'!$G$20=$B$24,21,0),0)),0)</f>
        <v>0</v>
      </c>
      <c r="G1995" cm="1">
        <f t="array" ref="G1995">IFERROR(INDEX(Jesper!AK$2:AK$366,ROUNDDOWN($C1995/24,0)+1,1)*INDEX($D$3:$AA$30,INDEX(Jesper!$R$2:$R$366,ROW(INDEX(Jesper!AK$2:AK$366,ROUNDDOWN($C1995/24,0)+1,1))-1)+IF('Standard Profiles'!$G$21=$B$10,7,0)+IF('Standard Profiles'!$G$21=$B$17,14,0)+IF('Standard Profiles'!$G$21=$B$24,21,0),MOD($C1995,24)+1)/SUM(INDEX($D$3:$AA$30,INDEX(Jesper!$R$2:$R$366,ROW(INDEX(Jesper!AK$2:AK$366,ROUNDDOWN($C1995/24,0)+1,1))-1)+IF('Standard Profiles'!$G$21=$B$10,7,0)+IF('Standard Profiles'!$G$21=$B$17,14,0)+IF('Standard Profiles'!$G$21=$B$24,21,0),0)),0)</f>
        <v>2.6242857677241735</v>
      </c>
      <c r="H1995" cm="1">
        <f t="array" ref="H1995">IFERROR(INDEX(Jesper!AL$2:AL$366,ROUNDDOWN($C1995/24,0)+1,1)*INDEX($D$3:$AA$30,INDEX(Jesper!$R$2:$R$366,ROW(INDEX(Jesper!AL$2:AL$366,ROUNDDOWN($C1995/24,0)+1,1))-1)+IF('Standard Profiles'!$G$22=$B$10,7,0)+IF('Standard Profiles'!$G$22=$B$17,14,0)+IF('Standard Profiles'!$G$22=$B$24,21,0),MOD($C1995,24)+1)/SUM(INDEX($D$3:$AA$30,INDEX(Jesper!$R$2:$R$366,ROW(INDEX(Jesper!AL$2:AL$366,ROUNDDOWN($C1995/24,0)+1,1))-1)+IF('Standard Profiles'!$G$22=$B$10,7,0)+IF('Standard Profiles'!$G$22=$B$17,14,0)+IF('Standard Profiles'!$G$22=$B$24,21,0),0)),0)</f>
        <v>0</v>
      </c>
      <c r="I1995">
        <f t="shared" si="230"/>
        <v>1.2596571685076026</v>
      </c>
      <c r="J1995">
        <f t="shared" si="231"/>
        <v>13.654983994758146</v>
      </c>
      <c r="K1995">
        <f t="shared" si="232"/>
        <v>0.9110196471556411</v>
      </c>
      <c r="L1995">
        <f t="shared" si="233"/>
        <v>0.45550982357782055</v>
      </c>
      <c r="M1995">
        <f t="shared" si="234"/>
        <v>0</v>
      </c>
      <c r="N1995" s="45">
        <f t="shared" si="235"/>
        <v>45008.708333328577</v>
      </c>
    </row>
    <row r="1996" spans="2:14" x14ac:dyDescent="0.25">
      <c r="B1996">
        <f t="shared" si="229"/>
        <v>4</v>
      </c>
      <c r="C1996" s="16">
        <v>1962</v>
      </c>
      <c r="D1996" cm="1">
        <f t="array" ref="D1996">IFERROR(INDEX(Jesper!AH$2:AH$366,ROUNDDOWN($C1996/24,0)+1,1)*INDEX($D$3:$AA$30,INDEX(Jesper!$R$2:$R$366,ROW(INDEX(Jesper!AH$2:AH$366,ROUNDDOWN($C1996/24,0)+1,1))-1)+IF('Standard Profiles'!$G$18=$B$10,7,0)+IF('Standard Profiles'!$G$18=$B$17,14,0)+IF('Standard Profiles'!$G$18=$B$24,21,0),MOD($C1996,24)+1)/SUM(INDEX($D$3:$AA$30,INDEX(Jesper!$R$2:$R$366,ROW(INDEX(Jesper!AH$2:AH$366,ROUNDDOWN($C1996/24,0)+1,1))-1)+IF('Standard Profiles'!$G$18=$B$10,7,0)+IF('Standard Profiles'!$G$18=$B$17,14,0)+IF('Standard Profiles'!$G$18=$B$24,21,0),0)),0)</f>
        <v>5.6369340667755292</v>
      </c>
      <c r="E1996" cm="1">
        <f t="array" ref="E1996">IFERROR(INDEX(Jesper!AI$2:AI$366,ROUNDDOWN($C1996/24,0)+1,1)*INDEX($D$3:$AA$30,INDEX(Jesper!$R$2:$R$366,ROW(INDEX(Jesper!AI$2:AI$366,ROUNDDOWN($C1996/24,0)+1,1))-1)+IF('Standard Profiles'!$G$19=$B$10,7,0)+IF('Standard Profiles'!$G$19=$B$17,14,0)+IF('Standard Profiles'!$G$19=$B$24,21,0),MOD($C1996,24)+1)/SUM(INDEX($D$3:$AA$30,INDEX(Jesper!$R$2:$R$366,ROW(INDEX(Jesper!AI$2:AI$366,ROUNDDOWN($C1996/24,0)+1,1))-1)+IF('Standard Profiles'!$G$19=$B$10,7,0)+IF('Standard Profiles'!$G$19=$B$17,14,0)+IF('Standard Profiles'!$G$19=$B$24,21,0),0)),0)</f>
        <v>3.376609944965995</v>
      </c>
      <c r="F1996" cm="1">
        <f t="array" ref="F1996">IFERROR(INDEX(Jesper!AJ$2:AJ$366,ROUNDDOWN($C1996/24,0)+1,1)*INDEX($D$3:$AA$30,INDEX(Jesper!$R$2:$R$366,ROW(INDEX(Jesper!AJ$2:AJ$366,ROUNDDOWN($C1996/24,0)+1,1))-1)+IF('Standard Profiles'!$G$20=$B$10,7,0)+IF('Standard Profiles'!$G$20=$B$17,14,0)+IF('Standard Profiles'!$G$20=$B$24,21,0),MOD($C1996,24)+1)/SUM(INDEX($D$3:$AA$30,INDEX(Jesper!$R$2:$R$366,ROW(INDEX(Jesper!AJ$2:AJ$366,ROUNDDOWN($C1996/24,0)+1,1))-1)+IF('Standard Profiles'!$G$20=$B$10,7,0)+IF('Standard Profiles'!$G$20=$B$17,14,0)+IF('Standard Profiles'!$G$20=$B$24,21,0),0)),0)</f>
        <v>0</v>
      </c>
      <c r="G1996" cm="1">
        <f t="array" ref="G1996">IFERROR(INDEX(Jesper!AK$2:AK$366,ROUNDDOWN($C1996/24,0)+1,1)*INDEX($D$3:$AA$30,INDEX(Jesper!$R$2:$R$366,ROW(INDEX(Jesper!AK$2:AK$366,ROUNDDOWN($C1996/24,0)+1,1))-1)+IF('Standard Profiles'!$G$21=$B$10,7,0)+IF('Standard Profiles'!$G$21=$B$17,14,0)+IF('Standard Profiles'!$G$21=$B$24,21,0),MOD($C1996,24)+1)/SUM(INDEX($D$3:$AA$30,INDEX(Jesper!$R$2:$R$366,ROW(INDEX(Jesper!AK$2:AK$366,ROUNDDOWN($C1996/24,0)+1,1))-1)+IF('Standard Profiles'!$G$21=$B$10,7,0)+IF('Standard Profiles'!$G$21=$B$17,14,0)+IF('Standard Profiles'!$G$21=$B$24,21,0),0)),0)</f>
        <v>0.9728584866447354</v>
      </c>
      <c r="H1996" cm="1">
        <f t="array" ref="H1996">IFERROR(INDEX(Jesper!AL$2:AL$366,ROUNDDOWN($C1996/24,0)+1,1)*INDEX($D$3:$AA$30,INDEX(Jesper!$R$2:$R$366,ROW(INDEX(Jesper!AL$2:AL$366,ROUNDDOWN($C1996/24,0)+1,1))-1)+IF('Standard Profiles'!$G$22=$B$10,7,0)+IF('Standard Profiles'!$G$22=$B$17,14,0)+IF('Standard Profiles'!$G$22=$B$24,21,0),MOD($C1996,24)+1)/SUM(INDEX($D$3:$AA$30,INDEX(Jesper!$R$2:$R$366,ROW(INDEX(Jesper!AL$2:AL$366,ROUNDDOWN($C1996/24,0)+1,1))-1)+IF('Standard Profiles'!$G$22=$B$10,7,0)+IF('Standard Profiles'!$G$22=$B$17,14,0)+IF('Standard Profiles'!$G$22=$B$24,21,0),0)),0)</f>
        <v>0</v>
      </c>
      <c r="I1996">
        <f t="shared" si="230"/>
        <v>0.46697207358947274</v>
      </c>
      <c r="J1996">
        <f t="shared" si="231"/>
        <v>8.6175209741127023</v>
      </c>
      <c r="K1996">
        <f t="shared" si="232"/>
        <v>0.60127296712272316</v>
      </c>
      <c r="L1996">
        <f t="shared" si="233"/>
        <v>0.30063648356136158</v>
      </c>
      <c r="M1996">
        <f t="shared" si="234"/>
        <v>0</v>
      </c>
      <c r="N1996" s="45">
        <f t="shared" si="235"/>
        <v>45008.749999995242</v>
      </c>
    </row>
    <row r="1997" spans="2:14" x14ac:dyDescent="0.25">
      <c r="B1997">
        <f t="shared" si="229"/>
        <v>4</v>
      </c>
      <c r="C1997" s="16">
        <v>1963</v>
      </c>
      <c r="D1997" cm="1">
        <f t="array" ref="D1997">IFERROR(INDEX(Jesper!AH$2:AH$366,ROUNDDOWN($C1997/24,0)+1,1)*INDEX($D$3:$AA$30,INDEX(Jesper!$R$2:$R$366,ROW(INDEX(Jesper!AH$2:AH$366,ROUNDDOWN($C1997/24,0)+1,1))-1)+IF('Standard Profiles'!$G$18=$B$10,7,0)+IF('Standard Profiles'!$G$18=$B$17,14,0)+IF('Standard Profiles'!$G$18=$B$24,21,0),MOD($C1997,24)+1)/SUM(INDEX($D$3:$AA$30,INDEX(Jesper!$R$2:$R$366,ROW(INDEX(Jesper!AH$2:AH$366,ROUNDDOWN($C1997/24,0)+1,1))-1)+IF('Standard Profiles'!$G$18=$B$10,7,0)+IF('Standard Profiles'!$G$18=$B$17,14,0)+IF('Standard Profiles'!$G$18=$B$24,21,0),0)),0)</f>
        <v>5.6369340667755292</v>
      </c>
      <c r="E1997" cm="1">
        <f t="array" ref="E1997">IFERROR(INDEX(Jesper!AI$2:AI$366,ROUNDDOWN($C1997/24,0)+1,1)*INDEX($D$3:$AA$30,INDEX(Jesper!$R$2:$R$366,ROW(INDEX(Jesper!AI$2:AI$366,ROUNDDOWN($C1997/24,0)+1,1))-1)+IF('Standard Profiles'!$G$19=$B$10,7,0)+IF('Standard Profiles'!$G$19=$B$17,14,0)+IF('Standard Profiles'!$G$19=$B$24,21,0),MOD($C1997,24)+1)/SUM(INDEX($D$3:$AA$30,INDEX(Jesper!$R$2:$R$366,ROW(INDEX(Jesper!AI$2:AI$366,ROUNDDOWN($C1997/24,0)+1,1))-1)+IF('Standard Profiles'!$G$19=$B$10,7,0)+IF('Standard Profiles'!$G$19=$B$17,14,0)+IF('Standard Profiles'!$G$19=$B$24,21,0),0)),0)</f>
        <v>3.376609944965995</v>
      </c>
      <c r="F1997" cm="1">
        <f t="array" ref="F1997">IFERROR(INDEX(Jesper!AJ$2:AJ$366,ROUNDDOWN($C1997/24,0)+1,1)*INDEX($D$3:$AA$30,INDEX(Jesper!$R$2:$R$366,ROW(INDEX(Jesper!AJ$2:AJ$366,ROUNDDOWN($C1997/24,0)+1,1))-1)+IF('Standard Profiles'!$G$20=$B$10,7,0)+IF('Standard Profiles'!$G$20=$B$17,14,0)+IF('Standard Profiles'!$G$20=$B$24,21,0),MOD($C1997,24)+1)/SUM(INDEX($D$3:$AA$30,INDEX(Jesper!$R$2:$R$366,ROW(INDEX(Jesper!AJ$2:AJ$366,ROUNDDOWN($C1997/24,0)+1,1))-1)+IF('Standard Profiles'!$G$20=$B$10,7,0)+IF('Standard Profiles'!$G$20=$B$17,14,0)+IF('Standard Profiles'!$G$20=$B$24,21,0),0)),0)</f>
        <v>0</v>
      </c>
      <c r="G1997" cm="1">
        <f t="array" ref="G1997">IFERROR(INDEX(Jesper!AK$2:AK$366,ROUNDDOWN($C1997/24,0)+1,1)*INDEX($D$3:$AA$30,INDEX(Jesper!$R$2:$R$366,ROW(INDEX(Jesper!AK$2:AK$366,ROUNDDOWN($C1997/24,0)+1,1))-1)+IF('Standard Profiles'!$G$21=$B$10,7,0)+IF('Standard Profiles'!$G$21=$B$17,14,0)+IF('Standard Profiles'!$G$21=$B$24,21,0),MOD($C1997,24)+1)/SUM(INDEX($D$3:$AA$30,INDEX(Jesper!$R$2:$R$366,ROW(INDEX(Jesper!AK$2:AK$366,ROUNDDOWN($C1997/24,0)+1,1))-1)+IF('Standard Profiles'!$G$21=$B$10,7,0)+IF('Standard Profiles'!$G$21=$B$17,14,0)+IF('Standard Profiles'!$G$21=$B$24,21,0),0)),0)</f>
        <v>0.9728584866447354</v>
      </c>
      <c r="H1997" cm="1">
        <f t="array" ref="H1997">IFERROR(INDEX(Jesper!AL$2:AL$366,ROUNDDOWN($C1997/24,0)+1,1)*INDEX($D$3:$AA$30,INDEX(Jesper!$R$2:$R$366,ROW(INDEX(Jesper!AL$2:AL$366,ROUNDDOWN($C1997/24,0)+1,1))-1)+IF('Standard Profiles'!$G$22=$B$10,7,0)+IF('Standard Profiles'!$G$22=$B$17,14,0)+IF('Standard Profiles'!$G$22=$B$24,21,0),MOD($C1997,24)+1)/SUM(INDEX($D$3:$AA$30,INDEX(Jesper!$R$2:$R$366,ROW(INDEX(Jesper!AL$2:AL$366,ROUNDDOWN($C1997/24,0)+1,1))-1)+IF('Standard Profiles'!$G$22=$B$10,7,0)+IF('Standard Profiles'!$G$22=$B$17,14,0)+IF('Standard Profiles'!$G$22=$B$24,21,0),0)),0)</f>
        <v>0</v>
      </c>
      <c r="I1997">
        <f t="shared" si="230"/>
        <v>0.46697207358947274</v>
      </c>
      <c r="J1997">
        <f t="shared" si="231"/>
        <v>8.6175209741127023</v>
      </c>
      <c r="K1997">
        <f t="shared" si="232"/>
        <v>0.60127296712272316</v>
      </c>
      <c r="L1997">
        <f t="shared" si="233"/>
        <v>0.30063648356136158</v>
      </c>
      <c r="M1997">
        <f t="shared" si="234"/>
        <v>0</v>
      </c>
      <c r="N1997" s="45">
        <f t="shared" si="235"/>
        <v>45008.791666661906</v>
      </c>
    </row>
    <row r="1998" spans="2:14" x14ac:dyDescent="0.25">
      <c r="B1998">
        <f t="shared" si="229"/>
        <v>4</v>
      </c>
      <c r="C1998" s="16">
        <v>1964</v>
      </c>
      <c r="D1998" cm="1">
        <f t="array" ref="D1998">IFERROR(INDEX(Jesper!AH$2:AH$366,ROUNDDOWN($C1998/24,0)+1,1)*INDEX($D$3:$AA$30,INDEX(Jesper!$R$2:$R$366,ROW(INDEX(Jesper!AH$2:AH$366,ROUNDDOWN($C1998/24,0)+1,1))-1)+IF('Standard Profiles'!$G$18=$B$10,7,0)+IF('Standard Profiles'!$G$18=$B$17,14,0)+IF('Standard Profiles'!$G$18=$B$24,21,0),MOD($C1998,24)+1)/SUM(INDEX($D$3:$AA$30,INDEX(Jesper!$R$2:$R$366,ROW(INDEX(Jesper!AH$2:AH$366,ROUNDDOWN($C1998/24,0)+1,1))-1)+IF('Standard Profiles'!$G$18=$B$10,7,0)+IF('Standard Profiles'!$G$18=$B$17,14,0)+IF('Standard Profiles'!$G$18=$B$24,21,0),0)),0)</f>
        <v>5.6369340667755292</v>
      </c>
      <c r="E1998" cm="1">
        <f t="array" ref="E1998">IFERROR(INDEX(Jesper!AI$2:AI$366,ROUNDDOWN($C1998/24,0)+1,1)*INDEX($D$3:$AA$30,INDEX(Jesper!$R$2:$R$366,ROW(INDEX(Jesper!AI$2:AI$366,ROUNDDOWN($C1998/24,0)+1,1))-1)+IF('Standard Profiles'!$G$19=$B$10,7,0)+IF('Standard Profiles'!$G$19=$B$17,14,0)+IF('Standard Profiles'!$G$19=$B$24,21,0),MOD($C1998,24)+1)/SUM(INDEX($D$3:$AA$30,INDEX(Jesper!$R$2:$R$366,ROW(INDEX(Jesper!AI$2:AI$366,ROUNDDOWN($C1998/24,0)+1,1))-1)+IF('Standard Profiles'!$G$19=$B$10,7,0)+IF('Standard Profiles'!$G$19=$B$17,14,0)+IF('Standard Profiles'!$G$19=$B$24,21,0),0)),0)</f>
        <v>3.376609944965995</v>
      </c>
      <c r="F1998" cm="1">
        <f t="array" ref="F1998">IFERROR(INDEX(Jesper!AJ$2:AJ$366,ROUNDDOWN($C1998/24,0)+1,1)*INDEX($D$3:$AA$30,INDEX(Jesper!$R$2:$R$366,ROW(INDEX(Jesper!AJ$2:AJ$366,ROUNDDOWN($C1998/24,0)+1,1))-1)+IF('Standard Profiles'!$G$20=$B$10,7,0)+IF('Standard Profiles'!$G$20=$B$17,14,0)+IF('Standard Profiles'!$G$20=$B$24,21,0),MOD($C1998,24)+1)/SUM(INDEX($D$3:$AA$30,INDEX(Jesper!$R$2:$R$366,ROW(INDEX(Jesper!AJ$2:AJ$366,ROUNDDOWN($C1998/24,0)+1,1))-1)+IF('Standard Profiles'!$G$20=$B$10,7,0)+IF('Standard Profiles'!$G$20=$B$17,14,0)+IF('Standard Profiles'!$G$20=$B$24,21,0),0)),0)</f>
        <v>0</v>
      </c>
      <c r="G1998" cm="1">
        <f t="array" ref="G1998">IFERROR(INDEX(Jesper!AK$2:AK$366,ROUNDDOWN($C1998/24,0)+1,1)*INDEX($D$3:$AA$30,INDEX(Jesper!$R$2:$R$366,ROW(INDEX(Jesper!AK$2:AK$366,ROUNDDOWN($C1998/24,0)+1,1))-1)+IF('Standard Profiles'!$G$21=$B$10,7,0)+IF('Standard Profiles'!$G$21=$B$17,14,0)+IF('Standard Profiles'!$G$21=$B$24,21,0),MOD($C1998,24)+1)/SUM(INDEX($D$3:$AA$30,INDEX(Jesper!$R$2:$R$366,ROW(INDEX(Jesper!AK$2:AK$366,ROUNDDOWN($C1998/24,0)+1,1))-1)+IF('Standard Profiles'!$G$21=$B$10,7,0)+IF('Standard Profiles'!$G$21=$B$17,14,0)+IF('Standard Profiles'!$G$21=$B$24,21,0),0)),0)</f>
        <v>0.9728584866447354</v>
      </c>
      <c r="H1998" cm="1">
        <f t="array" ref="H1998">IFERROR(INDEX(Jesper!AL$2:AL$366,ROUNDDOWN($C1998/24,0)+1,1)*INDEX($D$3:$AA$30,INDEX(Jesper!$R$2:$R$366,ROW(INDEX(Jesper!AL$2:AL$366,ROUNDDOWN($C1998/24,0)+1,1))-1)+IF('Standard Profiles'!$G$22=$B$10,7,0)+IF('Standard Profiles'!$G$22=$B$17,14,0)+IF('Standard Profiles'!$G$22=$B$24,21,0),MOD($C1998,24)+1)/SUM(INDEX($D$3:$AA$30,INDEX(Jesper!$R$2:$R$366,ROW(INDEX(Jesper!AL$2:AL$366,ROUNDDOWN($C1998/24,0)+1,1))-1)+IF('Standard Profiles'!$G$22=$B$10,7,0)+IF('Standard Profiles'!$G$22=$B$17,14,0)+IF('Standard Profiles'!$G$22=$B$24,21,0),0)),0)</f>
        <v>0</v>
      </c>
      <c r="I1998">
        <f t="shared" si="230"/>
        <v>0.46697207358947274</v>
      </c>
      <c r="J1998">
        <f t="shared" si="231"/>
        <v>8.6175209741127023</v>
      </c>
      <c r="K1998">
        <f t="shared" si="232"/>
        <v>0.60127296712272316</v>
      </c>
      <c r="L1998">
        <f t="shared" si="233"/>
        <v>0.30063648356136158</v>
      </c>
      <c r="M1998">
        <f t="shared" si="234"/>
        <v>0</v>
      </c>
      <c r="N1998" s="45">
        <f t="shared" si="235"/>
        <v>45008.83333332857</v>
      </c>
    </row>
    <row r="1999" spans="2:14" x14ac:dyDescent="0.25">
      <c r="B1999">
        <f t="shared" si="229"/>
        <v>4</v>
      </c>
      <c r="C1999" s="16">
        <v>1965</v>
      </c>
      <c r="D1999" cm="1">
        <f t="array" ref="D1999">IFERROR(INDEX(Jesper!AH$2:AH$366,ROUNDDOWN($C1999/24,0)+1,1)*INDEX($D$3:$AA$30,INDEX(Jesper!$R$2:$R$366,ROW(INDEX(Jesper!AH$2:AH$366,ROUNDDOWN($C1999/24,0)+1,1))-1)+IF('Standard Profiles'!$G$18=$B$10,7,0)+IF('Standard Profiles'!$G$18=$B$17,14,0)+IF('Standard Profiles'!$G$18=$B$24,21,0),MOD($C1999,24)+1)/SUM(INDEX($D$3:$AA$30,INDEX(Jesper!$R$2:$R$366,ROW(INDEX(Jesper!AH$2:AH$366,ROUNDDOWN($C1999/24,0)+1,1))-1)+IF('Standard Profiles'!$G$18=$B$10,7,0)+IF('Standard Profiles'!$G$18=$B$17,14,0)+IF('Standard Profiles'!$G$18=$B$24,21,0),0)),0)</f>
        <v>5.6369340667755292</v>
      </c>
      <c r="E1999" cm="1">
        <f t="array" ref="E1999">IFERROR(INDEX(Jesper!AI$2:AI$366,ROUNDDOWN($C1999/24,0)+1,1)*INDEX($D$3:$AA$30,INDEX(Jesper!$R$2:$R$366,ROW(INDEX(Jesper!AI$2:AI$366,ROUNDDOWN($C1999/24,0)+1,1))-1)+IF('Standard Profiles'!$G$19=$B$10,7,0)+IF('Standard Profiles'!$G$19=$B$17,14,0)+IF('Standard Profiles'!$G$19=$B$24,21,0),MOD($C1999,24)+1)/SUM(INDEX($D$3:$AA$30,INDEX(Jesper!$R$2:$R$366,ROW(INDEX(Jesper!AI$2:AI$366,ROUNDDOWN($C1999/24,0)+1,1))-1)+IF('Standard Profiles'!$G$19=$B$10,7,0)+IF('Standard Profiles'!$G$19=$B$17,14,0)+IF('Standard Profiles'!$G$19=$B$24,21,0),0)),0)</f>
        <v>3.376609944965995</v>
      </c>
      <c r="F1999" cm="1">
        <f t="array" ref="F1999">IFERROR(INDEX(Jesper!AJ$2:AJ$366,ROUNDDOWN($C1999/24,0)+1,1)*INDEX($D$3:$AA$30,INDEX(Jesper!$R$2:$R$366,ROW(INDEX(Jesper!AJ$2:AJ$366,ROUNDDOWN($C1999/24,0)+1,1))-1)+IF('Standard Profiles'!$G$20=$B$10,7,0)+IF('Standard Profiles'!$G$20=$B$17,14,0)+IF('Standard Profiles'!$G$20=$B$24,21,0),MOD($C1999,24)+1)/SUM(INDEX($D$3:$AA$30,INDEX(Jesper!$R$2:$R$366,ROW(INDEX(Jesper!AJ$2:AJ$366,ROUNDDOWN($C1999/24,0)+1,1))-1)+IF('Standard Profiles'!$G$20=$B$10,7,0)+IF('Standard Profiles'!$G$20=$B$17,14,0)+IF('Standard Profiles'!$G$20=$B$24,21,0),0)),0)</f>
        <v>0</v>
      </c>
      <c r="G1999" cm="1">
        <f t="array" ref="G1999">IFERROR(INDEX(Jesper!AK$2:AK$366,ROUNDDOWN($C1999/24,0)+1,1)*INDEX($D$3:$AA$30,INDEX(Jesper!$R$2:$R$366,ROW(INDEX(Jesper!AK$2:AK$366,ROUNDDOWN($C1999/24,0)+1,1))-1)+IF('Standard Profiles'!$G$21=$B$10,7,0)+IF('Standard Profiles'!$G$21=$B$17,14,0)+IF('Standard Profiles'!$G$21=$B$24,21,0),MOD($C1999,24)+1)/SUM(INDEX($D$3:$AA$30,INDEX(Jesper!$R$2:$R$366,ROW(INDEX(Jesper!AK$2:AK$366,ROUNDDOWN($C1999/24,0)+1,1))-1)+IF('Standard Profiles'!$G$21=$B$10,7,0)+IF('Standard Profiles'!$G$21=$B$17,14,0)+IF('Standard Profiles'!$G$21=$B$24,21,0),0)),0)</f>
        <v>0.9728584866447354</v>
      </c>
      <c r="H1999" cm="1">
        <f t="array" ref="H1999">IFERROR(INDEX(Jesper!AL$2:AL$366,ROUNDDOWN($C1999/24,0)+1,1)*INDEX($D$3:$AA$30,INDEX(Jesper!$R$2:$R$366,ROW(INDEX(Jesper!AL$2:AL$366,ROUNDDOWN($C1999/24,0)+1,1))-1)+IF('Standard Profiles'!$G$22=$B$10,7,0)+IF('Standard Profiles'!$G$22=$B$17,14,0)+IF('Standard Profiles'!$G$22=$B$24,21,0),MOD($C1999,24)+1)/SUM(INDEX($D$3:$AA$30,INDEX(Jesper!$R$2:$R$366,ROW(INDEX(Jesper!AL$2:AL$366,ROUNDDOWN($C1999/24,0)+1,1))-1)+IF('Standard Profiles'!$G$22=$B$10,7,0)+IF('Standard Profiles'!$G$22=$B$17,14,0)+IF('Standard Profiles'!$G$22=$B$24,21,0),0)),0)</f>
        <v>0</v>
      </c>
      <c r="I1999">
        <f t="shared" si="230"/>
        <v>0.46697207358947274</v>
      </c>
      <c r="J1999">
        <f t="shared" si="231"/>
        <v>8.6175209741127023</v>
      </c>
      <c r="K1999">
        <f t="shared" si="232"/>
        <v>0.60127296712272316</v>
      </c>
      <c r="L1999">
        <f t="shared" si="233"/>
        <v>0.30063648356136158</v>
      </c>
      <c r="M1999">
        <f t="shared" si="234"/>
        <v>0</v>
      </c>
      <c r="N1999" s="45">
        <f t="shared" si="235"/>
        <v>45008.874999995234</v>
      </c>
    </row>
    <row r="2000" spans="2:14" x14ac:dyDescent="0.25">
      <c r="B2000">
        <f t="shared" si="229"/>
        <v>4</v>
      </c>
      <c r="C2000" s="16">
        <v>1966</v>
      </c>
      <c r="D2000" cm="1">
        <f t="array" ref="D2000">IFERROR(INDEX(Jesper!AH$2:AH$366,ROUNDDOWN($C2000/24,0)+1,1)*INDEX($D$3:$AA$30,INDEX(Jesper!$R$2:$R$366,ROW(INDEX(Jesper!AH$2:AH$366,ROUNDDOWN($C2000/24,0)+1,1))-1)+IF('Standard Profiles'!$G$18=$B$10,7,0)+IF('Standard Profiles'!$G$18=$B$17,14,0)+IF('Standard Profiles'!$G$18=$B$24,21,0),MOD($C2000,24)+1)/SUM(INDEX($D$3:$AA$30,INDEX(Jesper!$R$2:$R$366,ROW(INDEX(Jesper!AH$2:AH$366,ROUNDDOWN($C2000/24,0)+1,1))-1)+IF('Standard Profiles'!$G$18=$B$10,7,0)+IF('Standard Profiles'!$G$18=$B$17,14,0)+IF('Standard Profiles'!$G$18=$B$24,21,0),0)),0)</f>
        <v>5.6369340667755292</v>
      </c>
      <c r="E2000" cm="1">
        <f t="array" ref="E2000">IFERROR(INDEX(Jesper!AI$2:AI$366,ROUNDDOWN($C2000/24,0)+1,1)*INDEX($D$3:$AA$30,INDEX(Jesper!$R$2:$R$366,ROW(INDEX(Jesper!AI$2:AI$366,ROUNDDOWN($C2000/24,0)+1,1))-1)+IF('Standard Profiles'!$G$19=$B$10,7,0)+IF('Standard Profiles'!$G$19=$B$17,14,0)+IF('Standard Profiles'!$G$19=$B$24,21,0),MOD($C2000,24)+1)/SUM(INDEX($D$3:$AA$30,INDEX(Jesper!$R$2:$R$366,ROW(INDEX(Jesper!AI$2:AI$366,ROUNDDOWN($C2000/24,0)+1,1))-1)+IF('Standard Profiles'!$G$19=$B$10,7,0)+IF('Standard Profiles'!$G$19=$B$17,14,0)+IF('Standard Profiles'!$G$19=$B$24,21,0),0)),0)</f>
        <v>3.376609944965995</v>
      </c>
      <c r="F2000" cm="1">
        <f t="array" ref="F2000">IFERROR(INDEX(Jesper!AJ$2:AJ$366,ROUNDDOWN($C2000/24,0)+1,1)*INDEX($D$3:$AA$30,INDEX(Jesper!$R$2:$R$366,ROW(INDEX(Jesper!AJ$2:AJ$366,ROUNDDOWN($C2000/24,0)+1,1))-1)+IF('Standard Profiles'!$G$20=$B$10,7,0)+IF('Standard Profiles'!$G$20=$B$17,14,0)+IF('Standard Profiles'!$G$20=$B$24,21,0),MOD($C2000,24)+1)/SUM(INDEX($D$3:$AA$30,INDEX(Jesper!$R$2:$R$366,ROW(INDEX(Jesper!AJ$2:AJ$366,ROUNDDOWN($C2000/24,0)+1,1))-1)+IF('Standard Profiles'!$G$20=$B$10,7,0)+IF('Standard Profiles'!$G$20=$B$17,14,0)+IF('Standard Profiles'!$G$20=$B$24,21,0),0)),0)</f>
        <v>0</v>
      </c>
      <c r="G2000" cm="1">
        <f t="array" ref="G2000">IFERROR(INDEX(Jesper!AK$2:AK$366,ROUNDDOWN($C2000/24,0)+1,1)*INDEX($D$3:$AA$30,INDEX(Jesper!$R$2:$R$366,ROW(INDEX(Jesper!AK$2:AK$366,ROUNDDOWN($C2000/24,0)+1,1))-1)+IF('Standard Profiles'!$G$21=$B$10,7,0)+IF('Standard Profiles'!$G$21=$B$17,14,0)+IF('Standard Profiles'!$G$21=$B$24,21,0),MOD($C2000,24)+1)/SUM(INDEX($D$3:$AA$30,INDEX(Jesper!$R$2:$R$366,ROW(INDEX(Jesper!AK$2:AK$366,ROUNDDOWN($C2000/24,0)+1,1))-1)+IF('Standard Profiles'!$G$21=$B$10,7,0)+IF('Standard Profiles'!$G$21=$B$17,14,0)+IF('Standard Profiles'!$G$21=$B$24,21,0),0)),0)</f>
        <v>0.9728584866447354</v>
      </c>
      <c r="H2000" cm="1">
        <f t="array" ref="H2000">IFERROR(INDEX(Jesper!AL$2:AL$366,ROUNDDOWN($C2000/24,0)+1,1)*INDEX($D$3:$AA$30,INDEX(Jesper!$R$2:$R$366,ROW(INDEX(Jesper!AL$2:AL$366,ROUNDDOWN($C2000/24,0)+1,1))-1)+IF('Standard Profiles'!$G$22=$B$10,7,0)+IF('Standard Profiles'!$G$22=$B$17,14,0)+IF('Standard Profiles'!$G$22=$B$24,21,0),MOD($C2000,24)+1)/SUM(INDEX($D$3:$AA$30,INDEX(Jesper!$R$2:$R$366,ROW(INDEX(Jesper!AL$2:AL$366,ROUNDDOWN($C2000/24,0)+1,1))-1)+IF('Standard Profiles'!$G$22=$B$10,7,0)+IF('Standard Profiles'!$G$22=$B$17,14,0)+IF('Standard Profiles'!$G$22=$B$24,21,0),0)),0)</f>
        <v>0</v>
      </c>
      <c r="I2000">
        <f t="shared" si="230"/>
        <v>0.46697207358947274</v>
      </c>
      <c r="J2000">
        <f t="shared" si="231"/>
        <v>8.6175209741127023</v>
      </c>
      <c r="K2000">
        <f t="shared" si="232"/>
        <v>0.60127296712272316</v>
      </c>
      <c r="L2000">
        <f t="shared" si="233"/>
        <v>0.30063648356136158</v>
      </c>
      <c r="M2000">
        <f t="shared" si="234"/>
        <v>0</v>
      </c>
      <c r="N2000" s="45">
        <f t="shared" si="235"/>
        <v>45008.916666661898</v>
      </c>
    </row>
    <row r="2001" spans="2:14" x14ac:dyDescent="0.25">
      <c r="B2001">
        <f t="shared" si="229"/>
        <v>4</v>
      </c>
      <c r="C2001" s="16">
        <v>1967</v>
      </c>
      <c r="D2001" cm="1">
        <f t="array" ref="D2001">IFERROR(INDEX(Jesper!AH$2:AH$366,ROUNDDOWN($C2001/24,0)+1,1)*INDEX($D$3:$AA$30,INDEX(Jesper!$R$2:$R$366,ROW(INDEX(Jesper!AH$2:AH$366,ROUNDDOWN($C2001/24,0)+1,1))-1)+IF('Standard Profiles'!$G$18=$B$10,7,0)+IF('Standard Profiles'!$G$18=$B$17,14,0)+IF('Standard Profiles'!$G$18=$B$24,21,0),MOD($C2001,24)+1)/SUM(INDEX($D$3:$AA$30,INDEX(Jesper!$R$2:$R$366,ROW(INDEX(Jesper!AH$2:AH$366,ROUNDDOWN($C2001/24,0)+1,1))-1)+IF('Standard Profiles'!$G$18=$B$10,7,0)+IF('Standard Profiles'!$G$18=$B$17,14,0)+IF('Standard Profiles'!$G$18=$B$24,21,0),0)),0)</f>
        <v>5.6369340667755292</v>
      </c>
      <c r="E2001" cm="1">
        <f t="array" ref="E2001">IFERROR(INDEX(Jesper!AI$2:AI$366,ROUNDDOWN($C2001/24,0)+1,1)*INDEX($D$3:$AA$30,INDEX(Jesper!$R$2:$R$366,ROW(INDEX(Jesper!AI$2:AI$366,ROUNDDOWN($C2001/24,0)+1,1))-1)+IF('Standard Profiles'!$G$19=$B$10,7,0)+IF('Standard Profiles'!$G$19=$B$17,14,0)+IF('Standard Profiles'!$G$19=$B$24,21,0),MOD($C2001,24)+1)/SUM(INDEX($D$3:$AA$30,INDEX(Jesper!$R$2:$R$366,ROW(INDEX(Jesper!AI$2:AI$366,ROUNDDOWN($C2001/24,0)+1,1))-1)+IF('Standard Profiles'!$G$19=$B$10,7,0)+IF('Standard Profiles'!$G$19=$B$17,14,0)+IF('Standard Profiles'!$G$19=$B$24,21,0),0)),0)</f>
        <v>3.376609944965995</v>
      </c>
      <c r="F2001" cm="1">
        <f t="array" ref="F2001">IFERROR(INDEX(Jesper!AJ$2:AJ$366,ROUNDDOWN($C2001/24,0)+1,1)*INDEX($D$3:$AA$30,INDEX(Jesper!$R$2:$R$366,ROW(INDEX(Jesper!AJ$2:AJ$366,ROUNDDOWN($C2001/24,0)+1,1))-1)+IF('Standard Profiles'!$G$20=$B$10,7,0)+IF('Standard Profiles'!$G$20=$B$17,14,0)+IF('Standard Profiles'!$G$20=$B$24,21,0),MOD($C2001,24)+1)/SUM(INDEX($D$3:$AA$30,INDEX(Jesper!$R$2:$R$366,ROW(INDEX(Jesper!AJ$2:AJ$366,ROUNDDOWN($C2001/24,0)+1,1))-1)+IF('Standard Profiles'!$G$20=$B$10,7,0)+IF('Standard Profiles'!$G$20=$B$17,14,0)+IF('Standard Profiles'!$G$20=$B$24,21,0),0)),0)</f>
        <v>0</v>
      </c>
      <c r="G2001" cm="1">
        <f t="array" ref="G2001">IFERROR(INDEX(Jesper!AK$2:AK$366,ROUNDDOWN($C2001/24,0)+1,1)*INDEX($D$3:$AA$30,INDEX(Jesper!$R$2:$R$366,ROW(INDEX(Jesper!AK$2:AK$366,ROUNDDOWN($C2001/24,0)+1,1))-1)+IF('Standard Profiles'!$G$21=$B$10,7,0)+IF('Standard Profiles'!$G$21=$B$17,14,0)+IF('Standard Profiles'!$G$21=$B$24,21,0),MOD($C2001,24)+1)/SUM(INDEX($D$3:$AA$30,INDEX(Jesper!$R$2:$R$366,ROW(INDEX(Jesper!AK$2:AK$366,ROUNDDOWN($C2001/24,0)+1,1))-1)+IF('Standard Profiles'!$G$21=$B$10,7,0)+IF('Standard Profiles'!$G$21=$B$17,14,0)+IF('Standard Profiles'!$G$21=$B$24,21,0),0)),0)</f>
        <v>0.9728584866447354</v>
      </c>
      <c r="H2001" cm="1">
        <f t="array" ref="H2001">IFERROR(INDEX(Jesper!AL$2:AL$366,ROUNDDOWN($C2001/24,0)+1,1)*INDEX($D$3:$AA$30,INDEX(Jesper!$R$2:$R$366,ROW(INDEX(Jesper!AL$2:AL$366,ROUNDDOWN($C2001/24,0)+1,1))-1)+IF('Standard Profiles'!$G$22=$B$10,7,0)+IF('Standard Profiles'!$G$22=$B$17,14,0)+IF('Standard Profiles'!$G$22=$B$24,21,0),MOD($C2001,24)+1)/SUM(INDEX($D$3:$AA$30,INDEX(Jesper!$R$2:$R$366,ROW(INDEX(Jesper!AL$2:AL$366,ROUNDDOWN($C2001/24,0)+1,1))-1)+IF('Standard Profiles'!$G$22=$B$10,7,0)+IF('Standard Profiles'!$G$22=$B$17,14,0)+IF('Standard Profiles'!$G$22=$B$24,21,0),0)),0)</f>
        <v>0</v>
      </c>
      <c r="I2001">
        <f t="shared" si="230"/>
        <v>0.46697207358947274</v>
      </c>
      <c r="J2001">
        <f t="shared" si="231"/>
        <v>8.6175209741127023</v>
      </c>
      <c r="K2001">
        <f t="shared" si="232"/>
        <v>0.60127296712272316</v>
      </c>
      <c r="L2001">
        <f t="shared" si="233"/>
        <v>0.30063648356136158</v>
      </c>
      <c r="M2001">
        <f t="shared" si="234"/>
        <v>0</v>
      </c>
      <c r="N2001" s="45">
        <f t="shared" si="235"/>
        <v>45008.958333328563</v>
      </c>
    </row>
    <row r="2002" spans="2:14" x14ac:dyDescent="0.25">
      <c r="B2002">
        <f t="shared" si="229"/>
        <v>5</v>
      </c>
      <c r="C2002" s="16">
        <v>1968</v>
      </c>
      <c r="D2002" cm="1">
        <f t="array" ref="D2002">IFERROR(INDEX(Jesper!AH$2:AH$366,ROUNDDOWN($C2002/24,0)+1,1)*INDEX($D$3:$AA$30,INDEX(Jesper!$R$2:$R$366,ROW(INDEX(Jesper!AH$2:AH$366,ROUNDDOWN($C2002/24,0)+1,1))-1)+IF('Standard Profiles'!$G$18=$B$10,7,0)+IF('Standard Profiles'!$G$18=$B$17,14,0)+IF('Standard Profiles'!$G$18=$B$24,21,0),MOD($C2002,24)+1)/SUM(INDEX($D$3:$AA$30,INDEX(Jesper!$R$2:$R$366,ROW(INDEX(Jesper!AH$2:AH$366,ROUNDDOWN($C2002/24,0)+1,1))-1)+IF('Standard Profiles'!$G$18=$B$10,7,0)+IF('Standard Profiles'!$G$18=$B$17,14,0)+IF('Standard Profiles'!$G$18=$B$24,21,0),0)),0)</f>
        <v>8.5331683917979397</v>
      </c>
      <c r="E2002" cm="1">
        <f t="array" ref="E2002">IFERROR(INDEX(Jesper!AI$2:AI$366,ROUNDDOWN($C2002/24,0)+1,1)*INDEX($D$3:$AA$30,INDEX(Jesper!$R$2:$R$366,ROW(INDEX(Jesper!AI$2:AI$366,ROUNDDOWN($C2002/24,0)+1,1))-1)+IF('Standard Profiles'!$G$19=$B$10,7,0)+IF('Standard Profiles'!$G$19=$B$17,14,0)+IF('Standard Profiles'!$G$19=$B$24,21,0),MOD($C2002,24)+1)/SUM(INDEX($D$3:$AA$30,INDEX(Jesper!$R$2:$R$366,ROW(INDEX(Jesper!AI$2:AI$366,ROUNDDOWN($C2002/24,0)+1,1))-1)+IF('Standard Profiles'!$G$19=$B$10,7,0)+IF('Standard Profiles'!$G$19=$B$17,14,0)+IF('Standard Profiles'!$G$19=$B$24,21,0),0)),0)</f>
        <v>4.4704122416509016</v>
      </c>
      <c r="F2002" cm="1">
        <f t="array" ref="F2002">IFERROR(INDEX(Jesper!AJ$2:AJ$366,ROUNDDOWN($C2002/24,0)+1,1)*INDEX($D$3:$AA$30,INDEX(Jesper!$R$2:$R$366,ROW(INDEX(Jesper!AJ$2:AJ$366,ROUNDDOWN($C2002/24,0)+1,1))-1)+IF('Standard Profiles'!$G$20=$B$10,7,0)+IF('Standard Profiles'!$G$20=$B$17,14,0)+IF('Standard Profiles'!$G$20=$B$24,21,0),MOD($C2002,24)+1)/SUM(INDEX($D$3:$AA$30,INDEX(Jesper!$R$2:$R$366,ROW(INDEX(Jesper!AJ$2:AJ$366,ROUNDDOWN($C2002/24,0)+1,1))-1)+IF('Standard Profiles'!$G$20=$B$10,7,0)+IF('Standard Profiles'!$G$20=$B$17,14,0)+IF('Standard Profiles'!$G$20=$B$24,21,0),0)),0)</f>
        <v>0</v>
      </c>
      <c r="G2002" cm="1">
        <f t="array" ref="G2002">IFERROR(INDEX(Jesper!AK$2:AK$366,ROUNDDOWN($C2002/24,0)+1,1)*INDEX($D$3:$AA$30,INDEX(Jesper!$R$2:$R$366,ROW(INDEX(Jesper!AK$2:AK$366,ROUNDDOWN($C2002/24,0)+1,1))-1)+IF('Standard Profiles'!$G$21=$B$10,7,0)+IF('Standard Profiles'!$G$21=$B$17,14,0)+IF('Standard Profiles'!$G$21=$B$24,21,0),MOD($C2002,24)+1)/SUM(INDEX($D$3:$AA$30,INDEX(Jesper!$R$2:$R$366,ROW(INDEX(Jesper!AK$2:AK$366,ROUNDDOWN($C2002/24,0)+1,1))-1)+IF('Standard Profiles'!$G$21=$B$10,7,0)+IF('Standard Profiles'!$G$21=$B$17,14,0)+IF('Standard Profiles'!$G$21=$B$24,21,0),0)),0)</f>
        <v>0.80277912916945215</v>
      </c>
      <c r="H2002" cm="1">
        <f t="array" ref="H2002">IFERROR(INDEX(Jesper!AL$2:AL$366,ROUNDDOWN($C2002/24,0)+1,1)*INDEX($D$3:$AA$30,INDEX(Jesper!$R$2:$R$366,ROW(INDEX(Jesper!AL$2:AL$366,ROUNDDOWN($C2002/24,0)+1,1))-1)+IF('Standard Profiles'!$G$22=$B$10,7,0)+IF('Standard Profiles'!$G$22=$B$17,14,0)+IF('Standard Profiles'!$G$22=$B$24,21,0),MOD($C2002,24)+1)/SUM(INDEX($D$3:$AA$30,INDEX(Jesper!$R$2:$R$366,ROW(INDEX(Jesper!AL$2:AL$366,ROUNDDOWN($C2002/24,0)+1,1))-1)+IF('Standard Profiles'!$G$22=$B$10,7,0)+IF('Standard Profiles'!$G$22=$B$17,14,0)+IF('Standard Profiles'!$G$22=$B$24,21,0),0)),0)</f>
        <v>0</v>
      </c>
      <c r="I2002">
        <f t="shared" si="230"/>
        <v>0.38533398200133684</v>
      </c>
      <c r="J2002">
        <f t="shared" si="231"/>
        <v>12.055718837929286</v>
      </c>
      <c r="K2002">
        <f t="shared" si="232"/>
        <v>0.91020462845844696</v>
      </c>
      <c r="L2002">
        <f t="shared" si="233"/>
        <v>0.45510231422922348</v>
      </c>
      <c r="M2002">
        <f t="shared" si="234"/>
        <v>0</v>
      </c>
      <c r="N2002" s="45">
        <f t="shared" si="235"/>
        <v>45008.999999995227</v>
      </c>
    </row>
    <row r="2003" spans="2:14" x14ac:dyDescent="0.25">
      <c r="B2003">
        <f t="shared" si="229"/>
        <v>5</v>
      </c>
      <c r="C2003" s="16">
        <v>1969</v>
      </c>
      <c r="D2003" cm="1">
        <f t="array" ref="D2003">IFERROR(INDEX(Jesper!AH$2:AH$366,ROUNDDOWN($C2003/24,0)+1,1)*INDEX($D$3:$AA$30,INDEX(Jesper!$R$2:$R$366,ROW(INDEX(Jesper!AH$2:AH$366,ROUNDDOWN($C2003/24,0)+1,1))-1)+IF('Standard Profiles'!$G$18=$B$10,7,0)+IF('Standard Profiles'!$G$18=$B$17,14,0)+IF('Standard Profiles'!$G$18=$B$24,21,0),MOD($C2003,24)+1)/SUM(INDEX($D$3:$AA$30,INDEX(Jesper!$R$2:$R$366,ROW(INDEX(Jesper!AH$2:AH$366,ROUNDDOWN($C2003/24,0)+1,1))-1)+IF('Standard Profiles'!$G$18=$B$10,7,0)+IF('Standard Profiles'!$G$18=$B$17,14,0)+IF('Standard Profiles'!$G$18=$B$24,21,0),0)),0)</f>
        <v>5.1716172071502671</v>
      </c>
      <c r="E2003" cm="1">
        <f t="array" ref="E2003">IFERROR(INDEX(Jesper!AI$2:AI$366,ROUNDDOWN($C2003/24,0)+1,1)*INDEX($D$3:$AA$30,INDEX(Jesper!$R$2:$R$366,ROW(INDEX(Jesper!AI$2:AI$366,ROUNDDOWN($C2003/24,0)+1,1))-1)+IF('Standard Profiles'!$G$19=$B$10,7,0)+IF('Standard Profiles'!$G$19=$B$17,14,0)+IF('Standard Profiles'!$G$19=$B$24,21,0),MOD($C2003,24)+1)/SUM(INDEX($D$3:$AA$30,INDEX(Jesper!$R$2:$R$366,ROW(INDEX(Jesper!AI$2:AI$366,ROUNDDOWN($C2003/24,0)+1,1))-1)+IF('Standard Profiles'!$G$19=$B$10,7,0)+IF('Standard Profiles'!$G$19=$B$17,14,0)+IF('Standard Profiles'!$G$19=$B$24,21,0),0)),0)</f>
        <v>2.7093407525156978</v>
      </c>
      <c r="F2003" cm="1">
        <f t="array" ref="F2003">IFERROR(INDEX(Jesper!AJ$2:AJ$366,ROUNDDOWN($C2003/24,0)+1,1)*INDEX($D$3:$AA$30,INDEX(Jesper!$R$2:$R$366,ROW(INDEX(Jesper!AJ$2:AJ$366,ROUNDDOWN($C2003/24,0)+1,1))-1)+IF('Standard Profiles'!$G$20=$B$10,7,0)+IF('Standard Profiles'!$G$20=$B$17,14,0)+IF('Standard Profiles'!$G$20=$B$24,21,0),MOD($C2003,24)+1)/SUM(INDEX($D$3:$AA$30,INDEX(Jesper!$R$2:$R$366,ROW(INDEX(Jesper!AJ$2:AJ$366,ROUNDDOWN($C2003/24,0)+1,1))-1)+IF('Standard Profiles'!$G$20=$B$10,7,0)+IF('Standard Profiles'!$G$20=$B$17,14,0)+IF('Standard Profiles'!$G$20=$B$24,21,0),0)),0)</f>
        <v>0</v>
      </c>
      <c r="G2003" cm="1">
        <f t="array" ref="G2003">IFERROR(INDEX(Jesper!AK$2:AK$366,ROUNDDOWN($C2003/24,0)+1,1)*INDEX($D$3:$AA$30,INDEX(Jesper!$R$2:$R$366,ROW(INDEX(Jesper!AK$2:AK$366,ROUNDDOWN($C2003/24,0)+1,1))-1)+IF('Standard Profiles'!$G$21=$B$10,7,0)+IF('Standard Profiles'!$G$21=$B$17,14,0)+IF('Standard Profiles'!$G$21=$B$24,21,0),MOD($C2003,24)+1)/SUM(INDEX($D$3:$AA$30,INDEX(Jesper!$R$2:$R$366,ROW(INDEX(Jesper!AK$2:AK$366,ROUNDDOWN($C2003/24,0)+1,1))-1)+IF('Standard Profiles'!$G$21=$B$10,7,0)+IF('Standard Profiles'!$G$21=$B$17,14,0)+IF('Standard Profiles'!$G$21=$B$24,21,0),0)),0)</f>
        <v>0.80277912916945215</v>
      </c>
      <c r="H2003" cm="1">
        <f t="array" ref="H2003">IFERROR(INDEX(Jesper!AL$2:AL$366,ROUNDDOWN($C2003/24,0)+1,1)*INDEX($D$3:$AA$30,INDEX(Jesper!$R$2:$R$366,ROW(INDEX(Jesper!AL$2:AL$366,ROUNDDOWN($C2003/24,0)+1,1))-1)+IF('Standard Profiles'!$G$22=$B$10,7,0)+IF('Standard Profiles'!$G$22=$B$17,14,0)+IF('Standard Profiles'!$G$22=$B$24,21,0),MOD($C2003,24)+1)/SUM(INDEX($D$3:$AA$30,INDEX(Jesper!$R$2:$R$366,ROW(INDEX(Jesper!AL$2:AL$366,ROUNDDOWN($C2003/24,0)+1,1))-1)+IF('Standard Profiles'!$G$22=$B$10,7,0)+IF('Standard Profiles'!$G$22=$B$17,14,0)+IF('Standard Profiles'!$G$22=$B$24,21,0),0)),0)</f>
        <v>0</v>
      </c>
      <c r="I2003">
        <f t="shared" si="230"/>
        <v>0.38533398200133684</v>
      </c>
      <c r="J2003">
        <f t="shared" si="231"/>
        <v>7.4709443536900366</v>
      </c>
      <c r="K2003">
        <f t="shared" si="232"/>
        <v>0.55163916876269514</v>
      </c>
      <c r="L2003">
        <f t="shared" si="233"/>
        <v>0.27581958438134757</v>
      </c>
      <c r="M2003">
        <f t="shared" si="234"/>
        <v>0</v>
      </c>
      <c r="N2003" s="45">
        <f t="shared" si="235"/>
        <v>45009.041666661891</v>
      </c>
    </row>
    <row r="2004" spans="2:14" x14ac:dyDescent="0.25">
      <c r="B2004">
        <f t="shared" si="229"/>
        <v>5</v>
      </c>
      <c r="C2004" s="16">
        <v>1970</v>
      </c>
      <c r="D2004" cm="1">
        <f t="array" ref="D2004">IFERROR(INDEX(Jesper!AH$2:AH$366,ROUNDDOWN($C2004/24,0)+1,1)*INDEX($D$3:$AA$30,INDEX(Jesper!$R$2:$R$366,ROW(INDEX(Jesper!AH$2:AH$366,ROUNDDOWN($C2004/24,0)+1,1))-1)+IF('Standard Profiles'!$G$18=$B$10,7,0)+IF('Standard Profiles'!$G$18=$B$17,14,0)+IF('Standard Profiles'!$G$18=$B$24,21,0),MOD($C2004,24)+1)/SUM(INDEX($D$3:$AA$30,INDEX(Jesper!$R$2:$R$366,ROW(INDEX(Jesper!AH$2:AH$366,ROUNDDOWN($C2004/24,0)+1,1))-1)+IF('Standard Profiles'!$G$18=$B$10,7,0)+IF('Standard Profiles'!$G$18=$B$17,14,0)+IF('Standard Profiles'!$G$18=$B$24,21,0),0)),0)</f>
        <v>5.1716172071502671</v>
      </c>
      <c r="E2004" cm="1">
        <f t="array" ref="E2004">IFERROR(INDEX(Jesper!AI$2:AI$366,ROUNDDOWN($C2004/24,0)+1,1)*INDEX($D$3:$AA$30,INDEX(Jesper!$R$2:$R$366,ROW(INDEX(Jesper!AI$2:AI$366,ROUNDDOWN($C2004/24,0)+1,1))-1)+IF('Standard Profiles'!$G$19=$B$10,7,0)+IF('Standard Profiles'!$G$19=$B$17,14,0)+IF('Standard Profiles'!$G$19=$B$24,21,0),MOD($C2004,24)+1)/SUM(INDEX($D$3:$AA$30,INDEX(Jesper!$R$2:$R$366,ROW(INDEX(Jesper!AI$2:AI$366,ROUNDDOWN($C2004/24,0)+1,1))-1)+IF('Standard Profiles'!$G$19=$B$10,7,0)+IF('Standard Profiles'!$G$19=$B$17,14,0)+IF('Standard Profiles'!$G$19=$B$24,21,0),0)),0)</f>
        <v>2.7093407525156978</v>
      </c>
      <c r="F2004" cm="1">
        <f t="array" ref="F2004">IFERROR(INDEX(Jesper!AJ$2:AJ$366,ROUNDDOWN($C2004/24,0)+1,1)*INDEX($D$3:$AA$30,INDEX(Jesper!$R$2:$R$366,ROW(INDEX(Jesper!AJ$2:AJ$366,ROUNDDOWN($C2004/24,0)+1,1))-1)+IF('Standard Profiles'!$G$20=$B$10,7,0)+IF('Standard Profiles'!$G$20=$B$17,14,0)+IF('Standard Profiles'!$G$20=$B$24,21,0),MOD($C2004,24)+1)/SUM(INDEX($D$3:$AA$30,INDEX(Jesper!$R$2:$R$366,ROW(INDEX(Jesper!AJ$2:AJ$366,ROUNDDOWN($C2004/24,0)+1,1))-1)+IF('Standard Profiles'!$G$20=$B$10,7,0)+IF('Standard Profiles'!$G$20=$B$17,14,0)+IF('Standard Profiles'!$G$20=$B$24,21,0),0)),0)</f>
        <v>0</v>
      </c>
      <c r="G2004" cm="1">
        <f t="array" ref="G2004">IFERROR(INDEX(Jesper!AK$2:AK$366,ROUNDDOWN($C2004/24,0)+1,1)*INDEX($D$3:$AA$30,INDEX(Jesper!$R$2:$R$366,ROW(INDEX(Jesper!AK$2:AK$366,ROUNDDOWN($C2004/24,0)+1,1))-1)+IF('Standard Profiles'!$G$21=$B$10,7,0)+IF('Standard Profiles'!$G$21=$B$17,14,0)+IF('Standard Profiles'!$G$21=$B$24,21,0),MOD($C2004,24)+1)/SUM(INDEX($D$3:$AA$30,INDEX(Jesper!$R$2:$R$366,ROW(INDEX(Jesper!AK$2:AK$366,ROUNDDOWN($C2004/24,0)+1,1))-1)+IF('Standard Profiles'!$G$21=$B$10,7,0)+IF('Standard Profiles'!$G$21=$B$17,14,0)+IF('Standard Profiles'!$G$21=$B$24,21,0),0)),0)</f>
        <v>0.80277912916945215</v>
      </c>
      <c r="H2004" cm="1">
        <f t="array" ref="H2004">IFERROR(INDEX(Jesper!AL$2:AL$366,ROUNDDOWN($C2004/24,0)+1,1)*INDEX($D$3:$AA$30,INDEX(Jesper!$R$2:$R$366,ROW(INDEX(Jesper!AL$2:AL$366,ROUNDDOWN($C2004/24,0)+1,1))-1)+IF('Standard Profiles'!$G$22=$B$10,7,0)+IF('Standard Profiles'!$G$22=$B$17,14,0)+IF('Standard Profiles'!$G$22=$B$24,21,0),MOD($C2004,24)+1)/SUM(INDEX($D$3:$AA$30,INDEX(Jesper!$R$2:$R$366,ROW(INDEX(Jesper!AL$2:AL$366,ROUNDDOWN($C2004/24,0)+1,1))-1)+IF('Standard Profiles'!$G$22=$B$10,7,0)+IF('Standard Profiles'!$G$22=$B$17,14,0)+IF('Standard Profiles'!$G$22=$B$24,21,0),0)),0)</f>
        <v>0</v>
      </c>
      <c r="I2004">
        <f t="shared" si="230"/>
        <v>0.38533398200133684</v>
      </c>
      <c r="J2004">
        <f t="shared" si="231"/>
        <v>7.4709443536900366</v>
      </c>
      <c r="K2004">
        <f t="shared" si="232"/>
        <v>0.55163916876269514</v>
      </c>
      <c r="L2004">
        <f t="shared" si="233"/>
        <v>0.27581958438134757</v>
      </c>
      <c r="M2004">
        <f t="shared" si="234"/>
        <v>0</v>
      </c>
      <c r="N2004" s="45">
        <f t="shared" si="235"/>
        <v>45009.083333328555</v>
      </c>
    </row>
    <row r="2005" spans="2:14" x14ac:dyDescent="0.25">
      <c r="B2005">
        <f t="shared" si="229"/>
        <v>5</v>
      </c>
      <c r="C2005" s="16">
        <v>1971</v>
      </c>
      <c r="D2005" cm="1">
        <f t="array" ref="D2005">IFERROR(INDEX(Jesper!AH$2:AH$366,ROUNDDOWN($C2005/24,0)+1,1)*INDEX($D$3:$AA$30,INDEX(Jesper!$R$2:$R$366,ROW(INDEX(Jesper!AH$2:AH$366,ROUNDDOWN($C2005/24,0)+1,1))-1)+IF('Standard Profiles'!$G$18=$B$10,7,0)+IF('Standard Profiles'!$G$18=$B$17,14,0)+IF('Standard Profiles'!$G$18=$B$24,21,0),MOD($C2005,24)+1)/SUM(INDEX($D$3:$AA$30,INDEX(Jesper!$R$2:$R$366,ROW(INDEX(Jesper!AH$2:AH$366,ROUNDDOWN($C2005/24,0)+1,1))-1)+IF('Standard Profiles'!$G$18=$B$10,7,0)+IF('Standard Profiles'!$G$18=$B$17,14,0)+IF('Standard Profiles'!$G$18=$B$24,21,0),0)),0)</f>
        <v>5.1716172071502671</v>
      </c>
      <c r="E2005" cm="1">
        <f t="array" ref="E2005">IFERROR(INDEX(Jesper!AI$2:AI$366,ROUNDDOWN($C2005/24,0)+1,1)*INDEX($D$3:$AA$30,INDEX(Jesper!$R$2:$R$366,ROW(INDEX(Jesper!AI$2:AI$366,ROUNDDOWN($C2005/24,0)+1,1))-1)+IF('Standard Profiles'!$G$19=$B$10,7,0)+IF('Standard Profiles'!$G$19=$B$17,14,0)+IF('Standard Profiles'!$G$19=$B$24,21,0),MOD($C2005,24)+1)/SUM(INDEX($D$3:$AA$30,INDEX(Jesper!$R$2:$R$366,ROW(INDEX(Jesper!AI$2:AI$366,ROUNDDOWN($C2005/24,0)+1,1))-1)+IF('Standard Profiles'!$G$19=$B$10,7,0)+IF('Standard Profiles'!$G$19=$B$17,14,0)+IF('Standard Profiles'!$G$19=$B$24,21,0),0)),0)</f>
        <v>2.7093407525156978</v>
      </c>
      <c r="F2005" cm="1">
        <f t="array" ref="F2005">IFERROR(INDEX(Jesper!AJ$2:AJ$366,ROUNDDOWN($C2005/24,0)+1,1)*INDEX($D$3:$AA$30,INDEX(Jesper!$R$2:$R$366,ROW(INDEX(Jesper!AJ$2:AJ$366,ROUNDDOWN($C2005/24,0)+1,1))-1)+IF('Standard Profiles'!$G$20=$B$10,7,0)+IF('Standard Profiles'!$G$20=$B$17,14,0)+IF('Standard Profiles'!$G$20=$B$24,21,0),MOD($C2005,24)+1)/SUM(INDEX($D$3:$AA$30,INDEX(Jesper!$R$2:$R$366,ROW(INDEX(Jesper!AJ$2:AJ$366,ROUNDDOWN($C2005/24,0)+1,1))-1)+IF('Standard Profiles'!$G$20=$B$10,7,0)+IF('Standard Profiles'!$G$20=$B$17,14,0)+IF('Standard Profiles'!$G$20=$B$24,21,0),0)),0)</f>
        <v>0</v>
      </c>
      <c r="G2005" cm="1">
        <f t="array" ref="G2005">IFERROR(INDEX(Jesper!AK$2:AK$366,ROUNDDOWN($C2005/24,0)+1,1)*INDEX($D$3:$AA$30,INDEX(Jesper!$R$2:$R$366,ROW(INDEX(Jesper!AK$2:AK$366,ROUNDDOWN($C2005/24,0)+1,1))-1)+IF('Standard Profiles'!$G$21=$B$10,7,0)+IF('Standard Profiles'!$G$21=$B$17,14,0)+IF('Standard Profiles'!$G$21=$B$24,21,0),MOD($C2005,24)+1)/SUM(INDEX($D$3:$AA$30,INDEX(Jesper!$R$2:$R$366,ROW(INDEX(Jesper!AK$2:AK$366,ROUNDDOWN($C2005/24,0)+1,1))-1)+IF('Standard Profiles'!$G$21=$B$10,7,0)+IF('Standard Profiles'!$G$21=$B$17,14,0)+IF('Standard Profiles'!$G$21=$B$24,21,0),0)),0)</f>
        <v>0.80277912916945215</v>
      </c>
      <c r="H2005" cm="1">
        <f t="array" ref="H2005">IFERROR(INDEX(Jesper!AL$2:AL$366,ROUNDDOWN($C2005/24,0)+1,1)*INDEX($D$3:$AA$30,INDEX(Jesper!$R$2:$R$366,ROW(INDEX(Jesper!AL$2:AL$366,ROUNDDOWN($C2005/24,0)+1,1))-1)+IF('Standard Profiles'!$G$22=$B$10,7,0)+IF('Standard Profiles'!$G$22=$B$17,14,0)+IF('Standard Profiles'!$G$22=$B$24,21,0),MOD($C2005,24)+1)/SUM(INDEX($D$3:$AA$30,INDEX(Jesper!$R$2:$R$366,ROW(INDEX(Jesper!AL$2:AL$366,ROUNDDOWN($C2005/24,0)+1,1))-1)+IF('Standard Profiles'!$G$22=$B$10,7,0)+IF('Standard Profiles'!$G$22=$B$17,14,0)+IF('Standard Profiles'!$G$22=$B$24,21,0),0)),0)</f>
        <v>0</v>
      </c>
      <c r="I2005">
        <f t="shared" si="230"/>
        <v>0.38533398200133684</v>
      </c>
      <c r="J2005">
        <f t="shared" si="231"/>
        <v>7.4709443536900366</v>
      </c>
      <c r="K2005">
        <f t="shared" si="232"/>
        <v>0.55163916876269514</v>
      </c>
      <c r="L2005">
        <f t="shared" si="233"/>
        <v>0.27581958438134757</v>
      </c>
      <c r="M2005">
        <f t="shared" si="234"/>
        <v>0</v>
      </c>
      <c r="N2005" s="45">
        <f t="shared" si="235"/>
        <v>45009.12499999522</v>
      </c>
    </row>
    <row r="2006" spans="2:14" x14ac:dyDescent="0.25">
      <c r="B2006">
        <f t="shared" si="229"/>
        <v>5</v>
      </c>
      <c r="C2006" s="16">
        <v>1972</v>
      </c>
      <c r="D2006" cm="1">
        <f t="array" ref="D2006">IFERROR(INDEX(Jesper!AH$2:AH$366,ROUNDDOWN($C2006/24,0)+1,1)*INDEX($D$3:$AA$30,INDEX(Jesper!$R$2:$R$366,ROW(INDEX(Jesper!AH$2:AH$366,ROUNDDOWN($C2006/24,0)+1,1))-1)+IF('Standard Profiles'!$G$18=$B$10,7,0)+IF('Standard Profiles'!$G$18=$B$17,14,0)+IF('Standard Profiles'!$G$18=$B$24,21,0),MOD($C2006,24)+1)/SUM(INDEX($D$3:$AA$30,INDEX(Jesper!$R$2:$R$366,ROW(INDEX(Jesper!AH$2:AH$366,ROUNDDOWN($C2006/24,0)+1,1))-1)+IF('Standard Profiles'!$G$18=$B$10,7,0)+IF('Standard Profiles'!$G$18=$B$17,14,0)+IF('Standard Profiles'!$G$18=$B$24,21,0),0)),0)</f>
        <v>5.1716172071502671</v>
      </c>
      <c r="E2006" cm="1">
        <f t="array" ref="E2006">IFERROR(INDEX(Jesper!AI$2:AI$366,ROUNDDOWN($C2006/24,0)+1,1)*INDEX($D$3:$AA$30,INDEX(Jesper!$R$2:$R$366,ROW(INDEX(Jesper!AI$2:AI$366,ROUNDDOWN($C2006/24,0)+1,1))-1)+IF('Standard Profiles'!$G$19=$B$10,7,0)+IF('Standard Profiles'!$G$19=$B$17,14,0)+IF('Standard Profiles'!$G$19=$B$24,21,0),MOD($C2006,24)+1)/SUM(INDEX($D$3:$AA$30,INDEX(Jesper!$R$2:$R$366,ROW(INDEX(Jesper!AI$2:AI$366,ROUNDDOWN($C2006/24,0)+1,1))-1)+IF('Standard Profiles'!$G$19=$B$10,7,0)+IF('Standard Profiles'!$G$19=$B$17,14,0)+IF('Standard Profiles'!$G$19=$B$24,21,0),0)),0)</f>
        <v>2.7093407525156978</v>
      </c>
      <c r="F2006" cm="1">
        <f t="array" ref="F2006">IFERROR(INDEX(Jesper!AJ$2:AJ$366,ROUNDDOWN($C2006/24,0)+1,1)*INDEX($D$3:$AA$30,INDEX(Jesper!$R$2:$R$366,ROW(INDEX(Jesper!AJ$2:AJ$366,ROUNDDOWN($C2006/24,0)+1,1))-1)+IF('Standard Profiles'!$G$20=$B$10,7,0)+IF('Standard Profiles'!$G$20=$B$17,14,0)+IF('Standard Profiles'!$G$20=$B$24,21,0),MOD($C2006,24)+1)/SUM(INDEX($D$3:$AA$30,INDEX(Jesper!$R$2:$R$366,ROW(INDEX(Jesper!AJ$2:AJ$366,ROUNDDOWN($C2006/24,0)+1,1))-1)+IF('Standard Profiles'!$G$20=$B$10,7,0)+IF('Standard Profiles'!$G$20=$B$17,14,0)+IF('Standard Profiles'!$G$20=$B$24,21,0),0)),0)</f>
        <v>0</v>
      </c>
      <c r="G2006" cm="1">
        <f t="array" ref="G2006">IFERROR(INDEX(Jesper!AK$2:AK$366,ROUNDDOWN($C2006/24,0)+1,1)*INDEX($D$3:$AA$30,INDEX(Jesper!$R$2:$R$366,ROW(INDEX(Jesper!AK$2:AK$366,ROUNDDOWN($C2006/24,0)+1,1))-1)+IF('Standard Profiles'!$G$21=$B$10,7,0)+IF('Standard Profiles'!$G$21=$B$17,14,0)+IF('Standard Profiles'!$G$21=$B$24,21,0),MOD($C2006,24)+1)/SUM(INDEX($D$3:$AA$30,INDEX(Jesper!$R$2:$R$366,ROW(INDEX(Jesper!AK$2:AK$366,ROUNDDOWN($C2006/24,0)+1,1))-1)+IF('Standard Profiles'!$G$21=$B$10,7,0)+IF('Standard Profiles'!$G$21=$B$17,14,0)+IF('Standard Profiles'!$G$21=$B$24,21,0),0)),0)</f>
        <v>0.80277912916945215</v>
      </c>
      <c r="H2006" cm="1">
        <f t="array" ref="H2006">IFERROR(INDEX(Jesper!AL$2:AL$366,ROUNDDOWN($C2006/24,0)+1,1)*INDEX($D$3:$AA$30,INDEX(Jesper!$R$2:$R$366,ROW(INDEX(Jesper!AL$2:AL$366,ROUNDDOWN($C2006/24,0)+1,1))-1)+IF('Standard Profiles'!$G$22=$B$10,7,0)+IF('Standard Profiles'!$G$22=$B$17,14,0)+IF('Standard Profiles'!$G$22=$B$24,21,0),MOD($C2006,24)+1)/SUM(INDEX($D$3:$AA$30,INDEX(Jesper!$R$2:$R$366,ROW(INDEX(Jesper!AL$2:AL$366,ROUNDDOWN($C2006/24,0)+1,1))-1)+IF('Standard Profiles'!$G$22=$B$10,7,0)+IF('Standard Profiles'!$G$22=$B$17,14,0)+IF('Standard Profiles'!$G$22=$B$24,21,0),0)),0)</f>
        <v>0</v>
      </c>
      <c r="I2006">
        <f t="shared" si="230"/>
        <v>0.38533398200133684</v>
      </c>
      <c r="J2006">
        <f t="shared" si="231"/>
        <v>7.4709443536900366</v>
      </c>
      <c r="K2006">
        <f t="shared" si="232"/>
        <v>0.55163916876269514</v>
      </c>
      <c r="L2006">
        <f t="shared" si="233"/>
        <v>0.27581958438134757</v>
      </c>
      <c r="M2006">
        <f t="shared" si="234"/>
        <v>0</v>
      </c>
      <c r="N2006" s="45">
        <f t="shared" si="235"/>
        <v>45009.166666661884</v>
      </c>
    </row>
    <row r="2007" spans="2:14" x14ac:dyDescent="0.25">
      <c r="B2007">
        <f t="shared" si="229"/>
        <v>5</v>
      </c>
      <c r="C2007" s="16">
        <v>1973</v>
      </c>
      <c r="D2007" cm="1">
        <f t="array" ref="D2007">IFERROR(INDEX(Jesper!AH$2:AH$366,ROUNDDOWN($C2007/24,0)+1,1)*INDEX($D$3:$AA$30,INDEX(Jesper!$R$2:$R$366,ROW(INDEX(Jesper!AH$2:AH$366,ROUNDDOWN($C2007/24,0)+1,1))-1)+IF('Standard Profiles'!$G$18=$B$10,7,0)+IF('Standard Profiles'!$G$18=$B$17,14,0)+IF('Standard Profiles'!$G$18=$B$24,21,0),MOD($C2007,24)+1)/SUM(INDEX($D$3:$AA$30,INDEX(Jesper!$R$2:$R$366,ROW(INDEX(Jesper!AH$2:AH$366,ROUNDDOWN($C2007/24,0)+1,1))-1)+IF('Standard Profiles'!$G$18=$B$10,7,0)+IF('Standard Profiles'!$G$18=$B$17,14,0)+IF('Standard Profiles'!$G$18=$B$24,21,0),0)),0)</f>
        <v>5.1716172071502671</v>
      </c>
      <c r="E2007" cm="1">
        <f t="array" ref="E2007">IFERROR(INDEX(Jesper!AI$2:AI$366,ROUNDDOWN($C2007/24,0)+1,1)*INDEX($D$3:$AA$30,INDEX(Jesper!$R$2:$R$366,ROW(INDEX(Jesper!AI$2:AI$366,ROUNDDOWN($C2007/24,0)+1,1))-1)+IF('Standard Profiles'!$G$19=$B$10,7,0)+IF('Standard Profiles'!$G$19=$B$17,14,0)+IF('Standard Profiles'!$G$19=$B$24,21,0),MOD($C2007,24)+1)/SUM(INDEX($D$3:$AA$30,INDEX(Jesper!$R$2:$R$366,ROW(INDEX(Jesper!AI$2:AI$366,ROUNDDOWN($C2007/24,0)+1,1))-1)+IF('Standard Profiles'!$G$19=$B$10,7,0)+IF('Standard Profiles'!$G$19=$B$17,14,0)+IF('Standard Profiles'!$G$19=$B$24,21,0),0)),0)</f>
        <v>2.7093407525156978</v>
      </c>
      <c r="F2007" cm="1">
        <f t="array" ref="F2007">IFERROR(INDEX(Jesper!AJ$2:AJ$366,ROUNDDOWN($C2007/24,0)+1,1)*INDEX($D$3:$AA$30,INDEX(Jesper!$R$2:$R$366,ROW(INDEX(Jesper!AJ$2:AJ$366,ROUNDDOWN($C2007/24,0)+1,1))-1)+IF('Standard Profiles'!$G$20=$B$10,7,0)+IF('Standard Profiles'!$G$20=$B$17,14,0)+IF('Standard Profiles'!$G$20=$B$24,21,0),MOD($C2007,24)+1)/SUM(INDEX($D$3:$AA$30,INDEX(Jesper!$R$2:$R$366,ROW(INDEX(Jesper!AJ$2:AJ$366,ROUNDDOWN($C2007/24,0)+1,1))-1)+IF('Standard Profiles'!$G$20=$B$10,7,0)+IF('Standard Profiles'!$G$20=$B$17,14,0)+IF('Standard Profiles'!$G$20=$B$24,21,0),0)),0)</f>
        <v>0</v>
      </c>
      <c r="G2007" cm="1">
        <f t="array" ref="G2007">IFERROR(INDEX(Jesper!AK$2:AK$366,ROUNDDOWN($C2007/24,0)+1,1)*INDEX($D$3:$AA$30,INDEX(Jesper!$R$2:$R$366,ROW(INDEX(Jesper!AK$2:AK$366,ROUNDDOWN($C2007/24,0)+1,1))-1)+IF('Standard Profiles'!$G$21=$B$10,7,0)+IF('Standard Profiles'!$G$21=$B$17,14,0)+IF('Standard Profiles'!$G$21=$B$24,21,0),MOD($C2007,24)+1)/SUM(INDEX($D$3:$AA$30,INDEX(Jesper!$R$2:$R$366,ROW(INDEX(Jesper!AK$2:AK$366,ROUNDDOWN($C2007/24,0)+1,1))-1)+IF('Standard Profiles'!$G$21=$B$10,7,0)+IF('Standard Profiles'!$G$21=$B$17,14,0)+IF('Standard Profiles'!$G$21=$B$24,21,0),0)),0)</f>
        <v>0.80277912916945215</v>
      </c>
      <c r="H2007" cm="1">
        <f t="array" ref="H2007">IFERROR(INDEX(Jesper!AL$2:AL$366,ROUNDDOWN($C2007/24,0)+1,1)*INDEX($D$3:$AA$30,INDEX(Jesper!$R$2:$R$366,ROW(INDEX(Jesper!AL$2:AL$366,ROUNDDOWN($C2007/24,0)+1,1))-1)+IF('Standard Profiles'!$G$22=$B$10,7,0)+IF('Standard Profiles'!$G$22=$B$17,14,0)+IF('Standard Profiles'!$G$22=$B$24,21,0),MOD($C2007,24)+1)/SUM(INDEX($D$3:$AA$30,INDEX(Jesper!$R$2:$R$366,ROW(INDEX(Jesper!AL$2:AL$366,ROUNDDOWN($C2007/24,0)+1,1))-1)+IF('Standard Profiles'!$G$22=$B$10,7,0)+IF('Standard Profiles'!$G$22=$B$17,14,0)+IF('Standard Profiles'!$G$22=$B$24,21,0),0)),0)</f>
        <v>0</v>
      </c>
      <c r="I2007">
        <f t="shared" si="230"/>
        <v>0.38533398200133684</v>
      </c>
      <c r="J2007">
        <f t="shared" si="231"/>
        <v>7.4709443536900366</v>
      </c>
      <c r="K2007">
        <f t="shared" si="232"/>
        <v>0.55163916876269514</v>
      </c>
      <c r="L2007">
        <f t="shared" si="233"/>
        <v>0.27581958438134757</v>
      </c>
      <c r="M2007">
        <f t="shared" si="234"/>
        <v>0</v>
      </c>
      <c r="N2007" s="45">
        <f t="shared" si="235"/>
        <v>45009.208333328548</v>
      </c>
    </row>
    <row r="2008" spans="2:14" x14ac:dyDescent="0.25">
      <c r="B2008">
        <f t="shared" si="229"/>
        <v>5</v>
      </c>
      <c r="C2008" s="16">
        <v>1974</v>
      </c>
      <c r="D2008" cm="1">
        <f t="array" ref="D2008">IFERROR(INDEX(Jesper!AH$2:AH$366,ROUNDDOWN($C2008/24,0)+1,1)*INDEX($D$3:$AA$30,INDEX(Jesper!$R$2:$R$366,ROW(INDEX(Jesper!AH$2:AH$366,ROUNDDOWN($C2008/24,0)+1,1))-1)+IF('Standard Profiles'!$G$18=$B$10,7,0)+IF('Standard Profiles'!$G$18=$B$17,14,0)+IF('Standard Profiles'!$G$18=$B$24,21,0),MOD($C2008,24)+1)/SUM(INDEX($D$3:$AA$30,INDEX(Jesper!$R$2:$R$366,ROW(INDEX(Jesper!AH$2:AH$366,ROUNDDOWN($C2008/24,0)+1,1))-1)+IF('Standard Profiles'!$G$18=$B$10,7,0)+IF('Standard Profiles'!$G$18=$B$17,14,0)+IF('Standard Profiles'!$G$18=$B$24,21,0),0)),0)</f>
        <v>5.1716172071502671</v>
      </c>
      <c r="E2008" cm="1">
        <f t="array" ref="E2008">IFERROR(INDEX(Jesper!AI$2:AI$366,ROUNDDOWN($C2008/24,0)+1,1)*INDEX($D$3:$AA$30,INDEX(Jesper!$R$2:$R$366,ROW(INDEX(Jesper!AI$2:AI$366,ROUNDDOWN($C2008/24,0)+1,1))-1)+IF('Standard Profiles'!$G$19=$B$10,7,0)+IF('Standard Profiles'!$G$19=$B$17,14,0)+IF('Standard Profiles'!$G$19=$B$24,21,0),MOD($C2008,24)+1)/SUM(INDEX($D$3:$AA$30,INDEX(Jesper!$R$2:$R$366,ROW(INDEX(Jesper!AI$2:AI$366,ROUNDDOWN($C2008/24,0)+1,1))-1)+IF('Standard Profiles'!$G$19=$B$10,7,0)+IF('Standard Profiles'!$G$19=$B$17,14,0)+IF('Standard Profiles'!$G$19=$B$24,21,0),0)),0)</f>
        <v>2.7093407525156978</v>
      </c>
      <c r="F2008" cm="1">
        <f t="array" ref="F2008">IFERROR(INDEX(Jesper!AJ$2:AJ$366,ROUNDDOWN($C2008/24,0)+1,1)*INDEX($D$3:$AA$30,INDEX(Jesper!$R$2:$R$366,ROW(INDEX(Jesper!AJ$2:AJ$366,ROUNDDOWN($C2008/24,0)+1,1))-1)+IF('Standard Profiles'!$G$20=$B$10,7,0)+IF('Standard Profiles'!$G$20=$B$17,14,0)+IF('Standard Profiles'!$G$20=$B$24,21,0),MOD($C2008,24)+1)/SUM(INDEX($D$3:$AA$30,INDEX(Jesper!$R$2:$R$366,ROW(INDEX(Jesper!AJ$2:AJ$366,ROUNDDOWN($C2008/24,0)+1,1))-1)+IF('Standard Profiles'!$G$20=$B$10,7,0)+IF('Standard Profiles'!$G$20=$B$17,14,0)+IF('Standard Profiles'!$G$20=$B$24,21,0),0)),0)</f>
        <v>0</v>
      </c>
      <c r="G2008" cm="1">
        <f t="array" ref="G2008">IFERROR(INDEX(Jesper!AK$2:AK$366,ROUNDDOWN($C2008/24,0)+1,1)*INDEX($D$3:$AA$30,INDEX(Jesper!$R$2:$R$366,ROW(INDEX(Jesper!AK$2:AK$366,ROUNDDOWN($C2008/24,0)+1,1))-1)+IF('Standard Profiles'!$G$21=$B$10,7,0)+IF('Standard Profiles'!$G$21=$B$17,14,0)+IF('Standard Profiles'!$G$21=$B$24,21,0),MOD($C2008,24)+1)/SUM(INDEX($D$3:$AA$30,INDEX(Jesper!$R$2:$R$366,ROW(INDEX(Jesper!AK$2:AK$366,ROUNDDOWN($C2008/24,0)+1,1))-1)+IF('Standard Profiles'!$G$21=$B$10,7,0)+IF('Standard Profiles'!$G$21=$B$17,14,0)+IF('Standard Profiles'!$G$21=$B$24,21,0),0)),0)</f>
        <v>0.80277912916945215</v>
      </c>
      <c r="H2008" cm="1">
        <f t="array" ref="H2008">IFERROR(INDEX(Jesper!AL$2:AL$366,ROUNDDOWN($C2008/24,0)+1,1)*INDEX($D$3:$AA$30,INDEX(Jesper!$R$2:$R$366,ROW(INDEX(Jesper!AL$2:AL$366,ROUNDDOWN($C2008/24,0)+1,1))-1)+IF('Standard Profiles'!$G$22=$B$10,7,0)+IF('Standard Profiles'!$G$22=$B$17,14,0)+IF('Standard Profiles'!$G$22=$B$24,21,0),MOD($C2008,24)+1)/SUM(INDEX($D$3:$AA$30,INDEX(Jesper!$R$2:$R$366,ROW(INDEX(Jesper!AL$2:AL$366,ROUNDDOWN($C2008/24,0)+1,1))-1)+IF('Standard Profiles'!$G$22=$B$10,7,0)+IF('Standard Profiles'!$G$22=$B$17,14,0)+IF('Standard Profiles'!$G$22=$B$24,21,0),0)),0)</f>
        <v>0</v>
      </c>
      <c r="I2008">
        <f t="shared" si="230"/>
        <v>0.38533398200133684</v>
      </c>
      <c r="J2008">
        <f t="shared" si="231"/>
        <v>7.4709443536900366</v>
      </c>
      <c r="K2008">
        <f t="shared" si="232"/>
        <v>0.55163916876269514</v>
      </c>
      <c r="L2008">
        <f t="shared" si="233"/>
        <v>0.27581958438134757</v>
      </c>
      <c r="M2008">
        <f t="shared" si="234"/>
        <v>0</v>
      </c>
      <c r="N2008" s="45">
        <f t="shared" si="235"/>
        <v>45009.249999995212</v>
      </c>
    </row>
    <row r="2009" spans="2:14" x14ac:dyDescent="0.25">
      <c r="B2009">
        <f t="shared" si="229"/>
        <v>5</v>
      </c>
      <c r="C2009" s="16">
        <v>1975</v>
      </c>
      <c r="D2009" cm="1">
        <f t="array" ref="D2009">IFERROR(INDEX(Jesper!AH$2:AH$366,ROUNDDOWN($C2009/24,0)+1,1)*INDEX($D$3:$AA$30,INDEX(Jesper!$R$2:$R$366,ROW(INDEX(Jesper!AH$2:AH$366,ROUNDDOWN($C2009/24,0)+1,1))-1)+IF('Standard Profiles'!$G$18=$B$10,7,0)+IF('Standard Profiles'!$G$18=$B$17,14,0)+IF('Standard Profiles'!$G$18=$B$24,21,0),MOD($C2009,24)+1)/SUM(INDEX($D$3:$AA$30,INDEX(Jesper!$R$2:$R$366,ROW(INDEX(Jesper!AH$2:AH$366,ROUNDDOWN($C2009/24,0)+1,1))-1)+IF('Standard Profiles'!$G$18=$B$10,7,0)+IF('Standard Profiles'!$G$18=$B$17,14,0)+IF('Standard Profiles'!$G$18=$B$24,21,0),0)),0)</f>
        <v>22.031089302460135</v>
      </c>
      <c r="E2009" cm="1">
        <f t="array" ref="E2009">IFERROR(INDEX(Jesper!AI$2:AI$366,ROUNDDOWN($C2009/24,0)+1,1)*INDEX($D$3:$AA$30,INDEX(Jesper!$R$2:$R$366,ROW(INDEX(Jesper!AI$2:AI$366,ROUNDDOWN($C2009/24,0)+1,1))-1)+IF('Standard Profiles'!$G$19=$B$10,7,0)+IF('Standard Profiles'!$G$19=$B$17,14,0)+IF('Standard Profiles'!$G$19=$B$24,21,0),MOD($C2009,24)+1)/SUM(INDEX($D$3:$AA$30,INDEX(Jesper!$R$2:$R$366,ROW(INDEX(Jesper!AI$2:AI$366,ROUNDDOWN($C2009/24,0)+1,1))-1)+IF('Standard Profiles'!$G$19=$B$10,7,0)+IF('Standard Profiles'!$G$19=$B$17,14,0)+IF('Standard Profiles'!$G$19=$B$24,21,0),0)),0)</f>
        <v>11.541791605716874</v>
      </c>
      <c r="F2009" cm="1">
        <f t="array" ref="F2009">IFERROR(INDEX(Jesper!AJ$2:AJ$366,ROUNDDOWN($C2009/24,0)+1,1)*INDEX($D$3:$AA$30,INDEX(Jesper!$R$2:$R$366,ROW(INDEX(Jesper!AJ$2:AJ$366,ROUNDDOWN($C2009/24,0)+1,1))-1)+IF('Standard Profiles'!$G$20=$B$10,7,0)+IF('Standard Profiles'!$G$20=$B$17,14,0)+IF('Standard Profiles'!$G$20=$B$24,21,0),MOD($C2009,24)+1)/SUM(INDEX($D$3:$AA$30,INDEX(Jesper!$R$2:$R$366,ROW(INDEX(Jesper!AJ$2:AJ$366,ROUNDDOWN($C2009/24,0)+1,1))-1)+IF('Standard Profiles'!$G$20=$B$10,7,0)+IF('Standard Profiles'!$G$20=$B$17,14,0)+IF('Standard Profiles'!$G$20=$B$24,21,0),0)),0)</f>
        <v>0</v>
      </c>
      <c r="G2009" cm="1">
        <f t="array" ref="G2009">IFERROR(INDEX(Jesper!AK$2:AK$366,ROUNDDOWN($C2009/24,0)+1,1)*INDEX($D$3:$AA$30,INDEX(Jesper!$R$2:$R$366,ROW(INDEX(Jesper!AK$2:AK$366,ROUNDDOWN($C2009/24,0)+1,1))-1)+IF('Standard Profiles'!$G$21=$B$10,7,0)+IF('Standard Profiles'!$G$21=$B$17,14,0)+IF('Standard Profiles'!$G$21=$B$24,21,0),MOD($C2009,24)+1)/SUM(INDEX($D$3:$AA$30,INDEX(Jesper!$R$2:$R$366,ROW(INDEX(Jesper!AK$2:AK$366,ROUNDDOWN($C2009/24,0)+1,1))-1)+IF('Standard Profiles'!$G$21=$B$10,7,0)+IF('Standard Profiles'!$G$21=$B$17,14,0)+IF('Standard Profiles'!$G$21=$B$24,21,0),0)),0)</f>
        <v>2.1752724790398057</v>
      </c>
      <c r="H2009" cm="1">
        <f t="array" ref="H2009">IFERROR(INDEX(Jesper!AL$2:AL$366,ROUNDDOWN($C2009/24,0)+1,1)*INDEX($D$3:$AA$30,INDEX(Jesper!$R$2:$R$366,ROW(INDEX(Jesper!AL$2:AL$366,ROUNDDOWN($C2009/24,0)+1,1))-1)+IF('Standard Profiles'!$G$22=$B$10,7,0)+IF('Standard Profiles'!$G$22=$B$17,14,0)+IF('Standard Profiles'!$G$22=$B$24,21,0),MOD($C2009,24)+1)/SUM(INDEX($D$3:$AA$30,INDEX(Jesper!$R$2:$R$366,ROW(INDEX(Jesper!AL$2:AL$366,ROUNDDOWN($C2009/24,0)+1,1))-1)+IF('Standard Profiles'!$G$22=$B$10,7,0)+IF('Standard Profiles'!$G$22=$B$17,14,0)+IF('Standard Profiles'!$G$22=$B$24,21,0),0)),0)</f>
        <v>0</v>
      </c>
      <c r="I2009">
        <f t="shared" si="230"/>
        <v>1.0441307899391061</v>
      </c>
      <c r="J2009">
        <f t="shared" si="231"/>
        <v>31.179048308884084</v>
      </c>
      <c r="K2009">
        <f t="shared" si="232"/>
        <v>2.349982858929081</v>
      </c>
      <c r="L2009">
        <f t="shared" si="233"/>
        <v>1.1749914294645405</v>
      </c>
      <c r="M2009">
        <f t="shared" si="234"/>
        <v>0</v>
      </c>
      <c r="N2009" s="45">
        <f t="shared" si="235"/>
        <v>45009.291666661877</v>
      </c>
    </row>
    <row r="2010" spans="2:14" x14ac:dyDescent="0.25">
      <c r="B2010">
        <f t="shared" si="229"/>
        <v>5</v>
      </c>
      <c r="C2010" s="16">
        <v>1976</v>
      </c>
      <c r="D2010" cm="1">
        <f t="array" ref="D2010">IFERROR(INDEX(Jesper!AH$2:AH$366,ROUNDDOWN($C2010/24,0)+1,1)*INDEX($D$3:$AA$30,INDEX(Jesper!$R$2:$R$366,ROW(INDEX(Jesper!AH$2:AH$366,ROUNDDOWN($C2010/24,0)+1,1))-1)+IF('Standard Profiles'!$G$18=$B$10,7,0)+IF('Standard Profiles'!$G$18=$B$17,14,0)+IF('Standard Profiles'!$G$18=$B$24,21,0),MOD($C2010,24)+1)/SUM(INDEX($D$3:$AA$30,INDEX(Jesper!$R$2:$R$366,ROW(INDEX(Jesper!AH$2:AH$366,ROUNDDOWN($C2010/24,0)+1,1))-1)+IF('Standard Profiles'!$G$18=$B$10,7,0)+IF('Standard Profiles'!$G$18=$B$17,14,0)+IF('Standard Profiles'!$G$18=$B$24,21,0),0)),0)</f>
        <v>27.538861628075168</v>
      </c>
      <c r="E2010" cm="1">
        <f t="array" ref="E2010">IFERROR(INDEX(Jesper!AI$2:AI$366,ROUNDDOWN($C2010/24,0)+1,1)*INDEX($D$3:$AA$30,INDEX(Jesper!$R$2:$R$366,ROW(INDEX(Jesper!AI$2:AI$366,ROUNDDOWN($C2010/24,0)+1,1))-1)+IF('Standard Profiles'!$G$19=$B$10,7,0)+IF('Standard Profiles'!$G$19=$B$17,14,0)+IF('Standard Profiles'!$G$19=$B$24,21,0),MOD($C2010,24)+1)/SUM(INDEX($D$3:$AA$30,INDEX(Jesper!$R$2:$R$366,ROW(INDEX(Jesper!AI$2:AI$366,ROUNDDOWN($C2010/24,0)+1,1))-1)+IF('Standard Profiles'!$G$19=$B$10,7,0)+IF('Standard Profiles'!$G$19=$B$17,14,0)+IF('Standard Profiles'!$G$19=$B$24,21,0),0)),0)</f>
        <v>14.427239507146091</v>
      </c>
      <c r="F2010" cm="1">
        <f t="array" ref="F2010">IFERROR(INDEX(Jesper!AJ$2:AJ$366,ROUNDDOWN($C2010/24,0)+1,1)*INDEX($D$3:$AA$30,INDEX(Jesper!$R$2:$R$366,ROW(INDEX(Jesper!AJ$2:AJ$366,ROUNDDOWN($C2010/24,0)+1,1))-1)+IF('Standard Profiles'!$G$20=$B$10,7,0)+IF('Standard Profiles'!$G$20=$B$17,14,0)+IF('Standard Profiles'!$G$20=$B$24,21,0),MOD($C2010,24)+1)/SUM(INDEX($D$3:$AA$30,INDEX(Jesper!$R$2:$R$366,ROW(INDEX(Jesper!AJ$2:AJ$366,ROUNDDOWN($C2010/24,0)+1,1))-1)+IF('Standard Profiles'!$G$20=$B$10,7,0)+IF('Standard Profiles'!$G$20=$B$17,14,0)+IF('Standard Profiles'!$G$20=$B$24,21,0),0)),0)</f>
        <v>0</v>
      </c>
      <c r="G2010" cm="1">
        <f t="array" ref="G2010">IFERROR(INDEX(Jesper!AK$2:AK$366,ROUNDDOWN($C2010/24,0)+1,1)*INDEX($D$3:$AA$30,INDEX(Jesper!$R$2:$R$366,ROW(INDEX(Jesper!AK$2:AK$366,ROUNDDOWN($C2010/24,0)+1,1))-1)+IF('Standard Profiles'!$G$21=$B$10,7,0)+IF('Standard Profiles'!$G$21=$B$17,14,0)+IF('Standard Profiles'!$G$21=$B$24,21,0),MOD($C2010,24)+1)/SUM(INDEX($D$3:$AA$30,INDEX(Jesper!$R$2:$R$366,ROW(INDEX(Jesper!AK$2:AK$366,ROUNDDOWN($C2010/24,0)+1,1))-1)+IF('Standard Profiles'!$G$21=$B$10,7,0)+IF('Standard Profiles'!$G$21=$B$17,14,0)+IF('Standard Profiles'!$G$21=$B$24,21,0),0)),0)</f>
        <v>2.7190905987997573</v>
      </c>
      <c r="H2010" cm="1">
        <f t="array" ref="H2010">IFERROR(INDEX(Jesper!AL$2:AL$366,ROUNDDOWN($C2010/24,0)+1,1)*INDEX($D$3:$AA$30,INDEX(Jesper!$R$2:$R$366,ROW(INDEX(Jesper!AL$2:AL$366,ROUNDDOWN($C2010/24,0)+1,1))-1)+IF('Standard Profiles'!$G$22=$B$10,7,0)+IF('Standard Profiles'!$G$22=$B$17,14,0)+IF('Standard Profiles'!$G$22=$B$24,21,0),MOD($C2010,24)+1)/SUM(INDEX($D$3:$AA$30,INDEX(Jesper!$R$2:$R$366,ROW(INDEX(Jesper!AL$2:AL$366,ROUNDDOWN($C2010/24,0)+1,1))-1)+IF('Standard Profiles'!$G$22=$B$10,7,0)+IF('Standard Profiles'!$G$22=$B$17,14,0)+IF('Standard Profiles'!$G$22=$B$24,21,0),0)),0)</f>
        <v>0</v>
      </c>
      <c r="I2010">
        <f t="shared" si="230"/>
        <v>1.3051634874238829</v>
      </c>
      <c r="J2010">
        <f t="shared" si="231"/>
        <v>38.973810386105107</v>
      </c>
      <c r="K2010">
        <f t="shared" si="232"/>
        <v>2.9374785736613513</v>
      </c>
      <c r="L2010">
        <f t="shared" si="233"/>
        <v>1.4687392868306757</v>
      </c>
      <c r="M2010">
        <f t="shared" si="234"/>
        <v>0</v>
      </c>
      <c r="N2010" s="45">
        <f t="shared" si="235"/>
        <v>45009.333333328541</v>
      </c>
    </row>
    <row r="2011" spans="2:14" x14ac:dyDescent="0.25">
      <c r="B2011">
        <f t="shared" si="229"/>
        <v>5</v>
      </c>
      <c r="C2011" s="16">
        <v>1977</v>
      </c>
      <c r="D2011" cm="1">
        <f t="array" ref="D2011">IFERROR(INDEX(Jesper!AH$2:AH$366,ROUNDDOWN($C2011/24,0)+1,1)*INDEX($D$3:$AA$30,INDEX(Jesper!$R$2:$R$366,ROW(INDEX(Jesper!AH$2:AH$366,ROUNDDOWN($C2011/24,0)+1,1))-1)+IF('Standard Profiles'!$G$18=$B$10,7,0)+IF('Standard Profiles'!$G$18=$B$17,14,0)+IF('Standard Profiles'!$G$18=$B$24,21,0),MOD($C2011,24)+1)/SUM(INDEX($D$3:$AA$30,INDEX(Jesper!$R$2:$R$366,ROW(INDEX(Jesper!AH$2:AH$366,ROUNDDOWN($C2011/24,0)+1,1))-1)+IF('Standard Profiles'!$G$18=$B$10,7,0)+IF('Standard Profiles'!$G$18=$B$17,14,0)+IF('Standard Profiles'!$G$18=$B$24,21,0),0)),0)</f>
        <v>30.292747790882686</v>
      </c>
      <c r="E2011" cm="1">
        <f t="array" ref="E2011">IFERROR(INDEX(Jesper!AI$2:AI$366,ROUNDDOWN($C2011/24,0)+1,1)*INDEX($D$3:$AA$30,INDEX(Jesper!$R$2:$R$366,ROW(INDEX(Jesper!AI$2:AI$366,ROUNDDOWN($C2011/24,0)+1,1))-1)+IF('Standard Profiles'!$G$19=$B$10,7,0)+IF('Standard Profiles'!$G$19=$B$17,14,0)+IF('Standard Profiles'!$G$19=$B$24,21,0),MOD($C2011,24)+1)/SUM(INDEX($D$3:$AA$30,INDEX(Jesper!$R$2:$R$366,ROW(INDEX(Jesper!AI$2:AI$366,ROUNDDOWN($C2011/24,0)+1,1))-1)+IF('Standard Profiles'!$G$19=$B$10,7,0)+IF('Standard Profiles'!$G$19=$B$17,14,0)+IF('Standard Profiles'!$G$19=$B$24,21,0),0)),0)</f>
        <v>15.869963457860701</v>
      </c>
      <c r="F2011" cm="1">
        <f t="array" ref="F2011">IFERROR(INDEX(Jesper!AJ$2:AJ$366,ROUNDDOWN($C2011/24,0)+1,1)*INDEX($D$3:$AA$30,INDEX(Jesper!$R$2:$R$366,ROW(INDEX(Jesper!AJ$2:AJ$366,ROUNDDOWN($C2011/24,0)+1,1))-1)+IF('Standard Profiles'!$G$20=$B$10,7,0)+IF('Standard Profiles'!$G$20=$B$17,14,0)+IF('Standard Profiles'!$G$20=$B$24,21,0),MOD($C2011,24)+1)/SUM(INDEX($D$3:$AA$30,INDEX(Jesper!$R$2:$R$366,ROW(INDEX(Jesper!AJ$2:AJ$366,ROUNDDOWN($C2011/24,0)+1,1))-1)+IF('Standard Profiles'!$G$20=$B$10,7,0)+IF('Standard Profiles'!$G$20=$B$17,14,0)+IF('Standard Profiles'!$G$20=$B$24,21,0),0)),0)</f>
        <v>0</v>
      </c>
      <c r="G2011" cm="1">
        <f t="array" ref="G2011">IFERROR(INDEX(Jesper!AK$2:AK$366,ROUNDDOWN($C2011/24,0)+1,1)*INDEX($D$3:$AA$30,INDEX(Jesper!$R$2:$R$366,ROW(INDEX(Jesper!AK$2:AK$366,ROUNDDOWN($C2011/24,0)+1,1))-1)+IF('Standard Profiles'!$G$21=$B$10,7,0)+IF('Standard Profiles'!$G$21=$B$17,14,0)+IF('Standard Profiles'!$G$21=$B$24,21,0),MOD($C2011,24)+1)/SUM(INDEX($D$3:$AA$30,INDEX(Jesper!$R$2:$R$366,ROW(INDEX(Jesper!AK$2:AK$366,ROUNDDOWN($C2011/24,0)+1,1))-1)+IF('Standard Profiles'!$G$21=$B$10,7,0)+IF('Standard Profiles'!$G$21=$B$17,14,0)+IF('Standard Profiles'!$G$21=$B$24,21,0),0)),0)</f>
        <v>2.9909996586797329</v>
      </c>
      <c r="H2011" cm="1">
        <f t="array" ref="H2011">IFERROR(INDEX(Jesper!AL$2:AL$366,ROUNDDOWN($C2011/24,0)+1,1)*INDEX($D$3:$AA$30,INDEX(Jesper!$R$2:$R$366,ROW(INDEX(Jesper!AL$2:AL$366,ROUNDDOWN($C2011/24,0)+1,1))-1)+IF('Standard Profiles'!$G$22=$B$10,7,0)+IF('Standard Profiles'!$G$22=$B$17,14,0)+IF('Standard Profiles'!$G$22=$B$24,21,0),MOD($C2011,24)+1)/SUM(INDEX($D$3:$AA$30,INDEX(Jesper!$R$2:$R$366,ROW(INDEX(Jesper!AL$2:AL$366,ROUNDDOWN($C2011/24,0)+1,1))-1)+IF('Standard Profiles'!$G$22=$B$10,7,0)+IF('Standard Profiles'!$G$22=$B$17,14,0)+IF('Standard Profiles'!$G$22=$B$24,21,0),0)),0)</f>
        <v>0</v>
      </c>
      <c r="I2011">
        <f t="shared" si="230"/>
        <v>1.435679836166271</v>
      </c>
      <c r="J2011">
        <f t="shared" si="231"/>
        <v>42.871191424715619</v>
      </c>
      <c r="K2011">
        <f t="shared" si="232"/>
        <v>3.2312264310274865</v>
      </c>
      <c r="L2011">
        <f t="shared" si="233"/>
        <v>1.6156132155137433</v>
      </c>
      <c r="M2011">
        <f t="shared" si="234"/>
        <v>0</v>
      </c>
      <c r="N2011" s="45">
        <f t="shared" si="235"/>
        <v>45009.374999995205</v>
      </c>
    </row>
    <row r="2012" spans="2:14" x14ac:dyDescent="0.25">
      <c r="B2012">
        <f t="shared" si="229"/>
        <v>5</v>
      </c>
      <c r="C2012" s="16">
        <v>1978</v>
      </c>
      <c r="D2012" cm="1">
        <f t="array" ref="D2012">IFERROR(INDEX(Jesper!AH$2:AH$366,ROUNDDOWN($C2012/24,0)+1,1)*INDEX($D$3:$AA$30,INDEX(Jesper!$R$2:$R$366,ROW(INDEX(Jesper!AH$2:AH$366,ROUNDDOWN($C2012/24,0)+1,1))-1)+IF('Standard Profiles'!$G$18=$B$10,7,0)+IF('Standard Profiles'!$G$18=$B$17,14,0)+IF('Standard Profiles'!$G$18=$B$24,21,0),MOD($C2012,24)+1)/SUM(INDEX($D$3:$AA$30,INDEX(Jesper!$R$2:$R$366,ROW(INDEX(Jesper!AH$2:AH$366,ROUNDDOWN($C2012/24,0)+1,1))-1)+IF('Standard Profiles'!$G$18=$B$10,7,0)+IF('Standard Profiles'!$G$18=$B$17,14,0)+IF('Standard Profiles'!$G$18=$B$24,21,0),0)),0)</f>
        <v>30.292747790882686</v>
      </c>
      <c r="E2012" cm="1">
        <f t="array" ref="E2012">IFERROR(INDEX(Jesper!AI$2:AI$366,ROUNDDOWN($C2012/24,0)+1,1)*INDEX($D$3:$AA$30,INDEX(Jesper!$R$2:$R$366,ROW(INDEX(Jesper!AI$2:AI$366,ROUNDDOWN($C2012/24,0)+1,1))-1)+IF('Standard Profiles'!$G$19=$B$10,7,0)+IF('Standard Profiles'!$G$19=$B$17,14,0)+IF('Standard Profiles'!$G$19=$B$24,21,0),MOD($C2012,24)+1)/SUM(INDEX($D$3:$AA$30,INDEX(Jesper!$R$2:$R$366,ROW(INDEX(Jesper!AI$2:AI$366,ROUNDDOWN($C2012/24,0)+1,1))-1)+IF('Standard Profiles'!$G$19=$B$10,7,0)+IF('Standard Profiles'!$G$19=$B$17,14,0)+IF('Standard Profiles'!$G$19=$B$24,21,0),0)),0)</f>
        <v>15.869963457860701</v>
      </c>
      <c r="F2012" cm="1">
        <f t="array" ref="F2012">IFERROR(INDEX(Jesper!AJ$2:AJ$366,ROUNDDOWN($C2012/24,0)+1,1)*INDEX($D$3:$AA$30,INDEX(Jesper!$R$2:$R$366,ROW(INDEX(Jesper!AJ$2:AJ$366,ROUNDDOWN($C2012/24,0)+1,1))-1)+IF('Standard Profiles'!$G$20=$B$10,7,0)+IF('Standard Profiles'!$G$20=$B$17,14,0)+IF('Standard Profiles'!$G$20=$B$24,21,0),MOD($C2012,24)+1)/SUM(INDEX($D$3:$AA$30,INDEX(Jesper!$R$2:$R$366,ROW(INDEX(Jesper!AJ$2:AJ$366,ROUNDDOWN($C2012/24,0)+1,1))-1)+IF('Standard Profiles'!$G$20=$B$10,7,0)+IF('Standard Profiles'!$G$20=$B$17,14,0)+IF('Standard Profiles'!$G$20=$B$24,21,0),0)),0)</f>
        <v>0</v>
      </c>
      <c r="G2012" cm="1">
        <f t="array" ref="G2012">IFERROR(INDEX(Jesper!AK$2:AK$366,ROUNDDOWN($C2012/24,0)+1,1)*INDEX($D$3:$AA$30,INDEX(Jesper!$R$2:$R$366,ROW(INDEX(Jesper!AK$2:AK$366,ROUNDDOWN($C2012/24,0)+1,1))-1)+IF('Standard Profiles'!$G$21=$B$10,7,0)+IF('Standard Profiles'!$G$21=$B$17,14,0)+IF('Standard Profiles'!$G$21=$B$24,21,0),MOD($C2012,24)+1)/SUM(INDEX($D$3:$AA$30,INDEX(Jesper!$R$2:$R$366,ROW(INDEX(Jesper!AK$2:AK$366,ROUNDDOWN($C2012/24,0)+1,1))-1)+IF('Standard Profiles'!$G$21=$B$10,7,0)+IF('Standard Profiles'!$G$21=$B$17,14,0)+IF('Standard Profiles'!$G$21=$B$24,21,0),0)),0)</f>
        <v>2.9909996586797329</v>
      </c>
      <c r="H2012" cm="1">
        <f t="array" ref="H2012">IFERROR(INDEX(Jesper!AL$2:AL$366,ROUNDDOWN($C2012/24,0)+1,1)*INDEX($D$3:$AA$30,INDEX(Jesper!$R$2:$R$366,ROW(INDEX(Jesper!AL$2:AL$366,ROUNDDOWN($C2012/24,0)+1,1))-1)+IF('Standard Profiles'!$G$22=$B$10,7,0)+IF('Standard Profiles'!$G$22=$B$17,14,0)+IF('Standard Profiles'!$G$22=$B$24,21,0),MOD($C2012,24)+1)/SUM(INDEX($D$3:$AA$30,INDEX(Jesper!$R$2:$R$366,ROW(INDEX(Jesper!AL$2:AL$366,ROUNDDOWN($C2012/24,0)+1,1))-1)+IF('Standard Profiles'!$G$22=$B$10,7,0)+IF('Standard Profiles'!$G$22=$B$17,14,0)+IF('Standard Profiles'!$G$22=$B$24,21,0),0)),0)</f>
        <v>0</v>
      </c>
      <c r="I2012">
        <f t="shared" si="230"/>
        <v>1.435679836166271</v>
      </c>
      <c r="J2012">
        <f t="shared" si="231"/>
        <v>42.871191424715619</v>
      </c>
      <c r="K2012">
        <f t="shared" si="232"/>
        <v>3.2312264310274865</v>
      </c>
      <c r="L2012">
        <f t="shared" si="233"/>
        <v>1.6156132155137433</v>
      </c>
      <c r="M2012">
        <f t="shared" si="234"/>
        <v>0</v>
      </c>
      <c r="N2012" s="45">
        <f t="shared" si="235"/>
        <v>45009.416666661869</v>
      </c>
    </row>
    <row r="2013" spans="2:14" x14ac:dyDescent="0.25">
      <c r="B2013">
        <f t="shared" si="229"/>
        <v>5</v>
      </c>
      <c r="C2013" s="16">
        <v>1979</v>
      </c>
      <c r="D2013" cm="1">
        <f t="array" ref="D2013">IFERROR(INDEX(Jesper!AH$2:AH$366,ROUNDDOWN($C2013/24,0)+1,1)*INDEX($D$3:$AA$30,INDEX(Jesper!$R$2:$R$366,ROW(INDEX(Jesper!AH$2:AH$366,ROUNDDOWN($C2013/24,0)+1,1))-1)+IF('Standard Profiles'!$G$18=$B$10,7,0)+IF('Standard Profiles'!$G$18=$B$17,14,0)+IF('Standard Profiles'!$G$18=$B$24,21,0),MOD($C2013,24)+1)/SUM(INDEX($D$3:$AA$30,INDEX(Jesper!$R$2:$R$366,ROW(INDEX(Jesper!AH$2:AH$366,ROUNDDOWN($C2013/24,0)+1,1))-1)+IF('Standard Profiles'!$G$18=$B$10,7,0)+IF('Standard Profiles'!$G$18=$B$17,14,0)+IF('Standard Profiles'!$G$18=$B$24,21,0),0)),0)</f>
        <v>35.800520116497715</v>
      </c>
      <c r="E2013" cm="1">
        <f t="array" ref="E2013">IFERROR(INDEX(Jesper!AI$2:AI$366,ROUNDDOWN($C2013/24,0)+1,1)*INDEX($D$3:$AA$30,INDEX(Jesper!$R$2:$R$366,ROW(INDEX(Jesper!AI$2:AI$366,ROUNDDOWN($C2013/24,0)+1,1))-1)+IF('Standard Profiles'!$G$19=$B$10,7,0)+IF('Standard Profiles'!$G$19=$B$17,14,0)+IF('Standard Profiles'!$G$19=$B$24,21,0),MOD($C2013,24)+1)/SUM(INDEX($D$3:$AA$30,INDEX(Jesper!$R$2:$R$366,ROW(INDEX(Jesper!AI$2:AI$366,ROUNDDOWN($C2013/24,0)+1,1))-1)+IF('Standard Profiles'!$G$19=$B$10,7,0)+IF('Standard Profiles'!$G$19=$B$17,14,0)+IF('Standard Profiles'!$G$19=$B$24,21,0),0)),0)</f>
        <v>18.755411359289919</v>
      </c>
      <c r="F2013" cm="1">
        <f t="array" ref="F2013">IFERROR(INDEX(Jesper!AJ$2:AJ$366,ROUNDDOWN($C2013/24,0)+1,1)*INDEX($D$3:$AA$30,INDEX(Jesper!$R$2:$R$366,ROW(INDEX(Jesper!AJ$2:AJ$366,ROUNDDOWN($C2013/24,0)+1,1))-1)+IF('Standard Profiles'!$G$20=$B$10,7,0)+IF('Standard Profiles'!$G$20=$B$17,14,0)+IF('Standard Profiles'!$G$20=$B$24,21,0),MOD($C2013,24)+1)/SUM(INDEX($D$3:$AA$30,INDEX(Jesper!$R$2:$R$366,ROW(INDEX(Jesper!AJ$2:AJ$366,ROUNDDOWN($C2013/24,0)+1,1))-1)+IF('Standard Profiles'!$G$20=$B$10,7,0)+IF('Standard Profiles'!$G$20=$B$17,14,0)+IF('Standard Profiles'!$G$20=$B$24,21,0),0)),0)</f>
        <v>0</v>
      </c>
      <c r="G2013" cm="1">
        <f t="array" ref="G2013">IFERROR(INDEX(Jesper!AK$2:AK$366,ROUNDDOWN($C2013/24,0)+1,1)*INDEX($D$3:$AA$30,INDEX(Jesper!$R$2:$R$366,ROW(INDEX(Jesper!AK$2:AK$366,ROUNDDOWN($C2013/24,0)+1,1))-1)+IF('Standard Profiles'!$G$21=$B$10,7,0)+IF('Standard Profiles'!$G$21=$B$17,14,0)+IF('Standard Profiles'!$G$21=$B$24,21,0),MOD($C2013,24)+1)/SUM(INDEX($D$3:$AA$30,INDEX(Jesper!$R$2:$R$366,ROW(INDEX(Jesper!AK$2:AK$366,ROUNDDOWN($C2013/24,0)+1,1))-1)+IF('Standard Profiles'!$G$21=$B$10,7,0)+IF('Standard Profiles'!$G$21=$B$17,14,0)+IF('Standard Profiles'!$G$21=$B$24,21,0),0)),0)</f>
        <v>3.5348177784396841</v>
      </c>
      <c r="H2013" cm="1">
        <f t="array" ref="H2013">IFERROR(INDEX(Jesper!AL$2:AL$366,ROUNDDOWN($C2013/24,0)+1,1)*INDEX($D$3:$AA$30,INDEX(Jesper!$R$2:$R$366,ROW(INDEX(Jesper!AL$2:AL$366,ROUNDDOWN($C2013/24,0)+1,1))-1)+IF('Standard Profiles'!$G$22=$B$10,7,0)+IF('Standard Profiles'!$G$22=$B$17,14,0)+IF('Standard Profiles'!$G$22=$B$24,21,0),MOD($C2013,24)+1)/SUM(INDEX($D$3:$AA$30,INDEX(Jesper!$R$2:$R$366,ROW(INDEX(Jesper!AL$2:AL$366,ROUNDDOWN($C2013/24,0)+1,1))-1)+IF('Standard Profiles'!$G$22=$B$10,7,0)+IF('Standard Profiles'!$G$22=$B$17,14,0)+IF('Standard Profiles'!$G$22=$B$24,21,0),0)),0)</f>
        <v>0</v>
      </c>
      <c r="I2013">
        <f t="shared" si="230"/>
        <v>1.6967125336510476</v>
      </c>
      <c r="J2013">
        <f t="shared" si="231"/>
        <v>50.665953501936634</v>
      </c>
      <c r="K2013">
        <f t="shared" si="232"/>
        <v>3.8187221457597564</v>
      </c>
      <c r="L2013">
        <f t="shared" si="233"/>
        <v>1.9093610728798782</v>
      </c>
      <c r="M2013">
        <f t="shared" si="234"/>
        <v>0</v>
      </c>
      <c r="N2013" s="45">
        <f t="shared" si="235"/>
        <v>45009.458333328534</v>
      </c>
    </row>
    <row r="2014" spans="2:14" x14ac:dyDescent="0.25">
      <c r="B2014">
        <f t="shared" si="229"/>
        <v>5</v>
      </c>
      <c r="C2014" s="16">
        <v>1980</v>
      </c>
      <c r="D2014" cm="1">
        <f t="array" ref="D2014">IFERROR(INDEX(Jesper!AH$2:AH$366,ROUNDDOWN($C2014/24,0)+1,1)*INDEX($D$3:$AA$30,INDEX(Jesper!$R$2:$R$366,ROW(INDEX(Jesper!AH$2:AH$366,ROUNDDOWN($C2014/24,0)+1,1))-1)+IF('Standard Profiles'!$G$18=$B$10,7,0)+IF('Standard Profiles'!$G$18=$B$17,14,0)+IF('Standard Profiles'!$G$18=$B$24,21,0),MOD($C2014,24)+1)/SUM(INDEX($D$3:$AA$30,INDEX(Jesper!$R$2:$R$366,ROW(INDEX(Jesper!AH$2:AH$366,ROUNDDOWN($C2014/24,0)+1,1))-1)+IF('Standard Profiles'!$G$18=$B$10,7,0)+IF('Standard Profiles'!$G$18=$B$17,14,0)+IF('Standard Profiles'!$G$18=$B$24,21,0),0)),0)</f>
        <v>35.800520116497715</v>
      </c>
      <c r="E2014" cm="1">
        <f t="array" ref="E2014">IFERROR(INDEX(Jesper!AI$2:AI$366,ROUNDDOWN($C2014/24,0)+1,1)*INDEX($D$3:$AA$30,INDEX(Jesper!$R$2:$R$366,ROW(INDEX(Jesper!AI$2:AI$366,ROUNDDOWN($C2014/24,0)+1,1))-1)+IF('Standard Profiles'!$G$19=$B$10,7,0)+IF('Standard Profiles'!$G$19=$B$17,14,0)+IF('Standard Profiles'!$G$19=$B$24,21,0),MOD($C2014,24)+1)/SUM(INDEX($D$3:$AA$30,INDEX(Jesper!$R$2:$R$366,ROW(INDEX(Jesper!AI$2:AI$366,ROUNDDOWN($C2014/24,0)+1,1))-1)+IF('Standard Profiles'!$G$19=$B$10,7,0)+IF('Standard Profiles'!$G$19=$B$17,14,0)+IF('Standard Profiles'!$G$19=$B$24,21,0),0)),0)</f>
        <v>18.755411359289919</v>
      </c>
      <c r="F2014" cm="1">
        <f t="array" ref="F2014">IFERROR(INDEX(Jesper!AJ$2:AJ$366,ROUNDDOWN($C2014/24,0)+1,1)*INDEX($D$3:$AA$30,INDEX(Jesper!$R$2:$R$366,ROW(INDEX(Jesper!AJ$2:AJ$366,ROUNDDOWN($C2014/24,0)+1,1))-1)+IF('Standard Profiles'!$G$20=$B$10,7,0)+IF('Standard Profiles'!$G$20=$B$17,14,0)+IF('Standard Profiles'!$G$20=$B$24,21,0),MOD($C2014,24)+1)/SUM(INDEX($D$3:$AA$30,INDEX(Jesper!$R$2:$R$366,ROW(INDEX(Jesper!AJ$2:AJ$366,ROUNDDOWN($C2014/24,0)+1,1))-1)+IF('Standard Profiles'!$G$20=$B$10,7,0)+IF('Standard Profiles'!$G$20=$B$17,14,0)+IF('Standard Profiles'!$G$20=$B$24,21,0),0)),0)</f>
        <v>0</v>
      </c>
      <c r="G2014" cm="1">
        <f t="array" ref="G2014">IFERROR(INDEX(Jesper!AK$2:AK$366,ROUNDDOWN($C2014/24,0)+1,1)*INDEX($D$3:$AA$30,INDEX(Jesper!$R$2:$R$366,ROW(INDEX(Jesper!AK$2:AK$366,ROUNDDOWN($C2014/24,0)+1,1))-1)+IF('Standard Profiles'!$G$21=$B$10,7,0)+IF('Standard Profiles'!$G$21=$B$17,14,0)+IF('Standard Profiles'!$G$21=$B$24,21,0),MOD($C2014,24)+1)/SUM(INDEX($D$3:$AA$30,INDEX(Jesper!$R$2:$R$366,ROW(INDEX(Jesper!AK$2:AK$366,ROUNDDOWN($C2014/24,0)+1,1))-1)+IF('Standard Profiles'!$G$21=$B$10,7,0)+IF('Standard Profiles'!$G$21=$B$17,14,0)+IF('Standard Profiles'!$G$21=$B$24,21,0),0)),0)</f>
        <v>3.5348177784396841</v>
      </c>
      <c r="H2014" cm="1">
        <f t="array" ref="H2014">IFERROR(INDEX(Jesper!AL$2:AL$366,ROUNDDOWN($C2014/24,0)+1,1)*INDEX($D$3:$AA$30,INDEX(Jesper!$R$2:$R$366,ROW(INDEX(Jesper!AL$2:AL$366,ROUNDDOWN($C2014/24,0)+1,1))-1)+IF('Standard Profiles'!$G$22=$B$10,7,0)+IF('Standard Profiles'!$G$22=$B$17,14,0)+IF('Standard Profiles'!$G$22=$B$24,21,0),MOD($C2014,24)+1)/SUM(INDEX($D$3:$AA$30,INDEX(Jesper!$R$2:$R$366,ROW(INDEX(Jesper!AL$2:AL$366,ROUNDDOWN($C2014/24,0)+1,1))-1)+IF('Standard Profiles'!$G$22=$B$10,7,0)+IF('Standard Profiles'!$G$22=$B$17,14,0)+IF('Standard Profiles'!$G$22=$B$24,21,0),0)),0)</f>
        <v>0</v>
      </c>
      <c r="I2014">
        <f t="shared" si="230"/>
        <v>1.6967125336510476</v>
      </c>
      <c r="J2014">
        <f t="shared" si="231"/>
        <v>50.665953501936634</v>
      </c>
      <c r="K2014">
        <f t="shared" si="232"/>
        <v>3.8187221457597564</v>
      </c>
      <c r="L2014">
        <f t="shared" si="233"/>
        <v>1.9093610728798782</v>
      </c>
      <c r="M2014">
        <f t="shared" si="234"/>
        <v>0</v>
      </c>
      <c r="N2014" s="45">
        <f t="shared" si="235"/>
        <v>45009.499999995198</v>
      </c>
    </row>
    <row r="2015" spans="2:14" x14ac:dyDescent="0.25">
      <c r="B2015">
        <f t="shared" si="229"/>
        <v>5</v>
      </c>
      <c r="C2015" s="16">
        <v>1981</v>
      </c>
      <c r="D2015" cm="1">
        <f t="array" ref="D2015">IFERROR(INDEX(Jesper!AH$2:AH$366,ROUNDDOWN($C2015/24,0)+1,1)*INDEX($D$3:$AA$30,INDEX(Jesper!$R$2:$R$366,ROW(INDEX(Jesper!AH$2:AH$366,ROUNDDOWN($C2015/24,0)+1,1))-1)+IF('Standard Profiles'!$G$18=$B$10,7,0)+IF('Standard Profiles'!$G$18=$B$17,14,0)+IF('Standard Profiles'!$G$18=$B$24,21,0),MOD($C2015,24)+1)/SUM(INDEX($D$3:$AA$30,INDEX(Jesper!$R$2:$R$366,ROW(INDEX(Jesper!AH$2:AH$366,ROUNDDOWN($C2015/24,0)+1,1))-1)+IF('Standard Profiles'!$G$18=$B$10,7,0)+IF('Standard Profiles'!$G$18=$B$17,14,0)+IF('Standard Profiles'!$G$18=$B$24,21,0),0)),0)</f>
        <v>24.784975465267653</v>
      </c>
      <c r="E2015" cm="1">
        <f t="array" ref="E2015">IFERROR(INDEX(Jesper!AI$2:AI$366,ROUNDDOWN($C2015/24,0)+1,1)*INDEX($D$3:$AA$30,INDEX(Jesper!$R$2:$R$366,ROW(INDEX(Jesper!AI$2:AI$366,ROUNDDOWN($C2015/24,0)+1,1))-1)+IF('Standard Profiles'!$G$19=$B$10,7,0)+IF('Standard Profiles'!$G$19=$B$17,14,0)+IF('Standard Profiles'!$G$19=$B$24,21,0),MOD($C2015,24)+1)/SUM(INDEX($D$3:$AA$30,INDEX(Jesper!$R$2:$R$366,ROW(INDEX(Jesper!AI$2:AI$366,ROUNDDOWN($C2015/24,0)+1,1))-1)+IF('Standard Profiles'!$G$19=$B$10,7,0)+IF('Standard Profiles'!$G$19=$B$17,14,0)+IF('Standard Profiles'!$G$19=$B$24,21,0),0)),0)</f>
        <v>12.984515556431482</v>
      </c>
      <c r="F2015" cm="1">
        <f t="array" ref="F2015">IFERROR(INDEX(Jesper!AJ$2:AJ$366,ROUNDDOWN($C2015/24,0)+1,1)*INDEX($D$3:$AA$30,INDEX(Jesper!$R$2:$R$366,ROW(INDEX(Jesper!AJ$2:AJ$366,ROUNDDOWN($C2015/24,0)+1,1))-1)+IF('Standard Profiles'!$G$20=$B$10,7,0)+IF('Standard Profiles'!$G$20=$B$17,14,0)+IF('Standard Profiles'!$G$20=$B$24,21,0),MOD($C2015,24)+1)/SUM(INDEX($D$3:$AA$30,INDEX(Jesper!$R$2:$R$366,ROW(INDEX(Jesper!AJ$2:AJ$366,ROUNDDOWN($C2015/24,0)+1,1))-1)+IF('Standard Profiles'!$G$20=$B$10,7,0)+IF('Standard Profiles'!$G$20=$B$17,14,0)+IF('Standard Profiles'!$G$20=$B$24,21,0),0)),0)</f>
        <v>0</v>
      </c>
      <c r="G2015" cm="1">
        <f t="array" ref="G2015">IFERROR(INDEX(Jesper!AK$2:AK$366,ROUNDDOWN($C2015/24,0)+1,1)*INDEX($D$3:$AA$30,INDEX(Jesper!$R$2:$R$366,ROW(INDEX(Jesper!AK$2:AK$366,ROUNDDOWN($C2015/24,0)+1,1))-1)+IF('Standard Profiles'!$G$21=$B$10,7,0)+IF('Standard Profiles'!$G$21=$B$17,14,0)+IF('Standard Profiles'!$G$21=$B$24,21,0),MOD($C2015,24)+1)/SUM(INDEX($D$3:$AA$30,INDEX(Jesper!$R$2:$R$366,ROW(INDEX(Jesper!AK$2:AK$366,ROUNDDOWN($C2015/24,0)+1,1))-1)+IF('Standard Profiles'!$G$21=$B$10,7,0)+IF('Standard Profiles'!$G$21=$B$17,14,0)+IF('Standard Profiles'!$G$21=$B$24,21,0),0)),0)</f>
        <v>2.4471815389197817</v>
      </c>
      <c r="H2015" cm="1">
        <f t="array" ref="H2015">IFERROR(INDEX(Jesper!AL$2:AL$366,ROUNDDOWN($C2015/24,0)+1,1)*INDEX($D$3:$AA$30,INDEX(Jesper!$R$2:$R$366,ROW(INDEX(Jesper!AL$2:AL$366,ROUNDDOWN($C2015/24,0)+1,1))-1)+IF('Standard Profiles'!$G$22=$B$10,7,0)+IF('Standard Profiles'!$G$22=$B$17,14,0)+IF('Standard Profiles'!$G$22=$B$24,21,0),MOD($C2015,24)+1)/SUM(INDEX($D$3:$AA$30,INDEX(Jesper!$R$2:$R$366,ROW(INDEX(Jesper!AL$2:AL$366,ROUNDDOWN($C2015/24,0)+1,1))-1)+IF('Standard Profiles'!$G$22=$B$10,7,0)+IF('Standard Profiles'!$G$22=$B$17,14,0)+IF('Standard Profiles'!$G$22=$B$24,21,0),0)),0)</f>
        <v>0</v>
      </c>
      <c r="I2015">
        <f t="shared" si="230"/>
        <v>1.1746471386814947</v>
      </c>
      <c r="J2015">
        <f t="shared" si="231"/>
        <v>35.076429347494596</v>
      </c>
      <c r="K2015">
        <f t="shared" si="232"/>
        <v>2.6437307162952166</v>
      </c>
      <c r="L2015">
        <f t="shared" si="233"/>
        <v>1.3218653581476083</v>
      </c>
      <c r="M2015">
        <f t="shared" si="234"/>
        <v>0</v>
      </c>
      <c r="N2015" s="45">
        <f t="shared" si="235"/>
        <v>45009.541666661862</v>
      </c>
    </row>
    <row r="2016" spans="2:14" x14ac:dyDescent="0.25">
      <c r="B2016">
        <f t="shared" si="229"/>
        <v>5</v>
      </c>
      <c r="C2016" s="16">
        <v>1982</v>
      </c>
      <c r="D2016" cm="1">
        <f t="array" ref="D2016">IFERROR(INDEX(Jesper!AH$2:AH$366,ROUNDDOWN($C2016/24,0)+1,1)*INDEX($D$3:$AA$30,INDEX(Jesper!$R$2:$R$366,ROW(INDEX(Jesper!AH$2:AH$366,ROUNDDOWN($C2016/24,0)+1,1))-1)+IF('Standard Profiles'!$G$18=$B$10,7,0)+IF('Standard Profiles'!$G$18=$B$17,14,0)+IF('Standard Profiles'!$G$18=$B$24,21,0),MOD($C2016,24)+1)/SUM(INDEX($D$3:$AA$30,INDEX(Jesper!$R$2:$R$366,ROW(INDEX(Jesper!AH$2:AH$366,ROUNDDOWN($C2016/24,0)+1,1))-1)+IF('Standard Profiles'!$G$18=$B$10,7,0)+IF('Standard Profiles'!$G$18=$B$17,14,0)+IF('Standard Profiles'!$G$18=$B$24,21,0),0)),0)</f>
        <v>35.800520116497715</v>
      </c>
      <c r="E2016" cm="1">
        <f t="array" ref="E2016">IFERROR(INDEX(Jesper!AI$2:AI$366,ROUNDDOWN($C2016/24,0)+1,1)*INDEX($D$3:$AA$30,INDEX(Jesper!$R$2:$R$366,ROW(INDEX(Jesper!AI$2:AI$366,ROUNDDOWN($C2016/24,0)+1,1))-1)+IF('Standard Profiles'!$G$19=$B$10,7,0)+IF('Standard Profiles'!$G$19=$B$17,14,0)+IF('Standard Profiles'!$G$19=$B$24,21,0),MOD($C2016,24)+1)/SUM(INDEX($D$3:$AA$30,INDEX(Jesper!$R$2:$R$366,ROW(INDEX(Jesper!AI$2:AI$366,ROUNDDOWN($C2016/24,0)+1,1))-1)+IF('Standard Profiles'!$G$19=$B$10,7,0)+IF('Standard Profiles'!$G$19=$B$17,14,0)+IF('Standard Profiles'!$G$19=$B$24,21,0),0)),0)</f>
        <v>18.755411359289919</v>
      </c>
      <c r="F2016" cm="1">
        <f t="array" ref="F2016">IFERROR(INDEX(Jesper!AJ$2:AJ$366,ROUNDDOWN($C2016/24,0)+1,1)*INDEX($D$3:$AA$30,INDEX(Jesper!$R$2:$R$366,ROW(INDEX(Jesper!AJ$2:AJ$366,ROUNDDOWN($C2016/24,0)+1,1))-1)+IF('Standard Profiles'!$G$20=$B$10,7,0)+IF('Standard Profiles'!$G$20=$B$17,14,0)+IF('Standard Profiles'!$G$20=$B$24,21,0),MOD($C2016,24)+1)/SUM(INDEX($D$3:$AA$30,INDEX(Jesper!$R$2:$R$366,ROW(INDEX(Jesper!AJ$2:AJ$366,ROUNDDOWN($C2016/24,0)+1,1))-1)+IF('Standard Profiles'!$G$20=$B$10,7,0)+IF('Standard Profiles'!$G$20=$B$17,14,0)+IF('Standard Profiles'!$G$20=$B$24,21,0),0)),0)</f>
        <v>0</v>
      </c>
      <c r="G2016" cm="1">
        <f t="array" ref="G2016">IFERROR(INDEX(Jesper!AK$2:AK$366,ROUNDDOWN($C2016/24,0)+1,1)*INDEX($D$3:$AA$30,INDEX(Jesper!$R$2:$R$366,ROW(INDEX(Jesper!AK$2:AK$366,ROUNDDOWN($C2016/24,0)+1,1))-1)+IF('Standard Profiles'!$G$21=$B$10,7,0)+IF('Standard Profiles'!$G$21=$B$17,14,0)+IF('Standard Profiles'!$G$21=$B$24,21,0),MOD($C2016,24)+1)/SUM(INDEX($D$3:$AA$30,INDEX(Jesper!$R$2:$R$366,ROW(INDEX(Jesper!AK$2:AK$366,ROUNDDOWN($C2016/24,0)+1,1))-1)+IF('Standard Profiles'!$G$21=$B$10,7,0)+IF('Standard Profiles'!$G$21=$B$17,14,0)+IF('Standard Profiles'!$G$21=$B$24,21,0),0)),0)</f>
        <v>3.5348177784396841</v>
      </c>
      <c r="H2016" cm="1">
        <f t="array" ref="H2016">IFERROR(INDEX(Jesper!AL$2:AL$366,ROUNDDOWN($C2016/24,0)+1,1)*INDEX($D$3:$AA$30,INDEX(Jesper!$R$2:$R$366,ROW(INDEX(Jesper!AL$2:AL$366,ROUNDDOWN($C2016/24,0)+1,1))-1)+IF('Standard Profiles'!$G$22=$B$10,7,0)+IF('Standard Profiles'!$G$22=$B$17,14,0)+IF('Standard Profiles'!$G$22=$B$24,21,0),MOD($C2016,24)+1)/SUM(INDEX($D$3:$AA$30,INDEX(Jesper!$R$2:$R$366,ROW(INDEX(Jesper!AL$2:AL$366,ROUNDDOWN($C2016/24,0)+1,1))-1)+IF('Standard Profiles'!$G$22=$B$10,7,0)+IF('Standard Profiles'!$G$22=$B$17,14,0)+IF('Standard Profiles'!$G$22=$B$24,21,0),0)),0)</f>
        <v>0</v>
      </c>
      <c r="I2016">
        <f t="shared" si="230"/>
        <v>1.6967125336510476</v>
      </c>
      <c r="J2016">
        <f t="shared" si="231"/>
        <v>50.665953501936634</v>
      </c>
      <c r="K2016">
        <f t="shared" si="232"/>
        <v>3.8187221457597564</v>
      </c>
      <c r="L2016">
        <f t="shared" si="233"/>
        <v>1.9093610728798782</v>
      </c>
      <c r="M2016">
        <f t="shared" si="234"/>
        <v>0</v>
      </c>
      <c r="N2016" s="45">
        <f t="shared" si="235"/>
        <v>45009.583333328526</v>
      </c>
    </row>
    <row r="2017" spans="2:14" x14ac:dyDescent="0.25">
      <c r="B2017">
        <f t="shared" si="229"/>
        <v>5</v>
      </c>
      <c r="C2017" s="16">
        <v>1983</v>
      </c>
      <c r="D2017" cm="1">
        <f t="array" ref="D2017">IFERROR(INDEX(Jesper!AH$2:AH$366,ROUNDDOWN($C2017/24,0)+1,1)*INDEX($D$3:$AA$30,INDEX(Jesper!$R$2:$R$366,ROW(INDEX(Jesper!AH$2:AH$366,ROUNDDOWN($C2017/24,0)+1,1))-1)+IF('Standard Profiles'!$G$18=$B$10,7,0)+IF('Standard Profiles'!$G$18=$B$17,14,0)+IF('Standard Profiles'!$G$18=$B$24,21,0),MOD($C2017,24)+1)/SUM(INDEX($D$3:$AA$30,INDEX(Jesper!$R$2:$R$366,ROW(INDEX(Jesper!AH$2:AH$366,ROUNDDOWN($C2017/24,0)+1,1))-1)+IF('Standard Profiles'!$G$18=$B$10,7,0)+IF('Standard Profiles'!$G$18=$B$17,14,0)+IF('Standard Profiles'!$G$18=$B$24,21,0),0)),0)</f>
        <v>27.538861628075168</v>
      </c>
      <c r="E2017" cm="1">
        <f t="array" ref="E2017">IFERROR(INDEX(Jesper!AI$2:AI$366,ROUNDDOWN($C2017/24,0)+1,1)*INDEX($D$3:$AA$30,INDEX(Jesper!$R$2:$R$366,ROW(INDEX(Jesper!AI$2:AI$366,ROUNDDOWN($C2017/24,0)+1,1))-1)+IF('Standard Profiles'!$G$19=$B$10,7,0)+IF('Standard Profiles'!$G$19=$B$17,14,0)+IF('Standard Profiles'!$G$19=$B$24,21,0),MOD($C2017,24)+1)/SUM(INDEX($D$3:$AA$30,INDEX(Jesper!$R$2:$R$366,ROW(INDEX(Jesper!AI$2:AI$366,ROUNDDOWN($C2017/24,0)+1,1))-1)+IF('Standard Profiles'!$G$19=$B$10,7,0)+IF('Standard Profiles'!$G$19=$B$17,14,0)+IF('Standard Profiles'!$G$19=$B$24,21,0),0)),0)</f>
        <v>14.427239507146091</v>
      </c>
      <c r="F2017" cm="1">
        <f t="array" ref="F2017">IFERROR(INDEX(Jesper!AJ$2:AJ$366,ROUNDDOWN($C2017/24,0)+1,1)*INDEX($D$3:$AA$30,INDEX(Jesper!$R$2:$R$366,ROW(INDEX(Jesper!AJ$2:AJ$366,ROUNDDOWN($C2017/24,0)+1,1))-1)+IF('Standard Profiles'!$G$20=$B$10,7,0)+IF('Standard Profiles'!$G$20=$B$17,14,0)+IF('Standard Profiles'!$G$20=$B$24,21,0),MOD($C2017,24)+1)/SUM(INDEX($D$3:$AA$30,INDEX(Jesper!$R$2:$R$366,ROW(INDEX(Jesper!AJ$2:AJ$366,ROUNDDOWN($C2017/24,0)+1,1))-1)+IF('Standard Profiles'!$G$20=$B$10,7,0)+IF('Standard Profiles'!$G$20=$B$17,14,0)+IF('Standard Profiles'!$G$20=$B$24,21,0),0)),0)</f>
        <v>0</v>
      </c>
      <c r="G2017" cm="1">
        <f t="array" ref="G2017">IFERROR(INDEX(Jesper!AK$2:AK$366,ROUNDDOWN($C2017/24,0)+1,1)*INDEX($D$3:$AA$30,INDEX(Jesper!$R$2:$R$366,ROW(INDEX(Jesper!AK$2:AK$366,ROUNDDOWN($C2017/24,0)+1,1))-1)+IF('Standard Profiles'!$G$21=$B$10,7,0)+IF('Standard Profiles'!$G$21=$B$17,14,0)+IF('Standard Profiles'!$G$21=$B$24,21,0),MOD($C2017,24)+1)/SUM(INDEX($D$3:$AA$30,INDEX(Jesper!$R$2:$R$366,ROW(INDEX(Jesper!AK$2:AK$366,ROUNDDOWN($C2017/24,0)+1,1))-1)+IF('Standard Profiles'!$G$21=$B$10,7,0)+IF('Standard Profiles'!$G$21=$B$17,14,0)+IF('Standard Profiles'!$G$21=$B$24,21,0),0)),0)</f>
        <v>2.9909996586797329</v>
      </c>
      <c r="H2017" cm="1">
        <f t="array" ref="H2017">IFERROR(INDEX(Jesper!AL$2:AL$366,ROUNDDOWN($C2017/24,0)+1,1)*INDEX($D$3:$AA$30,INDEX(Jesper!$R$2:$R$366,ROW(INDEX(Jesper!AL$2:AL$366,ROUNDDOWN($C2017/24,0)+1,1))-1)+IF('Standard Profiles'!$G$22=$B$10,7,0)+IF('Standard Profiles'!$G$22=$B$17,14,0)+IF('Standard Profiles'!$G$22=$B$24,21,0),MOD($C2017,24)+1)/SUM(INDEX($D$3:$AA$30,INDEX(Jesper!$R$2:$R$366,ROW(INDEX(Jesper!AL$2:AL$366,ROUNDDOWN($C2017/24,0)+1,1))-1)+IF('Standard Profiles'!$G$22=$B$10,7,0)+IF('Standard Profiles'!$G$22=$B$17,14,0)+IF('Standard Profiles'!$G$22=$B$24,21,0),0)),0)</f>
        <v>0</v>
      </c>
      <c r="I2017">
        <f t="shared" si="230"/>
        <v>1.435679836166271</v>
      </c>
      <c r="J2017">
        <f t="shared" si="231"/>
        <v>39.115203097242691</v>
      </c>
      <c r="K2017">
        <f t="shared" si="232"/>
        <v>2.9374785736613513</v>
      </c>
      <c r="L2017">
        <f t="shared" si="233"/>
        <v>1.4687392868306757</v>
      </c>
      <c r="M2017">
        <f t="shared" si="234"/>
        <v>0</v>
      </c>
      <c r="N2017" s="45">
        <f t="shared" si="235"/>
        <v>45009.624999995191</v>
      </c>
    </row>
    <row r="2018" spans="2:14" x14ac:dyDescent="0.25">
      <c r="B2018">
        <f t="shared" si="229"/>
        <v>5</v>
      </c>
      <c r="C2018" s="16">
        <v>1984</v>
      </c>
      <c r="D2018" cm="1">
        <f t="array" ref="D2018">IFERROR(INDEX(Jesper!AH$2:AH$366,ROUNDDOWN($C2018/24,0)+1,1)*INDEX($D$3:$AA$30,INDEX(Jesper!$R$2:$R$366,ROW(INDEX(Jesper!AH$2:AH$366,ROUNDDOWN($C2018/24,0)+1,1))-1)+IF('Standard Profiles'!$G$18=$B$10,7,0)+IF('Standard Profiles'!$G$18=$B$17,14,0)+IF('Standard Profiles'!$G$18=$B$24,21,0),MOD($C2018,24)+1)/SUM(INDEX($D$3:$AA$30,INDEX(Jesper!$R$2:$R$366,ROW(INDEX(Jesper!AH$2:AH$366,ROUNDDOWN($C2018/24,0)+1,1))-1)+IF('Standard Profiles'!$G$18=$B$10,7,0)+IF('Standard Profiles'!$G$18=$B$17,14,0)+IF('Standard Profiles'!$G$18=$B$24,21,0),0)),0)</f>
        <v>12.929043017875665</v>
      </c>
      <c r="E2018" cm="1">
        <f t="array" ref="E2018">IFERROR(INDEX(Jesper!AI$2:AI$366,ROUNDDOWN($C2018/24,0)+1,1)*INDEX($D$3:$AA$30,INDEX(Jesper!$R$2:$R$366,ROW(INDEX(Jesper!AI$2:AI$366,ROUNDDOWN($C2018/24,0)+1,1))-1)+IF('Standard Profiles'!$G$19=$B$10,7,0)+IF('Standard Profiles'!$G$19=$B$17,14,0)+IF('Standard Profiles'!$G$19=$B$24,21,0),MOD($C2018,24)+1)/SUM(INDEX($D$3:$AA$30,INDEX(Jesper!$R$2:$R$366,ROW(INDEX(Jesper!AI$2:AI$366,ROUNDDOWN($C2018/24,0)+1,1))-1)+IF('Standard Profiles'!$G$19=$B$10,7,0)+IF('Standard Profiles'!$G$19=$B$17,14,0)+IF('Standard Profiles'!$G$19=$B$24,21,0),0)),0)</f>
        <v>6.773351881289245</v>
      </c>
      <c r="F2018" cm="1">
        <f t="array" ref="F2018">IFERROR(INDEX(Jesper!AJ$2:AJ$366,ROUNDDOWN($C2018/24,0)+1,1)*INDEX($D$3:$AA$30,INDEX(Jesper!$R$2:$R$366,ROW(INDEX(Jesper!AJ$2:AJ$366,ROUNDDOWN($C2018/24,0)+1,1))-1)+IF('Standard Profiles'!$G$20=$B$10,7,0)+IF('Standard Profiles'!$G$20=$B$17,14,0)+IF('Standard Profiles'!$G$20=$B$24,21,0),MOD($C2018,24)+1)/SUM(INDEX($D$3:$AA$30,INDEX(Jesper!$R$2:$R$366,ROW(INDEX(Jesper!AJ$2:AJ$366,ROUNDDOWN($C2018/24,0)+1,1))-1)+IF('Standard Profiles'!$G$20=$B$10,7,0)+IF('Standard Profiles'!$G$20=$B$17,14,0)+IF('Standard Profiles'!$G$20=$B$24,21,0),0)),0)</f>
        <v>0</v>
      </c>
      <c r="G2018" cm="1">
        <f t="array" ref="G2018">IFERROR(INDEX(Jesper!AK$2:AK$366,ROUNDDOWN($C2018/24,0)+1,1)*INDEX($D$3:$AA$30,INDEX(Jesper!$R$2:$R$366,ROW(INDEX(Jesper!AK$2:AK$366,ROUNDDOWN($C2018/24,0)+1,1))-1)+IF('Standard Profiles'!$G$21=$B$10,7,0)+IF('Standard Profiles'!$G$21=$B$17,14,0)+IF('Standard Profiles'!$G$21=$B$24,21,0),MOD($C2018,24)+1)/SUM(INDEX($D$3:$AA$30,INDEX(Jesper!$R$2:$R$366,ROW(INDEX(Jesper!AK$2:AK$366,ROUNDDOWN($C2018/24,0)+1,1))-1)+IF('Standard Profiles'!$G$21=$B$10,7,0)+IF('Standard Profiles'!$G$21=$B$17,14,0)+IF('Standard Profiles'!$G$21=$B$24,21,0),0)),0)</f>
        <v>2.5896100940950069</v>
      </c>
      <c r="H2018" cm="1">
        <f t="array" ref="H2018">IFERROR(INDEX(Jesper!AL$2:AL$366,ROUNDDOWN($C2018/24,0)+1,1)*INDEX($D$3:$AA$30,INDEX(Jesper!$R$2:$R$366,ROW(INDEX(Jesper!AL$2:AL$366,ROUNDDOWN($C2018/24,0)+1,1))-1)+IF('Standard Profiles'!$G$22=$B$10,7,0)+IF('Standard Profiles'!$G$22=$B$17,14,0)+IF('Standard Profiles'!$G$22=$B$24,21,0),MOD($C2018,24)+1)/SUM(INDEX($D$3:$AA$30,INDEX(Jesper!$R$2:$R$366,ROW(INDEX(Jesper!AL$2:AL$366,ROUNDDOWN($C2018/24,0)+1,1))-1)+IF('Standard Profiles'!$G$22=$B$10,7,0)+IF('Standard Profiles'!$G$22=$B$17,14,0)+IF('Standard Profiles'!$G$22=$B$24,21,0),0)),0)</f>
        <v>0</v>
      </c>
      <c r="I2018">
        <f t="shared" si="230"/>
        <v>1.2430128451656026</v>
      </c>
      <c r="J2018">
        <f t="shared" si="231"/>
        <v>18.980345265234206</v>
      </c>
      <c r="K2018">
        <f t="shared" si="232"/>
        <v>1.3790979219067376</v>
      </c>
      <c r="L2018">
        <f t="shared" si="233"/>
        <v>0.68954896095336882</v>
      </c>
      <c r="M2018">
        <f t="shared" si="234"/>
        <v>0</v>
      </c>
      <c r="N2018" s="45">
        <f t="shared" si="235"/>
        <v>45009.666666661855</v>
      </c>
    </row>
    <row r="2019" spans="2:14" x14ac:dyDescent="0.25">
      <c r="B2019">
        <f t="shared" ref="B2019:B2082" si="236">WEEKDAY(N2019,2)</f>
        <v>5</v>
      </c>
      <c r="C2019" s="16">
        <v>1985</v>
      </c>
      <c r="D2019" cm="1">
        <f t="array" ref="D2019">IFERROR(INDEX(Jesper!AH$2:AH$366,ROUNDDOWN($C2019/24,0)+1,1)*INDEX($D$3:$AA$30,INDEX(Jesper!$R$2:$R$366,ROW(INDEX(Jesper!AH$2:AH$366,ROUNDDOWN($C2019/24,0)+1,1))-1)+IF('Standard Profiles'!$G$18=$B$10,7,0)+IF('Standard Profiles'!$G$18=$B$17,14,0)+IF('Standard Profiles'!$G$18=$B$24,21,0),MOD($C2019,24)+1)/SUM(INDEX($D$3:$AA$30,INDEX(Jesper!$R$2:$R$366,ROW(INDEX(Jesper!AH$2:AH$366,ROUNDDOWN($C2019/24,0)+1,1))-1)+IF('Standard Profiles'!$G$18=$B$10,7,0)+IF('Standard Profiles'!$G$18=$B$17,14,0)+IF('Standard Profiles'!$G$18=$B$24,21,0),0)),0)</f>
        <v>8.5331683917979397</v>
      </c>
      <c r="E2019" cm="1">
        <f t="array" ref="E2019">IFERROR(INDEX(Jesper!AI$2:AI$366,ROUNDDOWN($C2019/24,0)+1,1)*INDEX($D$3:$AA$30,INDEX(Jesper!$R$2:$R$366,ROW(INDEX(Jesper!AI$2:AI$366,ROUNDDOWN($C2019/24,0)+1,1))-1)+IF('Standard Profiles'!$G$19=$B$10,7,0)+IF('Standard Profiles'!$G$19=$B$17,14,0)+IF('Standard Profiles'!$G$19=$B$24,21,0),MOD($C2019,24)+1)/SUM(INDEX($D$3:$AA$30,INDEX(Jesper!$R$2:$R$366,ROW(INDEX(Jesper!AI$2:AI$366,ROUNDDOWN($C2019/24,0)+1,1))-1)+IF('Standard Profiles'!$G$19=$B$10,7,0)+IF('Standard Profiles'!$G$19=$B$17,14,0)+IF('Standard Profiles'!$G$19=$B$24,21,0),0)),0)</f>
        <v>4.4704122416509016</v>
      </c>
      <c r="F2019" cm="1">
        <f t="array" ref="F2019">IFERROR(INDEX(Jesper!AJ$2:AJ$366,ROUNDDOWN($C2019/24,0)+1,1)*INDEX($D$3:$AA$30,INDEX(Jesper!$R$2:$R$366,ROW(INDEX(Jesper!AJ$2:AJ$366,ROUNDDOWN($C2019/24,0)+1,1))-1)+IF('Standard Profiles'!$G$20=$B$10,7,0)+IF('Standard Profiles'!$G$20=$B$17,14,0)+IF('Standard Profiles'!$G$20=$B$24,21,0),MOD($C2019,24)+1)/SUM(INDEX($D$3:$AA$30,INDEX(Jesper!$R$2:$R$366,ROW(INDEX(Jesper!AJ$2:AJ$366,ROUNDDOWN($C2019/24,0)+1,1))-1)+IF('Standard Profiles'!$G$20=$B$10,7,0)+IF('Standard Profiles'!$G$20=$B$17,14,0)+IF('Standard Profiles'!$G$20=$B$24,21,0),0)),0)</f>
        <v>0</v>
      </c>
      <c r="G2019" cm="1">
        <f t="array" ref="G2019">IFERROR(INDEX(Jesper!AK$2:AK$366,ROUNDDOWN($C2019/24,0)+1,1)*INDEX($D$3:$AA$30,INDEX(Jesper!$R$2:$R$366,ROW(INDEX(Jesper!AK$2:AK$366,ROUNDDOWN($C2019/24,0)+1,1))-1)+IF('Standard Profiles'!$G$21=$B$10,7,0)+IF('Standard Profiles'!$G$21=$B$17,14,0)+IF('Standard Profiles'!$G$21=$B$24,21,0),MOD($C2019,24)+1)/SUM(INDEX($D$3:$AA$30,INDEX(Jesper!$R$2:$R$366,ROW(INDEX(Jesper!AK$2:AK$366,ROUNDDOWN($C2019/24,0)+1,1))-1)+IF('Standard Profiles'!$G$21=$B$10,7,0)+IF('Standard Profiles'!$G$21=$B$17,14,0)+IF('Standard Profiles'!$G$21=$B$24,21,0),0)),0)</f>
        <v>2.1752724790398057</v>
      </c>
      <c r="H2019" cm="1">
        <f t="array" ref="H2019">IFERROR(INDEX(Jesper!AL$2:AL$366,ROUNDDOWN($C2019/24,0)+1,1)*INDEX($D$3:$AA$30,INDEX(Jesper!$R$2:$R$366,ROW(INDEX(Jesper!AL$2:AL$366,ROUNDDOWN($C2019/24,0)+1,1))-1)+IF('Standard Profiles'!$G$22=$B$10,7,0)+IF('Standard Profiles'!$G$22=$B$17,14,0)+IF('Standard Profiles'!$G$22=$B$24,21,0),MOD($C2019,24)+1)/SUM(INDEX($D$3:$AA$30,INDEX(Jesper!$R$2:$R$366,ROW(INDEX(Jesper!AL$2:AL$366,ROUNDDOWN($C2019/24,0)+1,1))-1)+IF('Standard Profiles'!$G$22=$B$10,7,0)+IF('Standard Profiles'!$G$22=$B$17,14,0)+IF('Standard Profiles'!$G$22=$B$24,21,0),0)),0)</f>
        <v>0</v>
      </c>
      <c r="I2019">
        <f t="shared" ref="I2019:I2082" si="237">IF($B2019&lt;6,AC$37*$D2019+AC$38*$E2019+AC$39*$F2019+AC$40*$G2019,AC$46*$D2019+AC$47*$E2019+AC$48*$F2019+AC$49*$G2019+AC$50*$H2019)</f>
        <v>1.0441307899391061</v>
      </c>
      <c r="J2019">
        <f t="shared" ref="J2019:J2082" si="238">IF($B2019&lt;6,AD$37*$D2019+AD$38*$E2019+AD$39*$F2019+AD$40*$G2019,AD$46*$D2019+AD$47*$E2019+AD$48*$F2019+AD$49*$G2019+AD$50*$H2019)</f>
        <v>12.76941537986187</v>
      </c>
      <c r="K2019">
        <f t="shared" ref="K2019:K2082" si="239">IF($B2019&lt;6,AE$37*$D2019+AE$38*$E2019+AE$39*$F2019+AE$40*$G2019,AE$46*$D2019+AE$47*$E2019+AE$48*$F2019+AE$49*$G2019+AE$50*$H2019)</f>
        <v>0.91020462845844696</v>
      </c>
      <c r="L2019">
        <f t="shared" ref="L2019:L2082" si="240">IF($B2019&lt;6,AF$37*$D2019+AF$38*$E2019+AF$39*$F2019+AF$40*$G2019,AF$46*$D2019+AF$47*$E2019+AF$48*$F2019+AF$49*$G2019+AF$50*$H2019)</f>
        <v>0.45510231422922348</v>
      </c>
      <c r="M2019">
        <f t="shared" ref="M2019:M2082" si="241">IF($B2019&lt;6,AG$37*$D2019+AG$38*$E2019+AG$39*$F2019+AG$40*$G2019,AG$46*$D2019+AG$47*$E2019+AG$48*$F2019+AG$49*$G2019+AG$50*$H2019)</f>
        <v>0</v>
      </c>
      <c r="N2019" s="45">
        <f t="shared" si="235"/>
        <v>45009.708333328519</v>
      </c>
    </row>
    <row r="2020" spans="2:14" x14ac:dyDescent="0.25">
      <c r="B2020">
        <f t="shared" si="236"/>
        <v>5</v>
      </c>
      <c r="C2020" s="16">
        <v>1986</v>
      </c>
      <c r="D2020" cm="1">
        <f t="array" ref="D2020">IFERROR(INDEX(Jesper!AH$2:AH$366,ROUNDDOWN($C2020/24,0)+1,1)*INDEX($D$3:$AA$30,INDEX(Jesper!$R$2:$R$366,ROW(INDEX(Jesper!AH$2:AH$366,ROUNDDOWN($C2020/24,0)+1,1))-1)+IF('Standard Profiles'!$G$18=$B$10,7,0)+IF('Standard Profiles'!$G$18=$B$17,14,0)+IF('Standard Profiles'!$G$18=$B$24,21,0),MOD($C2020,24)+1)/SUM(INDEX($D$3:$AA$30,INDEX(Jesper!$R$2:$R$366,ROW(INDEX(Jesper!AH$2:AH$366,ROUNDDOWN($C2020/24,0)+1,1))-1)+IF('Standard Profiles'!$G$18=$B$10,7,0)+IF('Standard Profiles'!$G$18=$B$17,14,0)+IF('Standard Profiles'!$G$18=$B$24,21,0),0)),0)</f>
        <v>5.4301980675077797</v>
      </c>
      <c r="E2020" cm="1">
        <f t="array" ref="E2020">IFERROR(INDEX(Jesper!AI$2:AI$366,ROUNDDOWN($C2020/24,0)+1,1)*INDEX($D$3:$AA$30,INDEX(Jesper!$R$2:$R$366,ROW(INDEX(Jesper!AI$2:AI$366,ROUNDDOWN($C2020/24,0)+1,1))-1)+IF('Standard Profiles'!$G$19=$B$10,7,0)+IF('Standard Profiles'!$G$19=$B$17,14,0)+IF('Standard Profiles'!$G$19=$B$24,21,0),MOD($C2020,24)+1)/SUM(INDEX($D$3:$AA$30,INDEX(Jesper!$R$2:$R$366,ROW(INDEX(Jesper!AI$2:AI$366,ROUNDDOWN($C2020/24,0)+1,1))-1)+IF('Standard Profiles'!$G$19=$B$10,7,0)+IF('Standard Profiles'!$G$19=$B$17,14,0)+IF('Standard Profiles'!$G$19=$B$24,21,0),0)),0)</f>
        <v>2.8448077901414828</v>
      </c>
      <c r="F2020" cm="1">
        <f t="array" ref="F2020">IFERROR(INDEX(Jesper!AJ$2:AJ$366,ROUNDDOWN($C2020/24,0)+1,1)*INDEX($D$3:$AA$30,INDEX(Jesper!$R$2:$R$366,ROW(INDEX(Jesper!AJ$2:AJ$366,ROUNDDOWN($C2020/24,0)+1,1))-1)+IF('Standard Profiles'!$G$20=$B$10,7,0)+IF('Standard Profiles'!$G$20=$B$17,14,0)+IF('Standard Profiles'!$G$20=$B$24,21,0),MOD($C2020,24)+1)/SUM(INDEX($D$3:$AA$30,INDEX(Jesper!$R$2:$R$366,ROW(INDEX(Jesper!AJ$2:AJ$366,ROUNDDOWN($C2020/24,0)+1,1))-1)+IF('Standard Profiles'!$G$20=$B$10,7,0)+IF('Standard Profiles'!$G$20=$B$17,14,0)+IF('Standard Profiles'!$G$20=$B$24,21,0),0)),0)</f>
        <v>0</v>
      </c>
      <c r="G2020" cm="1">
        <f t="array" ref="G2020">IFERROR(INDEX(Jesper!AK$2:AK$366,ROUNDDOWN($C2020/24,0)+1,1)*INDEX($D$3:$AA$30,INDEX(Jesper!$R$2:$R$366,ROW(INDEX(Jesper!AK$2:AK$366,ROUNDDOWN($C2020/24,0)+1,1))-1)+IF('Standard Profiles'!$G$21=$B$10,7,0)+IF('Standard Profiles'!$G$21=$B$17,14,0)+IF('Standard Profiles'!$G$21=$B$24,21,0),MOD($C2020,24)+1)/SUM(INDEX($D$3:$AA$30,INDEX(Jesper!$R$2:$R$366,ROW(INDEX(Jesper!AK$2:AK$366,ROUNDDOWN($C2020/24,0)+1,1))-1)+IF('Standard Profiles'!$G$21=$B$10,7,0)+IF('Standard Profiles'!$G$21=$B$17,14,0)+IF('Standard Profiles'!$G$21=$B$24,21,0),0)),0)</f>
        <v>0.80277912916945215</v>
      </c>
      <c r="H2020" cm="1">
        <f t="array" ref="H2020">IFERROR(INDEX(Jesper!AL$2:AL$366,ROUNDDOWN($C2020/24,0)+1,1)*INDEX($D$3:$AA$30,INDEX(Jesper!$R$2:$R$366,ROW(INDEX(Jesper!AL$2:AL$366,ROUNDDOWN($C2020/24,0)+1,1))-1)+IF('Standard Profiles'!$G$22=$B$10,7,0)+IF('Standard Profiles'!$G$22=$B$17,14,0)+IF('Standard Profiles'!$G$22=$B$24,21,0),MOD($C2020,24)+1)/SUM(INDEX($D$3:$AA$30,INDEX(Jesper!$R$2:$R$366,ROW(INDEX(Jesper!AL$2:AL$366,ROUNDDOWN($C2020/24,0)+1,1))-1)+IF('Standard Profiles'!$G$22=$B$10,7,0)+IF('Standard Profiles'!$G$22=$B$17,14,0)+IF('Standard Profiles'!$G$22=$B$24,21,0),0)),0)</f>
        <v>0</v>
      </c>
      <c r="I2020">
        <f t="shared" si="237"/>
        <v>0.38533398200133684</v>
      </c>
      <c r="J2020">
        <f t="shared" si="238"/>
        <v>7.823619314016133</v>
      </c>
      <c r="K2020">
        <f t="shared" si="239"/>
        <v>0.57922112720082986</v>
      </c>
      <c r="L2020">
        <f t="shared" si="240"/>
        <v>0.28961056360041493</v>
      </c>
      <c r="M2020">
        <f t="shared" si="241"/>
        <v>0</v>
      </c>
      <c r="N2020" s="45">
        <f t="shared" ref="N2020:N2083" si="242">N2019+1/24</f>
        <v>45009.749999995183</v>
      </c>
    </row>
    <row r="2021" spans="2:14" x14ac:dyDescent="0.25">
      <c r="B2021">
        <f t="shared" si="236"/>
        <v>5</v>
      </c>
      <c r="C2021" s="16">
        <v>1987</v>
      </c>
      <c r="D2021" cm="1">
        <f t="array" ref="D2021">IFERROR(INDEX(Jesper!AH$2:AH$366,ROUNDDOWN($C2021/24,0)+1,1)*INDEX($D$3:$AA$30,INDEX(Jesper!$R$2:$R$366,ROW(INDEX(Jesper!AH$2:AH$366,ROUNDDOWN($C2021/24,0)+1,1))-1)+IF('Standard Profiles'!$G$18=$B$10,7,0)+IF('Standard Profiles'!$G$18=$B$17,14,0)+IF('Standard Profiles'!$G$18=$B$24,21,0),MOD($C2021,24)+1)/SUM(INDEX($D$3:$AA$30,INDEX(Jesper!$R$2:$R$366,ROW(INDEX(Jesper!AH$2:AH$366,ROUNDDOWN($C2021/24,0)+1,1))-1)+IF('Standard Profiles'!$G$18=$B$10,7,0)+IF('Standard Profiles'!$G$18=$B$17,14,0)+IF('Standard Profiles'!$G$18=$B$24,21,0),0)),0)</f>
        <v>5.1716172071502671</v>
      </c>
      <c r="E2021" cm="1">
        <f t="array" ref="E2021">IFERROR(INDEX(Jesper!AI$2:AI$366,ROUNDDOWN($C2021/24,0)+1,1)*INDEX($D$3:$AA$30,INDEX(Jesper!$R$2:$R$366,ROW(INDEX(Jesper!AI$2:AI$366,ROUNDDOWN($C2021/24,0)+1,1))-1)+IF('Standard Profiles'!$G$19=$B$10,7,0)+IF('Standard Profiles'!$G$19=$B$17,14,0)+IF('Standard Profiles'!$G$19=$B$24,21,0),MOD($C2021,24)+1)/SUM(INDEX($D$3:$AA$30,INDEX(Jesper!$R$2:$R$366,ROW(INDEX(Jesper!AI$2:AI$366,ROUNDDOWN($C2021/24,0)+1,1))-1)+IF('Standard Profiles'!$G$19=$B$10,7,0)+IF('Standard Profiles'!$G$19=$B$17,14,0)+IF('Standard Profiles'!$G$19=$B$24,21,0),0)),0)</f>
        <v>2.7093407525156978</v>
      </c>
      <c r="F2021" cm="1">
        <f t="array" ref="F2021">IFERROR(INDEX(Jesper!AJ$2:AJ$366,ROUNDDOWN($C2021/24,0)+1,1)*INDEX($D$3:$AA$30,INDEX(Jesper!$R$2:$R$366,ROW(INDEX(Jesper!AJ$2:AJ$366,ROUNDDOWN($C2021/24,0)+1,1))-1)+IF('Standard Profiles'!$G$20=$B$10,7,0)+IF('Standard Profiles'!$G$20=$B$17,14,0)+IF('Standard Profiles'!$G$20=$B$24,21,0),MOD($C2021,24)+1)/SUM(INDEX($D$3:$AA$30,INDEX(Jesper!$R$2:$R$366,ROW(INDEX(Jesper!AJ$2:AJ$366,ROUNDDOWN($C2021/24,0)+1,1))-1)+IF('Standard Profiles'!$G$20=$B$10,7,0)+IF('Standard Profiles'!$G$20=$B$17,14,0)+IF('Standard Profiles'!$G$20=$B$24,21,0),0)),0)</f>
        <v>0</v>
      </c>
      <c r="G2021" cm="1">
        <f t="array" ref="G2021">IFERROR(INDEX(Jesper!AK$2:AK$366,ROUNDDOWN($C2021/24,0)+1,1)*INDEX($D$3:$AA$30,INDEX(Jesper!$R$2:$R$366,ROW(INDEX(Jesper!AK$2:AK$366,ROUNDDOWN($C2021/24,0)+1,1))-1)+IF('Standard Profiles'!$G$21=$B$10,7,0)+IF('Standard Profiles'!$G$21=$B$17,14,0)+IF('Standard Profiles'!$G$21=$B$24,21,0),MOD($C2021,24)+1)/SUM(INDEX($D$3:$AA$30,INDEX(Jesper!$R$2:$R$366,ROW(INDEX(Jesper!AK$2:AK$366,ROUNDDOWN($C2021/24,0)+1,1))-1)+IF('Standard Profiles'!$G$21=$B$10,7,0)+IF('Standard Profiles'!$G$21=$B$17,14,0)+IF('Standard Profiles'!$G$21=$B$24,21,0),0)),0)</f>
        <v>0.80277912916945215</v>
      </c>
      <c r="H2021" cm="1">
        <f t="array" ref="H2021">IFERROR(INDEX(Jesper!AL$2:AL$366,ROUNDDOWN($C2021/24,0)+1,1)*INDEX($D$3:$AA$30,INDEX(Jesper!$R$2:$R$366,ROW(INDEX(Jesper!AL$2:AL$366,ROUNDDOWN($C2021/24,0)+1,1))-1)+IF('Standard Profiles'!$G$22=$B$10,7,0)+IF('Standard Profiles'!$G$22=$B$17,14,0)+IF('Standard Profiles'!$G$22=$B$24,21,0),MOD($C2021,24)+1)/SUM(INDEX($D$3:$AA$30,INDEX(Jesper!$R$2:$R$366,ROW(INDEX(Jesper!AL$2:AL$366,ROUNDDOWN($C2021/24,0)+1,1))-1)+IF('Standard Profiles'!$G$22=$B$10,7,0)+IF('Standard Profiles'!$G$22=$B$17,14,0)+IF('Standard Profiles'!$G$22=$B$24,21,0),0)),0)</f>
        <v>0</v>
      </c>
      <c r="I2021">
        <f t="shared" si="237"/>
        <v>0.38533398200133684</v>
      </c>
      <c r="J2021">
        <f t="shared" si="238"/>
        <v>7.4709443536900366</v>
      </c>
      <c r="K2021">
        <f t="shared" si="239"/>
        <v>0.55163916876269514</v>
      </c>
      <c r="L2021">
        <f t="shared" si="240"/>
        <v>0.27581958438134757</v>
      </c>
      <c r="M2021">
        <f t="shared" si="241"/>
        <v>0</v>
      </c>
      <c r="N2021" s="45">
        <f t="shared" si="242"/>
        <v>45009.791666661848</v>
      </c>
    </row>
    <row r="2022" spans="2:14" x14ac:dyDescent="0.25">
      <c r="B2022">
        <f t="shared" si="236"/>
        <v>5</v>
      </c>
      <c r="C2022" s="16">
        <v>1988</v>
      </c>
      <c r="D2022" cm="1">
        <f t="array" ref="D2022">IFERROR(INDEX(Jesper!AH$2:AH$366,ROUNDDOWN($C2022/24,0)+1,1)*INDEX($D$3:$AA$30,INDEX(Jesper!$R$2:$R$366,ROW(INDEX(Jesper!AH$2:AH$366,ROUNDDOWN($C2022/24,0)+1,1))-1)+IF('Standard Profiles'!$G$18=$B$10,7,0)+IF('Standard Profiles'!$G$18=$B$17,14,0)+IF('Standard Profiles'!$G$18=$B$24,21,0),MOD($C2022,24)+1)/SUM(INDEX($D$3:$AA$30,INDEX(Jesper!$R$2:$R$366,ROW(INDEX(Jesper!AH$2:AH$366,ROUNDDOWN($C2022/24,0)+1,1))-1)+IF('Standard Profiles'!$G$18=$B$10,7,0)+IF('Standard Profiles'!$G$18=$B$17,14,0)+IF('Standard Profiles'!$G$18=$B$24,21,0),0)),0)</f>
        <v>5.1716172071502671</v>
      </c>
      <c r="E2022" cm="1">
        <f t="array" ref="E2022">IFERROR(INDEX(Jesper!AI$2:AI$366,ROUNDDOWN($C2022/24,0)+1,1)*INDEX($D$3:$AA$30,INDEX(Jesper!$R$2:$R$366,ROW(INDEX(Jesper!AI$2:AI$366,ROUNDDOWN($C2022/24,0)+1,1))-1)+IF('Standard Profiles'!$G$19=$B$10,7,0)+IF('Standard Profiles'!$G$19=$B$17,14,0)+IF('Standard Profiles'!$G$19=$B$24,21,0),MOD($C2022,24)+1)/SUM(INDEX($D$3:$AA$30,INDEX(Jesper!$R$2:$R$366,ROW(INDEX(Jesper!AI$2:AI$366,ROUNDDOWN($C2022/24,0)+1,1))-1)+IF('Standard Profiles'!$G$19=$B$10,7,0)+IF('Standard Profiles'!$G$19=$B$17,14,0)+IF('Standard Profiles'!$G$19=$B$24,21,0),0)),0)</f>
        <v>2.7093407525156978</v>
      </c>
      <c r="F2022" cm="1">
        <f t="array" ref="F2022">IFERROR(INDEX(Jesper!AJ$2:AJ$366,ROUNDDOWN($C2022/24,0)+1,1)*INDEX($D$3:$AA$30,INDEX(Jesper!$R$2:$R$366,ROW(INDEX(Jesper!AJ$2:AJ$366,ROUNDDOWN($C2022/24,0)+1,1))-1)+IF('Standard Profiles'!$G$20=$B$10,7,0)+IF('Standard Profiles'!$G$20=$B$17,14,0)+IF('Standard Profiles'!$G$20=$B$24,21,0),MOD($C2022,24)+1)/SUM(INDEX($D$3:$AA$30,INDEX(Jesper!$R$2:$R$366,ROW(INDEX(Jesper!AJ$2:AJ$366,ROUNDDOWN($C2022/24,0)+1,1))-1)+IF('Standard Profiles'!$G$20=$B$10,7,0)+IF('Standard Profiles'!$G$20=$B$17,14,0)+IF('Standard Profiles'!$G$20=$B$24,21,0),0)),0)</f>
        <v>0</v>
      </c>
      <c r="G2022" cm="1">
        <f t="array" ref="G2022">IFERROR(INDEX(Jesper!AK$2:AK$366,ROUNDDOWN($C2022/24,0)+1,1)*INDEX($D$3:$AA$30,INDEX(Jesper!$R$2:$R$366,ROW(INDEX(Jesper!AK$2:AK$366,ROUNDDOWN($C2022/24,0)+1,1))-1)+IF('Standard Profiles'!$G$21=$B$10,7,0)+IF('Standard Profiles'!$G$21=$B$17,14,0)+IF('Standard Profiles'!$G$21=$B$24,21,0),MOD($C2022,24)+1)/SUM(INDEX($D$3:$AA$30,INDEX(Jesper!$R$2:$R$366,ROW(INDEX(Jesper!AK$2:AK$366,ROUNDDOWN($C2022/24,0)+1,1))-1)+IF('Standard Profiles'!$G$21=$B$10,7,0)+IF('Standard Profiles'!$G$21=$B$17,14,0)+IF('Standard Profiles'!$G$21=$B$24,21,0),0)),0)</f>
        <v>0.80277912916945215</v>
      </c>
      <c r="H2022" cm="1">
        <f t="array" ref="H2022">IFERROR(INDEX(Jesper!AL$2:AL$366,ROUNDDOWN($C2022/24,0)+1,1)*INDEX($D$3:$AA$30,INDEX(Jesper!$R$2:$R$366,ROW(INDEX(Jesper!AL$2:AL$366,ROUNDDOWN($C2022/24,0)+1,1))-1)+IF('Standard Profiles'!$G$22=$B$10,7,0)+IF('Standard Profiles'!$G$22=$B$17,14,0)+IF('Standard Profiles'!$G$22=$B$24,21,0),MOD($C2022,24)+1)/SUM(INDEX($D$3:$AA$30,INDEX(Jesper!$R$2:$R$366,ROW(INDEX(Jesper!AL$2:AL$366,ROUNDDOWN($C2022/24,0)+1,1))-1)+IF('Standard Profiles'!$G$22=$B$10,7,0)+IF('Standard Profiles'!$G$22=$B$17,14,0)+IF('Standard Profiles'!$G$22=$B$24,21,0),0)),0)</f>
        <v>0</v>
      </c>
      <c r="I2022">
        <f t="shared" si="237"/>
        <v>0.38533398200133684</v>
      </c>
      <c r="J2022">
        <f t="shared" si="238"/>
        <v>7.4709443536900366</v>
      </c>
      <c r="K2022">
        <f t="shared" si="239"/>
        <v>0.55163916876269514</v>
      </c>
      <c r="L2022">
        <f t="shared" si="240"/>
        <v>0.27581958438134757</v>
      </c>
      <c r="M2022">
        <f t="shared" si="241"/>
        <v>0</v>
      </c>
      <c r="N2022" s="45">
        <f t="shared" si="242"/>
        <v>45009.833333328512</v>
      </c>
    </row>
    <row r="2023" spans="2:14" x14ac:dyDescent="0.25">
      <c r="B2023">
        <f t="shared" si="236"/>
        <v>5</v>
      </c>
      <c r="C2023" s="16">
        <v>1989</v>
      </c>
      <c r="D2023" cm="1">
        <f t="array" ref="D2023">IFERROR(INDEX(Jesper!AH$2:AH$366,ROUNDDOWN($C2023/24,0)+1,1)*INDEX($D$3:$AA$30,INDEX(Jesper!$R$2:$R$366,ROW(INDEX(Jesper!AH$2:AH$366,ROUNDDOWN($C2023/24,0)+1,1))-1)+IF('Standard Profiles'!$G$18=$B$10,7,0)+IF('Standard Profiles'!$G$18=$B$17,14,0)+IF('Standard Profiles'!$G$18=$B$24,21,0),MOD($C2023,24)+1)/SUM(INDEX($D$3:$AA$30,INDEX(Jesper!$R$2:$R$366,ROW(INDEX(Jesper!AH$2:AH$366,ROUNDDOWN($C2023/24,0)+1,1))-1)+IF('Standard Profiles'!$G$18=$B$10,7,0)+IF('Standard Profiles'!$G$18=$B$17,14,0)+IF('Standard Profiles'!$G$18=$B$24,21,0),0)),0)</f>
        <v>5.1716172071502671</v>
      </c>
      <c r="E2023" cm="1">
        <f t="array" ref="E2023">IFERROR(INDEX(Jesper!AI$2:AI$366,ROUNDDOWN($C2023/24,0)+1,1)*INDEX($D$3:$AA$30,INDEX(Jesper!$R$2:$R$366,ROW(INDEX(Jesper!AI$2:AI$366,ROUNDDOWN($C2023/24,0)+1,1))-1)+IF('Standard Profiles'!$G$19=$B$10,7,0)+IF('Standard Profiles'!$G$19=$B$17,14,0)+IF('Standard Profiles'!$G$19=$B$24,21,0),MOD($C2023,24)+1)/SUM(INDEX($D$3:$AA$30,INDEX(Jesper!$R$2:$R$366,ROW(INDEX(Jesper!AI$2:AI$366,ROUNDDOWN($C2023/24,0)+1,1))-1)+IF('Standard Profiles'!$G$19=$B$10,7,0)+IF('Standard Profiles'!$G$19=$B$17,14,0)+IF('Standard Profiles'!$G$19=$B$24,21,0),0)),0)</f>
        <v>2.7093407525156978</v>
      </c>
      <c r="F2023" cm="1">
        <f t="array" ref="F2023">IFERROR(INDEX(Jesper!AJ$2:AJ$366,ROUNDDOWN($C2023/24,0)+1,1)*INDEX($D$3:$AA$30,INDEX(Jesper!$R$2:$R$366,ROW(INDEX(Jesper!AJ$2:AJ$366,ROUNDDOWN($C2023/24,0)+1,1))-1)+IF('Standard Profiles'!$G$20=$B$10,7,0)+IF('Standard Profiles'!$G$20=$B$17,14,0)+IF('Standard Profiles'!$G$20=$B$24,21,0),MOD($C2023,24)+1)/SUM(INDEX($D$3:$AA$30,INDEX(Jesper!$R$2:$R$366,ROW(INDEX(Jesper!AJ$2:AJ$366,ROUNDDOWN($C2023/24,0)+1,1))-1)+IF('Standard Profiles'!$G$20=$B$10,7,0)+IF('Standard Profiles'!$G$20=$B$17,14,0)+IF('Standard Profiles'!$G$20=$B$24,21,0),0)),0)</f>
        <v>0</v>
      </c>
      <c r="G2023" cm="1">
        <f t="array" ref="G2023">IFERROR(INDEX(Jesper!AK$2:AK$366,ROUNDDOWN($C2023/24,0)+1,1)*INDEX($D$3:$AA$30,INDEX(Jesper!$R$2:$R$366,ROW(INDEX(Jesper!AK$2:AK$366,ROUNDDOWN($C2023/24,0)+1,1))-1)+IF('Standard Profiles'!$G$21=$B$10,7,0)+IF('Standard Profiles'!$G$21=$B$17,14,0)+IF('Standard Profiles'!$G$21=$B$24,21,0),MOD($C2023,24)+1)/SUM(INDEX($D$3:$AA$30,INDEX(Jesper!$R$2:$R$366,ROW(INDEX(Jesper!AK$2:AK$366,ROUNDDOWN($C2023/24,0)+1,1))-1)+IF('Standard Profiles'!$G$21=$B$10,7,0)+IF('Standard Profiles'!$G$21=$B$17,14,0)+IF('Standard Profiles'!$G$21=$B$24,21,0),0)),0)</f>
        <v>0.80277912916945215</v>
      </c>
      <c r="H2023" cm="1">
        <f t="array" ref="H2023">IFERROR(INDEX(Jesper!AL$2:AL$366,ROUNDDOWN($C2023/24,0)+1,1)*INDEX($D$3:$AA$30,INDEX(Jesper!$R$2:$R$366,ROW(INDEX(Jesper!AL$2:AL$366,ROUNDDOWN($C2023/24,0)+1,1))-1)+IF('Standard Profiles'!$G$22=$B$10,7,0)+IF('Standard Profiles'!$G$22=$B$17,14,0)+IF('Standard Profiles'!$G$22=$B$24,21,0),MOD($C2023,24)+1)/SUM(INDEX($D$3:$AA$30,INDEX(Jesper!$R$2:$R$366,ROW(INDEX(Jesper!AL$2:AL$366,ROUNDDOWN($C2023/24,0)+1,1))-1)+IF('Standard Profiles'!$G$22=$B$10,7,0)+IF('Standard Profiles'!$G$22=$B$17,14,0)+IF('Standard Profiles'!$G$22=$B$24,21,0),0)),0)</f>
        <v>0</v>
      </c>
      <c r="I2023">
        <f t="shared" si="237"/>
        <v>0.38533398200133684</v>
      </c>
      <c r="J2023">
        <f t="shared" si="238"/>
        <v>7.4709443536900366</v>
      </c>
      <c r="K2023">
        <f t="shared" si="239"/>
        <v>0.55163916876269514</v>
      </c>
      <c r="L2023">
        <f t="shared" si="240"/>
        <v>0.27581958438134757</v>
      </c>
      <c r="M2023">
        <f t="shared" si="241"/>
        <v>0</v>
      </c>
      <c r="N2023" s="45">
        <f t="shared" si="242"/>
        <v>45009.874999995176</v>
      </c>
    </row>
    <row r="2024" spans="2:14" x14ac:dyDescent="0.25">
      <c r="B2024">
        <f t="shared" si="236"/>
        <v>5</v>
      </c>
      <c r="C2024" s="16">
        <v>1990</v>
      </c>
      <c r="D2024" cm="1">
        <f t="array" ref="D2024">IFERROR(INDEX(Jesper!AH$2:AH$366,ROUNDDOWN($C2024/24,0)+1,1)*INDEX($D$3:$AA$30,INDEX(Jesper!$R$2:$R$366,ROW(INDEX(Jesper!AH$2:AH$366,ROUNDDOWN($C2024/24,0)+1,1))-1)+IF('Standard Profiles'!$G$18=$B$10,7,0)+IF('Standard Profiles'!$G$18=$B$17,14,0)+IF('Standard Profiles'!$G$18=$B$24,21,0),MOD($C2024,24)+1)/SUM(INDEX($D$3:$AA$30,INDEX(Jesper!$R$2:$R$366,ROW(INDEX(Jesper!AH$2:AH$366,ROUNDDOWN($C2024/24,0)+1,1))-1)+IF('Standard Profiles'!$G$18=$B$10,7,0)+IF('Standard Profiles'!$G$18=$B$17,14,0)+IF('Standard Profiles'!$G$18=$B$24,21,0),0)),0)</f>
        <v>5.1716172071502671</v>
      </c>
      <c r="E2024" cm="1">
        <f t="array" ref="E2024">IFERROR(INDEX(Jesper!AI$2:AI$366,ROUNDDOWN($C2024/24,0)+1,1)*INDEX($D$3:$AA$30,INDEX(Jesper!$R$2:$R$366,ROW(INDEX(Jesper!AI$2:AI$366,ROUNDDOWN($C2024/24,0)+1,1))-1)+IF('Standard Profiles'!$G$19=$B$10,7,0)+IF('Standard Profiles'!$G$19=$B$17,14,0)+IF('Standard Profiles'!$G$19=$B$24,21,0),MOD($C2024,24)+1)/SUM(INDEX($D$3:$AA$30,INDEX(Jesper!$R$2:$R$366,ROW(INDEX(Jesper!AI$2:AI$366,ROUNDDOWN($C2024/24,0)+1,1))-1)+IF('Standard Profiles'!$G$19=$B$10,7,0)+IF('Standard Profiles'!$G$19=$B$17,14,0)+IF('Standard Profiles'!$G$19=$B$24,21,0),0)),0)</f>
        <v>2.7093407525156978</v>
      </c>
      <c r="F2024" cm="1">
        <f t="array" ref="F2024">IFERROR(INDEX(Jesper!AJ$2:AJ$366,ROUNDDOWN($C2024/24,0)+1,1)*INDEX($D$3:$AA$30,INDEX(Jesper!$R$2:$R$366,ROW(INDEX(Jesper!AJ$2:AJ$366,ROUNDDOWN($C2024/24,0)+1,1))-1)+IF('Standard Profiles'!$G$20=$B$10,7,0)+IF('Standard Profiles'!$G$20=$B$17,14,0)+IF('Standard Profiles'!$G$20=$B$24,21,0),MOD($C2024,24)+1)/SUM(INDEX($D$3:$AA$30,INDEX(Jesper!$R$2:$R$366,ROW(INDEX(Jesper!AJ$2:AJ$366,ROUNDDOWN($C2024/24,0)+1,1))-1)+IF('Standard Profiles'!$G$20=$B$10,7,0)+IF('Standard Profiles'!$G$20=$B$17,14,0)+IF('Standard Profiles'!$G$20=$B$24,21,0),0)),0)</f>
        <v>0</v>
      </c>
      <c r="G2024" cm="1">
        <f t="array" ref="G2024">IFERROR(INDEX(Jesper!AK$2:AK$366,ROUNDDOWN($C2024/24,0)+1,1)*INDEX($D$3:$AA$30,INDEX(Jesper!$R$2:$R$366,ROW(INDEX(Jesper!AK$2:AK$366,ROUNDDOWN($C2024/24,0)+1,1))-1)+IF('Standard Profiles'!$G$21=$B$10,7,0)+IF('Standard Profiles'!$G$21=$B$17,14,0)+IF('Standard Profiles'!$G$21=$B$24,21,0),MOD($C2024,24)+1)/SUM(INDEX($D$3:$AA$30,INDEX(Jesper!$R$2:$R$366,ROW(INDEX(Jesper!AK$2:AK$366,ROUNDDOWN($C2024/24,0)+1,1))-1)+IF('Standard Profiles'!$G$21=$B$10,7,0)+IF('Standard Profiles'!$G$21=$B$17,14,0)+IF('Standard Profiles'!$G$21=$B$24,21,0),0)),0)</f>
        <v>0.80277912916945215</v>
      </c>
      <c r="H2024" cm="1">
        <f t="array" ref="H2024">IFERROR(INDEX(Jesper!AL$2:AL$366,ROUNDDOWN($C2024/24,0)+1,1)*INDEX($D$3:$AA$30,INDEX(Jesper!$R$2:$R$366,ROW(INDEX(Jesper!AL$2:AL$366,ROUNDDOWN($C2024/24,0)+1,1))-1)+IF('Standard Profiles'!$G$22=$B$10,7,0)+IF('Standard Profiles'!$G$22=$B$17,14,0)+IF('Standard Profiles'!$G$22=$B$24,21,0),MOD($C2024,24)+1)/SUM(INDEX($D$3:$AA$30,INDEX(Jesper!$R$2:$R$366,ROW(INDEX(Jesper!AL$2:AL$366,ROUNDDOWN($C2024/24,0)+1,1))-1)+IF('Standard Profiles'!$G$22=$B$10,7,0)+IF('Standard Profiles'!$G$22=$B$17,14,0)+IF('Standard Profiles'!$G$22=$B$24,21,0),0)),0)</f>
        <v>0</v>
      </c>
      <c r="I2024">
        <f t="shared" si="237"/>
        <v>0.38533398200133684</v>
      </c>
      <c r="J2024">
        <f t="shared" si="238"/>
        <v>7.4709443536900366</v>
      </c>
      <c r="K2024">
        <f t="shared" si="239"/>
        <v>0.55163916876269514</v>
      </c>
      <c r="L2024">
        <f t="shared" si="240"/>
        <v>0.27581958438134757</v>
      </c>
      <c r="M2024">
        <f t="shared" si="241"/>
        <v>0</v>
      </c>
      <c r="N2024" s="45">
        <f t="shared" si="242"/>
        <v>45009.91666666184</v>
      </c>
    </row>
    <row r="2025" spans="2:14" x14ac:dyDescent="0.25">
      <c r="B2025">
        <f t="shared" si="236"/>
        <v>5</v>
      </c>
      <c r="C2025" s="16">
        <v>1991</v>
      </c>
      <c r="D2025" cm="1">
        <f t="array" ref="D2025">IFERROR(INDEX(Jesper!AH$2:AH$366,ROUNDDOWN($C2025/24,0)+1,1)*INDEX($D$3:$AA$30,INDEX(Jesper!$R$2:$R$366,ROW(INDEX(Jesper!AH$2:AH$366,ROUNDDOWN($C2025/24,0)+1,1))-1)+IF('Standard Profiles'!$G$18=$B$10,7,0)+IF('Standard Profiles'!$G$18=$B$17,14,0)+IF('Standard Profiles'!$G$18=$B$24,21,0),MOD($C2025,24)+1)/SUM(INDEX($D$3:$AA$30,INDEX(Jesper!$R$2:$R$366,ROW(INDEX(Jesper!AH$2:AH$366,ROUNDDOWN($C2025/24,0)+1,1))-1)+IF('Standard Profiles'!$G$18=$B$10,7,0)+IF('Standard Profiles'!$G$18=$B$17,14,0)+IF('Standard Profiles'!$G$18=$B$24,21,0),0)),0)</f>
        <v>5.1716172071502671</v>
      </c>
      <c r="E2025" cm="1">
        <f t="array" ref="E2025">IFERROR(INDEX(Jesper!AI$2:AI$366,ROUNDDOWN($C2025/24,0)+1,1)*INDEX($D$3:$AA$30,INDEX(Jesper!$R$2:$R$366,ROW(INDEX(Jesper!AI$2:AI$366,ROUNDDOWN($C2025/24,0)+1,1))-1)+IF('Standard Profiles'!$G$19=$B$10,7,0)+IF('Standard Profiles'!$G$19=$B$17,14,0)+IF('Standard Profiles'!$G$19=$B$24,21,0),MOD($C2025,24)+1)/SUM(INDEX($D$3:$AA$30,INDEX(Jesper!$R$2:$R$366,ROW(INDEX(Jesper!AI$2:AI$366,ROUNDDOWN($C2025/24,0)+1,1))-1)+IF('Standard Profiles'!$G$19=$B$10,7,0)+IF('Standard Profiles'!$G$19=$B$17,14,0)+IF('Standard Profiles'!$G$19=$B$24,21,0),0)),0)</f>
        <v>2.7093407525156978</v>
      </c>
      <c r="F2025" cm="1">
        <f t="array" ref="F2025">IFERROR(INDEX(Jesper!AJ$2:AJ$366,ROUNDDOWN($C2025/24,0)+1,1)*INDEX($D$3:$AA$30,INDEX(Jesper!$R$2:$R$366,ROW(INDEX(Jesper!AJ$2:AJ$366,ROUNDDOWN($C2025/24,0)+1,1))-1)+IF('Standard Profiles'!$G$20=$B$10,7,0)+IF('Standard Profiles'!$G$20=$B$17,14,0)+IF('Standard Profiles'!$G$20=$B$24,21,0),MOD($C2025,24)+1)/SUM(INDEX($D$3:$AA$30,INDEX(Jesper!$R$2:$R$366,ROW(INDEX(Jesper!AJ$2:AJ$366,ROUNDDOWN($C2025/24,0)+1,1))-1)+IF('Standard Profiles'!$G$20=$B$10,7,0)+IF('Standard Profiles'!$G$20=$B$17,14,0)+IF('Standard Profiles'!$G$20=$B$24,21,0),0)),0)</f>
        <v>0</v>
      </c>
      <c r="G2025" cm="1">
        <f t="array" ref="G2025">IFERROR(INDEX(Jesper!AK$2:AK$366,ROUNDDOWN($C2025/24,0)+1,1)*INDEX($D$3:$AA$30,INDEX(Jesper!$R$2:$R$366,ROW(INDEX(Jesper!AK$2:AK$366,ROUNDDOWN($C2025/24,0)+1,1))-1)+IF('Standard Profiles'!$G$21=$B$10,7,0)+IF('Standard Profiles'!$G$21=$B$17,14,0)+IF('Standard Profiles'!$G$21=$B$24,21,0),MOD($C2025,24)+1)/SUM(INDEX($D$3:$AA$30,INDEX(Jesper!$R$2:$R$366,ROW(INDEX(Jesper!AK$2:AK$366,ROUNDDOWN($C2025/24,0)+1,1))-1)+IF('Standard Profiles'!$G$21=$B$10,7,0)+IF('Standard Profiles'!$G$21=$B$17,14,0)+IF('Standard Profiles'!$G$21=$B$24,21,0),0)),0)</f>
        <v>0.80277912916945215</v>
      </c>
      <c r="H2025" cm="1">
        <f t="array" ref="H2025">IFERROR(INDEX(Jesper!AL$2:AL$366,ROUNDDOWN($C2025/24,0)+1,1)*INDEX($D$3:$AA$30,INDEX(Jesper!$R$2:$R$366,ROW(INDEX(Jesper!AL$2:AL$366,ROUNDDOWN($C2025/24,0)+1,1))-1)+IF('Standard Profiles'!$G$22=$B$10,7,0)+IF('Standard Profiles'!$G$22=$B$17,14,0)+IF('Standard Profiles'!$G$22=$B$24,21,0),MOD($C2025,24)+1)/SUM(INDEX($D$3:$AA$30,INDEX(Jesper!$R$2:$R$366,ROW(INDEX(Jesper!AL$2:AL$366,ROUNDDOWN($C2025/24,0)+1,1))-1)+IF('Standard Profiles'!$G$22=$B$10,7,0)+IF('Standard Profiles'!$G$22=$B$17,14,0)+IF('Standard Profiles'!$G$22=$B$24,21,0),0)),0)</f>
        <v>0</v>
      </c>
      <c r="I2025">
        <f t="shared" si="237"/>
        <v>0.38533398200133684</v>
      </c>
      <c r="J2025">
        <f t="shared" si="238"/>
        <v>7.4709443536900366</v>
      </c>
      <c r="K2025">
        <f t="shared" si="239"/>
        <v>0.55163916876269514</v>
      </c>
      <c r="L2025">
        <f t="shared" si="240"/>
        <v>0.27581958438134757</v>
      </c>
      <c r="M2025">
        <f t="shared" si="241"/>
        <v>0</v>
      </c>
      <c r="N2025" s="45">
        <f t="shared" si="242"/>
        <v>45009.958333328505</v>
      </c>
    </row>
    <row r="2026" spans="2:14" x14ac:dyDescent="0.25">
      <c r="B2026">
        <f t="shared" si="236"/>
        <v>6</v>
      </c>
      <c r="C2026" s="16">
        <v>1992</v>
      </c>
      <c r="D2026" cm="1">
        <f t="array" ref="D2026">IFERROR(INDEX(Jesper!AH$2:AH$366,ROUNDDOWN($C2026/24,0)+1,1)*INDEX($D$3:$AA$30,INDEX(Jesper!$R$2:$R$366,ROW(INDEX(Jesper!AH$2:AH$366,ROUNDDOWN($C2026/24,0)+1,1))-1)+IF('Standard Profiles'!$G$18=$B$10,7,0)+IF('Standard Profiles'!$G$18=$B$17,14,0)+IF('Standard Profiles'!$G$18=$B$24,21,0),MOD($C2026,24)+1)/SUM(INDEX($D$3:$AA$30,INDEX(Jesper!$R$2:$R$366,ROW(INDEX(Jesper!AH$2:AH$366,ROUNDDOWN($C2026/24,0)+1,1))-1)+IF('Standard Profiles'!$G$18=$B$10,7,0)+IF('Standard Profiles'!$G$18=$B$17,14,0)+IF('Standard Profiles'!$G$18=$B$24,21,0),0)),0)</f>
        <v>0</v>
      </c>
      <c r="E2026" cm="1">
        <f t="array" ref="E2026">IFERROR(INDEX(Jesper!AI$2:AI$366,ROUNDDOWN($C2026/24,0)+1,1)*INDEX($D$3:$AA$30,INDEX(Jesper!$R$2:$R$366,ROW(INDEX(Jesper!AI$2:AI$366,ROUNDDOWN($C2026/24,0)+1,1))-1)+IF('Standard Profiles'!$G$19=$B$10,7,0)+IF('Standard Profiles'!$G$19=$B$17,14,0)+IF('Standard Profiles'!$G$19=$B$24,21,0),MOD($C2026,24)+1)/SUM(INDEX($D$3:$AA$30,INDEX(Jesper!$R$2:$R$366,ROW(INDEX(Jesper!AI$2:AI$366,ROUNDDOWN($C2026/24,0)+1,1))-1)+IF('Standard Profiles'!$G$19=$B$10,7,0)+IF('Standard Profiles'!$G$19=$B$17,14,0)+IF('Standard Profiles'!$G$19=$B$24,21,0),0)),0)</f>
        <v>3.7448383455865</v>
      </c>
      <c r="F2026" cm="1">
        <f t="array" ref="F2026">IFERROR(INDEX(Jesper!AJ$2:AJ$366,ROUNDDOWN($C2026/24,0)+1,1)*INDEX($D$3:$AA$30,INDEX(Jesper!$R$2:$R$366,ROW(INDEX(Jesper!AJ$2:AJ$366,ROUNDDOWN($C2026/24,0)+1,1))-1)+IF('Standard Profiles'!$G$20=$B$10,7,0)+IF('Standard Profiles'!$G$20=$B$17,14,0)+IF('Standard Profiles'!$G$20=$B$24,21,0),MOD($C2026,24)+1)/SUM(INDEX($D$3:$AA$30,INDEX(Jesper!$R$2:$R$366,ROW(INDEX(Jesper!AJ$2:AJ$366,ROUNDDOWN($C2026/24,0)+1,1))-1)+IF('Standard Profiles'!$G$20=$B$10,7,0)+IF('Standard Profiles'!$G$20=$B$17,14,0)+IF('Standard Profiles'!$G$20=$B$24,21,0),0)),0)</f>
        <v>2.4218611690869554</v>
      </c>
      <c r="G2026" cm="1">
        <f t="array" ref="G2026">IFERROR(INDEX(Jesper!AK$2:AK$366,ROUNDDOWN($C2026/24,0)+1,1)*INDEX($D$3:$AA$30,INDEX(Jesper!$R$2:$R$366,ROW(INDEX(Jesper!AK$2:AK$366,ROUNDDOWN($C2026/24,0)+1,1))-1)+IF('Standard Profiles'!$G$21=$B$10,7,0)+IF('Standard Profiles'!$G$21=$B$17,14,0)+IF('Standard Profiles'!$G$21=$B$24,21,0),MOD($C2026,24)+1)/SUM(INDEX($D$3:$AA$30,INDEX(Jesper!$R$2:$R$366,ROW(INDEX(Jesper!AK$2:AK$366,ROUNDDOWN($C2026/24,0)+1,1))-1)+IF('Standard Profiles'!$G$21=$B$10,7,0)+IF('Standard Profiles'!$G$21=$B$17,14,0)+IF('Standard Profiles'!$G$21=$B$24,21,0),0)),0)</f>
        <v>2.1993471949542975</v>
      </c>
      <c r="H2026" cm="1">
        <f t="array" ref="H2026">IFERROR(INDEX(Jesper!AL$2:AL$366,ROUNDDOWN($C2026/24,0)+1,1)*INDEX($D$3:$AA$30,INDEX(Jesper!$R$2:$R$366,ROW(INDEX(Jesper!AL$2:AL$366,ROUNDDOWN($C2026/24,0)+1,1))-1)+IF('Standard Profiles'!$G$22=$B$10,7,0)+IF('Standard Profiles'!$G$22=$B$17,14,0)+IF('Standard Profiles'!$G$22=$B$24,21,0),MOD($C2026,24)+1)/SUM(INDEX($D$3:$AA$30,INDEX(Jesper!$R$2:$R$366,ROW(INDEX(Jesper!AL$2:AL$366,ROUNDDOWN($C2026/24,0)+1,1))-1)+IF('Standard Profiles'!$G$22=$B$10,7,0)+IF('Standard Profiles'!$G$22=$B$17,14,0)+IF('Standard Profiles'!$G$22=$B$24,21,0),0)),0)</f>
        <v>0.47215326368148752</v>
      </c>
      <c r="I2026">
        <f t="shared" si="237"/>
        <v>0.45326713313422828</v>
      </c>
      <c r="J2026">
        <f t="shared" si="238"/>
        <v>7.9355522387046324</v>
      </c>
      <c r="K2026">
        <f t="shared" si="239"/>
        <v>0.29958706764692</v>
      </c>
      <c r="L2026">
        <f t="shared" si="240"/>
        <v>0.14979353382346</v>
      </c>
      <c r="M2026">
        <f t="shared" si="241"/>
        <v>0</v>
      </c>
      <c r="N2026" s="45">
        <f t="shared" si="242"/>
        <v>45009.999999995169</v>
      </c>
    </row>
    <row r="2027" spans="2:14" x14ac:dyDescent="0.25">
      <c r="B2027">
        <f t="shared" si="236"/>
        <v>6</v>
      </c>
      <c r="C2027" s="16">
        <v>1993</v>
      </c>
      <c r="D2027" cm="1">
        <f t="array" ref="D2027">IFERROR(INDEX(Jesper!AH$2:AH$366,ROUNDDOWN($C2027/24,0)+1,1)*INDEX($D$3:$AA$30,INDEX(Jesper!$R$2:$R$366,ROW(INDEX(Jesper!AH$2:AH$366,ROUNDDOWN($C2027/24,0)+1,1))-1)+IF('Standard Profiles'!$G$18=$B$10,7,0)+IF('Standard Profiles'!$G$18=$B$17,14,0)+IF('Standard Profiles'!$G$18=$B$24,21,0),MOD($C2027,24)+1)/SUM(INDEX($D$3:$AA$30,INDEX(Jesper!$R$2:$R$366,ROW(INDEX(Jesper!AH$2:AH$366,ROUNDDOWN($C2027/24,0)+1,1))-1)+IF('Standard Profiles'!$G$18=$B$10,7,0)+IF('Standard Profiles'!$G$18=$B$17,14,0)+IF('Standard Profiles'!$G$18=$B$24,21,0),0)),0)</f>
        <v>0</v>
      </c>
      <c r="E2027" cm="1">
        <f t="array" ref="E2027">IFERROR(INDEX(Jesper!AI$2:AI$366,ROUNDDOWN($C2027/24,0)+1,1)*INDEX($D$3:$AA$30,INDEX(Jesper!$R$2:$R$366,ROW(INDEX(Jesper!AI$2:AI$366,ROUNDDOWN($C2027/24,0)+1,1))-1)+IF('Standard Profiles'!$G$19=$B$10,7,0)+IF('Standard Profiles'!$G$19=$B$17,14,0)+IF('Standard Profiles'!$G$19=$B$24,21,0),MOD($C2027,24)+1)/SUM(INDEX($D$3:$AA$30,INDEX(Jesper!$R$2:$R$366,ROW(INDEX(Jesper!AI$2:AI$366,ROUNDDOWN($C2027/24,0)+1,1))-1)+IF('Standard Profiles'!$G$19=$B$10,7,0)+IF('Standard Profiles'!$G$19=$B$17,14,0)+IF('Standard Profiles'!$G$19=$B$24,21,0),0)),0)</f>
        <v>3.3703545110278501</v>
      </c>
      <c r="F2027" cm="1">
        <f t="array" ref="F2027">IFERROR(INDEX(Jesper!AJ$2:AJ$366,ROUNDDOWN($C2027/24,0)+1,1)*INDEX($D$3:$AA$30,INDEX(Jesper!$R$2:$R$366,ROW(INDEX(Jesper!AJ$2:AJ$366,ROUNDDOWN($C2027/24,0)+1,1))-1)+IF('Standard Profiles'!$G$20=$B$10,7,0)+IF('Standard Profiles'!$G$20=$B$17,14,0)+IF('Standard Profiles'!$G$20=$B$24,21,0),MOD($C2027,24)+1)/SUM(INDEX($D$3:$AA$30,INDEX(Jesper!$R$2:$R$366,ROW(INDEX(Jesper!AJ$2:AJ$366,ROUNDDOWN($C2027/24,0)+1,1))-1)+IF('Standard Profiles'!$G$20=$B$10,7,0)+IF('Standard Profiles'!$G$20=$B$17,14,0)+IF('Standard Profiles'!$G$20=$B$24,21,0),0)),0)</f>
        <v>2.17967505217826</v>
      </c>
      <c r="G2027" cm="1">
        <f t="array" ref="G2027">IFERROR(INDEX(Jesper!AK$2:AK$366,ROUNDDOWN($C2027/24,0)+1,1)*INDEX($D$3:$AA$30,INDEX(Jesper!$R$2:$R$366,ROW(INDEX(Jesper!AK$2:AK$366,ROUNDDOWN($C2027/24,0)+1,1))-1)+IF('Standard Profiles'!$G$21=$B$10,7,0)+IF('Standard Profiles'!$G$21=$B$17,14,0)+IF('Standard Profiles'!$G$21=$B$24,21,0),MOD($C2027,24)+1)/SUM(INDEX($D$3:$AA$30,INDEX(Jesper!$R$2:$R$366,ROW(INDEX(Jesper!AK$2:AK$366,ROUNDDOWN($C2027/24,0)+1,1))-1)+IF('Standard Profiles'!$G$21=$B$10,7,0)+IF('Standard Profiles'!$G$21=$B$17,14,0)+IF('Standard Profiles'!$G$21=$B$24,21,0),0)),0)</f>
        <v>2.1993471949542975</v>
      </c>
      <c r="H2027" cm="1">
        <f t="array" ref="H2027">IFERROR(INDEX(Jesper!AL$2:AL$366,ROUNDDOWN($C2027/24,0)+1,1)*INDEX($D$3:$AA$30,INDEX(Jesper!$R$2:$R$366,ROW(INDEX(Jesper!AL$2:AL$366,ROUNDDOWN($C2027/24,0)+1,1))-1)+IF('Standard Profiles'!$G$22=$B$10,7,0)+IF('Standard Profiles'!$G$22=$B$17,14,0)+IF('Standard Profiles'!$G$22=$B$24,21,0),MOD($C2027,24)+1)/SUM(INDEX($D$3:$AA$30,INDEX(Jesper!$R$2:$R$366,ROW(INDEX(Jesper!AL$2:AL$366,ROUNDDOWN($C2027/24,0)+1,1))-1)+IF('Standard Profiles'!$G$22=$B$10,7,0)+IF('Standard Profiles'!$G$22=$B$17,14,0)+IF('Standard Profiles'!$G$22=$B$24,21,0),0)),0)</f>
        <v>0.9218230386162376</v>
      </c>
      <c r="I2027">
        <f t="shared" si="237"/>
        <v>0.88495011707158855</v>
      </c>
      <c r="J2027">
        <f t="shared" si="238"/>
        <v>7.3818071383817152</v>
      </c>
      <c r="K2027">
        <f t="shared" si="239"/>
        <v>0.26962836088222802</v>
      </c>
      <c r="L2027">
        <f t="shared" si="240"/>
        <v>0.13481418044111401</v>
      </c>
      <c r="M2027">
        <f t="shared" si="241"/>
        <v>0</v>
      </c>
      <c r="N2027" s="45">
        <f t="shared" si="242"/>
        <v>45010.041666661833</v>
      </c>
    </row>
    <row r="2028" spans="2:14" x14ac:dyDescent="0.25">
      <c r="B2028">
        <f t="shared" si="236"/>
        <v>6</v>
      </c>
      <c r="C2028" s="16">
        <v>1994</v>
      </c>
      <c r="D2028" cm="1">
        <f t="array" ref="D2028">IFERROR(INDEX(Jesper!AH$2:AH$366,ROUNDDOWN($C2028/24,0)+1,1)*INDEX($D$3:$AA$30,INDEX(Jesper!$R$2:$R$366,ROW(INDEX(Jesper!AH$2:AH$366,ROUNDDOWN($C2028/24,0)+1,1))-1)+IF('Standard Profiles'!$G$18=$B$10,7,0)+IF('Standard Profiles'!$G$18=$B$17,14,0)+IF('Standard Profiles'!$G$18=$B$24,21,0),MOD($C2028,24)+1)/SUM(INDEX($D$3:$AA$30,INDEX(Jesper!$R$2:$R$366,ROW(INDEX(Jesper!AH$2:AH$366,ROUNDDOWN($C2028/24,0)+1,1))-1)+IF('Standard Profiles'!$G$18=$B$10,7,0)+IF('Standard Profiles'!$G$18=$B$17,14,0)+IF('Standard Profiles'!$G$18=$B$24,21,0),0)),0)</f>
        <v>0</v>
      </c>
      <c r="E2028" cm="1">
        <f t="array" ref="E2028">IFERROR(INDEX(Jesper!AI$2:AI$366,ROUNDDOWN($C2028/24,0)+1,1)*INDEX($D$3:$AA$30,INDEX(Jesper!$R$2:$R$366,ROW(INDEX(Jesper!AI$2:AI$366,ROUNDDOWN($C2028/24,0)+1,1))-1)+IF('Standard Profiles'!$G$19=$B$10,7,0)+IF('Standard Profiles'!$G$19=$B$17,14,0)+IF('Standard Profiles'!$G$19=$B$24,21,0),MOD($C2028,24)+1)/SUM(INDEX($D$3:$AA$30,INDEX(Jesper!$R$2:$R$366,ROW(INDEX(Jesper!AI$2:AI$366,ROUNDDOWN($C2028/24,0)+1,1))-1)+IF('Standard Profiles'!$G$19=$B$10,7,0)+IF('Standard Profiles'!$G$19=$B$17,14,0)+IF('Standard Profiles'!$G$19=$B$24,21,0),0)),0)</f>
        <v>3.3703545110278501</v>
      </c>
      <c r="F2028" cm="1">
        <f t="array" ref="F2028">IFERROR(INDEX(Jesper!AJ$2:AJ$366,ROUNDDOWN($C2028/24,0)+1,1)*INDEX($D$3:$AA$30,INDEX(Jesper!$R$2:$R$366,ROW(INDEX(Jesper!AJ$2:AJ$366,ROUNDDOWN($C2028/24,0)+1,1))-1)+IF('Standard Profiles'!$G$20=$B$10,7,0)+IF('Standard Profiles'!$G$20=$B$17,14,0)+IF('Standard Profiles'!$G$20=$B$24,21,0),MOD($C2028,24)+1)/SUM(INDEX($D$3:$AA$30,INDEX(Jesper!$R$2:$R$366,ROW(INDEX(Jesper!AJ$2:AJ$366,ROUNDDOWN($C2028/24,0)+1,1))-1)+IF('Standard Profiles'!$G$20=$B$10,7,0)+IF('Standard Profiles'!$G$20=$B$17,14,0)+IF('Standard Profiles'!$G$20=$B$24,21,0),0)),0)</f>
        <v>2.17967505217826</v>
      </c>
      <c r="G2028" cm="1">
        <f t="array" ref="G2028">IFERROR(INDEX(Jesper!AK$2:AK$366,ROUNDDOWN($C2028/24,0)+1,1)*INDEX($D$3:$AA$30,INDEX(Jesper!$R$2:$R$366,ROW(INDEX(Jesper!AK$2:AK$366,ROUNDDOWN($C2028/24,0)+1,1))-1)+IF('Standard Profiles'!$G$21=$B$10,7,0)+IF('Standard Profiles'!$G$21=$B$17,14,0)+IF('Standard Profiles'!$G$21=$B$24,21,0),MOD($C2028,24)+1)/SUM(INDEX($D$3:$AA$30,INDEX(Jesper!$R$2:$R$366,ROW(INDEX(Jesper!AK$2:AK$366,ROUNDDOWN($C2028/24,0)+1,1))-1)+IF('Standard Profiles'!$G$21=$B$10,7,0)+IF('Standard Profiles'!$G$21=$B$17,14,0)+IF('Standard Profiles'!$G$21=$B$24,21,0),0)),0)</f>
        <v>2.1993471949542975</v>
      </c>
      <c r="H2028" cm="1">
        <f t="array" ref="H2028">IFERROR(INDEX(Jesper!AL$2:AL$366,ROUNDDOWN($C2028/24,0)+1,1)*INDEX($D$3:$AA$30,INDEX(Jesper!$R$2:$R$366,ROW(INDEX(Jesper!AL$2:AL$366,ROUNDDOWN($C2028/24,0)+1,1))-1)+IF('Standard Profiles'!$G$22=$B$10,7,0)+IF('Standard Profiles'!$G$22=$B$17,14,0)+IF('Standard Profiles'!$G$22=$B$24,21,0),MOD($C2028,24)+1)/SUM(INDEX($D$3:$AA$30,INDEX(Jesper!$R$2:$R$366,ROW(INDEX(Jesper!AL$2:AL$366,ROUNDDOWN($C2028/24,0)+1,1))-1)+IF('Standard Profiles'!$G$22=$B$10,7,0)+IF('Standard Profiles'!$G$22=$B$17,14,0)+IF('Standard Profiles'!$G$22=$B$24,21,0),0)),0)</f>
        <v>0.9218230386162376</v>
      </c>
      <c r="I2028">
        <f t="shared" si="237"/>
        <v>0.88495011707158855</v>
      </c>
      <c r="J2028">
        <f t="shared" si="238"/>
        <v>7.3818071383817152</v>
      </c>
      <c r="K2028">
        <f t="shared" si="239"/>
        <v>0.26962836088222802</v>
      </c>
      <c r="L2028">
        <f t="shared" si="240"/>
        <v>0.13481418044111401</v>
      </c>
      <c r="M2028">
        <f t="shared" si="241"/>
        <v>0</v>
      </c>
      <c r="N2028" s="45">
        <f t="shared" si="242"/>
        <v>45010.083333328497</v>
      </c>
    </row>
    <row r="2029" spans="2:14" x14ac:dyDescent="0.25">
      <c r="B2029">
        <f t="shared" si="236"/>
        <v>6</v>
      </c>
      <c r="C2029" s="16">
        <v>1995</v>
      </c>
      <c r="D2029" cm="1">
        <f t="array" ref="D2029">IFERROR(INDEX(Jesper!AH$2:AH$366,ROUNDDOWN($C2029/24,0)+1,1)*INDEX($D$3:$AA$30,INDEX(Jesper!$R$2:$R$366,ROW(INDEX(Jesper!AH$2:AH$366,ROUNDDOWN($C2029/24,0)+1,1))-1)+IF('Standard Profiles'!$G$18=$B$10,7,0)+IF('Standard Profiles'!$G$18=$B$17,14,0)+IF('Standard Profiles'!$G$18=$B$24,21,0),MOD($C2029,24)+1)/SUM(INDEX($D$3:$AA$30,INDEX(Jesper!$R$2:$R$366,ROW(INDEX(Jesper!AH$2:AH$366,ROUNDDOWN($C2029/24,0)+1,1))-1)+IF('Standard Profiles'!$G$18=$B$10,7,0)+IF('Standard Profiles'!$G$18=$B$17,14,0)+IF('Standard Profiles'!$G$18=$B$24,21,0),0)),0)</f>
        <v>0</v>
      </c>
      <c r="E2029" cm="1">
        <f t="array" ref="E2029">IFERROR(INDEX(Jesper!AI$2:AI$366,ROUNDDOWN($C2029/24,0)+1,1)*INDEX($D$3:$AA$30,INDEX(Jesper!$R$2:$R$366,ROW(INDEX(Jesper!AI$2:AI$366,ROUNDDOWN($C2029/24,0)+1,1))-1)+IF('Standard Profiles'!$G$19=$B$10,7,0)+IF('Standard Profiles'!$G$19=$B$17,14,0)+IF('Standard Profiles'!$G$19=$B$24,21,0),MOD($C2029,24)+1)/SUM(INDEX($D$3:$AA$30,INDEX(Jesper!$R$2:$R$366,ROW(INDEX(Jesper!AI$2:AI$366,ROUNDDOWN($C2029/24,0)+1,1))-1)+IF('Standard Profiles'!$G$19=$B$10,7,0)+IF('Standard Profiles'!$G$19=$B$17,14,0)+IF('Standard Profiles'!$G$19=$B$24,21,0),0)),0)</f>
        <v>3.3703545110278501</v>
      </c>
      <c r="F2029" cm="1">
        <f t="array" ref="F2029">IFERROR(INDEX(Jesper!AJ$2:AJ$366,ROUNDDOWN($C2029/24,0)+1,1)*INDEX($D$3:$AA$30,INDEX(Jesper!$R$2:$R$366,ROW(INDEX(Jesper!AJ$2:AJ$366,ROUNDDOWN($C2029/24,0)+1,1))-1)+IF('Standard Profiles'!$G$20=$B$10,7,0)+IF('Standard Profiles'!$G$20=$B$17,14,0)+IF('Standard Profiles'!$G$20=$B$24,21,0),MOD($C2029,24)+1)/SUM(INDEX($D$3:$AA$30,INDEX(Jesper!$R$2:$R$366,ROW(INDEX(Jesper!AJ$2:AJ$366,ROUNDDOWN($C2029/24,0)+1,1))-1)+IF('Standard Profiles'!$G$20=$B$10,7,0)+IF('Standard Profiles'!$G$20=$B$17,14,0)+IF('Standard Profiles'!$G$20=$B$24,21,0),0)),0)</f>
        <v>2.17967505217826</v>
      </c>
      <c r="G2029" cm="1">
        <f t="array" ref="G2029">IFERROR(INDEX(Jesper!AK$2:AK$366,ROUNDDOWN($C2029/24,0)+1,1)*INDEX($D$3:$AA$30,INDEX(Jesper!$R$2:$R$366,ROW(INDEX(Jesper!AK$2:AK$366,ROUNDDOWN($C2029/24,0)+1,1))-1)+IF('Standard Profiles'!$G$21=$B$10,7,0)+IF('Standard Profiles'!$G$21=$B$17,14,0)+IF('Standard Profiles'!$G$21=$B$24,21,0),MOD($C2029,24)+1)/SUM(INDEX($D$3:$AA$30,INDEX(Jesper!$R$2:$R$366,ROW(INDEX(Jesper!AK$2:AK$366,ROUNDDOWN($C2029/24,0)+1,1))-1)+IF('Standard Profiles'!$G$21=$B$10,7,0)+IF('Standard Profiles'!$G$21=$B$17,14,0)+IF('Standard Profiles'!$G$21=$B$24,21,0),0)),0)</f>
        <v>2.1993471949542975</v>
      </c>
      <c r="H2029" cm="1">
        <f t="array" ref="H2029">IFERROR(INDEX(Jesper!AL$2:AL$366,ROUNDDOWN($C2029/24,0)+1,1)*INDEX($D$3:$AA$30,INDEX(Jesper!$R$2:$R$366,ROW(INDEX(Jesper!AL$2:AL$366,ROUNDDOWN($C2029/24,0)+1,1))-1)+IF('Standard Profiles'!$G$22=$B$10,7,0)+IF('Standard Profiles'!$G$22=$B$17,14,0)+IF('Standard Profiles'!$G$22=$B$24,21,0),MOD($C2029,24)+1)/SUM(INDEX($D$3:$AA$30,INDEX(Jesper!$R$2:$R$366,ROW(INDEX(Jesper!AL$2:AL$366,ROUNDDOWN($C2029/24,0)+1,1))-1)+IF('Standard Profiles'!$G$22=$B$10,7,0)+IF('Standard Profiles'!$G$22=$B$17,14,0)+IF('Standard Profiles'!$G$22=$B$24,21,0),0)),0)</f>
        <v>0.9218230386162376</v>
      </c>
      <c r="I2029">
        <f t="shared" si="237"/>
        <v>0.88495011707158855</v>
      </c>
      <c r="J2029">
        <f t="shared" si="238"/>
        <v>7.3818071383817152</v>
      </c>
      <c r="K2029">
        <f t="shared" si="239"/>
        <v>0.26962836088222802</v>
      </c>
      <c r="L2029">
        <f t="shared" si="240"/>
        <v>0.13481418044111401</v>
      </c>
      <c r="M2029">
        <f t="shared" si="241"/>
        <v>0</v>
      </c>
      <c r="N2029" s="45">
        <f t="shared" si="242"/>
        <v>45010.124999995161</v>
      </c>
    </row>
    <row r="2030" spans="2:14" x14ac:dyDescent="0.25">
      <c r="B2030">
        <f t="shared" si="236"/>
        <v>6</v>
      </c>
      <c r="C2030" s="16">
        <v>1996</v>
      </c>
      <c r="D2030" cm="1">
        <f t="array" ref="D2030">IFERROR(INDEX(Jesper!AH$2:AH$366,ROUNDDOWN($C2030/24,0)+1,1)*INDEX($D$3:$AA$30,INDEX(Jesper!$R$2:$R$366,ROW(INDEX(Jesper!AH$2:AH$366,ROUNDDOWN($C2030/24,0)+1,1))-1)+IF('Standard Profiles'!$G$18=$B$10,7,0)+IF('Standard Profiles'!$G$18=$B$17,14,0)+IF('Standard Profiles'!$G$18=$B$24,21,0),MOD($C2030,24)+1)/SUM(INDEX($D$3:$AA$30,INDEX(Jesper!$R$2:$R$366,ROW(INDEX(Jesper!AH$2:AH$366,ROUNDDOWN($C2030/24,0)+1,1))-1)+IF('Standard Profiles'!$G$18=$B$10,7,0)+IF('Standard Profiles'!$G$18=$B$17,14,0)+IF('Standard Profiles'!$G$18=$B$24,21,0),0)),0)</f>
        <v>0</v>
      </c>
      <c r="E2030" cm="1">
        <f t="array" ref="E2030">IFERROR(INDEX(Jesper!AI$2:AI$366,ROUNDDOWN($C2030/24,0)+1,1)*INDEX($D$3:$AA$30,INDEX(Jesper!$R$2:$R$366,ROW(INDEX(Jesper!AI$2:AI$366,ROUNDDOWN($C2030/24,0)+1,1))-1)+IF('Standard Profiles'!$G$19=$B$10,7,0)+IF('Standard Profiles'!$G$19=$B$17,14,0)+IF('Standard Profiles'!$G$19=$B$24,21,0),MOD($C2030,24)+1)/SUM(INDEX($D$3:$AA$30,INDEX(Jesper!$R$2:$R$366,ROW(INDEX(Jesper!AI$2:AI$366,ROUNDDOWN($C2030/24,0)+1,1))-1)+IF('Standard Profiles'!$G$19=$B$10,7,0)+IF('Standard Profiles'!$G$19=$B$17,14,0)+IF('Standard Profiles'!$G$19=$B$24,21,0),0)),0)</f>
        <v>3.3703545110278501</v>
      </c>
      <c r="F2030" cm="1">
        <f t="array" ref="F2030">IFERROR(INDEX(Jesper!AJ$2:AJ$366,ROUNDDOWN($C2030/24,0)+1,1)*INDEX($D$3:$AA$30,INDEX(Jesper!$R$2:$R$366,ROW(INDEX(Jesper!AJ$2:AJ$366,ROUNDDOWN($C2030/24,0)+1,1))-1)+IF('Standard Profiles'!$G$20=$B$10,7,0)+IF('Standard Profiles'!$G$20=$B$17,14,0)+IF('Standard Profiles'!$G$20=$B$24,21,0),MOD($C2030,24)+1)/SUM(INDEX($D$3:$AA$30,INDEX(Jesper!$R$2:$R$366,ROW(INDEX(Jesper!AJ$2:AJ$366,ROUNDDOWN($C2030/24,0)+1,1))-1)+IF('Standard Profiles'!$G$20=$B$10,7,0)+IF('Standard Profiles'!$G$20=$B$17,14,0)+IF('Standard Profiles'!$G$20=$B$24,21,0),0)),0)</f>
        <v>2.17967505217826</v>
      </c>
      <c r="G2030" cm="1">
        <f t="array" ref="G2030">IFERROR(INDEX(Jesper!AK$2:AK$366,ROUNDDOWN($C2030/24,0)+1,1)*INDEX($D$3:$AA$30,INDEX(Jesper!$R$2:$R$366,ROW(INDEX(Jesper!AK$2:AK$366,ROUNDDOWN($C2030/24,0)+1,1))-1)+IF('Standard Profiles'!$G$21=$B$10,7,0)+IF('Standard Profiles'!$G$21=$B$17,14,0)+IF('Standard Profiles'!$G$21=$B$24,21,0),MOD($C2030,24)+1)/SUM(INDEX($D$3:$AA$30,INDEX(Jesper!$R$2:$R$366,ROW(INDEX(Jesper!AK$2:AK$366,ROUNDDOWN($C2030/24,0)+1,1))-1)+IF('Standard Profiles'!$G$21=$B$10,7,0)+IF('Standard Profiles'!$G$21=$B$17,14,0)+IF('Standard Profiles'!$G$21=$B$24,21,0),0)),0)</f>
        <v>2.1993471949542975</v>
      </c>
      <c r="H2030" cm="1">
        <f t="array" ref="H2030">IFERROR(INDEX(Jesper!AL$2:AL$366,ROUNDDOWN($C2030/24,0)+1,1)*INDEX($D$3:$AA$30,INDEX(Jesper!$R$2:$R$366,ROW(INDEX(Jesper!AL$2:AL$366,ROUNDDOWN($C2030/24,0)+1,1))-1)+IF('Standard Profiles'!$G$22=$B$10,7,0)+IF('Standard Profiles'!$G$22=$B$17,14,0)+IF('Standard Profiles'!$G$22=$B$24,21,0),MOD($C2030,24)+1)/SUM(INDEX($D$3:$AA$30,INDEX(Jesper!$R$2:$R$366,ROW(INDEX(Jesper!AL$2:AL$366,ROUNDDOWN($C2030/24,0)+1,1))-1)+IF('Standard Profiles'!$G$22=$B$10,7,0)+IF('Standard Profiles'!$G$22=$B$17,14,0)+IF('Standard Profiles'!$G$22=$B$24,21,0),0)),0)</f>
        <v>0.9218230386162376</v>
      </c>
      <c r="I2030">
        <f t="shared" si="237"/>
        <v>0.88495011707158855</v>
      </c>
      <c r="J2030">
        <f t="shared" si="238"/>
        <v>7.3818071383817152</v>
      </c>
      <c r="K2030">
        <f t="shared" si="239"/>
        <v>0.26962836088222802</v>
      </c>
      <c r="L2030">
        <f t="shared" si="240"/>
        <v>0.13481418044111401</v>
      </c>
      <c r="M2030">
        <f t="shared" si="241"/>
        <v>0</v>
      </c>
      <c r="N2030" s="45">
        <f t="shared" si="242"/>
        <v>45010.166666661826</v>
      </c>
    </row>
    <row r="2031" spans="2:14" x14ac:dyDescent="0.25">
      <c r="B2031">
        <f t="shared" si="236"/>
        <v>6</v>
      </c>
      <c r="C2031" s="16">
        <v>1997</v>
      </c>
      <c r="D2031" cm="1">
        <f t="array" ref="D2031">IFERROR(INDEX(Jesper!AH$2:AH$366,ROUNDDOWN($C2031/24,0)+1,1)*INDEX($D$3:$AA$30,INDEX(Jesper!$R$2:$R$366,ROW(INDEX(Jesper!AH$2:AH$366,ROUNDDOWN($C2031/24,0)+1,1))-1)+IF('Standard Profiles'!$G$18=$B$10,7,0)+IF('Standard Profiles'!$G$18=$B$17,14,0)+IF('Standard Profiles'!$G$18=$B$24,21,0),MOD($C2031,24)+1)/SUM(INDEX($D$3:$AA$30,INDEX(Jesper!$R$2:$R$366,ROW(INDEX(Jesper!AH$2:AH$366,ROUNDDOWN($C2031/24,0)+1,1))-1)+IF('Standard Profiles'!$G$18=$B$10,7,0)+IF('Standard Profiles'!$G$18=$B$17,14,0)+IF('Standard Profiles'!$G$18=$B$24,21,0),0)),0)</f>
        <v>0</v>
      </c>
      <c r="E2031" cm="1">
        <f t="array" ref="E2031">IFERROR(INDEX(Jesper!AI$2:AI$366,ROUNDDOWN($C2031/24,0)+1,1)*INDEX($D$3:$AA$30,INDEX(Jesper!$R$2:$R$366,ROW(INDEX(Jesper!AI$2:AI$366,ROUNDDOWN($C2031/24,0)+1,1))-1)+IF('Standard Profiles'!$G$19=$B$10,7,0)+IF('Standard Profiles'!$G$19=$B$17,14,0)+IF('Standard Profiles'!$G$19=$B$24,21,0),MOD($C2031,24)+1)/SUM(INDEX($D$3:$AA$30,INDEX(Jesper!$R$2:$R$366,ROW(INDEX(Jesper!AI$2:AI$366,ROUNDDOWN($C2031/24,0)+1,1))-1)+IF('Standard Profiles'!$G$19=$B$10,7,0)+IF('Standard Profiles'!$G$19=$B$17,14,0)+IF('Standard Profiles'!$G$19=$B$24,21,0),0)),0)</f>
        <v>3.3703545110278501</v>
      </c>
      <c r="F2031" cm="1">
        <f t="array" ref="F2031">IFERROR(INDEX(Jesper!AJ$2:AJ$366,ROUNDDOWN($C2031/24,0)+1,1)*INDEX($D$3:$AA$30,INDEX(Jesper!$R$2:$R$366,ROW(INDEX(Jesper!AJ$2:AJ$366,ROUNDDOWN($C2031/24,0)+1,1))-1)+IF('Standard Profiles'!$G$20=$B$10,7,0)+IF('Standard Profiles'!$G$20=$B$17,14,0)+IF('Standard Profiles'!$G$20=$B$24,21,0),MOD($C2031,24)+1)/SUM(INDEX($D$3:$AA$30,INDEX(Jesper!$R$2:$R$366,ROW(INDEX(Jesper!AJ$2:AJ$366,ROUNDDOWN($C2031/24,0)+1,1))-1)+IF('Standard Profiles'!$G$20=$B$10,7,0)+IF('Standard Profiles'!$G$20=$B$17,14,0)+IF('Standard Profiles'!$G$20=$B$24,21,0),0)),0)</f>
        <v>2.17967505217826</v>
      </c>
      <c r="G2031" cm="1">
        <f t="array" ref="G2031">IFERROR(INDEX(Jesper!AK$2:AK$366,ROUNDDOWN($C2031/24,0)+1,1)*INDEX($D$3:$AA$30,INDEX(Jesper!$R$2:$R$366,ROW(INDEX(Jesper!AK$2:AK$366,ROUNDDOWN($C2031/24,0)+1,1))-1)+IF('Standard Profiles'!$G$21=$B$10,7,0)+IF('Standard Profiles'!$G$21=$B$17,14,0)+IF('Standard Profiles'!$G$21=$B$24,21,0),MOD($C2031,24)+1)/SUM(INDEX($D$3:$AA$30,INDEX(Jesper!$R$2:$R$366,ROW(INDEX(Jesper!AK$2:AK$366,ROUNDDOWN($C2031/24,0)+1,1))-1)+IF('Standard Profiles'!$G$21=$B$10,7,0)+IF('Standard Profiles'!$G$21=$B$17,14,0)+IF('Standard Profiles'!$G$21=$B$24,21,0),0)),0)</f>
        <v>2.1993471949542975</v>
      </c>
      <c r="H2031" cm="1">
        <f t="array" ref="H2031">IFERROR(INDEX(Jesper!AL$2:AL$366,ROUNDDOWN($C2031/24,0)+1,1)*INDEX($D$3:$AA$30,INDEX(Jesper!$R$2:$R$366,ROW(INDEX(Jesper!AL$2:AL$366,ROUNDDOWN($C2031/24,0)+1,1))-1)+IF('Standard Profiles'!$G$22=$B$10,7,0)+IF('Standard Profiles'!$G$22=$B$17,14,0)+IF('Standard Profiles'!$G$22=$B$24,21,0),MOD($C2031,24)+1)/SUM(INDEX($D$3:$AA$30,INDEX(Jesper!$R$2:$R$366,ROW(INDEX(Jesper!AL$2:AL$366,ROUNDDOWN($C2031/24,0)+1,1))-1)+IF('Standard Profiles'!$G$22=$B$10,7,0)+IF('Standard Profiles'!$G$22=$B$17,14,0)+IF('Standard Profiles'!$G$22=$B$24,21,0),0)),0)</f>
        <v>1.1466579260836127</v>
      </c>
      <c r="I2031">
        <f t="shared" si="237"/>
        <v>1.1007916090402687</v>
      </c>
      <c r="J2031">
        <f t="shared" si="238"/>
        <v>7.3908005338804097</v>
      </c>
      <c r="K2031">
        <f t="shared" si="239"/>
        <v>0.26962836088222802</v>
      </c>
      <c r="L2031">
        <f t="shared" si="240"/>
        <v>0.13481418044111401</v>
      </c>
      <c r="M2031">
        <f t="shared" si="241"/>
        <v>0</v>
      </c>
      <c r="N2031" s="45">
        <f t="shared" si="242"/>
        <v>45010.20833332849</v>
      </c>
    </row>
    <row r="2032" spans="2:14" x14ac:dyDescent="0.25">
      <c r="B2032">
        <f t="shared" si="236"/>
        <v>6</v>
      </c>
      <c r="C2032" s="16">
        <v>1998</v>
      </c>
      <c r="D2032" cm="1">
        <f t="array" ref="D2032">IFERROR(INDEX(Jesper!AH$2:AH$366,ROUNDDOWN($C2032/24,0)+1,1)*INDEX($D$3:$AA$30,INDEX(Jesper!$R$2:$R$366,ROW(INDEX(Jesper!AH$2:AH$366,ROUNDDOWN($C2032/24,0)+1,1))-1)+IF('Standard Profiles'!$G$18=$B$10,7,0)+IF('Standard Profiles'!$G$18=$B$17,14,0)+IF('Standard Profiles'!$G$18=$B$24,21,0),MOD($C2032,24)+1)/SUM(INDEX($D$3:$AA$30,INDEX(Jesper!$R$2:$R$366,ROW(INDEX(Jesper!AH$2:AH$366,ROUNDDOWN($C2032/24,0)+1,1))-1)+IF('Standard Profiles'!$G$18=$B$10,7,0)+IF('Standard Profiles'!$G$18=$B$17,14,0)+IF('Standard Profiles'!$G$18=$B$24,21,0),0)),0)</f>
        <v>0</v>
      </c>
      <c r="E2032" cm="1">
        <f t="array" ref="E2032">IFERROR(INDEX(Jesper!AI$2:AI$366,ROUNDDOWN($C2032/24,0)+1,1)*INDEX($D$3:$AA$30,INDEX(Jesper!$R$2:$R$366,ROW(INDEX(Jesper!AI$2:AI$366,ROUNDDOWN($C2032/24,0)+1,1))-1)+IF('Standard Profiles'!$G$19=$B$10,7,0)+IF('Standard Profiles'!$G$19=$B$17,14,0)+IF('Standard Profiles'!$G$19=$B$24,21,0),MOD($C2032,24)+1)/SUM(INDEX($D$3:$AA$30,INDEX(Jesper!$R$2:$R$366,ROW(INDEX(Jesper!AI$2:AI$366,ROUNDDOWN($C2032/24,0)+1,1))-1)+IF('Standard Profiles'!$G$19=$B$10,7,0)+IF('Standard Profiles'!$G$19=$B$17,14,0)+IF('Standard Profiles'!$G$19=$B$24,21,0),0)),0)</f>
        <v>3.3703545110278501</v>
      </c>
      <c r="F2032" cm="1">
        <f t="array" ref="F2032">IFERROR(INDEX(Jesper!AJ$2:AJ$366,ROUNDDOWN($C2032/24,0)+1,1)*INDEX($D$3:$AA$30,INDEX(Jesper!$R$2:$R$366,ROW(INDEX(Jesper!AJ$2:AJ$366,ROUNDDOWN($C2032/24,0)+1,1))-1)+IF('Standard Profiles'!$G$20=$B$10,7,0)+IF('Standard Profiles'!$G$20=$B$17,14,0)+IF('Standard Profiles'!$G$20=$B$24,21,0),MOD($C2032,24)+1)/SUM(INDEX($D$3:$AA$30,INDEX(Jesper!$R$2:$R$366,ROW(INDEX(Jesper!AJ$2:AJ$366,ROUNDDOWN($C2032/24,0)+1,1))-1)+IF('Standard Profiles'!$G$20=$B$10,7,0)+IF('Standard Profiles'!$G$20=$B$17,14,0)+IF('Standard Profiles'!$G$20=$B$24,21,0),0)),0)</f>
        <v>2.17967505217826</v>
      </c>
      <c r="G2032" cm="1">
        <f t="array" ref="G2032">IFERROR(INDEX(Jesper!AK$2:AK$366,ROUNDDOWN($C2032/24,0)+1,1)*INDEX($D$3:$AA$30,INDEX(Jesper!$R$2:$R$366,ROW(INDEX(Jesper!AK$2:AK$366,ROUNDDOWN($C2032/24,0)+1,1))-1)+IF('Standard Profiles'!$G$21=$B$10,7,0)+IF('Standard Profiles'!$G$21=$B$17,14,0)+IF('Standard Profiles'!$G$21=$B$24,21,0),MOD($C2032,24)+1)/SUM(INDEX($D$3:$AA$30,INDEX(Jesper!$R$2:$R$366,ROW(INDEX(Jesper!AK$2:AK$366,ROUNDDOWN($C2032/24,0)+1,1))-1)+IF('Standard Profiles'!$G$21=$B$10,7,0)+IF('Standard Profiles'!$G$21=$B$17,14,0)+IF('Standard Profiles'!$G$21=$B$24,21,0),0)),0)</f>
        <v>2.1993471949542975</v>
      </c>
      <c r="H2032" cm="1">
        <f t="array" ref="H2032">IFERROR(INDEX(Jesper!AL$2:AL$366,ROUNDDOWN($C2032/24,0)+1,1)*INDEX($D$3:$AA$30,INDEX(Jesper!$R$2:$R$366,ROW(INDEX(Jesper!AL$2:AL$366,ROUNDDOWN($C2032/24,0)+1,1))-1)+IF('Standard Profiles'!$G$22=$B$10,7,0)+IF('Standard Profiles'!$G$22=$B$17,14,0)+IF('Standard Profiles'!$G$22=$B$24,21,0),MOD($C2032,24)+1)/SUM(INDEX($D$3:$AA$30,INDEX(Jesper!$R$2:$R$366,ROW(INDEX(Jesper!AL$2:AL$366,ROUNDDOWN($C2032/24,0)+1,1))-1)+IF('Standard Profiles'!$G$22=$B$10,7,0)+IF('Standard Profiles'!$G$22=$B$17,14,0)+IF('Standard Profiles'!$G$22=$B$24,21,0),0)),0)</f>
        <v>1.4389432797912001</v>
      </c>
      <c r="I2032">
        <f t="shared" si="237"/>
        <v>1.3813855485995528</v>
      </c>
      <c r="J2032">
        <f t="shared" si="238"/>
        <v>7.4024919480287128</v>
      </c>
      <c r="K2032">
        <f t="shared" si="239"/>
        <v>0.26962836088222802</v>
      </c>
      <c r="L2032">
        <f t="shared" si="240"/>
        <v>0.13481418044111401</v>
      </c>
      <c r="M2032">
        <f t="shared" si="241"/>
        <v>0</v>
      </c>
      <c r="N2032" s="45">
        <f t="shared" si="242"/>
        <v>45010.249999995154</v>
      </c>
    </row>
    <row r="2033" spans="2:14" x14ac:dyDescent="0.25">
      <c r="B2033">
        <f t="shared" si="236"/>
        <v>6</v>
      </c>
      <c r="C2033" s="16">
        <v>1999</v>
      </c>
      <c r="D2033" cm="1">
        <f t="array" ref="D2033">IFERROR(INDEX(Jesper!AH$2:AH$366,ROUNDDOWN($C2033/24,0)+1,1)*INDEX($D$3:$AA$30,INDEX(Jesper!$R$2:$R$366,ROW(INDEX(Jesper!AH$2:AH$366,ROUNDDOWN($C2033/24,0)+1,1))-1)+IF('Standard Profiles'!$G$18=$B$10,7,0)+IF('Standard Profiles'!$G$18=$B$17,14,0)+IF('Standard Profiles'!$G$18=$B$24,21,0),MOD($C2033,24)+1)/SUM(INDEX($D$3:$AA$30,INDEX(Jesper!$R$2:$R$366,ROW(INDEX(Jesper!AH$2:AH$366,ROUNDDOWN($C2033/24,0)+1,1))-1)+IF('Standard Profiles'!$G$18=$B$10,7,0)+IF('Standard Profiles'!$G$18=$B$17,14,0)+IF('Standard Profiles'!$G$18=$B$24,21,0),0)),0)</f>
        <v>0</v>
      </c>
      <c r="E2033" cm="1">
        <f t="array" ref="E2033">IFERROR(INDEX(Jesper!AI$2:AI$366,ROUNDDOWN($C2033/24,0)+1,1)*INDEX($D$3:$AA$30,INDEX(Jesper!$R$2:$R$366,ROW(INDEX(Jesper!AI$2:AI$366,ROUNDDOWN($C2033/24,0)+1,1))-1)+IF('Standard Profiles'!$G$19=$B$10,7,0)+IF('Standard Profiles'!$G$19=$B$17,14,0)+IF('Standard Profiles'!$G$19=$B$24,21,0),MOD($C2033,24)+1)/SUM(INDEX($D$3:$AA$30,INDEX(Jesper!$R$2:$R$366,ROW(INDEX(Jesper!AI$2:AI$366,ROUNDDOWN($C2033/24,0)+1,1))-1)+IF('Standard Profiles'!$G$19=$B$10,7,0)+IF('Standard Profiles'!$G$19=$B$17,14,0)+IF('Standard Profiles'!$G$19=$B$24,21,0),0)),0)</f>
        <v>3.3703545110278501</v>
      </c>
      <c r="F2033" cm="1">
        <f t="array" ref="F2033">IFERROR(INDEX(Jesper!AJ$2:AJ$366,ROUNDDOWN($C2033/24,0)+1,1)*INDEX($D$3:$AA$30,INDEX(Jesper!$R$2:$R$366,ROW(INDEX(Jesper!AJ$2:AJ$366,ROUNDDOWN($C2033/24,0)+1,1))-1)+IF('Standard Profiles'!$G$20=$B$10,7,0)+IF('Standard Profiles'!$G$20=$B$17,14,0)+IF('Standard Profiles'!$G$20=$B$24,21,0),MOD($C2033,24)+1)/SUM(INDEX($D$3:$AA$30,INDEX(Jesper!$R$2:$R$366,ROW(INDEX(Jesper!AJ$2:AJ$366,ROUNDDOWN($C2033/24,0)+1,1))-1)+IF('Standard Profiles'!$G$20=$B$10,7,0)+IF('Standard Profiles'!$G$20=$B$17,14,0)+IF('Standard Profiles'!$G$20=$B$24,21,0),0)),0)</f>
        <v>2.17967505217826</v>
      </c>
      <c r="G2033" cm="1">
        <f t="array" ref="G2033">IFERROR(INDEX(Jesper!AK$2:AK$366,ROUNDDOWN($C2033/24,0)+1,1)*INDEX($D$3:$AA$30,INDEX(Jesper!$R$2:$R$366,ROW(INDEX(Jesper!AK$2:AK$366,ROUNDDOWN($C2033/24,0)+1,1))-1)+IF('Standard Profiles'!$G$21=$B$10,7,0)+IF('Standard Profiles'!$G$21=$B$17,14,0)+IF('Standard Profiles'!$G$21=$B$24,21,0),MOD($C2033,24)+1)/SUM(INDEX($D$3:$AA$30,INDEX(Jesper!$R$2:$R$366,ROW(INDEX(Jesper!AK$2:AK$366,ROUNDDOWN($C2033/24,0)+1,1))-1)+IF('Standard Profiles'!$G$21=$B$10,7,0)+IF('Standard Profiles'!$G$21=$B$17,14,0)+IF('Standard Profiles'!$G$21=$B$24,21,0),0)),0)</f>
        <v>2.1993471949542975</v>
      </c>
      <c r="H2033" cm="1">
        <f t="array" ref="H2033">IFERROR(INDEX(Jesper!AL$2:AL$366,ROUNDDOWN($C2033/24,0)+1,1)*INDEX($D$3:$AA$30,INDEX(Jesper!$R$2:$R$366,ROW(INDEX(Jesper!AL$2:AL$366,ROUNDDOWN($C2033/24,0)+1,1))-1)+IF('Standard Profiles'!$G$22=$B$10,7,0)+IF('Standard Profiles'!$G$22=$B$17,14,0)+IF('Standard Profiles'!$G$22=$B$24,21,0),MOD($C2033,24)+1)/SUM(INDEX($D$3:$AA$30,INDEX(Jesper!$R$2:$R$366,ROW(INDEX(Jesper!AL$2:AL$366,ROUNDDOWN($C2033/24,0)+1,1))-1)+IF('Standard Profiles'!$G$22=$B$10,7,0)+IF('Standard Profiles'!$G$22=$B$17,14,0)+IF('Standard Profiles'!$G$22=$B$24,21,0),0)),0)</f>
        <v>1.6412946785118376</v>
      </c>
      <c r="I2033">
        <f t="shared" si="237"/>
        <v>1.5756428913713649</v>
      </c>
      <c r="J2033">
        <f t="shared" si="238"/>
        <v>7.4105860039775386</v>
      </c>
      <c r="K2033">
        <f t="shared" si="239"/>
        <v>0.26962836088222802</v>
      </c>
      <c r="L2033">
        <f t="shared" si="240"/>
        <v>0.13481418044111401</v>
      </c>
      <c r="M2033">
        <f t="shared" si="241"/>
        <v>0</v>
      </c>
      <c r="N2033" s="45">
        <f t="shared" si="242"/>
        <v>45010.291666661818</v>
      </c>
    </row>
    <row r="2034" spans="2:14" x14ac:dyDescent="0.25">
      <c r="B2034">
        <f t="shared" si="236"/>
        <v>6</v>
      </c>
      <c r="C2034" s="16">
        <v>2000</v>
      </c>
      <c r="D2034" cm="1">
        <f t="array" ref="D2034">IFERROR(INDEX(Jesper!AH$2:AH$366,ROUNDDOWN($C2034/24,0)+1,1)*INDEX($D$3:$AA$30,INDEX(Jesper!$R$2:$R$366,ROW(INDEX(Jesper!AH$2:AH$366,ROUNDDOWN($C2034/24,0)+1,1))-1)+IF('Standard Profiles'!$G$18=$B$10,7,0)+IF('Standard Profiles'!$G$18=$B$17,14,0)+IF('Standard Profiles'!$G$18=$B$24,21,0),MOD($C2034,24)+1)/SUM(INDEX($D$3:$AA$30,INDEX(Jesper!$R$2:$R$366,ROW(INDEX(Jesper!AH$2:AH$366,ROUNDDOWN($C2034/24,0)+1,1))-1)+IF('Standard Profiles'!$G$18=$B$10,7,0)+IF('Standard Profiles'!$G$18=$B$17,14,0)+IF('Standard Profiles'!$G$18=$B$24,21,0),0)),0)</f>
        <v>0</v>
      </c>
      <c r="E2034" cm="1">
        <f t="array" ref="E2034">IFERROR(INDEX(Jesper!AI$2:AI$366,ROUNDDOWN($C2034/24,0)+1,1)*INDEX($D$3:$AA$30,INDEX(Jesper!$R$2:$R$366,ROW(INDEX(Jesper!AI$2:AI$366,ROUNDDOWN($C2034/24,0)+1,1))-1)+IF('Standard Profiles'!$G$19=$B$10,7,0)+IF('Standard Profiles'!$G$19=$B$17,14,0)+IF('Standard Profiles'!$G$19=$B$24,21,0),MOD($C2034,24)+1)/SUM(INDEX($D$3:$AA$30,INDEX(Jesper!$R$2:$R$366,ROW(INDEX(Jesper!AI$2:AI$366,ROUNDDOWN($C2034/24,0)+1,1))-1)+IF('Standard Profiles'!$G$19=$B$10,7,0)+IF('Standard Profiles'!$G$19=$B$17,14,0)+IF('Standard Profiles'!$G$19=$B$24,21,0),0)),0)</f>
        <v>3.3703545110278501</v>
      </c>
      <c r="F2034" cm="1">
        <f t="array" ref="F2034">IFERROR(INDEX(Jesper!AJ$2:AJ$366,ROUNDDOWN($C2034/24,0)+1,1)*INDEX($D$3:$AA$30,INDEX(Jesper!$R$2:$R$366,ROW(INDEX(Jesper!AJ$2:AJ$366,ROUNDDOWN($C2034/24,0)+1,1))-1)+IF('Standard Profiles'!$G$20=$B$10,7,0)+IF('Standard Profiles'!$G$20=$B$17,14,0)+IF('Standard Profiles'!$G$20=$B$24,21,0),MOD($C2034,24)+1)/SUM(INDEX($D$3:$AA$30,INDEX(Jesper!$R$2:$R$366,ROW(INDEX(Jesper!AJ$2:AJ$366,ROUNDDOWN($C2034/24,0)+1,1))-1)+IF('Standard Profiles'!$G$20=$B$10,7,0)+IF('Standard Profiles'!$G$20=$B$17,14,0)+IF('Standard Profiles'!$G$20=$B$24,21,0),0)),0)</f>
        <v>2.17967505217826</v>
      </c>
      <c r="G2034" cm="1">
        <f t="array" ref="G2034">IFERROR(INDEX(Jesper!AK$2:AK$366,ROUNDDOWN($C2034/24,0)+1,1)*INDEX($D$3:$AA$30,INDEX(Jesper!$R$2:$R$366,ROW(INDEX(Jesper!AK$2:AK$366,ROUNDDOWN($C2034/24,0)+1,1))-1)+IF('Standard Profiles'!$G$21=$B$10,7,0)+IF('Standard Profiles'!$G$21=$B$17,14,0)+IF('Standard Profiles'!$G$21=$B$24,21,0),MOD($C2034,24)+1)/SUM(INDEX($D$3:$AA$30,INDEX(Jesper!$R$2:$R$366,ROW(INDEX(Jesper!AK$2:AK$366,ROUNDDOWN($C2034/24,0)+1,1))-1)+IF('Standard Profiles'!$G$21=$B$10,7,0)+IF('Standard Profiles'!$G$21=$B$17,14,0)+IF('Standard Profiles'!$G$21=$B$24,21,0),0)),0)</f>
        <v>2.1993471949542975</v>
      </c>
      <c r="H2034" cm="1">
        <f t="array" ref="H2034">IFERROR(INDEX(Jesper!AL$2:AL$366,ROUNDDOWN($C2034/24,0)+1,1)*INDEX($D$3:$AA$30,INDEX(Jesper!$R$2:$R$366,ROW(INDEX(Jesper!AL$2:AL$366,ROUNDDOWN($C2034/24,0)+1,1))-1)+IF('Standard Profiles'!$G$22=$B$10,7,0)+IF('Standard Profiles'!$G$22=$B$17,14,0)+IF('Standard Profiles'!$G$22=$B$24,21,0),MOD($C2034,24)+1)/SUM(INDEX($D$3:$AA$30,INDEX(Jesper!$R$2:$R$366,ROW(INDEX(Jesper!AL$2:AL$366,ROUNDDOWN($C2034/24,0)+1,1))-1)+IF('Standard Profiles'!$G$22=$B$10,7,0)+IF('Standard Profiles'!$G$22=$B$17,14,0)+IF('Standard Profiles'!$G$22=$B$24,21,0),0)),0)</f>
        <v>1.6412946785118376</v>
      </c>
      <c r="I2034">
        <f t="shared" si="237"/>
        <v>1.5756428913713649</v>
      </c>
      <c r="J2034">
        <f t="shared" si="238"/>
        <v>7.4105860039775386</v>
      </c>
      <c r="K2034">
        <f t="shared" si="239"/>
        <v>0.26962836088222802</v>
      </c>
      <c r="L2034">
        <f t="shared" si="240"/>
        <v>0.13481418044111401</v>
      </c>
      <c r="M2034">
        <f t="shared" si="241"/>
        <v>0</v>
      </c>
      <c r="N2034" s="45">
        <f t="shared" si="242"/>
        <v>45010.333333328483</v>
      </c>
    </row>
    <row r="2035" spans="2:14" x14ac:dyDescent="0.25">
      <c r="B2035">
        <f t="shared" si="236"/>
        <v>6</v>
      </c>
      <c r="C2035" s="16">
        <v>2001</v>
      </c>
      <c r="D2035" cm="1">
        <f t="array" ref="D2035">IFERROR(INDEX(Jesper!AH$2:AH$366,ROUNDDOWN($C2035/24,0)+1,1)*INDEX($D$3:$AA$30,INDEX(Jesper!$R$2:$R$366,ROW(INDEX(Jesper!AH$2:AH$366,ROUNDDOWN($C2035/24,0)+1,1))-1)+IF('Standard Profiles'!$G$18=$B$10,7,0)+IF('Standard Profiles'!$G$18=$B$17,14,0)+IF('Standard Profiles'!$G$18=$B$24,21,0),MOD($C2035,24)+1)/SUM(INDEX($D$3:$AA$30,INDEX(Jesper!$R$2:$R$366,ROW(INDEX(Jesper!AH$2:AH$366,ROUNDDOWN($C2035/24,0)+1,1))-1)+IF('Standard Profiles'!$G$18=$B$10,7,0)+IF('Standard Profiles'!$G$18=$B$17,14,0)+IF('Standard Profiles'!$G$18=$B$24,21,0),0)),0)</f>
        <v>0</v>
      </c>
      <c r="E2035" cm="1">
        <f t="array" ref="E2035">IFERROR(INDEX(Jesper!AI$2:AI$366,ROUNDDOWN($C2035/24,0)+1,1)*INDEX($D$3:$AA$30,INDEX(Jesper!$R$2:$R$366,ROW(INDEX(Jesper!AI$2:AI$366,ROUNDDOWN($C2035/24,0)+1,1))-1)+IF('Standard Profiles'!$G$19=$B$10,7,0)+IF('Standard Profiles'!$G$19=$B$17,14,0)+IF('Standard Profiles'!$G$19=$B$24,21,0),MOD($C2035,24)+1)/SUM(INDEX($D$3:$AA$30,INDEX(Jesper!$R$2:$R$366,ROW(INDEX(Jesper!AI$2:AI$366,ROUNDDOWN($C2035/24,0)+1,1))-1)+IF('Standard Profiles'!$G$19=$B$10,7,0)+IF('Standard Profiles'!$G$19=$B$17,14,0)+IF('Standard Profiles'!$G$19=$B$24,21,0),0)),0)</f>
        <v>3.3703545110278501</v>
      </c>
      <c r="F2035" cm="1">
        <f t="array" ref="F2035">IFERROR(INDEX(Jesper!AJ$2:AJ$366,ROUNDDOWN($C2035/24,0)+1,1)*INDEX($D$3:$AA$30,INDEX(Jesper!$R$2:$R$366,ROW(INDEX(Jesper!AJ$2:AJ$366,ROUNDDOWN($C2035/24,0)+1,1))-1)+IF('Standard Profiles'!$G$20=$B$10,7,0)+IF('Standard Profiles'!$G$20=$B$17,14,0)+IF('Standard Profiles'!$G$20=$B$24,21,0),MOD($C2035,24)+1)/SUM(INDEX($D$3:$AA$30,INDEX(Jesper!$R$2:$R$366,ROW(INDEX(Jesper!AJ$2:AJ$366,ROUNDDOWN($C2035/24,0)+1,1))-1)+IF('Standard Profiles'!$G$20=$B$10,7,0)+IF('Standard Profiles'!$G$20=$B$17,14,0)+IF('Standard Profiles'!$G$20=$B$24,21,0),0)),0)</f>
        <v>2.17967505217826</v>
      </c>
      <c r="G2035" cm="1">
        <f t="array" ref="G2035">IFERROR(INDEX(Jesper!AK$2:AK$366,ROUNDDOWN($C2035/24,0)+1,1)*INDEX($D$3:$AA$30,INDEX(Jesper!$R$2:$R$366,ROW(INDEX(Jesper!AK$2:AK$366,ROUNDDOWN($C2035/24,0)+1,1))-1)+IF('Standard Profiles'!$G$21=$B$10,7,0)+IF('Standard Profiles'!$G$21=$B$17,14,0)+IF('Standard Profiles'!$G$21=$B$24,21,0),MOD($C2035,24)+1)/SUM(INDEX($D$3:$AA$30,INDEX(Jesper!$R$2:$R$366,ROW(INDEX(Jesper!AK$2:AK$366,ROUNDDOWN($C2035/24,0)+1,1))-1)+IF('Standard Profiles'!$G$21=$B$10,7,0)+IF('Standard Profiles'!$G$21=$B$17,14,0)+IF('Standard Profiles'!$G$21=$B$24,21,0),0)),0)</f>
        <v>2.1993471949542975</v>
      </c>
      <c r="H2035" cm="1">
        <f t="array" ref="H2035">IFERROR(INDEX(Jesper!AL$2:AL$366,ROUNDDOWN($C2035/24,0)+1,1)*INDEX($D$3:$AA$30,INDEX(Jesper!$R$2:$R$366,ROW(INDEX(Jesper!AL$2:AL$366,ROUNDDOWN($C2035/24,0)+1,1))-1)+IF('Standard Profiles'!$G$22=$B$10,7,0)+IF('Standard Profiles'!$G$22=$B$17,14,0)+IF('Standard Profiles'!$G$22=$B$24,21,0),MOD($C2035,24)+1)/SUM(INDEX($D$3:$AA$30,INDEX(Jesper!$R$2:$R$366,ROW(INDEX(Jesper!AL$2:AL$366,ROUNDDOWN($C2035/24,0)+1,1))-1)+IF('Standard Profiles'!$G$22=$B$10,7,0)+IF('Standard Profiles'!$G$22=$B$17,14,0)+IF('Standard Profiles'!$G$22=$B$24,21,0),0)),0)</f>
        <v>1.6412946785118376</v>
      </c>
      <c r="I2035">
        <f t="shared" si="237"/>
        <v>1.5756428913713649</v>
      </c>
      <c r="J2035">
        <f t="shared" si="238"/>
        <v>7.4105860039775386</v>
      </c>
      <c r="K2035">
        <f t="shared" si="239"/>
        <v>0.26962836088222802</v>
      </c>
      <c r="L2035">
        <f t="shared" si="240"/>
        <v>0.13481418044111401</v>
      </c>
      <c r="M2035">
        <f t="shared" si="241"/>
        <v>0</v>
      </c>
      <c r="N2035" s="45">
        <f t="shared" si="242"/>
        <v>45010.374999995147</v>
      </c>
    </row>
    <row r="2036" spans="2:14" x14ac:dyDescent="0.25">
      <c r="B2036">
        <f t="shared" si="236"/>
        <v>6</v>
      </c>
      <c r="C2036" s="16">
        <v>2002</v>
      </c>
      <c r="D2036" cm="1">
        <f t="array" ref="D2036">IFERROR(INDEX(Jesper!AH$2:AH$366,ROUNDDOWN($C2036/24,0)+1,1)*INDEX($D$3:$AA$30,INDEX(Jesper!$R$2:$R$366,ROW(INDEX(Jesper!AH$2:AH$366,ROUNDDOWN($C2036/24,0)+1,1))-1)+IF('Standard Profiles'!$G$18=$B$10,7,0)+IF('Standard Profiles'!$G$18=$B$17,14,0)+IF('Standard Profiles'!$G$18=$B$24,21,0),MOD($C2036,24)+1)/SUM(INDEX($D$3:$AA$30,INDEX(Jesper!$R$2:$R$366,ROW(INDEX(Jesper!AH$2:AH$366,ROUNDDOWN($C2036/24,0)+1,1))-1)+IF('Standard Profiles'!$G$18=$B$10,7,0)+IF('Standard Profiles'!$G$18=$B$17,14,0)+IF('Standard Profiles'!$G$18=$B$24,21,0),0)),0)</f>
        <v>0</v>
      </c>
      <c r="E2036" cm="1">
        <f t="array" ref="E2036">IFERROR(INDEX(Jesper!AI$2:AI$366,ROUNDDOWN($C2036/24,0)+1,1)*INDEX($D$3:$AA$30,INDEX(Jesper!$R$2:$R$366,ROW(INDEX(Jesper!AI$2:AI$366,ROUNDDOWN($C2036/24,0)+1,1))-1)+IF('Standard Profiles'!$G$19=$B$10,7,0)+IF('Standard Profiles'!$G$19=$B$17,14,0)+IF('Standard Profiles'!$G$19=$B$24,21,0),MOD($C2036,24)+1)/SUM(INDEX($D$3:$AA$30,INDEX(Jesper!$R$2:$R$366,ROW(INDEX(Jesper!AI$2:AI$366,ROUNDDOWN($C2036/24,0)+1,1))-1)+IF('Standard Profiles'!$G$19=$B$10,7,0)+IF('Standard Profiles'!$G$19=$B$17,14,0)+IF('Standard Profiles'!$G$19=$B$24,21,0),0)),0)</f>
        <v>3.3703545110278501</v>
      </c>
      <c r="F2036" cm="1">
        <f t="array" ref="F2036">IFERROR(INDEX(Jesper!AJ$2:AJ$366,ROUNDDOWN($C2036/24,0)+1,1)*INDEX($D$3:$AA$30,INDEX(Jesper!$R$2:$R$366,ROW(INDEX(Jesper!AJ$2:AJ$366,ROUNDDOWN($C2036/24,0)+1,1))-1)+IF('Standard Profiles'!$G$20=$B$10,7,0)+IF('Standard Profiles'!$G$20=$B$17,14,0)+IF('Standard Profiles'!$G$20=$B$24,21,0),MOD($C2036,24)+1)/SUM(INDEX($D$3:$AA$30,INDEX(Jesper!$R$2:$R$366,ROW(INDEX(Jesper!AJ$2:AJ$366,ROUNDDOWN($C2036/24,0)+1,1))-1)+IF('Standard Profiles'!$G$20=$B$10,7,0)+IF('Standard Profiles'!$G$20=$B$17,14,0)+IF('Standard Profiles'!$G$20=$B$24,21,0),0)),0)</f>
        <v>2.17967505217826</v>
      </c>
      <c r="G2036" cm="1">
        <f t="array" ref="G2036">IFERROR(INDEX(Jesper!AK$2:AK$366,ROUNDDOWN($C2036/24,0)+1,1)*INDEX($D$3:$AA$30,INDEX(Jesper!$R$2:$R$366,ROW(INDEX(Jesper!AK$2:AK$366,ROUNDDOWN($C2036/24,0)+1,1))-1)+IF('Standard Profiles'!$G$21=$B$10,7,0)+IF('Standard Profiles'!$G$21=$B$17,14,0)+IF('Standard Profiles'!$G$21=$B$24,21,0),MOD($C2036,24)+1)/SUM(INDEX($D$3:$AA$30,INDEX(Jesper!$R$2:$R$366,ROW(INDEX(Jesper!AK$2:AK$366,ROUNDDOWN($C2036/24,0)+1,1))-1)+IF('Standard Profiles'!$G$21=$B$10,7,0)+IF('Standard Profiles'!$G$21=$B$17,14,0)+IF('Standard Profiles'!$G$21=$B$24,21,0),0)),0)</f>
        <v>2.1993471949542975</v>
      </c>
      <c r="H2036" cm="1">
        <f t="array" ref="H2036">IFERROR(INDEX(Jesper!AL$2:AL$366,ROUNDDOWN($C2036/24,0)+1,1)*INDEX($D$3:$AA$30,INDEX(Jesper!$R$2:$R$366,ROW(INDEX(Jesper!AL$2:AL$366,ROUNDDOWN($C2036/24,0)+1,1))-1)+IF('Standard Profiles'!$G$22=$B$10,7,0)+IF('Standard Profiles'!$G$22=$B$17,14,0)+IF('Standard Profiles'!$G$22=$B$24,21,0),MOD($C2036,24)+1)/SUM(INDEX($D$3:$AA$30,INDEX(Jesper!$R$2:$R$366,ROW(INDEX(Jesper!AL$2:AL$366,ROUNDDOWN($C2036/24,0)+1,1))-1)+IF('Standard Profiles'!$G$22=$B$10,7,0)+IF('Standard Profiles'!$G$22=$B$17,14,0)+IF('Standard Profiles'!$G$22=$B$24,21,0),0)),0)</f>
        <v>1.6412946785118376</v>
      </c>
      <c r="I2036">
        <f t="shared" si="237"/>
        <v>1.5756428913713649</v>
      </c>
      <c r="J2036">
        <f t="shared" si="238"/>
        <v>7.4105860039775386</v>
      </c>
      <c r="K2036">
        <f t="shared" si="239"/>
        <v>0.26962836088222802</v>
      </c>
      <c r="L2036">
        <f t="shared" si="240"/>
        <v>0.13481418044111401</v>
      </c>
      <c r="M2036">
        <f t="shared" si="241"/>
        <v>0</v>
      </c>
      <c r="N2036" s="45">
        <f t="shared" si="242"/>
        <v>45010.416666661811</v>
      </c>
    </row>
    <row r="2037" spans="2:14" x14ac:dyDescent="0.25">
      <c r="B2037">
        <f t="shared" si="236"/>
        <v>6</v>
      </c>
      <c r="C2037" s="16">
        <v>2003</v>
      </c>
      <c r="D2037" cm="1">
        <f t="array" ref="D2037">IFERROR(INDEX(Jesper!AH$2:AH$366,ROUNDDOWN($C2037/24,0)+1,1)*INDEX($D$3:$AA$30,INDEX(Jesper!$R$2:$R$366,ROW(INDEX(Jesper!AH$2:AH$366,ROUNDDOWN($C2037/24,0)+1,1))-1)+IF('Standard Profiles'!$G$18=$B$10,7,0)+IF('Standard Profiles'!$G$18=$B$17,14,0)+IF('Standard Profiles'!$G$18=$B$24,21,0),MOD($C2037,24)+1)/SUM(INDEX($D$3:$AA$30,INDEX(Jesper!$R$2:$R$366,ROW(INDEX(Jesper!AH$2:AH$366,ROUNDDOWN($C2037/24,0)+1,1))-1)+IF('Standard Profiles'!$G$18=$B$10,7,0)+IF('Standard Profiles'!$G$18=$B$17,14,0)+IF('Standard Profiles'!$G$18=$B$24,21,0),0)),0)</f>
        <v>0</v>
      </c>
      <c r="E2037" cm="1">
        <f t="array" ref="E2037">IFERROR(INDEX(Jesper!AI$2:AI$366,ROUNDDOWN($C2037/24,0)+1,1)*INDEX($D$3:$AA$30,INDEX(Jesper!$R$2:$R$366,ROW(INDEX(Jesper!AI$2:AI$366,ROUNDDOWN($C2037/24,0)+1,1))-1)+IF('Standard Profiles'!$G$19=$B$10,7,0)+IF('Standard Profiles'!$G$19=$B$17,14,0)+IF('Standard Profiles'!$G$19=$B$24,21,0),MOD($C2037,24)+1)/SUM(INDEX($D$3:$AA$30,INDEX(Jesper!$R$2:$R$366,ROW(INDEX(Jesper!AI$2:AI$366,ROUNDDOWN($C2037/24,0)+1,1))-1)+IF('Standard Profiles'!$G$19=$B$10,7,0)+IF('Standard Profiles'!$G$19=$B$17,14,0)+IF('Standard Profiles'!$G$19=$B$24,21,0),0)),0)</f>
        <v>3.3703545110278501</v>
      </c>
      <c r="F2037" cm="1">
        <f t="array" ref="F2037">IFERROR(INDEX(Jesper!AJ$2:AJ$366,ROUNDDOWN($C2037/24,0)+1,1)*INDEX($D$3:$AA$30,INDEX(Jesper!$R$2:$R$366,ROW(INDEX(Jesper!AJ$2:AJ$366,ROUNDDOWN($C2037/24,0)+1,1))-1)+IF('Standard Profiles'!$G$20=$B$10,7,0)+IF('Standard Profiles'!$G$20=$B$17,14,0)+IF('Standard Profiles'!$G$20=$B$24,21,0),MOD($C2037,24)+1)/SUM(INDEX($D$3:$AA$30,INDEX(Jesper!$R$2:$R$366,ROW(INDEX(Jesper!AJ$2:AJ$366,ROUNDDOWN($C2037/24,0)+1,1))-1)+IF('Standard Profiles'!$G$20=$B$10,7,0)+IF('Standard Profiles'!$G$20=$B$17,14,0)+IF('Standard Profiles'!$G$20=$B$24,21,0),0)),0)</f>
        <v>2.17967505217826</v>
      </c>
      <c r="G2037" cm="1">
        <f t="array" ref="G2037">IFERROR(INDEX(Jesper!AK$2:AK$366,ROUNDDOWN($C2037/24,0)+1,1)*INDEX($D$3:$AA$30,INDEX(Jesper!$R$2:$R$366,ROW(INDEX(Jesper!AK$2:AK$366,ROUNDDOWN($C2037/24,0)+1,1))-1)+IF('Standard Profiles'!$G$21=$B$10,7,0)+IF('Standard Profiles'!$G$21=$B$17,14,0)+IF('Standard Profiles'!$G$21=$B$24,21,0),MOD($C2037,24)+1)/SUM(INDEX($D$3:$AA$30,INDEX(Jesper!$R$2:$R$366,ROW(INDEX(Jesper!AK$2:AK$366,ROUNDDOWN($C2037/24,0)+1,1))-1)+IF('Standard Profiles'!$G$21=$B$10,7,0)+IF('Standard Profiles'!$G$21=$B$17,14,0)+IF('Standard Profiles'!$G$21=$B$24,21,0),0)),0)</f>
        <v>2.1993471949542975</v>
      </c>
      <c r="H2037" cm="1">
        <f t="array" ref="H2037">IFERROR(INDEX(Jesper!AL$2:AL$366,ROUNDDOWN($C2037/24,0)+1,1)*INDEX($D$3:$AA$30,INDEX(Jesper!$R$2:$R$366,ROW(INDEX(Jesper!AL$2:AL$366,ROUNDDOWN($C2037/24,0)+1,1))-1)+IF('Standard Profiles'!$G$22=$B$10,7,0)+IF('Standard Profiles'!$G$22=$B$17,14,0)+IF('Standard Profiles'!$G$22=$B$24,21,0),MOD($C2037,24)+1)/SUM(INDEX($D$3:$AA$30,INDEX(Jesper!$R$2:$R$366,ROW(INDEX(Jesper!AL$2:AL$366,ROUNDDOWN($C2037/24,0)+1,1))-1)+IF('Standard Profiles'!$G$22=$B$10,7,0)+IF('Standard Profiles'!$G$22=$B$17,14,0)+IF('Standard Profiles'!$G$22=$B$24,21,0),0)),0)</f>
        <v>1.6412946785118376</v>
      </c>
      <c r="I2037">
        <f t="shared" si="237"/>
        <v>1.5756428913713649</v>
      </c>
      <c r="J2037">
        <f t="shared" si="238"/>
        <v>7.4105860039775386</v>
      </c>
      <c r="K2037">
        <f t="shared" si="239"/>
        <v>0.26962836088222802</v>
      </c>
      <c r="L2037">
        <f t="shared" si="240"/>
        <v>0.13481418044111401</v>
      </c>
      <c r="M2037">
        <f t="shared" si="241"/>
        <v>0</v>
      </c>
      <c r="N2037" s="45">
        <f t="shared" si="242"/>
        <v>45010.458333328475</v>
      </c>
    </row>
    <row r="2038" spans="2:14" x14ac:dyDescent="0.25">
      <c r="B2038">
        <f t="shared" si="236"/>
        <v>6</v>
      </c>
      <c r="C2038" s="16">
        <v>2004</v>
      </c>
      <c r="D2038" cm="1">
        <f t="array" ref="D2038">IFERROR(INDEX(Jesper!AH$2:AH$366,ROUNDDOWN($C2038/24,0)+1,1)*INDEX($D$3:$AA$30,INDEX(Jesper!$R$2:$R$366,ROW(INDEX(Jesper!AH$2:AH$366,ROUNDDOWN($C2038/24,0)+1,1))-1)+IF('Standard Profiles'!$G$18=$B$10,7,0)+IF('Standard Profiles'!$G$18=$B$17,14,0)+IF('Standard Profiles'!$G$18=$B$24,21,0),MOD($C2038,24)+1)/SUM(INDEX($D$3:$AA$30,INDEX(Jesper!$R$2:$R$366,ROW(INDEX(Jesper!AH$2:AH$366,ROUNDDOWN($C2038/24,0)+1,1))-1)+IF('Standard Profiles'!$G$18=$B$10,7,0)+IF('Standard Profiles'!$G$18=$B$17,14,0)+IF('Standard Profiles'!$G$18=$B$24,21,0),0)),0)</f>
        <v>0</v>
      </c>
      <c r="E2038" cm="1">
        <f t="array" ref="E2038">IFERROR(INDEX(Jesper!AI$2:AI$366,ROUNDDOWN($C2038/24,0)+1,1)*INDEX($D$3:$AA$30,INDEX(Jesper!$R$2:$R$366,ROW(INDEX(Jesper!AI$2:AI$366,ROUNDDOWN($C2038/24,0)+1,1))-1)+IF('Standard Profiles'!$G$19=$B$10,7,0)+IF('Standard Profiles'!$G$19=$B$17,14,0)+IF('Standard Profiles'!$G$19=$B$24,21,0),MOD($C2038,24)+1)/SUM(INDEX($D$3:$AA$30,INDEX(Jesper!$R$2:$R$366,ROW(INDEX(Jesper!AI$2:AI$366,ROUNDDOWN($C2038/24,0)+1,1))-1)+IF('Standard Profiles'!$G$19=$B$10,7,0)+IF('Standard Profiles'!$G$19=$B$17,14,0)+IF('Standard Profiles'!$G$19=$B$24,21,0),0)),0)</f>
        <v>3.3703545110278501</v>
      </c>
      <c r="F2038" cm="1">
        <f t="array" ref="F2038">IFERROR(INDEX(Jesper!AJ$2:AJ$366,ROUNDDOWN($C2038/24,0)+1,1)*INDEX($D$3:$AA$30,INDEX(Jesper!$R$2:$R$366,ROW(INDEX(Jesper!AJ$2:AJ$366,ROUNDDOWN($C2038/24,0)+1,1))-1)+IF('Standard Profiles'!$G$20=$B$10,7,0)+IF('Standard Profiles'!$G$20=$B$17,14,0)+IF('Standard Profiles'!$G$20=$B$24,21,0),MOD($C2038,24)+1)/SUM(INDEX($D$3:$AA$30,INDEX(Jesper!$R$2:$R$366,ROW(INDEX(Jesper!AJ$2:AJ$366,ROUNDDOWN($C2038/24,0)+1,1))-1)+IF('Standard Profiles'!$G$20=$B$10,7,0)+IF('Standard Profiles'!$G$20=$B$17,14,0)+IF('Standard Profiles'!$G$20=$B$24,21,0),0)),0)</f>
        <v>2.17967505217826</v>
      </c>
      <c r="G2038" cm="1">
        <f t="array" ref="G2038">IFERROR(INDEX(Jesper!AK$2:AK$366,ROUNDDOWN($C2038/24,0)+1,1)*INDEX($D$3:$AA$30,INDEX(Jesper!$R$2:$R$366,ROW(INDEX(Jesper!AK$2:AK$366,ROUNDDOWN($C2038/24,0)+1,1))-1)+IF('Standard Profiles'!$G$21=$B$10,7,0)+IF('Standard Profiles'!$G$21=$B$17,14,0)+IF('Standard Profiles'!$G$21=$B$24,21,0),MOD($C2038,24)+1)/SUM(INDEX($D$3:$AA$30,INDEX(Jesper!$R$2:$R$366,ROW(INDEX(Jesper!AK$2:AK$366,ROUNDDOWN($C2038/24,0)+1,1))-1)+IF('Standard Profiles'!$G$21=$B$10,7,0)+IF('Standard Profiles'!$G$21=$B$17,14,0)+IF('Standard Profiles'!$G$21=$B$24,21,0),0)),0)</f>
        <v>2.1993471949542975</v>
      </c>
      <c r="H2038" cm="1">
        <f t="array" ref="H2038">IFERROR(INDEX(Jesper!AL$2:AL$366,ROUNDDOWN($C2038/24,0)+1,1)*INDEX($D$3:$AA$30,INDEX(Jesper!$R$2:$R$366,ROW(INDEX(Jesper!AL$2:AL$366,ROUNDDOWN($C2038/24,0)+1,1))-1)+IF('Standard Profiles'!$G$22=$B$10,7,0)+IF('Standard Profiles'!$G$22=$B$17,14,0)+IF('Standard Profiles'!$G$22=$B$24,21,0),MOD($C2038,24)+1)/SUM(INDEX($D$3:$AA$30,INDEX(Jesper!$R$2:$R$366,ROW(INDEX(Jesper!AL$2:AL$366,ROUNDDOWN($C2038/24,0)+1,1))-1)+IF('Standard Profiles'!$G$22=$B$10,7,0)+IF('Standard Profiles'!$G$22=$B$17,14,0)+IF('Standard Profiles'!$G$22=$B$24,21,0),0)),0)</f>
        <v>1.6412946785118376</v>
      </c>
      <c r="I2038">
        <f t="shared" si="237"/>
        <v>1.5756428913713649</v>
      </c>
      <c r="J2038">
        <f t="shared" si="238"/>
        <v>7.4105860039775386</v>
      </c>
      <c r="K2038">
        <f t="shared" si="239"/>
        <v>0.26962836088222802</v>
      </c>
      <c r="L2038">
        <f t="shared" si="240"/>
        <v>0.13481418044111401</v>
      </c>
      <c r="M2038">
        <f t="shared" si="241"/>
        <v>0</v>
      </c>
      <c r="N2038" s="45">
        <f t="shared" si="242"/>
        <v>45010.49999999514</v>
      </c>
    </row>
    <row r="2039" spans="2:14" x14ac:dyDescent="0.25">
      <c r="B2039">
        <f t="shared" si="236"/>
        <v>6</v>
      </c>
      <c r="C2039" s="16">
        <v>2005</v>
      </c>
      <c r="D2039" cm="1">
        <f t="array" ref="D2039">IFERROR(INDEX(Jesper!AH$2:AH$366,ROUNDDOWN($C2039/24,0)+1,1)*INDEX($D$3:$AA$30,INDEX(Jesper!$R$2:$R$366,ROW(INDEX(Jesper!AH$2:AH$366,ROUNDDOWN($C2039/24,0)+1,1))-1)+IF('Standard Profiles'!$G$18=$B$10,7,0)+IF('Standard Profiles'!$G$18=$B$17,14,0)+IF('Standard Profiles'!$G$18=$B$24,21,0),MOD($C2039,24)+1)/SUM(INDEX($D$3:$AA$30,INDEX(Jesper!$R$2:$R$366,ROW(INDEX(Jesper!AH$2:AH$366,ROUNDDOWN($C2039/24,0)+1,1))-1)+IF('Standard Profiles'!$G$18=$B$10,7,0)+IF('Standard Profiles'!$G$18=$B$17,14,0)+IF('Standard Profiles'!$G$18=$B$24,21,0),0)),0)</f>
        <v>0</v>
      </c>
      <c r="E2039" cm="1">
        <f t="array" ref="E2039">IFERROR(INDEX(Jesper!AI$2:AI$366,ROUNDDOWN($C2039/24,0)+1,1)*INDEX($D$3:$AA$30,INDEX(Jesper!$R$2:$R$366,ROW(INDEX(Jesper!AI$2:AI$366,ROUNDDOWN($C2039/24,0)+1,1))-1)+IF('Standard Profiles'!$G$19=$B$10,7,0)+IF('Standard Profiles'!$G$19=$B$17,14,0)+IF('Standard Profiles'!$G$19=$B$24,21,0),MOD($C2039,24)+1)/SUM(INDEX($D$3:$AA$30,INDEX(Jesper!$R$2:$R$366,ROW(INDEX(Jesper!AI$2:AI$366,ROUNDDOWN($C2039/24,0)+1,1))-1)+IF('Standard Profiles'!$G$19=$B$10,7,0)+IF('Standard Profiles'!$G$19=$B$17,14,0)+IF('Standard Profiles'!$G$19=$B$24,21,0),0)),0)</f>
        <v>3.3703545110278501</v>
      </c>
      <c r="F2039" cm="1">
        <f t="array" ref="F2039">IFERROR(INDEX(Jesper!AJ$2:AJ$366,ROUNDDOWN($C2039/24,0)+1,1)*INDEX($D$3:$AA$30,INDEX(Jesper!$R$2:$R$366,ROW(INDEX(Jesper!AJ$2:AJ$366,ROUNDDOWN($C2039/24,0)+1,1))-1)+IF('Standard Profiles'!$G$20=$B$10,7,0)+IF('Standard Profiles'!$G$20=$B$17,14,0)+IF('Standard Profiles'!$G$20=$B$24,21,0),MOD($C2039,24)+1)/SUM(INDEX($D$3:$AA$30,INDEX(Jesper!$R$2:$R$366,ROW(INDEX(Jesper!AJ$2:AJ$366,ROUNDDOWN($C2039/24,0)+1,1))-1)+IF('Standard Profiles'!$G$20=$B$10,7,0)+IF('Standard Profiles'!$G$20=$B$17,14,0)+IF('Standard Profiles'!$G$20=$B$24,21,0),0)),0)</f>
        <v>2.17967505217826</v>
      </c>
      <c r="G2039" cm="1">
        <f t="array" ref="G2039">IFERROR(INDEX(Jesper!AK$2:AK$366,ROUNDDOWN($C2039/24,0)+1,1)*INDEX($D$3:$AA$30,INDEX(Jesper!$R$2:$R$366,ROW(INDEX(Jesper!AK$2:AK$366,ROUNDDOWN($C2039/24,0)+1,1))-1)+IF('Standard Profiles'!$G$21=$B$10,7,0)+IF('Standard Profiles'!$G$21=$B$17,14,0)+IF('Standard Profiles'!$G$21=$B$24,21,0),MOD($C2039,24)+1)/SUM(INDEX($D$3:$AA$30,INDEX(Jesper!$R$2:$R$366,ROW(INDEX(Jesper!AK$2:AK$366,ROUNDDOWN($C2039/24,0)+1,1))-1)+IF('Standard Profiles'!$G$21=$B$10,7,0)+IF('Standard Profiles'!$G$21=$B$17,14,0)+IF('Standard Profiles'!$G$21=$B$24,21,0),0)),0)</f>
        <v>2.1993471949542975</v>
      </c>
      <c r="H2039" cm="1">
        <f t="array" ref="H2039">IFERROR(INDEX(Jesper!AL$2:AL$366,ROUNDDOWN($C2039/24,0)+1,1)*INDEX($D$3:$AA$30,INDEX(Jesper!$R$2:$R$366,ROW(INDEX(Jesper!AL$2:AL$366,ROUNDDOWN($C2039/24,0)+1,1))-1)+IF('Standard Profiles'!$G$22=$B$10,7,0)+IF('Standard Profiles'!$G$22=$B$17,14,0)+IF('Standard Profiles'!$G$22=$B$24,21,0),MOD($C2039,24)+1)/SUM(INDEX($D$3:$AA$30,INDEX(Jesper!$R$2:$R$366,ROW(INDEX(Jesper!AL$2:AL$366,ROUNDDOWN($C2039/24,0)+1,1))-1)+IF('Standard Profiles'!$G$22=$B$10,7,0)+IF('Standard Profiles'!$G$22=$B$17,14,0)+IF('Standard Profiles'!$G$22=$B$24,21,0),0)),0)</f>
        <v>1.6412946785118376</v>
      </c>
      <c r="I2039">
        <f t="shared" si="237"/>
        <v>1.5756428913713649</v>
      </c>
      <c r="J2039">
        <f t="shared" si="238"/>
        <v>7.4105860039775386</v>
      </c>
      <c r="K2039">
        <f t="shared" si="239"/>
        <v>0.26962836088222802</v>
      </c>
      <c r="L2039">
        <f t="shared" si="240"/>
        <v>0.13481418044111401</v>
      </c>
      <c r="M2039">
        <f t="shared" si="241"/>
        <v>0</v>
      </c>
      <c r="N2039" s="45">
        <f t="shared" si="242"/>
        <v>45010.541666661804</v>
      </c>
    </row>
    <row r="2040" spans="2:14" x14ac:dyDescent="0.25">
      <c r="B2040">
        <f t="shared" si="236"/>
        <v>6</v>
      </c>
      <c r="C2040" s="16">
        <v>2006</v>
      </c>
      <c r="D2040" cm="1">
        <f t="array" ref="D2040">IFERROR(INDEX(Jesper!AH$2:AH$366,ROUNDDOWN($C2040/24,0)+1,1)*INDEX($D$3:$AA$30,INDEX(Jesper!$R$2:$R$366,ROW(INDEX(Jesper!AH$2:AH$366,ROUNDDOWN($C2040/24,0)+1,1))-1)+IF('Standard Profiles'!$G$18=$B$10,7,0)+IF('Standard Profiles'!$G$18=$B$17,14,0)+IF('Standard Profiles'!$G$18=$B$24,21,0),MOD($C2040,24)+1)/SUM(INDEX($D$3:$AA$30,INDEX(Jesper!$R$2:$R$366,ROW(INDEX(Jesper!AH$2:AH$366,ROUNDDOWN($C2040/24,0)+1,1))-1)+IF('Standard Profiles'!$G$18=$B$10,7,0)+IF('Standard Profiles'!$G$18=$B$17,14,0)+IF('Standard Profiles'!$G$18=$B$24,21,0),0)),0)</f>
        <v>0</v>
      </c>
      <c r="E2040" cm="1">
        <f t="array" ref="E2040">IFERROR(INDEX(Jesper!AI$2:AI$366,ROUNDDOWN($C2040/24,0)+1,1)*INDEX($D$3:$AA$30,INDEX(Jesper!$R$2:$R$366,ROW(INDEX(Jesper!AI$2:AI$366,ROUNDDOWN($C2040/24,0)+1,1))-1)+IF('Standard Profiles'!$G$19=$B$10,7,0)+IF('Standard Profiles'!$G$19=$B$17,14,0)+IF('Standard Profiles'!$G$19=$B$24,21,0),MOD($C2040,24)+1)/SUM(INDEX($D$3:$AA$30,INDEX(Jesper!$R$2:$R$366,ROW(INDEX(Jesper!AI$2:AI$366,ROUNDDOWN($C2040/24,0)+1,1))-1)+IF('Standard Profiles'!$G$19=$B$10,7,0)+IF('Standard Profiles'!$G$19=$B$17,14,0)+IF('Standard Profiles'!$G$19=$B$24,21,0),0)),0)</f>
        <v>3.3703545110278501</v>
      </c>
      <c r="F2040" cm="1">
        <f t="array" ref="F2040">IFERROR(INDEX(Jesper!AJ$2:AJ$366,ROUNDDOWN($C2040/24,0)+1,1)*INDEX($D$3:$AA$30,INDEX(Jesper!$R$2:$R$366,ROW(INDEX(Jesper!AJ$2:AJ$366,ROUNDDOWN($C2040/24,0)+1,1))-1)+IF('Standard Profiles'!$G$20=$B$10,7,0)+IF('Standard Profiles'!$G$20=$B$17,14,0)+IF('Standard Profiles'!$G$20=$B$24,21,0),MOD($C2040,24)+1)/SUM(INDEX($D$3:$AA$30,INDEX(Jesper!$R$2:$R$366,ROW(INDEX(Jesper!AJ$2:AJ$366,ROUNDDOWN($C2040/24,0)+1,1))-1)+IF('Standard Profiles'!$G$20=$B$10,7,0)+IF('Standard Profiles'!$G$20=$B$17,14,0)+IF('Standard Profiles'!$G$20=$B$24,21,0),0)),0)</f>
        <v>2.17967505217826</v>
      </c>
      <c r="G2040" cm="1">
        <f t="array" ref="G2040">IFERROR(INDEX(Jesper!AK$2:AK$366,ROUNDDOWN($C2040/24,0)+1,1)*INDEX($D$3:$AA$30,INDEX(Jesper!$R$2:$R$366,ROW(INDEX(Jesper!AK$2:AK$366,ROUNDDOWN($C2040/24,0)+1,1))-1)+IF('Standard Profiles'!$G$21=$B$10,7,0)+IF('Standard Profiles'!$G$21=$B$17,14,0)+IF('Standard Profiles'!$G$21=$B$24,21,0),MOD($C2040,24)+1)/SUM(INDEX($D$3:$AA$30,INDEX(Jesper!$R$2:$R$366,ROW(INDEX(Jesper!AK$2:AK$366,ROUNDDOWN($C2040/24,0)+1,1))-1)+IF('Standard Profiles'!$G$21=$B$10,7,0)+IF('Standard Profiles'!$G$21=$B$17,14,0)+IF('Standard Profiles'!$G$21=$B$24,21,0),0)),0)</f>
        <v>2.1993471949542975</v>
      </c>
      <c r="H2040" cm="1">
        <f t="array" ref="H2040">IFERROR(INDEX(Jesper!AL$2:AL$366,ROUNDDOWN($C2040/24,0)+1,1)*INDEX($D$3:$AA$30,INDEX(Jesper!$R$2:$R$366,ROW(INDEX(Jesper!AL$2:AL$366,ROUNDDOWN($C2040/24,0)+1,1))-1)+IF('Standard Profiles'!$G$22=$B$10,7,0)+IF('Standard Profiles'!$G$22=$B$17,14,0)+IF('Standard Profiles'!$G$22=$B$24,21,0),MOD($C2040,24)+1)/SUM(INDEX($D$3:$AA$30,INDEX(Jesper!$R$2:$R$366,ROW(INDEX(Jesper!AL$2:AL$366,ROUNDDOWN($C2040/24,0)+1,1))-1)+IF('Standard Profiles'!$G$22=$B$10,7,0)+IF('Standard Profiles'!$G$22=$B$17,14,0)+IF('Standard Profiles'!$G$22=$B$24,21,0),0)),0)</f>
        <v>1.6412946785118376</v>
      </c>
      <c r="I2040">
        <f t="shared" si="237"/>
        <v>1.5756428913713649</v>
      </c>
      <c r="J2040">
        <f t="shared" si="238"/>
        <v>7.4105860039775386</v>
      </c>
      <c r="K2040">
        <f t="shared" si="239"/>
        <v>0.26962836088222802</v>
      </c>
      <c r="L2040">
        <f t="shared" si="240"/>
        <v>0.13481418044111401</v>
      </c>
      <c r="M2040">
        <f t="shared" si="241"/>
        <v>0</v>
      </c>
      <c r="N2040" s="45">
        <f t="shared" si="242"/>
        <v>45010.583333328468</v>
      </c>
    </row>
    <row r="2041" spans="2:14" x14ac:dyDescent="0.25">
      <c r="B2041">
        <f t="shared" si="236"/>
        <v>6</v>
      </c>
      <c r="C2041" s="16">
        <v>2007</v>
      </c>
      <c r="D2041" cm="1">
        <f t="array" ref="D2041">IFERROR(INDEX(Jesper!AH$2:AH$366,ROUNDDOWN($C2041/24,0)+1,1)*INDEX($D$3:$AA$30,INDEX(Jesper!$R$2:$R$366,ROW(INDEX(Jesper!AH$2:AH$366,ROUNDDOWN($C2041/24,0)+1,1))-1)+IF('Standard Profiles'!$G$18=$B$10,7,0)+IF('Standard Profiles'!$G$18=$B$17,14,0)+IF('Standard Profiles'!$G$18=$B$24,21,0),MOD($C2041,24)+1)/SUM(INDEX($D$3:$AA$30,INDEX(Jesper!$R$2:$R$366,ROW(INDEX(Jesper!AH$2:AH$366,ROUNDDOWN($C2041/24,0)+1,1))-1)+IF('Standard Profiles'!$G$18=$B$10,7,0)+IF('Standard Profiles'!$G$18=$B$17,14,0)+IF('Standard Profiles'!$G$18=$B$24,21,0),0)),0)</f>
        <v>0</v>
      </c>
      <c r="E2041" cm="1">
        <f t="array" ref="E2041">IFERROR(INDEX(Jesper!AI$2:AI$366,ROUNDDOWN($C2041/24,0)+1,1)*INDEX($D$3:$AA$30,INDEX(Jesper!$R$2:$R$366,ROW(INDEX(Jesper!AI$2:AI$366,ROUNDDOWN($C2041/24,0)+1,1))-1)+IF('Standard Profiles'!$G$19=$B$10,7,0)+IF('Standard Profiles'!$G$19=$B$17,14,0)+IF('Standard Profiles'!$G$19=$B$24,21,0),MOD($C2041,24)+1)/SUM(INDEX($D$3:$AA$30,INDEX(Jesper!$R$2:$R$366,ROW(INDEX(Jesper!AI$2:AI$366,ROUNDDOWN($C2041/24,0)+1,1))-1)+IF('Standard Profiles'!$G$19=$B$10,7,0)+IF('Standard Profiles'!$G$19=$B$17,14,0)+IF('Standard Profiles'!$G$19=$B$24,21,0),0)),0)</f>
        <v>3.3703545110278501</v>
      </c>
      <c r="F2041" cm="1">
        <f t="array" ref="F2041">IFERROR(INDEX(Jesper!AJ$2:AJ$366,ROUNDDOWN($C2041/24,0)+1,1)*INDEX($D$3:$AA$30,INDEX(Jesper!$R$2:$R$366,ROW(INDEX(Jesper!AJ$2:AJ$366,ROUNDDOWN($C2041/24,0)+1,1))-1)+IF('Standard Profiles'!$G$20=$B$10,7,0)+IF('Standard Profiles'!$G$20=$B$17,14,0)+IF('Standard Profiles'!$G$20=$B$24,21,0),MOD($C2041,24)+1)/SUM(INDEX($D$3:$AA$30,INDEX(Jesper!$R$2:$R$366,ROW(INDEX(Jesper!AJ$2:AJ$366,ROUNDDOWN($C2041/24,0)+1,1))-1)+IF('Standard Profiles'!$G$20=$B$10,7,0)+IF('Standard Profiles'!$G$20=$B$17,14,0)+IF('Standard Profiles'!$G$20=$B$24,21,0),0)),0)</f>
        <v>2.17967505217826</v>
      </c>
      <c r="G2041" cm="1">
        <f t="array" ref="G2041">IFERROR(INDEX(Jesper!AK$2:AK$366,ROUNDDOWN($C2041/24,0)+1,1)*INDEX($D$3:$AA$30,INDEX(Jesper!$R$2:$R$366,ROW(INDEX(Jesper!AK$2:AK$366,ROUNDDOWN($C2041/24,0)+1,1))-1)+IF('Standard Profiles'!$G$21=$B$10,7,0)+IF('Standard Profiles'!$G$21=$B$17,14,0)+IF('Standard Profiles'!$G$21=$B$24,21,0),MOD($C2041,24)+1)/SUM(INDEX($D$3:$AA$30,INDEX(Jesper!$R$2:$R$366,ROW(INDEX(Jesper!AK$2:AK$366,ROUNDDOWN($C2041/24,0)+1,1))-1)+IF('Standard Profiles'!$G$21=$B$10,7,0)+IF('Standard Profiles'!$G$21=$B$17,14,0)+IF('Standard Profiles'!$G$21=$B$24,21,0),0)),0)</f>
        <v>2.1993471949542975</v>
      </c>
      <c r="H2041" cm="1">
        <f t="array" ref="H2041">IFERROR(INDEX(Jesper!AL$2:AL$366,ROUNDDOWN($C2041/24,0)+1,1)*INDEX($D$3:$AA$30,INDEX(Jesper!$R$2:$R$366,ROW(INDEX(Jesper!AL$2:AL$366,ROUNDDOWN($C2041/24,0)+1,1))-1)+IF('Standard Profiles'!$G$22=$B$10,7,0)+IF('Standard Profiles'!$G$22=$B$17,14,0)+IF('Standard Profiles'!$G$22=$B$24,21,0),MOD($C2041,24)+1)/SUM(INDEX($D$3:$AA$30,INDEX(Jesper!$R$2:$R$366,ROW(INDEX(Jesper!AL$2:AL$366,ROUNDDOWN($C2041/24,0)+1,1))-1)+IF('Standard Profiles'!$G$22=$B$10,7,0)+IF('Standard Profiles'!$G$22=$B$17,14,0)+IF('Standard Profiles'!$G$22=$B$24,21,0),0)),0)</f>
        <v>1.483910257284675</v>
      </c>
      <c r="I2041">
        <f t="shared" si="237"/>
        <v>1.4245538469932888</v>
      </c>
      <c r="J2041">
        <f t="shared" si="238"/>
        <v>7.4042906271284519</v>
      </c>
      <c r="K2041">
        <f t="shared" si="239"/>
        <v>0.26962836088222802</v>
      </c>
      <c r="L2041">
        <f t="shared" si="240"/>
        <v>0.13481418044111401</v>
      </c>
      <c r="M2041">
        <f t="shared" si="241"/>
        <v>0</v>
      </c>
      <c r="N2041" s="45">
        <f t="shared" si="242"/>
        <v>45010.624999995132</v>
      </c>
    </row>
    <row r="2042" spans="2:14" x14ac:dyDescent="0.25">
      <c r="B2042">
        <f t="shared" si="236"/>
        <v>6</v>
      </c>
      <c r="C2042" s="16">
        <v>2008</v>
      </c>
      <c r="D2042" cm="1">
        <f t="array" ref="D2042">IFERROR(INDEX(Jesper!AH$2:AH$366,ROUNDDOWN($C2042/24,0)+1,1)*INDEX($D$3:$AA$30,INDEX(Jesper!$R$2:$R$366,ROW(INDEX(Jesper!AH$2:AH$366,ROUNDDOWN($C2042/24,0)+1,1))-1)+IF('Standard Profiles'!$G$18=$B$10,7,0)+IF('Standard Profiles'!$G$18=$B$17,14,0)+IF('Standard Profiles'!$G$18=$B$24,21,0),MOD($C2042,24)+1)/SUM(INDEX($D$3:$AA$30,INDEX(Jesper!$R$2:$R$366,ROW(INDEX(Jesper!AH$2:AH$366,ROUNDDOWN($C2042/24,0)+1,1))-1)+IF('Standard Profiles'!$G$18=$B$10,7,0)+IF('Standard Profiles'!$G$18=$B$17,14,0)+IF('Standard Profiles'!$G$18=$B$24,21,0),0)),0)</f>
        <v>0</v>
      </c>
      <c r="E2042" cm="1">
        <f t="array" ref="E2042">IFERROR(INDEX(Jesper!AI$2:AI$366,ROUNDDOWN($C2042/24,0)+1,1)*INDEX($D$3:$AA$30,INDEX(Jesper!$R$2:$R$366,ROW(INDEX(Jesper!AI$2:AI$366,ROUNDDOWN($C2042/24,0)+1,1))-1)+IF('Standard Profiles'!$G$19=$B$10,7,0)+IF('Standard Profiles'!$G$19=$B$17,14,0)+IF('Standard Profiles'!$G$19=$B$24,21,0),MOD($C2042,24)+1)/SUM(INDEX($D$3:$AA$30,INDEX(Jesper!$R$2:$R$366,ROW(INDEX(Jesper!AI$2:AI$366,ROUNDDOWN($C2042/24,0)+1,1))-1)+IF('Standard Profiles'!$G$19=$B$10,7,0)+IF('Standard Profiles'!$G$19=$B$17,14,0)+IF('Standard Profiles'!$G$19=$B$24,21,0),0)),0)</f>
        <v>3.3703545110278501</v>
      </c>
      <c r="F2042" cm="1">
        <f t="array" ref="F2042">IFERROR(INDEX(Jesper!AJ$2:AJ$366,ROUNDDOWN($C2042/24,0)+1,1)*INDEX($D$3:$AA$30,INDEX(Jesper!$R$2:$R$366,ROW(INDEX(Jesper!AJ$2:AJ$366,ROUNDDOWN($C2042/24,0)+1,1))-1)+IF('Standard Profiles'!$G$20=$B$10,7,0)+IF('Standard Profiles'!$G$20=$B$17,14,0)+IF('Standard Profiles'!$G$20=$B$24,21,0),MOD($C2042,24)+1)/SUM(INDEX($D$3:$AA$30,INDEX(Jesper!$R$2:$R$366,ROW(INDEX(Jesper!AJ$2:AJ$366,ROUNDDOWN($C2042/24,0)+1,1))-1)+IF('Standard Profiles'!$G$20=$B$10,7,0)+IF('Standard Profiles'!$G$20=$B$17,14,0)+IF('Standard Profiles'!$G$20=$B$24,21,0),0)),0)</f>
        <v>2.17967505217826</v>
      </c>
      <c r="G2042" cm="1">
        <f t="array" ref="G2042">IFERROR(INDEX(Jesper!AK$2:AK$366,ROUNDDOWN($C2042/24,0)+1,1)*INDEX($D$3:$AA$30,INDEX(Jesper!$R$2:$R$366,ROW(INDEX(Jesper!AK$2:AK$366,ROUNDDOWN($C2042/24,0)+1,1))-1)+IF('Standard Profiles'!$G$21=$B$10,7,0)+IF('Standard Profiles'!$G$21=$B$17,14,0)+IF('Standard Profiles'!$G$21=$B$24,21,0),MOD($C2042,24)+1)/SUM(INDEX($D$3:$AA$30,INDEX(Jesper!$R$2:$R$366,ROW(INDEX(Jesper!AK$2:AK$366,ROUNDDOWN($C2042/24,0)+1,1))-1)+IF('Standard Profiles'!$G$21=$B$10,7,0)+IF('Standard Profiles'!$G$21=$B$17,14,0)+IF('Standard Profiles'!$G$21=$B$24,21,0),0)),0)</f>
        <v>2.1993471949542975</v>
      </c>
      <c r="H2042" cm="1">
        <f t="array" ref="H2042">IFERROR(INDEX(Jesper!AL$2:AL$366,ROUNDDOWN($C2042/24,0)+1,1)*INDEX($D$3:$AA$30,INDEX(Jesper!$R$2:$R$366,ROW(INDEX(Jesper!AL$2:AL$366,ROUNDDOWN($C2042/24,0)+1,1))-1)+IF('Standard Profiles'!$G$22=$B$10,7,0)+IF('Standard Profiles'!$G$22=$B$17,14,0)+IF('Standard Profiles'!$G$22=$B$24,21,0),MOD($C2042,24)+1)/SUM(INDEX($D$3:$AA$30,INDEX(Jesper!$R$2:$R$366,ROW(INDEX(Jesper!AL$2:AL$366,ROUNDDOWN($C2042/24,0)+1,1))-1)+IF('Standard Profiles'!$G$22=$B$10,7,0)+IF('Standard Profiles'!$G$22=$B$17,14,0)+IF('Standard Profiles'!$G$22=$B$24,21,0),0)),0)</f>
        <v>1.3490093248042501</v>
      </c>
      <c r="I2042">
        <f t="shared" si="237"/>
        <v>1.2950489518120807</v>
      </c>
      <c r="J2042">
        <f t="shared" si="238"/>
        <v>7.3988945898292355</v>
      </c>
      <c r="K2042">
        <f t="shared" si="239"/>
        <v>0.26962836088222802</v>
      </c>
      <c r="L2042">
        <f t="shared" si="240"/>
        <v>0.13481418044111401</v>
      </c>
      <c r="M2042">
        <f t="shared" si="241"/>
        <v>0</v>
      </c>
      <c r="N2042" s="45">
        <f t="shared" si="242"/>
        <v>45010.666666661797</v>
      </c>
    </row>
    <row r="2043" spans="2:14" x14ac:dyDescent="0.25">
      <c r="B2043">
        <f t="shared" si="236"/>
        <v>6</v>
      </c>
      <c r="C2043" s="16">
        <v>2009</v>
      </c>
      <c r="D2043" cm="1">
        <f t="array" ref="D2043">IFERROR(INDEX(Jesper!AH$2:AH$366,ROUNDDOWN($C2043/24,0)+1,1)*INDEX($D$3:$AA$30,INDEX(Jesper!$R$2:$R$366,ROW(INDEX(Jesper!AH$2:AH$366,ROUNDDOWN($C2043/24,0)+1,1))-1)+IF('Standard Profiles'!$G$18=$B$10,7,0)+IF('Standard Profiles'!$G$18=$B$17,14,0)+IF('Standard Profiles'!$G$18=$B$24,21,0),MOD($C2043,24)+1)/SUM(INDEX($D$3:$AA$30,INDEX(Jesper!$R$2:$R$366,ROW(INDEX(Jesper!AH$2:AH$366,ROUNDDOWN($C2043/24,0)+1,1))-1)+IF('Standard Profiles'!$G$18=$B$10,7,0)+IF('Standard Profiles'!$G$18=$B$17,14,0)+IF('Standard Profiles'!$G$18=$B$24,21,0),0)),0)</f>
        <v>0</v>
      </c>
      <c r="E2043" cm="1">
        <f t="array" ref="E2043">IFERROR(INDEX(Jesper!AI$2:AI$366,ROUNDDOWN($C2043/24,0)+1,1)*INDEX($D$3:$AA$30,INDEX(Jesper!$R$2:$R$366,ROW(INDEX(Jesper!AI$2:AI$366,ROUNDDOWN($C2043/24,0)+1,1))-1)+IF('Standard Profiles'!$G$19=$B$10,7,0)+IF('Standard Profiles'!$G$19=$B$17,14,0)+IF('Standard Profiles'!$G$19=$B$24,21,0),MOD($C2043,24)+1)/SUM(INDEX($D$3:$AA$30,INDEX(Jesper!$R$2:$R$366,ROW(INDEX(Jesper!AI$2:AI$366,ROUNDDOWN($C2043/24,0)+1,1))-1)+IF('Standard Profiles'!$G$19=$B$10,7,0)+IF('Standard Profiles'!$G$19=$B$17,14,0)+IF('Standard Profiles'!$G$19=$B$24,21,0),0)),0)</f>
        <v>3.3703545110278501</v>
      </c>
      <c r="F2043" cm="1">
        <f t="array" ref="F2043">IFERROR(INDEX(Jesper!AJ$2:AJ$366,ROUNDDOWN($C2043/24,0)+1,1)*INDEX($D$3:$AA$30,INDEX(Jesper!$R$2:$R$366,ROW(INDEX(Jesper!AJ$2:AJ$366,ROUNDDOWN($C2043/24,0)+1,1))-1)+IF('Standard Profiles'!$G$20=$B$10,7,0)+IF('Standard Profiles'!$G$20=$B$17,14,0)+IF('Standard Profiles'!$G$20=$B$24,21,0),MOD($C2043,24)+1)/SUM(INDEX($D$3:$AA$30,INDEX(Jesper!$R$2:$R$366,ROW(INDEX(Jesper!AJ$2:AJ$366,ROUNDDOWN($C2043/24,0)+1,1))-1)+IF('Standard Profiles'!$G$20=$B$10,7,0)+IF('Standard Profiles'!$G$20=$B$17,14,0)+IF('Standard Profiles'!$G$20=$B$24,21,0),0)),0)</f>
        <v>2.17967505217826</v>
      </c>
      <c r="G2043" cm="1">
        <f t="array" ref="G2043">IFERROR(INDEX(Jesper!AK$2:AK$366,ROUNDDOWN($C2043/24,0)+1,1)*INDEX($D$3:$AA$30,INDEX(Jesper!$R$2:$R$366,ROW(INDEX(Jesper!AK$2:AK$366,ROUNDDOWN($C2043/24,0)+1,1))-1)+IF('Standard Profiles'!$G$21=$B$10,7,0)+IF('Standard Profiles'!$G$21=$B$17,14,0)+IF('Standard Profiles'!$G$21=$B$24,21,0),MOD($C2043,24)+1)/SUM(INDEX($D$3:$AA$30,INDEX(Jesper!$R$2:$R$366,ROW(INDEX(Jesper!AK$2:AK$366,ROUNDDOWN($C2043/24,0)+1,1))-1)+IF('Standard Profiles'!$G$21=$B$10,7,0)+IF('Standard Profiles'!$G$21=$B$17,14,0)+IF('Standard Profiles'!$G$21=$B$24,21,0),0)),0)</f>
        <v>2.1993471949542975</v>
      </c>
      <c r="H2043" cm="1">
        <f t="array" ref="H2043">IFERROR(INDEX(Jesper!AL$2:AL$366,ROUNDDOWN($C2043/24,0)+1,1)*INDEX($D$3:$AA$30,INDEX(Jesper!$R$2:$R$366,ROW(INDEX(Jesper!AL$2:AL$366,ROUNDDOWN($C2043/24,0)+1,1))-1)+IF('Standard Profiles'!$G$22=$B$10,7,0)+IF('Standard Profiles'!$G$22=$B$17,14,0)+IF('Standard Profiles'!$G$22=$B$24,21,0),MOD($C2043,24)+1)/SUM(INDEX($D$3:$AA$30,INDEX(Jesper!$R$2:$R$366,ROW(INDEX(Jesper!AL$2:AL$366,ROUNDDOWN($C2043/24,0)+1,1))-1)+IF('Standard Profiles'!$G$22=$B$10,7,0)+IF('Standard Profiles'!$G$22=$B$17,14,0)+IF('Standard Profiles'!$G$22=$B$24,21,0),0)),0)</f>
        <v>1.2141083923238252</v>
      </c>
      <c r="I2043">
        <f t="shared" si="237"/>
        <v>1.1655440566308728</v>
      </c>
      <c r="J2043">
        <f t="shared" si="238"/>
        <v>7.3934985525300183</v>
      </c>
      <c r="K2043">
        <f t="shared" si="239"/>
        <v>0.26962836088222802</v>
      </c>
      <c r="L2043">
        <f t="shared" si="240"/>
        <v>0.13481418044111401</v>
      </c>
      <c r="M2043">
        <f t="shared" si="241"/>
        <v>0</v>
      </c>
      <c r="N2043" s="45">
        <f t="shared" si="242"/>
        <v>45010.708333328461</v>
      </c>
    </row>
    <row r="2044" spans="2:14" x14ac:dyDescent="0.25">
      <c r="B2044">
        <f t="shared" si="236"/>
        <v>6</v>
      </c>
      <c r="C2044" s="16">
        <v>2010</v>
      </c>
      <c r="D2044" cm="1">
        <f t="array" ref="D2044">IFERROR(INDEX(Jesper!AH$2:AH$366,ROUNDDOWN($C2044/24,0)+1,1)*INDEX($D$3:$AA$30,INDEX(Jesper!$R$2:$R$366,ROW(INDEX(Jesper!AH$2:AH$366,ROUNDDOWN($C2044/24,0)+1,1))-1)+IF('Standard Profiles'!$G$18=$B$10,7,0)+IF('Standard Profiles'!$G$18=$B$17,14,0)+IF('Standard Profiles'!$G$18=$B$24,21,0),MOD($C2044,24)+1)/SUM(INDEX($D$3:$AA$30,INDEX(Jesper!$R$2:$R$366,ROW(INDEX(Jesper!AH$2:AH$366,ROUNDDOWN($C2044/24,0)+1,1))-1)+IF('Standard Profiles'!$G$18=$B$10,7,0)+IF('Standard Profiles'!$G$18=$B$17,14,0)+IF('Standard Profiles'!$G$18=$B$24,21,0),0)),0)</f>
        <v>0</v>
      </c>
      <c r="E2044" cm="1">
        <f t="array" ref="E2044">IFERROR(INDEX(Jesper!AI$2:AI$366,ROUNDDOWN($C2044/24,0)+1,1)*INDEX($D$3:$AA$30,INDEX(Jesper!$R$2:$R$366,ROW(INDEX(Jesper!AI$2:AI$366,ROUNDDOWN($C2044/24,0)+1,1))-1)+IF('Standard Profiles'!$G$19=$B$10,7,0)+IF('Standard Profiles'!$G$19=$B$17,14,0)+IF('Standard Profiles'!$G$19=$B$24,21,0),MOD($C2044,24)+1)/SUM(INDEX($D$3:$AA$30,INDEX(Jesper!$R$2:$R$366,ROW(INDEX(Jesper!AI$2:AI$366,ROUNDDOWN($C2044/24,0)+1,1))-1)+IF('Standard Profiles'!$G$19=$B$10,7,0)+IF('Standard Profiles'!$G$19=$B$17,14,0)+IF('Standard Profiles'!$G$19=$B$24,21,0),0)),0)</f>
        <v>3.3703545110278501</v>
      </c>
      <c r="F2044" cm="1">
        <f t="array" ref="F2044">IFERROR(INDEX(Jesper!AJ$2:AJ$366,ROUNDDOWN($C2044/24,0)+1,1)*INDEX($D$3:$AA$30,INDEX(Jesper!$R$2:$R$366,ROW(INDEX(Jesper!AJ$2:AJ$366,ROUNDDOWN($C2044/24,0)+1,1))-1)+IF('Standard Profiles'!$G$20=$B$10,7,0)+IF('Standard Profiles'!$G$20=$B$17,14,0)+IF('Standard Profiles'!$G$20=$B$24,21,0),MOD($C2044,24)+1)/SUM(INDEX($D$3:$AA$30,INDEX(Jesper!$R$2:$R$366,ROW(INDEX(Jesper!AJ$2:AJ$366,ROUNDDOWN($C2044/24,0)+1,1))-1)+IF('Standard Profiles'!$G$20=$B$10,7,0)+IF('Standard Profiles'!$G$20=$B$17,14,0)+IF('Standard Profiles'!$G$20=$B$24,21,0),0)),0)</f>
        <v>2.17967505217826</v>
      </c>
      <c r="G2044" cm="1">
        <f t="array" ref="G2044">IFERROR(INDEX(Jesper!AK$2:AK$366,ROUNDDOWN($C2044/24,0)+1,1)*INDEX($D$3:$AA$30,INDEX(Jesper!$R$2:$R$366,ROW(INDEX(Jesper!AK$2:AK$366,ROUNDDOWN($C2044/24,0)+1,1))-1)+IF('Standard Profiles'!$G$21=$B$10,7,0)+IF('Standard Profiles'!$G$21=$B$17,14,0)+IF('Standard Profiles'!$G$21=$B$24,21,0),MOD($C2044,24)+1)/SUM(INDEX($D$3:$AA$30,INDEX(Jesper!$R$2:$R$366,ROW(INDEX(Jesper!AK$2:AK$366,ROUNDDOWN($C2044/24,0)+1,1))-1)+IF('Standard Profiles'!$G$21=$B$10,7,0)+IF('Standard Profiles'!$G$21=$B$17,14,0)+IF('Standard Profiles'!$G$21=$B$24,21,0),0)),0)</f>
        <v>2.1993471949542975</v>
      </c>
      <c r="H2044" cm="1">
        <f t="array" ref="H2044">IFERROR(INDEX(Jesper!AL$2:AL$366,ROUNDDOWN($C2044/24,0)+1,1)*INDEX($D$3:$AA$30,INDEX(Jesper!$R$2:$R$366,ROW(INDEX(Jesper!AL$2:AL$366,ROUNDDOWN($C2044/24,0)+1,1))-1)+IF('Standard Profiles'!$G$22=$B$10,7,0)+IF('Standard Profiles'!$G$22=$B$17,14,0)+IF('Standard Profiles'!$G$22=$B$24,21,0),MOD($C2044,24)+1)/SUM(INDEX($D$3:$AA$30,INDEX(Jesper!$R$2:$R$366,ROW(INDEX(Jesper!AL$2:AL$366,ROUNDDOWN($C2044/24,0)+1,1))-1)+IF('Standard Profiles'!$G$22=$B$10,7,0)+IF('Standard Profiles'!$G$22=$B$17,14,0)+IF('Standard Profiles'!$G$22=$B$24,21,0),0)),0)</f>
        <v>1.1691414148303501</v>
      </c>
      <c r="I2044">
        <f t="shared" si="237"/>
        <v>1.1223757582371368</v>
      </c>
      <c r="J2044">
        <f t="shared" si="238"/>
        <v>7.3916998734302792</v>
      </c>
      <c r="K2044">
        <f t="shared" si="239"/>
        <v>0.26962836088222802</v>
      </c>
      <c r="L2044">
        <f t="shared" si="240"/>
        <v>0.13481418044111401</v>
      </c>
      <c r="M2044">
        <f t="shared" si="241"/>
        <v>0</v>
      </c>
      <c r="N2044" s="45">
        <f t="shared" si="242"/>
        <v>45010.749999995125</v>
      </c>
    </row>
    <row r="2045" spans="2:14" x14ac:dyDescent="0.25">
      <c r="B2045">
        <f t="shared" si="236"/>
        <v>6</v>
      </c>
      <c r="C2045" s="16">
        <v>2011</v>
      </c>
      <c r="D2045" cm="1">
        <f t="array" ref="D2045">IFERROR(INDEX(Jesper!AH$2:AH$366,ROUNDDOWN($C2045/24,0)+1,1)*INDEX($D$3:$AA$30,INDEX(Jesper!$R$2:$R$366,ROW(INDEX(Jesper!AH$2:AH$366,ROUNDDOWN($C2045/24,0)+1,1))-1)+IF('Standard Profiles'!$G$18=$B$10,7,0)+IF('Standard Profiles'!$G$18=$B$17,14,0)+IF('Standard Profiles'!$G$18=$B$24,21,0),MOD($C2045,24)+1)/SUM(INDEX($D$3:$AA$30,INDEX(Jesper!$R$2:$R$366,ROW(INDEX(Jesper!AH$2:AH$366,ROUNDDOWN($C2045/24,0)+1,1))-1)+IF('Standard Profiles'!$G$18=$B$10,7,0)+IF('Standard Profiles'!$G$18=$B$17,14,0)+IF('Standard Profiles'!$G$18=$B$24,21,0),0)),0)</f>
        <v>0</v>
      </c>
      <c r="E2045" cm="1">
        <f t="array" ref="E2045">IFERROR(INDEX(Jesper!AI$2:AI$366,ROUNDDOWN($C2045/24,0)+1,1)*INDEX($D$3:$AA$30,INDEX(Jesper!$R$2:$R$366,ROW(INDEX(Jesper!AI$2:AI$366,ROUNDDOWN($C2045/24,0)+1,1))-1)+IF('Standard Profiles'!$G$19=$B$10,7,0)+IF('Standard Profiles'!$G$19=$B$17,14,0)+IF('Standard Profiles'!$G$19=$B$24,21,0),MOD($C2045,24)+1)/SUM(INDEX($D$3:$AA$30,INDEX(Jesper!$R$2:$R$366,ROW(INDEX(Jesper!AI$2:AI$366,ROUNDDOWN($C2045/24,0)+1,1))-1)+IF('Standard Profiles'!$G$19=$B$10,7,0)+IF('Standard Profiles'!$G$19=$B$17,14,0)+IF('Standard Profiles'!$G$19=$B$24,21,0),0)),0)</f>
        <v>3.3703545110278501</v>
      </c>
      <c r="F2045" cm="1">
        <f t="array" ref="F2045">IFERROR(INDEX(Jesper!AJ$2:AJ$366,ROUNDDOWN($C2045/24,0)+1,1)*INDEX($D$3:$AA$30,INDEX(Jesper!$R$2:$R$366,ROW(INDEX(Jesper!AJ$2:AJ$366,ROUNDDOWN($C2045/24,0)+1,1))-1)+IF('Standard Profiles'!$G$20=$B$10,7,0)+IF('Standard Profiles'!$G$20=$B$17,14,0)+IF('Standard Profiles'!$G$20=$B$24,21,0),MOD($C2045,24)+1)/SUM(INDEX($D$3:$AA$30,INDEX(Jesper!$R$2:$R$366,ROW(INDEX(Jesper!AJ$2:AJ$366,ROUNDDOWN($C2045/24,0)+1,1))-1)+IF('Standard Profiles'!$G$20=$B$10,7,0)+IF('Standard Profiles'!$G$20=$B$17,14,0)+IF('Standard Profiles'!$G$20=$B$24,21,0),0)),0)</f>
        <v>2.17967505217826</v>
      </c>
      <c r="G2045" cm="1">
        <f t="array" ref="G2045">IFERROR(INDEX(Jesper!AK$2:AK$366,ROUNDDOWN($C2045/24,0)+1,1)*INDEX($D$3:$AA$30,INDEX(Jesper!$R$2:$R$366,ROW(INDEX(Jesper!AK$2:AK$366,ROUNDDOWN($C2045/24,0)+1,1))-1)+IF('Standard Profiles'!$G$21=$B$10,7,0)+IF('Standard Profiles'!$G$21=$B$17,14,0)+IF('Standard Profiles'!$G$21=$B$24,21,0),MOD($C2045,24)+1)/SUM(INDEX($D$3:$AA$30,INDEX(Jesper!$R$2:$R$366,ROW(INDEX(Jesper!AK$2:AK$366,ROUNDDOWN($C2045/24,0)+1,1))-1)+IF('Standard Profiles'!$G$21=$B$10,7,0)+IF('Standard Profiles'!$G$21=$B$17,14,0)+IF('Standard Profiles'!$G$21=$B$24,21,0),0)),0)</f>
        <v>2.1993471949542975</v>
      </c>
      <c r="H2045" cm="1">
        <f t="array" ref="H2045">IFERROR(INDEX(Jesper!AL$2:AL$366,ROUNDDOWN($C2045/24,0)+1,1)*INDEX($D$3:$AA$30,INDEX(Jesper!$R$2:$R$366,ROW(INDEX(Jesper!AL$2:AL$366,ROUNDDOWN($C2045/24,0)+1,1))-1)+IF('Standard Profiles'!$G$22=$B$10,7,0)+IF('Standard Profiles'!$G$22=$B$17,14,0)+IF('Standard Profiles'!$G$22=$B$24,21,0),MOD($C2045,24)+1)/SUM(INDEX($D$3:$AA$30,INDEX(Jesper!$R$2:$R$366,ROW(INDEX(Jesper!AL$2:AL$366,ROUNDDOWN($C2045/24,0)+1,1))-1)+IF('Standard Profiles'!$G$22=$B$10,7,0)+IF('Standard Profiles'!$G$22=$B$17,14,0)+IF('Standard Profiles'!$G$22=$B$24,21,0),0)),0)</f>
        <v>0.94430652736297505</v>
      </c>
      <c r="I2045">
        <f t="shared" si="237"/>
        <v>0.90653426626845657</v>
      </c>
      <c r="J2045">
        <f t="shared" si="238"/>
        <v>7.3827064779315847</v>
      </c>
      <c r="K2045">
        <f t="shared" si="239"/>
        <v>0.26962836088222802</v>
      </c>
      <c r="L2045">
        <f t="shared" si="240"/>
        <v>0.13481418044111401</v>
      </c>
      <c r="M2045">
        <f t="shared" si="241"/>
        <v>0</v>
      </c>
      <c r="N2045" s="45">
        <f t="shared" si="242"/>
        <v>45010.791666661789</v>
      </c>
    </row>
    <row r="2046" spans="2:14" x14ac:dyDescent="0.25">
      <c r="B2046">
        <f t="shared" si="236"/>
        <v>6</v>
      </c>
      <c r="C2046" s="16">
        <v>2012</v>
      </c>
      <c r="D2046" cm="1">
        <f t="array" ref="D2046">IFERROR(INDEX(Jesper!AH$2:AH$366,ROUNDDOWN($C2046/24,0)+1,1)*INDEX($D$3:$AA$30,INDEX(Jesper!$R$2:$R$366,ROW(INDEX(Jesper!AH$2:AH$366,ROUNDDOWN($C2046/24,0)+1,1))-1)+IF('Standard Profiles'!$G$18=$B$10,7,0)+IF('Standard Profiles'!$G$18=$B$17,14,0)+IF('Standard Profiles'!$G$18=$B$24,21,0),MOD($C2046,24)+1)/SUM(INDEX($D$3:$AA$30,INDEX(Jesper!$R$2:$R$366,ROW(INDEX(Jesper!AH$2:AH$366,ROUNDDOWN($C2046/24,0)+1,1))-1)+IF('Standard Profiles'!$G$18=$B$10,7,0)+IF('Standard Profiles'!$G$18=$B$17,14,0)+IF('Standard Profiles'!$G$18=$B$24,21,0),0)),0)</f>
        <v>0</v>
      </c>
      <c r="E2046" cm="1">
        <f t="array" ref="E2046">IFERROR(INDEX(Jesper!AI$2:AI$366,ROUNDDOWN($C2046/24,0)+1,1)*INDEX($D$3:$AA$30,INDEX(Jesper!$R$2:$R$366,ROW(INDEX(Jesper!AI$2:AI$366,ROUNDDOWN($C2046/24,0)+1,1))-1)+IF('Standard Profiles'!$G$19=$B$10,7,0)+IF('Standard Profiles'!$G$19=$B$17,14,0)+IF('Standard Profiles'!$G$19=$B$24,21,0),MOD($C2046,24)+1)/SUM(INDEX($D$3:$AA$30,INDEX(Jesper!$R$2:$R$366,ROW(INDEX(Jesper!AI$2:AI$366,ROUNDDOWN($C2046/24,0)+1,1))-1)+IF('Standard Profiles'!$G$19=$B$10,7,0)+IF('Standard Profiles'!$G$19=$B$17,14,0)+IF('Standard Profiles'!$G$19=$B$24,21,0),0)),0)</f>
        <v>3.3703545110278501</v>
      </c>
      <c r="F2046" cm="1">
        <f t="array" ref="F2046">IFERROR(INDEX(Jesper!AJ$2:AJ$366,ROUNDDOWN($C2046/24,0)+1,1)*INDEX($D$3:$AA$30,INDEX(Jesper!$R$2:$R$366,ROW(INDEX(Jesper!AJ$2:AJ$366,ROUNDDOWN($C2046/24,0)+1,1))-1)+IF('Standard Profiles'!$G$20=$B$10,7,0)+IF('Standard Profiles'!$G$20=$B$17,14,0)+IF('Standard Profiles'!$G$20=$B$24,21,0),MOD($C2046,24)+1)/SUM(INDEX($D$3:$AA$30,INDEX(Jesper!$R$2:$R$366,ROW(INDEX(Jesper!AJ$2:AJ$366,ROUNDDOWN($C2046/24,0)+1,1))-1)+IF('Standard Profiles'!$G$20=$B$10,7,0)+IF('Standard Profiles'!$G$20=$B$17,14,0)+IF('Standard Profiles'!$G$20=$B$24,21,0),0)),0)</f>
        <v>2.17967505217826</v>
      </c>
      <c r="G2046" cm="1">
        <f t="array" ref="G2046">IFERROR(INDEX(Jesper!AK$2:AK$366,ROUNDDOWN($C2046/24,0)+1,1)*INDEX($D$3:$AA$30,INDEX(Jesper!$R$2:$R$366,ROW(INDEX(Jesper!AK$2:AK$366,ROUNDDOWN($C2046/24,0)+1,1))-1)+IF('Standard Profiles'!$G$21=$B$10,7,0)+IF('Standard Profiles'!$G$21=$B$17,14,0)+IF('Standard Profiles'!$G$21=$B$24,21,0),MOD($C2046,24)+1)/SUM(INDEX($D$3:$AA$30,INDEX(Jesper!$R$2:$R$366,ROW(INDEX(Jesper!AK$2:AK$366,ROUNDDOWN($C2046/24,0)+1,1))-1)+IF('Standard Profiles'!$G$21=$B$10,7,0)+IF('Standard Profiles'!$G$21=$B$17,14,0)+IF('Standard Profiles'!$G$21=$B$24,21,0),0)),0)</f>
        <v>2.1993471949542975</v>
      </c>
      <c r="H2046" cm="1">
        <f t="array" ref="H2046">IFERROR(INDEX(Jesper!AL$2:AL$366,ROUNDDOWN($C2046/24,0)+1,1)*INDEX($D$3:$AA$30,INDEX(Jesper!$R$2:$R$366,ROW(INDEX(Jesper!AL$2:AL$366,ROUNDDOWN($C2046/24,0)+1,1))-1)+IF('Standard Profiles'!$G$22=$B$10,7,0)+IF('Standard Profiles'!$G$22=$B$17,14,0)+IF('Standard Profiles'!$G$22=$B$24,21,0),MOD($C2046,24)+1)/SUM(INDEX($D$3:$AA$30,INDEX(Jesper!$R$2:$R$366,ROW(INDEX(Jesper!AL$2:AL$366,ROUNDDOWN($C2046/24,0)+1,1))-1)+IF('Standard Profiles'!$G$22=$B$10,7,0)+IF('Standard Profiles'!$G$22=$B$17,14,0)+IF('Standard Profiles'!$G$22=$B$24,21,0),0)),0)</f>
        <v>0.69698815114886248</v>
      </c>
      <c r="I2046">
        <f t="shared" si="237"/>
        <v>0.66910862510290836</v>
      </c>
      <c r="J2046">
        <f t="shared" si="238"/>
        <v>7.3728137428830198</v>
      </c>
      <c r="K2046">
        <f t="shared" si="239"/>
        <v>0.26962836088222802</v>
      </c>
      <c r="L2046">
        <f t="shared" si="240"/>
        <v>0.13481418044111401</v>
      </c>
      <c r="M2046">
        <f t="shared" si="241"/>
        <v>0</v>
      </c>
      <c r="N2046" s="45">
        <f t="shared" si="242"/>
        <v>45010.833333328454</v>
      </c>
    </row>
    <row r="2047" spans="2:14" x14ac:dyDescent="0.25">
      <c r="B2047">
        <f t="shared" si="236"/>
        <v>6</v>
      </c>
      <c r="C2047" s="16">
        <v>2013</v>
      </c>
      <c r="D2047" cm="1">
        <f t="array" ref="D2047">IFERROR(INDEX(Jesper!AH$2:AH$366,ROUNDDOWN($C2047/24,0)+1,1)*INDEX($D$3:$AA$30,INDEX(Jesper!$R$2:$R$366,ROW(INDEX(Jesper!AH$2:AH$366,ROUNDDOWN($C2047/24,0)+1,1))-1)+IF('Standard Profiles'!$G$18=$B$10,7,0)+IF('Standard Profiles'!$G$18=$B$17,14,0)+IF('Standard Profiles'!$G$18=$B$24,21,0),MOD($C2047,24)+1)/SUM(INDEX($D$3:$AA$30,INDEX(Jesper!$R$2:$R$366,ROW(INDEX(Jesper!AH$2:AH$366,ROUNDDOWN($C2047/24,0)+1,1))-1)+IF('Standard Profiles'!$G$18=$B$10,7,0)+IF('Standard Profiles'!$G$18=$B$17,14,0)+IF('Standard Profiles'!$G$18=$B$24,21,0),0)),0)</f>
        <v>0</v>
      </c>
      <c r="E2047" cm="1">
        <f t="array" ref="E2047">IFERROR(INDEX(Jesper!AI$2:AI$366,ROUNDDOWN($C2047/24,0)+1,1)*INDEX($D$3:$AA$30,INDEX(Jesper!$R$2:$R$366,ROW(INDEX(Jesper!AI$2:AI$366,ROUNDDOWN($C2047/24,0)+1,1))-1)+IF('Standard Profiles'!$G$19=$B$10,7,0)+IF('Standard Profiles'!$G$19=$B$17,14,0)+IF('Standard Profiles'!$G$19=$B$24,21,0),MOD($C2047,24)+1)/SUM(INDEX($D$3:$AA$30,INDEX(Jesper!$R$2:$R$366,ROW(INDEX(Jesper!AI$2:AI$366,ROUNDDOWN($C2047/24,0)+1,1))-1)+IF('Standard Profiles'!$G$19=$B$10,7,0)+IF('Standard Profiles'!$G$19=$B$17,14,0)+IF('Standard Profiles'!$G$19=$B$24,21,0),0)),0)</f>
        <v>3.3703545110278501</v>
      </c>
      <c r="F2047" cm="1">
        <f t="array" ref="F2047">IFERROR(INDEX(Jesper!AJ$2:AJ$366,ROUNDDOWN($C2047/24,0)+1,1)*INDEX($D$3:$AA$30,INDEX(Jesper!$R$2:$R$366,ROW(INDEX(Jesper!AJ$2:AJ$366,ROUNDDOWN($C2047/24,0)+1,1))-1)+IF('Standard Profiles'!$G$20=$B$10,7,0)+IF('Standard Profiles'!$G$20=$B$17,14,0)+IF('Standard Profiles'!$G$20=$B$24,21,0),MOD($C2047,24)+1)/SUM(INDEX($D$3:$AA$30,INDEX(Jesper!$R$2:$R$366,ROW(INDEX(Jesper!AJ$2:AJ$366,ROUNDDOWN($C2047/24,0)+1,1))-1)+IF('Standard Profiles'!$G$20=$B$10,7,0)+IF('Standard Profiles'!$G$20=$B$17,14,0)+IF('Standard Profiles'!$G$20=$B$24,21,0),0)),0)</f>
        <v>2.17967505217826</v>
      </c>
      <c r="G2047" cm="1">
        <f t="array" ref="G2047">IFERROR(INDEX(Jesper!AK$2:AK$366,ROUNDDOWN($C2047/24,0)+1,1)*INDEX($D$3:$AA$30,INDEX(Jesper!$R$2:$R$366,ROW(INDEX(Jesper!AK$2:AK$366,ROUNDDOWN($C2047/24,0)+1,1))-1)+IF('Standard Profiles'!$G$21=$B$10,7,0)+IF('Standard Profiles'!$G$21=$B$17,14,0)+IF('Standard Profiles'!$G$21=$B$24,21,0),MOD($C2047,24)+1)/SUM(INDEX($D$3:$AA$30,INDEX(Jesper!$R$2:$R$366,ROW(INDEX(Jesper!AK$2:AK$366,ROUNDDOWN($C2047/24,0)+1,1))-1)+IF('Standard Profiles'!$G$21=$B$10,7,0)+IF('Standard Profiles'!$G$21=$B$17,14,0)+IF('Standard Profiles'!$G$21=$B$24,21,0),0)),0)</f>
        <v>2.1993471949542975</v>
      </c>
      <c r="H2047" cm="1">
        <f t="array" ref="H2047">IFERROR(INDEX(Jesper!AL$2:AL$366,ROUNDDOWN($C2047/24,0)+1,1)*INDEX($D$3:$AA$30,INDEX(Jesper!$R$2:$R$366,ROW(INDEX(Jesper!AL$2:AL$366,ROUNDDOWN($C2047/24,0)+1,1))-1)+IF('Standard Profiles'!$G$22=$B$10,7,0)+IF('Standard Profiles'!$G$22=$B$17,14,0)+IF('Standard Profiles'!$G$22=$B$24,21,0),MOD($C2047,24)+1)/SUM(INDEX($D$3:$AA$30,INDEX(Jesper!$R$2:$R$366,ROW(INDEX(Jesper!AL$2:AL$366,ROUNDDOWN($C2047/24,0)+1,1))-1)+IF('Standard Profiles'!$G$22=$B$10,7,0)+IF('Standard Profiles'!$G$22=$B$17,14,0)+IF('Standard Profiles'!$G$22=$B$24,21,0),0)),0)</f>
        <v>0.69698815114886248</v>
      </c>
      <c r="I2047">
        <f t="shared" si="237"/>
        <v>0.66910862510290836</v>
      </c>
      <c r="J2047">
        <f t="shared" si="238"/>
        <v>7.3728137428830198</v>
      </c>
      <c r="K2047">
        <f t="shared" si="239"/>
        <v>0.26962836088222802</v>
      </c>
      <c r="L2047">
        <f t="shared" si="240"/>
        <v>0.13481418044111401</v>
      </c>
      <c r="M2047">
        <f t="shared" si="241"/>
        <v>0</v>
      </c>
      <c r="N2047" s="45">
        <f t="shared" si="242"/>
        <v>45010.874999995118</v>
      </c>
    </row>
    <row r="2048" spans="2:14" x14ac:dyDescent="0.25">
      <c r="B2048">
        <f t="shared" si="236"/>
        <v>6</v>
      </c>
      <c r="C2048" s="16">
        <v>2014</v>
      </c>
      <c r="D2048" cm="1">
        <f t="array" ref="D2048">IFERROR(INDEX(Jesper!AH$2:AH$366,ROUNDDOWN($C2048/24,0)+1,1)*INDEX($D$3:$AA$30,INDEX(Jesper!$R$2:$R$366,ROW(INDEX(Jesper!AH$2:AH$366,ROUNDDOWN($C2048/24,0)+1,1))-1)+IF('Standard Profiles'!$G$18=$B$10,7,0)+IF('Standard Profiles'!$G$18=$B$17,14,0)+IF('Standard Profiles'!$G$18=$B$24,21,0),MOD($C2048,24)+1)/SUM(INDEX($D$3:$AA$30,INDEX(Jesper!$R$2:$R$366,ROW(INDEX(Jesper!AH$2:AH$366,ROUNDDOWN($C2048/24,0)+1,1))-1)+IF('Standard Profiles'!$G$18=$B$10,7,0)+IF('Standard Profiles'!$G$18=$B$17,14,0)+IF('Standard Profiles'!$G$18=$B$24,21,0),0)),0)</f>
        <v>0</v>
      </c>
      <c r="E2048" cm="1">
        <f t="array" ref="E2048">IFERROR(INDEX(Jesper!AI$2:AI$366,ROUNDDOWN($C2048/24,0)+1,1)*INDEX($D$3:$AA$30,INDEX(Jesper!$R$2:$R$366,ROW(INDEX(Jesper!AI$2:AI$366,ROUNDDOWN($C2048/24,0)+1,1))-1)+IF('Standard Profiles'!$G$19=$B$10,7,0)+IF('Standard Profiles'!$G$19=$B$17,14,0)+IF('Standard Profiles'!$G$19=$B$24,21,0),MOD($C2048,24)+1)/SUM(INDEX($D$3:$AA$30,INDEX(Jesper!$R$2:$R$366,ROW(INDEX(Jesper!AI$2:AI$366,ROUNDDOWN($C2048/24,0)+1,1))-1)+IF('Standard Profiles'!$G$19=$B$10,7,0)+IF('Standard Profiles'!$G$19=$B$17,14,0)+IF('Standard Profiles'!$G$19=$B$24,21,0),0)),0)</f>
        <v>3.3703545110278501</v>
      </c>
      <c r="F2048" cm="1">
        <f t="array" ref="F2048">IFERROR(INDEX(Jesper!AJ$2:AJ$366,ROUNDDOWN($C2048/24,0)+1,1)*INDEX($D$3:$AA$30,INDEX(Jesper!$R$2:$R$366,ROW(INDEX(Jesper!AJ$2:AJ$366,ROUNDDOWN($C2048/24,0)+1,1))-1)+IF('Standard Profiles'!$G$20=$B$10,7,0)+IF('Standard Profiles'!$G$20=$B$17,14,0)+IF('Standard Profiles'!$G$20=$B$24,21,0),MOD($C2048,24)+1)/SUM(INDEX($D$3:$AA$30,INDEX(Jesper!$R$2:$R$366,ROW(INDEX(Jesper!AJ$2:AJ$366,ROUNDDOWN($C2048/24,0)+1,1))-1)+IF('Standard Profiles'!$G$20=$B$10,7,0)+IF('Standard Profiles'!$G$20=$B$17,14,0)+IF('Standard Profiles'!$G$20=$B$24,21,0),0)),0)</f>
        <v>2.17967505217826</v>
      </c>
      <c r="G2048" cm="1">
        <f t="array" ref="G2048">IFERROR(INDEX(Jesper!AK$2:AK$366,ROUNDDOWN($C2048/24,0)+1,1)*INDEX($D$3:$AA$30,INDEX(Jesper!$R$2:$R$366,ROW(INDEX(Jesper!AK$2:AK$366,ROUNDDOWN($C2048/24,0)+1,1))-1)+IF('Standard Profiles'!$G$21=$B$10,7,0)+IF('Standard Profiles'!$G$21=$B$17,14,0)+IF('Standard Profiles'!$G$21=$B$24,21,0),MOD($C2048,24)+1)/SUM(INDEX($D$3:$AA$30,INDEX(Jesper!$R$2:$R$366,ROW(INDEX(Jesper!AK$2:AK$366,ROUNDDOWN($C2048/24,0)+1,1))-1)+IF('Standard Profiles'!$G$21=$B$10,7,0)+IF('Standard Profiles'!$G$21=$B$17,14,0)+IF('Standard Profiles'!$G$21=$B$24,21,0),0)),0)</f>
        <v>2.1993471949542975</v>
      </c>
      <c r="H2048" cm="1">
        <f t="array" ref="H2048">IFERROR(INDEX(Jesper!AL$2:AL$366,ROUNDDOWN($C2048/24,0)+1,1)*INDEX($D$3:$AA$30,INDEX(Jesper!$R$2:$R$366,ROW(INDEX(Jesper!AL$2:AL$366,ROUNDDOWN($C2048/24,0)+1,1))-1)+IF('Standard Profiles'!$G$22=$B$10,7,0)+IF('Standard Profiles'!$G$22=$B$17,14,0)+IF('Standard Profiles'!$G$22=$B$24,21,0),MOD($C2048,24)+1)/SUM(INDEX($D$3:$AA$30,INDEX(Jesper!$R$2:$R$366,ROW(INDEX(Jesper!AL$2:AL$366,ROUNDDOWN($C2048/24,0)+1,1))-1)+IF('Standard Profiles'!$G$22=$B$10,7,0)+IF('Standard Profiles'!$G$22=$B$17,14,0)+IF('Standard Profiles'!$G$22=$B$24,21,0),0)),0)</f>
        <v>0.69698815114886248</v>
      </c>
      <c r="I2048">
        <f t="shared" si="237"/>
        <v>0.66910862510290836</v>
      </c>
      <c r="J2048">
        <f t="shared" si="238"/>
        <v>7.3728137428830198</v>
      </c>
      <c r="K2048">
        <f t="shared" si="239"/>
        <v>0.26962836088222802</v>
      </c>
      <c r="L2048">
        <f t="shared" si="240"/>
        <v>0.13481418044111401</v>
      </c>
      <c r="M2048">
        <f t="shared" si="241"/>
        <v>0</v>
      </c>
      <c r="N2048" s="45">
        <f t="shared" si="242"/>
        <v>45010.916666661782</v>
      </c>
    </row>
    <row r="2049" spans="2:14" x14ac:dyDescent="0.25">
      <c r="B2049">
        <f t="shared" si="236"/>
        <v>6</v>
      </c>
      <c r="C2049" s="16">
        <v>2015</v>
      </c>
      <c r="D2049" cm="1">
        <f t="array" ref="D2049">IFERROR(INDEX(Jesper!AH$2:AH$366,ROUNDDOWN($C2049/24,0)+1,1)*INDEX($D$3:$AA$30,INDEX(Jesper!$R$2:$R$366,ROW(INDEX(Jesper!AH$2:AH$366,ROUNDDOWN($C2049/24,0)+1,1))-1)+IF('Standard Profiles'!$G$18=$B$10,7,0)+IF('Standard Profiles'!$G$18=$B$17,14,0)+IF('Standard Profiles'!$G$18=$B$24,21,0),MOD($C2049,24)+1)/SUM(INDEX($D$3:$AA$30,INDEX(Jesper!$R$2:$R$366,ROW(INDEX(Jesper!AH$2:AH$366,ROUNDDOWN($C2049/24,0)+1,1))-1)+IF('Standard Profiles'!$G$18=$B$10,7,0)+IF('Standard Profiles'!$G$18=$B$17,14,0)+IF('Standard Profiles'!$G$18=$B$24,21,0),0)),0)</f>
        <v>0</v>
      </c>
      <c r="E2049" cm="1">
        <f t="array" ref="E2049">IFERROR(INDEX(Jesper!AI$2:AI$366,ROUNDDOWN($C2049/24,0)+1,1)*INDEX($D$3:$AA$30,INDEX(Jesper!$R$2:$R$366,ROW(INDEX(Jesper!AI$2:AI$366,ROUNDDOWN($C2049/24,0)+1,1))-1)+IF('Standard Profiles'!$G$19=$B$10,7,0)+IF('Standard Profiles'!$G$19=$B$17,14,0)+IF('Standard Profiles'!$G$19=$B$24,21,0),MOD($C2049,24)+1)/SUM(INDEX($D$3:$AA$30,INDEX(Jesper!$R$2:$R$366,ROW(INDEX(Jesper!AI$2:AI$366,ROUNDDOWN($C2049/24,0)+1,1))-1)+IF('Standard Profiles'!$G$19=$B$10,7,0)+IF('Standard Profiles'!$G$19=$B$17,14,0)+IF('Standard Profiles'!$G$19=$B$24,21,0),0)),0)</f>
        <v>3.3703545110278501</v>
      </c>
      <c r="F2049" cm="1">
        <f t="array" ref="F2049">IFERROR(INDEX(Jesper!AJ$2:AJ$366,ROUNDDOWN($C2049/24,0)+1,1)*INDEX($D$3:$AA$30,INDEX(Jesper!$R$2:$R$366,ROW(INDEX(Jesper!AJ$2:AJ$366,ROUNDDOWN($C2049/24,0)+1,1))-1)+IF('Standard Profiles'!$G$20=$B$10,7,0)+IF('Standard Profiles'!$G$20=$B$17,14,0)+IF('Standard Profiles'!$G$20=$B$24,21,0),MOD($C2049,24)+1)/SUM(INDEX($D$3:$AA$30,INDEX(Jesper!$R$2:$R$366,ROW(INDEX(Jesper!AJ$2:AJ$366,ROUNDDOWN($C2049/24,0)+1,1))-1)+IF('Standard Profiles'!$G$20=$B$10,7,0)+IF('Standard Profiles'!$G$20=$B$17,14,0)+IF('Standard Profiles'!$G$20=$B$24,21,0),0)),0)</f>
        <v>2.17967505217826</v>
      </c>
      <c r="G2049" cm="1">
        <f t="array" ref="G2049">IFERROR(INDEX(Jesper!AK$2:AK$366,ROUNDDOWN($C2049/24,0)+1,1)*INDEX($D$3:$AA$30,INDEX(Jesper!$R$2:$R$366,ROW(INDEX(Jesper!AK$2:AK$366,ROUNDDOWN($C2049/24,0)+1,1))-1)+IF('Standard Profiles'!$G$21=$B$10,7,0)+IF('Standard Profiles'!$G$21=$B$17,14,0)+IF('Standard Profiles'!$G$21=$B$24,21,0),MOD($C2049,24)+1)/SUM(INDEX($D$3:$AA$30,INDEX(Jesper!$R$2:$R$366,ROW(INDEX(Jesper!AK$2:AK$366,ROUNDDOWN($C2049/24,0)+1,1))-1)+IF('Standard Profiles'!$G$21=$B$10,7,0)+IF('Standard Profiles'!$G$21=$B$17,14,0)+IF('Standard Profiles'!$G$21=$B$24,21,0),0)),0)</f>
        <v>2.1993471949542975</v>
      </c>
      <c r="H2049" cm="1">
        <f t="array" ref="H2049">IFERROR(INDEX(Jesper!AL$2:AL$366,ROUNDDOWN($C2049/24,0)+1,1)*INDEX($D$3:$AA$30,INDEX(Jesper!$R$2:$R$366,ROW(INDEX(Jesper!AL$2:AL$366,ROUNDDOWN($C2049/24,0)+1,1))-1)+IF('Standard Profiles'!$G$22=$B$10,7,0)+IF('Standard Profiles'!$G$22=$B$17,14,0)+IF('Standard Profiles'!$G$22=$B$24,21,0),MOD($C2049,24)+1)/SUM(INDEX($D$3:$AA$30,INDEX(Jesper!$R$2:$R$366,ROW(INDEX(Jesper!AL$2:AL$366,ROUNDDOWN($C2049/24,0)+1,1))-1)+IF('Standard Profiles'!$G$22=$B$10,7,0)+IF('Standard Profiles'!$G$22=$B$17,14,0)+IF('Standard Profiles'!$G$22=$B$24,21,0),0)),0)</f>
        <v>0.69698815114886248</v>
      </c>
      <c r="I2049">
        <f t="shared" si="237"/>
        <v>0.66910862510290836</v>
      </c>
      <c r="J2049">
        <f t="shared" si="238"/>
        <v>7.3728137428830198</v>
      </c>
      <c r="K2049">
        <f t="shared" si="239"/>
        <v>0.26962836088222802</v>
      </c>
      <c r="L2049">
        <f t="shared" si="240"/>
        <v>0.13481418044111401</v>
      </c>
      <c r="M2049">
        <f t="shared" si="241"/>
        <v>0</v>
      </c>
      <c r="N2049" s="45">
        <f t="shared" si="242"/>
        <v>45010.958333328446</v>
      </c>
    </row>
    <row r="2050" spans="2:14" x14ac:dyDescent="0.25">
      <c r="B2050">
        <f t="shared" si="236"/>
        <v>7</v>
      </c>
      <c r="C2050" s="16">
        <v>2016</v>
      </c>
      <c r="D2050" cm="1">
        <f t="array" ref="D2050">IFERROR(INDEX(Jesper!AH$2:AH$366,ROUNDDOWN($C2050/24,0)+1,1)*INDEX($D$3:$AA$30,INDEX(Jesper!$R$2:$R$366,ROW(INDEX(Jesper!AH$2:AH$366,ROUNDDOWN($C2050/24,0)+1,1))-1)+IF('Standard Profiles'!$G$18=$B$10,7,0)+IF('Standard Profiles'!$G$18=$B$17,14,0)+IF('Standard Profiles'!$G$18=$B$24,21,0),MOD($C2050,24)+1)/SUM(INDEX($D$3:$AA$30,INDEX(Jesper!$R$2:$R$366,ROW(INDEX(Jesper!AH$2:AH$366,ROUNDDOWN($C2050/24,0)+1,1))-1)+IF('Standard Profiles'!$G$18=$B$10,7,0)+IF('Standard Profiles'!$G$18=$B$17,14,0)+IF('Standard Profiles'!$G$18=$B$24,21,0),0)),0)</f>
        <v>0</v>
      </c>
      <c r="E2050" cm="1">
        <f t="array" ref="E2050">IFERROR(INDEX(Jesper!AI$2:AI$366,ROUNDDOWN($C2050/24,0)+1,1)*INDEX($D$3:$AA$30,INDEX(Jesper!$R$2:$R$366,ROW(INDEX(Jesper!AI$2:AI$366,ROUNDDOWN($C2050/24,0)+1,1))-1)+IF('Standard Profiles'!$G$19=$B$10,7,0)+IF('Standard Profiles'!$G$19=$B$17,14,0)+IF('Standard Profiles'!$G$19=$B$24,21,0),MOD($C2050,24)+1)/SUM(INDEX($D$3:$AA$30,INDEX(Jesper!$R$2:$R$366,ROW(INDEX(Jesper!AI$2:AI$366,ROUNDDOWN($C2050/24,0)+1,1))-1)+IF('Standard Profiles'!$G$19=$B$10,7,0)+IF('Standard Profiles'!$G$19=$B$17,14,0)+IF('Standard Profiles'!$G$19=$B$24,21,0),0)),0)</f>
        <v>3.4254610577146827</v>
      </c>
      <c r="F2050" cm="1">
        <f t="array" ref="F2050">IFERROR(INDEX(Jesper!AJ$2:AJ$366,ROUNDDOWN($C2050/24,0)+1,1)*INDEX($D$3:$AA$30,INDEX(Jesper!$R$2:$R$366,ROW(INDEX(Jesper!AJ$2:AJ$366,ROUNDDOWN($C2050/24,0)+1,1))-1)+IF('Standard Profiles'!$G$20=$B$10,7,0)+IF('Standard Profiles'!$G$20=$B$17,14,0)+IF('Standard Profiles'!$G$20=$B$24,21,0),MOD($C2050,24)+1)/SUM(INDEX($D$3:$AA$30,INDEX(Jesper!$R$2:$R$366,ROW(INDEX(Jesper!AJ$2:AJ$366,ROUNDDOWN($C2050/24,0)+1,1))-1)+IF('Standard Profiles'!$G$20=$B$10,7,0)+IF('Standard Profiles'!$G$20=$B$17,14,0)+IF('Standard Profiles'!$G$20=$B$24,21,0),0)),0)</f>
        <v>2.2391362255903959</v>
      </c>
      <c r="G2050" cm="1">
        <f t="array" ref="G2050">IFERROR(INDEX(Jesper!AK$2:AK$366,ROUNDDOWN($C2050/24,0)+1,1)*INDEX($D$3:$AA$30,INDEX(Jesper!$R$2:$R$366,ROW(INDEX(Jesper!AK$2:AK$366,ROUNDDOWN($C2050/24,0)+1,1))-1)+IF('Standard Profiles'!$G$21=$B$10,7,0)+IF('Standard Profiles'!$G$21=$B$17,14,0)+IF('Standard Profiles'!$G$21=$B$24,21,0),MOD($C2050,24)+1)/SUM(INDEX($D$3:$AA$30,INDEX(Jesper!$R$2:$R$366,ROW(INDEX(Jesper!AK$2:AK$366,ROUNDDOWN($C2050/24,0)+1,1))-1)+IF('Standard Profiles'!$G$21=$B$10,7,0)+IF('Standard Profiles'!$G$21=$B$17,14,0)+IF('Standard Profiles'!$G$21=$B$24,21,0),0)),0)</f>
        <v>2.3118125111907091</v>
      </c>
      <c r="H2050" cm="1">
        <f t="array" ref="H2050">IFERROR(INDEX(Jesper!AL$2:AL$366,ROUNDDOWN($C2050/24,0)+1,1)*INDEX($D$3:$AA$30,INDEX(Jesper!$R$2:$R$366,ROW(INDEX(Jesper!AL$2:AL$366,ROUNDDOWN($C2050/24,0)+1,1))-1)+IF('Standard Profiles'!$G$22=$B$10,7,0)+IF('Standard Profiles'!$G$22=$B$17,14,0)+IF('Standard Profiles'!$G$22=$B$24,21,0),MOD($C2050,24)+1)/SUM(INDEX($D$3:$AA$30,INDEX(Jesper!$R$2:$R$366,ROW(INDEX(Jesper!AL$2:AL$366,ROUNDDOWN($C2050/24,0)+1,1))-1)+IF('Standard Profiles'!$G$22=$B$10,7,0)+IF('Standard Profiles'!$G$22=$B$17,14,0)+IF('Standard Profiles'!$G$22=$B$24,21,0),0)),0)</f>
        <v>0.85127221236067219</v>
      </c>
      <c r="I2050">
        <f t="shared" si="237"/>
        <v>0.8172213238662458</v>
      </c>
      <c r="J2050">
        <f t="shared" si="238"/>
        <v>7.5994053560644526</v>
      </c>
      <c r="K2050">
        <f t="shared" si="239"/>
        <v>0.27403688461717463</v>
      </c>
      <c r="L2050">
        <f t="shared" si="240"/>
        <v>0.13701844230858731</v>
      </c>
      <c r="M2050">
        <f t="shared" si="241"/>
        <v>0</v>
      </c>
      <c r="N2050" s="45">
        <f t="shared" si="242"/>
        <v>45010.999999995111</v>
      </c>
    </row>
    <row r="2051" spans="2:14" x14ac:dyDescent="0.25">
      <c r="B2051">
        <f t="shared" si="236"/>
        <v>7</v>
      </c>
      <c r="C2051" s="16">
        <v>2017</v>
      </c>
      <c r="D2051" cm="1">
        <f t="array" ref="D2051">IFERROR(INDEX(Jesper!AH$2:AH$366,ROUNDDOWN($C2051/24,0)+1,1)*INDEX($D$3:$AA$30,INDEX(Jesper!$R$2:$R$366,ROW(INDEX(Jesper!AH$2:AH$366,ROUNDDOWN($C2051/24,0)+1,1))-1)+IF('Standard Profiles'!$G$18=$B$10,7,0)+IF('Standard Profiles'!$G$18=$B$17,14,0)+IF('Standard Profiles'!$G$18=$B$24,21,0),MOD($C2051,24)+1)/SUM(INDEX($D$3:$AA$30,INDEX(Jesper!$R$2:$R$366,ROW(INDEX(Jesper!AH$2:AH$366,ROUNDDOWN($C2051/24,0)+1,1))-1)+IF('Standard Profiles'!$G$18=$B$10,7,0)+IF('Standard Profiles'!$G$18=$B$17,14,0)+IF('Standard Profiles'!$G$18=$B$24,21,0),0)),0)</f>
        <v>0</v>
      </c>
      <c r="E2051" cm="1">
        <f t="array" ref="E2051">IFERROR(INDEX(Jesper!AI$2:AI$366,ROUNDDOWN($C2051/24,0)+1,1)*INDEX($D$3:$AA$30,INDEX(Jesper!$R$2:$R$366,ROW(INDEX(Jesper!AI$2:AI$366,ROUNDDOWN($C2051/24,0)+1,1))-1)+IF('Standard Profiles'!$G$19=$B$10,7,0)+IF('Standard Profiles'!$G$19=$B$17,14,0)+IF('Standard Profiles'!$G$19=$B$24,21,0),MOD($C2051,24)+1)/SUM(INDEX($D$3:$AA$30,INDEX(Jesper!$R$2:$R$366,ROW(INDEX(Jesper!AI$2:AI$366,ROUNDDOWN($C2051/24,0)+1,1))-1)+IF('Standard Profiles'!$G$19=$B$10,7,0)+IF('Standard Profiles'!$G$19=$B$17,14,0)+IF('Standard Profiles'!$G$19=$B$24,21,0),0)),0)</f>
        <v>3.4254610577146827</v>
      </c>
      <c r="F2051" cm="1">
        <f t="array" ref="F2051">IFERROR(INDEX(Jesper!AJ$2:AJ$366,ROUNDDOWN($C2051/24,0)+1,1)*INDEX($D$3:$AA$30,INDEX(Jesper!$R$2:$R$366,ROW(INDEX(Jesper!AJ$2:AJ$366,ROUNDDOWN($C2051/24,0)+1,1))-1)+IF('Standard Profiles'!$G$20=$B$10,7,0)+IF('Standard Profiles'!$G$20=$B$17,14,0)+IF('Standard Profiles'!$G$20=$B$24,21,0),MOD($C2051,24)+1)/SUM(INDEX($D$3:$AA$30,INDEX(Jesper!$R$2:$R$366,ROW(INDEX(Jesper!AJ$2:AJ$366,ROUNDDOWN($C2051/24,0)+1,1))-1)+IF('Standard Profiles'!$G$20=$B$10,7,0)+IF('Standard Profiles'!$G$20=$B$17,14,0)+IF('Standard Profiles'!$G$20=$B$24,21,0),0)),0)</f>
        <v>2.2391362255903959</v>
      </c>
      <c r="G2051" cm="1">
        <f t="array" ref="G2051">IFERROR(INDEX(Jesper!AK$2:AK$366,ROUNDDOWN($C2051/24,0)+1,1)*INDEX($D$3:$AA$30,INDEX(Jesper!$R$2:$R$366,ROW(INDEX(Jesper!AK$2:AK$366,ROUNDDOWN($C2051/24,0)+1,1))-1)+IF('Standard Profiles'!$G$21=$B$10,7,0)+IF('Standard Profiles'!$G$21=$B$17,14,0)+IF('Standard Profiles'!$G$21=$B$24,21,0),MOD($C2051,24)+1)/SUM(INDEX($D$3:$AA$30,INDEX(Jesper!$R$2:$R$366,ROW(INDEX(Jesper!AK$2:AK$366,ROUNDDOWN($C2051/24,0)+1,1))-1)+IF('Standard Profiles'!$G$21=$B$10,7,0)+IF('Standard Profiles'!$G$21=$B$17,14,0)+IF('Standard Profiles'!$G$21=$B$24,21,0),0)),0)</f>
        <v>2.3118125111907091</v>
      </c>
      <c r="H2051" cm="1">
        <f t="array" ref="H2051">IFERROR(INDEX(Jesper!AL$2:AL$366,ROUNDDOWN($C2051/24,0)+1,1)*INDEX($D$3:$AA$30,INDEX(Jesper!$R$2:$R$366,ROW(INDEX(Jesper!AL$2:AL$366,ROUNDDOWN($C2051/24,0)+1,1))-1)+IF('Standard Profiles'!$G$22=$B$10,7,0)+IF('Standard Profiles'!$G$22=$B$17,14,0)+IF('Standard Profiles'!$G$22=$B$24,21,0),MOD($C2051,24)+1)/SUM(INDEX($D$3:$AA$30,INDEX(Jesper!$R$2:$R$366,ROW(INDEX(Jesper!AL$2:AL$366,ROUNDDOWN($C2051/24,0)+1,1))-1)+IF('Standard Profiles'!$G$22=$B$10,7,0)+IF('Standard Profiles'!$G$22=$B$17,14,0)+IF('Standard Profiles'!$G$22=$B$24,21,0),0)),0)</f>
        <v>0.98857418209626435</v>
      </c>
      <c r="I2051">
        <f t="shared" si="237"/>
        <v>0.94903121481241426</v>
      </c>
      <c r="J2051">
        <f t="shared" si="238"/>
        <v>7.6048974348538767</v>
      </c>
      <c r="K2051">
        <f t="shared" si="239"/>
        <v>0.27403688461717463</v>
      </c>
      <c r="L2051">
        <f t="shared" si="240"/>
        <v>0.13701844230858731</v>
      </c>
      <c r="M2051">
        <f t="shared" si="241"/>
        <v>0</v>
      </c>
      <c r="N2051" s="45">
        <f t="shared" si="242"/>
        <v>45011.041666661775</v>
      </c>
    </row>
    <row r="2052" spans="2:14" x14ac:dyDescent="0.25">
      <c r="B2052">
        <f t="shared" si="236"/>
        <v>7</v>
      </c>
      <c r="C2052" s="16">
        <v>2018</v>
      </c>
      <c r="D2052" cm="1">
        <f t="array" ref="D2052">IFERROR(INDEX(Jesper!AH$2:AH$366,ROUNDDOWN($C2052/24,0)+1,1)*INDEX($D$3:$AA$30,INDEX(Jesper!$R$2:$R$366,ROW(INDEX(Jesper!AH$2:AH$366,ROUNDDOWN($C2052/24,0)+1,1))-1)+IF('Standard Profiles'!$G$18=$B$10,7,0)+IF('Standard Profiles'!$G$18=$B$17,14,0)+IF('Standard Profiles'!$G$18=$B$24,21,0),MOD($C2052,24)+1)/SUM(INDEX($D$3:$AA$30,INDEX(Jesper!$R$2:$R$366,ROW(INDEX(Jesper!AH$2:AH$366,ROUNDDOWN($C2052/24,0)+1,1))-1)+IF('Standard Profiles'!$G$18=$B$10,7,0)+IF('Standard Profiles'!$G$18=$B$17,14,0)+IF('Standard Profiles'!$G$18=$B$24,21,0),0)),0)</f>
        <v>0</v>
      </c>
      <c r="E2052" cm="1">
        <f t="array" ref="E2052">IFERROR(INDEX(Jesper!AI$2:AI$366,ROUNDDOWN($C2052/24,0)+1,1)*INDEX($D$3:$AA$30,INDEX(Jesper!$R$2:$R$366,ROW(INDEX(Jesper!AI$2:AI$366,ROUNDDOWN($C2052/24,0)+1,1))-1)+IF('Standard Profiles'!$G$19=$B$10,7,0)+IF('Standard Profiles'!$G$19=$B$17,14,0)+IF('Standard Profiles'!$G$19=$B$24,21,0),MOD($C2052,24)+1)/SUM(INDEX($D$3:$AA$30,INDEX(Jesper!$R$2:$R$366,ROW(INDEX(Jesper!AI$2:AI$366,ROUNDDOWN($C2052/24,0)+1,1))-1)+IF('Standard Profiles'!$G$19=$B$10,7,0)+IF('Standard Profiles'!$G$19=$B$17,14,0)+IF('Standard Profiles'!$G$19=$B$24,21,0),0)),0)</f>
        <v>3.4254610577146827</v>
      </c>
      <c r="F2052" cm="1">
        <f t="array" ref="F2052">IFERROR(INDEX(Jesper!AJ$2:AJ$366,ROUNDDOWN($C2052/24,0)+1,1)*INDEX($D$3:$AA$30,INDEX(Jesper!$R$2:$R$366,ROW(INDEX(Jesper!AJ$2:AJ$366,ROUNDDOWN($C2052/24,0)+1,1))-1)+IF('Standard Profiles'!$G$20=$B$10,7,0)+IF('Standard Profiles'!$G$20=$B$17,14,0)+IF('Standard Profiles'!$G$20=$B$24,21,0),MOD($C2052,24)+1)/SUM(INDEX($D$3:$AA$30,INDEX(Jesper!$R$2:$R$366,ROW(INDEX(Jesper!AJ$2:AJ$366,ROUNDDOWN($C2052/24,0)+1,1))-1)+IF('Standard Profiles'!$G$20=$B$10,7,0)+IF('Standard Profiles'!$G$20=$B$17,14,0)+IF('Standard Profiles'!$G$20=$B$24,21,0),0)),0)</f>
        <v>2.2391362255903959</v>
      </c>
      <c r="G2052" cm="1">
        <f t="array" ref="G2052">IFERROR(INDEX(Jesper!AK$2:AK$366,ROUNDDOWN($C2052/24,0)+1,1)*INDEX($D$3:$AA$30,INDEX(Jesper!$R$2:$R$366,ROW(INDEX(Jesper!AK$2:AK$366,ROUNDDOWN($C2052/24,0)+1,1))-1)+IF('Standard Profiles'!$G$21=$B$10,7,0)+IF('Standard Profiles'!$G$21=$B$17,14,0)+IF('Standard Profiles'!$G$21=$B$24,21,0),MOD($C2052,24)+1)/SUM(INDEX($D$3:$AA$30,INDEX(Jesper!$R$2:$R$366,ROW(INDEX(Jesper!AK$2:AK$366,ROUNDDOWN($C2052/24,0)+1,1))-1)+IF('Standard Profiles'!$G$21=$B$10,7,0)+IF('Standard Profiles'!$G$21=$B$17,14,0)+IF('Standard Profiles'!$G$21=$B$24,21,0),0)),0)</f>
        <v>2.3118125111907091</v>
      </c>
      <c r="H2052" cm="1">
        <f t="array" ref="H2052">IFERROR(INDEX(Jesper!AL$2:AL$366,ROUNDDOWN($C2052/24,0)+1,1)*INDEX($D$3:$AA$30,INDEX(Jesper!$R$2:$R$366,ROW(INDEX(Jesper!AL$2:AL$366,ROUNDDOWN($C2052/24,0)+1,1))-1)+IF('Standard Profiles'!$G$22=$B$10,7,0)+IF('Standard Profiles'!$G$22=$B$17,14,0)+IF('Standard Profiles'!$G$22=$B$24,21,0),MOD($C2052,24)+1)/SUM(INDEX($D$3:$AA$30,INDEX(Jesper!$R$2:$R$366,ROW(INDEX(Jesper!AL$2:AL$366,ROUNDDOWN($C2052/24,0)+1,1))-1)+IF('Standard Profiles'!$G$22=$B$10,7,0)+IF('Standard Profiles'!$G$22=$B$17,14,0)+IF('Standard Profiles'!$G$22=$B$24,21,0),0)),0)</f>
        <v>0.98857418209626435</v>
      </c>
      <c r="I2052">
        <f t="shared" si="237"/>
        <v>0.94903121481241426</v>
      </c>
      <c r="J2052">
        <f t="shared" si="238"/>
        <v>7.6048974348538767</v>
      </c>
      <c r="K2052">
        <f t="shared" si="239"/>
        <v>0.27403688461717463</v>
      </c>
      <c r="L2052">
        <f t="shared" si="240"/>
        <v>0.13701844230858731</v>
      </c>
      <c r="M2052">
        <f t="shared" si="241"/>
        <v>0</v>
      </c>
      <c r="N2052" s="45">
        <f t="shared" si="242"/>
        <v>45011.083333328439</v>
      </c>
    </row>
    <row r="2053" spans="2:14" x14ac:dyDescent="0.25">
      <c r="B2053">
        <f t="shared" si="236"/>
        <v>7</v>
      </c>
      <c r="C2053" s="16">
        <v>2019</v>
      </c>
      <c r="D2053" cm="1">
        <f t="array" ref="D2053">IFERROR(INDEX(Jesper!AH$2:AH$366,ROUNDDOWN($C2053/24,0)+1,1)*INDEX($D$3:$AA$30,INDEX(Jesper!$R$2:$R$366,ROW(INDEX(Jesper!AH$2:AH$366,ROUNDDOWN($C2053/24,0)+1,1))-1)+IF('Standard Profiles'!$G$18=$B$10,7,0)+IF('Standard Profiles'!$G$18=$B$17,14,0)+IF('Standard Profiles'!$G$18=$B$24,21,0),MOD($C2053,24)+1)/SUM(INDEX($D$3:$AA$30,INDEX(Jesper!$R$2:$R$366,ROW(INDEX(Jesper!AH$2:AH$366,ROUNDDOWN($C2053/24,0)+1,1))-1)+IF('Standard Profiles'!$G$18=$B$10,7,0)+IF('Standard Profiles'!$G$18=$B$17,14,0)+IF('Standard Profiles'!$G$18=$B$24,21,0),0)),0)</f>
        <v>0</v>
      </c>
      <c r="E2053" cm="1">
        <f t="array" ref="E2053">IFERROR(INDEX(Jesper!AI$2:AI$366,ROUNDDOWN($C2053/24,0)+1,1)*INDEX($D$3:$AA$30,INDEX(Jesper!$R$2:$R$366,ROW(INDEX(Jesper!AI$2:AI$366,ROUNDDOWN($C2053/24,0)+1,1))-1)+IF('Standard Profiles'!$G$19=$B$10,7,0)+IF('Standard Profiles'!$G$19=$B$17,14,0)+IF('Standard Profiles'!$G$19=$B$24,21,0),MOD($C2053,24)+1)/SUM(INDEX($D$3:$AA$30,INDEX(Jesper!$R$2:$R$366,ROW(INDEX(Jesper!AI$2:AI$366,ROUNDDOWN($C2053/24,0)+1,1))-1)+IF('Standard Profiles'!$G$19=$B$10,7,0)+IF('Standard Profiles'!$G$19=$B$17,14,0)+IF('Standard Profiles'!$G$19=$B$24,21,0),0)),0)</f>
        <v>3.4254610577146827</v>
      </c>
      <c r="F2053" cm="1">
        <f t="array" ref="F2053">IFERROR(INDEX(Jesper!AJ$2:AJ$366,ROUNDDOWN($C2053/24,0)+1,1)*INDEX($D$3:$AA$30,INDEX(Jesper!$R$2:$R$366,ROW(INDEX(Jesper!AJ$2:AJ$366,ROUNDDOWN($C2053/24,0)+1,1))-1)+IF('Standard Profiles'!$G$20=$B$10,7,0)+IF('Standard Profiles'!$G$20=$B$17,14,0)+IF('Standard Profiles'!$G$20=$B$24,21,0),MOD($C2053,24)+1)/SUM(INDEX($D$3:$AA$30,INDEX(Jesper!$R$2:$R$366,ROW(INDEX(Jesper!AJ$2:AJ$366,ROUNDDOWN($C2053/24,0)+1,1))-1)+IF('Standard Profiles'!$G$20=$B$10,7,0)+IF('Standard Profiles'!$G$20=$B$17,14,0)+IF('Standard Profiles'!$G$20=$B$24,21,0),0)),0)</f>
        <v>2.2391362255903959</v>
      </c>
      <c r="G2053" cm="1">
        <f t="array" ref="G2053">IFERROR(INDEX(Jesper!AK$2:AK$366,ROUNDDOWN($C2053/24,0)+1,1)*INDEX($D$3:$AA$30,INDEX(Jesper!$R$2:$R$366,ROW(INDEX(Jesper!AK$2:AK$366,ROUNDDOWN($C2053/24,0)+1,1))-1)+IF('Standard Profiles'!$G$21=$B$10,7,0)+IF('Standard Profiles'!$G$21=$B$17,14,0)+IF('Standard Profiles'!$G$21=$B$24,21,0),MOD($C2053,24)+1)/SUM(INDEX($D$3:$AA$30,INDEX(Jesper!$R$2:$R$366,ROW(INDEX(Jesper!AK$2:AK$366,ROUNDDOWN($C2053/24,0)+1,1))-1)+IF('Standard Profiles'!$G$21=$B$10,7,0)+IF('Standard Profiles'!$G$21=$B$17,14,0)+IF('Standard Profiles'!$G$21=$B$24,21,0),0)),0)</f>
        <v>2.3118125111907091</v>
      </c>
      <c r="H2053" cm="1">
        <f t="array" ref="H2053">IFERROR(INDEX(Jesper!AL$2:AL$366,ROUNDDOWN($C2053/24,0)+1,1)*INDEX($D$3:$AA$30,INDEX(Jesper!$R$2:$R$366,ROW(INDEX(Jesper!AL$2:AL$366,ROUNDDOWN($C2053/24,0)+1,1))-1)+IF('Standard Profiles'!$G$22=$B$10,7,0)+IF('Standard Profiles'!$G$22=$B$17,14,0)+IF('Standard Profiles'!$G$22=$B$24,21,0),MOD($C2053,24)+1)/SUM(INDEX($D$3:$AA$30,INDEX(Jesper!$R$2:$R$366,ROW(INDEX(Jesper!AL$2:AL$366,ROUNDDOWN($C2053/24,0)+1,1))-1)+IF('Standard Profiles'!$G$22=$B$10,7,0)+IF('Standard Profiles'!$G$22=$B$17,14,0)+IF('Standard Profiles'!$G$22=$B$24,21,0),0)),0)</f>
        <v>0.98857418209626435</v>
      </c>
      <c r="I2053">
        <f t="shared" si="237"/>
        <v>0.94903121481241426</v>
      </c>
      <c r="J2053">
        <f t="shared" si="238"/>
        <v>7.6048974348538767</v>
      </c>
      <c r="K2053">
        <f t="shared" si="239"/>
        <v>0.27403688461717463</v>
      </c>
      <c r="L2053">
        <f t="shared" si="240"/>
        <v>0.13701844230858731</v>
      </c>
      <c r="M2053">
        <f t="shared" si="241"/>
        <v>0</v>
      </c>
      <c r="N2053" s="45">
        <f t="shared" si="242"/>
        <v>45011.124999995103</v>
      </c>
    </row>
    <row r="2054" spans="2:14" x14ac:dyDescent="0.25">
      <c r="B2054">
        <f t="shared" si="236"/>
        <v>7</v>
      </c>
      <c r="C2054" s="16">
        <v>2020</v>
      </c>
      <c r="D2054" cm="1">
        <f t="array" ref="D2054">IFERROR(INDEX(Jesper!AH$2:AH$366,ROUNDDOWN($C2054/24,0)+1,1)*INDEX($D$3:$AA$30,INDEX(Jesper!$R$2:$R$366,ROW(INDEX(Jesper!AH$2:AH$366,ROUNDDOWN($C2054/24,0)+1,1))-1)+IF('Standard Profiles'!$G$18=$B$10,7,0)+IF('Standard Profiles'!$G$18=$B$17,14,0)+IF('Standard Profiles'!$G$18=$B$24,21,0),MOD($C2054,24)+1)/SUM(INDEX($D$3:$AA$30,INDEX(Jesper!$R$2:$R$366,ROW(INDEX(Jesper!AH$2:AH$366,ROUNDDOWN($C2054/24,0)+1,1))-1)+IF('Standard Profiles'!$G$18=$B$10,7,0)+IF('Standard Profiles'!$G$18=$B$17,14,0)+IF('Standard Profiles'!$G$18=$B$24,21,0),0)),0)</f>
        <v>0</v>
      </c>
      <c r="E2054" cm="1">
        <f t="array" ref="E2054">IFERROR(INDEX(Jesper!AI$2:AI$366,ROUNDDOWN($C2054/24,0)+1,1)*INDEX($D$3:$AA$30,INDEX(Jesper!$R$2:$R$366,ROW(INDEX(Jesper!AI$2:AI$366,ROUNDDOWN($C2054/24,0)+1,1))-1)+IF('Standard Profiles'!$G$19=$B$10,7,0)+IF('Standard Profiles'!$G$19=$B$17,14,0)+IF('Standard Profiles'!$G$19=$B$24,21,0),MOD($C2054,24)+1)/SUM(INDEX($D$3:$AA$30,INDEX(Jesper!$R$2:$R$366,ROW(INDEX(Jesper!AI$2:AI$366,ROUNDDOWN($C2054/24,0)+1,1))-1)+IF('Standard Profiles'!$G$19=$B$10,7,0)+IF('Standard Profiles'!$G$19=$B$17,14,0)+IF('Standard Profiles'!$G$19=$B$24,21,0),0)),0)</f>
        <v>3.4254610577146827</v>
      </c>
      <c r="F2054" cm="1">
        <f t="array" ref="F2054">IFERROR(INDEX(Jesper!AJ$2:AJ$366,ROUNDDOWN($C2054/24,0)+1,1)*INDEX($D$3:$AA$30,INDEX(Jesper!$R$2:$R$366,ROW(INDEX(Jesper!AJ$2:AJ$366,ROUNDDOWN($C2054/24,0)+1,1))-1)+IF('Standard Profiles'!$G$20=$B$10,7,0)+IF('Standard Profiles'!$G$20=$B$17,14,0)+IF('Standard Profiles'!$G$20=$B$24,21,0),MOD($C2054,24)+1)/SUM(INDEX($D$3:$AA$30,INDEX(Jesper!$R$2:$R$366,ROW(INDEX(Jesper!AJ$2:AJ$366,ROUNDDOWN($C2054/24,0)+1,1))-1)+IF('Standard Profiles'!$G$20=$B$10,7,0)+IF('Standard Profiles'!$G$20=$B$17,14,0)+IF('Standard Profiles'!$G$20=$B$24,21,0),0)),0)</f>
        <v>2.2391362255903959</v>
      </c>
      <c r="G2054" cm="1">
        <f t="array" ref="G2054">IFERROR(INDEX(Jesper!AK$2:AK$366,ROUNDDOWN($C2054/24,0)+1,1)*INDEX($D$3:$AA$30,INDEX(Jesper!$R$2:$R$366,ROW(INDEX(Jesper!AK$2:AK$366,ROUNDDOWN($C2054/24,0)+1,1))-1)+IF('Standard Profiles'!$G$21=$B$10,7,0)+IF('Standard Profiles'!$G$21=$B$17,14,0)+IF('Standard Profiles'!$G$21=$B$24,21,0),MOD($C2054,24)+1)/SUM(INDEX($D$3:$AA$30,INDEX(Jesper!$R$2:$R$366,ROW(INDEX(Jesper!AK$2:AK$366,ROUNDDOWN($C2054/24,0)+1,1))-1)+IF('Standard Profiles'!$G$21=$B$10,7,0)+IF('Standard Profiles'!$G$21=$B$17,14,0)+IF('Standard Profiles'!$G$21=$B$24,21,0),0)),0)</f>
        <v>2.3118125111907091</v>
      </c>
      <c r="H2054" cm="1">
        <f t="array" ref="H2054">IFERROR(INDEX(Jesper!AL$2:AL$366,ROUNDDOWN($C2054/24,0)+1,1)*INDEX($D$3:$AA$30,INDEX(Jesper!$R$2:$R$366,ROW(INDEX(Jesper!AL$2:AL$366,ROUNDDOWN($C2054/24,0)+1,1))-1)+IF('Standard Profiles'!$G$22=$B$10,7,0)+IF('Standard Profiles'!$G$22=$B$17,14,0)+IF('Standard Profiles'!$G$22=$B$24,21,0),MOD($C2054,24)+1)/SUM(INDEX($D$3:$AA$30,INDEX(Jesper!$R$2:$R$366,ROW(INDEX(Jesper!AL$2:AL$366,ROUNDDOWN($C2054/24,0)+1,1))-1)+IF('Standard Profiles'!$G$22=$B$10,7,0)+IF('Standard Profiles'!$G$22=$B$17,14,0)+IF('Standard Profiles'!$G$22=$B$24,21,0),0)),0)</f>
        <v>0.98857418209626435</v>
      </c>
      <c r="I2054">
        <f t="shared" si="237"/>
        <v>0.94903121481241426</v>
      </c>
      <c r="J2054">
        <f t="shared" si="238"/>
        <v>7.6048974348538767</v>
      </c>
      <c r="K2054">
        <f t="shared" si="239"/>
        <v>0.27403688461717463</v>
      </c>
      <c r="L2054">
        <f t="shared" si="240"/>
        <v>0.13701844230858731</v>
      </c>
      <c r="M2054">
        <f t="shared" si="241"/>
        <v>0</v>
      </c>
      <c r="N2054" s="45">
        <f t="shared" si="242"/>
        <v>45011.166666661768</v>
      </c>
    </row>
    <row r="2055" spans="2:14" x14ac:dyDescent="0.25">
      <c r="B2055">
        <f t="shared" si="236"/>
        <v>7</v>
      </c>
      <c r="C2055" s="16">
        <v>2021</v>
      </c>
      <c r="D2055" cm="1">
        <f t="array" ref="D2055">IFERROR(INDEX(Jesper!AH$2:AH$366,ROUNDDOWN($C2055/24,0)+1,1)*INDEX($D$3:$AA$30,INDEX(Jesper!$R$2:$R$366,ROW(INDEX(Jesper!AH$2:AH$366,ROUNDDOWN($C2055/24,0)+1,1))-1)+IF('Standard Profiles'!$G$18=$B$10,7,0)+IF('Standard Profiles'!$G$18=$B$17,14,0)+IF('Standard Profiles'!$G$18=$B$24,21,0),MOD($C2055,24)+1)/SUM(INDEX($D$3:$AA$30,INDEX(Jesper!$R$2:$R$366,ROW(INDEX(Jesper!AH$2:AH$366,ROUNDDOWN($C2055/24,0)+1,1))-1)+IF('Standard Profiles'!$G$18=$B$10,7,0)+IF('Standard Profiles'!$G$18=$B$17,14,0)+IF('Standard Profiles'!$G$18=$B$24,21,0),0)),0)</f>
        <v>0</v>
      </c>
      <c r="E2055" cm="1">
        <f t="array" ref="E2055">IFERROR(INDEX(Jesper!AI$2:AI$366,ROUNDDOWN($C2055/24,0)+1,1)*INDEX($D$3:$AA$30,INDEX(Jesper!$R$2:$R$366,ROW(INDEX(Jesper!AI$2:AI$366,ROUNDDOWN($C2055/24,0)+1,1))-1)+IF('Standard Profiles'!$G$19=$B$10,7,0)+IF('Standard Profiles'!$G$19=$B$17,14,0)+IF('Standard Profiles'!$G$19=$B$24,21,0),MOD($C2055,24)+1)/SUM(INDEX($D$3:$AA$30,INDEX(Jesper!$R$2:$R$366,ROW(INDEX(Jesper!AI$2:AI$366,ROUNDDOWN($C2055/24,0)+1,1))-1)+IF('Standard Profiles'!$G$19=$B$10,7,0)+IF('Standard Profiles'!$G$19=$B$17,14,0)+IF('Standard Profiles'!$G$19=$B$24,21,0),0)),0)</f>
        <v>3.4254610577146827</v>
      </c>
      <c r="F2055" cm="1">
        <f t="array" ref="F2055">IFERROR(INDEX(Jesper!AJ$2:AJ$366,ROUNDDOWN($C2055/24,0)+1,1)*INDEX($D$3:$AA$30,INDEX(Jesper!$R$2:$R$366,ROW(INDEX(Jesper!AJ$2:AJ$366,ROUNDDOWN($C2055/24,0)+1,1))-1)+IF('Standard Profiles'!$G$20=$B$10,7,0)+IF('Standard Profiles'!$G$20=$B$17,14,0)+IF('Standard Profiles'!$G$20=$B$24,21,0),MOD($C2055,24)+1)/SUM(INDEX($D$3:$AA$30,INDEX(Jesper!$R$2:$R$366,ROW(INDEX(Jesper!AJ$2:AJ$366,ROUNDDOWN($C2055/24,0)+1,1))-1)+IF('Standard Profiles'!$G$20=$B$10,7,0)+IF('Standard Profiles'!$G$20=$B$17,14,0)+IF('Standard Profiles'!$G$20=$B$24,21,0),0)),0)</f>
        <v>2.2391362255903959</v>
      </c>
      <c r="G2055" cm="1">
        <f t="array" ref="G2055">IFERROR(INDEX(Jesper!AK$2:AK$366,ROUNDDOWN($C2055/24,0)+1,1)*INDEX($D$3:$AA$30,INDEX(Jesper!$R$2:$R$366,ROW(INDEX(Jesper!AK$2:AK$366,ROUNDDOWN($C2055/24,0)+1,1))-1)+IF('Standard Profiles'!$G$21=$B$10,7,0)+IF('Standard Profiles'!$G$21=$B$17,14,0)+IF('Standard Profiles'!$G$21=$B$24,21,0),MOD($C2055,24)+1)/SUM(INDEX($D$3:$AA$30,INDEX(Jesper!$R$2:$R$366,ROW(INDEX(Jesper!AK$2:AK$366,ROUNDDOWN($C2055/24,0)+1,1))-1)+IF('Standard Profiles'!$G$21=$B$10,7,0)+IF('Standard Profiles'!$G$21=$B$17,14,0)+IF('Standard Profiles'!$G$21=$B$24,21,0),0)),0)</f>
        <v>2.3118125111907091</v>
      </c>
      <c r="H2055" cm="1">
        <f t="array" ref="H2055">IFERROR(INDEX(Jesper!AL$2:AL$366,ROUNDDOWN($C2055/24,0)+1,1)*INDEX($D$3:$AA$30,INDEX(Jesper!$R$2:$R$366,ROW(INDEX(Jesper!AL$2:AL$366,ROUNDDOWN($C2055/24,0)+1,1))-1)+IF('Standard Profiles'!$G$22=$B$10,7,0)+IF('Standard Profiles'!$G$22=$B$17,14,0)+IF('Standard Profiles'!$G$22=$B$24,21,0),MOD($C2055,24)+1)/SUM(INDEX($D$3:$AA$30,INDEX(Jesper!$R$2:$R$366,ROW(INDEX(Jesper!AL$2:AL$366,ROUNDDOWN($C2055/24,0)+1,1))-1)+IF('Standard Profiles'!$G$22=$B$10,7,0)+IF('Standard Profiles'!$G$22=$B$17,14,0)+IF('Standard Profiles'!$G$22=$B$24,21,0),0)),0)</f>
        <v>1.2357177276203306</v>
      </c>
      <c r="I2055">
        <f t="shared" si="237"/>
        <v>1.1862890185155179</v>
      </c>
      <c r="J2055">
        <f t="shared" si="238"/>
        <v>7.6147831766748393</v>
      </c>
      <c r="K2055">
        <f t="shared" si="239"/>
        <v>0.27403688461717463</v>
      </c>
      <c r="L2055">
        <f t="shared" si="240"/>
        <v>0.13701844230858731</v>
      </c>
      <c r="M2055">
        <f t="shared" si="241"/>
        <v>0</v>
      </c>
      <c r="N2055" s="45">
        <f t="shared" si="242"/>
        <v>45011.208333328432</v>
      </c>
    </row>
    <row r="2056" spans="2:14" x14ac:dyDescent="0.25">
      <c r="B2056">
        <f t="shared" si="236"/>
        <v>7</v>
      </c>
      <c r="C2056" s="16">
        <v>2022</v>
      </c>
      <c r="D2056" cm="1">
        <f t="array" ref="D2056">IFERROR(INDEX(Jesper!AH$2:AH$366,ROUNDDOWN($C2056/24,0)+1,1)*INDEX($D$3:$AA$30,INDEX(Jesper!$R$2:$R$366,ROW(INDEX(Jesper!AH$2:AH$366,ROUNDDOWN($C2056/24,0)+1,1))-1)+IF('Standard Profiles'!$G$18=$B$10,7,0)+IF('Standard Profiles'!$G$18=$B$17,14,0)+IF('Standard Profiles'!$G$18=$B$24,21,0),MOD($C2056,24)+1)/SUM(INDEX($D$3:$AA$30,INDEX(Jesper!$R$2:$R$366,ROW(INDEX(Jesper!AH$2:AH$366,ROUNDDOWN($C2056/24,0)+1,1))-1)+IF('Standard Profiles'!$G$18=$B$10,7,0)+IF('Standard Profiles'!$G$18=$B$17,14,0)+IF('Standard Profiles'!$G$18=$B$24,21,0),0)),0)</f>
        <v>0</v>
      </c>
      <c r="E2056" cm="1">
        <f t="array" ref="E2056">IFERROR(INDEX(Jesper!AI$2:AI$366,ROUNDDOWN($C2056/24,0)+1,1)*INDEX($D$3:$AA$30,INDEX(Jesper!$R$2:$R$366,ROW(INDEX(Jesper!AI$2:AI$366,ROUNDDOWN($C2056/24,0)+1,1))-1)+IF('Standard Profiles'!$G$19=$B$10,7,0)+IF('Standard Profiles'!$G$19=$B$17,14,0)+IF('Standard Profiles'!$G$19=$B$24,21,0),MOD($C2056,24)+1)/SUM(INDEX($D$3:$AA$30,INDEX(Jesper!$R$2:$R$366,ROW(INDEX(Jesper!AI$2:AI$366,ROUNDDOWN($C2056/24,0)+1,1))-1)+IF('Standard Profiles'!$G$19=$B$10,7,0)+IF('Standard Profiles'!$G$19=$B$17,14,0)+IF('Standard Profiles'!$G$19=$B$24,21,0),0)),0)</f>
        <v>3.4254610577146827</v>
      </c>
      <c r="F2056" cm="1">
        <f t="array" ref="F2056">IFERROR(INDEX(Jesper!AJ$2:AJ$366,ROUNDDOWN($C2056/24,0)+1,1)*INDEX($D$3:$AA$30,INDEX(Jesper!$R$2:$R$366,ROW(INDEX(Jesper!AJ$2:AJ$366,ROUNDDOWN($C2056/24,0)+1,1))-1)+IF('Standard Profiles'!$G$20=$B$10,7,0)+IF('Standard Profiles'!$G$20=$B$17,14,0)+IF('Standard Profiles'!$G$20=$B$24,21,0),MOD($C2056,24)+1)/SUM(INDEX($D$3:$AA$30,INDEX(Jesper!$R$2:$R$366,ROW(INDEX(Jesper!AJ$2:AJ$366,ROUNDDOWN($C2056/24,0)+1,1))-1)+IF('Standard Profiles'!$G$20=$B$10,7,0)+IF('Standard Profiles'!$G$20=$B$17,14,0)+IF('Standard Profiles'!$G$20=$B$24,21,0),0)),0)</f>
        <v>2.2391362255903959</v>
      </c>
      <c r="G2056" cm="1">
        <f t="array" ref="G2056">IFERROR(INDEX(Jesper!AK$2:AK$366,ROUNDDOWN($C2056/24,0)+1,1)*INDEX($D$3:$AA$30,INDEX(Jesper!$R$2:$R$366,ROW(INDEX(Jesper!AK$2:AK$366,ROUNDDOWN($C2056/24,0)+1,1))-1)+IF('Standard Profiles'!$G$21=$B$10,7,0)+IF('Standard Profiles'!$G$21=$B$17,14,0)+IF('Standard Profiles'!$G$21=$B$24,21,0),MOD($C2056,24)+1)/SUM(INDEX($D$3:$AA$30,INDEX(Jesper!$R$2:$R$366,ROW(INDEX(Jesper!AK$2:AK$366,ROUNDDOWN($C2056/24,0)+1,1))-1)+IF('Standard Profiles'!$G$21=$B$10,7,0)+IF('Standard Profiles'!$G$21=$B$17,14,0)+IF('Standard Profiles'!$G$21=$B$24,21,0),0)),0)</f>
        <v>2.3118125111907091</v>
      </c>
      <c r="H2056" cm="1">
        <f t="array" ref="H2056">IFERROR(INDEX(Jesper!AL$2:AL$366,ROUNDDOWN($C2056/24,0)+1,1)*INDEX($D$3:$AA$30,INDEX(Jesper!$R$2:$R$366,ROW(INDEX(Jesper!AL$2:AL$366,ROUNDDOWN($C2056/24,0)+1,1))-1)+IF('Standard Profiles'!$G$22=$B$10,7,0)+IF('Standard Profiles'!$G$22=$B$17,14,0)+IF('Standard Profiles'!$G$22=$B$24,21,0),MOD($C2056,24)+1)/SUM(INDEX($D$3:$AA$30,INDEX(Jesper!$R$2:$R$366,ROW(INDEX(Jesper!AL$2:AL$366,ROUNDDOWN($C2056/24,0)+1,1))-1)+IF('Standard Profiles'!$G$22=$B$10,7,0)+IF('Standard Profiles'!$G$22=$B$17,14,0)+IF('Standard Profiles'!$G$22=$B$24,21,0),0)),0)</f>
        <v>1.4554008791972783</v>
      </c>
      <c r="I2056">
        <f t="shared" si="237"/>
        <v>1.3971848440293879</v>
      </c>
      <c r="J2056">
        <f t="shared" si="238"/>
        <v>7.623570502737917</v>
      </c>
      <c r="K2056">
        <f t="shared" si="239"/>
        <v>0.27403688461717463</v>
      </c>
      <c r="L2056">
        <f t="shared" si="240"/>
        <v>0.13701844230858731</v>
      </c>
      <c r="M2056">
        <f t="shared" si="241"/>
        <v>0</v>
      </c>
      <c r="N2056" s="45">
        <f t="shared" si="242"/>
        <v>45011.249999995096</v>
      </c>
    </row>
    <row r="2057" spans="2:14" x14ac:dyDescent="0.25">
      <c r="B2057">
        <f t="shared" si="236"/>
        <v>7</v>
      </c>
      <c r="C2057" s="16">
        <v>2023</v>
      </c>
      <c r="D2057" cm="1">
        <f t="array" ref="D2057">IFERROR(INDEX(Jesper!AH$2:AH$366,ROUNDDOWN($C2057/24,0)+1,1)*INDEX($D$3:$AA$30,INDEX(Jesper!$R$2:$R$366,ROW(INDEX(Jesper!AH$2:AH$366,ROUNDDOWN($C2057/24,0)+1,1))-1)+IF('Standard Profiles'!$G$18=$B$10,7,0)+IF('Standard Profiles'!$G$18=$B$17,14,0)+IF('Standard Profiles'!$G$18=$B$24,21,0),MOD($C2057,24)+1)/SUM(INDEX($D$3:$AA$30,INDEX(Jesper!$R$2:$R$366,ROW(INDEX(Jesper!AH$2:AH$366,ROUNDDOWN($C2057/24,0)+1,1))-1)+IF('Standard Profiles'!$G$18=$B$10,7,0)+IF('Standard Profiles'!$G$18=$B$17,14,0)+IF('Standard Profiles'!$G$18=$B$24,21,0),0)),0)</f>
        <v>0</v>
      </c>
      <c r="E2057" cm="1">
        <f t="array" ref="E2057">IFERROR(INDEX(Jesper!AI$2:AI$366,ROUNDDOWN($C2057/24,0)+1,1)*INDEX($D$3:$AA$30,INDEX(Jesper!$R$2:$R$366,ROW(INDEX(Jesper!AI$2:AI$366,ROUNDDOWN($C2057/24,0)+1,1))-1)+IF('Standard Profiles'!$G$19=$B$10,7,0)+IF('Standard Profiles'!$G$19=$B$17,14,0)+IF('Standard Profiles'!$G$19=$B$24,21,0),MOD($C2057,24)+1)/SUM(INDEX($D$3:$AA$30,INDEX(Jesper!$R$2:$R$366,ROW(INDEX(Jesper!AI$2:AI$366,ROUNDDOWN($C2057/24,0)+1,1))-1)+IF('Standard Profiles'!$G$19=$B$10,7,0)+IF('Standard Profiles'!$G$19=$B$17,14,0)+IF('Standard Profiles'!$G$19=$B$24,21,0),0)),0)</f>
        <v>3.4254610577146827</v>
      </c>
      <c r="F2057" cm="1">
        <f t="array" ref="F2057">IFERROR(INDEX(Jesper!AJ$2:AJ$366,ROUNDDOWN($C2057/24,0)+1,1)*INDEX($D$3:$AA$30,INDEX(Jesper!$R$2:$R$366,ROW(INDEX(Jesper!AJ$2:AJ$366,ROUNDDOWN($C2057/24,0)+1,1))-1)+IF('Standard Profiles'!$G$20=$B$10,7,0)+IF('Standard Profiles'!$G$20=$B$17,14,0)+IF('Standard Profiles'!$G$20=$B$24,21,0),MOD($C2057,24)+1)/SUM(INDEX($D$3:$AA$30,INDEX(Jesper!$R$2:$R$366,ROW(INDEX(Jesper!AJ$2:AJ$366,ROUNDDOWN($C2057/24,0)+1,1))-1)+IF('Standard Profiles'!$G$20=$B$10,7,0)+IF('Standard Profiles'!$G$20=$B$17,14,0)+IF('Standard Profiles'!$G$20=$B$24,21,0),0)),0)</f>
        <v>2.2391362255903959</v>
      </c>
      <c r="G2057" cm="1">
        <f t="array" ref="G2057">IFERROR(INDEX(Jesper!AK$2:AK$366,ROUNDDOWN($C2057/24,0)+1,1)*INDEX($D$3:$AA$30,INDEX(Jesper!$R$2:$R$366,ROW(INDEX(Jesper!AK$2:AK$366,ROUNDDOWN($C2057/24,0)+1,1))-1)+IF('Standard Profiles'!$G$21=$B$10,7,0)+IF('Standard Profiles'!$G$21=$B$17,14,0)+IF('Standard Profiles'!$G$21=$B$24,21,0),MOD($C2057,24)+1)/SUM(INDEX($D$3:$AA$30,INDEX(Jesper!$R$2:$R$366,ROW(INDEX(Jesper!AK$2:AK$366,ROUNDDOWN($C2057/24,0)+1,1))-1)+IF('Standard Profiles'!$G$21=$B$10,7,0)+IF('Standard Profiles'!$G$21=$B$17,14,0)+IF('Standard Profiles'!$G$21=$B$24,21,0),0)),0)</f>
        <v>2.3118125111907091</v>
      </c>
      <c r="H2057" cm="1">
        <f t="array" ref="H2057">IFERROR(INDEX(Jesper!AL$2:AL$366,ROUNDDOWN($C2057/24,0)+1,1)*INDEX($D$3:$AA$30,INDEX(Jesper!$R$2:$R$366,ROW(INDEX(Jesper!AL$2:AL$366,ROUNDDOWN($C2057/24,0)+1,1))-1)+IF('Standard Profiles'!$G$22=$B$10,7,0)+IF('Standard Profiles'!$G$22=$B$17,14,0)+IF('Standard Profiles'!$G$22=$B$24,21,0),MOD($C2057,24)+1)/SUM(INDEX($D$3:$AA$30,INDEX(Jesper!$R$2:$R$366,ROW(INDEX(Jesper!AL$2:AL$366,ROUNDDOWN($C2057/24,0)+1,1))-1)+IF('Standard Profiles'!$G$22=$B$10,7,0)+IF('Standard Profiles'!$G$22=$B$17,14,0)+IF('Standard Profiles'!$G$22=$B$24,21,0),0)),0)</f>
        <v>1.7300048186684627</v>
      </c>
      <c r="I2057">
        <f t="shared" si="237"/>
        <v>1.6608046259217251</v>
      </c>
      <c r="J2057">
        <f t="shared" si="238"/>
        <v>7.6345546603167636</v>
      </c>
      <c r="K2057">
        <f t="shared" si="239"/>
        <v>0.27403688461717463</v>
      </c>
      <c r="L2057">
        <f t="shared" si="240"/>
        <v>0.13701844230858731</v>
      </c>
      <c r="M2057">
        <f t="shared" si="241"/>
        <v>0</v>
      </c>
      <c r="N2057" s="45">
        <f t="shared" si="242"/>
        <v>45011.29166666176</v>
      </c>
    </row>
    <row r="2058" spans="2:14" x14ac:dyDescent="0.25">
      <c r="B2058">
        <f t="shared" si="236"/>
        <v>7</v>
      </c>
      <c r="C2058" s="16">
        <v>2024</v>
      </c>
      <c r="D2058" cm="1">
        <f t="array" ref="D2058">IFERROR(INDEX(Jesper!AH$2:AH$366,ROUNDDOWN($C2058/24,0)+1,1)*INDEX($D$3:$AA$30,INDEX(Jesper!$R$2:$R$366,ROW(INDEX(Jesper!AH$2:AH$366,ROUNDDOWN($C2058/24,0)+1,1))-1)+IF('Standard Profiles'!$G$18=$B$10,7,0)+IF('Standard Profiles'!$G$18=$B$17,14,0)+IF('Standard Profiles'!$G$18=$B$24,21,0),MOD($C2058,24)+1)/SUM(INDEX($D$3:$AA$30,INDEX(Jesper!$R$2:$R$366,ROW(INDEX(Jesper!AH$2:AH$366,ROUNDDOWN($C2058/24,0)+1,1))-1)+IF('Standard Profiles'!$G$18=$B$10,7,0)+IF('Standard Profiles'!$G$18=$B$17,14,0)+IF('Standard Profiles'!$G$18=$B$24,21,0),0)),0)</f>
        <v>0</v>
      </c>
      <c r="E2058" cm="1">
        <f t="array" ref="E2058">IFERROR(INDEX(Jesper!AI$2:AI$366,ROUNDDOWN($C2058/24,0)+1,1)*INDEX($D$3:$AA$30,INDEX(Jesper!$R$2:$R$366,ROW(INDEX(Jesper!AI$2:AI$366,ROUNDDOWN($C2058/24,0)+1,1))-1)+IF('Standard Profiles'!$G$19=$B$10,7,0)+IF('Standard Profiles'!$G$19=$B$17,14,0)+IF('Standard Profiles'!$G$19=$B$24,21,0),MOD($C2058,24)+1)/SUM(INDEX($D$3:$AA$30,INDEX(Jesper!$R$2:$R$366,ROW(INDEX(Jesper!AI$2:AI$366,ROUNDDOWN($C2058/24,0)+1,1))-1)+IF('Standard Profiles'!$G$19=$B$10,7,0)+IF('Standard Profiles'!$G$19=$B$17,14,0)+IF('Standard Profiles'!$G$19=$B$24,21,0),0)),0)</f>
        <v>3.4254610577146827</v>
      </c>
      <c r="F2058" cm="1">
        <f t="array" ref="F2058">IFERROR(INDEX(Jesper!AJ$2:AJ$366,ROUNDDOWN($C2058/24,0)+1,1)*INDEX($D$3:$AA$30,INDEX(Jesper!$R$2:$R$366,ROW(INDEX(Jesper!AJ$2:AJ$366,ROUNDDOWN($C2058/24,0)+1,1))-1)+IF('Standard Profiles'!$G$20=$B$10,7,0)+IF('Standard Profiles'!$G$20=$B$17,14,0)+IF('Standard Profiles'!$G$20=$B$24,21,0),MOD($C2058,24)+1)/SUM(INDEX($D$3:$AA$30,INDEX(Jesper!$R$2:$R$366,ROW(INDEX(Jesper!AJ$2:AJ$366,ROUNDDOWN($C2058/24,0)+1,1))-1)+IF('Standard Profiles'!$G$20=$B$10,7,0)+IF('Standard Profiles'!$G$20=$B$17,14,0)+IF('Standard Profiles'!$G$20=$B$24,21,0),0)),0)</f>
        <v>2.2391362255903959</v>
      </c>
      <c r="G2058" cm="1">
        <f t="array" ref="G2058">IFERROR(INDEX(Jesper!AK$2:AK$366,ROUNDDOWN($C2058/24,0)+1,1)*INDEX($D$3:$AA$30,INDEX(Jesper!$R$2:$R$366,ROW(INDEX(Jesper!AK$2:AK$366,ROUNDDOWN($C2058/24,0)+1,1))-1)+IF('Standard Profiles'!$G$21=$B$10,7,0)+IF('Standard Profiles'!$G$21=$B$17,14,0)+IF('Standard Profiles'!$G$21=$B$24,21,0),MOD($C2058,24)+1)/SUM(INDEX($D$3:$AA$30,INDEX(Jesper!$R$2:$R$366,ROW(INDEX(Jesper!AK$2:AK$366,ROUNDDOWN($C2058/24,0)+1,1))-1)+IF('Standard Profiles'!$G$21=$B$10,7,0)+IF('Standard Profiles'!$G$21=$B$17,14,0)+IF('Standard Profiles'!$G$21=$B$24,21,0),0)),0)</f>
        <v>2.3118125111907091</v>
      </c>
      <c r="H2058" cm="1">
        <f t="array" ref="H2058">IFERROR(INDEX(Jesper!AL$2:AL$366,ROUNDDOWN($C2058/24,0)+1,1)*INDEX($D$3:$AA$30,INDEX(Jesper!$R$2:$R$366,ROW(INDEX(Jesper!AL$2:AL$366,ROUNDDOWN($C2058/24,0)+1,1))-1)+IF('Standard Profiles'!$G$22=$B$10,7,0)+IF('Standard Profiles'!$G$22=$B$17,14,0)+IF('Standard Profiles'!$G$22=$B$24,21,0),MOD($C2058,24)+1)/SUM(INDEX($D$3:$AA$30,INDEX(Jesper!$R$2:$R$366,ROW(INDEX(Jesper!AL$2:AL$366,ROUNDDOWN($C2058/24,0)+1,1))-1)+IF('Standard Profiles'!$G$22=$B$10,7,0)+IF('Standard Profiles'!$G$22=$B$17,14,0)+IF('Standard Profiles'!$G$22=$B$24,21,0),0)),0)</f>
        <v>1.7300048186684627</v>
      </c>
      <c r="I2058">
        <f t="shared" si="237"/>
        <v>1.6608046259217251</v>
      </c>
      <c r="J2058">
        <f t="shared" si="238"/>
        <v>7.6345546603167636</v>
      </c>
      <c r="K2058">
        <f t="shared" si="239"/>
        <v>0.27403688461717463</v>
      </c>
      <c r="L2058">
        <f t="shared" si="240"/>
        <v>0.13701844230858731</v>
      </c>
      <c r="M2058">
        <f t="shared" si="241"/>
        <v>0</v>
      </c>
      <c r="N2058" s="45">
        <f t="shared" si="242"/>
        <v>45011.333333328424</v>
      </c>
    </row>
    <row r="2059" spans="2:14" x14ac:dyDescent="0.25">
      <c r="B2059">
        <f t="shared" si="236"/>
        <v>7</v>
      </c>
      <c r="C2059" s="16">
        <v>2025</v>
      </c>
      <c r="D2059" cm="1">
        <f t="array" ref="D2059">IFERROR(INDEX(Jesper!AH$2:AH$366,ROUNDDOWN($C2059/24,0)+1,1)*INDEX($D$3:$AA$30,INDEX(Jesper!$R$2:$R$366,ROW(INDEX(Jesper!AH$2:AH$366,ROUNDDOWN($C2059/24,0)+1,1))-1)+IF('Standard Profiles'!$G$18=$B$10,7,0)+IF('Standard Profiles'!$G$18=$B$17,14,0)+IF('Standard Profiles'!$G$18=$B$24,21,0),MOD($C2059,24)+1)/SUM(INDEX($D$3:$AA$30,INDEX(Jesper!$R$2:$R$366,ROW(INDEX(Jesper!AH$2:AH$366,ROUNDDOWN($C2059/24,0)+1,1))-1)+IF('Standard Profiles'!$G$18=$B$10,7,0)+IF('Standard Profiles'!$G$18=$B$17,14,0)+IF('Standard Profiles'!$G$18=$B$24,21,0),0)),0)</f>
        <v>0</v>
      </c>
      <c r="E2059" cm="1">
        <f t="array" ref="E2059">IFERROR(INDEX(Jesper!AI$2:AI$366,ROUNDDOWN($C2059/24,0)+1,1)*INDEX($D$3:$AA$30,INDEX(Jesper!$R$2:$R$366,ROW(INDEX(Jesper!AI$2:AI$366,ROUNDDOWN($C2059/24,0)+1,1))-1)+IF('Standard Profiles'!$G$19=$B$10,7,0)+IF('Standard Profiles'!$G$19=$B$17,14,0)+IF('Standard Profiles'!$G$19=$B$24,21,0),MOD($C2059,24)+1)/SUM(INDEX($D$3:$AA$30,INDEX(Jesper!$R$2:$R$366,ROW(INDEX(Jesper!AI$2:AI$366,ROUNDDOWN($C2059/24,0)+1,1))-1)+IF('Standard Profiles'!$G$19=$B$10,7,0)+IF('Standard Profiles'!$G$19=$B$17,14,0)+IF('Standard Profiles'!$G$19=$B$24,21,0),0)),0)</f>
        <v>3.4254610577146827</v>
      </c>
      <c r="F2059" cm="1">
        <f t="array" ref="F2059">IFERROR(INDEX(Jesper!AJ$2:AJ$366,ROUNDDOWN($C2059/24,0)+1,1)*INDEX($D$3:$AA$30,INDEX(Jesper!$R$2:$R$366,ROW(INDEX(Jesper!AJ$2:AJ$366,ROUNDDOWN($C2059/24,0)+1,1))-1)+IF('Standard Profiles'!$G$20=$B$10,7,0)+IF('Standard Profiles'!$G$20=$B$17,14,0)+IF('Standard Profiles'!$G$20=$B$24,21,0),MOD($C2059,24)+1)/SUM(INDEX($D$3:$AA$30,INDEX(Jesper!$R$2:$R$366,ROW(INDEX(Jesper!AJ$2:AJ$366,ROUNDDOWN($C2059/24,0)+1,1))-1)+IF('Standard Profiles'!$G$20=$B$10,7,0)+IF('Standard Profiles'!$G$20=$B$17,14,0)+IF('Standard Profiles'!$G$20=$B$24,21,0),0)),0)</f>
        <v>2.2391362255903959</v>
      </c>
      <c r="G2059" cm="1">
        <f t="array" ref="G2059">IFERROR(INDEX(Jesper!AK$2:AK$366,ROUNDDOWN($C2059/24,0)+1,1)*INDEX($D$3:$AA$30,INDEX(Jesper!$R$2:$R$366,ROW(INDEX(Jesper!AK$2:AK$366,ROUNDDOWN($C2059/24,0)+1,1))-1)+IF('Standard Profiles'!$G$21=$B$10,7,0)+IF('Standard Profiles'!$G$21=$B$17,14,0)+IF('Standard Profiles'!$G$21=$B$24,21,0),MOD($C2059,24)+1)/SUM(INDEX($D$3:$AA$30,INDEX(Jesper!$R$2:$R$366,ROW(INDEX(Jesper!AK$2:AK$366,ROUNDDOWN($C2059/24,0)+1,1))-1)+IF('Standard Profiles'!$G$21=$B$10,7,0)+IF('Standard Profiles'!$G$21=$B$17,14,0)+IF('Standard Profiles'!$G$21=$B$24,21,0),0)),0)</f>
        <v>2.3118125111907091</v>
      </c>
      <c r="H2059" cm="1">
        <f t="array" ref="H2059">IFERROR(INDEX(Jesper!AL$2:AL$366,ROUNDDOWN($C2059/24,0)+1,1)*INDEX($D$3:$AA$30,INDEX(Jesper!$R$2:$R$366,ROW(INDEX(Jesper!AL$2:AL$366,ROUNDDOWN($C2059/24,0)+1,1))-1)+IF('Standard Profiles'!$G$22=$B$10,7,0)+IF('Standard Profiles'!$G$22=$B$17,14,0)+IF('Standard Profiles'!$G$22=$B$24,21,0),MOD($C2059,24)+1)/SUM(INDEX($D$3:$AA$30,INDEX(Jesper!$R$2:$R$366,ROW(INDEX(Jesper!AL$2:AL$366,ROUNDDOWN($C2059/24,0)+1,1))-1)+IF('Standard Profiles'!$G$22=$B$10,7,0)+IF('Standard Profiles'!$G$22=$B$17,14,0)+IF('Standard Profiles'!$G$22=$B$24,21,0),0)),0)</f>
        <v>1.7300048186684627</v>
      </c>
      <c r="I2059">
        <f t="shared" si="237"/>
        <v>1.6608046259217251</v>
      </c>
      <c r="J2059">
        <f t="shared" si="238"/>
        <v>7.6345546603167636</v>
      </c>
      <c r="K2059">
        <f t="shared" si="239"/>
        <v>0.27403688461717463</v>
      </c>
      <c r="L2059">
        <f t="shared" si="240"/>
        <v>0.13701844230858731</v>
      </c>
      <c r="M2059">
        <f t="shared" si="241"/>
        <v>0</v>
      </c>
      <c r="N2059" s="45">
        <f t="shared" si="242"/>
        <v>45011.374999995089</v>
      </c>
    </row>
    <row r="2060" spans="2:14" x14ac:dyDescent="0.25">
      <c r="B2060">
        <f t="shared" si="236"/>
        <v>7</v>
      </c>
      <c r="C2060" s="16">
        <v>2026</v>
      </c>
      <c r="D2060" cm="1">
        <f t="array" ref="D2060">IFERROR(INDEX(Jesper!AH$2:AH$366,ROUNDDOWN($C2060/24,0)+1,1)*INDEX($D$3:$AA$30,INDEX(Jesper!$R$2:$R$366,ROW(INDEX(Jesper!AH$2:AH$366,ROUNDDOWN($C2060/24,0)+1,1))-1)+IF('Standard Profiles'!$G$18=$B$10,7,0)+IF('Standard Profiles'!$G$18=$B$17,14,0)+IF('Standard Profiles'!$G$18=$B$24,21,0),MOD($C2060,24)+1)/SUM(INDEX($D$3:$AA$30,INDEX(Jesper!$R$2:$R$366,ROW(INDEX(Jesper!AH$2:AH$366,ROUNDDOWN($C2060/24,0)+1,1))-1)+IF('Standard Profiles'!$G$18=$B$10,7,0)+IF('Standard Profiles'!$G$18=$B$17,14,0)+IF('Standard Profiles'!$G$18=$B$24,21,0),0)),0)</f>
        <v>0</v>
      </c>
      <c r="E2060" cm="1">
        <f t="array" ref="E2060">IFERROR(INDEX(Jesper!AI$2:AI$366,ROUNDDOWN($C2060/24,0)+1,1)*INDEX($D$3:$AA$30,INDEX(Jesper!$R$2:$R$366,ROW(INDEX(Jesper!AI$2:AI$366,ROUNDDOWN($C2060/24,0)+1,1))-1)+IF('Standard Profiles'!$G$19=$B$10,7,0)+IF('Standard Profiles'!$G$19=$B$17,14,0)+IF('Standard Profiles'!$G$19=$B$24,21,0),MOD($C2060,24)+1)/SUM(INDEX($D$3:$AA$30,INDEX(Jesper!$R$2:$R$366,ROW(INDEX(Jesper!AI$2:AI$366,ROUNDDOWN($C2060/24,0)+1,1))-1)+IF('Standard Profiles'!$G$19=$B$10,7,0)+IF('Standard Profiles'!$G$19=$B$17,14,0)+IF('Standard Profiles'!$G$19=$B$24,21,0),0)),0)</f>
        <v>3.4254610577146827</v>
      </c>
      <c r="F2060" cm="1">
        <f t="array" ref="F2060">IFERROR(INDEX(Jesper!AJ$2:AJ$366,ROUNDDOWN($C2060/24,0)+1,1)*INDEX($D$3:$AA$30,INDEX(Jesper!$R$2:$R$366,ROW(INDEX(Jesper!AJ$2:AJ$366,ROUNDDOWN($C2060/24,0)+1,1))-1)+IF('Standard Profiles'!$G$20=$B$10,7,0)+IF('Standard Profiles'!$G$20=$B$17,14,0)+IF('Standard Profiles'!$G$20=$B$24,21,0),MOD($C2060,24)+1)/SUM(INDEX($D$3:$AA$30,INDEX(Jesper!$R$2:$R$366,ROW(INDEX(Jesper!AJ$2:AJ$366,ROUNDDOWN($C2060/24,0)+1,1))-1)+IF('Standard Profiles'!$G$20=$B$10,7,0)+IF('Standard Profiles'!$G$20=$B$17,14,0)+IF('Standard Profiles'!$G$20=$B$24,21,0),0)),0)</f>
        <v>2.2391362255903959</v>
      </c>
      <c r="G2060" cm="1">
        <f t="array" ref="G2060">IFERROR(INDEX(Jesper!AK$2:AK$366,ROUNDDOWN($C2060/24,0)+1,1)*INDEX($D$3:$AA$30,INDEX(Jesper!$R$2:$R$366,ROW(INDEX(Jesper!AK$2:AK$366,ROUNDDOWN($C2060/24,0)+1,1))-1)+IF('Standard Profiles'!$G$21=$B$10,7,0)+IF('Standard Profiles'!$G$21=$B$17,14,0)+IF('Standard Profiles'!$G$21=$B$24,21,0),MOD($C2060,24)+1)/SUM(INDEX($D$3:$AA$30,INDEX(Jesper!$R$2:$R$366,ROW(INDEX(Jesper!AK$2:AK$366,ROUNDDOWN($C2060/24,0)+1,1))-1)+IF('Standard Profiles'!$G$21=$B$10,7,0)+IF('Standard Profiles'!$G$21=$B$17,14,0)+IF('Standard Profiles'!$G$21=$B$24,21,0),0)),0)</f>
        <v>2.3118125111907091</v>
      </c>
      <c r="H2060" cm="1">
        <f t="array" ref="H2060">IFERROR(INDEX(Jesper!AL$2:AL$366,ROUNDDOWN($C2060/24,0)+1,1)*INDEX($D$3:$AA$30,INDEX(Jesper!$R$2:$R$366,ROW(INDEX(Jesper!AL$2:AL$366,ROUNDDOWN($C2060/24,0)+1,1))-1)+IF('Standard Profiles'!$G$22=$B$10,7,0)+IF('Standard Profiles'!$G$22=$B$17,14,0)+IF('Standard Profiles'!$G$22=$B$24,21,0),MOD($C2060,24)+1)/SUM(INDEX($D$3:$AA$30,INDEX(Jesper!$R$2:$R$366,ROW(INDEX(Jesper!AL$2:AL$366,ROUNDDOWN($C2060/24,0)+1,1))-1)+IF('Standard Profiles'!$G$22=$B$10,7,0)+IF('Standard Profiles'!$G$22=$B$17,14,0)+IF('Standard Profiles'!$G$22=$B$24,21,0),0)),0)</f>
        <v>1.7300048186684627</v>
      </c>
      <c r="I2060">
        <f t="shared" si="237"/>
        <v>1.6608046259217251</v>
      </c>
      <c r="J2060">
        <f t="shared" si="238"/>
        <v>7.6345546603167636</v>
      </c>
      <c r="K2060">
        <f t="shared" si="239"/>
        <v>0.27403688461717463</v>
      </c>
      <c r="L2060">
        <f t="shared" si="240"/>
        <v>0.13701844230858731</v>
      </c>
      <c r="M2060">
        <f t="shared" si="241"/>
        <v>0</v>
      </c>
      <c r="N2060" s="45">
        <f t="shared" si="242"/>
        <v>45011.416666661753</v>
      </c>
    </row>
    <row r="2061" spans="2:14" x14ac:dyDescent="0.25">
      <c r="B2061">
        <f t="shared" si="236"/>
        <v>7</v>
      </c>
      <c r="C2061" s="16">
        <v>2027</v>
      </c>
      <c r="D2061" cm="1">
        <f t="array" ref="D2061">IFERROR(INDEX(Jesper!AH$2:AH$366,ROUNDDOWN($C2061/24,0)+1,1)*INDEX($D$3:$AA$30,INDEX(Jesper!$R$2:$R$366,ROW(INDEX(Jesper!AH$2:AH$366,ROUNDDOWN($C2061/24,0)+1,1))-1)+IF('Standard Profiles'!$G$18=$B$10,7,0)+IF('Standard Profiles'!$G$18=$B$17,14,0)+IF('Standard Profiles'!$G$18=$B$24,21,0),MOD($C2061,24)+1)/SUM(INDEX($D$3:$AA$30,INDEX(Jesper!$R$2:$R$366,ROW(INDEX(Jesper!AH$2:AH$366,ROUNDDOWN($C2061/24,0)+1,1))-1)+IF('Standard Profiles'!$G$18=$B$10,7,0)+IF('Standard Profiles'!$G$18=$B$17,14,0)+IF('Standard Profiles'!$G$18=$B$24,21,0),0)),0)</f>
        <v>0</v>
      </c>
      <c r="E2061" cm="1">
        <f t="array" ref="E2061">IFERROR(INDEX(Jesper!AI$2:AI$366,ROUNDDOWN($C2061/24,0)+1,1)*INDEX($D$3:$AA$30,INDEX(Jesper!$R$2:$R$366,ROW(INDEX(Jesper!AI$2:AI$366,ROUNDDOWN($C2061/24,0)+1,1))-1)+IF('Standard Profiles'!$G$19=$B$10,7,0)+IF('Standard Profiles'!$G$19=$B$17,14,0)+IF('Standard Profiles'!$G$19=$B$24,21,0),MOD($C2061,24)+1)/SUM(INDEX($D$3:$AA$30,INDEX(Jesper!$R$2:$R$366,ROW(INDEX(Jesper!AI$2:AI$366,ROUNDDOWN($C2061/24,0)+1,1))-1)+IF('Standard Profiles'!$G$19=$B$10,7,0)+IF('Standard Profiles'!$G$19=$B$17,14,0)+IF('Standard Profiles'!$G$19=$B$24,21,0),0)),0)</f>
        <v>3.4254610577146827</v>
      </c>
      <c r="F2061" cm="1">
        <f t="array" ref="F2061">IFERROR(INDEX(Jesper!AJ$2:AJ$366,ROUNDDOWN($C2061/24,0)+1,1)*INDEX($D$3:$AA$30,INDEX(Jesper!$R$2:$R$366,ROW(INDEX(Jesper!AJ$2:AJ$366,ROUNDDOWN($C2061/24,0)+1,1))-1)+IF('Standard Profiles'!$G$20=$B$10,7,0)+IF('Standard Profiles'!$G$20=$B$17,14,0)+IF('Standard Profiles'!$G$20=$B$24,21,0),MOD($C2061,24)+1)/SUM(INDEX($D$3:$AA$30,INDEX(Jesper!$R$2:$R$366,ROW(INDEX(Jesper!AJ$2:AJ$366,ROUNDDOWN($C2061/24,0)+1,1))-1)+IF('Standard Profiles'!$G$20=$B$10,7,0)+IF('Standard Profiles'!$G$20=$B$17,14,0)+IF('Standard Profiles'!$G$20=$B$24,21,0),0)),0)</f>
        <v>2.2391362255903959</v>
      </c>
      <c r="G2061" cm="1">
        <f t="array" ref="G2061">IFERROR(INDEX(Jesper!AK$2:AK$366,ROUNDDOWN($C2061/24,0)+1,1)*INDEX($D$3:$AA$30,INDEX(Jesper!$R$2:$R$366,ROW(INDEX(Jesper!AK$2:AK$366,ROUNDDOWN($C2061/24,0)+1,1))-1)+IF('Standard Profiles'!$G$21=$B$10,7,0)+IF('Standard Profiles'!$G$21=$B$17,14,0)+IF('Standard Profiles'!$G$21=$B$24,21,0),MOD($C2061,24)+1)/SUM(INDEX($D$3:$AA$30,INDEX(Jesper!$R$2:$R$366,ROW(INDEX(Jesper!AK$2:AK$366,ROUNDDOWN($C2061/24,0)+1,1))-1)+IF('Standard Profiles'!$G$21=$B$10,7,0)+IF('Standard Profiles'!$G$21=$B$17,14,0)+IF('Standard Profiles'!$G$21=$B$24,21,0),0)),0)</f>
        <v>2.3118125111907091</v>
      </c>
      <c r="H2061" cm="1">
        <f t="array" ref="H2061">IFERROR(INDEX(Jesper!AL$2:AL$366,ROUNDDOWN($C2061/24,0)+1,1)*INDEX($D$3:$AA$30,INDEX(Jesper!$R$2:$R$366,ROW(INDEX(Jesper!AL$2:AL$366,ROUNDDOWN($C2061/24,0)+1,1))-1)+IF('Standard Profiles'!$G$22=$B$10,7,0)+IF('Standard Profiles'!$G$22=$B$17,14,0)+IF('Standard Profiles'!$G$22=$B$24,21,0),MOD($C2061,24)+1)/SUM(INDEX($D$3:$AA$30,INDEX(Jesper!$R$2:$R$366,ROW(INDEX(Jesper!AL$2:AL$366,ROUNDDOWN($C2061/24,0)+1,1))-1)+IF('Standard Profiles'!$G$22=$B$10,7,0)+IF('Standard Profiles'!$G$22=$B$17,14,0)+IF('Standard Profiles'!$G$22=$B$24,21,0),0)),0)</f>
        <v>1.7300048186684627</v>
      </c>
      <c r="I2061">
        <f t="shared" si="237"/>
        <v>1.6608046259217251</v>
      </c>
      <c r="J2061">
        <f t="shared" si="238"/>
        <v>7.6345546603167636</v>
      </c>
      <c r="K2061">
        <f t="shared" si="239"/>
        <v>0.27403688461717463</v>
      </c>
      <c r="L2061">
        <f t="shared" si="240"/>
        <v>0.13701844230858731</v>
      </c>
      <c r="M2061">
        <f t="shared" si="241"/>
        <v>0</v>
      </c>
      <c r="N2061" s="45">
        <f t="shared" si="242"/>
        <v>45011.458333328417</v>
      </c>
    </row>
    <row r="2062" spans="2:14" x14ac:dyDescent="0.25">
      <c r="B2062">
        <f t="shared" si="236"/>
        <v>7</v>
      </c>
      <c r="C2062" s="16">
        <v>2028</v>
      </c>
      <c r="D2062" cm="1">
        <f t="array" ref="D2062">IFERROR(INDEX(Jesper!AH$2:AH$366,ROUNDDOWN($C2062/24,0)+1,1)*INDEX($D$3:$AA$30,INDEX(Jesper!$R$2:$R$366,ROW(INDEX(Jesper!AH$2:AH$366,ROUNDDOWN($C2062/24,0)+1,1))-1)+IF('Standard Profiles'!$G$18=$B$10,7,0)+IF('Standard Profiles'!$G$18=$B$17,14,0)+IF('Standard Profiles'!$G$18=$B$24,21,0),MOD($C2062,24)+1)/SUM(INDEX($D$3:$AA$30,INDEX(Jesper!$R$2:$R$366,ROW(INDEX(Jesper!AH$2:AH$366,ROUNDDOWN($C2062/24,0)+1,1))-1)+IF('Standard Profiles'!$G$18=$B$10,7,0)+IF('Standard Profiles'!$G$18=$B$17,14,0)+IF('Standard Profiles'!$G$18=$B$24,21,0),0)),0)</f>
        <v>0</v>
      </c>
      <c r="E2062" cm="1">
        <f t="array" ref="E2062">IFERROR(INDEX(Jesper!AI$2:AI$366,ROUNDDOWN($C2062/24,0)+1,1)*INDEX($D$3:$AA$30,INDEX(Jesper!$R$2:$R$366,ROW(INDEX(Jesper!AI$2:AI$366,ROUNDDOWN($C2062/24,0)+1,1))-1)+IF('Standard Profiles'!$G$19=$B$10,7,0)+IF('Standard Profiles'!$G$19=$B$17,14,0)+IF('Standard Profiles'!$G$19=$B$24,21,0),MOD($C2062,24)+1)/SUM(INDEX($D$3:$AA$30,INDEX(Jesper!$R$2:$R$366,ROW(INDEX(Jesper!AI$2:AI$366,ROUNDDOWN($C2062/24,0)+1,1))-1)+IF('Standard Profiles'!$G$19=$B$10,7,0)+IF('Standard Profiles'!$G$19=$B$17,14,0)+IF('Standard Profiles'!$G$19=$B$24,21,0),0)),0)</f>
        <v>3.4254610577146827</v>
      </c>
      <c r="F2062" cm="1">
        <f t="array" ref="F2062">IFERROR(INDEX(Jesper!AJ$2:AJ$366,ROUNDDOWN($C2062/24,0)+1,1)*INDEX($D$3:$AA$30,INDEX(Jesper!$R$2:$R$366,ROW(INDEX(Jesper!AJ$2:AJ$366,ROUNDDOWN($C2062/24,0)+1,1))-1)+IF('Standard Profiles'!$G$20=$B$10,7,0)+IF('Standard Profiles'!$G$20=$B$17,14,0)+IF('Standard Profiles'!$G$20=$B$24,21,0),MOD($C2062,24)+1)/SUM(INDEX($D$3:$AA$30,INDEX(Jesper!$R$2:$R$366,ROW(INDEX(Jesper!AJ$2:AJ$366,ROUNDDOWN($C2062/24,0)+1,1))-1)+IF('Standard Profiles'!$G$20=$B$10,7,0)+IF('Standard Profiles'!$G$20=$B$17,14,0)+IF('Standard Profiles'!$G$20=$B$24,21,0),0)),0)</f>
        <v>2.2391362255903959</v>
      </c>
      <c r="G2062" cm="1">
        <f t="array" ref="G2062">IFERROR(INDEX(Jesper!AK$2:AK$366,ROUNDDOWN($C2062/24,0)+1,1)*INDEX($D$3:$AA$30,INDEX(Jesper!$R$2:$R$366,ROW(INDEX(Jesper!AK$2:AK$366,ROUNDDOWN($C2062/24,0)+1,1))-1)+IF('Standard Profiles'!$G$21=$B$10,7,0)+IF('Standard Profiles'!$G$21=$B$17,14,0)+IF('Standard Profiles'!$G$21=$B$24,21,0),MOD($C2062,24)+1)/SUM(INDEX($D$3:$AA$30,INDEX(Jesper!$R$2:$R$366,ROW(INDEX(Jesper!AK$2:AK$366,ROUNDDOWN($C2062/24,0)+1,1))-1)+IF('Standard Profiles'!$G$21=$B$10,7,0)+IF('Standard Profiles'!$G$21=$B$17,14,0)+IF('Standard Profiles'!$G$21=$B$24,21,0),0)),0)</f>
        <v>2.3118125111907091</v>
      </c>
      <c r="H2062" cm="1">
        <f t="array" ref="H2062">IFERROR(INDEX(Jesper!AL$2:AL$366,ROUNDDOWN($C2062/24,0)+1,1)*INDEX($D$3:$AA$30,INDEX(Jesper!$R$2:$R$366,ROW(INDEX(Jesper!AL$2:AL$366,ROUNDDOWN($C2062/24,0)+1,1))-1)+IF('Standard Profiles'!$G$22=$B$10,7,0)+IF('Standard Profiles'!$G$22=$B$17,14,0)+IF('Standard Profiles'!$G$22=$B$24,21,0),MOD($C2062,24)+1)/SUM(INDEX($D$3:$AA$30,INDEX(Jesper!$R$2:$R$366,ROW(INDEX(Jesper!AL$2:AL$366,ROUNDDOWN($C2062/24,0)+1,1))-1)+IF('Standard Profiles'!$G$22=$B$10,7,0)+IF('Standard Profiles'!$G$22=$B$17,14,0)+IF('Standard Profiles'!$G$22=$B$24,21,0),0)),0)</f>
        <v>1.7300048186684627</v>
      </c>
      <c r="I2062">
        <f t="shared" si="237"/>
        <v>1.6608046259217251</v>
      </c>
      <c r="J2062">
        <f t="shared" si="238"/>
        <v>7.6345546603167636</v>
      </c>
      <c r="K2062">
        <f t="shared" si="239"/>
        <v>0.27403688461717463</v>
      </c>
      <c r="L2062">
        <f t="shared" si="240"/>
        <v>0.13701844230858731</v>
      </c>
      <c r="M2062">
        <f t="shared" si="241"/>
        <v>0</v>
      </c>
      <c r="N2062" s="45">
        <f t="shared" si="242"/>
        <v>45011.499999995081</v>
      </c>
    </row>
    <row r="2063" spans="2:14" x14ac:dyDescent="0.25">
      <c r="B2063">
        <f t="shared" si="236"/>
        <v>7</v>
      </c>
      <c r="C2063" s="16">
        <v>2029</v>
      </c>
      <c r="D2063" cm="1">
        <f t="array" ref="D2063">IFERROR(INDEX(Jesper!AH$2:AH$366,ROUNDDOWN($C2063/24,0)+1,1)*INDEX($D$3:$AA$30,INDEX(Jesper!$R$2:$R$366,ROW(INDEX(Jesper!AH$2:AH$366,ROUNDDOWN($C2063/24,0)+1,1))-1)+IF('Standard Profiles'!$G$18=$B$10,7,0)+IF('Standard Profiles'!$G$18=$B$17,14,0)+IF('Standard Profiles'!$G$18=$B$24,21,0),MOD($C2063,24)+1)/SUM(INDEX($D$3:$AA$30,INDEX(Jesper!$R$2:$R$366,ROW(INDEX(Jesper!AH$2:AH$366,ROUNDDOWN($C2063/24,0)+1,1))-1)+IF('Standard Profiles'!$G$18=$B$10,7,0)+IF('Standard Profiles'!$G$18=$B$17,14,0)+IF('Standard Profiles'!$G$18=$B$24,21,0),0)),0)</f>
        <v>0</v>
      </c>
      <c r="E2063" cm="1">
        <f t="array" ref="E2063">IFERROR(INDEX(Jesper!AI$2:AI$366,ROUNDDOWN($C2063/24,0)+1,1)*INDEX($D$3:$AA$30,INDEX(Jesper!$R$2:$R$366,ROW(INDEX(Jesper!AI$2:AI$366,ROUNDDOWN($C2063/24,0)+1,1))-1)+IF('Standard Profiles'!$G$19=$B$10,7,0)+IF('Standard Profiles'!$G$19=$B$17,14,0)+IF('Standard Profiles'!$G$19=$B$24,21,0),MOD($C2063,24)+1)/SUM(INDEX($D$3:$AA$30,INDEX(Jesper!$R$2:$R$366,ROW(INDEX(Jesper!AI$2:AI$366,ROUNDDOWN($C2063/24,0)+1,1))-1)+IF('Standard Profiles'!$G$19=$B$10,7,0)+IF('Standard Profiles'!$G$19=$B$17,14,0)+IF('Standard Profiles'!$G$19=$B$24,21,0),0)),0)</f>
        <v>3.4254610577146827</v>
      </c>
      <c r="F2063" cm="1">
        <f t="array" ref="F2063">IFERROR(INDEX(Jesper!AJ$2:AJ$366,ROUNDDOWN($C2063/24,0)+1,1)*INDEX($D$3:$AA$30,INDEX(Jesper!$R$2:$R$366,ROW(INDEX(Jesper!AJ$2:AJ$366,ROUNDDOWN($C2063/24,0)+1,1))-1)+IF('Standard Profiles'!$G$20=$B$10,7,0)+IF('Standard Profiles'!$G$20=$B$17,14,0)+IF('Standard Profiles'!$G$20=$B$24,21,0),MOD($C2063,24)+1)/SUM(INDEX($D$3:$AA$30,INDEX(Jesper!$R$2:$R$366,ROW(INDEX(Jesper!AJ$2:AJ$366,ROUNDDOWN($C2063/24,0)+1,1))-1)+IF('Standard Profiles'!$G$20=$B$10,7,0)+IF('Standard Profiles'!$G$20=$B$17,14,0)+IF('Standard Profiles'!$G$20=$B$24,21,0),0)),0)</f>
        <v>2.2391362255903959</v>
      </c>
      <c r="G2063" cm="1">
        <f t="array" ref="G2063">IFERROR(INDEX(Jesper!AK$2:AK$366,ROUNDDOWN($C2063/24,0)+1,1)*INDEX($D$3:$AA$30,INDEX(Jesper!$R$2:$R$366,ROW(INDEX(Jesper!AK$2:AK$366,ROUNDDOWN($C2063/24,0)+1,1))-1)+IF('Standard Profiles'!$G$21=$B$10,7,0)+IF('Standard Profiles'!$G$21=$B$17,14,0)+IF('Standard Profiles'!$G$21=$B$24,21,0),MOD($C2063,24)+1)/SUM(INDEX($D$3:$AA$30,INDEX(Jesper!$R$2:$R$366,ROW(INDEX(Jesper!AK$2:AK$366,ROUNDDOWN($C2063/24,0)+1,1))-1)+IF('Standard Profiles'!$G$21=$B$10,7,0)+IF('Standard Profiles'!$G$21=$B$17,14,0)+IF('Standard Profiles'!$G$21=$B$24,21,0),0)),0)</f>
        <v>2.3118125111907091</v>
      </c>
      <c r="H2063" cm="1">
        <f t="array" ref="H2063">IFERROR(INDEX(Jesper!AL$2:AL$366,ROUNDDOWN($C2063/24,0)+1,1)*INDEX($D$3:$AA$30,INDEX(Jesper!$R$2:$R$366,ROW(INDEX(Jesper!AL$2:AL$366,ROUNDDOWN($C2063/24,0)+1,1))-1)+IF('Standard Profiles'!$G$22=$B$10,7,0)+IF('Standard Profiles'!$G$22=$B$17,14,0)+IF('Standard Profiles'!$G$22=$B$24,21,0),MOD($C2063,24)+1)/SUM(INDEX($D$3:$AA$30,INDEX(Jesper!$R$2:$R$366,ROW(INDEX(Jesper!AL$2:AL$366,ROUNDDOWN($C2063/24,0)+1,1))-1)+IF('Standard Profiles'!$G$22=$B$10,7,0)+IF('Standard Profiles'!$G$22=$B$17,14,0)+IF('Standard Profiles'!$G$22=$B$24,21,0),0)),0)</f>
        <v>1.7300048186684627</v>
      </c>
      <c r="I2063">
        <f t="shared" si="237"/>
        <v>1.6608046259217251</v>
      </c>
      <c r="J2063">
        <f t="shared" si="238"/>
        <v>7.6345546603167636</v>
      </c>
      <c r="K2063">
        <f t="shared" si="239"/>
        <v>0.27403688461717463</v>
      </c>
      <c r="L2063">
        <f t="shared" si="240"/>
        <v>0.13701844230858731</v>
      </c>
      <c r="M2063">
        <f t="shared" si="241"/>
        <v>0</v>
      </c>
      <c r="N2063" s="45">
        <f t="shared" si="242"/>
        <v>45011.541666661746</v>
      </c>
    </row>
    <row r="2064" spans="2:14" x14ac:dyDescent="0.25">
      <c r="B2064">
        <f t="shared" si="236"/>
        <v>7</v>
      </c>
      <c r="C2064" s="16">
        <v>2030</v>
      </c>
      <c r="D2064" cm="1">
        <f t="array" ref="D2064">IFERROR(INDEX(Jesper!AH$2:AH$366,ROUNDDOWN($C2064/24,0)+1,1)*INDEX($D$3:$AA$30,INDEX(Jesper!$R$2:$R$366,ROW(INDEX(Jesper!AH$2:AH$366,ROUNDDOWN($C2064/24,0)+1,1))-1)+IF('Standard Profiles'!$G$18=$B$10,7,0)+IF('Standard Profiles'!$G$18=$B$17,14,0)+IF('Standard Profiles'!$G$18=$B$24,21,0),MOD($C2064,24)+1)/SUM(INDEX($D$3:$AA$30,INDEX(Jesper!$R$2:$R$366,ROW(INDEX(Jesper!AH$2:AH$366,ROUNDDOWN($C2064/24,0)+1,1))-1)+IF('Standard Profiles'!$G$18=$B$10,7,0)+IF('Standard Profiles'!$G$18=$B$17,14,0)+IF('Standard Profiles'!$G$18=$B$24,21,0),0)),0)</f>
        <v>0</v>
      </c>
      <c r="E2064" cm="1">
        <f t="array" ref="E2064">IFERROR(INDEX(Jesper!AI$2:AI$366,ROUNDDOWN($C2064/24,0)+1,1)*INDEX($D$3:$AA$30,INDEX(Jesper!$R$2:$R$366,ROW(INDEX(Jesper!AI$2:AI$366,ROUNDDOWN($C2064/24,0)+1,1))-1)+IF('Standard Profiles'!$G$19=$B$10,7,0)+IF('Standard Profiles'!$G$19=$B$17,14,0)+IF('Standard Profiles'!$G$19=$B$24,21,0),MOD($C2064,24)+1)/SUM(INDEX($D$3:$AA$30,INDEX(Jesper!$R$2:$R$366,ROW(INDEX(Jesper!AI$2:AI$366,ROUNDDOWN($C2064/24,0)+1,1))-1)+IF('Standard Profiles'!$G$19=$B$10,7,0)+IF('Standard Profiles'!$G$19=$B$17,14,0)+IF('Standard Profiles'!$G$19=$B$24,21,0),0)),0)</f>
        <v>3.4254610577146827</v>
      </c>
      <c r="F2064" cm="1">
        <f t="array" ref="F2064">IFERROR(INDEX(Jesper!AJ$2:AJ$366,ROUNDDOWN($C2064/24,0)+1,1)*INDEX($D$3:$AA$30,INDEX(Jesper!$R$2:$R$366,ROW(INDEX(Jesper!AJ$2:AJ$366,ROUNDDOWN($C2064/24,0)+1,1))-1)+IF('Standard Profiles'!$G$20=$B$10,7,0)+IF('Standard Profiles'!$G$20=$B$17,14,0)+IF('Standard Profiles'!$G$20=$B$24,21,0),MOD($C2064,24)+1)/SUM(INDEX($D$3:$AA$30,INDEX(Jesper!$R$2:$R$366,ROW(INDEX(Jesper!AJ$2:AJ$366,ROUNDDOWN($C2064/24,0)+1,1))-1)+IF('Standard Profiles'!$G$20=$B$10,7,0)+IF('Standard Profiles'!$G$20=$B$17,14,0)+IF('Standard Profiles'!$G$20=$B$24,21,0),0)),0)</f>
        <v>2.2391362255903959</v>
      </c>
      <c r="G2064" cm="1">
        <f t="array" ref="G2064">IFERROR(INDEX(Jesper!AK$2:AK$366,ROUNDDOWN($C2064/24,0)+1,1)*INDEX($D$3:$AA$30,INDEX(Jesper!$R$2:$R$366,ROW(INDEX(Jesper!AK$2:AK$366,ROUNDDOWN($C2064/24,0)+1,1))-1)+IF('Standard Profiles'!$G$21=$B$10,7,0)+IF('Standard Profiles'!$G$21=$B$17,14,0)+IF('Standard Profiles'!$G$21=$B$24,21,0),MOD($C2064,24)+1)/SUM(INDEX($D$3:$AA$30,INDEX(Jesper!$R$2:$R$366,ROW(INDEX(Jesper!AK$2:AK$366,ROUNDDOWN($C2064/24,0)+1,1))-1)+IF('Standard Profiles'!$G$21=$B$10,7,0)+IF('Standard Profiles'!$G$21=$B$17,14,0)+IF('Standard Profiles'!$G$21=$B$24,21,0),0)),0)</f>
        <v>2.3118125111907091</v>
      </c>
      <c r="H2064" cm="1">
        <f t="array" ref="H2064">IFERROR(INDEX(Jesper!AL$2:AL$366,ROUNDDOWN($C2064/24,0)+1,1)*INDEX($D$3:$AA$30,INDEX(Jesper!$R$2:$R$366,ROW(INDEX(Jesper!AL$2:AL$366,ROUNDDOWN($C2064/24,0)+1,1))-1)+IF('Standard Profiles'!$G$22=$B$10,7,0)+IF('Standard Profiles'!$G$22=$B$17,14,0)+IF('Standard Profiles'!$G$22=$B$24,21,0),MOD($C2064,24)+1)/SUM(INDEX($D$3:$AA$30,INDEX(Jesper!$R$2:$R$366,ROW(INDEX(Jesper!AL$2:AL$366,ROUNDDOWN($C2064/24,0)+1,1))-1)+IF('Standard Profiles'!$G$22=$B$10,7,0)+IF('Standard Profiles'!$G$22=$B$17,14,0)+IF('Standard Profiles'!$G$22=$B$24,21,0),0)),0)</f>
        <v>1.7300048186684627</v>
      </c>
      <c r="I2064">
        <f t="shared" si="237"/>
        <v>1.6608046259217251</v>
      </c>
      <c r="J2064">
        <f t="shared" si="238"/>
        <v>7.6345546603167636</v>
      </c>
      <c r="K2064">
        <f t="shared" si="239"/>
        <v>0.27403688461717463</v>
      </c>
      <c r="L2064">
        <f t="shared" si="240"/>
        <v>0.13701844230858731</v>
      </c>
      <c r="M2064">
        <f t="shared" si="241"/>
        <v>0</v>
      </c>
      <c r="N2064" s="45">
        <f t="shared" si="242"/>
        <v>45011.58333332841</v>
      </c>
    </row>
    <row r="2065" spans="2:14" x14ac:dyDescent="0.25">
      <c r="B2065">
        <f t="shared" si="236"/>
        <v>7</v>
      </c>
      <c r="C2065" s="16">
        <v>2031</v>
      </c>
      <c r="D2065" cm="1">
        <f t="array" ref="D2065">IFERROR(INDEX(Jesper!AH$2:AH$366,ROUNDDOWN($C2065/24,0)+1,1)*INDEX($D$3:$AA$30,INDEX(Jesper!$R$2:$R$366,ROW(INDEX(Jesper!AH$2:AH$366,ROUNDDOWN($C2065/24,0)+1,1))-1)+IF('Standard Profiles'!$G$18=$B$10,7,0)+IF('Standard Profiles'!$G$18=$B$17,14,0)+IF('Standard Profiles'!$G$18=$B$24,21,0),MOD($C2065,24)+1)/SUM(INDEX($D$3:$AA$30,INDEX(Jesper!$R$2:$R$366,ROW(INDEX(Jesper!AH$2:AH$366,ROUNDDOWN($C2065/24,0)+1,1))-1)+IF('Standard Profiles'!$G$18=$B$10,7,0)+IF('Standard Profiles'!$G$18=$B$17,14,0)+IF('Standard Profiles'!$G$18=$B$24,21,0),0)),0)</f>
        <v>0</v>
      </c>
      <c r="E2065" cm="1">
        <f t="array" ref="E2065">IFERROR(INDEX(Jesper!AI$2:AI$366,ROUNDDOWN($C2065/24,0)+1,1)*INDEX($D$3:$AA$30,INDEX(Jesper!$R$2:$R$366,ROW(INDEX(Jesper!AI$2:AI$366,ROUNDDOWN($C2065/24,0)+1,1))-1)+IF('Standard Profiles'!$G$19=$B$10,7,0)+IF('Standard Profiles'!$G$19=$B$17,14,0)+IF('Standard Profiles'!$G$19=$B$24,21,0),MOD($C2065,24)+1)/SUM(INDEX($D$3:$AA$30,INDEX(Jesper!$R$2:$R$366,ROW(INDEX(Jesper!AI$2:AI$366,ROUNDDOWN($C2065/24,0)+1,1))-1)+IF('Standard Profiles'!$G$19=$B$10,7,0)+IF('Standard Profiles'!$G$19=$B$17,14,0)+IF('Standard Profiles'!$G$19=$B$24,21,0),0)),0)</f>
        <v>3.4254610577146827</v>
      </c>
      <c r="F2065" cm="1">
        <f t="array" ref="F2065">IFERROR(INDEX(Jesper!AJ$2:AJ$366,ROUNDDOWN($C2065/24,0)+1,1)*INDEX($D$3:$AA$30,INDEX(Jesper!$R$2:$R$366,ROW(INDEX(Jesper!AJ$2:AJ$366,ROUNDDOWN($C2065/24,0)+1,1))-1)+IF('Standard Profiles'!$G$20=$B$10,7,0)+IF('Standard Profiles'!$G$20=$B$17,14,0)+IF('Standard Profiles'!$G$20=$B$24,21,0),MOD($C2065,24)+1)/SUM(INDEX($D$3:$AA$30,INDEX(Jesper!$R$2:$R$366,ROW(INDEX(Jesper!AJ$2:AJ$366,ROUNDDOWN($C2065/24,0)+1,1))-1)+IF('Standard Profiles'!$G$20=$B$10,7,0)+IF('Standard Profiles'!$G$20=$B$17,14,0)+IF('Standard Profiles'!$G$20=$B$24,21,0),0)),0)</f>
        <v>2.2391362255903959</v>
      </c>
      <c r="G2065" cm="1">
        <f t="array" ref="G2065">IFERROR(INDEX(Jesper!AK$2:AK$366,ROUNDDOWN($C2065/24,0)+1,1)*INDEX($D$3:$AA$30,INDEX(Jesper!$R$2:$R$366,ROW(INDEX(Jesper!AK$2:AK$366,ROUNDDOWN($C2065/24,0)+1,1))-1)+IF('Standard Profiles'!$G$21=$B$10,7,0)+IF('Standard Profiles'!$G$21=$B$17,14,0)+IF('Standard Profiles'!$G$21=$B$24,21,0),MOD($C2065,24)+1)/SUM(INDEX($D$3:$AA$30,INDEX(Jesper!$R$2:$R$366,ROW(INDEX(Jesper!AK$2:AK$366,ROUNDDOWN($C2065/24,0)+1,1))-1)+IF('Standard Profiles'!$G$21=$B$10,7,0)+IF('Standard Profiles'!$G$21=$B$17,14,0)+IF('Standard Profiles'!$G$21=$B$24,21,0),0)),0)</f>
        <v>2.3118125111907091</v>
      </c>
      <c r="H2065" cm="1">
        <f t="array" ref="H2065">IFERROR(INDEX(Jesper!AL$2:AL$366,ROUNDDOWN($C2065/24,0)+1,1)*INDEX($D$3:$AA$30,INDEX(Jesper!$R$2:$R$366,ROW(INDEX(Jesper!AL$2:AL$366,ROUNDDOWN($C2065/24,0)+1,1))-1)+IF('Standard Profiles'!$G$22=$B$10,7,0)+IF('Standard Profiles'!$G$22=$B$17,14,0)+IF('Standard Profiles'!$G$22=$B$24,21,0),MOD($C2065,24)+1)/SUM(INDEX($D$3:$AA$30,INDEX(Jesper!$R$2:$R$366,ROW(INDEX(Jesper!AL$2:AL$366,ROUNDDOWN($C2065/24,0)+1,1))-1)+IF('Standard Profiles'!$G$22=$B$10,7,0)+IF('Standard Profiles'!$G$22=$B$17,14,0)+IF('Standard Profiles'!$G$22=$B$24,21,0),0)),0)</f>
        <v>1.5377820610386337</v>
      </c>
      <c r="I2065">
        <f t="shared" si="237"/>
        <v>1.4762707785970892</v>
      </c>
      <c r="J2065">
        <f t="shared" si="238"/>
        <v>7.6268657500115706</v>
      </c>
      <c r="K2065">
        <f t="shared" si="239"/>
        <v>0.27403688461717463</v>
      </c>
      <c r="L2065">
        <f t="shared" si="240"/>
        <v>0.13701844230858731</v>
      </c>
      <c r="M2065">
        <f t="shared" si="241"/>
        <v>0</v>
      </c>
      <c r="N2065" s="45">
        <f t="shared" si="242"/>
        <v>45011.624999995074</v>
      </c>
    </row>
    <row r="2066" spans="2:14" x14ac:dyDescent="0.25">
      <c r="B2066">
        <f t="shared" si="236"/>
        <v>7</v>
      </c>
      <c r="C2066" s="16">
        <v>2032</v>
      </c>
      <c r="D2066" cm="1">
        <f t="array" ref="D2066">IFERROR(INDEX(Jesper!AH$2:AH$366,ROUNDDOWN($C2066/24,0)+1,1)*INDEX($D$3:$AA$30,INDEX(Jesper!$R$2:$R$366,ROW(INDEX(Jesper!AH$2:AH$366,ROUNDDOWN($C2066/24,0)+1,1))-1)+IF('Standard Profiles'!$G$18=$B$10,7,0)+IF('Standard Profiles'!$G$18=$B$17,14,0)+IF('Standard Profiles'!$G$18=$B$24,21,0),MOD($C2066,24)+1)/SUM(INDEX($D$3:$AA$30,INDEX(Jesper!$R$2:$R$366,ROW(INDEX(Jesper!AH$2:AH$366,ROUNDDOWN($C2066/24,0)+1,1))-1)+IF('Standard Profiles'!$G$18=$B$10,7,0)+IF('Standard Profiles'!$G$18=$B$17,14,0)+IF('Standard Profiles'!$G$18=$B$24,21,0),0)),0)</f>
        <v>0</v>
      </c>
      <c r="E2066" cm="1">
        <f t="array" ref="E2066">IFERROR(INDEX(Jesper!AI$2:AI$366,ROUNDDOWN($C2066/24,0)+1,1)*INDEX($D$3:$AA$30,INDEX(Jesper!$R$2:$R$366,ROW(INDEX(Jesper!AI$2:AI$366,ROUNDDOWN($C2066/24,0)+1,1))-1)+IF('Standard Profiles'!$G$19=$B$10,7,0)+IF('Standard Profiles'!$G$19=$B$17,14,0)+IF('Standard Profiles'!$G$19=$B$24,21,0),MOD($C2066,24)+1)/SUM(INDEX($D$3:$AA$30,INDEX(Jesper!$R$2:$R$366,ROW(INDEX(Jesper!AI$2:AI$366,ROUNDDOWN($C2066/24,0)+1,1))-1)+IF('Standard Profiles'!$G$19=$B$10,7,0)+IF('Standard Profiles'!$G$19=$B$17,14,0)+IF('Standard Profiles'!$G$19=$B$24,21,0),0)),0)</f>
        <v>3.4254610577146827</v>
      </c>
      <c r="F2066" cm="1">
        <f t="array" ref="F2066">IFERROR(INDEX(Jesper!AJ$2:AJ$366,ROUNDDOWN($C2066/24,0)+1,1)*INDEX($D$3:$AA$30,INDEX(Jesper!$R$2:$R$366,ROW(INDEX(Jesper!AJ$2:AJ$366,ROUNDDOWN($C2066/24,0)+1,1))-1)+IF('Standard Profiles'!$G$20=$B$10,7,0)+IF('Standard Profiles'!$G$20=$B$17,14,0)+IF('Standard Profiles'!$G$20=$B$24,21,0),MOD($C2066,24)+1)/SUM(INDEX($D$3:$AA$30,INDEX(Jesper!$R$2:$R$366,ROW(INDEX(Jesper!AJ$2:AJ$366,ROUNDDOWN($C2066/24,0)+1,1))-1)+IF('Standard Profiles'!$G$20=$B$10,7,0)+IF('Standard Profiles'!$G$20=$B$17,14,0)+IF('Standard Profiles'!$G$20=$B$24,21,0),0)),0)</f>
        <v>2.2391362255903959</v>
      </c>
      <c r="G2066" cm="1">
        <f t="array" ref="G2066">IFERROR(INDEX(Jesper!AK$2:AK$366,ROUNDDOWN($C2066/24,0)+1,1)*INDEX($D$3:$AA$30,INDEX(Jesper!$R$2:$R$366,ROW(INDEX(Jesper!AK$2:AK$366,ROUNDDOWN($C2066/24,0)+1,1))-1)+IF('Standard Profiles'!$G$21=$B$10,7,0)+IF('Standard Profiles'!$G$21=$B$17,14,0)+IF('Standard Profiles'!$G$21=$B$24,21,0),MOD($C2066,24)+1)/SUM(INDEX($D$3:$AA$30,INDEX(Jesper!$R$2:$R$366,ROW(INDEX(Jesper!AK$2:AK$366,ROUNDDOWN($C2066/24,0)+1,1))-1)+IF('Standard Profiles'!$G$21=$B$10,7,0)+IF('Standard Profiles'!$G$21=$B$17,14,0)+IF('Standard Profiles'!$G$21=$B$24,21,0),0)),0)</f>
        <v>2.3118125111907091</v>
      </c>
      <c r="H2066" cm="1">
        <f t="array" ref="H2066">IFERROR(INDEX(Jesper!AL$2:AL$366,ROUNDDOWN($C2066/24,0)+1,1)*INDEX($D$3:$AA$30,INDEX(Jesper!$R$2:$R$366,ROW(INDEX(Jesper!AL$2:AL$366,ROUNDDOWN($C2066/24,0)+1,1))-1)+IF('Standard Profiles'!$G$22=$B$10,7,0)+IF('Standard Profiles'!$G$22=$B$17,14,0)+IF('Standard Profiles'!$G$22=$B$24,21,0),MOD($C2066,24)+1)/SUM(INDEX($D$3:$AA$30,INDEX(Jesper!$R$2:$R$366,ROW(INDEX(Jesper!AL$2:AL$366,ROUNDDOWN($C2066/24,0)+1,1))-1)+IF('Standard Profiles'!$G$22=$B$10,7,0)+IF('Standard Profiles'!$G$22=$B$17,14,0)+IF('Standard Profiles'!$G$22=$B$24,21,0),0)),0)</f>
        <v>1.5103216670915152</v>
      </c>
      <c r="I2066">
        <f t="shared" si="237"/>
        <v>1.4499088004078553</v>
      </c>
      <c r="J2066">
        <f t="shared" si="238"/>
        <v>7.6257673342536858</v>
      </c>
      <c r="K2066">
        <f t="shared" si="239"/>
        <v>0.27403688461717463</v>
      </c>
      <c r="L2066">
        <f t="shared" si="240"/>
        <v>0.13701844230858731</v>
      </c>
      <c r="M2066">
        <f t="shared" si="241"/>
        <v>0</v>
      </c>
      <c r="N2066" s="45">
        <f t="shared" si="242"/>
        <v>45011.666666661738</v>
      </c>
    </row>
    <row r="2067" spans="2:14" x14ac:dyDescent="0.25">
      <c r="B2067">
        <f t="shared" si="236"/>
        <v>7</v>
      </c>
      <c r="C2067" s="16">
        <v>2033</v>
      </c>
      <c r="D2067" cm="1">
        <f t="array" ref="D2067">IFERROR(INDEX(Jesper!AH$2:AH$366,ROUNDDOWN($C2067/24,0)+1,1)*INDEX($D$3:$AA$30,INDEX(Jesper!$R$2:$R$366,ROW(INDEX(Jesper!AH$2:AH$366,ROUNDDOWN($C2067/24,0)+1,1))-1)+IF('Standard Profiles'!$G$18=$B$10,7,0)+IF('Standard Profiles'!$G$18=$B$17,14,0)+IF('Standard Profiles'!$G$18=$B$24,21,0),MOD($C2067,24)+1)/SUM(INDEX($D$3:$AA$30,INDEX(Jesper!$R$2:$R$366,ROW(INDEX(Jesper!AH$2:AH$366,ROUNDDOWN($C2067/24,0)+1,1))-1)+IF('Standard Profiles'!$G$18=$B$10,7,0)+IF('Standard Profiles'!$G$18=$B$17,14,0)+IF('Standard Profiles'!$G$18=$B$24,21,0),0)),0)</f>
        <v>0</v>
      </c>
      <c r="E2067" cm="1">
        <f t="array" ref="E2067">IFERROR(INDEX(Jesper!AI$2:AI$366,ROUNDDOWN($C2067/24,0)+1,1)*INDEX($D$3:$AA$30,INDEX(Jesper!$R$2:$R$366,ROW(INDEX(Jesper!AI$2:AI$366,ROUNDDOWN($C2067/24,0)+1,1))-1)+IF('Standard Profiles'!$G$19=$B$10,7,0)+IF('Standard Profiles'!$G$19=$B$17,14,0)+IF('Standard Profiles'!$G$19=$B$24,21,0),MOD($C2067,24)+1)/SUM(INDEX($D$3:$AA$30,INDEX(Jesper!$R$2:$R$366,ROW(INDEX(Jesper!AI$2:AI$366,ROUNDDOWN($C2067/24,0)+1,1))-1)+IF('Standard Profiles'!$G$19=$B$10,7,0)+IF('Standard Profiles'!$G$19=$B$17,14,0)+IF('Standard Profiles'!$G$19=$B$24,21,0),0)),0)</f>
        <v>3.4254610577146827</v>
      </c>
      <c r="F2067" cm="1">
        <f t="array" ref="F2067">IFERROR(INDEX(Jesper!AJ$2:AJ$366,ROUNDDOWN($C2067/24,0)+1,1)*INDEX($D$3:$AA$30,INDEX(Jesper!$R$2:$R$366,ROW(INDEX(Jesper!AJ$2:AJ$366,ROUNDDOWN($C2067/24,0)+1,1))-1)+IF('Standard Profiles'!$G$20=$B$10,7,0)+IF('Standard Profiles'!$G$20=$B$17,14,0)+IF('Standard Profiles'!$G$20=$B$24,21,0),MOD($C2067,24)+1)/SUM(INDEX($D$3:$AA$30,INDEX(Jesper!$R$2:$R$366,ROW(INDEX(Jesper!AJ$2:AJ$366,ROUNDDOWN($C2067/24,0)+1,1))-1)+IF('Standard Profiles'!$G$20=$B$10,7,0)+IF('Standard Profiles'!$G$20=$B$17,14,0)+IF('Standard Profiles'!$G$20=$B$24,21,0),0)),0)</f>
        <v>2.2391362255903959</v>
      </c>
      <c r="G2067" cm="1">
        <f t="array" ref="G2067">IFERROR(INDEX(Jesper!AK$2:AK$366,ROUNDDOWN($C2067/24,0)+1,1)*INDEX($D$3:$AA$30,INDEX(Jesper!$R$2:$R$366,ROW(INDEX(Jesper!AK$2:AK$366,ROUNDDOWN($C2067/24,0)+1,1))-1)+IF('Standard Profiles'!$G$21=$B$10,7,0)+IF('Standard Profiles'!$G$21=$B$17,14,0)+IF('Standard Profiles'!$G$21=$B$24,21,0),MOD($C2067,24)+1)/SUM(INDEX($D$3:$AA$30,INDEX(Jesper!$R$2:$R$366,ROW(INDEX(Jesper!AK$2:AK$366,ROUNDDOWN($C2067/24,0)+1,1))-1)+IF('Standard Profiles'!$G$21=$B$10,7,0)+IF('Standard Profiles'!$G$21=$B$17,14,0)+IF('Standard Profiles'!$G$21=$B$24,21,0),0)),0)</f>
        <v>2.3118125111907091</v>
      </c>
      <c r="H2067" cm="1">
        <f t="array" ref="H2067">IFERROR(INDEX(Jesper!AL$2:AL$366,ROUNDDOWN($C2067/24,0)+1,1)*INDEX($D$3:$AA$30,INDEX(Jesper!$R$2:$R$366,ROW(INDEX(Jesper!AL$2:AL$366,ROUNDDOWN($C2067/24,0)+1,1))-1)+IF('Standard Profiles'!$G$22=$B$10,7,0)+IF('Standard Profiles'!$G$22=$B$17,14,0)+IF('Standard Profiles'!$G$22=$B$24,21,0),MOD($C2067,24)+1)/SUM(INDEX($D$3:$AA$30,INDEX(Jesper!$R$2:$R$366,ROW(INDEX(Jesper!AL$2:AL$366,ROUNDDOWN($C2067/24,0)+1,1))-1)+IF('Standard Profiles'!$G$22=$B$10,7,0)+IF('Standard Profiles'!$G$22=$B$17,14,0)+IF('Standard Profiles'!$G$22=$B$24,21,0),0)),0)</f>
        <v>1.2906385155145677</v>
      </c>
      <c r="I2067">
        <f t="shared" si="237"/>
        <v>1.2390129748939855</v>
      </c>
      <c r="J2067">
        <f t="shared" si="238"/>
        <v>7.6169800081906081</v>
      </c>
      <c r="K2067">
        <f t="shared" si="239"/>
        <v>0.27403688461717463</v>
      </c>
      <c r="L2067">
        <f t="shared" si="240"/>
        <v>0.13701844230858731</v>
      </c>
      <c r="M2067">
        <f t="shared" si="241"/>
        <v>0</v>
      </c>
      <c r="N2067" s="45">
        <f t="shared" si="242"/>
        <v>45011.708333328403</v>
      </c>
    </row>
    <row r="2068" spans="2:14" x14ac:dyDescent="0.25">
      <c r="B2068">
        <f t="shared" si="236"/>
        <v>7</v>
      </c>
      <c r="C2068" s="16">
        <v>2034</v>
      </c>
      <c r="D2068" cm="1">
        <f t="array" ref="D2068">IFERROR(INDEX(Jesper!AH$2:AH$366,ROUNDDOWN($C2068/24,0)+1,1)*INDEX($D$3:$AA$30,INDEX(Jesper!$R$2:$R$366,ROW(INDEX(Jesper!AH$2:AH$366,ROUNDDOWN($C2068/24,0)+1,1))-1)+IF('Standard Profiles'!$G$18=$B$10,7,0)+IF('Standard Profiles'!$G$18=$B$17,14,0)+IF('Standard Profiles'!$G$18=$B$24,21,0),MOD($C2068,24)+1)/SUM(INDEX($D$3:$AA$30,INDEX(Jesper!$R$2:$R$366,ROW(INDEX(Jesper!AH$2:AH$366,ROUNDDOWN($C2068/24,0)+1,1))-1)+IF('Standard Profiles'!$G$18=$B$10,7,0)+IF('Standard Profiles'!$G$18=$B$17,14,0)+IF('Standard Profiles'!$G$18=$B$24,21,0),0)),0)</f>
        <v>0</v>
      </c>
      <c r="E2068" cm="1">
        <f t="array" ref="E2068">IFERROR(INDEX(Jesper!AI$2:AI$366,ROUNDDOWN($C2068/24,0)+1,1)*INDEX($D$3:$AA$30,INDEX(Jesper!$R$2:$R$366,ROW(INDEX(Jesper!AI$2:AI$366,ROUNDDOWN($C2068/24,0)+1,1))-1)+IF('Standard Profiles'!$G$19=$B$10,7,0)+IF('Standard Profiles'!$G$19=$B$17,14,0)+IF('Standard Profiles'!$G$19=$B$24,21,0),MOD($C2068,24)+1)/SUM(INDEX($D$3:$AA$30,INDEX(Jesper!$R$2:$R$366,ROW(INDEX(Jesper!AI$2:AI$366,ROUNDDOWN($C2068/24,0)+1,1))-1)+IF('Standard Profiles'!$G$19=$B$10,7,0)+IF('Standard Profiles'!$G$19=$B$17,14,0)+IF('Standard Profiles'!$G$19=$B$24,21,0),0)),0)</f>
        <v>3.4254610577146827</v>
      </c>
      <c r="F2068" cm="1">
        <f t="array" ref="F2068">IFERROR(INDEX(Jesper!AJ$2:AJ$366,ROUNDDOWN($C2068/24,0)+1,1)*INDEX($D$3:$AA$30,INDEX(Jesper!$R$2:$R$366,ROW(INDEX(Jesper!AJ$2:AJ$366,ROUNDDOWN($C2068/24,0)+1,1))-1)+IF('Standard Profiles'!$G$20=$B$10,7,0)+IF('Standard Profiles'!$G$20=$B$17,14,0)+IF('Standard Profiles'!$G$20=$B$24,21,0),MOD($C2068,24)+1)/SUM(INDEX($D$3:$AA$30,INDEX(Jesper!$R$2:$R$366,ROW(INDEX(Jesper!AJ$2:AJ$366,ROUNDDOWN($C2068/24,0)+1,1))-1)+IF('Standard Profiles'!$G$20=$B$10,7,0)+IF('Standard Profiles'!$G$20=$B$17,14,0)+IF('Standard Profiles'!$G$20=$B$24,21,0),0)),0)</f>
        <v>2.2391362255903959</v>
      </c>
      <c r="G2068" cm="1">
        <f t="array" ref="G2068">IFERROR(INDEX(Jesper!AK$2:AK$366,ROUNDDOWN($C2068/24,0)+1,1)*INDEX($D$3:$AA$30,INDEX(Jesper!$R$2:$R$366,ROW(INDEX(Jesper!AK$2:AK$366,ROUNDDOWN($C2068/24,0)+1,1))-1)+IF('Standard Profiles'!$G$21=$B$10,7,0)+IF('Standard Profiles'!$G$21=$B$17,14,0)+IF('Standard Profiles'!$G$21=$B$24,21,0),MOD($C2068,24)+1)/SUM(INDEX($D$3:$AA$30,INDEX(Jesper!$R$2:$R$366,ROW(INDEX(Jesper!AK$2:AK$366,ROUNDDOWN($C2068/24,0)+1,1))-1)+IF('Standard Profiles'!$G$21=$B$10,7,0)+IF('Standard Profiles'!$G$21=$B$17,14,0)+IF('Standard Profiles'!$G$21=$B$24,21,0),0)),0)</f>
        <v>2.3118125111907091</v>
      </c>
      <c r="H2068" cm="1">
        <f t="array" ref="H2068">IFERROR(INDEX(Jesper!AL$2:AL$366,ROUNDDOWN($C2068/24,0)+1,1)*INDEX($D$3:$AA$30,INDEX(Jesper!$R$2:$R$366,ROW(INDEX(Jesper!AL$2:AL$366,ROUNDDOWN($C2068/24,0)+1,1))-1)+IF('Standard Profiles'!$G$22=$B$10,7,0)+IF('Standard Profiles'!$G$22=$B$17,14,0)+IF('Standard Profiles'!$G$22=$B$24,21,0),MOD($C2068,24)+1)/SUM(INDEX($D$3:$AA$30,INDEX(Jesper!$R$2:$R$366,ROW(INDEX(Jesper!AL$2:AL$366,ROUNDDOWN($C2068/24,0)+1,1))-1)+IF('Standard Profiles'!$G$22=$B$10,7,0)+IF('Standard Profiles'!$G$22=$B$17,14,0)+IF('Standard Profiles'!$G$22=$B$24,21,0),0)),0)</f>
        <v>1.2082573336732121</v>
      </c>
      <c r="I2068">
        <f t="shared" si="237"/>
        <v>1.1599270403262842</v>
      </c>
      <c r="J2068">
        <f t="shared" si="238"/>
        <v>7.6136847609169545</v>
      </c>
      <c r="K2068">
        <f t="shared" si="239"/>
        <v>0.27403688461717463</v>
      </c>
      <c r="L2068">
        <f t="shared" si="240"/>
        <v>0.13701844230858731</v>
      </c>
      <c r="M2068">
        <f t="shared" si="241"/>
        <v>0</v>
      </c>
      <c r="N2068" s="45">
        <f t="shared" si="242"/>
        <v>45011.749999995067</v>
      </c>
    </row>
    <row r="2069" spans="2:14" x14ac:dyDescent="0.25">
      <c r="B2069">
        <f t="shared" si="236"/>
        <v>7</v>
      </c>
      <c r="C2069" s="16">
        <v>2035</v>
      </c>
      <c r="D2069" cm="1">
        <f t="array" ref="D2069">IFERROR(INDEX(Jesper!AH$2:AH$366,ROUNDDOWN($C2069/24,0)+1,1)*INDEX($D$3:$AA$30,INDEX(Jesper!$R$2:$R$366,ROW(INDEX(Jesper!AH$2:AH$366,ROUNDDOWN($C2069/24,0)+1,1))-1)+IF('Standard Profiles'!$G$18=$B$10,7,0)+IF('Standard Profiles'!$G$18=$B$17,14,0)+IF('Standard Profiles'!$G$18=$B$24,21,0),MOD($C2069,24)+1)/SUM(INDEX($D$3:$AA$30,INDEX(Jesper!$R$2:$R$366,ROW(INDEX(Jesper!AH$2:AH$366,ROUNDDOWN($C2069/24,0)+1,1))-1)+IF('Standard Profiles'!$G$18=$B$10,7,0)+IF('Standard Profiles'!$G$18=$B$17,14,0)+IF('Standard Profiles'!$G$18=$B$24,21,0),0)),0)</f>
        <v>0</v>
      </c>
      <c r="E2069" cm="1">
        <f t="array" ref="E2069">IFERROR(INDEX(Jesper!AI$2:AI$366,ROUNDDOWN($C2069/24,0)+1,1)*INDEX($D$3:$AA$30,INDEX(Jesper!$R$2:$R$366,ROW(INDEX(Jesper!AI$2:AI$366,ROUNDDOWN($C2069/24,0)+1,1))-1)+IF('Standard Profiles'!$G$19=$B$10,7,0)+IF('Standard Profiles'!$G$19=$B$17,14,0)+IF('Standard Profiles'!$G$19=$B$24,21,0),MOD($C2069,24)+1)/SUM(INDEX($D$3:$AA$30,INDEX(Jesper!$R$2:$R$366,ROW(INDEX(Jesper!AI$2:AI$366,ROUNDDOWN($C2069/24,0)+1,1))-1)+IF('Standard Profiles'!$G$19=$B$10,7,0)+IF('Standard Profiles'!$G$19=$B$17,14,0)+IF('Standard Profiles'!$G$19=$B$24,21,0),0)),0)</f>
        <v>3.4254610577146827</v>
      </c>
      <c r="F2069" cm="1">
        <f t="array" ref="F2069">IFERROR(INDEX(Jesper!AJ$2:AJ$366,ROUNDDOWN($C2069/24,0)+1,1)*INDEX($D$3:$AA$30,INDEX(Jesper!$R$2:$R$366,ROW(INDEX(Jesper!AJ$2:AJ$366,ROUNDDOWN($C2069/24,0)+1,1))-1)+IF('Standard Profiles'!$G$20=$B$10,7,0)+IF('Standard Profiles'!$G$20=$B$17,14,0)+IF('Standard Profiles'!$G$20=$B$24,21,0),MOD($C2069,24)+1)/SUM(INDEX($D$3:$AA$30,INDEX(Jesper!$R$2:$R$366,ROW(INDEX(Jesper!AJ$2:AJ$366,ROUNDDOWN($C2069/24,0)+1,1))-1)+IF('Standard Profiles'!$G$20=$B$10,7,0)+IF('Standard Profiles'!$G$20=$B$17,14,0)+IF('Standard Profiles'!$G$20=$B$24,21,0),0)),0)</f>
        <v>2.2391362255903959</v>
      </c>
      <c r="G2069" cm="1">
        <f t="array" ref="G2069">IFERROR(INDEX(Jesper!AK$2:AK$366,ROUNDDOWN($C2069/24,0)+1,1)*INDEX($D$3:$AA$30,INDEX(Jesper!$R$2:$R$366,ROW(INDEX(Jesper!AK$2:AK$366,ROUNDDOWN($C2069/24,0)+1,1))-1)+IF('Standard Profiles'!$G$21=$B$10,7,0)+IF('Standard Profiles'!$G$21=$B$17,14,0)+IF('Standard Profiles'!$G$21=$B$24,21,0),MOD($C2069,24)+1)/SUM(INDEX($D$3:$AA$30,INDEX(Jesper!$R$2:$R$366,ROW(INDEX(Jesper!AK$2:AK$366,ROUNDDOWN($C2069/24,0)+1,1))-1)+IF('Standard Profiles'!$G$21=$B$10,7,0)+IF('Standard Profiles'!$G$21=$B$17,14,0)+IF('Standard Profiles'!$G$21=$B$24,21,0),0)),0)</f>
        <v>2.3118125111907091</v>
      </c>
      <c r="H2069" cm="1">
        <f t="array" ref="H2069">IFERROR(INDEX(Jesper!AL$2:AL$366,ROUNDDOWN($C2069/24,0)+1,1)*INDEX($D$3:$AA$30,INDEX(Jesper!$R$2:$R$366,ROW(INDEX(Jesper!AL$2:AL$366,ROUNDDOWN($C2069/24,0)+1,1))-1)+IF('Standard Profiles'!$G$22=$B$10,7,0)+IF('Standard Profiles'!$G$22=$B$17,14,0)+IF('Standard Profiles'!$G$22=$B$24,21,0),MOD($C2069,24)+1)/SUM(INDEX($D$3:$AA$30,INDEX(Jesper!$R$2:$R$366,ROW(INDEX(Jesper!AL$2:AL$366,ROUNDDOWN($C2069/24,0)+1,1))-1)+IF('Standard Profiles'!$G$22=$B$10,7,0)+IF('Standard Profiles'!$G$22=$B$17,14,0)+IF('Standard Profiles'!$G$22=$B$24,21,0),0)),0)</f>
        <v>1.0160345760433829</v>
      </c>
      <c r="I2069">
        <f t="shared" si="237"/>
        <v>0.97539319300164806</v>
      </c>
      <c r="J2069">
        <f t="shared" si="238"/>
        <v>7.6059958506117615</v>
      </c>
      <c r="K2069">
        <f t="shared" si="239"/>
        <v>0.27403688461717463</v>
      </c>
      <c r="L2069">
        <f t="shared" si="240"/>
        <v>0.13701844230858731</v>
      </c>
      <c r="M2069">
        <f t="shared" si="241"/>
        <v>0</v>
      </c>
      <c r="N2069" s="45">
        <f t="shared" si="242"/>
        <v>45011.791666661731</v>
      </c>
    </row>
    <row r="2070" spans="2:14" x14ac:dyDescent="0.25">
      <c r="B2070">
        <f t="shared" si="236"/>
        <v>7</v>
      </c>
      <c r="C2070" s="16">
        <v>2036</v>
      </c>
      <c r="D2070" cm="1">
        <f t="array" ref="D2070">IFERROR(INDEX(Jesper!AH$2:AH$366,ROUNDDOWN($C2070/24,0)+1,1)*INDEX($D$3:$AA$30,INDEX(Jesper!$R$2:$R$366,ROW(INDEX(Jesper!AH$2:AH$366,ROUNDDOWN($C2070/24,0)+1,1))-1)+IF('Standard Profiles'!$G$18=$B$10,7,0)+IF('Standard Profiles'!$G$18=$B$17,14,0)+IF('Standard Profiles'!$G$18=$B$24,21,0),MOD($C2070,24)+1)/SUM(INDEX($D$3:$AA$30,INDEX(Jesper!$R$2:$R$366,ROW(INDEX(Jesper!AH$2:AH$366,ROUNDDOWN($C2070/24,0)+1,1))-1)+IF('Standard Profiles'!$G$18=$B$10,7,0)+IF('Standard Profiles'!$G$18=$B$17,14,0)+IF('Standard Profiles'!$G$18=$B$24,21,0),0)),0)</f>
        <v>0</v>
      </c>
      <c r="E2070" cm="1">
        <f t="array" ref="E2070">IFERROR(INDEX(Jesper!AI$2:AI$366,ROUNDDOWN($C2070/24,0)+1,1)*INDEX($D$3:$AA$30,INDEX(Jesper!$R$2:$R$366,ROW(INDEX(Jesper!AI$2:AI$366,ROUNDDOWN($C2070/24,0)+1,1))-1)+IF('Standard Profiles'!$G$19=$B$10,7,0)+IF('Standard Profiles'!$G$19=$B$17,14,0)+IF('Standard Profiles'!$G$19=$B$24,21,0),MOD($C2070,24)+1)/SUM(INDEX($D$3:$AA$30,INDEX(Jesper!$R$2:$R$366,ROW(INDEX(Jesper!AI$2:AI$366,ROUNDDOWN($C2070/24,0)+1,1))-1)+IF('Standard Profiles'!$G$19=$B$10,7,0)+IF('Standard Profiles'!$G$19=$B$17,14,0)+IF('Standard Profiles'!$G$19=$B$24,21,0),0)),0)</f>
        <v>3.4254610577146827</v>
      </c>
      <c r="F2070" cm="1">
        <f t="array" ref="F2070">IFERROR(INDEX(Jesper!AJ$2:AJ$366,ROUNDDOWN($C2070/24,0)+1,1)*INDEX($D$3:$AA$30,INDEX(Jesper!$R$2:$R$366,ROW(INDEX(Jesper!AJ$2:AJ$366,ROUNDDOWN($C2070/24,0)+1,1))-1)+IF('Standard Profiles'!$G$20=$B$10,7,0)+IF('Standard Profiles'!$G$20=$B$17,14,0)+IF('Standard Profiles'!$G$20=$B$24,21,0),MOD($C2070,24)+1)/SUM(INDEX($D$3:$AA$30,INDEX(Jesper!$R$2:$R$366,ROW(INDEX(Jesper!AJ$2:AJ$366,ROUNDDOWN($C2070/24,0)+1,1))-1)+IF('Standard Profiles'!$G$20=$B$10,7,0)+IF('Standard Profiles'!$G$20=$B$17,14,0)+IF('Standard Profiles'!$G$20=$B$24,21,0),0)),0)</f>
        <v>2.2391362255903959</v>
      </c>
      <c r="G2070" cm="1">
        <f t="array" ref="G2070">IFERROR(INDEX(Jesper!AK$2:AK$366,ROUNDDOWN($C2070/24,0)+1,1)*INDEX($D$3:$AA$30,INDEX(Jesper!$R$2:$R$366,ROW(INDEX(Jesper!AK$2:AK$366,ROUNDDOWN($C2070/24,0)+1,1))-1)+IF('Standard Profiles'!$G$21=$B$10,7,0)+IF('Standard Profiles'!$G$21=$B$17,14,0)+IF('Standard Profiles'!$G$21=$B$24,21,0),MOD($C2070,24)+1)/SUM(INDEX($D$3:$AA$30,INDEX(Jesper!$R$2:$R$366,ROW(INDEX(Jesper!AK$2:AK$366,ROUNDDOWN($C2070/24,0)+1,1))-1)+IF('Standard Profiles'!$G$21=$B$10,7,0)+IF('Standard Profiles'!$G$21=$B$17,14,0)+IF('Standard Profiles'!$G$21=$B$24,21,0),0)),0)</f>
        <v>2.3118125111907091</v>
      </c>
      <c r="H2070" cm="1">
        <f t="array" ref="H2070">IFERROR(INDEX(Jesper!AL$2:AL$366,ROUNDDOWN($C2070/24,0)+1,1)*INDEX($D$3:$AA$30,INDEX(Jesper!$R$2:$R$366,ROW(INDEX(Jesper!AL$2:AL$366,ROUNDDOWN($C2070/24,0)+1,1))-1)+IF('Standard Profiles'!$G$22=$B$10,7,0)+IF('Standard Profiles'!$G$22=$B$17,14,0)+IF('Standard Profiles'!$G$22=$B$24,21,0),MOD($C2070,24)+1)/SUM(INDEX($D$3:$AA$30,INDEX(Jesper!$R$2:$R$366,ROW(INDEX(Jesper!AL$2:AL$366,ROUNDDOWN($C2070/24,0)+1,1))-1)+IF('Standard Profiles'!$G$22=$B$10,7,0)+IF('Standard Profiles'!$G$22=$B$17,14,0)+IF('Standard Profiles'!$G$22=$B$24,21,0),0)),0)</f>
        <v>0.85127221236067219</v>
      </c>
      <c r="I2070">
        <f t="shared" si="237"/>
        <v>0.8172213238662458</v>
      </c>
      <c r="J2070">
        <f t="shared" si="238"/>
        <v>7.5994053560644526</v>
      </c>
      <c r="K2070">
        <f t="shared" si="239"/>
        <v>0.27403688461717463</v>
      </c>
      <c r="L2070">
        <f t="shared" si="240"/>
        <v>0.13701844230858731</v>
      </c>
      <c r="M2070">
        <f t="shared" si="241"/>
        <v>0</v>
      </c>
      <c r="N2070" s="45">
        <f t="shared" si="242"/>
        <v>45011.833333328395</v>
      </c>
    </row>
    <row r="2071" spans="2:14" x14ac:dyDescent="0.25">
      <c r="B2071">
        <f t="shared" si="236"/>
        <v>7</v>
      </c>
      <c r="C2071" s="16">
        <v>2037</v>
      </c>
      <c r="D2071" cm="1">
        <f t="array" ref="D2071">IFERROR(INDEX(Jesper!AH$2:AH$366,ROUNDDOWN($C2071/24,0)+1,1)*INDEX($D$3:$AA$30,INDEX(Jesper!$R$2:$R$366,ROW(INDEX(Jesper!AH$2:AH$366,ROUNDDOWN($C2071/24,0)+1,1))-1)+IF('Standard Profiles'!$G$18=$B$10,7,0)+IF('Standard Profiles'!$G$18=$B$17,14,0)+IF('Standard Profiles'!$G$18=$B$24,21,0),MOD($C2071,24)+1)/SUM(INDEX($D$3:$AA$30,INDEX(Jesper!$R$2:$R$366,ROW(INDEX(Jesper!AH$2:AH$366,ROUNDDOWN($C2071/24,0)+1,1))-1)+IF('Standard Profiles'!$G$18=$B$10,7,0)+IF('Standard Profiles'!$G$18=$B$17,14,0)+IF('Standard Profiles'!$G$18=$B$24,21,0),0)),0)</f>
        <v>0</v>
      </c>
      <c r="E2071" cm="1">
        <f t="array" ref="E2071">IFERROR(INDEX(Jesper!AI$2:AI$366,ROUNDDOWN($C2071/24,0)+1,1)*INDEX($D$3:$AA$30,INDEX(Jesper!$R$2:$R$366,ROW(INDEX(Jesper!AI$2:AI$366,ROUNDDOWN($C2071/24,0)+1,1))-1)+IF('Standard Profiles'!$G$19=$B$10,7,0)+IF('Standard Profiles'!$G$19=$B$17,14,0)+IF('Standard Profiles'!$G$19=$B$24,21,0),MOD($C2071,24)+1)/SUM(INDEX($D$3:$AA$30,INDEX(Jesper!$R$2:$R$366,ROW(INDEX(Jesper!AI$2:AI$366,ROUNDDOWN($C2071/24,0)+1,1))-1)+IF('Standard Profiles'!$G$19=$B$10,7,0)+IF('Standard Profiles'!$G$19=$B$17,14,0)+IF('Standard Profiles'!$G$19=$B$24,21,0),0)),0)</f>
        <v>3.4254610577146827</v>
      </c>
      <c r="F2071" cm="1">
        <f t="array" ref="F2071">IFERROR(INDEX(Jesper!AJ$2:AJ$366,ROUNDDOWN($C2071/24,0)+1,1)*INDEX($D$3:$AA$30,INDEX(Jesper!$R$2:$R$366,ROW(INDEX(Jesper!AJ$2:AJ$366,ROUNDDOWN($C2071/24,0)+1,1))-1)+IF('Standard Profiles'!$G$20=$B$10,7,0)+IF('Standard Profiles'!$G$20=$B$17,14,0)+IF('Standard Profiles'!$G$20=$B$24,21,0),MOD($C2071,24)+1)/SUM(INDEX($D$3:$AA$30,INDEX(Jesper!$R$2:$R$366,ROW(INDEX(Jesper!AJ$2:AJ$366,ROUNDDOWN($C2071/24,0)+1,1))-1)+IF('Standard Profiles'!$G$20=$B$10,7,0)+IF('Standard Profiles'!$G$20=$B$17,14,0)+IF('Standard Profiles'!$G$20=$B$24,21,0),0)),0)</f>
        <v>2.2391362255903959</v>
      </c>
      <c r="G2071" cm="1">
        <f t="array" ref="G2071">IFERROR(INDEX(Jesper!AK$2:AK$366,ROUNDDOWN($C2071/24,0)+1,1)*INDEX($D$3:$AA$30,INDEX(Jesper!$R$2:$R$366,ROW(INDEX(Jesper!AK$2:AK$366,ROUNDDOWN($C2071/24,0)+1,1))-1)+IF('Standard Profiles'!$G$21=$B$10,7,0)+IF('Standard Profiles'!$G$21=$B$17,14,0)+IF('Standard Profiles'!$G$21=$B$24,21,0),MOD($C2071,24)+1)/SUM(INDEX($D$3:$AA$30,INDEX(Jesper!$R$2:$R$366,ROW(INDEX(Jesper!AK$2:AK$366,ROUNDDOWN($C2071/24,0)+1,1))-1)+IF('Standard Profiles'!$G$21=$B$10,7,0)+IF('Standard Profiles'!$G$21=$B$17,14,0)+IF('Standard Profiles'!$G$21=$B$24,21,0),0)),0)</f>
        <v>2.3118125111907091</v>
      </c>
      <c r="H2071" cm="1">
        <f t="array" ref="H2071">IFERROR(INDEX(Jesper!AL$2:AL$366,ROUNDDOWN($C2071/24,0)+1,1)*INDEX($D$3:$AA$30,INDEX(Jesper!$R$2:$R$366,ROW(INDEX(Jesper!AL$2:AL$366,ROUNDDOWN($C2071/24,0)+1,1))-1)+IF('Standard Profiles'!$G$22=$B$10,7,0)+IF('Standard Profiles'!$G$22=$B$17,14,0)+IF('Standard Profiles'!$G$22=$B$24,21,0),MOD($C2071,24)+1)/SUM(INDEX($D$3:$AA$30,INDEX(Jesper!$R$2:$R$366,ROW(INDEX(Jesper!AL$2:AL$366,ROUNDDOWN($C2071/24,0)+1,1))-1)+IF('Standard Profiles'!$G$22=$B$10,7,0)+IF('Standard Profiles'!$G$22=$B$17,14,0)+IF('Standard Profiles'!$G$22=$B$24,21,0),0)),0)</f>
        <v>0.74143063657219832</v>
      </c>
      <c r="I2071">
        <f t="shared" si="237"/>
        <v>0.71177341110931081</v>
      </c>
      <c r="J2071">
        <f t="shared" si="238"/>
        <v>7.5950116930329141</v>
      </c>
      <c r="K2071">
        <f t="shared" si="239"/>
        <v>0.27403688461717463</v>
      </c>
      <c r="L2071">
        <f t="shared" si="240"/>
        <v>0.13701844230858731</v>
      </c>
      <c r="M2071">
        <f t="shared" si="241"/>
        <v>0</v>
      </c>
      <c r="N2071" s="45">
        <f t="shared" si="242"/>
        <v>45011.87499999506</v>
      </c>
    </row>
    <row r="2072" spans="2:14" x14ac:dyDescent="0.25">
      <c r="B2072">
        <f t="shared" si="236"/>
        <v>7</v>
      </c>
      <c r="C2072" s="16">
        <v>2038</v>
      </c>
      <c r="D2072" cm="1">
        <f t="array" ref="D2072">IFERROR(INDEX(Jesper!AH$2:AH$366,ROUNDDOWN($C2072/24,0)+1,1)*INDEX($D$3:$AA$30,INDEX(Jesper!$R$2:$R$366,ROW(INDEX(Jesper!AH$2:AH$366,ROUNDDOWN($C2072/24,0)+1,1))-1)+IF('Standard Profiles'!$G$18=$B$10,7,0)+IF('Standard Profiles'!$G$18=$B$17,14,0)+IF('Standard Profiles'!$G$18=$B$24,21,0),MOD($C2072,24)+1)/SUM(INDEX($D$3:$AA$30,INDEX(Jesper!$R$2:$R$366,ROW(INDEX(Jesper!AH$2:AH$366,ROUNDDOWN($C2072/24,0)+1,1))-1)+IF('Standard Profiles'!$G$18=$B$10,7,0)+IF('Standard Profiles'!$G$18=$B$17,14,0)+IF('Standard Profiles'!$G$18=$B$24,21,0),0)),0)</f>
        <v>0</v>
      </c>
      <c r="E2072" cm="1">
        <f t="array" ref="E2072">IFERROR(INDEX(Jesper!AI$2:AI$366,ROUNDDOWN($C2072/24,0)+1,1)*INDEX($D$3:$AA$30,INDEX(Jesper!$R$2:$R$366,ROW(INDEX(Jesper!AI$2:AI$366,ROUNDDOWN($C2072/24,0)+1,1))-1)+IF('Standard Profiles'!$G$19=$B$10,7,0)+IF('Standard Profiles'!$G$19=$B$17,14,0)+IF('Standard Profiles'!$G$19=$B$24,21,0),MOD($C2072,24)+1)/SUM(INDEX($D$3:$AA$30,INDEX(Jesper!$R$2:$R$366,ROW(INDEX(Jesper!AI$2:AI$366,ROUNDDOWN($C2072/24,0)+1,1))-1)+IF('Standard Profiles'!$G$19=$B$10,7,0)+IF('Standard Profiles'!$G$19=$B$17,14,0)+IF('Standard Profiles'!$G$19=$B$24,21,0),0)),0)</f>
        <v>3.4254610577146827</v>
      </c>
      <c r="F2072" cm="1">
        <f t="array" ref="F2072">IFERROR(INDEX(Jesper!AJ$2:AJ$366,ROUNDDOWN($C2072/24,0)+1,1)*INDEX($D$3:$AA$30,INDEX(Jesper!$R$2:$R$366,ROW(INDEX(Jesper!AJ$2:AJ$366,ROUNDDOWN($C2072/24,0)+1,1))-1)+IF('Standard Profiles'!$G$20=$B$10,7,0)+IF('Standard Profiles'!$G$20=$B$17,14,0)+IF('Standard Profiles'!$G$20=$B$24,21,0),MOD($C2072,24)+1)/SUM(INDEX($D$3:$AA$30,INDEX(Jesper!$R$2:$R$366,ROW(INDEX(Jesper!AJ$2:AJ$366,ROUNDDOWN($C2072/24,0)+1,1))-1)+IF('Standard Profiles'!$G$20=$B$10,7,0)+IF('Standard Profiles'!$G$20=$B$17,14,0)+IF('Standard Profiles'!$G$20=$B$24,21,0),0)),0)</f>
        <v>2.2391362255903959</v>
      </c>
      <c r="G2072" cm="1">
        <f t="array" ref="G2072">IFERROR(INDEX(Jesper!AK$2:AK$366,ROUNDDOWN($C2072/24,0)+1,1)*INDEX($D$3:$AA$30,INDEX(Jesper!$R$2:$R$366,ROW(INDEX(Jesper!AK$2:AK$366,ROUNDDOWN($C2072/24,0)+1,1))-1)+IF('Standard Profiles'!$G$21=$B$10,7,0)+IF('Standard Profiles'!$G$21=$B$17,14,0)+IF('Standard Profiles'!$G$21=$B$24,21,0),MOD($C2072,24)+1)/SUM(INDEX($D$3:$AA$30,INDEX(Jesper!$R$2:$R$366,ROW(INDEX(Jesper!AK$2:AK$366,ROUNDDOWN($C2072/24,0)+1,1))-1)+IF('Standard Profiles'!$G$21=$B$10,7,0)+IF('Standard Profiles'!$G$21=$B$17,14,0)+IF('Standard Profiles'!$G$21=$B$24,21,0),0)),0)</f>
        <v>2.3118125111907091</v>
      </c>
      <c r="H2072" cm="1">
        <f t="array" ref="H2072">IFERROR(INDEX(Jesper!AL$2:AL$366,ROUNDDOWN($C2072/24,0)+1,1)*INDEX($D$3:$AA$30,INDEX(Jesper!$R$2:$R$366,ROW(INDEX(Jesper!AL$2:AL$366,ROUNDDOWN($C2072/24,0)+1,1))-1)+IF('Standard Profiles'!$G$22=$B$10,7,0)+IF('Standard Profiles'!$G$22=$B$17,14,0)+IF('Standard Profiles'!$G$22=$B$24,21,0),MOD($C2072,24)+1)/SUM(INDEX($D$3:$AA$30,INDEX(Jesper!$R$2:$R$366,ROW(INDEX(Jesper!AL$2:AL$366,ROUNDDOWN($C2072/24,0)+1,1))-1)+IF('Standard Profiles'!$G$22=$B$10,7,0)+IF('Standard Profiles'!$G$22=$B$17,14,0)+IF('Standard Profiles'!$G$22=$B$24,21,0),0)),0)</f>
        <v>0.74143063657219832</v>
      </c>
      <c r="I2072">
        <f t="shared" si="237"/>
        <v>0.71177341110931081</v>
      </c>
      <c r="J2072">
        <f t="shared" si="238"/>
        <v>7.5950116930329141</v>
      </c>
      <c r="K2072">
        <f t="shared" si="239"/>
        <v>0.27403688461717463</v>
      </c>
      <c r="L2072">
        <f t="shared" si="240"/>
        <v>0.13701844230858731</v>
      </c>
      <c r="M2072">
        <f t="shared" si="241"/>
        <v>0</v>
      </c>
      <c r="N2072" s="45">
        <f t="shared" si="242"/>
        <v>45011.916666661724</v>
      </c>
    </row>
    <row r="2073" spans="2:14" x14ac:dyDescent="0.25">
      <c r="B2073">
        <f t="shared" si="236"/>
        <v>7</v>
      </c>
      <c r="C2073" s="16">
        <v>2039</v>
      </c>
      <c r="D2073" cm="1">
        <f t="array" ref="D2073">IFERROR(INDEX(Jesper!AH$2:AH$366,ROUNDDOWN($C2073/24,0)+1,1)*INDEX($D$3:$AA$30,INDEX(Jesper!$R$2:$R$366,ROW(INDEX(Jesper!AH$2:AH$366,ROUNDDOWN($C2073/24,0)+1,1))-1)+IF('Standard Profiles'!$G$18=$B$10,7,0)+IF('Standard Profiles'!$G$18=$B$17,14,0)+IF('Standard Profiles'!$G$18=$B$24,21,0),MOD($C2073,24)+1)/SUM(INDEX($D$3:$AA$30,INDEX(Jesper!$R$2:$R$366,ROW(INDEX(Jesper!AH$2:AH$366,ROUNDDOWN($C2073/24,0)+1,1))-1)+IF('Standard Profiles'!$G$18=$B$10,7,0)+IF('Standard Profiles'!$G$18=$B$17,14,0)+IF('Standard Profiles'!$G$18=$B$24,21,0),0)),0)</f>
        <v>0</v>
      </c>
      <c r="E2073" cm="1">
        <f t="array" ref="E2073">IFERROR(INDEX(Jesper!AI$2:AI$366,ROUNDDOWN($C2073/24,0)+1,1)*INDEX($D$3:$AA$30,INDEX(Jesper!$R$2:$R$366,ROW(INDEX(Jesper!AI$2:AI$366,ROUNDDOWN($C2073/24,0)+1,1))-1)+IF('Standard Profiles'!$G$19=$B$10,7,0)+IF('Standard Profiles'!$G$19=$B$17,14,0)+IF('Standard Profiles'!$G$19=$B$24,21,0),MOD($C2073,24)+1)/SUM(INDEX($D$3:$AA$30,INDEX(Jesper!$R$2:$R$366,ROW(INDEX(Jesper!AI$2:AI$366,ROUNDDOWN($C2073/24,0)+1,1))-1)+IF('Standard Profiles'!$G$19=$B$10,7,0)+IF('Standard Profiles'!$G$19=$B$17,14,0)+IF('Standard Profiles'!$G$19=$B$24,21,0),0)),0)</f>
        <v>3.4254610577146827</v>
      </c>
      <c r="F2073" cm="1">
        <f t="array" ref="F2073">IFERROR(INDEX(Jesper!AJ$2:AJ$366,ROUNDDOWN($C2073/24,0)+1,1)*INDEX($D$3:$AA$30,INDEX(Jesper!$R$2:$R$366,ROW(INDEX(Jesper!AJ$2:AJ$366,ROUNDDOWN($C2073/24,0)+1,1))-1)+IF('Standard Profiles'!$G$20=$B$10,7,0)+IF('Standard Profiles'!$G$20=$B$17,14,0)+IF('Standard Profiles'!$G$20=$B$24,21,0),MOD($C2073,24)+1)/SUM(INDEX($D$3:$AA$30,INDEX(Jesper!$R$2:$R$366,ROW(INDEX(Jesper!AJ$2:AJ$366,ROUNDDOWN($C2073/24,0)+1,1))-1)+IF('Standard Profiles'!$G$20=$B$10,7,0)+IF('Standard Profiles'!$G$20=$B$17,14,0)+IF('Standard Profiles'!$G$20=$B$24,21,0),0)),0)</f>
        <v>2.2391362255903959</v>
      </c>
      <c r="G2073" cm="1">
        <f t="array" ref="G2073">IFERROR(INDEX(Jesper!AK$2:AK$366,ROUNDDOWN($C2073/24,0)+1,1)*INDEX($D$3:$AA$30,INDEX(Jesper!$R$2:$R$366,ROW(INDEX(Jesper!AK$2:AK$366,ROUNDDOWN($C2073/24,0)+1,1))-1)+IF('Standard Profiles'!$G$21=$B$10,7,0)+IF('Standard Profiles'!$G$21=$B$17,14,0)+IF('Standard Profiles'!$G$21=$B$24,21,0),MOD($C2073,24)+1)/SUM(INDEX($D$3:$AA$30,INDEX(Jesper!$R$2:$R$366,ROW(INDEX(Jesper!AK$2:AK$366,ROUNDDOWN($C2073/24,0)+1,1))-1)+IF('Standard Profiles'!$G$21=$B$10,7,0)+IF('Standard Profiles'!$G$21=$B$17,14,0)+IF('Standard Profiles'!$G$21=$B$24,21,0),0)),0)</f>
        <v>2.3118125111907091</v>
      </c>
      <c r="H2073" cm="1">
        <f t="array" ref="H2073">IFERROR(INDEX(Jesper!AL$2:AL$366,ROUNDDOWN($C2073/24,0)+1,1)*INDEX($D$3:$AA$30,INDEX(Jesper!$R$2:$R$366,ROW(INDEX(Jesper!AL$2:AL$366,ROUNDDOWN($C2073/24,0)+1,1))-1)+IF('Standard Profiles'!$G$22=$B$10,7,0)+IF('Standard Profiles'!$G$22=$B$17,14,0)+IF('Standard Profiles'!$G$22=$B$24,21,0),MOD($C2073,24)+1)/SUM(INDEX($D$3:$AA$30,INDEX(Jesper!$R$2:$R$366,ROW(INDEX(Jesper!AL$2:AL$366,ROUNDDOWN($C2073/24,0)+1,1))-1)+IF('Standard Profiles'!$G$22=$B$10,7,0)+IF('Standard Profiles'!$G$22=$B$17,14,0)+IF('Standard Profiles'!$G$22=$B$24,21,0),0)),0)</f>
        <v>0.74143063657219832</v>
      </c>
      <c r="I2073">
        <f t="shared" si="237"/>
        <v>0.71177341110931081</v>
      </c>
      <c r="J2073">
        <f t="shared" si="238"/>
        <v>7.5950116930329141</v>
      </c>
      <c r="K2073">
        <f t="shared" si="239"/>
        <v>0.27403688461717463</v>
      </c>
      <c r="L2073">
        <f t="shared" si="240"/>
        <v>0.13701844230858731</v>
      </c>
      <c r="M2073">
        <f t="shared" si="241"/>
        <v>0</v>
      </c>
      <c r="N2073" s="45">
        <f t="shared" si="242"/>
        <v>45011.958333328388</v>
      </c>
    </row>
    <row r="2074" spans="2:14" x14ac:dyDescent="0.25">
      <c r="B2074">
        <f t="shared" si="236"/>
        <v>1</v>
      </c>
      <c r="C2074" s="16">
        <v>2040</v>
      </c>
      <c r="D2074" cm="1">
        <f t="array" ref="D2074">IFERROR(INDEX(Jesper!AH$2:AH$366,ROUNDDOWN($C2074/24,0)+1,1)*INDEX($D$3:$AA$30,INDEX(Jesper!$R$2:$R$366,ROW(INDEX(Jesper!AH$2:AH$366,ROUNDDOWN($C2074/24,0)+1,1))-1)+IF('Standard Profiles'!$G$18=$B$10,7,0)+IF('Standard Profiles'!$G$18=$B$17,14,0)+IF('Standard Profiles'!$G$18=$B$24,21,0),MOD($C2074,24)+1)/SUM(INDEX($D$3:$AA$30,INDEX(Jesper!$R$2:$R$366,ROW(INDEX(Jesper!AH$2:AH$366,ROUNDDOWN($C2074/24,0)+1,1))-1)+IF('Standard Profiles'!$G$18=$B$10,7,0)+IF('Standard Profiles'!$G$18=$B$17,14,0)+IF('Standard Profiles'!$G$18=$B$24,21,0),0)),0)</f>
        <v>5.6911735468156195</v>
      </c>
      <c r="E2074" cm="1">
        <f t="array" ref="E2074">IFERROR(INDEX(Jesper!AI$2:AI$366,ROUNDDOWN($C2074/24,0)+1,1)*INDEX($D$3:$AA$30,INDEX(Jesper!$R$2:$R$366,ROW(INDEX(Jesper!AI$2:AI$366,ROUNDDOWN($C2074/24,0)+1,1))-1)+IF('Standard Profiles'!$G$19=$B$10,7,0)+IF('Standard Profiles'!$G$19=$B$17,14,0)+IF('Standard Profiles'!$G$19=$B$24,21,0),MOD($C2074,24)+1)/SUM(INDEX($D$3:$AA$30,INDEX(Jesper!$R$2:$R$366,ROW(INDEX(Jesper!AI$2:AI$366,ROUNDDOWN($C2074/24,0)+1,1))-1)+IF('Standard Profiles'!$G$19=$B$10,7,0)+IF('Standard Profiles'!$G$19=$B$17,14,0)+IF('Standard Profiles'!$G$19=$B$24,21,0),0)),0)</f>
        <v>5.5761028604968637</v>
      </c>
      <c r="F2074" cm="1">
        <f t="array" ref="F2074">IFERROR(INDEX(Jesper!AJ$2:AJ$366,ROUNDDOWN($C2074/24,0)+1,1)*INDEX($D$3:$AA$30,INDEX(Jesper!$R$2:$R$366,ROW(INDEX(Jesper!AJ$2:AJ$366,ROUNDDOWN($C2074/24,0)+1,1))-1)+IF('Standard Profiles'!$G$20=$B$10,7,0)+IF('Standard Profiles'!$G$20=$B$17,14,0)+IF('Standard Profiles'!$G$20=$B$24,21,0),MOD($C2074,24)+1)/SUM(INDEX($D$3:$AA$30,INDEX(Jesper!$R$2:$R$366,ROW(INDEX(Jesper!AJ$2:AJ$366,ROUNDDOWN($C2074/24,0)+1,1))-1)+IF('Standard Profiles'!$G$20=$B$10,7,0)+IF('Standard Profiles'!$G$20=$B$17,14,0)+IF('Standard Profiles'!$G$20=$B$24,21,0),0)),0)</f>
        <v>0</v>
      </c>
      <c r="G2074" cm="1">
        <f t="array" ref="G2074">IFERROR(INDEX(Jesper!AK$2:AK$366,ROUNDDOWN($C2074/24,0)+1,1)*INDEX($D$3:$AA$30,INDEX(Jesper!$R$2:$R$366,ROW(INDEX(Jesper!AK$2:AK$366,ROUNDDOWN($C2074/24,0)+1,1))-1)+IF('Standard Profiles'!$G$21=$B$10,7,0)+IF('Standard Profiles'!$G$21=$B$17,14,0)+IF('Standard Profiles'!$G$21=$B$24,21,0),MOD($C2074,24)+1)/SUM(INDEX($D$3:$AA$30,INDEX(Jesper!$R$2:$R$366,ROW(INDEX(Jesper!AK$2:AK$366,ROUNDDOWN($C2074/24,0)+1,1))-1)+IF('Standard Profiles'!$G$21=$B$10,7,0)+IF('Standard Profiles'!$G$21=$B$17,14,0)+IF('Standard Profiles'!$G$21=$B$24,21,0),0)),0)</f>
        <v>3.5449506054394604</v>
      </c>
      <c r="H2074" cm="1">
        <f t="array" ref="H2074">IFERROR(INDEX(Jesper!AL$2:AL$366,ROUNDDOWN($C2074/24,0)+1,1)*INDEX($D$3:$AA$30,INDEX(Jesper!$R$2:$R$366,ROW(INDEX(Jesper!AL$2:AL$366,ROUNDDOWN($C2074/24,0)+1,1))-1)+IF('Standard Profiles'!$G$22=$B$10,7,0)+IF('Standard Profiles'!$G$22=$B$17,14,0)+IF('Standard Profiles'!$G$22=$B$24,21,0),MOD($C2074,24)+1)/SUM(INDEX($D$3:$AA$30,INDEX(Jesper!$R$2:$R$366,ROW(INDEX(Jesper!AL$2:AL$366,ROUNDDOWN($C2074/24,0)+1,1))-1)+IF('Standard Profiles'!$G$22=$B$10,7,0)+IF('Standard Profiles'!$G$22=$B$17,14,0)+IF('Standard Profiles'!$G$22=$B$24,21,0),0)),0)</f>
        <v>0</v>
      </c>
      <c r="I2074">
        <f t="shared" si="237"/>
        <v>1.7015762906109402</v>
      </c>
      <c r="J2074">
        <f t="shared" si="238"/>
        <v>12.200062954650503</v>
      </c>
      <c r="K2074">
        <f t="shared" si="239"/>
        <v>0.60705851166033276</v>
      </c>
      <c r="L2074">
        <f t="shared" si="240"/>
        <v>0.30352925583016638</v>
      </c>
      <c r="M2074">
        <f t="shared" si="241"/>
        <v>0</v>
      </c>
      <c r="N2074" s="45">
        <f t="shared" si="242"/>
        <v>45011.999999995052</v>
      </c>
    </row>
    <row r="2075" spans="2:14" x14ac:dyDescent="0.25">
      <c r="B2075">
        <f t="shared" si="236"/>
        <v>1</v>
      </c>
      <c r="C2075" s="16">
        <v>2041</v>
      </c>
      <c r="D2075" cm="1">
        <f t="array" ref="D2075">IFERROR(INDEX(Jesper!AH$2:AH$366,ROUNDDOWN($C2075/24,0)+1,1)*INDEX($D$3:$AA$30,INDEX(Jesper!$R$2:$R$366,ROW(INDEX(Jesper!AH$2:AH$366,ROUNDDOWN($C2075/24,0)+1,1))-1)+IF('Standard Profiles'!$G$18=$B$10,7,0)+IF('Standard Profiles'!$G$18=$B$17,14,0)+IF('Standard Profiles'!$G$18=$B$24,21,0),MOD($C2075,24)+1)/SUM(INDEX($D$3:$AA$30,INDEX(Jesper!$R$2:$R$366,ROW(INDEX(Jesper!AH$2:AH$366,ROUNDDOWN($C2075/24,0)+1,1))-1)+IF('Standard Profiles'!$G$18=$B$10,7,0)+IF('Standard Profiles'!$G$18=$B$17,14,0)+IF('Standard Profiles'!$G$18=$B$24,21,0),0)),0)</f>
        <v>5.6911735468156195</v>
      </c>
      <c r="E2075" cm="1">
        <f t="array" ref="E2075">IFERROR(INDEX(Jesper!AI$2:AI$366,ROUNDDOWN($C2075/24,0)+1,1)*INDEX($D$3:$AA$30,INDEX(Jesper!$R$2:$R$366,ROW(INDEX(Jesper!AI$2:AI$366,ROUNDDOWN($C2075/24,0)+1,1))-1)+IF('Standard Profiles'!$G$19=$B$10,7,0)+IF('Standard Profiles'!$G$19=$B$17,14,0)+IF('Standard Profiles'!$G$19=$B$24,21,0),MOD($C2075,24)+1)/SUM(INDEX($D$3:$AA$30,INDEX(Jesper!$R$2:$R$366,ROW(INDEX(Jesper!AI$2:AI$366,ROUNDDOWN($C2075/24,0)+1,1))-1)+IF('Standard Profiles'!$G$19=$B$10,7,0)+IF('Standard Profiles'!$G$19=$B$17,14,0)+IF('Standard Profiles'!$G$19=$B$24,21,0),0)),0)</f>
        <v>5.5761028604968637</v>
      </c>
      <c r="F2075" cm="1">
        <f t="array" ref="F2075">IFERROR(INDEX(Jesper!AJ$2:AJ$366,ROUNDDOWN($C2075/24,0)+1,1)*INDEX($D$3:$AA$30,INDEX(Jesper!$R$2:$R$366,ROW(INDEX(Jesper!AJ$2:AJ$366,ROUNDDOWN($C2075/24,0)+1,1))-1)+IF('Standard Profiles'!$G$20=$B$10,7,0)+IF('Standard Profiles'!$G$20=$B$17,14,0)+IF('Standard Profiles'!$G$20=$B$24,21,0),MOD($C2075,24)+1)/SUM(INDEX($D$3:$AA$30,INDEX(Jesper!$R$2:$R$366,ROW(INDEX(Jesper!AJ$2:AJ$366,ROUNDDOWN($C2075/24,0)+1,1))-1)+IF('Standard Profiles'!$G$20=$B$10,7,0)+IF('Standard Profiles'!$G$20=$B$17,14,0)+IF('Standard Profiles'!$G$20=$B$24,21,0),0)),0)</f>
        <v>0</v>
      </c>
      <c r="G2075" cm="1">
        <f t="array" ref="G2075">IFERROR(INDEX(Jesper!AK$2:AK$366,ROUNDDOWN($C2075/24,0)+1,1)*INDEX($D$3:$AA$30,INDEX(Jesper!$R$2:$R$366,ROW(INDEX(Jesper!AK$2:AK$366,ROUNDDOWN($C2075/24,0)+1,1))-1)+IF('Standard Profiles'!$G$21=$B$10,7,0)+IF('Standard Profiles'!$G$21=$B$17,14,0)+IF('Standard Profiles'!$G$21=$B$24,21,0),MOD($C2075,24)+1)/SUM(INDEX($D$3:$AA$30,INDEX(Jesper!$R$2:$R$366,ROW(INDEX(Jesper!AK$2:AK$366,ROUNDDOWN($C2075/24,0)+1,1))-1)+IF('Standard Profiles'!$G$21=$B$10,7,0)+IF('Standard Profiles'!$G$21=$B$17,14,0)+IF('Standard Profiles'!$G$21=$B$24,21,0),0)),0)</f>
        <v>3.5449506054394604</v>
      </c>
      <c r="H2075" cm="1">
        <f t="array" ref="H2075">IFERROR(INDEX(Jesper!AL$2:AL$366,ROUNDDOWN($C2075/24,0)+1,1)*INDEX($D$3:$AA$30,INDEX(Jesper!$R$2:$R$366,ROW(INDEX(Jesper!AL$2:AL$366,ROUNDDOWN($C2075/24,0)+1,1))-1)+IF('Standard Profiles'!$G$22=$B$10,7,0)+IF('Standard Profiles'!$G$22=$B$17,14,0)+IF('Standard Profiles'!$G$22=$B$24,21,0),MOD($C2075,24)+1)/SUM(INDEX($D$3:$AA$30,INDEX(Jesper!$R$2:$R$366,ROW(INDEX(Jesper!AL$2:AL$366,ROUNDDOWN($C2075/24,0)+1,1))-1)+IF('Standard Profiles'!$G$22=$B$10,7,0)+IF('Standard Profiles'!$G$22=$B$17,14,0)+IF('Standard Profiles'!$G$22=$B$24,21,0),0)),0)</f>
        <v>0</v>
      </c>
      <c r="I2075">
        <f t="shared" si="237"/>
        <v>1.7015762906109402</v>
      </c>
      <c r="J2075">
        <f t="shared" si="238"/>
        <v>12.200062954650503</v>
      </c>
      <c r="K2075">
        <f t="shared" si="239"/>
        <v>0.60705851166033276</v>
      </c>
      <c r="L2075">
        <f t="shared" si="240"/>
        <v>0.30352925583016638</v>
      </c>
      <c r="M2075">
        <f t="shared" si="241"/>
        <v>0</v>
      </c>
      <c r="N2075" s="45">
        <f t="shared" si="242"/>
        <v>45012.041666661717</v>
      </c>
    </row>
    <row r="2076" spans="2:14" x14ac:dyDescent="0.25">
      <c r="B2076">
        <f t="shared" si="236"/>
        <v>1</v>
      </c>
      <c r="C2076" s="16">
        <v>2042</v>
      </c>
      <c r="D2076" cm="1">
        <f t="array" ref="D2076">IFERROR(INDEX(Jesper!AH$2:AH$366,ROUNDDOWN($C2076/24,0)+1,1)*INDEX($D$3:$AA$30,INDEX(Jesper!$R$2:$R$366,ROW(INDEX(Jesper!AH$2:AH$366,ROUNDDOWN($C2076/24,0)+1,1))-1)+IF('Standard Profiles'!$G$18=$B$10,7,0)+IF('Standard Profiles'!$G$18=$B$17,14,0)+IF('Standard Profiles'!$G$18=$B$24,21,0),MOD($C2076,24)+1)/SUM(INDEX($D$3:$AA$30,INDEX(Jesper!$R$2:$R$366,ROW(INDEX(Jesper!AH$2:AH$366,ROUNDDOWN($C2076/24,0)+1,1))-1)+IF('Standard Profiles'!$G$18=$B$10,7,0)+IF('Standard Profiles'!$G$18=$B$17,14,0)+IF('Standard Profiles'!$G$18=$B$24,21,0),0)),0)</f>
        <v>5.6911735468156195</v>
      </c>
      <c r="E2076" cm="1">
        <f t="array" ref="E2076">IFERROR(INDEX(Jesper!AI$2:AI$366,ROUNDDOWN($C2076/24,0)+1,1)*INDEX($D$3:$AA$30,INDEX(Jesper!$R$2:$R$366,ROW(INDEX(Jesper!AI$2:AI$366,ROUNDDOWN($C2076/24,0)+1,1))-1)+IF('Standard Profiles'!$G$19=$B$10,7,0)+IF('Standard Profiles'!$G$19=$B$17,14,0)+IF('Standard Profiles'!$G$19=$B$24,21,0),MOD($C2076,24)+1)/SUM(INDEX($D$3:$AA$30,INDEX(Jesper!$R$2:$R$366,ROW(INDEX(Jesper!AI$2:AI$366,ROUNDDOWN($C2076/24,0)+1,1))-1)+IF('Standard Profiles'!$G$19=$B$10,7,0)+IF('Standard Profiles'!$G$19=$B$17,14,0)+IF('Standard Profiles'!$G$19=$B$24,21,0),0)),0)</f>
        <v>5.5761028604968637</v>
      </c>
      <c r="F2076" cm="1">
        <f t="array" ref="F2076">IFERROR(INDEX(Jesper!AJ$2:AJ$366,ROUNDDOWN($C2076/24,0)+1,1)*INDEX($D$3:$AA$30,INDEX(Jesper!$R$2:$R$366,ROW(INDEX(Jesper!AJ$2:AJ$366,ROUNDDOWN($C2076/24,0)+1,1))-1)+IF('Standard Profiles'!$G$20=$B$10,7,0)+IF('Standard Profiles'!$G$20=$B$17,14,0)+IF('Standard Profiles'!$G$20=$B$24,21,0),MOD($C2076,24)+1)/SUM(INDEX($D$3:$AA$30,INDEX(Jesper!$R$2:$R$366,ROW(INDEX(Jesper!AJ$2:AJ$366,ROUNDDOWN($C2076/24,0)+1,1))-1)+IF('Standard Profiles'!$G$20=$B$10,7,0)+IF('Standard Profiles'!$G$20=$B$17,14,0)+IF('Standard Profiles'!$G$20=$B$24,21,0),0)),0)</f>
        <v>0</v>
      </c>
      <c r="G2076" cm="1">
        <f t="array" ref="G2076">IFERROR(INDEX(Jesper!AK$2:AK$366,ROUNDDOWN($C2076/24,0)+1,1)*INDEX($D$3:$AA$30,INDEX(Jesper!$R$2:$R$366,ROW(INDEX(Jesper!AK$2:AK$366,ROUNDDOWN($C2076/24,0)+1,1))-1)+IF('Standard Profiles'!$G$21=$B$10,7,0)+IF('Standard Profiles'!$G$21=$B$17,14,0)+IF('Standard Profiles'!$G$21=$B$24,21,0),MOD($C2076,24)+1)/SUM(INDEX($D$3:$AA$30,INDEX(Jesper!$R$2:$R$366,ROW(INDEX(Jesper!AK$2:AK$366,ROUNDDOWN($C2076/24,0)+1,1))-1)+IF('Standard Profiles'!$G$21=$B$10,7,0)+IF('Standard Profiles'!$G$21=$B$17,14,0)+IF('Standard Profiles'!$G$21=$B$24,21,0),0)),0)</f>
        <v>3.5449506054394604</v>
      </c>
      <c r="H2076" cm="1">
        <f t="array" ref="H2076">IFERROR(INDEX(Jesper!AL$2:AL$366,ROUNDDOWN($C2076/24,0)+1,1)*INDEX($D$3:$AA$30,INDEX(Jesper!$R$2:$R$366,ROW(INDEX(Jesper!AL$2:AL$366,ROUNDDOWN($C2076/24,0)+1,1))-1)+IF('Standard Profiles'!$G$22=$B$10,7,0)+IF('Standard Profiles'!$G$22=$B$17,14,0)+IF('Standard Profiles'!$G$22=$B$24,21,0),MOD($C2076,24)+1)/SUM(INDEX($D$3:$AA$30,INDEX(Jesper!$R$2:$R$366,ROW(INDEX(Jesper!AL$2:AL$366,ROUNDDOWN($C2076/24,0)+1,1))-1)+IF('Standard Profiles'!$G$22=$B$10,7,0)+IF('Standard Profiles'!$G$22=$B$17,14,0)+IF('Standard Profiles'!$G$22=$B$24,21,0),0)),0)</f>
        <v>0</v>
      </c>
      <c r="I2076">
        <f t="shared" si="237"/>
        <v>1.7015762906109402</v>
      </c>
      <c r="J2076">
        <f t="shared" si="238"/>
        <v>12.200062954650503</v>
      </c>
      <c r="K2076">
        <f t="shared" si="239"/>
        <v>0.60705851166033276</v>
      </c>
      <c r="L2076">
        <f t="shared" si="240"/>
        <v>0.30352925583016638</v>
      </c>
      <c r="M2076">
        <f t="shared" si="241"/>
        <v>0</v>
      </c>
      <c r="N2076" s="45">
        <f t="shared" si="242"/>
        <v>45012.083333328381</v>
      </c>
    </row>
    <row r="2077" spans="2:14" x14ac:dyDescent="0.25">
      <c r="B2077">
        <f t="shared" si="236"/>
        <v>1</v>
      </c>
      <c r="C2077" s="16">
        <v>2043</v>
      </c>
      <c r="D2077" cm="1">
        <f t="array" ref="D2077">IFERROR(INDEX(Jesper!AH$2:AH$366,ROUNDDOWN($C2077/24,0)+1,1)*INDEX($D$3:$AA$30,INDEX(Jesper!$R$2:$R$366,ROW(INDEX(Jesper!AH$2:AH$366,ROUNDDOWN($C2077/24,0)+1,1))-1)+IF('Standard Profiles'!$G$18=$B$10,7,0)+IF('Standard Profiles'!$G$18=$B$17,14,0)+IF('Standard Profiles'!$G$18=$B$24,21,0),MOD($C2077,24)+1)/SUM(INDEX($D$3:$AA$30,INDEX(Jesper!$R$2:$R$366,ROW(INDEX(Jesper!AH$2:AH$366,ROUNDDOWN($C2077/24,0)+1,1))-1)+IF('Standard Profiles'!$G$18=$B$10,7,0)+IF('Standard Profiles'!$G$18=$B$17,14,0)+IF('Standard Profiles'!$G$18=$B$24,21,0),0)),0)</f>
        <v>5.6911735468156195</v>
      </c>
      <c r="E2077" cm="1">
        <f t="array" ref="E2077">IFERROR(INDEX(Jesper!AI$2:AI$366,ROUNDDOWN($C2077/24,0)+1,1)*INDEX($D$3:$AA$30,INDEX(Jesper!$R$2:$R$366,ROW(INDEX(Jesper!AI$2:AI$366,ROUNDDOWN($C2077/24,0)+1,1))-1)+IF('Standard Profiles'!$G$19=$B$10,7,0)+IF('Standard Profiles'!$G$19=$B$17,14,0)+IF('Standard Profiles'!$G$19=$B$24,21,0),MOD($C2077,24)+1)/SUM(INDEX($D$3:$AA$30,INDEX(Jesper!$R$2:$R$366,ROW(INDEX(Jesper!AI$2:AI$366,ROUNDDOWN($C2077/24,0)+1,1))-1)+IF('Standard Profiles'!$G$19=$B$10,7,0)+IF('Standard Profiles'!$G$19=$B$17,14,0)+IF('Standard Profiles'!$G$19=$B$24,21,0),0)),0)</f>
        <v>5.5761028604968637</v>
      </c>
      <c r="F2077" cm="1">
        <f t="array" ref="F2077">IFERROR(INDEX(Jesper!AJ$2:AJ$366,ROUNDDOWN($C2077/24,0)+1,1)*INDEX($D$3:$AA$30,INDEX(Jesper!$R$2:$R$366,ROW(INDEX(Jesper!AJ$2:AJ$366,ROUNDDOWN($C2077/24,0)+1,1))-1)+IF('Standard Profiles'!$G$20=$B$10,7,0)+IF('Standard Profiles'!$G$20=$B$17,14,0)+IF('Standard Profiles'!$G$20=$B$24,21,0),MOD($C2077,24)+1)/SUM(INDEX($D$3:$AA$30,INDEX(Jesper!$R$2:$R$366,ROW(INDEX(Jesper!AJ$2:AJ$366,ROUNDDOWN($C2077/24,0)+1,1))-1)+IF('Standard Profiles'!$G$20=$B$10,7,0)+IF('Standard Profiles'!$G$20=$B$17,14,0)+IF('Standard Profiles'!$G$20=$B$24,21,0),0)),0)</f>
        <v>0</v>
      </c>
      <c r="G2077" cm="1">
        <f t="array" ref="G2077">IFERROR(INDEX(Jesper!AK$2:AK$366,ROUNDDOWN($C2077/24,0)+1,1)*INDEX($D$3:$AA$30,INDEX(Jesper!$R$2:$R$366,ROW(INDEX(Jesper!AK$2:AK$366,ROUNDDOWN($C2077/24,0)+1,1))-1)+IF('Standard Profiles'!$G$21=$B$10,7,0)+IF('Standard Profiles'!$G$21=$B$17,14,0)+IF('Standard Profiles'!$G$21=$B$24,21,0),MOD($C2077,24)+1)/SUM(INDEX($D$3:$AA$30,INDEX(Jesper!$R$2:$R$366,ROW(INDEX(Jesper!AK$2:AK$366,ROUNDDOWN($C2077/24,0)+1,1))-1)+IF('Standard Profiles'!$G$21=$B$10,7,0)+IF('Standard Profiles'!$G$21=$B$17,14,0)+IF('Standard Profiles'!$G$21=$B$24,21,0),0)),0)</f>
        <v>3.5449506054394604</v>
      </c>
      <c r="H2077" cm="1">
        <f t="array" ref="H2077">IFERROR(INDEX(Jesper!AL$2:AL$366,ROUNDDOWN($C2077/24,0)+1,1)*INDEX($D$3:$AA$30,INDEX(Jesper!$R$2:$R$366,ROW(INDEX(Jesper!AL$2:AL$366,ROUNDDOWN($C2077/24,0)+1,1))-1)+IF('Standard Profiles'!$G$22=$B$10,7,0)+IF('Standard Profiles'!$G$22=$B$17,14,0)+IF('Standard Profiles'!$G$22=$B$24,21,0),MOD($C2077,24)+1)/SUM(INDEX($D$3:$AA$30,INDEX(Jesper!$R$2:$R$366,ROW(INDEX(Jesper!AL$2:AL$366,ROUNDDOWN($C2077/24,0)+1,1))-1)+IF('Standard Profiles'!$G$22=$B$10,7,0)+IF('Standard Profiles'!$G$22=$B$17,14,0)+IF('Standard Profiles'!$G$22=$B$24,21,0),0)),0)</f>
        <v>0</v>
      </c>
      <c r="I2077">
        <f t="shared" si="237"/>
        <v>1.7015762906109402</v>
      </c>
      <c r="J2077">
        <f t="shared" si="238"/>
        <v>12.200062954650503</v>
      </c>
      <c r="K2077">
        <f t="shared" si="239"/>
        <v>0.60705851166033276</v>
      </c>
      <c r="L2077">
        <f t="shared" si="240"/>
        <v>0.30352925583016638</v>
      </c>
      <c r="M2077">
        <f t="shared" si="241"/>
        <v>0</v>
      </c>
      <c r="N2077" s="45">
        <f t="shared" si="242"/>
        <v>45012.124999995045</v>
      </c>
    </row>
    <row r="2078" spans="2:14" x14ac:dyDescent="0.25">
      <c r="B2078">
        <f t="shared" si="236"/>
        <v>1</v>
      </c>
      <c r="C2078" s="16">
        <v>2044</v>
      </c>
      <c r="D2078" cm="1">
        <f t="array" ref="D2078">IFERROR(INDEX(Jesper!AH$2:AH$366,ROUNDDOWN($C2078/24,0)+1,1)*INDEX($D$3:$AA$30,INDEX(Jesper!$R$2:$R$366,ROW(INDEX(Jesper!AH$2:AH$366,ROUNDDOWN($C2078/24,0)+1,1))-1)+IF('Standard Profiles'!$G$18=$B$10,7,0)+IF('Standard Profiles'!$G$18=$B$17,14,0)+IF('Standard Profiles'!$G$18=$B$24,21,0),MOD($C2078,24)+1)/SUM(INDEX($D$3:$AA$30,INDEX(Jesper!$R$2:$R$366,ROW(INDEX(Jesper!AH$2:AH$366,ROUNDDOWN($C2078/24,0)+1,1))-1)+IF('Standard Profiles'!$G$18=$B$10,7,0)+IF('Standard Profiles'!$G$18=$B$17,14,0)+IF('Standard Profiles'!$G$18=$B$24,21,0),0)),0)</f>
        <v>5.6911735468156195</v>
      </c>
      <c r="E2078" cm="1">
        <f t="array" ref="E2078">IFERROR(INDEX(Jesper!AI$2:AI$366,ROUNDDOWN($C2078/24,0)+1,1)*INDEX($D$3:$AA$30,INDEX(Jesper!$R$2:$R$366,ROW(INDEX(Jesper!AI$2:AI$366,ROUNDDOWN($C2078/24,0)+1,1))-1)+IF('Standard Profiles'!$G$19=$B$10,7,0)+IF('Standard Profiles'!$G$19=$B$17,14,0)+IF('Standard Profiles'!$G$19=$B$24,21,0),MOD($C2078,24)+1)/SUM(INDEX($D$3:$AA$30,INDEX(Jesper!$R$2:$R$366,ROW(INDEX(Jesper!AI$2:AI$366,ROUNDDOWN($C2078/24,0)+1,1))-1)+IF('Standard Profiles'!$G$19=$B$10,7,0)+IF('Standard Profiles'!$G$19=$B$17,14,0)+IF('Standard Profiles'!$G$19=$B$24,21,0),0)),0)</f>
        <v>5.5761028604968637</v>
      </c>
      <c r="F2078" cm="1">
        <f t="array" ref="F2078">IFERROR(INDEX(Jesper!AJ$2:AJ$366,ROUNDDOWN($C2078/24,0)+1,1)*INDEX($D$3:$AA$30,INDEX(Jesper!$R$2:$R$366,ROW(INDEX(Jesper!AJ$2:AJ$366,ROUNDDOWN($C2078/24,0)+1,1))-1)+IF('Standard Profiles'!$G$20=$B$10,7,0)+IF('Standard Profiles'!$G$20=$B$17,14,0)+IF('Standard Profiles'!$G$20=$B$24,21,0),MOD($C2078,24)+1)/SUM(INDEX($D$3:$AA$30,INDEX(Jesper!$R$2:$R$366,ROW(INDEX(Jesper!AJ$2:AJ$366,ROUNDDOWN($C2078/24,0)+1,1))-1)+IF('Standard Profiles'!$G$20=$B$10,7,0)+IF('Standard Profiles'!$G$20=$B$17,14,0)+IF('Standard Profiles'!$G$20=$B$24,21,0),0)),0)</f>
        <v>0</v>
      </c>
      <c r="G2078" cm="1">
        <f t="array" ref="G2078">IFERROR(INDEX(Jesper!AK$2:AK$366,ROUNDDOWN($C2078/24,0)+1,1)*INDEX($D$3:$AA$30,INDEX(Jesper!$R$2:$R$366,ROW(INDEX(Jesper!AK$2:AK$366,ROUNDDOWN($C2078/24,0)+1,1))-1)+IF('Standard Profiles'!$G$21=$B$10,7,0)+IF('Standard Profiles'!$G$21=$B$17,14,0)+IF('Standard Profiles'!$G$21=$B$24,21,0),MOD($C2078,24)+1)/SUM(INDEX($D$3:$AA$30,INDEX(Jesper!$R$2:$R$366,ROW(INDEX(Jesper!AK$2:AK$366,ROUNDDOWN($C2078/24,0)+1,1))-1)+IF('Standard Profiles'!$G$21=$B$10,7,0)+IF('Standard Profiles'!$G$21=$B$17,14,0)+IF('Standard Profiles'!$G$21=$B$24,21,0),0)),0)</f>
        <v>3.5449506054394604</v>
      </c>
      <c r="H2078" cm="1">
        <f t="array" ref="H2078">IFERROR(INDEX(Jesper!AL$2:AL$366,ROUNDDOWN($C2078/24,0)+1,1)*INDEX($D$3:$AA$30,INDEX(Jesper!$R$2:$R$366,ROW(INDEX(Jesper!AL$2:AL$366,ROUNDDOWN($C2078/24,0)+1,1))-1)+IF('Standard Profiles'!$G$22=$B$10,7,0)+IF('Standard Profiles'!$G$22=$B$17,14,0)+IF('Standard Profiles'!$G$22=$B$24,21,0),MOD($C2078,24)+1)/SUM(INDEX($D$3:$AA$30,INDEX(Jesper!$R$2:$R$366,ROW(INDEX(Jesper!AL$2:AL$366,ROUNDDOWN($C2078/24,0)+1,1))-1)+IF('Standard Profiles'!$G$22=$B$10,7,0)+IF('Standard Profiles'!$G$22=$B$17,14,0)+IF('Standard Profiles'!$G$22=$B$24,21,0),0)),0)</f>
        <v>0</v>
      </c>
      <c r="I2078">
        <f t="shared" si="237"/>
        <v>1.7015762906109402</v>
      </c>
      <c r="J2078">
        <f t="shared" si="238"/>
        <v>12.200062954650503</v>
      </c>
      <c r="K2078">
        <f t="shared" si="239"/>
        <v>0.60705851166033276</v>
      </c>
      <c r="L2078">
        <f t="shared" si="240"/>
        <v>0.30352925583016638</v>
      </c>
      <c r="M2078">
        <f t="shared" si="241"/>
        <v>0</v>
      </c>
      <c r="N2078" s="45">
        <f t="shared" si="242"/>
        <v>45012.166666661709</v>
      </c>
    </row>
    <row r="2079" spans="2:14" x14ac:dyDescent="0.25">
      <c r="B2079">
        <f t="shared" si="236"/>
        <v>1</v>
      </c>
      <c r="C2079" s="16">
        <v>2045</v>
      </c>
      <c r="D2079" cm="1">
        <f t="array" ref="D2079">IFERROR(INDEX(Jesper!AH$2:AH$366,ROUNDDOWN($C2079/24,0)+1,1)*INDEX($D$3:$AA$30,INDEX(Jesper!$R$2:$R$366,ROW(INDEX(Jesper!AH$2:AH$366,ROUNDDOWN($C2079/24,0)+1,1))-1)+IF('Standard Profiles'!$G$18=$B$10,7,0)+IF('Standard Profiles'!$G$18=$B$17,14,0)+IF('Standard Profiles'!$G$18=$B$24,21,0),MOD($C2079,24)+1)/SUM(INDEX($D$3:$AA$30,INDEX(Jesper!$R$2:$R$366,ROW(INDEX(Jesper!AH$2:AH$366,ROUNDDOWN($C2079/24,0)+1,1))-1)+IF('Standard Profiles'!$G$18=$B$10,7,0)+IF('Standard Profiles'!$G$18=$B$17,14,0)+IF('Standard Profiles'!$G$18=$B$24,21,0),0)),0)</f>
        <v>5.6911735468156195</v>
      </c>
      <c r="E2079" cm="1">
        <f t="array" ref="E2079">IFERROR(INDEX(Jesper!AI$2:AI$366,ROUNDDOWN($C2079/24,0)+1,1)*INDEX($D$3:$AA$30,INDEX(Jesper!$R$2:$R$366,ROW(INDEX(Jesper!AI$2:AI$366,ROUNDDOWN($C2079/24,0)+1,1))-1)+IF('Standard Profiles'!$G$19=$B$10,7,0)+IF('Standard Profiles'!$G$19=$B$17,14,0)+IF('Standard Profiles'!$G$19=$B$24,21,0),MOD($C2079,24)+1)/SUM(INDEX($D$3:$AA$30,INDEX(Jesper!$R$2:$R$366,ROW(INDEX(Jesper!AI$2:AI$366,ROUNDDOWN($C2079/24,0)+1,1))-1)+IF('Standard Profiles'!$G$19=$B$10,7,0)+IF('Standard Profiles'!$G$19=$B$17,14,0)+IF('Standard Profiles'!$G$19=$B$24,21,0),0)),0)</f>
        <v>5.5761028604968637</v>
      </c>
      <c r="F2079" cm="1">
        <f t="array" ref="F2079">IFERROR(INDEX(Jesper!AJ$2:AJ$366,ROUNDDOWN($C2079/24,0)+1,1)*INDEX($D$3:$AA$30,INDEX(Jesper!$R$2:$R$366,ROW(INDEX(Jesper!AJ$2:AJ$366,ROUNDDOWN($C2079/24,0)+1,1))-1)+IF('Standard Profiles'!$G$20=$B$10,7,0)+IF('Standard Profiles'!$G$20=$B$17,14,0)+IF('Standard Profiles'!$G$20=$B$24,21,0),MOD($C2079,24)+1)/SUM(INDEX($D$3:$AA$30,INDEX(Jesper!$R$2:$R$366,ROW(INDEX(Jesper!AJ$2:AJ$366,ROUNDDOWN($C2079/24,0)+1,1))-1)+IF('Standard Profiles'!$G$20=$B$10,7,0)+IF('Standard Profiles'!$G$20=$B$17,14,0)+IF('Standard Profiles'!$G$20=$B$24,21,0),0)),0)</f>
        <v>0</v>
      </c>
      <c r="G2079" cm="1">
        <f t="array" ref="G2079">IFERROR(INDEX(Jesper!AK$2:AK$366,ROUNDDOWN($C2079/24,0)+1,1)*INDEX($D$3:$AA$30,INDEX(Jesper!$R$2:$R$366,ROW(INDEX(Jesper!AK$2:AK$366,ROUNDDOWN($C2079/24,0)+1,1))-1)+IF('Standard Profiles'!$G$21=$B$10,7,0)+IF('Standard Profiles'!$G$21=$B$17,14,0)+IF('Standard Profiles'!$G$21=$B$24,21,0),MOD($C2079,24)+1)/SUM(INDEX($D$3:$AA$30,INDEX(Jesper!$R$2:$R$366,ROW(INDEX(Jesper!AK$2:AK$366,ROUNDDOWN($C2079/24,0)+1,1))-1)+IF('Standard Profiles'!$G$21=$B$10,7,0)+IF('Standard Profiles'!$G$21=$B$17,14,0)+IF('Standard Profiles'!$G$21=$B$24,21,0),0)),0)</f>
        <v>3.5449506054394604</v>
      </c>
      <c r="H2079" cm="1">
        <f t="array" ref="H2079">IFERROR(INDEX(Jesper!AL$2:AL$366,ROUNDDOWN($C2079/24,0)+1,1)*INDEX($D$3:$AA$30,INDEX(Jesper!$R$2:$R$366,ROW(INDEX(Jesper!AL$2:AL$366,ROUNDDOWN($C2079/24,0)+1,1))-1)+IF('Standard Profiles'!$G$22=$B$10,7,0)+IF('Standard Profiles'!$G$22=$B$17,14,0)+IF('Standard Profiles'!$G$22=$B$24,21,0),MOD($C2079,24)+1)/SUM(INDEX($D$3:$AA$30,INDEX(Jesper!$R$2:$R$366,ROW(INDEX(Jesper!AL$2:AL$366,ROUNDDOWN($C2079/24,0)+1,1))-1)+IF('Standard Profiles'!$G$22=$B$10,7,0)+IF('Standard Profiles'!$G$22=$B$17,14,0)+IF('Standard Profiles'!$G$22=$B$24,21,0),0)),0)</f>
        <v>0</v>
      </c>
      <c r="I2079">
        <f t="shared" si="237"/>
        <v>1.7015762906109402</v>
      </c>
      <c r="J2079">
        <f t="shared" si="238"/>
        <v>12.200062954650503</v>
      </c>
      <c r="K2079">
        <f t="shared" si="239"/>
        <v>0.60705851166033276</v>
      </c>
      <c r="L2079">
        <f t="shared" si="240"/>
        <v>0.30352925583016638</v>
      </c>
      <c r="M2079">
        <f t="shared" si="241"/>
        <v>0</v>
      </c>
      <c r="N2079" s="45">
        <f t="shared" si="242"/>
        <v>45012.208333328374</v>
      </c>
    </row>
    <row r="2080" spans="2:14" x14ac:dyDescent="0.25">
      <c r="B2080">
        <f t="shared" si="236"/>
        <v>1</v>
      </c>
      <c r="C2080" s="16">
        <v>2046</v>
      </c>
      <c r="D2080" cm="1">
        <f t="array" ref="D2080">IFERROR(INDEX(Jesper!AH$2:AH$366,ROUNDDOWN($C2080/24,0)+1,1)*INDEX($D$3:$AA$30,INDEX(Jesper!$R$2:$R$366,ROW(INDEX(Jesper!AH$2:AH$366,ROUNDDOWN($C2080/24,0)+1,1))-1)+IF('Standard Profiles'!$G$18=$B$10,7,0)+IF('Standard Profiles'!$G$18=$B$17,14,0)+IF('Standard Profiles'!$G$18=$B$24,21,0),MOD($C2080,24)+1)/SUM(INDEX($D$3:$AA$30,INDEX(Jesper!$R$2:$R$366,ROW(INDEX(Jesper!AH$2:AH$366,ROUNDDOWN($C2080/24,0)+1,1))-1)+IF('Standard Profiles'!$G$18=$B$10,7,0)+IF('Standard Profiles'!$G$18=$B$17,14,0)+IF('Standard Profiles'!$G$18=$B$24,21,0),0)),0)</f>
        <v>5.6911735468156195</v>
      </c>
      <c r="E2080" cm="1">
        <f t="array" ref="E2080">IFERROR(INDEX(Jesper!AI$2:AI$366,ROUNDDOWN($C2080/24,0)+1,1)*INDEX($D$3:$AA$30,INDEX(Jesper!$R$2:$R$366,ROW(INDEX(Jesper!AI$2:AI$366,ROUNDDOWN($C2080/24,0)+1,1))-1)+IF('Standard Profiles'!$G$19=$B$10,7,0)+IF('Standard Profiles'!$G$19=$B$17,14,0)+IF('Standard Profiles'!$G$19=$B$24,21,0),MOD($C2080,24)+1)/SUM(INDEX($D$3:$AA$30,INDEX(Jesper!$R$2:$R$366,ROW(INDEX(Jesper!AI$2:AI$366,ROUNDDOWN($C2080/24,0)+1,1))-1)+IF('Standard Profiles'!$G$19=$B$10,7,0)+IF('Standard Profiles'!$G$19=$B$17,14,0)+IF('Standard Profiles'!$G$19=$B$24,21,0),0)),0)</f>
        <v>5.5761028604968637</v>
      </c>
      <c r="F2080" cm="1">
        <f t="array" ref="F2080">IFERROR(INDEX(Jesper!AJ$2:AJ$366,ROUNDDOWN($C2080/24,0)+1,1)*INDEX($D$3:$AA$30,INDEX(Jesper!$R$2:$R$366,ROW(INDEX(Jesper!AJ$2:AJ$366,ROUNDDOWN($C2080/24,0)+1,1))-1)+IF('Standard Profiles'!$G$20=$B$10,7,0)+IF('Standard Profiles'!$G$20=$B$17,14,0)+IF('Standard Profiles'!$G$20=$B$24,21,0),MOD($C2080,24)+1)/SUM(INDEX($D$3:$AA$30,INDEX(Jesper!$R$2:$R$366,ROW(INDEX(Jesper!AJ$2:AJ$366,ROUNDDOWN($C2080/24,0)+1,1))-1)+IF('Standard Profiles'!$G$20=$B$10,7,0)+IF('Standard Profiles'!$G$20=$B$17,14,0)+IF('Standard Profiles'!$G$20=$B$24,21,0),0)),0)</f>
        <v>0</v>
      </c>
      <c r="G2080" cm="1">
        <f t="array" ref="G2080">IFERROR(INDEX(Jesper!AK$2:AK$366,ROUNDDOWN($C2080/24,0)+1,1)*INDEX($D$3:$AA$30,INDEX(Jesper!$R$2:$R$366,ROW(INDEX(Jesper!AK$2:AK$366,ROUNDDOWN($C2080/24,0)+1,1))-1)+IF('Standard Profiles'!$G$21=$B$10,7,0)+IF('Standard Profiles'!$G$21=$B$17,14,0)+IF('Standard Profiles'!$G$21=$B$24,21,0),MOD($C2080,24)+1)/SUM(INDEX($D$3:$AA$30,INDEX(Jesper!$R$2:$R$366,ROW(INDEX(Jesper!AK$2:AK$366,ROUNDDOWN($C2080/24,0)+1,1))-1)+IF('Standard Profiles'!$G$21=$B$10,7,0)+IF('Standard Profiles'!$G$21=$B$17,14,0)+IF('Standard Profiles'!$G$21=$B$24,21,0),0)),0)</f>
        <v>3.5449506054394604</v>
      </c>
      <c r="H2080" cm="1">
        <f t="array" ref="H2080">IFERROR(INDEX(Jesper!AL$2:AL$366,ROUNDDOWN($C2080/24,0)+1,1)*INDEX($D$3:$AA$30,INDEX(Jesper!$R$2:$R$366,ROW(INDEX(Jesper!AL$2:AL$366,ROUNDDOWN($C2080/24,0)+1,1))-1)+IF('Standard Profiles'!$G$22=$B$10,7,0)+IF('Standard Profiles'!$G$22=$B$17,14,0)+IF('Standard Profiles'!$G$22=$B$24,21,0),MOD($C2080,24)+1)/SUM(INDEX($D$3:$AA$30,INDEX(Jesper!$R$2:$R$366,ROW(INDEX(Jesper!AL$2:AL$366,ROUNDDOWN($C2080/24,0)+1,1))-1)+IF('Standard Profiles'!$G$22=$B$10,7,0)+IF('Standard Profiles'!$G$22=$B$17,14,0)+IF('Standard Profiles'!$G$22=$B$24,21,0),0)),0)</f>
        <v>0</v>
      </c>
      <c r="I2080">
        <f t="shared" si="237"/>
        <v>1.7015762906109402</v>
      </c>
      <c r="J2080">
        <f t="shared" si="238"/>
        <v>12.200062954650503</v>
      </c>
      <c r="K2080">
        <f t="shared" si="239"/>
        <v>0.60705851166033276</v>
      </c>
      <c r="L2080">
        <f t="shared" si="240"/>
        <v>0.30352925583016638</v>
      </c>
      <c r="M2080">
        <f t="shared" si="241"/>
        <v>0</v>
      </c>
      <c r="N2080" s="45">
        <f t="shared" si="242"/>
        <v>45012.249999995038</v>
      </c>
    </row>
    <row r="2081" spans="2:14" x14ac:dyDescent="0.25">
      <c r="B2081">
        <f t="shared" si="236"/>
        <v>1</v>
      </c>
      <c r="C2081" s="16">
        <v>2047</v>
      </c>
      <c r="D2081" cm="1">
        <f t="array" ref="D2081">IFERROR(INDEX(Jesper!AH$2:AH$366,ROUNDDOWN($C2081/24,0)+1,1)*INDEX($D$3:$AA$30,INDEX(Jesper!$R$2:$R$366,ROW(INDEX(Jesper!AH$2:AH$366,ROUNDDOWN($C2081/24,0)+1,1))-1)+IF('Standard Profiles'!$G$18=$B$10,7,0)+IF('Standard Profiles'!$G$18=$B$17,14,0)+IF('Standard Profiles'!$G$18=$B$24,21,0),MOD($C2081,24)+1)/SUM(INDEX($D$3:$AA$30,INDEX(Jesper!$R$2:$R$366,ROW(INDEX(Jesper!AH$2:AH$366,ROUNDDOWN($C2081/24,0)+1,1))-1)+IF('Standard Profiles'!$G$18=$B$10,7,0)+IF('Standard Profiles'!$G$18=$B$17,14,0)+IF('Standard Profiles'!$G$18=$B$24,21,0),0)),0)</f>
        <v>24.244399309434538</v>
      </c>
      <c r="E2081" cm="1">
        <f t="array" ref="E2081">IFERROR(INDEX(Jesper!AI$2:AI$366,ROUNDDOWN($C2081/24,0)+1,1)*INDEX($D$3:$AA$30,INDEX(Jesper!$R$2:$R$366,ROW(INDEX(Jesper!AI$2:AI$366,ROUNDDOWN($C2081/24,0)+1,1))-1)+IF('Standard Profiles'!$G$19=$B$10,7,0)+IF('Standard Profiles'!$G$19=$B$17,14,0)+IF('Standard Profiles'!$G$19=$B$24,21,0),MOD($C2081,24)+1)/SUM(INDEX($D$3:$AA$30,INDEX(Jesper!$R$2:$R$366,ROW(INDEX(Jesper!AI$2:AI$366,ROUNDDOWN($C2081/24,0)+1,1))-1)+IF('Standard Profiles'!$G$19=$B$10,7,0)+IF('Standard Profiles'!$G$19=$B$17,14,0)+IF('Standard Profiles'!$G$19=$B$24,21,0),0)),0)</f>
        <v>23.754198185716639</v>
      </c>
      <c r="F2081" cm="1">
        <f t="array" ref="F2081">IFERROR(INDEX(Jesper!AJ$2:AJ$366,ROUNDDOWN($C2081/24,0)+1,1)*INDEX($D$3:$AA$30,INDEX(Jesper!$R$2:$R$366,ROW(INDEX(Jesper!AJ$2:AJ$366,ROUNDDOWN($C2081/24,0)+1,1))-1)+IF('Standard Profiles'!$G$20=$B$10,7,0)+IF('Standard Profiles'!$G$20=$B$17,14,0)+IF('Standard Profiles'!$G$20=$B$24,21,0),MOD($C2081,24)+1)/SUM(INDEX($D$3:$AA$30,INDEX(Jesper!$R$2:$R$366,ROW(INDEX(Jesper!AJ$2:AJ$366,ROUNDDOWN($C2081/24,0)+1,1))-1)+IF('Standard Profiles'!$G$20=$B$10,7,0)+IF('Standard Profiles'!$G$20=$B$17,14,0)+IF('Standard Profiles'!$G$20=$B$24,21,0),0)),0)</f>
        <v>0</v>
      </c>
      <c r="G2081" cm="1">
        <f t="array" ref="G2081">IFERROR(INDEX(Jesper!AK$2:AK$366,ROUNDDOWN($C2081/24,0)+1,1)*INDEX($D$3:$AA$30,INDEX(Jesper!$R$2:$R$366,ROW(INDEX(Jesper!AK$2:AK$366,ROUNDDOWN($C2081/24,0)+1,1))-1)+IF('Standard Profiles'!$G$21=$B$10,7,0)+IF('Standard Profiles'!$G$21=$B$17,14,0)+IF('Standard Profiles'!$G$21=$B$24,21,0),MOD($C2081,24)+1)/SUM(INDEX($D$3:$AA$30,INDEX(Jesper!$R$2:$R$366,ROW(INDEX(Jesper!AK$2:AK$366,ROUNDDOWN($C2081/24,0)+1,1))-1)+IF('Standard Profiles'!$G$21=$B$10,7,0)+IF('Standard Profiles'!$G$21=$B$17,14,0)+IF('Standard Profiles'!$G$21=$B$24,21,0),0)),0)</f>
        <v>15.420535133661652</v>
      </c>
      <c r="H2081" cm="1">
        <f t="array" ref="H2081">IFERROR(INDEX(Jesper!AL$2:AL$366,ROUNDDOWN($C2081/24,0)+1,1)*INDEX($D$3:$AA$30,INDEX(Jesper!$R$2:$R$366,ROW(INDEX(Jesper!AL$2:AL$366,ROUNDDOWN($C2081/24,0)+1,1))-1)+IF('Standard Profiles'!$G$22=$B$10,7,0)+IF('Standard Profiles'!$G$22=$B$17,14,0)+IF('Standard Profiles'!$G$22=$B$24,21,0),MOD($C2081,24)+1)/SUM(INDEX($D$3:$AA$30,INDEX(Jesper!$R$2:$R$366,ROW(INDEX(Jesper!AL$2:AL$366,ROUNDDOWN($C2081/24,0)+1,1))-1)+IF('Standard Profiles'!$G$22=$B$10,7,0)+IF('Standard Profiles'!$G$22=$B$17,14,0)+IF('Standard Profiles'!$G$22=$B$24,21,0),0)),0)</f>
        <v>0</v>
      </c>
      <c r="I2081">
        <f t="shared" si="237"/>
        <v>7.4018568641575895</v>
      </c>
      <c r="J2081">
        <f t="shared" si="238"/>
        <v>52.138171875145716</v>
      </c>
      <c r="K2081">
        <f t="shared" si="239"/>
        <v>2.5860692596730175</v>
      </c>
      <c r="L2081">
        <f t="shared" si="240"/>
        <v>1.2930346298365087</v>
      </c>
      <c r="M2081">
        <f t="shared" si="241"/>
        <v>0</v>
      </c>
      <c r="N2081" s="45">
        <f t="shared" si="242"/>
        <v>45012.291666661702</v>
      </c>
    </row>
    <row r="2082" spans="2:14" x14ac:dyDescent="0.25">
      <c r="B2082">
        <f t="shared" si="236"/>
        <v>1</v>
      </c>
      <c r="C2082" s="16">
        <v>2048</v>
      </c>
      <c r="D2082" cm="1">
        <f t="array" ref="D2082">IFERROR(INDEX(Jesper!AH$2:AH$366,ROUNDDOWN($C2082/24,0)+1,1)*INDEX($D$3:$AA$30,INDEX(Jesper!$R$2:$R$366,ROW(INDEX(Jesper!AH$2:AH$366,ROUNDDOWN($C2082/24,0)+1,1))-1)+IF('Standard Profiles'!$G$18=$B$10,7,0)+IF('Standard Profiles'!$G$18=$B$17,14,0)+IF('Standard Profiles'!$G$18=$B$24,21,0),MOD($C2082,24)+1)/SUM(INDEX($D$3:$AA$30,INDEX(Jesper!$R$2:$R$366,ROW(INDEX(Jesper!AH$2:AH$366,ROUNDDOWN($C2082/24,0)+1,1))-1)+IF('Standard Profiles'!$G$18=$B$10,7,0)+IF('Standard Profiles'!$G$18=$B$17,14,0)+IF('Standard Profiles'!$G$18=$B$24,21,0),0)),0)</f>
        <v>27.274949223113857</v>
      </c>
      <c r="E2082" cm="1">
        <f t="array" ref="E2082">IFERROR(INDEX(Jesper!AI$2:AI$366,ROUNDDOWN($C2082/24,0)+1,1)*INDEX($D$3:$AA$30,INDEX(Jesper!$R$2:$R$366,ROW(INDEX(Jesper!AI$2:AI$366,ROUNDDOWN($C2082/24,0)+1,1))-1)+IF('Standard Profiles'!$G$19=$B$10,7,0)+IF('Standard Profiles'!$G$19=$B$17,14,0)+IF('Standard Profiles'!$G$19=$B$24,21,0),MOD($C2082,24)+1)/SUM(INDEX($D$3:$AA$30,INDEX(Jesper!$R$2:$R$366,ROW(INDEX(Jesper!AI$2:AI$366,ROUNDDOWN($C2082/24,0)+1,1))-1)+IF('Standard Profiles'!$G$19=$B$10,7,0)+IF('Standard Profiles'!$G$19=$B$17,14,0)+IF('Standard Profiles'!$G$19=$B$24,21,0),0)),0)</f>
        <v>26.723472958931218</v>
      </c>
      <c r="F2082" cm="1">
        <f t="array" ref="F2082">IFERROR(INDEX(Jesper!AJ$2:AJ$366,ROUNDDOWN($C2082/24,0)+1,1)*INDEX($D$3:$AA$30,INDEX(Jesper!$R$2:$R$366,ROW(INDEX(Jesper!AJ$2:AJ$366,ROUNDDOWN($C2082/24,0)+1,1))-1)+IF('Standard Profiles'!$G$20=$B$10,7,0)+IF('Standard Profiles'!$G$20=$B$17,14,0)+IF('Standard Profiles'!$G$20=$B$24,21,0),MOD($C2082,24)+1)/SUM(INDEX($D$3:$AA$30,INDEX(Jesper!$R$2:$R$366,ROW(INDEX(Jesper!AJ$2:AJ$366,ROUNDDOWN($C2082/24,0)+1,1))-1)+IF('Standard Profiles'!$G$20=$B$10,7,0)+IF('Standard Profiles'!$G$20=$B$17,14,0)+IF('Standard Profiles'!$G$20=$B$24,21,0),0)),0)</f>
        <v>0</v>
      </c>
      <c r="G2082" cm="1">
        <f t="array" ref="G2082">IFERROR(INDEX(Jesper!AK$2:AK$366,ROUNDDOWN($C2082/24,0)+1,1)*INDEX($D$3:$AA$30,INDEX(Jesper!$R$2:$R$366,ROW(INDEX(Jesper!AK$2:AK$366,ROUNDDOWN($C2082/24,0)+1,1))-1)+IF('Standard Profiles'!$G$21=$B$10,7,0)+IF('Standard Profiles'!$G$21=$B$17,14,0)+IF('Standard Profiles'!$G$21=$B$24,21,0),MOD($C2082,24)+1)/SUM(INDEX($D$3:$AA$30,INDEX(Jesper!$R$2:$R$366,ROW(INDEX(Jesper!AK$2:AK$366,ROUNDDOWN($C2082/24,0)+1,1))-1)+IF('Standard Profiles'!$G$21=$B$10,7,0)+IF('Standard Profiles'!$G$21=$B$17,14,0)+IF('Standard Profiles'!$G$21=$B$24,21,0),0)),0)</f>
        <v>17.348102025369357</v>
      </c>
      <c r="H2082" cm="1">
        <f t="array" ref="H2082">IFERROR(INDEX(Jesper!AL$2:AL$366,ROUNDDOWN($C2082/24,0)+1,1)*INDEX($D$3:$AA$30,INDEX(Jesper!$R$2:$R$366,ROW(INDEX(Jesper!AL$2:AL$366,ROUNDDOWN($C2082/24,0)+1,1))-1)+IF('Standard Profiles'!$G$22=$B$10,7,0)+IF('Standard Profiles'!$G$22=$B$17,14,0)+IF('Standard Profiles'!$G$22=$B$24,21,0),MOD($C2082,24)+1)/SUM(INDEX($D$3:$AA$30,INDEX(Jesper!$R$2:$R$366,ROW(INDEX(Jesper!AL$2:AL$366,ROUNDDOWN($C2082/24,0)+1,1))-1)+IF('Standard Profiles'!$G$22=$B$10,7,0)+IF('Standard Profiles'!$G$22=$B$17,14,0)+IF('Standard Profiles'!$G$22=$B$24,21,0),0)),0)</f>
        <v>0</v>
      </c>
      <c r="I2082">
        <f t="shared" si="237"/>
        <v>8.3270889721772878</v>
      </c>
      <c r="J2082">
        <f t="shared" si="238"/>
        <v>58.655443359538928</v>
      </c>
      <c r="K2082">
        <f t="shared" si="239"/>
        <v>2.9093279171321451</v>
      </c>
      <c r="L2082">
        <f t="shared" si="240"/>
        <v>1.4546639585660726</v>
      </c>
      <c r="M2082">
        <f t="shared" si="241"/>
        <v>0</v>
      </c>
      <c r="N2082" s="45">
        <f t="shared" si="242"/>
        <v>45012.333333328366</v>
      </c>
    </row>
    <row r="2083" spans="2:14" x14ac:dyDescent="0.25">
      <c r="B2083">
        <f t="shared" ref="B2083:B2146" si="243">WEEKDAY(N2083,2)</f>
        <v>1</v>
      </c>
      <c r="C2083" s="16">
        <v>2049</v>
      </c>
      <c r="D2083" cm="1">
        <f t="array" ref="D2083">IFERROR(INDEX(Jesper!AH$2:AH$366,ROUNDDOWN($C2083/24,0)+1,1)*INDEX($D$3:$AA$30,INDEX(Jesper!$R$2:$R$366,ROW(INDEX(Jesper!AH$2:AH$366,ROUNDDOWN($C2083/24,0)+1,1))-1)+IF('Standard Profiles'!$G$18=$B$10,7,0)+IF('Standard Profiles'!$G$18=$B$17,14,0)+IF('Standard Profiles'!$G$18=$B$24,21,0),MOD($C2083,24)+1)/SUM(INDEX($D$3:$AA$30,INDEX(Jesper!$R$2:$R$366,ROW(INDEX(Jesper!AH$2:AH$366,ROUNDDOWN($C2083/24,0)+1,1))-1)+IF('Standard Profiles'!$G$18=$B$10,7,0)+IF('Standard Profiles'!$G$18=$B$17,14,0)+IF('Standard Profiles'!$G$18=$B$24,21,0),0)),0)</f>
        <v>30.305499136793173</v>
      </c>
      <c r="E2083" cm="1">
        <f t="array" ref="E2083">IFERROR(INDEX(Jesper!AI$2:AI$366,ROUNDDOWN($C2083/24,0)+1,1)*INDEX($D$3:$AA$30,INDEX(Jesper!$R$2:$R$366,ROW(INDEX(Jesper!AI$2:AI$366,ROUNDDOWN($C2083/24,0)+1,1))-1)+IF('Standard Profiles'!$G$19=$B$10,7,0)+IF('Standard Profiles'!$G$19=$B$17,14,0)+IF('Standard Profiles'!$G$19=$B$24,21,0),MOD($C2083,24)+1)/SUM(INDEX($D$3:$AA$30,INDEX(Jesper!$R$2:$R$366,ROW(INDEX(Jesper!AI$2:AI$366,ROUNDDOWN($C2083/24,0)+1,1))-1)+IF('Standard Profiles'!$G$19=$B$10,7,0)+IF('Standard Profiles'!$G$19=$B$17,14,0)+IF('Standard Profiles'!$G$19=$B$24,21,0),0)),0)</f>
        <v>29.692747732145801</v>
      </c>
      <c r="F2083" cm="1">
        <f t="array" ref="F2083">IFERROR(INDEX(Jesper!AJ$2:AJ$366,ROUNDDOWN($C2083/24,0)+1,1)*INDEX($D$3:$AA$30,INDEX(Jesper!$R$2:$R$366,ROW(INDEX(Jesper!AJ$2:AJ$366,ROUNDDOWN($C2083/24,0)+1,1))-1)+IF('Standard Profiles'!$G$20=$B$10,7,0)+IF('Standard Profiles'!$G$20=$B$17,14,0)+IF('Standard Profiles'!$G$20=$B$24,21,0),MOD($C2083,24)+1)/SUM(INDEX($D$3:$AA$30,INDEX(Jesper!$R$2:$R$366,ROW(INDEX(Jesper!AJ$2:AJ$366,ROUNDDOWN($C2083/24,0)+1,1))-1)+IF('Standard Profiles'!$G$20=$B$10,7,0)+IF('Standard Profiles'!$G$20=$B$17,14,0)+IF('Standard Profiles'!$G$20=$B$24,21,0),0)),0)</f>
        <v>0</v>
      </c>
      <c r="G2083" cm="1">
        <f t="array" ref="G2083">IFERROR(INDEX(Jesper!AK$2:AK$366,ROUNDDOWN($C2083/24,0)+1,1)*INDEX($D$3:$AA$30,INDEX(Jesper!$R$2:$R$366,ROW(INDEX(Jesper!AK$2:AK$366,ROUNDDOWN($C2083/24,0)+1,1))-1)+IF('Standard Profiles'!$G$21=$B$10,7,0)+IF('Standard Profiles'!$G$21=$B$17,14,0)+IF('Standard Profiles'!$G$21=$B$24,21,0),MOD($C2083,24)+1)/SUM(INDEX($D$3:$AA$30,INDEX(Jesper!$R$2:$R$366,ROW(INDEX(Jesper!AK$2:AK$366,ROUNDDOWN($C2083/24,0)+1,1))-1)+IF('Standard Profiles'!$G$21=$B$10,7,0)+IF('Standard Profiles'!$G$21=$B$17,14,0)+IF('Standard Profiles'!$G$21=$B$24,21,0),0)),0)</f>
        <v>19.275668917077063</v>
      </c>
      <c r="H2083" cm="1">
        <f t="array" ref="H2083">IFERROR(INDEX(Jesper!AL$2:AL$366,ROUNDDOWN($C2083/24,0)+1,1)*INDEX($D$3:$AA$30,INDEX(Jesper!$R$2:$R$366,ROW(INDEX(Jesper!AL$2:AL$366,ROUNDDOWN($C2083/24,0)+1,1))-1)+IF('Standard Profiles'!$G$22=$B$10,7,0)+IF('Standard Profiles'!$G$22=$B$17,14,0)+IF('Standard Profiles'!$G$22=$B$24,21,0),MOD($C2083,24)+1)/SUM(INDEX($D$3:$AA$30,INDEX(Jesper!$R$2:$R$366,ROW(INDEX(Jesper!AL$2:AL$366,ROUNDDOWN($C2083/24,0)+1,1))-1)+IF('Standard Profiles'!$G$22=$B$10,7,0)+IF('Standard Profiles'!$G$22=$B$17,14,0)+IF('Standard Profiles'!$G$22=$B$24,21,0),0)),0)</f>
        <v>0</v>
      </c>
      <c r="I2083">
        <f t="shared" ref="I2083:I2146" si="244">IF($B2083&lt;6,AC$37*$D2083+AC$38*$E2083+AC$39*$F2083+AC$40*$G2083,AC$46*$D2083+AC$47*$E2083+AC$48*$F2083+AC$49*$G2083+AC$50*$H2083)</f>
        <v>9.2523210801969853</v>
      </c>
      <c r="J2083">
        <f t="shared" ref="J2083:J2146" si="245">IF($B2083&lt;6,AD$37*$D2083+AD$38*$E2083+AD$39*$F2083+AD$40*$G2083,AD$46*$D2083+AD$47*$E2083+AD$48*$F2083+AD$49*$G2083+AD$50*$H2083)</f>
        <v>65.172714843932141</v>
      </c>
      <c r="K2083">
        <f t="shared" ref="K2083:K2146" si="246">IF($B2083&lt;6,AE$37*$D2083+AE$38*$E2083+AE$39*$F2083+AE$40*$G2083,AE$46*$D2083+AE$47*$E2083+AE$48*$F2083+AE$49*$G2083+AE$50*$H2083)</f>
        <v>3.2325865745912719</v>
      </c>
      <c r="L2083">
        <f t="shared" ref="L2083:L2146" si="247">IF($B2083&lt;6,AF$37*$D2083+AF$38*$E2083+AF$39*$F2083+AF$40*$G2083,AF$46*$D2083+AF$47*$E2083+AF$48*$F2083+AF$49*$G2083+AF$50*$H2083)</f>
        <v>1.6162932872956359</v>
      </c>
      <c r="M2083">
        <f t="shared" ref="M2083:M2146" si="248">IF($B2083&lt;6,AG$37*$D2083+AG$38*$E2083+AG$39*$F2083+AG$40*$G2083,AG$46*$D2083+AG$47*$E2083+AG$48*$F2083+AG$49*$G2083+AG$50*$H2083)</f>
        <v>0</v>
      </c>
      <c r="N2083" s="45">
        <f t="shared" si="242"/>
        <v>45012.374999995031</v>
      </c>
    </row>
    <row r="2084" spans="2:14" x14ac:dyDescent="0.25">
      <c r="B2084">
        <f t="shared" si="243"/>
        <v>1</v>
      </c>
      <c r="C2084" s="16">
        <v>2050</v>
      </c>
      <c r="D2084" cm="1">
        <f t="array" ref="D2084">IFERROR(INDEX(Jesper!AH$2:AH$366,ROUNDDOWN($C2084/24,0)+1,1)*INDEX($D$3:$AA$30,INDEX(Jesper!$R$2:$R$366,ROW(INDEX(Jesper!AH$2:AH$366,ROUNDDOWN($C2084/24,0)+1,1))-1)+IF('Standard Profiles'!$G$18=$B$10,7,0)+IF('Standard Profiles'!$G$18=$B$17,14,0)+IF('Standard Profiles'!$G$18=$B$24,21,0),MOD($C2084,24)+1)/SUM(INDEX($D$3:$AA$30,INDEX(Jesper!$R$2:$R$366,ROW(INDEX(Jesper!AH$2:AH$366,ROUNDDOWN($C2084/24,0)+1,1))-1)+IF('Standard Profiles'!$G$18=$B$10,7,0)+IF('Standard Profiles'!$G$18=$B$17,14,0)+IF('Standard Profiles'!$G$18=$B$24,21,0),0)),0)</f>
        <v>30.305499136793173</v>
      </c>
      <c r="E2084" cm="1">
        <f t="array" ref="E2084">IFERROR(INDEX(Jesper!AI$2:AI$366,ROUNDDOWN($C2084/24,0)+1,1)*INDEX($D$3:$AA$30,INDEX(Jesper!$R$2:$R$366,ROW(INDEX(Jesper!AI$2:AI$366,ROUNDDOWN($C2084/24,0)+1,1))-1)+IF('Standard Profiles'!$G$19=$B$10,7,0)+IF('Standard Profiles'!$G$19=$B$17,14,0)+IF('Standard Profiles'!$G$19=$B$24,21,0),MOD($C2084,24)+1)/SUM(INDEX($D$3:$AA$30,INDEX(Jesper!$R$2:$R$366,ROW(INDEX(Jesper!AI$2:AI$366,ROUNDDOWN($C2084/24,0)+1,1))-1)+IF('Standard Profiles'!$G$19=$B$10,7,0)+IF('Standard Profiles'!$G$19=$B$17,14,0)+IF('Standard Profiles'!$G$19=$B$24,21,0),0)),0)</f>
        <v>29.692747732145801</v>
      </c>
      <c r="F2084" cm="1">
        <f t="array" ref="F2084">IFERROR(INDEX(Jesper!AJ$2:AJ$366,ROUNDDOWN($C2084/24,0)+1,1)*INDEX($D$3:$AA$30,INDEX(Jesper!$R$2:$R$366,ROW(INDEX(Jesper!AJ$2:AJ$366,ROUNDDOWN($C2084/24,0)+1,1))-1)+IF('Standard Profiles'!$G$20=$B$10,7,0)+IF('Standard Profiles'!$G$20=$B$17,14,0)+IF('Standard Profiles'!$G$20=$B$24,21,0),MOD($C2084,24)+1)/SUM(INDEX($D$3:$AA$30,INDEX(Jesper!$R$2:$R$366,ROW(INDEX(Jesper!AJ$2:AJ$366,ROUNDDOWN($C2084/24,0)+1,1))-1)+IF('Standard Profiles'!$G$20=$B$10,7,0)+IF('Standard Profiles'!$G$20=$B$17,14,0)+IF('Standard Profiles'!$G$20=$B$24,21,0),0)),0)</f>
        <v>0</v>
      </c>
      <c r="G2084" cm="1">
        <f t="array" ref="G2084">IFERROR(INDEX(Jesper!AK$2:AK$366,ROUNDDOWN($C2084/24,0)+1,1)*INDEX($D$3:$AA$30,INDEX(Jesper!$R$2:$R$366,ROW(INDEX(Jesper!AK$2:AK$366,ROUNDDOWN($C2084/24,0)+1,1))-1)+IF('Standard Profiles'!$G$21=$B$10,7,0)+IF('Standard Profiles'!$G$21=$B$17,14,0)+IF('Standard Profiles'!$G$21=$B$24,21,0),MOD($C2084,24)+1)/SUM(INDEX($D$3:$AA$30,INDEX(Jesper!$R$2:$R$366,ROW(INDEX(Jesper!AK$2:AK$366,ROUNDDOWN($C2084/24,0)+1,1))-1)+IF('Standard Profiles'!$G$21=$B$10,7,0)+IF('Standard Profiles'!$G$21=$B$17,14,0)+IF('Standard Profiles'!$G$21=$B$24,21,0),0)),0)</f>
        <v>19.275668917077063</v>
      </c>
      <c r="H2084" cm="1">
        <f t="array" ref="H2084">IFERROR(INDEX(Jesper!AL$2:AL$366,ROUNDDOWN($C2084/24,0)+1,1)*INDEX($D$3:$AA$30,INDEX(Jesper!$R$2:$R$366,ROW(INDEX(Jesper!AL$2:AL$366,ROUNDDOWN($C2084/24,0)+1,1))-1)+IF('Standard Profiles'!$G$22=$B$10,7,0)+IF('Standard Profiles'!$G$22=$B$17,14,0)+IF('Standard Profiles'!$G$22=$B$24,21,0),MOD($C2084,24)+1)/SUM(INDEX($D$3:$AA$30,INDEX(Jesper!$R$2:$R$366,ROW(INDEX(Jesper!AL$2:AL$366,ROUNDDOWN($C2084/24,0)+1,1))-1)+IF('Standard Profiles'!$G$22=$B$10,7,0)+IF('Standard Profiles'!$G$22=$B$17,14,0)+IF('Standard Profiles'!$G$22=$B$24,21,0),0)),0)</f>
        <v>0</v>
      </c>
      <c r="I2084">
        <f t="shared" si="244"/>
        <v>9.2523210801969853</v>
      </c>
      <c r="J2084">
        <f t="shared" si="245"/>
        <v>65.172714843932141</v>
      </c>
      <c r="K2084">
        <f t="shared" si="246"/>
        <v>3.2325865745912719</v>
      </c>
      <c r="L2084">
        <f t="shared" si="247"/>
        <v>1.6162932872956359</v>
      </c>
      <c r="M2084">
        <f t="shared" si="248"/>
        <v>0</v>
      </c>
      <c r="N2084" s="45">
        <f t="shared" ref="N2084:N2147" si="249">N2083+1/24</f>
        <v>45012.416666661695</v>
      </c>
    </row>
    <row r="2085" spans="2:14" x14ac:dyDescent="0.25">
      <c r="B2085">
        <f t="shared" si="243"/>
        <v>1</v>
      </c>
      <c r="C2085" s="16">
        <v>2051</v>
      </c>
      <c r="D2085" cm="1">
        <f t="array" ref="D2085">IFERROR(INDEX(Jesper!AH$2:AH$366,ROUNDDOWN($C2085/24,0)+1,1)*INDEX($D$3:$AA$30,INDEX(Jesper!$R$2:$R$366,ROW(INDEX(Jesper!AH$2:AH$366,ROUNDDOWN($C2085/24,0)+1,1))-1)+IF('Standard Profiles'!$G$18=$B$10,7,0)+IF('Standard Profiles'!$G$18=$B$17,14,0)+IF('Standard Profiles'!$G$18=$B$24,21,0),MOD($C2085,24)+1)/SUM(INDEX($D$3:$AA$30,INDEX(Jesper!$R$2:$R$366,ROW(INDEX(Jesper!AH$2:AH$366,ROUNDDOWN($C2085/24,0)+1,1))-1)+IF('Standard Profiles'!$G$18=$B$10,7,0)+IF('Standard Profiles'!$G$18=$B$17,14,0)+IF('Standard Profiles'!$G$18=$B$24,21,0),0)),0)</f>
        <v>36.366598964151805</v>
      </c>
      <c r="E2085" cm="1">
        <f t="array" ref="E2085">IFERROR(INDEX(Jesper!AI$2:AI$366,ROUNDDOWN($C2085/24,0)+1,1)*INDEX($D$3:$AA$30,INDEX(Jesper!$R$2:$R$366,ROW(INDEX(Jesper!AI$2:AI$366,ROUNDDOWN($C2085/24,0)+1,1))-1)+IF('Standard Profiles'!$G$19=$B$10,7,0)+IF('Standard Profiles'!$G$19=$B$17,14,0)+IF('Standard Profiles'!$G$19=$B$24,21,0),MOD($C2085,24)+1)/SUM(INDEX($D$3:$AA$30,INDEX(Jesper!$R$2:$R$366,ROW(INDEX(Jesper!AI$2:AI$366,ROUNDDOWN($C2085/24,0)+1,1))-1)+IF('Standard Profiles'!$G$19=$B$10,7,0)+IF('Standard Profiles'!$G$19=$B$17,14,0)+IF('Standard Profiles'!$G$19=$B$24,21,0),0)),0)</f>
        <v>35.631297278574955</v>
      </c>
      <c r="F2085" cm="1">
        <f t="array" ref="F2085">IFERROR(INDEX(Jesper!AJ$2:AJ$366,ROUNDDOWN($C2085/24,0)+1,1)*INDEX($D$3:$AA$30,INDEX(Jesper!$R$2:$R$366,ROW(INDEX(Jesper!AJ$2:AJ$366,ROUNDDOWN($C2085/24,0)+1,1))-1)+IF('Standard Profiles'!$G$20=$B$10,7,0)+IF('Standard Profiles'!$G$20=$B$17,14,0)+IF('Standard Profiles'!$G$20=$B$24,21,0),MOD($C2085,24)+1)/SUM(INDEX($D$3:$AA$30,INDEX(Jesper!$R$2:$R$366,ROW(INDEX(Jesper!AJ$2:AJ$366,ROUNDDOWN($C2085/24,0)+1,1))-1)+IF('Standard Profiles'!$G$20=$B$10,7,0)+IF('Standard Profiles'!$G$20=$B$17,14,0)+IF('Standard Profiles'!$G$20=$B$24,21,0),0)),0)</f>
        <v>0</v>
      </c>
      <c r="G2085" cm="1">
        <f t="array" ref="G2085">IFERROR(INDEX(Jesper!AK$2:AK$366,ROUNDDOWN($C2085/24,0)+1,1)*INDEX($D$3:$AA$30,INDEX(Jesper!$R$2:$R$366,ROW(INDEX(Jesper!AK$2:AK$366,ROUNDDOWN($C2085/24,0)+1,1))-1)+IF('Standard Profiles'!$G$21=$B$10,7,0)+IF('Standard Profiles'!$G$21=$B$17,14,0)+IF('Standard Profiles'!$G$21=$B$24,21,0),MOD($C2085,24)+1)/SUM(INDEX($D$3:$AA$30,INDEX(Jesper!$R$2:$R$366,ROW(INDEX(Jesper!AK$2:AK$366,ROUNDDOWN($C2085/24,0)+1,1))-1)+IF('Standard Profiles'!$G$21=$B$10,7,0)+IF('Standard Profiles'!$G$21=$B$17,14,0)+IF('Standard Profiles'!$G$21=$B$24,21,0),0)),0)</f>
        <v>23.130802700492474</v>
      </c>
      <c r="H2085" cm="1">
        <f t="array" ref="H2085">IFERROR(INDEX(Jesper!AL$2:AL$366,ROUNDDOWN($C2085/24,0)+1,1)*INDEX($D$3:$AA$30,INDEX(Jesper!$R$2:$R$366,ROW(INDEX(Jesper!AL$2:AL$366,ROUNDDOWN($C2085/24,0)+1,1))-1)+IF('Standard Profiles'!$G$22=$B$10,7,0)+IF('Standard Profiles'!$G$22=$B$17,14,0)+IF('Standard Profiles'!$G$22=$B$24,21,0),MOD($C2085,24)+1)/SUM(INDEX($D$3:$AA$30,INDEX(Jesper!$R$2:$R$366,ROW(INDEX(Jesper!AL$2:AL$366,ROUNDDOWN($C2085/24,0)+1,1))-1)+IF('Standard Profiles'!$G$22=$B$10,7,0)+IF('Standard Profiles'!$G$22=$B$17,14,0)+IF('Standard Profiles'!$G$22=$B$24,21,0),0)),0)</f>
        <v>0</v>
      </c>
      <c r="I2085">
        <f t="shared" si="244"/>
        <v>11.102785296236382</v>
      </c>
      <c r="J2085">
        <f t="shared" si="245"/>
        <v>78.207257812718566</v>
      </c>
      <c r="K2085">
        <f t="shared" si="246"/>
        <v>3.8791038895095262</v>
      </c>
      <c r="L2085">
        <f t="shared" si="247"/>
        <v>1.9395519447547631</v>
      </c>
      <c r="M2085">
        <f t="shared" si="248"/>
        <v>0</v>
      </c>
      <c r="N2085" s="45">
        <f t="shared" si="249"/>
        <v>45012.458333328359</v>
      </c>
    </row>
    <row r="2086" spans="2:14" x14ac:dyDescent="0.25">
      <c r="B2086">
        <f t="shared" si="243"/>
        <v>1</v>
      </c>
      <c r="C2086" s="16">
        <v>2052</v>
      </c>
      <c r="D2086" cm="1">
        <f t="array" ref="D2086">IFERROR(INDEX(Jesper!AH$2:AH$366,ROUNDDOWN($C2086/24,0)+1,1)*INDEX($D$3:$AA$30,INDEX(Jesper!$R$2:$R$366,ROW(INDEX(Jesper!AH$2:AH$366,ROUNDDOWN($C2086/24,0)+1,1))-1)+IF('Standard Profiles'!$G$18=$B$10,7,0)+IF('Standard Profiles'!$G$18=$B$17,14,0)+IF('Standard Profiles'!$G$18=$B$24,21,0),MOD($C2086,24)+1)/SUM(INDEX($D$3:$AA$30,INDEX(Jesper!$R$2:$R$366,ROW(INDEX(Jesper!AH$2:AH$366,ROUNDDOWN($C2086/24,0)+1,1))-1)+IF('Standard Profiles'!$G$18=$B$10,7,0)+IF('Standard Profiles'!$G$18=$B$17,14,0)+IF('Standard Profiles'!$G$18=$B$24,21,0),0)),0)</f>
        <v>36.366598964151805</v>
      </c>
      <c r="E2086" cm="1">
        <f t="array" ref="E2086">IFERROR(INDEX(Jesper!AI$2:AI$366,ROUNDDOWN($C2086/24,0)+1,1)*INDEX($D$3:$AA$30,INDEX(Jesper!$R$2:$R$366,ROW(INDEX(Jesper!AI$2:AI$366,ROUNDDOWN($C2086/24,0)+1,1))-1)+IF('Standard Profiles'!$G$19=$B$10,7,0)+IF('Standard Profiles'!$G$19=$B$17,14,0)+IF('Standard Profiles'!$G$19=$B$24,21,0),MOD($C2086,24)+1)/SUM(INDEX($D$3:$AA$30,INDEX(Jesper!$R$2:$R$366,ROW(INDEX(Jesper!AI$2:AI$366,ROUNDDOWN($C2086/24,0)+1,1))-1)+IF('Standard Profiles'!$G$19=$B$10,7,0)+IF('Standard Profiles'!$G$19=$B$17,14,0)+IF('Standard Profiles'!$G$19=$B$24,21,0),0)),0)</f>
        <v>35.631297278574955</v>
      </c>
      <c r="F2086" cm="1">
        <f t="array" ref="F2086">IFERROR(INDEX(Jesper!AJ$2:AJ$366,ROUNDDOWN($C2086/24,0)+1,1)*INDEX($D$3:$AA$30,INDEX(Jesper!$R$2:$R$366,ROW(INDEX(Jesper!AJ$2:AJ$366,ROUNDDOWN($C2086/24,0)+1,1))-1)+IF('Standard Profiles'!$G$20=$B$10,7,0)+IF('Standard Profiles'!$G$20=$B$17,14,0)+IF('Standard Profiles'!$G$20=$B$24,21,0),MOD($C2086,24)+1)/SUM(INDEX($D$3:$AA$30,INDEX(Jesper!$R$2:$R$366,ROW(INDEX(Jesper!AJ$2:AJ$366,ROUNDDOWN($C2086/24,0)+1,1))-1)+IF('Standard Profiles'!$G$20=$B$10,7,0)+IF('Standard Profiles'!$G$20=$B$17,14,0)+IF('Standard Profiles'!$G$20=$B$24,21,0),0)),0)</f>
        <v>0</v>
      </c>
      <c r="G2086" cm="1">
        <f t="array" ref="G2086">IFERROR(INDEX(Jesper!AK$2:AK$366,ROUNDDOWN($C2086/24,0)+1,1)*INDEX($D$3:$AA$30,INDEX(Jesper!$R$2:$R$366,ROW(INDEX(Jesper!AK$2:AK$366,ROUNDDOWN($C2086/24,0)+1,1))-1)+IF('Standard Profiles'!$G$21=$B$10,7,0)+IF('Standard Profiles'!$G$21=$B$17,14,0)+IF('Standard Profiles'!$G$21=$B$24,21,0),MOD($C2086,24)+1)/SUM(INDEX($D$3:$AA$30,INDEX(Jesper!$R$2:$R$366,ROW(INDEX(Jesper!AK$2:AK$366,ROUNDDOWN($C2086/24,0)+1,1))-1)+IF('Standard Profiles'!$G$21=$B$10,7,0)+IF('Standard Profiles'!$G$21=$B$17,14,0)+IF('Standard Profiles'!$G$21=$B$24,21,0),0)),0)</f>
        <v>23.130802700492474</v>
      </c>
      <c r="H2086" cm="1">
        <f t="array" ref="H2086">IFERROR(INDEX(Jesper!AL$2:AL$366,ROUNDDOWN($C2086/24,0)+1,1)*INDEX($D$3:$AA$30,INDEX(Jesper!$R$2:$R$366,ROW(INDEX(Jesper!AL$2:AL$366,ROUNDDOWN($C2086/24,0)+1,1))-1)+IF('Standard Profiles'!$G$22=$B$10,7,0)+IF('Standard Profiles'!$G$22=$B$17,14,0)+IF('Standard Profiles'!$G$22=$B$24,21,0),MOD($C2086,24)+1)/SUM(INDEX($D$3:$AA$30,INDEX(Jesper!$R$2:$R$366,ROW(INDEX(Jesper!AL$2:AL$366,ROUNDDOWN($C2086/24,0)+1,1))-1)+IF('Standard Profiles'!$G$22=$B$10,7,0)+IF('Standard Profiles'!$G$22=$B$17,14,0)+IF('Standard Profiles'!$G$22=$B$24,21,0),0)),0)</f>
        <v>0</v>
      </c>
      <c r="I2086">
        <f t="shared" si="244"/>
        <v>11.102785296236382</v>
      </c>
      <c r="J2086">
        <f t="shared" si="245"/>
        <v>78.207257812718566</v>
      </c>
      <c r="K2086">
        <f t="shared" si="246"/>
        <v>3.8791038895095262</v>
      </c>
      <c r="L2086">
        <f t="shared" si="247"/>
        <v>1.9395519447547631</v>
      </c>
      <c r="M2086">
        <f t="shared" si="248"/>
        <v>0</v>
      </c>
      <c r="N2086" s="45">
        <f t="shared" si="249"/>
        <v>45012.499999995023</v>
      </c>
    </row>
    <row r="2087" spans="2:14" x14ac:dyDescent="0.25">
      <c r="B2087">
        <f t="shared" si="243"/>
        <v>1</v>
      </c>
      <c r="C2087" s="16">
        <v>2053</v>
      </c>
      <c r="D2087" cm="1">
        <f t="array" ref="D2087">IFERROR(INDEX(Jesper!AH$2:AH$366,ROUNDDOWN($C2087/24,0)+1,1)*INDEX($D$3:$AA$30,INDEX(Jesper!$R$2:$R$366,ROW(INDEX(Jesper!AH$2:AH$366,ROUNDDOWN($C2087/24,0)+1,1))-1)+IF('Standard Profiles'!$G$18=$B$10,7,0)+IF('Standard Profiles'!$G$18=$B$17,14,0)+IF('Standard Profiles'!$G$18=$B$24,21,0),MOD($C2087,24)+1)/SUM(INDEX($D$3:$AA$30,INDEX(Jesper!$R$2:$R$366,ROW(INDEX(Jesper!AH$2:AH$366,ROUNDDOWN($C2087/24,0)+1,1))-1)+IF('Standard Profiles'!$G$18=$B$10,7,0)+IF('Standard Profiles'!$G$18=$B$17,14,0)+IF('Standard Profiles'!$G$18=$B$24,21,0),0)),0)</f>
        <v>24.244399309434538</v>
      </c>
      <c r="E2087" cm="1">
        <f t="array" ref="E2087">IFERROR(INDEX(Jesper!AI$2:AI$366,ROUNDDOWN($C2087/24,0)+1,1)*INDEX($D$3:$AA$30,INDEX(Jesper!$R$2:$R$366,ROW(INDEX(Jesper!AI$2:AI$366,ROUNDDOWN($C2087/24,0)+1,1))-1)+IF('Standard Profiles'!$G$19=$B$10,7,0)+IF('Standard Profiles'!$G$19=$B$17,14,0)+IF('Standard Profiles'!$G$19=$B$24,21,0),MOD($C2087,24)+1)/SUM(INDEX($D$3:$AA$30,INDEX(Jesper!$R$2:$R$366,ROW(INDEX(Jesper!AI$2:AI$366,ROUNDDOWN($C2087/24,0)+1,1))-1)+IF('Standard Profiles'!$G$19=$B$10,7,0)+IF('Standard Profiles'!$G$19=$B$17,14,0)+IF('Standard Profiles'!$G$19=$B$24,21,0),0)),0)</f>
        <v>23.754198185716639</v>
      </c>
      <c r="F2087" cm="1">
        <f t="array" ref="F2087">IFERROR(INDEX(Jesper!AJ$2:AJ$366,ROUNDDOWN($C2087/24,0)+1,1)*INDEX($D$3:$AA$30,INDEX(Jesper!$R$2:$R$366,ROW(INDEX(Jesper!AJ$2:AJ$366,ROUNDDOWN($C2087/24,0)+1,1))-1)+IF('Standard Profiles'!$G$20=$B$10,7,0)+IF('Standard Profiles'!$G$20=$B$17,14,0)+IF('Standard Profiles'!$G$20=$B$24,21,0),MOD($C2087,24)+1)/SUM(INDEX($D$3:$AA$30,INDEX(Jesper!$R$2:$R$366,ROW(INDEX(Jesper!AJ$2:AJ$366,ROUNDDOWN($C2087/24,0)+1,1))-1)+IF('Standard Profiles'!$G$20=$B$10,7,0)+IF('Standard Profiles'!$G$20=$B$17,14,0)+IF('Standard Profiles'!$G$20=$B$24,21,0),0)),0)</f>
        <v>0</v>
      </c>
      <c r="G2087" cm="1">
        <f t="array" ref="G2087">IFERROR(INDEX(Jesper!AK$2:AK$366,ROUNDDOWN($C2087/24,0)+1,1)*INDEX($D$3:$AA$30,INDEX(Jesper!$R$2:$R$366,ROW(INDEX(Jesper!AK$2:AK$366,ROUNDDOWN($C2087/24,0)+1,1))-1)+IF('Standard Profiles'!$G$21=$B$10,7,0)+IF('Standard Profiles'!$G$21=$B$17,14,0)+IF('Standard Profiles'!$G$21=$B$24,21,0),MOD($C2087,24)+1)/SUM(INDEX($D$3:$AA$30,INDEX(Jesper!$R$2:$R$366,ROW(INDEX(Jesper!AK$2:AK$366,ROUNDDOWN($C2087/24,0)+1,1))-1)+IF('Standard Profiles'!$G$21=$B$10,7,0)+IF('Standard Profiles'!$G$21=$B$17,14,0)+IF('Standard Profiles'!$G$21=$B$24,21,0),0)),0)</f>
        <v>15.420535133661652</v>
      </c>
      <c r="H2087" cm="1">
        <f t="array" ref="H2087">IFERROR(INDEX(Jesper!AL$2:AL$366,ROUNDDOWN($C2087/24,0)+1,1)*INDEX($D$3:$AA$30,INDEX(Jesper!$R$2:$R$366,ROW(INDEX(Jesper!AL$2:AL$366,ROUNDDOWN($C2087/24,0)+1,1))-1)+IF('Standard Profiles'!$G$22=$B$10,7,0)+IF('Standard Profiles'!$G$22=$B$17,14,0)+IF('Standard Profiles'!$G$22=$B$24,21,0),MOD($C2087,24)+1)/SUM(INDEX($D$3:$AA$30,INDEX(Jesper!$R$2:$R$366,ROW(INDEX(Jesper!AL$2:AL$366,ROUNDDOWN($C2087/24,0)+1,1))-1)+IF('Standard Profiles'!$G$22=$B$10,7,0)+IF('Standard Profiles'!$G$22=$B$17,14,0)+IF('Standard Profiles'!$G$22=$B$24,21,0),0)),0)</f>
        <v>0</v>
      </c>
      <c r="I2087">
        <f t="shared" si="244"/>
        <v>7.4018568641575895</v>
      </c>
      <c r="J2087">
        <f t="shared" si="245"/>
        <v>52.138171875145716</v>
      </c>
      <c r="K2087">
        <f t="shared" si="246"/>
        <v>2.5860692596730175</v>
      </c>
      <c r="L2087">
        <f t="shared" si="247"/>
        <v>1.2930346298365087</v>
      </c>
      <c r="M2087">
        <f t="shared" si="248"/>
        <v>0</v>
      </c>
      <c r="N2087" s="45">
        <f t="shared" si="249"/>
        <v>45012.541666661687</v>
      </c>
    </row>
    <row r="2088" spans="2:14" x14ac:dyDescent="0.25">
      <c r="B2088">
        <f t="shared" si="243"/>
        <v>1</v>
      </c>
      <c r="C2088" s="16">
        <v>2054</v>
      </c>
      <c r="D2088" cm="1">
        <f t="array" ref="D2088">IFERROR(INDEX(Jesper!AH$2:AH$366,ROUNDDOWN($C2088/24,0)+1,1)*INDEX($D$3:$AA$30,INDEX(Jesper!$R$2:$R$366,ROW(INDEX(Jesper!AH$2:AH$366,ROUNDDOWN($C2088/24,0)+1,1))-1)+IF('Standard Profiles'!$G$18=$B$10,7,0)+IF('Standard Profiles'!$G$18=$B$17,14,0)+IF('Standard Profiles'!$G$18=$B$24,21,0),MOD($C2088,24)+1)/SUM(INDEX($D$3:$AA$30,INDEX(Jesper!$R$2:$R$366,ROW(INDEX(Jesper!AH$2:AH$366,ROUNDDOWN($C2088/24,0)+1,1))-1)+IF('Standard Profiles'!$G$18=$B$10,7,0)+IF('Standard Profiles'!$G$18=$B$17,14,0)+IF('Standard Profiles'!$G$18=$B$24,21,0),0)),0)</f>
        <v>36.366598964151805</v>
      </c>
      <c r="E2088" cm="1">
        <f t="array" ref="E2088">IFERROR(INDEX(Jesper!AI$2:AI$366,ROUNDDOWN($C2088/24,0)+1,1)*INDEX($D$3:$AA$30,INDEX(Jesper!$R$2:$R$366,ROW(INDEX(Jesper!AI$2:AI$366,ROUNDDOWN($C2088/24,0)+1,1))-1)+IF('Standard Profiles'!$G$19=$B$10,7,0)+IF('Standard Profiles'!$G$19=$B$17,14,0)+IF('Standard Profiles'!$G$19=$B$24,21,0),MOD($C2088,24)+1)/SUM(INDEX($D$3:$AA$30,INDEX(Jesper!$R$2:$R$366,ROW(INDEX(Jesper!AI$2:AI$366,ROUNDDOWN($C2088/24,0)+1,1))-1)+IF('Standard Profiles'!$G$19=$B$10,7,0)+IF('Standard Profiles'!$G$19=$B$17,14,0)+IF('Standard Profiles'!$G$19=$B$24,21,0),0)),0)</f>
        <v>35.631297278574955</v>
      </c>
      <c r="F2088" cm="1">
        <f t="array" ref="F2088">IFERROR(INDEX(Jesper!AJ$2:AJ$366,ROUNDDOWN($C2088/24,0)+1,1)*INDEX($D$3:$AA$30,INDEX(Jesper!$R$2:$R$366,ROW(INDEX(Jesper!AJ$2:AJ$366,ROUNDDOWN($C2088/24,0)+1,1))-1)+IF('Standard Profiles'!$G$20=$B$10,7,0)+IF('Standard Profiles'!$G$20=$B$17,14,0)+IF('Standard Profiles'!$G$20=$B$24,21,0),MOD($C2088,24)+1)/SUM(INDEX($D$3:$AA$30,INDEX(Jesper!$R$2:$R$366,ROW(INDEX(Jesper!AJ$2:AJ$366,ROUNDDOWN($C2088/24,0)+1,1))-1)+IF('Standard Profiles'!$G$20=$B$10,7,0)+IF('Standard Profiles'!$G$20=$B$17,14,0)+IF('Standard Profiles'!$G$20=$B$24,21,0),0)),0)</f>
        <v>0</v>
      </c>
      <c r="G2088" cm="1">
        <f t="array" ref="G2088">IFERROR(INDEX(Jesper!AK$2:AK$366,ROUNDDOWN($C2088/24,0)+1,1)*INDEX($D$3:$AA$30,INDEX(Jesper!$R$2:$R$366,ROW(INDEX(Jesper!AK$2:AK$366,ROUNDDOWN($C2088/24,0)+1,1))-1)+IF('Standard Profiles'!$G$21=$B$10,7,0)+IF('Standard Profiles'!$G$21=$B$17,14,0)+IF('Standard Profiles'!$G$21=$B$24,21,0),MOD($C2088,24)+1)/SUM(INDEX($D$3:$AA$30,INDEX(Jesper!$R$2:$R$366,ROW(INDEX(Jesper!AK$2:AK$366,ROUNDDOWN($C2088/24,0)+1,1))-1)+IF('Standard Profiles'!$G$21=$B$10,7,0)+IF('Standard Profiles'!$G$21=$B$17,14,0)+IF('Standard Profiles'!$G$21=$B$24,21,0),0)),0)</f>
        <v>23.130802700492474</v>
      </c>
      <c r="H2088" cm="1">
        <f t="array" ref="H2088">IFERROR(INDEX(Jesper!AL$2:AL$366,ROUNDDOWN($C2088/24,0)+1,1)*INDEX($D$3:$AA$30,INDEX(Jesper!$R$2:$R$366,ROW(INDEX(Jesper!AL$2:AL$366,ROUNDDOWN($C2088/24,0)+1,1))-1)+IF('Standard Profiles'!$G$22=$B$10,7,0)+IF('Standard Profiles'!$G$22=$B$17,14,0)+IF('Standard Profiles'!$G$22=$B$24,21,0),MOD($C2088,24)+1)/SUM(INDEX($D$3:$AA$30,INDEX(Jesper!$R$2:$R$366,ROW(INDEX(Jesper!AL$2:AL$366,ROUNDDOWN($C2088/24,0)+1,1))-1)+IF('Standard Profiles'!$G$22=$B$10,7,0)+IF('Standard Profiles'!$G$22=$B$17,14,0)+IF('Standard Profiles'!$G$22=$B$24,21,0),0)),0)</f>
        <v>0</v>
      </c>
      <c r="I2088">
        <f t="shared" si="244"/>
        <v>11.102785296236382</v>
      </c>
      <c r="J2088">
        <f t="shared" si="245"/>
        <v>78.207257812718566</v>
      </c>
      <c r="K2088">
        <f t="shared" si="246"/>
        <v>3.8791038895095262</v>
      </c>
      <c r="L2088">
        <f t="shared" si="247"/>
        <v>1.9395519447547631</v>
      </c>
      <c r="M2088">
        <f t="shared" si="248"/>
        <v>0</v>
      </c>
      <c r="N2088" s="45">
        <f t="shared" si="249"/>
        <v>45012.583333328352</v>
      </c>
    </row>
    <row r="2089" spans="2:14" x14ac:dyDescent="0.25">
      <c r="B2089">
        <f t="shared" si="243"/>
        <v>1</v>
      </c>
      <c r="C2089" s="16">
        <v>2055</v>
      </c>
      <c r="D2089" cm="1">
        <f t="array" ref="D2089">IFERROR(INDEX(Jesper!AH$2:AH$366,ROUNDDOWN($C2089/24,0)+1,1)*INDEX($D$3:$AA$30,INDEX(Jesper!$R$2:$R$366,ROW(INDEX(Jesper!AH$2:AH$366,ROUNDDOWN($C2089/24,0)+1,1))-1)+IF('Standard Profiles'!$G$18=$B$10,7,0)+IF('Standard Profiles'!$G$18=$B$17,14,0)+IF('Standard Profiles'!$G$18=$B$24,21,0),MOD($C2089,24)+1)/SUM(INDEX($D$3:$AA$30,INDEX(Jesper!$R$2:$R$366,ROW(INDEX(Jesper!AH$2:AH$366,ROUNDDOWN($C2089/24,0)+1,1))-1)+IF('Standard Profiles'!$G$18=$B$10,7,0)+IF('Standard Profiles'!$G$18=$B$17,14,0)+IF('Standard Profiles'!$G$18=$B$24,21,0),0)),0)</f>
        <v>36.366598964151805</v>
      </c>
      <c r="E2089" cm="1">
        <f t="array" ref="E2089">IFERROR(INDEX(Jesper!AI$2:AI$366,ROUNDDOWN($C2089/24,0)+1,1)*INDEX($D$3:$AA$30,INDEX(Jesper!$R$2:$R$366,ROW(INDEX(Jesper!AI$2:AI$366,ROUNDDOWN($C2089/24,0)+1,1))-1)+IF('Standard Profiles'!$G$19=$B$10,7,0)+IF('Standard Profiles'!$G$19=$B$17,14,0)+IF('Standard Profiles'!$G$19=$B$24,21,0),MOD($C2089,24)+1)/SUM(INDEX($D$3:$AA$30,INDEX(Jesper!$R$2:$R$366,ROW(INDEX(Jesper!AI$2:AI$366,ROUNDDOWN($C2089/24,0)+1,1))-1)+IF('Standard Profiles'!$G$19=$B$10,7,0)+IF('Standard Profiles'!$G$19=$B$17,14,0)+IF('Standard Profiles'!$G$19=$B$24,21,0),0)),0)</f>
        <v>35.631297278574955</v>
      </c>
      <c r="F2089" cm="1">
        <f t="array" ref="F2089">IFERROR(INDEX(Jesper!AJ$2:AJ$366,ROUNDDOWN($C2089/24,0)+1,1)*INDEX($D$3:$AA$30,INDEX(Jesper!$R$2:$R$366,ROW(INDEX(Jesper!AJ$2:AJ$366,ROUNDDOWN($C2089/24,0)+1,1))-1)+IF('Standard Profiles'!$G$20=$B$10,7,0)+IF('Standard Profiles'!$G$20=$B$17,14,0)+IF('Standard Profiles'!$G$20=$B$24,21,0),MOD($C2089,24)+1)/SUM(INDEX($D$3:$AA$30,INDEX(Jesper!$R$2:$R$366,ROW(INDEX(Jesper!AJ$2:AJ$366,ROUNDDOWN($C2089/24,0)+1,1))-1)+IF('Standard Profiles'!$G$20=$B$10,7,0)+IF('Standard Profiles'!$G$20=$B$17,14,0)+IF('Standard Profiles'!$G$20=$B$24,21,0),0)),0)</f>
        <v>0</v>
      </c>
      <c r="G2089" cm="1">
        <f t="array" ref="G2089">IFERROR(INDEX(Jesper!AK$2:AK$366,ROUNDDOWN($C2089/24,0)+1,1)*INDEX($D$3:$AA$30,INDEX(Jesper!$R$2:$R$366,ROW(INDEX(Jesper!AK$2:AK$366,ROUNDDOWN($C2089/24,0)+1,1))-1)+IF('Standard Profiles'!$G$21=$B$10,7,0)+IF('Standard Profiles'!$G$21=$B$17,14,0)+IF('Standard Profiles'!$G$21=$B$24,21,0),MOD($C2089,24)+1)/SUM(INDEX($D$3:$AA$30,INDEX(Jesper!$R$2:$R$366,ROW(INDEX(Jesper!AK$2:AK$366,ROUNDDOWN($C2089/24,0)+1,1))-1)+IF('Standard Profiles'!$G$21=$B$10,7,0)+IF('Standard Profiles'!$G$21=$B$17,14,0)+IF('Standard Profiles'!$G$21=$B$24,21,0),0)),0)</f>
        <v>23.130802700492474</v>
      </c>
      <c r="H2089" cm="1">
        <f t="array" ref="H2089">IFERROR(INDEX(Jesper!AL$2:AL$366,ROUNDDOWN($C2089/24,0)+1,1)*INDEX($D$3:$AA$30,INDEX(Jesper!$R$2:$R$366,ROW(INDEX(Jesper!AL$2:AL$366,ROUNDDOWN($C2089/24,0)+1,1))-1)+IF('Standard Profiles'!$G$22=$B$10,7,0)+IF('Standard Profiles'!$G$22=$B$17,14,0)+IF('Standard Profiles'!$G$22=$B$24,21,0),MOD($C2089,24)+1)/SUM(INDEX($D$3:$AA$30,INDEX(Jesper!$R$2:$R$366,ROW(INDEX(Jesper!AL$2:AL$366,ROUNDDOWN($C2089/24,0)+1,1))-1)+IF('Standard Profiles'!$G$22=$B$10,7,0)+IF('Standard Profiles'!$G$22=$B$17,14,0)+IF('Standard Profiles'!$G$22=$B$24,21,0),0)),0)</f>
        <v>0</v>
      </c>
      <c r="I2089">
        <f t="shared" si="244"/>
        <v>11.102785296236382</v>
      </c>
      <c r="J2089">
        <f t="shared" si="245"/>
        <v>78.207257812718566</v>
      </c>
      <c r="K2089">
        <f t="shared" si="246"/>
        <v>3.8791038895095262</v>
      </c>
      <c r="L2089">
        <f t="shared" si="247"/>
        <v>1.9395519447547631</v>
      </c>
      <c r="M2089">
        <f t="shared" si="248"/>
        <v>0</v>
      </c>
      <c r="N2089" s="45">
        <f t="shared" si="249"/>
        <v>45012.624999995016</v>
      </c>
    </row>
    <row r="2090" spans="2:14" x14ac:dyDescent="0.25">
      <c r="B2090">
        <f t="shared" si="243"/>
        <v>1</v>
      </c>
      <c r="C2090" s="16">
        <v>2056</v>
      </c>
      <c r="D2090" cm="1">
        <f t="array" ref="D2090">IFERROR(INDEX(Jesper!AH$2:AH$366,ROUNDDOWN($C2090/24,0)+1,1)*INDEX($D$3:$AA$30,INDEX(Jesper!$R$2:$R$366,ROW(INDEX(Jesper!AH$2:AH$366,ROUNDDOWN($C2090/24,0)+1,1))-1)+IF('Standard Profiles'!$G$18=$B$10,7,0)+IF('Standard Profiles'!$G$18=$B$17,14,0)+IF('Standard Profiles'!$G$18=$B$24,21,0),MOD($C2090,24)+1)/SUM(INDEX($D$3:$AA$30,INDEX(Jesper!$R$2:$R$366,ROW(INDEX(Jesper!AH$2:AH$366,ROUNDDOWN($C2090/24,0)+1,1))-1)+IF('Standard Profiles'!$G$18=$B$10,7,0)+IF('Standard Profiles'!$G$18=$B$17,14,0)+IF('Standard Profiles'!$G$18=$B$24,21,0),0)),0)</f>
        <v>21.213849395755219</v>
      </c>
      <c r="E2090" cm="1">
        <f t="array" ref="E2090">IFERROR(INDEX(Jesper!AI$2:AI$366,ROUNDDOWN($C2090/24,0)+1,1)*INDEX($D$3:$AA$30,INDEX(Jesper!$R$2:$R$366,ROW(INDEX(Jesper!AI$2:AI$366,ROUNDDOWN($C2090/24,0)+1,1))-1)+IF('Standard Profiles'!$G$19=$B$10,7,0)+IF('Standard Profiles'!$G$19=$B$17,14,0)+IF('Standard Profiles'!$G$19=$B$24,21,0),MOD($C2090,24)+1)/SUM(INDEX($D$3:$AA$30,INDEX(Jesper!$R$2:$R$366,ROW(INDEX(Jesper!AI$2:AI$366,ROUNDDOWN($C2090/24,0)+1,1))-1)+IF('Standard Profiles'!$G$19=$B$10,7,0)+IF('Standard Profiles'!$G$19=$B$17,14,0)+IF('Standard Profiles'!$G$19=$B$24,21,0),0)),0)</f>
        <v>20.784923412502057</v>
      </c>
      <c r="F2090" cm="1">
        <f t="array" ref="F2090">IFERROR(INDEX(Jesper!AJ$2:AJ$366,ROUNDDOWN($C2090/24,0)+1,1)*INDEX($D$3:$AA$30,INDEX(Jesper!$R$2:$R$366,ROW(INDEX(Jesper!AJ$2:AJ$366,ROUNDDOWN($C2090/24,0)+1,1))-1)+IF('Standard Profiles'!$G$20=$B$10,7,0)+IF('Standard Profiles'!$G$20=$B$17,14,0)+IF('Standard Profiles'!$G$20=$B$24,21,0),MOD($C2090,24)+1)/SUM(INDEX($D$3:$AA$30,INDEX(Jesper!$R$2:$R$366,ROW(INDEX(Jesper!AJ$2:AJ$366,ROUNDDOWN($C2090/24,0)+1,1))-1)+IF('Standard Profiles'!$G$20=$B$10,7,0)+IF('Standard Profiles'!$G$20=$B$17,14,0)+IF('Standard Profiles'!$G$20=$B$24,21,0),0)),0)</f>
        <v>0</v>
      </c>
      <c r="G2090" cm="1">
        <f t="array" ref="G2090">IFERROR(INDEX(Jesper!AK$2:AK$366,ROUNDDOWN($C2090/24,0)+1,1)*INDEX($D$3:$AA$30,INDEX(Jesper!$R$2:$R$366,ROW(INDEX(Jesper!AK$2:AK$366,ROUNDDOWN($C2090/24,0)+1,1))-1)+IF('Standard Profiles'!$G$21=$B$10,7,0)+IF('Standard Profiles'!$G$21=$B$17,14,0)+IF('Standard Profiles'!$G$21=$B$24,21,0),MOD($C2090,24)+1)/SUM(INDEX($D$3:$AA$30,INDEX(Jesper!$R$2:$R$366,ROW(INDEX(Jesper!AK$2:AK$366,ROUNDDOWN($C2090/24,0)+1,1))-1)+IF('Standard Profiles'!$G$21=$B$10,7,0)+IF('Standard Profiles'!$G$21=$B$17,14,0)+IF('Standard Profiles'!$G$21=$B$24,21,0),0)),0)</f>
        <v>19.275668917077063</v>
      </c>
      <c r="H2090" cm="1">
        <f t="array" ref="H2090">IFERROR(INDEX(Jesper!AL$2:AL$366,ROUNDDOWN($C2090/24,0)+1,1)*INDEX($D$3:$AA$30,INDEX(Jesper!$R$2:$R$366,ROW(INDEX(Jesper!AL$2:AL$366,ROUNDDOWN($C2090/24,0)+1,1))-1)+IF('Standard Profiles'!$G$22=$B$10,7,0)+IF('Standard Profiles'!$G$22=$B$17,14,0)+IF('Standard Profiles'!$G$22=$B$24,21,0),MOD($C2090,24)+1)/SUM(INDEX($D$3:$AA$30,INDEX(Jesper!$R$2:$R$366,ROW(INDEX(Jesper!AL$2:AL$366,ROUNDDOWN($C2090/24,0)+1,1))-1)+IF('Standard Profiles'!$G$22=$B$10,7,0)+IF('Standard Profiles'!$G$22=$B$17,14,0)+IF('Standard Profiles'!$G$22=$B$24,21,0),0)),0)</f>
        <v>0</v>
      </c>
      <c r="I2090">
        <f t="shared" si="244"/>
        <v>9.2523210801969853</v>
      </c>
      <c r="J2090">
        <f t="shared" si="245"/>
        <v>48.627904741816522</v>
      </c>
      <c r="K2090">
        <f t="shared" si="246"/>
        <v>2.2628106022138903</v>
      </c>
      <c r="L2090">
        <f t="shared" si="247"/>
        <v>1.1314053011069451</v>
      </c>
      <c r="M2090">
        <f t="shared" si="248"/>
        <v>0</v>
      </c>
      <c r="N2090" s="45">
        <f t="shared" si="249"/>
        <v>45012.66666666168</v>
      </c>
    </row>
    <row r="2091" spans="2:14" x14ac:dyDescent="0.25">
      <c r="B2091">
        <f t="shared" si="243"/>
        <v>1</v>
      </c>
      <c r="C2091" s="16">
        <v>2057</v>
      </c>
      <c r="D2091" cm="1">
        <f t="array" ref="D2091">IFERROR(INDEX(Jesper!AH$2:AH$366,ROUNDDOWN($C2091/24,0)+1,1)*INDEX($D$3:$AA$30,INDEX(Jesper!$R$2:$R$366,ROW(INDEX(Jesper!AH$2:AH$366,ROUNDDOWN($C2091/24,0)+1,1))-1)+IF('Standard Profiles'!$G$18=$B$10,7,0)+IF('Standard Profiles'!$G$18=$B$17,14,0)+IF('Standard Profiles'!$G$18=$B$24,21,0),MOD($C2091,24)+1)/SUM(INDEX($D$3:$AA$30,INDEX(Jesper!$R$2:$R$366,ROW(INDEX(Jesper!AH$2:AH$366,ROUNDDOWN($C2091/24,0)+1,1))-1)+IF('Standard Profiles'!$G$18=$B$10,7,0)+IF('Standard Profiles'!$G$18=$B$17,14,0)+IF('Standard Profiles'!$G$18=$B$24,21,0),0)),0)</f>
        <v>6.0610998273586345</v>
      </c>
      <c r="E2091" cm="1">
        <f t="array" ref="E2091">IFERROR(INDEX(Jesper!AI$2:AI$366,ROUNDDOWN($C2091/24,0)+1,1)*INDEX($D$3:$AA$30,INDEX(Jesper!$R$2:$R$366,ROW(INDEX(Jesper!AI$2:AI$366,ROUNDDOWN($C2091/24,0)+1,1))-1)+IF('Standard Profiles'!$G$19=$B$10,7,0)+IF('Standard Profiles'!$G$19=$B$17,14,0)+IF('Standard Profiles'!$G$19=$B$24,21,0),MOD($C2091,24)+1)/SUM(INDEX($D$3:$AA$30,INDEX(Jesper!$R$2:$R$366,ROW(INDEX(Jesper!AI$2:AI$366,ROUNDDOWN($C2091/24,0)+1,1))-1)+IF('Standard Profiles'!$G$19=$B$10,7,0)+IF('Standard Profiles'!$G$19=$B$17,14,0)+IF('Standard Profiles'!$G$19=$B$24,21,0),0)),0)</f>
        <v>5.9385495464291598</v>
      </c>
      <c r="F2091" cm="1">
        <f t="array" ref="F2091">IFERROR(INDEX(Jesper!AJ$2:AJ$366,ROUNDDOWN($C2091/24,0)+1,1)*INDEX($D$3:$AA$30,INDEX(Jesper!$R$2:$R$366,ROW(INDEX(Jesper!AJ$2:AJ$366,ROUNDDOWN($C2091/24,0)+1,1))-1)+IF('Standard Profiles'!$G$20=$B$10,7,0)+IF('Standard Profiles'!$G$20=$B$17,14,0)+IF('Standard Profiles'!$G$20=$B$24,21,0),MOD($C2091,24)+1)/SUM(INDEX($D$3:$AA$30,INDEX(Jesper!$R$2:$R$366,ROW(INDEX(Jesper!AJ$2:AJ$366,ROUNDDOWN($C2091/24,0)+1,1))-1)+IF('Standard Profiles'!$G$20=$B$10,7,0)+IF('Standard Profiles'!$G$20=$B$17,14,0)+IF('Standard Profiles'!$G$20=$B$24,21,0),0)),0)</f>
        <v>0</v>
      </c>
      <c r="G2091" cm="1">
        <f t="array" ref="G2091">IFERROR(INDEX(Jesper!AK$2:AK$366,ROUNDDOWN($C2091/24,0)+1,1)*INDEX($D$3:$AA$30,INDEX(Jesper!$R$2:$R$366,ROW(INDEX(Jesper!AK$2:AK$366,ROUNDDOWN($C2091/24,0)+1,1))-1)+IF('Standard Profiles'!$G$21=$B$10,7,0)+IF('Standard Profiles'!$G$21=$B$17,14,0)+IF('Standard Profiles'!$G$21=$B$24,21,0),MOD($C2091,24)+1)/SUM(INDEX($D$3:$AA$30,INDEX(Jesper!$R$2:$R$366,ROW(INDEX(Jesper!AK$2:AK$366,ROUNDDOWN($C2091/24,0)+1,1))-1)+IF('Standard Profiles'!$G$21=$B$10,7,0)+IF('Standard Profiles'!$G$21=$B$17,14,0)+IF('Standard Profiles'!$G$21=$B$24,21,0),0)),0)</f>
        <v>15.509158898797638</v>
      </c>
      <c r="H2091" cm="1">
        <f t="array" ref="H2091">IFERROR(INDEX(Jesper!AL$2:AL$366,ROUNDDOWN($C2091/24,0)+1,1)*INDEX($D$3:$AA$30,INDEX(Jesper!$R$2:$R$366,ROW(INDEX(Jesper!AL$2:AL$366,ROUNDDOWN($C2091/24,0)+1,1))-1)+IF('Standard Profiles'!$G$22=$B$10,7,0)+IF('Standard Profiles'!$G$22=$B$17,14,0)+IF('Standard Profiles'!$G$22=$B$24,21,0),MOD($C2091,24)+1)/SUM(INDEX($D$3:$AA$30,INDEX(Jesper!$R$2:$R$366,ROW(INDEX(Jesper!AL$2:AL$366,ROUNDDOWN($C2091/24,0)+1,1))-1)+IF('Standard Profiles'!$G$22=$B$10,7,0)+IF('Standard Profiles'!$G$22=$B$17,14,0)+IF('Standard Profiles'!$G$22=$B$24,21,0),0)),0)</f>
        <v>0</v>
      </c>
      <c r="I2091">
        <f t="shared" si="244"/>
        <v>7.4443962714228631</v>
      </c>
      <c r="J2091">
        <f t="shared" si="245"/>
        <v>19.094636028785189</v>
      </c>
      <c r="K2091">
        <f t="shared" si="246"/>
        <v>0.64651731491825437</v>
      </c>
      <c r="L2091">
        <f t="shared" si="247"/>
        <v>0.32325865745912719</v>
      </c>
      <c r="M2091">
        <f t="shared" si="248"/>
        <v>0</v>
      </c>
      <c r="N2091" s="45">
        <f t="shared" si="249"/>
        <v>45012.708333328344</v>
      </c>
    </row>
    <row r="2092" spans="2:14" x14ac:dyDescent="0.25">
      <c r="B2092">
        <f t="shared" si="243"/>
        <v>1</v>
      </c>
      <c r="C2092" s="16">
        <v>2058</v>
      </c>
      <c r="D2092" cm="1">
        <f t="array" ref="D2092">IFERROR(INDEX(Jesper!AH$2:AH$366,ROUNDDOWN($C2092/24,0)+1,1)*INDEX($D$3:$AA$30,INDEX(Jesper!$R$2:$R$366,ROW(INDEX(Jesper!AH$2:AH$366,ROUNDDOWN($C2092/24,0)+1,1))-1)+IF('Standard Profiles'!$G$18=$B$10,7,0)+IF('Standard Profiles'!$G$18=$B$17,14,0)+IF('Standard Profiles'!$G$18=$B$24,21,0),MOD($C2092,24)+1)/SUM(INDEX($D$3:$AA$30,INDEX(Jesper!$R$2:$R$366,ROW(INDEX(Jesper!AH$2:AH$366,ROUNDDOWN($C2092/24,0)+1,1))-1)+IF('Standard Profiles'!$G$18=$B$10,7,0)+IF('Standard Profiles'!$G$18=$B$17,14,0)+IF('Standard Profiles'!$G$18=$B$24,21,0),0)),0)</f>
        <v>5.9757322241563999</v>
      </c>
      <c r="E2092" cm="1">
        <f t="array" ref="E2092">IFERROR(INDEX(Jesper!AI$2:AI$366,ROUNDDOWN($C2092/24,0)+1,1)*INDEX($D$3:$AA$30,INDEX(Jesper!$R$2:$R$366,ROW(INDEX(Jesper!AI$2:AI$366,ROUNDDOWN($C2092/24,0)+1,1))-1)+IF('Standard Profiles'!$G$19=$B$10,7,0)+IF('Standard Profiles'!$G$19=$B$17,14,0)+IF('Standard Profiles'!$G$19=$B$24,21,0),MOD($C2092,24)+1)/SUM(INDEX($D$3:$AA$30,INDEX(Jesper!$R$2:$R$366,ROW(INDEX(Jesper!AI$2:AI$366,ROUNDDOWN($C2092/24,0)+1,1))-1)+IF('Standard Profiles'!$G$19=$B$10,7,0)+IF('Standard Profiles'!$G$19=$B$17,14,0)+IF('Standard Profiles'!$G$19=$B$24,21,0),0)),0)</f>
        <v>5.8549080035217065</v>
      </c>
      <c r="F2092" cm="1">
        <f t="array" ref="F2092">IFERROR(INDEX(Jesper!AJ$2:AJ$366,ROUNDDOWN($C2092/24,0)+1,1)*INDEX($D$3:$AA$30,INDEX(Jesper!$R$2:$R$366,ROW(INDEX(Jesper!AJ$2:AJ$366,ROUNDDOWN($C2092/24,0)+1,1))-1)+IF('Standard Profiles'!$G$20=$B$10,7,0)+IF('Standard Profiles'!$G$20=$B$17,14,0)+IF('Standard Profiles'!$G$20=$B$24,21,0),MOD($C2092,24)+1)/SUM(INDEX($D$3:$AA$30,INDEX(Jesper!$R$2:$R$366,ROW(INDEX(Jesper!AJ$2:AJ$366,ROUNDDOWN($C2092/24,0)+1,1))-1)+IF('Standard Profiles'!$G$20=$B$10,7,0)+IF('Standard Profiles'!$G$20=$B$17,14,0)+IF('Standard Profiles'!$G$20=$B$24,21,0),0)),0)</f>
        <v>0</v>
      </c>
      <c r="G2092" cm="1">
        <f t="array" ref="G2092">IFERROR(INDEX(Jesper!AK$2:AK$366,ROUNDDOWN($C2092/24,0)+1,1)*INDEX($D$3:$AA$30,INDEX(Jesper!$R$2:$R$366,ROW(INDEX(Jesper!AK$2:AK$366,ROUNDDOWN($C2092/24,0)+1,1))-1)+IF('Standard Profiles'!$G$21=$B$10,7,0)+IF('Standard Profiles'!$G$21=$B$17,14,0)+IF('Standard Profiles'!$G$21=$B$24,21,0),MOD($C2092,24)+1)/SUM(INDEX($D$3:$AA$30,INDEX(Jesper!$R$2:$R$366,ROW(INDEX(Jesper!AK$2:AK$366,ROUNDDOWN($C2092/24,0)+1,1))-1)+IF('Standard Profiles'!$G$21=$B$10,7,0)+IF('Standard Profiles'!$G$21=$B$17,14,0)+IF('Standard Profiles'!$G$21=$B$24,21,0),0)),0)</f>
        <v>5.5389853209991564</v>
      </c>
      <c r="H2092" cm="1">
        <f t="array" ref="H2092">IFERROR(INDEX(Jesper!AL$2:AL$366,ROUNDDOWN($C2092/24,0)+1,1)*INDEX($D$3:$AA$30,INDEX(Jesper!$R$2:$R$366,ROW(INDEX(Jesper!AL$2:AL$366,ROUNDDOWN($C2092/24,0)+1,1))-1)+IF('Standard Profiles'!$G$22=$B$10,7,0)+IF('Standard Profiles'!$G$22=$B$17,14,0)+IF('Standard Profiles'!$G$22=$B$24,21,0),MOD($C2092,24)+1)/SUM(INDEX($D$3:$AA$30,INDEX(Jesper!$R$2:$R$366,ROW(INDEX(Jesper!AL$2:AL$366,ROUNDDOWN($C2092/24,0)+1,1))-1)+IF('Standard Profiles'!$G$22=$B$10,7,0)+IF('Standard Profiles'!$G$22=$B$17,14,0)+IF('Standard Profiles'!$G$22=$B$24,21,0),0)),0)</f>
        <v>0</v>
      </c>
      <c r="I2092">
        <f t="shared" si="244"/>
        <v>2.658712954079594</v>
      </c>
      <c r="J2092">
        <f t="shared" si="245"/>
        <v>13.754795438732646</v>
      </c>
      <c r="K2092">
        <f t="shared" si="246"/>
        <v>0.63741143724334937</v>
      </c>
      <c r="L2092">
        <f t="shared" si="247"/>
        <v>0.31870571862167468</v>
      </c>
      <c r="M2092">
        <f t="shared" si="248"/>
        <v>0</v>
      </c>
      <c r="N2092" s="45">
        <f t="shared" si="249"/>
        <v>45012.749999995009</v>
      </c>
    </row>
    <row r="2093" spans="2:14" x14ac:dyDescent="0.25">
      <c r="B2093">
        <f t="shared" si="243"/>
        <v>1</v>
      </c>
      <c r="C2093" s="16">
        <v>2059</v>
      </c>
      <c r="D2093" cm="1">
        <f t="array" ref="D2093">IFERROR(INDEX(Jesper!AH$2:AH$366,ROUNDDOWN($C2093/24,0)+1,1)*INDEX($D$3:$AA$30,INDEX(Jesper!$R$2:$R$366,ROW(INDEX(Jesper!AH$2:AH$366,ROUNDDOWN($C2093/24,0)+1,1))-1)+IF('Standard Profiles'!$G$18=$B$10,7,0)+IF('Standard Profiles'!$G$18=$B$17,14,0)+IF('Standard Profiles'!$G$18=$B$24,21,0),MOD($C2093,24)+1)/SUM(INDEX($D$3:$AA$30,INDEX(Jesper!$R$2:$R$366,ROW(INDEX(Jesper!AH$2:AH$366,ROUNDDOWN($C2093/24,0)+1,1))-1)+IF('Standard Profiles'!$G$18=$B$10,7,0)+IF('Standard Profiles'!$G$18=$B$17,14,0)+IF('Standard Profiles'!$G$18=$B$24,21,0),0)),0)</f>
        <v>5.9757322241563999</v>
      </c>
      <c r="E2093" cm="1">
        <f t="array" ref="E2093">IFERROR(INDEX(Jesper!AI$2:AI$366,ROUNDDOWN($C2093/24,0)+1,1)*INDEX($D$3:$AA$30,INDEX(Jesper!$R$2:$R$366,ROW(INDEX(Jesper!AI$2:AI$366,ROUNDDOWN($C2093/24,0)+1,1))-1)+IF('Standard Profiles'!$G$19=$B$10,7,0)+IF('Standard Profiles'!$G$19=$B$17,14,0)+IF('Standard Profiles'!$G$19=$B$24,21,0),MOD($C2093,24)+1)/SUM(INDEX($D$3:$AA$30,INDEX(Jesper!$R$2:$R$366,ROW(INDEX(Jesper!AI$2:AI$366,ROUNDDOWN($C2093/24,0)+1,1))-1)+IF('Standard Profiles'!$G$19=$B$10,7,0)+IF('Standard Profiles'!$G$19=$B$17,14,0)+IF('Standard Profiles'!$G$19=$B$24,21,0),0)),0)</f>
        <v>5.8549080035217065</v>
      </c>
      <c r="F2093" cm="1">
        <f t="array" ref="F2093">IFERROR(INDEX(Jesper!AJ$2:AJ$366,ROUNDDOWN($C2093/24,0)+1,1)*INDEX($D$3:$AA$30,INDEX(Jesper!$R$2:$R$366,ROW(INDEX(Jesper!AJ$2:AJ$366,ROUNDDOWN($C2093/24,0)+1,1))-1)+IF('Standard Profiles'!$G$20=$B$10,7,0)+IF('Standard Profiles'!$G$20=$B$17,14,0)+IF('Standard Profiles'!$G$20=$B$24,21,0),MOD($C2093,24)+1)/SUM(INDEX($D$3:$AA$30,INDEX(Jesper!$R$2:$R$366,ROW(INDEX(Jesper!AJ$2:AJ$366,ROUNDDOWN($C2093/24,0)+1,1))-1)+IF('Standard Profiles'!$G$20=$B$10,7,0)+IF('Standard Profiles'!$G$20=$B$17,14,0)+IF('Standard Profiles'!$G$20=$B$24,21,0),0)),0)</f>
        <v>0</v>
      </c>
      <c r="G2093" cm="1">
        <f t="array" ref="G2093">IFERROR(INDEX(Jesper!AK$2:AK$366,ROUNDDOWN($C2093/24,0)+1,1)*INDEX($D$3:$AA$30,INDEX(Jesper!$R$2:$R$366,ROW(INDEX(Jesper!AK$2:AK$366,ROUNDDOWN($C2093/24,0)+1,1))-1)+IF('Standard Profiles'!$G$21=$B$10,7,0)+IF('Standard Profiles'!$G$21=$B$17,14,0)+IF('Standard Profiles'!$G$21=$B$24,21,0),MOD($C2093,24)+1)/SUM(INDEX($D$3:$AA$30,INDEX(Jesper!$R$2:$R$366,ROW(INDEX(Jesper!AK$2:AK$366,ROUNDDOWN($C2093/24,0)+1,1))-1)+IF('Standard Profiles'!$G$21=$B$10,7,0)+IF('Standard Profiles'!$G$21=$B$17,14,0)+IF('Standard Profiles'!$G$21=$B$24,21,0),0)),0)</f>
        <v>5.5389853209991564</v>
      </c>
      <c r="H2093" cm="1">
        <f t="array" ref="H2093">IFERROR(INDEX(Jesper!AL$2:AL$366,ROUNDDOWN($C2093/24,0)+1,1)*INDEX($D$3:$AA$30,INDEX(Jesper!$R$2:$R$366,ROW(INDEX(Jesper!AL$2:AL$366,ROUNDDOWN($C2093/24,0)+1,1))-1)+IF('Standard Profiles'!$G$22=$B$10,7,0)+IF('Standard Profiles'!$G$22=$B$17,14,0)+IF('Standard Profiles'!$G$22=$B$24,21,0),MOD($C2093,24)+1)/SUM(INDEX($D$3:$AA$30,INDEX(Jesper!$R$2:$R$366,ROW(INDEX(Jesper!AL$2:AL$366,ROUNDDOWN($C2093/24,0)+1,1))-1)+IF('Standard Profiles'!$G$22=$B$10,7,0)+IF('Standard Profiles'!$G$22=$B$17,14,0)+IF('Standard Profiles'!$G$22=$B$24,21,0),0)),0)</f>
        <v>0</v>
      </c>
      <c r="I2093">
        <f t="shared" si="244"/>
        <v>2.658712954079594</v>
      </c>
      <c r="J2093">
        <f t="shared" si="245"/>
        <v>13.754795438732646</v>
      </c>
      <c r="K2093">
        <f t="shared" si="246"/>
        <v>0.63741143724334937</v>
      </c>
      <c r="L2093">
        <f t="shared" si="247"/>
        <v>0.31870571862167468</v>
      </c>
      <c r="M2093">
        <f t="shared" si="248"/>
        <v>0</v>
      </c>
      <c r="N2093" s="45">
        <f t="shared" si="249"/>
        <v>45012.791666661673</v>
      </c>
    </row>
    <row r="2094" spans="2:14" x14ac:dyDescent="0.25">
      <c r="B2094">
        <f t="shared" si="243"/>
        <v>1</v>
      </c>
      <c r="C2094" s="16">
        <v>2060</v>
      </c>
      <c r="D2094" cm="1">
        <f t="array" ref="D2094">IFERROR(INDEX(Jesper!AH$2:AH$366,ROUNDDOWN($C2094/24,0)+1,1)*INDEX($D$3:$AA$30,INDEX(Jesper!$R$2:$R$366,ROW(INDEX(Jesper!AH$2:AH$366,ROUNDDOWN($C2094/24,0)+1,1))-1)+IF('Standard Profiles'!$G$18=$B$10,7,0)+IF('Standard Profiles'!$G$18=$B$17,14,0)+IF('Standard Profiles'!$G$18=$B$24,21,0),MOD($C2094,24)+1)/SUM(INDEX($D$3:$AA$30,INDEX(Jesper!$R$2:$R$366,ROW(INDEX(Jesper!AH$2:AH$366,ROUNDDOWN($C2094/24,0)+1,1))-1)+IF('Standard Profiles'!$G$18=$B$10,7,0)+IF('Standard Profiles'!$G$18=$B$17,14,0)+IF('Standard Profiles'!$G$18=$B$24,21,0),0)),0)</f>
        <v>5.9757322241563999</v>
      </c>
      <c r="E2094" cm="1">
        <f t="array" ref="E2094">IFERROR(INDEX(Jesper!AI$2:AI$366,ROUNDDOWN($C2094/24,0)+1,1)*INDEX($D$3:$AA$30,INDEX(Jesper!$R$2:$R$366,ROW(INDEX(Jesper!AI$2:AI$366,ROUNDDOWN($C2094/24,0)+1,1))-1)+IF('Standard Profiles'!$G$19=$B$10,7,0)+IF('Standard Profiles'!$G$19=$B$17,14,0)+IF('Standard Profiles'!$G$19=$B$24,21,0),MOD($C2094,24)+1)/SUM(INDEX($D$3:$AA$30,INDEX(Jesper!$R$2:$R$366,ROW(INDEX(Jesper!AI$2:AI$366,ROUNDDOWN($C2094/24,0)+1,1))-1)+IF('Standard Profiles'!$G$19=$B$10,7,0)+IF('Standard Profiles'!$G$19=$B$17,14,0)+IF('Standard Profiles'!$G$19=$B$24,21,0),0)),0)</f>
        <v>5.8549080035217065</v>
      </c>
      <c r="F2094" cm="1">
        <f t="array" ref="F2094">IFERROR(INDEX(Jesper!AJ$2:AJ$366,ROUNDDOWN($C2094/24,0)+1,1)*INDEX($D$3:$AA$30,INDEX(Jesper!$R$2:$R$366,ROW(INDEX(Jesper!AJ$2:AJ$366,ROUNDDOWN($C2094/24,0)+1,1))-1)+IF('Standard Profiles'!$G$20=$B$10,7,0)+IF('Standard Profiles'!$G$20=$B$17,14,0)+IF('Standard Profiles'!$G$20=$B$24,21,0),MOD($C2094,24)+1)/SUM(INDEX($D$3:$AA$30,INDEX(Jesper!$R$2:$R$366,ROW(INDEX(Jesper!AJ$2:AJ$366,ROUNDDOWN($C2094/24,0)+1,1))-1)+IF('Standard Profiles'!$G$20=$B$10,7,0)+IF('Standard Profiles'!$G$20=$B$17,14,0)+IF('Standard Profiles'!$G$20=$B$24,21,0),0)),0)</f>
        <v>0</v>
      </c>
      <c r="G2094" cm="1">
        <f t="array" ref="G2094">IFERROR(INDEX(Jesper!AK$2:AK$366,ROUNDDOWN($C2094/24,0)+1,1)*INDEX($D$3:$AA$30,INDEX(Jesper!$R$2:$R$366,ROW(INDEX(Jesper!AK$2:AK$366,ROUNDDOWN($C2094/24,0)+1,1))-1)+IF('Standard Profiles'!$G$21=$B$10,7,0)+IF('Standard Profiles'!$G$21=$B$17,14,0)+IF('Standard Profiles'!$G$21=$B$24,21,0),MOD($C2094,24)+1)/SUM(INDEX($D$3:$AA$30,INDEX(Jesper!$R$2:$R$366,ROW(INDEX(Jesper!AK$2:AK$366,ROUNDDOWN($C2094/24,0)+1,1))-1)+IF('Standard Profiles'!$G$21=$B$10,7,0)+IF('Standard Profiles'!$G$21=$B$17,14,0)+IF('Standard Profiles'!$G$21=$B$24,21,0),0)),0)</f>
        <v>5.5389853209991564</v>
      </c>
      <c r="H2094" cm="1">
        <f t="array" ref="H2094">IFERROR(INDEX(Jesper!AL$2:AL$366,ROUNDDOWN($C2094/24,0)+1,1)*INDEX($D$3:$AA$30,INDEX(Jesper!$R$2:$R$366,ROW(INDEX(Jesper!AL$2:AL$366,ROUNDDOWN($C2094/24,0)+1,1))-1)+IF('Standard Profiles'!$G$22=$B$10,7,0)+IF('Standard Profiles'!$G$22=$B$17,14,0)+IF('Standard Profiles'!$G$22=$B$24,21,0),MOD($C2094,24)+1)/SUM(INDEX($D$3:$AA$30,INDEX(Jesper!$R$2:$R$366,ROW(INDEX(Jesper!AL$2:AL$366,ROUNDDOWN($C2094/24,0)+1,1))-1)+IF('Standard Profiles'!$G$22=$B$10,7,0)+IF('Standard Profiles'!$G$22=$B$17,14,0)+IF('Standard Profiles'!$G$22=$B$24,21,0),0)),0)</f>
        <v>0</v>
      </c>
      <c r="I2094">
        <f t="shared" si="244"/>
        <v>2.658712954079594</v>
      </c>
      <c r="J2094">
        <f t="shared" si="245"/>
        <v>13.754795438732646</v>
      </c>
      <c r="K2094">
        <f t="shared" si="246"/>
        <v>0.63741143724334937</v>
      </c>
      <c r="L2094">
        <f t="shared" si="247"/>
        <v>0.31870571862167468</v>
      </c>
      <c r="M2094">
        <f t="shared" si="248"/>
        <v>0</v>
      </c>
      <c r="N2094" s="45">
        <f t="shared" si="249"/>
        <v>45012.833333328337</v>
      </c>
    </row>
    <row r="2095" spans="2:14" x14ac:dyDescent="0.25">
      <c r="B2095">
        <f t="shared" si="243"/>
        <v>1</v>
      </c>
      <c r="C2095" s="16">
        <v>2061</v>
      </c>
      <c r="D2095" cm="1">
        <f t="array" ref="D2095">IFERROR(INDEX(Jesper!AH$2:AH$366,ROUNDDOWN($C2095/24,0)+1,1)*INDEX($D$3:$AA$30,INDEX(Jesper!$R$2:$R$366,ROW(INDEX(Jesper!AH$2:AH$366,ROUNDDOWN($C2095/24,0)+1,1))-1)+IF('Standard Profiles'!$G$18=$B$10,7,0)+IF('Standard Profiles'!$G$18=$B$17,14,0)+IF('Standard Profiles'!$G$18=$B$24,21,0),MOD($C2095,24)+1)/SUM(INDEX($D$3:$AA$30,INDEX(Jesper!$R$2:$R$366,ROW(INDEX(Jesper!AH$2:AH$366,ROUNDDOWN($C2095/24,0)+1,1))-1)+IF('Standard Profiles'!$G$18=$B$10,7,0)+IF('Standard Profiles'!$G$18=$B$17,14,0)+IF('Standard Profiles'!$G$18=$B$24,21,0),0)),0)</f>
        <v>5.9757322241563999</v>
      </c>
      <c r="E2095" cm="1">
        <f t="array" ref="E2095">IFERROR(INDEX(Jesper!AI$2:AI$366,ROUNDDOWN($C2095/24,0)+1,1)*INDEX($D$3:$AA$30,INDEX(Jesper!$R$2:$R$366,ROW(INDEX(Jesper!AI$2:AI$366,ROUNDDOWN($C2095/24,0)+1,1))-1)+IF('Standard Profiles'!$G$19=$B$10,7,0)+IF('Standard Profiles'!$G$19=$B$17,14,0)+IF('Standard Profiles'!$G$19=$B$24,21,0),MOD($C2095,24)+1)/SUM(INDEX($D$3:$AA$30,INDEX(Jesper!$R$2:$R$366,ROW(INDEX(Jesper!AI$2:AI$366,ROUNDDOWN($C2095/24,0)+1,1))-1)+IF('Standard Profiles'!$G$19=$B$10,7,0)+IF('Standard Profiles'!$G$19=$B$17,14,0)+IF('Standard Profiles'!$G$19=$B$24,21,0),0)),0)</f>
        <v>5.8549080035217065</v>
      </c>
      <c r="F2095" cm="1">
        <f t="array" ref="F2095">IFERROR(INDEX(Jesper!AJ$2:AJ$366,ROUNDDOWN($C2095/24,0)+1,1)*INDEX($D$3:$AA$30,INDEX(Jesper!$R$2:$R$366,ROW(INDEX(Jesper!AJ$2:AJ$366,ROUNDDOWN($C2095/24,0)+1,1))-1)+IF('Standard Profiles'!$G$20=$B$10,7,0)+IF('Standard Profiles'!$G$20=$B$17,14,0)+IF('Standard Profiles'!$G$20=$B$24,21,0),MOD($C2095,24)+1)/SUM(INDEX($D$3:$AA$30,INDEX(Jesper!$R$2:$R$366,ROW(INDEX(Jesper!AJ$2:AJ$366,ROUNDDOWN($C2095/24,0)+1,1))-1)+IF('Standard Profiles'!$G$20=$B$10,7,0)+IF('Standard Profiles'!$G$20=$B$17,14,0)+IF('Standard Profiles'!$G$20=$B$24,21,0),0)),0)</f>
        <v>0</v>
      </c>
      <c r="G2095" cm="1">
        <f t="array" ref="G2095">IFERROR(INDEX(Jesper!AK$2:AK$366,ROUNDDOWN($C2095/24,0)+1,1)*INDEX($D$3:$AA$30,INDEX(Jesper!$R$2:$R$366,ROW(INDEX(Jesper!AK$2:AK$366,ROUNDDOWN($C2095/24,0)+1,1))-1)+IF('Standard Profiles'!$G$21=$B$10,7,0)+IF('Standard Profiles'!$G$21=$B$17,14,0)+IF('Standard Profiles'!$G$21=$B$24,21,0),MOD($C2095,24)+1)/SUM(INDEX($D$3:$AA$30,INDEX(Jesper!$R$2:$R$366,ROW(INDEX(Jesper!AK$2:AK$366,ROUNDDOWN($C2095/24,0)+1,1))-1)+IF('Standard Profiles'!$G$21=$B$10,7,0)+IF('Standard Profiles'!$G$21=$B$17,14,0)+IF('Standard Profiles'!$G$21=$B$24,21,0),0)),0)</f>
        <v>5.5389853209991564</v>
      </c>
      <c r="H2095" cm="1">
        <f t="array" ref="H2095">IFERROR(INDEX(Jesper!AL$2:AL$366,ROUNDDOWN($C2095/24,0)+1,1)*INDEX($D$3:$AA$30,INDEX(Jesper!$R$2:$R$366,ROW(INDEX(Jesper!AL$2:AL$366,ROUNDDOWN($C2095/24,0)+1,1))-1)+IF('Standard Profiles'!$G$22=$B$10,7,0)+IF('Standard Profiles'!$G$22=$B$17,14,0)+IF('Standard Profiles'!$G$22=$B$24,21,0),MOD($C2095,24)+1)/SUM(INDEX($D$3:$AA$30,INDEX(Jesper!$R$2:$R$366,ROW(INDEX(Jesper!AL$2:AL$366,ROUNDDOWN($C2095/24,0)+1,1))-1)+IF('Standard Profiles'!$G$22=$B$10,7,0)+IF('Standard Profiles'!$G$22=$B$17,14,0)+IF('Standard Profiles'!$G$22=$B$24,21,0),0)),0)</f>
        <v>0</v>
      </c>
      <c r="I2095">
        <f t="shared" si="244"/>
        <v>2.658712954079594</v>
      </c>
      <c r="J2095">
        <f t="shared" si="245"/>
        <v>13.754795438732646</v>
      </c>
      <c r="K2095">
        <f t="shared" si="246"/>
        <v>0.63741143724334937</v>
      </c>
      <c r="L2095">
        <f t="shared" si="247"/>
        <v>0.31870571862167468</v>
      </c>
      <c r="M2095">
        <f t="shared" si="248"/>
        <v>0</v>
      </c>
      <c r="N2095" s="45">
        <f t="shared" si="249"/>
        <v>45012.874999995001</v>
      </c>
    </row>
    <row r="2096" spans="2:14" x14ac:dyDescent="0.25">
      <c r="B2096">
        <f t="shared" si="243"/>
        <v>1</v>
      </c>
      <c r="C2096" s="16">
        <v>2062</v>
      </c>
      <c r="D2096" cm="1">
        <f t="array" ref="D2096">IFERROR(INDEX(Jesper!AH$2:AH$366,ROUNDDOWN($C2096/24,0)+1,1)*INDEX($D$3:$AA$30,INDEX(Jesper!$R$2:$R$366,ROW(INDEX(Jesper!AH$2:AH$366,ROUNDDOWN($C2096/24,0)+1,1))-1)+IF('Standard Profiles'!$G$18=$B$10,7,0)+IF('Standard Profiles'!$G$18=$B$17,14,0)+IF('Standard Profiles'!$G$18=$B$24,21,0),MOD($C2096,24)+1)/SUM(INDEX($D$3:$AA$30,INDEX(Jesper!$R$2:$R$366,ROW(INDEX(Jesper!AH$2:AH$366,ROUNDDOWN($C2096/24,0)+1,1))-1)+IF('Standard Profiles'!$G$18=$B$10,7,0)+IF('Standard Profiles'!$G$18=$B$17,14,0)+IF('Standard Profiles'!$G$18=$B$24,21,0),0)),0)</f>
        <v>5.9757322241563999</v>
      </c>
      <c r="E2096" cm="1">
        <f t="array" ref="E2096">IFERROR(INDEX(Jesper!AI$2:AI$366,ROUNDDOWN($C2096/24,0)+1,1)*INDEX($D$3:$AA$30,INDEX(Jesper!$R$2:$R$366,ROW(INDEX(Jesper!AI$2:AI$366,ROUNDDOWN($C2096/24,0)+1,1))-1)+IF('Standard Profiles'!$G$19=$B$10,7,0)+IF('Standard Profiles'!$G$19=$B$17,14,0)+IF('Standard Profiles'!$G$19=$B$24,21,0),MOD($C2096,24)+1)/SUM(INDEX($D$3:$AA$30,INDEX(Jesper!$R$2:$R$366,ROW(INDEX(Jesper!AI$2:AI$366,ROUNDDOWN($C2096/24,0)+1,1))-1)+IF('Standard Profiles'!$G$19=$B$10,7,0)+IF('Standard Profiles'!$G$19=$B$17,14,0)+IF('Standard Profiles'!$G$19=$B$24,21,0),0)),0)</f>
        <v>5.8549080035217065</v>
      </c>
      <c r="F2096" cm="1">
        <f t="array" ref="F2096">IFERROR(INDEX(Jesper!AJ$2:AJ$366,ROUNDDOWN($C2096/24,0)+1,1)*INDEX($D$3:$AA$30,INDEX(Jesper!$R$2:$R$366,ROW(INDEX(Jesper!AJ$2:AJ$366,ROUNDDOWN($C2096/24,0)+1,1))-1)+IF('Standard Profiles'!$G$20=$B$10,7,0)+IF('Standard Profiles'!$G$20=$B$17,14,0)+IF('Standard Profiles'!$G$20=$B$24,21,0),MOD($C2096,24)+1)/SUM(INDEX($D$3:$AA$30,INDEX(Jesper!$R$2:$R$366,ROW(INDEX(Jesper!AJ$2:AJ$366,ROUNDDOWN($C2096/24,0)+1,1))-1)+IF('Standard Profiles'!$G$20=$B$10,7,0)+IF('Standard Profiles'!$G$20=$B$17,14,0)+IF('Standard Profiles'!$G$20=$B$24,21,0),0)),0)</f>
        <v>0</v>
      </c>
      <c r="G2096" cm="1">
        <f t="array" ref="G2096">IFERROR(INDEX(Jesper!AK$2:AK$366,ROUNDDOWN($C2096/24,0)+1,1)*INDEX($D$3:$AA$30,INDEX(Jesper!$R$2:$R$366,ROW(INDEX(Jesper!AK$2:AK$366,ROUNDDOWN($C2096/24,0)+1,1))-1)+IF('Standard Profiles'!$G$21=$B$10,7,0)+IF('Standard Profiles'!$G$21=$B$17,14,0)+IF('Standard Profiles'!$G$21=$B$24,21,0),MOD($C2096,24)+1)/SUM(INDEX($D$3:$AA$30,INDEX(Jesper!$R$2:$R$366,ROW(INDEX(Jesper!AK$2:AK$366,ROUNDDOWN($C2096/24,0)+1,1))-1)+IF('Standard Profiles'!$G$21=$B$10,7,0)+IF('Standard Profiles'!$G$21=$B$17,14,0)+IF('Standard Profiles'!$G$21=$B$24,21,0),0)),0)</f>
        <v>5.5389853209991564</v>
      </c>
      <c r="H2096" cm="1">
        <f t="array" ref="H2096">IFERROR(INDEX(Jesper!AL$2:AL$366,ROUNDDOWN($C2096/24,0)+1,1)*INDEX($D$3:$AA$30,INDEX(Jesper!$R$2:$R$366,ROW(INDEX(Jesper!AL$2:AL$366,ROUNDDOWN($C2096/24,0)+1,1))-1)+IF('Standard Profiles'!$G$22=$B$10,7,0)+IF('Standard Profiles'!$G$22=$B$17,14,0)+IF('Standard Profiles'!$G$22=$B$24,21,0),MOD($C2096,24)+1)/SUM(INDEX($D$3:$AA$30,INDEX(Jesper!$R$2:$R$366,ROW(INDEX(Jesper!AL$2:AL$366,ROUNDDOWN($C2096/24,0)+1,1))-1)+IF('Standard Profiles'!$G$22=$B$10,7,0)+IF('Standard Profiles'!$G$22=$B$17,14,0)+IF('Standard Profiles'!$G$22=$B$24,21,0),0)),0)</f>
        <v>0</v>
      </c>
      <c r="I2096">
        <f t="shared" si="244"/>
        <v>2.658712954079594</v>
      </c>
      <c r="J2096">
        <f t="shared" si="245"/>
        <v>13.754795438732646</v>
      </c>
      <c r="K2096">
        <f t="shared" si="246"/>
        <v>0.63741143724334937</v>
      </c>
      <c r="L2096">
        <f t="shared" si="247"/>
        <v>0.31870571862167468</v>
      </c>
      <c r="M2096">
        <f t="shared" si="248"/>
        <v>0</v>
      </c>
      <c r="N2096" s="45">
        <f t="shared" si="249"/>
        <v>45012.916666661666</v>
      </c>
    </row>
    <row r="2097" spans="2:14" x14ac:dyDescent="0.25">
      <c r="B2097">
        <f t="shared" si="243"/>
        <v>1</v>
      </c>
      <c r="C2097" s="16">
        <v>2063</v>
      </c>
      <c r="D2097" cm="1">
        <f t="array" ref="D2097">IFERROR(INDEX(Jesper!AH$2:AH$366,ROUNDDOWN($C2097/24,0)+1,1)*INDEX($D$3:$AA$30,INDEX(Jesper!$R$2:$R$366,ROW(INDEX(Jesper!AH$2:AH$366,ROUNDDOWN($C2097/24,0)+1,1))-1)+IF('Standard Profiles'!$G$18=$B$10,7,0)+IF('Standard Profiles'!$G$18=$B$17,14,0)+IF('Standard Profiles'!$G$18=$B$24,21,0),MOD($C2097,24)+1)/SUM(INDEX($D$3:$AA$30,INDEX(Jesper!$R$2:$R$366,ROW(INDEX(Jesper!AH$2:AH$366,ROUNDDOWN($C2097/24,0)+1,1))-1)+IF('Standard Profiles'!$G$18=$B$10,7,0)+IF('Standard Profiles'!$G$18=$B$17,14,0)+IF('Standard Profiles'!$G$18=$B$24,21,0),0)),0)</f>
        <v>5.9757322241563999</v>
      </c>
      <c r="E2097" cm="1">
        <f t="array" ref="E2097">IFERROR(INDEX(Jesper!AI$2:AI$366,ROUNDDOWN($C2097/24,0)+1,1)*INDEX($D$3:$AA$30,INDEX(Jesper!$R$2:$R$366,ROW(INDEX(Jesper!AI$2:AI$366,ROUNDDOWN($C2097/24,0)+1,1))-1)+IF('Standard Profiles'!$G$19=$B$10,7,0)+IF('Standard Profiles'!$G$19=$B$17,14,0)+IF('Standard Profiles'!$G$19=$B$24,21,0),MOD($C2097,24)+1)/SUM(INDEX($D$3:$AA$30,INDEX(Jesper!$R$2:$R$366,ROW(INDEX(Jesper!AI$2:AI$366,ROUNDDOWN($C2097/24,0)+1,1))-1)+IF('Standard Profiles'!$G$19=$B$10,7,0)+IF('Standard Profiles'!$G$19=$B$17,14,0)+IF('Standard Profiles'!$G$19=$B$24,21,0),0)),0)</f>
        <v>5.8549080035217065</v>
      </c>
      <c r="F2097" cm="1">
        <f t="array" ref="F2097">IFERROR(INDEX(Jesper!AJ$2:AJ$366,ROUNDDOWN($C2097/24,0)+1,1)*INDEX($D$3:$AA$30,INDEX(Jesper!$R$2:$R$366,ROW(INDEX(Jesper!AJ$2:AJ$366,ROUNDDOWN($C2097/24,0)+1,1))-1)+IF('Standard Profiles'!$G$20=$B$10,7,0)+IF('Standard Profiles'!$G$20=$B$17,14,0)+IF('Standard Profiles'!$G$20=$B$24,21,0),MOD($C2097,24)+1)/SUM(INDEX($D$3:$AA$30,INDEX(Jesper!$R$2:$R$366,ROW(INDEX(Jesper!AJ$2:AJ$366,ROUNDDOWN($C2097/24,0)+1,1))-1)+IF('Standard Profiles'!$G$20=$B$10,7,0)+IF('Standard Profiles'!$G$20=$B$17,14,0)+IF('Standard Profiles'!$G$20=$B$24,21,0),0)),0)</f>
        <v>0</v>
      </c>
      <c r="G2097" cm="1">
        <f t="array" ref="G2097">IFERROR(INDEX(Jesper!AK$2:AK$366,ROUNDDOWN($C2097/24,0)+1,1)*INDEX($D$3:$AA$30,INDEX(Jesper!$R$2:$R$366,ROW(INDEX(Jesper!AK$2:AK$366,ROUNDDOWN($C2097/24,0)+1,1))-1)+IF('Standard Profiles'!$G$21=$B$10,7,0)+IF('Standard Profiles'!$G$21=$B$17,14,0)+IF('Standard Profiles'!$G$21=$B$24,21,0),MOD($C2097,24)+1)/SUM(INDEX($D$3:$AA$30,INDEX(Jesper!$R$2:$R$366,ROW(INDEX(Jesper!AK$2:AK$366,ROUNDDOWN($C2097/24,0)+1,1))-1)+IF('Standard Profiles'!$G$21=$B$10,7,0)+IF('Standard Profiles'!$G$21=$B$17,14,0)+IF('Standard Profiles'!$G$21=$B$24,21,0),0)),0)</f>
        <v>5.5389853209991564</v>
      </c>
      <c r="H2097" cm="1">
        <f t="array" ref="H2097">IFERROR(INDEX(Jesper!AL$2:AL$366,ROUNDDOWN($C2097/24,0)+1,1)*INDEX($D$3:$AA$30,INDEX(Jesper!$R$2:$R$366,ROW(INDEX(Jesper!AL$2:AL$366,ROUNDDOWN($C2097/24,0)+1,1))-1)+IF('Standard Profiles'!$G$22=$B$10,7,0)+IF('Standard Profiles'!$G$22=$B$17,14,0)+IF('Standard Profiles'!$G$22=$B$24,21,0),MOD($C2097,24)+1)/SUM(INDEX($D$3:$AA$30,INDEX(Jesper!$R$2:$R$366,ROW(INDEX(Jesper!AL$2:AL$366,ROUNDDOWN($C2097/24,0)+1,1))-1)+IF('Standard Profiles'!$G$22=$B$10,7,0)+IF('Standard Profiles'!$G$22=$B$17,14,0)+IF('Standard Profiles'!$G$22=$B$24,21,0),0)),0)</f>
        <v>0</v>
      </c>
      <c r="I2097">
        <f t="shared" si="244"/>
        <v>2.658712954079594</v>
      </c>
      <c r="J2097">
        <f t="shared" si="245"/>
        <v>13.754795438732646</v>
      </c>
      <c r="K2097">
        <f t="shared" si="246"/>
        <v>0.63741143724334937</v>
      </c>
      <c r="L2097">
        <f t="shared" si="247"/>
        <v>0.31870571862167468</v>
      </c>
      <c r="M2097">
        <f t="shared" si="248"/>
        <v>0</v>
      </c>
      <c r="N2097" s="45">
        <f t="shared" si="249"/>
        <v>45012.95833332833</v>
      </c>
    </row>
    <row r="2098" spans="2:14" x14ac:dyDescent="0.25">
      <c r="B2098">
        <f t="shared" si="243"/>
        <v>2</v>
      </c>
      <c r="C2098" s="16">
        <v>2064</v>
      </c>
      <c r="D2098" cm="1">
        <f t="array" ref="D2098">IFERROR(INDEX(Jesper!AH$2:AH$366,ROUNDDOWN($C2098/24,0)+1,1)*INDEX($D$3:$AA$30,INDEX(Jesper!$R$2:$R$366,ROW(INDEX(Jesper!AH$2:AH$366,ROUNDDOWN($C2098/24,0)+1,1))-1)+IF('Standard Profiles'!$G$18=$B$10,7,0)+IF('Standard Profiles'!$G$18=$B$17,14,0)+IF('Standard Profiles'!$G$18=$B$24,21,0),MOD($C2098,24)+1)/SUM(INDEX($D$3:$AA$30,INDEX(Jesper!$R$2:$R$366,ROW(INDEX(Jesper!AH$2:AH$366,ROUNDDOWN($C2098/24,0)+1,1))-1)+IF('Standard Profiles'!$G$18=$B$10,7,0)+IF('Standard Profiles'!$G$18=$B$17,14,0)+IF('Standard Profiles'!$G$18=$B$24,21,0),0)),0)</f>
        <v>3.8924400066696299</v>
      </c>
      <c r="E2098" cm="1">
        <f t="array" ref="E2098">IFERROR(INDEX(Jesper!AI$2:AI$366,ROUNDDOWN($C2098/24,0)+1,1)*INDEX($D$3:$AA$30,INDEX(Jesper!$R$2:$R$366,ROW(INDEX(Jesper!AI$2:AI$366,ROUNDDOWN($C2098/24,0)+1,1))-1)+IF('Standard Profiles'!$G$19=$B$10,7,0)+IF('Standard Profiles'!$G$19=$B$17,14,0)+IF('Standard Profiles'!$G$19=$B$24,21,0),MOD($C2098,24)+1)/SUM(INDEX($D$3:$AA$30,INDEX(Jesper!$R$2:$R$366,ROW(INDEX(Jesper!AI$2:AI$366,ROUNDDOWN($C2098/24,0)+1,1))-1)+IF('Standard Profiles'!$G$19=$B$10,7,0)+IF('Standard Profiles'!$G$19=$B$17,14,0)+IF('Standard Profiles'!$G$19=$B$24,21,0),0)),0)</f>
        <v>4.4434246239069655</v>
      </c>
      <c r="F2098" cm="1">
        <f t="array" ref="F2098">IFERROR(INDEX(Jesper!AJ$2:AJ$366,ROUNDDOWN($C2098/24,0)+1,1)*INDEX($D$3:$AA$30,INDEX(Jesper!$R$2:$R$366,ROW(INDEX(Jesper!AJ$2:AJ$366,ROUNDDOWN($C2098/24,0)+1,1))-1)+IF('Standard Profiles'!$G$20=$B$10,7,0)+IF('Standard Profiles'!$G$20=$B$17,14,0)+IF('Standard Profiles'!$G$20=$B$24,21,0),MOD($C2098,24)+1)/SUM(INDEX($D$3:$AA$30,INDEX(Jesper!$R$2:$R$366,ROW(INDEX(Jesper!AJ$2:AJ$366,ROUNDDOWN($C2098/24,0)+1,1))-1)+IF('Standard Profiles'!$G$20=$B$10,7,0)+IF('Standard Profiles'!$G$20=$B$17,14,0)+IF('Standard Profiles'!$G$20=$B$24,21,0),0)),0)</f>
        <v>0</v>
      </c>
      <c r="G2098" cm="1">
        <f t="array" ref="G2098">IFERROR(INDEX(Jesper!AK$2:AK$366,ROUNDDOWN($C2098/24,0)+1,1)*INDEX($D$3:$AA$30,INDEX(Jesper!$R$2:$R$366,ROW(INDEX(Jesper!AK$2:AK$366,ROUNDDOWN($C2098/24,0)+1,1))-1)+IF('Standard Profiles'!$G$21=$B$10,7,0)+IF('Standard Profiles'!$G$21=$B$17,14,0)+IF('Standard Profiles'!$G$21=$B$24,21,0),MOD($C2098,24)+1)/SUM(INDEX($D$3:$AA$30,INDEX(Jesper!$R$2:$R$366,ROW(INDEX(Jesper!AK$2:AK$366,ROUNDDOWN($C2098/24,0)+1,1))-1)+IF('Standard Profiles'!$G$21=$B$10,7,0)+IF('Standard Profiles'!$G$21=$B$17,14,0)+IF('Standard Profiles'!$G$21=$B$24,21,0),0)),0)</f>
        <v>7.9820461017478861</v>
      </c>
      <c r="H2098" cm="1">
        <f t="array" ref="H2098">IFERROR(INDEX(Jesper!AL$2:AL$366,ROUNDDOWN($C2098/24,0)+1,1)*INDEX($D$3:$AA$30,INDEX(Jesper!$R$2:$R$366,ROW(INDEX(Jesper!AL$2:AL$366,ROUNDDOWN($C2098/24,0)+1,1))-1)+IF('Standard Profiles'!$G$22=$B$10,7,0)+IF('Standard Profiles'!$G$22=$B$17,14,0)+IF('Standard Profiles'!$G$22=$B$24,21,0),MOD($C2098,24)+1)/SUM(INDEX($D$3:$AA$30,INDEX(Jesper!$R$2:$R$366,ROW(INDEX(Jesper!AL$2:AL$366,ROUNDDOWN($C2098/24,0)+1,1))-1)+IF('Standard Profiles'!$G$22=$B$10,7,0)+IF('Standard Profiles'!$G$22=$B$17,14,0)+IF('Standard Profiles'!$G$22=$B$24,21,0),0)),0)</f>
        <v>0</v>
      </c>
      <c r="I2098">
        <f t="shared" si="244"/>
        <v>3.8313821288389835</v>
      </c>
      <c r="J2098">
        <f t="shared" si="245"/>
        <v>11.863738202418357</v>
      </c>
      <c r="K2098">
        <f t="shared" si="246"/>
        <v>0.41519360071142719</v>
      </c>
      <c r="L2098">
        <f t="shared" si="247"/>
        <v>0.2075968003557136</v>
      </c>
      <c r="M2098">
        <f t="shared" si="248"/>
        <v>0</v>
      </c>
      <c r="N2098" s="45">
        <f t="shared" si="249"/>
        <v>45012.999999994994</v>
      </c>
    </row>
    <row r="2099" spans="2:14" x14ac:dyDescent="0.25">
      <c r="B2099">
        <f t="shared" si="243"/>
        <v>2</v>
      </c>
      <c r="C2099" s="16">
        <v>2065</v>
      </c>
      <c r="D2099" cm="1">
        <f t="array" ref="D2099">IFERROR(INDEX(Jesper!AH$2:AH$366,ROUNDDOWN($C2099/24,0)+1,1)*INDEX($D$3:$AA$30,INDEX(Jesper!$R$2:$R$366,ROW(INDEX(Jesper!AH$2:AH$366,ROUNDDOWN($C2099/24,0)+1,1))-1)+IF('Standard Profiles'!$G$18=$B$10,7,0)+IF('Standard Profiles'!$G$18=$B$17,14,0)+IF('Standard Profiles'!$G$18=$B$24,21,0),MOD($C2099,24)+1)/SUM(INDEX($D$3:$AA$30,INDEX(Jesper!$R$2:$R$366,ROW(INDEX(Jesper!AH$2:AH$366,ROUNDDOWN($C2099/24,0)+1,1))-1)+IF('Standard Profiles'!$G$18=$B$10,7,0)+IF('Standard Profiles'!$G$18=$B$17,14,0)+IF('Standard Profiles'!$G$18=$B$24,21,0),0)),0)</f>
        <v>5.9313371530203893</v>
      </c>
      <c r="E2099" cm="1">
        <f t="array" ref="E2099">IFERROR(INDEX(Jesper!AI$2:AI$366,ROUNDDOWN($C2099/24,0)+1,1)*INDEX($D$3:$AA$30,INDEX(Jesper!$R$2:$R$366,ROW(INDEX(Jesper!AI$2:AI$366,ROUNDDOWN($C2099/24,0)+1,1))-1)+IF('Standard Profiles'!$G$19=$B$10,7,0)+IF('Standard Profiles'!$G$19=$B$17,14,0)+IF('Standard Profiles'!$G$19=$B$24,21,0),MOD($C2099,24)+1)/SUM(INDEX($D$3:$AA$30,INDEX(Jesper!$R$2:$R$366,ROW(INDEX(Jesper!AI$2:AI$366,ROUNDDOWN($C2099/24,0)+1,1))-1)+IF('Standard Profiles'!$G$19=$B$10,7,0)+IF('Standard Profiles'!$G$19=$B$17,14,0)+IF('Standard Profiles'!$G$19=$B$24,21,0),0)),0)</f>
        <v>6.7709327602391864</v>
      </c>
      <c r="F2099" cm="1">
        <f t="array" ref="F2099">IFERROR(INDEX(Jesper!AJ$2:AJ$366,ROUNDDOWN($C2099/24,0)+1,1)*INDEX($D$3:$AA$30,INDEX(Jesper!$R$2:$R$366,ROW(INDEX(Jesper!AJ$2:AJ$366,ROUNDDOWN($C2099/24,0)+1,1))-1)+IF('Standard Profiles'!$G$20=$B$10,7,0)+IF('Standard Profiles'!$G$20=$B$17,14,0)+IF('Standard Profiles'!$G$20=$B$24,21,0),MOD($C2099,24)+1)/SUM(INDEX($D$3:$AA$30,INDEX(Jesper!$R$2:$R$366,ROW(INDEX(Jesper!AJ$2:AJ$366,ROUNDDOWN($C2099/24,0)+1,1))-1)+IF('Standard Profiles'!$G$20=$B$10,7,0)+IF('Standard Profiles'!$G$20=$B$17,14,0)+IF('Standard Profiles'!$G$20=$B$24,21,0),0)),0)</f>
        <v>0</v>
      </c>
      <c r="G2099" cm="1">
        <f t="array" ref="G2099">IFERROR(INDEX(Jesper!AK$2:AK$366,ROUNDDOWN($C2099/24,0)+1,1)*INDEX($D$3:$AA$30,INDEX(Jesper!$R$2:$R$366,ROW(INDEX(Jesper!AK$2:AK$366,ROUNDDOWN($C2099/24,0)+1,1))-1)+IF('Standard Profiles'!$G$21=$B$10,7,0)+IF('Standard Profiles'!$G$21=$B$17,14,0)+IF('Standard Profiles'!$G$21=$B$24,21,0),MOD($C2099,24)+1)/SUM(INDEX($D$3:$AA$30,INDEX(Jesper!$R$2:$R$366,ROW(INDEX(Jesper!AK$2:AK$366,ROUNDDOWN($C2099/24,0)+1,1))-1)+IF('Standard Profiles'!$G$21=$B$10,7,0)+IF('Standard Profiles'!$G$21=$B$17,14,0)+IF('Standard Profiles'!$G$21=$B$24,21,0),0)),0)</f>
        <v>7.9820461017478861</v>
      </c>
      <c r="H2099" cm="1">
        <f t="array" ref="H2099">IFERROR(INDEX(Jesper!AL$2:AL$366,ROUNDDOWN($C2099/24,0)+1,1)*INDEX($D$3:$AA$30,INDEX(Jesper!$R$2:$R$366,ROW(INDEX(Jesper!AL$2:AL$366,ROUNDDOWN($C2099/24,0)+1,1))-1)+IF('Standard Profiles'!$G$22=$B$10,7,0)+IF('Standard Profiles'!$G$22=$B$17,14,0)+IF('Standard Profiles'!$G$22=$B$24,21,0),MOD($C2099,24)+1)/SUM(INDEX($D$3:$AA$30,INDEX(Jesper!$R$2:$R$366,ROW(INDEX(Jesper!AL$2:AL$366,ROUNDDOWN($C2099/24,0)+1,1))-1)+IF('Standard Profiles'!$G$22=$B$10,7,0)+IF('Standard Profiles'!$G$22=$B$17,14,0)+IF('Standard Profiles'!$G$22=$B$24,21,0),0)),0)</f>
        <v>0</v>
      </c>
      <c r="I2099">
        <f t="shared" si="244"/>
        <v>3.8313821288389835</v>
      </c>
      <c r="J2099">
        <f t="shared" si="245"/>
        <v>15.903919941685217</v>
      </c>
      <c r="K2099">
        <f t="shared" si="246"/>
        <v>0.63267596298884154</v>
      </c>
      <c r="L2099">
        <f t="shared" si="247"/>
        <v>0.31633798149442077</v>
      </c>
      <c r="M2099">
        <f t="shared" si="248"/>
        <v>0</v>
      </c>
      <c r="N2099" s="45">
        <f t="shared" si="249"/>
        <v>45013.041666661658</v>
      </c>
    </row>
    <row r="2100" spans="2:14" x14ac:dyDescent="0.25">
      <c r="B2100">
        <f t="shared" si="243"/>
        <v>2</v>
      </c>
      <c r="C2100" s="16">
        <v>2066</v>
      </c>
      <c r="D2100" cm="1">
        <f t="array" ref="D2100">IFERROR(INDEX(Jesper!AH$2:AH$366,ROUNDDOWN($C2100/24,0)+1,1)*INDEX($D$3:$AA$30,INDEX(Jesper!$R$2:$R$366,ROW(INDEX(Jesper!AH$2:AH$366,ROUNDDOWN($C2100/24,0)+1,1))-1)+IF('Standard Profiles'!$G$18=$B$10,7,0)+IF('Standard Profiles'!$G$18=$B$17,14,0)+IF('Standard Profiles'!$G$18=$B$24,21,0),MOD($C2100,24)+1)/SUM(INDEX($D$3:$AA$30,INDEX(Jesper!$R$2:$R$366,ROW(INDEX(Jesper!AH$2:AH$366,ROUNDDOWN($C2100/24,0)+1,1))-1)+IF('Standard Profiles'!$G$18=$B$10,7,0)+IF('Standard Profiles'!$G$18=$B$17,14,0)+IF('Standard Profiles'!$G$18=$B$24,21,0),0)),0)</f>
        <v>5.9313371530203893</v>
      </c>
      <c r="E2100" cm="1">
        <f t="array" ref="E2100">IFERROR(INDEX(Jesper!AI$2:AI$366,ROUNDDOWN($C2100/24,0)+1,1)*INDEX($D$3:$AA$30,INDEX(Jesper!$R$2:$R$366,ROW(INDEX(Jesper!AI$2:AI$366,ROUNDDOWN($C2100/24,0)+1,1))-1)+IF('Standard Profiles'!$G$19=$B$10,7,0)+IF('Standard Profiles'!$G$19=$B$17,14,0)+IF('Standard Profiles'!$G$19=$B$24,21,0),MOD($C2100,24)+1)/SUM(INDEX($D$3:$AA$30,INDEX(Jesper!$R$2:$R$366,ROW(INDEX(Jesper!AI$2:AI$366,ROUNDDOWN($C2100/24,0)+1,1))-1)+IF('Standard Profiles'!$G$19=$B$10,7,0)+IF('Standard Profiles'!$G$19=$B$17,14,0)+IF('Standard Profiles'!$G$19=$B$24,21,0),0)),0)</f>
        <v>6.7709327602391864</v>
      </c>
      <c r="F2100" cm="1">
        <f t="array" ref="F2100">IFERROR(INDEX(Jesper!AJ$2:AJ$366,ROUNDDOWN($C2100/24,0)+1,1)*INDEX($D$3:$AA$30,INDEX(Jesper!$R$2:$R$366,ROW(INDEX(Jesper!AJ$2:AJ$366,ROUNDDOWN($C2100/24,0)+1,1))-1)+IF('Standard Profiles'!$G$20=$B$10,7,0)+IF('Standard Profiles'!$G$20=$B$17,14,0)+IF('Standard Profiles'!$G$20=$B$24,21,0),MOD($C2100,24)+1)/SUM(INDEX($D$3:$AA$30,INDEX(Jesper!$R$2:$R$366,ROW(INDEX(Jesper!AJ$2:AJ$366,ROUNDDOWN($C2100/24,0)+1,1))-1)+IF('Standard Profiles'!$G$20=$B$10,7,0)+IF('Standard Profiles'!$G$20=$B$17,14,0)+IF('Standard Profiles'!$G$20=$B$24,21,0),0)),0)</f>
        <v>0</v>
      </c>
      <c r="G2100" cm="1">
        <f t="array" ref="G2100">IFERROR(INDEX(Jesper!AK$2:AK$366,ROUNDDOWN($C2100/24,0)+1,1)*INDEX($D$3:$AA$30,INDEX(Jesper!$R$2:$R$366,ROW(INDEX(Jesper!AK$2:AK$366,ROUNDDOWN($C2100/24,0)+1,1))-1)+IF('Standard Profiles'!$G$21=$B$10,7,0)+IF('Standard Profiles'!$G$21=$B$17,14,0)+IF('Standard Profiles'!$G$21=$B$24,21,0),MOD($C2100,24)+1)/SUM(INDEX($D$3:$AA$30,INDEX(Jesper!$R$2:$R$366,ROW(INDEX(Jesper!AK$2:AK$366,ROUNDDOWN($C2100/24,0)+1,1))-1)+IF('Standard Profiles'!$G$21=$B$10,7,0)+IF('Standard Profiles'!$G$21=$B$17,14,0)+IF('Standard Profiles'!$G$21=$B$24,21,0),0)),0)</f>
        <v>7.9820461017478861</v>
      </c>
      <c r="H2100" cm="1">
        <f t="array" ref="H2100">IFERROR(INDEX(Jesper!AL$2:AL$366,ROUNDDOWN($C2100/24,0)+1,1)*INDEX($D$3:$AA$30,INDEX(Jesper!$R$2:$R$366,ROW(INDEX(Jesper!AL$2:AL$366,ROUNDDOWN($C2100/24,0)+1,1))-1)+IF('Standard Profiles'!$G$22=$B$10,7,0)+IF('Standard Profiles'!$G$22=$B$17,14,0)+IF('Standard Profiles'!$G$22=$B$24,21,0),MOD($C2100,24)+1)/SUM(INDEX($D$3:$AA$30,INDEX(Jesper!$R$2:$R$366,ROW(INDEX(Jesper!AL$2:AL$366,ROUNDDOWN($C2100/24,0)+1,1))-1)+IF('Standard Profiles'!$G$22=$B$10,7,0)+IF('Standard Profiles'!$G$22=$B$17,14,0)+IF('Standard Profiles'!$G$22=$B$24,21,0),0)),0)</f>
        <v>0</v>
      </c>
      <c r="I2100">
        <f t="shared" si="244"/>
        <v>3.8313821288389835</v>
      </c>
      <c r="J2100">
        <f t="shared" si="245"/>
        <v>15.903919941685217</v>
      </c>
      <c r="K2100">
        <f t="shared" si="246"/>
        <v>0.63267596298884154</v>
      </c>
      <c r="L2100">
        <f t="shared" si="247"/>
        <v>0.31633798149442077</v>
      </c>
      <c r="M2100">
        <f t="shared" si="248"/>
        <v>0</v>
      </c>
      <c r="N2100" s="45">
        <f t="shared" si="249"/>
        <v>45013.083333328323</v>
      </c>
    </row>
    <row r="2101" spans="2:14" x14ac:dyDescent="0.25">
      <c r="B2101">
        <f t="shared" si="243"/>
        <v>2</v>
      </c>
      <c r="C2101" s="16">
        <v>2067</v>
      </c>
      <c r="D2101" cm="1">
        <f t="array" ref="D2101">IFERROR(INDEX(Jesper!AH$2:AH$366,ROUNDDOWN($C2101/24,0)+1,1)*INDEX($D$3:$AA$30,INDEX(Jesper!$R$2:$R$366,ROW(INDEX(Jesper!AH$2:AH$366,ROUNDDOWN($C2101/24,0)+1,1))-1)+IF('Standard Profiles'!$G$18=$B$10,7,0)+IF('Standard Profiles'!$G$18=$B$17,14,0)+IF('Standard Profiles'!$G$18=$B$24,21,0),MOD($C2101,24)+1)/SUM(INDEX($D$3:$AA$30,INDEX(Jesper!$R$2:$R$366,ROW(INDEX(Jesper!AH$2:AH$366,ROUNDDOWN($C2101/24,0)+1,1))-1)+IF('Standard Profiles'!$G$18=$B$10,7,0)+IF('Standard Profiles'!$G$18=$B$17,14,0)+IF('Standard Profiles'!$G$18=$B$24,21,0),0)),0)</f>
        <v>5.9313371530203893</v>
      </c>
      <c r="E2101" cm="1">
        <f t="array" ref="E2101">IFERROR(INDEX(Jesper!AI$2:AI$366,ROUNDDOWN($C2101/24,0)+1,1)*INDEX($D$3:$AA$30,INDEX(Jesper!$R$2:$R$366,ROW(INDEX(Jesper!AI$2:AI$366,ROUNDDOWN($C2101/24,0)+1,1))-1)+IF('Standard Profiles'!$G$19=$B$10,7,0)+IF('Standard Profiles'!$G$19=$B$17,14,0)+IF('Standard Profiles'!$G$19=$B$24,21,0),MOD($C2101,24)+1)/SUM(INDEX($D$3:$AA$30,INDEX(Jesper!$R$2:$R$366,ROW(INDEX(Jesper!AI$2:AI$366,ROUNDDOWN($C2101/24,0)+1,1))-1)+IF('Standard Profiles'!$G$19=$B$10,7,0)+IF('Standard Profiles'!$G$19=$B$17,14,0)+IF('Standard Profiles'!$G$19=$B$24,21,0),0)),0)</f>
        <v>6.7709327602391864</v>
      </c>
      <c r="F2101" cm="1">
        <f t="array" ref="F2101">IFERROR(INDEX(Jesper!AJ$2:AJ$366,ROUNDDOWN($C2101/24,0)+1,1)*INDEX($D$3:$AA$30,INDEX(Jesper!$R$2:$R$366,ROW(INDEX(Jesper!AJ$2:AJ$366,ROUNDDOWN($C2101/24,0)+1,1))-1)+IF('Standard Profiles'!$G$20=$B$10,7,0)+IF('Standard Profiles'!$G$20=$B$17,14,0)+IF('Standard Profiles'!$G$20=$B$24,21,0),MOD($C2101,24)+1)/SUM(INDEX($D$3:$AA$30,INDEX(Jesper!$R$2:$R$366,ROW(INDEX(Jesper!AJ$2:AJ$366,ROUNDDOWN($C2101/24,0)+1,1))-1)+IF('Standard Profiles'!$G$20=$B$10,7,0)+IF('Standard Profiles'!$G$20=$B$17,14,0)+IF('Standard Profiles'!$G$20=$B$24,21,0),0)),0)</f>
        <v>0</v>
      </c>
      <c r="G2101" cm="1">
        <f t="array" ref="G2101">IFERROR(INDEX(Jesper!AK$2:AK$366,ROUNDDOWN($C2101/24,0)+1,1)*INDEX($D$3:$AA$30,INDEX(Jesper!$R$2:$R$366,ROW(INDEX(Jesper!AK$2:AK$366,ROUNDDOWN($C2101/24,0)+1,1))-1)+IF('Standard Profiles'!$G$21=$B$10,7,0)+IF('Standard Profiles'!$G$21=$B$17,14,0)+IF('Standard Profiles'!$G$21=$B$24,21,0),MOD($C2101,24)+1)/SUM(INDEX($D$3:$AA$30,INDEX(Jesper!$R$2:$R$366,ROW(INDEX(Jesper!AK$2:AK$366,ROUNDDOWN($C2101/24,0)+1,1))-1)+IF('Standard Profiles'!$G$21=$B$10,7,0)+IF('Standard Profiles'!$G$21=$B$17,14,0)+IF('Standard Profiles'!$G$21=$B$24,21,0),0)),0)</f>
        <v>7.9820461017478861</v>
      </c>
      <c r="H2101" cm="1">
        <f t="array" ref="H2101">IFERROR(INDEX(Jesper!AL$2:AL$366,ROUNDDOWN($C2101/24,0)+1,1)*INDEX($D$3:$AA$30,INDEX(Jesper!$R$2:$R$366,ROW(INDEX(Jesper!AL$2:AL$366,ROUNDDOWN($C2101/24,0)+1,1))-1)+IF('Standard Profiles'!$G$22=$B$10,7,0)+IF('Standard Profiles'!$G$22=$B$17,14,0)+IF('Standard Profiles'!$G$22=$B$24,21,0),MOD($C2101,24)+1)/SUM(INDEX($D$3:$AA$30,INDEX(Jesper!$R$2:$R$366,ROW(INDEX(Jesper!AL$2:AL$366,ROUNDDOWN($C2101/24,0)+1,1))-1)+IF('Standard Profiles'!$G$22=$B$10,7,0)+IF('Standard Profiles'!$G$22=$B$17,14,0)+IF('Standard Profiles'!$G$22=$B$24,21,0),0)),0)</f>
        <v>0</v>
      </c>
      <c r="I2101">
        <f t="shared" si="244"/>
        <v>3.8313821288389835</v>
      </c>
      <c r="J2101">
        <f t="shared" si="245"/>
        <v>15.903919941685217</v>
      </c>
      <c r="K2101">
        <f t="shared" si="246"/>
        <v>0.63267596298884154</v>
      </c>
      <c r="L2101">
        <f t="shared" si="247"/>
        <v>0.31633798149442077</v>
      </c>
      <c r="M2101">
        <f t="shared" si="248"/>
        <v>0</v>
      </c>
      <c r="N2101" s="45">
        <f t="shared" si="249"/>
        <v>45013.124999994987</v>
      </c>
    </row>
    <row r="2102" spans="2:14" x14ac:dyDescent="0.25">
      <c r="B2102">
        <f t="shared" si="243"/>
        <v>2</v>
      </c>
      <c r="C2102" s="16">
        <v>2068</v>
      </c>
      <c r="D2102" cm="1">
        <f t="array" ref="D2102">IFERROR(INDEX(Jesper!AH$2:AH$366,ROUNDDOWN($C2102/24,0)+1,1)*INDEX($D$3:$AA$30,INDEX(Jesper!$R$2:$R$366,ROW(INDEX(Jesper!AH$2:AH$366,ROUNDDOWN($C2102/24,0)+1,1))-1)+IF('Standard Profiles'!$G$18=$B$10,7,0)+IF('Standard Profiles'!$G$18=$B$17,14,0)+IF('Standard Profiles'!$G$18=$B$24,21,0),MOD($C2102,24)+1)/SUM(INDEX($D$3:$AA$30,INDEX(Jesper!$R$2:$R$366,ROW(INDEX(Jesper!AH$2:AH$366,ROUNDDOWN($C2102/24,0)+1,1))-1)+IF('Standard Profiles'!$G$18=$B$10,7,0)+IF('Standard Profiles'!$G$18=$B$17,14,0)+IF('Standard Profiles'!$G$18=$B$24,21,0),0)),0)</f>
        <v>5.9313371530203893</v>
      </c>
      <c r="E2102" cm="1">
        <f t="array" ref="E2102">IFERROR(INDEX(Jesper!AI$2:AI$366,ROUNDDOWN($C2102/24,0)+1,1)*INDEX($D$3:$AA$30,INDEX(Jesper!$R$2:$R$366,ROW(INDEX(Jesper!AI$2:AI$366,ROUNDDOWN($C2102/24,0)+1,1))-1)+IF('Standard Profiles'!$G$19=$B$10,7,0)+IF('Standard Profiles'!$G$19=$B$17,14,0)+IF('Standard Profiles'!$G$19=$B$24,21,0),MOD($C2102,24)+1)/SUM(INDEX($D$3:$AA$30,INDEX(Jesper!$R$2:$R$366,ROW(INDEX(Jesper!AI$2:AI$366,ROUNDDOWN($C2102/24,0)+1,1))-1)+IF('Standard Profiles'!$G$19=$B$10,7,0)+IF('Standard Profiles'!$G$19=$B$17,14,0)+IF('Standard Profiles'!$G$19=$B$24,21,0),0)),0)</f>
        <v>6.7709327602391864</v>
      </c>
      <c r="F2102" cm="1">
        <f t="array" ref="F2102">IFERROR(INDEX(Jesper!AJ$2:AJ$366,ROUNDDOWN($C2102/24,0)+1,1)*INDEX($D$3:$AA$30,INDEX(Jesper!$R$2:$R$366,ROW(INDEX(Jesper!AJ$2:AJ$366,ROUNDDOWN($C2102/24,0)+1,1))-1)+IF('Standard Profiles'!$G$20=$B$10,7,0)+IF('Standard Profiles'!$G$20=$B$17,14,0)+IF('Standard Profiles'!$G$20=$B$24,21,0),MOD($C2102,24)+1)/SUM(INDEX($D$3:$AA$30,INDEX(Jesper!$R$2:$R$366,ROW(INDEX(Jesper!AJ$2:AJ$366,ROUNDDOWN($C2102/24,0)+1,1))-1)+IF('Standard Profiles'!$G$20=$B$10,7,0)+IF('Standard Profiles'!$G$20=$B$17,14,0)+IF('Standard Profiles'!$G$20=$B$24,21,0),0)),0)</f>
        <v>0</v>
      </c>
      <c r="G2102" cm="1">
        <f t="array" ref="G2102">IFERROR(INDEX(Jesper!AK$2:AK$366,ROUNDDOWN($C2102/24,0)+1,1)*INDEX($D$3:$AA$30,INDEX(Jesper!$R$2:$R$366,ROW(INDEX(Jesper!AK$2:AK$366,ROUNDDOWN($C2102/24,0)+1,1))-1)+IF('Standard Profiles'!$G$21=$B$10,7,0)+IF('Standard Profiles'!$G$21=$B$17,14,0)+IF('Standard Profiles'!$G$21=$B$24,21,0),MOD($C2102,24)+1)/SUM(INDEX($D$3:$AA$30,INDEX(Jesper!$R$2:$R$366,ROW(INDEX(Jesper!AK$2:AK$366,ROUNDDOWN($C2102/24,0)+1,1))-1)+IF('Standard Profiles'!$G$21=$B$10,7,0)+IF('Standard Profiles'!$G$21=$B$17,14,0)+IF('Standard Profiles'!$G$21=$B$24,21,0),0)),0)</f>
        <v>7.9820461017478861</v>
      </c>
      <c r="H2102" cm="1">
        <f t="array" ref="H2102">IFERROR(INDEX(Jesper!AL$2:AL$366,ROUNDDOWN($C2102/24,0)+1,1)*INDEX($D$3:$AA$30,INDEX(Jesper!$R$2:$R$366,ROW(INDEX(Jesper!AL$2:AL$366,ROUNDDOWN($C2102/24,0)+1,1))-1)+IF('Standard Profiles'!$G$22=$B$10,7,0)+IF('Standard Profiles'!$G$22=$B$17,14,0)+IF('Standard Profiles'!$G$22=$B$24,21,0),MOD($C2102,24)+1)/SUM(INDEX($D$3:$AA$30,INDEX(Jesper!$R$2:$R$366,ROW(INDEX(Jesper!AL$2:AL$366,ROUNDDOWN($C2102/24,0)+1,1))-1)+IF('Standard Profiles'!$G$22=$B$10,7,0)+IF('Standard Profiles'!$G$22=$B$17,14,0)+IF('Standard Profiles'!$G$22=$B$24,21,0),0)),0)</f>
        <v>0</v>
      </c>
      <c r="I2102">
        <f t="shared" si="244"/>
        <v>3.8313821288389835</v>
      </c>
      <c r="J2102">
        <f t="shared" si="245"/>
        <v>15.903919941685217</v>
      </c>
      <c r="K2102">
        <f t="shared" si="246"/>
        <v>0.63267596298884154</v>
      </c>
      <c r="L2102">
        <f t="shared" si="247"/>
        <v>0.31633798149442077</v>
      </c>
      <c r="M2102">
        <f t="shared" si="248"/>
        <v>0</v>
      </c>
      <c r="N2102" s="45">
        <f t="shared" si="249"/>
        <v>45013.166666661651</v>
      </c>
    </row>
    <row r="2103" spans="2:14" x14ac:dyDescent="0.25">
      <c r="B2103">
        <f t="shared" si="243"/>
        <v>2</v>
      </c>
      <c r="C2103" s="16">
        <v>2069</v>
      </c>
      <c r="D2103" cm="1">
        <f t="array" ref="D2103">IFERROR(INDEX(Jesper!AH$2:AH$366,ROUNDDOWN($C2103/24,0)+1,1)*INDEX($D$3:$AA$30,INDEX(Jesper!$R$2:$R$366,ROW(INDEX(Jesper!AH$2:AH$366,ROUNDDOWN($C2103/24,0)+1,1))-1)+IF('Standard Profiles'!$G$18=$B$10,7,0)+IF('Standard Profiles'!$G$18=$B$17,14,0)+IF('Standard Profiles'!$G$18=$B$24,21,0),MOD($C2103,24)+1)/SUM(INDEX($D$3:$AA$30,INDEX(Jesper!$R$2:$R$366,ROW(INDEX(Jesper!AH$2:AH$366,ROUNDDOWN($C2103/24,0)+1,1))-1)+IF('Standard Profiles'!$G$18=$B$10,7,0)+IF('Standard Profiles'!$G$18=$B$17,14,0)+IF('Standard Profiles'!$G$18=$B$24,21,0),0)),0)</f>
        <v>5.9313371530203893</v>
      </c>
      <c r="E2103" cm="1">
        <f t="array" ref="E2103">IFERROR(INDEX(Jesper!AI$2:AI$366,ROUNDDOWN($C2103/24,0)+1,1)*INDEX($D$3:$AA$30,INDEX(Jesper!$R$2:$R$366,ROW(INDEX(Jesper!AI$2:AI$366,ROUNDDOWN($C2103/24,0)+1,1))-1)+IF('Standard Profiles'!$G$19=$B$10,7,0)+IF('Standard Profiles'!$G$19=$B$17,14,0)+IF('Standard Profiles'!$G$19=$B$24,21,0),MOD($C2103,24)+1)/SUM(INDEX($D$3:$AA$30,INDEX(Jesper!$R$2:$R$366,ROW(INDEX(Jesper!AI$2:AI$366,ROUNDDOWN($C2103/24,0)+1,1))-1)+IF('Standard Profiles'!$G$19=$B$10,7,0)+IF('Standard Profiles'!$G$19=$B$17,14,0)+IF('Standard Profiles'!$G$19=$B$24,21,0),0)),0)</f>
        <v>6.7709327602391864</v>
      </c>
      <c r="F2103" cm="1">
        <f t="array" ref="F2103">IFERROR(INDEX(Jesper!AJ$2:AJ$366,ROUNDDOWN($C2103/24,0)+1,1)*INDEX($D$3:$AA$30,INDEX(Jesper!$R$2:$R$366,ROW(INDEX(Jesper!AJ$2:AJ$366,ROUNDDOWN($C2103/24,0)+1,1))-1)+IF('Standard Profiles'!$G$20=$B$10,7,0)+IF('Standard Profiles'!$G$20=$B$17,14,0)+IF('Standard Profiles'!$G$20=$B$24,21,0),MOD($C2103,24)+1)/SUM(INDEX($D$3:$AA$30,INDEX(Jesper!$R$2:$R$366,ROW(INDEX(Jesper!AJ$2:AJ$366,ROUNDDOWN($C2103/24,0)+1,1))-1)+IF('Standard Profiles'!$G$20=$B$10,7,0)+IF('Standard Profiles'!$G$20=$B$17,14,0)+IF('Standard Profiles'!$G$20=$B$24,21,0),0)),0)</f>
        <v>0</v>
      </c>
      <c r="G2103" cm="1">
        <f t="array" ref="G2103">IFERROR(INDEX(Jesper!AK$2:AK$366,ROUNDDOWN($C2103/24,0)+1,1)*INDEX($D$3:$AA$30,INDEX(Jesper!$R$2:$R$366,ROW(INDEX(Jesper!AK$2:AK$366,ROUNDDOWN($C2103/24,0)+1,1))-1)+IF('Standard Profiles'!$G$21=$B$10,7,0)+IF('Standard Profiles'!$G$21=$B$17,14,0)+IF('Standard Profiles'!$G$21=$B$24,21,0),MOD($C2103,24)+1)/SUM(INDEX($D$3:$AA$30,INDEX(Jesper!$R$2:$R$366,ROW(INDEX(Jesper!AK$2:AK$366,ROUNDDOWN($C2103/24,0)+1,1))-1)+IF('Standard Profiles'!$G$21=$B$10,7,0)+IF('Standard Profiles'!$G$21=$B$17,14,0)+IF('Standard Profiles'!$G$21=$B$24,21,0),0)),0)</f>
        <v>7.9820461017478861</v>
      </c>
      <c r="H2103" cm="1">
        <f t="array" ref="H2103">IFERROR(INDEX(Jesper!AL$2:AL$366,ROUNDDOWN($C2103/24,0)+1,1)*INDEX($D$3:$AA$30,INDEX(Jesper!$R$2:$R$366,ROW(INDEX(Jesper!AL$2:AL$366,ROUNDDOWN($C2103/24,0)+1,1))-1)+IF('Standard Profiles'!$G$22=$B$10,7,0)+IF('Standard Profiles'!$G$22=$B$17,14,0)+IF('Standard Profiles'!$G$22=$B$24,21,0),MOD($C2103,24)+1)/SUM(INDEX($D$3:$AA$30,INDEX(Jesper!$R$2:$R$366,ROW(INDEX(Jesper!AL$2:AL$366,ROUNDDOWN($C2103/24,0)+1,1))-1)+IF('Standard Profiles'!$G$22=$B$10,7,0)+IF('Standard Profiles'!$G$22=$B$17,14,0)+IF('Standard Profiles'!$G$22=$B$24,21,0),0)),0)</f>
        <v>0</v>
      </c>
      <c r="I2103">
        <f t="shared" si="244"/>
        <v>3.8313821288389835</v>
      </c>
      <c r="J2103">
        <f t="shared" si="245"/>
        <v>15.903919941685217</v>
      </c>
      <c r="K2103">
        <f t="shared" si="246"/>
        <v>0.63267596298884154</v>
      </c>
      <c r="L2103">
        <f t="shared" si="247"/>
        <v>0.31633798149442077</v>
      </c>
      <c r="M2103">
        <f t="shared" si="248"/>
        <v>0</v>
      </c>
      <c r="N2103" s="45">
        <f t="shared" si="249"/>
        <v>45013.208333328315</v>
      </c>
    </row>
    <row r="2104" spans="2:14" x14ac:dyDescent="0.25">
      <c r="B2104">
        <f t="shared" si="243"/>
        <v>2</v>
      </c>
      <c r="C2104" s="16">
        <v>2070</v>
      </c>
      <c r="D2104" cm="1">
        <f t="array" ref="D2104">IFERROR(INDEX(Jesper!AH$2:AH$366,ROUNDDOWN($C2104/24,0)+1,1)*INDEX($D$3:$AA$30,INDEX(Jesper!$R$2:$R$366,ROW(INDEX(Jesper!AH$2:AH$366,ROUNDDOWN($C2104/24,0)+1,1))-1)+IF('Standard Profiles'!$G$18=$B$10,7,0)+IF('Standard Profiles'!$G$18=$B$17,14,0)+IF('Standard Profiles'!$G$18=$B$24,21,0),MOD($C2104,24)+1)/SUM(INDEX($D$3:$AA$30,INDEX(Jesper!$R$2:$R$366,ROW(INDEX(Jesper!AH$2:AH$366,ROUNDDOWN($C2104/24,0)+1,1))-1)+IF('Standard Profiles'!$G$18=$B$10,7,0)+IF('Standard Profiles'!$G$18=$B$17,14,0)+IF('Standard Profiles'!$G$18=$B$24,21,0),0)),0)</f>
        <v>5.9313371530203893</v>
      </c>
      <c r="E2104" cm="1">
        <f t="array" ref="E2104">IFERROR(INDEX(Jesper!AI$2:AI$366,ROUNDDOWN($C2104/24,0)+1,1)*INDEX($D$3:$AA$30,INDEX(Jesper!$R$2:$R$366,ROW(INDEX(Jesper!AI$2:AI$366,ROUNDDOWN($C2104/24,0)+1,1))-1)+IF('Standard Profiles'!$G$19=$B$10,7,0)+IF('Standard Profiles'!$G$19=$B$17,14,0)+IF('Standard Profiles'!$G$19=$B$24,21,0),MOD($C2104,24)+1)/SUM(INDEX($D$3:$AA$30,INDEX(Jesper!$R$2:$R$366,ROW(INDEX(Jesper!AI$2:AI$366,ROUNDDOWN($C2104/24,0)+1,1))-1)+IF('Standard Profiles'!$G$19=$B$10,7,0)+IF('Standard Profiles'!$G$19=$B$17,14,0)+IF('Standard Profiles'!$G$19=$B$24,21,0),0)),0)</f>
        <v>6.7709327602391864</v>
      </c>
      <c r="F2104" cm="1">
        <f t="array" ref="F2104">IFERROR(INDEX(Jesper!AJ$2:AJ$366,ROUNDDOWN($C2104/24,0)+1,1)*INDEX($D$3:$AA$30,INDEX(Jesper!$R$2:$R$366,ROW(INDEX(Jesper!AJ$2:AJ$366,ROUNDDOWN($C2104/24,0)+1,1))-1)+IF('Standard Profiles'!$G$20=$B$10,7,0)+IF('Standard Profiles'!$G$20=$B$17,14,0)+IF('Standard Profiles'!$G$20=$B$24,21,0),MOD($C2104,24)+1)/SUM(INDEX($D$3:$AA$30,INDEX(Jesper!$R$2:$R$366,ROW(INDEX(Jesper!AJ$2:AJ$366,ROUNDDOWN($C2104/24,0)+1,1))-1)+IF('Standard Profiles'!$G$20=$B$10,7,0)+IF('Standard Profiles'!$G$20=$B$17,14,0)+IF('Standard Profiles'!$G$20=$B$24,21,0),0)),0)</f>
        <v>0</v>
      </c>
      <c r="G2104" cm="1">
        <f t="array" ref="G2104">IFERROR(INDEX(Jesper!AK$2:AK$366,ROUNDDOWN($C2104/24,0)+1,1)*INDEX($D$3:$AA$30,INDEX(Jesper!$R$2:$R$366,ROW(INDEX(Jesper!AK$2:AK$366,ROUNDDOWN($C2104/24,0)+1,1))-1)+IF('Standard Profiles'!$G$21=$B$10,7,0)+IF('Standard Profiles'!$G$21=$B$17,14,0)+IF('Standard Profiles'!$G$21=$B$24,21,0),MOD($C2104,24)+1)/SUM(INDEX($D$3:$AA$30,INDEX(Jesper!$R$2:$R$366,ROW(INDEX(Jesper!AK$2:AK$366,ROUNDDOWN($C2104/24,0)+1,1))-1)+IF('Standard Profiles'!$G$21=$B$10,7,0)+IF('Standard Profiles'!$G$21=$B$17,14,0)+IF('Standard Profiles'!$G$21=$B$24,21,0),0)),0)</f>
        <v>7.9820461017478861</v>
      </c>
      <c r="H2104" cm="1">
        <f t="array" ref="H2104">IFERROR(INDEX(Jesper!AL$2:AL$366,ROUNDDOWN($C2104/24,0)+1,1)*INDEX($D$3:$AA$30,INDEX(Jesper!$R$2:$R$366,ROW(INDEX(Jesper!AL$2:AL$366,ROUNDDOWN($C2104/24,0)+1,1))-1)+IF('Standard Profiles'!$G$22=$B$10,7,0)+IF('Standard Profiles'!$G$22=$B$17,14,0)+IF('Standard Profiles'!$G$22=$B$24,21,0),MOD($C2104,24)+1)/SUM(INDEX($D$3:$AA$30,INDEX(Jesper!$R$2:$R$366,ROW(INDEX(Jesper!AL$2:AL$366,ROUNDDOWN($C2104/24,0)+1,1))-1)+IF('Standard Profiles'!$G$22=$B$10,7,0)+IF('Standard Profiles'!$G$22=$B$17,14,0)+IF('Standard Profiles'!$G$22=$B$24,21,0),0)),0)</f>
        <v>0</v>
      </c>
      <c r="I2104">
        <f t="shared" si="244"/>
        <v>3.8313821288389835</v>
      </c>
      <c r="J2104">
        <f t="shared" si="245"/>
        <v>15.903919941685217</v>
      </c>
      <c r="K2104">
        <f t="shared" si="246"/>
        <v>0.63267596298884154</v>
      </c>
      <c r="L2104">
        <f t="shared" si="247"/>
        <v>0.31633798149442077</v>
      </c>
      <c r="M2104">
        <f t="shared" si="248"/>
        <v>0</v>
      </c>
      <c r="N2104" s="45">
        <f t="shared" si="249"/>
        <v>45013.24999999498</v>
      </c>
    </row>
    <row r="2105" spans="2:14" x14ac:dyDescent="0.25">
      <c r="B2105">
        <f t="shared" si="243"/>
        <v>2</v>
      </c>
      <c r="C2105" s="16">
        <v>2071</v>
      </c>
      <c r="D2105" cm="1">
        <f t="array" ref="D2105">IFERROR(INDEX(Jesper!AH$2:AH$366,ROUNDDOWN($C2105/24,0)+1,1)*INDEX($D$3:$AA$30,INDEX(Jesper!$R$2:$R$366,ROW(INDEX(Jesper!AH$2:AH$366,ROUNDDOWN($C2105/24,0)+1,1))-1)+IF('Standard Profiles'!$G$18=$B$10,7,0)+IF('Standard Profiles'!$G$18=$B$17,14,0)+IF('Standard Profiles'!$G$18=$B$24,21,0),MOD($C2105,24)+1)/SUM(INDEX($D$3:$AA$30,INDEX(Jesper!$R$2:$R$366,ROW(INDEX(Jesper!AH$2:AH$366,ROUNDDOWN($C2105/24,0)+1,1))-1)+IF('Standard Profiles'!$G$18=$B$10,7,0)+IF('Standard Profiles'!$G$18=$B$17,14,0)+IF('Standard Profiles'!$G$18=$B$24,21,0),0)),0)</f>
        <v>25.004293185701574</v>
      </c>
      <c r="E2105" cm="1">
        <f t="array" ref="E2105">IFERROR(INDEX(Jesper!AI$2:AI$366,ROUNDDOWN($C2105/24,0)+1,1)*INDEX($D$3:$AA$30,INDEX(Jesper!$R$2:$R$366,ROW(INDEX(Jesper!AI$2:AI$366,ROUNDDOWN($C2105/24,0)+1,1))-1)+IF('Standard Profiles'!$G$19=$B$10,7,0)+IF('Standard Profiles'!$G$19=$B$17,14,0)+IF('Standard Profiles'!$G$19=$B$24,21,0),MOD($C2105,24)+1)/SUM(INDEX($D$3:$AA$30,INDEX(Jesper!$R$2:$R$366,ROW(INDEX(Jesper!AI$2:AI$366,ROUNDDOWN($C2105/24,0)+1,1))-1)+IF('Standard Profiles'!$G$19=$B$10,7,0)+IF('Standard Profiles'!$G$19=$B$17,14,0)+IF('Standard Profiles'!$G$19=$B$24,21,0),0)),0)</f>
        <v>28.543713417383316</v>
      </c>
      <c r="F2105" cm="1">
        <f t="array" ref="F2105">IFERROR(INDEX(Jesper!AJ$2:AJ$366,ROUNDDOWN($C2105/24,0)+1,1)*INDEX($D$3:$AA$30,INDEX(Jesper!$R$2:$R$366,ROW(INDEX(Jesper!AJ$2:AJ$366,ROUNDDOWN($C2105/24,0)+1,1))-1)+IF('Standard Profiles'!$G$20=$B$10,7,0)+IF('Standard Profiles'!$G$20=$B$17,14,0)+IF('Standard Profiles'!$G$20=$B$24,21,0),MOD($C2105,24)+1)/SUM(INDEX($D$3:$AA$30,INDEX(Jesper!$R$2:$R$366,ROW(INDEX(Jesper!AJ$2:AJ$366,ROUNDDOWN($C2105/24,0)+1,1))-1)+IF('Standard Profiles'!$G$20=$B$10,7,0)+IF('Standard Profiles'!$G$20=$B$17,14,0)+IF('Standard Profiles'!$G$20=$B$24,21,0),0)),0)</f>
        <v>0</v>
      </c>
      <c r="G2105" cm="1">
        <f t="array" ref="G2105">IFERROR(INDEX(Jesper!AK$2:AK$366,ROUNDDOWN($C2105/24,0)+1,1)*INDEX($D$3:$AA$30,INDEX(Jesper!$R$2:$R$366,ROW(INDEX(Jesper!AK$2:AK$366,ROUNDDOWN($C2105/24,0)+1,1))-1)+IF('Standard Profiles'!$G$21=$B$10,7,0)+IF('Standard Profiles'!$G$21=$B$17,14,0)+IF('Standard Profiles'!$G$21=$B$24,21,0),MOD($C2105,24)+1)/SUM(INDEX($D$3:$AA$30,INDEX(Jesper!$R$2:$R$366,ROW(INDEX(Jesper!AK$2:AK$366,ROUNDDOWN($C2105/24,0)+1,1))-1)+IF('Standard Profiles'!$G$21=$B$10,7,0)+IF('Standard Profiles'!$G$21=$B$17,14,0)+IF('Standard Profiles'!$G$21=$B$24,21,0),0)),0)</f>
        <v>22.993442480196325</v>
      </c>
      <c r="H2105" cm="1">
        <f t="array" ref="H2105">IFERROR(INDEX(Jesper!AL$2:AL$366,ROUNDDOWN($C2105/24,0)+1,1)*INDEX($D$3:$AA$30,INDEX(Jesper!$R$2:$R$366,ROW(INDEX(Jesper!AL$2:AL$366,ROUNDDOWN($C2105/24,0)+1,1))-1)+IF('Standard Profiles'!$G$22=$B$10,7,0)+IF('Standard Profiles'!$G$22=$B$17,14,0)+IF('Standard Profiles'!$G$22=$B$24,21,0),MOD($C2105,24)+1)/SUM(INDEX($D$3:$AA$30,INDEX(Jesper!$R$2:$R$366,ROW(INDEX(Jesper!AL$2:AL$366,ROUNDDOWN($C2105/24,0)+1,1))-1)+IF('Standard Profiles'!$G$22=$B$10,7,0)+IF('Standard Profiles'!$G$22=$B$17,14,0)+IF('Standard Profiles'!$G$22=$B$24,21,0),0)),0)</f>
        <v>0</v>
      </c>
      <c r="I2105">
        <f t="shared" si="244"/>
        <v>11.03685239049423</v>
      </c>
      <c r="J2105">
        <f t="shared" si="245"/>
        <v>61.503909783074732</v>
      </c>
      <c r="K2105">
        <f t="shared" si="246"/>
        <v>2.6671246064748346</v>
      </c>
      <c r="L2105">
        <f t="shared" si="247"/>
        <v>1.3335623032374173</v>
      </c>
      <c r="M2105">
        <f t="shared" si="248"/>
        <v>0</v>
      </c>
      <c r="N2105" s="45">
        <f t="shared" si="249"/>
        <v>45013.291666661644</v>
      </c>
    </row>
    <row r="2106" spans="2:14" x14ac:dyDescent="0.25">
      <c r="B2106">
        <f t="shared" si="243"/>
        <v>2</v>
      </c>
      <c r="C2106" s="16">
        <v>2072</v>
      </c>
      <c r="D2106" cm="1">
        <f t="array" ref="D2106">IFERROR(INDEX(Jesper!AH$2:AH$366,ROUNDDOWN($C2106/24,0)+1,1)*INDEX($D$3:$AA$30,INDEX(Jesper!$R$2:$R$366,ROW(INDEX(Jesper!AH$2:AH$366,ROUNDDOWN($C2106/24,0)+1,1))-1)+IF('Standard Profiles'!$G$18=$B$10,7,0)+IF('Standard Profiles'!$G$18=$B$17,14,0)+IF('Standard Profiles'!$G$18=$B$24,21,0),MOD($C2106,24)+1)/SUM(INDEX($D$3:$AA$30,INDEX(Jesper!$R$2:$R$366,ROW(INDEX(Jesper!AH$2:AH$366,ROUNDDOWN($C2106/24,0)+1,1))-1)+IF('Standard Profiles'!$G$18=$B$10,7,0)+IF('Standard Profiles'!$G$18=$B$17,14,0)+IF('Standard Profiles'!$G$18=$B$24,21,0),0)),0)</f>
        <v>27.899527133519651</v>
      </c>
      <c r="E2106" cm="1">
        <f t="array" ref="E2106">IFERROR(INDEX(Jesper!AI$2:AI$366,ROUNDDOWN($C2106/24,0)+1,1)*INDEX($D$3:$AA$30,INDEX(Jesper!$R$2:$R$366,ROW(INDEX(Jesper!AI$2:AI$366,ROUNDDOWN($C2106/24,0)+1,1))-1)+IF('Standard Profiles'!$G$19=$B$10,7,0)+IF('Standard Profiles'!$G$19=$B$17,14,0)+IF('Standard Profiles'!$G$19=$B$24,21,0),MOD($C2106,24)+1)/SUM(INDEX($D$3:$AA$30,INDEX(Jesper!$R$2:$R$366,ROW(INDEX(Jesper!AI$2:AI$366,ROUNDDOWN($C2106/24,0)+1,1))-1)+IF('Standard Profiles'!$G$19=$B$10,7,0)+IF('Standard Profiles'!$G$19=$B$17,14,0)+IF('Standard Profiles'!$G$19=$B$24,21,0),0)),0)</f>
        <v>31.848774970975072</v>
      </c>
      <c r="F2106" cm="1">
        <f t="array" ref="F2106">IFERROR(INDEX(Jesper!AJ$2:AJ$366,ROUNDDOWN($C2106/24,0)+1,1)*INDEX($D$3:$AA$30,INDEX(Jesper!$R$2:$R$366,ROW(INDEX(Jesper!AJ$2:AJ$366,ROUNDDOWN($C2106/24,0)+1,1))-1)+IF('Standard Profiles'!$G$20=$B$10,7,0)+IF('Standard Profiles'!$G$20=$B$17,14,0)+IF('Standard Profiles'!$G$20=$B$24,21,0),MOD($C2106,24)+1)/SUM(INDEX($D$3:$AA$30,INDEX(Jesper!$R$2:$R$366,ROW(INDEX(Jesper!AJ$2:AJ$366,ROUNDDOWN($C2106/24,0)+1,1))-1)+IF('Standard Profiles'!$G$20=$B$10,7,0)+IF('Standard Profiles'!$G$20=$B$17,14,0)+IF('Standard Profiles'!$G$20=$B$24,21,0),0)),0)</f>
        <v>0</v>
      </c>
      <c r="G2106" cm="1">
        <f t="array" ref="G2106">IFERROR(INDEX(Jesper!AK$2:AK$366,ROUNDDOWN($C2106/24,0)+1,1)*INDEX($D$3:$AA$30,INDEX(Jesper!$R$2:$R$366,ROW(INDEX(Jesper!AK$2:AK$366,ROUNDDOWN($C2106/24,0)+1,1))-1)+IF('Standard Profiles'!$G$21=$B$10,7,0)+IF('Standard Profiles'!$G$21=$B$17,14,0)+IF('Standard Profiles'!$G$21=$B$24,21,0),MOD($C2106,24)+1)/SUM(INDEX($D$3:$AA$30,INDEX(Jesper!$R$2:$R$366,ROW(INDEX(Jesper!AK$2:AK$366,ROUNDDOWN($C2106/24,0)+1,1))-1)+IF('Standard Profiles'!$G$21=$B$10,7,0)+IF('Standard Profiles'!$G$21=$B$17,14,0)+IF('Standard Profiles'!$G$21=$B$24,21,0),0)),0)</f>
        <v>25.655841083166429</v>
      </c>
      <c r="H2106" cm="1">
        <f t="array" ref="H2106">IFERROR(INDEX(Jesper!AL$2:AL$366,ROUNDDOWN($C2106/24,0)+1,1)*INDEX($D$3:$AA$30,INDEX(Jesper!$R$2:$R$366,ROW(INDEX(Jesper!AL$2:AL$366,ROUNDDOWN($C2106/24,0)+1,1))-1)+IF('Standard Profiles'!$G$22=$B$10,7,0)+IF('Standard Profiles'!$G$22=$B$17,14,0)+IF('Standard Profiles'!$G$22=$B$24,21,0),MOD($C2106,24)+1)/SUM(INDEX($D$3:$AA$30,INDEX(Jesper!$R$2:$R$366,ROW(INDEX(Jesper!AL$2:AL$366,ROUNDDOWN($C2106/24,0)+1,1))-1)+IF('Standard Profiles'!$G$22=$B$10,7,0)+IF('Standard Profiles'!$G$22=$B$17,14,0)+IF('Standard Profiles'!$G$22=$B$24,21,0),0)),0)</f>
        <v>0</v>
      </c>
      <c r="I2106">
        <f t="shared" si="244"/>
        <v>12.31480371991988</v>
      </c>
      <c r="J2106">
        <f t="shared" si="245"/>
        <v>68.62541512637813</v>
      </c>
      <c r="K2106">
        <f t="shared" si="246"/>
        <v>2.9759495609087629</v>
      </c>
      <c r="L2106">
        <f t="shared" si="247"/>
        <v>1.4879747804543815</v>
      </c>
      <c r="M2106">
        <f t="shared" si="248"/>
        <v>0</v>
      </c>
      <c r="N2106" s="45">
        <f t="shared" si="249"/>
        <v>45013.333333328308</v>
      </c>
    </row>
    <row r="2107" spans="2:14" x14ac:dyDescent="0.25">
      <c r="B2107">
        <f t="shared" si="243"/>
        <v>2</v>
      </c>
      <c r="C2107" s="16">
        <v>2073</v>
      </c>
      <c r="D2107" cm="1">
        <f t="array" ref="D2107">IFERROR(INDEX(Jesper!AH$2:AH$366,ROUNDDOWN($C2107/24,0)+1,1)*INDEX($D$3:$AA$30,INDEX(Jesper!$R$2:$R$366,ROW(INDEX(Jesper!AH$2:AH$366,ROUNDDOWN($C2107/24,0)+1,1))-1)+IF('Standard Profiles'!$G$18=$B$10,7,0)+IF('Standard Profiles'!$G$18=$B$17,14,0)+IF('Standard Profiles'!$G$18=$B$24,21,0),MOD($C2107,24)+1)/SUM(INDEX($D$3:$AA$30,INDEX(Jesper!$R$2:$R$366,ROW(INDEX(Jesper!AH$2:AH$366,ROUNDDOWN($C2107/24,0)+1,1))-1)+IF('Standard Profiles'!$G$18=$B$10,7,0)+IF('Standard Profiles'!$G$18=$B$17,14,0)+IF('Standard Profiles'!$G$18=$B$24,21,0),0)),0)</f>
        <v>30.794761081337732</v>
      </c>
      <c r="E2107" cm="1">
        <f t="array" ref="E2107">IFERROR(INDEX(Jesper!AI$2:AI$366,ROUNDDOWN($C2107/24,0)+1,1)*INDEX($D$3:$AA$30,INDEX(Jesper!$R$2:$R$366,ROW(INDEX(Jesper!AI$2:AI$366,ROUNDDOWN($C2107/24,0)+1,1))-1)+IF('Standard Profiles'!$G$19=$B$10,7,0)+IF('Standard Profiles'!$G$19=$B$17,14,0)+IF('Standard Profiles'!$G$19=$B$24,21,0),MOD($C2107,24)+1)/SUM(INDEX($D$3:$AA$30,INDEX(Jesper!$R$2:$R$366,ROW(INDEX(Jesper!AI$2:AI$366,ROUNDDOWN($C2107/24,0)+1,1))-1)+IF('Standard Profiles'!$G$19=$B$10,7,0)+IF('Standard Profiles'!$G$19=$B$17,14,0)+IF('Standard Profiles'!$G$19=$B$24,21,0),0)),0)</f>
        <v>35.15383652456682</v>
      </c>
      <c r="F2107" cm="1">
        <f t="array" ref="F2107">IFERROR(INDEX(Jesper!AJ$2:AJ$366,ROUNDDOWN($C2107/24,0)+1,1)*INDEX($D$3:$AA$30,INDEX(Jesper!$R$2:$R$366,ROW(INDEX(Jesper!AJ$2:AJ$366,ROUNDDOWN($C2107/24,0)+1,1))-1)+IF('Standard Profiles'!$G$20=$B$10,7,0)+IF('Standard Profiles'!$G$20=$B$17,14,0)+IF('Standard Profiles'!$G$20=$B$24,21,0),MOD($C2107,24)+1)/SUM(INDEX($D$3:$AA$30,INDEX(Jesper!$R$2:$R$366,ROW(INDEX(Jesper!AJ$2:AJ$366,ROUNDDOWN($C2107/24,0)+1,1))-1)+IF('Standard Profiles'!$G$20=$B$10,7,0)+IF('Standard Profiles'!$G$20=$B$17,14,0)+IF('Standard Profiles'!$G$20=$B$24,21,0),0)),0)</f>
        <v>0</v>
      </c>
      <c r="G2107" cm="1">
        <f t="array" ref="G2107">IFERROR(INDEX(Jesper!AK$2:AK$366,ROUNDDOWN($C2107/24,0)+1,1)*INDEX($D$3:$AA$30,INDEX(Jesper!$R$2:$R$366,ROW(INDEX(Jesper!AK$2:AK$366,ROUNDDOWN($C2107/24,0)+1,1))-1)+IF('Standard Profiles'!$G$21=$B$10,7,0)+IF('Standard Profiles'!$G$21=$B$17,14,0)+IF('Standard Profiles'!$G$21=$B$24,21,0),MOD($C2107,24)+1)/SUM(INDEX($D$3:$AA$30,INDEX(Jesper!$R$2:$R$366,ROW(INDEX(Jesper!AK$2:AK$366,ROUNDDOWN($C2107/24,0)+1,1))-1)+IF('Standard Profiles'!$G$21=$B$10,7,0)+IF('Standard Profiles'!$G$21=$B$17,14,0)+IF('Standard Profiles'!$G$21=$B$24,21,0),0)),0)</f>
        <v>28.318239686136529</v>
      </c>
      <c r="H2107" cm="1">
        <f t="array" ref="H2107">IFERROR(INDEX(Jesper!AL$2:AL$366,ROUNDDOWN($C2107/24,0)+1,1)*INDEX($D$3:$AA$30,INDEX(Jesper!$R$2:$R$366,ROW(INDEX(Jesper!AL$2:AL$366,ROUNDDOWN($C2107/24,0)+1,1))-1)+IF('Standard Profiles'!$G$22=$B$10,7,0)+IF('Standard Profiles'!$G$22=$B$17,14,0)+IF('Standard Profiles'!$G$22=$B$24,21,0),MOD($C2107,24)+1)/SUM(INDEX($D$3:$AA$30,INDEX(Jesper!$R$2:$R$366,ROW(INDEX(Jesper!AL$2:AL$366,ROUNDDOWN($C2107/24,0)+1,1))-1)+IF('Standard Profiles'!$G$22=$B$10,7,0)+IF('Standard Profiles'!$G$22=$B$17,14,0)+IF('Standard Profiles'!$G$22=$B$24,21,0),0)),0)</f>
        <v>0</v>
      </c>
      <c r="I2107">
        <f t="shared" si="244"/>
        <v>13.592755049345527</v>
      </c>
      <c r="J2107">
        <f t="shared" si="245"/>
        <v>75.746920469681527</v>
      </c>
      <c r="K2107">
        <f t="shared" si="246"/>
        <v>3.2847745153426917</v>
      </c>
      <c r="L2107">
        <f t="shared" si="247"/>
        <v>1.6423872576713459</v>
      </c>
      <c r="M2107">
        <f t="shared" si="248"/>
        <v>0</v>
      </c>
      <c r="N2107" s="45">
        <f t="shared" si="249"/>
        <v>45013.374999994972</v>
      </c>
    </row>
    <row r="2108" spans="2:14" x14ac:dyDescent="0.25">
      <c r="B2108">
        <f t="shared" si="243"/>
        <v>2</v>
      </c>
      <c r="C2108" s="16">
        <v>2074</v>
      </c>
      <c r="D2108" cm="1">
        <f t="array" ref="D2108">IFERROR(INDEX(Jesper!AH$2:AH$366,ROUNDDOWN($C2108/24,0)+1,1)*INDEX($D$3:$AA$30,INDEX(Jesper!$R$2:$R$366,ROW(INDEX(Jesper!AH$2:AH$366,ROUNDDOWN($C2108/24,0)+1,1))-1)+IF('Standard Profiles'!$G$18=$B$10,7,0)+IF('Standard Profiles'!$G$18=$B$17,14,0)+IF('Standard Profiles'!$G$18=$B$24,21,0),MOD($C2108,24)+1)/SUM(INDEX($D$3:$AA$30,INDEX(Jesper!$R$2:$R$366,ROW(INDEX(Jesper!AH$2:AH$366,ROUNDDOWN($C2108/24,0)+1,1))-1)+IF('Standard Profiles'!$G$18=$B$10,7,0)+IF('Standard Profiles'!$G$18=$B$17,14,0)+IF('Standard Profiles'!$G$18=$B$24,21,0),0)),0)</f>
        <v>30.794761081337732</v>
      </c>
      <c r="E2108" cm="1">
        <f t="array" ref="E2108">IFERROR(INDEX(Jesper!AI$2:AI$366,ROUNDDOWN($C2108/24,0)+1,1)*INDEX($D$3:$AA$30,INDEX(Jesper!$R$2:$R$366,ROW(INDEX(Jesper!AI$2:AI$366,ROUNDDOWN($C2108/24,0)+1,1))-1)+IF('Standard Profiles'!$G$19=$B$10,7,0)+IF('Standard Profiles'!$G$19=$B$17,14,0)+IF('Standard Profiles'!$G$19=$B$24,21,0),MOD($C2108,24)+1)/SUM(INDEX($D$3:$AA$30,INDEX(Jesper!$R$2:$R$366,ROW(INDEX(Jesper!AI$2:AI$366,ROUNDDOWN($C2108/24,0)+1,1))-1)+IF('Standard Profiles'!$G$19=$B$10,7,0)+IF('Standard Profiles'!$G$19=$B$17,14,0)+IF('Standard Profiles'!$G$19=$B$24,21,0),0)),0)</f>
        <v>35.15383652456682</v>
      </c>
      <c r="F2108" cm="1">
        <f t="array" ref="F2108">IFERROR(INDEX(Jesper!AJ$2:AJ$366,ROUNDDOWN($C2108/24,0)+1,1)*INDEX($D$3:$AA$30,INDEX(Jesper!$R$2:$R$366,ROW(INDEX(Jesper!AJ$2:AJ$366,ROUNDDOWN($C2108/24,0)+1,1))-1)+IF('Standard Profiles'!$G$20=$B$10,7,0)+IF('Standard Profiles'!$G$20=$B$17,14,0)+IF('Standard Profiles'!$G$20=$B$24,21,0),MOD($C2108,24)+1)/SUM(INDEX($D$3:$AA$30,INDEX(Jesper!$R$2:$R$366,ROW(INDEX(Jesper!AJ$2:AJ$366,ROUNDDOWN($C2108/24,0)+1,1))-1)+IF('Standard Profiles'!$G$20=$B$10,7,0)+IF('Standard Profiles'!$G$20=$B$17,14,0)+IF('Standard Profiles'!$G$20=$B$24,21,0),0)),0)</f>
        <v>0</v>
      </c>
      <c r="G2108" cm="1">
        <f t="array" ref="G2108">IFERROR(INDEX(Jesper!AK$2:AK$366,ROUNDDOWN($C2108/24,0)+1,1)*INDEX($D$3:$AA$30,INDEX(Jesper!$R$2:$R$366,ROW(INDEX(Jesper!AK$2:AK$366,ROUNDDOWN($C2108/24,0)+1,1))-1)+IF('Standard Profiles'!$G$21=$B$10,7,0)+IF('Standard Profiles'!$G$21=$B$17,14,0)+IF('Standard Profiles'!$G$21=$B$24,21,0),MOD($C2108,24)+1)/SUM(INDEX($D$3:$AA$30,INDEX(Jesper!$R$2:$R$366,ROW(INDEX(Jesper!AK$2:AK$366,ROUNDDOWN($C2108/24,0)+1,1))-1)+IF('Standard Profiles'!$G$21=$B$10,7,0)+IF('Standard Profiles'!$G$21=$B$17,14,0)+IF('Standard Profiles'!$G$21=$B$24,21,0),0)),0)</f>
        <v>28.318239686136529</v>
      </c>
      <c r="H2108" cm="1">
        <f t="array" ref="H2108">IFERROR(INDEX(Jesper!AL$2:AL$366,ROUNDDOWN($C2108/24,0)+1,1)*INDEX($D$3:$AA$30,INDEX(Jesper!$R$2:$R$366,ROW(INDEX(Jesper!AL$2:AL$366,ROUNDDOWN($C2108/24,0)+1,1))-1)+IF('Standard Profiles'!$G$22=$B$10,7,0)+IF('Standard Profiles'!$G$22=$B$17,14,0)+IF('Standard Profiles'!$G$22=$B$24,21,0),MOD($C2108,24)+1)/SUM(INDEX($D$3:$AA$30,INDEX(Jesper!$R$2:$R$366,ROW(INDEX(Jesper!AL$2:AL$366,ROUNDDOWN($C2108/24,0)+1,1))-1)+IF('Standard Profiles'!$G$22=$B$10,7,0)+IF('Standard Profiles'!$G$22=$B$17,14,0)+IF('Standard Profiles'!$G$22=$B$24,21,0),0)),0)</f>
        <v>0</v>
      </c>
      <c r="I2108">
        <f t="shared" si="244"/>
        <v>13.592755049345527</v>
      </c>
      <c r="J2108">
        <f t="shared" si="245"/>
        <v>75.746920469681527</v>
      </c>
      <c r="K2108">
        <f t="shared" si="246"/>
        <v>3.2847745153426917</v>
      </c>
      <c r="L2108">
        <f t="shared" si="247"/>
        <v>1.6423872576713459</v>
      </c>
      <c r="M2108">
        <f t="shared" si="248"/>
        <v>0</v>
      </c>
      <c r="N2108" s="45">
        <f t="shared" si="249"/>
        <v>45013.416666661637</v>
      </c>
    </row>
    <row r="2109" spans="2:14" x14ac:dyDescent="0.25">
      <c r="B2109">
        <f t="shared" si="243"/>
        <v>2</v>
      </c>
      <c r="C2109" s="16">
        <v>2075</v>
      </c>
      <c r="D2109" cm="1">
        <f t="array" ref="D2109">IFERROR(INDEX(Jesper!AH$2:AH$366,ROUNDDOWN($C2109/24,0)+1,1)*INDEX($D$3:$AA$30,INDEX(Jesper!$R$2:$R$366,ROW(INDEX(Jesper!AH$2:AH$366,ROUNDDOWN($C2109/24,0)+1,1))-1)+IF('Standard Profiles'!$G$18=$B$10,7,0)+IF('Standard Profiles'!$G$18=$B$17,14,0)+IF('Standard Profiles'!$G$18=$B$24,21,0),MOD($C2109,24)+1)/SUM(INDEX($D$3:$AA$30,INDEX(Jesper!$R$2:$R$366,ROW(INDEX(Jesper!AH$2:AH$366,ROUNDDOWN($C2109/24,0)+1,1))-1)+IF('Standard Profiles'!$G$18=$B$10,7,0)+IF('Standard Profiles'!$G$18=$B$17,14,0)+IF('Standard Profiles'!$G$18=$B$24,21,0),0)),0)</f>
        <v>36.848432063139164</v>
      </c>
      <c r="E2109" cm="1">
        <f t="array" ref="E2109">IFERROR(INDEX(Jesper!AI$2:AI$366,ROUNDDOWN($C2109/24,0)+1,1)*INDEX($D$3:$AA$30,INDEX(Jesper!$R$2:$R$366,ROW(INDEX(Jesper!AI$2:AI$366,ROUNDDOWN($C2109/24,0)+1,1))-1)+IF('Standard Profiles'!$G$19=$B$10,7,0)+IF('Standard Profiles'!$G$19=$B$17,14,0)+IF('Standard Profiles'!$G$19=$B$24,21,0),MOD($C2109,24)+1)/SUM(INDEX($D$3:$AA$30,INDEX(Jesper!$R$2:$R$366,ROW(INDEX(Jesper!AI$2:AI$366,ROUNDDOWN($C2109/24,0)+1,1))-1)+IF('Standard Profiles'!$G$19=$B$10,7,0)+IF('Standard Profiles'!$G$19=$B$17,14,0)+IF('Standard Profiles'!$G$19=$B$24,21,0),0)),0)</f>
        <v>42.064419772985936</v>
      </c>
      <c r="F2109" cm="1">
        <f t="array" ref="F2109">IFERROR(INDEX(Jesper!AJ$2:AJ$366,ROUNDDOWN($C2109/24,0)+1,1)*INDEX($D$3:$AA$30,INDEX(Jesper!$R$2:$R$366,ROW(INDEX(Jesper!AJ$2:AJ$366,ROUNDDOWN($C2109/24,0)+1,1))-1)+IF('Standard Profiles'!$G$20=$B$10,7,0)+IF('Standard Profiles'!$G$20=$B$17,14,0)+IF('Standard Profiles'!$G$20=$B$24,21,0),MOD($C2109,24)+1)/SUM(INDEX($D$3:$AA$30,INDEX(Jesper!$R$2:$R$366,ROW(INDEX(Jesper!AJ$2:AJ$366,ROUNDDOWN($C2109/24,0)+1,1))-1)+IF('Standard Profiles'!$G$20=$B$10,7,0)+IF('Standard Profiles'!$G$20=$B$17,14,0)+IF('Standard Profiles'!$G$20=$B$24,21,0),0)),0)</f>
        <v>0</v>
      </c>
      <c r="G2109" cm="1">
        <f t="array" ref="G2109">IFERROR(INDEX(Jesper!AK$2:AK$366,ROUNDDOWN($C2109/24,0)+1,1)*INDEX($D$3:$AA$30,INDEX(Jesper!$R$2:$R$366,ROW(INDEX(Jesper!AK$2:AK$366,ROUNDDOWN($C2109/24,0)+1,1))-1)+IF('Standard Profiles'!$G$21=$B$10,7,0)+IF('Standard Profiles'!$G$21=$B$17,14,0)+IF('Standard Profiles'!$G$21=$B$24,21,0),MOD($C2109,24)+1)/SUM(INDEX($D$3:$AA$30,INDEX(Jesper!$R$2:$R$366,ROW(INDEX(Jesper!AK$2:AK$366,ROUNDDOWN($C2109/24,0)+1,1))-1)+IF('Standard Profiles'!$G$21=$B$10,7,0)+IF('Standard Profiles'!$G$21=$B$17,14,0)+IF('Standard Profiles'!$G$21=$B$24,21,0),0)),0)</f>
        <v>33.885073128710381</v>
      </c>
      <c r="H2109" cm="1">
        <f t="array" ref="H2109">IFERROR(INDEX(Jesper!AL$2:AL$366,ROUNDDOWN($C2109/24,0)+1,1)*INDEX($D$3:$AA$30,INDEX(Jesper!$R$2:$R$366,ROW(INDEX(Jesper!AL$2:AL$366,ROUNDDOWN($C2109/24,0)+1,1))-1)+IF('Standard Profiles'!$G$22=$B$10,7,0)+IF('Standard Profiles'!$G$22=$B$17,14,0)+IF('Standard Profiles'!$G$22=$B$24,21,0),MOD($C2109,24)+1)/SUM(INDEX($D$3:$AA$30,INDEX(Jesper!$R$2:$R$366,ROW(INDEX(Jesper!AL$2:AL$366,ROUNDDOWN($C2109/24,0)+1,1))-1)+IF('Standard Profiles'!$G$22=$B$10,7,0)+IF('Standard Profiles'!$G$22=$B$17,14,0)+IF('Standard Profiles'!$G$22=$B$24,21,0),0)),0)</f>
        <v>0</v>
      </c>
      <c r="I2109">
        <f t="shared" si="244"/>
        <v>16.264835101780974</v>
      </c>
      <c r="J2109">
        <f t="shared" si="245"/>
        <v>90.637340732952225</v>
      </c>
      <c r="K2109">
        <f t="shared" si="246"/>
        <v>3.9304994200681778</v>
      </c>
      <c r="L2109">
        <f t="shared" si="247"/>
        <v>1.9652497100340889</v>
      </c>
      <c r="M2109">
        <f t="shared" si="248"/>
        <v>0</v>
      </c>
      <c r="N2109" s="45">
        <f t="shared" si="249"/>
        <v>45013.458333328301</v>
      </c>
    </row>
    <row r="2110" spans="2:14" x14ac:dyDescent="0.25">
      <c r="B2110">
        <f t="shared" si="243"/>
        <v>2</v>
      </c>
      <c r="C2110" s="16">
        <v>2076</v>
      </c>
      <c r="D2110" cm="1">
        <f t="array" ref="D2110">IFERROR(INDEX(Jesper!AH$2:AH$366,ROUNDDOWN($C2110/24,0)+1,1)*INDEX($D$3:$AA$30,INDEX(Jesper!$R$2:$R$366,ROW(INDEX(Jesper!AH$2:AH$366,ROUNDDOWN($C2110/24,0)+1,1))-1)+IF('Standard Profiles'!$G$18=$B$10,7,0)+IF('Standard Profiles'!$G$18=$B$17,14,0)+IF('Standard Profiles'!$G$18=$B$24,21,0),MOD($C2110,24)+1)/SUM(INDEX($D$3:$AA$30,INDEX(Jesper!$R$2:$R$366,ROW(INDEX(Jesper!AH$2:AH$366,ROUNDDOWN($C2110/24,0)+1,1))-1)+IF('Standard Profiles'!$G$18=$B$10,7,0)+IF('Standard Profiles'!$G$18=$B$17,14,0)+IF('Standard Profiles'!$G$18=$B$24,21,0),0)),0)</f>
        <v>36.848432063139164</v>
      </c>
      <c r="E2110" cm="1">
        <f t="array" ref="E2110">IFERROR(INDEX(Jesper!AI$2:AI$366,ROUNDDOWN($C2110/24,0)+1,1)*INDEX($D$3:$AA$30,INDEX(Jesper!$R$2:$R$366,ROW(INDEX(Jesper!AI$2:AI$366,ROUNDDOWN($C2110/24,0)+1,1))-1)+IF('Standard Profiles'!$G$19=$B$10,7,0)+IF('Standard Profiles'!$G$19=$B$17,14,0)+IF('Standard Profiles'!$G$19=$B$24,21,0),MOD($C2110,24)+1)/SUM(INDEX($D$3:$AA$30,INDEX(Jesper!$R$2:$R$366,ROW(INDEX(Jesper!AI$2:AI$366,ROUNDDOWN($C2110/24,0)+1,1))-1)+IF('Standard Profiles'!$G$19=$B$10,7,0)+IF('Standard Profiles'!$G$19=$B$17,14,0)+IF('Standard Profiles'!$G$19=$B$24,21,0),0)),0)</f>
        <v>42.064419772985936</v>
      </c>
      <c r="F2110" cm="1">
        <f t="array" ref="F2110">IFERROR(INDEX(Jesper!AJ$2:AJ$366,ROUNDDOWN($C2110/24,0)+1,1)*INDEX($D$3:$AA$30,INDEX(Jesper!$R$2:$R$366,ROW(INDEX(Jesper!AJ$2:AJ$366,ROUNDDOWN($C2110/24,0)+1,1))-1)+IF('Standard Profiles'!$G$20=$B$10,7,0)+IF('Standard Profiles'!$G$20=$B$17,14,0)+IF('Standard Profiles'!$G$20=$B$24,21,0),MOD($C2110,24)+1)/SUM(INDEX($D$3:$AA$30,INDEX(Jesper!$R$2:$R$366,ROW(INDEX(Jesper!AJ$2:AJ$366,ROUNDDOWN($C2110/24,0)+1,1))-1)+IF('Standard Profiles'!$G$20=$B$10,7,0)+IF('Standard Profiles'!$G$20=$B$17,14,0)+IF('Standard Profiles'!$G$20=$B$24,21,0),0)),0)</f>
        <v>0</v>
      </c>
      <c r="G2110" cm="1">
        <f t="array" ref="G2110">IFERROR(INDEX(Jesper!AK$2:AK$366,ROUNDDOWN($C2110/24,0)+1,1)*INDEX($D$3:$AA$30,INDEX(Jesper!$R$2:$R$366,ROW(INDEX(Jesper!AK$2:AK$366,ROUNDDOWN($C2110/24,0)+1,1))-1)+IF('Standard Profiles'!$G$21=$B$10,7,0)+IF('Standard Profiles'!$G$21=$B$17,14,0)+IF('Standard Profiles'!$G$21=$B$24,21,0),MOD($C2110,24)+1)/SUM(INDEX($D$3:$AA$30,INDEX(Jesper!$R$2:$R$366,ROW(INDEX(Jesper!AK$2:AK$366,ROUNDDOWN($C2110/24,0)+1,1))-1)+IF('Standard Profiles'!$G$21=$B$10,7,0)+IF('Standard Profiles'!$G$21=$B$17,14,0)+IF('Standard Profiles'!$G$21=$B$24,21,0),0)),0)</f>
        <v>33.885073128710381</v>
      </c>
      <c r="H2110" cm="1">
        <f t="array" ref="H2110">IFERROR(INDEX(Jesper!AL$2:AL$366,ROUNDDOWN($C2110/24,0)+1,1)*INDEX($D$3:$AA$30,INDEX(Jesper!$R$2:$R$366,ROW(INDEX(Jesper!AL$2:AL$366,ROUNDDOWN($C2110/24,0)+1,1))-1)+IF('Standard Profiles'!$G$22=$B$10,7,0)+IF('Standard Profiles'!$G$22=$B$17,14,0)+IF('Standard Profiles'!$G$22=$B$24,21,0),MOD($C2110,24)+1)/SUM(INDEX($D$3:$AA$30,INDEX(Jesper!$R$2:$R$366,ROW(INDEX(Jesper!AL$2:AL$366,ROUNDDOWN($C2110/24,0)+1,1))-1)+IF('Standard Profiles'!$G$22=$B$10,7,0)+IF('Standard Profiles'!$G$22=$B$17,14,0)+IF('Standard Profiles'!$G$22=$B$24,21,0),0)),0)</f>
        <v>0</v>
      </c>
      <c r="I2110">
        <f t="shared" si="244"/>
        <v>16.264835101780974</v>
      </c>
      <c r="J2110">
        <f t="shared" si="245"/>
        <v>90.637340732952225</v>
      </c>
      <c r="K2110">
        <f t="shared" si="246"/>
        <v>3.9304994200681778</v>
      </c>
      <c r="L2110">
        <f t="shared" si="247"/>
        <v>1.9652497100340889</v>
      </c>
      <c r="M2110">
        <f t="shared" si="248"/>
        <v>0</v>
      </c>
      <c r="N2110" s="45">
        <f t="shared" si="249"/>
        <v>45013.499999994965</v>
      </c>
    </row>
    <row r="2111" spans="2:14" x14ac:dyDescent="0.25">
      <c r="B2111">
        <f t="shared" si="243"/>
        <v>2</v>
      </c>
      <c r="C2111" s="16">
        <v>2077</v>
      </c>
      <c r="D2111" cm="1">
        <f t="array" ref="D2111">IFERROR(INDEX(Jesper!AH$2:AH$366,ROUNDDOWN($C2111/24,0)+1,1)*INDEX($D$3:$AA$30,INDEX(Jesper!$R$2:$R$366,ROW(INDEX(Jesper!AH$2:AH$366,ROUNDDOWN($C2111/24,0)+1,1))-1)+IF('Standard Profiles'!$G$18=$B$10,7,0)+IF('Standard Profiles'!$G$18=$B$17,14,0)+IF('Standard Profiles'!$G$18=$B$24,21,0),MOD($C2111,24)+1)/SUM(INDEX($D$3:$AA$30,INDEX(Jesper!$R$2:$R$366,ROW(INDEX(Jesper!AH$2:AH$366,ROUNDDOWN($C2111/24,0)+1,1))-1)+IF('Standard Profiles'!$G$18=$B$10,7,0)+IF('Standard Profiles'!$G$18=$B$17,14,0)+IF('Standard Profiles'!$G$18=$B$24,21,0),0)),0)</f>
        <v>24.477887013371014</v>
      </c>
      <c r="E2111" cm="1">
        <f t="array" ref="E2111">IFERROR(INDEX(Jesper!AI$2:AI$366,ROUNDDOWN($C2111/24,0)+1,1)*INDEX($D$3:$AA$30,INDEX(Jesper!$R$2:$R$366,ROW(INDEX(Jesper!AI$2:AI$366,ROUNDDOWN($C2111/24,0)+1,1))-1)+IF('Standard Profiles'!$G$19=$B$10,7,0)+IF('Standard Profiles'!$G$19=$B$17,14,0)+IF('Standard Profiles'!$G$19=$B$24,21,0),MOD($C2111,24)+1)/SUM(INDEX($D$3:$AA$30,INDEX(Jesper!$R$2:$R$366,ROW(INDEX(Jesper!AI$2:AI$366,ROUNDDOWN($C2111/24,0)+1,1))-1)+IF('Standard Profiles'!$G$19=$B$10,7,0)+IF('Standard Profiles'!$G$19=$B$17,14,0)+IF('Standard Profiles'!$G$19=$B$24,21,0),0)),0)</f>
        <v>27.942793134912087</v>
      </c>
      <c r="F2111" cm="1">
        <f t="array" ref="F2111">IFERROR(INDEX(Jesper!AJ$2:AJ$366,ROUNDDOWN($C2111/24,0)+1,1)*INDEX($D$3:$AA$30,INDEX(Jesper!$R$2:$R$366,ROW(INDEX(Jesper!AJ$2:AJ$366,ROUNDDOWN($C2111/24,0)+1,1))-1)+IF('Standard Profiles'!$G$20=$B$10,7,0)+IF('Standard Profiles'!$G$20=$B$17,14,0)+IF('Standard Profiles'!$G$20=$B$24,21,0),MOD($C2111,24)+1)/SUM(INDEX($D$3:$AA$30,INDEX(Jesper!$R$2:$R$366,ROW(INDEX(Jesper!AJ$2:AJ$366,ROUNDDOWN($C2111/24,0)+1,1))-1)+IF('Standard Profiles'!$G$20=$B$10,7,0)+IF('Standard Profiles'!$G$20=$B$17,14,0)+IF('Standard Profiles'!$G$20=$B$24,21,0),0)),0)</f>
        <v>0</v>
      </c>
      <c r="G2111" cm="1">
        <f t="array" ref="G2111">IFERROR(INDEX(Jesper!AK$2:AK$366,ROUNDDOWN($C2111/24,0)+1,1)*INDEX($D$3:$AA$30,INDEX(Jesper!$R$2:$R$366,ROW(INDEX(Jesper!AK$2:AK$366,ROUNDDOWN($C2111/24,0)+1,1))-1)+IF('Standard Profiles'!$G$21=$B$10,7,0)+IF('Standard Profiles'!$G$21=$B$17,14,0)+IF('Standard Profiles'!$G$21=$B$24,21,0),MOD($C2111,24)+1)/SUM(INDEX($D$3:$AA$30,INDEX(Jesper!$R$2:$R$366,ROW(INDEX(Jesper!AK$2:AK$366,ROUNDDOWN($C2111/24,0)+1,1))-1)+IF('Standard Profiles'!$G$21=$B$10,7,0)+IF('Standard Profiles'!$G$21=$B$17,14,0)+IF('Standard Profiles'!$G$21=$B$24,21,0),0)),0)</f>
        <v>22.509370006929032</v>
      </c>
      <c r="H2111" cm="1">
        <f t="array" ref="H2111">IFERROR(INDEX(Jesper!AL$2:AL$366,ROUNDDOWN($C2111/24,0)+1,1)*INDEX($D$3:$AA$30,INDEX(Jesper!$R$2:$R$366,ROW(INDEX(Jesper!AL$2:AL$366,ROUNDDOWN($C2111/24,0)+1,1))-1)+IF('Standard Profiles'!$G$22=$B$10,7,0)+IF('Standard Profiles'!$G$22=$B$17,14,0)+IF('Standard Profiles'!$G$22=$B$24,21,0),MOD($C2111,24)+1)/SUM(INDEX($D$3:$AA$30,INDEX(Jesper!$R$2:$R$366,ROW(INDEX(Jesper!AL$2:AL$366,ROUNDDOWN($C2111/24,0)+1,1))-1)+IF('Standard Profiles'!$G$22=$B$10,7,0)+IF('Standard Profiles'!$G$22=$B$17,14,0)+IF('Standard Profiles'!$G$22=$B$24,21,0),0)),0)</f>
        <v>0</v>
      </c>
      <c r="I2111">
        <f t="shared" si="244"/>
        <v>10.804497603325929</v>
      </c>
      <c r="J2111">
        <f t="shared" si="245"/>
        <v>60.209090629746839</v>
      </c>
      <c r="K2111">
        <f t="shared" si="246"/>
        <v>2.6109746147595749</v>
      </c>
      <c r="L2111">
        <f t="shared" si="247"/>
        <v>1.3054873073797875</v>
      </c>
      <c r="M2111">
        <f t="shared" si="248"/>
        <v>0</v>
      </c>
      <c r="N2111" s="45">
        <f t="shared" si="249"/>
        <v>45013.541666661629</v>
      </c>
    </row>
    <row r="2112" spans="2:14" x14ac:dyDescent="0.25">
      <c r="B2112">
        <f t="shared" si="243"/>
        <v>2</v>
      </c>
      <c r="C2112" s="16">
        <v>2078</v>
      </c>
      <c r="D2112" cm="1">
        <f t="array" ref="D2112">IFERROR(INDEX(Jesper!AH$2:AH$366,ROUNDDOWN($C2112/24,0)+1,1)*INDEX($D$3:$AA$30,INDEX(Jesper!$R$2:$R$366,ROW(INDEX(Jesper!AH$2:AH$366,ROUNDDOWN($C2112/24,0)+1,1))-1)+IF('Standard Profiles'!$G$18=$B$10,7,0)+IF('Standard Profiles'!$G$18=$B$17,14,0)+IF('Standard Profiles'!$G$18=$B$24,21,0),MOD($C2112,24)+1)/SUM(INDEX($D$3:$AA$30,INDEX(Jesper!$R$2:$R$366,ROW(INDEX(Jesper!AH$2:AH$366,ROUNDDOWN($C2112/24,0)+1,1))-1)+IF('Standard Profiles'!$G$18=$B$10,7,0)+IF('Standard Profiles'!$G$18=$B$17,14,0)+IF('Standard Profiles'!$G$18=$B$24,21,0),0)),0)</f>
        <v>36.848432063139164</v>
      </c>
      <c r="E2112" cm="1">
        <f t="array" ref="E2112">IFERROR(INDEX(Jesper!AI$2:AI$366,ROUNDDOWN($C2112/24,0)+1,1)*INDEX($D$3:$AA$30,INDEX(Jesper!$R$2:$R$366,ROW(INDEX(Jesper!AI$2:AI$366,ROUNDDOWN($C2112/24,0)+1,1))-1)+IF('Standard Profiles'!$G$19=$B$10,7,0)+IF('Standard Profiles'!$G$19=$B$17,14,0)+IF('Standard Profiles'!$G$19=$B$24,21,0),MOD($C2112,24)+1)/SUM(INDEX($D$3:$AA$30,INDEX(Jesper!$R$2:$R$366,ROW(INDEX(Jesper!AI$2:AI$366,ROUNDDOWN($C2112/24,0)+1,1))-1)+IF('Standard Profiles'!$G$19=$B$10,7,0)+IF('Standard Profiles'!$G$19=$B$17,14,0)+IF('Standard Profiles'!$G$19=$B$24,21,0),0)),0)</f>
        <v>42.064419772985936</v>
      </c>
      <c r="F2112" cm="1">
        <f t="array" ref="F2112">IFERROR(INDEX(Jesper!AJ$2:AJ$366,ROUNDDOWN($C2112/24,0)+1,1)*INDEX($D$3:$AA$30,INDEX(Jesper!$R$2:$R$366,ROW(INDEX(Jesper!AJ$2:AJ$366,ROUNDDOWN($C2112/24,0)+1,1))-1)+IF('Standard Profiles'!$G$20=$B$10,7,0)+IF('Standard Profiles'!$G$20=$B$17,14,0)+IF('Standard Profiles'!$G$20=$B$24,21,0),MOD($C2112,24)+1)/SUM(INDEX($D$3:$AA$30,INDEX(Jesper!$R$2:$R$366,ROW(INDEX(Jesper!AJ$2:AJ$366,ROUNDDOWN($C2112/24,0)+1,1))-1)+IF('Standard Profiles'!$G$20=$B$10,7,0)+IF('Standard Profiles'!$G$20=$B$17,14,0)+IF('Standard Profiles'!$G$20=$B$24,21,0),0)),0)</f>
        <v>0</v>
      </c>
      <c r="G2112" cm="1">
        <f t="array" ref="G2112">IFERROR(INDEX(Jesper!AK$2:AK$366,ROUNDDOWN($C2112/24,0)+1,1)*INDEX($D$3:$AA$30,INDEX(Jesper!$R$2:$R$366,ROW(INDEX(Jesper!AK$2:AK$366,ROUNDDOWN($C2112/24,0)+1,1))-1)+IF('Standard Profiles'!$G$21=$B$10,7,0)+IF('Standard Profiles'!$G$21=$B$17,14,0)+IF('Standard Profiles'!$G$21=$B$24,21,0),MOD($C2112,24)+1)/SUM(INDEX($D$3:$AA$30,INDEX(Jesper!$R$2:$R$366,ROW(INDEX(Jesper!AK$2:AK$366,ROUNDDOWN($C2112/24,0)+1,1))-1)+IF('Standard Profiles'!$G$21=$B$10,7,0)+IF('Standard Profiles'!$G$21=$B$17,14,0)+IF('Standard Profiles'!$G$21=$B$24,21,0),0)),0)</f>
        <v>33.885073128710381</v>
      </c>
      <c r="H2112" cm="1">
        <f t="array" ref="H2112">IFERROR(INDEX(Jesper!AL$2:AL$366,ROUNDDOWN($C2112/24,0)+1,1)*INDEX($D$3:$AA$30,INDEX(Jesper!$R$2:$R$366,ROW(INDEX(Jesper!AL$2:AL$366,ROUNDDOWN($C2112/24,0)+1,1))-1)+IF('Standard Profiles'!$G$22=$B$10,7,0)+IF('Standard Profiles'!$G$22=$B$17,14,0)+IF('Standard Profiles'!$G$22=$B$24,21,0),MOD($C2112,24)+1)/SUM(INDEX($D$3:$AA$30,INDEX(Jesper!$R$2:$R$366,ROW(INDEX(Jesper!AL$2:AL$366,ROUNDDOWN($C2112/24,0)+1,1))-1)+IF('Standard Profiles'!$G$22=$B$10,7,0)+IF('Standard Profiles'!$G$22=$B$17,14,0)+IF('Standard Profiles'!$G$22=$B$24,21,0),0)),0)</f>
        <v>0</v>
      </c>
      <c r="I2112">
        <f t="shared" si="244"/>
        <v>16.264835101780974</v>
      </c>
      <c r="J2112">
        <f t="shared" si="245"/>
        <v>90.637340732952225</v>
      </c>
      <c r="K2112">
        <f t="shared" si="246"/>
        <v>3.9304994200681778</v>
      </c>
      <c r="L2112">
        <f t="shared" si="247"/>
        <v>1.9652497100340889</v>
      </c>
      <c r="M2112">
        <f t="shared" si="248"/>
        <v>0</v>
      </c>
      <c r="N2112" s="45">
        <f t="shared" si="249"/>
        <v>45013.583333328294</v>
      </c>
    </row>
    <row r="2113" spans="2:14" x14ac:dyDescent="0.25">
      <c r="B2113">
        <f t="shared" si="243"/>
        <v>2</v>
      </c>
      <c r="C2113" s="16">
        <v>2079</v>
      </c>
      <c r="D2113" cm="1">
        <f t="array" ref="D2113">IFERROR(INDEX(Jesper!AH$2:AH$366,ROUNDDOWN($C2113/24,0)+1,1)*INDEX($D$3:$AA$30,INDEX(Jesper!$R$2:$R$366,ROW(INDEX(Jesper!AH$2:AH$366,ROUNDDOWN($C2113/24,0)+1,1))-1)+IF('Standard Profiles'!$G$18=$B$10,7,0)+IF('Standard Profiles'!$G$18=$B$17,14,0)+IF('Standard Profiles'!$G$18=$B$24,21,0),MOD($C2113,24)+1)/SUM(INDEX($D$3:$AA$30,INDEX(Jesper!$R$2:$R$366,ROW(INDEX(Jesper!AH$2:AH$366,ROUNDDOWN($C2113/24,0)+1,1))-1)+IF('Standard Profiles'!$G$18=$B$10,7,0)+IF('Standard Profiles'!$G$18=$B$17,14,0)+IF('Standard Profiles'!$G$18=$B$24,21,0),0)),0)</f>
        <v>36.848432063139164</v>
      </c>
      <c r="E2113" cm="1">
        <f t="array" ref="E2113">IFERROR(INDEX(Jesper!AI$2:AI$366,ROUNDDOWN($C2113/24,0)+1,1)*INDEX($D$3:$AA$30,INDEX(Jesper!$R$2:$R$366,ROW(INDEX(Jesper!AI$2:AI$366,ROUNDDOWN($C2113/24,0)+1,1))-1)+IF('Standard Profiles'!$G$19=$B$10,7,0)+IF('Standard Profiles'!$G$19=$B$17,14,0)+IF('Standard Profiles'!$G$19=$B$24,21,0),MOD($C2113,24)+1)/SUM(INDEX($D$3:$AA$30,INDEX(Jesper!$R$2:$R$366,ROW(INDEX(Jesper!AI$2:AI$366,ROUNDDOWN($C2113/24,0)+1,1))-1)+IF('Standard Profiles'!$G$19=$B$10,7,0)+IF('Standard Profiles'!$G$19=$B$17,14,0)+IF('Standard Profiles'!$G$19=$B$24,21,0),0)),0)</f>
        <v>42.064419772985936</v>
      </c>
      <c r="F2113" cm="1">
        <f t="array" ref="F2113">IFERROR(INDEX(Jesper!AJ$2:AJ$366,ROUNDDOWN($C2113/24,0)+1,1)*INDEX($D$3:$AA$30,INDEX(Jesper!$R$2:$R$366,ROW(INDEX(Jesper!AJ$2:AJ$366,ROUNDDOWN($C2113/24,0)+1,1))-1)+IF('Standard Profiles'!$G$20=$B$10,7,0)+IF('Standard Profiles'!$G$20=$B$17,14,0)+IF('Standard Profiles'!$G$20=$B$24,21,0),MOD($C2113,24)+1)/SUM(INDEX($D$3:$AA$30,INDEX(Jesper!$R$2:$R$366,ROW(INDEX(Jesper!AJ$2:AJ$366,ROUNDDOWN($C2113/24,0)+1,1))-1)+IF('Standard Profiles'!$G$20=$B$10,7,0)+IF('Standard Profiles'!$G$20=$B$17,14,0)+IF('Standard Profiles'!$G$20=$B$24,21,0),0)),0)</f>
        <v>0</v>
      </c>
      <c r="G2113" cm="1">
        <f t="array" ref="G2113">IFERROR(INDEX(Jesper!AK$2:AK$366,ROUNDDOWN($C2113/24,0)+1,1)*INDEX($D$3:$AA$30,INDEX(Jesper!$R$2:$R$366,ROW(INDEX(Jesper!AK$2:AK$366,ROUNDDOWN($C2113/24,0)+1,1))-1)+IF('Standard Profiles'!$G$21=$B$10,7,0)+IF('Standard Profiles'!$G$21=$B$17,14,0)+IF('Standard Profiles'!$G$21=$B$24,21,0),MOD($C2113,24)+1)/SUM(INDEX($D$3:$AA$30,INDEX(Jesper!$R$2:$R$366,ROW(INDEX(Jesper!AK$2:AK$366,ROUNDDOWN($C2113/24,0)+1,1))-1)+IF('Standard Profiles'!$G$21=$B$10,7,0)+IF('Standard Profiles'!$G$21=$B$17,14,0)+IF('Standard Profiles'!$G$21=$B$24,21,0),0)),0)</f>
        <v>33.885073128710381</v>
      </c>
      <c r="H2113" cm="1">
        <f t="array" ref="H2113">IFERROR(INDEX(Jesper!AL$2:AL$366,ROUNDDOWN($C2113/24,0)+1,1)*INDEX($D$3:$AA$30,INDEX(Jesper!$R$2:$R$366,ROW(INDEX(Jesper!AL$2:AL$366,ROUNDDOWN($C2113/24,0)+1,1))-1)+IF('Standard Profiles'!$G$22=$B$10,7,0)+IF('Standard Profiles'!$G$22=$B$17,14,0)+IF('Standard Profiles'!$G$22=$B$24,21,0),MOD($C2113,24)+1)/SUM(INDEX($D$3:$AA$30,INDEX(Jesper!$R$2:$R$366,ROW(INDEX(Jesper!AL$2:AL$366,ROUNDDOWN($C2113/24,0)+1,1))-1)+IF('Standard Profiles'!$G$22=$B$10,7,0)+IF('Standard Profiles'!$G$22=$B$17,14,0)+IF('Standard Profiles'!$G$22=$B$24,21,0),0)),0)</f>
        <v>0</v>
      </c>
      <c r="I2113">
        <f t="shared" si="244"/>
        <v>16.264835101780974</v>
      </c>
      <c r="J2113">
        <f t="shared" si="245"/>
        <v>90.637340732952225</v>
      </c>
      <c r="K2113">
        <f t="shared" si="246"/>
        <v>3.9304994200681778</v>
      </c>
      <c r="L2113">
        <f t="shared" si="247"/>
        <v>1.9652497100340889</v>
      </c>
      <c r="M2113">
        <f t="shared" si="248"/>
        <v>0</v>
      </c>
      <c r="N2113" s="45">
        <f t="shared" si="249"/>
        <v>45013.624999994958</v>
      </c>
    </row>
    <row r="2114" spans="2:14" x14ac:dyDescent="0.25">
      <c r="B2114">
        <f t="shared" si="243"/>
        <v>2</v>
      </c>
      <c r="C2114" s="16">
        <v>2080</v>
      </c>
      <c r="D2114" cm="1">
        <f t="array" ref="D2114">IFERROR(INDEX(Jesper!AH$2:AH$366,ROUNDDOWN($C2114/24,0)+1,1)*INDEX($D$3:$AA$30,INDEX(Jesper!$R$2:$R$366,ROW(INDEX(Jesper!AH$2:AH$366,ROUNDDOWN($C2114/24,0)+1,1))-1)+IF('Standard Profiles'!$G$18=$B$10,7,0)+IF('Standard Profiles'!$G$18=$B$17,14,0)+IF('Standard Profiles'!$G$18=$B$24,21,0),MOD($C2114,24)+1)/SUM(INDEX($D$3:$AA$30,INDEX(Jesper!$R$2:$R$366,ROW(INDEX(Jesper!AH$2:AH$366,ROUNDDOWN($C2114/24,0)+1,1))-1)+IF('Standard Profiles'!$G$18=$B$10,7,0)+IF('Standard Profiles'!$G$18=$B$17,14,0)+IF('Standard Profiles'!$G$18=$B$24,21,0),0)),0)</f>
        <v>21.714254608635578</v>
      </c>
      <c r="E2114" cm="1">
        <f t="array" ref="E2114">IFERROR(INDEX(Jesper!AI$2:AI$366,ROUNDDOWN($C2114/24,0)+1,1)*INDEX($D$3:$AA$30,INDEX(Jesper!$R$2:$R$366,ROW(INDEX(Jesper!AI$2:AI$366,ROUNDDOWN($C2114/24,0)+1,1))-1)+IF('Standard Profiles'!$G$19=$B$10,7,0)+IF('Standard Profiles'!$G$19=$B$17,14,0)+IF('Standard Profiles'!$G$19=$B$24,21,0),MOD($C2114,24)+1)/SUM(INDEX($D$3:$AA$30,INDEX(Jesper!$R$2:$R$366,ROW(INDEX(Jesper!AI$2:AI$366,ROUNDDOWN($C2114/24,0)+1,1))-1)+IF('Standard Profiles'!$G$19=$B$10,7,0)+IF('Standard Profiles'!$G$19=$B$17,14,0)+IF('Standard Profiles'!$G$19=$B$24,21,0),0)),0)</f>
        <v>24.787961651938147</v>
      </c>
      <c r="F2114" cm="1">
        <f t="array" ref="F2114">IFERROR(INDEX(Jesper!AJ$2:AJ$366,ROUNDDOWN($C2114/24,0)+1,1)*INDEX($D$3:$AA$30,INDEX(Jesper!$R$2:$R$366,ROW(INDEX(Jesper!AJ$2:AJ$366,ROUNDDOWN($C2114/24,0)+1,1))-1)+IF('Standard Profiles'!$G$20=$B$10,7,0)+IF('Standard Profiles'!$G$20=$B$17,14,0)+IF('Standard Profiles'!$G$20=$B$24,21,0),MOD($C2114,24)+1)/SUM(INDEX($D$3:$AA$30,INDEX(Jesper!$R$2:$R$366,ROW(INDEX(Jesper!AJ$2:AJ$366,ROUNDDOWN($C2114/24,0)+1,1))-1)+IF('Standard Profiles'!$G$20=$B$10,7,0)+IF('Standard Profiles'!$G$20=$B$17,14,0)+IF('Standard Profiles'!$G$20=$B$24,21,0),0)),0)</f>
        <v>0</v>
      </c>
      <c r="G2114" cm="1">
        <f t="array" ref="G2114">IFERROR(INDEX(Jesper!AK$2:AK$366,ROUNDDOWN($C2114/24,0)+1,1)*INDEX($D$3:$AA$30,INDEX(Jesper!$R$2:$R$366,ROW(INDEX(Jesper!AK$2:AK$366,ROUNDDOWN($C2114/24,0)+1,1))-1)+IF('Standard Profiles'!$G$21=$B$10,7,0)+IF('Standard Profiles'!$G$21=$B$17,14,0)+IF('Standard Profiles'!$G$21=$B$24,21,0),MOD($C2114,24)+1)/SUM(INDEX($D$3:$AA$30,INDEX(Jesper!$R$2:$R$366,ROW(INDEX(Jesper!AK$2:AK$366,ROUNDDOWN($C2114/24,0)+1,1))-1)+IF('Standard Profiles'!$G$21=$B$10,7,0)+IF('Standard Profiles'!$G$21=$B$17,14,0)+IF('Standard Profiles'!$G$21=$B$24,21,0),0)),0)</f>
        <v>28.323389393298953</v>
      </c>
      <c r="H2114" cm="1">
        <f t="array" ref="H2114">IFERROR(INDEX(Jesper!AL$2:AL$366,ROUNDDOWN($C2114/24,0)+1,1)*INDEX($D$3:$AA$30,INDEX(Jesper!$R$2:$R$366,ROW(INDEX(Jesper!AL$2:AL$366,ROUNDDOWN($C2114/24,0)+1,1))-1)+IF('Standard Profiles'!$G$22=$B$10,7,0)+IF('Standard Profiles'!$G$22=$B$17,14,0)+IF('Standard Profiles'!$G$22=$B$24,21,0),MOD($C2114,24)+1)/SUM(INDEX($D$3:$AA$30,INDEX(Jesper!$R$2:$R$366,ROW(INDEX(Jesper!AL$2:AL$366,ROUNDDOWN($C2114/24,0)+1,1))-1)+IF('Standard Profiles'!$G$22=$B$10,7,0)+IF('Standard Profiles'!$G$22=$B$17,14,0)+IF('Standard Profiles'!$G$22=$B$24,21,0),0)),0)</f>
        <v>0</v>
      </c>
      <c r="I2114">
        <f t="shared" si="244"/>
        <v>13.595226908783491</v>
      </c>
      <c r="J2114">
        <f t="shared" si="245"/>
        <v>57.756098007707493</v>
      </c>
      <c r="K2114">
        <f t="shared" si="246"/>
        <v>2.3161871582544618</v>
      </c>
      <c r="L2114">
        <f t="shared" si="247"/>
        <v>1.1580935791272309</v>
      </c>
      <c r="M2114">
        <f t="shared" si="248"/>
        <v>0</v>
      </c>
      <c r="N2114" s="45">
        <f t="shared" si="249"/>
        <v>45013.666666661622</v>
      </c>
    </row>
    <row r="2115" spans="2:14" x14ac:dyDescent="0.25">
      <c r="B2115">
        <f t="shared" si="243"/>
        <v>2</v>
      </c>
      <c r="C2115" s="16">
        <v>2081</v>
      </c>
      <c r="D2115" cm="1">
        <f t="array" ref="D2115">IFERROR(INDEX(Jesper!AH$2:AH$366,ROUNDDOWN($C2115/24,0)+1,1)*INDEX($D$3:$AA$30,INDEX(Jesper!$R$2:$R$366,ROW(INDEX(Jesper!AH$2:AH$366,ROUNDDOWN($C2115/24,0)+1,1))-1)+IF('Standard Profiles'!$G$18=$B$10,7,0)+IF('Standard Profiles'!$G$18=$B$17,14,0)+IF('Standard Profiles'!$G$18=$B$24,21,0),MOD($C2115,24)+1)/SUM(INDEX($D$3:$AA$30,INDEX(Jesper!$R$2:$R$366,ROW(INDEX(Jesper!AH$2:AH$366,ROUNDDOWN($C2115/24,0)+1,1))-1)+IF('Standard Profiles'!$G$18=$B$10,7,0)+IF('Standard Profiles'!$G$18=$B$17,14,0)+IF('Standard Profiles'!$G$18=$B$24,21,0),0)),0)</f>
        <v>9.2677143015943582</v>
      </c>
      <c r="E2115" cm="1">
        <f t="array" ref="E2115">IFERROR(INDEX(Jesper!AI$2:AI$366,ROUNDDOWN($C2115/24,0)+1,1)*INDEX($D$3:$AA$30,INDEX(Jesper!$R$2:$R$366,ROW(INDEX(Jesper!AI$2:AI$366,ROUNDDOWN($C2115/24,0)+1,1))-1)+IF('Standard Profiles'!$G$19=$B$10,7,0)+IF('Standard Profiles'!$G$19=$B$17,14,0)+IF('Standard Profiles'!$G$19=$B$24,21,0),MOD($C2115,24)+1)/SUM(INDEX($D$3:$AA$30,INDEX(Jesper!$R$2:$R$366,ROW(INDEX(Jesper!AI$2:AI$366,ROUNDDOWN($C2115/24,0)+1,1))-1)+IF('Standard Profiles'!$G$19=$B$10,7,0)+IF('Standard Profiles'!$G$19=$B$17,14,0)+IF('Standard Profiles'!$G$19=$B$24,21,0),0)),0)</f>
        <v>10.579582437873729</v>
      </c>
      <c r="F2115" cm="1">
        <f t="array" ref="F2115">IFERROR(INDEX(Jesper!AJ$2:AJ$366,ROUNDDOWN($C2115/24,0)+1,1)*INDEX($D$3:$AA$30,INDEX(Jesper!$R$2:$R$366,ROW(INDEX(Jesper!AJ$2:AJ$366,ROUNDDOWN($C2115/24,0)+1,1))-1)+IF('Standard Profiles'!$G$20=$B$10,7,0)+IF('Standard Profiles'!$G$20=$B$17,14,0)+IF('Standard Profiles'!$G$20=$B$24,21,0),MOD($C2115,24)+1)/SUM(INDEX($D$3:$AA$30,INDEX(Jesper!$R$2:$R$366,ROW(INDEX(Jesper!AJ$2:AJ$366,ROUNDDOWN($C2115/24,0)+1,1))-1)+IF('Standard Profiles'!$G$20=$B$10,7,0)+IF('Standard Profiles'!$G$20=$B$17,14,0)+IF('Standard Profiles'!$G$20=$B$24,21,0),0)),0)</f>
        <v>0</v>
      </c>
      <c r="G2115" cm="1">
        <f t="array" ref="G2115">IFERROR(INDEX(Jesper!AK$2:AK$366,ROUNDDOWN($C2115/24,0)+1,1)*INDEX($D$3:$AA$30,INDEX(Jesper!$R$2:$R$366,ROW(INDEX(Jesper!AK$2:AK$366,ROUNDDOWN($C2115/24,0)+1,1))-1)+IF('Standard Profiles'!$G$21=$B$10,7,0)+IF('Standard Profiles'!$G$21=$B$17,14,0)+IF('Standard Profiles'!$G$21=$B$24,21,0),MOD($C2115,24)+1)/SUM(INDEX($D$3:$AA$30,INDEX(Jesper!$R$2:$R$366,ROW(INDEX(Jesper!AK$2:AK$366,ROUNDDOWN($C2115/24,0)+1,1))-1)+IF('Standard Profiles'!$G$21=$B$10,7,0)+IF('Standard Profiles'!$G$21=$B$17,14,0)+IF('Standard Profiles'!$G$21=$B$24,21,0),0)),0)</f>
        <v>22.504220299766619</v>
      </c>
      <c r="H2115" cm="1">
        <f t="array" ref="H2115">IFERROR(INDEX(Jesper!AL$2:AL$366,ROUNDDOWN($C2115/24,0)+1,1)*INDEX($D$3:$AA$30,INDEX(Jesper!$R$2:$R$366,ROW(INDEX(Jesper!AL$2:AL$366,ROUNDDOWN($C2115/24,0)+1,1))-1)+IF('Standard Profiles'!$G$22=$B$10,7,0)+IF('Standard Profiles'!$G$22=$B$17,14,0)+IF('Standard Profiles'!$G$22=$B$24,21,0),MOD($C2115,24)+1)/SUM(INDEX($D$3:$AA$30,INDEX(Jesper!$R$2:$R$366,ROW(INDEX(Jesper!AL$2:AL$366,ROUNDDOWN($C2115/24,0)+1,1))-1)+IF('Standard Profiles'!$G$22=$B$10,7,0)+IF('Standard Profiles'!$G$22=$B$17,14,0)+IF('Standard Profiles'!$G$22=$B$24,21,0),0)),0)</f>
        <v>0</v>
      </c>
      <c r="I2115">
        <f t="shared" si="244"/>
        <v>10.802025743887972</v>
      </c>
      <c r="J2115">
        <f t="shared" si="245"/>
        <v>30.066657007091635</v>
      </c>
      <c r="K2115">
        <f t="shared" si="246"/>
        <v>0.98855619217006496</v>
      </c>
      <c r="L2115">
        <f t="shared" si="247"/>
        <v>0.49427809608503248</v>
      </c>
      <c r="M2115">
        <f t="shared" si="248"/>
        <v>0</v>
      </c>
      <c r="N2115" s="45">
        <f t="shared" si="249"/>
        <v>45013.708333328286</v>
      </c>
    </row>
    <row r="2116" spans="2:14" x14ac:dyDescent="0.25">
      <c r="B2116">
        <f t="shared" si="243"/>
        <v>2</v>
      </c>
      <c r="C2116" s="16">
        <v>2082</v>
      </c>
      <c r="D2116" cm="1">
        <f t="array" ref="D2116">IFERROR(INDEX(Jesper!AH$2:AH$366,ROUNDDOWN($C2116/24,0)+1,1)*INDEX($D$3:$AA$30,INDEX(Jesper!$R$2:$R$366,ROW(INDEX(Jesper!AH$2:AH$366,ROUNDDOWN($C2116/24,0)+1,1))-1)+IF('Standard Profiles'!$G$18=$B$10,7,0)+IF('Standard Profiles'!$G$18=$B$17,14,0)+IF('Standard Profiles'!$G$18=$B$24,21,0),MOD($C2116,24)+1)/SUM(INDEX($D$3:$AA$30,INDEX(Jesper!$R$2:$R$366,ROW(INDEX(Jesper!AH$2:AH$366,ROUNDDOWN($C2116/24,0)+1,1))-1)+IF('Standard Profiles'!$G$18=$B$10,7,0)+IF('Standard Profiles'!$G$18=$B$17,14,0)+IF('Standard Profiles'!$G$18=$B$24,21,0),0)),0)</f>
        <v>6.1166914390522757</v>
      </c>
      <c r="E2116" cm="1">
        <f t="array" ref="E2116">IFERROR(INDEX(Jesper!AI$2:AI$366,ROUNDDOWN($C2116/24,0)+1,1)*INDEX($D$3:$AA$30,INDEX(Jesper!$R$2:$R$366,ROW(INDEX(Jesper!AI$2:AI$366,ROUNDDOWN($C2116/24,0)+1,1))-1)+IF('Standard Profiles'!$G$19=$B$10,7,0)+IF('Standard Profiles'!$G$19=$B$17,14,0)+IF('Standard Profiles'!$G$19=$B$24,21,0),MOD($C2116,24)+1)/SUM(INDEX($D$3:$AA$30,INDEX(Jesper!$R$2:$R$366,ROW(INDEX(Jesper!AI$2:AI$366,ROUNDDOWN($C2116/24,0)+1,1))-1)+IF('Standard Profiles'!$G$19=$B$10,7,0)+IF('Standard Profiles'!$G$19=$B$17,14,0)+IF('Standard Profiles'!$G$19=$B$24,21,0),0)),0)</f>
        <v>6.9825244089966603</v>
      </c>
      <c r="F2116" cm="1">
        <f t="array" ref="F2116">IFERROR(INDEX(Jesper!AJ$2:AJ$366,ROUNDDOWN($C2116/24,0)+1,1)*INDEX($D$3:$AA$30,INDEX(Jesper!$R$2:$R$366,ROW(INDEX(Jesper!AJ$2:AJ$366,ROUNDDOWN($C2116/24,0)+1,1))-1)+IF('Standard Profiles'!$G$20=$B$10,7,0)+IF('Standard Profiles'!$G$20=$B$17,14,0)+IF('Standard Profiles'!$G$20=$B$24,21,0),MOD($C2116,24)+1)/SUM(INDEX($D$3:$AA$30,INDEX(Jesper!$R$2:$R$366,ROW(INDEX(Jesper!AJ$2:AJ$366,ROUNDDOWN($C2116/24,0)+1,1))-1)+IF('Standard Profiles'!$G$20=$B$10,7,0)+IF('Standard Profiles'!$G$20=$B$17,14,0)+IF('Standard Profiles'!$G$20=$B$24,21,0),0)),0)</f>
        <v>0</v>
      </c>
      <c r="G2116" cm="1">
        <f t="array" ref="G2116">IFERROR(INDEX(Jesper!AK$2:AK$366,ROUNDDOWN($C2116/24,0)+1,1)*INDEX($D$3:$AA$30,INDEX(Jesper!$R$2:$R$366,ROW(INDEX(Jesper!AK$2:AK$366,ROUNDDOWN($C2116/24,0)+1,1))-1)+IF('Standard Profiles'!$G$21=$B$10,7,0)+IF('Standard Profiles'!$G$21=$B$17,14,0)+IF('Standard Profiles'!$G$21=$B$24,21,0),MOD($C2116,24)+1)/SUM(INDEX($D$3:$AA$30,INDEX(Jesper!$R$2:$R$366,ROW(INDEX(Jesper!AK$2:AK$366,ROUNDDOWN($C2116/24,0)+1,1))-1)+IF('Standard Profiles'!$G$21=$B$10,7,0)+IF('Standard Profiles'!$G$21=$B$17,14,0)+IF('Standard Profiles'!$G$21=$B$24,21,0),0)),0)</f>
        <v>7.9820461017478861</v>
      </c>
      <c r="H2116" cm="1">
        <f t="array" ref="H2116">IFERROR(INDEX(Jesper!AL$2:AL$366,ROUNDDOWN($C2116/24,0)+1,1)*INDEX($D$3:$AA$30,INDEX(Jesper!$R$2:$R$366,ROW(INDEX(Jesper!AL$2:AL$366,ROUNDDOWN($C2116/24,0)+1,1))-1)+IF('Standard Profiles'!$G$22=$B$10,7,0)+IF('Standard Profiles'!$G$22=$B$17,14,0)+IF('Standard Profiles'!$G$22=$B$24,21,0),MOD($C2116,24)+1)/SUM(INDEX($D$3:$AA$30,INDEX(Jesper!$R$2:$R$366,ROW(INDEX(Jesper!AL$2:AL$366,ROUNDDOWN($C2116/24,0)+1,1))-1)+IF('Standard Profiles'!$G$22=$B$10,7,0)+IF('Standard Profiles'!$G$22=$B$17,14,0)+IF('Standard Profiles'!$G$22=$B$24,21,0),0)),0)</f>
        <v>0</v>
      </c>
      <c r="I2116">
        <f t="shared" si="244"/>
        <v>3.8313821288389835</v>
      </c>
      <c r="J2116">
        <f t="shared" si="245"/>
        <v>16.271209190709474</v>
      </c>
      <c r="K2116">
        <f t="shared" si="246"/>
        <v>0.65244708683224284</v>
      </c>
      <c r="L2116">
        <f t="shared" si="247"/>
        <v>0.32622354341612142</v>
      </c>
      <c r="M2116">
        <f t="shared" si="248"/>
        <v>0</v>
      </c>
      <c r="N2116" s="45">
        <f t="shared" si="249"/>
        <v>45013.74999999495</v>
      </c>
    </row>
    <row r="2117" spans="2:14" x14ac:dyDescent="0.25">
      <c r="B2117">
        <f t="shared" si="243"/>
        <v>2</v>
      </c>
      <c r="C2117" s="16">
        <v>2083</v>
      </c>
      <c r="D2117" cm="1">
        <f t="array" ref="D2117">IFERROR(INDEX(Jesper!AH$2:AH$366,ROUNDDOWN($C2117/24,0)+1,1)*INDEX($D$3:$AA$30,INDEX(Jesper!$R$2:$R$366,ROW(INDEX(Jesper!AH$2:AH$366,ROUNDDOWN($C2117/24,0)+1,1))-1)+IF('Standard Profiles'!$G$18=$B$10,7,0)+IF('Standard Profiles'!$G$18=$B$17,14,0)+IF('Standard Profiles'!$G$18=$B$24,21,0),MOD($C2117,24)+1)/SUM(INDEX($D$3:$AA$30,INDEX(Jesper!$R$2:$R$366,ROW(INDEX(Jesper!AH$2:AH$366,ROUNDDOWN($C2117/24,0)+1,1))-1)+IF('Standard Profiles'!$G$18=$B$10,7,0)+IF('Standard Profiles'!$G$18=$B$17,14,0)+IF('Standard Profiles'!$G$18=$B$24,21,0),0)),0)</f>
        <v>6.1166914390522757</v>
      </c>
      <c r="E2117" cm="1">
        <f t="array" ref="E2117">IFERROR(INDEX(Jesper!AI$2:AI$366,ROUNDDOWN($C2117/24,0)+1,1)*INDEX($D$3:$AA$30,INDEX(Jesper!$R$2:$R$366,ROW(INDEX(Jesper!AI$2:AI$366,ROUNDDOWN($C2117/24,0)+1,1))-1)+IF('Standard Profiles'!$G$19=$B$10,7,0)+IF('Standard Profiles'!$G$19=$B$17,14,0)+IF('Standard Profiles'!$G$19=$B$24,21,0),MOD($C2117,24)+1)/SUM(INDEX($D$3:$AA$30,INDEX(Jesper!$R$2:$R$366,ROW(INDEX(Jesper!AI$2:AI$366,ROUNDDOWN($C2117/24,0)+1,1))-1)+IF('Standard Profiles'!$G$19=$B$10,7,0)+IF('Standard Profiles'!$G$19=$B$17,14,0)+IF('Standard Profiles'!$G$19=$B$24,21,0),0)),0)</f>
        <v>6.9825244089966603</v>
      </c>
      <c r="F2117" cm="1">
        <f t="array" ref="F2117">IFERROR(INDEX(Jesper!AJ$2:AJ$366,ROUNDDOWN($C2117/24,0)+1,1)*INDEX($D$3:$AA$30,INDEX(Jesper!$R$2:$R$366,ROW(INDEX(Jesper!AJ$2:AJ$366,ROUNDDOWN($C2117/24,0)+1,1))-1)+IF('Standard Profiles'!$G$20=$B$10,7,0)+IF('Standard Profiles'!$G$20=$B$17,14,0)+IF('Standard Profiles'!$G$20=$B$24,21,0),MOD($C2117,24)+1)/SUM(INDEX($D$3:$AA$30,INDEX(Jesper!$R$2:$R$366,ROW(INDEX(Jesper!AJ$2:AJ$366,ROUNDDOWN($C2117/24,0)+1,1))-1)+IF('Standard Profiles'!$G$20=$B$10,7,0)+IF('Standard Profiles'!$G$20=$B$17,14,0)+IF('Standard Profiles'!$G$20=$B$24,21,0),0)),0)</f>
        <v>0</v>
      </c>
      <c r="G2117" cm="1">
        <f t="array" ref="G2117">IFERROR(INDEX(Jesper!AK$2:AK$366,ROUNDDOWN($C2117/24,0)+1,1)*INDEX($D$3:$AA$30,INDEX(Jesper!$R$2:$R$366,ROW(INDEX(Jesper!AK$2:AK$366,ROUNDDOWN($C2117/24,0)+1,1))-1)+IF('Standard Profiles'!$G$21=$B$10,7,0)+IF('Standard Profiles'!$G$21=$B$17,14,0)+IF('Standard Profiles'!$G$21=$B$24,21,0),MOD($C2117,24)+1)/SUM(INDEX($D$3:$AA$30,INDEX(Jesper!$R$2:$R$366,ROW(INDEX(Jesper!AK$2:AK$366,ROUNDDOWN($C2117/24,0)+1,1))-1)+IF('Standard Profiles'!$G$21=$B$10,7,0)+IF('Standard Profiles'!$G$21=$B$17,14,0)+IF('Standard Profiles'!$G$21=$B$24,21,0),0)),0)</f>
        <v>7.9820461017478861</v>
      </c>
      <c r="H2117" cm="1">
        <f t="array" ref="H2117">IFERROR(INDEX(Jesper!AL$2:AL$366,ROUNDDOWN($C2117/24,0)+1,1)*INDEX($D$3:$AA$30,INDEX(Jesper!$R$2:$R$366,ROW(INDEX(Jesper!AL$2:AL$366,ROUNDDOWN($C2117/24,0)+1,1))-1)+IF('Standard Profiles'!$G$22=$B$10,7,0)+IF('Standard Profiles'!$G$22=$B$17,14,0)+IF('Standard Profiles'!$G$22=$B$24,21,0),MOD($C2117,24)+1)/SUM(INDEX($D$3:$AA$30,INDEX(Jesper!$R$2:$R$366,ROW(INDEX(Jesper!AL$2:AL$366,ROUNDDOWN($C2117/24,0)+1,1))-1)+IF('Standard Profiles'!$G$22=$B$10,7,0)+IF('Standard Profiles'!$G$22=$B$17,14,0)+IF('Standard Profiles'!$G$22=$B$24,21,0),0)),0)</f>
        <v>0</v>
      </c>
      <c r="I2117">
        <f t="shared" si="244"/>
        <v>3.8313821288389835</v>
      </c>
      <c r="J2117">
        <f t="shared" si="245"/>
        <v>16.271209190709474</v>
      </c>
      <c r="K2117">
        <f t="shared" si="246"/>
        <v>0.65244708683224284</v>
      </c>
      <c r="L2117">
        <f t="shared" si="247"/>
        <v>0.32622354341612142</v>
      </c>
      <c r="M2117">
        <f t="shared" si="248"/>
        <v>0</v>
      </c>
      <c r="N2117" s="45">
        <f t="shared" si="249"/>
        <v>45013.791666661615</v>
      </c>
    </row>
    <row r="2118" spans="2:14" x14ac:dyDescent="0.25">
      <c r="B2118">
        <f t="shared" si="243"/>
        <v>2</v>
      </c>
      <c r="C2118" s="16">
        <v>2084</v>
      </c>
      <c r="D2118" cm="1">
        <f t="array" ref="D2118">IFERROR(INDEX(Jesper!AH$2:AH$366,ROUNDDOWN($C2118/24,0)+1,1)*INDEX($D$3:$AA$30,INDEX(Jesper!$R$2:$R$366,ROW(INDEX(Jesper!AH$2:AH$366,ROUNDDOWN($C2118/24,0)+1,1))-1)+IF('Standard Profiles'!$G$18=$B$10,7,0)+IF('Standard Profiles'!$G$18=$B$17,14,0)+IF('Standard Profiles'!$G$18=$B$24,21,0),MOD($C2118,24)+1)/SUM(INDEX($D$3:$AA$30,INDEX(Jesper!$R$2:$R$366,ROW(INDEX(Jesper!AH$2:AH$366,ROUNDDOWN($C2118/24,0)+1,1))-1)+IF('Standard Profiles'!$G$18=$B$10,7,0)+IF('Standard Profiles'!$G$18=$B$17,14,0)+IF('Standard Profiles'!$G$18=$B$24,21,0),0)),0)</f>
        <v>6.1166914390522757</v>
      </c>
      <c r="E2118" cm="1">
        <f t="array" ref="E2118">IFERROR(INDEX(Jesper!AI$2:AI$366,ROUNDDOWN($C2118/24,0)+1,1)*INDEX($D$3:$AA$30,INDEX(Jesper!$R$2:$R$366,ROW(INDEX(Jesper!AI$2:AI$366,ROUNDDOWN($C2118/24,0)+1,1))-1)+IF('Standard Profiles'!$G$19=$B$10,7,0)+IF('Standard Profiles'!$G$19=$B$17,14,0)+IF('Standard Profiles'!$G$19=$B$24,21,0),MOD($C2118,24)+1)/SUM(INDEX($D$3:$AA$30,INDEX(Jesper!$R$2:$R$366,ROW(INDEX(Jesper!AI$2:AI$366,ROUNDDOWN($C2118/24,0)+1,1))-1)+IF('Standard Profiles'!$G$19=$B$10,7,0)+IF('Standard Profiles'!$G$19=$B$17,14,0)+IF('Standard Profiles'!$G$19=$B$24,21,0),0)),0)</f>
        <v>6.9825244089966603</v>
      </c>
      <c r="F2118" cm="1">
        <f t="array" ref="F2118">IFERROR(INDEX(Jesper!AJ$2:AJ$366,ROUNDDOWN($C2118/24,0)+1,1)*INDEX($D$3:$AA$30,INDEX(Jesper!$R$2:$R$366,ROW(INDEX(Jesper!AJ$2:AJ$366,ROUNDDOWN($C2118/24,0)+1,1))-1)+IF('Standard Profiles'!$G$20=$B$10,7,0)+IF('Standard Profiles'!$G$20=$B$17,14,0)+IF('Standard Profiles'!$G$20=$B$24,21,0),MOD($C2118,24)+1)/SUM(INDEX($D$3:$AA$30,INDEX(Jesper!$R$2:$R$366,ROW(INDEX(Jesper!AJ$2:AJ$366,ROUNDDOWN($C2118/24,0)+1,1))-1)+IF('Standard Profiles'!$G$20=$B$10,7,0)+IF('Standard Profiles'!$G$20=$B$17,14,0)+IF('Standard Profiles'!$G$20=$B$24,21,0),0)),0)</f>
        <v>0</v>
      </c>
      <c r="G2118" cm="1">
        <f t="array" ref="G2118">IFERROR(INDEX(Jesper!AK$2:AK$366,ROUNDDOWN($C2118/24,0)+1,1)*INDEX($D$3:$AA$30,INDEX(Jesper!$R$2:$R$366,ROW(INDEX(Jesper!AK$2:AK$366,ROUNDDOWN($C2118/24,0)+1,1))-1)+IF('Standard Profiles'!$G$21=$B$10,7,0)+IF('Standard Profiles'!$G$21=$B$17,14,0)+IF('Standard Profiles'!$G$21=$B$24,21,0),MOD($C2118,24)+1)/SUM(INDEX($D$3:$AA$30,INDEX(Jesper!$R$2:$R$366,ROW(INDEX(Jesper!AK$2:AK$366,ROUNDDOWN($C2118/24,0)+1,1))-1)+IF('Standard Profiles'!$G$21=$B$10,7,0)+IF('Standard Profiles'!$G$21=$B$17,14,0)+IF('Standard Profiles'!$G$21=$B$24,21,0),0)),0)</f>
        <v>7.9820461017478861</v>
      </c>
      <c r="H2118" cm="1">
        <f t="array" ref="H2118">IFERROR(INDEX(Jesper!AL$2:AL$366,ROUNDDOWN($C2118/24,0)+1,1)*INDEX($D$3:$AA$30,INDEX(Jesper!$R$2:$R$366,ROW(INDEX(Jesper!AL$2:AL$366,ROUNDDOWN($C2118/24,0)+1,1))-1)+IF('Standard Profiles'!$G$22=$B$10,7,0)+IF('Standard Profiles'!$G$22=$B$17,14,0)+IF('Standard Profiles'!$G$22=$B$24,21,0),MOD($C2118,24)+1)/SUM(INDEX($D$3:$AA$30,INDEX(Jesper!$R$2:$R$366,ROW(INDEX(Jesper!AL$2:AL$366,ROUNDDOWN($C2118/24,0)+1,1))-1)+IF('Standard Profiles'!$G$22=$B$10,7,0)+IF('Standard Profiles'!$G$22=$B$17,14,0)+IF('Standard Profiles'!$G$22=$B$24,21,0),0)),0)</f>
        <v>0</v>
      </c>
      <c r="I2118">
        <f t="shared" si="244"/>
        <v>3.8313821288389835</v>
      </c>
      <c r="J2118">
        <f t="shared" si="245"/>
        <v>16.271209190709474</v>
      </c>
      <c r="K2118">
        <f t="shared" si="246"/>
        <v>0.65244708683224284</v>
      </c>
      <c r="L2118">
        <f t="shared" si="247"/>
        <v>0.32622354341612142</v>
      </c>
      <c r="M2118">
        <f t="shared" si="248"/>
        <v>0</v>
      </c>
      <c r="N2118" s="45">
        <f t="shared" si="249"/>
        <v>45013.833333328279</v>
      </c>
    </row>
    <row r="2119" spans="2:14" x14ac:dyDescent="0.25">
      <c r="B2119">
        <f t="shared" si="243"/>
        <v>2</v>
      </c>
      <c r="C2119" s="16">
        <v>2085</v>
      </c>
      <c r="D2119" cm="1">
        <f t="array" ref="D2119">IFERROR(INDEX(Jesper!AH$2:AH$366,ROUNDDOWN($C2119/24,0)+1,1)*INDEX($D$3:$AA$30,INDEX(Jesper!$R$2:$R$366,ROW(INDEX(Jesper!AH$2:AH$366,ROUNDDOWN($C2119/24,0)+1,1))-1)+IF('Standard Profiles'!$G$18=$B$10,7,0)+IF('Standard Profiles'!$G$18=$B$17,14,0)+IF('Standard Profiles'!$G$18=$B$24,21,0),MOD($C2119,24)+1)/SUM(INDEX($D$3:$AA$30,INDEX(Jesper!$R$2:$R$366,ROW(INDEX(Jesper!AH$2:AH$366,ROUNDDOWN($C2119/24,0)+1,1))-1)+IF('Standard Profiles'!$G$18=$B$10,7,0)+IF('Standard Profiles'!$G$18=$B$17,14,0)+IF('Standard Profiles'!$G$18=$B$24,21,0),0)),0)</f>
        <v>6.1166914390522757</v>
      </c>
      <c r="E2119" cm="1">
        <f t="array" ref="E2119">IFERROR(INDEX(Jesper!AI$2:AI$366,ROUNDDOWN($C2119/24,0)+1,1)*INDEX($D$3:$AA$30,INDEX(Jesper!$R$2:$R$366,ROW(INDEX(Jesper!AI$2:AI$366,ROUNDDOWN($C2119/24,0)+1,1))-1)+IF('Standard Profiles'!$G$19=$B$10,7,0)+IF('Standard Profiles'!$G$19=$B$17,14,0)+IF('Standard Profiles'!$G$19=$B$24,21,0),MOD($C2119,24)+1)/SUM(INDEX($D$3:$AA$30,INDEX(Jesper!$R$2:$R$366,ROW(INDEX(Jesper!AI$2:AI$366,ROUNDDOWN($C2119/24,0)+1,1))-1)+IF('Standard Profiles'!$G$19=$B$10,7,0)+IF('Standard Profiles'!$G$19=$B$17,14,0)+IF('Standard Profiles'!$G$19=$B$24,21,0),0)),0)</f>
        <v>6.9825244089966603</v>
      </c>
      <c r="F2119" cm="1">
        <f t="array" ref="F2119">IFERROR(INDEX(Jesper!AJ$2:AJ$366,ROUNDDOWN($C2119/24,0)+1,1)*INDEX($D$3:$AA$30,INDEX(Jesper!$R$2:$R$366,ROW(INDEX(Jesper!AJ$2:AJ$366,ROUNDDOWN($C2119/24,0)+1,1))-1)+IF('Standard Profiles'!$G$20=$B$10,7,0)+IF('Standard Profiles'!$G$20=$B$17,14,0)+IF('Standard Profiles'!$G$20=$B$24,21,0),MOD($C2119,24)+1)/SUM(INDEX($D$3:$AA$30,INDEX(Jesper!$R$2:$R$366,ROW(INDEX(Jesper!AJ$2:AJ$366,ROUNDDOWN($C2119/24,0)+1,1))-1)+IF('Standard Profiles'!$G$20=$B$10,7,0)+IF('Standard Profiles'!$G$20=$B$17,14,0)+IF('Standard Profiles'!$G$20=$B$24,21,0),0)),0)</f>
        <v>0</v>
      </c>
      <c r="G2119" cm="1">
        <f t="array" ref="G2119">IFERROR(INDEX(Jesper!AK$2:AK$366,ROUNDDOWN($C2119/24,0)+1,1)*INDEX($D$3:$AA$30,INDEX(Jesper!$R$2:$R$366,ROW(INDEX(Jesper!AK$2:AK$366,ROUNDDOWN($C2119/24,0)+1,1))-1)+IF('Standard Profiles'!$G$21=$B$10,7,0)+IF('Standard Profiles'!$G$21=$B$17,14,0)+IF('Standard Profiles'!$G$21=$B$24,21,0),MOD($C2119,24)+1)/SUM(INDEX($D$3:$AA$30,INDEX(Jesper!$R$2:$R$366,ROW(INDEX(Jesper!AK$2:AK$366,ROUNDDOWN($C2119/24,0)+1,1))-1)+IF('Standard Profiles'!$G$21=$B$10,7,0)+IF('Standard Profiles'!$G$21=$B$17,14,0)+IF('Standard Profiles'!$G$21=$B$24,21,0),0)),0)</f>
        <v>7.9820461017478861</v>
      </c>
      <c r="H2119" cm="1">
        <f t="array" ref="H2119">IFERROR(INDEX(Jesper!AL$2:AL$366,ROUNDDOWN($C2119/24,0)+1,1)*INDEX($D$3:$AA$30,INDEX(Jesper!$R$2:$R$366,ROW(INDEX(Jesper!AL$2:AL$366,ROUNDDOWN($C2119/24,0)+1,1))-1)+IF('Standard Profiles'!$G$22=$B$10,7,0)+IF('Standard Profiles'!$G$22=$B$17,14,0)+IF('Standard Profiles'!$G$22=$B$24,21,0),MOD($C2119,24)+1)/SUM(INDEX($D$3:$AA$30,INDEX(Jesper!$R$2:$R$366,ROW(INDEX(Jesper!AL$2:AL$366,ROUNDDOWN($C2119/24,0)+1,1))-1)+IF('Standard Profiles'!$G$22=$B$10,7,0)+IF('Standard Profiles'!$G$22=$B$17,14,0)+IF('Standard Profiles'!$G$22=$B$24,21,0),0)),0)</f>
        <v>0</v>
      </c>
      <c r="I2119">
        <f t="shared" si="244"/>
        <v>3.8313821288389835</v>
      </c>
      <c r="J2119">
        <f t="shared" si="245"/>
        <v>16.271209190709474</v>
      </c>
      <c r="K2119">
        <f t="shared" si="246"/>
        <v>0.65244708683224284</v>
      </c>
      <c r="L2119">
        <f t="shared" si="247"/>
        <v>0.32622354341612142</v>
      </c>
      <c r="M2119">
        <f t="shared" si="248"/>
        <v>0</v>
      </c>
      <c r="N2119" s="45">
        <f t="shared" si="249"/>
        <v>45013.874999994943</v>
      </c>
    </row>
    <row r="2120" spans="2:14" x14ac:dyDescent="0.25">
      <c r="B2120">
        <f t="shared" si="243"/>
        <v>2</v>
      </c>
      <c r="C2120" s="16">
        <v>2086</v>
      </c>
      <c r="D2120" cm="1">
        <f t="array" ref="D2120">IFERROR(INDEX(Jesper!AH$2:AH$366,ROUNDDOWN($C2120/24,0)+1,1)*INDEX($D$3:$AA$30,INDEX(Jesper!$R$2:$R$366,ROW(INDEX(Jesper!AH$2:AH$366,ROUNDDOWN($C2120/24,0)+1,1))-1)+IF('Standard Profiles'!$G$18=$B$10,7,0)+IF('Standard Profiles'!$G$18=$B$17,14,0)+IF('Standard Profiles'!$G$18=$B$24,21,0),MOD($C2120,24)+1)/SUM(INDEX($D$3:$AA$30,INDEX(Jesper!$R$2:$R$366,ROW(INDEX(Jesper!AH$2:AH$366,ROUNDDOWN($C2120/24,0)+1,1))-1)+IF('Standard Profiles'!$G$18=$B$10,7,0)+IF('Standard Profiles'!$G$18=$B$17,14,0)+IF('Standard Profiles'!$G$18=$B$24,21,0),0)),0)</f>
        <v>6.1166914390522757</v>
      </c>
      <c r="E2120" cm="1">
        <f t="array" ref="E2120">IFERROR(INDEX(Jesper!AI$2:AI$366,ROUNDDOWN($C2120/24,0)+1,1)*INDEX($D$3:$AA$30,INDEX(Jesper!$R$2:$R$366,ROW(INDEX(Jesper!AI$2:AI$366,ROUNDDOWN($C2120/24,0)+1,1))-1)+IF('Standard Profiles'!$G$19=$B$10,7,0)+IF('Standard Profiles'!$G$19=$B$17,14,0)+IF('Standard Profiles'!$G$19=$B$24,21,0),MOD($C2120,24)+1)/SUM(INDEX($D$3:$AA$30,INDEX(Jesper!$R$2:$R$366,ROW(INDEX(Jesper!AI$2:AI$366,ROUNDDOWN($C2120/24,0)+1,1))-1)+IF('Standard Profiles'!$G$19=$B$10,7,0)+IF('Standard Profiles'!$G$19=$B$17,14,0)+IF('Standard Profiles'!$G$19=$B$24,21,0),0)),0)</f>
        <v>6.9825244089966603</v>
      </c>
      <c r="F2120" cm="1">
        <f t="array" ref="F2120">IFERROR(INDEX(Jesper!AJ$2:AJ$366,ROUNDDOWN($C2120/24,0)+1,1)*INDEX($D$3:$AA$30,INDEX(Jesper!$R$2:$R$366,ROW(INDEX(Jesper!AJ$2:AJ$366,ROUNDDOWN($C2120/24,0)+1,1))-1)+IF('Standard Profiles'!$G$20=$B$10,7,0)+IF('Standard Profiles'!$G$20=$B$17,14,0)+IF('Standard Profiles'!$G$20=$B$24,21,0),MOD($C2120,24)+1)/SUM(INDEX($D$3:$AA$30,INDEX(Jesper!$R$2:$R$366,ROW(INDEX(Jesper!AJ$2:AJ$366,ROUNDDOWN($C2120/24,0)+1,1))-1)+IF('Standard Profiles'!$G$20=$B$10,7,0)+IF('Standard Profiles'!$G$20=$B$17,14,0)+IF('Standard Profiles'!$G$20=$B$24,21,0),0)),0)</f>
        <v>0</v>
      </c>
      <c r="G2120" cm="1">
        <f t="array" ref="G2120">IFERROR(INDEX(Jesper!AK$2:AK$366,ROUNDDOWN($C2120/24,0)+1,1)*INDEX($D$3:$AA$30,INDEX(Jesper!$R$2:$R$366,ROW(INDEX(Jesper!AK$2:AK$366,ROUNDDOWN($C2120/24,0)+1,1))-1)+IF('Standard Profiles'!$G$21=$B$10,7,0)+IF('Standard Profiles'!$G$21=$B$17,14,0)+IF('Standard Profiles'!$G$21=$B$24,21,0),MOD($C2120,24)+1)/SUM(INDEX($D$3:$AA$30,INDEX(Jesper!$R$2:$R$366,ROW(INDEX(Jesper!AK$2:AK$366,ROUNDDOWN($C2120/24,0)+1,1))-1)+IF('Standard Profiles'!$G$21=$B$10,7,0)+IF('Standard Profiles'!$G$21=$B$17,14,0)+IF('Standard Profiles'!$G$21=$B$24,21,0),0)),0)</f>
        <v>7.9820461017478861</v>
      </c>
      <c r="H2120" cm="1">
        <f t="array" ref="H2120">IFERROR(INDEX(Jesper!AL$2:AL$366,ROUNDDOWN($C2120/24,0)+1,1)*INDEX($D$3:$AA$30,INDEX(Jesper!$R$2:$R$366,ROW(INDEX(Jesper!AL$2:AL$366,ROUNDDOWN($C2120/24,0)+1,1))-1)+IF('Standard Profiles'!$G$22=$B$10,7,0)+IF('Standard Profiles'!$G$22=$B$17,14,0)+IF('Standard Profiles'!$G$22=$B$24,21,0),MOD($C2120,24)+1)/SUM(INDEX($D$3:$AA$30,INDEX(Jesper!$R$2:$R$366,ROW(INDEX(Jesper!AL$2:AL$366,ROUNDDOWN($C2120/24,0)+1,1))-1)+IF('Standard Profiles'!$G$22=$B$10,7,0)+IF('Standard Profiles'!$G$22=$B$17,14,0)+IF('Standard Profiles'!$G$22=$B$24,21,0),0)),0)</f>
        <v>0</v>
      </c>
      <c r="I2120">
        <f t="shared" si="244"/>
        <v>3.8313821288389835</v>
      </c>
      <c r="J2120">
        <f t="shared" si="245"/>
        <v>16.271209190709474</v>
      </c>
      <c r="K2120">
        <f t="shared" si="246"/>
        <v>0.65244708683224284</v>
      </c>
      <c r="L2120">
        <f t="shared" si="247"/>
        <v>0.32622354341612142</v>
      </c>
      <c r="M2120">
        <f t="shared" si="248"/>
        <v>0</v>
      </c>
      <c r="N2120" s="45">
        <f t="shared" si="249"/>
        <v>45013.916666661607</v>
      </c>
    </row>
    <row r="2121" spans="2:14" x14ac:dyDescent="0.25">
      <c r="B2121">
        <f t="shared" si="243"/>
        <v>2</v>
      </c>
      <c r="C2121" s="16">
        <v>2087</v>
      </c>
      <c r="D2121" cm="1">
        <f t="array" ref="D2121">IFERROR(INDEX(Jesper!AH$2:AH$366,ROUNDDOWN($C2121/24,0)+1,1)*INDEX($D$3:$AA$30,INDEX(Jesper!$R$2:$R$366,ROW(INDEX(Jesper!AH$2:AH$366,ROUNDDOWN($C2121/24,0)+1,1))-1)+IF('Standard Profiles'!$G$18=$B$10,7,0)+IF('Standard Profiles'!$G$18=$B$17,14,0)+IF('Standard Profiles'!$G$18=$B$24,21,0),MOD($C2121,24)+1)/SUM(INDEX($D$3:$AA$30,INDEX(Jesper!$R$2:$R$366,ROW(INDEX(Jesper!AH$2:AH$366,ROUNDDOWN($C2121/24,0)+1,1))-1)+IF('Standard Profiles'!$G$18=$B$10,7,0)+IF('Standard Profiles'!$G$18=$B$17,14,0)+IF('Standard Profiles'!$G$18=$B$24,21,0),0)),0)</f>
        <v>6.1166914390522757</v>
      </c>
      <c r="E2121" cm="1">
        <f t="array" ref="E2121">IFERROR(INDEX(Jesper!AI$2:AI$366,ROUNDDOWN($C2121/24,0)+1,1)*INDEX($D$3:$AA$30,INDEX(Jesper!$R$2:$R$366,ROW(INDEX(Jesper!AI$2:AI$366,ROUNDDOWN($C2121/24,0)+1,1))-1)+IF('Standard Profiles'!$G$19=$B$10,7,0)+IF('Standard Profiles'!$G$19=$B$17,14,0)+IF('Standard Profiles'!$G$19=$B$24,21,0),MOD($C2121,24)+1)/SUM(INDEX($D$3:$AA$30,INDEX(Jesper!$R$2:$R$366,ROW(INDEX(Jesper!AI$2:AI$366,ROUNDDOWN($C2121/24,0)+1,1))-1)+IF('Standard Profiles'!$G$19=$B$10,7,0)+IF('Standard Profiles'!$G$19=$B$17,14,0)+IF('Standard Profiles'!$G$19=$B$24,21,0),0)),0)</f>
        <v>6.9825244089966603</v>
      </c>
      <c r="F2121" cm="1">
        <f t="array" ref="F2121">IFERROR(INDEX(Jesper!AJ$2:AJ$366,ROUNDDOWN($C2121/24,0)+1,1)*INDEX($D$3:$AA$30,INDEX(Jesper!$R$2:$R$366,ROW(INDEX(Jesper!AJ$2:AJ$366,ROUNDDOWN($C2121/24,0)+1,1))-1)+IF('Standard Profiles'!$G$20=$B$10,7,0)+IF('Standard Profiles'!$G$20=$B$17,14,0)+IF('Standard Profiles'!$G$20=$B$24,21,0),MOD($C2121,24)+1)/SUM(INDEX($D$3:$AA$30,INDEX(Jesper!$R$2:$R$366,ROW(INDEX(Jesper!AJ$2:AJ$366,ROUNDDOWN($C2121/24,0)+1,1))-1)+IF('Standard Profiles'!$G$20=$B$10,7,0)+IF('Standard Profiles'!$G$20=$B$17,14,0)+IF('Standard Profiles'!$G$20=$B$24,21,0),0)),0)</f>
        <v>0</v>
      </c>
      <c r="G2121" cm="1">
        <f t="array" ref="G2121">IFERROR(INDEX(Jesper!AK$2:AK$366,ROUNDDOWN($C2121/24,0)+1,1)*INDEX($D$3:$AA$30,INDEX(Jesper!$R$2:$R$366,ROW(INDEX(Jesper!AK$2:AK$366,ROUNDDOWN($C2121/24,0)+1,1))-1)+IF('Standard Profiles'!$G$21=$B$10,7,0)+IF('Standard Profiles'!$G$21=$B$17,14,0)+IF('Standard Profiles'!$G$21=$B$24,21,0),MOD($C2121,24)+1)/SUM(INDEX($D$3:$AA$30,INDEX(Jesper!$R$2:$R$366,ROW(INDEX(Jesper!AK$2:AK$366,ROUNDDOWN($C2121/24,0)+1,1))-1)+IF('Standard Profiles'!$G$21=$B$10,7,0)+IF('Standard Profiles'!$G$21=$B$17,14,0)+IF('Standard Profiles'!$G$21=$B$24,21,0),0)),0)</f>
        <v>7.9820461017478861</v>
      </c>
      <c r="H2121" cm="1">
        <f t="array" ref="H2121">IFERROR(INDEX(Jesper!AL$2:AL$366,ROUNDDOWN($C2121/24,0)+1,1)*INDEX($D$3:$AA$30,INDEX(Jesper!$R$2:$R$366,ROW(INDEX(Jesper!AL$2:AL$366,ROUNDDOWN($C2121/24,0)+1,1))-1)+IF('Standard Profiles'!$G$22=$B$10,7,0)+IF('Standard Profiles'!$G$22=$B$17,14,0)+IF('Standard Profiles'!$G$22=$B$24,21,0),MOD($C2121,24)+1)/SUM(INDEX($D$3:$AA$30,INDEX(Jesper!$R$2:$R$366,ROW(INDEX(Jesper!AL$2:AL$366,ROUNDDOWN($C2121/24,0)+1,1))-1)+IF('Standard Profiles'!$G$22=$B$10,7,0)+IF('Standard Profiles'!$G$22=$B$17,14,0)+IF('Standard Profiles'!$G$22=$B$24,21,0),0)),0)</f>
        <v>0</v>
      </c>
      <c r="I2121">
        <f t="shared" si="244"/>
        <v>3.8313821288389835</v>
      </c>
      <c r="J2121">
        <f t="shared" si="245"/>
        <v>16.271209190709474</v>
      </c>
      <c r="K2121">
        <f t="shared" si="246"/>
        <v>0.65244708683224284</v>
      </c>
      <c r="L2121">
        <f t="shared" si="247"/>
        <v>0.32622354341612142</v>
      </c>
      <c r="M2121">
        <f t="shared" si="248"/>
        <v>0</v>
      </c>
      <c r="N2121" s="45">
        <f t="shared" si="249"/>
        <v>45013.958333328272</v>
      </c>
    </row>
    <row r="2122" spans="2:14" x14ac:dyDescent="0.25">
      <c r="B2122">
        <f t="shared" si="243"/>
        <v>3</v>
      </c>
      <c r="C2122" s="16">
        <v>2088</v>
      </c>
      <c r="D2122" cm="1">
        <f t="array" ref="D2122">IFERROR(INDEX(Jesper!AH$2:AH$366,ROUNDDOWN($C2122/24,0)+1,1)*INDEX($D$3:$AA$30,INDEX(Jesper!$R$2:$R$366,ROW(INDEX(Jesper!AH$2:AH$366,ROUNDDOWN($C2122/24,0)+1,1))-1)+IF('Standard Profiles'!$G$18=$B$10,7,0)+IF('Standard Profiles'!$G$18=$B$17,14,0)+IF('Standard Profiles'!$G$18=$B$24,21,0),MOD($C2122,24)+1)/SUM(INDEX($D$3:$AA$30,INDEX(Jesper!$R$2:$R$366,ROW(INDEX(Jesper!AH$2:AH$366,ROUNDDOWN($C2122/24,0)+1,1))-1)+IF('Standard Profiles'!$G$18=$B$10,7,0)+IF('Standard Profiles'!$G$18=$B$17,14,0)+IF('Standard Profiles'!$G$18=$B$24,21,0),0)),0)</f>
        <v>6.0526712095485493</v>
      </c>
      <c r="E2122" cm="1">
        <f t="array" ref="E2122">IFERROR(INDEX(Jesper!AI$2:AI$366,ROUNDDOWN($C2122/24,0)+1,1)*INDEX($D$3:$AA$30,INDEX(Jesper!$R$2:$R$366,ROW(INDEX(Jesper!AI$2:AI$366,ROUNDDOWN($C2122/24,0)+1,1))-1)+IF('Standard Profiles'!$G$19=$B$10,7,0)+IF('Standard Profiles'!$G$19=$B$17,14,0)+IF('Standard Profiles'!$G$19=$B$24,21,0),MOD($C2122,24)+1)/SUM(INDEX($D$3:$AA$30,INDEX(Jesper!$R$2:$R$366,ROW(INDEX(Jesper!AI$2:AI$366,ROUNDDOWN($C2122/24,0)+1,1))-1)+IF('Standard Profiles'!$G$19=$B$10,7,0)+IF('Standard Profiles'!$G$19=$B$17,14,0)+IF('Standard Profiles'!$G$19=$B$24,21,0),0)),0)</f>
        <v>6.8194935372000254</v>
      </c>
      <c r="F2122" cm="1">
        <f t="array" ref="F2122">IFERROR(INDEX(Jesper!AJ$2:AJ$366,ROUNDDOWN($C2122/24,0)+1,1)*INDEX($D$3:$AA$30,INDEX(Jesper!$R$2:$R$366,ROW(INDEX(Jesper!AJ$2:AJ$366,ROUNDDOWN($C2122/24,0)+1,1))-1)+IF('Standard Profiles'!$G$20=$B$10,7,0)+IF('Standard Profiles'!$G$20=$B$17,14,0)+IF('Standard Profiles'!$G$20=$B$24,21,0),MOD($C2122,24)+1)/SUM(INDEX($D$3:$AA$30,INDEX(Jesper!$R$2:$R$366,ROW(INDEX(Jesper!AJ$2:AJ$366,ROUNDDOWN($C2122/24,0)+1,1))-1)+IF('Standard Profiles'!$G$20=$B$10,7,0)+IF('Standard Profiles'!$G$20=$B$17,14,0)+IF('Standard Profiles'!$G$20=$B$24,21,0),0)),0)</f>
        <v>0</v>
      </c>
      <c r="G2122" cm="1">
        <f t="array" ref="G2122">IFERROR(INDEX(Jesper!AK$2:AK$366,ROUNDDOWN($C2122/24,0)+1,1)*INDEX($D$3:$AA$30,INDEX(Jesper!$R$2:$R$366,ROW(INDEX(Jesper!AK$2:AK$366,ROUNDDOWN($C2122/24,0)+1,1))-1)+IF('Standard Profiles'!$G$21=$B$10,7,0)+IF('Standard Profiles'!$G$21=$B$17,14,0)+IF('Standard Profiles'!$G$21=$B$24,21,0),MOD($C2122,24)+1)/SUM(INDEX($D$3:$AA$30,INDEX(Jesper!$R$2:$R$366,ROW(INDEX(Jesper!AK$2:AK$366,ROUNDDOWN($C2122/24,0)+1,1))-1)+IF('Standard Profiles'!$G$21=$B$10,7,0)+IF('Standard Profiles'!$G$21=$B$17,14,0)+IF('Standard Profiles'!$G$21=$B$24,21,0),0)),0)</f>
        <v>7.9826593689828389</v>
      </c>
      <c r="H2122" cm="1">
        <f t="array" ref="H2122">IFERROR(INDEX(Jesper!AL$2:AL$366,ROUNDDOWN($C2122/24,0)+1,1)*INDEX($D$3:$AA$30,INDEX(Jesper!$R$2:$R$366,ROW(INDEX(Jesper!AL$2:AL$366,ROUNDDOWN($C2122/24,0)+1,1))-1)+IF('Standard Profiles'!$G$22=$B$10,7,0)+IF('Standard Profiles'!$G$22=$B$17,14,0)+IF('Standard Profiles'!$G$22=$B$24,21,0),MOD($C2122,24)+1)/SUM(INDEX($D$3:$AA$30,INDEX(Jesper!$R$2:$R$366,ROW(INDEX(Jesper!AL$2:AL$366,ROUNDDOWN($C2122/24,0)+1,1))-1)+IF('Standard Profiles'!$G$22=$B$10,7,0)+IF('Standard Profiles'!$G$22=$B$17,14,0)+IF('Standard Profiles'!$G$22=$B$24,21,0),0)),0)</f>
        <v>0</v>
      </c>
      <c r="I2122">
        <f t="shared" si="244"/>
        <v>3.8316764971117609</v>
      </c>
      <c r="J2122">
        <f t="shared" si="245"/>
        <v>16.054720225091884</v>
      </c>
      <c r="K2122">
        <f t="shared" si="246"/>
        <v>0.64561826235184527</v>
      </c>
      <c r="L2122">
        <f t="shared" si="247"/>
        <v>0.32280913117592264</v>
      </c>
      <c r="M2122">
        <f t="shared" si="248"/>
        <v>0</v>
      </c>
      <c r="N2122" s="45">
        <f t="shared" si="249"/>
        <v>45013.999999994936</v>
      </c>
    </row>
    <row r="2123" spans="2:14" x14ac:dyDescent="0.25">
      <c r="B2123">
        <f t="shared" si="243"/>
        <v>3</v>
      </c>
      <c r="C2123" s="16">
        <v>2089</v>
      </c>
      <c r="D2123" cm="1">
        <f t="array" ref="D2123">IFERROR(INDEX(Jesper!AH$2:AH$366,ROUNDDOWN($C2123/24,0)+1,1)*INDEX($D$3:$AA$30,INDEX(Jesper!$R$2:$R$366,ROW(INDEX(Jesper!AH$2:AH$366,ROUNDDOWN($C2123/24,0)+1,1))-1)+IF('Standard Profiles'!$G$18=$B$10,7,0)+IF('Standard Profiles'!$G$18=$B$17,14,0)+IF('Standard Profiles'!$G$18=$B$24,21,0),MOD($C2123,24)+1)/SUM(INDEX($D$3:$AA$30,INDEX(Jesper!$R$2:$R$366,ROW(INDEX(Jesper!AH$2:AH$366,ROUNDDOWN($C2123/24,0)+1,1))-1)+IF('Standard Profiles'!$G$18=$B$10,7,0)+IF('Standard Profiles'!$G$18=$B$17,14,0)+IF('Standard Profiles'!$G$18=$B$24,21,0),0)),0)</f>
        <v>6.0526712095485493</v>
      </c>
      <c r="E2123" cm="1">
        <f t="array" ref="E2123">IFERROR(INDEX(Jesper!AI$2:AI$366,ROUNDDOWN($C2123/24,0)+1,1)*INDEX($D$3:$AA$30,INDEX(Jesper!$R$2:$R$366,ROW(INDEX(Jesper!AI$2:AI$366,ROUNDDOWN($C2123/24,0)+1,1))-1)+IF('Standard Profiles'!$G$19=$B$10,7,0)+IF('Standard Profiles'!$G$19=$B$17,14,0)+IF('Standard Profiles'!$G$19=$B$24,21,0),MOD($C2123,24)+1)/SUM(INDEX($D$3:$AA$30,INDEX(Jesper!$R$2:$R$366,ROW(INDEX(Jesper!AI$2:AI$366,ROUNDDOWN($C2123/24,0)+1,1))-1)+IF('Standard Profiles'!$G$19=$B$10,7,0)+IF('Standard Profiles'!$G$19=$B$17,14,0)+IF('Standard Profiles'!$G$19=$B$24,21,0),0)),0)</f>
        <v>6.8194935372000254</v>
      </c>
      <c r="F2123" cm="1">
        <f t="array" ref="F2123">IFERROR(INDEX(Jesper!AJ$2:AJ$366,ROUNDDOWN($C2123/24,0)+1,1)*INDEX($D$3:$AA$30,INDEX(Jesper!$R$2:$R$366,ROW(INDEX(Jesper!AJ$2:AJ$366,ROUNDDOWN($C2123/24,0)+1,1))-1)+IF('Standard Profiles'!$G$20=$B$10,7,0)+IF('Standard Profiles'!$G$20=$B$17,14,0)+IF('Standard Profiles'!$G$20=$B$24,21,0),MOD($C2123,24)+1)/SUM(INDEX($D$3:$AA$30,INDEX(Jesper!$R$2:$R$366,ROW(INDEX(Jesper!AJ$2:AJ$366,ROUNDDOWN($C2123/24,0)+1,1))-1)+IF('Standard Profiles'!$G$20=$B$10,7,0)+IF('Standard Profiles'!$G$20=$B$17,14,0)+IF('Standard Profiles'!$G$20=$B$24,21,0),0)),0)</f>
        <v>0</v>
      </c>
      <c r="G2123" cm="1">
        <f t="array" ref="G2123">IFERROR(INDEX(Jesper!AK$2:AK$366,ROUNDDOWN($C2123/24,0)+1,1)*INDEX($D$3:$AA$30,INDEX(Jesper!$R$2:$R$366,ROW(INDEX(Jesper!AK$2:AK$366,ROUNDDOWN($C2123/24,0)+1,1))-1)+IF('Standard Profiles'!$G$21=$B$10,7,0)+IF('Standard Profiles'!$G$21=$B$17,14,0)+IF('Standard Profiles'!$G$21=$B$24,21,0),MOD($C2123,24)+1)/SUM(INDEX($D$3:$AA$30,INDEX(Jesper!$R$2:$R$366,ROW(INDEX(Jesper!AK$2:AK$366,ROUNDDOWN($C2123/24,0)+1,1))-1)+IF('Standard Profiles'!$G$21=$B$10,7,0)+IF('Standard Profiles'!$G$21=$B$17,14,0)+IF('Standard Profiles'!$G$21=$B$24,21,0),0)),0)</f>
        <v>7.9826593689828389</v>
      </c>
      <c r="H2123" cm="1">
        <f t="array" ref="H2123">IFERROR(INDEX(Jesper!AL$2:AL$366,ROUNDDOWN($C2123/24,0)+1,1)*INDEX($D$3:$AA$30,INDEX(Jesper!$R$2:$R$366,ROW(INDEX(Jesper!AL$2:AL$366,ROUNDDOWN($C2123/24,0)+1,1))-1)+IF('Standard Profiles'!$G$22=$B$10,7,0)+IF('Standard Profiles'!$G$22=$B$17,14,0)+IF('Standard Profiles'!$G$22=$B$24,21,0),MOD($C2123,24)+1)/SUM(INDEX($D$3:$AA$30,INDEX(Jesper!$R$2:$R$366,ROW(INDEX(Jesper!AL$2:AL$366,ROUNDDOWN($C2123/24,0)+1,1))-1)+IF('Standard Profiles'!$G$22=$B$10,7,0)+IF('Standard Profiles'!$G$22=$B$17,14,0)+IF('Standard Profiles'!$G$22=$B$24,21,0),0)),0)</f>
        <v>0</v>
      </c>
      <c r="I2123">
        <f t="shared" si="244"/>
        <v>3.8316764971117609</v>
      </c>
      <c r="J2123">
        <f t="shared" si="245"/>
        <v>16.054720225091884</v>
      </c>
      <c r="K2123">
        <f t="shared" si="246"/>
        <v>0.64561826235184527</v>
      </c>
      <c r="L2123">
        <f t="shared" si="247"/>
        <v>0.32280913117592264</v>
      </c>
      <c r="M2123">
        <f t="shared" si="248"/>
        <v>0</v>
      </c>
      <c r="N2123" s="45">
        <f t="shared" si="249"/>
        <v>45014.0416666616</v>
      </c>
    </row>
    <row r="2124" spans="2:14" x14ac:dyDescent="0.25">
      <c r="B2124">
        <f t="shared" si="243"/>
        <v>3</v>
      </c>
      <c r="C2124" s="16">
        <v>2090</v>
      </c>
      <c r="D2124" cm="1">
        <f t="array" ref="D2124">IFERROR(INDEX(Jesper!AH$2:AH$366,ROUNDDOWN($C2124/24,0)+1,1)*INDEX($D$3:$AA$30,INDEX(Jesper!$R$2:$R$366,ROW(INDEX(Jesper!AH$2:AH$366,ROUNDDOWN($C2124/24,0)+1,1))-1)+IF('Standard Profiles'!$G$18=$B$10,7,0)+IF('Standard Profiles'!$G$18=$B$17,14,0)+IF('Standard Profiles'!$G$18=$B$24,21,0),MOD($C2124,24)+1)/SUM(INDEX($D$3:$AA$30,INDEX(Jesper!$R$2:$R$366,ROW(INDEX(Jesper!AH$2:AH$366,ROUNDDOWN($C2124/24,0)+1,1))-1)+IF('Standard Profiles'!$G$18=$B$10,7,0)+IF('Standard Profiles'!$G$18=$B$17,14,0)+IF('Standard Profiles'!$G$18=$B$24,21,0),0)),0)</f>
        <v>6.0526712095485493</v>
      </c>
      <c r="E2124" cm="1">
        <f t="array" ref="E2124">IFERROR(INDEX(Jesper!AI$2:AI$366,ROUNDDOWN($C2124/24,0)+1,1)*INDEX($D$3:$AA$30,INDEX(Jesper!$R$2:$R$366,ROW(INDEX(Jesper!AI$2:AI$366,ROUNDDOWN($C2124/24,0)+1,1))-1)+IF('Standard Profiles'!$G$19=$B$10,7,0)+IF('Standard Profiles'!$G$19=$B$17,14,0)+IF('Standard Profiles'!$G$19=$B$24,21,0),MOD($C2124,24)+1)/SUM(INDEX($D$3:$AA$30,INDEX(Jesper!$R$2:$R$366,ROW(INDEX(Jesper!AI$2:AI$366,ROUNDDOWN($C2124/24,0)+1,1))-1)+IF('Standard Profiles'!$G$19=$B$10,7,0)+IF('Standard Profiles'!$G$19=$B$17,14,0)+IF('Standard Profiles'!$G$19=$B$24,21,0),0)),0)</f>
        <v>6.8194935372000254</v>
      </c>
      <c r="F2124" cm="1">
        <f t="array" ref="F2124">IFERROR(INDEX(Jesper!AJ$2:AJ$366,ROUNDDOWN($C2124/24,0)+1,1)*INDEX($D$3:$AA$30,INDEX(Jesper!$R$2:$R$366,ROW(INDEX(Jesper!AJ$2:AJ$366,ROUNDDOWN($C2124/24,0)+1,1))-1)+IF('Standard Profiles'!$G$20=$B$10,7,0)+IF('Standard Profiles'!$G$20=$B$17,14,0)+IF('Standard Profiles'!$G$20=$B$24,21,0),MOD($C2124,24)+1)/SUM(INDEX($D$3:$AA$30,INDEX(Jesper!$R$2:$R$366,ROW(INDEX(Jesper!AJ$2:AJ$366,ROUNDDOWN($C2124/24,0)+1,1))-1)+IF('Standard Profiles'!$G$20=$B$10,7,0)+IF('Standard Profiles'!$G$20=$B$17,14,0)+IF('Standard Profiles'!$G$20=$B$24,21,0),0)),0)</f>
        <v>0</v>
      </c>
      <c r="G2124" cm="1">
        <f t="array" ref="G2124">IFERROR(INDEX(Jesper!AK$2:AK$366,ROUNDDOWN($C2124/24,0)+1,1)*INDEX($D$3:$AA$30,INDEX(Jesper!$R$2:$R$366,ROW(INDEX(Jesper!AK$2:AK$366,ROUNDDOWN($C2124/24,0)+1,1))-1)+IF('Standard Profiles'!$G$21=$B$10,7,0)+IF('Standard Profiles'!$G$21=$B$17,14,0)+IF('Standard Profiles'!$G$21=$B$24,21,0),MOD($C2124,24)+1)/SUM(INDEX($D$3:$AA$30,INDEX(Jesper!$R$2:$R$366,ROW(INDEX(Jesper!AK$2:AK$366,ROUNDDOWN($C2124/24,0)+1,1))-1)+IF('Standard Profiles'!$G$21=$B$10,7,0)+IF('Standard Profiles'!$G$21=$B$17,14,0)+IF('Standard Profiles'!$G$21=$B$24,21,0),0)),0)</f>
        <v>7.9826593689828389</v>
      </c>
      <c r="H2124" cm="1">
        <f t="array" ref="H2124">IFERROR(INDEX(Jesper!AL$2:AL$366,ROUNDDOWN($C2124/24,0)+1,1)*INDEX($D$3:$AA$30,INDEX(Jesper!$R$2:$R$366,ROW(INDEX(Jesper!AL$2:AL$366,ROUNDDOWN($C2124/24,0)+1,1))-1)+IF('Standard Profiles'!$G$22=$B$10,7,0)+IF('Standard Profiles'!$G$22=$B$17,14,0)+IF('Standard Profiles'!$G$22=$B$24,21,0),MOD($C2124,24)+1)/SUM(INDEX($D$3:$AA$30,INDEX(Jesper!$R$2:$R$366,ROW(INDEX(Jesper!AL$2:AL$366,ROUNDDOWN($C2124/24,0)+1,1))-1)+IF('Standard Profiles'!$G$22=$B$10,7,0)+IF('Standard Profiles'!$G$22=$B$17,14,0)+IF('Standard Profiles'!$G$22=$B$24,21,0),0)),0)</f>
        <v>0</v>
      </c>
      <c r="I2124">
        <f t="shared" si="244"/>
        <v>3.8316764971117609</v>
      </c>
      <c r="J2124">
        <f t="shared" si="245"/>
        <v>16.054720225091884</v>
      </c>
      <c r="K2124">
        <f t="shared" si="246"/>
        <v>0.64561826235184527</v>
      </c>
      <c r="L2124">
        <f t="shared" si="247"/>
        <v>0.32280913117592264</v>
      </c>
      <c r="M2124">
        <f t="shared" si="248"/>
        <v>0</v>
      </c>
      <c r="N2124" s="45">
        <f t="shared" si="249"/>
        <v>45014.083333328264</v>
      </c>
    </row>
    <row r="2125" spans="2:14" x14ac:dyDescent="0.25">
      <c r="B2125">
        <f t="shared" si="243"/>
        <v>3</v>
      </c>
      <c r="C2125" s="16">
        <v>2091</v>
      </c>
      <c r="D2125" cm="1">
        <f t="array" ref="D2125">IFERROR(INDEX(Jesper!AH$2:AH$366,ROUNDDOWN($C2125/24,0)+1,1)*INDEX($D$3:$AA$30,INDEX(Jesper!$R$2:$R$366,ROW(INDEX(Jesper!AH$2:AH$366,ROUNDDOWN($C2125/24,0)+1,1))-1)+IF('Standard Profiles'!$G$18=$B$10,7,0)+IF('Standard Profiles'!$G$18=$B$17,14,0)+IF('Standard Profiles'!$G$18=$B$24,21,0),MOD($C2125,24)+1)/SUM(INDEX($D$3:$AA$30,INDEX(Jesper!$R$2:$R$366,ROW(INDEX(Jesper!AH$2:AH$366,ROUNDDOWN($C2125/24,0)+1,1))-1)+IF('Standard Profiles'!$G$18=$B$10,7,0)+IF('Standard Profiles'!$G$18=$B$17,14,0)+IF('Standard Profiles'!$G$18=$B$24,21,0),0)),0)</f>
        <v>6.0526712095485493</v>
      </c>
      <c r="E2125" cm="1">
        <f t="array" ref="E2125">IFERROR(INDEX(Jesper!AI$2:AI$366,ROUNDDOWN($C2125/24,0)+1,1)*INDEX($D$3:$AA$30,INDEX(Jesper!$R$2:$R$366,ROW(INDEX(Jesper!AI$2:AI$366,ROUNDDOWN($C2125/24,0)+1,1))-1)+IF('Standard Profiles'!$G$19=$B$10,7,0)+IF('Standard Profiles'!$G$19=$B$17,14,0)+IF('Standard Profiles'!$G$19=$B$24,21,0),MOD($C2125,24)+1)/SUM(INDEX($D$3:$AA$30,INDEX(Jesper!$R$2:$R$366,ROW(INDEX(Jesper!AI$2:AI$366,ROUNDDOWN($C2125/24,0)+1,1))-1)+IF('Standard Profiles'!$G$19=$B$10,7,0)+IF('Standard Profiles'!$G$19=$B$17,14,0)+IF('Standard Profiles'!$G$19=$B$24,21,0),0)),0)</f>
        <v>6.8194935372000254</v>
      </c>
      <c r="F2125" cm="1">
        <f t="array" ref="F2125">IFERROR(INDEX(Jesper!AJ$2:AJ$366,ROUNDDOWN($C2125/24,0)+1,1)*INDEX($D$3:$AA$30,INDEX(Jesper!$R$2:$R$366,ROW(INDEX(Jesper!AJ$2:AJ$366,ROUNDDOWN($C2125/24,0)+1,1))-1)+IF('Standard Profiles'!$G$20=$B$10,7,0)+IF('Standard Profiles'!$G$20=$B$17,14,0)+IF('Standard Profiles'!$G$20=$B$24,21,0),MOD($C2125,24)+1)/SUM(INDEX($D$3:$AA$30,INDEX(Jesper!$R$2:$R$366,ROW(INDEX(Jesper!AJ$2:AJ$366,ROUNDDOWN($C2125/24,0)+1,1))-1)+IF('Standard Profiles'!$G$20=$B$10,7,0)+IF('Standard Profiles'!$G$20=$B$17,14,0)+IF('Standard Profiles'!$G$20=$B$24,21,0),0)),0)</f>
        <v>0</v>
      </c>
      <c r="G2125" cm="1">
        <f t="array" ref="G2125">IFERROR(INDEX(Jesper!AK$2:AK$366,ROUNDDOWN($C2125/24,0)+1,1)*INDEX($D$3:$AA$30,INDEX(Jesper!$R$2:$R$366,ROW(INDEX(Jesper!AK$2:AK$366,ROUNDDOWN($C2125/24,0)+1,1))-1)+IF('Standard Profiles'!$G$21=$B$10,7,0)+IF('Standard Profiles'!$G$21=$B$17,14,0)+IF('Standard Profiles'!$G$21=$B$24,21,0),MOD($C2125,24)+1)/SUM(INDEX($D$3:$AA$30,INDEX(Jesper!$R$2:$R$366,ROW(INDEX(Jesper!AK$2:AK$366,ROUNDDOWN($C2125/24,0)+1,1))-1)+IF('Standard Profiles'!$G$21=$B$10,7,0)+IF('Standard Profiles'!$G$21=$B$17,14,0)+IF('Standard Profiles'!$G$21=$B$24,21,0),0)),0)</f>
        <v>7.9826593689828389</v>
      </c>
      <c r="H2125" cm="1">
        <f t="array" ref="H2125">IFERROR(INDEX(Jesper!AL$2:AL$366,ROUNDDOWN($C2125/24,0)+1,1)*INDEX($D$3:$AA$30,INDEX(Jesper!$R$2:$R$366,ROW(INDEX(Jesper!AL$2:AL$366,ROUNDDOWN($C2125/24,0)+1,1))-1)+IF('Standard Profiles'!$G$22=$B$10,7,0)+IF('Standard Profiles'!$G$22=$B$17,14,0)+IF('Standard Profiles'!$G$22=$B$24,21,0),MOD($C2125,24)+1)/SUM(INDEX($D$3:$AA$30,INDEX(Jesper!$R$2:$R$366,ROW(INDEX(Jesper!AL$2:AL$366,ROUNDDOWN($C2125/24,0)+1,1))-1)+IF('Standard Profiles'!$G$22=$B$10,7,0)+IF('Standard Profiles'!$G$22=$B$17,14,0)+IF('Standard Profiles'!$G$22=$B$24,21,0),0)),0)</f>
        <v>0</v>
      </c>
      <c r="I2125">
        <f t="shared" si="244"/>
        <v>3.8316764971117609</v>
      </c>
      <c r="J2125">
        <f t="shared" si="245"/>
        <v>16.054720225091884</v>
      </c>
      <c r="K2125">
        <f t="shared" si="246"/>
        <v>0.64561826235184527</v>
      </c>
      <c r="L2125">
        <f t="shared" si="247"/>
        <v>0.32280913117592264</v>
      </c>
      <c r="M2125">
        <f t="shared" si="248"/>
        <v>0</v>
      </c>
      <c r="N2125" s="45">
        <f t="shared" si="249"/>
        <v>45014.124999994929</v>
      </c>
    </row>
    <row r="2126" spans="2:14" x14ac:dyDescent="0.25">
      <c r="B2126">
        <f t="shared" si="243"/>
        <v>3</v>
      </c>
      <c r="C2126" s="16">
        <v>2092</v>
      </c>
      <c r="D2126" cm="1">
        <f t="array" ref="D2126">IFERROR(INDEX(Jesper!AH$2:AH$366,ROUNDDOWN($C2126/24,0)+1,1)*INDEX($D$3:$AA$30,INDEX(Jesper!$R$2:$R$366,ROW(INDEX(Jesper!AH$2:AH$366,ROUNDDOWN($C2126/24,0)+1,1))-1)+IF('Standard Profiles'!$G$18=$B$10,7,0)+IF('Standard Profiles'!$G$18=$B$17,14,0)+IF('Standard Profiles'!$G$18=$B$24,21,0),MOD($C2126,24)+1)/SUM(INDEX($D$3:$AA$30,INDEX(Jesper!$R$2:$R$366,ROW(INDEX(Jesper!AH$2:AH$366,ROUNDDOWN($C2126/24,0)+1,1))-1)+IF('Standard Profiles'!$G$18=$B$10,7,0)+IF('Standard Profiles'!$G$18=$B$17,14,0)+IF('Standard Profiles'!$G$18=$B$24,21,0),0)),0)</f>
        <v>6.0526712095485493</v>
      </c>
      <c r="E2126" cm="1">
        <f t="array" ref="E2126">IFERROR(INDEX(Jesper!AI$2:AI$366,ROUNDDOWN($C2126/24,0)+1,1)*INDEX($D$3:$AA$30,INDEX(Jesper!$R$2:$R$366,ROW(INDEX(Jesper!AI$2:AI$366,ROUNDDOWN($C2126/24,0)+1,1))-1)+IF('Standard Profiles'!$G$19=$B$10,7,0)+IF('Standard Profiles'!$G$19=$B$17,14,0)+IF('Standard Profiles'!$G$19=$B$24,21,0),MOD($C2126,24)+1)/SUM(INDEX($D$3:$AA$30,INDEX(Jesper!$R$2:$R$366,ROW(INDEX(Jesper!AI$2:AI$366,ROUNDDOWN($C2126/24,0)+1,1))-1)+IF('Standard Profiles'!$G$19=$B$10,7,0)+IF('Standard Profiles'!$G$19=$B$17,14,0)+IF('Standard Profiles'!$G$19=$B$24,21,0),0)),0)</f>
        <v>6.8194935372000254</v>
      </c>
      <c r="F2126" cm="1">
        <f t="array" ref="F2126">IFERROR(INDEX(Jesper!AJ$2:AJ$366,ROUNDDOWN($C2126/24,0)+1,1)*INDEX($D$3:$AA$30,INDEX(Jesper!$R$2:$R$366,ROW(INDEX(Jesper!AJ$2:AJ$366,ROUNDDOWN($C2126/24,0)+1,1))-1)+IF('Standard Profiles'!$G$20=$B$10,7,0)+IF('Standard Profiles'!$G$20=$B$17,14,0)+IF('Standard Profiles'!$G$20=$B$24,21,0),MOD($C2126,24)+1)/SUM(INDEX($D$3:$AA$30,INDEX(Jesper!$R$2:$R$366,ROW(INDEX(Jesper!AJ$2:AJ$366,ROUNDDOWN($C2126/24,0)+1,1))-1)+IF('Standard Profiles'!$G$20=$B$10,7,0)+IF('Standard Profiles'!$G$20=$B$17,14,0)+IF('Standard Profiles'!$G$20=$B$24,21,0),0)),0)</f>
        <v>0</v>
      </c>
      <c r="G2126" cm="1">
        <f t="array" ref="G2126">IFERROR(INDEX(Jesper!AK$2:AK$366,ROUNDDOWN($C2126/24,0)+1,1)*INDEX($D$3:$AA$30,INDEX(Jesper!$R$2:$R$366,ROW(INDEX(Jesper!AK$2:AK$366,ROUNDDOWN($C2126/24,0)+1,1))-1)+IF('Standard Profiles'!$G$21=$B$10,7,0)+IF('Standard Profiles'!$G$21=$B$17,14,0)+IF('Standard Profiles'!$G$21=$B$24,21,0),MOD($C2126,24)+1)/SUM(INDEX($D$3:$AA$30,INDEX(Jesper!$R$2:$R$366,ROW(INDEX(Jesper!AK$2:AK$366,ROUNDDOWN($C2126/24,0)+1,1))-1)+IF('Standard Profiles'!$G$21=$B$10,7,0)+IF('Standard Profiles'!$G$21=$B$17,14,0)+IF('Standard Profiles'!$G$21=$B$24,21,0),0)),0)</f>
        <v>7.9826593689828389</v>
      </c>
      <c r="H2126" cm="1">
        <f t="array" ref="H2126">IFERROR(INDEX(Jesper!AL$2:AL$366,ROUNDDOWN($C2126/24,0)+1,1)*INDEX($D$3:$AA$30,INDEX(Jesper!$R$2:$R$366,ROW(INDEX(Jesper!AL$2:AL$366,ROUNDDOWN($C2126/24,0)+1,1))-1)+IF('Standard Profiles'!$G$22=$B$10,7,0)+IF('Standard Profiles'!$G$22=$B$17,14,0)+IF('Standard Profiles'!$G$22=$B$24,21,0),MOD($C2126,24)+1)/SUM(INDEX($D$3:$AA$30,INDEX(Jesper!$R$2:$R$366,ROW(INDEX(Jesper!AL$2:AL$366,ROUNDDOWN($C2126/24,0)+1,1))-1)+IF('Standard Profiles'!$G$22=$B$10,7,0)+IF('Standard Profiles'!$G$22=$B$17,14,0)+IF('Standard Profiles'!$G$22=$B$24,21,0),0)),0)</f>
        <v>0</v>
      </c>
      <c r="I2126">
        <f t="shared" si="244"/>
        <v>3.8316764971117609</v>
      </c>
      <c r="J2126">
        <f t="shared" si="245"/>
        <v>16.054720225091884</v>
      </c>
      <c r="K2126">
        <f t="shared" si="246"/>
        <v>0.64561826235184527</v>
      </c>
      <c r="L2126">
        <f t="shared" si="247"/>
        <v>0.32280913117592264</v>
      </c>
      <c r="M2126">
        <f t="shared" si="248"/>
        <v>0</v>
      </c>
      <c r="N2126" s="45">
        <f t="shared" si="249"/>
        <v>45014.166666661593</v>
      </c>
    </row>
    <row r="2127" spans="2:14" x14ac:dyDescent="0.25">
      <c r="B2127">
        <f t="shared" si="243"/>
        <v>3</v>
      </c>
      <c r="C2127" s="16">
        <v>2093</v>
      </c>
      <c r="D2127" cm="1">
        <f t="array" ref="D2127">IFERROR(INDEX(Jesper!AH$2:AH$366,ROUNDDOWN($C2127/24,0)+1,1)*INDEX($D$3:$AA$30,INDEX(Jesper!$R$2:$R$366,ROW(INDEX(Jesper!AH$2:AH$366,ROUNDDOWN($C2127/24,0)+1,1))-1)+IF('Standard Profiles'!$G$18=$B$10,7,0)+IF('Standard Profiles'!$G$18=$B$17,14,0)+IF('Standard Profiles'!$G$18=$B$24,21,0),MOD($C2127,24)+1)/SUM(INDEX($D$3:$AA$30,INDEX(Jesper!$R$2:$R$366,ROW(INDEX(Jesper!AH$2:AH$366,ROUNDDOWN($C2127/24,0)+1,1))-1)+IF('Standard Profiles'!$G$18=$B$10,7,0)+IF('Standard Profiles'!$G$18=$B$17,14,0)+IF('Standard Profiles'!$G$18=$B$24,21,0),0)),0)</f>
        <v>6.0526712095485493</v>
      </c>
      <c r="E2127" cm="1">
        <f t="array" ref="E2127">IFERROR(INDEX(Jesper!AI$2:AI$366,ROUNDDOWN($C2127/24,0)+1,1)*INDEX($D$3:$AA$30,INDEX(Jesper!$R$2:$R$366,ROW(INDEX(Jesper!AI$2:AI$366,ROUNDDOWN($C2127/24,0)+1,1))-1)+IF('Standard Profiles'!$G$19=$B$10,7,0)+IF('Standard Profiles'!$G$19=$B$17,14,0)+IF('Standard Profiles'!$G$19=$B$24,21,0),MOD($C2127,24)+1)/SUM(INDEX($D$3:$AA$30,INDEX(Jesper!$R$2:$R$366,ROW(INDEX(Jesper!AI$2:AI$366,ROUNDDOWN($C2127/24,0)+1,1))-1)+IF('Standard Profiles'!$G$19=$B$10,7,0)+IF('Standard Profiles'!$G$19=$B$17,14,0)+IF('Standard Profiles'!$G$19=$B$24,21,0),0)),0)</f>
        <v>6.8194935372000254</v>
      </c>
      <c r="F2127" cm="1">
        <f t="array" ref="F2127">IFERROR(INDEX(Jesper!AJ$2:AJ$366,ROUNDDOWN($C2127/24,0)+1,1)*INDEX($D$3:$AA$30,INDEX(Jesper!$R$2:$R$366,ROW(INDEX(Jesper!AJ$2:AJ$366,ROUNDDOWN($C2127/24,0)+1,1))-1)+IF('Standard Profiles'!$G$20=$B$10,7,0)+IF('Standard Profiles'!$G$20=$B$17,14,0)+IF('Standard Profiles'!$G$20=$B$24,21,0),MOD($C2127,24)+1)/SUM(INDEX($D$3:$AA$30,INDEX(Jesper!$R$2:$R$366,ROW(INDEX(Jesper!AJ$2:AJ$366,ROUNDDOWN($C2127/24,0)+1,1))-1)+IF('Standard Profiles'!$G$20=$B$10,7,0)+IF('Standard Profiles'!$G$20=$B$17,14,0)+IF('Standard Profiles'!$G$20=$B$24,21,0),0)),0)</f>
        <v>0</v>
      </c>
      <c r="G2127" cm="1">
        <f t="array" ref="G2127">IFERROR(INDEX(Jesper!AK$2:AK$366,ROUNDDOWN($C2127/24,0)+1,1)*INDEX($D$3:$AA$30,INDEX(Jesper!$R$2:$R$366,ROW(INDEX(Jesper!AK$2:AK$366,ROUNDDOWN($C2127/24,0)+1,1))-1)+IF('Standard Profiles'!$G$21=$B$10,7,0)+IF('Standard Profiles'!$G$21=$B$17,14,0)+IF('Standard Profiles'!$G$21=$B$24,21,0),MOD($C2127,24)+1)/SUM(INDEX($D$3:$AA$30,INDEX(Jesper!$R$2:$R$366,ROW(INDEX(Jesper!AK$2:AK$366,ROUNDDOWN($C2127/24,0)+1,1))-1)+IF('Standard Profiles'!$G$21=$B$10,7,0)+IF('Standard Profiles'!$G$21=$B$17,14,0)+IF('Standard Profiles'!$G$21=$B$24,21,0),0)),0)</f>
        <v>7.9826593689828389</v>
      </c>
      <c r="H2127" cm="1">
        <f t="array" ref="H2127">IFERROR(INDEX(Jesper!AL$2:AL$366,ROUNDDOWN($C2127/24,0)+1,1)*INDEX($D$3:$AA$30,INDEX(Jesper!$R$2:$R$366,ROW(INDEX(Jesper!AL$2:AL$366,ROUNDDOWN($C2127/24,0)+1,1))-1)+IF('Standard Profiles'!$G$22=$B$10,7,0)+IF('Standard Profiles'!$G$22=$B$17,14,0)+IF('Standard Profiles'!$G$22=$B$24,21,0),MOD($C2127,24)+1)/SUM(INDEX($D$3:$AA$30,INDEX(Jesper!$R$2:$R$366,ROW(INDEX(Jesper!AL$2:AL$366,ROUNDDOWN($C2127/24,0)+1,1))-1)+IF('Standard Profiles'!$G$22=$B$10,7,0)+IF('Standard Profiles'!$G$22=$B$17,14,0)+IF('Standard Profiles'!$G$22=$B$24,21,0),0)),0)</f>
        <v>0</v>
      </c>
      <c r="I2127">
        <f t="shared" si="244"/>
        <v>3.8316764971117609</v>
      </c>
      <c r="J2127">
        <f t="shared" si="245"/>
        <v>16.054720225091884</v>
      </c>
      <c r="K2127">
        <f t="shared" si="246"/>
        <v>0.64561826235184527</v>
      </c>
      <c r="L2127">
        <f t="shared" si="247"/>
        <v>0.32280913117592264</v>
      </c>
      <c r="M2127">
        <f t="shared" si="248"/>
        <v>0</v>
      </c>
      <c r="N2127" s="45">
        <f t="shared" si="249"/>
        <v>45014.208333328257</v>
      </c>
    </row>
    <row r="2128" spans="2:14" x14ac:dyDescent="0.25">
      <c r="B2128">
        <f t="shared" si="243"/>
        <v>3</v>
      </c>
      <c r="C2128" s="16">
        <v>2094</v>
      </c>
      <c r="D2128" cm="1">
        <f t="array" ref="D2128">IFERROR(INDEX(Jesper!AH$2:AH$366,ROUNDDOWN($C2128/24,0)+1,1)*INDEX($D$3:$AA$30,INDEX(Jesper!$R$2:$R$366,ROW(INDEX(Jesper!AH$2:AH$366,ROUNDDOWN($C2128/24,0)+1,1))-1)+IF('Standard Profiles'!$G$18=$B$10,7,0)+IF('Standard Profiles'!$G$18=$B$17,14,0)+IF('Standard Profiles'!$G$18=$B$24,21,0),MOD($C2128,24)+1)/SUM(INDEX($D$3:$AA$30,INDEX(Jesper!$R$2:$R$366,ROW(INDEX(Jesper!AH$2:AH$366,ROUNDDOWN($C2128/24,0)+1,1))-1)+IF('Standard Profiles'!$G$18=$B$10,7,0)+IF('Standard Profiles'!$G$18=$B$17,14,0)+IF('Standard Profiles'!$G$18=$B$24,21,0),0)),0)</f>
        <v>6.0526712095485493</v>
      </c>
      <c r="E2128" cm="1">
        <f t="array" ref="E2128">IFERROR(INDEX(Jesper!AI$2:AI$366,ROUNDDOWN($C2128/24,0)+1,1)*INDEX($D$3:$AA$30,INDEX(Jesper!$R$2:$R$366,ROW(INDEX(Jesper!AI$2:AI$366,ROUNDDOWN($C2128/24,0)+1,1))-1)+IF('Standard Profiles'!$G$19=$B$10,7,0)+IF('Standard Profiles'!$G$19=$B$17,14,0)+IF('Standard Profiles'!$G$19=$B$24,21,0),MOD($C2128,24)+1)/SUM(INDEX($D$3:$AA$30,INDEX(Jesper!$R$2:$R$366,ROW(INDEX(Jesper!AI$2:AI$366,ROUNDDOWN($C2128/24,0)+1,1))-1)+IF('Standard Profiles'!$G$19=$B$10,7,0)+IF('Standard Profiles'!$G$19=$B$17,14,0)+IF('Standard Profiles'!$G$19=$B$24,21,0),0)),0)</f>
        <v>6.8194935372000254</v>
      </c>
      <c r="F2128" cm="1">
        <f t="array" ref="F2128">IFERROR(INDEX(Jesper!AJ$2:AJ$366,ROUNDDOWN($C2128/24,0)+1,1)*INDEX($D$3:$AA$30,INDEX(Jesper!$R$2:$R$366,ROW(INDEX(Jesper!AJ$2:AJ$366,ROUNDDOWN($C2128/24,0)+1,1))-1)+IF('Standard Profiles'!$G$20=$B$10,7,0)+IF('Standard Profiles'!$G$20=$B$17,14,0)+IF('Standard Profiles'!$G$20=$B$24,21,0),MOD($C2128,24)+1)/SUM(INDEX($D$3:$AA$30,INDEX(Jesper!$R$2:$R$366,ROW(INDEX(Jesper!AJ$2:AJ$366,ROUNDDOWN($C2128/24,0)+1,1))-1)+IF('Standard Profiles'!$G$20=$B$10,7,0)+IF('Standard Profiles'!$G$20=$B$17,14,0)+IF('Standard Profiles'!$G$20=$B$24,21,0),0)),0)</f>
        <v>0</v>
      </c>
      <c r="G2128" cm="1">
        <f t="array" ref="G2128">IFERROR(INDEX(Jesper!AK$2:AK$366,ROUNDDOWN($C2128/24,0)+1,1)*INDEX($D$3:$AA$30,INDEX(Jesper!$R$2:$R$366,ROW(INDEX(Jesper!AK$2:AK$366,ROUNDDOWN($C2128/24,0)+1,1))-1)+IF('Standard Profiles'!$G$21=$B$10,7,0)+IF('Standard Profiles'!$G$21=$B$17,14,0)+IF('Standard Profiles'!$G$21=$B$24,21,0),MOD($C2128,24)+1)/SUM(INDEX($D$3:$AA$30,INDEX(Jesper!$R$2:$R$366,ROW(INDEX(Jesper!AK$2:AK$366,ROUNDDOWN($C2128/24,0)+1,1))-1)+IF('Standard Profiles'!$G$21=$B$10,7,0)+IF('Standard Profiles'!$G$21=$B$17,14,0)+IF('Standard Profiles'!$G$21=$B$24,21,0),0)),0)</f>
        <v>7.9826593689828389</v>
      </c>
      <c r="H2128" cm="1">
        <f t="array" ref="H2128">IFERROR(INDEX(Jesper!AL$2:AL$366,ROUNDDOWN($C2128/24,0)+1,1)*INDEX($D$3:$AA$30,INDEX(Jesper!$R$2:$R$366,ROW(INDEX(Jesper!AL$2:AL$366,ROUNDDOWN($C2128/24,0)+1,1))-1)+IF('Standard Profiles'!$G$22=$B$10,7,0)+IF('Standard Profiles'!$G$22=$B$17,14,0)+IF('Standard Profiles'!$G$22=$B$24,21,0),MOD($C2128,24)+1)/SUM(INDEX($D$3:$AA$30,INDEX(Jesper!$R$2:$R$366,ROW(INDEX(Jesper!AL$2:AL$366,ROUNDDOWN($C2128/24,0)+1,1))-1)+IF('Standard Profiles'!$G$22=$B$10,7,0)+IF('Standard Profiles'!$G$22=$B$17,14,0)+IF('Standard Profiles'!$G$22=$B$24,21,0),0)),0)</f>
        <v>0</v>
      </c>
      <c r="I2128">
        <f t="shared" si="244"/>
        <v>3.8316764971117609</v>
      </c>
      <c r="J2128">
        <f t="shared" si="245"/>
        <v>16.054720225091884</v>
      </c>
      <c r="K2128">
        <f t="shared" si="246"/>
        <v>0.64561826235184527</v>
      </c>
      <c r="L2128">
        <f t="shared" si="247"/>
        <v>0.32280913117592264</v>
      </c>
      <c r="M2128">
        <f t="shared" si="248"/>
        <v>0</v>
      </c>
      <c r="N2128" s="45">
        <f t="shared" si="249"/>
        <v>45014.249999994921</v>
      </c>
    </row>
    <row r="2129" spans="2:14" x14ac:dyDescent="0.25">
      <c r="B2129">
        <f t="shared" si="243"/>
        <v>3</v>
      </c>
      <c r="C2129" s="16">
        <v>2095</v>
      </c>
      <c r="D2129" cm="1">
        <f t="array" ref="D2129">IFERROR(INDEX(Jesper!AH$2:AH$366,ROUNDDOWN($C2129/24,0)+1,1)*INDEX($D$3:$AA$30,INDEX(Jesper!$R$2:$R$366,ROW(INDEX(Jesper!AH$2:AH$366,ROUNDDOWN($C2129/24,0)+1,1))-1)+IF('Standard Profiles'!$G$18=$B$10,7,0)+IF('Standard Profiles'!$G$18=$B$17,14,0)+IF('Standard Profiles'!$G$18=$B$24,21,0),MOD($C2129,24)+1)/SUM(INDEX($D$3:$AA$30,INDEX(Jesper!$R$2:$R$366,ROW(INDEX(Jesper!AH$2:AH$366,ROUNDDOWN($C2129/24,0)+1,1))-1)+IF('Standard Profiles'!$G$18=$B$10,7,0)+IF('Standard Profiles'!$G$18=$B$17,14,0)+IF('Standard Profiles'!$G$18=$B$24,21,0),0)),0)</f>
        <v>24.742586247518158</v>
      </c>
      <c r="E2129" cm="1">
        <f t="array" ref="E2129">IFERROR(INDEX(Jesper!AI$2:AI$366,ROUNDDOWN($C2129/24,0)+1,1)*INDEX($D$3:$AA$30,INDEX(Jesper!$R$2:$R$366,ROW(INDEX(Jesper!AI$2:AI$366,ROUNDDOWN($C2129/24,0)+1,1))-1)+IF('Standard Profiles'!$G$19=$B$10,7,0)+IF('Standard Profiles'!$G$19=$B$17,14,0)+IF('Standard Profiles'!$G$19=$B$24,21,0),MOD($C2129,24)+1)/SUM(INDEX($D$3:$AA$30,INDEX(Jesper!$R$2:$R$366,ROW(INDEX(Jesper!AI$2:AI$366,ROUNDDOWN($C2129/24,0)+1,1))-1)+IF('Standard Profiles'!$G$19=$B$10,7,0)+IF('Standard Profiles'!$G$19=$B$17,14,0)+IF('Standard Profiles'!$G$19=$B$24,21,0),0)),0)</f>
        <v>27.877262974796462</v>
      </c>
      <c r="F2129" cm="1">
        <f t="array" ref="F2129">IFERROR(INDEX(Jesper!AJ$2:AJ$366,ROUNDDOWN($C2129/24,0)+1,1)*INDEX($D$3:$AA$30,INDEX(Jesper!$R$2:$R$366,ROW(INDEX(Jesper!AJ$2:AJ$366,ROUNDDOWN($C2129/24,0)+1,1))-1)+IF('Standard Profiles'!$G$20=$B$10,7,0)+IF('Standard Profiles'!$G$20=$B$17,14,0)+IF('Standard Profiles'!$G$20=$B$24,21,0),MOD($C2129,24)+1)/SUM(INDEX($D$3:$AA$30,INDEX(Jesper!$R$2:$R$366,ROW(INDEX(Jesper!AJ$2:AJ$366,ROUNDDOWN($C2129/24,0)+1,1))-1)+IF('Standard Profiles'!$G$20=$B$10,7,0)+IF('Standard Profiles'!$G$20=$B$17,14,0)+IF('Standard Profiles'!$G$20=$B$24,21,0),0)),0)</f>
        <v>0</v>
      </c>
      <c r="G2129" cm="1">
        <f t="array" ref="G2129">IFERROR(INDEX(Jesper!AK$2:AK$366,ROUNDDOWN($C2129/24,0)+1,1)*INDEX($D$3:$AA$30,INDEX(Jesper!$R$2:$R$366,ROW(INDEX(Jesper!AK$2:AK$366,ROUNDDOWN($C2129/24,0)+1,1))-1)+IF('Standard Profiles'!$G$21=$B$10,7,0)+IF('Standard Profiles'!$G$21=$B$17,14,0)+IF('Standard Profiles'!$G$21=$B$24,21,0),MOD($C2129,24)+1)/SUM(INDEX($D$3:$AA$30,INDEX(Jesper!$R$2:$R$366,ROW(INDEX(Jesper!AK$2:AK$366,ROUNDDOWN($C2129/24,0)+1,1))-1)+IF('Standard Profiles'!$G$21=$B$10,7,0)+IF('Standard Profiles'!$G$21=$B$17,14,0)+IF('Standard Profiles'!$G$21=$B$24,21,0),0)),0)</f>
        <v>21.992226561547714</v>
      </c>
      <c r="H2129" cm="1">
        <f t="array" ref="H2129">IFERROR(INDEX(Jesper!AL$2:AL$366,ROUNDDOWN($C2129/24,0)+1,1)*INDEX($D$3:$AA$30,INDEX(Jesper!$R$2:$R$366,ROW(INDEX(Jesper!AL$2:AL$366,ROUNDDOWN($C2129/24,0)+1,1))-1)+IF('Standard Profiles'!$G$22=$B$10,7,0)+IF('Standard Profiles'!$G$22=$B$17,14,0)+IF('Standard Profiles'!$G$22=$B$24,21,0),MOD($C2129,24)+1)/SUM(INDEX($D$3:$AA$30,INDEX(Jesper!$R$2:$R$366,ROW(INDEX(Jesper!AL$2:AL$366,ROUNDDOWN($C2129/24,0)+1,1))-1)+IF('Standard Profiles'!$G$22=$B$10,7,0)+IF('Standard Profiles'!$G$22=$B$17,14,0)+IF('Standard Profiles'!$G$22=$B$24,21,0),0)),0)</f>
        <v>0</v>
      </c>
      <c r="I2129">
        <f t="shared" si="244"/>
        <v>10.556268749542898</v>
      </c>
      <c r="J2129">
        <f t="shared" si="245"/>
        <v>60.096993234716528</v>
      </c>
      <c r="K2129">
        <f t="shared" si="246"/>
        <v>2.6392091997352702</v>
      </c>
      <c r="L2129">
        <f t="shared" si="247"/>
        <v>1.3196045998676351</v>
      </c>
      <c r="M2129">
        <f t="shared" si="248"/>
        <v>0</v>
      </c>
      <c r="N2129" s="45">
        <f t="shared" si="249"/>
        <v>45014.291666661586</v>
      </c>
    </row>
    <row r="2130" spans="2:14" x14ac:dyDescent="0.25">
      <c r="B2130">
        <f t="shared" si="243"/>
        <v>3</v>
      </c>
      <c r="C2130" s="16">
        <v>2096</v>
      </c>
      <c r="D2130" cm="1">
        <f t="array" ref="D2130">IFERROR(INDEX(Jesper!AH$2:AH$366,ROUNDDOWN($C2130/24,0)+1,1)*INDEX($D$3:$AA$30,INDEX(Jesper!$R$2:$R$366,ROW(INDEX(Jesper!AH$2:AH$366,ROUNDDOWN($C2130/24,0)+1,1))-1)+IF('Standard Profiles'!$G$18=$B$10,7,0)+IF('Standard Profiles'!$G$18=$B$17,14,0)+IF('Standard Profiles'!$G$18=$B$24,21,0),MOD($C2130,24)+1)/SUM(INDEX($D$3:$AA$30,INDEX(Jesper!$R$2:$R$366,ROW(INDEX(Jesper!AH$2:AH$366,ROUNDDOWN($C2130/24,0)+1,1))-1)+IF('Standard Profiles'!$G$18=$B$10,7,0)+IF('Standard Profiles'!$G$18=$B$17,14,0)+IF('Standard Profiles'!$G$18=$B$24,21,0),0)),0)</f>
        <v>27.607517286704475</v>
      </c>
      <c r="E2130" cm="1">
        <f t="array" ref="E2130">IFERROR(INDEX(Jesper!AI$2:AI$366,ROUNDDOWN($C2130/24,0)+1,1)*INDEX($D$3:$AA$30,INDEX(Jesper!$R$2:$R$366,ROW(INDEX(Jesper!AI$2:AI$366,ROUNDDOWN($C2130/24,0)+1,1))-1)+IF('Standard Profiles'!$G$19=$B$10,7,0)+IF('Standard Profiles'!$G$19=$B$17,14,0)+IF('Standard Profiles'!$G$19=$B$24,21,0),MOD($C2130,24)+1)/SUM(INDEX($D$3:$AA$30,INDEX(Jesper!$R$2:$R$366,ROW(INDEX(Jesper!AI$2:AI$366,ROUNDDOWN($C2130/24,0)+1,1))-1)+IF('Standard Profiles'!$G$19=$B$10,7,0)+IF('Standard Profiles'!$G$19=$B$17,14,0)+IF('Standard Profiles'!$G$19=$B$24,21,0),0)),0)</f>
        <v>31.105156582404476</v>
      </c>
      <c r="F2130" cm="1">
        <f t="array" ref="F2130">IFERROR(INDEX(Jesper!AJ$2:AJ$366,ROUNDDOWN($C2130/24,0)+1,1)*INDEX($D$3:$AA$30,INDEX(Jesper!$R$2:$R$366,ROW(INDEX(Jesper!AJ$2:AJ$366,ROUNDDOWN($C2130/24,0)+1,1))-1)+IF('Standard Profiles'!$G$20=$B$10,7,0)+IF('Standard Profiles'!$G$20=$B$17,14,0)+IF('Standard Profiles'!$G$20=$B$24,21,0),MOD($C2130,24)+1)/SUM(INDEX($D$3:$AA$30,INDEX(Jesper!$R$2:$R$366,ROW(INDEX(Jesper!AJ$2:AJ$366,ROUNDDOWN($C2130/24,0)+1,1))-1)+IF('Standard Profiles'!$G$20=$B$10,7,0)+IF('Standard Profiles'!$G$20=$B$17,14,0)+IF('Standard Profiles'!$G$20=$B$24,21,0),0)),0)</f>
        <v>0</v>
      </c>
      <c r="G2130" cm="1">
        <f t="array" ref="G2130">IFERROR(INDEX(Jesper!AK$2:AK$366,ROUNDDOWN($C2130/24,0)+1,1)*INDEX($D$3:$AA$30,INDEX(Jesper!$R$2:$R$366,ROW(INDEX(Jesper!AK$2:AK$366,ROUNDDOWN($C2130/24,0)+1,1))-1)+IF('Standard Profiles'!$G$21=$B$10,7,0)+IF('Standard Profiles'!$G$21=$B$17,14,0)+IF('Standard Profiles'!$G$21=$B$24,21,0),MOD($C2130,24)+1)/SUM(INDEX($D$3:$AA$30,INDEX(Jesper!$R$2:$R$366,ROW(INDEX(Jesper!AK$2:AK$366,ROUNDDOWN($C2130/24,0)+1,1))-1)+IF('Standard Profiles'!$G$21=$B$10,7,0)+IF('Standard Profiles'!$G$21=$B$17,14,0)+IF('Standard Profiles'!$G$21=$B$24,21,0),0)),0)</f>
        <v>24.53869490025324</v>
      </c>
      <c r="H2130" cm="1">
        <f t="array" ref="H2130">IFERROR(INDEX(Jesper!AL$2:AL$366,ROUNDDOWN($C2130/24,0)+1,1)*INDEX($D$3:$AA$30,INDEX(Jesper!$R$2:$R$366,ROW(INDEX(Jesper!AL$2:AL$366,ROUNDDOWN($C2130/24,0)+1,1))-1)+IF('Standard Profiles'!$G$22=$B$10,7,0)+IF('Standard Profiles'!$G$22=$B$17,14,0)+IF('Standard Profiles'!$G$22=$B$24,21,0),MOD($C2130,24)+1)/SUM(INDEX($D$3:$AA$30,INDEX(Jesper!$R$2:$R$366,ROW(INDEX(Jesper!AL$2:AL$366,ROUNDDOWN($C2130/24,0)+1,1))-1)+IF('Standard Profiles'!$G$22=$B$10,7,0)+IF('Standard Profiles'!$G$22=$B$17,14,0)+IF('Standard Profiles'!$G$22=$B$24,21,0),0)),0)</f>
        <v>0</v>
      </c>
      <c r="I2130">
        <f t="shared" si="244"/>
        <v>11.77857355212155</v>
      </c>
      <c r="J2130">
        <f t="shared" si="245"/>
        <v>67.055592451367929</v>
      </c>
      <c r="K2130">
        <f t="shared" si="246"/>
        <v>2.944801843915144</v>
      </c>
      <c r="L2130">
        <f t="shared" si="247"/>
        <v>1.472400921957572</v>
      </c>
      <c r="M2130">
        <f t="shared" si="248"/>
        <v>0</v>
      </c>
      <c r="N2130" s="45">
        <f t="shared" si="249"/>
        <v>45014.33333332825</v>
      </c>
    </row>
    <row r="2131" spans="2:14" x14ac:dyDescent="0.25">
      <c r="B2131">
        <f t="shared" si="243"/>
        <v>3</v>
      </c>
      <c r="C2131" s="16">
        <v>2097</v>
      </c>
      <c r="D2131" cm="1">
        <f t="array" ref="D2131">IFERROR(INDEX(Jesper!AH$2:AH$366,ROUNDDOWN($C2131/24,0)+1,1)*INDEX($D$3:$AA$30,INDEX(Jesper!$R$2:$R$366,ROW(INDEX(Jesper!AH$2:AH$366,ROUNDDOWN($C2131/24,0)+1,1))-1)+IF('Standard Profiles'!$G$18=$B$10,7,0)+IF('Standard Profiles'!$G$18=$B$17,14,0)+IF('Standard Profiles'!$G$18=$B$24,21,0),MOD($C2131,24)+1)/SUM(INDEX($D$3:$AA$30,INDEX(Jesper!$R$2:$R$366,ROW(INDEX(Jesper!AH$2:AH$366,ROUNDDOWN($C2131/24,0)+1,1))-1)+IF('Standard Profiles'!$G$18=$B$10,7,0)+IF('Standard Profiles'!$G$18=$B$17,14,0)+IF('Standard Profiles'!$G$18=$B$24,21,0),0)),0)</f>
        <v>30.472448325890788</v>
      </c>
      <c r="E2131" cm="1">
        <f t="array" ref="E2131">IFERROR(INDEX(Jesper!AI$2:AI$366,ROUNDDOWN($C2131/24,0)+1,1)*INDEX($D$3:$AA$30,INDEX(Jesper!$R$2:$R$366,ROW(INDEX(Jesper!AI$2:AI$366,ROUNDDOWN($C2131/24,0)+1,1))-1)+IF('Standard Profiles'!$G$19=$B$10,7,0)+IF('Standard Profiles'!$G$19=$B$17,14,0)+IF('Standard Profiles'!$G$19=$B$24,21,0),MOD($C2131,24)+1)/SUM(INDEX($D$3:$AA$30,INDEX(Jesper!$R$2:$R$366,ROW(INDEX(Jesper!AI$2:AI$366,ROUNDDOWN($C2131/24,0)+1,1))-1)+IF('Standard Profiles'!$G$19=$B$10,7,0)+IF('Standard Profiles'!$G$19=$B$17,14,0)+IF('Standard Profiles'!$G$19=$B$24,21,0),0)),0)</f>
        <v>34.333050190012493</v>
      </c>
      <c r="F2131" cm="1">
        <f t="array" ref="F2131">IFERROR(INDEX(Jesper!AJ$2:AJ$366,ROUNDDOWN($C2131/24,0)+1,1)*INDEX($D$3:$AA$30,INDEX(Jesper!$R$2:$R$366,ROW(INDEX(Jesper!AJ$2:AJ$366,ROUNDDOWN($C2131/24,0)+1,1))-1)+IF('Standard Profiles'!$G$20=$B$10,7,0)+IF('Standard Profiles'!$G$20=$B$17,14,0)+IF('Standard Profiles'!$G$20=$B$24,21,0),MOD($C2131,24)+1)/SUM(INDEX($D$3:$AA$30,INDEX(Jesper!$R$2:$R$366,ROW(INDEX(Jesper!AJ$2:AJ$366,ROUNDDOWN($C2131/24,0)+1,1))-1)+IF('Standard Profiles'!$G$20=$B$10,7,0)+IF('Standard Profiles'!$G$20=$B$17,14,0)+IF('Standard Profiles'!$G$20=$B$24,21,0),0)),0)</f>
        <v>0</v>
      </c>
      <c r="G2131" cm="1">
        <f t="array" ref="G2131">IFERROR(INDEX(Jesper!AK$2:AK$366,ROUNDDOWN($C2131/24,0)+1,1)*INDEX($D$3:$AA$30,INDEX(Jesper!$R$2:$R$366,ROW(INDEX(Jesper!AK$2:AK$366,ROUNDDOWN($C2131/24,0)+1,1))-1)+IF('Standard Profiles'!$G$21=$B$10,7,0)+IF('Standard Profiles'!$G$21=$B$17,14,0)+IF('Standard Profiles'!$G$21=$B$24,21,0),MOD($C2131,24)+1)/SUM(INDEX($D$3:$AA$30,INDEX(Jesper!$R$2:$R$366,ROW(INDEX(Jesper!AK$2:AK$366,ROUNDDOWN($C2131/24,0)+1,1))-1)+IF('Standard Profiles'!$G$21=$B$10,7,0)+IF('Standard Profiles'!$G$21=$B$17,14,0)+IF('Standard Profiles'!$G$21=$B$24,21,0),0)),0)</f>
        <v>27.085163238958767</v>
      </c>
      <c r="H2131" cm="1">
        <f t="array" ref="H2131">IFERROR(INDEX(Jesper!AL$2:AL$366,ROUNDDOWN($C2131/24,0)+1,1)*INDEX($D$3:$AA$30,INDEX(Jesper!$R$2:$R$366,ROW(INDEX(Jesper!AL$2:AL$366,ROUNDDOWN($C2131/24,0)+1,1))-1)+IF('Standard Profiles'!$G$22=$B$10,7,0)+IF('Standard Profiles'!$G$22=$B$17,14,0)+IF('Standard Profiles'!$G$22=$B$24,21,0),MOD($C2131,24)+1)/SUM(INDEX($D$3:$AA$30,INDEX(Jesper!$R$2:$R$366,ROW(INDEX(Jesper!AL$2:AL$366,ROUNDDOWN($C2131/24,0)+1,1))-1)+IF('Standard Profiles'!$G$22=$B$10,7,0)+IF('Standard Profiles'!$G$22=$B$17,14,0)+IF('Standard Profiles'!$G$22=$B$24,21,0),0)),0)</f>
        <v>0</v>
      </c>
      <c r="I2131">
        <f t="shared" si="244"/>
        <v>13.000878354700202</v>
      </c>
      <c r="J2131">
        <f t="shared" si="245"/>
        <v>74.014191668019322</v>
      </c>
      <c r="K2131">
        <f t="shared" si="246"/>
        <v>3.2503944880950177</v>
      </c>
      <c r="L2131">
        <f t="shared" si="247"/>
        <v>1.6251972440475089</v>
      </c>
      <c r="M2131">
        <f t="shared" si="248"/>
        <v>0</v>
      </c>
      <c r="N2131" s="45">
        <f t="shared" si="249"/>
        <v>45014.374999994914</v>
      </c>
    </row>
    <row r="2132" spans="2:14" x14ac:dyDescent="0.25">
      <c r="B2132">
        <f t="shared" si="243"/>
        <v>3</v>
      </c>
      <c r="C2132" s="16">
        <v>2098</v>
      </c>
      <c r="D2132" cm="1">
        <f t="array" ref="D2132">IFERROR(INDEX(Jesper!AH$2:AH$366,ROUNDDOWN($C2132/24,0)+1,1)*INDEX($D$3:$AA$30,INDEX(Jesper!$R$2:$R$366,ROW(INDEX(Jesper!AH$2:AH$366,ROUNDDOWN($C2132/24,0)+1,1))-1)+IF('Standard Profiles'!$G$18=$B$10,7,0)+IF('Standard Profiles'!$G$18=$B$17,14,0)+IF('Standard Profiles'!$G$18=$B$24,21,0),MOD($C2132,24)+1)/SUM(INDEX($D$3:$AA$30,INDEX(Jesper!$R$2:$R$366,ROW(INDEX(Jesper!AH$2:AH$366,ROUNDDOWN($C2132/24,0)+1,1))-1)+IF('Standard Profiles'!$G$18=$B$10,7,0)+IF('Standard Profiles'!$G$18=$B$17,14,0)+IF('Standard Profiles'!$G$18=$B$24,21,0),0)),0)</f>
        <v>30.472448325890788</v>
      </c>
      <c r="E2132" cm="1">
        <f t="array" ref="E2132">IFERROR(INDEX(Jesper!AI$2:AI$366,ROUNDDOWN($C2132/24,0)+1,1)*INDEX($D$3:$AA$30,INDEX(Jesper!$R$2:$R$366,ROW(INDEX(Jesper!AI$2:AI$366,ROUNDDOWN($C2132/24,0)+1,1))-1)+IF('Standard Profiles'!$G$19=$B$10,7,0)+IF('Standard Profiles'!$G$19=$B$17,14,0)+IF('Standard Profiles'!$G$19=$B$24,21,0),MOD($C2132,24)+1)/SUM(INDEX($D$3:$AA$30,INDEX(Jesper!$R$2:$R$366,ROW(INDEX(Jesper!AI$2:AI$366,ROUNDDOWN($C2132/24,0)+1,1))-1)+IF('Standard Profiles'!$G$19=$B$10,7,0)+IF('Standard Profiles'!$G$19=$B$17,14,0)+IF('Standard Profiles'!$G$19=$B$24,21,0),0)),0)</f>
        <v>34.333050190012493</v>
      </c>
      <c r="F2132" cm="1">
        <f t="array" ref="F2132">IFERROR(INDEX(Jesper!AJ$2:AJ$366,ROUNDDOWN($C2132/24,0)+1,1)*INDEX($D$3:$AA$30,INDEX(Jesper!$R$2:$R$366,ROW(INDEX(Jesper!AJ$2:AJ$366,ROUNDDOWN($C2132/24,0)+1,1))-1)+IF('Standard Profiles'!$G$20=$B$10,7,0)+IF('Standard Profiles'!$G$20=$B$17,14,0)+IF('Standard Profiles'!$G$20=$B$24,21,0),MOD($C2132,24)+1)/SUM(INDEX($D$3:$AA$30,INDEX(Jesper!$R$2:$R$366,ROW(INDEX(Jesper!AJ$2:AJ$366,ROUNDDOWN($C2132/24,0)+1,1))-1)+IF('Standard Profiles'!$G$20=$B$10,7,0)+IF('Standard Profiles'!$G$20=$B$17,14,0)+IF('Standard Profiles'!$G$20=$B$24,21,0),0)),0)</f>
        <v>0</v>
      </c>
      <c r="G2132" cm="1">
        <f t="array" ref="G2132">IFERROR(INDEX(Jesper!AK$2:AK$366,ROUNDDOWN($C2132/24,0)+1,1)*INDEX($D$3:$AA$30,INDEX(Jesper!$R$2:$R$366,ROW(INDEX(Jesper!AK$2:AK$366,ROUNDDOWN($C2132/24,0)+1,1))-1)+IF('Standard Profiles'!$G$21=$B$10,7,0)+IF('Standard Profiles'!$G$21=$B$17,14,0)+IF('Standard Profiles'!$G$21=$B$24,21,0),MOD($C2132,24)+1)/SUM(INDEX($D$3:$AA$30,INDEX(Jesper!$R$2:$R$366,ROW(INDEX(Jesper!AK$2:AK$366,ROUNDDOWN($C2132/24,0)+1,1))-1)+IF('Standard Profiles'!$G$21=$B$10,7,0)+IF('Standard Profiles'!$G$21=$B$17,14,0)+IF('Standard Profiles'!$G$21=$B$24,21,0),0)),0)</f>
        <v>27.085163238958767</v>
      </c>
      <c r="H2132" cm="1">
        <f t="array" ref="H2132">IFERROR(INDEX(Jesper!AL$2:AL$366,ROUNDDOWN($C2132/24,0)+1,1)*INDEX($D$3:$AA$30,INDEX(Jesper!$R$2:$R$366,ROW(INDEX(Jesper!AL$2:AL$366,ROUNDDOWN($C2132/24,0)+1,1))-1)+IF('Standard Profiles'!$G$22=$B$10,7,0)+IF('Standard Profiles'!$G$22=$B$17,14,0)+IF('Standard Profiles'!$G$22=$B$24,21,0),MOD($C2132,24)+1)/SUM(INDEX($D$3:$AA$30,INDEX(Jesper!$R$2:$R$366,ROW(INDEX(Jesper!AL$2:AL$366,ROUNDDOWN($C2132/24,0)+1,1))-1)+IF('Standard Profiles'!$G$22=$B$10,7,0)+IF('Standard Profiles'!$G$22=$B$17,14,0)+IF('Standard Profiles'!$G$22=$B$24,21,0),0)),0)</f>
        <v>0</v>
      </c>
      <c r="I2132">
        <f t="shared" si="244"/>
        <v>13.000878354700202</v>
      </c>
      <c r="J2132">
        <f t="shared" si="245"/>
        <v>74.014191668019322</v>
      </c>
      <c r="K2132">
        <f t="shared" si="246"/>
        <v>3.2503944880950177</v>
      </c>
      <c r="L2132">
        <f t="shared" si="247"/>
        <v>1.6251972440475089</v>
      </c>
      <c r="M2132">
        <f t="shared" si="248"/>
        <v>0</v>
      </c>
      <c r="N2132" s="45">
        <f t="shared" si="249"/>
        <v>45014.416666661578</v>
      </c>
    </row>
    <row r="2133" spans="2:14" x14ac:dyDescent="0.25">
      <c r="B2133">
        <f t="shared" si="243"/>
        <v>3</v>
      </c>
      <c r="C2133" s="16">
        <v>2099</v>
      </c>
      <c r="D2133" cm="1">
        <f t="array" ref="D2133">IFERROR(INDEX(Jesper!AH$2:AH$366,ROUNDDOWN($C2133/24,0)+1,1)*INDEX($D$3:$AA$30,INDEX(Jesper!$R$2:$R$366,ROW(INDEX(Jesper!AH$2:AH$366,ROUNDDOWN($C2133/24,0)+1,1))-1)+IF('Standard Profiles'!$G$18=$B$10,7,0)+IF('Standard Profiles'!$G$18=$B$17,14,0)+IF('Standard Profiles'!$G$18=$B$24,21,0),MOD($C2133,24)+1)/SUM(INDEX($D$3:$AA$30,INDEX(Jesper!$R$2:$R$366,ROW(INDEX(Jesper!AH$2:AH$366,ROUNDDOWN($C2133/24,0)+1,1))-1)+IF('Standard Profiles'!$G$18=$B$10,7,0)+IF('Standard Profiles'!$G$18=$B$17,14,0)+IF('Standard Profiles'!$G$18=$B$24,21,0),0)),0)</f>
        <v>36.46275868055308</v>
      </c>
      <c r="E2133" cm="1">
        <f t="array" ref="E2133">IFERROR(INDEX(Jesper!AI$2:AI$366,ROUNDDOWN($C2133/24,0)+1,1)*INDEX($D$3:$AA$30,INDEX(Jesper!$R$2:$R$366,ROW(INDEX(Jesper!AI$2:AI$366,ROUNDDOWN($C2133/24,0)+1,1))-1)+IF('Standard Profiles'!$G$19=$B$10,7,0)+IF('Standard Profiles'!$G$19=$B$17,14,0)+IF('Standard Profiles'!$G$19=$B$24,21,0),MOD($C2133,24)+1)/SUM(INDEX($D$3:$AA$30,INDEX(Jesper!$R$2:$R$366,ROW(INDEX(Jesper!AI$2:AI$366,ROUNDDOWN($C2133/24,0)+1,1))-1)+IF('Standard Profiles'!$G$19=$B$10,7,0)+IF('Standard Profiles'!$G$19=$B$17,14,0)+IF('Standard Profiles'!$G$19=$B$24,21,0),0)),0)</f>
        <v>41.082282278647426</v>
      </c>
      <c r="F2133" cm="1">
        <f t="array" ref="F2133">IFERROR(INDEX(Jesper!AJ$2:AJ$366,ROUNDDOWN($C2133/24,0)+1,1)*INDEX($D$3:$AA$30,INDEX(Jesper!$R$2:$R$366,ROW(INDEX(Jesper!AJ$2:AJ$366,ROUNDDOWN($C2133/24,0)+1,1))-1)+IF('Standard Profiles'!$G$20=$B$10,7,0)+IF('Standard Profiles'!$G$20=$B$17,14,0)+IF('Standard Profiles'!$G$20=$B$24,21,0),MOD($C2133,24)+1)/SUM(INDEX($D$3:$AA$30,INDEX(Jesper!$R$2:$R$366,ROW(INDEX(Jesper!AJ$2:AJ$366,ROUNDDOWN($C2133/24,0)+1,1))-1)+IF('Standard Profiles'!$G$20=$B$10,7,0)+IF('Standard Profiles'!$G$20=$B$17,14,0)+IF('Standard Profiles'!$G$20=$B$24,21,0),0)),0)</f>
        <v>0</v>
      </c>
      <c r="G2133" cm="1">
        <f t="array" ref="G2133">IFERROR(INDEX(Jesper!AK$2:AK$366,ROUNDDOWN($C2133/24,0)+1,1)*INDEX($D$3:$AA$30,INDEX(Jesper!$R$2:$R$366,ROW(INDEX(Jesper!AK$2:AK$366,ROUNDDOWN($C2133/24,0)+1,1))-1)+IF('Standard Profiles'!$G$21=$B$10,7,0)+IF('Standard Profiles'!$G$21=$B$17,14,0)+IF('Standard Profiles'!$G$21=$B$24,21,0),MOD($C2133,24)+1)/SUM(INDEX($D$3:$AA$30,INDEX(Jesper!$R$2:$R$366,ROW(INDEX(Jesper!AK$2:AK$366,ROUNDDOWN($C2133/24,0)+1,1))-1)+IF('Standard Profiles'!$G$21=$B$10,7,0)+IF('Standard Profiles'!$G$21=$B$17,14,0)+IF('Standard Profiles'!$G$21=$B$24,21,0),0)),0)</f>
        <v>32.409597038070316</v>
      </c>
      <c r="H2133" cm="1">
        <f t="array" ref="H2133">IFERROR(INDEX(Jesper!AL$2:AL$366,ROUNDDOWN($C2133/24,0)+1,1)*INDEX($D$3:$AA$30,INDEX(Jesper!$R$2:$R$366,ROW(INDEX(Jesper!AL$2:AL$366,ROUNDDOWN($C2133/24,0)+1,1))-1)+IF('Standard Profiles'!$G$22=$B$10,7,0)+IF('Standard Profiles'!$G$22=$B$17,14,0)+IF('Standard Profiles'!$G$22=$B$24,21,0),MOD($C2133,24)+1)/SUM(INDEX($D$3:$AA$30,INDEX(Jesper!$R$2:$R$366,ROW(INDEX(Jesper!AL$2:AL$366,ROUNDDOWN($C2133/24,0)+1,1))-1)+IF('Standard Profiles'!$G$22=$B$10,7,0)+IF('Standard Profiles'!$G$22=$B$17,14,0)+IF('Standard Profiles'!$G$22=$B$24,21,0),0)),0)</f>
        <v>0</v>
      </c>
      <c r="I2133">
        <f t="shared" si="244"/>
        <v>15.556606578273744</v>
      </c>
      <c r="J2133">
        <f t="shared" si="245"/>
        <v>88.563990030108585</v>
      </c>
      <c r="K2133">
        <f t="shared" si="246"/>
        <v>3.8893609259256623</v>
      </c>
      <c r="L2133">
        <f t="shared" si="247"/>
        <v>1.9446804629628311</v>
      </c>
      <c r="M2133">
        <f t="shared" si="248"/>
        <v>0</v>
      </c>
      <c r="N2133" s="45">
        <f t="shared" si="249"/>
        <v>45014.458333328243</v>
      </c>
    </row>
    <row r="2134" spans="2:14" x14ac:dyDescent="0.25">
      <c r="B2134">
        <f t="shared" si="243"/>
        <v>3</v>
      </c>
      <c r="C2134" s="16">
        <v>2100</v>
      </c>
      <c r="D2134" cm="1">
        <f t="array" ref="D2134">IFERROR(INDEX(Jesper!AH$2:AH$366,ROUNDDOWN($C2134/24,0)+1,1)*INDEX($D$3:$AA$30,INDEX(Jesper!$R$2:$R$366,ROW(INDEX(Jesper!AH$2:AH$366,ROUNDDOWN($C2134/24,0)+1,1))-1)+IF('Standard Profiles'!$G$18=$B$10,7,0)+IF('Standard Profiles'!$G$18=$B$17,14,0)+IF('Standard Profiles'!$G$18=$B$24,21,0),MOD($C2134,24)+1)/SUM(INDEX($D$3:$AA$30,INDEX(Jesper!$R$2:$R$366,ROW(INDEX(Jesper!AH$2:AH$366,ROUNDDOWN($C2134/24,0)+1,1))-1)+IF('Standard Profiles'!$G$18=$B$10,7,0)+IF('Standard Profiles'!$G$18=$B$17,14,0)+IF('Standard Profiles'!$G$18=$B$24,21,0),0)),0)</f>
        <v>36.46275868055308</v>
      </c>
      <c r="E2134" cm="1">
        <f t="array" ref="E2134">IFERROR(INDEX(Jesper!AI$2:AI$366,ROUNDDOWN($C2134/24,0)+1,1)*INDEX($D$3:$AA$30,INDEX(Jesper!$R$2:$R$366,ROW(INDEX(Jesper!AI$2:AI$366,ROUNDDOWN($C2134/24,0)+1,1))-1)+IF('Standard Profiles'!$G$19=$B$10,7,0)+IF('Standard Profiles'!$G$19=$B$17,14,0)+IF('Standard Profiles'!$G$19=$B$24,21,0),MOD($C2134,24)+1)/SUM(INDEX($D$3:$AA$30,INDEX(Jesper!$R$2:$R$366,ROW(INDEX(Jesper!AI$2:AI$366,ROUNDDOWN($C2134/24,0)+1,1))-1)+IF('Standard Profiles'!$G$19=$B$10,7,0)+IF('Standard Profiles'!$G$19=$B$17,14,0)+IF('Standard Profiles'!$G$19=$B$24,21,0),0)),0)</f>
        <v>41.082282278647426</v>
      </c>
      <c r="F2134" cm="1">
        <f t="array" ref="F2134">IFERROR(INDEX(Jesper!AJ$2:AJ$366,ROUNDDOWN($C2134/24,0)+1,1)*INDEX($D$3:$AA$30,INDEX(Jesper!$R$2:$R$366,ROW(INDEX(Jesper!AJ$2:AJ$366,ROUNDDOWN($C2134/24,0)+1,1))-1)+IF('Standard Profiles'!$G$20=$B$10,7,0)+IF('Standard Profiles'!$G$20=$B$17,14,0)+IF('Standard Profiles'!$G$20=$B$24,21,0),MOD($C2134,24)+1)/SUM(INDEX($D$3:$AA$30,INDEX(Jesper!$R$2:$R$366,ROW(INDEX(Jesper!AJ$2:AJ$366,ROUNDDOWN($C2134/24,0)+1,1))-1)+IF('Standard Profiles'!$G$20=$B$10,7,0)+IF('Standard Profiles'!$G$20=$B$17,14,0)+IF('Standard Profiles'!$G$20=$B$24,21,0),0)),0)</f>
        <v>0</v>
      </c>
      <c r="G2134" cm="1">
        <f t="array" ref="G2134">IFERROR(INDEX(Jesper!AK$2:AK$366,ROUNDDOWN($C2134/24,0)+1,1)*INDEX($D$3:$AA$30,INDEX(Jesper!$R$2:$R$366,ROW(INDEX(Jesper!AK$2:AK$366,ROUNDDOWN($C2134/24,0)+1,1))-1)+IF('Standard Profiles'!$G$21=$B$10,7,0)+IF('Standard Profiles'!$G$21=$B$17,14,0)+IF('Standard Profiles'!$G$21=$B$24,21,0),MOD($C2134,24)+1)/SUM(INDEX($D$3:$AA$30,INDEX(Jesper!$R$2:$R$366,ROW(INDEX(Jesper!AK$2:AK$366,ROUNDDOWN($C2134/24,0)+1,1))-1)+IF('Standard Profiles'!$G$21=$B$10,7,0)+IF('Standard Profiles'!$G$21=$B$17,14,0)+IF('Standard Profiles'!$G$21=$B$24,21,0),0)),0)</f>
        <v>32.409597038070316</v>
      </c>
      <c r="H2134" cm="1">
        <f t="array" ref="H2134">IFERROR(INDEX(Jesper!AL$2:AL$366,ROUNDDOWN($C2134/24,0)+1,1)*INDEX($D$3:$AA$30,INDEX(Jesper!$R$2:$R$366,ROW(INDEX(Jesper!AL$2:AL$366,ROUNDDOWN($C2134/24,0)+1,1))-1)+IF('Standard Profiles'!$G$22=$B$10,7,0)+IF('Standard Profiles'!$G$22=$B$17,14,0)+IF('Standard Profiles'!$G$22=$B$24,21,0),MOD($C2134,24)+1)/SUM(INDEX($D$3:$AA$30,INDEX(Jesper!$R$2:$R$366,ROW(INDEX(Jesper!AL$2:AL$366,ROUNDDOWN($C2134/24,0)+1,1))-1)+IF('Standard Profiles'!$G$22=$B$10,7,0)+IF('Standard Profiles'!$G$22=$B$17,14,0)+IF('Standard Profiles'!$G$22=$B$24,21,0),0)),0)</f>
        <v>0</v>
      </c>
      <c r="I2134">
        <f t="shared" si="244"/>
        <v>15.556606578273744</v>
      </c>
      <c r="J2134">
        <f t="shared" si="245"/>
        <v>88.563990030108585</v>
      </c>
      <c r="K2134">
        <f t="shared" si="246"/>
        <v>3.8893609259256623</v>
      </c>
      <c r="L2134">
        <f t="shared" si="247"/>
        <v>1.9446804629628311</v>
      </c>
      <c r="M2134">
        <f t="shared" si="248"/>
        <v>0</v>
      </c>
      <c r="N2134" s="45">
        <f t="shared" si="249"/>
        <v>45014.499999994907</v>
      </c>
    </row>
    <row r="2135" spans="2:14" x14ac:dyDescent="0.25">
      <c r="B2135">
        <f t="shared" si="243"/>
        <v>3</v>
      </c>
      <c r="C2135" s="16">
        <v>2101</v>
      </c>
      <c r="D2135" cm="1">
        <f t="array" ref="D2135">IFERROR(INDEX(Jesper!AH$2:AH$366,ROUNDDOWN($C2135/24,0)+1,1)*INDEX($D$3:$AA$30,INDEX(Jesper!$R$2:$R$366,ROW(INDEX(Jesper!AH$2:AH$366,ROUNDDOWN($C2135/24,0)+1,1))-1)+IF('Standard Profiles'!$G$18=$B$10,7,0)+IF('Standard Profiles'!$G$18=$B$17,14,0)+IF('Standard Profiles'!$G$18=$B$24,21,0),MOD($C2135,24)+1)/SUM(INDEX($D$3:$AA$30,INDEX(Jesper!$R$2:$R$366,ROW(INDEX(Jesper!AH$2:AH$366,ROUNDDOWN($C2135/24,0)+1,1))-1)+IF('Standard Profiles'!$G$18=$B$10,7,0)+IF('Standard Profiles'!$G$18=$B$17,14,0)+IF('Standard Profiles'!$G$18=$B$24,21,0),0)),0)</f>
        <v>24.221689694938835</v>
      </c>
      <c r="E2135" cm="1">
        <f t="array" ref="E2135">IFERROR(INDEX(Jesper!AI$2:AI$366,ROUNDDOWN($C2135/24,0)+1,1)*INDEX($D$3:$AA$30,INDEX(Jesper!$R$2:$R$366,ROW(INDEX(Jesper!AI$2:AI$366,ROUNDDOWN($C2135/24,0)+1,1))-1)+IF('Standard Profiles'!$G$19=$B$10,7,0)+IF('Standard Profiles'!$G$19=$B$17,14,0)+IF('Standard Profiles'!$G$19=$B$24,21,0),MOD($C2135,24)+1)/SUM(INDEX($D$3:$AA$30,INDEX(Jesper!$R$2:$R$366,ROW(INDEX(Jesper!AI$2:AI$366,ROUNDDOWN($C2135/24,0)+1,1))-1)+IF('Standard Profiles'!$G$19=$B$10,7,0)+IF('Standard Profiles'!$G$19=$B$17,14,0)+IF('Standard Profiles'!$G$19=$B$24,21,0),0)),0)</f>
        <v>27.290373227958643</v>
      </c>
      <c r="F2135" cm="1">
        <f t="array" ref="F2135">IFERROR(INDEX(Jesper!AJ$2:AJ$366,ROUNDDOWN($C2135/24,0)+1,1)*INDEX($D$3:$AA$30,INDEX(Jesper!$R$2:$R$366,ROW(INDEX(Jesper!AJ$2:AJ$366,ROUNDDOWN($C2135/24,0)+1,1))-1)+IF('Standard Profiles'!$G$20=$B$10,7,0)+IF('Standard Profiles'!$G$20=$B$17,14,0)+IF('Standard Profiles'!$G$20=$B$24,21,0),MOD($C2135,24)+1)/SUM(INDEX($D$3:$AA$30,INDEX(Jesper!$R$2:$R$366,ROW(INDEX(Jesper!AJ$2:AJ$366,ROUNDDOWN($C2135/24,0)+1,1))-1)+IF('Standard Profiles'!$G$20=$B$10,7,0)+IF('Standard Profiles'!$G$20=$B$17,14,0)+IF('Standard Profiles'!$G$20=$B$24,21,0),0)),0)</f>
        <v>0</v>
      </c>
      <c r="G2135" cm="1">
        <f t="array" ref="G2135">IFERROR(INDEX(Jesper!AK$2:AK$366,ROUNDDOWN($C2135/24,0)+1,1)*INDEX($D$3:$AA$30,INDEX(Jesper!$R$2:$R$366,ROW(INDEX(Jesper!AK$2:AK$366,ROUNDDOWN($C2135/24,0)+1,1))-1)+IF('Standard Profiles'!$G$21=$B$10,7,0)+IF('Standard Profiles'!$G$21=$B$17,14,0)+IF('Standard Profiles'!$G$21=$B$24,21,0),MOD($C2135,24)+1)/SUM(INDEX($D$3:$AA$30,INDEX(Jesper!$R$2:$R$366,ROW(INDEX(Jesper!AK$2:AK$366,ROUNDDOWN($C2135/24,0)+1,1))-1)+IF('Standard Profiles'!$G$21=$B$10,7,0)+IF('Standard Profiles'!$G$21=$B$17,14,0)+IF('Standard Profiles'!$G$21=$B$24,21,0),0)),0)</f>
        <v>21.529232318146711</v>
      </c>
      <c r="H2135" cm="1">
        <f t="array" ref="H2135">IFERROR(INDEX(Jesper!AL$2:AL$366,ROUNDDOWN($C2135/24,0)+1,1)*INDEX($D$3:$AA$30,INDEX(Jesper!$R$2:$R$366,ROW(INDEX(Jesper!AL$2:AL$366,ROUNDDOWN($C2135/24,0)+1,1))-1)+IF('Standard Profiles'!$G$22=$B$10,7,0)+IF('Standard Profiles'!$G$22=$B$17,14,0)+IF('Standard Profiles'!$G$22=$B$24,21,0),MOD($C2135,24)+1)/SUM(INDEX($D$3:$AA$30,INDEX(Jesper!$R$2:$R$366,ROW(INDEX(Jesper!AL$2:AL$366,ROUNDDOWN($C2135/24,0)+1,1))-1)+IF('Standard Profiles'!$G$22=$B$10,7,0)+IF('Standard Profiles'!$G$22=$B$17,14,0)+IF('Standard Profiles'!$G$22=$B$24,21,0),0)),0)</f>
        <v>0</v>
      </c>
      <c r="I2135">
        <f t="shared" si="244"/>
        <v>10.334031512710416</v>
      </c>
      <c r="J2135">
        <f t="shared" si="245"/>
        <v>58.831793377143562</v>
      </c>
      <c r="K2135">
        <f t="shared" si="246"/>
        <v>2.5836469007934757</v>
      </c>
      <c r="L2135">
        <f t="shared" si="247"/>
        <v>1.2918234503967378</v>
      </c>
      <c r="M2135">
        <f t="shared" si="248"/>
        <v>0</v>
      </c>
      <c r="N2135" s="45">
        <f t="shared" si="249"/>
        <v>45014.541666661571</v>
      </c>
    </row>
    <row r="2136" spans="2:14" x14ac:dyDescent="0.25">
      <c r="B2136">
        <f t="shared" si="243"/>
        <v>3</v>
      </c>
      <c r="C2136" s="16">
        <v>2102</v>
      </c>
      <c r="D2136" cm="1">
        <f t="array" ref="D2136">IFERROR(INDEX(Jesper!AH$2:AH$366,ROUNDDOWN($C2136/24,0)+1,1)*INDEX($D$3:$AA$30,INDEX(Jesper!$R$2:$R$366,ROW(INDEX(Jesper!AH$2:AH$366,ROUNDDOWN($C2136/24,0)+1,1))-1)+IF('Standard Profiles'!$G$18=$B$10,7,0)+IF('Standard Profiles'!$G$18=$B$17,14,0)+IF('Standard Profiles'!$G$18=$B$24,21,0),MOD($C2136,24)+1)/SUM(INDEX($D$3:$AA$30,INDEX(Jesper!$R$2:$R$366,ROW(INDEX(Jesper!AH$2:AH$366,ROUNDDOWN($C2136/24,0)+1,1))-1)+IF('Standard Profiles'!$G$18=$B$10,7,0)+IF('Standard Profiles'!$G$18=$B$17,14,0)+IF('Standard Profiles'!$G$18=$B$24,21,0),0)),0)</f>
        <v>36.46275868055308</v>
      </c>
      <c r="E2136" cm="1">
        <f t="array" ref="E2136">IFERROR(INDEX(Jesper!AI$2:AI$366,ROUNDDOWN($C2136/24,0)+1,1)*INDEX($D$3:$AA$30,INDEX(Jesper!$R$2:$R$366,ROW(INDEX(Jesper!AI$2:AI$366,ROUNDDOWN($C2136/24,0)+1,1))-1)+IF('Standard Profiles'!$G$19=$B$10,7,0)+IF('Standard Profiles'!$G$19=$B$17,14,0)+IF('Standard Profiles'!$G$19=$B$24,21,0),MOD($C2136,24)+1)/SUM(INDEX($D$3:$AA$30,INDEX(Jesper!$R$2:$R$366,ROW(INDEX(Jesper!AI$2:AI$366,ROUNDDOWN($C2136/24,0)+1,1))-1)+IF('Standard Profiles'!$G$19=$B$10,7,0)+IF('Standard Profiles'!$G$19=$B$17,14,0)+IF('Standard Profiles'!$G$19=$B$24,21,0),0)),0)</f>
        <v>41.082282278647426</v>
      </c>
      <c r="F2136" cm="1">
        <f t="array" ref="F2136">IFERROR(INDEX(Jesper!AJ$2:AJ$366,ROUNDDOWN($C2136/24,0)+1,1)*INDEX($D$3:$AA$30,INDEX(Jesper!$R$2:$R$366,ROW(INDEX(Jesper!AJ$2:AJ$366,ROUNDDOWN($C2136/24,0)+1,1))-1)+IF('Standard Profiles'!$G$20=$B$10,7,0)+IF('Standard Profiles'!$G$20=$B$17,14,0)+IF('Standard Profiles'!$G$20=$B$24,21,0),MOD($C2136,24)+1)/SUM(INDEX($D$3:$AA$30,INDEX(Jesper!$R$2:$R$366,ROW(INDEX(Jesper!AJ$2:AJ$366,ROUNDDOWN($C2136/24,0)+1,1))-1)+IF('Standard Profiles'!$G$20=$B$10,7,0)+IF('Standard Profiles'!$G$20=$B$17,14,0)+IF('Standard Profiles'!$G$20=$B$24,21,0),0)),0)</f>
        <v>0</v>
      </c>
      <c r="G2136" cm="1">
        <f t="array" ref="G2136">IFERROR(INDEX(Jesper!AK$2:AK$366,ROUNDDOWN($C2136/24,0)+1,1)*INDEX($D$3:$AA$30,INDEX(Jesper!$R$2:$R$366,ROW(INDEX(Jesper!AK$2:AK$366,ROUNDDOWN($C2136/24,0)+1,1))-1)+IF('Standard Profiles'!$G$21=$B$10,7,0)+IF('Standard Profiles'!$G$21=$B$17,14,0)+IF('Standard Profiles'!$G$21=$B$24,21,0),MOD($C2136,24)+1)/SUM(INDEX($D$3:$AA$30,INDEX(Jesper!$R$2:$R$366,ROW(INDEX(Jesper!AK$2:AK$366,ROUNDDOWN($C2136/24,0)+1,1))-1)+IF('Standard Profiles'!$G$21=$B$10,7,0)+IF('Standard Profiles'!$G$21=$B$17,14,0)+IF('Standard Profiles'!$G$21=$B$24,21,0),0)),0)</f>
        <v>32.409597038070316</v>
      </c>
      <c r="H2136" cm="1">
        <f t="array" ref="H2136">IFERROR(INDEX(Jesper!AL$2:AL$366,ROUNDDOWN($C2136/24,0)+1,1)*INDEX($D$3:$AA$30,INDEX(Jesper!$R$2:$R$366,ROW(INDEX(Jesper!AL$2:AL$366,ROUNDDOWN($C2136/24,0)+1,1))-1)+IF('Standard Profiles'!$G$22=$B$10,7,0)+IF('Standard Profiles'!$G$22=$B$17,14,0)+IF('Standard Profiles'!$G$22=$B$24,21,0),MOD($C2136,24)+1)/SUM(INDEX($D$3:$AA$30,INDEX(Jesper!$R$2:$R$366,ROW(INDEX(Jesper!AL$2:AL$366,ROUNDDOWN($C2136/24,0)+1,1))-1)+IF('Standard Profiles'!$G$22=$B$10,7,0)+IF('Standard Profiles'!$G$22=$B$17,14,0)+IF('Standard Profiles'!$G$22=$B$24,21,0),0)),0)</f>
        <v>0</v>
      </c>
      <c r="I2136">
        <f t="shared" si="244"/>
        <v>15.556606578273744</v>
      </c>
      <c r="J2136">
        <f t="shared" si="245"/>
        <v>88.563990030108585</v>
      </c>
      <c r="K2136">
        <f t="shared" si="246"/>
        <v>3.8893609259256623</v>
      </c>
      <c r="L2136">
        <f t="shared" si="247"/>
        <v>1.9446804629628311</v>
      </c>
      <c r="M2136">
        <f t="shared" si="248"/>
        <v>0</v>
      </c>
      <c r="N2136" s="45">
        <f t="shared" si="249"/>
        <v>45014.583333328235</v>
      </c>
    </row>
    <row r="2137" spans="2:14" x14ac:dyDescent="0.25">
      <c r="B2137">
        <f t="shared" si="243"/>
        <v>3</v>
      </c>
      <c r="C2137" s="16">
        <v>2103</v>
      </c>
      <c r="D2137" cm="1">
        <f t="array" ref="D2137">IFERROR(INDEX(Jesper!AH$2:AH$366,ROUNDDOWN($C2137/24,0)+1,1)*INDEX($D$3:$AA$30,INDEX(Jesper!$R$2:$R$366,ROW(INDEX(Jesper!AH$2:AH$366,ROUNDDOWN($C2137/24,0)+1,1))-1)+IF('Standard Profiles'!$G$18=$B$10,7,0)+IF('Standard Profiles'!$G$18=$B$17,14,0)+IF('Standard Profiles'!$G$18=$B$24,21,0),MOD($C2137,24)+1)/SUM(INDEX($D$3:$AA$30,INDEX(Jesper!$R$2:$R$366,ROW(INDEX(Jesper!AH$2:AH$366,ROUNDDOWN($C2137/24,0)+1,1))-1)+IF('Standard Profiles'!$G$18=$B$10,7,0)+IF('Standard Profiles'!$G$18=$B$17,14,0)+IF('Standard Profiles'!$G$18=$B$24,21,0),0)),0)</f>
        <v>36.46275868055308</v>
      </c>
      <c r="E2137" cm="1">
        <f t="array" ref="E2137">IFERROR(INDEX(Jesper!AI$2:AI$366,ROUNDDOWN($C2137/24,0)+1,1)*INDEX($D$3:$AA$30,INDEX(Jesper!$R$2:$R$366,ROW(INDEX(Jesper!AI$2:AI$366,ROUNDDOWN($C2137/24,0)+1,1))-1)+IF('Standard Profiles'!$G$19=$B$10,7,0)+IF('Standard Profiles'!$G$19=$B$17,14,0)+IF('Standard Profiles'!$G$19=$B$24,21,0),MOD($C2137,24)+1)/SUM(INDEX($D$3:$AA$30,INDEX(Jesper!$R$2:$R$366,ROW(INDEX(Jesper!AI$2:AI$366,ROUNDDOWN($C2137/24,0)+1,1))-1)+IF('Standard Profiles'!$G$19=$B$10,7,0)+IF('Standard Profiles'!$G$19=$B$17,14,0)+IF('Standard Profiles'!$G$19=$B$24,21,0),0)),0)</f>
        <v>41.082282278647426</v>
      </c>
      <c r="F2137" cm="1">
        <f t="array" ref="F2137">IFERROR(INDEX(Jesper!AJ$2:AJ$366,ROUNDDOWN($C2137/24,0)+1,1)*INDEX($D$3:$AA$30,INDEX(Jesper!$R$2:$R$366,ROW(INDEX(Jesper!AJ$2:AJ$366,ROUNDDOWN($C2137/24,0)+1,1))-1)+IF('Standard Profiles'!$G$20=$B$10,7,0)+IF('Standard Profiles'!$G$20=$B$17,14,0)+IF('Standard Profiles'!$G$20=$B$24,21,0),MOD($C2137,24)+1)/SUM(INDEX($D$3:$AA$30,INDEX(Jesper!$R$2:$R$366,ROW(INDEX(Jesper!AJ$2:AJ$366,ROUNDDOWN($C2137/24,0)+1,1))-1)+IF('Standard Profiles'!$G$20=$B$10,7,0)+IF('Standard Profiles'!$G$20=$B$17,14,0)+IF('Standard Profiles'!$G$20=$B$24,21,0),0)),0)</f>
        <v>0</v>
      </c>
      <c r="G2137" cm="1">
        <f t="array" ref="G2137">IFERROR(INDEX(Jesper!AK$2:AK$366,ROUNDDOWN($C2137/24,0)+1,1)*INDEX($D$3:$AA$30,INDEX(Jesper!$R$2:$R$366,ROW(INDEX(Jesper!AK$2:AK$366,ROUNDDOWN($C2137/24,0)+1,1))-1)+IF('Standard Profiles'!$G$21=$B$10,7,0)+IF('Standard Profiles'!$G$21=$B$17,14,0)+IF('Standard Profiles'!$G$21=$B$24,21,0),MOD($C2137,24)+1)/SUM(INDEX($D$3:$AA$30,INDEX(Jesper!$R$2:$R$366,ROW(INDEX(Jesper!AK$2:AK$366,ROUNDDOWN($C2137/24,0)+1,1))-1)+IF('Standard Profiles'!$G$21=$B$10,7,0)+IF('Standard Profiles'!$G$21=$B$17,14,0)+IF('Standard Profiles'!$G$21=$B$24,21,0),0)),0)</f>
        <v>32.409597038070316</v>
      </c>
      <c r="H2137" cm="1">
        <f t="array" ref="H2137">IFERROR(INDEX(Jesper!AL$2:AL$366,ROUNDDOWN($C2137/24,0)+1,1)*INDEX($D$3:$AA$30,INDEX(Jesper!$R$2:$R$366,ROW(INDEX(Jesper!AL$2:AL$366,ROUNDDOWN($C2137/24,0)+1,1))-1)+IF('Standard Profiles'!$G$22=$B$10,7,0)+IF('Standard Profiles'!$G$22=$B$17,14,0)+IF('Standard Profiles'!$G$22=$B$24,21,0),MOD($C2137,24)+1)/SUM(INDEX($D$3:$AA$30,INDEX(Jesper!$R$2:$R$366,ROW(INDEX(Jesper!AL$2:AL$366,ROUNDDOWN($C2137/24,0)+1,1))-1)+IF('Standard Profiles'!$G$22=$B$10,7,0)+IF('Standard Profiles'!$G$22=$B$17,14,0)+IF('Standard Profiles'!$G$22=$B$24,21,0),0)),0)</f>
        <v>0</v>
      </c>
      <c r="I2137">
        <f t="shared" si="244"/>
        <v>15.556606578273744</v>
      </c>
      <c r="J2137">
        <f t="shared" si="245"/>
        <v>88.563990030108585</v>
      </c>
      <c r="K2137">
        <f t="shared" si="246"/>
        <v>3.8893609259256623</v>
      </c>
      <c r="L2137">
        <f t="shared" si="247"/>
        <v>1.9446804629628311</v>
      </c>
      <c r="M2137">
        <f t="shared" si="248"/>
        <v>0</v>
      </c>
      <c r="N2137" s="45">
        <f t="shared" si="249"/>
        <v>45014.6249999949</v>
      </c>
    </row>
    <row r="2138" spans="2:14" x14ac:dyDescent="0.25">
      <c r="B2138">
        <f t="shared" si="243"/>
        <v>3</v>
      </c>
      <c r="C2138" s="16">
        <v>2104</v>
      </c>
      <c r="D2138" cm="1">
        <f t="array" ref="D2138">IFERROR(INDEX(Jesper!AH$2:AH$366,ROUNDDOWN($C2138/24,0)+1,1)*INDEX($D$3:$AA$30,INDEX(Jesper!$R$2:$R$366,ROW(INDEX(Jesper!AH$2:AH$366,ROUNDDOWN($C2138/24,0)+1,1))-1)+IF('Standard Profiles'!$G$18=$B$10,7,0)+IF('Standard Profiles'!$G$18=$B$17,14,0)+IF('Standard Profiles'!$G$18=$B$24,21,0),MOD($C2138,24)+1)/SUM(INDEX($D$3:$AA$30,INDEX(Jesper!$R$2:$R$366,ROW(INDEX(Jesper!AH$2:AH$366,ROUNDDOWN($C2138/24,0)+1,1))-1)+IF('Standard Profiles'!$G$18=$B$10,7,0)+IF('Standard Profiles'!$G$18=$B$17,14,0)+IF('Standard Profiles'!$G$18=$B$24,21,0),0)),0)</f>
        <v>21.486982793897351</v>
      </c>
      <c r="E2138" cm="1">
        <f t="array" ref="E2138">IFERROR(INDEX(Jesper!AI$2:AI$366,ROUNDDOWN($C2138/24,0)+1,1)*INDEX($D$3:$AA$30,INDEX(Jesper!$R$2:$R$366,ROW(INDEX(Jesper!AI$2:AI$366,ROUNDDOWN($C2138/24,0)+1,1))-1)+IF('Standard Profiles'!$G$19=$B$10,7,0)+IF('Standard Profiles'!$G$19=$B$17,14,0)+IF('Standard Profiles'!$G$19=$B$24,21,0),MOD($C2138,24)+1)/SUM(INDEX($D$3:$AA$30,INDEX(Jesper!$R$2:$R$366,ROW(INDEX(Jesper!AI$2:AI$366,ROUNDDOWN($C2138/24,0)+1,1))-1)+IF('Standard Profiles'!$G$19=$B$10,7,0)+IF('Standard Profiles'!$G$19=$B$17,14,0)+IF('Standard Profiles'!$G$19=$B$24,21,0),0)),0)</f>
        <v>24.209202057060086</v>
      </c>
      <c r="F2138" cm="1">
        <f t="array" ref="F2138">IFERROR(INDEX(Jesper!AJ$2:AJ$366,ROUNDDOWN($C2138/24,0)+1,1)*INDEX($D$3:$AA$30,INDEX(Jesper!$R$2:$R$366,ROW(INDEX(Jesper!AJ$2:AJ$366,ROUNDDOWN($C2138/24,0)+1,1))-1)+IF('Standard Profiles'!$G$20=$B$10,7,0)+IF('Standard Profiles'!$G$20=$B$17,14,0)+IF('Standard Profiles'!$G$20=$B$24,21,0),MOD($C2138,24)+1)/SUM(INDEX($D$3:$AA$30,INDEX(Jesper!$R$2:$R$366,ROW(INDEX(Jesper!AJ$2:AJ$366,ROUNDDOWN($C2138/24,0)+1,1))-1)+IF('Standard Profiles'!$G$20=$B$10,7,0)+IF('Standard Profiles'!$G$20=$B$17,14,0)+IF('Standard Profiles'!$G$20=$B$24,21,0),0)),0)</f>
        <v>0</v>
      </c>
      <c r="G2138" cm="1">
        <f t="array" ref="G2138">IFERROR(INDEX(Jesper!AK$2:AK$366,ROUNDDOWN($C2138/24,0)+1,1)*INDEX($D$3:$AA$30,INDEX(Jesper!$R$2:$R$366,ROW(INDEX(Jesper!AK$2:AK$366,ROUNDDOWN($C2138/24,0)+1,1))-1)+IF('Standard Profiles'!$G$21=$B$10,7,0)+IF('Standard Profiles'!$G$21=$B$17,14,0)+IF('Standard Profiles'!$G$21=$B$24,21,0),MOD($C2138,24)+1)/SUM(INDEX($D$3:$AA$30,INDEX(Jesper!$R$2:$R$366,ROW(INDEX(Jesper!AK$2:AK$366,ROUNDDOWN($C2138/24,0)+1,1))-1)+IF('Standard Profiles'!$G$21=$B$10,7,0)+IF('Standard Profiles'!$G$21=$B$17,14,0)+IF('Standard Profiles'!$G$21=$B$24,21,0),0)),0)</f>
        <v>27.081171909274278</v>
      </c>
      <c r="H2138" cm="1">
        <f t="array" ref="H2138">IFERROR(INDEX(Jesper!AL$2:AL$366,ROUNDDOWN($C2138/24,0)+1,1)*INDEX($D$3:$AA$30,INDEX(Jesper!$R$2:$R$366,ROW(INDEX(Jesper!AL$2:AL$366,ROUNDDOWN($C2138/24,0)+1,1))-1)+IF('Standard Profiles'!$G$22=$B$10,7,0)+IF('Standard Profiles'!$G$22=$B$17,14,0)+IF('Standard Profiles'!$G$22=$B$24,21,0),MOD($C2138,24)+1)/SUM(INDEX($D$3:$AA$30,INDEX(Jesper!$R$2:$R$366,ROW(INDEX(Jesper!AL$2:AL$366,ROUNDDOWN($C2138/24,0)+1,1))-1)+IF('Standard Profiles'!$G$22=$B$10,7,0)+IF('Standard Profiles'!$G$22=$B$17,14,0)+IF('Standard Profiles'!$G$22=$B$24,21,0),0)),0)</f>
        <v>0</v>
      </c>
      <c r="I2138">
        <f t="shared" si="244"/>
        <v>12.998962516451646</v>
      </c>
      <c r="J2138">
        <f t="shared" si="245"/>
        <v>56.340476996756493</v>
      </c>
      <c r="K2138">
        <f t="shared" si="246"/>
        <v>2.2919448313490509</v>
      </c>
      <c r="L2138">
        <f t="shared" si="247"/>
        <v>1.1459724156745255</v>
      </c>
      <c r="M2138">
        <f t="shared" si="248"/>
        <v>0</v>
      </c>
      <c r="N2138" s="45">
        <f t="shared" si="249"/>
        <v>45014.666666661564</v>
      </c>
    </row>
    <row r="2139" spans="2:14" x14ac:dyDescent="0.25">
      <c r="B2139">
        <f t="shared" si="243"/>
        <v>3</v>
      </c>
      <c r="C2139" s="16">
        <v>2105</v>
      </c>
      <c r="D2139" cm="1">
        <f t="array" ref="D2139">IFERROR(INDEX(Jesper!AH$2:AH$366,ROUNDDOWN($C2139/24,0)+1,1)*INDEX($D$3:$AA$30,INDEX(Jesper!$R$2:$R$366,ROW(INDEX(Jesper!AH$2:AH$366,ROUNDDOWN($C2139/24,0)+1,1))-1)+IF('Standard Profiles'!$G$18=$B$10,7,0)+IF('Standard Profiles'!$G$18=$B$17,14,0)+IF('Standard Profiles'!$G$18=$B$24,21,0),MOD($C2139,24)+1)/SUM(INDEX($D$3:$AA$30,INDEX(Jesper!$R$2:$R$366,ROW(INDEX(Jesper!AH$2:AH$366,ROUNDDOWN($C2139/24,0)+1,1))-1)+IF('Standard Profiles'!$G$18=$B$10,7,0)+IF('Standard Profiles'!$G$18=$B$17,14,0)+IF('Standard Profiles'!$G$18=$B$24,21,0),0)),0)</f>
        <v>9.1707139538614388</v>
      </c>
      <c r="E2139" cm="1">
        <f t="array" ref="E2139">IFERROR(INDEX(Jesper!AI$2:AI$366,ROUNDDOWN($C2139/24,0)+1,1)*INDEX($D$3:$AA$30,INDEX(Jesper!$R$2:$R$366,ROW(INDEX(Jesper!AI$2:AI$366,ROUNDDOWN($C2139/24,0)+1,1))-1)+IF('Standard Profiles'!$G$19=$B$10,7,0)+IF('Standard Profiles'!$G$19=$B$17,14,0)+IF('Standard Profiles'!$G$19=$B$24,21,0),MOD($C2139,24)+1)/SUM(INDEX($D$3:$AA$30,INDEX(Jesper!$R$2:$R$366,ROW(INDEX(Jesper!AI$2:AI$366,ROUNDDOWN($C2139/24,0)+1,1))-1)+IF('Standard Profiles'!$G$19=$B$10,7,0)+IF('Standard Profiles'!$G$19=$B$17,14,0)+IF('Standard Profiles'!$G$19=$B$24,21,0),0)),0)</f>
        <v>10.332565965454585</v>
      </c>
      <c r="F2139" cm="1">
        <f t="array" ref="F2139">IFERROR(INDEX(Jesper!AJ$2:AJ$366,ROUNDDOWN($C2139/24,0)+1,1)*INDEX($D$3:$AA$30,INDEX(Jesper!$R$2:$R$366,ROW(INDEX(Jesper!AJ$2:AJ$366,ROUNDDOWN($C2139/24,0)+1,1))-1)+IF('Standard Profiles'!$G$20=$B$10,7,0)+IF('Standard Profiles'!$G$20=$B$17,14,0)+IF('Standard Profiles'!$G$20=$B$24,21,0),MOD($C2139,24)+1)/SUM(INDEX($D$3:$AA$30,INDEX(Jesper!$R$2:$R$366,ROW(INDEX(Jesper!AJ$2:AJ$366,ROUNDDOWN($C2139/24,0)+1,1))-1)+IF('Standard Profiles'!$G$20=$B$10,7,0)+IF('Standard Profiles'!$G$20=$B$17,14,0)+IF('Standard Profiles'!$G$20=$B$24,21,0),0)),0)</f>
        <v>0</v>
      </c>
      <c r="G2139" cm="1">
        <f t="array" ref="G2139">IFERROR(INDEX(Jesper!AK$2:AK$366,ROUNDDOWN($C2139/24,0)+1,1)*INDEX($D$3:$AA$30,INDEX(Jesper!$R$2:$R$366,ROW(INDEX(Jesper!AK$2:AK$366,ROUNDDOWN($C2139/24,0)+1,1))-1)+IF('Standard Profiles'!$G$21=$B$10,7,0)+IF('Standard Profiles'!$G$21=$B$17,14,0)+IF('Standard Profiles'!$G$21=$B$24,21,0),MOD($C2139,24)+1)/SUM(INDEX($D$3:$AA$30,INDEX(Jesper!$R$2:$R$366,ROW(INDEX(Jesper!AK$2:AK$366,ROUNDDOWN($C2139/24,0)+1,1))-1)+IF('Standard Profiles'!$G$21=$B$10,7,0)+IF('Standard Profiles'!$G$21=$B$17,14,0)+IF('Standard Profiles'!$G$21=$B$24,21,0),0)),0)</f>
        <v>21.533223647831203</v>
      </c>
      <c r="H2139" cm="1">
        <f t="array" ref="H2139">IFERROR(INDEX(Jesper!AL$2:AL$366,ROUNDDOWN($C2139/24,0)+1,1)*INDEX($D$3:$AA$30,INDEX(Jesper!$R$2:$R$366,ROW(INDEX(Jesper!AL$2:AL$366,ROUNDDOWN($C2139/24,0)+1,1))-1)+IF('Standard Profiles'!$G$22=$B$10,7,0)+IF('Standard Profiles'!$G$22=$B$17,14,0)+IF('Standard Profiles'!$G$22=$B$24,21,0),MOD($C2139,24)+1)/SUM(INDEX($D$3:$AA$30,INDEX(Jesper!$R$2:$R$366,ROW(INDEX(Jesper!AL$2:AL$366,ROUNDDOWN($C2139/24,0)+1,1))-1)+IF('Standard Profiles'!$G$22=$B$10,7,0)+IF('Standard Profiles'!$G$22=$B$17,14,0)+IF('Standard Profiles'!$G$22=$B$24,21,0),0)),0)</f>
        <v>0</v>
      </c>
      <c r="I2139">
        <f t="shared" si="244"/>
        <v>10.335947350958973</v>
      </c>
      <c r="J2139">
        <f t="shared" si="245"/>
        <v>29.233241983570423</v>
      </c>
      <c r="K2139">
        <f t="shared" si="246"/>
        <v>0.97820948841188682</v>
      </c>
      <c r="L2139">
        <f t="shared" si="247"/>
        <v>0.48910474420594341</v>
      </c>
      <c r="M2139">
        <f t="shared" si="248"/>
        <v>0</v>
      </c>
      <c r="N2139" s="45">
        <f t="shared" si="249"/>
        <v>45014.708333328228</v>
      </c>
    </row>
    <row r="2140" spans="2:14" x14ac:dyDescent="0.25">
      <c r="B2140">
        <f t="shared" si="243"/>
        <v>3</v>
      </c>
      <c r="C2140" s="16">
        <v>2106</v>
      </c>
      <c r="D2140" cm="1">
        <f t="array" ref="D2140">IFERROR(INDEX(Jesper!AH$2:AH$366,ROUNDDOWN($C2140/24,0)+1,1)*INDEX($D$3:$AA$30,INDEX(Jesper!$R$2:$R$366,ROW(INDEX(Jesper!AH$2:AH$366,ROUNDDOWN($C2140/24,0)+1,1))-1)+IF('Standard Profiles'!$G$18=$B$10,7,0)+IF('Standard Profiles'!$G$18=$B$17,14,0)+IF('Standard Profiles'!$G$18=$B$24,21,0),MOD($C2140,24)+1)/SUM(INDEX($D$3:$AA$30,INDEX(Jesper!$R$2:$R$366,ROW(INDEX(Jesper!AH$2:AH$366,ROUNDDOWN($C2140/24,0)+1,1))-1)+IF('Standard Profiles'!$G$18=$B$10,7,0)+IF('Standard Profiles'!$G$18=$B$17,14,0)+IF('Standard Profiles'!$G$18=$B$24,21,0),0)),0)</f>
        <v>6.0526712095485493</v>
      </c>
      <c r="E2140" cm="1">
        <f t="array" ref="E2140">IFERROR(INDEX(Jesper!AI$2:AI$366,ROUNDDOWN($C2140/24,0)+1,1)*INDEX($D$3:$AA$30,INDEX(Jesper!$R$2:$R$366,ROW(INDEX(Jesper!AI$2:AI$366,ROUNDDOWN($C2140/24,0)+1,1))-1)+IF('Standard Profiles'!$G$19=$B$10,7,0)+IF('Standard Profiles'!$G$19=$B$17,14,0)+IF('Standard Profiles'!$G$19=$B$24,21,0),MOD($C2140,24)+1)/SUM(INDEX($D$3:$AA$30,INDEX(Jesper!$R$2:$R$366,ROW(INDEX(Jesper!AI$2:AI$366,ROUNDDOWN($C2140/24,0)+1,1))-1)+IF('Standard Profiles'!$G$19=$B$10,7,0)+IF('Standard Profiles'!$G$19=$B$17,14,0)+IF('Standard Profiles'!$G$19=$B$24,21,0),0)),0)</f>
        <v>6.8194935372000254</v>
      </c>
      <c r="F2140" cm="1">
        <f t="array" ref="F2140">IFERROR(INDEX(Jesper!AJ$2:AJ$366,ROUNDDOWN($C2140/24,0)+1,1)*INDEX($D$3:$AA$30,INDEX(Jesper!$R$2:$R$366,ROW(INDEX(Jesper!AJ$2:AJ$366,ROUNDDOWN($C2140/24,0)+1,1))-1)+IF('Standard Profiles'!$G$20=$B$10,7,0)+IF('Standard Profiles'!$G$20=$B$17,14,0)+IF('Standard Profiles'!$G$20=$B$24,21,0),MOD($C2140,24)+1)/SUM(INDEX($D$3:$AA$30,INDEX(Jesper!$R$2:$R$366,ROW(INDEX(Jesper!AJ$2:AJ$366,ROUNDDOWN($C2140/24,0)+1,1))-1)+IF('Standard Profiles'!$G$20=$B$10,7,0)+IF('Standard Profiles'!$G$20=$B$17,14,0)+IF('Standard Profiles'!$G$20=$B$24,21,0),0)),0)</f>
        <v>0</v>
      </c>
      <c r="G2140" cm="1">
        <f t="array" ref="G2140">IFERROR(INDEX(Jesper!AK$2:AK$366,ROUNDDOWN($C2140/24,0)+1,1)*INDEX($D$3:$AA$30,INDEX(Jesper!$R$2:$R$366,ROW(INDEX(Jesper!AK$2:AK$366,ROUNDDOWN($C2140/24,0)+1,1))-1)+IF('Standard Profiles'!$G$21=$B$10,7,0)+IF('Standard Profiles'!$G$21=$B$17,14,0)+IF('Standard Profiles'!$G$21=$B$24,21,0),MOD($C2140,24)+1)/SUM(INDEX($D$3:$AA$30,INDEX(Jesper!$R$2:$R$366,ROW(INDEX(Jesper!AK$2:AK$366,ROUNDDOWN($C2140/24,0)+1,1))-1)+IF('Standard Profiles'!$G$21=$B$10,7,0)+IF('Standard Profiles'!$G$21=$B$17,14,0)+IF('Standard Profiles'!$G$21=$B$24,21,0),0)),0)</f>
        <v>7.9826593689828389</v>
      </c>
      <c r="H2140" cm="1">
        <f t="array" ref="H2140">IFERROR(INDEX(Jesper!AL$2:AL$366,ROUNDDOWN($C2140/24,0)+1,1)*INDEX($D$3:$AA$30,INDEX(Jesper!$R$2:$R$366,ROW(INDEX(Jesper!AL$2:AL$366,ROUNDDOWN($C2140/24,0)+1,1))-1)+IF('Standard Profiles'!$G$22=$B$10,7,0)+IF('Standard Profiles'!$G$22=$B$17,14,0)+IF('Standard Profiles'!$G$22=$B$24,21,0),MOD($C2140,24)+1)/SUM(INDEX($D$3:$AA$30,INDEX(Jesper!$R$2:$R$366,ROW(INDEX(Jesper!AL$2:AL$366,ROUNDDOWN($C2140/24,0)+1,1))-1)+IF('Standard Profiles'!$G$22=$B$10,7,0)+IF('Standard Profiles'!$G$22=$B$17,14,0)+IF('Standard Profiles'!$G$22=$B$24,21,0),0)),0)</f>
        <v>0</v>
      </c>
      <c r="I2140">
        <f t="shared" si="244"/>
        <v>3.8316764971117609</v>
      </c>
      <c r="J2140">
        <f t="shared" si="245"/>
        <v>16.054720225091884</v>
      </c>
      <c r="K2140">
        <f t="shared" si="246"/>
        <v>0.64561826235184527</v>
      </c>
      <c r="L2140">
        <f t="shared" si="247"/>
        <v>0.32280913117592264</v>
      </c>
      <c r="M2140">
        <f t="shared" si="248"/>
        <v>0</v>
      </c>
      <c r="N2140" s="45">
        <f t="shared" si="249"/>
        <v>45014.749999994892</v>
      </c>
    </row>
    <row r="2141" spans="2:14" x14ac:dyDescent="0.25">
      <c r="B2141">
        <f t="shared" si="243"/>
        <v>3</v>
      </c>
      <c r="C2141" s="16">
        <v>2107</v>
      </c>
      <c r="D2141" cm="1">
        <f t="array" ref="D2141">IFERROR(INDEX(Jesper!AH$2:AH$366,ROUNDDOWN($C2141/24,0)+1,1)*INDEX($D$3:$AA$30,INDEX(Jesper!$R$2:$R$366,ROW(INDEX(Jesper!AH$2:AH$366,ROUNDDOWN($C2141/24,0)+1,1))-1)+IF('Standard Profiles'!$G$18=$B$10,7,0)+IF('Standard Profiles'!$G$18=$B$17,14,0)+IF('Standard Profiles'!$G$18=$B$24,21,0),MOD($C2141,24)+1)/SUM(INDEX($D$3:$AA$30,INDEX(Jesper!$R$2:$R$366,ROW(INDEX(Jesper!AH$2:AH$366,ROUNDDOWN($C2141/24,0)+1,1))-1)+IF('Standard Profiles'!$G$18=$B$10,7,0)+IF('Standard Profiles'!$G$18=$B$17,14,0)+IF('Standard Profiles'!$G$18=$B$24,21,0),0)),0)</f>
        <v>6.0526712095485493</v>
      </c>
      <c r="E2141" cm="1">
        <f t="array" ref="E2141">IFERROR(INDEX(Jesper!AI$2:AI$366,ROUNDDOWN($C2141/24,0)+1,1)*INDEX($D$3:$AA$30,INDEX(Jesper!$R$2:$R$366,ROW(INDEX(Jesper!AI$2:AI$366,ROUNDDOWN($C2141/24,0)+1,1))-1)+IF('Standard Profiles'!$G$19=$B$10,7,0)+IF('Standard Profiles'!$G$19=$B$17,14,0)+IF('Standard Profiles'!$G$19=$B$24,21,0),MOD($C2141,24)+1)/SUM(INDEX($D$3:$AA$30,INDEX(Jesper!$R$2:$R$366,ROW(INDEX(Jesper!AI$2:AI$366,ROUNDDOWN($C2141/24,0)+1,1))-1)+IF('Standard Profiles'!$G$19=$B$10,7,0)+IF('Standard Profiles'!$G$19=$B$17,14,0)+IF('Standard Profiles'!$G$19=$B$24,21,0),0)),0)</f>
        <v>6.8194935372000254</v>
      </c>
      <c r="F2141" cm="1">
        <f t="array" ref="F2141">IFERROR(INDEX(Jesper!AJ$2:AJ$366,ROUNDDOWN($C2141/24,0)+1,1)*INDEX($D$3:$AA$30,INDEX(Jesper!$R$2:$R$366,ROW(INDEX(Jesper!AJ$2:AJ$366,ROUNDDOWN($C2141/24,0)+1,1))-1)+IF('Standard Profiles'!$G$20=$B$10,7,0)+IF('Standard Profiles'!$G$20=$B$17,14,0)+IF('Standard Profiles'!$G$20=$B$24,21,0),MOD($C2141,24)+1)/SUM(INDEX($D$3:$AA$30,INDEX(Jesper!$R$2:$R$366,ROW(INDEX(Jesper!AJ$2:AJ$366,ROUNDDOWN($C2141/24,0)+1,1))-1)+IF('Standard Profiles'!$G$20=$B$10,7,0)+IF('Standard Profiles'!$G$20=$B$17,14,0)+IF('Standard Profiles'!$G$20=$B$24,21,0),0)),0)</f>
        <v>0</v>
      </c>
      <c r="G2141" cm="1">
        <f t="array" ref="G2141">IFERROR(INDEX(Jesper!AK$2:AK$366,ROUNDDOWN($C2141/24,0)+1,1)*INDEX($D$3:$AA$30,INDEX(Jesper!$R$2:$R$366,ROW(INDEX(Jesper!AK$2:AK$366,ROUNDDOWN($C2141/24,0)+1,1))-1)+IF('Standard Profiles'!$G$21=$B$10,7,0)+IF('Standard Profiles'!$G$21=$B$17,14,0)+IF('Standard Profiles'!$G$21=$B$24,21,0),MOD($C2141,24)+1)/SUM(INDEX($D$3:$AA$30,INDEX(Jesper!$R$2:$R$366,ROW(INDEX(Jesper!AK$2:AK$366,ROUNDDOWN($C2141/24,0)+1,1))-1)+IF('Standard Profiles'!$G$21=$B$10,7,0)+IF('Standard Profiles'!$G$21=$B$17,14,0)+IF('Standard Profiles'!$G$21=$B$24,21,0),0)),0)</f>
        <v>7.9826593689828389</v>
      </c>
      <c r="H2141" cm="1">
        <f t="array" ref="H2141">IFERROR(INDEX(Jesper!AL$2:AL$366,ROUNDDOWN($C2141/24,0)+1,1)*INDEX($D$3:$AA$30,INDEX(Jesper!$R$2:$R$366,ROW(INDEX(Jesper!AL$2:AL$366,ROUNDDOWN($C2141/24,0)+1,1))-1)+IF('Standard Profiles'!$G$22=$B$10,7,0)+IF('Standard Profiles'!$G$22=$B$17,14,0)+IF('Standard Profiles'!$G$22=$B$24,21,0),MOD($C2141,24)+1)/SUM(INDEX($D$3:$AA$30,INDEX(Jesper!$R$2:$R$366,ROW(INDEX(Jesper!AL$2:AL$366,ROUNDDOWN($C2141/24,0)+1,1))-1)+IF('Standard Profiles'!$G$22=$B$10,7,0)+IF('Standard Profiles'!$G$22=$B$17,14,0)+IF('Standard Profiles'!$G$22=$B$24,21,0),0)),0)</f>
        <v>0</v>
      </c>
      <c r="I2141">
        <f t="shared" si="244"/>
        <v>3.8316764971117609</v>
      </c>
      <c r="J2141">
        <f t="shared" si="245"/>
        <v>16.054720225091884</v>
      </c>
      <c r="K2141">
        <f t="shared" si="246"/>
        <v>0.64561826235184527</v>
      </c>
      <c r="L2141">
        <f t="shared" si="247"/>
        <v>0.32280913117592264</v>
      </c>
      <c r="M2141">
        <f t="shared" si="248"/>
        <v>0</v>
      </c>
      <c r="N2141" s="45">
        <f t="shared" si="249"/>
        <v>45014.791666661557</v>
      </c>
    </row>
    <row r="2142" spans="2:14" x14ac:dyDescent="0.25">
      <c r="B2142">
        <f t="shared" si="243"/>
        <v>3</v>
      </c>
      <c r="C2142" s="16">
        <v>2108</v>
      </c>
      <c r="D2142" cm="1">
        <f t="array" ref="D2142">IFERROR(INDEX(Jesper!AH$2:AH$366,ROUNDDOWN($C2142/24,0)+1,1)*INDEX($D$3:$AA$30,INDEX(Jesper!$R$2:$R$366,ROW(INDEX(Jesper!AH$2:AH$366,ROUNDDOWN($C2142/24,0)+1,1))-1)+IF('Standard Profiles'!$G$18=$B$10,7,0)+IF('Standard Profiles'!$G$18=$B$17,14,0)+IF('Standard Profiles'!$G$18=$B$24,21,0),MOD($C2142,24)+1)/SUM(INDEX($D$3:$AA$30,INDEX(Jesper!$R$2:$R$366,ROW(INDEX(Jesper!AH$2:AH$366,ROUNDDOWN($C2142/24,0)+1,1))-1)+IF('Standard Profiles'!$G$18=$B$10,7,0)+IF('Standard Profiles'!$G$18=$B$17,14,0)+IF('Standard Profiles'!$G$18=$B$24,21,0),0)),0)</f>
        <v>6.0526712095485493</v>
      </c>
      <c r="E2142" cm="1">
        <f t="array" ref="E2142">IFERROR(INDEX(Jesper!AI$2:AI$366,ROUNDDOWN($C2142/24,0)+1,1)*INDEX($D$3:$AA$30,INDEX(Jesper!$R$2:$R$366,ROW(INDEX(Jesper!AI$2:AI$366,ROUNDDOWN($C2142/24,0)+1,1))-1)+IF('Standard Profiles'!$G$19=$B$10,7,0)+IF('Standard Profiles'!$G$19=$B$17,14,0)+IF('Standard Profiles'!$G$19=$B$24,21,0),MOD($C2142,24)+1)/SUM(INDEX($D$3:$AA$30,INDEX(Jesper!$R$2:$R$366,ROW(INDEX(Jesper!AI$2:AI$366,ROUNDDOWN($C2142/24,0)+1,1))-1)+IF('Standard Profiles'!$G$19=$B$10,7,0)+IF('Standard Profiles'!$G$19=$B$17,14,0)+IF('Standard Profiles'!$G$19=$B$24,21,0),0)),0)</f>
        <v>6.8194935372000254</v>
      </c>
      <c r="F2142" cm="1">
        <f t="array" ref="F2142">IFERROR(INDEX(Jesper!AJ$2:AJ$366,ROUNDDOWN($C2142/24,0)+1,1)*INDEX($D$3:$AA$30,INDEX(Jesper!$R$2:$R$366,ROW(INDEX(Jesper!AJ$2:AJ$366,ROUNDDOWN($C2142/24,0)+1,1))-1)+IF('Standard Profiles'!$G$20=$B$10,7,0)+IF('Standard Profiles'!$G$20=$B$17,14,0)+IF('Standard Profiles'!$G$20=$B$24,21,0),MOD($C2142,24)+1)/SUM(INDEX($D$3:$AA$30,INDEX(Jesper!$R$2:$R$366,ROW(INDEX(Jesper!AJ$2:AJ$366,ROUNDDOWN($C2142/24,0)+1,1))-1)+IF('Standard Profiles'!$G$20=$B$10,7,0)+IF('Standard Profiles'!$G$20=$B$17,14,0)+IF('Standard Profiles'!$G$20=$B$24,21,0),0)),0)</f>
        <v>0</v>
      </c>
      <c r="G2142" cm="1">
        <f t="array" ref="G2142">IFERROR(INDEX(Jesper!AK$2:AK$366,ROUNDDOWN($C2142/24,0)+1,1)*INDEX($D$3:$AA$30,INDEX(Jesper!$R$2:$R$366,ROW(INDEX(Jesper!AK$2:AK$366,ROUNDDOWN($C2142/24,0)+1,1))-1)+IF('Standard Profiles'!$G$21=$B$10,7,0)+IF('Standard Profiles'!$G$21=$B$17,14,0)+IF('Standard Profiles'!$G$21=$B$24,21,0),MOD($C2142,24)+1)/SUM(INDEX($D$3:$AA$30,INDEX(Jesper!$R$2:$R$366,ROW(INDEX(Jesper!AK$2:AK$366,ROUNDDOWN($C2142/24,0)+1,1))-1)+IF('Standard Profiles'!$G$21=$B$10,7,0)+IF('Standard Profiles'!$G$21=$B$17,14,0)+IF('Standard Profiles'!$G$21=$B$24,21,0),0)),0)</f>
        <v>7.9826593689828389</v>
      </c>
      <c r="H2142" cm="1">
        <f t="array" ref="H2142">IFERROR(INDEX(Jesper!AL$2:AL$366,ROUNDDOWN($C2142/24,0)+1,1)*INDEX($D$3:$AA$30,INDEX(Jesper!$R$2:$R$366,ROW(INDEX(Jesper!AL$2:AL$366,ROUNDDOWN($C2142/24,0)+1,1))-1)+IF('Standard Profiles'!$G$22=$B$10,7,0)+IF('Standard Profiles'!$G$22=$B$17,14,0)+IF('Standard Profiles'!$G$22=$B$24,21,0),MOD($C2142,24)+1)/SUM(INDEX($D$3:$AA$30,INDEX(Jesper!$R$2:$R$366,ROW(INDEX(Jesper!AL$2:AL$366,ROUNDDOWN($C2142/24,0)+1,1))-1)+IF('Standard Profiles'!$G$22=$B$10,7,0)+IF('Standard Profiles'!$G$22=$B$17,14,0)+IF('Standard Profiles'!$G$22=$B$24,21,0),0)),0)</f>
        <v>0</v>
      </c>
      <c r="I2142">
        <f t="shared" si="244"/>
        <v>3.8316764971117609</v>
      </c>
      <c r="J2142">
        <f t="shared" si="245"/>
        <v>16.054720225091884</v>
      </c>
      <c r="K2142">
        <f t="shared" si="246"/>
        <v>0.64561826235184527</v>
      </c>
      <c r="L2142">
        <f t="shared" si="247"/>
        <v>0.32280913117592264</v>
      </c>
      <c r="M2142">
        <f t="shared" si="248"/>
        <v>0</v>
      </c>
      <c r="N2142" s="45">
        <f t="shared" si="249"/>
        <v>45014.833333328221</v>
      </c>
    </row>
    <row r="2143" spans="2:14" x14ac:dyDescent="0.25">
      <c r="B2143">
        <f t="shared" si="243"/>
        <v>3</v>
      </c>
      <c r="C2143" s="16">
        <v>2109</v>
      </c>
      <c r="D2143" cm="1">
        <f t="array" ref="D2143">IFERROR(INDEX(Jesper!AH$2:AH$366,ROUNDDOWN($C2143/24,0)+1,1)*INDEX($D$3:$AA$30,INDEX(Jesper!$R$2:$R$366,ROW(INDEX(Jesper!AH$2:AH$366,ROUNDDOWN($C2143/24,0)+1,1))-1)+IF('Standard Profiles'!$G$18=$B$10,7,0)+IF('Standard Profiles'!$G$18=$B$17,14,0)+IF('Standard Profiles'!$G$18=$B$24,21,0),MOD($C2143,24)+1)/SUM(INDEX($D$3:$AA$30,INDEX(Jesper!$R$2:$R$366,ROW(INDEX(Jesper!AH$2:AH$366,ROUNDDOWN($C2143/24,0)+1,1))-1)+IF('Standard Profiles'!$G$18=$B$10,7,0)+IF('Standard Profiles'!$G$18=$B$17,14,0)+IF('Standard Profiles'!$G$18=$B$24,21,0),0)),0)</f>
        <v>6.0526712095485493</v>
      </c>
      <c r="E2143" cm="1">
        <f t="array" ref="E2143">IFERROR(INDEX(Jesper!AI$2:AI$366,ROUNDDOWN($C2143/24,0)+1,1)*INDEX($D$3:$AA$30,INDEX(Jesper!$R$2:$R$366,ROW(INDEX(Jesper!AI$2:AI$366,ROUNDDOWN($C2143/24,0)+1,1))-1)+IF('Standard Profiles'!$G$19=$B$10,7,0)+IF('Standard Profiles'!$G$19=$B$17,14,0)+IF('Standard Profiles'!$G$19=$B$24,21,0),MOD($C2143,24)+1)/SUM(INDEX($D$3:$AA$30,INDEX(Jesper!$R$2:$R$366,ROW(INDEX(Jesper!AI$2:AI$366,ROUNDDOWN($C2143/24,0)+1,1))-1)+IF('Standard Profiles'!$G$19=$B$10,7,0)+IF('Standard Profiles'!$G$19=$B$17,14,0)+IF('Standard Profiles'!$G$19=$B$24,21,0),0)),0)</f>
        <v>6.8194935372000254</v>
      </c>
      <c r="F2143" cm="1">
        <f t="array" ref="F2143">IFERROR(INDEX(Jesper!AJ$2:AJ$366,ROUNDDOWN($C2143/24,0)+1,1)*INDEX($D$3:$AA$30,INDEX(Jesper!$R$2:$R$366,ROW(INDEX(Jesper!AJ$2:AJ$366,ROUNDDOWN($C2143/24,0)+1,1))-1)+IF('Standard Profiles'!$G$20=$B$10,7,0)+IF('Standard Profiles'!$G$20=$B$17,14,0)+IF('Standard Profiles'!$G$20=$B$24,21,0),MOD($C2143,24)+1)/SUM(INDEX($D$3:$AA$30,INDEX(Jesper!$R$2:$R$366,ROW(INDEX(Jesper!AJ$2:AJ$366,ROUNDDOWN($C2143/24,0)+1,1))-1)+IF('Standard Profiles'!$G$20=$B$10,7,0)+IF('Standard Profiles'!$G$20=$B$17,14,0)+IF('Standard Profiles'!$G$20=$B$24,21,0),0)),0)</f>
        <v>0</v>
      </c>
      <c r="G2143" cm="1">
        <f t="array" ref="G2143">IFERROR(INDEX(Jesper!AK$2:AK$366,ROUNDDOWN($C2143/24,0)+1,1)*INDEX($D$3:$AA$30,INDEX(Jesper!$R$2:$R$366,ROW(INDEX(Jesper!AK$2:AK$366,ROUNDDOWN($C2143/24,0)+1,1))-1)+IF('Standard Profiles'!$G$21=$B$10,7,0)+IF('Standard Profiles'!$G$21=$B$17,14,0)+IF('Standard Profiles'!$G$21=$B$24,21,0),MOD($C2143,24)+1)/SUM(INDEX($D$3:$AA$30,INDEX(Jesper!$R$2:$R$366,ROW(INDEX(Jesper!AK$2:AK$366,ROUNDDOWN($C2143/24,0)+1,1))-1)+IF('Standard Profiles'!$G$21=$B$10,7,0)+IF('Standard Profiles'!$G$21=$B$17,14,0)+IF('Standard Profiles'!$G$21=$B$24,21,0),0)),0)</f>
        <v>7.9826593689828389</v>
      </c>
      <c r="H2143" cm="1">
        <f t="array" ref="H2143">IFERROR(INDEX(Jesper!AL$2:AL$366,ROUNDDOWN($C2143/24,0)+1,1)*INDEX($D$3:$AA$30,INDEX(Jesper!$R$2:$R$366,ROW(INDEX(Jesper!AL$2:AL$366,ROUNDDOWN($C2143/24,0)+1,1))-1)+IF('Standard Profiles'!$G$22=$B$10,7,0)+IF('Standard Profiles'!$G$22=$B$17,14,0)+IF('Standard Profiles'!$G$22=$B$24,21,0),MOD($C2143,24)+1)/SUM(INDEX($D$3:$AA$30,INDEX(Jesper!$R$2:$R$366,ROW(INDEX(Jesper!AL$2:AL$366,ROUNDDOWN($C2143/24,0)+1,1))-1)+IF('Standard Profiles'!$G$22=$B$10,7,0)+IF('Standard Profiles'!$G$22=$B$17,14,0)+IF('Standard Profiles'!$G$22=$B$24,21,0),0)),0)</f>
        <v>0</v>
      </c>
      <c r="I2143">
        <f t="shared" si="244"/>
        <v>3.8316764971117609</v>
      </c>
      <c r="J2143">
        <f t="shared" si="245"/>
        <v>16.054720225091884</v>
      </c>
      <c r="K2143">
        <f t="shared" si="246"/>
        <v>0.64561826235184527</v>
      </c>
      <c r="L2143">
        <f t="shared" si="247"/>
        <v>0.32280913117592264</v>
      </c>
      <c r="M2143">
        <f t="shared" si="248"/>
        <v>0</v>
      </c>
      <c r="N2143" s="45">
        <f t="shared" si="249"/>
        <v>45014.874999994885</v>
      </c>
    </row>
    <row r="2144" spans="2:14" x14ac:dyDescent="0.25">
      <c r="B2144">
        <f t="shared" si="243"/>
        <v>3</v>
      </c>
      <c r="C2144" s="16">
        <v>2110</v>
      </c>
      <c r="D2144" cm="1">
        <f t="array" ref="D2144">IFERROR(INDEX(Jesper!AH$2:AH$366,ROUNDDOWN($C2144/24,0)+1,1)*INDEX($D$3:$AA$30,INDEX(Jesper!$R$2:$R$366,ROW(INDEX(Jesper!AH$2:AH$366,ROUNDDOWN($C2144/24,0)+1,1))-1)+IF('Standard Profiles'!$G$18=$B$10,7,0)+IF('Standard Profiles'!$G$18=$B$17,14,0)+IF('Standard Profiles'!$G$18=$B$24,21,0),MOD($C2144,24)+1)/SUM(INDEX($D$3:$AA$30,INDEX(Jesper!$R$2:$R$366,ROW(INDEX(Jesper!AH$2:AH$366,ROUNDDOWN($C2144/24,0)+1,1))-1)+IF('Standard Profiles'!$G$18=$B$10,7,0)+IF('Standard Profiles'!$G$18=$B$17,14,0)+IF('Standard Profiles'!$G$18=$B$24,21,0),0)),0)</f>
        <v>6.0526712095485493</v>
      </c>
      <c r="E2144" cm="1">
        <f t="array" ref="E2144">IFERROR(INDEX(Jesper!AI$2:AI$366,ROUNDDOWN($C2144/24,0)+1,1)*INDEX($D$3:$AA$30,INDEX(Jesper!$R$2:$R$366,ROW(INDEX(Jesper!AI$2:AI$366,ROUNDDOWN($C2144/24,0)+1,1))-1)+IF('Standard Profiles'!$G$19=$B$10,7,0)+IF('Standard Profiles'!$G$19=$B$17,14,0)+IF('Standard Profiles'!$G$19=$B$24,21,0),MOD($C2144,24)+1)/SUM(INDEX($D$3:$AA$30,INDEX(Jesper!$R$2:$R$366,ROW(INDEX(Jesper!AI$2:AI$366,ROUNDDOWN($C2144/24,0)+1,1))-1)+IF('Standard Profiles'!$G$19=$B$10,7,0)+IF('Standard Profiles'!$G$19=$B$17,14,0)+IF('Standard Profiles'!$G$19=$B$24,21,0),0)),0)</f>
        <v>6.8194935372000254</v>
      </c>
      <c r="F2144" cm="1">
        <f t="array" ref="F2144">IFERROR(INDEX(Jesper!AJ$2:AJ$366,ROUNDDOWN($C2144/24,0)+1,1)*INDEX($D$3:$AA$30,INDEX(Jesper!$R$2:$R$366,ROW(INDEX(Jesper!AJ$2:AJ$366,ROUNDDOWN($C2144/24,0)+1,1))-1)+IF('Standard Profiles'!$G$20=$B$10,7,0)+IF('Standard Profiles'!$G$20=$B$17,14,0)+IF('Standard Profiles'!$G$20=$B$24,21,0),MOD($C2144,24)+1)/SUM(INDEX($D$3:$AA$30,INDEX(Jesper!$R$2:$R$366,ROW(INDEX(Jesper!AJ$2:AJ$366,ROUNDDOWN($C2144/24,0)+1,1))-1)+IF('Standard Profiles'!$G$20=$B$10,7,0)+IF('Standard Profiles'!$G$20=$B$17,14,0)+IF('Standard Profiles'!$G$20=$B$24,21,0),0)),0)</f>
        <v>0</v>
      </c>
      <c r="G2144" cm="1">
        <f t="array" ref="G2144">IFERROR(INDEX(Jesper!AK$2:AK$366,ROUNDDOWN($C2144/24,0)+1,1)*INDEX($D$3:$AA$30,INDEX(Jesper!$R$2:$R$366,ROW(INDEX(Jesper!AK$2:AK$366,ROUNDDOWN($C2144/24,0)+1,1))-1)+IF('Standard Profiles'!$G$21=$B$10,7,0)+IF('Standard Profiles'!$G$21=$B$17,14,0)+IF('Standard Profiles'!$G$21=$B$24,21,0),MOD($C2144,24)+1)/SUM(INDEX($D$3:$AA$30,INDEX(Jesper!$R$2:$R$366,ROW(INDEX(Jesper!AK$2:AK$366,ROUNDDOWN($C2144/24,0)+1,1))-1)+IF('Standard Profiles'!$G$21=$B$10,7,0)+IF('Standard Profiles'!$G$21=$B$17,14,0)+IF('Standard Profiles'!$G$21=$B$24,21,0),0)),0)</f>
        <v>7.9826593689828389</v>
      </c>
      <c r="H2144" cm="1">
        <f t="array" ref="H2144">IFERROR(INDEX(Jesper!AL$2:AL$366,ROUNDDOWN($C2144/24,0)+1,1)*INDEX($D$3:$AA$30,INDEX(Jesper!$R$2:$R$366,ROW(INDEX(Jesper!AL$2:AL$366,ROUNDDOWN($C2144/24,0)+1,1))-1)+IF('Standard Profiles'!$G$22=$B$10,7,0)+IF('Standard Profiles'!$G$22=$B$17,14,0)+IF('Standard Profiles'!$G$22=$B$24,21,0),MOD($C2144,24)+1)/SUM(INDEX($D$3:$AA$30,INDEX(Jesper!$R$2:$R$366,ROW(INDEX(Jesper!AL$2:AL$366,ROUNDDOWN($C2144/24,0)+1,1))-1)+IF('Standard Profiles'!$G$22=$B$10,7,0)+IF('Standard Profiles'!$G$22=$B$17,14,0)+IF('Standard Profiles'!$G$22=$B$24,21,0),0)),0)</f>
        <v>0</v>
      </c>
      <c r="I2144">
        <f t="shared" si="244"/>
        <v>3.8316764971117609</v>
      </c>
      <c r="J2144">
        <f t="shared" si="245"/>
        <v>16.054720225091884</v>
      </c>
      <c r="K2144">
        <f t="shared" si="246"/>
        <v>0.64561826235184527</v>
      </c>
      <c r="L2144">
        <f t="shared" si="247"/>
        <v>0.32280913117592264</v>
      </c>
      <c r="M2144">
        <f t="shared" si="248"/>
        <v>0</v>
      </c>
      <c r="N2144" s="45">
        <f t="shared" si="249"/>
        <v>45014.916666661549</v>
      </c>
    </row>
    <row r="2145" spans="2:14" x14ac:dyDescent="0.25">
      <c r="B2145">
        <f t="shared" si="243"/>
        <v>3</v>
      </c>
      <c r="C2145" s="16">
        <v>2111</v>
      </c>
      <c r="D2145" cm="1">
        <f t="array" ref="D2145">IFERROR(INDEX(Jesper!AH$2:AH$366,ROUNDDOWN($C2145/24,0)+1,1)*INDEX($D$3:$AA$30,INDEX(Jesper!$R$2:$R$366,ROW(INDEX(Jesper!AH$2:AH$366,ROUNDDOWN($C2145/24,0)+1,1))-1)+IF('Standard Profiles'!$G$18=$B$10,7,0)+IF('Standard Profiles'!$G$18=$B$17,14,0)+IF('Standard Profiles'!$G$18=$B$24,21,0),MOD($C2145,24)+1)/SUM(INDEX($D$3:$AA$30,INDEX(Jesper!$R$2:$R$366,ROW(INDEX(Jesper!AH$2:AH$366,ROUNDDOWN($C2145/24,0)+1,1))-1)+IF('Standard Profiles'!$G$18=$B$10,7,0)+IF('Standard Profiles'!$G$18=$B$17,14,0)+IF('Standard Profiles'!$G$18=$B$24,21,0),0)),0)</f>
        <v>6.0526712095485493</v>
      </c>
      <c r="E2145" cm="1">
        <f t="array" ref="E2145">IFERROR(INDEX(Jesper!AI$2:AI$366,ROUNDDOWN($C2145/24,0)+1,1)*INDEX($D$3:$AA$30,INDEX(Jesper!$R$2:$R$366,ROW(INDEX(Jesper!AI$2:AI$366,ROUNDDOWN($C2145/24,0)+1,1))-1)+IF('Standard Profiles'!$G$19=$B$10,7,0)+IF('Standard Profiles'!$G$19=$B$17,14,0)+IF('Standard Profiles'!$G$19=$B$24,21,0),MOD($C2145,24)+1)/SUM(INDEX($D$3:$AA$30,INDEX(Jesper!$R$2:$R$366,ROW(INDEX(Jesper!AI$2:AI$366,ROUNDDOWN($C2145/24,0)+1,1))-1)+IF('Standard Profiles'!$G$19=$B$10,7,0)+IF('Standard Profiles'!$G$19=$B$17,14,0)+IF('Standard Profiles'!$G$19=$B$24,21,0),0)),0)</f>
        <v>6.8194935372000254</v>
      </c>
      <c r="F2145" cm="1">
        <f t="array" ref="F2145">IFERROR(INDEX(Jesper!AJ$2:AJ$366,ROUNDDOWN($C2145/24,0)+1,1)*INDEX($D$3:$AA$30,INDEX(Jesper!$R$2:$R$366,ROW(INDEX(Jesper!AJ$2:AJ$366,ROUNDDOWN($C2145/24,0)+1,1))-1)+IF('Standard Profiles'!$G$20=$B$10,7,0)+IF('Standard Profiles'!$G$20=$B$17,14,0)+IF('Standard Profiles'!$G$20=$B$24,21,0),MOD($C2145,24)+1)/SUM(INDEX($D$3:$AA$30,INDEX(Jesper!$R$2:$R$366,ROW(INDEX(Jesper!AJ$2:AJ$366,ROUNDDOWN($C2145/24,0)+1,1))-1)+IF('Standard Profiles'!$G$20=$B$10,7,0)+IF('Standard Profiles'!$G$20=$B$17,14,0)+IF('Standard Profiles'!$G$20=$B$24,21,0),0)),0)</f>
        <v>0</v>
      </c>
      <c r="G2145" cm="1">
        <f t="array" ref="G2145">IFERROR(INDEX(Jesper!AK$2:AK$366,ROUNDDOWN($C2145/24,0)+1,1)*INDEX($D$3:$AA$30,INDEX(Jesper!$R$2:$R$366,ROW(INDEX(Jesper!AK$2:AK$366,ROUNDDOWN($C2145/24,0)+1,1))-1)+IF('Standard Profiles'!$G$21=$B$10,7,0)+IF('Standard Profiles'!$G$21=$B$17,14,0)+IF('Standard Profiles'!$G$21=$B$24,21,0),MOD($C2145,24)+1)/SUM(INDEX($D$3:$AA$30,INDEX(Jesper!$R$2:$R$366,ROW(INDEX(Jesper!AK$2:AK$366,ROUNDDOWN($C2145/24,0)+1,1))-1)+IF('Standard Profiles'!$G$21=$B$10,7,0)+IF('Standard Profiles'!$G$21=$B$17,14,0)+IF('Standard Profiles'!$G$21=$B$24,21,0),0)),0)</f>
        <v>7.9826593689828389</v>
      </c>
      <c r="H2145" cm="1">
        <f t="array" ref="H2145">IFERROR(INDEX(Jesper!AL$2:AL$366,ROUNDDOWN($C2145/24,0)+1,1)*INDEX($D$3:$AA$30,INDEX(Jesper!$R$2:$R$366,ROW(INDEX(Jesper!AL$2:AL$366,ROUNDDOWN($C2145/24,0)+1,1))-1)+IF('Standard Profiles'!$G$22=$B$10,7,0)+IF('Standard Profiles'!$G$22=$B$17,14,0)+IF('Standard Profiles'!$G$22=$B$24,21,0),MOD($C2145,24)+1)/SUM(INDEX($D$3:$AA$30,INDEX(Jesper!$R$2:$R$366,ROW(INDEX(Jesper!AL$2:AL$366,ROUNDDOWN($C2145/24,0)+1,1))-1)+IF('Standard Profiles'!$G$22=$B$10,7,0)+IF('Standard Profiles'!$G$22=$B$17,14,0)+IF('Standard Profiles'!$G$22=$B$24,21,0),0)),0)</f>
        <v>0</v>
      </c>
      <c r="I2145">
        <f t="shared" si="244"/>
        <v>3.8316764971117609</v>
      </c>
      <c r="J2145">
        <f t="shared" si="245"/>
        <v>16.054720225091884</v>
      </c>
      <c r="K2145">
        <f t="shared" si="246"/>
        <v>0.64561826235184527</v>
      </c>
      <c r="L2145">
        <f t="shared" si="247"/>
        <v>0.32280913117592264</v>
      </c>
      <c r="M2145">
        <f t="shared" si="248"/>
        <v>0</v>
      </c>
      <c r="N2145" s="45">
        <f t="shared" si="249"/>
        <v>45014.958333328213</v>
      </c>
    </row>
    <row r="2146" spans="2:14" x14ac:dyDescent="0.25">
      <c r="B2146">
        <f t="shared" si="243"/>
        <v>4</v>
      </c>
      <c r="C2146" s="16">
        <v>2112</v>
      </c>
      <c r="D2146" cm="1">
        <f t="array" ref="D2146">IFERROR(INDEX(Jesper!AH$2:AH$366,ROUNDDOWN($C2146/24,0)+1,1)*INDEX($D$3:$AA$30,INDEX(Jesper!$R$2:$R$366,ROW(INDEX(Jesper!AH$2:AH$366,ROUNDDOWN($C2146/24,0)+1,1))-1)+IF('Standard Profiles'!$G$18=$B$10,7,0)+IF('Standard Profiles'!$G$18=$B$17,14,0)+IF('Standard Profiles'!$G$18=$B$24,21,0),MOD($C2146,24)+1)/SUM(INDEX($D$3:$AA$30,INDEX(Jesper!$R$2:$R$366,ROW(INDEX(Jesper!AH$2:AH$366,ROUNDDOWN($C2146/24,0)+1,1))-1)+IF('Standard Profiles'!$G$18=$B$10,7,0)+IF('Standard Profiles'!$G$18=$B$17,14,0)+IF('Standard Profiles'!$G$18=$B$24,21,0),0)),0)</f>
        <v>5.8678991460938752</v>
      </c>
      <c r="E2146" cm="1">
        <f t="array" ref="E2146">IFERROR(INDEX(Jesper!AI$2:AI$366,ROUNDDOWN($C2146/24,0)+1,1)*INDEX($D$3:$AA$30,INDEX(Jesper!$R$2:$R$366,ROW(INDEX(Jesper!AI$2:AI$366,ROUNDDOWN($C2146/24,0)+1,1))-1)+IF('Standard Profiles'!$G$19=$B$10,7,0)+IF('Standard Profiles'!$G$19=$B$17,14,0)+IF('Standard Profiles'!$G$19=$B$24,21,0),MOD($C2146,24)+1)/SUM(INDEX($D$3:$AA$30,INDEX(Jesper!$R$2:$R$366,ROW(INDEX(Jesper!AI$2:AI$366,ROUNDDOWN($C2146/24,0)+1,1))-1)+IF('Standard Profiles'!$G$19=$B$10,7,0)+IF('Standard Profiles'!$G$19=$B$17,14,0)+IF('Standard Profiles'!$G$19=$B$24,21,0),0)),0)</f>
        <v>5.2893230517626781</v>
      </c>
      <c r="F2146" cm="1">
        <f t="array" ref="F2146">IFERROR(INDEX(Jesper!AJ$2:AJ$366,ROUNDDOWN($C2146/24,0)+1,1)*INDEX($D$3:$AA$30,INDEX(Jesper!$R$2:$R$366,ROW(INDEX(Jesper!AJ$2:AJ$366,ROUNDDOWN($C2146/24,0)+1,1))-1)+IF('Standard Profiles'!$G$20=$B$10,7,0)+IF('Standard Profiles'!$G$20=$B$17,14,0)+IF('Standard Profiles'!$G$20=$B$24,21,0),MOD($C2146,24)+1)/SUM(INDEX($D$3:$AA$30,INDEX(Jesper!$R$2:$R$366,ROW(INDEX(Jesper!AJ$2:AJ$366,ROUNDDOWN($C2146/24,0)+1,1))-1)+IF('Standard Profiles'!$G$20=$B$10,7,0)+IF('Standard Profiles'!$G$20=$B$17,14,0)+IF('Standard Profiles'!$G$20=$B$24,21,0),0)),0)</f>
        <v>0</v>
      </c>
      <c r="G2146" cm="1">
        <f t="array" ref="G2146">IFERROR(INDEX(Jesper!AK$2:AK$366,ROUNDDOWN($C2146/24,0)+1,1)*INDEX($D$3:$AA$30,INDEX(Jesper!$R$2:$R$366,ROW(INDEX(Jesper!AK$2:AK$366,ROUNDDOWN($C2146/24,0)+1,1))-1)+IF('Standard Profiles'!$G$21=$B$10,7,0)+IF('Standard Profiles'!$G$21=$B$17,14,0)+IF('Standard Profiles'!$G$21=$B$24,21,0),MOD($C2146,24)+1)/SUM(INDEX($D$3:$AA$30,INDEX(Jesper!$R$2:$R$366,ROW(INDEX(Jesper!AK$2:AK$366,ROUNDDOWN($C2146/24,0)+1,1))-1)+IF('Standard Profiles'!$G$21=$B$10,7,0)+IF('Standard Profiles'!$G$21=$B$17,14,0)+IF('Standard Profiles'!$G$21=$B$24,21,0),0)),0)</f>
        <v>4.0231057494359446</v>
      </c>
      <c r="H2146" cm="1">
        <f t="array" ref="H2146">IFERROR(INDEX(Jesper!AL$2:AL$366,ROUNDDOWN($C2146/24,0)+1,1)*INDEX($D$3:$AA$30,INDEX(Jesper!$R$2:$R$366,ROW(INDEX(Jesper!AL$2:AL$366,ROUNDDOWN($C2146/24,0)+1,1))-1)+IF('Standard Profiles'!$G$22=$B$10,7,0)+IF('Standard Profiles'!$G$22=$B$17,14,0)+IF('Standard Profiles'!$G$22=$B$24,21,0),MOD($C2146,24)+1)/SUM(INDEX($D$3:$AA$30,INDEX(Jesper!$R$2:$R$366,ROW(INDEX(Jesper!AL$2:AL$366,ROUNDDOWN($C2146/24,0)+1,1))-1)+IF('Standard Profiles'!$G$22=$B$10,7,0)+IF('Standard Profiles'!$G$22=$B$17,14,0)+IF('Standard Profiles'!$G$22=$B$24,21,0),0)),0)</f>
        <v>0</v>
      </c>
      <c r="I2146">
        <f t="shared" si="244"/>
        <v>1.9310907597292524</v>
      </c>
      <c r="J2146">
        <f t="shared" si="245"/>
        <v>12.310373324188225</v>
      </c>
      <c r="K2146">
        <f t="shared" si="246"/>
        <v>0.62590924225001343</v>
      </c>
      <c r="L2146">
        <f t="shared" si="247"/>
        <v>0.31295462112500672</v>
      </c>
      <c r="M2146">
        <f t="shared" si="248"/>
        <v>0</v>
      </c>
      <c r="N2146" s="45">
        <f t="shared" si="249"/>
        <v>45014.999999994878</v>
      </c>
    </row>
    <row r="2147" spans="2:14" x14ac:dyDescent="0.25">
      <c r="B2147">
        <f t="shared" ref="B2147:B2210" si="250">WEEKDAY(N2147,2)</f>
        <v>4</v>
      </c>
      <c r="C2147" s="16">
        <v>2113</v>
      </c>
      <c r="D2147" cm="1">
        <f t="array" ref="D2147">IFERROR(INDEX(Jesper!AH$2:AH$366,ROUNDDOWN($C2147/24,0)+1,1)*INDEX($D$3:$AA$30,INDEX(Jesper!$R$2:$R$366,ROW(INDEX(Jesper!AH$2:AH$366,ROUNDDOWN($C2147/24,0)+1,1))-1)+IF('Standard Profiles'!$G$18=$B$10,7,0)+IF('Standard Profiles'!$G$18=$B$17,14,0)+IF('Standard Profiles'!$G$18=$B$24,21,0),MOD($C2147,24)+1)/SUM(INDEX($D$3:$AA$30,INDEX(Jesper!$R$2:$R$366,ROW(INDEX(Jesper!AH$2:AH$366,ROUNDDOWN($C2147/24,0)+1,1))-1)+IF('Standard Profiles'!$G$18=$B$10,7,0)+IF('Standard Profiles'!$G$18=$B$17,14,0)+IF('Standard Profiles'!$G$18=$B$24,21,0),0)),0)</f>
        <v>5.8678991460938752</v>
      </c>
      <c r="E2147" cm="1">
        <f t="array" ref="E2147">IFERROR(INDEX(Jesper!AI$2:AI$366,ROUNDDOWN($C2147/24,0)+1,1)*INDEX($D$3:$AA$30,INDEX(Jesper!$R$2:$R$366,ROW(INDEX(Jesper!AI$2:AI$366,ROUNDDOWN($C2147/24,0)+1,1))-1)+IF('Standard Profiles'!$G$19=$B$10,7,0)+IF('Standard Profiles'!$G$19=$B$17,14,0)+IF('Standard Profiles'!$G$19=$B$24,21,0),MOD($C2147,24)+1)/SUM(INDEX($D$3:$AA$30,INDEX(Jesper!$R$2:$R$366,ROW(INDEX(Jesper!AI$2:AI$366,ROUNDDOWN($C2147/24,0)+1,1))-1)+IF('Standard Profiles'!$G$19=$B$10,7,0)+IF('Standard Profiles'!$G$19=$B$17,14,0)+IF('Standard Profiles'!$G$19=$B$24,21,0),0)),0)</f>
        <v>5.2893230517626781</v>
      </c>
      <c r="F2147" cm="1">
        <f t="array" ref="F2147">IFERROR(INDEX(Jesper!AJ$2:AJ$366,ROUNDDOWN($C2147/24,0)+1,1)*INDEX($D$3:$AA$30,INDEX(Jesper!$R$2:$R$366,ROW(INDEX(Jesper!AJ$2:AJ$366,ROUNDDOWN($C2147/24,0)+1,1))-1)+IF('Standard Profiles'!$G$20=$B$10,7,0)+IF('Standard Profiles'!$G$20=$B$17,14,0)+IF('Standard Profiles'!$G$20=$B$24,21,0),MOD($C2147,24)+1)/SUM(INDEX($D$3:$AA$30,INDEX(Jesper!$R$2:$R$366,ROW(INDEX(Jesper!AJ$2:AJ$366,ROUNDDOWN($C2147/24,0)+1,1))-1)+IF('Standard Profiles'!$G$20=$B$10,7,0)+IF('Standard Profiles'!$G$20=$B$17,14,0)+IF('Standard Profiles'!$G$20=$B$24,21,0),0)),0)</f>
        <v>0</v>
      </c>
      <c r="G2147" cm="1">
        <f t="array" ref="G2147">IFERROR(INDEX(Jesper!AK$2:AK$366,ROUNDDOWN($C2147/24,0)+1,1)*INDEX($D$3:$AA$30,INDEX(Jesper!$R$2:$R$366,ROW(INDEX(Jesper!AK$2:AK$366,ROUNDDOWN($C2147/24,0)+1,1))-1)+IF('Standard Profiles'!$G$21=$B$10,7,0)+IF('Standard Profiles'!$G$21=$B$17,14,0)+IF('Standard Profiles'!$G$21=$B$24,21,0),MOD($C2147,24)+1)/SUM(INDEX($D$3:$AA$30,INDEX(Jesper!$R$2:$R$366,ROW(INDEX(Jesper!AK$2:AK$366,ROUNDDOWN($C2147/24,0)+1,1))-1)+IF('Standard Profiles'!$G$21=$B$10,7,0)+IF('Standard Profiles'!$G$21=$B$17,14,0)+IF('Standard Profiles'!$G$21=$B$24,21,0),0)),0)</f>
        <v>4.0231057494359446</v>
      </c>
      <c r="H2147" cm="1">
        <f t="array" ref="H2147">IFERROR(INDEX(Jesper!AL$2:AL$366,ROUNDDOWN($C2147/24,0)+1,1)*INDEX($D$3:$AA$30,INDEX(Jesper!$R$2:$R$366,ROW(INDEX(Jesper!AL$2:AL$366,ROUNDDOWN($C2147/24,0)+1,1))-1)+IF('Standard Profiles'!$G$22=$B$10,7,0)+IF('Standard Profiles'!$G$22=$B$17,14,0)+IF('Standard Profiles'!$G$22=$B$24,21,0),MOD($C2147,24)+1)/SUM(INDEX($D$3:$AA$30,INDEX(Jesper!$R$2:$R$366,ROW(INDEX(Jesper!AL$2:AL$366,ROUNDDOWN($C2147/24,0)+1,1))-1)+IF('Standard Profiles'!$G$22=$B$10,7,0)+IF('Standard Profiles'!$G$22=$B$17,14,0)+IF('Standard Profiles'!$G$22=$B$24,21,0),0)),0)</f>
        <v>0</v>
      </c>
      <c r="I2147">
        <f t="shared" ref="I2147:I2210" si="251">IF($B2147&lt;6,AC$37*$D2147+AC$38*$E2147+AC$39*$F2147+AC$40*$G2147,AC$46*$D2147+AC$47*$E2147+AC$48*$F2147+AC$49*$G2147+AC$50*$H2147)</f>
        <v>1.9310907597292524</v>
      </c>
      <c r="J2147">
        <f t="shared" ref="J2147:J2210" si="252">IF($B2147&lt;6,AD$37*$D2147+AD$38*$E2147+AD$39*$F2147+AD$40*$G2147,AD$46*$D2147+AD$47*$E2147+AD$48*$F2147+AD$49*$G2147+AD$50*$H2147)</f>
        <v>12.310373324188225</v>
      </c>
      <c r="K2147">
        <f t="shared" ref="K2147:K2210" si="253">IF($B2147&lt;6,AE$37*$D2147+AE$38*$E2147+AE$39*$F2147+AE$40*$G2147,AE$46*$D2147+AE$47*$E2147+AE$48*$F2147+AE$49*$G2147+AE$50*$H2147)</f>
        <v>0.62590924225001343</v>
      </c>
      <c r="L2147">
        <f t="shared" ref="L2147:L2210" si="254">IF($B2147&lt;6,AF$37*$D2147+AF$38*$E2147+AF$39*$F2147+AF$40*$G2147,AF$46*$D2147+AF$47*$E2147+AF$48*$F2147+AF$49*$G2147+AF$50*$H2147)</f>
        <v>0.31295462112500672</v>
      </c>
      <c r="M2147">
        <f t="shared" ref="M2147:M2210" si="255">IF($B2147&lt;6,AG$37*$D2147+AG$38*$E2147+AG$39*$F2147+AG$40*$G2147,AG$46*$D2147+AG$47*$E2147+AG$48*$F2147+AG$49*$G2147+AG$50*$H2147)</f>
        <v>0</v>
      </c>
      <c r="N2147" s="45">
        <f t="shared" si="249"/>
        <v>45015.041666661542</v>
      </c>
    </row>
    <row r="2148" spans="2:14" x14ac:dyDescent="0.25">
      <c r="B2148">
        <f t="shared" si="250"/>
        <v>4</v>
      </c>
      <c r="C2148" s="16">
        <v>2114</v>
      </c>
      <c r="D2148" cm="1">
        <f t="array" ref="D2148">IFERROR(INDEX(Jesper!AH$2:AH$366,ROUNDDOWN($C2148/24,0)+1,1)*INDEX($D$3:$AA$30,INDEX(Jesper!$R$2:$R$366,ROW(INDEX(Jesper!AH$2:AH$366,ROUNDDOWN($C2148/24,0)+1,1))-1)+IF('Standard Profiles'!$G$18=$B$10,7,0)+IF('Standard Profiles'!$G$18=$B$17,14,0)+IF('Standard Profiles'!$G$18=$B$24,21,0),MOD($C2148,24)+1)/SUM(INDEX($D$3:$AA$30,INDEX(Jesper!$R$2:$R$366,ROW(INDEX(Jesper!AH$2:AH$366,ROUNDDOWN($C2148/24,0)+1,1))-1)+IF('Standard Profiles'!$G$18=$B$10,7,0)+IF('Standard Profiles'!$G$18=$B$17,14,0)+IF('Standard Profiles'!$G$18=$B$24,21,0),0)),0)</f>
        <v>5.8678991460938752</v>
      </c>
      <c r="E2148" cm="1">
        <f t="array" ref="E2148">IFERROR(INDEX(Jesper!AI$2:AI$366,ROUNDDOWN($C2148/24,0)+1,1)*INDEX($D$3:$AA$30,INDEX(Jesper!$R$2:$R$366,ROW(INDEX(Jesper!AI$2:AI$366,ROUNDDOWN($C2148/24,0)+1,1))-1)+IF('Standard Profiles'!$G$19=$B$10,7,0)+IF('Standard Profiles'!$G$19=$B$17,14,0)+IF('Standard Profiles'!$G$19=$B$24,21,0),MOD($C2148,24)+1)/SUM(INDEX($D$3:$AA$30,INDEX(Jesper!$R$2:$R$366,ROW(INDEX(Jesper!AI$2:AI$366,ROUNDDOWN($C2148/24,0)+1,1))-1)+IF('Standard Profiles'!$G$19=$B$10,7,0)+IF('Standard Profiles'!$G$19=$B$17,14,0)+IF('Standard Profiles'!$G$19=$B$24,21,0),0)),0)</f>
        <v>5.2893230517626781</v>
      </c>
      <c r="F2148" cm="1">
        <f t="array" ref="F2148">IFERROR(INDEX(Jesper!AJ$2:AJ$366,ROUNDDOWN($C2148/24,0)+1,1)*INDEX($D$3:$AA$30,INDEX(Jesper!$R$2:$R$366,ROW(INDEX(Jesper!AJ$2:AJ$366,ROUNDDOWN($C2148/24,0)+1,1))-1)+IF('Standard Profiles'!$G$20=$B$10,7,0)+IF('Standard Profiles'!$G$20=$B$17,14,0)+IF('Standard Profiles'!$G$20=$B$24,21,0),MOD($C2148,24)+1)/SUM(INDEX($D$3:$AA$30,INDEX(Jesper!$R$2:$R$366,ROW(INDEX(Jesper!AJ$2:AJ$366,ROUNDDOWN($C2148/24,0)+1,1))-1)+IF('Standard Profiles'!$G$20=$B$10,7,0)+IF('Standard Profiles'!$G$20=$B$17,14,0)+IF('Standard Profiles'!$G$20=$B$24,21,0),0)),0)</f>
        <v>0</v>
      </c>
      <c r="G2148" cm="1">
        <f t="array" ref="G2148">IFERROR(INDEX(Jesper!AK$2:AK$366,ROUNDDOWN($C2148/24,0)+1,1)*INDEX($D$3:$AA$30,INDEX(Jesper!$R$2:$R$366,ROW(INDEX(Jesper!AK$2:AK$366,ROUNDDOWN($C2148/24,0)+1,1))-1)+IF('Standard Profiles'!$G$21=$B$10,7,0)+IF('Standard Profiles'!$G$21=$B$17,14,0)+IF('Standard Profiles'!$G$21=$B$24,21,0),MOD($C2148,24)+1)/SUM(INDEX($D$3:$AA$30,INDEX(Jesper!$R$2:$R$366,ROW(INDEX(Jesper!AK$2:AK$366,ROUNDDOWN($C2148/24,0)+1,1))-1)+IF('Standard Profiles'!$G$21=$B$10,7,0)+IF('Standard Profiles'!$G$21=$B$17,14,0)+IF('Standard Profiles'!$G$21=$B$24,21,0),0)),0)</f>
        <v>4.0231057494359446</v>
      </c>
      <c r="H2148" cm="1">
        <f t="array" ref="H2148">IFERROR(INDEX(Jesper!AL$2:AL$366,ROUNDDOWN($C2148/24,0)+1,1)*INDEX($D$3:$AA$30,INDEX(Jesper!$R$2:$R$366,ROW(INDEX(Jesper!AL$2:AL$366,ROUNDDOWN($C2148/24,0)+1,1))-1)+IF('Standard Profiles'!$G$22=$B$10,7,0)+IF('Standard Profiles'!$G$22=$B$17,14,0)+IF('Standard Profiles'!$G$22=$B$24,21,0),MOD($C2148,24)+1)/SUM(INDEX($D$3:$AA$30,INDEX(Jesper!$R$2:$R$366,ROW(INDEX(Jesper!AL$2:AL$366,ROUNDDOWN($C2148/24,0)+1,1))-1)+IF('Standard Profiles'!$G$22=$B$10,7,0)+IF('Standard Profiles'!$G$22=$B$17,14,0)+IF('Standard Profiles'!$G$22=$B$24,21,0),0)),0)</f>
        <v>0</v>
      </c>
      <c r="I2148">
        <f t="shared" si="251"/>
        <v>1.9310907597292524</v>
      </c>
      <c r="J2148">
        <f t="shared" si="252"/>
        <v>12.310373324188225</v>
      </c>
      <c r="K2148">
        <f t="shared" si="253"/>
        <v>0.62590924225001343</v>
      </c>
      <c r="L2148">
        <f t="shared" si="254"/>
        <v>0.31295462112500672</v>
      </c>
      <c r="M2148">
        <f t="shared" si="255"/>
        <v>0</v>
      </c>
      <c r="N2148" s="45">
        <f t="shared" ref="N2148:N2211" si="256">N2147+1/24</f>
        <v>45015.083333328206</v>
      </c>
    </row>
    <row r="2149" spans="2:14" x14ac:dyDescent="0.25">
      <c r="B2149">
        <f t="shared" si="250"/>
        <v>4</v>
      </c>
      <c r="C2149" s="16">
        <v>2115</v>
      </c>
      <c r="D2149" cm="1">
        <f t="array" ref="D2149">IFERROR(INDEX(Jesper!AH$2:AH$366,ROUNDDOWN($C2149/24,0)+1,1)*INDEX($D$3:$AA$30,INDEX(Jesper!$R$2:$R$366,ROW(INDEX(Jesper!AH$2:AH$366,ROUNDDOWN($C2149/24,0)+1,1))-1)+IF('Standard Profiles'!$G$18=$B$10,7,0)+IF('Standard Profiles'!$G$18=$B$17,14,0)+IF('Standard Profiles'!$G$18=$B$24,21,0),MOD($C2149,24)+1)/SUM(INDEX($D$3:$AA$30,INDEX(Jesper!$R$2:$R$366,ROW(INDEX(Jesper!AH$2:AH$366,ROUNDDOWN($C2149/24,0)+1,1))-1)+IF('Standard Profiles'!$G$18=$B$10,7,0)+IF('Standard Profiles'!$G$18=$B$17,14,0)+IF('Standard Profiles'!$G$18=$B$24,21,0),0)),0)</f>
        <v>5.8678991460938752</v>
      </c>
      <c r="E2149" cm="1">
        <f t="array" ref="E2149">IFERROR(INDEX(Jesper!AI$2:AI$366,ROUNDDOWN($C2149/24,0)+1,1)*INDEX($D$3:$AA$30,INDEX(Jesper!$R$2:$R$366,ROW(INDEX(Jesper!AI$2:AI$366,ROUNDDOWN($C2149/24,0)+1,1))-1)+IF('Standard Profiles'!$G$19=$B$10,7,0)+IF('Standard Profiles'!$G$19=$B$17,14,0)+IF('Standard Profiles'!$G$19=$B$24,21,0),MOD($C2149,24)+1)/SUM(INDEX($D$3:$AA$30,INDEX(Jesper!$R$2:$R$366,ROW(INDEX(Jesper!AI$2:AI$366,ROUNDDOWN($C2149/24,0)+1,1))-1)+IF('Standard Profiles'!$G$19=$B$10,7,0)+IF('Standard Profiles'!$G$19=$B$17,14,0)+IF('Standard Profiles'!$G$19=$B$24,21,0),0)),0)</f>
        <v>5.2893230517626781</v>
      </c>
      <c r="F2149" cm="1">
        <f t="array" ref="F2149">IFERROR(INDEX(Jesper!AJ$2:AJ$366,ROUNDDOWN($C2149/24,0)+1,1)*INDEX($D$3:$AA$30,INDEX(Jesper!$R$2:$R$366,ROW(INDEX(Jesper!AJ$2:AJ$366,ROUNDDOWN($C2149/24,0)+1,1))-1)+IF('Standard Profiles'!$G$20=$B$10,7,0)+IF('Standard Profiles'!$G$20=$B$17,14,0)+IF('Standard Profiles'!$G$20=$B$24,21,0),MOD($C2149,24)+1)/SUM(INDEX($D$3:$AA$30,INDEX(Jesper!$R$2:$R$366,ROW(INDEX(Jesper!AJ$2:AJ$366,ROUNDDOWN($C2149/24,0)+1,1))-1)+IF('Standard Profiles'!$G$20=$B$10,7,0)+IF('Standard Profiles'!$G$20=$B$17,14,0)+IF('Standard Profiles'!$G$20=$B$24,21,0),0)),0)</f>
        <v>0</v>
      </c>
      <c r="G2149" cm="1">
        <f t="array" ref="G2149">IFERROR(INDEX(Jesper!AK$2:AK$366,ROUNDDOWN($C2149/24,0)+1,1)*INDEX($D$3:$AA$30,INDEX(Jesper!$R$2:$R$366,ROW(INDEX(Jesper!AK$2:AK$366,ROUNDDOWN($C2149/24,0)+1,1))-1)+IF('Standard Profiles'!$G$21=$B$10,7,0)+IF('Standard Profiles'!$G$21=$B$17,14,0)+IF('Standard Profiles'!$G$21=$B$24,21,0),MOD($C2149,24)+1)/SUM(INDEX($D$3:$AA$30,INDEX(Jesper!$R$2:$R$366,ROW(INDEX(Jesper!AK$2:AK$366,ROUNDDOWN($C2149/24,0)+1,1))-1)+IF('Standard Profiles'!$G$21=$B$10,7,0)+IF('Standard Profiles'!$G$21=$B$17,14,0)+IF('Standard Profiles'!$G$21=$B$24,21,0),0)),0)</f>
        <v>4.0231057494359446</v>
      </c>
      <c r="H2149" cm="1">
        <f t="array" ref="H2149">IFERROR(INDEX(Jesper!AL$2:AL$366,ROUNDDOWN($C2149/24,0)+1,1)*INDEX($D$3:$AA$30,INDEX(Jesper!$R$2:$R$366,ROW(INDEX(Jesper!AL$2:AL$366,ROUNDDOWN($C2149/24,0)+1,1))-1)+IF('Standard Profiles'!$G$22=$B$10,7,0)+IF('Standard Profiles'!$G$22=$B$17,14,0)+IF('Standard Profiles'!$G$22=$B$24,21,0),MOD($C2149,24)+1)/SUM(INDEX($D$3:$AA$30,INDEX(Jesper!$R$2:$R$366,ROW(INDEX(Jesper!AL$2:AL$366,ROUNDDOWN($C2149/24,0)+1,1))-1)+IF('Standard Profiles'!$G$22=$B$10,7,0)+IF('Standard Profiles'!$G$22=$B$17,14,0)+IF('Standard Profiles'!$G$22=$B$24,21,0),0)),0)</f>
        <v>0</v>
      </c>
      <c r="I2149">
        <f t="shared" si="251"/>
        <v>1.9310907597292524</v>
      </c>
      <c r="J2149">
        <f t="shared" si="252"/>
        <v>12.310373324188225</v>
      </c>
      <c r="K2149">
        <f t="shared" si="253"/>
        <v>0.62590924225001343</v>
      </c>
      <c r="L2149">
        <f t="shared" si="254"/>
        <v>0.31295462112500672</v>
      </c>
      <c r="M2149">
        <f t="shared" si="255"/>
        <v>0</v>
      </c>
      <c r="N2149" s="45">
        <f t="shared" si="256"/>
        <v>45015.12499999487</v>
      </c>
    </row>
    <row r="2150" spans="2:14" x14ac:dyDescent="0.25">
      <c r="B2150">
        <f t="shared" si="250"/>
        <v>4</v>
      </c>
      <c r="C2150" s="16">
        <v>2116</v>
      </c>
      <c r="D2150" cm="1">
        <f t="array" ref="D2150">IFERROR(INDEX(Jesper!AH$2:AH$366,ROUNDDOWN($C2150/24,0)+1,1)*INDEX($D$3:$AA$30,INDEX(Jesper!$R$2:$R$366,ROW(INDEX(Jesper!AH$2:AH$366,ROUNDDOWN($C2150/24,0)+1,1))-1)+IF('Standard Profiles'!$G$18=$B$10,7,0)+IF('Standard Profiles'!$G$18=$B$17,14,0)+IF('Standard Profiles'!$G$18=$B$24,21,0),MOD($C2150,24)+1)/SUM(INDEX($D$3:$AA$30,INDEX(Jesper!$R$2:$R$366,ROW(INDEX(Jesper!AH$2:AH$366,ROUNDDOWN($C2150/24,0)+1,1))-1)+IF('Standard Profiles'!$G$18=$B$10,7,0)+IF('Standard Profiles'!$G$18=$B$17,14,0)+IF('Standard Profiles'!$G$18=$B$24,21,0),0)),0)</f>
        <v>5.8678991460938752</v>
      </c>
      <c r="E2150" cm="1">
        <f t="array" ref="E2150">IFERROR(INDEX(Jesper!AI$2:AI$366,ROUNDDOWN($C2150/24,0)+1,1)*INDEX($D$3:$AA$30,INDEX(Jesper!$R$2:$R$366,ROW(INDEX(Jesper!AI$2:AI$366,ROUNDDOWN($C2150/24,0)+1,1))-1)+IF('Standard Profiles'!$G$19=$B$10,7,0)+IF('Standard Profiles'!$G$19=$B$17,14,0)+IF('Standard Profiles'!$G$19=$B$24,21,0),MOD($C2150,24)+1)/SUM(INDEX($D$3:$AA$30,INDEX(Jesper!$R$2:$R$366,ROW(INDEX(Jesper!AI$2:AI$366,ROUNDDOWN($C2150/24,0)+1,1))-1)+IF('Standard Profiles'!$G$19=$B$10,7,0)+IF('Standard Profiles'!$G$19=$B$17,14,0)+IF('Standard Profiles'!$G$19=$B$24,21,0),0)),0)</f>
        <v>5.2893230517626781</v>
      </c>
      <c r="F2150" cm="1">
        <f t="array" ref="F2150">IFERROR(INDEX(Jesper!AJ$2:AJ$366,ROUNDDOWN($C2150/24,0)+1,1)*INDEX($D$3:$AA$30,INDEX(Jesper!$R$2:$R$366,ROW(INDEX(Jesper!AJ$2:AJ$366,ROUNDDOWN($C2150/24,0)+1,1))-1)+IF('Standard Profiles'!$G$20=$B$10,7,0)+IF('Standard Profiles'!$G$20=$B$17,14,0)+IF('Standard Profiles'!$G$20=$B$24,21,0),MOD($C2150,24)+1)/SUM(INDEX($D$3:$AA$30,INDEX(Jesper!$R$2:$R$366,ROW(INDEX(Jesper!AJ$2:AJ$366,ROUNDDOWN($C2150/24,0)+1,1))-1)+IF('Standard Profiles'!$G$20=$B$10,7,0)+IF('Standard Profiles'!$G$20=$B$17,14,0)+IF('Standard Profiles'!$G$20=$B$24,21,0),0)),0)</f>
        <v>0</v>
      </c>
      <c r="G2150" cm="1">
        <f t="array" ref="G2150">IFERROR(INDEX(Jesper!AK$2:AK$366,ROUNDDOWN($C2150/24,0)+1,1)*INDEX($D$3:$AA$30,INDEX(Jesper!$R$2:$R$366,ROW(INDEX(Jesper!AK$2:AK$366,ROUNDDOWN($C2150/24,0)+1,1))-1)+IF('Standard Profiles'!$G$21=$B$10,7,0)+IF('Standard Profiles'!$G$21=$B$17,14,0)+IF('Standard Profiles'!$G$21=$B$24,21,0),MOD($C2150,24)+1)/SUM(INDEX($D$3:$AA$30,INDEX(Jesper!$R$2:$R$366,ROW(INDEX(Jesper!AK$2:AK$366,ROUNDDOWN($C2150/24,0)+1,1))-1)+IF('Standard Profiles'!$G$21=$B$10,7,0)+IF('Standard Profiles'!$G$21=$B$17,14,0)+IF('Standard Profiles'!$G$21=$B$24,21,0),0)),0)</f>
        <v>4.0231057494359446</v>
      </c>
      <c r="H2150" cm="1">
        <f t="array" ref="H2150">IFERROR(INDEX(Jesper!AL$2:AL$366,ROUNDDOWN($C2150/24,0)+1,1)*INDEX($D$3:$AA$30,INDEX(Jesper!$R$2:$R$366,ROW(INDEX(Jesper!AL$2:AL$366,ROUNDDOWN($C2150/24,0)+1,1))-1)+IF('Standard Profiles'!$G$22=$B$10,7,0)+IF('Standard Profiles'!$G$22=$B$17,14,0)+IF('Standard Profiles'!$G$22=$B$24,21,0),MOD($C2150,24)+1)/SUM(INDEX($D$3:$AA$30,INDEX(Jesper!$R$2:$R$366,ROW(INDEX(Jesper!AL$2:AL$366,ROUNDDOWN($C2150/24,0)+1,1))-1)+IF('Standard Profiles'!$G$22=$B$10,7,0)+IF('Standard Profiles'!$G$22=$B$17,14,0)+IF('Standard Profiles'!$G$22=$B$24,21,0),0)),0)</f>
        <v>0</v>
      </c>
      <c r="I2150">
        <f t="shared" si="251"/>
        <v>1.9310907597292524</v>
      </c>
      <c r="J2150">
        <f t="shared" si="252"/>
        <v>12.310373324188225</v>
      </c>
      <c r="K2150">
        <f t="shared" si="253"/>
        <v>0.62590924225001343</v>
      </c>
      <c r="L2150">
        <f t="shared" si="254"/>
        <v>0.31295462112500672</v>
      </c>
      <c r="M2150">
        <f t="shared" si="255"/>
        <v>0</v>
      </c>
      <c r="N2150" s="45">
        <f t="shared" si="256"/>
        <v>45015.166666661535</v>
      </c>
    </row>
    <row r="2151" spans="2:14" x14ac:dyDescent="0.25">
      <c r="B2151">
        <f t="shared" si="250"/>
        <v>4</v>
      </c>
      <c r="C2151" s="16">
        <v>2117</v>
      </c>
      <c r="D2151" cm="1">
        <f t="array" ref="D2151">IFERROR(INDEX(Jesper!AH$2:AH$366,ROUNDDOWN($C2151/24,0)+1,1)*INDEX($D$3:$AA$30,INDEX(Jesper!$R$2:$R$366,ROW(INDEX(Jesper!AH$2:AH$366,ROUNDDOWN($C2151/24,0)+1,1))-1)+IF('Standard Profiles'!$G$18=$B$10,7,0)+IF('Standard Profiles'!$G$18=$B$17,14,0)+IF('Standard Profiles'!$G$18=$B$24,21,0),MOD($C2151,24)+1)/SUM(INDEX($D$3:$AA$30,INDEX(Jesper!$R$2:$R$366,ROW(INDEX(Jesper!AH$2:AH$366,ROUNDDOWN($C2151/24,0)+1,1))-1)+IF('Standard Profiles'!$G$18=$B$10,7,0)+IF('Standard Profiles'!$G$18=$B$17,14,0)+IF('Standard Profiles'!$G$18=$B$24,21,0),0)),0)</f>
        <v>5.8678991460938752</v>
      </c>
      <c r="E2151" cm="1">
        <f t="array" ref="E2151">IFERROR(INDEX(Jesper!AI$2:AI$366,ROUNDDOWN($C2151/24,0)+1,1)*INDEX($D$3:$AA$30,INDEX(Jesper!$R$2:$R$366,ROW(INDEX(Jesper!AI$2:AI$366,ROUNDDOWN($C2151/24,0)+1,1))-1)+IF('Standard Profiles'!$G$19=$B$10,7,0)+IF('Standard Profiles'!$G$19=$B$17,14,0)+IF('Standard Profiles'!$G$19=$B$24,21,0),MOD($C2151,24)+1)/SUM(INDEX($D$3:$AA$30,INDEX(Jesper!$R$2:$R$366,ROW(INDEX(Jesper!AI$2:AI$366,ROUNDDOWN($C2151/24,0)+1,1))-1)+IF('Standard Profiles'!$G$19=$B$10,7,0)+IF('Standard Profiles'!$G$19=$B$17,14,0)+IF('Standard Profiles'!$G$19=$B$24,21,0),0)),0)</f>
        <v>5.2893230517626781</v>
      </c>
      <c r="F2151" cm="1">
        <f t="array" ref="F2151">IFERROR(INDEX(Jesper!AJ$2:AJ$366,ROUNDDOWN($C2151/24,0)+1,1)*INDEX($D$3:$AA$30,INDEX(Jesper!$R$2:$R$366,ROW(INDEX(Jesper!AJ$2:AJ$366,ROUNDDOWN($C2151/24,0)+1,1))-1)+IF('Standard Profiles'!$G$20=$B$10,7,0)+IF('Standard Profiles'!$G$20=$B$17,14,0)+IF('Standard Profiles'!$G$20=$B$24,21,0),MOD($C2151,24)+1)/SUM(INDEX($D$3:$AA$30,INDEX(Jesper!$R$2:$R$366,ROW(INDEX(Jesper!AJ$2:AJ$366,ROUNDDOWN($C2151/24,0)+1,1))-1)+IF('Standard Profiles'!$G$20=$B$10,7,0)+IF('Standard Profiles'!$G$20=$B$17,14,0)+IF('Standard Profiles'!$G$20=$B$24,21,0),0)),0)</f>
        <v>0</v>
      </c>
      <c r="G2151" cm="1">
        <f t="array" ref="G2151">IFERROR(INDEX(Jesper!AK$2:AK$366,ROUNDDOWN($C2151/24,0)+1,1)*INDEX($D$3:$AA$30,INDEX(Jesper!$R$2:$R$366,ROW(INDEX(Jesper!AK$2:AK$366,ROUNDDOWN($C2151/24,0)+1,1))-1)+IF('Standard Profiles'!$G$21=$B$10,7,0)+IF('Standard Profiles'!$G$21=$B$17,14,0)+IF('Standard Profiles'!$G$21=$B$24,21,0),MOD($C2151,24)+1)/SUM(INDEX($D$3:$AA$30,INDEX(Jesper!$R$2:$R$366,ROW(INDEX(Jesper!AK$2:AK$366,ROUNDDOWN($C2151/24,0)+1,1))-1)+IF('Standard Profiles'!$G$21=$B$10,7,0)+IF('Standard Profiles'!$G$21=$B$17,14,0)+IF('Standard Profiles'!$G$21=$B$24,21,0),0)),0)</f>
        <v>4.0231057494359446</v>
      </c>
      <c r="H2151" cm="1">
        <f t="array" ref="H2151">IFERROR(INDEX(Jesper!AL$2:AL$366,ROUNDDOWN($C2151/24,0)+1,1)*INDEX($D$3:$AA$30,INDEX(Jesper!$R$2:$R$366,ROW(INDEX(Jesper!AL$2:AL$366,ROUNDDOWN($C2151/24,0)+1,1))-1)+IF('Standard Profiles'!$G$22=$B$10,7,0)+IF('Standard Profiles'!$G$22=$B$17,14,0)+IF('Standard Profiles'!$G$22=$B$24,21,0),MOD($C2151,24)+1)/SUM(INDEX($D$3:$AA$30,INDEX(Jesper!$R$2:$R$366,ROW(INDEX(Jesper!AL$2:AL$366,ROUNDDOWN($C2151/24,0)+1,1))-1)+IF('Standard Profiles'!$G$22=$B$10,7,0)+IF('Standard Profiles'!$G$22=$B$17,14,0)+IF('Standard Profiles'!$G$22=$B$24,21,0),0)),0)</f>
        <v>0</v>
      </c>
      <c r="I2151">
        <f t="shared" si="251"/>
        <v>1.9310907597292524</v>
      </c>
      <c r="J2151">
        <f t="shared" si="252"/>
        <v>12.310373324188225</v>
      </c>
      <c r="K2151">
        <f t="shared" si="253"/>
        <v>0.62590924225001343</v>
      </c>
      <c r="L2151">
        <f t="shared" si="254"/>
        <v>0.31295462112500672</v>
      </c>
      <c r="M2151">
        <f t="shared" si="255"/>
        <v>0</v>
      </c>
      <c r="N2151" s="45">
        <f t="shared" si="256"/>
        <v>45015.208333328199</v>
      </c>
    </row>
    <row r="2152" spans="2:14" x14ac:dyDescent="0.25">
      <c r="B2152">
        <f t="shared" si="250"/>
        <v>4</v>
      </c>
      <c r="C2152" s="16">
        <v>2118</v>
      </c>
      <c r="D2152" cm="1">
        <f t="array" ref="D2152">IFERROR(INDEX(Jesper!AH$2:AH$366,ROUNDDOWN($C2152/24,0)+1,1)*INDEX($D$3:$AA$30,INDEX(Jesper!$R$2:$R$366,ROW(INDEX(Jesper!AH$2:AH$366,ROUNDDOWN($C2152/24,0)+1,1))-1)+IF('Standard Profiles'!$G$18=$B$10,7,0)+IF('Standard Profiles'!$G$18=$B$17,14,0)+IF('Standard Profiles'!$G$18=$B$24,21,0),MOD($C2152,24)+1)/SUM(INDEX($D$3:$AA$30,INDEX(Jesper!$R$2:$R$366,ROW(INDEX(Jesper!AH$2:AH$366,ROUNDDOWN($C2152/24,0)+1,1))-1)+IF('Standard Profiles'!$G$18=$B$10,7,0)+IF('Standard Profiles'!$G$18=$B$17,14,0)+IF('Standard Profiles'!$G$18=$B$24,21,0),0)),0)</f>
        <v>5.8678991460938752</v>
      </c>
      <c r="E2152" cm="1">
        <f t="array" ref="E2152">IFERROR(INDEX(Jesper!AI$2:AI$366,ROUNDDOWN($C2152/24,0)+1,1)*INDEX($D$3:$AA$30,INDEX(Jesper!$R$2:$R$366,ROW(INDEX(Jesper!AI$2:AI$366,ROUNDDOWN($C2152/24,0)+1,1))-1)+IF('Standard Profiles'!$G$19=$B$10,7,0)+IF('Standard Profiles'!$G$19=$B$17,14,0)+IF('Standard Profiles'!$G$19=$B$24,21,0),MOD($C2152,24)+1)/SUM(INDEX($D$3:$AA$30,INDEX(Jesper!$R$2:$R$366,ROW(INDEX(Jesper!AI$2:AI$366,ROUNDDOWN($C2152/24,0)+1,1))-1)+IF('Standard Profiles'!$G$19=$B$10,7,0)+IF('Standard Profiles'!$G$19=$B$17,14,0)+IF('Standard Profiles'!$G$19=$B$24,21,0),0)),0)</f>
        <v>5.2893230517626781</v>
      </c>
      <c r="F2152" cm="1">
        <f t="array" ref="F2152">IFERROR(INDEX(Jesper!AJ$2:AJ$366,ROUNDDOWN($C2152/24,0)+1,1)*INDEX($D$3:$AA$30,INDEX(Jesper!$R$2:$R$366,ROW(INDEX(Jesper!AJ$2:AJ$366,ROUNDDOWN($C2152/24,0)+1,1))-1)+IF('Standard Profiles'!$G$20=$B$10,7,0)+IF('Standard Profiles'!$G$20=$B$17,14,0)+IF('Standard Profiles'!$G$20=$B$24,21,0),MOD($C2152,24)+1)/SUM(INDEX($D$3:$AA$30,INDEX(Jesper!$R$2:$R$366,ROW(INDEX(Jesper!AJ$2:AJ$366,ROUNDDOWN($C2152/24,0)+1,1))-1)+IF('Standard Profiles'!$G$20=$B$10,7,0)+IF('Standard Profiles'!$G$20=$B$17,14,0)+IF('Standard Profiles'!$G$20=$B$24,21,0),0)),0)</f>
        <v>0</v>
      </c>
      <c r="G2152" cm="1">
        <f t="array" ref="G2152">IFERROR(INDEX(Jesper!AK$2:AK$366,ROUNDDOWN($C2152/24,0)+1,1)*INDEX($D$3:$AA$30,INDEX(Jesper!$R$2:$R$366,ROW(INDEX(Jesper!AK$2:AK$366,ROUNDDOWN($C2152/24,0)+1,1))-1)+IF('Standard Profiles'!$G$21=$B$10,7,0)+IF('Standard Profiles'!$G$21=$B$17,14,0)+IF('Standard Profiles'!$G$21=$B$24,21,0),MOD($C2152,24)+1)/SUM(INDEX($D$3:$AA$30,INDEX(Jesper!$R$2:$R$366,ROW(INDEX(Jesper!AK$2:AK$366,ROUNDDOWN($C2152/24,0)+1,1))-1)+IF('Standard Profiles'!$G$21=$B$10,7,0)+IF('Standard Profiles'!$G$21=$B$17,14,0)+IF('Standard Profiles'!$G$21=$B$24,21,0),0)),0)</f>
        <v>4.0231057494359446</v>
      </c>
      <c r="H2152" cm="1">
        <f t="array" ref="H2152">IFERROR(INDEX(Jesper!AL$2:AL$366,ROUNDDOWN($C2152/24,0)+1,1)*INDEX($D$3:$AA$30,INDEX(Jesper!$R$2:$R$366,ROW(INDEX(Jesper!AL$2:AL$366,ROUNDDOWN($C2152/24,0)+1,1))-1)+IF('Standard Profiles'!$G$22=$B$10,7,0)+IF('Standard Profiles'!$G$22=$B$17,14,0)+IF('Standard Profiles'!$G$22=$B$24,21,0),MOD($C2152,24)+1)/SUM(INDEX($D$3:$AA$30,INDEX(Jesper!$R$2:$R$366,ROW(INDEX(Jesper!AL$2:AL$366,ROUNDDOWN($C2152/24,0)+1,1))-1)+IF('Standard Profiles'!$G$22=$B$10,7,0)+IF('Standard Profiles'!$G$22=$B$17,14,0)+IF('Standard Profiles'!$G$22=$B$24,21,0),0)),0)</f>
        <v>0</v>
      </c>
      <c r="I2152">
        <f t="shared" si="251"/>
        <v>1.9310907597292524</v>
      </c>
      <c r="J2152">
        <f t="shared" si="252"/>
        <v>12.310373324188225</v>
      </c>
      <c r="K2152">
        <f t="shared" si="253"/>
        <v>0.62590924225001343</v>
      </c>
      <c r="L2152">
        <f t="shared" si="254"/>
        <v>0.31295462112500672</v>
      </c>
      <c r="M2152">
        <f t="shared" si="255"/>
        <v>0</v>
      </c>
      <c r="N2152" s="45">
        <f t="shared" si="256"/>
        <v>45015.249999994863</v>
      </c>
    </row>
    <row r="2153" spans="2:14" x14ac:dyDescent="0.25">
      <c r="B2153">
        <f t="shared" si="250"/>
        <v>4</v>
      </c>
      <c r="C2153" s="16">
        <v>2119</v>
      </c>
      <c r="D2153" cm="1">
        <f t="array" ref="D2153">IFERROR(INDEX(Jesper!AH$2:AH$366,ROUNDDOWN($C2153/24,0)+1,1)*INDEX($D$3:$AA$30,INDEX(Jesper!$R$2:$R$366,ROW(INDEX(Jesper!AH$2:AH$366,ROUNDDOWN($C2153/24,0)+1,1))-1)+IF('Standard Profiles'!$G$18=$B$10,7,0)+IF('Standard Profiles'!$G$18=$B$17,14,0)+IF('Standard Profiles'!$G$18=$B$24,21,0),MOD($C2153,24)+1)/SUM(INDEX($D$3:$AA$30,INDEX(Jesper!$R$2:$R$366,ROW(INDEX(Jesper!AH$2:AH$366,ROUNDDOWN($C2153/24,0)+1,1))-1)+IF('Standard Profiles'!$G$18=$B$10,7,0)+IF('Standard Profiles'!$G$18=$B$17,14,0)+IF('Standard Profiles'!$G$18=$B$24,21,0),0)),0)</f>
        <v>23.987260448729202</v>
      </c>
      <c r="E2153" cm="1">
        <f t="array" ref="E2153">IFERROR(INDEX(Jesper!AI$2:AI$366,ROUNDDOWN($C2153/24,0)+1,1)*INDEX($D$3:$AA$30,INDEX(Jesper!$R$2:$R$366,ROW(INDEX(Jesper!AI$2:AI$366,ROUNDDOWN($C2153/24,0)+1,1))-1)+IF('Standard Profiles'!$G$19=$B$10,7,0)+IF('Standard Profiles'!$G$19=$B$17,14,0)+IF('Standard Profiles'!$G$19=$B$24,21,0),MOD($C2153,24)+1)/SUM(INDEX($D$3:$AA$30,INDEX(Jesper!$R$2:$R$366,ROW(INDEX(Jesper!AI$2:AI$366,ROUNDDOWN($C2153/24,0)+1,1))-1)+IF('Standard Profiles'!$G$19=$B$10,7,0)+IF('Standard Profiles'!$G$19=$B$17,14,0)+IF('Standard Profiles'!$G$19=$B$24,21,0),0)),0)</f>
        <v>21.62211150553895</v>
      </c>
      <c r="F2153" cm="1">
        <f t="array" ref="F2153">IFERROR(INDEX(Jesper!AJ$2:AJ$366,ROUNDDOWN($C2153/24,0)+1,1)*INDEX($D$3:$AA$30,INDEX(Jesper!$R$2:$R$366,ROW(INDEX(Jesper!AJ$2:AJ$366,ROUNDDOWN($C2153/24,0)+1,1))-1)+IF('Standard Profiles'!$G$20=$B$10,7,0)+IF('Standard Profiles'!$G$20=$B$17,14,0)+IF('Standard Profiles'!$G$20=$B$24,21,0),MOD($C2153,24)+1)/SUM(INDEX($D$3:$AA$30,INDEX(Jesper!$R$2:$R$366,ROW(INDEX(Jesper!AJ$2:AJ$366,ROUNDDOWN($C2153/24,0)+1,1))-1)+IF('Standard Profiles'!$G$20=$B$10,7,0)+IF('Standard Profiles'!$G$20=$B$17,14,0)+IF('Standard Profiles'!$G$20=$B$24,21,0),0)),0)</f>
        <v>0</v>
      </c>
      <c r="G2153" cm="1">
        <f t="array" ref="G2153">IFERROR(INDEX(Jesper!AK$2:AK$366,ROUNDDOWN($C2153/24,0)+1,1)*INDEX($D$3:$AA$30,INDEX(Jesper!$R$2:$R$366,ROW(INDEX(Jesper!AK$2:AK$366,ROUNDDOWN($C2153/24,0)+1,1))-1)+IF('Standard Profiles'!$G$21=$B$10,7,0)+IF('Standard Profiles'!$G$21=$B$17,14,0)+IF('Standard Profiles'!$G$21=$B$24,21,0),MOD($C2153,24)+1)/SUM(INDEX($D$3:$AA$30,INDEX(Jesper!$R$2:$R$366,ROW(INDEX(Jesper!AK$2:AK$366,ROUNDDOWN($C2153/24,0)+1,1))-1)+IF('Standard Profiles'!$G$21=$B$10,7,0)+IF('Standard Profiles'!$G$21=$B$17,14,0)+IF('Standard Profiles'!$G$21=$B$24,21,0),0)),0)</f>
        <v>11.083656339696027</v>
      </c>
      <c r="H2153" cm="1">
        <f t="array" ref="H2153">IFERROR(INDEX(Jesper!AL$2:AL$366,ROUNDDOWN($C2153/24,0)+1,1)*INDEX($D$3:$AA$30,INDEX(Jesper!$R$2:$R$366,ROW(INDEX(Jesper!AL$2:AL$366,ROUNDDOWN($C2153/24,0)+1,1))-1)+IF('Standard Profiles'!$G$22=$B$10,7,0)+IF('Standard Profiles'!$G$22=$B$17,14,0)+IF('Standard Profiles'!$G$22=$B$24,21,0),MOD($C2153,24)+1)/SUM(INDEX($D$3:$AA$30,INDEX(Jesper!$R$2:$R$366,ROW(INDEX(Jesper!AL$2:AL$366,ROUNDDOWN($C2153/24,0)+1,1))-1)+IF('Standard Profiles'!$G$22=$B$10,7,0)+IF('Standard Profiles'!$G$22=$B$17,14,0)+IF('Standard Profiles'!$G$22=$B$24,21,0),0)),0)</f>
        <v>0</v>
      </c>
      <c r="I2153">
        <f t="shared" si="251"/>
        <v>5.3201550430540907</v>
      </c>
      <c r="J2153">
        <f t="shared" si="252"/>
        <v>47.534911579113412</v>
      </c>
      <c r="K2153">
        <f t="shared" si="253"/>
        <v>2.558641114531115</v>
      </c>
      <c r="L2153">
        <f t="shared" si="254"/>
        <v>1.2793205572655575</v>
      </c>
      <c r="M2153">
        <f t="shared" si="255"/>
        <v>0</v>
      </c>
      <c r="N2153" s="45">
        <f t="shared" si="256"/>
        <v>45015.291666661527</v>
      </c>
    </row>
    <row r="2154" spans="2:14" x14ac:dyDescent="0.25">
      <c r="B2154">
        <f t="shared" si="250"/>
        <v>4</v>
      </c>
      <c r="C2154" s="16">
        <v>2120</v>
      </c>
      <c r="D2154" cm="1">
        <f t="array" ref="D2154">IFERROR(INDEX(Jesper!AH$2:AH$366,ROUNDDOWN($C2154/24,0)+1,1)*INDEX($D$3:$AA$30,INDEX(Jesper!$R$2:$R$366,ROW(INDEX(Jesper!AH$2:AH$366,ROUNDDOWN($C2154/24,0)+1,1))-1)+IF('Standard Profiles'!$G$18=$B$10,7,0)+IF('Standard Profiles'!$G$18=$B$17,14,0)+IF('Standard Profiles'!$G$18=$B$24,21,0),MOD($C2154,24)+1)/SUM(INDEX($D$3:$AA$30,INDEX(Jesper!$R$2:$R$366,ROW(INDEX(Jesper!AH$2:AH$366,ROUNDDOWN($C2154/24,0)+1,1))-1)+IF('Standard Profiles'!$G$18=$B$10,7,0)+IF('Standard Profiles'!$G$18=$B$17,14,0)+IF('Standard Profiles'!$G$18=$B$24,21,0),0)),0)</f>
        <v>26.764732711213636</v>
      </c>
      <c r="E2154" cm="1">
        <f t="array" ref="E2154">IFERROR(INDEX(Jesper!AI$2:AI$366,ROUNDDOWN($C2154/24,0)+1,1)*INDEX($D$3:$AA$30,INDEX(Jesper!$R$2:$R$366,ROW(INDEX(Jesper!AI$2:AI$366,ROUNDDOWN($C2154/24,0)+1,1))-1)+IF('Standard Profiles'!$G$19=$B$10,7,0)+IF('Standard Profiles'!$G$19=$B$17,14,0)+IF('Standard Profiles'!$G$19=$B$24,21,0),MOD($C2154,24)+1)/SUM(INDEX($D$3:$AA$30,INDEX(Jesper!$R$2:$R$366,ROW(INDEX(Jesper!AI$2:AI$366,ROUNDDOWN($C2154/24,0)+1,1))-1)+IF('Standard Profiles'!$G$19=$B$10,7,0)+IF('Standard Profiles'!$G$19=$B$17,14,0)+IF('Standard Profiles'!$G$19=$B$24,21,0),0)),0)</f>
        <v>24.125724416706618</v>
      </c>
      <c r="F2154" cm="1">
        <f t="array" ref="F2154">IFERROR(INDEX(Jesper!AJ$2:AJ$366,ROUNDDOWN($C2154/24,0)+1,1)*INDEX($D$3:$AA$30,INDEX(Jesper!$R$2:$R$366,ROW(INDEX(Jesper!AJ$2:AJ$366,ROUNDDOWN($C2154/24,0)+1,1))-1)+IF('Standard Profiles'!$G$20=$B$10,7,0)+IF('Standard Profiles'!$G$20=$B$17,14,0)+IF('Standard Profiles'!$G$20=$B$24,21,0),MOD($C2154,24)+1)/SUM(INDEX($D$3:$AA$30,INDEX(Jesper!$R$2:$R$366,ROW(INDEX(Jesper!AJ$2:AJ$366,ROUNDDOWN($C2154/24,0)+1,1))-1)+IF('Standard Profiles'!$G$20=$B$10,7,0)+IF('Standard Profiles'!$G$20=$B$17,14,0)+IF('Standard Profiles'!$G$20=$B$24,21,0),0)),0)</f>
        <v>0</v>
      </c>
      <c r="G2154" cm="1">
        <f t="array" ref="G2154">IFERROR(INDEX(Jesper!AK$2:AK$366,ROUNDDOWN($C2154/24,0)+1,1)*INDEX($D$3:$AA$30,INDEX(Jesper!$R$2:$R$366,ROW(INDEX(Jesper!AK$2:AK$366,ROUNDDOWN($C2154/24,0)+1,1))-1)+IF('Standard Profiles'!$G$21=$B$10,7,0)+IF('Standard Profiles'!$G$21=$B$17,14,0)+IF('Standard Profiles'!$G$21=$B$24,21,0),MOD($C2154,24)+1)/SUM(INDEX($D$3:$AA$30,INDEX(Jesper!$R$2:$R$366,ROW(INDEX(Jesper!AK$2:AK$366,ROUNDDOWN($C2154/24,0)+1,1))-1)+IF('Standard Profiles'!$G$21=$B$10,7,0)+IF('Standard Profiles'!$G$21=$B$17,14,0)+IF('Standard Profiles'!$G$21=$B$24,21,0),0)),0)</f>
        <v>12.367027073766094</v>
      </c>
      <c r="H2154" cm="1">
        <f t="array" ref="H2154">IFERROR(INDEX(Jesper!AL$2:AL$366,ROUNDDOWN($C2154/24,0)+1,1)*INDEX($D$3:$AA$30,INDEX(Jesper!$R$2:$R$366,ROW(INDEX(Jesper!AL$2:AL$366,ROUNDDOWN($C2154/24,0)+1,1))-1)+IF('Standard Profiles'!$G$22=$B$10,7,0)+IF('Standard Profiles'!$G$22=$B$17,14,0)+IF('Standard Profiles'!$G$22=$B$24,21,0),MOD($C2154,24)+1)/SUM(INDEX($D$3:$AA$30,INDEX(Jesper!$R$2:$R$366,ROW(INDEX(Jesper!AL$2:AL$366,ROUNDDOWN($C2154/24,0)+1,1))-1)+IF('Standard Profiles'!$G$22=$B$10,7,0)+IF('Standard Profiles'!$G$22=$B$17,14,0)+IF('Standard Profiles'!$G$22=$B$24,21,0),0)),0)</f>
        <v>0</v>
      </c>
      <c r="I2154">
        <f t="shared" si="251"/>
        <v>5.9361729954077225</v>
      </c>
      <c r="J2154">
        <f t="shared" si="252"/>
        <v>53.038953972484443</v>
      </c>
      <c r="K2154">
        <f t="shared" si="253"/>
        <v>2.8549048225294547</v>
      </c>
      <c r="L2154">
        <f t="shared" si="254"/>
        <v>1.4274524112647273</v>
      </c>
      <c r="M2154">
        <f t="shared" si="255"/>
        <v>0</v>
      </c>
      <c r="N2154" s="45">
        <f t="shared" si="256"/>
        <v>45015.333333328192</v>
      </c>
    </row>
    <row r="2155" spans="2:14" x14ac:dyDescent="0.25">
      <c r="B2155">
        <f t="shared" si="250"/>
        <v>4</v>
      </c>
      <c r="C2155" s="16">
        <v>2121</v>
      </c>
      <c r="D2155" cm="1">
        <f t="array" ref="D2155">IFERROR(INDEX(Jesper!AH$2:AH$366,ROUNDDOWN($C2155/24,0)+1,1)*INDEX($D$3:$AA$30,INDEX(Jesper!$R$2:$R$366,ROW(INDEX(Jesper!AH$2:AH$366,ROUNDDOWN($C2155/24,0)+1,1))-1)+IF('Standard Profiles'!$G$18=$B$10,7,0)+IF('Standard Profiles'!$G$18=$B$17,14,0)+IF('Standard Profiles'!$G$18=$B$24,21,0),MOD($C2155,24)+1)/SUM(INDEX($D$3:$AA$30,INDEX(Jesper!$R$2:$R$366,ROW(INDEX(Jesper!AH$2:AH$366,ROUNDDOWN($C2155/24,0)+1,1))-1)+IF('Standard Profiles'!$G$18=$B$10,7,0)+IF('Standard Profiles'!$G$18=$B$17,14,0)+IF('Standard Profiles'!$G$18=$B$24,21,0),0)),0)</f>
        <v>29.54220497369807</v>
      </c>
      <c r="E2155" cm="1">
        <f t="array" ref="E2155">IFERROR(INDEX(Jesper!AI$2:AI$366,ROUNDDOWN($C2155/24,0)+1,1)*INDEX($D$3:$AA$30,INDEX(Jesper!$R$2:$R$366,ROW(INDEX(Jesper!AI$2:AI$366,ROUNDDOWN($C2155/24,0)+1,1))-1)+IF('Standard Profiles'!$G$19=$B$10,7,0)+IF('Standard Profiles'!$G$19=$B$17,14,0)+IF('Standard Profiles'!$G$19=$B$24,21,0),MOD($C2155,24)+1)/SUM(INDEX($D$3:$AA$30,INDEX(Jesper!$R$2:$R$366,ROW(INDEX(Jesper!AI$2:AI$366,ROUNDDOWN($C2155/24,0)+1,1))-1)+IF('Standard Profiles'!$G$19=$B$10,7,0)+IF('Standard Profiles'!$G$19=$B$17,14,0)+IF('Standard Profiles'!$G$19=$B$24,21,0),0)),0)</f>
        <v>26.629337327874289</v>
      </c>
      <c r="F2155" cm="1">
        <f t="array" ref="F2155">IFERROR(INDEX(Jesper!AJ$2:AJ$366,ROUNDDOWN($C2155/24,0)+1,1)*INDEX($D$3:$AA$30,INDEX(Jesper!$R$2:$R$366,ROW(INDEX(Jesper!AJ$2:AJ$366,ROUNDDOWN($C2155/24,0)+1,1))-1)+IF('Standard Profiles'!$G$20=$B$10,7,0)+IF('Standard Profiles'!$G$20=$B$17,14,0)+IF('Standard Profiles'!$G$20=$B$24,21,0),MOD($C2155,24)+1)/SUM(INDEX($D$3:$AA$30,INDEX(Jesper!$R$2:$R$366,ROW(INDEX(Jesper!AJ$2:AJ$366,ROUNDDOWN($C2155/24,0)+1,1))-1)+IF('Standard Profiles'!$G$20=$B$10,7,0)+IF('Standard Profiles'!$G$20=$B$17,14,0)+IF('Standard Profiles'!$G$20=$B$24,21,0),0)),0)</f>
        <v>0</v>
      </c>
      <c r="G2155" cm="1">
        <f t="array" ref="G2155">IFERROR(INDEX(Jesper!AK$2:AK$366,ROUNDDOWN($C2155/24,0)+1,1)*INDEX($D$3:$AA$30,INDEX(Jesper!$R$2:$R$366,ROW(INDEX(Jesper!AK$2:AK$366,ROUNDDOWN($C2155/24,0)+1,1))-1)+IF('Standard Profiles'!$G$21=$B$10,7,0)+IF('Standard Profiles'!$G$21=$B$17,14,0)+IF('Standard Profiles'!$G$21=$B$24,21,0),MOD($C2155,24)+1)/SUM(INDEX($D$3:$AA$30,INDEX(Jesper!$R$2:$R$366,ROW(INDEX(Jesper!AK$2:AK$366,ROUNDDOWN($C2155/24,0)+1,1))-1)+IF('Standard Profiles'!$G$21=$B$10,7,0)+IF('Standard Profiles'!$G$21=$B$17,14,0)+IF('Standard Profiles'!$G$21=$B$24,21,0),0)),0)</f>
        <v>13.650397807836161</v>
      </c>
      <c r="H2155" cm="1">
        <f t="array" ref="H2155">IFERROR(INDEX(Jesper!AL$2:AL$366,ROUNDDOWN($C2155/24,0)+1,1)*INDEX($D$3:$AA$30,INDEX(Jesper!$R$2:$R$366,ROW(INDEX(Jesper!AL$2:AL$366,ROUNDDOWN($C2155/24,0)+1,1))-1)+IF('Standard Profiles'!$G$22=$B$10,7,0)+IF('Standard Profiles'!$G$22=$B$17,14,0)+IF('Standard Profiles'!$G$22=$B$24,21,0),MOD($C2155,24)+1)/SUM(INDEX($D$3:$AA$30,INDEX(Jesper!$R$2:$R$366,ROW(INDEX(Jesper!AL$2:AL$366,ROUNDDOWN($C2155/24,0)+1,1))-1)+IF('Standard Profiles'!$G$22=$B$10,7,0)+IF('Standard Profiles'!$G$22=$B$17,14,0)+IF('Standard Profiles'!$G$22=$B$24,21,0),0)),0)</f>
        <v>0</v>
      </c>
      <c r="I2155">
        <f t="shared" si="251"/>
        <v>6.5521909477613534</v>
      </c>
      <c r="J2155">
        <f t="shared" si="252"/>
        <v>58.542996365855473</v>
      </c>
      <c r="K2155">
        <f t="shared" si="253"/>
        <v>3.1511685305277943</v>
      </c>
      <c r="L2155">
        <f t="shared" si="254"/>
        <v>1.5755842652638972</v>
      </c>
      <c r="M2155">
        <f t="shared" si="255"/>
        <v>0</v>
      </c>
      <c r="N2155" s="45">
        <f t="shared" si="256"/>
        <v>45015.374999994856</v>
      </c>
    </row>
    <row r="2156" spans="2:14" x14ac:dyDescent="0.25">
      <c r="B2156">
        <f t="shared" si="250"/>
        <v>4</v>
      </c>
      <c r="C2156" s="16">
        <v>2122</v>
      </c>
      <c r="D2156" cm="1">
        <f t="array" ref="D2156">IFERROR(INDEX(Jesper!AH$2:AH$366,ROUNDDOWN($C2156/24,0)+1,1)*INDEX($D$3:$AA$30,INDEX(Jesper!$R$2:$R$366,ROW(INDEX(Jesper!AH$2:AH$366,ROUNDDOWN($C2156/24,0)+1,1))-1)+IF('Standard Profiles'!$G$18=$B$10,7,0)+IF('Standard Profiles'!$G$18=$B$17,14,0)+IF('Standard Profiles'!$G$18=$B$24,21,0),MOD($C2156,24)+1)/SUM(INDEX($D$3:$AA$30,INDEX(Jesper!$R$2:$R$366,ROW(INDEX(Jesper!AH$2:AH$366,ROUNDDOWN($C2156/24,0)+1,1))-1)+IF('Standard Profiles'!$G$18=$B$10,7,0)+IF('Standard Profiles'!$G$18=$B$17,14,0)+IF('Standard Profiles'!$G$18=$B$24,21,0),0)),0)</f>
        <v>29.54220497369807</v>
      </c>
      <c r="E2156" cm="1">
        <f t="array" ref="E2156">IFERROR(INDEX(Jesper!AI$2:AI$366,ROUNDDOWN($C2156/24,0)+1,1)*INDEX($D$3:$AA$30,INDEX(Jesper!$R$2:$R$366,ROW(INDEX(Jesper!AI$2:AI$366,ROUNDDOWN($C2156/24,0)+1,1))-1)+IF('Standard Profiles'!$G$19=$B$10,7,0)+IF('Standard Profiles'!$G$19=$B$17,14,0)+IF('Standard Profiles'!$G$19=$B$24,21,0),MOD($C2156,24)+1)/SUM(INDEX($D$3:$AA$30,INDEX(Jesper!$R$2:$R$366,ROW(INDEX(Jesper!AI$2:AI$366,ROUNDDOWN($C2156/24,0)+1,1))-1)+IF('Standard Profiles'!$G$19=$B$10,7,0)+IF('Standard Profiles'!$G$19=$B$17,14,0)+IF('Standard Profiles'!$G$19=$B$24,21,0),0)),0)</f>
        <v>26.629337327874289</v>
      </c>
      <c r="F2156" cm="1">
        <f t="array" ref="F2156">IFERROR(INDEX(Jesper!AJ$2:AJ$366,ROUNDDOWN($C2156/24,0)+1,1)*INDEX($D$3:$AA$30,INDEX(Jesper!$R$2:$R$366,ROW(INDEX(Jesper!AJ$2:AJ$366,ROUNDDOWN($C2156/24,0)+1,1))-1)+IF('Standard Profiles'!$G$20=$B$10,7,0)+IF('Standard Profiles'!$G$20=$B$17,14,0)+IF('Standard Profiles'!$G$20=$B$24,21,0),MOD($C2156,24)+1)/SUM(INDEX($D$3:$AA$30,INDEX(Jesper!$R$2:$R$366,ROW(INDEX(Jesper!AJ$2:AJ$366,ROUNDDOWN($C2156/24,0)+1,1))-1)+IF('Standard Profiles'!$G$20=$B$10,7,0)+IF('Standard Profiles'!$G$20=$B$17,14,0)+IF('Standard Profiles'!$G$20=$B$24,21,0),0)),0)</f>
        <v>0</v>
      </c>
      <c r="G2156" cm="1">
        <f t="array" ref="G2156">IFERROR(INDEX(Jesper!AK$2:AK$366,ROUNDDOWN($C2156/24,0)+1,1)*INDEX($D$3:$AA$30,INDEX(Jesper!$R$2:$R$366,ROW(INDEX(Jesper!AK$2:AK$366,ROUNDDOWN($C2156/24,0)+1,1))-1)+IF('Standard Profiles'!$G$21=$B$10,7,0)+IF('Standard Profiles'!$G$21=$B$17,14,0)+IF('Standard Profiles'!$G$21=$B$24,21,0),MOD($C2156,24)+1)/SUM(INDEX($D$3:$AA$30,INDEX(Jesper!$R$2:$R$366,ROW(INDEX(Jesper!AK$2:AK$366,ROUNDDOWN($C2156/24,0)+1,1))-1)+IF('Standard Profiles'!$G$21=$B$10,7,0)+IF('Standard Profiles'!$G$21=$B$17,14,0)+IF('Standard Profiles'!$G$21=$B$24,21,0),0)),0)</f>
        <v>13.650397807836161</v>
      </c>
      <c r="H2156" cm="1">
        <f t="array" ref="H2156">IFERROR(INDEX(Jesper!AL$2:AL$366,ROUNDDOWN($C2156/24,0)+1,1)*INDEX($D$3:$AA$30,INDEX(Jesper!$R$2:$R$366,ROW(INDEX(Jesper!AL$2:AL$366,ROUNDDOWN($C2156/24,0)+1,1))-1)+IF('Standard Profiles'!$G$22=$B$10,7,0)+IF('Standard Profiles'!$G$22=$B$17,14,0)+IF('Standard Profiles'!$G$22=$B$24,21,0),MOD($C2156,24)+1)/SUM(INDEX($D$3:$AA$30,INDEX(Jesper!$R$2:$R$366,ROW(INDEX(Jesper!AL$2:AL$366,ROUNDDOWN($C2156/24,0)+1,1))-1)+IF('Standard Profiles'!$G$22=$B$10,7,0)+IF('Standard Profiles'!$G$22=$B$17,14,0)+IF('Standard Profiles'!$G$22=$B$24,21,0),0)),0)</f>
        <v>0</v>
      </c>
      <c r="I2156">
        <f t="shared" si="251"/>
        <v>6.5521909477613534</v>
      </c>
      <c r="J2156">
        <f t="shared" si="252"/>
        <v>58.542996365855473</v>
      </c>
      <c r="K2156">
        <f t="shared" si="253"/>
        <v>3.1511685305277943</v>
      </c>
      <c r="L2156">
        <f t="shared" si="254"/>
        <v>1.5755842652638972</v>
      </c>
      <c r="M2156">
        <f t="shared" si="255"/>
        <v>0</v>
      </c>
      <c r="N2156" s="45">
        <f t="shared" si="256"/>
        <v>45015.41666666152</v>
      </c>
    </row>
    <row r="2157" spans="2:14" x14ac:dyDescent="0.25">
      <c r="B2157">
        <f t="shared" si="250"/>
        <v>4</v>
      </c>
      <c r="C2157" s="16">
        <v>2123</v>
      </c>
      <c r="D2157" cm="1">
        <f t="array" ref="D2157">IFERROR(INDEX(Jesper!AH$2:AH$366,ROUNDDOWN($C2157/24,0)+1,1)*INDEX($D$3:$AA$30,INDEX(Jesper!$R$2:$R$366,ROW(INDEX(Jesper!AH$2:AH$366,ROUNDDOWN($C2157/24,0)+1,1))-1)+IF('Standard Profiles'!$G$18=$B$10,7,0)+IF('Standard Profiles'!$G$18=$B$17,14,0)+IF('Standard Profiles'!$G$18=$B$24,21,0),MOD($C2157,24)+1)/SUM(INDEX($D$3:$AA$30,INDEX(Jesper!$R$2:$R$366,ROW(INDEX(Jesper!AH$2:AH$366,ROUNDDOWN($C2157/24,0)+1,1))-1)+IF('Standard Profiles'!$G$18=$B$10,7,0)+IF('Standard Profiles'!$G$18=$B$17,14,0)+IF('Standard Profiles'!$G$18=$B$24,21,0),0)),0)</f>
        <v>35.349646977074613</v>
      </c>
      <c r="E2157" cm="1">
        <f t="array" ref="E2157">IFERROR(INDEX(Jesper!AI$2:AI$366,ROUNDDOWN($C2157/24,0)+1,1)*INDEX($D$3:$AA$30,INDEX(Jesper!$R$2:$R$366,ROW(INDEX(Jesper!AI$2:AI$366,ROUNDDOWN($C2157/24,0)+1,1))-1)+IF('Standard Profiles'!$G$19=$B$10,7,0)+IF('Standard Profiles'!$G$19=$B$17,14,0)+IF('Standard Profiles'!$G$19=$B$24,21,0),MOD($C2157,24)+1)/SUM(INDEX($D$3:$AA$30,INDEX(Jesper!$R$2:$R$366,ROW(INDEX(Jesper!AI$2:AI$366,ROUNDDOWN($C2157/24,0)+1,1))-1)+IF('Standard Profiles'!$G$19=$B$10,7,0)+IF('Standard Profiles'!$G$19=$B$17,14,0)+IF('Standard Profiles'!$G$19=$B$24,21,0),0)),0)</f>
        <v>31.864164323952135</v>
      </c>
      <c r="F2157" cm="1">
        <f t="array" ref="F2157">IFERROR(INDEX(Jesper!AJ$2:AJ$366,ROUNDDOWN($C2157/24,0)+1,1)*INDEX($D$3:$AA$30,INDEX(Jesper!$R$2:$R$366,ROW(INDEX(Jesper!AJ$2:AJ$366,ROUNDDOWN($C2157/24,0)+1,1))-1)+IF('Standard Profiles'!$G$20=$B$10,7,0)+IF('Standard Profiles'!$G$20=$B$17,14,0)+IF('Standard Profiles'!$G$20=$B$24,21,0),MOD($C2157,24)+1)/SUM(INDEX($D$3:$AA$30,INDEX(Jesper!$R$2:$R$366,ROW(INDEX(Jesper!AJ$2:AJ$366,ROUNDDOWN($C2157/24,0)+1,1))-1)+IF('Standard Profiles'!$G$20=$B$10,7,0)+IF('Standard Profiles'!$G$20=$B$17,14,0)+IF('Standard Profiles'!$G$20=$B$24,21,0),0)),0)</f>
        <v>0</v>
      </c>
      <c r="G2157" cm="1">
        <f t="array" ref="G2157">IFERROR(INDEX(Jesper!AK$2:AK$366,ROUNDDOWN($C2157/24,0)+1,1)*INDEX($D$3:$AA$30,INDEX(Jesper!$R$2:$R$366,ROW(INDEX(Jesper!AK$2:AK$366,ROUNDDOWN($C2157/24,0)+1,1))-1)+IF('Standard Profiles'!$G$21=$B$10,7,0)+IF('Standard Profiles'!$G$21=$B$17,14,0)+IF('Standard Profiles'!$G$21=$B$24,21,0),MOD($C2157,24)+1)/SUM(INDEX($D$3:$AA$30,INDEX(Jesper!$R$2:$R$366,ROW(INDEX(Jesper!AK$2:AK$366,ROUNDDOWN($C2157/24,0)+1,1))-1)+IF('Standard Profiles'!$G$21=$B$10,7,0)+IF('Standard Profiles'!$G$21=$B$17,14,0)+IF('Standard Profiles'!$G$21=$B$24,21,0),0)),0)</f>
        <v>16.333809342709934</v>
      </c>
      <c r="H2157" cm="1">
        <f t="array" ref="H2157">IFERROR(INDEX(Jesper!AL$2:AL$366,ROUNDDOWN($C2157/24,0)+1,1)*INDEX($D$3:$AA$30,INDEX(Jesper!$R$2:$R$366,ROW(INDEX(Jesper!AL$2:AL$366,ROUNDDOWN($C2157/24,0)+1,1))-1)+IF('Standard Profiles'!$G$22=$B$10,7,0)+IF('Standard Profiles'!$G$22=$B$17,14,0)+IF('Standard Profiles'!$G$22=$B$24,21,0),MOD($C2157,24)+1)/SUM(INDEX($D$3:$AA$30,INDEX(Jesper!$R$2:$R$366,ROW(INDEX(Jesper!AL$2:AL$366,ROUNDDOWN($C2157/24,0)+1,1))-1)+IF('Standard Profiles'!$G$22=$B$10,7,0)+IF('Standard Profiles'!$G$22=$B$17,14,0)+IF('Standard Profiles'!$G$22=$B$24,21,0),0)),0)</f>
        <v>0</v>
      </c>
      <c r="I2157">
        <f t="shared" si="251"/>
        <v>7.8402284845007646</v>
      </c>
      <c r="J2157">
        <f t="shared" si="252"/>
        <v>70.051448642903978</v>
      </c>
      <c r="K2157">
        <f t="shared" si="253"/>
        <v>3.770629010887959</v>
      </c>
      <c r="L2157">
        <f t="shared" si="254"/>
        <v>1.8853145054439795</v>
      </c>
      <c r="M2157">
        <f t="shared" si="255"/>
        <v>0</v>
      </c>
      <c r="N2157" s="45">
        <f t="shared" si="256"/>
        <v>45015.458333328184</v>
      </c>
    </row>
    <row r="2158" spans="2:14" x14ac:dyDescent="0.25">
      <c r="B2158">
        <f t="shared" si="250"/>
        <v>4</v>
      </c>
      <c r="C2158" s="16">
        <v>2124</v>
      </c>
      <c r="D2158" cm="1">
        <f t="array" ref="D2158">IFERROR(INDEX(Jesper!AH$2:AH$366,ROUNDDOWN($C2158/24,0)+1,1)*INDEX($D$3:$AA$30,INDEX(Jesper!$R$2:$R$366,ROW(INDEX(Jesper!AH$2:AH$366,ROUNDDOWN($C2158/24,0)+1,1))-1)+IF('Standard Profiles'!$G$18=$B$10,7,0)+IF('Standard Profiles'!$G$18=$B$17,14,0)+IF('Standard Profiles'!$G$18=$B$24,21,0),MOD($C2158,24)+1)/SUM(INDEX($D$3:$AA$30,INDEX(Jesper!$R$2:$R$366,ROW(INDEX(Jesper!AH$2:AH$366,ROUNDDOWN($C2158/24,0)+1,1))-1)+IF('Standard Profiles'!$G$18=$B$10,7,0)+IF('Standard Profiles'!$G$18=$B$17,14,0)+IF('Standard Profiles'!$G$18=$B$24,21,0),0)),0)</f>
        <v>35.349646977074613</v>
      </c>
      <c r="E2158" cm="1">
        <f t="array" ref="E2158">IFERROR(INDEX(Jesper!AI$2:AI$366,ROUNDDOWN($C2158/24,0)+1,1)*INDEX($D$3:$AA$30,INDEX(Jesper!$R$2:$R$366,ROW(INDEX(Jesper!AI$2:AI$366,ROUNDDOWN($C2158/24,0)+1,1))-1)+IF('Standard Profiles'!$G$19=$B$10,7,0)+IF('Standard Profiles'!$G$19=$B$17,14,0)+IF('Standard Profiles'!$G$19=$B$24,21,0),MOD($C2158,24)+1)/SUM(INDEX($D$3:$AA$30,INDEX(Jesper!$R$2:$R$366,ROW(INDEX(Jesper!AI$2:AI$366,ROUNDDOWN($C2158/24,0)+1,1))-1)+IF('Standard Profiles'!$G$19=$B$10,7,0)+IF('Standard Profiles'!$G$19=$B$17,14,0)+IF('Standard Profiles'!$G$19=$B$24,21,0),0)),0)</f>
        <v>31.864164323952135</v>
      </c>
      <c r="F2158" cm="1">
        <f t="array" ref="F2158">IFERROR(INDEX(Jesper!AJ$2:AJ$366,ROUNDDOWN($C2158/24,0)+1,1)*INDEX($D$3:$AA$30,INDEX(Jesper!$R$2:$R$366,ROW(INDEX(Jesper!AJ$2:AJ$366,ROUNDDOWN($C2158/24,0)+1,1))-1)+IF('Standard Profiles'!$G$20=$B$10,7,0)+IF('Standard Profiles'!$G$20=$B$17,14,0)+IF('Standard Profiles'!$G$20=$B$24,21,0),MOD($C2158,24)+1)/SUM(INDEX($D$3:$AA$30,INDEX(Jesper!$R$2:$R$366,ROW(INDEX(Jesper!AJ$2:AJ$366,ROUNDDOWN($C2158/24,0)+1,1))-1)+IF('Standard Profiles'!$G$20=$B$10,7,0)+IF('Standard Profiles'!$G$20=$B$17,14,0)+IF('Standard Profiles'!$G$20=$B$24,21,0),0)),0)</f>
        <v>0</v>
      </c>
      <c r="G2158" cm="1">
        <f t="array" ref="G2158">IFERROR(INDEX(Jesper!AK$2:AK$366,ROUNDDOWN($C2158/24,0)+1,1)*INDEX($D$3:$AA$30,INDEX(Jesper!$R$2:$R$366,ROW(INDEX(Jesper!AK$2:AK$366,ROUNDDOWN($C2158/24,0)+1,1))-1)+IF('Standard Profiles'!$G$21=$B$10,7,0)+IF('Standard Profiles'!$G$21=$B$17,14,0)+IF('Standard Profiles'!$G$21=$B$24,21,0),MOD($C2158,24)+1)/SUM(INDEX($D$3:$AA$30,INDEX(Jesper!$R$2:$R$366,ROW(INDEX(Jesper!AK$2:AK$366,ROUNDDOWN($C2158/24,0)+1,1))-1)+IF('Standard Profiles'!$G$21=$B$10,7,0)+IF('Standard Profiles'!$G$21=$B$17,14,0)+IF('Standard Profiles'!$G$21=$B$24,21,0),0)),0)</f>
        <v>16.333809342709934</v>
      </c>
      <c r="H2158" cm="1">
        <f t="array" ref="H2158">IFERROR(INDEX(Jesper!AL$2:AL$366,ROUNDDOWN($C2158/24,0)+1,1)*INDEX($D$3:$AA$30,INDEX(Jesper!$R$2:$R$366,ROW(INDEX(Jesper!AL$2:AL$366,ROUNDDOWN($C2158/24,0)+1,1))-1)+IF('Standard Profiles'!$G$22=$B$10,7,0)+IF('Standard Profiles'!$G$22=$B$17,14,0)+IF('Standard Profiles'!$G$22=$B$24,21,0),MOD($C2158,24)+1)/SUM(INDEX($D$3:$AA$30,INDEX(Jesper!$R$2:$R$366,ROW(INDEX(Jesper!AL$2:AL$366,ROUNDDOWN($C2158/24,0)+1,1))-1)+IF('Standard Profiles'!$G$22=$B$10,7,0)+IF('Standard Profiles'!$G$22=$B$17,14,0)+IF('Standard Profiles'!$G$22=$B$24,21,0),0)),0)</f>
        <v>0</v>
      </c>
      <c r="I2158">
        <f t="shared" si="251"/>
        <v>7.8402284845007646</v>
      </c>
      <c r="J2158">
        <f t="shared" si="252"/>
        <v>70.051448642903978</v>
      </c>
      <c r="K2158">
        <f t="shared" si="253"/>
        <v>3.770629010887959</v>
      </c>
      <c r="L2158">
        <f t="shared" si="254"/>
        <v>1.8853145054439795</v>
      </c>
      <c r="M2158">
        <f t="shared" si="255"/>
        <v>0</v>
      </c>
      <c r="N2158" s="45">
        <f t="shared" si="256"/>
        <v>45015.499999994849</v>
      </c>
    </row>
    <row r="2159" spans="2:14" x14ac:dyDescent="0.25">
      <c r="B2159">
        <f t="shared" si="250"/>
        <v>4</v>
      </c>
      <c r="C2159" s="16">
        <v>2125</v>
      </c>
      <c r="D2159" cm="1">
        <f t="array" ref="D2159">IFERROR(INDEX(Jesper!AH$2:AH$366,ROUNDDOWN($C2159/24,0)+1,1)*INDEX($D$3:$AA$30,INDEX(Jesper!$R$2:$R$366,ROW(INDEX(Jesper!AH$2:AH$366,ROUNDDOWN($C2159/24,0)+1,1))-1)+IF('Standard Profiles'!$G$18=$B$10,7,0)+IF('Standard Profiles'!$G$18=$B$17,14,0)+IF('Standard Profiles'!$G$18=$B$24,21,0),MOD($C2159,24)+1)/SUM(INDEX($D$3:$AA$30,INDEX(Jesper!$R$2:$R$366,ROW(INDEX(Jesper!AH$2:AH$366,ROUNDDOWN($C2159/24,0)+1,1))-1)+IF('Standard Profiles'!$G$18=$B$10,7,0)+IF('Standard Profiles'!$G$18=$B$17,14,0)+IF('Standard Profiles'!$G$18=$B$24,21,0),0)),0)</f>
        <v>23.48226549191385</v>
      </c>
      <c r="E2159" cm="1">
        <f t="array" ref="E2159">IFERROR(INDEX(Jesper!AI$2:AI$366,ROUNDDOWN($C2159/24,0)+1,1)*INDEX($D$3:$AA$30,INDEX(Jesper!$R$2:$R$366,ROW(INDEX(Jesper!AI$2:AI$366,ROUNDDOWN($C2159/24,0)+1,1))-1)+IF('Standard Profiles'!$G$19=$B$10,7,0)+IF('Standard Profiles'!$G$19=$B$17,14,0)+IF('Standard Profiles'!$G$19=$B$24,21,0),MOD($C2159,24)+1)/SUM(INDEX($D$3:$AA$30,INDEX(Jesper!$R$2:$R$366,ROW(INDEX(Jesper!AI$2:AI$366,ROUNDDOWN($C2159/24,0)+1,1))-1)+IF('Standard Profiles'!$G$19=$B$10,7,0)+IF('Standard Profiles'!$G$19=$B$17,14,0)+IF('Standard Profiles'!$G$19=$B$24,21,0),0)),0)</f>
        <v>21.166909158053919</v>
      </c>
      <c r="F2159" cm="1">
        <f t="array" ref="F2159">IFERROR(INDEX(Jesper!AJ$2:AJ$366,ROUNDDOWN($C2159/24,0)+1,1)*INDEX($D$3:$AA$30,INDEX(Jesper!$R$2:$R$366,ROW(INDEX(Jesper!AJ$2:AJ$366,ROUNDDOWN($C2159/24,0)+1,1))-1)+IF('Standard Profiles'!$G$20=$B$10,7,0)+IF('Standard Profiles'!$G$20=$B$17,14,0)+IF('Standard Profiles'!$G$20=$B$24,21,0),MOD($C2159,24)+1)/SUM(INDEX($D$3:$AA$30,INDEX(Jesper!$R$2:$R$366,ROW(INDEX(Jesper!AJ$2:AJ$366,ROUNDDOWN($C2159/24,0)+1,1))-1)+IF('Standard Profiles'!$G$20=$B$10,7,0)+IF('Standard Profiles'!$G$20=$B$17,14,0)+IF('Standard Profiles'!$G$20=$B$24,21,0),0)),0)</f>
        <v>0</v>
      </c>
      <c r="G2159" cm="1">
        <f t="array" ref="G2159">IFERROR(INDEX(Jesper!AK$2:AK$366,ROUNDDOWN($C2159/24,0)+1,1)*INDEX($D$3:$AA$30,INDEX(Jesper!$R$2:$R$366,ROW(INDEX(Jesper!AK$2:AK$366,ROUNDDOWN($C2159/24,0)+1,1))-1)+IF('Standard Profiles'!$G$21=$B$10,7,0)+IF('Standard Profiles'!$G$21=$B$17,14,0)+IF('Standard Profiles'!$G$21=$B$24,21,0),MOD($C2159,24)+1)/SUM(INDEX($D$3:$AA$30,INDEX(Jesper!$R$2:$R$366,ROW(INDEX(Jesper!AK$2:AK$366,ROUNDDOWN($C2159/24,0)+1,1))-1)+IF('Standard Profiles'!$G$21=$B$10,7,0)+IF('Standard Profiles'!$G$21=$B$17,14,0)+IF('Standard Profiles'!$G$21=$B$24,21,0),0)),0)</f>
        <v>10.850316206228742</v>
      </c>
      <c r="H2159" cm="1">
        <f t="array" ref="H2159">IFERROR(INDEX(Jesper!AL$2:AL$366,ROUNDDOWN($C2159/24,0)+1,1)*INDEX($D$3:$AA$30,INDEX(Jesper!$R$2:$R$366,ROW(INDEX(Jesper!AL$2:AL$366,ROUNDDOWN($C2159/24,0)+1,1))-1)+IF('Standard Profiles'!$G$22=$B$10,7,0)+IF('Standard Profiles'!$G$22=$B$17,14,0)+IF('Standard Profiles'!$G$22=$B$24,21,0),MOD($C2159,24)+1)/SUM(INDEX($D$3:$AA$30,INDEX(Jesper!$R$2:$R$366,ROW(INDEX(Jesper!AL$2:AL$366,ROUNDDOWN($C2159/24,0)+1,1))-1)+IF('Standard Profiles'!$G$22=$B$10,7,0)+IF('Standard Profiles'!$G$22=$B$17,14,0)+IF('Standard Profiles'!$G$22=$B$24,21,0),0)),0)</f>
        <v>0</v>
      </c>
      <c r="I2159">
        <f t="shared" si="251"/>
        <v>5.2081517789897935</v>
      </c>
      <c r="J2159">
        <f t="shared" si="252"/>
        <v>46.534176598500501</v>
      </c>
      <c r="K2159">
        <f t="shared" si="253"/>
        <v>2.5047749858041444</v>
      </c>
      <c r="L2159">
        <f t="shared" si="254"/>
        <v>1.2523874929020722</v>
      </c>
      <c r="M2159">
        <f t="shared" si="255"/>
        <v>0</v>
      </c>
      <c r="N2159" s="45">
        <f t="shared" si="256"/>
        <v>45015.541666661513</v>
      </c>
    </row>
    <row r="2160" spans="2:14" x14ac:dyDescent="0.25">
      <c r="B2160">
        <f t="shared" si="250"/>
        <v>4</v>
      </c>
      <c r="C2160" s="16">
        <v>2126</v>
      </c>
      <c r="D2160" cm="1">
        <f t="array" ref="D2160">IFERROR(INDEX(Jesper!AH$2:AH$366,ROUNDDOWN($C2160/24,0)+1,1)*INDEX($D$3:$AA$30,INDEX(Jesper!$R$2:$R$366,ROW(INDEX(Jesper!AH$2:AH$366,ROUNDDOWN($C2160/24,0)+1,1))-1)+IF('Standard Profiles'!$G$18=$B$10,7,0)+IF('Standard Profiles'!$G$18=$B$17,14,0)+IF('Standard Profiles'!$G$18=$B$24,21,0),MOD($C2160,24)+1)/SUM(INDEX($D$3:$AA$30,INDEX(Jesper!$R$2:$R$366,ROW(INDEX(Jesper!AH$2:AH$366,ROUNDDOWN($C2160/24,0)+1,1))-1)+IF('Standard Profiles'!$G$18=$B$10,7,0)+IF('Standard Profiles'!$G$18=$B$17,14,0)+IF('Standard Profiles'!$G$18=$B$24,21,0),0)),0)</f>
        <v>35.349646977074613</v>
      </c>
      <c r="E2160" cm="1">
        <f t="array" ref="E2160">IFERROR(INDEX(Jesper!AI$2:AI$366,ROUNDDOWN($C2160/24,0)+1,1)*INDEX($D$3:$AA$30,INDEX(Jesper!$R$2:$R$366,ROW(INDEX(Jesper!AI$2:AI$366,ROUNDDOWN($C2160/24,0)+1,1))-1)+IF('Standard Profiles'!$G$19=$B$10,7,0)+IF('Standard Profiles'!$G$19=$B$17,14,0)+IF('Standard Profiles'!$G$19=$B$24,21,0),MOD($C2160,24)+1)/SUM(INDEX($D$3:$AA$30,INDEX(Jesper!$R$2:$R$366,ROW(INDEX(Jesper!AI$2:AI$366,ROUNDDOWN($C2160/24,0)+1,1))-1)+IF('Standard Profiles'!$G$19=$B$10,7,0)+IF('Standard Profiles'!$G$19=$B$17,14,0)+IF('Standard Profiles'!$G$19=$B$24,21,0),0)),0)</f>
        <v>31.864164323952135</v>
      </c>
      <c r="F2160" cm="1">
        <f t="array" ref="F2160">IFERROR(INDEX(Jesper!AJ$2:AJ$366,ROUNDDOWN($C2160/24,0)+1,1)*INDEX($D$3:$AA$30,INDEX(Jesper!$R$2:$R$366,ROW(INDEX(Jesper!AJ$2:AJ$366,ROUNDDOWN($C2160/24,0)+1,1))-1)+IF('Standard Profiles'!$G$20=$B$10,7,0)+IF('Standard Profiles'!$G$20=$B$17,14,0)+IF('Standard Profiles'!$G$20=$B$24,21,0),MOD($C2160,24)+1)/SUM(INDEX($D$3:$AA$30,INDEX(Jesper!$R$2:$R$366,ROW(INDEX(Jesper!AJ$2:AJ$366,ROUNDDOWN($C2160/24,0)+1,1))-1)+IF('Standard Profiles'!$G$20=$B$10,7,0)+IF('Standard Profiles'!$G$20=$B$17,14,0)+IF('Standard Profiles'!$G$20=$B$24,21,0),0)),0)</f>
        <v>0</v>
      </c>
      <c r="G2160" cm="1">
        <f t="array" ref="G2160">IFERROR(INDEX(Jesper!AK$2:AK$366,ROUNDDOWN($C2160/24,0)+1,1)*INDEX($D$3:$AA$30,INDEX(Jesper!$R$2:$R$366,ROW(INDEX(Jesper!AK$2:AK$366,ROUNDDOWN($C2160/24,0)+1,1))-1)+IF('Standard Profiles'!$G$21=$B$10,7,0)+IF('Standard Profiles'!$G$21=$B$17,14,0)+IF('Standard Profiles'!$G$21=$B$24,21,0),MOD($C2160,24)+1)/SUM(INDEX($D$3:$AA$30,INDEX(Jesper!$R$2:$R$366,ROW(INDEX(Jesper!AK$2:AK$366,ROUNDDOWN($C2160/24,0)+1,1))-1)+IF('Standard Profiles'!$G$21=$B$10,7,0)+IF('Standard Profiles'!$G$21=$B$17,14,0)+IF('Standard Profiles'!$G$21=$B$24,21,0),0)),0)</f>
        <v>16.333809342709934</v>
      </c>
      <c r="H2160" cm="1">
        <f t="array" ref="H2160">IFERROR(INDEX(Jesper!AL$2:AL$366,ROUNDDOWN($C2160/24,0)+1,1)*INDEX($D$3:$AA$30,INDEX(Jesper!$R$2:$R$366,ROW(INDEX(Jesper!AL$2:AL$366,ROUNDDOWN($C2160/24,0)+1,1))-1)+IF('Standard Profiles'!$G$22=$B$10,7,0)+IF('Standard Profiles'!$G$22=$B$17,14,0)+IF('Standard Profiles'!$G$22=$B$24,21,0),MOD($C2160,24)+1)/SUM(INDEX($D$3:$AA$30,INDEX(Jesper!$R$2:$R$366,ROW(INDEX(Jesper!AL$2:AL$366,ROUNDDOWN($C2160/24,0)+1,1))-1)+IF('Standard Profiles'!$G$22=$B$10,7,0)+IF('Standard Profiles'!$G$22=$B$17,14,0)+IF('Standard Profiles'!$G$22=$B$24,21,0),0)),0)</f>
        <v>0</v>
      </c>
      <c r="I2160">
        <f t="shared" si="251"/>
        <v>7.8402284845007646</v>
      </c>
      <c r="J2160">
        <f t="shared" si="252"/>
        <v>70.051448642903978</v>
      </c>
      <c r="K2160">
        <f t="shared" si="253"/>
        <v>3.770629010887959</v>
      </c>
      <c r="L2160">
        <f t="shared" si="254"/>
        <v>1.8853145054439795</v>
      </c>
      <c r="M2160">
        <f t="shared" si="255"/>
        <v>0</v>
      </c>
      <c r="N2160" s="45">
        <f t="shared" si="256"/>
        <v>45015.583333328177</v>
      </c>
    </row>
    <row r="2161" spans="2:14" x14ac:dyDescent="0.25">
      <c r="B2161">
        <f t="shared" si="250"/>
        <v>4</v>
      </c>
      <c r="C2161" s="16">
        <v>2127</v>
      </c>
      <c r="D2161" cm="1">
        <f t="array" ref="D2161">IFERROR(INDEX(Jesper!AH$2:AH$366,ROUNDDOWN($C2161/24,0)+1,1)*INDEX($D$3:$AA$30,INDEX(Jesper!$R$2:$R$366,ROW(INDEX(Jesper!AH$2:AH$366,ROUNDDOWN($C2161/24,0)+1,1))-1)+IF('Standard Profiles'!$G$18=$B$10,7,0)+IF('Standard Profiles'!$G$18=$B$17,14,0)+IF('Standard Profiles'!$G$18=$B$24,21,0),MOD($C2161,24)+1)/SUM(INDEX($D$3:$AA$30,INDEX(Jesper!$R$2:$R$366,ROW(INDEX(Jesper!AH$2:AH$366,ROUNDDOWN($C2161/24,0)+1,1))-1)+IF('Standard Profiles'!$G$18=$B$10,7,0)+IF('Standard Profiles'!$G$18=$B$17,14,0)+IF('Standard Profiles'!$G$18=$B$24,21,0),0)),0)</f>
        <v>35.349646977074613</v>
      </c>
      <c r="E2161" cm="1">
        <f t="array" ref="E2161">IFERROR(INDEX(Jesper!AI$2:AI$366,ROUNDDOWN($C2161/24,0)+1,1)*INDEX($D$3:$AA$30,INDEX(Jesper!$R$2:$R$366,ROW(INDEX(Jesper!AI$2:AI$366,ROUNDDOWN($C2161/24,0)+1,1))-1)+IF('Standard Profiles'!$G$19=$B$10,7,0)+IF('Standard Profiles'!$G$19=$B$17,14,0)+IF('Standard Profiles'!$G$19=$B$24,21,0),MOD($C2161,24)+1)/SUM(INDEX($D$3:$AA$30,INDEX(Jesper!$R$2:$R$366,ROW(INDEX(Jesper!AI$2:AI$366,ROUNDDOWN($C2161/24,0)+1,1))-1)+IF('Standard Profiles'!$G$19=$B$10,7,0)+IF('Standard Profiles'!$G$19=$B$17,14,0)+IF('Standard Profiles'!$G$19=$B$24,21,0),0)),0)</f>
        <v>31.864164323952135</v>
      </c>
      <c r="F2161" cm="1">
        <f t="array" ref="F2161">IFERROR(INDEX(Jesper!AJ$2:AJ$366,ROUNDDOWN($C2161/24,0)+1,1)*INDEX($D$3:$AA$30,INDEX(Jesper!$R$2:$R$366,ROW(INDEX(Jesper!AJ$2:AJ$366,ROUNDDOWN($C2161/24,0)+1,1))-1)+IF('Standard Profiles'!$G$20=$B$10,7,0)+IF('Standard Profiles'!$G$20=$B$17,14,0)+IF('Standard Profiles'!$G$20=$B$24,21,0),MOD($C2161,24)+1)/SUM(INDEX($D$3:$AA$30,INDEX(Jesper!$R$2:$R$366,ROW(INDEX(Jesper!AJ$2:AJ$366,ROUNDDOWN($C2161/24,0)+1,1))-1)+IF('Standard Profiles'!$G$20=$B$10,7,0)+IF('Standard Profiles'!$G$20=$B$17,14,0)+IF('Standard Profiles'!$G$20=$B$24,21,0),0)),0)</f>
        <v>0</v>
      </c>
      <c r="G2161" cm="1">
        <f t="array" ref="G2161">IFERROR(INDEX(Jesper!AK$2:AK$366,ROUNDDOWN($C2161/24,0)+1,1)*INDEX($D$3:$AA$30,INDEX(Jesper!$R$2:$R$366,ROW(INDEX(Jesper!AK$2:AK$366,ROUNDDOWN($C2161/24,0)+1,1))-1)+IF('Standard Profiles'!$G$21=$B$10,7,0)+IF('Standard Profiles'!$G$21=$B$17,14,0)+IF('Standard Profiles'!$G$21=$B$24,21,0),MOD($C2161,24)+1)/SUM(INDEX($D$3:$AA$30,INDEX(Jesper!$R$2:$R$366,ROW(INDEX(Jesper!AK$2:AK$366,ROUNDDOWN($C2161/24,0)+1,1))-1)+IF('Standard Profiles'!$G$21=$B$10,7,0)+IF('Standard Profiles'!$G$21=$B$17,14,0)+IF('Standard Profiles'!$G$21=$B$24,21,0),0)),0)</f>
        <v>16.333809342709934</v>
      </c>
      <c r="H2161" cm="1">
        <f t="array" ref="H2161">IFERROR(INDEX(Jesper!AL$2:AL$366,ROUNDDOWN($C2161/24,0)+1,1)*INDEX($D$3:$AA$30,INDEX(Jesper!$R$2:$R$366,ROW(INDEX(Jesper!AL$2:AL$366,ROUNDDOWN($C2161/24,0)+1,1))-1)+IF('Standard Profiles'!$G$22=$B$10,7,0)+IF('Standard Profiles'!$G$22=$B$17,14,0)+IF('Standard Profiles'!$G$22=$B$24,21,0),MOD($C2161,24)+1)/SUM(INDEX($D$3:$AA$30,INDEX(Jesper!$R$2:$R$366,ROW(INDEX(Jesper!AL$2:AL$366,ROUNDDOWN($C2161/24,0)+1,1))-1)+IF('Standard Profiles'!$G$22=$B$10,7,0)+IF('Standard Profiles'!$G$22=$B$17,14,0)+IF('Standard Profiles'!$G$22=$B$24,21,0),0)),0)</f>
        <v>0</v>
      </c>
      <c r="I2161">
        <f t="shared" si="251"/>
        <v>7.8402284845007646</v>
      </c>
      <c r="J2161">
        <f t="shared" si="252"/>
        <v>70.051448642903978</v>
      </c>
      <c r="K2161">
        <f t="shared" si="253"/>
        <v>3.770629010887959</v>
      </c>
      <c r="L2161">
        <f t="shared" si="254"/>
        <v>1.8853145054439795</v>
      </c>
      <c r="M2161">
        <f t="shared" si="255"/>
        <v>0</v>
      </c>
      <c r="N2161" s="45">
        <f t="shared" si="256"/>
        <v>45015.624999994841</v>
      </c>
    </row>
    <row r="2162" spans="2:14" x14ac:dyDescent="0.25">
      <c r="B2162">
        <f t="shared" si="250"/>
        <v>4</v>
      </c>
      <c r="C2162" s="16">
        <v>2128</v>
      </c>
      <c r="D2162" cm="1">
        <f t="array" ref="D2162">IFERROR(INDEX(Jesper!AH$2:AH$366,ROUNDDOWN($C2162/24,0)+1,1)*INDEX($D$3:$AA$30,INDEX(Jesper!$R$2:$R$366,ROW(INDEX(Jesper!AH$2:AH$366,ROUNDDOWN($C2162/24,0)+1,1))-1)+IF('Standard Profiles'!$G$18=$B$10,7,0)+IF('Standard Profiles'!$G$18=$B$17,14,0)+IF('Standard Profiles'!$G$18=$B$24,21,0),MOD($C2162,24)+1)/SUM(INDEX($D$3:$AA$30,INDEX(Jesper!$R$2:$R$366,ROW(INDEX(Jesper!AH$2:AH$366,ROUNDDOWN($C2162/24,0)+1,1))-1)+IF('Standard Profiles'!$G$18=$B$10,7,0)+IF('Standard Profiles'!$G$18=$B$17,14,0)+IF('Standard Profiles'!$G$18=$B$24,21,0),0)),0)</f>
        <v>20.831041968633254</v>
      </c>
      <c r="E2162" cm="1">
        <f t="array" ref="E2162">IFERROR(INDEX(Jesper!AI$2:AI$366,ROUNDDOWN($C2162/24,0)+1,1)*INDEX($D$3:$AA$30,INDEX(Jesper!$R$2:$R$366,ROW(INDEX(Jesper!AI$2:AI$366,ROUNDDOWN($C2162/24,0)+1,1))-1)+IF('Standard Profiles'!$G$19=$B$10,7,0)+IF('Standard Profiles'!$G$19=$B$17,14,0)+IF('Standard Profiles'!$G$19=$B$24,21,0),MOD($C2162,24)+1)/SUM(INDEX($D$3:$AA$30,INDEX(Jesper!$R$2:$R$366,ROW(INDEX(Jesper!AI$2:AI$366,ROUNDDOWN($C2162/24,0)+1,1))-1)+IF('Standard Profiles'!$G$19=$B$10,7,0)+IF('Standard Profiles'!$G$19=$B$17,14,0)+IF('Standard Profiles'!$G$19=$B$24,21,0),0)),0)</f>
        <v>18.777096833757508</v>
      </c>
      <c r="F2162" cm="1">
        <f t="array" ref="F2162">IFERROR(INDEX(Jesper!AJ$2:AJ$366,ROUNDDOWN($C2162/24,0)+1,1)*INDEX($D$3:$AA$30,INDEX(Jesper!$R$2:$R$366,ROW(INDEX(Jesper!AJ$2:AJ$366,ROUNDDOWN($C2162/24,0)+1,1))-1)+IF('Standard Profiles'!$G$20=$B$10,7,0)+IF('Standard Profiles'!$G$20=$B$17,14,0)+IF('Standard Profiles'!$G$20=$B$24,21,0),MOD($C2162,24)+1)/SUM(INDEX($D$3:$AA$30,INDEX(Jesper!$R$2:$R$366,ROW(INDEX(Jesper!AJ$2:AJ$366,ROUNDDOWN($C2162/24,0)+1,1))-1)+IF('Standard Profiles'!$G$20=$B$10,7,0)+IF('Standard Profiles'!$G$20=$B$17,14,0)+IF('Standard Profiles'!$G$20=$B$24,21,0),0)),0)</f>
        <v>0</v>
      </c>
      <c r="G2162" cm="1">
        <f t="array" ref="G2162">IFERROR(INDEX(Jesper!AK$2:AK$366,ROUNDDOWN($C2162/24,0)+1,1)*INDEX($D$3:$AA$30,INDEX(Jesper!$R$2:$R$366,ROW(INDEX(Jesper!AK$2:AK$366,ROUNDDOWN($C2162/24,0)+1,1))-1)+IF('Standard Profiles'!$G$21=$B$10,7,0)+IF('Standard Profiles'!$G$21=$B$17,14,0)+IF('Standard Profiles'!$G$21=$B$24,21,0),MOD($C2162,24)+1)/SUM(INDEX($D$3:$AA$30,INDEX(Jesper!$R$2:$R$366,ROW(INDEX(Jesper!AK$2:AK$366,ROUNDDOWN($C2162/24,0)+1,1))-1)+IF('Standard Profiles'!$G$21=$B$10,7,0)+IF('Standard Profiles'!$G$21=$B$17,14,0)+IF('Standard Profiles'!$G$21=$B$24,21,0),0)),0)</f>
        <v>13.648386254961443</v>
      </c>
      <c r="H2162" cm="1">
        <f t="array" ref="H2162">IFERROR(INDEX(Jesper!AL$2:AL$366,ROUNDDOWN($C2162/24,0)+1,1)*INDEX($D$3:$AA$30,INDEX(Jesper!$R$2:$R$366,ROW(INDEX(Jesper!AL$2:AL$366,ROUNDDOWN($C2162/24,0)+1,1))-1)+IF('Standard Profiles'!$G$22=$B$10,7,0)+IF('Standard Profiles'!$G$22=$B$17,14,0)+IF('Standard Profiles'!$G$22=$B$24,21,0),MOD($C2162,24)+1)/SUM(INDEX($D$3:$AA$30,INDEX(Jesper!$R$2:$R$366,ROW(INDEX(Jesper!AL$2:AL$366,ROUNDDOWN($C2162/24,0)+1,1))-1)+IF('Standard Profiles'!$G$22=$B$10,7,0)+IF('Standard Profiles'!$G$22=$B$17,14,0)+IF('Standard Profiles'!$G$22=$B$24,21,0),0)),0)</f>
        <v>0</v>
      </c>
      <c r="I2162">
        <f t="shared" si="251"/>
        <v>6.5512254023814895</v>
      </c>
      <c r="J2162">
        <f t="shared" si="252"/>
        <v>43.372332939989398</v>
      </c>
      <c r="K2162">
        <f t="shared" si="253"/>
        <v>2.2219778099875471</v>
      </c>
      <c r="L2162">
        <f t="shared" si="254"/>
        <v>1.1109889049937736</v>
      </c>
      <c r="M2162">
        <f t="shared" si="255"/>
        <v>0</v>
      </c>
      <c r="N2162" s="45">
        <f t="shared" si="256"/>
        <v>45015.666666661506</v>
      </c>
    </row>
    <row r="2163" spans="2:14" x14ac:dyDescent="0.25">
      <c r="B2163">
        <f t="shared" si="250"/>
        <v>4</v>
      </c>
      <c r="C2163" s="16">
        <v>2129</v>
      </c>
      <c r="D2163" cm="1">
        <f t="array" ref="D2163">IFERROR(INDEX(Jesper!AH$2:AH$366,ROUNDDOWN($C2163/24,0)+1,1)*INDEX($D$3:$AA$30,INDEX(Jesper!$R$2:$R$366,ROW(INDEX(Jesper!AH$2:AH$366,ROUNDDOWN($C2163/24,0)+1,1))-1)+IF('Standard Profiles'!$G$18=$B$10,7,0)+IF('Standard Profiles'!$G$18=$B$17,14,0)+IF('Standard Profiles'!$G$18=$B$24,21,0),MOD($C2163,24)+1)/SUM(INDEX($D$3:$AA$30,INDEX(Jesper!$R$2:$R$366,ROW(INDEX(Jesper!AH$2:AH$366,ROUNDDOWN($C2163/24,0)+1,1))-1)+IF('Standard Profiles'!$G$18=$B$10,7,0)+IF('Standard Profiles'!$G$18=$B$17,14,0)+IF('Standard Profiles'!$G$18=$B$24,21,0),0)),0)</f>
        <v>8.8907562819604156</v>
      </c>
      <c r="E2163" cm="1">
        <f t="array" ref="E2163">IFERROR(INDEX(Jesper!AI$2:AI$366,ROUNDDOWN($C2163/24,0)+1,1)*INDEX($D$3:$AA$30,INDEX(Jesper!$R$2:$R$366,ROW(INDEX(Jesper!AI$2:AI$366,ROUNDDOWN($C2163/24,0)+1,1))-1)+IF('Standard Profiles'!$G$19=$B$10,7,0)+IF('Standard Profiles'!$G$19=$B$17,14,0)+IF('Standard Profiles'!$G$19=$B$24,21,0),MOD($C2163,24)+1)/SUM(INDEX($D$3:$AA$30,INDEX(Jesper!$R$2:$R$366,ROW(INDEX(Jesper!AI$2:AI$366,ROUNDDOWN($C2163/24,0)+1,1))-1)+IF('Standard Profiles'!$G$19=$B$10,7,0)+IF('Standard Profiles'!$G$19=$B$17,14,0)+IF('Standard Profiles'!$G$19=$B$24,21,0),0)),0)</f>
        <v>8.0141258360040588</v>
      </c>
      <c r="F2163" cm="1">
        <f t="array" ref="F2163">IFERROR(INDEX(Jesper!AJ$2:AJ$366,ROUNDDOWN($C2163/24,0)+1,1)*INDEX($D$3:$AA$30,INDEX(Jesper!$R$2:$R$366,ROW(INDEX(Jesper!AJ$2:AJ$366,ROUNDDOWN($C2163/24,0)+1,1))-1)+IF('Standard Profiles'!$G$20=$B$10,7,0)+IF('Standard Profiles'!$G$20=$B$17,14,0)+IF('Standard Profiles'!$G$20=$B$24,21,0),MOD($C2163,24)+1)/SUM(INDEX($D$3:$AA$30,INDEX(Jesper!$R$2:$R$366,ROW(INDEX(Jesper!AJ$2:AJ$366,ROUNDDOWN($C2163/24,0)+1,1))-1)+IF('Standard Profiles'!$G$20=$B$10,7,0)+IF('Standard Profiles'!$G$20=$B$17,14,0)+IF('Standard Profiles'!$G$20=$B$24,21,0),0)),0)</f>
        <v>0</v>
      </c>
      <c r="G2163" cm="1">
        <f t="array" ref="G2163">IFERROR(INDEX(Jesper!AK$2:AK$366,ROUNDDOWN($C2163/24,0)+1,1)*INDEX($D$3:$AA$30,INDEX(Jesper!$R$2:$R$366,ROW(INDEX(Jesper!AK$2:AK$366,ROUNDDOWN($C2163/24,0)+1,1))-1)+IF('Standard Profiles'!$G$21=$B$10,7,0)+IF('Standard Profiles'!$G$21=$B$17,14,0)+IF('Standard Profiles'!$G$21=$B$24,21,0),MOD($C2163,24)+1)/SUM(INDEX($D$3:$AA$30,INDEX(Jesper!$R$2:$R$366,ROW(INDEX(Jesper!AK$2:AK$366,ROUNDDOWN($C2163/24,0)+1,1))-1)+IF('Standard Profiles'!$G$21=$B$10,7,0)+IF('Standard Profiles'!$G$21=$B$17,14,0)+IF('Standard Profiles'!$G$21=$B$24,21,0),0)),0)</f>
        <v>10.85232775910346</v>
      </c>
      <c r="H2163" cm="1">
        <f t="array" ref="H2163">IFERROR(INDEX(Jesper!AL$2:AL$366,ROUNDDOWN($C2163/24,0)+1,1)*INDEX($D$3:$AA$30,INDEX(Jesper!$R$2:$R$366,ROW(INDEX(Jesper!AL$2:AL$366,ROUNDDOWN($C2163/24,0)+1,1))-1)+IF('Standard Profiles'!$G$22=$B$10,7,0)+IF('Standard Profiles'!$G$22=$B$17,14,0)+IF('Standard Profiles'!$G$22=$B$24,21,0),MOD($C2163,24)+1)/SUM(INDEX($D$3:$AA$30,INDEX(Jesper!$R$2:$R$366,ROW(INDEX(Jesper!AL$2:AL$366,ROUNDDOWN($C2163/24,0)+1,1))-1)+IF('Standard Profiles'!$G$22=$B$10,7,0)+IF('Standard Profiles'!$G$22=$B$17,14,0)+IF('Standard Profiles'!$G$22=$B$24,21,0),0)),0)</f>
        <v>0</v>
      </c>
      <c r="I2163">
        <f t="shared" si="251"/>
        <v>5.2091173243696582</v>
      </c>
      <c r="J2163">
        <f t="shared" si="252"/>
        <v>21.12557154758461</v>
      </c>
      <c r="K2163">
        <f t="shared" si="253"/>
        <v>0.94834733674244442</v>
      </c>
      <c r="L2163">
        <f t="shared" si="254"/>
        <v>0.47417366837122221</v>
      </c>
      <c r="M2163">
        <f t="shared" si="255"/>
        <v>0</v>
      </c>
      <c r="N2163" s="45">
        <f t="shared" si="256"/>
        <v>45015.70833332817</v>
      </c>
    </row>
    <row r="2164" spans="2:14" x14ac:dyDescent="0.25">
      <c r="B2164">
        <f t="shared" si="250"/>
        <v>4</v>
      </c>
      <c r="C2164" s="16">
        <v>2130</v>
      </c>
      <c r="D2164" cm="1">
        <f t="array" ref="D2164">IFERROR(INDEX(Jesper!AH$2:AH$366,ROUNDDOWN($C2164/24,0)+1,1)*INDEX($D$3:$AA$30,INDEX(Jesper!$R$2:$R$366,ROW(INDEX(Jesper!AH$2:AH$366,ROUNDDOWN($C2164/24,0)+1,1))-1)+IF('Standard Profiles'!$G$18=$B$10,7,0)+IF('Standard Profiles'!$G$18=$B$17,14,0)+IF('Standard Profiles'!$G$18=$B$24,21,0),MOD($C2164,24)+1)/SUM(INDEX($D$3:$AA$30,INDEX(Jesper!$R$2:$R$366,ROW(INDEX(Jesper!AH$2:AH$366,ROUNDDOWN($C2164/24,0)+1,1))-1)+IF('Standard Profiles'!$G$18=$B$10,7,0)+IF('Standard Profiles'!$G$18=$B$17,14,0)+IF('Standard Profiles'!$G$18=$B$24,21,0),0)),0)</f>
        <v>5.8678991460938752</v>
      </c>
      <c r="E2164" cm="1">
        <f t="array" ref="E2164">IFERROR(INDEX(Jesper!AI$2:AI$366,ROUNDDOWN($C2164/24,0)+1,1)*INDEX($D$3:$AA$30,INDEX(Jesper!$R$2:$R$366,ROW(INDEX(Jesper!AI$2:AI$366,ROUNDDOWN($C2164/24,0)+1,1))-1)+IF('Standard Profiles'!$G$19=$B$10,7,0)+IF('Standard Profiles'!$G$19=$B$17,14,0)+IF('Standard Profiles'!$G$19=$B$24,21,0),MOD($C2164,24)+1)/SUM(INDEX($D$3:$AA$30,INDEX(Jesper!$R$2:$R$366,ROW(INDEX(Jesper!AI$2:AI$366,ROUNDDOWN($C2164/24,0)+1,1))-1)+IF('Standard Profiles'!$G$19=$B$10,7,0)+IF('Standard Profiles'!$G$19=$B$17,14,0)+IF('Standard Profiles'!$G$19=$B$24,21,0),0)),0)</f>
        <v>5.2893230517626781</v>
      </c>
      <c r="F2164" cm="1">
        <f t="array" ref="F2164">IFERROR(INDEX(Jesper!AJ$2:AJ$366,ROUNDDOWN($C2164/24,0)+1,1)*INDEX($D$3:$AA$30,INDEX(Jesper!$R$2:$R$366,ROW(INDEX(Jesper!AJ$2:AJ$366,ROUNDDOWN($C2164/24,0)+1,1))-1)+IF('Standard Profiles'!$G$20=$B$10,7,0)+IF('Standard Profiles'!$G$20=$B$17,14,0)+IF('Standard Profiles'!$G$20=$B$24,21,0),MOD($C2164,24)+1)/SUM(INDEX($D$3:$AA$30,INDEX(Jesper!$R$2:$R$366,ROW(INDEX(Jesper!AJ$2:AJ$366,ROUNDDOWN($C2164/24,0)+1,1))-1)+IF('Standard Profiles'!$G$20=$B$10,7,0)+IF('Standard Profiles'!$G$20=$B$17,14,0)+IF('Standard Profiles'!$G$20=$B$24,21,0),0)),0)</f>
        <v>0</v>
      </c>
      <c r="G2164" cm="1">
        <f t="array" ref="G2164">IFERROR(INDEX(Jesper!AK$2:AK$366,ROUNDDOWN($C2164/24,0)+1,1)*INDEX($D$3:$AA$30,INDEX(Jesper!$R$2:$R$366,ROW(INDEX(Jesper!AK$2:AK$366,ROUNDDOWN($C2164/24,0)+1,1))-1)+IF('Standard Profiles'!$G$21=$B$10,7,0)+IF('Standard Profiles'!$G$21=$B$17,14,0)+IF('Standard Profiles'!$G$21=$B$24,21,0),MOD($C2164,24)+1)/SUM(INDEX($D$3:$AA$30,INDEX(Jesper!$R$2:$R$366,ROW(INDEX(Jesper!AK$2:AK$366,ROUNDDOWN($C2164/24,0)+1,1))-1)+IF('Standard Profiles'!$G$21=$B$10,7,0)+IF('Standard Profiles'!$G$21=$B$17,14,0)+IF('Standard Profiles'!$G$21=$B$24,21,0),0)),0)</f>
        <v>4.0231057494359446</v>
      </c>
      <c r="H2164" cm="1">
        <f t="array" ref="H2164">IFERROR(INDEX(Jesper!AL$2:AL$366,ROUNDDOWN($C2164/24,0)+1,1)*INDEX($D$3:$AA$30,INDEX(Jesper!$R$2:$R$366,ROW(INDEX(Jesper!AL$2:AL$366,ROUNDDOWN($C2164/24,0)+1,1))-1)+IF('Standard Profiles'!$G$22=$B$10,7,0)+IF('Standard Profiles'!$G$22=$B$17,14,0)+IF('Standard Profiles'!$G$22=$B$24,21,0),MOD($C2164,24)+1)/SUM(INDEX($D$3:$AA$30,INDEX(Jesper!$R$2:$R$366,ROW(INDEX(Jesper!AL$2:AL$366,ROUNDDOWN($C2164/24,0)+1,1))-1)+IF('Standard Profiles'!$G$22=$B$10,7,0)+IF('Standard Profiles'!$G$22=$B$17,14,0)+IF('Standard Profiles'!$G$22=$B$24,21,0),0)),0)</f>
        <v>0</v>
      </c>
      <c r="I2164">
        <f t="shared" si="251"/>
        <v>1.9310907597292524</v>
      </c>
      <c r="J2164">
        <f t="shared" si="252"/>
        <v>12.310373324188225</v>
      </c>
      <c r="K2164">
        <f t="shared" si="253"/>
        <v>0.62590924225001343</v>
      </c>
      <c r="L2164">
        <f t="shared" si="254"/>
        <v>0.31295462112500672</v>
      </c>
      <c r="M2164">
        <f t="shared" si="255"/>
        <v>0</v>
      </c>
      <c r="N2164" s="45">
        <f t="shared" si="256"/>
        <v>45015.749999994834</v>
      </c>
    </row>
    <row r="2165" spans="2:14" x14ac:dyDescent="0.25">
      <c r="B2165">
        <f t="shared" si="250"/>
        <v>4</v>
      </c>
      <c r="C2165" s="16">
        <v>2131</v>
      </c>
      <c r="D2165" cm="1">
        <f t="array" ref="D2165">IFERROR(INDEX(Jesper!AH$2:AH$366,ROUNDDOWN($C2165/24,0)+1,1)*INDEX($D$3:$AA$30,INDEX(Jesper!$R$2:$R$366,ROW(INDEX(Jesper!AH$2:AH$366,ROUNDDOWN($C2165/24,0)+1,1))-1)+IF('Standard Profiles'!$G$18=$B$10,7,0)+IF('Standard Profiles'!$G$18=$B$17,14,0)+IF('Standard Profiles'!$G$18=$B$24,21,0),MOD($C2165,24)+1)/SUM(INDEX($D$3:$AA$30,INDEX(Jesper!$R$2:$R$366,ROW(INDEX(Jesper!AH$2:AH$366,ROUNDDOWN($C2165/24,0)+1,1))-1)+IF('Standard Profiles'!$G$18=$B$10,7,0)+IF('Standard Profiles'!$G$18=$B$17,14,0)+IF('Standard Profiles'!$G$18=$B$24,21,0),0)),0)</f>
        <v>5.8678991460938752</v>
      </c>
      <c r="E2165" cm="1">
        <f t="array" ref="E2165">IFERROR(INDEX(Jesper!AI$2:AI$366,ROUNDDOWN($C2165/24,0)+1,1)*INDEX($D$3:$AA$30,INDEX(Jesper!$R$2:$R$366,ROW(INDEX(Jesper!AI$2:AI$366,ROUNDDOWN($C2165/24,0)+1,1))-1)+IF('Standard Profiles'!$G$19=$B$10,7,0)+IF('Standard Profiles'!$G$19=$B$17,14,0)+IF('Standard Profiles'!$G$19=$B$24,21,0),MOD($C2165,24)+1)/SUM(INDEX($D$3:$AA$30,INDEX(Jesper!$R$2:$R$366,ROW(INDEX(Jesper!AI$2:AI$366,ROUNDDOWN($C2165/24,0)+1,1))-1)+IF('Standard Profiles'!$G$19=$B$10,7,0)+IF('Standard Profiles'!$G$19=$B$17,14,0)+IF('Standard Profiles'!$G$19=$B$24,21,0),0)),0)</f>
        <v>5.2893230517626781</v>
      </c>
      <c r="F2165" cm="1">
        <f t="array" ref="F2165">IFERROR(INDEX(Jesper!AJ$2:AJ$366,ROUNDDOWN($C2165/24,0)+1,1)*INDEX($D$3:$AA$30,INDEX(Jesper!$R$2:$R$366,ROW(INDEX(Jesper!AJ$2:AJ$366,ROUNDDOWN($C2165/24,0)+1,1))-1)+IF('Standard Profiles'!$G$20=$B$10,7,0)+IF('Standard Profiles'!$G$20=$B$17,14,0)+IF('Standard Profiles'!$G$20=$B$24,21,0),MOD($C2165,24)+1)/SUM(INDEX($D$3:$AA$30,INDEX(Jesper!$R$2:$R$366,ROW(INDEX(Jesper!AJ$2:AJ$366,ROUNDDOWN($C2165/24,0)+1,1))-1)+IF('Standard Profiles'!$G$20=$B$10,7,0)+IF('Standard Profiles'!$G$20=$B$17,14,0)+IF('Standard Profiles'!$G$20=$B$24,21,0),0)),0)</f>
        <v>0</v>
      </c>
      <c r="G2165" cm="1">
        <f t="array" ref="G2165">IFERROR(INDEX(Jesper!AK$2:AK$366,ROUNDDOWN($C2165/24,0)+1,1)*INDEX($D$3:$AA$30,INDEX(Jesper!$R$2:$R$366,ROW(INDEX(Jesper!AK$2:AK$366,ROUNDDOWN($C2165/24,0)+1,1))-1)+IF('Standard Profiles'!$G$21=$B$10,7,0)+IF('Standard Profiles'!$G$21=$B$17,14,0)+IF('Standard Profiles'!$G$21=$B$24,21,0),MOD($C2165,24)+1)/SUM(INDEX($D$3:$AA$30,INDEX(Jesper!$R$2:$R$366,ROW(INDEX(Jesper!AK$2:AK$366,ROUNDDOWN($C2165/24,0)+1,1))-1)+IF('Standard Profiles'!$G$21=$B$10,7,0)+IF('Standard Profiles'!$G$21=$B$17,14,0)+IF('Standard Profiles'!$G$21=$B$24,21,0),0)),0)</f>
        <v>4.0231057494359446</v>
      </c>
      <c r="H2165" cm="1">
        <f t="array" ref="H2165">IFERROR(INDEX(Jesper!AL$2:AL$366,ROUNDDOWN($C2165/24,0)+1,1)*INDEX($D$3:$AA$30,INDEX(Jesper!$R$2:$R$366,ROW(INDEX(Jesper!AL$2:AL$366,ROUNDDOWN($C2165/24,0)+1,1))-1)+IF('Standard Profiles'!$G$22=$B$10,7,0)+IF('Standard Profiles'!$G$22=$B$17,14,0)+IF('Standard Profiles'!$G$22=$B$24,21,0),MOD($C2165,24)+1)/SUM(INDEX($D$3:$AA$30,INDEX(Jesper!$R$2:$R$366,ROW(INDEX(Jesper!AL$2:AL$366,ROUNDDOWN($C2165/24,0)+1,1))-1)+IF('Standard Profiles'!$G$22=$B$10,7,0)+IF('Standard Profiles'!$G$22=$B$17,14,0)+IF('Standard Profiles'!$G$22=$B$24,21,0),0)),0)</f>
        <v>0</v>
      </c>
      <c r="I2165">
        <f t="shared" si="251"/>
        <v>1.9310907597292524</v>
      </c>
      <c r="J2165">
        <f t="shared" si="252"/>
        <v>12.310373324188225</v>
      </c>
      <c r="K2165">
        <f t="shared" si="253"/>
        <v>0.62590924225001343</v>
      </c>
      <c r="L2165">
        <f t="shared" si="254"/>
        <v>0.31295462112500672</v>
      </c>
      <c r="M2165">
        <f t="shared" si="255"/>
        <v>0</v>
      </c>
      <c r="N2165" s="45">
        <f t="shared" si="256"/>
        <v>45015.791666661498</v>
      </c>
    </row>
    <row r="2166" spans="2:14" x14ac:dyDescent="0.25">
      <c r="B2166">
        <f t="shared" si="250"/>
        <v>4</v>
      </c>
      <c r="C2166" s="16">
        <v>2132</v>
      </c>
      <c r="D2166" cm="1">
        <f t="array" ref="D2166">IFERROR(INDEX(Jesper!AH$2:AH$366,ROUNDDOWN($C2166/24,0)+1,1)*INDEX($D$3:$AA$30,INDEX(Jesper!$R$2:$R$366,ROW(INDEX(Jesper!AH$2:AH$366,ROUNDDOWN($C2166/24,0)+1,1))-1)+IF('Standard Profiles'!$G$18=$B$10,7,0)+IF('Standard Profiles'!$G$18=$B$17,14,0)+IF('Standard Profiles'!$G$18=$B$24,21,0),MOD($C2166,24)+1)/SUM(INDEX($D$3:$AA$30,INDEX(Jesper!$R$2:$R$366,ROW(INDEX(Jesper!AH$2:AH$366,ROUNDDOWN($C2166/24,0)+1,1))-1)+IF('Standard Profiles'!$G$18=$B$10,7,0)+IF('Standard Profiles'!$G$18=$B$17,14,0)+IF('Standard Profiles'!$G$18=$B$24,21,0),0)),0)</f>
        <v>5.8678991460938752</v>
      </c>
      <c r="E2166" cm="1">
        <f t="array" ref="E2166">IFERROR(INDEX(Jesper!AI$2:AI$366,ROUNDDOWN($C2166/24,0)+1,1)*INDEX($D$3:$AA$30,INDEX(Jesper!$R$2:$R$366,ROW(INDEX(Jesper!AI$2:AI$366,ROUNDDOWN($C2166/24,0)+1,1))-1)+IF('Standard Profiles'!$G$19=$B$10,7,0)+IF('Standard Profiles'!$G$19=$B$17,14,0)+IF('Standard Profiles'!$G$19=$B$24,21,0),MOD($C2166,24)+1)/SUM(INDEX($D$3:$AA$30,INDEX(Jesper!$R$2:$R$366,ROW(INDEX(Jesper!AI$2:AI$366,ROUNDDOWN($C2166/24,0)+1,1))-1)+IF('Standard Profiles'!$G$19=$B$10,7,0)+IF('Standard Profiles'!$G$19=$B$17,14,0)+IF('Standard Profiles'!$G$19=$B$24,21,0),0)),0)</f>
        <v>5.2893230517626781</v>
      </c>
      <c r="F2166" cm="1">
        <f t="array" ref="F2166">IFERROR(INDEX(Jesper!AJ$2:AJ$366,ROUNDDOWN($C2166/24,0)+1,1)*INDEX($D$3:$AA$30,INDEX(Jesper!$R$2:$R$366,ROW(INDEX(Jesper!AJ$2:AJ$366,ROUNDDOWN($C2166/24,0)+1,1))-1)+IF('Standard Profiles'!$G$20=$B$10,7,0)+IF('Standard Profiles'!$G$20=$B$17,14,0)+IF('Standard Profiles'!$G$20=$B$24,21,0),MOD($C2166,24)+1)/SUM(INDEX($D$3:$AA$30,INDEX(Jesper!$R$2:$R$366,ROW(INDEX(Jesper!AJ$2:AJ$366,ROUNDDOWN($C2166/24,0)+1,1))-1)+IF('Standard Profiles'!$G$20=$B$10,7,0)+IF('Standard Profiles'!$G$20=$B$17,14,0)+IF('Standard Profiles'!$G$20=$B$24,21,0),0)),0)</f>
        <v>0</v>
      </c>
      <c r="G2166" cm="1">
        <f t="array" ref="G2166">IFERROR(INDEX(Jesper!AK$2:AK$366,ROUNDDOWN($C2166/24,0)+1,1)*INDEX($D$3:$AA$30,INDEX(Jesper!$R$2:$R$366,ROW(INDEX(Jesper!AK$2:AK$366,ROUNDDOWN($C2166/24,0)+1,1))-1)+IF('Standard Profiles'!$G$21=$B$10,7,0)+IF('Standard Profiles'!$G$21=$B$17,14,0)+IF('Standard Profiles'!$G$21=$B$24,21,0),MOD($C2166,24)+1)/SUM(INDEX($D$3:$AA$30,INDEX(Jesper!$R$2:$R$366,ROW(INDEX(Jesper!AK$2:AK$366,ROUNDDOWN($C2166/24,0)+1,1))-1)+IF('Standard Profiles'!$G$21=$B$10,7,0)+IF('Standard Profiles'!$G$21=$B$17,14,0)+IF('Standard Profiles'!$G$21=$B$24,21,0),0)),0)</f>
        <v>4.0231057494359446</v>
      </c>
      <c r="H2166" cm="1">
        <f t="array" ref="H2166">IFERROR(INDEX(Jesper!AL$2:AL$366,ROUNDDOWN($C2166/24,0)+1,1)*INDEX($D$3:$AA$30,INDEX(Jesper!$R$2:$R$366,ROW(INDEX(Jesper!AL$2:AL$366,ROUNDDOWN($C2166/24,0)+1,1))-1)+IF('Standard Profiles'!$G$22=$B$10,7,0)+IF('Standard Profiles'!$G$22=$B$17,14,0)+IF('Standard Profiles'!$G$22=$B$24,21,0),MOD($C2166,24)+1)/SUM(INDEX($D$3:$AA$30,INDEX(Jesper!$R$2:$R$366,ROW(INDEX(Jesper!AL$2:AL$366,ROUNDDOWN($C2166/24,0)+1,1))-1)+IF('Standard Profiles'!$G$22=$B$10,7,0)+IF('Standard Profiles'!$G$22=$B$17,14,0)+IF('Standard Profiles'!$G$22=$B$24,21,0),0)),0)</f>
        <v>0</v>
      </c>
      <c r="I2166">
        <f t="shared" si="251"/>
        <v>1.9310907597292524</v>
      </c>
      <c r="J2166">
        <f t="shared" si="252"/>
        <v>12.310373324188225</v>
      </c>
      <c r="K2166">
        <f t="shared" si="253"/>
        <v>0.62590924225001343</v>
      </c>
      <c r="L2166">
        <f t="shared" si="254"/>
        <v>0.31295462112500672</v>
      </c>
      <c r="M2166">
        <f t="shared" si="255"/>
        <v>0</v>
      </c>
      <c r="N2166" s="45">
        <f t="shared" si="256"/>
        <v>45015.833333328163</v>
      </c>
    </row>
    <row r="2167" spans="2:14" x14ac:dyDescent="0.25">
      <c r="B2167">
        <f t="shared" si="250"/>
        <v>4</v>
      </c>
      <c r="C2167" s="16">
        <v>2133</v>
      </c>
      <c r="D2167" cm="1">
        <f t="array" ref="D2167">IFERROR(INDEX(Jesper!AH$2:AH$366,ROUNDDOWN($C2167/24,0)+1,1)*INDEX($D$3:$AA$30,INDEX(Jesper!$R$2:$R$366,ROW(INDEX(Jesper!AH$2:AH$366,ROUNDDOWN($C2167/24,0)+1,1))-1)+IF('Standard Profiles'!$G$18=$B$10,7,0)+IF('Standard Profiles'!$G$18=$B$17,14,0)+IF('Standard Profiles'!$G$18=$B$24,21,0),MOD($C2167,24)+1)/SUM(INDEX($D$3:$AA$30,INDEX(Jesper!$R$2:$R$366,ROW(INDEX(Jesper!AH$2:AH$366,ROUNDDOWN($C2167/24,0)+1,1))-1)+IF('Standard Profiles'!$G$18=$B$10,7,0)+IF('Standard Profiles'!$G$18=$B$17,14,0)+IF('Standard Profiles'!$G$18=$B$24,21,0),0)),0)</f>
        <v>5.8678991460938752</v>
      </c>
      <c r="E2167" cm="1">
        <f t="array" ref="E2167">IFERROR(INDEX(Jesper!AI$2:AI$366,ROUNDDOWN($C2167/24,0)+1,1)*INDEX($D$3:$AA$30,INDEX(Jesper!$R$2:$R$366,ROW(INDEX(Jesper!AI$2:AI$366,ROUNDDOWN($C2167/24,0)+1,1))-1)+IF('Standard Profiles'!$G$19=$B$10,7,0)+IF('Standard Profiles'!$G$19=$B$17,14,0)+IF('Standard Profiles'!$G$19=$B$24,21,0),MOD($C2167,24)+1)/SUM(INDEX($D$3:$AA$30,INDEX(Jesper!$R$2:$R$366,ROW(INDEX(Jesper!AI$2:AI$366,ROUNDDOWN($C2167/24,0)+1,1))-1)+IF('Standard Profiles'!$G$19=$B$10,7,0)+IF('Standard Profiles'!$G$19=$B$17,14,0)+IF('Standard Profiles'!$G$19=$B$24,21,0),0)),0)</f>
        <v>5.2893230517626781</v>
      </c>
      <c r="F2167" cm="1">
        <f t="array" ref="F2167">IFERROR(INDEX(Jesper!AJ$2:AJ$366,ROUNDDOWN($C2167/24,0)+1,1)*INDEX($D$3:$AA$30,INDEX(Jesper!$R$2:$R$366,ROW(INDEX(Jesper!AJ$2:AJ$366,ROUNDDOWN($C2167/24,0)+1,1))-1)+IF('Standard Profiles'!$G$20=$B$10,7,0)+IF('Standard Profiles'!$G$20=$B$17,14,0)+IF('Standard Profiles'!$G$20=$B$24,21,0),MOD($C2167,24)+1)/SUM(INDEX($D$3:$AA$30,INDEX(Jesper!$R$2:$R$366,ROW(INDEX(Jesper!AJ$2:AJ$366,ROUNDDOWN($C2167/24,0)+1,1))-1)+IF('Standard Profiles'!$G$20=$B$10,7,0)+IF('Standard Profiles'!$G$20=$B$17,14,0)+IF('Standard Profiles'!$G$20=$B$24,21,0),0)),0)</f>
        <v>0</v>
      </c>
      <c r="G2167" cm="1">
        <f t="array" ref="G2167">IFERROR(INDEX(Jesper!AK$2:AK$366,ROUNDDOWN($C2167/24,0)+1,1)*INDEX($D$3:$AA$30,INDEX(Jesper!$R$2:$R$366,ROW(INDEX(Jesper!AK$2:AK$366,ROUNDDOWN($C2167/24,0)+1,1))-1)+IF('Standard Profiles'!$G$21=$B$10,7,0)+IF('Standard Profiles'!$G$21=$B$17,14,0)+IF('Standard Profiles'!$G$21=$B$24,21,0),MOD($C2167,24)+1)/SUM(INDEX($D$3:$AA$30,INDEX(Jesper!$R$2:$R$366,ROW(INDEX(Jesper!AK$2:AK$366,ROUNDDOWN($C2167/24,0)+1,1))-1)+IF('Standard Profiles'!$G$21=$B$10,7,0)+IF('Standard Profiles'!$G$21=$B$17,14,0)+IF('Standard Profiles'!$G$21=$B$24,21,0),0)),0)</f>
        <v>4.0231057494359446</v>
      </c>
      <c r="H2167" cm="1">
        <f t="array" ref="H2167">IFERROR(INDEX(Jesper!AL$2:AL$366,ROUNDDOWN($C2167/24,0)+1,1)*INDEX($D$3:$AA$30,INDEX(Jesper!$R$2:$R$366,ROW(INDEX(Jesper!AL$2:AL$366,ROUNDDOWN($C2167/24,0)+1,1))-1)+IF('Standard Profiles'!$G$22=$B$10,7,0)+IF('Standard Profiles'!$G$22=$B$17,14,0)+IF('Standard Profiles'!$G$22=$B$24,21,0),MOD($C2167,24)+1)/SUM(INDEX($D$3:$AA$30,INDEX(Jesper!$R$2:$R$366,ROW(INDEX(Jesper!AL$2:AL$366,ROUNDDOWN($C2167/24,0)+1,1))-1)+IF('Standard Profiles'!$G$22=$B$10,7,0)+IF('Standard Profiles'!$G$22=$B$17,14,0)+IF('Standard Profiles'!$G$22=$B$24,21,0),0)),0)</f>
        <v>0</v>
      </c>
      <c r="I2167">
        <f t="shared" si="251"/>
        <v>1.9310907597292524</v>
      </c>
      <c r="J2167">
        <f t="shared" si="252"/>
        <v>12.310373324188225</v>
      </c>
      <c r="K2167">
        <f t="shared" si="253"/>
        <v>0.62590924225001343</v>
      </c>
      <c r="L2167">
        <f t="shared" si="254"/>
        <v>0.31295462112500672</v>
      </c>
      <c r="M2167">
        <f t="shared" si="255"/>
        <v>0</v>
      </c>
      <c r="N2167" s="45">
        <f t="shared" si="256"/>
        <v>45015.874999994827</v>
      </c>
    </row>
    <row r="2168" spans="2:14" x14ac:dyDescent="0.25">
      <c r="B2168">
        <f t="shared" si="250"/>
        <v>4</v>
      </c>
      <c r="C2168" s="16">
        <v>2134</v>
      </c>
      <c r="D2168" cm="1">
        <f t="array" ref="D2168">IFERROR(INDEX(Jesper!AH$2:AH$366,ROUNDDOWN($C2168/24,0)+1,1)*INDEX($D$3:$AA$30,INDEX(Jesper!$R$2:$R$366,ROW(INDEX(Jesper!AH$2:AH$366,ROUNDDOWN($C2168/24,0)+1,1))-1)+IF('Standard Profiles'!$G$18=$B$10,7,0)+IF('Standard Profiles'!$G$18=$B$17,14,0)+IF('Standard Profiles'!$G$18=$B$24,21,0),MOD($C2168,24)+1)/SUM(INDEX($D$3:$AA$30,INDEX(Jesper!$R$2:$R$366,ROW(INDEX(Jesper!AH$2:AH$366,ROUNDDOWN($C2168/24,0)+1,1))-1)+IF('Standard Profiles'!$G$18=$B$10,7,0)+IF('Standard Profiles'!$G$18=$B$17,14,0)+IF('Standard Profiles'!$G$18=$B$24,21,0),0)),0)</f>
        <v>5.8678991460938752</v>
      </c>
      <c r="E2168" cm="1">
        <f t="array" ref="E2168">IFERROR(INDEX(Jesper!AI$2:AI$366,ROUNDDOWN($C2168/24,0)+1,1)*INDEX($D$3:$AA$30,INDEX(Jesper!$R$2:$R$366,ROW(INDEX(Jesper!AI$2:AI$366,ROUNDDOWN($C2168/24,0)+1,1))-1)+IF('Standard Profiles'!$G$19=$B$10,7,0)+IF('Standard Profiles'!$G$19=$B$17,14,0)+IF('Standard Profiles'!$G$19=$B$24,21,0),MOD($C2168,24)+1)/SUM(INDEX($D$3:$AA$30,INDEX(Jesper!$R$2:$R$366,ROW(INDEX(Jesper!AI$2:AI$366,ROUNDDOWN($C2168/24,0)+1,1))-1)+IF('Standard Profiles'!$G$19=$B$10,7,0)+IF('Standard Profiles'!$G$19=$B$17,14,0)+IF('Standard Profiles'!$G$19=$B$24,21,0),0)),0)</f>
        <v>5.2893230517626781</v>
      </c>
      <c r="F2168" cm="1">
        <f t="array" ref="F2168">IFERROR(INDEX(Jesper!AJ$2:AJ$366,ROUNDDOWN($C2168/24,0)+1,1)*INDEX($D$3:$AA$30,INDEX(Jesper!$R$2:$R$366,ROW(INDEX(Jesper!AJ$2:AJ$366,ROUNDDOWN($C2168/24,0)+1,1))-1)+IF('Standard Profiles'!$G$20=$B$10,7,0)+IF('Standard Profiles'!$G$20=$B$17,14,0)+IF('Standard Profiles'!$G$20=$B$24,21,0),MOD($C2168,24)+1)/SUM(INDEX($D$3:$AA$30,INDEX(Jesper!$R$2:$R$366,ROW(INDEX(Jesper!AJ$2:AJ$366,ROUNDDOWN($C2168/24,0)+1,1))-1)+IF('Standard Profiles'!$G$20=$B$10,7,0)+IF('Standard Profiles'!$G$20=$B$17,14,0)+IF('Standard Profiles'!$G$20=$B$24,21,0),0)),0)</f>
        <v>0</v>
      </c>
      <c r="G2168" cm="1">
        <f t="array" ref="G2168">IFERROR(INDEX(Jesper!AK$2:AK$366,ROUNDDOWN($C2168/24,0)+1,1)*INDEX($D$3:$AA$30,INDEX(Jesper!$R$2:$R$366,ROW(INDEX(Jesper!AK$2:AK$366,ROUNDDOWN($C2168/24,0)+1,1))-1)+IF('Standard Profiles'!$G$21=$B$10,7,0)+IF('Standard Profiles'!$G$21=$B$17,14,0)+IF('Standard Profiles'!$G$21=$B$24,21,0),MOD($C2168,24)+1)/SUM(INDEX($D$3:$AA$30,INDEX(Jesper!$R$2:$R$366,ROW(INDEX(Jesper!AK$2:AK$366,ROUNDDOWN($C2168/24,0)+1,1))-1)+IF('Standard Profiles'!$G$21=$B$10,7,0)+IF('Standard Profiles'!$G$21=$B$17,14,0)+IF('Standard Profiles'!$G$21=$B$24,21,0),0)),0)</f>
        <v>4.0231057494359446</v>
      </c>
      <c r="H2168" cm="1">
        <f t="array" ref="H2168">IFERROR(INDEX(Jesper!AL$2:AL$366,ROUNDDOWN($C2168/24,0)+1,1)*INDEX($D$3:$AA$30,INDEX(Jesper!$R$2:$R$366,ROW(INDEX(Jesper!AL$2:AL$366,ROUNDDOWN($C2168/24,0)+1,1))-1)+IF('Standard Profiles'!$G$22=$B$10,7,0)+IF('Standard Profiles'!$G$22=$B$17,14,0)+IF('Standard Profiles'!$G$22=$B$24,21,0),MOD($C2168,24)+1)/SUM(INDEX($D$3:$AA$30,INDEX(Jesper!$R$2:$R$366,ROW(INDEX(Jesper!AL$2:AL$366,ROUNDDOWN($C2168/24,0)+1,1))-1)+IF('Standard Profiles'!$G$22=$B$10,7,0)+IF('Standard Profiles'!$G$22=$B$17,14,0)+IF('Standard Profiles'!$G$22=$B$24,21,0),0)),0)</f>
        <v>0</v>
      </c>
      <c r="I2168">
        <f t="shared" si="251"/>
        <v>1.9310907597292524</v>
      </c>
      <c r="J2168">
        <f t="shared" si="252"/>
        <v>12.310373324188225</v>
      </c>
      <c r="K2168">
        <f t="shared" si="253"/>
        <v>0.62590924225001343</v>
      </c>
      <c r="L2168">
        <f t="shared" si="254"/>
        <v>0.31295462112500672</v>
      </c>
      <c r="M2168">
        <f t="shared" si="255"/>
        <v>0</v>
      </c>
      <c r="N2168" s="45">
        <f t="shared" si="256"/>
        <v>45015.916666661491</v>
      </c>
    </row>
    <row r="2169" spans="2:14" x14ac:dyDescent="0.25">
      <c r="B2169">
        <f t="shared" si="250"/>
        <v>4</v>
      </c>
      <c r="C2169" s="16">
        <v>2135</v>
      </c>
      <c r="D2169" cm="1">
        <f t="array" ref="D2169">IFERROR(INDEX(Jesper!AH$2:AH$366,ROUNDDOWN($C2169/24,0)+1,1)*INDEX($D$3:$AA$30,INDEX(Jesper!$R$2:$R$366,ROW(INDEX(Jesper!AH$2:AH$366,ROUNDDOWN($C2169/24,0)+1,1))-1)+IF('Standard Profiles'!$G$18=$B$10,7,0)+IF('Standard Profiles'!$G$18=$B$17,14,0)+IF('Standard Profiles'!$G$18=$B$24,21,0),MOD($C2169,24)+1)/SUM(INDEX($D$3:$AA$30,INDEX(Jesper!$R$2:$R$366,ROW(INDEX(Jesper!AH$2:AH$366,ROUNDDOWN($C2169/24,0)+1,1))-1)+IF('Standard Profiles'!$G$18=$B$10,7,0)+IF('Standard Profiles'!$G$18=$B$17,14,0)+IF('Standard Profiles'!$G$18=$B$24,21,0),0)),0)</f>
        <v>5.8678991460938752</v>
      </c>
      <c r="E2169" cm="1">
        <f t="array" ref="E2169">IFERROR(INDEX(Jesper!AI$2:AI$366,ROUNDDOWN($C2169/24,0)+1,1)*INDEX($D$3:$AA$30,INDEX(Jesper!$R$2:$R$366,ROW(INDEX(Jesper!AI$2:AI$366,ROUNDDOWN($C2169/24,0)+1,1))-1)+IF('Standard Profiles'!$G$19=$B$10,7,0)+IF('Standard Profiles'!$G$19=$B$17,14,0)+IF('Standard Profiles'!$G$19=$B$24,21,0),MOD($C2169,24)+1)/SUM(INDEX($D$3:$AA$30,INDEX(Jesper!$R$2:$R$366,ROW(INDEX(Jesper!AI$2:AI$366,ROUNDDOWN($C2169/24,0)+1,1))-1)+IF('Standard Profiles'!$G$19=$B$10,7,0)+IF('Standard Profiles'!$G$19=$B$17,14,0)+IF('Standard Profiles'!$G$19=$B$24,21,0),0)),0)</f>
        <v>5.2893230517626781</v>
      </c>
      <c r="F2169" cm="1">
        <f t="array" ref="F2169">IFERROR(INDEX(Jesper!AJ$2:AJ$366,ROUNDDOWN($C2169/24,0)+1,1)*INDEX($D$3:$AA$30,INDEX(Jesper!$R$2:$R$366,ROW(INDEX(Jesper!AJ$2:AJ$366,ROUNDDOWN($C2169/24,0)+1,1))-1)+IF('Standard Profiles'!$G$20=$B$10,7,0)+IF('Standard Profiles'!$G$20=$B$17,14,0)+IF('Standard Profiles'!$G$20=$B$24,21,0),MOD($C2169,24)+1)/SUM(INDEX($D$3:$AA$30,INDEX(Jesper!$R$2:$R$366,ROW(INDEX(Jesper!AJ$2:AJ$366,ROUNDDOWN($C2169/24,0)+1,1))-1)+IF('Standard Profiles'!$G$20=$B$10,7,0)+IF('Standard Profiles'!$G$20=$B$17,14,0)+IF('Standard Profiles'!$G$20=$B$24,21,0),0)),0)</f>
        <v>0</v>
      </c>
      <c r="G2169" cm="1">
        <f t="array" ref="G2169">IFERROR(INDEX(Jesper!AK$2:AK$366,ROUNDDOWN($C2169/24,0)+1,1)*INDEX($D$3:$AA$30,INDEX(Jesper!$R$2:$R$366,ROW(INDEX(Jesper!AK$2:AK$366,ROUNDDOWN($C2169/24,0)+1,1))-1)+IF('Standard Profiles'!$G$21=$B$10,7,0)+IF('Standard Profiles'!$G$21=$B$17,14,0)+IF('Standard Profiles'!$G$21=$B$24,21,0),MOD($C2169,24)+1)/SUM(INDEX($D$3:$AA$30,INDEX(Jesper!$R$2:$R$366,ROW(INDEX(Jesper!AK$2:AK$366,ROUNDDOWN($C2169/24,0)+1,1))-1)+IF('Standard Profiles'!$G$21=$B$10,7,0)+IF('Standard Profiles'!$G$21=$B$17,14,0)+IF('Standard Profiles'!$G$21=$B$24,21,0),0)),0)</f>
        <v>4.0231057494359446</v>
      </c>
      <c r="H2169" cm="1">
        <f t="array" ref="H2169">IFERROR(INDEX(Jesper!AL$2:AL$366,ROUNDDOWN($C2169/24,0)+1,1)*INDEX($D$3:$AA$30,INDEX(Jesper!$R$2:$R$366,ROW(INDEX(Jesper!AL$2:AL$366,ROUNDDOWN($C2169/24,0)+1,1))-1)+IF('Standard Profiles'!$G$22=$B$10,7,0)+IF('Standard Profiles'!$G$22=$B$17,14,0)+IF('Standard Profiles'!$G$22=$B$24,21,0),MOD($C2169,24)+1)/SUM(INDEX($D$3:$AA$30,INDEX(Jesper!$R$2:$R$366,ROW(INDEX(Jesper!AL$2:AL$366,ROUNDDOWN($C2169/24,0)+1,1))-1)+IF('Standard Profiles'!$G$22=$B$10,7,0)+IF('Standard Profiles'!$G$22=$B$17,14,0)+IF('Standard Profiles'!$G$22=$B$24,21,0),0)),0)</f>
        <v>0</v>
      </c>
      <c r="I2169">
        <f t="shared" si="251"/>
        <v>1.9310907597292524</v>
      </c>
      <c r="J2169">
        <f t="shared" si="252"/>
        <v>12.310373324188225</v>
      </c>
      <c r="K2169">
        <f t="shared" si="253"/>
        <v>0.62590924225001343</v>
      </c>
      <c r="L2169">
        <f t="shared" si="254"/>
        <v>0.31295462112500672</v>
      </c>
      <c r="M2169">
        <f t="shared" si="255"/>
        <v>0</v>
      </c>
      <c r="N2169" s="45">
        <f t="shared" si="256"/>
        <v>45015.958333328155</v>
      </c>
    </row>
    <row r="2170" spans="2:14" x14ac:dyDescent="0.25">
      <c r="B2170">
        <f t="shared" si="250"/>
        <v>5</v>
      </c>
      <c r="C2170" s="16">
        <v>2136</v>
      </c>
      <c r="D2170" cm="1">
        <f t="array" ref="D2170">IFERROR(INDEX(Jesper!AH$2:AH$366,ROUNDDOWN($C2170/24,0)+1,1)*INDEX($D$3:$AA$30,INDEX(Jesper!$R$2:$R$366,ROW(INDEX(Jesper!AH$2:AH$366,ROUNDDOWN($C2170/24,0)+1,1))-1)+IF('Standard Profiles'!$G$18=$B$10,7,0)+IF('Standard Profiles'!$G$18=$B$17,14,0)+IF('Standard Profiles'!$G$18=$B$24,21,0),MOD($C2170,24)+1)/SUM(INDEX($D$3:$AA$30,INDEX(Jesper!$R$2:$R$366,ROW(INDEX(Jesper!AH$2:AH$366,ROUNDDOWN($C2170/24,0)+1,1))-1)+IF('Standard Profiles'!$G$18=$B$10,7,0)+IF('Standard Profiles'!$G$18=$B$17,14,0)+IF('Standard Profiles'!$G$18=$B$24,21,0),0)),0)</f>
        <v>8.687227977375322</v>
      </c>
      <c r="E2170" cm="1">
        <f t="array" ref="E2170">IFERROR(INDEX(Jesper!AI$2:AI$366,ROUNDDOWN($C2170/24,0)+1,1)*INDEX($D$3:$AA$30,INDEX(Jesper!$R$2:$R$366,ROW(INDEX(Jesper!AI$2:AI$366,ROUNDDOWN($C2170/24,0)+1,1))-1)+IF('Standard Profiles'!$G$19=$B$10,7,0)+IF('Standard Profiles'!$G$19=$B$17,14,0)+IF('Standard Profiles'!$G$19=$B$24,21,0),MOD($C2170,24)+1)/SUM(INDEX($D$3:$AA$30,INDEX(Jesper!$R$2:$R$366,ROW(INDEX(Jesper!AI$2:AI$366,ROUNDDOWN($C2170/24,0)+1,1))-1)+IF('Standard Profiles'!$G$19=$B$10,7,0)+IF('Standard Profiles'!$G$19=$B$17,14,0)+IF('Standard Profiles'!$G$19=$B$24,21,0),0)),0)</f>
        <v>5.7462405592095607</v>
      </c>
      <c r="F2170" cm="1">
        <f t="array" ref="F2170">IFERROR(INDEX(Jesper!AJ$2:AJ$366,ROUNDDOWN($C2170/24,0)+1,1)*INDEX($D$3:$AA$30,INDEX(Jesper!$R$2:$R$366,ROW(INDEX(Jesper!AJ$2:AJ$366,ROUNDDOWN($C2170/24,0)+1,1))-1)+IF('Standard Profiles'!$G$20=$B$10,7,0)+IF('Standard Profiles'!$G$20=$B$17,14,0)+IF('Standard Profiles'!$G$20=$B$24,21,0),MOD($C2170,24)+1)/SUM(INDEX($D$3:$AA$30,INDEX(Jesper!$R$2:$R$366,ROW(INDEX(Jesper!AJ$2:AJ$366,ROUNDDOWN($C2170/24,0)+1,1))-1)+IF('Standard Profiles'!$G$20=$B$10,7,0)+IF('Standard Profiles'!$G$20=$B$17,14,0)+IF('Standard Profiles'!$G$20=$B$24,21,0),0)),0)</f>
        <v>0</v>
      </c>
      <c r="G2170" cm="1">
        <f t="array" ref="G2170">IFERROR(INDEX(Jesper!AK$2:AK$366,ROUNDDOWN($C2170/24,0)+1,1)*INDEX($D$3:$AA$30,INDEX(Jesper!$R$2:$R$366,ROW(INDEX(Jesper!AK$2:AK$366,ROUNDDOWN($C2170/24,0)+1,1))-1)+IF('Standard Profiles'!$G$21=$B$10,7,0)+IF('Standard Profiles'!$G$21=$B$17,14,0)+IF('Standard Profiles'!$G$21=$B$24,21,0),MOD($C2170,24)+1)/SUM(INDEX($D$3:$AA$30,INDEX(Jesper!$R$2:$R$366,ROW(INDEX(Jesper!AK$2:AK$366,ROUNDDOWN($C2170/24,0)+1,1))-1)+IF('Standard Profiles'!$G$21=$B$10,7,0)+IF('Standard Profiles'!$G$21=$B$17,14,0)+IF('Standard Profiles'!$G$21=$B$24,21,0),0)),0)</f>
        <v>1.0542740109285067</v>
      </c>
      <c r="H2170" cm="1">
        <f t="array" ref="H2170">IFERROR(INDEX(Jesper!AL$2:AL$366,ROUNDDOWN($C2170/24,0)+1,1)*INDEX($D$3:$AA$30,INDEX(Jesper!$R$2:$R$366,ROW(INDEX(Jesper!AL$2:AL$366,ROUNDDOWN($C2170/24,0)+1,1))-1)+IF('Standard Profiles'!$G$22=$B$10,7,0)+IF('Standard Profiles'!$G$22=$B$17,14,0)+IF('Standard Profiles'!$G$22=$B$24,21,0),MOD($C2170,24)+1)/SUM(INDEX($D$3:$AA$30,INDEX(Jesper!$R$2:$R$366,ROW(INDEX(Jesper!AL$2:AL$366,ROUNDDOWN($C2170/24,0)+1,1))-1)+IF('Standard Profiles'!$G$22=$B$10,7,0)+IF('Standard Profiles'!$G$22=$B$17,14,0)+IF('Standard Profiles'!$G$22=$B$24,21,0),0)),0)</f>
        <v>0</v>
      </c>
      <c r="I2170">
        <f t="shared" si="251"/>
        <v>0.50605152524568298</v>
      </c>
      <c r="J2170">
        <f t="shared" si="252"/>
        <v>13.591734545887654</v>
      </c>
      <c r="K2170">
        <f t="shared" si="253"/>
        <v>0.92663765092003436</v>
      </c>
      <c r="L2170">
        <f t="shared" si="254"/>
        <v>0.46331882546001718</v>
      </c>
      <c r="M2170">
        <f t="shared" si="255"/>
        <v>0</v>
      </c>
      <c r="N2170" s="45">
        <f t="shared" si="256"/>
        <v>45015.99999999482</v>
      </c>
    </row>
    <row r="2171" spans="2:14" x14ac:dyDescent="0.25">
      <c r="B2171">
        <f t="shared" si="250"/>
        <v>5</v>
      </c>
      <c r="C2171" s="16">
        <v>2137</v>
      </c>
      <c r="D2171" cm="1">
        <f t="array" ref="D2171">IFERROR(INDEX(Jesper!AH$2:AH$366,ROUNDDOWN($C2171/24,0)+1,1)*INDEX($D$3:$AA$30,INDEX(Jesper!$R$2:$R$366,ROW(INDEX(Jesper!AH$2:AH$366,ROUNDDOWN($C2171/24,0)+1,1))-1)+IF('Standard Profiles'!$G$18=$B$10,7,0)+IF('Standard Profiles'!$G$18=$B$17,14,0)+IF('Standard Profiles'!$G$18=$B$24,21,0),MOD($C2171,24)+1)/SUM(INDEX($D$3:$AA$30,INDEX(Jesper!$R$2:$R$366,ROW(INDEX(Jesper!AH$2:AH$366,ROUNDDOWN($C2171/24,0)+1,1))-1)+IF('Standard Profiles'!$G$18=$B$10,7,0)+IF('Standard Profiles'!$G$18=$B$17,14,0)+IF('Standard Profiles'!$G$18=$B$24,21,0),0)),0)</f>
        <v>5.2649866529547413</v>
      </c>
      <c r="E2171" cm="1">
        <f t="array" ref="E2171">IFERROR(INDEX(Jesper!AI$2:AI$366,ROUNDDOWN($C2171/24,0)+1,1)*INDEX($D$3:$AA$30,INDEX(Jesper!$R$2:$R$366,ROW(INDEX(Jesper!AI$2:AI$366,ROUNDDOWN($C2171/24,0)+1,1))-1)+IF('Standard Profiles'!$G$19=$B$10,7,0)+IF('Standard Profiles'!$G$19=$B$17,14,0)+IF('Standard Profiles'!$G$19=$B$24,21,0),MOD($C2171,24)+1)/SUM(INDEX($D$3:$AA$30,INDEX(Jesper!$R$2:$R$366,ROW(INDEX(Jesper!AI$2:AI$366,ROUNDDOWN($C2171/24,0)+1,1))-1)+IF('Standard Profiles'!$G$19=$B$10,7,0)+IF('Standard Profiles'!$G$19=$B$17,14,0)+IF('Standard Profiles'!$G$19=$B$24,21,0),0)),0)</f>
        <v>3.4825700358845828</v>
      </c>
      <c r="F2171" cm="1">
        <f t="array" ref="F2171">IFERROR(INDEX(Jesper!AJ$2:AJ$366,ROUNDDOWN($C2171/24,0)+1,1)*INDEX($D$3:$AA$30,INDEX(Jesper!$R$2:$R$366,ROW(INDEX(Jesper!AJ$2:AJ$366,ROUNDDOWN($C2171/24,0)+1,1))-1)+IF('Standard Profiles'!$G$20=$B$10,7,0)+IF('Standard Profiles'!$G$20=$B$17,14,0)+IF('Standard Profiles'!$G$20=$B$24,21,0),MOD($C2171,24)+1)/SUM(INDEX($D$3:$AA$30,INDEX(Jesper!$R$2:$R$366,ROW(INDEX(Jesper!AJ$2:AJ$366,ROUNDDOWN($C2171/24,0)+1,1))-1)+IF('Standard Profiles'!$G$20=$B$10,7,0)+IF('Standard Profiles'!$G$20=$B$17,14,0)+IF('Standard Profiles'!$G$20=$B$24,21,0),0)),0)</f>
        <v>0</v>
      </c>
      <c r="G2171" cm="1">
        <f t="array" ref="G2171">IFERROR(INDEX(Jesper!AK$2:AK$366,ROUNDDOWN($C2171/24,0)+1,1)*INDEX($D$3:$AA$30,INDEX(Jesper!$R$2:$R$366,ROW(INDEX(Jesper!AK$2:AK$366,ROUNDDOWN($C2171/24,0)+1,1))-1)+IF('Standard Profiles'!$G$21=$B$10,7,0)+IF('Standard Profiles'!$G$21=$B$17,14,0)+IF('Standard Profiles'!$G$21=$B$24,21,0),MOD($C2171,24)+1)/SUM(INDEX($D$3:$AA$30,INDEX(Jesper!$R$2:$R$366,ROW(INDEX(Jesper!AK$2:AK$366,ROUNDDOWN($C2171/24,0)+1,1))-1)+IF('Standard Profiles'!$G$21=$B$10,7,0)+IF('Standard Profiles'!$G$21=$B$17,14,0)+IF('Standard Profiles'!$G$21=$B$24,21,0),0)),0)</f>
        <v>1.0542740109285067</v>
      </c>
      <c r="H2171" cm="1">
        <f t="array" ref="H2171">IFERROR(INDEX(Jesper!AL$2:AL$366,ROUNDDOWN($C2171/24,0)+1,1)*INDEX($D$3:$AA$30,INDEX(Jesper!$R$2:$R$366,ROW(INDEX(Jesper!AL$2:AL$366,ROUNDDOWN($C2171/24,0)+1,1))-1)+IF('Standard Profiles'!$G$22=$B$10,7,0)+IF('Standard Profiles'!$G$22=$B$17,14,0)+IF('Standard Profiles'!$G$22=$B$24,21,0),MOD($C2171,24)+1)/SUM(INDEX($D$3:$AA$30,INDEX(Jesper!$R$2:$R$366,ROW(INDEX(Jesper!AL$2:AL$366,ROUNDDOWN($C2171/24,0)+1,1))-1)+IF('Standard Profiles'!$G$22=$B$10,7,0)+IF('Standard Profiles'!$G$22=$B$17,14,0)+IF('Standard Profiles'!$G$22=$B$24,21,0),0)),0)</f>
        <v>0</v>
      </c>
      <c r="I2171">
        <f t="shared" si="251"/>
        <v>0.50605152524568298</v>
      </c>
      <c r="J2171">
        <f t="shared" si="252"/>
        <v>8.4533813100493873</v>
      </c>
      <c r="K2171">
        <f t="shared" si="253"/>
        <v>0.5615985763151724</v>
      </c>
      <c r="L2171">
        <f t="shared" si="254"/>
        <v>0.2807992881575862</v>
      </c>
      <c r="M2171">
        <f t="shared" si="255"/>
        <v>0</v>
      </c>
      <c r="N2171" s="45">
        <f t="shared" si="256"/>
        <v>45016.041666661484</v>
      </c>
    </row>
    <row r="2172" spans="2:14" x14ac:dyDescent="0.25">
      <c r="B2172">
        <f t="shared" si="250"/>
        <v>5</v>
      </c>
      <c r="C2172" s="16">
        <v>2138</v>
      </c>
      <c r="D2172" cm="1">
        <f t="array" ref="D2172">IFERROR(INDEX(Jesper!AH$2:AH$366,ROUNDDOWN($C2172/24,0)+1,1)*INDEX($D$3:$AA$30,INDEX(Jesper!$R$2:$R$366,ROW(INDEX(Jesper!AH$2:AH$366,ROUNDDOWN($C2172/24,0)+1,1))-1)+IF('Standard Profiles'!$G$18=$B$10,7,0)+IF('Standard Profiles'!$G$18=$B$17,14,0)+IF('Standard Profiles'!$G$18=$B$24,21,0),MOD($C2172,24)+1)/SUM(INDEX($D$3:$AA$30,INDEX(Jesper!$R$2:$R$366,ROW(INDEX(Jesper!AH$2:AH$366,ROUNDDOWN($C2172/24,0)+1,1))-1)+IF('Standard Profiles'!$G$18=$B$10,7,0)+IF('Standard Profiles'!$G$18=$B$17,14,0)+IF('Standard Profiles'!$G$18=$B$24,21,0),0)),0)</f>
        <v>5.2649866529547413</v>
      </c>
      <c r="E2172" cm="1">
        <f t="array" ref="E2172">IFERROR(INDEX(Jesper!AI$2:AI$366,ROUNDDOWN($C2172/24,0)+1,1)*INDEX($D$3:$AA$30,INDEX(Jesper!$R$2:$R$366,ROW(INDEX(Jesper!AI$2:AI$366,ROUNDDOWN($C2172/24,0)+1,1))-1)+IF('Standard Profiles'!$G$19=$B$10,7,0)+IF('Standard Profiles'!$G$19=$B$17,14,0)+IF('Standard Profiles'!$G$19=$B$24,21,0),MOD($C2172,24)+1)/SUM(INDEX($D$3:$AA$30,INDEX(Jesper!$R$2:$R$366,ROW(INDEX(Jesper!AI$2:AI$366,ROUNDDOWN($C2172/24,0)+1,1))-1)+IF('Standard Profiles'!$G$19=$B$10,7,0)+IF('Standard Profiles'!$G$19=$B$17,14,0)+IF('Standard Profiles'!$G$19=$B$24,21,0),0)),0)</f>
        <v>3.4825700358845828</v>
      </c>
      <c r="F2172" cm="1">
        <f t="array" ref="F2172">IFERROR(INDEX(Jesper!AJ$2:AJ$366,ROUNDDOWN($C2172/24,0)+1,1)*INDEX($D$3:$AA$30,INDEX(Jesper!$R$2:$R$366,ROW(INDEX(Jesper!AJ$2:AJ$366,ROUNDDOWN($C2172/24,0)+1,1))-1)+IF('Standard Profiles'!$G$20=$B$10,7,0)+IF('Standard Profiles'!$G$20=$B$17,14,0)+IF('Standard Profiles'!$G$20=$B$24,21,0),MOD($C2172,24)+1)/SUM(INDEX($D$3:$AA$30,INDEX(Jesper!$R$2:$R$366,ROW(INDEX(Jesper!AJ$2:AJ$366,ROUNDDOWN($C2172/24,0)+1,1))-1)+IF('Standard Profiles'!$G$20=$B$10,7,0)+IF('Standard Profiles'!$G$20=$B$17,14,0)+IF('Standard Profiles'!$G$20=$B$24,21,0),0)),0)</f>
        <v>0</v>
      </c>
      <c r="G2172" cm="1">
        <f t="array" ref="G2172">IFERROR(INDEX(Jesper!AK$2:AK$366,ROUNDDOWN($C2172/24,0)+1,1)*INDEX($D$3:$AA$30,INDEX(Jesper!$R$2:$R$366,ROW(INDEX(Jesper!AK$2:AK$366,ROUNDDOWN($C2172/24,0)+1,1))-1)+IF('Standard Profiles'!$G$21=$B$10,7,0)+IF('Standard Profiles'!$G$21=$B$17,14,0)+IF('Standard Profiles'!$G$21=$B$24,21,0),MOD($C2172,24)+1)/SUM(INDEX($D$3:$AA$30,INDEX(Jesper!$R$2:$R$366,ROW(INDEX(Jesper!AK$2:AK$366,ROUNDDOWN($C2172/24,0)+1,1))-1)+IF('Standard Profiles'!$G$21=$B$10,7,0)+IF('Standard Profiles'!$G$21=$B$17,14,0)+IF('Standard Profiles'!$G$21=$B$24,21,0),0)),0)</f>
        <v>1.0542740109285067</v>
      </c>
      <c r="H2172" cm="1">
        <f t="array" ref="H2172">IFERROR(INDEX(Jesper!AL$2:AL$366,ROUNDDOWN($C2172/24,0)+1,1)*INDEX($D$3:$AA$30,INDEX(Jesper!$R$2:$R$366,ROW(INDEX(Jesper!AL$2:AL$366,ROUNDDOWN($C2172/24,0)+1,1))-1)+IF('Standard Profiles'!$G$22=$B$10,7,0)+IF('Standard Profiles'!$G$22=$B$17,14,0)+IF('Standard Profiles'!$G$22=$B$24,21,0),MOD($C2172,24)+1)/SUM(INDEX($D$3:$AA$30,INDEX(Jesper!$R$2:$R$366,ROW(INDEX(Jesper!AL$2:AL$366,ROUNDDOWN($C2172/24,0)+1,1))-1)+IF('Standard Profiles'!$G$22=$B$10,7,0)+IF('Standard Profiles'!$G$22=$B$17,14,0)+IF('Standard Profiles'!$G$22=$B$24,21,0),0)),0)</f>
        <v>0</v>
      </c>
      <c r="I2172">
        <f t="shared" si="251"/>
        <v>0.50605152524568298</v>
      </c>
      <c r="J2172">
        <f t="shared" si="252"/>
        <v>8.4533813100493873</v>
      </c>
      <c r="K2172">
        <f t="shared" si="253"/>
        <v>0.5615985763151724</v>
      </c>
      <c r="L2172">
        <f t="shared" si="254"/>
        <v>0.2807992881575862</v>
      </c>
      <c r="M2172">
        <f t="shared" si="255"/>
        <v>0</v>
      </c>
      <c r="N2172" s="45">
        <f t="shared" si="256"/>
        <v>45016.083333328148</v>
      </c>
    </row>
    <row r="2173" spans="2:14" x14ac:dyDescent="0.25">
      <c r="B2173">
        <f t="shared" si="250"/>
        <v>5</v>
      </c>
      <c r="C2173" s="16">
        <v>2139</v>
      </c>
      <c r="D2173" cm="1">
        <f t="array" ref="D2173">IFERROR(INDEX(Jesper!AH$2:AH$366,ROUNDDOWN($C2173/24,0)+1,1)*INDEX($D$3:$AA$30,INDEX(Jesper!$R$2:$R$366,ROW(INDEX(Jesper!AH$2:AH$366,ROUNDDOWN($C2173/24,0)+1,1))-1)+IF('Standard Profiles'!$G$18=$B$10,7,0)+IF('Standard Profiles'!$G$18=$B$17,14,0)+IF('Standard Profiles'!$G$18=$B$24,21,0),MOD($C2173,24)+1)/SUM(INDEX($D$3:$AA$30,INDEX(Jesper!$R$2:$R$366,ROW(INDEX(Jesper!AH$2:AH$366,ROUNDDOWN($C2173/24,0)+1,1))-1)+IF('Standard Profiles'!$G$18=$B$10,7,0)+IF('Standard Profiles'!$G$18=$B$17,14,0)+IF('Standard Profiles'!$G$18=$B$24,21,0),0)),0)</f>
        <v>5.2649866529547413</v>
      </c>
      <c r="E2173" cm="1">
        <f t="array" ref="E2173">IFERROR(INDEX(Jesper!AI$2:AI$366,ROUNDDOWN($C2173/24,0)+1,1)*INDEX($D$3:$AA$30,INDEX(Jesper!$R$2:$R$366,ROW(INDEX(Jesper!AI$2:AI$366,ROUNDDOWN($C2173/24,0)+1,1))-1)+IF('Standard Profiles'!$G$19=$B$10,7,0)+IF('Standard Profiles'!$G$19=$B$17,14,0)+IF('Standard Profiles'!$G$19=$B$24,21,0),MOD($C2173,24)+1)/SUM(INDEX($D$3:$AA$30,INDEX(Jesper!$R$2:$R$366,ROW(INDEX(Jesper!AI$2:AI$366,ROUNDDOWN($C2173/24,0)+1,1))-1)+IF('Standard Profiles'!$G$19=$B$10,7,0)+IF('Standard Profiles'!$G$19=$B$17,14,0)+IF('Standard Profiles'!$G$19=$B$24,21,0),0)),0)</f>
        <v>3.4825700358845828</v>
      </c>
      <c r="F2173" cm="1">
        <f t="array" ref="F2173">IFERROR(INDEX(Jesper!AJ$2:AJ$366,ROUNDDOWN($C2173/24,0)+1,1)*INDEX($D$3:$AA$30,INDEX(Jesper!$R$2:$R$366,ROW(INDEX(Jesper!AJ$2:AJ$366,ROUNDDOWN($C2173/24,0)+1,1))-1)+IF('Standard Profiles'!$G$20=$B$10,7,0)+IF('Standard Profiles'!$G$20=$B$17,14,0)+IF('Standard Profiles'!$G$20=$B$24,21,0),MOD($C2173,24)+1)/SUM(INDEX($D$3:$AA$30,INDEX(Jesper!$R$2:$R$366,ROW(INDEX(Jesper!AJ$2:AJ$366,ROUNDDOWN($C2173/24,0)+1,1))-1)+IF('Standard Profiles'!$G$20=$B$10,7,0)+IF('Standard Profiles'!$G$20=$B$17,14,0)+IF('Standard Profiles'!$G$20=$B$24,21,0),0)),0)</f>
        <v>0</v>
      </c>
      <c r="G2173" cm="1">
        <f t="array" ref="G2173">IFERROR(INDEX(Jesper!AK$2:AK$366,ROUNDDOWN($C2173/24,0)+1,1)*INDEX($D$3:$AA$30,INDEX(Jesper!$R$2:$R$366,ROW(INDEX(Jesper!AK$2:AK$366,ROUNDDOWN($C2173/24,0)+1,1))-1)+IF('Standard Profiles'!$G$21=$B$10,7,0)+IF('Standard Profiles'!$G$21=$B$17,14,0)+IF('Standard Profiles'!$G$21=$B$24,21,0),MOD($C2173,24)+1)/SUM(INDEX($D$3:$AA$30,INDEX(Jesper!$R$2:$R$366,ROW(INDEX(Jesper!AK$2:AK$366,ROUNDDOWN($C2173/24,0)+1,1))-1)+IF('Standard Profiles'!$G$21=$B$10,7,0)+IF('Standard Profiles'!$G$21=$B$17,14,0)+IF('Standard Profiles'!$G$21=$B$24,21,0),0)),0)</f>
        <v>1.0542740109285067</v>
      </c>
      <c r="H2173" cm="1">
        <f t="array" ref="H2173">IFERROR(INDEX(Jesper!AL$2:AL$366,ROUNDDOWN($C2173/24,0)+1,1)*INDEX($D$3:$AA$30,INDEX(Jesper!$R$2:$R$366,ROW(INDEX(Jesper!AL$2:AL$366,ROUNDDOWN($C2173/24,0)+1,1))-1)+IF('Standard Profiles'!$G$22=$B$10,7,0)+IF('Standard Profiles'!$G$22=$B$17,14,0)+IF('Standard Profiles'!$G$22=$B$24,21,0),MOD($C2173,24)+1)/SUM(INDEX($D$3:$AA$30,INDEX(Jesper!$R$2:$R$366,ROW(INDEX(Jesper!AL$2:AL$366,ROUNDDOWN($C2173/24,0)+1,1))-1)+IF('Standard Profiles'!$G$22=$B$10,7,0)+IF('Standard Profiles'!$G$22=$B$17,14,0)+IF('Standard Profiles'!$G$22=$B$24,21,0),0)),0)</f>
        <v>0</v>
      </c>
      <c r="I2173">
        <f t="shared" si="251"/>
        <v>0.50605152524568298</v>
      </c>
      <c r="J2173">
        <f t="shared" si="252"/>
        <v>8.4533813100493873</v>
      </c>
      <c r="K2173">
        <f t="shared" si="253"/>
        <v>0.5615985763151724</v>
      </c>
      <c r="L2173">
        <f t="shared" si="254"/>
        <v>0.2807992881575862</v>
      </c>
      <c r="M2173">
        <f t="shared" si="255"/>
        <v>0</v>
      </c>
      <c r="N2173" s="45">
        <f t="shared" si="256"/>
        <v>45016.124999994812</v>
      </c>
    </row>
    <row r="2174" spans="2:14" x14ac:dyDescent="0.25">
      <c r="B2174">
        <f t="shared" si="250"/>
        <v>5</v>
      </c>
      <c r="C2174" s="16">
        <v>2140</v>
      </c>
      <c r="D2174" cm="1">
        <f t="array" ref="D2174">IFERROR(INDEX(Jesper!AH$2:AH$366,ROUNDDOWN($C2174/24,0)+1,1)*INDEX($D$3:$AA$30,INDEX(Jesper!$R$2:$R$366,ROW(INDEX(Jesper!AH$2:AH$366,ROUNDDOWN($C2174/24,0)+1,1))-1)+IF('Standard Profiles'!$G$18=$B$10,7,0)+IF('Standard Profiles'!$G$18=$B$17,14,0)+IF('Standard Profiles'!$G$18=$B$24,21,0),MOD($C2174,24)+1)/SUM(INDEX($D$3:$AA$30,INDEX(Jesper!$R$2:$R$366,ROW(INDEX(Jesper!AH$2:AH$366,ROUNDDOWN($C2174/24,0)+1,1))-1)+IF('Standard Profiles'!$G$18=$B$10,7,0)+IF('Standard Profiles'!$G$18=$B$17,14,0)+IF('Standard Profiles'!$G$18=$B$24,21,0),0)),0)</f>
        <v>5.2649866529547413</v>
      </c>
      <c r="E2174" cm="1">
        <f t="array" ref="E2174">IFERROR(INDEX(Jesper!AI$2:AI$366,ROUNDDOWN($C2174/24,0)+1,1)*INDEX($D$3:$AA$30,INDEX(Jesper!$R$2:$R$366,ROW(INDEX(Jesper!AI$2:AI$366,ROUNDDOWN($C2174/24,0)+1,1))-1)+IF('Standard Profiles'!$G$19=$B$10,7,0)+IF('Standard Profiles'!$G$19=$B$17,14,0)+IF('Standard Profiles'!$G$19=$B$24,21,0),MOD($C2174,24)+1)/SUM(INDEX($D$3:$AA$30,INDEX(Jesper!$R$2:$R$366,ROW(INDEX(Jesper!AI$2:AI$366,ROUNDDOWN($C2174/24,0)+1,1))-1)+IF('Standard Profiles'!$G$19=$B$10,7,0)+IF('Standard Profiles'!$G$19=$B$17,14,0)+IF('Standard Profiles'!$G$19=$B$24,21,0),0)),0)</f>
        <v>3.4825700358845828</v>
      </c>
      <c r="F2174" cm="1">
        <f t="array" ref="F2174">IFERROR(INDEX(Jesper!AJ$2:AJ$366,ROUNDDOWN($C2174/24,0)+1,1)*INDEX($D$3:$AA$30,INDEX(Jesper!$R$2:$R$366,ROW(INDEX(Jesper!AJ$2:AJ$366,ROUNDDOWN($C2174/24,0)+1,1))-1)+IF('Standard Profiles'!$G$20=$B$10,7,0)+IF('Standard Profiles'!$G$20=$B$17,14,0)+IF('Standard Profiles'!$G$20=$B$24,21,0),MOD($C2174,24)+1)/SUM(INDEX($D$3:$AA$30,INDEX(Jesper!$R$2:$R$366,ROW(INDEX(Jesper!AJ$2:AJ$366,ROUNDDOWN($C2174/24,0)+1,1))-1)+IF('Standard Profiles'!$G$20=$B$10,7,0)+IF('Standard Profiles'!$G$20=$B$17,14,0)+IF('Standard Profiles'!$G$20=$B$24,21,0),0)),0)</f>
        <v>0</v>
      </c>
      <c r="G2174" cm="1">
        <f t="array" ref="G2174">IFERROR(INDEX(Jesper!AK$2:AK$366,ROUNDDOWN($C2174/24,0)+1,1)*INDEX($D$3:$AA$30,INDEX(Jesper!$R$2:$R$366,ROW(INDEX(Jesper!AK$2:AK$366,ROUNDDOWN($C2174/24,0)+1,1))-1)+IF('Standard Profiles'!$G$21=$B$10,7,0)+IF('Standard Profiles'!$G$21=$B$17,14,0)+IF('Standard Profiles'!$G$21=$B$24,21,0),MOD($C2174,24)+1)/SUM(INDEX($D$3:$AA$30,INDEX(Jesper!$R$2:$R$366,ROW(INDEX(Jesper!AK$2:AK$366,ROUNDDOWN($C2174/24,0)+1,1))-1)+IF('Standard Profiles'!$G$21=$B$10,7,0)+IF('Standard Profiles'!$G$21=$B$17,14,0)+IF('Standard Profiles'!$G$21=$B$24,21,0),0)),0)</f>
        <v>1.0542740109285067</v>
      </c>
      <c r="H2174" cm="1">
        <f t="array" ref="H2174">IFERROR(INDEX(Jesper!AL$2:AL$366,ROUNDDOWN($C2174/24,0)+1,1)*INDEX($D$3:$AA$30,INDEX(Jesper!$R$2:$R$366,ROW(INDEX(Jesper!AL$2:AL$366,ROUNDDOWN($C2174/24,0)+1,1))-1)+IF('Standard Profiles'!$G$22=$B$10,7,0)+IF('Standard Profiles'!$G$22=$B$17,14,0)+IF('Standard Profiles'!$G$22=$B$24,21,0),MOD($C2174,24)+1)/SUM(INDEX($D$3:$AA$30,INDEX(Jesper!$R$2:$R$366,ROW(INDEX(Jesper!AL$2:AL$366,ROUNDDOWN($C2174/24,0)+1,1))-1)+IF('Standard Profiles'!$G$22=$B$10,7,0)+IF('Standard Profiles'!$G$22=$B$17,14,0)+IF('Standard Profiles'!$G$22=$B$24,21,0),0)),0)</f>
        <v>0</v>
      </c>
      <c r="I2174">
        <f t="shared" si="251"/>
        <v>0.50605152524568298</v>
      </c>
      <c r="J2174">
        <f t="shared" si="252"/>
        <v>8.4533813100493873</v>
      </c>
      <c r="K2174">
        <f t="shared" si="253"/>
        <v>0.5615985763151724</v>
      </c>
      <c r="L2174">
        <f t="shared" si="254"/>
        <v>0.2807992881575862</v>
      </c>
      <c r="M2174">
        <f t="shared" si="255"/>
        <v>0</v>
      </c>
      <c r="N2174" s="45">
        <f t="shared" si="256"/>
        <v>45016.166666661476</v>
      </c>
    </row>
    <row r="2175" spans="2:14" x14ac:dyDescent="0.25">
      <c r="B2175">
        <f t="shared" si="250"/>
        <v>5</v>
      </c>
      <c r="C2175" s="16">
        <v>2141</v>
      </c>
      <c r="D2175" cm="1">
        <f t="array" ref="D2175">IFERROR(INDEX(Jesper!AH$2:AH$366,ROUNDDOWN($C2175/24,0)+1,1)*INDEX($D$3:$AA$30,INDEX(Jesper!$R$2:$R$366,ROW(INDEX(Jesper!AH$2:AH$366,ROUNDDOWN($C2175/24,0)+1,1))-1)+IF('Standard Profiles'!$G$18=$B$10,7,0)+IF('Standard Profiles'!$G$18=$B$17,14,0)+IF('Standard Profiles'!$G$18=$B$24,21,0),MOD($C2175,24)+1)/SUM(INDEX($D$3:$AA$30,INDEX(Jesper!$R$2:$R$366,ROW(INDEX(Jesper!AH$2:AH$366,ROUNDDOWN($C2175/24,0)+1,1))-1)+IF('Standard Profiles'!$G$18=$B$10,7,0)+IF('Standard Profiles'!$G$18=$B$17,14,0)+IF('Standard Profiles'!$G$18=$B$24,21,0),0)),0)</f>
        <v>5.2649866529547413</v>
      </c>
      <c r="E2175" cm="1">
        <f t="array" ref="E2175">IFERROR(INDEX(Jesper!AI$2:AI$366,ROUNDDOWN($C2175/24,0)+1,1)*INDEX($D$3:$AA$30,INDEX(Jesper!$R$2:$R$366,ROW(INDEX(Jesper!AI$2:AI$366,ROUNDDOWN($C2175/24,0)+1,1))-1)+IF('Standard Profiles'!$G$19=$B$10,7,0)+IF('Standard Profiles'!$G$19=$B$17,14,0)+IF('Standard Profiles'!$G$19=$B$24,21,0),MOD($C2175,24)+1)/SUM(INDEX($D$3:$AA$30,INDEX(Jesper!$R$2:$R$366,ROW(INDEX(Jesper!AI$2:AI$366,ROUNDDOWN($C2175/24,0)+1,1))-1)+IF('Standard Profiles'!$G$19=$B$10,7,0)+IF('Standard Profiles'!$G$19=$B$17,14,0)+IF('Standard Profiles'!$G$19=$B$24,21,0),0)),0)</f>
        <v>3.4825700358845828</v>
      </c>
      <c r="F2175" cm="1">
        <f t="array" ref="F2175">IFERROR(INDEX(Jesper!AJ$2:AJ$366,ROUNDDOWN($C2175/24,0)+1,1)*INDEX($D$3:$AA$30,INDEX(Jesper!$R$2:$R$366,ROW(INDEX(Jesper!AJ$2:AJ$366,ROUNDDOWN($C2175/24,0)+1,1))-1)+IF('Standard Profiles'!$G$20=$B$10,7,0)+IF('Standard Profiles'!$G$20=$B$17,14,0)+IF('Standard Profiles'!$G$20=$B$24,21,0),MOD($C2175,24)+1)/SUM(INDEX($D$3:$AA$30,INDEX(Jesper!$R$2:$R$366,ROW(INDEX(Jesper!AJ$2:AJ$366,ROUNDDOWN($C2175/24,0)+1,1))-1)+IF('Standard Profiles'!$G$20=$B$10,7,0)+IF('Standard Profiles'!$G$20=$B$17,14,0)+IF('Standard Profiles'!$G$20=$B$24,21,0),0)),0)</f>
        <v>0</v>
      </c>
      <c r="G2175" cm="1">
        <f t="array" ref="G2175">IFERROR(INDEX(Jesper!AK$2:AK$366,ROUNDDOWN($C2175/24,0)+1,1)*INDEX($D$3:$AA$30,INDEX(Jesper!$R$2:$R$366,ROW(INDEX(Jesper!AK$2:AK$366,ROUNDDOWN($C2175/24,0)+1,1))-1)+IF('Standard Profiles'!$G$21=$B$10,7,0)+IF('Standard Profiles'!$G$21=$B$17,14,0)+IF('Standard Profiles'!$G$21=$B$24,21,0),MOD($C2175,24)+1)/SUM(INDEX($D$3:$AA$30,INDEX(Jesper!$R$2:$R$366,ROW(INDEX(Jesper!AK$2:AK$366,ROUNDDOWN($C2175/24,0)+1,1))-1)+IF('Standard Profiles'!$G$21=$B$10,7,0)+IF('Standard Profiles'!$G$21=$B$17,14,0)+IF('Standard Profiles'!$G$21=$B$24,21,0),0)),0)</f>
        <v>1.0542740109285067</v>
      </c>
      <c r="H2175" cm="1">
        <f t="array" ref="H2175">IFERROR(INDEX(Jesper!AL$2:AL$366,ROUNDDOWN($C2175/24,0)+1,1)*INDEX($D$3:$AA$30,INDEX(Jesper!$R$2:$R$366,ROW(INDEX(Jesper!AL$2:AL$366,ROUNDDOWN($C2175/24,0)+1,1))-1)+IF('Standard Profiles'!$G$22=$B$10,7,0)+IF('Standard Profiles'!$G$22=$B$17,14,0)+IF('Standard Profiles'!$G$22=$B$24,21,0),MOD($C2175,24)+1)/SUM(INDEX($D$3:$AA$30,INDEX(Jesper!$R$2:$R$366,ROW(INDEX(Jesper!AL$2:AL$366,ROUNDDOWN($C2175/24,0)+1,1))-1)+IF('Standard Profiles'!$G$22=$B$10,7,0)+IF('Standard Profiles'!$G$22=$B$17,14,0)+IF('Standard Profiles'!$G$22=$B$24,21,0),0)),0)</f>
        <v>0</v>
      </c>
      <c r="I2175">
        <f t="shared" si="251"/>
        <v>0.50605152524568298</v>
      </c>
      <c r="J2175">
        <f t="shared" si="252"/>
        <v>8.4533813100493873</v>
      </c>
      <c r="K2175">
        <f t="shared" si="253"/>
        <v>0.5615985763151724</v>
      </c>
      <c r="L2175">
        <f t="shared" si="254"/>
        <v>0.2807992881575862</v>
      </c>
      <c r="M2175">
        <f t="shared" si="255"/>
        <v>0</v>
      </c>
      <c r="N2175" s="45">
        <f t="shared" si="256"/>
        <v>45016.208333328141</v>
      </c>
    </row>
    <row r="2176" spans="2:14" x14ac:dyDescent="0.25">
      <c r="B2176">
        <f t="shared" si="250"/>
        <v>5</v>
      </c>
      <c r="C2176" s="16">
        <v>2142</v>
      </c>
      <c r="D2176" cm="1">
        <f t="array" ref="D2176">IFERROR(INDEX(Jesper!AH$2:AH$366,ROUNDDOWN($C2176/24,0)+1,1)*INDEX($D$3:$AA$30,INDEX(Jesper!$R$2:$R$366,ROW(INDEX(Jesper!AH$2:AH$366,ROUNDDOWN($C2176/24,0)+1,1))-1)+IF('Standard Profiles'!$G$18=$B$10,7,0)+IF('Standard Profiles'!$G$18=$B$17,14,0)+IF('Standard Profiles'!$G$18=$B$24,21,0),MOD($C2176,24)+1)/SUM(INDEX($D$3:$AA$30,INDEX(Jesper!$R$2:$R$366,ROW(INDEX(Jesper!AH$2:AH$366,ROUNDDOWN($C2176/24,0)+1,1))-1)+IF('Standard Profiles'!$G$18=$B$10,7,0)+IF('Standard Profiles'!$G$18=$B$17,14,0)+IF('Standard Profiles'!$G$18=$B$24,21,0),0)),0)</f>
        <v>5.2649866529547413</v>
      </c>
      <c r="E2176" cm="1">
        <f t="array" ref="E2176">IFERROR(INDEX(Jesper!AI$2:AI$366,ROUNDDOWN($C2176/24,0)+1,1)*INDEX($D$3:$AA$30,INDEX(Jesper!$R$2:$R$366,ROW(INDEX(Jesper!AI$2:AI$366,ROUNDDOWN($C2176/24,0)+1,1))-1)+IF('Standard Profiles'!$G$19=$B$10,7,0)+IF('Standard Profiles'!$G$19=$B$17,14,0)+IF('Standard Profiles'!$G$19=$B$24,21,0),MOD($C2176,24)+1)/SUM(INDEX($D$3:$AA$30,INDEX(Jesper!$R$2:$R$366,ROW(INDEX(Jesper!AI$2:AI$366,ROUNDDOWN($C2176/24,0)+1,1))-1)+IF('Standard Profiles'!$G$19=$B$10,7,0)+IF('Standard Profiles'!$G$19=$B$17,14,0)+IF('Standard Profiles'!$G$19=$B$24,21,0),0)),0)</f>
        <v>3.4825700358845828</v>
      </c>
      <c r="F2176" cm="1">
        <f t="array" ref="F2176">IFERROR(INDEX(Jesper!AJ$2:AJ$366,ROUNDDOWN($C2176/24,0)+1,1)*INDEX($D$3:$AA$30,INDEX(Jesper!$R$2:$R$366,ROW(INDEX(Jesper!AJ$2:AJ$366,ROUNDDOWN($C2176/24,0)+1,1))-1)+IF('Standard Profiles'!$G$20=$B$10,7,0)+IF('Standard Profiles'!$G$20=$B$17,14,0)+IF('Standard Profiles'!$G$20=$B$24,21,0),MOD($C2176,24)+1)/SUM(INDEX($D$3:$AA$30,INDEX(Jesper!$R$2:$R$366,ROW(INDEX(Jesper!AJ$2:AJ$366,ROUNDDOWN($C2176/24,0)+1,1))-1)+IF('Standard Profiles'!$G$20=$B$10,7,0)+IF('Standard Profiles'!$G$20=$B$17,14,0)+IF('Standard Profiles'!$G$20=$B$24,21,0),0)),0)</f>
        <v>0</v>
      </c>
      <c r="G2176" cm="1">
        <f t="array" ref="G2176">IFERROR(INDEX(Jesper!AK$2:AK$366,ROUNDDOWN($C2176/24,0)+1,1)*INDEX($D$3:$AA$30,INDEX(Jesper!$R$2:$R$366,ROW(INDEX(Jesper!AK$2:AK$366,ROUNDDOWN($C2176/24,0)+1,1))-1)+IF('Standard Profiles'!$G$21=$B$10,7,0)+IF('Standard Profiles'!$G$21=$B$17,14,0)+IF('Standard Profiles'!$G$21=$B$24,21,0),MOD($C2176,24)+1)/SUM(INDEX($D$3:$AA$30,INDEX(Jesper!$R$2:$R$366,ROW(INDEX(Jesper!AK$2:AK$366,ROUNDDOWN($C2176/24,0)+1,1))-1)+IF('Standard Profiles'!$G$21=$B$10,7,0)+IF('Standard Profiles'!$G$21=$B$17,14,0)+IF('Standard Profiles'!$G$21=$B$24,21,0),0)),0)</f>
        <v>1.0542740109285067</v>
      </c>
      <c r="H2176" cm="1">
        <f t="array" ref="H2176">IFERROR(INDEX(Jesper!AL$2:AL$366,ROUNDDOWN($C2176/24,0)+1,1)*INDEX($D$3:$AA$30,INDEX(Jesper!$R$2:$R$366,ROW(INDEX(Jesper!AL$2:AL$366,ROUNDDOWN($C2176/24,0)+1,1))-1)+IF('Standard Profiles'!$G$22=$B$10,7,0)+IF('Standard Profiles'!$G$22=$B$17,14,0)+IF('Standard Profiles'!$G$22=$B$24,21,0),MOD($C2176,24)+1)/SUM(INDEX($D$3:$AA$30,INDEX(Jesper!$R$2:$R$366,ROW(INDEX(Jesper!AL$2:AL$366,ROUNDDOWN($C2176/24,0)+1,1))-1)+IF('Standard Profiles'!$G$22=$B$10,7,0)+IF('Standard Profiles'!$G$22=$B$17,14,0)+IF('Standard Profiles'!$G$22=$B$24,21,0),0)),0)</f>
        <v>0</v>
      </c>
      <c r="I2176">
        <f t="shared" si="251"/>
        <v>0.50605152524568298</v>
      </c>
      <c r="J2176">
        <f t="shared" si="252"/>
        <v>8.4533813100493873</v>
      </c>
      <c r="K2176">
        <f t="shared" si="253"/>
        <v>0.5615985763151724</v>
      </c>
      <c r="L2176">
        <f t="shared" si="254"/>
        <v>0.2807992881575862</v>
      </c>
      <c r="M2176">
        <f t="shared" si="255"/>
        <v>0</v>
      </c>
      <c r="N2176" s="45">
        <f t="shared" si="256"/>
        <v>45016.249999994805</v>
      </c>
    </row>
    <row r="2177" spans="2:14" x14ac:dyDescent="0.25">
      <c r="B2177">
        <f t="shared" si="250"/>
        <v>5</v>
      </c>
      <c r="C2177" s="16">
        <v>2143</v>
      </c>
      <c r="D2177" cm="1">
        <f t="array" ref="D2177">IFERROR(INDEX(Jesper!AH$2:AH$366,ROUNDDOWN($C2177/24,0)+1,1)*INDEX($D$3:$AA$30,INDEX(Jesper!$R$2:$R$366,ROW(INDEX(Jesper!AH$2:AH$366,ROUNDDOWN($C2177/24,0)+1,1))-1)+IF('Standard Profiles'!$G$18=$B$10,7,0)+IF('Standard Profiles'!$G$18=$B$17,14,0)+IF('Standard Profiles'!$G$18=$B$24,21,0),MOD($C2177,24)+1)/SUM(INDEX($D$3:$AA$30,INDEX(Jesper!$R$2:$R$366,ROW(INDEX(Jesper!AH$2:AH$366,ROUNDDOWN($C2177/24,0)+1,1))-1)+IF('Standard Profiles'!$G$18=$B$10,7,0)+IF('Standard Profiles'!$G$18=$B$17,14,0)+IF('Standard Profiles'!$G$18=$B$24,21,0),0)),0)</f>
        <v>22.428843141587194</v>
      </c>
      <c r="E2177" cm="1">
        <f t="array" ref="E2177">IFERROR(INDEX(Jesper!AI$2:AI$366,ROUNDDOWN($C2177/24,0)+1,1)*INDEX($D$3:$AA$30,INDEX(Jesper!$R$2:$R$366,ROW(INDEX(Jesper!AI$2:AI$366,ROUNDDOWN($C2177/24,0)+1,1))-1)+IF('Standard Profiles'!$G$19=$B$10,7,0)+IF('Standard Profiles'!$G$19=$B$17,14,0)+IF('Standard Profiles'!$G$19=$B$24,21,0),MOD($C2177,24)+1)/SUM(INDEX($D$3:$AA$30,INDEX(Jesper!$R$2:$R$366,ROW(INDEX(Jesper!AI$2:AI$366,ROUNDDOWN($C2177/24,0)+1,1))-1)+IF('Standard Profiles'!$G$19=$B$10,7,0)+IF('Standard Profiles'!$G$19=$B$17,14,0)+IF('Standard Profiles'!$G$19=$B$24,21,0),0)),0)</f>
        <v>14.835748352868324</v>
      </c>
      <c r="F2177" cm="1">
        <f t="array" ref="F2177">IFERROR(INDEX(Jesper!AJ$2:AJ$366,ROUNDDOWN($C2177/24,0)+1,1)*INDEX($D$3:$AA$30,INDEX(Jesper!$R$2:$R$366,ROW(INDEX(Jesper!AJ$2:AJ$366,ROUNDDOWN($C2177/24,0)+1,1))-1)+IF('Standard Profiles'!$G$20=$B$10,7,0)+IF('Standard Profiles'!$G$20=$B$17,14,0)+IF('Standard Profiles'!$G$20=$B$24,21,0),MOD($C2177,24)+1)/SUM(INDEX($D$3:$AA$30,INDEX(Jesper!$R$2:$R$366,ROW(INDEX(Jesper!AJ$2:AJ$366,ROUNDDOWN($C2177/24,0)+1,1))-1)+IF('Standard Profiles'!$G$20=$B$10,7,0)+IF('Standard Profiles'!$G$20=$B$17,14,0)+IF('Standard Profiles'!$G$20=$B$24,21,0),0)),0)</f>
        <v>0</v>
      </c>
      <c r="G2177" cm="1">
        <f t="array" ref="G2177">IFERROR(INDEX(Jesper!AK$2:AK$366,ROUNDDOWN($C2177/24,0)+1,1)*INDEX($D$3:$AA$30,INDEX(Jesper!$R$2:$R$366,ROW(INDEX(Jesper!AK$2:AK$366,ROUNDDOWN($C2177/24,0)+1,1))-1)+IF('Standard Profiles'!$G$21=$B$10,7,0)+IF('Standard Profiles'!$G$21=$B$17,14,0)+IF('Standard Profiles'!$G$21=$B$24,21,0),MOD($C2177,24)+1)/SUM(INDEX($D$3:$AA$30,INDEX(Jesper!$R$2:$R$366,ROW(INDEX(Jesper!AK$2:AK$366,ROUNDDOWN($C2177/24,0)+1,1))-1)+IF('Standard Profiles'!$G$21=$B$10,7,0)+IF('Standard Profiles'!$G$21=$B$17,14,0)+IF('Standard Profiles'!$G$21=$B$24,21,0),0)),0)</f>
        <v>2.856742481225631</v>
      </c>
      <c r="H2177" cm="1">
        <f t="array" ref="H2177">IFERROR(INDEX(Jesper!AL$2:AL$366,ROUNDDOWN($C2177/24,0)+1,1)*INDEX($D$3:$AA$30,INDEX(Jesper!$R$2:$R$366,ROW(INDEX(Jesper!AL$2:AL$366,ROUNDDOWN($C2177/24,0)+1,1))-1)+IF('Standard Profiles'!$G$22=$B$10,7,0)+IF('Standard Profiles'!$G$22=$B$17,14,0)+IF('Standard Profiles'!$G$22=$B$24,21,0),MOD($C2177,24)+1)/SUM(INDEX($D$3:$AA$30,INDEX(Jesper!$R$2:$R$366,ROW(INDEX(Jesper!AL$2:AL$366,ROUNDDOWN($C2177/24,0)+1,1))-1)+IF('Standard Profiles'!$G$22=$B$10,7,0)+IF('Standard Profiles'!$G$22=$B$17,14,0)+IF('Standard Profiles'!$G$22=$B$24,21,0),0)),0)</f>
        <v>0</v>
      </c>
      <c r="I2177">
        <f t="shared" si="251"/>
        <v>1.3712363909883023</v>
      </c>
      <c r="J2177">
        <f t="shared" si="252"/>
        <v>35.161482682038894</v>
      </c>
      <c r="K2177">
        <f t="shared" si="253"/>
        <v>2.3924099351026342</v>
      </c>
      <c r="L2177">
        <f t="shared" si="254"/>
        <v>1.1962049675513171</v>
      </c>
      <c r="M2177">
        <f t="shared" si="255"/>
        <v>0</v>
      </c>
      <c r="N2177" s="45">
        <f t="shared" si="256"/>
        <v>45016.291666661469</v>
      </c>
    </row>
    <row r="2178" spans="2:14" x14ac:dyDescent="0.25">
      <c r="B2178">
        <f t="shared" si="250"/>
        <v>5</v>
      </c>
      <c r="C2178" s="16">
        <v>2144</v>
      </c>
      <c r="D2178" cm="1">
        <f t="array" ref="D2178">IFERROR(INDEX(Jesper!AH$2:AH$366,ROUNDDOWN($C2178/24,0)+1,1)*INDEX($D$3:$AA$30,INDEX(Jesper!$R$2:$R$366,ROW(INDEX(Jesper!AH$2:AH$366,ROUNDDOWN($C2178/24,0)+1,1))-1)+IF('Standard Profiles'!$G$18=$B$10,7,0)+IF('Standard Profiles'!$G$18=$B$17,14,0)+IF('Standard Profiles'!$G$18=$B$24,21,0),MOD($C2178,24)+1)/SUM(INDEX($D$3:$AA$30,INDEX(Jesper!$R$2:$R$366,ROW(INDEX(Jesper!AH$2:AH$366,ROUNDDOWN($C2178/24,0)+1,1))-1)+IF('Standard Profiles'!$G$18=$B$10,7,0)+IF('Standard Profiles'!$G$18=$B$17,14,0)+IF('Standard Profiles'!$G$18=$B$24,21,0),0)),0)</f>
        <v>28.036053926983993</v>
      </c>
      <c r="E2178" cm="1">
        <f t="array" ref="E2178">IFERROR(INDEX(Jesper!AI$2:AI$366,ROUNDDOWN($C2178/24,0)+1,1)*INDEX($D$3:$AA$30,INDEX(Jesper!$R$2:$R$366,ROW(INDEX(Jesper!AI$2:AI$366,ROUNDDOWN($C2178/24,0)+1,1))-1)+IF('Standard Profiles'!$G$19=$B$10,7,0)+IF('Standard Profiles'!$G$19=$B$17,14,0)+IF('Standard Profiles'!$G$19=$B$24,21,0),MOD($C2178,24)+1)/SUM(INDEX($D$3:$AA$30,INDEX(Jesper!$R$2:$R$366,ROW(INDEX(Jesper!AI$2:AI$366,ROUNDDOWN($C2178/24,0)+1,1))-1)+IF('Standard Profiles'!$G$19=$B$10,7,0)+IF('Standard Profiles'!$G$19=$B$17,14,0)+IF('Standard Profiles'!$G$19=$B$24,21,0),0)),0)</f>
        <v>18.544685441085402</v>
      </c>
      <c r="F2178" cm="1">
        <f t="array" ref="F2178">IFERROR(INDEX(Jesper!AJ$2:AJ$366,ROUNDDOWN($C2178/24,0)+1,1)*INDEX($D$3:$AA$30,INDEX(Jesper!$R$2:$R$366,ROW(INDEX(Jesper!AJ$2:AJ$366,ROUNDDOWN($C2178/24,0)+1,1))-1)+IF('Standard Profiles'!$G$20=$B$10,7,0)+IF('Standard Profiles'!$G$20=$B$17,14,0)+IF('Standard Profiles'!$G$20=$B$24,21,0),MOD($C2178,24)+1)/SUM(INDEX($D$3:$AA$30,INDEX(Jesper!$R$2:$R$366,ROW(INDEX(Jesper!AJ$2:AJ$366,ROUNDDOWN($C2178/24,0)+1,1))-1)+IF('Standard Profiles'!$G$20=$B$10,7,0)+IF('Standard Profiles'!$G$20=$B$17,14,0)+IF('Standard Profiles'!$G$20=$B$24,21,0),0)),0)</f>
        <v>0</v>
      </c>
      <c r="G2178" cm="1">
        <f t="array" ref="G2178">IFERROR(INDEX(Jesper!AK$2:AK$366,ROUNDDOWN($C2178/24,0)+1,1)*INDEX($D$3:$AA$30,INDEX(Jesper!$R$2:$R$366,ROW(INDEX(Jesper!AK$2:AK$366,ROUNDDOWN($C2178/24,0)+1,1))-1)+IF('Standard Profiles'!$G$21=$B$10,7,0)+IF('Standard Profiles'!$G$21=$B$17,14,0)+IF('Standard Profiles'!$G$21=$B$24,21,0),MOD($C2178,24)+1)/SUM(INDEX($D$3:$AA$30,INDEX(Jesper!$R$2:$R$366,ROW(INDEX(Jesper!AK$2:AK$366,ROUNDDOWN($C2178/24,0)+1,1))-1)+IF('Standard Profiles'!$G$21=$B$10,7,0)+IF('Standard Profiles'!$G$21=$B$17,14,0)+IF('Standard Profiles'!$G$21=$B$24,21,0),0)),0)</f>
        <v>3.5709281015320382</v>
      </c>
      <c r="H2178" cm="1">
        <f t="array" ref="H2178">IFERROR(INDEX(Jesper!AL$2:AL$366,ROUNDDOWN($C2178/24,0)+1,1)*INDEX($D$3:$AA$30,INDEX(Jesper!$R$2:$R$366,ROW(INDEX(Jesper!AL$2:AL$366,ROUNDDOWN($C2178/24,0)+1,1))-1)+IF('Standard Profiles'!$G$22=$B$10,7,0)+IF('Standard Profiles'!$G$22=$B$17,14,0)+IF('Standard Profiles'!$G$22=$B$24,21,0),MOD($C2178,24)+1)/SUM(INDEX($D$3:$AA$30,INDEX(Jesper!$R$2:$R$366,ROW(INDEX(Jesper!AL$2:AL$366,ROUNDDOWN($C2178/24,0)+1,1))-1)+IF('Standard Profiles'!$G$22=$B$10,7,0)+IF('Standard Profiles'!$G$22=$B$17,14,0)+IF('Standard Profiles'!$G$22=$B$24,21,0),0)),0)</f>
        <v>0</v>
      </c>
      <c r="I2178">
        <f t="shared" si="251"/>
        <v>1.7140454887353775</v>
      </c>
      <c r="J2178">
        <f t="shared" si="252"/>
        <v>43.951853352548618</v>
      </c>
      <c r="K2178">
        <f t="shared" si="253"/>
        <v>2.9905124188782928</v>
      </c>
      <c r="L2178">
        <f t="shared" si="254"/>
        <v>1.4952562094391464</v>
      </c>
      <c r="M2178">
        <f t="shared" si="255"/>
        <v>0</v>
      </c>
      <c r="N2178" s="45">
        <f t="shared" si="256"/>
        <v>45016.333333328133</v>
      </c>
    </row>
    <row r="2179" spans="2:14" x14ac:dyDescent="0.25">
      <c r="B2179">
        <f t="shared" si="250"/>
        <v>5</v>
      </c>
      <c r="C2179" s="16">
        <v>2145</v>
      </c>
      <c r="D2179" cm="1">
        <f t="array" ref="D2179">IFERROR(INDEX(Jesper!AH$2:AH$366,ROUNDDOWN($C2179/24,0)+1,1)*INDEX($D$3:$AA$30,INDEX(Jesper!$R$2:$R$366,ROW(INDEX(Jesper!AH$2:AH$366,ROUNDDOWN($C2179/24,0)+1,1))-1)+IF('Standard Profiles'!$G$18=$B$10,7,0)+IF('Standard Profiles'!$G$18=$B$17,14,0)+IF('Standard Profiles'!$G$18=$B$24,21,0),MOD($C2179,24)+1)/SUM(INDEX($D$3:$AA$30,INDEX(Jesper!$R$2:$R$366,ROW(INDEX(Jesper!AH$2:AH$366,ROUNDDOWN($C2179/24,0)+1,1))-1)+IF('Standard Profiles'!$G$18=$B$10,7,0)+IF('Standard Profiles'!$G$18=$B$17,14,0)+IF('Standard Profiles'!$G$18=$B$24,21,0),0)),0)</f>
        <v>30.839659319682394</v>
      </c>
      <c r="E2179" cm="1">
        <f t="array" ref="E2179">IFERROR(INDEX(Jesper!AI$2:AI$366,ROUNDDOWN($C2179/24,0)+1,1)*INDEX($D$3:$AA$30,INDEX(Jesper!$R$2:$R$366,ROW(INDEX(Jesper!AI$2:AI$366,ROUNDDOWN($C2179/24,0)+1,1))-1)+IF('Standard Profiles'!$G$19=$B$10,7,0)+IF('Standard Profiles'!$G$19=$B$17,14,0)+IF('Standard Profiles'!$G$19=$B$24,21,0),MOD($C2179,24)+1)/SUM(INDEX($D$3:$AA$30,INDEX(Jesper!$R$2:$R$366,ROW(INDEX(Jesper!AI$2:AI$366,ROUNDDOWN($C2179/24,0)+1,1))-1)+IF('Standard Profiles'!$G$19=$B$10,7,0)+IF('Standard Profiles'!$G$19=$B$17,14,0)+IF('Standard Profiles'!$G$19=$B$24,21,0),0)),0)</f>
        <v>20.399153985193941</v>
      </c>
      <c r="F2179" cm="1">
        <f t="array" ref="F2179">IFERROR(INDEX(Jesper!AJ$2:AJ$366,ROUNDDOWN($C2179/24,0)+1,1)*INDEX($D$3:$AA$30,INDEX(Jesper!$R$2:$R$366,ROW(INDEX(Jesper!AJ$2:AJ$366,ROUNDDOWN($C2179/24,0)+1,1))-1)+IF('Standard Profiles'!$G$20=$B$10,7,0)+IF('Standard Profiles'!$G$20=$B$17,14,0)+IF('Standard Profiles'!$G$20=$B$24,21,0),MOD($C2179,24)+1)/SUM(INDEX($D$3:$AA$30,INDEX(Jesper!$R$2:$R$366,ROW(INDEX(Jesper!AJ$2:AJ$366,ROUNDDOWN($C2179/24,0)+1,1))-1)+IF('Standard Profiles'!$G$20=$B$10,7,0)+IF('Standard Profiles'!$G$20=$B$17,14,0)+IF('Standard Profiles'!$G$20=$B$24,21,0),0)),0)</f>
        <v>0</v>
      </c>
      <c r="G2179" cm="1">
        <f t="array" ref="G2179">IFERROR(INDEX(Jesper!AK$2:AK$366,ROUNDDOWN($C2179/24,0)+1,1)*INDEX($D$3:$AA$30,INDEX(Jesper!$R$2:$R$366,ROW(INDEX(Jesper!AK$2:AK$366,ROUNDDOWN($C2179/24,0)+1,1))-1)+IF('Standard Profiles'!$G$21=$B$10,7,0)+IF('Standard Profiles'!$G$21=$B$17,14,0)+IF('Standard Profiles'!$G$21=$B$24,21,0),MOD($C2179,24)+1)/SUM(INDEX($D$3:$AA$30,INDEX(Jesper!$R$2:$R$366,ROW(INDEX(Jesper!AK$2:AK$366,ROUNDDOWN($C2179/24,0)+1,1))-1)+IF('Standard Profiles'!$G$21=$B$10,7,0)+IF('Standard Profiles'!$G$21=$B$17,14,0)+IF('Standard Profiles'!$G$21=$B$24,21,0),0)),0)</f>
        <v>3.9280209116852425</v>
      </c>
      <c r="H2179" cm="1">
        <f t="array" ref="H2179">IFERROR(INDEX(Jesper!AL$2:AL$366,ROUNDDOWN($C2179/24,0)+1,1)*INDEX($D$3:$AA$30,INDEX(Jesper!$R$2:$R$366,ROW(INDEX(Jesper!AL$2:AL$366,ROUNDDOWN($C2179/24,0)+1,1))-1)+IF('Standard Profiles'!$G$22=$B$10,7,0)+IF('Standard Profiles'!$G$22=$B$17,14,0)+IF('Standard Profiles'!$G$22=$B$24,21,0),MOD($C2179,24)+1)/SUM(INDEX($D$3:$AA$30,INDEX(Jesper!$R$2:$R$366,ROW(INDEX(Jesper!AL$2:AL$366,ROUNDDOWN($C2179/24,0)+1,1))-1)+IF('Standard Profiles'!$G$22=$B$10,7,0)+IF('Standard Profiles'!$G$22=$B$17,14,0)+IF('Standard Profiles'!$G$22=$B$24,21,0),0)),0)</f>
        <v>0</v>
      </c>
      <c r="I2179">
        <f t="shared" si="251"/>
        <v>1.8854500376089154</v>
      </c>
      <c r="J2179">
        <f t="shared" si="252"/>
        <v>48.347038687803476</v>
      </c>
      <c r="K2179">
        <f t="shared" si="253"/>
        <v>3.2895636607661221</v>
      </c>
      <c r="L2179">
        <f t="shared" si="254"/>
        <v>1.644781830383061</v>
      </c>
      <c r="M2179">
        <f t="shared" si="255"/>
        <v>0</v>
      </c>
      <c r="N2179" s="45">
        <f t="shared" si="256"/>
        <v>45016.374999994798</v>
      </c>
    </row>
    <row r="2180" spans="2:14" x14ac:dyDescent="0.25">
      <c r="B2180">
        <f t="shared" si="250"/>
        <v>5</v>
      </c>
      <c r="C2180" s="16">
        <v>2146</v>
      </c>
      <c r="D2180" cm="1">
        <f t="array" ref="D2180">IFERROR(INDEX(Jesper!AH$2:AH$366,ROUNDDOWN($C2180/24,0)+1,1)*INDEX($D$3:$AA$30,INDEX(Jesper!$R$2:$R$366,ROW(INDEX(Jesper!AH$2:AH$366,ROUNDDOWN($C2180/24,0)+1,1))-1)+IF('Standard Profiles'!$G$18=$B$10,7,0)+IF('Standard Profiles'!$G$18=$B$17,14,0)+IF('Standard Profiles'!$G$18=$B$24,21,0),MOD($C2180,24)+1)/SUM(INDEX($D$3:$AA$30,INDEX(Jesper!$R$2:$R$366,ROW(INDEX(Jesper!AH$2:AH$366,ROUNDDOWN($C2180/24,0)+1,1))-1)+IF('Standard Profiles'!$G$18=$B$10,7,0)+IF('Standard Profiles'!$G$18=$B$17,14,0)+IF('Standard Profiles'!$G$18=$B$24,21,0),0)),0)</f>
        <v>30.839659319682394</v>
      </c>
      <c r="E2180" cm="1">
        <f t="array" ref="E2180">IFERROR(INDEX(Jesper!AI$2:AI$366,ROUNDDOWN($C2180/24,0)+1,1)*INDEX($D$3:$AA$30,INDEX(Jesper!$R$2:$R$366,ROW(INDEX(Jesper!AI$2:AI$366,ROUNDDOWN($C2180/24,0)+1,1))-1)+IF('Standard Profiles'!$G$19=$B$10,7,0)+IF('Standard Profiles'!$G$19=$B$17,14,0)+IF('Standard Profiles'!$G$19=$B$24,21,0),MOD($C2180,24)+1)/SUM(INDEX($D$3:$AA$30,INDEX(Jesper!$R$2:$R$366,ROW(INDEX(Jesper!AI$2:AI$366,ROUNDDOWN($C2180/24,0)+1,1))-1)+IF('Standard Profiles'!$G$19=$B$10,7,0)+IF('Standard Profiles'!$G$19=$B$17,14,0)+IF('Standard Profiles'!$G$19=$B$24,21,0),0)),0)</f>
        <v>20.399153985193941</v>
      </c>
      <c r="F2180" cm="1">
        <f t="array" ref="F2180">IFERROR(INDEX(Jesper!AJ$2:AJ$366,ROUNDDOWN($C2180/24,0)+1,1)*INDEX($D$3:$AA$30,INDEX(Jesper!$R$2:$R$366,ROW(INDEX(Jesper!AJ$2:AJ$366,ROUNDDOWN($C2180/24,0)+1,1))-1)+IF('Standard Profiles'!$G$20=$B$10,7,0)+IF('Standard Profiles'!$G$20=$B$17,14,0)+IF('Standard Profiles'!$G$20=$B$24,21,0),MOD($C2180,24)+1)/SUM(INDEX($D$3:$AA$30,INDEX(Jesper!$R$2:$R$366,ROW(INDEX(Jesper!AJ$2:AJ$366,ROUNDDOWN($C2180/24,0)+1,1))-1)+IF('Standard Profiles'!$G$20=$B$10,7,0)+IF('Standard Profiles'!$G$20=$B$17,14,0)+IF('Standard Profiles'!$G$20=$B$24,21,0),0)),0)</f>
        <v>0</v>
      </c>
      <c r="G2180" cm="1">
        <f t="array" ref="G2180">IFERROR(INDEX(Jesper!AK$2:AK$366,ROUNDDOWN($C2180/24,0)+1,1)*INDEX($D$3:$AA$30,INDEX(Jesper!$R$2:$R$366,ROW(INDEX(Jesper!AK$2:AK$366,ROUNDDOWN($C2180/24,0)+1,1))-1)+IF('Standard Profiles'!$G$21=$B$10,7,0)+IF('Standard Profiles'!$G$21=$B$17,14,0)+IF('Standard Profiles'!$G$21=$B$24,21,0),MOD($C2180,24)+1)/SUM(INDEX($D$3:$AA$30,INDEX(Jesper!$R$2:$R$366,ROW(INDEX(Jesper!AK$2:AK$366,ROUNDDOWN($C2180/24,0)+1,1))-1)+IF('Standard Profiles'!$G$21=$B$10,7,0)+IF('Standard Profiles'!$G$21=$B$17,14,0)+IF('Standard Profiles'!$G$21=$B$24,21,0),0)),0)</f>
        <v>3.9280209116852425</v>
      </c>
      <c r="H2180" cm="1">
        <f t="array" ref="H2180">IFERROR(INDEX(Jesper!AL$2:AL$366,ROUNDDOWN($C2180/24,0)+1,1)*INDEX($D$3:$AA$30,INDEX(Jesper!$R$2:$R$366,ROW(INDEX(Jesper!AL$2:AL$366,ROUNDDOWN($C2180/24,0)+1,1))-1)+IF('Standard Profiles'!$G$22=$B$10,7,0)+IF('Standard Profiles'!$G$22=$B$17,14,0)+IF('Standard Profiles'!$G$22=$B$24,21,0),MOD($C2180,24)+1)/SUM(INDEX($D$3:$AA$30,INDEX(Jesper!$R$2:$R$366,ROW(INDEX(Jesper!AL$2:AL$366,ROUNDDOWN($C2180/24,0)+1,1))-1)+IF('Standard Profiles'!$G$22=$B$10,7,0)+IF('Standard Profiles'!$G$22=$B$17,14,0)+IF('Standard Profiles'!$G$22=$B$24,21,0),0)),0)</f>
        <v>0</v>
      </c>
      <c r="I2180">
        <f t="shared" si="251"/>
        <v>1.8854500376089154</v>
      </c>
      <c r="J2180">
        <f t="shared" si="252"/>
        <v>48.347038687803476</v>
      </c>
      <c r="K2180">
        <f t="shared" si="253"/>
        <v>3.2895636607661221</v>
      </c>
      <c r="L2180">
        <f t="shared" si="254"/>
        <v>1.644781830383061</v>
      </c>
      <c r="M2180">
        <f t="shared" si="255"/>
        <v>0</v>
      </c>
      <c r="N2180" s="45">
        <f t="shared" si="256"/>
        <v>45016.416666661462</v>
      </c>
    </row>
    <row r="2181" spans="2:14" x14ac:dyDescent="0.25">
      <c r="B2181">
        <f t="shared" si="250"/>
        <v>5</v>
      </c>
      <c r="C2181" s="16">
        <v>2147</v>
      </c>
      <c r="D2181" cm="1">
        <f t="array" ref="D2181">IFERROR(INDEX(Jesper!AH$2:AH$366,ROUNDDOWN($C2181/24,0)+1,1)*INDEX($D$3:$AA$30,INDEX(Jesper!$R$2:$R$366,ROW(INDEX(Jesper!AH$2:AH$366,ROUNDDOWN($C2181/24,0)+1,1))-1)+IF('Standard Profiles'!$G$18=$B$10,7,0)+IF('Standard Profiles'!$G$18=$B$17,14,0)+IF('Standard Profiles'!$G$18=$B$24,21,0),MOD($C2181,24)+1)/SUM(INDEX($D$3:$AA$30,INDEX(Jesper!$R$2:$R$366,ROW(INDEX(Jesper!AH$2:AH$366,ROUNDDOWN($C2181/24,0)+1,1))-1)+IF('Standard Profiles'!$G$18=$B$10,7,0)+IF('Standard Profiles'!$G$18=$B$17,14,0)+IF('Standard Profiles'!$G$18=$B$24,21,0),0)),0)</f>
        <v>36.446870105079192</v>
      </c>
      <c r="E2181" cm="1">
        <f t="array" ref="E2181">IFERROR(INDEX(Jesper!AI$2:AI$366,ROUNDDOWN($C2181/24,0)+1,1)*INDEX($D$3:$AA$30,INDEX(Jesper!$R$2:$R$366,ROW(INDEX(Jesper!AI$2:AI$366,ROUNDDOWN($C2181/24,0)+1,1))-1)+IF('Standard Profiles'!$G$19=$B$10,7,0)+IF('Standard Profiles'!$G$19=$B$17,14,0)+IF('Standard Profiles'!$G$19=$B$24,21,0),MOD($C2181,24)+1)/SUM(INDEX($D$3:$AA$30,INDEX(Jesper!$R$2:$R$366,ROW(INDEX(Jesper!AI$2:AI$366,ROUNDDOWN($C2181/24,0)+1,1))-1)+IF('Standard Profiles'!$G$19=$B$10,7,0)+IF('Standard Profiles'!$G$19=$B$17,14,0)+IF('Standard Profiles'!$G$19=$B$24,21,0),0)),0)</f>
        <v>24.108091073411021</v>
      </c>
      <c r="F2181" cm="1">
        <f t="array" ref="F2181">IFERROR(INDEX(Jesper!AJ$2:AJ$366,ROUNDDOWN($C2181/24,0)+1,1)*INDEX($D$3:$AA$30,INDEX(Jesper!$R$2:$R$366,ROW(INDEX(Jesper!AJ$2:AJ$366,ROUNDDOWN($C2181/24,0)+1,1))-1)+IF('Standard Profiles'!$G$20=$B$10,7,0)+IF('Standard Profiles'!$G$20=$B$17,14,0)+IF('Standard Profiles'!$G$20=$B$24,21,0),MOD($C2181,24)+1)/SUM(INDEX($D$3:$AA$30,INDEX(Jesper!$R$2:$R$366,ROW(INDEX(Jesper!AJ$2:AJ$366,ROUNDDOWN($C2181/24,0)+1,1))-1)+IF('Standard Profiles'!$G$20=$B$10,7,0)+IF('Standard Profiles'!$G$20=$B$17,14,0)+IF('Standard Profiles'!$G$20=$B$24,21,0),0)),0)</f>
        <v>0</v>
      </c>
      <c r="G2181" cm="1">
        <f t="array" ref="G2181">IFERROR(INDEX(Jesper!AK$2:AK$366,ROUNDDOWN($C2181/24,0)+1,1)*INDEX($D$3:$AA$30,INDEX(Jesper!$R$2:$R$366,ROW(INDEX(Jesper!AK$2:AK$366,ROUNDDOWN($C2181/24,0)+1,1))-1)+IF('Standard Profiles'!$G$21=$B$10,7,0)+IF('Standard Profiles'!$G$21=$B$17,14,0)+IF('Standard Profiles'!$G$21=$B$24,21,0),MOD($C2181,24)+1)/SUM(INDEX($D$3:$AA$30,INDEX(Jesper!$R$2:$R$366,ROW(INDEX(Jesper!AK$2:AK$366,ROUNDDOWN($C2181/24,0)+1,1))-1)+IF('Standard Profiles'!$G$21=$B$10,7,0)+IF('Standard Profiles'!$G$21=$B$17,14,0)+IF('Standard Profiles'!$G$21=$B$24,21,0),0)),0)</f>
        <v>4.6422065319916506</v>
      </c>
      <c r="H2181" cm="1">
        <f t="array" ref="H2181">IFERROR(INDEX(Jesper!AL$2:AL$366,ROUNDDOWN($C2181/24,0)+1,1)*INDEX($D$3:$AA$30,INDEX(Jesper!$R$2:$R$366,ROW(INDEX(Jesper!AL$2:AL$366,ROUNDDOWN($C2181/24,0)+1,1))-1)+IF('Standard Profiles'!$G$22=$B$10,7,0)+IF('Standard Profiles'!$G$22=$B$17,14,0)+IF('Standard Profiles'!$G$22=$B$24,21,0),MOD($C2181,24)+1)/SUM(INDEX($D$3:$AA$30,INDEX(Jesper!$R$2:$R$366,ROW(INDEX(Jesper!AL$2:AL$366,ROUNDDOWN($C2181/24,0)+1,1))-1)+IF('Standard Profiles'!$G$22=$B$10,7,0)+IF('Standard Profiles'!$G$22=$B$17,14,0)+IF('Standard Profiles'!$G$22=$B$24,21,0),0)),0)</f>
        <v>0</v>
      </c>
      <c r="I2181">
        <f t="shared" si="251"/>
        <v>2.2282591353559913</v>
      </c>
      <c r="J2181">
        <f t="shared" si="252"/>
        <v>57.137409358313199</v>
      </c>
      <c r="K2181">
        <f t="shared" si="253"/>
        <v>3.8876661445417806</v>
      </c>
      <c r="L2181">
        <f t="shared" si="254"/>
        <v>1.9438330722708903</v>
      </c>
      <c r="M2181">
        <f t="shared" si="255"/>
        <v>0</v>
      </c>
      <c r="N2181" s="45">
        <f t="shared" si="256"/>
        <v>45016.458333328126</v>
      </c>
    </row>
    <row r="2182" spans="2:14" x14ac:dyDescent="0.25">
      <c r="B2182">
        <f t="shared" si="250"/>
        <v>5</v>
      </c>
      <c r="C2182" s="16">
        <v>2148</v>
      </c>
      <c r="D2182" cm="1">
        <f t="array" ref="D2182">IFERROR(INDEX(Jesper!AH$2:AH$366,ROUNDDOWN($C2182/24,0)+1,1)*INDEX($D$3:$AA$30,INDEX(Jesper!$R$2:$R$366,ROW(INDEX(Jesper!AH$2:AH$366,ROUNDDOWN($C2182/24,0)+1,1))-1)+IF('Standard Profiles'!$G$18=$B$10,7,0)+IF('Standard Profiles'!$G$18=$B$17,14,0)+IF('Standard Profiles'!$G$18=$B$24,21,0),MOD($C2182,24)+1)/SUM(INDEX($D$3:$AA$30,INDEX(Jesper!$R$2:$R$366,ROW(INDEX(Jesper!AH$2:AH$366,ROUNDDOWN($C2182/24,0)+1,1))-1)+IF('Standard Profiles'!$G$18=$B$10,7,0)+IF('Standard Profiles'!$G$18=$B$17,14,0)+IF('Standard Profiles'!$G$18=$B$24,21,0),0)),0)</f>
        <v>36.446870105079192</v>
      </c>
      <c r="E2182" cm="1">
        <f t="array" ref="E2182">IFERROR(INDEX(Jesper!AI$2:AI$366,ROUNDDOWN($C2182/24,0)+1,1)*INDEX($D$3:$AA$30,INDEX(Jesper!$R$2:$R$366,ROW(INDEX(Jesper!AI$2:AI$366,ROUNDDOWN($C2182/24,0)+1,1))-1)+IF('Standard Profiles'!$G$19=$B$10,7,0)+IF('Standard Profiles'!$G$19=$B$17,14,0)+IF('Standard Profiles'!$G$19=$B$24,21,0),MOD($C2182,24)+1)/SUM(INDEX($D$3:$AA$30,INDEX(Jesper!$R$2:$R$366,ROW(INDEX(Jesper!AI$2:AI$366,ROUNDDOWN($C2182/24,0)+1,1))-1)+IF('Standard Profiles'!$G$19=$B$10,7,0)+IF('Standard Profiles'!$G$19=$B$17,14,0)+IF('Standard Profiles'!$G$19=$B$24,21,0),0)),0)</f>
        <v>24.108091073411021</v>
      </c>
      <c r="F2182" cm="1">
        <f t="array" ref="F2182">IFERROR(INDEX(Jesper!AJ$2:AJ$366,ROUNDDOWN($C2182/24,0)+1,1)*INDEX($D$3:$AA$30,INDEX(Jesper!$R$2:$R$366,ROW(INDEX(Jesper!AJ$2:AJ$366,ROUNDDOWN($C2182/24,0)+1,1))-1)+IF('Standard Profiles'!$G$20=$B$10,7,0)+IF('Standard Profiles'!$G$20=$B$17,14,0)+IF('Standard Profiles'!$G$20=$B$24,21,0),MOD($C2182,24)+1)/SUM(INDEX($D$3:$AA$30,INDEX(Jesper!$R$2:$R$366,ROW(INDEX(Jesper!AJ$2:AJ$366,ROUNDDOWN($C2182/24,0)+1,1))-1)+IF('Standard Profiles'!$G$20=$B$10,7,0)+IF('Standard Profiles'!$G$20=$B$17,14,0)+IF('Standard Profiles'!$G$20=$B$24,21,0),0)),0)</f>
        <v>0</v>
      </c>
      <c r="G2182" cm="1">
        <f t="array" ref="G2182">IFERROR(INDEX(Jesper!AK$2:AK$366,ROUNDDOWN($C2182/24,0)+1,1)*INDEX($D$3:$AA$30,INDEX(Jesper!$R$2:$R$366,ROW(INDEX(Jesper!AK$2:AK$366,ROUNDDOWN($C2182/24,0)+1,1))-1)+IF('Standard Profiles'!$G$21=$B$10,7,0)+IF('Standard Profiles'!$G$21=$B$17,14,0)+IF('Standard Profiles'!$G$21=$B$24,21,0),MOD($C2182,24)+1)/SUM(INDEX($D$3:$AA$30,INDEX(Jesper!$R$2:$R$366,ROW(INDEX(Jesper!AK$2:AK$366,ROUNDDOWN($C2182/24,0)+1,1))-1)+IF('Standard Profiles'!$G$21=$B$10,7,0)+IF('Standard Profiles'!$G$21=$B$17,14,0)+IF('Standard Profiles'!$G$21=$B$24,21,0),0)),0)</f>
        <v>4.6422065319916506</v>
      </c>
      <c r="H2182" cm="1">
        <f t="array" ref="H2182">IFERROR(INDEX(Jesper!AL$2:AL$366,ROUNDDOWN($C2182/24,0)+1,1)*INDEX($D$3:$AA$30,INDEX(Jesper!$R$2:$R$366,ROW(INDEX(Jesper!AL$2:AL$366,ROUNDDOWN($C2182/24,0)+1,1))-1)+IF('Standard Profiles'!$G$22=$B$10,7,0)+IF('Standard Profiles'!$G$22=$B$17,14,0)+IF('Standard Profiles'!$G$22=$B$24,21,0),MOD($C2182,24)+1)/SUM(INDEX($D$3:$AA$30,INDEX(Jesper!$R$2:$R$366,ROW(INDEX(Jesper!AL$2:AL$366,ROUNDDOWN($C2182/24,0)+1,1))-1)+IF('Standard Profiles'!$G$22=$B$10,7,0)+IF('Standard Profiles'!$G$22=$B$17,14,0)+IF('Standard Profiles'!$G$22=$B$24,21,0),0)),0)</f>
        <v>0</v>
      </c>
      <c r="I2182">
        <f t="shared" si="251"/>
        <v>2.2282591353559913</v>
      </c>
      <c r="J2182">
        <f t="shared" si="252"/>
        <v>57.137409358313199</v>
      </c>
      <c r="K2182">
        <f t="shared" si="253"/>
        <v>3.8876661445417806</v>
      </c>
      <c r="L2182">
        <f t="shared" si="254"/>
        <v>1.9438330722708903</v>
      </c>
      <c r="M2182">
        <f t="shared" si="255"/>
        <v>0</v>
      </c>
      <c r="N2182" s="45">
        <f t="shared" si="256"/>
        <v>45016.49999999479</v>
      </c>
    </row>
    <row r="2183" spans="2:14" x14ac:dyDescent="0.25">
      <c r="B2183">
        <f t="shared" si="250"/>
        <v>5</v>
      </c>
      <c r="C2183" s="16">
        <v>2149</v>
      </c>
      <c r="D2183" cm="1">
        <f t="array" ref="D2183">IFERROR(INDEX(Jesper!AH$2:AH$366,ROUNDDOWN($C2183/24,0)+1,1)*INDEX($D$3:$AA$30,INDEX(Jesper!$R$2:$R$366,ROW(INDEX(Jesper!AH$2:AH$366,ROUNDDOWN($C2183/24,0)+1,1))-1)+IF('Standard Profiles'!$G$18=$B$10,7,0)+IF('Standard Profiles'!$G$18=$B$17,14,0)+IF('Standard Profiles'!$G$18=$B$24,21,0),MOD($C2183,24)+1)/SUM(INDEX($D$3:$AA$30,INDEX(Jesper!$R$2:$R$366,ROW(INDEX(Jesper!AH$2:AH$366,ROUNDDOWN($C2183/24,0)+1,1))-1)+IF('Standard Profiles'!$G$18=$B$10,7,0)+IF('Standard Profiles'!$G$18=$B$17,14,0)+IF('Standard Profiles'!$G$18=$B$24,21,0),0)),0)</f>
        <v>25.232448534285595</v>
      </c>
      <c r="E2183" cm="1">
        <f t="array" ref="E2183">IFERROR(INDEX(Jesper!AI$2:AI$366,ROUNDDOWN($C2183/24,0)+1,1)*INDEX($D$3:$AA$30,INDEX(Jesper!$R$2:$R$366,ROW(INDEX(Jesper!AI$2:AI$366,ROUNDDOWN($C2183/24,0)+1,1))-1)+IF('Standard Profiles'!$G$19=$B$10,7,0)+IF('Standard Profiles'!$G$19=$B$17,14,0)+IF('Standard Profiles'!$G$19=$B$24,21,0),MOD($C2183,24)+1)/SUM(INDEX($D$3:$AA$30,INDEX(Jesper!$R$2:$R$366,ROW(INDEX(Jesper!AI$2:AI$366,ROUNDDOWN($C2183/24,0)+1,1))-1)+IF('Standard Profiles'!$G$19=$B$10,7,0)+IF('Standard Profiles'!$G$19=$B$17,14,0)+IF('Standard Profiles'!$G$19=$B$24,21,0),0)),0)</f>
        <v>16.69021689697686</v>
      </c>
      <c r="F2183" cm="1">
        <f t="array" ref="F2183">IFERROR(INDEX(Jesper!AJ$2:AJ$366,ROUNDDOWN($C2183/24,0)+1,1)*INDEX($D$3:$AA$30,INDEX(Jesper!$R$2:$R$366,ROW(INDEX(Jesper!AJ$2:AJ$366,ROUNDDOWN($C2183/24,0)+1,1))-1)+IF('Standard Profiles'!$G$20=$B$10,7,0)+IF('Standard Profiles'!$G$20=$B$17,14,0)+IF('Standard Profiles'!$G$20=$B$24,21,0),MOD($C2183,24)+1)/SUM(INDEX($D$3:$AA$30,INDEX(Jesper!$R$2:$R$366,ROW(INDEX(Jesper!AJ$2:AJ$366,ROUNDDOWN($C2183/24,0)+1,1))-1)+IF('Standard Profiles'!$G$20=$B$10,7,0)+IF('Standard Profiles'!$G$20=$B$17,14,0)+IF('Standard Profiles'!$G$20=$B$24,21,0),0)),0)</f>
        <v>0</v>
      </c>
      <c r="G2183" cm="1">
        <f t="array" ref="G2183">IFERROR(INDEX(Jesper!AK$2:AK$366,ROUNDDOWN($C2183/24,0)+1,1)*INDEX($D$3:$AA$30,INDEX(Jesper!$R$2:$R$366,ROW(INDEX(Jesper!AK$2:AK$366,ROUNDDOWN($C2183/24,0)+1,1))-1)+IF('Standard Profiles'!$G$21=$B$10,7,0)+IF('Standard Profiles'!$G$21=$B$17,14,0)+IF('Standard Profiles'!$G$21=$B$24,21,0),MOD($C2183,24)+1)/SUM(INDEX($D$3:$AA$30,INDEX(Jesper!$R$2:$R$366,ROW(INDEX(Jesper!AK$2:AK$366,ROUNDDOWN($C2183/24,0)+1,1))-1)+IF('Standard Profiles'!$G$21=$B$10,7,0)+IF('Standard Profiles'!$G$21=$B$17,14,0)+IF('Standard Profiles'!$G$21=$B$24,21,0),0)),0)</f>
        <v>3.2138352913788348</v>
      </c>
      <c r="H2183" cm="1">
        <f t="array" ref="H2183">IFERROR(INDEX(Jesper!AL$2:AL$366,ROUNDDOWN($C2183/24,0)+1,1)*INDEX($D$3:$AA$30,INDEX(Jesper!$R$2:$R$366,ROW(INDEX(Jesper!AL$2:AL$366,ROUNDDOWN($C2183/24,0)+1,1))-1)+IF('Standard Profiles'!$G$22=$B$10,7,0)+IF('Standard Profiles'!$G$22=$B$17,14,0)+IF('Standard Profiles'!$G$22=$B$24,21,0),MOD($C2183,24)+1)/SUM(INDEX($D$3:$AA$30,INDEX(Jesper!$R$2:$R$366,ROW(INDEX(Jesper!AL$2:AL$366,ROUNDDOWN($C2183/24,0)+1,1))-1)+IF('Standard Profiles'!$G$22=$B$10,7,0)+IF('Standard Profiles'!$G$22=$B$17,14,0)+IF('Standard Profiles'!$G$22=$B$24,21,0),0)),0)</f>
        <v>0</v>
      </c>
      <c r="I2183">
        <f t="shared" si="251"/>
        <v>1.5426409398618399</v>
      </c>
      <c r="J2183">
        <f t="shared" si="252"/>
        <v>39.556668017293752</v>
      </c>
      <c r="K2183">
        <f t="shared" si="253"/>
        <v>2.6914611769904635</v>
      </c>
      <c r="L2183">
        <f t="shared" si="254"/>
        <v>1.3457305884952317</v>
      </c>
      <c r="M2183">
        <f t="shared" si="255"/>
        <v>0</v>
      </c>
      <c r="N2183" s="45">
        <f t="shared" si="256"/>
        <v>45016.541666661455</v>
      </c>
    </row>
    <row r="2184" spans="2:14" x14ac:dyDescent="0.25">
      <c r="B2184">
        <f t="shared" si="250"/>
        <v>5</v>
      </c>
      <c r="C2184" s="16">
        <v>2150</v>
      </c>
      <c r="D2184" cm="1">
        <f t="array" ref="D2184">IFERROR(INDEX(Jesper!AH$2:AH$366,ROUNDDOWN($C2184/24,0)+1,1)*INDEX($D$3:$AA$30,INDEX(Jesper!$R$2:$R$366,ROW(INDEX(Jesper!AH$2:AH$366,ROUNDDOWN($C2184/24,0)+1,1))-1)+IF('Standard Profiles'!$G$18=$B$10,7,0)+IF('Standard Profiles'!$G$18=$B$17,14,0)+IF('Standard Profiles'!$G$18=$B$24,21,0),MOD($C2184,24)+1)/SUM(INDEX($D$3:$AA$30,INDEX(Jesper!$R$2:$R$366,ROW(INDEX(Jesper!AH$2:AH$366,ROUNDDOWN($C2184/24,0)+1,1))-1)+IF('Standard Profiles'!$G$18=$B$10,7,0)+IF('Standard Profiles'!$G$18=$B$17,14,0)+IF('Standard Profiles'!$G$18=$B$24,21,0),0)),0)</f>
        <v>36.446870105079192</v>
      </c>
      <c r="E2184" cm="1">
        <f t="array" ref="E2184">IFERROR(INDEX(Jesper!AI$2:AI$366,ROUNDDOWN($C2184/24,0)+1,1)*INDEX($D$3:$AA$30,INDEX(Jesper!$R$2:$R$366,ROW(INDEX(Jesper!AI$2:AI$366,ROUNDDOWN($C2184/24,0)+1,1))-1)+IF('Standard Profiles'!$G$19=$B$10,7,0)+IF('Standard Profiles'!$G$19=$B$17,14,0)+IF('Standard Profiles'!$G$19=$B$24,21,0),MOD($C2184,24)+1)/SUM(INDEX($D$3:$AA$30,INDEX(Jesper!$R$2:$R$366,ROW(INDEX(Jesper!AI$2:AI$366,ROUNDDOWN($C2184/24,0)+1,1))-1)+IF('Standard Profiles'!$G$19=$B$10,7,0)+IF('Standard Profiles'!$G$19=$B$17,14,0)+IF('Standard Profiles'!$G$19=$B$24,21,0),0)),0)</f>
        <v>24.108091073411021</v>
      </c>
      <c r="F2184" cm="1">
        <f t="array" ref="F2184">IFERROR(INDEX(Jesper!AJ$2:AJ$366,ROUNDDOWN($C2184/24,0)+1,1)*INDEX($D$3:$AA$30,INDEX(Jesper!$R$2:$R$366,ROW(INDEX(Jesper!AJ$2:AJ$366,ROUNDDOWN($C2184/24,0)+1,1))-1)+IF('Standard Profiles'!$G$20=$B$10,7,0)+IF('Standard Profiles'!$G$20=$B$17,14,0)+IF('Standard Profiles'!$G$20=$B$24,21,0),MOD($C2184,24)+1)/SUM(INDEX($D$3:$AA$30,INDEX(Jesper!$R$2:$R$366,ROW(INDEX(Jesper!AJ$2:AJ$366,ROUNDDOWN($C2184/24,0)+1,1))-1)+IF('Standard Profiles'!$G$20=$B$10,7,0)+IF('Standard Profiles'!$G$20=$B$17,14,0)+IF('Standard Profiles'!$G$20=$B$24,21,0),0)),0)</f>
        <v>0</v>
      </c>
      <c r="G2184" cm="1">
        <f t="array" ref="G2184">IFERROR(INDEX(Jesper!AK$2:AK$366,ROUNDDOWN($C2184/24,0)+1,1)*INDEX($D$3:$AA$30,INDEX(Jesper!$R$2:$R$366,ROW(INDEX(Jesper!AK$2:AK$366,ROUNDDOWN($C2184/24,0)+1,1))-1)+IF('Standard Profiles'!$G$21=$B$10,7,0)+IF('Standard Profiles'!$G$21=$B$17,14,0)+IF('Standard Profiles'!$G$21=$B$24,21,0),MOD($C2184,24)+1)/SUM(INDEX($D$3:$AA$30,INDEX(Jesper!$R$2:$R$366,ROW(INDEX(Jesper!AK$2:AK$366,ROUNDDOWN($C2184/24,0)+1,1))-1)+IF('Standard Profiles'!$G$21=$B$10,7,0)+IF('Standard Profiles'!$G$21=$B$17,14,0)+IF('Standard Profiles'!$G$21=$B$24,21,0),0)),0)</f>
        <v>4.6422065319916506</v>
      </c>
      <c r="H2184" cm="1">
        <f t="array" ref="H2184">IFERROR(INDEX(Jesper!AL$2:AL$366,ROUNDDOWN($C2184/24,0)+1,1)*INDEX($D$3:$AA$30,INDEX(Jesper!$R$2:$R$366,ROW(INDEX(Jesper!AL$2:AL$366,ROUNDDOWN($C2184/24,0)+1,1))-1)+IF('Standard Profiles'!$G$22=$B$10,7,0)+IF('Standard Profiles'!$G$22=$B$17,14,0)+IF('Standard Profiles'!$G$22=$B$24,21,0),MOD($C2184,24)+1)/SUM(INDEX($D$3:$AA$30,INDEX(Jesper!$R$2:$R$366,ROW(INDEX(Jesper!AL$2:AL$366,ROUNDDOWN($C2184/24,0)+1,1))-1)+IF('Standard Profiles'!$G$22=$B$10,7,0)+IF('Standard Profiles'!$G$22=$B$17,14,0)+IF('Standard Profiles'!$G$22=$B$24,21,0),0)),0)</f>
        <v>0</v>
      </c>
      <c r="I2184">
        <f t="shared" si="251"/>
        <v>2.2282591353559913</v>
      </c>
      <c r="J2184">
        <f t="shared" si="252"/>
        <v>57.137409358313199</v>
      </c>
      <c r="K2184">
        <f t="shared" si="253"/>
        <v>3.8876661445417806</v>
      </c>
      <c r="L2184">
        <f t="shared" si="254"/>
        <v>1.9438330722708903</v>
      </c>
      <c r="M2184">
        <f t="shared" si="255"/>
        <v>0</v>
      </c>
      <c r="N2184" s="45">
        <f t="shared" si="256"/>
        <v>45016.583333328119</v>
      </c>
    </row>
    <row r="2185" spans="2:14" x14ac:dyDescent="0.25">
      <c r="B2185">
        <f t="shared" si="250"/>
        <v>5</v>
      </c>
      <c r="C2185" s="16">
        <v>2151</v>
      </c>
      <c r="D2185" cm="1">
        <f t="array" ref="D2185">IFERROR(INDEX(Jesper!AH$2:AH$366,ROUNDDOWN($C2185/24,0)+1,1)*INDEX($D$3:$AA$30,INDEX(Jesper!$R$2:$R$366,ROW(INDEX(Jesper!AH$2:AH$366,ROUNDDOWN($C2185/24,0)+1,1))-1)+IF('Standard Profiles'!$G$18=$B$10,7,0)+IF('Standard Profiles'!$G$18=$B$17,14,0)+IF('Standard Profiles'!$G$18=$B$24,21,0),MOD($C2185,24)+1)/SUM(INDEX($D$3:$AA$30,INDEX(Jesper!$R$2:$R$366,ROW(INDEX(Jesper!AH$2:AH$366,ROUNDDOWN($C2185/24,0)+1,1))-1)+IF('Standard Profiles'!$G$18=$B$10,7,0)+IF('Standard Profiles'!$G$18=$B$17,14,0)+IF('Standard Profiles'!$G$18=$B$24,21,0),0)),0)</f>
        <v>28.036053926983993</v>
      </c>
      <c r="E2185" cm="1">
        <f t="array" ref="E2185">IFERROR(INDEX(Jesper!AI$2:AI$366,ROUNDDOWN($C2185/24,0)+1,1)*INDEX($D$3:$AA$30,INDEX(Jesper!$R$2:$R$366,ROW(INDEX(Jesper!AI$2:AI$366,ROUNDDOWN($C2185/24,0)+1,1))-1)+IF('Standard Profiles'!$G$19=$B$10,7,0)+IF('Standard Profiles'!$G$19=$B$17,14,0)+IF('Standard Profiles'!$G$19=$B$24,21,0),MOD($C2185,24)+1)/SUM(INDEX($D$3:$AA$30,INDEX(Jesper!$R$2:$R$366,ROW(INDEX(Jesper!AI$2:AI$366,ROUNDDOWN($C2185/24,0)+1,1))-1)+IF('Standard Profiles'!$G$19=$B$10,7,0)+IF('Standard Profiles'!$G$19=$B$17,14,0)+IF('Standard Profiles'!$G$19=$B$24,21,0),0)),0)</f>
        <v>18.544685441085402</v>
      </c>
      <c r="F2185" cm="1">
        <f t="array" ref="F2185">IFERROR(INDEX(Jesper!AJ$2:AJ$366,ROUNDDOWN($C2185/24,0)+1,1)*INDEX($D$3:$AA$30,INDEX(Jesper!$R$2:$R$366,ROW(INDEX(Jesper!AJ$2:AJ$366,ROUNDDOWN($C2185/24,0)+1,1))-1)+IF('Standard Profiles'!$G$20=$B$10,7,0)+IF('Standard Profiles'!$G$20=$B$17,14,0)+IF('Standard Profiles'!$G$20=$B$24,21,0),MOD($C2185,24)+1)/SUM(INDEX($D$3:$AA$30,INDEX(Jesper!$R$2:$R$366,ROW(INDEX(Jesper!AJ$2:AJ$366,ROUNDDOWN($C2185/24,0)+1,1))-1)+IF('Standard Profiles'!$G$20=$B$10,7,0)+IF('Standard Profiles'!$G$20=$B$17,14,0)+IF('Standard Profiles'!$G$20=$B$24,21,0),0)),0)</f>
        <v>0</v>
      </c>
      <c r="G2185" cm="1">
        <f t="array" ref="G2185">IFERROR(INDEX(Jesper!AK$2:AK$366,ROUNDDOWN($C2185/24,0)+1,1)*INDEX($D$3:$AA$30,INDEX(Jesper!$R$2:$R$366,ROW(INDEX(Jesper!AK$2:AK$366,ROUNDDOWN($C2185/24,0)+1,1))-1)+IF('Standard Profiles'!$G$21=$B$10,7,0)+IF('Standard Profiles'!$G$21=$B$17,14,0)+IF('Standard Profiles'!$G$21=$B$24,21,0),MOD($C2185,24)+1)/SUM(INDEX($D$3:$AA$30,INDEX(Jesper!$R$2:$R$366,ROW(INDEX(Jesper!AK$2:AK$366,ROUNDDOWN($C2185/24,0)+1,1))-1)+IF('Standard Profiles'!$G$21=$B$10,7,0)+IF('Standard Profiles'!$G$21=$B$17,14,0)+IF('Standard Profiles'!$G$21=$B$24,21,0),0)),0)</f>
        <v>3.9280209116852425</v>
      </c>
      <c r="H2185" cm="1">
        <f t="array" ref="H2185">IFERROR(INDEX(Jesper!AL$2:AL$366,ROUNDDOWN($C2185/24,0)+1,1)*INDEX($D$3:$AA$30,INDEX(Jesper!$R$2:$R$366,ROW(INDEX(Jesper!AL$2:AL$366,ROUNDDOWN($C2185/24,0)+1,1))-1)+IF('Standard Profiles'!$G$22=$B$10,7,0)+IF('Standard Profiles'!$G$22=$B$17,14,0)+IF('Standard Profiles'!$G$22=$B$24,21,0),MOD($C2185,24)+1)/SUM(INDEX($D$3:$AA$30,INDEX(Jesper!$R$2:$R$366,ROW(INDEX(Jesper!AL$2:AL$366,ROUNDDOWN($C2185/24,0)+1,1))-1)+IF('Standard Profiles'!$G$22=$B$10,7,0)+IF('Standard Profiles'!$G$22=$B$17,14,0)+IF('Standard Profiles'!$G$22=$B$24,21,0),0)),0)</f>
        <v>0</v>
      </c>
      <c r="I2185">
        <f t="shared" si="251"/>
        <v>1.8854500376089154</v>
      </c>
      <c r="J2185">
        <f t="shared" si="252"/>
        <v>44.137541613828283</v>
      </c>
      <c r="K2185">
        <f t="shared" si="253"/>
        <v>2.9905124188782928</v>
      </c>
      <c r="L2185">
        <f t="shared" si="254"/>
        <v>1.4952562094391464</v>
      </c>
      <c r="M2185">
        <f t="shared" si="255"/>
        <v>0</v>
      </c>
      <c r="N2185" s="45">
        <f t="shared" si="256"/>
        <v>45016.624999994783</v>
      </c>
    </row>
    <row r="2186" spans="2:14" x14ac:dyDescent="0.25">
      <c r="B2186">
        <f t="shared" si="250"/>
        <v>5</v>
      </c>
      <c r="C2186" s="16">
        <v>2152</v>
      </c>
      <c r="D2186" cm="1">
        <f t="array" ref="D2186">IFERROR(INDEX(Jesper!AH$2:AH$366,ROUNDDOWN($C2186/24,0)+1,1)*INDEX($D$3:$AA$30,INDEX(Jesper!$R$2:$R$366,ROW(INDEX(Jesper!AH$2:AH$366,ROUNDDOWN($C2186/24,0)+1,1))-1)+IF('Standard Profiles'!$G$18=$B$10,7,0)+IF('Standard Profiles'!$G$18=$B$17,14,0)+IF('Standard Profiles'!$G$18=$B$24,21,0),MOD($C2186,24)+1)/SUM(INDEX($D$3:$AA$30,INDEX(Jesper!$R$2:$R$366,ROW(INDEX(Jesper!AH$2:AH$366,ROUNDDOWN($C2186/24,0)+1,1))-1)+IF('Standard Profiles'!$G$18=$B$10,7,0)+IF('Standard Profiles'!$G$18=$B$17,14,0)+IF('Standard Profiles'!$G$18=$B$24,21,0),0)),0)</f>
        <v>13.162466632386852</v>
      </c>
      <c r="E2186" cm="1">
        <f t="array" ref="E2186">IFERROR(INDEX(Jesper!AI$2:AI$366,ROUNDDOWN($C2186/24,0)+1,1)*INDEX($D$3:$AA$30,INDEX(Jesper!$R$2:$R$366,ROW(INDEX(Jesper!AI$2:AI$366,ROUNDDOWN($C2186/24,0)+1,1))-1)+IF('Standard Profiles'!$G$19=$B$10,7,0)+IF('Standard Profiles'!$G$19=$B$17,14,0)+IF('Standard Profiles'!$G$19=$B$24,21,0),MOD($C2186,24)+1)/SUM(INDEX($D$3:$AA$30,INDEX(Jesper!$R$2:$R$366,ROW(INDEX(Jesper!AI$2:AI$366,ROUNDDOWN($C2186/24,0)+1,1))-1)+IF('Standard Profiles'!$G$19=$B$10,7,0)+IF('Standard Profiles'!$G$19=$B$17,14,0)+IF('Standard Profiles'!$G$19=$B$24,21,0),0)),0)</f>
        <v>8.7064250897114555</v>
      </c>
      <c r="F2186" cm="1">
        <f t="array" ref="F2186">IFERROR(INDEX(Jesper!AJ$2:AJ$366,ROUNDDOWN($C2186/24,0)+1,1)*INDEX($D$3:$AA$30,INDEX(Jesper!$R$2:$R$366,ROW(INDEX(Jesper!AJ$2:AJ$366,ROUNDDOWN($C2186/24,0)+1,1))-1)+IF('Standard Profiles'!$G$20=$B$10,7,0)+IF('Standard Profiles'!$G$20=$B$17,14,0)+IF('Standard Profiles'!$G$20=$B$24,21,0),MOD($C2186,24)+1)/SUM(INDEX($D$3:$AA$30,INDEX(Jesper!$R$2:$R$366,ROW(INDEX(Jesper!AJ$2:AJ$366,ROUNDDOWN($C2186/24,0)+1,1))-1)+IF('Standard Profiles'!$G$20=$B$10,7,0)+IF('Standard Profiles'!$G$20=$B$17,14,0)+IF('Standard Profiles'!$G$20=$B$24,21,0),0)),0)</f>
        <v>0</v>
      </c>
      <c r="G2186" cm="1">
        <f t="array" ref="G2186">IFERROR(INDEX(Jesper!AK$2:AK$366,ROUNDDOWN($C2186/24,0)+1,1)*INDEX($D$3:$AA$30,INDEX(Jesper!$R$2:$R$366,ROW(INDEX(Jesper!AK$2:AK$366,ROUNDDOWN($C2186/24,0)+1,1))-1)+IF('Standard Profiles'!$G$21=$B$10,7,0)+IF('Standard Profiles'!$G$21=$B$17,14,0)+IF('Standard Profiles'!$G$21=$B$24,21,0),MOD($C2186,24)+1)/SUM(INDEX($D$3:$AA$30,INDEX(Jesper!$R$2:$R$366,ROW(INDEX(Jesper!AK$2:AK$366,ROUNDDOWN($C2186/24,0)+1,1))-1)+IF('Standard Profiles'!$G$21=$B$10,7,0)+IF('Standard Profiles'!$G$21=$B$17,14,0)+IF('Standard Profiles'!$G$21=$B$24,21,0),0)),0)</f>
        <v>3.4008839062209897</v>
      </c>
      <c r="H2186" cm="1">
        <f t="array" ref="H2186">IFERROR(INDEX(Jesper!AL$2:AL$366,ROUNDDOWN($C2186/24,0)+1,1)*INDEX($D$3:$AA$30,INDEX(Jesper!$R$2:$R$366,ROW(INDEX(Jesper!AL$2:AL$366,ROUNDDOWN($C2186/24,0)+1,1))-1)+IF('Standard Profiles'!$G$22=$B$10,7,0)+IF('Standard Profiles'!$G$22=$B$17,14,0)+IF('Standard Profiles'!$G$22=$B$24,21,0),MOD($C2186,24)+1)/SUM(INDEX($D$3:$AA$30,INDEX(Jesper!$R$2:$R$366,ROW(INDEX(Jesper!AL$2:AL$366,ROUNDDOWN($C2186/24,0)+1,1))-1)+IF('Standard Profiles'!$G$22=$B$10,7,0)+IF('Standard Profiles'!$G$22=$B$17,14,0)+IF('Standard Profiles'!$G$22=$B$24,21,0),0)),0)</f>
        <v>0</v>
      </c>
      <c r="I2186">
        <f t="shared" si="251"/>
        <v>1.6324242749860742</v>
      </c>
      <c r="J2186">
        <f t="shared" si="252"/>
        <v>21.531356692151324</v>
      </c>
      <c r="K2186">
        <f t="shared" si="253"/>
        <v>1.4039964407879311</v>
      </c>
      <c r="L2186">
        <f t="shared" si="254"/>
        <v>0.70199822039396553</v>
      </c>
      <c r="M2186">
        <f t="shared" si="255"/>
        <v>0</v>
      </c>
      <c r="N2186" s="45">
        <f t="shared" si="256"/>
        <v>45016.666666661447</v>
      </c>
    </row>
    <row r="2187" spans="2:14" x14ac:dyDescent="0.25">
      <c r="B2187">
        <f t="shared" si="250"/>
        <v>5</v>
      </c>
      <c r="C2187" s="16">
        <v>2153</v>
      </c>
      <c r="D2187" cm="1">
        <f t="array" ref="D2187">IFERROR(INDEX(Jesper!AH$2:AH$366,ROUNDDOWN($C2187/24,0)+1,1)*INDEX($D$3:$AA$30,INDEX(Jesper!$R$2:$R$366,ROW(INDEX(Jesper!AH$2:AH$366,ROUNDDOWN($C2187/24,0)+1,1))-1)+IF('Standard Profiles'!$G$18=$B$10,7,0)+IF('Standard Profiles'!$G$18=$B$17,14,0)+IF('Standard Profiles'!$G$18=$B$24,21,0),MOD($C2187,24)+1)/SUM(INDEX($D$3:$AA$30,INDEX(Jesper!$R$2:$R$366,ROW(INDEX(Jesper!AH$2:AH$366,ROUNDDOWN($C2187/24,0)+1,1))-1)+IF('Standard Profiles'!$G$18=$B$10,7,0)+IF('Standard Profiles'!$G$18=$B$17,14,0)+IF('Standard Profiles'!$G$18=$B$24,21,0),0)),0)</f>
        <v>8.687227977375322</v>
      </c>
      <c r="E2187" cm="1">
        <f t="array" ref="E2187">IFERROR(INDEX(Jesper!AI$2:AI$366,ROUNDDOWN($C2187/24,0)+1,1)*INDEX($D$3:$AA$30,INDEX(Jesper!$R$2:$R$366,ROW(INDEX(Jesper!AI$2:AI$366,ROUNDDOWN($C2187/24,0)+1,1))-1)+IF('Standard Profiles'!$G$19=$B$10,7,0)+IF('Standard Profiles'!$G$19=$B$17,14,0)+IF('Standard Profiles'!$G$19=$B$24,21,0),MOD($C2187,24)+1)/SUM(INDEX($D$3:$AA$30,INDEX(Jesper!$R$2:$R$366,ROW(INDEX(Jesper!AI$2:AI$366,ROUNDDOWN($C2187/24,0)+1,1))-1)+IF('Standard Profiles'!$G$19=$B$10,7,0)+IF('Standard Profiles'!$G$19=$B$17,14,0)+IF('Standard Profiles'!$G$19=$B$24,21,0),0)),0)</f>
        <v>5.7462405592095607</v>
      </c>
      <c r="F2187" cm="1">
        <f t="array" ref="F2187">IFERROR(INDEX(Jesper!AJ$2:AJ$366,ROUNDDOWN($C2187/24,0)+1,1)*INDEX($D$3:$AA$30,INDEX(Jesper!$R$2:$R$366,ROW(INDEX(Jesper!AJ$2:AJ$366,ROUNDDOWN($C2187/24,0)+1,1))-1)+IF('Standard Profiles'!$G$20=$B$10,7,0)+IF('Standard Profiles'!$G$20=$B$17,14,0)+IF('Standard Profiles'!$G$20=$B$24,21,0),MOD($C2187,24)+1)/SUM(INDEX($D$3:$AA$30,INDEX(Jesper!$R$2:$R$366,ROW(INDEX(Jesper!AJ$2:AJ$366,ROUNDDOWN($C2187/24,0)+1,1))-1)+IF('Standard Profiles'!$G$20=$B$10,7,0)+IF('Standard Profiles'!$G$20=$B$17,14,0)+IF('Standard Profiles'!$G$20=$B$24,21,0),0)),0)</f>
        <v>0</v>
      </c>
      <c r="G2187" cm="1">
        <f t="array" ref="G2187">IFERROR(INDEX(Jesper!AK$2:AK$366,ROUNDDOWN($C2187/24,0)+1,1)*INDEX($D$3:$AA$30,INDEX(Jesper!$R$2:$R$366,ROW(INDEX(Jesper!AK$2:AK$366,ROUNDDOWN($C2187/24,0)+1,1))-1)+IF('Standard Profiles'!$G$21=$B$10,7,0)+IF('Standard Profiles'!$G$21=$B$17,14,0)+IF('Standard Profiles'!$G$21=$B$24,21,0),MOD($C2187,24)+1)/SUM(INDEX($D$3:$AA$30,INDEX(Jesper!$R$2:$R$366,ROW(INDEX(Jesper!AK$2:AK$366,ROUNDDOWN($C2187/24,0)+1,1))-1)+IF('Standard Profiles'!$G$21=$B$10,7,0)+IF('Standard Profiles'!$G$21=$B$17,14,0)+IF('Standard Profiles'!$G$21=$B$24,21,0),0)),0)</f>
        <v>2.856742481225631</v>
      </c>
      <c r="H2187" cm="1">
        <f t="array" ref="H2187">IFERROR(INDEX(Jesper!AL$2:AL$366,ROUNDDOWN($C2187/24,0)+1,1)*INDEX($D$3:$AA$30,INDEX(Jesper!$R$2:$R$366,ROW(INDEX(Jesper!AL$2:AL$366,ROUNDDOWN($C2187/24,0)+1,1))-1)+IF('Standard Profiles'!$G$22=$B$10,7,0)+IF('Standard Profiles'!$G$22=$B$17,14,0)+IF('Standard Profiles'!$G$22=$B$24,21,0),MOD($C2187,24)+1)/SUM(INDEX($D$3:$AA$30,INDEX(Jesper!$R$2:$R$366,ROW(INDEX(Jesper!AL$2:AL$366,ROUNDDOWN($C2187/24,0)+1,1))-1)+IF('Standard Profiles'!$G$22=$B$10,7,0)+IF('Standard Profiles'!$G$22=$B$17,14,0)+IF('Standard Profiles'!$G$22=$B$24,21,0),0)),0)</f>
        <v>0</v>
      </c>
      <c r="I2187">
        <f t="shared" si="251"/>
        <v>1.3712363909883023</v>
      </c>
      <c r="J2187">
        <f t="shared" si="252"/>
        <v>14.529018150442159</v>
      </c>
      <c r="K2187">
        <f t="shared" si="253"/>
        <v>0.92663765092003436</v>
      </c>
      <c r="L2187">
        <f t="shared" si="254"/>
        <v>0.46331882546001718</v>
      </c>
      <c r="M2187">
        <f t="shared" si="255"/>
        <v>0</v>
      </c>
      <c r="N2187" s="45">
        <f t="shared" si="256"/>
        <v>45016.708333328112</v>
      </c>
    </row>
    <row r="2188" spans="2:14" x14ac:dyDescent="0.25">
      <c r="B2188">
        <f t="shared" si="250"/>
        <v>5</v>
      </c>
      <c r="C2188" s="16">
        <v>2154</v>
      </c>
      <c r="D2188" cm="1">
        <f t="array" ref="D2188">IFERROR(INDEX(Jesper!AH$2:AH$366,ROUNDDOWN($C2188/24,0)+1,1)*INDEX($D$3:$AA$30,INDEX(Jesper!$R$2:$R$366,ROW(INDEX(Jesper!AH$2:AH$366,ROUNDDOWN($C2188/24,0)+1,1))-1)+IF('Standard Profiles'!$G$18=$B$10,7,0)+IF('Standard Profiles'!$G$18=$B$17,14,0)+IF('Standard Profiles'!$G$18=$B$24,21,0),MOD($C2188,24)+1)/SUM(INDEX($D$3:$AA$30,INDEX(Jesper!$R$2:$R$366,ROW(INDEX(Jesper!AH$2:AH$366,ROUNDDOWN($C2188/24,0)+1,1))-1)+IF('Standard Profiles'!$G$18=$B$10,7,0)+IF('Standard Profiles'!$G$18=$B$17,14,0)+IF('Standard Profiles'!$G$18=$B$24,21,0),0)),0)</f>
        <v>5.5282359856024774</v>
      </c>
      <c r="E2188" cm="1">
        <f t="array" ref="E2188">IFERROR(INDEX(Jesper!AI$2:AI$366,ROUNDDOWN($C2188/24,0)+1,1)*INDEX($D$3:$AA$30,INDEX(Jesper!$R$2:$R$366,ROW(INDEX(Jesper!AI$2:AI$366,ROUNDDOWN($C2188/24,0)+1,1))-1)+IF('Standard Profiles'!$G$19=$B$10,7,0)+IF('Standard Profiles'!$G$19=$B$17,14,0)+IF('Standard Profiles'!$G$19=$B$24,21,0),MOD($C2188,24)+1)/SUM(INDEX($D$3:$AA$30,INDEX(Jesper!$R$2:$R$366,ROW(INDEX(Jesper!AI$2:AI$366,ROUNDDOWN($C2188/24,0)+1,1))-1)+IF('Standard Profiles'!$G$19=$B$10,7,0)+IF('Standard Profiles'!$G$19=$B$17,14,0)+IF('Standard Profiles'!$G$19=$B$24,21,0),0)),0)</f>
        <v>3.6566985376788117</v>
      </c>
      <c r="F2188" cm="1">
        <f t="array" ref="F2188">IFERROR(INDEX(Jesper!AJ$2:AJ$366,ROUNDDOWN($C2188/24,0)+1,1)*INDEX($D$3:$AA$30,INDEX(Jesper!$R$2:$R$366,ROW(INDEX(Jesper!AJ$2:AJ$366,ROUNDDOWN($C2188/24,0)+1,1))-1)+IF('Standard Profiles'!$G$20=$B$10,7,0)+IF('Standard Profiles'!$G$20=$B$17,14,0)+IF('Standard Profiles'!$G$20=$B$24,21,0),MOD($C2188,24)+1)/SUM(INDEX($D$3:$AA$30,INDEX(Jesper!$R$2:$R$366,ROW(INDEX(Jesper!AJ$2:AJ$366,ROUNDDOWN($C2188/24,0)+1,1))-1)+IF('Standard Profiles'!$G$20=$B$10,7,0)+IF('Standard Profiles'!$G$20=$B$17,14,0)+IF('Standard Profiles'!$G$20=$B$24,21,0),0)),0)</f>
        <v>0</v>
      </c>
      <c r="G2188" cm="1">
        <f t="array" ref="G2188">IFERROR(INDEX(Jesper!AK$2:AK$366,ROUNDDOWN($C2188/24,0)+1,1)*INDEX($D$3:$AA$30,INDEX(Jesper!$R$2:$R$366,ROW(INDEX(Jesper!AK$2:AK$366,ROUNDDOWN($C2188/24,0)+1,1))-1)+IF('Standard Profiles'!$G$21=$B$10,7,0)+IF('Standard Profiles'!$G$21=$B$17,14,0)+IF('Standard Profiles'!$G$21=$B$24,21,0),MOD($C2188,24)+1)/SUM(INDEX($D$3:$AA$30,INDEX(Jesper!$R$2:$R$366,ROW(INDEX(Jesper!AK$2:AK$366,ROUNDDOWN($C2188/24,0)+1,1))-1)+IF('Standard Profiles'!$G$21=$B$10,7,0)+IF('Standard Profiles'!$G$21=$B$17,14,0)+IF('Standard Profiles'!$G$21=$B$24,21,0),0)),0)</f>
        <v>1.0542740109285067</v>
      </c>
      <c r="H2188" cm="1">
        <f t="array" ref="H2188">IFERROR(INDEX(Jesper!AL$2:AL$366,ROUNDDOWN($C2188/24,0)+1,1)*INDEX($D$3:$AA$30,INDEX(Jesper!$R$2:$R$366,ROW(INDEX(Jesper!AL$2:AL$366,ROUNDDOWN($C2188/24,0)+1,1))-1)+IF('Standard Profiles'!$G$22=$B$10,7,0)+IF('Standard Profiles'!$G$22=$B$17,14,0)+IF('Standard Profiles'!$G$22=$B$24,21,0),MOD($C2188,24)+1)/SUM(INDEX($D$3:$AA$30,INDEX(Jesper!$R$2:$R$366,ROW(INDEX(Jesper!AL$2:AL$366,ROUNDDOWN($C2188/24,0)+1,1))-1)+IF('Standard Profiles'!$G$22=$B$10,7,0)+IF('Standard Profiles'!$G$22=$B$17,14,0)+IF('Standard Profiles'!$G$22=$B$24,21,0),0)),0)</f>
        <v>0</v>
      </c>
      <c r="I2188">
        <f t="shared" si="251"/>
        <v>0.50605152524568298</v>
      </c>
      <c r="J2188">
        <f t="shared" si="252"/>
        <v>8.8486392512677163</v>
      </c>
      <c r="K2188">
        <f t="shared" si="253"/>
        <v>0.58967850513093101</v>
      </c>
      <c r="L2188">
        <f t="shared" si="254"/>
        <v>0.2948392525654655</v>
      </c>
      <c r="M2188">
        <f t="shared" si="255"/>
        <v>0</v>
      </c>
      <c r="N2188" s="45">
        <f t="shared" si="256"/>
        <v>45016.749999994776</v>
      </c>
    </row>
    <row r="2189" spans="2:14" x14ac:dyDescent="0.25">
      <c r="B2189">
        <f t="shared" si="250"/>
        <v>5</v>
      </c>
      <c r="C2189" s="16">
        <v>2155</v>
      </c>
      <c r="D2189" cm="1">
        <f t="array" ref="D2189">IFERROR(INDEX(Jesper!AH$2:AH$366,ROUNDDOWN($C2189/24,0)+1,1)*INDEX($D$3:$AA$30,INDEX(Jesper!$R$2:$R$366,ROW(INDEX(Jesper!AH$2:AH$366,ROUNDDOWN($C2189/24,0)+1,1))-1)+IF('Standard Profiles'!$G$18=$B$10,7,0)+IF('Standard Profiles'!$G$18=$B$17,14,0)+IF('Standard Profiles'!$G$18=$B$24,21,0),MOD($C2189,24)+1)/SUM(INDEX($D$3:$AA$30,INDEX(Jesper!$R$2:$R$366,ROW(INDEX(Jesper!AH$2:AH$366,ROUNDDOWN($C2189/24,0)+1,1))-1)+IF('Standard Profiles'!$G$18=$B$10,7,0)+IF('Standard Profiles'!$G$18=$B$17,14,0)+IF('Standard Profiles'!$G$18=$B$24,21,0),0)),0)</f>
        <v>5.2649866529547413</v>
      </c>
      <c r="E2189" cm="1">
        <f t="array" ref="E2189">IFERROR(INDEX(Jesper!AI$2:AI$366,ROUNDDOWN($C2189/24,0)+1,1)*INDEX($D$3:$AA$30,INDEX(Jesper!$R$2:$R$366,ROW(INDEX(Jesper!AI$2:AI$366,ROUNDDOWN($C2189/24,0)+1,1))-1)+IF('Standard Profiles'!$G$19=$B$10,7,0)+IF('Standard Profiles'!$G$19=$B$17,14,0)+IF('Standard Profiles'!$G$19=$B$24,21,0),MOD($C2189,24)+1)/SUM(INDEX($D$3:$AA$30,INDEX(Jesper!$R$2:$R$366,ROW(INDEX(Jesper!AI$2:AI$366,ROUNDDOWN($C2189/24,0)+1,1))-1)+IF('Standard Profiles'!$G$19=$B$10,7,0)+IF('Standard Profiles'!$G$19=$B$17,14,0)+IF('Standard Profiles'!$G$19=$B$24,21,0),0)),0)</f>
        <v>3.4825700358845828</v>
      </c>
      <c r="F2189" cm="1">
        <f t="array" ref="F2189">IFERROR(INDEX(Jesper!AJ$2:AJ$366,ROUNDDOWN($C2189/24,0)+1,1)*INDEX($D$3:$AA$30,INDEX(Jesper!$R$2:$R$366,ROW(INDEX(Jesper!AJ$2:AJ$366,ROUNDDOWN($C2189/24,0)+1,1))-1)+IF('Standard Profiles'!$G$20=$B$10,7,0)+IF('Standard Profiles'!$G$20=$B$17,14,0)+IF('Standard Profiles'!$G$20=$B$24,21,0),MOD($C2189,24)+1)/SUM(INDEX($D$3:$AA$30,INDEX(Jesper!$R$2:$R$366,ROW(INDEX(Jesper!AJ$2:AJ$366,ROUNDDOWN($C2189/24,0)+1,1))-1)+IF('Standard Profiles'!$G$20=$B$10,7,0)+IF('Standard Profiles'!$G$20=$B$17,14,0)+IF('Standard Profiles'!$G$20=$B$24,21,0),0)),0)</f>
        <v>0</v>
      </c>
      <c r="G2189" cm="1">
        <f t="array" ref="G2189">IFERROR(INDEX(Jesper!AK$2:AK$366,ROUNDDOWN($C2189/24,0)+1,1)*INDEX($D$3:$AA$30,INDEX(Jesper!$R$2:$R$366,ROW(INDEX(Jesper!AK$2:AK$366,ROUNDDOWN($C2189/24,0)+1,1))-1)+IF('Standard Profiles'!$G$21=$B$10,7,0)+IF('Standard Profiles'!$G$21=$B$17,14,0)+IF('Standard Profiles'!$G$21=$B$24,21,0),MOD($C2189,24)+1)/SUM(INDEX($D$3:$AA$30,INDEX(Jesper!$R$2:$R$366,ROW(INDEX(Jesper!AK$2:AK$366,ROUNDDOWN($C2189/24,0)+1,1))-1)+IF('Standard Profiles'!$G$21=$B$10,7,0)+IF('Standard Profiles'!$G$21=$B$17,14,0)+IF('Standard Profiles'!$G$21=$B$24,21,0),0)),0)</f>
        <v>1.0542740109285067</v>
      </c>
      <c r="H2189" cm="1">
        <f t="array" ref="H2189">IFERROR(INDEX(Jesper!AL$2:AL$366,ROUNDDOWN($C2189/24,0)+1,1)*INDEX($D$3:$AA$30,INDEX(Jesper!$R$2:$R$366,ROW(INDEX(Jesper!AL$2:AL$366,ROUNDDOWN($C2189/24,0)+1,1))-1)+IF('Standard Profiles'!$G$22=$B$10,7,0)+IF('Standard Profiles'!$G$22=$B$17,14,0)+IF('Standard Profiles'!$G$22=$B$24,21,0),MOD($C2189,24)+1)/SUM(INDEX($D$3:$AA$30,INDEX(Jesper!$R$2:$R$366,ROW(INDEX(Jesper!AL$2:AL$366,ROUNDDOWN($C2189/24,0)+1,1))-1)+IF('Standard Profiles'!$G$22=$B$10,7,0)+IF('Standard Profiles'!$G$22=$B$17,14,0)+IF('Standard Profiles'!$G$22=$B$24,21,0),0)),0)</f>
        <v>0</v>
      </c>
      <c r="I2189">
        <f t="shared" si="251"/>
        <v>0.50605152524568298</v>
      </c>
      <c r="J2189">
        <f t="shared" si="252"/>
        <v>8.4533813100493873</v>
      </c>
      <c r="K2189">
        <f t="shared" si="253"/>
        <v>0.5615985763151724</v>
      </c>
      <c r="L2189">
        <f t="shared" si="254"/>
        <v>0.2807992881575862</v>
      </c>
      <c r="M2189">
        <f t="shared" si="255"/>
        <v>0</v>
      </c>
      <c r="N2189" s="45">
        <f t="shared" si="256"/>
        <v>45016.79166666144</v>
      </c>
    </row>
    <row r="2190" spans="2:14" x14ac:dyDescent="0.25">
      <c r="B2190">
        <f t="shared" si="250"/>
        <v>5</v>
      </c>
      <c r="C2190" s="16">
        <v>2156</v>
      </c>
      <c r="D2190" cm="1">
        <f t="array" ref="D2190">IFERROR(INDEX(Jesper!AH$2:AH$366,ROUNDDOWN($C2190/24,0)+1,1)*INDEX($D$3:$AA$30,INDEX(Jesper!$R$2:$R$366,ROW(INDEX(Jesper!AH$2:AH$366,ROUNDDOWN($C2190/24,0)+1,1))-1)+IF('Standard Profiles'!$G$18=$B$10,7,0)+IF('Standard Profiles'!$G$18=$B$17,14,0)+IF('Standard Profiles'!$G$18=$B$24,21,0),MOD($C2190,24)+1)/SUM(INDEX($D$3:$AA$30,INDEX(Jesper!$R$2:$R$366,ROW(INDEX(Jesper!AH$2:AH$366,ROUNDDOWN($C2190/24,0)+1,1))-1)+IF('Standard Profiles'!$G$18=$B$10,7,0)+IF('Standard Profiles'!$G$18=$B$17,14,0)+IF('Standard Profiles'!$G$18=$B$24,21,0),0)),0)</f>
        <v>5.2649866529547413</v>
      </c>
      <c r="E2190" cm="1">
        <f t="array" ref="E2190">IFERROR(INDEX(Jesper!AI$2:AI$366,ROUNDDOWN($C2190/24,0)+1,1)*INDEX($D$3:$AA$30,INDEX(Jesper!$R$2:$R$366,ROW(INDEX(Jesper!AI$2:AI$366,ROUNDDOWN($C2190/24,0)+1,1))-1)+IF('Standard Profiles'!$G$19=$B$10,7,0)+IF('Standard Profiles'!$G$19=$B$17,14,0)+IF('Standard Profiles'!$G$19=$B$24,21,0),MOD($C2190,24)+1)/SUM(INDEX($D$3:$AA$30,INDEX(Jesper!$R$2:$R$366,ROW(INDEX(Jesper!AI$2:AI$366,ROUNDDOWN($C2190/24,0)+1,1))-1)+IF('Standard Profiles'!$G$19=$B$10,7,0)+IF('Standard Profiles'!$G$19=$B$17,14,0)+IF('Standard Profiles'!$G$19=$B$24,21,0),0)),0)</f>
        <v>3.4825700358845828</v>
      </c>
      <c r="F2190" cm="1">
        <f t="array" ref="F2190">IFERROR(INDEX(Jesper!AJ$2:AJ$366,ROUNDDOWN($C2190/24,0)+1,1)*INDEX($D$3:$AA$30,INDEX(Jesper!$R$2:$R$366,ROW(INDEX(Jesper!AJ$2:AJ$366,ROUNDDOWN($C2190/24,0)+1,1))-1)+IF('Standard Profiles'!$G$20=$B$10,7,0)+IF('Standard Profiles'!$G$20=$B$17,14,0)+IF('Standard Profiles'!$G$20=$B$24,21,0),MOD($C2190,24)+1)/SUM(INDEX($D$3:$AA$30,INDEX(Jesper!$R$2:$R$366,ROW(INDEX(Jesper!AJ$2:AJ$366,ROUNDDOWN($C2190/24,0)+1,1))-1)+IF('Standard Profiles'!$G$20=$B$10,7,0)+IF('Standard Profiles'!$G$20=$B$17,14,0)+IF('Standard Profiles'!$G$20=$B$24,21,0),0)),0)</f>
        <v>0</v>
      </c>
      <c r="G2190" cm="1">
        <f t="array" ref="G2190">IFERROR(INDEX(Jesper!AK$2:AK$366,ROUNDDOWN($C2190/24,0)+1,1)*INDEX($D$3:$AA$30,INDEX(Jesper!$R$2:$R$366,ROW(INDEX(Jesper!AK$2:AK$366,ROUNDDOWN($C2190/24,0)+1,1))-1)+IF('Standard Profiles'!$G$21=$B$10,7,0)+IF('Standard Profiles'!$G$21=$B$17,14,0)+IF('Standard Profiles'!$G$21=$B$24,21,0),MOD($C2190,24)+1)/SUM(INDEX($D$3:$AA$30,INDEX(Jesper!$R$2:$R$366,ROW(INDEX(Jesper!AK$2:AK$366,ROUNDDOWN($C2190/24,0)+1,1))-1)+IF('Standard Profiles'!$G$21=$B$10,7,0)+IF('Standard Profiles'!$G$21=$B$17,14,0)+IF('Standard Profiles'!$G$21=$B$24,21,0),0)),0)</f>
        <v>1.0542740109285067</v>
      </c>
      <c r="H2190" cm="1">
        <f t="array" ref="H2190">IFERROR(INDEX(Jesper!AL$2:AL$366,ROUNDDOWN($C2190/24,0)+1,1)*INDEX($D$3:$AA$30,INDEX(Jesper!$R$2:$R$366,ROW(INDEX(Jesper!AL$2:AL$366,ROUNDDOWN($C2190/24,0)+1,1))-1)+IF('Standard Profiles'!$G$22=$B$10,7,0)+IF('Standard Profiles'!$G$22=$B$17,14,0)+IF('Standard Profiles'!$G$22=$B$24,21,0),MOD($C2190,24)+1)/SUM(INDEX($D$3:$AA$30,INDEX(Jesper!$R$2:$R$366,ROW(INDEX(Jesper!AL$2:AL$366,ROUNDDOWN($C2190/24,0)+1,1))-1)+IF('Standard Profiles'!$G$22=$B$10,7,0)+IF('Standard Profiles'!$G$22=$B$17,14,0)+IF('Standard Profiles'!$G$22=$B$24,21,0),0)),0)</f>
        <v>0</v>
      </c>
      <c r="I2190">
        <f t="shared" si="251"/>
        <v>0.50605152524568298</v>
      </c>
      <c r="J2190">
        <f t="shared" si="252"/>
        <v>8.4533813100493873</v>
      </c>
      <c r="K2190">
        <f t="shared" si="253"/>
        <v>0.5615985763151724</v>
      </c>
      <c r="L2190">
        <f t="shared" si="254"/>
        <v>0.2807992881575862</v>
      </c>
      <c r="M2190">
        <f t="shared" si="255"/>
        <v>0</v>
      </c>
      <c r="N2190" s="45">
        <f t="shared" si="256"/>
        <v>45016.833333328104</v>
      </c>
    </row>
    <row r="2191" spans="2:14" x14ac:dyDescent="0.25">
      <c r="B2191">
        <f t="shared" si="250"/>
        <v>5</v>
      </c>
      <c r="C2191" s="16">
        <v>2157</v>
      </c>
      <c r="D2191" cm="1">
        <f t="array" ref="D2191">IFERROR(INDEX(Jesper!AH$2:AH$366,ROUNDDOWN($C2191/24,0)+1,1)*INDEX($D$3:$AA$30,INDEX(Jesper!$R$2:$R$366,ROW(INDEX(Jesper!AH$2:AH$366,ROUNDDOWN($C2191/24,0)+1,1))-1)+IF('Standard Profiles'!$G$18=$B$10,7,0)+IF('Standard Profiles'!$G$18=$B$17,14,0)+IF('Standard Profiles'!$G$18=$B$24,21,0),MOD($C2191,24)+1)/SUM(INDEX($D$3:$AA$30,INDEX(Jesper!$R$2:$R$366,ROW(INDEX(Jesper!AH$2:AH$366,ROUNDDOWN($C2191/24,0)+1,1))-1)+IF('Standard Profiles'!$G$18=$B$10,7,0)+IF('Standard Profiles'!$G$18=$B$17,14,0)+IF('Standard Profiles'!$G$18=$B$24,21,0),0)),0)</f>
        <v>5.2649866529547413</v>
      </c>
      <c r="E2191" cm="1">
        <f t="array" ref="E2191">IFERROR(INDEX(Jesper!AI$2:AI$366,ROUNDDOWN($C2191/24,0)+1,1)*INDEX($D$3:$AA$30,INDEX(Jesper!$R$2:$R$366,ROW(INDEX(Jesper!AI$2:AI$366,ROUNDDOWN($C2191/24,0)+1,1))-1)+IF('Standard Profiles'!$G$19=$B$10,7,0)+IF('Standard Profiles'!$G$19=$B$17,14,0)+IF('Standard Profiles'!$G$19=$B$24,21,0),MOD($C2191,24)+1)/SUM(INDEX($D$3:$AA$30,INDEX(Jesper!$R$2:$R$366,ROW(INDEX(Jesper!AI$2:AI$366,ROUNDDOWN($C2191/24,0)+1,1))-1)+IF('Standard Profiles'!$G$19=$B$10,7,0)+IF('Standard Profiles'!$G$19=$B$17,14,0)+IF('Standard Profiles'!$G$19=$B$24,21,0),0)),0)</f>
        <v>3.4825700358845828</v>
      </c>
      <c r="F2191" cm="1">
        <f t="array" ref="F2191">IFERROR(INDEX(Jesper!AJ$2:AJ$366,ROUNDDOWN($C2191/24,0)+1,1)*INDEX($D$3:$AA$30,INDEX(Jesper!$R$2:$R$366,ROW(INDEX(Jesper!AJ$2:AJ$366,ROUNDDOWN($C2191/24,0)+1,1))-1)+IF('Standard Profiles'!$G$20=$B$10,7,0)+IF('Standard Profiles'!$G$20=$B$17,14,0)+IF('Standard Profiles'!$G$20=$B$24,21,0),MOD($C2191,24)+1)/SUM(INDEX($D$3:$AA$30,INDEX(Jesper!$R$2:$R$366,ROW(INDEX(Jesper!AJ$2:AJ$366,ROUNDDOWN($C2191/24,0)+1,1))-1)+IF('Standard Profiles'!$G$20=$B$10,7,0)+IF('Standard Profiles'!$G$20=$B$17,14,0)+IF('Standard Profiles'!$G$20=$B$24,21,0),0)),0)</f>
        <v>0</v>
      </c>
      <c r="G2191" cm="1">
        <f t="array" ref="G2191">IFERROR(INDEX(Jesper!AK$2:AK$366,ROUNDDOWN($C2191/24,0)+1,1)*INDEX($D$3:$AA$30,INDEX(Jesper!$R$2:$R$366,ROW(INDEX(Jesper!AK$2:AK$366,ROUNDDOWN($C2191/24,0)+1,1))-1)+IF('Standard Profiles'!$G$21=$B$10,7,0)+IF('Standard Profiles'!$G$21=$B$17,14,0)+IF('Standard Profiles'!$G$21=$B$24,21,0),MOD($C2191,24)+1)/SUM(INDEX($D$3:$AA$30,INDEX(Jesper!$R$2:$R$366,ROW(INDEX(Jesper!AK$2:AK$366,ROUNDDOWN($C2191/24,0)+1,1))-1)+IF('Standard Profiles'!$G$21=$B$10,7,0)+IF('Standard Profiles'!$G$21=$B$17,14,0)+IF('Standard Profiles'!$G$21=$B$24,21,0),0)),0)</f>
        <v>1.0542740109285067</v>
      </c>
      <c r="H2191" cm="1">
        <f t="array" ref="H2191">IFERROR(INDEX(Jesper!AL$2:AL$366,ROUNDDOWN($C2191/24,0)+1,1)*INDEX($D$3:$AA$30,INDEX(Jesper!$R$2:$R$366,ROW(INDEX(Jesper!AL$2:AL$366,ROUNDDOWN($C2191/24,0)+1,1))-1)+IF('Standard Profiles'!$G$22=$B$10,7,0)+IF('Standard Profiles'!$G$22=$B$17,14,0)+IF('Standard Profiles'!$G$22=$B$24,21,0),MOD($C2191,24)+1)/SUM(INDEX($D$3:$AA$30,INDEX(Jesper!$R$2:$R$366,ROW(INDEX(Jesper!AL$2:AL$366,ROUNDDOWN($C2191/24,0)+1,1))-1)+IF('Standard Profiles'!$G$22=$B$10,7,0)+IF('Standard Profiles'!$G$22=$B$17,14,0)+IF('Standard Profiles'!$G$22=$B$24,21,0),0)),0)</f>
        <v>0</v>
      </c>
      <c r="I2191">
        <f t="shared" si="251"/>
        <v>0.50605152524568298</v>
      </c>
      <c r="J2191">
        <f t="shared" si="252"/>
        <v>8.4533813100493873</v>
      </c>
      <c r="K2191">
        <f t="shared" si="253"/>
        <v>0.5615985763151724</v>
      </c>
      <c r="L2191">
        <f t="shared" si="254"/>
        <v>0.2807992881575862</v>
      </c>
      <c r="M2191">
        <f t="shared" si="255"/>
        <v>0</v>
      </c>
      <c r="N2191" s="45">
        <f t="shared" si="256"/>
        <v>45016.874999994769</v>
      </c>
    </row>
    <row r="2192" spans="2:14" x14ac:dyDescent="0.25">
      <c r="B2192">
        <f t="shared" si="250"/>
        <v>5</v>
      </c>
      <c r="C2192" s="16">
        <v>2158</v>
      </c>
      <c r="D2192" cm="1">
        <f t="array" ref="D2192">IFERROR(INDEX(Jesper!AH$2:AH$366,ROUNDDOWN($C2192/24,0)+1,1)*INDEX($D$3:$AA$30,INDEX(Jesper!$R$2:$R$366,ROW(INDEX(Jesper!AH$2:AH$366,ROUNDDOWN($C2192/24,0)+1,1))-1)+IF('Standard Profiles'!$G$18=$B$10,7,0)+IF('Standard Profiles'!$G$18=$B$17,14,0)+IF('Standard Profiles'!$G$18=$B$24,21,0),MOD($C2192,24)+1)/SUM(INDEX($D$3:$AA$30,INDEX(Jesper!$R$2:$R$366,ROW(INDEX(Jesper!AH$2:AH$366,ROUNDDOWN($C2192/24,0)+1,1))-1)+IF('Standard Profiles'!$G$18=$B$10,7,0)+IF('Standard Profiles'!$G$18=$B$17,14,0)+IF('Standard Profiles'!$G$18=$B$24,21,0),0)),0)</f>
        <v>5.2649866529547413</v>
      </c>
      <c r="E2192" cm="1">
        <f t="array" ref="E2192">IFERROR(INDEX(Jesper!AI$2:AI$366,ROUNDDOWN($C2192/24,0)+1,1)*INDEX($D$3:$AA$30,INDEX(Jesper!$R$2:$R$366,ROW(INDEX(Jesper!AI$2:AI$366,ROUNDDOWN($C2192/24,0)+1,1))-1)+IF('Standard Profiles'!$G$19=$B$10,7,0)+IF('Standard Profiles'!$G$19=$B$17,14,0)+IF('Standard Profiles'!$G$19=$B$24,21,0),MOD($C2192,24)+1)/SUM(INDEX($D$3:$AA$30,INDEX(Jesper!$R$2:$R$366,ROW(INDEX(Jesper!AI$2:AI$366,ROUNDDOWN($C2192/24,0)+1,1))-1)+IF('Standard Profiles'!$G$19=$B$10,7,0)+IF('Standard Profiles'!$G$19=$B$17,14,0)+IF('Standard Profiles'!$G$19=$B$24,21,0),0)),0)</f>
        <v>3.4825700358845828</v>
      </c>
      <c r="F2192" cm="1">
        <f t="array" ref="F2192">IFERROR(INDEX(Jesper!AJ$2:AJ$366,ROUNDDOWN($C2192/24,0)+1,1)*INDEX($D$3:$AA$30,INDEX(Jesper!$R$2:$R$366,ROW(INDEX(Jesper!AJ$2:AJ$366,ROUNDDOWN($C2192/24,0)+1,1))-1)+IF('Standard Profiles'!$G$20=$B$10,7,0)+IF('Standard Profiles'!$G$20=$B$17,14,0)+IF('Standard Profiles'!$G$20=$B$24,21,0),MOD($C2192,24)+1)/SUM(INDEX($D$3:$AA$30,INDEX(Jesper!$R$2:$R$366,ROW(INDEX(Jesper!AJ$2:AJ$366,ROUNDDOWN($C2192/24,0)+1,1))-1)+IF('Standard Profiles'!$G$20=$B$10,7,0)+IF('Standard Profiles'!$G$20=$B$17,14,0)+IF('Standard Profiles'!$G$20=$B$24,21,0),0)),0)</f>
        <v>0</v>
      </c>
      <c r="G2192" cm="1">
        <f t="array" ref="G2192">IFERROR(INDEX(Jesper!AK$2:AK$366,ROUNDDOWN($C2192/24,0)+1,1)*INDEX($D$3:$AA$30,INDEX(Jesper!$R$2:$R$366,ROW(INDEX(Jesper!AK$2:AK$366,ROUNDDOWN($C2192/24,0)+1,1))-1)+IF('Standard Profiles'!$G$21=$B$10,7,0)+IF('Standard Profiles'!$G$21=$B$17,14,0)+IF('Standard Profiles'!$G$21=$B$24,21,0),MOD($C2192,24)+1)/SUM(INDEX($D$3:$AA$30,INDEX(Jesper!$R$2:$R$366,ROW(INDEX(Jesper!AK$2:AK$366,ROUNDDOWN($C2192/24,0)+1,1))-1)+IF('Standard Profiles'!$G$21=$B$10,7,0)+IF('Standard Profiles'!$G$21=$B$17,14,0)+IF('Standard Profiles'!$G$21=$B$24,21,0),0)),0)</f>
        <v>1.0542740109285067</v>
      </c>
      <c r="H2192" cm="1">
        <f t="array" ref="H2192">IFERROR(INDEX(Jesper!AL$2:AL$366,ROUNDDOWN($C2192/24,0)+1,1)*INDEX($D$3:$AA$30,INDEX(Jesper!$R$2:$R$366,ROW(INDEX(Jesper!AL$2:AL$366,ROUNDDOWN($C2192/24,0)+1,1))-1)+IF('Standard Profiles'!$G$22=$B$10,7,0)+IF('Standard Profiles'!$G$22=$B$17,14,0)+IF('Standard Profiles'!$G$22=$B$24,21,0),MOD($C2192,24)+1)/SUM(INDEX($D$3:$AA$30,INDEX(Jesper!$R$2:$R$366,ROW(INDEX(Jesper!AL$2:AL$366,ROUNDDOWN($C2192/24,0)+1,1))-1)+IF('Standard Profiles'!$G$22=$B$10,7,0)+IF('Standard Profiles'!$G$22=$B$17,14,0)+IF('Standard Profiles'!$G$22=$B$24,21,0),0)),0)</f>
        <v>0</v>
      </c>
      <c r="I2192">
        <f t="shared" si="251"/>
        <v>0.50605152524568298</v>
      </c>
      <c r="J2192">
        <f t="shared" si="252"/>
        <v>8.4533813100493873</v>
      </c>
      <c r="K2192">
        <f t="shared" si="253"/>
        <v>0.5615985763151724</v>
      </c>
      <c r="L2192">
        <f t="shared" si="254"/>
        <v>0.2807992881575862</v>
      </c>
      <c r="M2192">
        <f t="shared" si="255"/>
        <v>0</v>
      </c>
      <c r="N2192" s="45">
        <f t="shared" si="256"/>
        <v>45016.916666661433</v>
      </c>
    </row>
    <row r="2193" spans="2:14" x14ac:dyDescent="0.25">
      <c r="B2193">
        <f t="shared" si="250"/>
        <v>5</v>
      </c>
      <c r="C2193" s="16">
        <v>2159</v>
      </c>
      <c r="D2193" cm="1">
        <f t="array" ref="D2193">IFERROR(INDEX(Jesper!AH$2:AH$366,ROUNDDOWN($C2193/24,0)+1,1)*INDEX($D$3:$AA$30,INDEX(Jesper!$R$2:$R$366,ROW(INDEX(Jesper!AH$2:AH$366,ROUNDDOWN($C2193/24,0)+1,1))-1)+IF('Standard Profiles'!$G$18=$B$10,7,0)+IF('Standard Profiles'!$G$18=$B$17,14,0)+IF('Standard Profiles'!$G$18=$B$24,21,0),MOD($C2193,24)+1)/SUM(INDEX($D$3:$AA$30,INDEX(Jesper!$R$2:$R$366,ROW(INDEX(Jesper!AH$2:AH$366,ROUNDDOWN($C2193/24,0)+1,1))-1)+IF('Standard Profiles'!$G$18=$B$10,7,0)+IF('Standard Profiles'!$G$18=$B$17,14,0)+IF('Standard Profiles'!$G$18=$B$24,21,0),0)),0)</f>
        <v>5.2649866529547413</v>
      </c>
      <c r="E2193" cm="1">
        <f t="array" ref="E2193">IFERROR(INDEX(Jesper!AI$2:AI$366,ROUNDDOWN($C2193/24,0)+1,1)*INDEX($D$3:$AA$30,INDEX(Jesper!$R$2:$R$366,ROW(INDEX(Jesper!AI$2:AI$366,ROUNDDOWN($C2193/24,0)+1,1))-1)+IF('Standard Profiles'!$G$19=$B$10,7,0)+IF('Standard Profiles'!$G$19=$B$17,14,0)+IF('Standard Profiles'!$G$19=$B$24,21,0),MOD($C2193,24)+1)/SUM(INDEX($D$3:$AA$30,INDEX(Jesper!$R$2:$R$366,ROW(INDEX(Jesper!AI$2:AI$366,ROUNDDOWN($C2193/24,0)+1,1))-1)+IF('Standard Profiles'!$G$19=$B$10,7,0)+IF('Standard Profiles'!$G$19=$B$17,14,0)+IF('Standard Profiles'!$G$19=$B$24,21,0),0)),0)</f>
        <v>3.4825700358845828</v>
      </c>
      <c r="F2193" cm="1">
        <f t="array" ref="F2193">IFERROR(INDEX(Jesper!AJ$2:AJ$366,ROUNDDOWN($C2193/24,0)+1,1)*INDEX($D$3:$AA$30,INDEX(Jesper!$R$2:$R$366,ROW(INDEX(Jesper!AJ$2:AJ$366,ROUNDDOWN($C2193/24,0)+1,1))-1)+IF('Standard Profiles'!$G$20=$B$10,7,0)+IF('Standard Profiles'!$G$20=$B$17,14,0)+IF('Standard Profiles'!$G$20=$B$24,21,0),MOD($C2193,24)+1)/SUM(INDEX($D$3:$AA$30,INDEX(Jesper!$R$2:$R$366,ROW(INDEX(Jesper!AJ$2:AJ$366,ROUNDDOWN($C2193/24,0)+1,1))-1)+IF('Standard Profiles'!$G$20=$B$10,7,0)+IF('Standard Profiles'!$G$20=$B$17,14,0)+IF('Standard Profiles'!$G$20=$B$24,21,0),0)),0)</f>
        <v>0</v>
      </c>
      <c r="G2193" cm="1">
        <f t="array" ref="G2193">IFERROR(INDEX(Jesper!AK$2:AK$366,ROUNDDOWN($C2193/24,0)+1,1)*INDEX($D$3:$AA$30,INDEX(Jesper!$R$2:$R$366,ROW(INDEX(Jesper!AK$2:AK$366,ROUNDDOWN($C2193/24,0)+1,1))-1)+IF('Standard Profiles'!$G$21=$B$10,7,0)+IF('Standard Profiles'!$G$21=$B$17,14,0)+IF('Standard Profiles'!$G$21=$B$24,21,0),MOD($C2193,24)+1)/SUM(INDEX($D$3:$AA$30,INDEX(Jesper!$R$2:$R$366,ROW(INDEX(Jesper!AK$2:AK$366,ROUNDDOWN($C2193/24,0)+1,1))-1)+IF('Standard Profiles'!$G$21=$B$10,7,0)+IF('Standard Profiles'!$G$21=$B$17,14,0)+IF('Standard Profiles'!$G$21=$B$24,21,0),0)),0)</f>
        <v>1.0542740109285067</v>
      </c>
      <c r="H2193" cm="1">
        <f t="array" ref="H2193">IFERROR(INDEX(Jesper!AL$2:AL$366,ROUNDDOWN($C2193/24,0)+1,1)*INDEX($D$3:$AA$30,INDEX(Jesper!$R$2:$R$366,ROW(INDEX(Jesper!AL$2:AL$366,ROUNDDOWN($C2193/24,0)+1,1))-1)+IF('Standard Profiles'!$G$22=$B$10,7,0)+IF('Standard Profiles'!$G$22=$B$17,14,0)+IF('Standard Profiles'!$G$22=$B$24,21,0),MOD($C2193,24)+1)/SUM(INDEX($D$3:$AA$30,INDEX(Jesper!$R$2:$R$366,ROW(INDEX(Jesper!AL$2:AL$366,ROUNDDOWN($C2193/24,0)+1,1))-1)+IF('Standard Profiles'!$G$22=$B$10,7,0)+IF('Standard Profiles'!$G$22=$B$17,14,0)+IF('Standard Profiles'!$G$22=$B$24,21,0),0)),0)</f>
        <v>0</v>
      </c>
      <c r="I2193">
        <f t="shared" si="251"/>
        <v>0.50605152524568298</v>
      </c>
      <c r="J2193">
        <f t="shared" si="252"/>
        <v>8.4533813100493873</v>
      </c>
      <c r="K2193">
        <f t="shared" si="253"/>
        <v>0.5615985763151724</v>
      </c>
      <c r="L2193">
        <f t="shared" si="254"/>
        <v>0.2807992881575862</v>
      </c>
      <c r="M2193">
        <f t="shared" si="255"/>
        <v>0</v>
      </c>
      <c r="N2193" s="45">
        <f t="shared" si="256"/>
        <v>45016.958333328097</v>
      </c>
    </row>
    <row r="2194" spans="2:14" x14ac:dyDescent="0.25">
      <c r="B2194">
        <f t="shared" si="250"/>
        <v>6</v>
      </c>
      <c r="C2194" s="16">
        <v>2160</v>
      </c>
      <c r="D2194" cm="1">
        <f t="array" ref="D2194">IFERROR(INDEX(Jesper!AH$2:AH$366,ROUNDDOWN($C2194/24,0)+1,1)*INDEX($D$3:$AA$30,INDEX(Jesper!$R$2:$R$366,ROW(INDEX(Jesper!AH$2:AH$366,ROUNDDOWN($C2194/24,0)+1,1))-1)+IF('Standard Profiles'!$G$18=$B$10,7,0)+IF('Standard Profiles'!$G$18=$B$17,14,0)+IF('Standard Profiles'!$G$18=$B$24,21,0),MOD($C2194,24)+1)/SUM(INDEX($D$3:$AA$30,INDEX(Jesper!$R$2:$R$366,ROW(INDEX(Jesper!AH$2:AH$366,ROUNDDOWN($C2194/24,0)+1,1))-1)+IF('Standard Profiles'!$G$18=$B$10,7,0)+IF('Standard Profiles'!$G$18=$B$17,14,0)+IF('Standard Profiles'!$G$18=$B$24,21,0),0)),0)</f>
        <v>0</v>
      </c>
      <c r="E2194" cm="1">
        <f t="array" ref="E2194">IFERROR(INDEX(Jesper!AI$2:AI$366,ROUNDDOWN($C2194/24,0)+1,1)*INDEX($D$3:$AA$30,INDEX(Jesper!$R$2:$R$366,ROW(INDEX(Jesper!AI$2:AI$366,ROUNDDOWN($C2194/24,0)+1,1))-1)+IF('Standard Profiles'!$G$19=$B$10,7,0)+IF('Standard Profiles'!$G$19=$B$17,14,0)+IF('Standard Profiles'!$G$19=$B$24,21,0),MOD($C2194,24)+1)/SUM(INDEX($D$3:$AA$30,INDEX(Jesper!$R$2:$R$366,ROW(INDEX(Jesper!AI$2:AI$366,ROUNDDOWN($C2194/24,0)+1,1))-1)+IF('Standard Profiles'!$G$19=$B$10,7,0)+IF('Standard Profiles'!$G$19=$B$17,14,0)+IF('Standard Profiles'!$G$19=$B$24,21,0),0)),0)</f>
        <v>3.7229933389983598</v>
      </c>
      <c r="F2194" cm="1">
        <f t="array" ref="F2194">IFERROR(INDEX(Jesper!AJ$2:AJ$366,ROUNDDOWN($C2194/24,0)+1,1)*INDEX($D$3:$AA$30,INDEX(Jesper!$R$2:$R$366,ROW(INDEX(Jesper!AJ$2:AJ$366,ROUNDDOWN($C2194/24,0)+1,1))-1)+IF('Standard Profiles'!$G$20=$B$10,7,0)+IF('Standard Profiles'!$G$20=$B$17,14,0)+IF('Standard Profiles'!$G$20=$B$24,21,0),MOD($C2194,24)+1)/SUM(INDEX($D$3:$AA$30,INDEX(Jesper!$R$2:$R$366,ROW(INDEX(Jesper!AJ$2:AJ$366,ROUNDDOWN($C2194/24,0)+1,1))-1)+IF('Standard Profiles'!$G$20=$B$10,7,0)+IF('Standard Profiles'!$G$20=$B$17,14,0)+IF('Standard Profiles'!$G$20=$B$24,21,0),0)),0)</f>
        <v>2.3945597394790616</v>
      </c>
      <c r="G2194" cm="1">
        <f t="array" ref="G2194">IFERROR(INDEX(Jesper!AK$2:AK$366,ROUNDDOWN($C2194/24,0)+1,1)*INDEX($D$3:$AA$30,INDEX(Jesper!$R$2:$R$366,ROW(INDEX(Jesper!AK$2:AK$366,ROUNDDOWN($C2194/24,0)+1,1))-1)+IF('Standard Profiles'!$G$21=$B$10,7,0)+IF('Standard Profiles'!$G$21=$B$17,14,0)+IF('Standard Profiles'!$G$21=$B$24,21,0),MOD($C2194,24)+1)/SUM(INDEX($D$3:$AA$30,INDEX(Jesper!$R$2:$R$366,ROW(INDEX(Jesper!AK$2:AK$366,ROUNDDOWN($C2194/24,0)+1,1))-1)+IF('Standard Profiles'!$G$21=$B$10,7,0)+IF('Standard Profiles'!$G$21=$B$17,14,0)+IF('Standard Profiles'!$G$21=$B$24,21,0),0)),0)</f>
        <v>2.1431145368360904</v>
      </c>
      <c r="H2194" cm="1">
        <f t="array" ref="H2194">IFERROR(INDEX(Jesper!AL$2:AL$366,ROUNDDOWN($C2194/24,0)+1,1)*INDEX($D$3:$AA$30,INDEX(Jesper!$R$2:$R$366,ROW(INDEX(Jesper!AL$2:AL$366,ROUNDDOWN($C2194/24,0)+1,1))-1)+IF('Standard Profiles'!$G$22=$B$10,7,0)+IF('Standard Profiles'!$G$22=$B$17,14,0)+IF('Standard Profiles'!$G$22=$B$24,21,0),MOD($C2194,24)+1)/SUM(INDEX($D$3:$AA$30,INDEX(Jesper!$R$2:$R$366,ROW(INDEX(Jesper!AL$2:AL$366,ROUNDDOWN($C2194/24,0)+1,1))-1)+IF('Standard Profiles'!$G$22=$B$10,7,0)+IF('Standard Profiles'!$G$22=$B$17,14,0)+IF('Standard Profiles'!$G$22=$B$24,21,0),0)),0)</f>
        <v>0.4545318409905067</v>
      </c>
      <c r="I2194">
        <f t="shared" si="251"/>
        <v>0.43635056735088668</v>
      </c>
      <c r="J2194">
        <f t="shared" si="252"/>
        <v>7.832089688273328</v>
      </c>
      <c r="K2194">
        <f t="shared" si="253"/>
        <v>0.29783946711986881</v>
      </c>
      <c r="L2194">
        <f t="shared" si="254"/>
        <v>0.1489197335599344</v>
      </c>
      <c r="M2194">
        <f t="shared" si="255"/>
        <v>0</v>
      </c>
      <c r="N2194" s="45">
        <f t="shared" si="256"/>
        <v>45016.999999994761</v>
      </c>
    </row>
    <row r="2195" spans="2:14" x14ac:dyDescent="0.25">
      <c r="B2195">
        <f t="shared" si="250"/>
        <v>6</v>
      </c>
      <c r="C2195" s="16">
        <v>2161</v>
      </c>
      <c r="D2195" cm="1">
        <f t="array" ref="D2195">IFERROR(INDEX(Jesper!AH$2:AH$366,ROUNDDOWN($C2195/24,0)+1,1)*INDEX($D$3:$AA$30,INDEX(Jesper!$R$2:$R$366,ROW(INDEX(Jesper!AH$2:AH$366,ROUNDDOWN($C2195/24,0)+1,1))-1)+IF('Standard Profiles'!$G$18=$B$10,7,0)+IF('Standard Profiles'!$G$18=$B$17,14,0)+IF('Standard Profiles'!$G$18=$B$24,21,0),MOD($C2195,24)+1)/SUM(INDEX($D$3:$AA$30,INDEX(Jesper!$R$2:$R$366,ROW(INDEX(Jesper!AH$2:AH$366,ROUNDDOWN($C2195/24,0)+1,1))-1)+IF('Standard Profiles'!$G$18=$B$10,7,0)+IF('Standard Profiles'!$G$18=$B$17,14,0)+IF('Standard Profiles'!$G$18=$B$24,21,0),0)),0)</f>
        <v>0</v>
      </c>
      <c r="E2195" cm="1">
        <f t="array" ref="E2195">IFERROR(INDEX(Jesper!AI$2:AI$366,ROUNDDOWN($C2195/24,0)+1,1)*INDEX($D$3:$AA$30,INDEX(Jesper!$R$2:$R$366,ROW(INDEX(Jesper!AI$2:AI$366,ROUNDDOWN($C2195/24,0)+1,1))-1)+IF('Standard Profiles'!$G$19=$B$10,7,0)+IF('Standard Profiles'!$G$19=$B$17,14,0)+IF('Standard Profiles'!$G$19=$B$24,21,0),MOD($C2195,24)+1)/SUM(INDEX($D$3:$AA$30,INDEX(Jesper!$R$2:$R$366,ROW(INDEX(Jesper!AI$2:AI$366,ROUNDDOWN($C2195/24,0)+1,1))-1)+IF('Standard Profiles'!$G$19=$B$10,7,0)+IF('Standard Profiles'!$G$19=$B$17,14,0)+IF('Standard Profiles'!$G$19=$B$24,21,0),0)),0)</f>
        <v>3.3506940050985237</v>
      </c>
      <c r="F2195" cm="1">
        <f t="array" ref="F2195">IFERROR(INDEX(Jesper!AJ$2:AJ$366,ROUNDDOWN($C2195/24,0)+1,1)*INDEX($D$3:$AA$30,INDEX(Jesper!$R$2:$R$366,ROW(INDEX(Jesper!AJ$2:AJ$366,ROUNDDOWN($C2195/24,0)+1,1))-1)+IF('Standard Profiles'!$G$20=$B$10,7,0)+IF('Standard Profiles'!$G$20=$B$17,14,0)+IF('Standard Profiles'!$G$20=$B$24,21,0),MOD($C2195,24)+1)/SUM(INDEX($D$3:$AA$30,INDEX(Jesper!$R$2:$R$366,ROW(INDEX(Jesper!AJ$2:AJ$366,ROUNDDOWN($C2195/24,0)+1,1))-1)+IF('Standard Profiles'!$G$20=$B$10,7,0)+IF('Standard Profiles'!$G$20=$B$17,14,0)+IF('Standard Profiles'!$G$20=$B$24,21,0),0)),0)</f>
        <v>2.1551037655311558</v>
      </c>
      <c r="G2195" cm="1">
        <f t="array" ref="G2195">IFERROR(INDEX(Jesper!AK$2:AK$366,ROUNDDOWN($C2195/24,0)+1,1)*INDEX($D$3:$AA$30,INDEX(Jesper!$R$2:$R$366,ROW(INDEX(Jesper!AK$2:AK$366,ROUNDDOWN($C2195/24,0)+1,1))-1)+IF('Standard Profiles'!$G$21=$B$10,7,0)+IF('Standard Profiles'!$G$21=$B$17,14,0)+IF('Standard Profiles'!$G$21=$B$24,21,0),MOD($C2195,24)+1)/SUM(INDEX($D$3:$AA$30,INDEX(Jesper!$R$2:$R$366,ROW(INDEX(Jesper!AK$2:AK$366,ROUNDDOWN($C2195/24,0)+1,1))-1)+IF('Standard Profiles'!$G$21=$B$10,7,0)+IF('Standard Profiles'!$G$21=$B$17,14,0)+IF('Standard Profiles'!$G$21=$B$24,21,0),0)),0)</f>
        <v>2.1431145368360904</v>
      </c>
      <c r="H2195" cm="1">
        <f t="array" ref="H2195">IFERROR(INDEX(Jesper!AL$2:AL$366,ROUNDDOWN($C2195/24,0)+1,1)*INDEX($D$3:$AA$30,INDEX(Jesper!$R$2:$R$366,ROW(INDEX(Jesper!AL$2:AL$366,ROUNDDOWN($C2195/24,0)+1,1))-1)+IF('Standard Profiles'!$G$22=$B$10,7,0)+IF('Standard Profiles'!$G$22=$B$17,14,0)+IF('Standard Profiles'!$G$22=$B$24,21,0),MOD($C2195,24)+1)/SUM(INDEX($D$3:$AA$30,INDEX(Jesper!$R$2:$R$366,ROW(INDEX(Jesper!AL$2:AL$366,ROUNDDOWN($C2195/24,0)+1,1))-1)+IF('Standard Profiles'!$G$22=$B$10,7,0)+IF('Standard Profiles'!$G$22=$B$17,14,0)+IF('Standard Profiles'!$G$22=$B$24,21,0),0)),0)</f>
        <v>0.88741930860051321</v>
      </c>
      <c r="I2195">
        <f t="shared" si="251"/>
        <v>0.85192253625649317</v>
      </c>
      <c r="J2195">
        <f t="shared" si="252"/>
        <v>7.2823257991979666</v>
      </c>
      <c r="K2195">
        <f t="shared" si="253"/>
        <v>0.26805552040788189</v>
      </c>
      <c r="L2195">
        <f t="shared" si="254"/>
        <v>0.13402776020394094</v>
      </c>
      <c r="M2195">
        <f t="shared" si="255"/>
        <v>0</v>
      </c>
      <c r="N2195" s="45">
        <f t="shared" si="256"/>
        <v>45017.041666661426</v>
      </c>
    </row>
    <row r="2196" spans="2:14" x14ac:dyDescent="0.25">
      <c r="B2196">
        <f t="shared" si="250"/>
        <v>6</v>
      </c>
      <c r="C2196" s="16">
        <v>2162</v>
      </c>
      <c r="D2196" cm="1">
        <f t="array" ref="D2196">IFERROR(INDEX(Jesper!AH$2:AH$366,ROUNDDOWN($C2196/24,0)+1,1)*INDEX($D$3:$AA$30,INDEX(Jesper!$R$2:$R$366,ROW(INDEX(Jesper!AH$2:AH$366,ROUNDDOWN($C2196/24,0)+1,1))-1)+IF('Standard Profiles'!$G$18=$B$10,7,0)+IF('Standard Profiles'!$G$18=$B$17,14,0)+IF('Standard Profiles'!$G$18=$B$24,21,0),MOD($C2196,24)+1)/SUM(INDEX($D$3:$AA$30,INDEX(Jesper!$R$2:$R$366,ROW(INDEX(Jesper!AH$2:AH$366,ROUNDDOWN($C2196/24,0)+1,1))-1)+IF('Standard Profiles'!$G$18=$B$10,7,0)+IF('Standard Profiles'!$G$18=$B$17,14,0)+IF('Standard Profiles'!$G$18=$B$24,21,0),0)),0)</f>
        <v>0</v>
      </c>
      <c r="E2196" cm="1">
        <f t="array" ref="E2196">IFERROR(INDEX(Jesper!AI$2:AI$366,ROUNDDOWN($C2196/24,0)+1,1)*INDEX($D$3:$AA$30,INDEX(Jesper!$R$2:$R$366,ROW(INDEX(Jesper!AI$2:AI$366,ROUNDDOWN($C2196/24,0)+1,1))-1)+IF('Standard Profiles'!$G$19=$B$10,7,0)+IF('Standard Profiles'!$G$19=$B$17,14,0)+IF('Standard Profiles'!$G$19=$B$24,21,0),MOD($C2196,24)+1)/SUM(INDEX($D$3:$AA$30,INDEX(Jesper!$R$2:$R$366,ROW(INDEX(Jesper!AI$2:AI$366,ROUNDDOWN($C2196/24,0)+1,1))-1)+IF('Standard Profiles'!$G$19=$B$10,7,0)+IF('Standard Profiles'!$G$19=$B$17,14,0)+IF('Standard Profiles'!$G$19=$B$24,21,0),0)),0)</f>
        <v>3.3506940050985237</v>
      </c>
      <c r="F2196" cm="1">
        <f t="array" ref="F2196">IFERROR(INDEX(Jesper!AJ$2:AJ$366,ROUNDDOWN($C2196/24,0)+1,1)*INDEX($D$3:$AA$30,INDEX(Jesper!$R$2:$R$366,ROW(INDEX(Jesper!AJ$2:AJ$366,ROUNDDOWN($C2196/24,0)+1,1))-1)+IF('Standard Profiles'!$G$20=$B$10,7,0)+IF('Standard Profiles'!$G$20=$B$17,14,0)+IF('Standard Profiles'!$G$20=$B$24,21,0),MOD($C2196,24)+1)/SUM(INDEX($D$3:$AA$30,INDEX(Jesper!$R$2:$R$366,ROW(INDEX(Jesper!AJ$2:AJ$366,ROUNDDOWN($C2196/24,0)+1,1))-1)+IF('Standard Profiles'!$G$20=$B$10,7,0)+IF('Standard Profiles'!$G$20=$B$17,14,0)+IF('Standard Profiles'!$G$20=$B$24,21,0),0)),0)</f>
        <v>2.1551037655311558</v>
      </c>
      <c r="G2196" cm="1">
        <f t="array" ref="G2196">IFERROR(INDEX(Jesper!AK$2:AK$366,ROUNDDOWN($C2196/24,0)+1,1)*INDEX($D$3:$AA$30,INDEX(Jesper!$R$2:$R$366,ROW(INDEX(Jesper!AK$2:AK$366,ROUNDDOWN($C2196/24,0)+1,1))-1)+IF('Standard Profiles'!$G$21=$B$10,7,0)+IF('Standard Profiles'!$G$21=$B$17,14,0)+IF('Standard Profiles'!$G$21=$B$24,21,0),MOD($C2196,24)+1)/SUM(INDEX($D$3:$AA$30,INDEX(Jesper!$R$2:$R$366,ROW(INDEX(Jesper!AK$2:AK$366,ROUNDDOWN($C2196/24,0)+1,1))-1)+IF('Standard Profiles'!$G$21=$B$10,7,0)+IF('Standard Profiles'!$G$21=$B$17,14,0)+IF('Standard Profiles'!$G$21=$B$24,21,0),0)),0)</f>
        <v>2.1431145368360904</v>
      </c>
      <c r="H2196" cm="1">
        <f t="array" ref="H2196">IFERROR(INDEX(Jesper!AL$2:AL$366,ROUNDDOWN($C2196/24,0)+1,1)*INDEX($D$3:$AA$30,INDEX(Jesper!$R$2:$R$366,ROW(INDEX(Jesper!AL$2:AL$366,ROUNDDOWN($C2196/24,0)+1,1))-1)+IF('Standard Profiles'!$G$22=$B$10,7,0)+IF('Standard Profiles'!$G$22=$B$17,14,0)+IF('Standard Profiles'!$G$22=$B$24,21,0),MOD($C2196,24)+1)/SUM(INDEX($D$3:$AA$30,INDEX(Jesper!$R$2:$R$366,ROW(INDEX(Jesper!AL$2:AL$366,ROUNDDOWN($C2196/24,0)+1,1))-1)+IF('Standard Profiles'!$G$22=$B$10,7,0)+IF('Standard Profiles'!$G$22=$B$17,14,0)+IF('Standard Profiles'!$G$22=$B$24,21,0),0)),0)</f>
        <v>0.88741930860051321</v>
      </c>
      <c r="I2196">
        <f t="shared" si="251"/>
        <v>0.85192253625649317</v>
      </c>
      <c r="J2196">
        <f t="shared" si="252"/>
        <v>7.2823257991979666</v>
      </c>
      <c r="K2196">
        <f t="shared" si="253"/>
        <v>0.26805552040788189</v>
      </c>
      <c r="L2196">
        <f t="shared" si="254"/>
        <v>0.13402776020394094</v>
      </c>
      <c r="M2196">
        <f t="shared" si="255"/>
        <v>0</v>
      </c>
      <c r="N2196" s="45">
        <f t="shared" si="256"/>
        <v>45017.08333332809</v>
      </c>
    </row>
    <row r="2197" spans="2:14" x14ac:dyDescent="0.25">
      <c r="B2197">
        <f t="shared" si="250"/>
        <v>6</v>
      </c>
      <c r="C2197" s="16">
        <v>2163</v>
      </c>
      <c r="D2197" cm="1">
        <f t="array" ref="D2197">IFERROR(INDEX(Jesper!AH$2:AH$366,ROUNDDOWN($C2197/24,0)+1,1)*INDEX($D$3:$AA$30,INDEX(Jesper!$R$2:$R$366,ROW(INDEX(Jesper!AH$2:AH$366,ROUNDDOWN($C2197/24,0)+1,1))-1)+IF('Standard Profiles'!$G$18=$B$10,7,0)+IF('Standard Profiles'!$G$18=$B$17,14,0)+IF('Standard Profiles'!$G$18=$B$24,21,0),MOD($C2197,24)+1)/SUM(INDEX($D$3:$AA$30,INDEX(Jesper!$R$2:$R$366,ROW(INDEX(Jesper!AH$2:AH$366,ROUNDDOWN($C2197/24,0)+1,1))-1)+IF('Standard Profiles'!$G$18=$B$10,7,0)+IF('Standard Profiles'!$G$18=$B$17,14,0)+IF('Standard Profiles'!$G$18=$B$24,21,0),0)),0)</f>
        <v>0</v>
      </c>
      <c r="E2197" cm="1">
        <f t="array" ref="E2197">IFERROR(INDEX(Jesper!AI$2:AI$366,ROUNDDOWN($C2197/24,0)+1,1)*INDEX($D$3:$AA$30,INDEX(Jesper!$R$2:$R$366,ROW(INDEX(Jesper!AI$2:AI$366,ROUNDDOWN($C2197/24,0)+1,1))-1)+IF('Standard Profiles'!$G$19=$B$10,7,0)+IF('Standard Profiles'!$G$19=$B$17,14,0)+IF('Standard Profiles'!$G$19=$B$24,21,0),MOD($C2197,24)+1)/SUM(INDEX($D$3:$AA$30,INDEX(Jesper!$R$2:$R$366,ROW(INDEX(Jesper!AI$2:AI$366,ROUNDDOWN($C2197/24,0)+1,1))-1)+IF('Standard Profiles'!$G$19=$B$10,7,0)+IF('Standard Profiles'!$G$19=$B$17,14,0)+IF('Standard Profiles'!$G$19=$B$24,21,0),0)),0)</f>
        <v>3.3506940050985237</v>
      </c>
      <c r="F2197" cm="1">
        <f t="array" ref="F2197">IFERROR(INDEX(Jesper!AJ$2:AJ$366,ROUNDDOWN($C2197/24,0)+1,1)*INDEX($D$3:$AA$30,INDEX(Jesper!$R$2:$R$366,ROW(INDEX(Jesper!AJ$2:AJ$366,ROUNDDOWN($C2197/24,0)+1,1))-1)+IF('Standard Profiles'!$G$20=$B$10,7,0)+IF('Standard Profiles'!$G$20=$B$17,14,0)+IF('Standard Profiles'!$G$20=$B$24,21,0),MOD($C2197,24)+1)/SUM(INDEX($D$3:$AA$30,INDEX(Jesper!$R$2:$R$366,ROW(INDEX(Jesper!AJ$2:AJ$366,ROUNDDOWN($C2197/24,0)+1,1))-1)+IF('Standard Profiles'!$G$20=$B$10,7,0)+IF('Standard Profiles'!$G$20=$B$17,14,0)+IF('Standard Profiles'!$G$20=$B$24,21,0),0)),0)</f>
        <v>2.1551037655311558</v>
      </c>
      <c r="G2197" cm="1">
        <f t="array" ref="G2197">IFERROR(INDEX(Jesper!AK$2:AK$366,ROUNDDOWN($C2197/24,0)+1,1)*INDEX($D$3:$AA$30,INDEX(Jesper!$R$2:$R$366,ROW(INDEX(Jesper!AK$2:AK$366,ROUNDDOWN($C2197/24,0)+1,1))-1)+IF('Standard Profiles'!$G$21=$B$10,7,0)+IF('Standard Profiles'!$G$21=$B$17,14,0)+IF('Standard Profiles'!$G$21=$B$24,21,0),MOD($C2197,24)+1)/SUM(INDEX($D$3:$AA$30,INDEX(Jesper!$R$2:$R$366,ROW(INDEX(Jesper!AK$2:AK$366,ROUNDDOWN($C2197/24,0)+1,1))-1)+IF('Standard Profiles'!$G$21=$B$10,7,0)+IF('Standard Profiles'!$G$21=$B$17,14,0)+IF('Standard Profiles'!$G$21=$B$24,21,0),0)),0)</f>
        <v>2.1431145368360904</v>
      </c>
      <c r="H2197" cm="1">
        <f t="array" ref="H2197">IFERROR(INDEX(Jesper!AL$2:AL$366,ROUNDDOWN($C2197/24,0)+1,1)*INDEX($D$3:$AA$30,INDEX(Jesper!$R$2:$R$366,ROW(INDEX(Jesper!AL$2:AL$366,ROUNDDOWN($C2197/24,0)+1,1))-1)+IF('Standard Profiles'!$G$22=$B$10,7,0)+IF('Standard Profiles'!$G$22=$B$17,14,0)+IF('Standard Profiles'!$G$22=$B$24,21,0),MOD($C2197,24)+1)/SUM(INDEX($D$3:$AA$30,INDEX(Jesper!$R$2:$R$366,ROW(INDEX(Jesper!AL$2:AL$366,ROUNDDOWN($C2197/24,0)+1,1))-1)+IF('Standard Profiles'!$G$22=$B$10,7,0)+IF('Standard Profiles'!$G$22=$B$17,14,0)+IF('Standard Profiles'!$G$22=$B$24,21,0),0)),0)</f>
        <v>0.88741930860051321</v>
      </c>
      <c r="I2197">
        <f t="shared" si="251"/>
        <v>0.85192253625649317</v>
      </c>
      <c r="J2197">
        <f t="shared" si="252"/>
        <v>7.2823257991979666</v>
      </c>
      <c r="K2197">
        <f t="shared" si="253"/>
        <v>0.26805552040788189</v>
      </c>
      <c r="L2197">
        <f t="shared" si="254"/>
        <v>0.13402776020394094</v>
      </c>
      <c r="M2197">
        <f t="shared" si="255"/>
        <v>0</v>
      </c>
      <c r="N2197" s="45">
        <f t="shared" si="256"/>
        <v>45017.124999994754</v>
      </c>
    </row>
    <row r="2198" spans="2:14" x14ac:dyDescent="0.25">
      <c r="B2198">
        <f t="shared" si="250"/>
        <v>6</v>
      </c>
      <c r="C2198" s="16">
        <v>2164</v>
      </c>
      <c r="D2198" cm="1">
        <f t="array" ref="D2198">IFERROR(INDEX(Jesper!AH$2:AH$366,ROUNDDOWN($C2198/24,0)+1,1)*INDEX($D$3:$AA$30,INDEX(Jesper!$R$2:$R$366,ROW(INDEX(Jesper!AH$2:AH$366,ROUNDDOWN($C2198/24,0)+1,1))-1)+IF('Standard Profiles'!$G$18=$B$10,7,0)+IF('Standard Profiles'!$G$18=$B$17,14,0)+IF('Standard Profiles'!$G$18=$B$24,21,0),MOD($C2198,24)+1)/SUM(INDEX($D$3:$AA$30,INDEX(Jesper!$R$2:$R$366,ROW(INDEX(Jesper!AH$2:AH$366,ROUNDDOWN($C2198/24,0)+1,1))-1)+IF('Standard Profiles'!$G$18=$B$10,7,0)+IF('Standard Profiles'!$G$18=$B$17,14,0)+IF('Standard Profiles'!$G$18=$B$24,21,0),0)),0)</f>
        <v>0</v>
      </c>
      <c r="E2198" cm="1">
        <f t="array" ref="E2198">IFERROR(INDEX(Jesper!AI$2:AI$366,ROUNDDOWN($C2198/24,0)+1,1)*INDEX($D$3:$AA$30,INDEX(Jesper!$R$2:$R$366,ROW(INDEX(Jesper!AI$2:AI$366,ROUNDDOWN($C2198/24,0)+1,1))-1)+IF('Standard Profiles'!$G$19=$B$10,7,0)+IF('Standard Profiles'!$G$19=$B$17,14,0)+IF('Standard Profiles'!$G$19=$B$24,21,0),MOD($C2198,24)+1)/SUM(INDEX($D$3:$AA$30,INDEX(Jesper!$R$2:$R$366,ROW(INDEX(Jesper!AI$2:AI$366,ROUNDDOWN($C2198/24,0)+1,1))-1)+IF('Standard Profiles'!$G$19=$B$10,7,0)+IF('Standard Profiles'!$G$19=$B$17,14,0)+IF('Standard Profiles'!$G$19=$B$24,21,0),0)),0)</f>
        <v>3.3506940050985237</v>
      </c>
      <c r="F2198" cm="1">
        <f t="array" ref="F2198">IFERROR(INDEX(Jesper!AJ$2:AJ$366,ROUNDDOWN($C2198/24,0)+1,1)*INDEX($D$3:$AA$30,INDEX(Jesper!$R$2:$R$366,ROW(INDEX(Jesper!AJ$2:AJ$366,ROUNDDOWN($C2198/24,0)+1,1))-1)+IF('Standard Profiles'!$G$20=$B$10,7,0)+IF('Standard Profiles'!$G$20=$B$17,14,0)+IF('Standard Profiles'!$G$20=$B$24,21,0),MOD($C2198,24)+1)/SUM(INDEX($D$3:$AA$30,INDEX(Jesper!$R$2:$R$366,ROW(INDEX(Jesper!AJ$2:AJ$366,ROUNDDOWN($C2198/24,0)+1,1))-1)+IF('Standard Profiles'!$G$20=$B$10,7,0)+IF('Standard Profiles'!$G$20=$B$17,14,0)+IF('Standard Profiles'!$G$20=$B$24,21,0),0)),0)</f>
        <v>2.1551037655311558</v>
      </c>
      <c r="G2198" cm="1">
        <f t="array" ref="G2198">IFERROR(INDEX(Jesper!AK$2:AK$366,ROUNDDOWN($C2198/24,0)+1,1)*INDEX($D$3:$AA$30,INDEX(Jesper!$R$2:$R$366,ROW(INDEX(Jesper!AK$2:AK$366,ROUNDDOWN($C2198/24,0)+1,1))-1)+IF('Standard Profiles'!$G$21=$B$10,7,0)+IF('Standard Profiles'!$G$21=$B$17,14,0)+IF('Standard Profiles'!$G$21=$B$24,21,0),MOD($C2198,24)+1)/SUM(INDEX($D$3:$AA$30,INDEX(Jesper!$R$2:$R$366,ROW(INDEX(Jesper!AK$2:AK$366,ROUNDDOWN($C2198/24,0)+1,1))-1)+IF('Standard Profiles'!$G$21=$B$10,7,0)+IF('Standard Profiles'!$G$21=$B$17,14,0)+IF('Standard Profiles'!$G$21=$B$24,21,0),0)),0)</f>
        <v>2.1431145368360904</v>
      </c>
      <c r="H2198" cm="1">
        <f t="array" ref="H2198">IFERROR(INDEX(Jesper!AL$2:AL$366,ROUNDDOWN($C2198/24,0)+1,1)*INDEX($D$3:$AA$30,INDEX(Jesper!$R$2:$R$366,ROW(INDEX(Jesper!AL$2:AL$366,ROUNDDOWN($C2198/24,0)+1,1))-1)+IF('Standard Profiles'!$G$22=$B$10,7,0)+IF('Standard Profiles'!$G$22=$B$17,14,0)+IF('Standard Profiles'!$G$22=$B$24,21,0),MOD($C2198,24)+1)/SUM(INDEX($D$3:$AA$30,INDEX(Jesper!$R$2:$R$366,ROW(INDEX(Jesper!AL$2:AL$366,ROUNDDOWN($C2198/24,0)+1,1))-1)+IF('Standard Profiles'!$G$22=$B$10,7,0)+IF('Standard Profiles'!$G$22=$B$17,14,0)+IF('Standard Profiles'!$G$22=$B$24,21,0),0)),0)</f>
        <v>0.88741930860051321</v>
      </c>
      <c r="I2198">
        <f t="shared" si="251"/>
        <v>0.85192253625649317</v>
      </c>
      <c r="J2198">
        <f t="shared" si="252"/>
        <v>7.2823257991979666</v>
      </c>
      <c r="K2198">
        <f t="shared" si="253"/>
        <v>0.26805552040788189</v>
      </c>
      <c r="L2198">
        <f t="shared" si="254"/>
        <v>0.13402776020394094</v>
      </c>
      <c r="M2198">
        <f t="shared" si="255"/>
        <v>0</v>
      </c>
      <c r="N2198" s="45">
        <f t="shared" si="256"/>
        <v>45017.166666661418</v>
      </c>
    </row>
    <row r="2199" spans="2:14" x14ac:dyDescent="0.25">
      <c r="B2199">
        <f t="shared" si="250"/>
        <v>6</v>
      </c>
      <c r="C2199" s="16">
        <v>2165</v>
      </c>
      <c r="D2199" cm="1">
        <f t="array" ref="D2199">IFERROR(INDEX(Jesper!AH$2:AH$366,ROUNDDOWN($C2199/24,0)+1,1)*INDEX($D$3:$AA$30,INDEX(Jesper!$R$2:$R$366,ROW(INDEX(Jesper!AH$2:AH$366,ROUNDDOWN($C2199/24,0)+1,1))-1)+IF('Standard Profiles'!$G$18=$B$10,7,0)+IF('Standard Profiles'!$G$18=$B$17,14,0)+IF('Standard Profiles'!$G$18=$B$24,21,0),MOD($C2199,24)+1)/SUM(INDEX($D$3:$AA$30,INDEX(Jesper!$R$2:$R$366,ROW(INDEX(Jesper!AH$2:AH$366,ROUNDDOWN($C2199/24,0)+1,1))-1)+IF('Standard Profiles'!$G$18=$B$10,7,0)+IF('Standard Profiles'!$G$18=$B$17,14,0)+IF('Standard Profiles'!$G$18=$B$24,21,0),0)),0)</f>
        <v>0</v>
      </c>
      <c r="E2199" cm="1">
        <f t="array" ref="E2199">IFERROR(INDEX(Jesper!AI$2:AI$366,ROUNDDOWN($C2199/24,0)+1,1)*INDEX($D$3:$AA$30,INDEX(Jesper!$R$2:$R$366,ROW(INDEX(Jesper!AI$2:AI$366,ROUNDDOWN($C2199/24,0)+1,1))-1)+IF('Standard Profiles'!$G$19=$B$10,7,0)+IF('Standard Profiles'!$G$19=$B$17,14,0)+IF('Standard Profiles'!$G$19=$B$24,21,0),MOD($C2199,24)+1)/SUM(INDEX($D$3:$AA$30,INDEX(Jesper!$R$2:$R$366,ROW(INDEX(Jesper!AI$2:AI$366,ROUNDDOWN($C2199/24,0)+1,1))-1)+IF('Standard Profiles'!$G$19=$B$10,7,0)+IF('Standard Profiles'!$G$19=$B$17,14,0)+IF('Standard Profiles'!$G$19=$B$24,21,0),0)),0)</f>
        <v>3.3506940050985237</v>
      </c>
      <c r="F2199" cm="1">
        <f t="array" ref="F2199">IFERROR(INDEX(Jesper!AJ$2:AJ$366,ROUNDDOWN($C2199/24,0)+1,1)*INDEX($D$3:$AA$30,INDEX(Jesper!$R$2:$R$366,ROW(INDEX(Jesper!AJ$2:AJ$366,ROUNDDOWN($C2199/24,0)+1,1))-1)+IF('Standard Profiles'!$G$20=$B$10,7,0)+IF('Standard Profiles'!$G$20=$B$17,14,0)+IF('Standard Profiles'!$G$20=$B$24,21,0),MOD($C2199,24)+1)/SUM(INDEX($D$3:$AA$30,INDEX(Jesper!$R$2:$R$366,ROW(INDEX(Jesper!AJ$2:AJ$366,ROUNDDOWN($C2199/24,0)+1,1))-1)+IF('Standard Profiles'!$G$20=$B$10,7,0)+IF('Standard Profiles'!$G$20=$B$17,14,0)+IF('Standard Profiles'!$G$20=$B$24,21,0),0)),0)</f>
        <v>2.1551037655311558</v>
      </c>
      <c r="G2199" cm="1">
        <f t="array" ref="G2199">IFERROR(INDEX(Jesper!AK$2:AK$366,ROUNDDOWN($C2199/24,0)+1,1)*INDEX($D$3:$AA$30,INDEX(Jesper!$R$2:$R$366,ROW(INDEX(Jesper!AK$2:AK$366,ROUNDDOWN($C2199/24,0)+1,1))-1)+IF('Standard Profiles'!$G$21=$B$10,7,0)+IF('Standard Profiles'!$G$21=$B$17,14,0)+IF('Standard Profiles'!$G$21=$B$24,21,0),MOD($C2199,24)+1)/SUM(INDEX($D$3:$AA$30,INDEX(Jesper!$R$2:$R$366,ROW(INDEX(Jesper!AK$2:AK$366,ROUNDDOWN($C2199/24,0)+1,1))-1)+IF('Standard Profiles'!$G$21=$B$10,7,0)+IF('Standard Profiles'!$G$21=$B$17,14,0)+IF('Standard Profiles'!$G$21=$B$24,21,0),0)),0)</f>
        <v>2.1431145368360904</v>
      </c>
      <c r="H2199" cm="1">
        <f t="array" ref="H2199">IFERROR(INDEX(Jesper!AL$2:AL$366,ROUNDDOWN($C2199/24,0)+1,1)*INDEX($D$3:$AA$30,INDEX(Jesper!$R$2:$R$366,ROW(INDEX(Jesper!AL$2:AL$366,ROUNDDOWN($C2199/24,0)+1,1))-1)+IF('Standard Profiles'!$G$22=$B$10,7,0)+IF('Standard Profiles'!$G$22=$B$17,14,0)+IF('Standard Profiles'!$G$22=$B$24,21,0),MOD($C2199,24)+1)/SUM(INDEX($D$3:$AA$30,INDEX(Jesper!$R$2:$R$366,ROW(INDEX(Jesper!AL$2:AL$366,ROUNDDOWN($C2199/24,0)+1,1))-1)+IF('Standard Profiles'!$G$22=$B$10,7,0)+IF('Standard Profiles'!$G$22=$B$17,14,0)+IF('Standard Profiles'!$G$22=$B$24,21,0),0)),0)</f>
        <v>1.1038630424055165</v>
      </c>
      <c r="I2199">
        <f t="shared" si="251"/>
        <v>1.0597085207092964</v>
      </c>
      <c r="J2199">
        <f t="shared" si="252"/>
        <v>7.2909835485501668</v>
      </c>
      <c r="K2199">
        <f t="shared" si="253"/>
        <v>0.26805552040788189</v>
      </c>
      <c r="L2199">
        <f t="shared" si="254"/>
        <v>0.13402776020394094</v>
      </c>
      <c r="M2199">
        <f t="shared" si="255"/>
        <v>0</v>
      </c>
      <c r="N2199" s="45">
        <f t="shared" si="256"/>
        <v>45017.208333328083</v>
      </c>
    </row>
    <row r="2200" spans="2:14" x14ac:dyDescent="0.25">
      <c r="B2200">
        <f t="shared" si="250"/>
        <v>6</v>
      </c>
      <c r="C2200" s="16">
        <v>2166</v>
      </c>
      <c r="D2200" cm="1">
        <f t="array" ref="D2200">IFERROR(INDEX(Jesper!AH$2:AH$366,ROUNDDOWN($C2200/24,0)+1,1)*INDEX($D$3:$AA$30,INDEX(Jesper!$R$2:$R$366,ROW(INDEX(Jesper!AH$2:AH$366,ROUNDDOWN($C2200/24,0)+1,1))-1)+IF('Standard Profiles'!$G$18=$B$10,7,0)+IF('Standard Profiles'!$G$18=$B$17,14,0)+IF('Standard Profiles'!$G$18=$B$24,21,0),MOD($C2200,24)+1)/SUM(INDEX($D$3:$AA$30,INDEX(Jesper!$R$2:$R$366,ROW(INDEX(Jesper!AH$2:AH$366,ROUNDDOWN($C2200/24,0)+1,1))-1)+IF('Standard Profiles'!$G$18=$B$10,7,0)+IF('Standard Profiles'!$G$18=$B$17,14,0)+IF('Standard Profiles'!$G$18=$B$24,21,0),0)),0)</f>
        <v>0</v>
      </c>
      <c r="E2200" cm="1">
        <f t="array" ref="E2200">IFERROR(INDEX(Jesper!AI$2:AI$366,ROUNDDOWN($C2200/24,0)+1,1)*INDEX($D$3:$AA$30,INDEX(Jesper!$R$2:$R$366,ROW(INDEX(Jesper!AI$2:AI$366,ROUNDDOWN($C2200/24,0)+1,1))-1)+IF('Standard Profiles'!$G$19=$B$10,7,0)+IF('Standard Profiles'!$G$19=$B$17,14,0)+IF('Standard Profiles'!$G$19=$B$24,21,0),MOD($C2200,24)+1)/SUM(INDEX($D$3:$AA$30,INDEX(Jesper!$R$2:$R$366,ROW(INDEX(Jesper!AI$2:AI$366,ROUNDDOWN($C2200/24,0)+1,1))-1)+IF('Standard Profiles'!$G$19=$B$10,7,0)+IF('Standard Profiles'!$G$19=$B$17,14,0)+IF('Standard Profiles'!$G$19=$B$24,21,0),0)),0)</f>
        <v>3.3506940050985237</v>
      </c>
      <c r="F2200" cm="1">
        <f t="array" ref="F2200">IFERROR(INDEX(Jesper!AJ$2:AJ$366,ROUNDDOWN($C2200/24,0)+1,1)*INDEX($D$3:$AA$30,INDEX(Jesper!$R$2:$R$366,ROW(INDEX(Jesper!AJ$2:AJ$366,ROUNDDOWN($C2200/24,0)+1,1))-1)+IF('Standard Profiles'!$G$20=$B$10,7,0)+IF('Standard Profiles'!$G$20=$B$17,14,0)+IF('Standard Profiles'!$G$20=$B$24,21,0),MOD($C2200,24)+1)/SUM(INDEX($D$3:$AA$30,INDEX(Jesper!$R$2:$R$366,ROW(INDEX(Jesper!AJ$2:AJ$366,ROUNDDOWN($C2200/24,0)+1,1))-1)+IF('Standard Profiles'!$G$20=$B$10,7,0)+IF('Standard Profiles'!$G$20=$B$17,14,0)+IF('Standard Profiles'!$G$20=$B$24,21,0),0)),0)</f>
        <v>2.1551037655311558</v>
      </c>
      <c r="G2200" cm="1">
        <f t="array" ref="G2200">IFERROR(INDEX(Jesper!AK$2:AK$366,ROUNDDOWN($C2200/24,0)+1,1)*INDEX($D$3:$AA$30,INDEX(Jesper!$R$2:$R$366,ROW(INDEX(Jesper!AK$2:AK$366,ROUNDDOWN($C2200/24,0)+1,1))-1)+IF('Standard Profiles'!$G$21=$B$10,7,0)+IF('Standard Profiles'!$G$21=$B$17,14,0)+IF('Standard Profiles'!$G$21=$B$24,21,0),MOD($C2200,24)+1)/SUM(INDEX($D$3:$AA$30,INDEX(Jesper!$R$2:$R$366,ROW(INDEX(Jesper!AK$2:AK$366,ROUNDDOWN($C2200/24,0)+1,1))-1)+IF('Standard Profiles'!$G$21=$B$10,7,0)+IF('Standard Profiles'!$G$21=$B$17,14,0)+IF('Standard Profiles'!$G$21=$B$24,21,0),0)),0)</f>
        <v>2.1431145368360904</v>
      </c>
      <c r="H2200" cm="1">
        <f t="array" ref="H2200">IFERROR(INDEX(Jesper!AL$2:AL$366,ROUNDDOWN($C2200/24,0)+1,1)*INDEX($D$3:$AA$30,INDEX(Jesper!$R$2:$R$366,ROW(INDEX(Jesper!AL$2:AL$366,ROUNDDOWN($C2200/24,0)+1,1))-1)+IF('Standard Profiles'!$G$22=$B$10,7,0)+IF('Standard Profiles'!$G$22=$B$17,14,0)+IF('Standard Profiles'!$G$22=$B$24,21,0),MOD($C2200,24)+1)/SUM(INDEX($D$3:$AA$30,INDEX(Jesper!$R$2:$R$366,ROW(INDEX(Jesper!AL$2:AL$366,ROUNDDOWN($C2200/24,0)+1,1))-1)+IF('Standard Profiles'!$G$22=$B$10,7,0)+IF('Standard Profiles'!$G$22=$B$17,14,0)+IF('Standard Profiles'!$G$22=$B$24,21,0),0)),0)</f>
        <v>1.3852398963520205</v>
      </c>
      <c r="I2200">
        <f t="shared" si="251"/>
        <v>1.3298303004979404</v>
      </c>
      <c r="J2200">
        <f t="shared" si="252"/>
        <v>7.3022386227080265</v>
      </c>
      <c r="K2200">
        <f t="shared" si="253"/>
        <v>0.26805552040788189</v>
      </c>
      <c r="L2200">
        <f t="shared" si="254"/>
        <v>0.13402776020394094</v>
      </c>
      <c r="M2200">
        <f t="shared" si="255"/>
        <v>0</v>
      </c>
      <c r="N2200" s="45">
        <f t="shared" si="256"/>
        <v>45017.249999994747</v>
      </c>
    </row>
    <row r="2201" spans="2:14" x14ac:dyDescent="0.25">
      <c r="B2201">
        <f t="shared" si="250"/>
        <v>6</v>
      </c>
      <c r="C2201" s="16">
        <v>2167</v>
      </c>
      <c r="D2201" cm="1">
        <f t="array" ref="D2201">IFERROR(INDEX(Jesper!AH$2:AH$366,ROUNDDOWN($C2201/24,0)+1,1)*INDEX($D$3:$AA$30,INDEX(Jesper!$R$2:$R$366,ROW(INDEX(Jesper!AH$2:AH$366,ROUNDDOWN($C2201/24,0)+1,1))-1)+IF('Standard Profiles'!$G$18=$B$10,7,0)+IF('Standard Profiles'!$G$18=$B$17,14,0)+IF('Standard Profiles'!$G$18=$B$24,21,0),MOD($C2201,24)+1)/SUM(INDEX($D$3:$AA$30,INDEX(Jesper!$R$2:$R$366,ROW(INDEX(Jesper!AH$2:AH$366,ROUNDDOWN($C2201/24,0)+1,1))-1)+IF('Standard Profiles'!$G$18=$B$10,7,0)+IF('Standard Profiles'!$G$18=$B$17,14,0)+IF('Standard Profiles'!$G$18=$B$24,21,0),0)),0)</f>
        <v>0</v>
      </c>
      <c r="E2201" cm="1">
        <f t="array" ref="E2201">IFERROR(INDEX(Jesper!AI$2:AI$366,ROUNDDOWN($C2201/24,0)+1,1)*INDEX($D$3:$AA$30,INDEX(Jesper!$R$2:$R$366,ROW(INDEX(Jesper!AI$2:AI$366,ROUNDDOWN($C2201/24,0)+1,1))-1)+IF('Standard Profiles'!$G$19=$B$10,7,0)+IF('Standard Profiles'!$G$19=$B$17,14,0)+IF('Standard Profiles'!$G$19=$B$24,21,0),MOD($C2201,24)+1)/SUM(INDEX($D$3:$AA$30,INDEX(Jesper!$R$2:$R$366,ROW(INDEX(Jesper!AI$2:AI$366,ROUNDDOWN($C2201/24,0)+1,1))-1)+IF('Standard Profiles'!$G$19=$B$10,7,0)+IF('Standard Profiles'!$G$19=$B$17,14,0)+IF('Standard Profiles'!$G$19=$B$24,21,0),0)),0)</f>
        <v>3.3506940050985237</v>
      </c>
      <c r="F2201" cm="1">
        <f t="array" ref="F2201">IFERROR(INDEX(Jesper!AJ$2:AJ$366,ROUNDDOWN($C2201/24,0)+1,1)*INDEX($D$3:$AA$30,INDEX(Jesper!$R$2:$R$366,ROW(INDEX(Jesper!AJ$2:AJ$366,ROUNDDOWN($C2201/24,0)+1,1))-1)+IF('Standard Profiles'!$G$20=$B$10,7,0)+IF('Standard Profiles'!$G$20=$B$17,14,0)+IF('Standard Profiles'!$G$20=$B$24,21,0),MOD($C2201,24)+1)/SUM(INDEX($D$3:$AA$30,INDEX(Jesper!$R$2:$R$366,ROW(INDEX(Jesper!AJ$2:AJ$366,ROUNDDOWN($C2201/24,0)+1,1))-1)+IF('Standard Profiles'!$G$20=$B$10,7,0)+IF('Standard Profiles'!$G$20=$B$17,14,0)+IF('Standard Profiles'!$G$20=$B$24,21,0),0)),0)</f>
        <v>2.1551037655311558</v>
      </c>
      <c r="G2201" cm="1">
        <f t="array" ref="G2201">IFERROR(INDEX(Jesper!AK$2:AK$366,ROUNDDOWN($C2201/24,0)+1,1)*INDEX($D$3:$AA$30,INDEX(Jesper!$R$2:$R$366,ROW(INDEX(Jesper!AK$2:AK$366,ROUNDDOWN($C2201/24,0)+1,1))-1)+IF('Standard Profiles'!$G$21=$B$10,7,0)+IF('Standard Profiles'!$G$21=$B$17,14,0)+IF('Standard Profiles'!$G$21=$B$24,21,0),MOD($C2201,24)+1)/SUM(INDEX($D$3:$AA$30,INDEX(Jesper!$R$2:$R$366,ROW(INDEX(Jesper!AK$2:AK$366,ROUNDDOWN($C2201/24,0)+1,1))-1)+IF('Standard Profiles'!$G$21=$B$10,7,0)+IF('Standard Profiles'!$G$21=$B$17,14,0)+IF('Standard Profiles'!$G$21=$B$24,21,0),0)),0)</f>
        <v>2.1431145368360904</v>
      </c>
      <c r="H2201" cm="1">
        <f t="array" ref="H2201">IFERROR(INDEX(Jesper!AL$2:AL$366,ROUNDDOWN($C2201/24,0)+1,1)*INDEX($D$3:$AA$30,INDEX(Jesper!$R$2:$R$366,ROW(INDEX(Jesper!AL$2:AL$366,ROUNDDOWN($C2201/24,0)+1,1))-1)+IF('Standard Profiles'!$G$22=$B$10,7,0)+IF('Standard Profiles'!$G$22=$B$17,14,0)+IF('Standard Profiles'!$G$22=$B$24,21,0),MOD($C2201,24)+1)/SUM(INDEX($D$3:$AA$30,INDEX(Jesper!$R$2:$R$366,ROW(INDEX(Jesper!AL$2:AL$366,ROUNDDOWN($C2201/24,0)+1,1))-1)+IF('Standard Profiles'!$G$22=$B$10,7,0)+IF('Standard Profiles'!$G$22=$B$17,14,0)+IF('Standard Profiles'!$G$22=$B$24,21,0),0)),0)</f>
        <v>1.5800392567765233</v>
      </c>
      <c r="I2201">
        <f t="shared" si="251"/>
        <v>1.5168376865054631</v>
      </c>
      <c r="J2201">
        <f t="shared" si="252"/>
        <v>7.3100305971250066</v>
      </c>
      <c r="K2201">
        <f t="shared" si="253"/>
        <v>0.26805552040788189</v>
      </c>
      <c r="L2201">
        <f t="shared" si="254"/>
        <v>0.13402776020394094</v>
      </c>
      <c r="M2201">
        <f t="shared" si="255"/>
        <v>0</v>
      </c>
      <c r="N2201" s="45">
        <f t="shared" si="256"/>
        <v>45017.291666661411</v>
      </c>
    </row>
    <row r="2202" spans="2:14" x14ac:dyDescent="0.25">
      <c r="B2202">
        <f t="shared" si="250"/>
        <v>6</v>
      </c>
      <c r="C2202" s="16">
        <v>2168</v>
      </c>
      <c r="D2202" cm="1">
        <f t="array" ref="D2202">IFERROR(INDEX(Jesper!AH$2:AH$366,ROUNDDOWN($C2202/24,0)+1,1)*INDEX($D$3:$AA$30,INDEX(Jesper!$R$2:$R$366,ROW(INDEX(Jesper!AH$2:AH$366,ROUNDDOWN($C2202/24,0)+1,1))-1)+IF('Standard Profiles'!$G$18=$B$10,7,0)+IF('Standard Profiles'!$G$18=$B$17,14,0)+IF('Standard Profiles'!$G$18=$B$24,21,0),MOD($C2202,24)+1)/SUM(INDEX($D$3:$AA$30,INDEX(Jesper!$R$2:$R$366,ROW(INDEX(Jesper!AH$2:AH$366,ROUNDDOWN($C2202/24,0)+1,1))-1)+IF('Standard Profiles'!$G$18=$B$10,7,0)+IF('Standard Profiles'!$G$18=$B$17,14,0)+IF('Standard Profiles'!$G$18=$B$24,21,0),0)),0)</f>
        <v>0</v>
      </c>
      <c r="E2202" cm="1">
        <f t="array" ref="E2202">IFERROR(INDEX(Jesper!AI$2:AI$366,ROUNDDOWN($C2202/24,0)+1,1)*INDEX($D$3:$AA$30,INDEX(Jesper!$R$2:$R$366,ROW(INDEX(Jesper!AI$2:AI$366,ROUNDDOWN($C2202/24,0)+1,1))-1)+IF('Standard Profiles'!$G$19=$B$10,7,0)+IF('Standard Profiles'!$G$19=$B$17,14,0)+IF('Standard Profiles'!$G$19=$B$24,21,0),MOD($C2202,24)+1)/SUM(INDEX($D$3:$AA$30,INDEX(Jesper!$R$2:$R$366,ROW(INDEX(Jesper!AI$2:AI$366,ROUNDDOWN($C2202/24,0)+1,1))-1)+IF('Standard Profiles'!$G$19=$B$10,7,0)+IF('Standard Profiles'!$G$19=$B$17,14,0)+IF('Standard Profiles'!$G$19=$B$24,21,0),0)),0)</f>
        <v>3.3506940050985237</v>
      </c>
      <c r="F2202" cm="1">
        <f t="array" ref="F2202">IFERROR(INDEX(Jesper!AJ$2:AJ$366,ROUNDDOWN($C2202/24,0)+1,1)*INDEX($D$3:$AA$30,INDEX(Jesper!$R$2:$R$366,ROW(INDEX(Jesper!AJ$2:AJ$366,ROUNDDOWN($C2202/24,0)+1,1))-1)+IF('Standard Profiles'!$G$20=$B$10,7,0)+IF('Standard Profiles'!$G$20=$B$17,14,0)+IF('Standard Profiles'!$G$20=$B$24,21,0),MOD($C2202,24)+1)/SUM(INDEX($D$3:$AA$30,INDEX(Jesper!$R$2:$R$366,ROW(INDEX(Jesper!AJ$2:AJ$366,ROUNDDOWN($C2202/24,0)+1,1))-1)+IF('Standard Profiles'!$G$20=$B$10,7,0)+IF('Standard Profiles'!$G$20=$B$17,14,0)+IF('Standard Profiles'!$G$20=$B$24,21,0),0)),0)</f>
        <v>2.1551037655311558</v>
      </c>
      <c r="G2202" cm="1">
        <f t="array" ref="G2202">IFERROR(INDEX(Jesper!AK$2:AK$366,ROUNDDOWN($C2202/24,0)+1,1)*INDEX($D$3:$AA$30,INDEX(Jesper!$R$2:$R$366,ROW(INDEX(Jesper!AK$2:AK$366,ROUNDDOWN($C2202/24,0)+1,1))-1)+IF('Standard Profiles'!$G$21=$B$10,7,0)+IF('Standard Profiles'!$G$21=$B$17,14,0)+IF('Standard Profiles'!$G$21=$B$24,21,0),MOD($C2202,24)+1)/SUM(INDEX($D$3:$AA$30,INDEX(Jesper!$R$2:$R$366,ROW(INDEX(Jesper!AK$2:AK$366,ROUNDDOWN($C2202/24,0)+1,1))-1)+IF('Standard Profiles'!$G$21=$B$10,7,0)+IF('Standard Profiles'!$G$21=$B$17,14,0)+IF('Standard Profiles'!$G$21=$B$24,21,0),0)),0)</f>
        <v>2.1431145368360904</v>
      </c>
      <c r="H2202" cm="1">
        <f t="array" ref="H2202">IFERROR(INDEX(Jesper!AL$2:AL$366,ROUNDDOWN($C2202/24,0)+1,1)*INDEX($D$3:$AA$30,INDEX(Jesper!$R$2:$R$366,ROW(INDEX(Jesper!AL$2:AL$366,ROUNDDOWN($C2202/24,0)+1,1))-1)+IF('Standard Profiles'!$G$22=$B$10,7,0)+IF('Standard Profiles'!$G$22=$B$17,14,0)+IF('Standard Profiles'!$G$22=$B$24,21,0),MOD($C2202,24)+1)/SUM(INDEX($D$3:$AA$30,INDEX(Jesper!$R$2:$R$366,ROW(INDEX(Jesper!AL$2:AL$366,ROUNDDOWN($C2202/24,0)+1,1))-1)+IF('Standard Profiles'!$G$22=$B$10,7,0)+IF('Standard Profiles'!$G$22=$B$17,14,0)+IF('Standard Profiles'!$G$22=$B$24,21,0),0)),0)</f>
        <v>1.5800392567765233</v>
      </c>
      <c r="I2202">
        <f t="shared" si="251"/>
        <v>1.5168376865054631</v>
      </c>
      <c r="J2202">
        <f t="shared" si="252"/>
        <v>7.3100305971250066</v>
      </c>
      <c r="K2202">
        <f t="shared" si="253"/>
        <v>0.26805552040788189</v>
      </c>
      <c r="L2202">
        <f t="shared" si="254"/>
        <v>0.13402776020394094</v>
      </c>
      <c r="M2202">
        <f t="shared" si="255"/>
        <v>0</v>
      </c>
      <c r="N2202" s="45">
        <f t="shared" si="256"/>
        <v>45017.333333328075</v>
      </c>
    </row>
    <row r="2203" spans="2:14" x14ac:dyDescent="0.25">
      <c r="B2203">
        <f t="shared" si="250"/>
        <v>6</v>
      </c>
      <c r="C2203" s="16">
        <v>2169</v>
      </c>
      <c r="D2203" cm="1">
        <f t="array" ref="D2203">IFERROR(INDEX(Jesper!AH$2:AH$366,ROUNDDOWN($C2203/24,0)+1,1)*INDEX($D$3:$AA$30,INDEX(Jesper!$R$2:$R$366,ROW(INDEX(Jesper!AH$2:AH$366,ROUNDDOWN($C2203/24,0)+1,1))-1)+IF('Standard Profiles'!$G$18=$B$10,7,0)+IF('Standard Profiles'!$G$18=$B$17,14,0)+IF('Standard Profiles'!$G$18=$B$24,21,0),MOD($C2203,24)+1)/SUM(INDEX($D$3:$AA$30,INDEX(Jesper!$R$2:$R$366,ROW(INDEX(Jesper!AH$2:AH$366,ROUNDDOWN($C2203/24,0)+1,1))-1)+IF('Standard Profiles'!$G$18=$B$10,7,0)+IF('Standard Profiles'!$G$18=$B$17,14,0)+IF('Standard Profiles'!$G$18=$B$24,21,0),0)),0)</f>
        <v>0</v>
      </c>
      <c r="E2203" cm="1">
        <f t="array" ref="E2203">IFERROR(INDEX(Jesper!AI$2:AI$366,ROUNDDOWN($C2203/24,0)+1,1)*INDEX($D$3:$AA$30,INDEX(Jesper!$R$2:$R$366,ROW(INDEX(Jesper!AI$2:AI$366,ROUNDDOWN($C2203/24,0)+1,1))-1)+IF('Standard Profiles'!$G$19=$B$10,7,0)+IF('Standard Profiles'!$G$19=$B$17,14,0)+IF('Standard Profiles'!$G$19=$B$24,21,0),MOD($C2203,24)+1)/SUM(INDEX($D$3:$AA$30,INDEX(Jesper!$R$2:$R$366,ROW(INDEX(Jesper!AI$2:AI$366,ROUNDDOWN($C2203/24,0)+1,1))-1)+IF('Standard Profiles'!$G$19=$B$10,7,0)+IF('Standard Profiles'!$G$19=$B$17,14,0)+IF('Standard Profiles'!$G$19=$B$24,21,0),0)),0)</f>
        <v>3.3506940050985237</v>
      </c>
      <c r="F2203" cm="1">
        <f t="array" ref="F2203">IFERROR(INDEX(Jesper!AJ$2:AJ$366,ROUNDDOWN($C2203/24,0)+1,1)*INDEX($D$3:$AA$30,INDEX(Jesper!$R$2:$R$366,ROW(INDEX(Jesper!AJ$2:AJ$366,ROUNDDOWN($C2203/24,0)+1,1))-1)+IF('Standard Profiles'!$G$20=$B$10,7,0)+IF('Standard Profiles'!$G$20=$B$17,14,0)+IF('Standard Profiles'!$G$20=$B$24,21,0),MOD($C2203,24)+1)/SUM(INDEX($D$3:$AA$30,INDEX(Jesper!$R$2:$R$366,ROW(INDEX(Jesper!AJ$2:AJ$366,ROUNDDOWN($C2203/24,0)+1,1))-1)+IF('Standard Profiles'!$G$20=$B$10,7,0)+IF('Standard Profiles'!$G$20=$B$17,14,0)+IF('Standard Profiles'!$G$20=$B$24,21,0),0)),0)</f>
        <v>2.1551037655311558</v>
      </c>
      <c r="G2203" cm="1">
        <f t="array" ref="G2203">IFERROR(INDEX(Jesper!AK$2:AK$366,ROUNDDOWN($C2203/24,0)+1,1)*INDEX($D$3:$AA$30,INDEX(Jesper!$R$2:$R$366,ROW(INDEX(Jesper!AK$2:AK$366,ROUNDDOWN($C2203/24,0)+1,1))-1)+IF('Standard Profiles'!$G$21=$B$10,7,0)+IF('Standard Profiles'!$G$21=$B$17,14,0)+IF('Standard Profiles'!$G$21=$B$24,21,0),MOD($C2203,24)+1)/SUM(INDEX($D$3:$AA$30,INDEX(Jesper!$R$2:$R$366,ROW(INDEX(Jesper!AK$2:AK$366,ROUNDDOWN($C2203/24,0)+1,1))-1)+IF('Standard Profiles'!$G$21=$B$10,7,0)+IF('Standard Profiles'!$G$21=$B$17,14,0)+IF('Standard Profiles'!$G$21=$B$24,21,0),0)),0)</f>
        <v>2.1431145368360904</v>
      </c>
      <c r="H2203" cm="1">
        <f t="array" ref="H2203">IFERROR(INDEX(Jesper!AL$2:AL$366,ROUNDDOWN($C2203/24,0)+1,1)*INDEX($D$3:$AA$30,INDEX(Jesper!$R$2:$R$366,ROW(INDEX(Jesper!AL$2:AL$366,ROUNDDOWN($C2203/24,0)+1,1))-1)+IF('Standard Profiles'!$G$22=$B$10,7,0)+IF('Standard Profiles'!$G$22=$B$17,14,0)+IF('Standard Profiles'!$G$22=$B$24,21,0),MOD($C2203,24)+1)/SUM(INDEX($D$3:$AA$30,INDEX(Jesper!$R$2:$R$366,ROW(INDEX(Jesper!AL$2:AL$366,ROUNDDOWN($C2203/24,0)+1,1))-1)+IF('Standard Profiles'!$G$22=$B$10,7,0)+IF('Standard Profiles'!$G$22=$B$17,14,0)+IF('Standard Profiles'!$G$22=$B$24,21,0),0)),0)</f>
        <v>1.5800392567765233</v>
      </c>
      <c r="I2203">
        <f t="shared" si="251"/>
        <v>1.5168376865054631</v>
      </c>
      <c r="J2203">
        <f t="shared" si="252"/>
        <v>7.3100305971250066</v>
      </c>
      <c r="K2203">
        <f t="shared" si="253"/>
        <v>0.26805552040788189</v>
      </c>
      <c r="L2203">
        <f t="shared" si="254"/>
        <v>0.13402776020394094</v>
      </c>
      <c r="M2203">
        <f t="shared" si="255"/>
        <v>0</v>
      </c>
      <c r="N2203" s="45">
        <f t="shared" si="256"/>
        <v>45017.374999994739</v>
      </c>
    </row>
    <row r="2204" spans="2:14" x14ac:dyDescent="0.25">
      <c r="B2204">
        <f t="shared" si="250"/>
        <v>6</v>
      </c>
      <c r="C2204" s="16">
        <v>2170</v>
      </c>
      <c r="D2204" cm="1">
        <f t="array" ref="D2204">IFERROR(INDEX(Jesper!AH$2:AH$366,ROUNDDOWN($C2204/24,0)+1,1)*INDEX($D$3:$AA$30,INDEX(Jesper!$R$2:$R$366,ROW(INDEX(Jesper!AH$2:AH$366,ROUNDDOWN($C2204/24,0)+1,1))-1)+IF('Standard Profiles'!$G$18=$B$10,7,0)+IF('Standard Profiles'!$G$18=$B$17,14,0)+IF('Standard Profiles'!$G$18=$B$24,21,0),MOD($C2204,24)+1)/SUM(INDEX($D$3:$AA$30,INDEX(Jesper!$R$2:$R$366,ROW(INDEX(Jesper!AH$2:AH$366,ROUNDDOWN($C2204/24,0)+1,1))-1)+IF('Standard Profiles'!$G$18=$B$10,7,0)+IF('Standard Profiles'!$G$18=$B$17,14,0)+IF('Standard Profiles'!$G$18=$B$24,21,0),0)),0)</f>
        <v>0</v>
      </c>
      <c r="E2204" cm="1">
        <f t="array" ref="E2204">IFERROR(INDEX(Jesper!AI$2:AI$366,ROUNDDOWN($C2204/24,0)+1,1)*INDEX($D$3:$AA$30,INDEX(Jesper!$R$2:$R$366,ROW(INDEX(Jesper!AI$2:AI$366,ROUNDDOWN($C2204/24,0)+1,1))-1)+IF('Standard Profiles'!$G$19=$B$10,7,0)+IF('Standard Profiles'!$G$19=$B$17,14,0)+IF('Standard Profiles'!$G$19=$B$24,21,0),MOD($C2204,24)+1)/SUM(INDEX($D$3:$AA$30,INDEX(Jesper!$R$2:$R$366,ROW(INDEX(Jesper!AI$2:AI$366,ROUNDDOWN($C2204/24,0)+1,1))-1)+IF('Standard Profiles'!$G$19=$B$10,7,0)+IF('Standard Profiles'!$G$19=$B$17,14,0)+IF('Standard Profiles'!$G$19=$B$24,21,0),0)),0)</f>
        <v>3.3506940050985237</v>
      </c>
      <c r="F2204" cm="1">
        <f t="array" ref="F2204">IFERROR(INDEX(Jesper!AJ$2:AJ$366,ROUNDDOWN($C2204/24,0)+1,1)*INDEX($D$3:$AA$30,INDEX(Jesper!$R$2:$R$366,ROW(INDEX(Jesper!AJ$2:AJ$366,ROUNDDOWN($C2204/24,0)+1,1))-1)+IF('Standard Profiles'!$G$20=$B$10,7,0)+IF('Standard Profiles'!$G$20=$B$17,14,0)+IF('Standard Profiles'!$G$20=$B$24,21,0),MOD($C2204,24)+1)/SUM(INDEX($D$3:$AA$30,INDEX(Jesper!$R$2:$R$366,ROW(INDEX(Jesper!AJ$2:AJ$366,ROUNDDOWN($C2204/24,0)+1,1))-1)+IF('Standard Profiles'!$G$20=$B$10,7,0)+IF('Standard Profiles'!$G$20=$B$17,14,0)+IF('Standard Profiles'!$G$20=$B$24,21,0),0)),0)</f>
        <v>2.1551037655311558</v>
      </c>
      <c r="G2204" cm="1">
        <f t="array" ref="G2204">IFERROR(INDEX(Jesper!AK$2:AK$366,ROUNDDOWN($C2204/24,0)+1,1)*INDEX($D$3:$AA$30,INDEX(Jesper!$R$2:$R$366,ROW(INDEX(Jesper!AK$2:AK$366,ROUNDDOWN($C2204/24,0)+1,1))-1)+IF('Standard Profiles'!$G$21=$B$10,7,0)+IF('Standard Profiles'!$G$21=$B$17,14,0)+IF('Standard Profiles'!$G$21=$B$24,21,0),MOD($C2204,24)+1)/SUM(INDEX($D$3:$AA$30,INDEX(Jesper!$R$2:$R$366,ROW(INDEX(Jesper!AK$2:AK$366,ROUNDDOWN($C2204/24,0)+1,1))-1)+IF('Standard Profiles'!$G$21=$B$10,7,0)+IF('Standard Profiles'!$G$21=$B$17,14,0)+IF('Standard Profiles'!$G$21=$B$24,21,0),0)),0)</f>
        <v>2.1431145368360904</v>
      </c>
      <c r="H2204" cm="1">
        <f t="array" ref="H2204">IFERROR(INDEX(Jesper!AL$2:AL$366,ROUNDDOWN($C2204/24,0)+1,1)*INDEX($D$3:$AA$30,INDEX(Jesper!$R$2:$R$366,ROW(INDEX(Jesper!AL$2:AL$366,ROUNDDOWN($C2204/24,0)+1,1))-1)+IF('Standard Profiles'!$G$22=$B$10,7,0)+IF('Standard Profiles'!$G$22=$B$17,14,0)+IF('Standard Profiles'!$G$22=$B$24,21,0),MOD($C2204,24)+1)/SUM(INDEX($D$3:$AA$30,INDEX(Jesper!$R$2:$R$366,ROW(INDEX(Jesper!AL$2:AL$366,ROUNDDOWN($C2204/24,0)+1,1))-1)+IF('Standard Profiles'!$G$22=$B$10,7,0)+IF('Standard Profiles'!$G$22=$B$17,14,0)+IF('Standard Profiles'!$G$22=$B$24,21,0),0)),0)</f>
        <v>1.5800392567765233</v>
      </c>
      <c r="I2204">
        <f t="shared" si="251"/>
        <v>1.5168376865054631</v>
      </c>
      <c r="J2204">
        <f t="shared" si="252"/>
        <v>7.3100305971250066</v>
      </c>
      <c r="K2204">
        <f t="shared" si="253"/>
        <v>0.26805552040788189</v>
      </c>
      <c r="L2204">
        <f t="shared" si="254"/>
        <v>0.13402776020394094</v>
      </c>
      <c r="M2204">
        <f t="shared" si="255"/>
        <v>0</v>
      </c>
      <c r="N2204" s="45">
        <f t="shared" si="256"/>
        <v>45017.416666661404</v>
      </c>
    </row>
    <row r="2205" spans="2:14" x14ac:dyDescent="0.25">
      <c r="B2205">
        <f t="shared" si="250"/>
        <v>6</v>
      </c>
      <c r="C2205" s="16">
        <v>2171</v>
      </c>
      <c r="D2205" cm="1">
        <f t="array" ref="D2205">IFERROR(INDEX(Jesper!AH$2:AH$366,ROUNDDOWN($C2205/24,0)+1,1)*INDEX($D$3:$AA$30,INDEX(Jesper!$R$2:$R$366,ROW(INDEX(Jesper!AH$2:AH$366,ROUNDDOWN($C2205/24,0)+1,1))-1)+IF('Standard Profiles'!$G$18=$B$10,7,0)+IF('Standard Profiles'!$G$18=$B$17,14,0)+IF('Standard Profiles'!$G$18=$B$24,21,0),MOD($C2205,24)+1)/SUM(INDEX($D$3:$AA$30,INDEX(Jesper!$R$2:$R$366,ROW(INDEX(Jesper!AH$2:AH$366,ROUNDDOWN($C2205/24,0)+1,1))-1)+IF('Standard Profiles'!$G$18=$B$10,7,0)+IF('Standard Profiles'!$G$18=$B$17,14,0)+IF('Standard Profiles'!$G$18=$B$24,21,0),0)),0)</f>
        <v>0</v>
      </c>
      <c r="E2205" cm="1">
        <f t="array" ref="E2205">IFERROR(INDEX(Jesper!AI$2:AI$366,ROUNDDOWN($C2205/24,0)+1,1)*INDEX($D$3:$AA$30,INDEX(Jesper!$R$2:$R$366,ROW(INDEX(Jesper!AI$2:AI$366,ROUNDDOWN($C2205/24,0)+1,1))-1)+IF('Standard Profiles'!$G$19=$B$10,7,0)+IF('Standard Profiles'!$G$19=$B$17,14,0)+IF('Standard Profiles'!$G$19=$B$24,21,0),MOD($C2205,24)+1)/SUM(INDEX($D$3:$AA$30,INDEX(Jesper!$R$2:$R$366,ROW(INDEX(Jesper!AI$2:AI$366,ROUNDDOWN($C2205/24,0)+1,1))-1)+IF('Standard Profiles'!$G$19=$B$10,7,0)+IF('Standard Profiles'!$G$19=$B$17,14,0)+IF('Standard Profiles'!$G$19=$B$24,21,0),0)),0)</f>
        <v>3.3506940050985237</v>
      </c>
      <c r="F2205" cm="1">
        <f t="array" ref="F2205">IFERROR(INDEX(Jesper!AJ$2:AJ$366,ROUNDDOWN($C2205/24,0)+1,1)*INDEX($D$3:$AA$30,INDEX(Jesper!$R$2:$R$366,ROW(INDEX(Jesper!AJ$2:AJ$366,ROUNDDOWN($C2205/24,0)+1,1))-1)+IF('Standard Profiles'!$G$20=$B$10,7,0)+IF('Standard Profiles'!$G$20=$B$17,14,0)+IF('Standard Profiles'!$G$20=$B$24,21,0),MOD($C2205,24)+1)/SUM(INDEX($D$3:$AA$30,INDEX(Jesper!$R$2:$R$366,ROW(INDEX(Jesper!AJ$2:AJ$366,ROUNDDOWN($C2205/24,0)+1,1))-1)+IF('Standard Profiles'!$G$20=$B$10,7,0)+IF('Standard Profiles'!$G$20=$B$17,14,0)+IF('Standard Profiles'!$G$20=$B$24,21,0),0)),0)</f>
        <v>2.1551037655311558</v>
      </c>
      <c r="G2205" cm="1">
        <f t="array" ref="G2205">IFERROR(INDEX(Jesper!AK$2:AK$366,ROUNDDOWN($C2205/24,0)+1,1)*INDEX($D$3:$AA$30,INDEX(Jesper!$R$2:$R$366,ROW(INDEX(Jesper!AK$2:AK$366,ROUNDDOWN($C2205/24,0)+1,1))-1)+IF('Standard Profiles'!$G$21=$B$10,7,0)+IF('Standard Profiles'!$G$21=$B$17,14,0)+IF('Standard Profiles'!$G$21=$B$24,21,0),MOD($C2205,24)+1)/SUM(INDEX($D$3:$AA$30,INDEX(Jesper!$R$2:$R$366,ROW(INDEX(Jesper!AK$2:AK$366,ROUNDDOWN($C2205/24,0)+1,1))-1)+IF('Standard Profiles'!$G$21=$B$10,7,0)+IF('Standard Profiles'!$G$21=$B$17,14,0)+IF('Standard Profiles'!$G$21=$B$24,21,0),0)),0)</f>
        <v>2.1431145368360904</v>
      </c>
      <c r="H2205" cm="1">
        <f t="array" ref="H2205">IFERROR(INDEX(Jesper!AL$2:AL$366,ROUNDDOWN($C2205/24,0)+1,1)*INDEX($D$3:$AA$30,INDEX(Jesper!$R$2:$R$366,ROW(INDEX(Jesper!AL$2:AL$366,ROUNDDOWN($C2205/24,0)+1,1))-1)+IF('Standard Profiles'!$G$22=$B$10,7,0)+IF('Standard Profiles'!$G$22=$B$17,14,0)+IF('Standard Profiles'!$G$22=$B$24,21,0),MOD($C2205,24)+1)/SUM(INDEX($D$3:$AA$30,INDEX(Jesper!$R$2:$R$366,ROW(INDEX(Jesper!AL$2:AL$366,ROUNDDOWN($C2205/24,0)+1,1))-1)+IF('Standard Profiles'!$G$22=$B$10,7,0)+IF('Standard Profiles'!$G$22=$B$17,14,0)+IF('Standard Profiles'!$G$22=$B$24,21,0),0)),0)</f>
        <v>1.5800392567765233</v>
      </c>
      <c r="I2205">
        <f t="shared" si="251"/>
        <v>1.5168376865054631</v>
      </c>
      <c r="J2205">
        <f t="shared" si="252"/>
        <v>7.3100305971250066</v>
      </c>
      <c r="K2205">
        <f t="shared" si="253"/>
        <v>0.26805552040788189</v>
      </c>
      <c r="L2205">
        <f t="shared" si="254"/>
        <v>0.13402776020394094</v>
      </c>
      <c r="M2205">
        <f t="shared" si="255"/>
        <v>0</v>
      </c>
      <c r="N2205" s="45">
        <f t="shared" si="256"/>
        <v>45017.458333328068</v>
      </c>
    </row>
    <row r="2206" spans="2:14" x14ac:dyDescent="0.25">
      <c r="B2206">
        <f t="shared" si="250"/>
        <v>6</v>
      </c>
      <c r="C2206" s="16">
        <v>2172</v>
      </c>
      <c r="D2206" cm="1">
        <f t="array" ref="D2206">IFERROR(INDEX(Jesper!AH$2:AH$366,ROUNDDOWN($C2206/24,0)+1,1)*INDEX($D$3:$AA$30,INDEX(Jesper!$R$2:$R$366,ROW(INDEX(Jesper!AH$2:AH$366,ROUNDDOWN($C2206/24,0)+1,1))-1)+IF('Standard Profiles'!$G$18=$B$10,7,0)+IF('Standard Profiles'!$G$18=$B$17,14,0)+IF('Standard Profiles'!$G$18=$B$24,21,0),MOD($C2206,24)+1)/SUM(INDEX($D$3:$AA$30,INDEX(Jesper!$R$2:$R$366,ROW(INDEX(Jesper!AH$2:AH$366,ROUNDDOWN($C2206/24,0)+1,1))-1)+IF('Standard Profiles'!$G$18=$B$10,7,0)+IF('Standard Profiles'!$G$18=$B$17,14,0)+IF('Standard Profiles'!$G$18=$B$24,21,0),0)),0)</f>
        <v>0</v>
      </c>
      <c r="E2206" cm="1">
        <f t="array" ref="E2206">IFERROR(INDEX(Jesper!AI$2:AI$366,ROUNDDOWN($C2206/24,0)+1,1)*INDEX($D$3:$AA$30,INDEX(Jesper!$R$2:$R$366,ROW(INDEX(Jesper!AI$2:AI$366,ROUNDDOWN($C2206/24,0)+1,1))-1)+IF('Standard Profiles'!$G$19=$B$10,7,0)+IF('Standard Profiles'!$G$19=$B$17,14,0)+IF('Standard Profiles'!$G$19=$B$24,21,0),MOD($C2206,24)+1)/SUM(INDEX($D$3:$AA$30,INDEX(Jesper!$R$2:$R$366,ROW(INDEX(Jesper!AI$2:AI$366,ROUNDDOWN($C2206/24,0)+1,1))-1)+IF('Standard Profiles'!$G$19=$B$10,7,0)+IF('Standard Profiles'!$G$19=$B$17,14,0)+IF('Standard Profiles'!$G$19=$B$24,21,0),0)),0)</f>
        <v>3.3506940050985237</v>
      </c>
      <c r="F2206" cm="1">
        <f t="array" ref="F2206">IFERROR(INDEX(Jesper!AJ$2:AJ$366,ROUNDDOWN($C2206/24,0)+1,1)*INDEX($D$3:$AA$30,INDEX(Jesper!$R$2:$R$366,ROW(INDEX(Jesper!AJ$2:AJ$366,ROUNDDOWN($C2206/24,0)+1,1))-1)+IF('Standard Profiles'!$G$20=$B$10,7,0)+IF('Standard Profiles'!$G$20=$B$17,14,0)+IF('Standard Profiles'!$G$20=$B$24,21,0),MOD($C2206,24)+1)/SUM(INDEX($D$3:$AA$30,INDEX(Jesper!$R$2:$R$366,ROW(INDEX(Jesper!AJ$2:AJ$366,ROUNDDOWN($C2206/24,0)+1,1))-1)+IF('Standard Profiles'!$G$20=$B$10,7,0)+IF('Standard Profiles'!$G$20=$B$17,14,0)+IF('Standard Profiles'!$G$20=$B$24,21,0),0)),0)</f>
        <v>2.1551037655311558</v>
      </c>
      <c r="G2206" cm="1">
        <f t="array" ref="G2206">IFERROR(INDEX(Jesper!AK$2:AK$366,ROUNDDOWN($C2206/24,0)+1,1)*INDEX($D$3:$AA$30,INDEX(Jesper!$R$2:$R$366,ROW(INDEX(Jesper!AK$2:AK$366,ROUNDDOWN($C2206/24,0)+1,1))-1)+IF('Standard Profiles'!$G$21=$B$10,7,0)+IF('Standard Profiles'!$G$21=$B$17,14,0)+IF('Standard Profiles'!$G$21=$B$24,21,0),MOD($C2206,24)+1)/SUM(INDEX($D$3:$AA$30,INDEX(Jesper!$R$2:$R$366,ROW(INDEX(Jesper!AK$2:AK$366,ROUNDDOWN($C2206/24,0)+1,1))-1)+IF('Standard Profiles'!$G$21=$B$10,7,0)+IF('Standard Profiles'!$G$21=$B$17,14,0)+IF('Standard Profiles'!$G$21=$B$24,21,0),0)),0)</f>
        <v>2.1431145368360904</v>
      </c>
      <c r="H2206" cm="1">
        <f t="array" ref="H2206">IFERROR(INDEX(Jesper!AL$2:AL$366,ROUNDDOWN($C2206/24,0)+1,1)*INDEX($D$3:$AA$30,INDEX(Jesper!$R$2:$R$366,ROW(INDEX(Jesper!AL$2:AL$366,ROUNDDOWN($C2206/24,0)+1,1))-1)+IF('Standard Profiles'!$G$22=$B$10,7,0)+IF('Standard Profiles'!$G$22=$B$17,14,0)+IF('Standard Profiles'!$G$22=$B$24,21,0),MOD($C2206,24)+1)/SUM(INDEX($D$3:$AA$30,INDEX(Jesper!$R$2:$R$366,ROW(INDEX(Jesper!AL$2:AL$366,ROUNDDOWN($C2206/24,0)+1,1))-1)+IF('Standard Profiles'!$G$22=$B$10,7,0)+IF('Standard Profiles'!$G$22=$B$17,14,0)+IF('Standard Profiles'!$G$22=$B$24,21,0),0)),0)</f>
        <v>1.5800392567765233</v>
      </c>
      <c r="I2206">
        <f t="shared" si="251"/>
        <v>1.5168376865054631</v>
      </c>
      <c r="J2206">
        <f t="shared" si="252"/>
        <v>7.3100305971250066</v>
      </c>
      <c r="K2206">
        <f t="shared" si="253"/>
        <v>0.26805552040788189</v>
      </c>
      <c r="L2206">
        <f t="shared" si="254"/>
        <v>0.13402776020394094</v>
      </c>
      <c r="M2206">
        <f t="shared" si="255"/>
        <v>0</v>
      </c>
      <c r="N2206" s="45">
        <f t="shared" si="256"/>
        <v>45017.499999994732</v>
      </c>
    </row>
    <row r="2207" spans="2:14" x14ac:dyDescent="0.25">
      <c r="B2207">
        <f t="shared" si="250"/>
        <v>6</v>
      </c>
      <c r="C2207" s="16">
        <v>2173</v>
      </c>
      <c r="D2207" cm="1">
        <f t="array" ref="D2207">IFERROR(INDEX(Jesper!AH$2:AH$366,ROUNDDOWN($C2207/24,0)+1,1)*INDEX($D$3:$AA$30,INDEX(Jesper!$R$2:$R$366,ROW(INDEX(Jesper!AH$2:AH$366,ROUNDDOWN($C2207/24,0)+1,1))-1)+IF('Standard Profiles'!$G$18=$B$10,7,0)+IF('Standard Profiles'!$G$18=$B$17,14,0)+IF('Standard Profiles'!$G$18=$B$24,21,0),MOD($C2207,24)+1)/SUM(INDEX($D$3:$AA$30,INDEX(Jesper!$R$2:$R$366,ROW(INDEX(Jesper!AH$2:AH$366,ROUNDDOWN($C2207/24,0)+1,1))-1)+IF('Standard Profiles'!$G$18=$B$10,7,0)+IF('Standard Profiles'!$G$18=$B$17,14,0)+IF('Standard Profiles'!$G$18=$B$24,21,0),0)),0)</f>
        <v>0</v>
      </c>
      <c r="E2207" cm="1">
        <f t="array" ref="E2207">IFERROR(INDEX(Jesper!AI$2:AI$366,ROUNDDOWN($C2207/24,0)+1,1)*INDEX($D$3:$AA$30,INDEX(Jesper!$R$2:$R$366,ROW(INDEX(Jesper!AI$2:AI$366,ROUNDDOWN($C2207/24,0)+1,1))-1)+IF('Standard Profiles'!$G$19=$B$10,7,0)+IF('Standard Profiles'!$G$19=$B$17,14,0)+IF('Standard Profiles'!$G$19=$B$24,21,0),MOD($C2207,24)+1)/SUM(INDEX($D$3:$AA$30,INDEX(Jesper!$R$2:$R$366,ROW(INDEX(Jesper!AI$2:AI$366,ROUNDDOWN($C2207/24,0)+1,1))-1)+IF('Standard Profiles'!$G$19=$B$10,7,0)+IF('Standard Profiles'!$G$19=$B$17,14,0)+IF('Standard Profiles'!$G$19=$B$24,21,0),0)),0)</f>
        <v>3.3506940050985237</v>
      </c>
      <c r="F2207" cm="1">
        <f t="array" ref="F2207">IFERROR(INDEX(Jesper!AJ$2:AJ$366,ROUNDDOWN($C2207/24,0)+1,1)*INDEX($D$3:$AA$30,INDEX(Jesper!$R$2:$R$366,ROW(INDEX(Jesper!AJ$2:AJ$366,ROUNDDOWN($C2207/24,0)+1,1))-1)+IF('Standard Profiles'!$G$20=$B$10,7,0)+IF('Standard Profiles'!$G$20=$B$17,14,0)+IF('Standard Profiles'!$G$20=$B$24,21,0),MOD($C2207,24)+1)/SUM(INDEX($D$3:$AA$30,INDEX(Jesper!$R$2:$R$366,ROW(INDEX(Jesper!AJ$2:AJ$366,ROUNDDOWN($C2207/24,0)+1,1))-1)+IF('Standard Profiles'!$G$20=$B$10,7,0)+IF('Standard Profiles'!$G$20=$B$17,14,0)+IF('Standard Profiles'!$G$20=$B$24,21,0),0)),0)</f>
        <v>2.1551037655311558</v>
      </c>
      <c r="G2207" cm="1">
        <f t="array" ref="G2207">IFERROR(INDEX(Jesper!AK$2:AK$366,ROUNDDOWN($C2207/24,0)+1,1)*INDEX($D$3:$AA$30,INDEX(Jesper!$R$2:$R$366,ROW(INDEX(Jesper!AK$2:AK$366,ROUNDDOWN($C2207/24,0)+1,1))-1)+IF('Standard Profiles'!$G$21=$B$10,7,0)+IF('Standard Profiles'!$G$21=$B$17,14,0)+IF('Standard Profiles'!$G$21=$B$24,21,0),MOD($C2207,24)+1)/SUM(INDEX($D$3:$AA$30,INDEX(Jesper!$R$2:$R$366,ROW(INDEX(Jesper!AK$2:AK$366,ROUNDDOWN($C2207/24,0)+1,1))-1)+IF('Standard Profiles'!$G$21=$B$10,7,0)+IF('Standard Profiles'!$G$21=$B$17,14,0)+IF('Standard Profiles'!$G$21=$B$24,21,0),0)),0)</f>
        <v>2.1431145368360904</v>
      </c>
      <c r="H2207" cm="1">
        <f t="array" ref="H2207">IFERROR(INDEX(Jesper!AL$2:AL$366,ROUNDDOWN($C2207/24,0)+1,1)*INDEX($D$3:$AA$30,INDEX(Jesper!$R$2:$R$366,ROW(INDEX(Jesper!AL$2:AL$366,ROUNDDOWN($C2207/24,0)+1,1))-1)+IF('Standard Profiles'!$G$22=$B$10,7,0)+IF('Standard Profiles'!$G$22=$B$17,14,0)+IF('Standard Profiles'!$G$22=$B$24,21,0),MOD($C2207,24)+1)/SUM(INDEX($D$3:$AA$30,INDEX(Jesper!$R$2:$R$366,ROW(INDEX(Jesper!AL$2:AL$366,ROUNDDOWN($C2207/24,0)+1,1))-1)+IF('Standard Profiles'!$G$22=$B$10,7,0)+IF('Standard Profiles'!$G$22=$B$17,14,0)+IF('Standard Profiles'!$G$22=$B$24,21,0),0)),0)</f>
        <v>1.5800392567765233</v>
      </c>
      <c r="I2207">
        <f t="shared" si="251"/>
        <v>1.5168376865054631</v>
      </c>
      <c r="J2207">
        <f t="shared" si="252"/>
        <v>7.3100305971250066</v>
      </c>
      <c r="K2207">
        <f t="shared" si="253"/>
        <v>0.26805552040788189</v>
      </c>
      <c r="L2207">
        <f t="shared" si="254"/>
        <v>0.13402776020394094</v>
      </c>
      <c r="M2207">
        <f t="shared" si="255"/>
        <v>0</v>
      </c>
      <c r="N2207" s="45">
        <f t="shared" si="256"/>
        <v>45017.541666661396</v>
      </c>
    </row>
    <row r="2208" spans="2:14" x14ac:dyDescent="0.25">
      <c r="B2208">
        <f t="shared" si="250"/>
        <v>6</v>
      </c>
      <c r="C2208" s="16">
        <v>2174</v>
      </c>
      <c r="D2208" cm="1">
        <f t="array" ref="D2208">IFERROR(INDEX(Jesper!AH$2:AH$366,ROUNDDOWN($C2208/24,0)+1,1)*INDEX($D$3:$AA$30,INDEX(Jesper!$R$2:$R$366,ROW(INDEX(Jesper!AH$2:AH$366,ROUNDDOWN($C2208/24,0)+1,1))-1)+IF('Standard Profiles'!$G$18=$B$10,7,0)+IF('Standard Profiles'!$G$18=$B$17,14,0)+IF('Standard Profiles'!$G$18=$B$24,21,0),MOD($C2208,24)+1)/SUM(INDEX($D$3:$AA$30,INDEX(Jesper!$R$2:$R$366,ROW(INDEX(Jesper!AH$2:AH$366,ROUNDDOWN($C2208/24,0)+1,1))-1)+IF('Standard Profiles'!$G$18=$B$10,7,0)+IF('Standard Profiles'!$G$18=$B$17,14,0)+IF('Standard Profiles'!$G$18=$B$24,21,0),0)),0)</f>
        <v>0</v>
      </c>
      <c r="E2208" cm="1">
        <f t="array" ref="E2208">IFERROR(INDEX(Jesper!AI$2:AI$366,ROUNDDOWN($C2208/24,0)+1,1)*INDEX($D$3:$AA$30,INDEX(Jesper!$R$2:$R$366,ROW(INDEX(Jesper!AI$2:AI$366,ROUNDDOWN($C2208/24,0)+1,1))-1)+IF('Standard Profiles'!$G$19=$B$10,7,0)+IF('Standard Profiles'!$G$19=$B$17,14,0)+IF('Standard Profiles'!$G$19=$B$24,21,0),MOD($C2208,24)+1)/SUM(INDEX($D$3:$AA$30,INDEX(Jesper!$R$2:$R$366,ROW(INDEX(Jesper!AI$2:AI$366,ROUNDDOWN($C2208/24,0)+1,1))-1)+IF('Standard Profiles'!$G$19=$B$10,7,0)+IF('Standard Profiles'!$G$19=$B$17,14,0)+IF('Standard Profiles'!$G$19=$B$24,21,0),0)),0)</f>
        <v>3.3506940050985237</v>
      </c>
      <c r="F2208" cm="1">
        <f t="array" ref="F2208">IFERROR(INDEX(Jesper!AJ$2:AJ$366,ROUNDDOWN($C2208/24,0)+1,1)*INDEX($D$3:$AA$30,INDEX(Jesper!$R$2:$R$366,ROW(INDEX(Jesper!AJ$2:AJ$366,ROUNDDOWN($C2208/24,0)+1,1))-1)+IF('Standard Profiles'!$G$20=$B$10,7,0)+IF('Standard Profiles'!$G$20=$B$17,14,0)+IF('Standard Profiles'!$G$20=$B$24,21,0),MOD($C2208,24)+1)/SUM(INDEX($D$3:$AA$30,INDEX(Jesper!$R$2:$R$366,ROW(INDEX(Jesper!AJ$2:AJ$366,ROUNDDOWN($C2208/24,0)+1,1))-1)+IF('Standard Profiles'!$G$20=$B$10,7,0)+IF('Standard Profiles'!$G$20=$B$17,14,0)+IF('Standard Profiles'!$G$20=$B$24,21,0),0)),0)</f>
        <v>2.1551037655311558</v>
      </c>
      <c r="G2208" cm="1">
        <f t="array" ref="G2208">IFERROR(INDEX(Jesper!AK$2:AK$366,ROUNDDOWN($C2208/24,0)+1,1)*INDEX($D$3:$AA$30,INDEX(Jesper!$R$2:$R$366,ROW(INDEX(Jesper!AK$2:AK$366,ROUNDDOWN($C2208/24,0)+1,1))-1)+IF('Standard Profiles'!$G$21=$B$10,7,0)+IF('Standard Profiles'!$G$21=$B$17,14,0)+IF('Standard Profiles'!$G$21=$B$24,21,0),MOD($C2208,24)+1)/SUM(INDEX($D$3:$AA$30,INDEX(Jesper!$R$2:$R$366,ROW(INDEX(Jesper!AK$2:AK$366,ROUNDDOWN($C2208/24,0)+1,1))-1)+IF('Standard Profiles'!$G$21=$B$10,7,0)+IF('Standard Profiles'!$G$21=$B$17,14,0)+IF('Standard Profiles'!$G$21=$B$24,21,0),0)),0)</f>
        <v>2.1431145368360904</v>
      </c>
      <c r="H2208" cm="1">
        <f t="array" ref="H2208">IFERROR(INDEX(Jesper!AL$2:AL$366,ROUNDDOWN($C2208/24,0)+1,1)*INDEX($D$3:$AA$30,INDEX(Jesper!$R$2:$R$366,ROW(INDEX(Jesper!AL$2:AL$366,ROUNDDOWN($C2208/24,0)+1,1))-1)+IF('Standard Profiles'!$G$22=$B$10,7,0)+IF('Standard Profiles'!$G$22=$B$17,14,0)+IF('Standard Profiles'!$G$22=$B$24,21,0),MOD($C2208,24)+1)/SUM(INDEX($D$3:$AA$30,INDEX(Jesper!$R$2:$R$366,ROW(INDEX(Jesper!AL$2:AL$366,ROUNDDOWN($C2208/24,0)+1,1))-1)+IF('Standard Profiles'!$G$22=$B$10,7,0)+IF('Standard Profiles'!$G$22=$B$17,14,0)+IF('Standard Profiles'!$G$22=$B$24,21,0),0)),0)</f>
        <v>1.5800392567765233</v>
      </c>
      <c r="I2208">
        <f t="shared" si="251"/>
        <v>1.5168376865054631</v>
      </c>
      <c r="J2208">
        <f t="shared" si="252"/>
        <v>7.3100305971250066</v>
      </c>
      <c r="K2208">
        <f t="shared" si="253"/>
        <v>0.26805552040788189</v>
      </c>
      <c r="L2208">
        <f t="shared" si="254"/>
        <v>0.13402776020394094</v>
      </c>
      <c r="M2208">
        <f t="shared" si="255"/>
        <v>0</v>
      </c>
      <c r="N2208" s="45">
        <f t="shared" si="256"/>
        <v>45017.583333328061</v>
      </c>
    </row>
    <row r="2209" spans="2:14" x14ac:dyDescent="0.25">
      <c r="B2209">
        <f t="shared" si="250"/>
        <v>6</v>
      </c>
      <c r="C2209" s="16">
        <v>2175</v>
      </c>
      <c r="D2209" cm="1">
        <f t="array" ref="D2209">IFERROR(INDEX(Jesper!AH$2:AH$366,ROUNDDOWN($C2209/24,0)+1,1)*INDEX($D$3:$AA$30,INDEX(Jesper!$R$2:$R$366,ROW(INDEX(Jesper!AH$2:AH$366,ROUNDDOWN($C2209/24,0)+1,1))-1)+IF('Standard Profiles'!$G$18=$B$10,7,0)+IF('Standard Profiles'!$G$18=$B$17,14,0)+IF('Standard Profiles'!$G$18=$B$24,21,0),MOD($C2209,24)+1)/SUM(INDEX($D$3:$AA$30,INDEX(Jesper!$R$2:$R$366,ROW(INDEX(Jesper!AH$2:AH$366,ROUNDDOWN($C2209/24,0)+1,1))-1)+IF('Standard Profiles'!$G$18=$B$10,7,0)+IF('Standard Profiles'!$G$18=$B$17,14,0)+IF('Standard Profiles'!$G$18=$B$24,21,0),0)),0)</f>
        <v>0</v>
      </c>
      <c r="E2209" cm="1">
        <f t="array" ref="E2209">IFERROR(INDEX(Jesper!AI$2:AI$366,ROUNDDOWN($C2209/24,0)+1,1)*INDEX($D$3:$AA$30,INDEX(Jesper!$R$2:$R$366,ROW(INDEX(Jesper!AI$2:AI$366,ROUNDDOWN($C2209/24,0)+1,1))-1)+IF('Standard Profiles'!$G$19=$B$10,7,0)+IF('Standard Profiles'!$G$19=$B$17,14,0)+IF('Standard Profiles'!$G$19=$B$24,21,0),MOD($C2209,24)+1)/SUM(INDEX($D$3:$AA$30,INDEX(Jesper!$R$2:$R$366,ROW(INDEX(Jesper!AI$2:AI$366,ROUNDDOWN($C2209/24,0)+1,1))-1)+IF('Standard Profiles'!$G$19=$B$10,7,0)+IF('Standard Profiles'!$G$19=$B$17,14,0)+IF('Standard Profiles'!$G$19=$B$24,21,0),0)),0)</f>
        <v>3.3506940050985237</v>
      </c>
      <c r="F2209" cm="1">
        <f t="array" ref="F2209">IFERROR(INDEX(Jesper!AJ$2:AJ$366,ROUNDDOWN($C2209/24,0)+1,1)*INDEX($D$3:$AA$30,INDEX(Jesper!$R$2:$R$366,ROW(INDEX(Jesper!AJ$2:AJ$366,ROUNDDOWN($C2209/24,0)+1,1))-1)+IF('Standard Profiles'!$G$20=$B$10,7,0)+IF('Standard Profiles'!$G$20=$B$17,14,0)+IF('Standard Profiles'!$G$20=$B$24,21,0),MOD($C2209,24)+1)/SUM(INDEX($D$3:$AA$30,INDEX(Jesper!$R$2:$R$366,ROW(INDEX(Jesper!AJ$2:AJ$366,ROUNDDOWN($C2209/24,0)+1,1))-1)+IF('Standard Profiles'!$G$20=$B$10,7,0)+IF('Standard Profiles'!$G$20=$B$17,14,0)+IF('Standard Profiles'!$G$20=$B$24,21,0),0)),0)</f>
        <v>2.1551037655311558</v>
      </c>
      <c r="G2209" cm="1">
        <f t="array" ref="G2209">IFERROR(INDEX(Jesper!AK$2:AK$366,ROUNDDOWN($C2209/24,0)+1,1)*INDEX($D$3:$AA$30,INDEX(Jesper!$R$2:$R$366,ROW(INDEX(Jesper!AK$2:AK$366,ROUNDDOWN($C2209/24,0)+1,1))-1)+IF('Standard Profiles'!$G$21=$B$10,7,0)+IF('Standard Profiles'!$G$21=$B$17,14,0)+IF('Standard Profiles'!$G$21=$B$24,21,0),MOD($C2209,24)+1)/SUM(INDEX($D$3:$AA$30,INDEX(Jesper!$R$2:$R$366,ROW(INDEX(Jesper!AK$2:AK$366,ROUNDDOWN($C2209/24,0)+1,1))-1)+IF('Standard Profiles'!$G$21=$B$10,7,0)+IF('Standard Profiles'!$G$21=$B$17,14,0)+IF('Standard Profiles'!$G$21=$B$24,21,0),0)),0)</f>
        <v>2.1431145368360904</v>
      </c>
      <c r="H2209" cm="1">
        <f t="array" ref="H2209">IFERROR(INDEX(Jesper!AL$2:AL$366,ROUNDDOWN($C2209/24,0)+1,1)*INDEX($D$3:$AA$30,INDEX(Jesper!$R$2:$R$366,ROW(INDEX(Jesper!AL$2:AL$366,ROUNDDOWN($C2209/24,0)+1,1))-1)+IF('Standard Profiles'!$G$22=$B$10,7,0)+IF('Standard Profiles'!$G$22=$B$17,14,0)+IF('Standard Profiles'!$G$22=$B$24,21,0),MOD($C2209,24)+1)/SUM(INDEX($D$3:$AA$30,INDEX(Jesper!$R$2:$R$366,ROW(INDEX(Jesper!AL$2:AL$366,ROUNDDOWN($C2209/24,0)+1,1))-1)+IF('Standard Profiles'!$G$22=$B$10,7,0)+IF('Standard Profiles'!$G$22=$B$17,14,0)+IF('Standard Profiles'!$G$22=$B$24,21,0),0)),0)</f>
        <v>1.4285286431130211</v>
      </c>
      <c r="I2209">
        <f t="shared" si="251"/>
        <v>1.371387497388501</v>
      </c>
      <c r="J2209">
        <f t="shared" si="252"/>
        <v>7.3039701725784667</v>
      </c>
      <c r="K2209">
        <f t="shared" si="253"/>
        <v>0.26805552040788189</v>
      </c>
      <c r="L2209">
        <f t="shared" si="254"/>
        <v>0.13402776020394094</v>
      </c>
      <c r="M2209">
        <f t="shared" si="255"/>
        <v>0</v>
      </c>
      <c r="N2209" s="45">
        <f t="shared" si="256"/>
        <v>45017.624999994725</v>
      </c>
    </row>
    <row r="2210" spans="2:14" x14ac:dyDescent="0.25">
      <c r="B2210">
        <f t="shared" si="250"/>
        <v>6</v>
      </c>
      <c r="C2210" s="16">
        <v>2176</v>
      </c>
      <c r="D2210" cm="1">
        <f t="array" ref="D2210">IFERROR(INDEX(Jesper!AH$2:AH$366,ROUNDDOWN($C2210/24,0)+1,1)*INDEX($D$3:$AA$30,INDEX(Jesper!$R$2:$R$366,ROW(INDEX(Jesper!AH$2:AH$366,ROUNDDOWN($C2210/24,0)+1,1))-1)+IF('Standard Profiles'!$G$18=$B$10,7,0)+IF('Standard Profiles'!$G$18=$B$17,14,0)+IF('Standard Profiles'!$G$18=$B$24,21,0),MOD($C2210,24)+1)/SUM(INDEX($D$3:$AA$30,INDEX(Jesper!$R$2:$R$366,ROW(INDEX(Jesper!AH$2:AH$366,ROUNDDOWN($C2210/24,0)+1,1))-1)+IF('Standard Profiles'!$G$18=$B$10,7,0)+IF('Standard Profiles'!$G$18=$B$17,14,0)+IF('Standard Profiles'!$G$18=$B$24,21,0),0)),0)</f>
        <v>0</v>
      </c>
      <c r="E2210" cm="1">
        <f t="array" ref="E2210">IFERROR(INDEX(Jesper!AI$2:AI$366,ROUNDDOWN($C2210/24,0)+1,1)*INDEX($D$3:$AA$30,INDEX(Jesper!$R$2:$R$366,ROW(INDEX(Jesper!AI$2:AI$366,ROUNDDOWN($C2210/24,0)+1,1))-1)+IF('Standard Profiles'!$G$19=$B$10,7,0)+IF('Standard Profiles'!$G$19=$B$17,14,0)+IF('Standard Profiles'!$G$19=$B$24,21,0),MOD($C2210,24)+1)/SUM(INDEX($D$3:$AA$30,INDEX(Jesper!$R$2:$R$366,ROW(INDEX(Jesper!AI$2:AI$366,ROUNDDOWN($C2210/24,0)+1,1))-1)+IF('Standard Profiles'!$G$19=$B$10,7,0)+IF('Standard Profiles'!$G$19=$B$17,14,0)+IF('Standard Profiles'!$G$19=$B$24,21,0),0)),0)</f>
        <v>3.3506940050985237</v>
      </c>
      <c r="F2210" cm="1">
        <f t="array" ref="F2210">IFERROR(INDEX(Jesper!AJ$2:AJ$366,ROUNDDOWN($C2210/24,0)+1,1)*INDEX($D$3:$AA$30,INDEX(Jesper!$R$2:$R$366,ROW(INDEX(Jesper!AJ$2:AJ$366,ROUNDDOWN($C2210/24,0)+1,1))-1)+IF('Standard Profiles'!$G$20=$B$10,7,0)+IF('Standard Profiles'!$G$20=$B$17,14,0)+IF('Standard Profiles'!$G$20=$B$24,21,0),MOD($C2210,24)+1)/SUM(INDEX($D$3:$AA$30,INDEX(Jesper!$R$2:$R$366,ROW(INDEX(Jesper!AJ$2:AJ$366,ROUNDDOWN($C2210/24,0)+1,1))-1)+IF('Standard Profiles'!$G$20=$B$10,7,0)+IF('Standard Profiles'!$G$20=$B$17,14,0)+IF('Standard Profiles'!$G$20=$B$24,21,0),0)),0)</f>
        <v>2.1551037655311558</v>
      </c>
      <c r="G2210" cm="1">
        <f t="array" ref="G2210">IFERROR(INDEX(Jesper!AK$2:AK$366,ROUNDDOWN($C2210/24,0)+1,1)*INDEX($D$3:$AA$30,INDEX(Jesper!$R$2:$R$366,ROW(INDEX(Jesper!AK$2:AK$366,ROUNDDOWN($C2210/24,0)+1,1))-1)+IF('Standard Profiles'!$G$21=$B$10,7,0)+IF('Standard Profiles'!$G$21=$B$17,14,0)+IF('Standard Profiles'!$G$21=$B$24,21,0),MOD($C2210,24)+1)/SUM(INDEX($D$3:$AA$30,INDEX(Jesper!$R$2:$R$366,ROW(INDEX(Jesper!AK$2:AK$366,ROUNDDOWN($C2210/24,0)+1,1))-1)+IF('Standard Profiles'!$G$21=$B$10,7,0)+IF('Standard Profiles'!$G$21=$B$17,14,0)+IF('Standard Profiles'!$G$21=$B$24,21,0),0)),0)</f>
        <v>2.1431145368360904</v>
      </c>
      <c r="H2210" cm="1">
        <f t="array" ref="H2210">IFERROR(INDEX(Jesper!AL$2:AL$366,ROUNDDOWN($C2210/24,0)+1,1)*INDEX($D$3:$AA$30,INDEX(Jesper!$R$2:$R$366,ROW(INDEX(Jesper!AL$2:AL$366,ROUNDDOWN($C2210/24,0)+1,1))-1)+IF('Standard Profiles'!$G$22=$B$10,7,0)+IF('Standard Profiles'!$G$22=$B$17,14,0)+IF('Standard Profiles'!$G$22=$B$24,21,0),MOD($C2210,24)+1)/SUM(INDEX($D$3:$AA$30,INDEX(Jesper!$R$2:$R$366,ROW(INDEX(Jesper!AL$2:AL$366,ROUNDDOWN($C2210/24,0)+1,1))-1)+IF('Standard Profiles'!$G$22=$B$10,7,0)+IF('Standard Profiles'!$G$22=$B$17,14,0)+IF('Standard Profiles'!$G$22=$B$24,21,0),0)),0)</f>
        <v>1.2986624028300193</v>
      </c>
      <c r="I2210">
        <f t="shared" si="251"/>
        <v>1.2467159067168192</v>
      </c>
      <c r="J2210">
        <f t="shared" si="252"/>
        <v>7.2987755229671469</v>
      </c>
      <c r="K2210">
        <f t="shared" si="253"/>
        <v>0.26805552040788189</v>
      </c>
      <c r="L2210">
        <f t="shared" si="254"/>
        <v>0.13402776020394094</v>
      </c>
      <c r="M2210">
        <f t="shared" si="255"/>
        <v>0</v>
      </c>
      <c r="N2210" s="45">
        <f t="shared" si="256"/>
        <v>45017.666666661389</v>
      </c>
    </row>
    <row r="2211" spans="2:14" x14ac:dyDescent="0.25">
      <c r="B2211">
        <f t="shared" ref="B2211:B2274" si="257">WEEKDAY(N2211,2)</f>
        <v>6</v>
      </c>
      <c r="C2211" s="16">
        <v>2177</v>
      </c>
      <c r="D2211" cm="1">
        <f t="array" ref="D2211">IFERROR(INDEX(Jesper!AH$2:AH$366,ROUNDDOWN($C2211/24,0)+1,1)*INDEX($D$3:$AA$30,INDEX(Jesper!$R$2:$R$366,ROW(INDEX(Jesper!AH$2:AH$366,ROUNDDOWN($C2211/24,0)+1,1))-1)+IF('Standard Profiles'!$G$18=$B$10,7,0)+IF('Standard Profiles'!$G$18=$B$17,14,0)+IF('Standard Profiles'!$G$18=$B$24,21,0),MOD($C2211,24)+1)/SUM(INDEX($D$3:$AA$30,INDEX(Jesper!$R$2:$R$366,ROW(INDEX(Jesper!AH$2:AH$366,ROUNDDOWN($C2211/24,0)+1,1))-1)+IF('Standard Profiles'!$G$18=$B$10,7,0)+IF('Standard Profiles'!$G$18=$B$17,14,0)+IF('Standard Profiles'!$G$18=$B$24,21,0),0)),0)</f>
        <v>0</v>
      </c>
      <c r="E2211" cm="1">
        <f t="array" ref="E2211">IFERROR(INDEX(Jesper!AI$2:AI$366,ROUNDDOWN($C2211/24,0)+1,1)*INDEX($D$3:$AA$30,INDEX(Jesper!$R$2:$R$366,ROW(INDEX(Jesper!AI$2:AI$366,ROUNDDOWN($C2211/24,0)+1,1))-1)+IF('Standard Profiles'!$G$19=$B$10,7,0)+IF('Standard Profiles'!$G$19=$B$17,14,0)+IF('Standard Profiles'!$G$19=$B$24,21,0),MOD($C2211,24)+1)/SUM(INDEX($D$3:$AA$30,INDEX(Jesper!$R$2:$R$366,ROW(INDEX(Jesper!AI$2:AI$366,ROUNDDOWN($C2211/24,0)+1,1))-1)+IF('Standard Profiles'!$G$19=$B$10,7,0)+IF('Standard Profiles'!$G$19=$B$17,14,0)+IF('Standard Profiles'!$G$19=$B$24,21,0),0)),0)</f>
        <v>3.3506940050985237</v>
      </c>
      <c r="F2211" cm="1">
        <f t="array" ref="F2211">IFERROR(INDEX(Jesper!AJ$2:AJ$366,ROUNDDOWN($C2211/24,0)+1,1)*INDEX($D$3:$AA$30,INDEX(Jesper!$R$2:$R$366,ROW(INDEX(Jesper!AJ$2:AJ$366,ROUNDDOWN($C2211/24,0)+1,1))-1)+IF('Standard Profiles'!$G$20=$B$10,7,0)+IF('Standard Profiles'!$G$20=$B$17,14,0)+IF('Standard Profiles'!$G$20=$B$24,21,0),MOD($C2211,24)+1)/SUM(INDEX($D$3:$AA$30,INDEX(Jesper!$R$2:$R$366,ROW(INDEX(Jesper!AJ$2:AJ$366,ROUNDDOWN($C2211/24,0)+1,1))-1)+IF('Standard Profiles'!$G$20=$B$10,7,0)+IF('Standard Profiles'!$G$20=$B$17,14,0)+IF('Standard Profiles'!$G$20=$B$24,21,0),0)),0)</f>
        <v>2.1551037655311558</v>
      </c>
      <c r="G2211" cm="1">
        <f t="array" ref="G2211">IFERROR(INDEX(Jesper!AK$2:AK$366,ROUNDDOWN($C2211/24,0)+1,1)*INDEX($D$3:$AA$30,INDEX(Jesper!$R$2:$R$366,ROW(INDEX(Jesper!AK$2:AK$366,ROUNDDOWN($C2211/24,0)+1,1))-1)+IF('Standard Profiles'!$G$21=$B$10,7,0)+IF('Standard Profiles'!$G$21=$B$17,14,0)+IF('Standard Profiles'!$G$21=$B$24,21,0),MOD($C2211,24)+1)/SUM(INDEX($D$3:$AA$30,INDEX(Jesper!$R$2:$R$366,ROW(INDEX(Jesper!AK$2:AK$366,ROUNDDOWN($C2211/24,0)+1,1))-1)+IF('Standard Profiles'!$G$21=$B$10,7,0)+IF('Standard Profiles'!$G$21=$B$17,14,0)+IF('Standard Profiles'!$G$21=$B$24,21,0),0)),0)</f>
        <v>2.1431145368360904</v>
      </c>
      <c r="H2211" cm="1">
        <f t="array" ref="H2211">IFERROR(INDEX(Jesper!AL$2:AL$366,ROUNDDOWN($C2211/24,0)+1,1)*INDEX($D$3:$AA$30,INDEX(Jesper!$R$2:$R$366,ROW(INDEX(Jesper!AL$2:AL$366,ROUNDDOWN($C2211/24,0)+1,1))-1)+IF('Standard Profiles'!$G$22=$B$10,7,0)+IF('Standard Profiles'!$G$22=$B$17,14,0)+IF('Standard Profiles'!$G$22=$B$24,21,0),MOD($C2211,24)+1)/SUM(INDEX($D$3:$AA$30,INDEX(Jesper!$R$2:$R$366,ROW(INDEX(Jesper!AL$2:AL$366,ROUNDDOWN($C2211/24,0)+1,1))-1)+IF('Standard Profiles'!$G$22=$B$10,7,0)+IF('Standard Profiles'!$G$22=$B$17,14,0)+IF('Standard Profiles'!$G$22=$B$24,21,0),0)),0)</f>
        <v>1.1687961625470173</v>
      </c>
      <c r="I2211">
        <f t="shared" ref="I2211:I2274" si="258">IF($B2211&lt;6,AC$37*$D2211+AC$38*$E2211+AC$39*$F2211+AC$40*$G2211,AC$46*$D2211+AC$47*$E2211+AC$48*$F2211+AC$49*$G2211+AC$50*$H2211)</f>
        <v>1.1220443160451372</v>
      </c>
      <c r="J2211">
        <f t="shared" ref="J2211:J2274" si="259">IF($B2211&lt;6,AD$37*$D2211+AD$38*$E2211+AD$39*$F2211+AD$40*$G2211,AD$46*$D2211+AD$47*$E2211+AD$48*$F2211+AD$49*$G2211+AD$50*$H2211)</f>
        <v>7.2935808733558263</v>
      </c>
      <c r="K2211">
        <f t="shared" ref="K2211:K2274" si="260">IF($B2211&lt;6,AE$37*$D2211+AE$38*$E2211+AE$39*$F2211+AE$40*$G2211,AE$46*$D2211+AE$47*$E2211+AE$48*$F2211+AE$49*$G2211+AE$50*$H2211)</f>
        <v>0.26805552040788189</v>
      </c>
      <c r="L2211">
        <f t="shared" ref="L2211:L2274" si="261">IF($B2211&lt;6,AF$37*$D2211+AF$38*$E2211+AF$39*$F2211+AF$40*$G2211,AF$46*$D2211+AF$47*$E2211+AF$48*$F2211+AF$49*$G2211+AF$50*$H2211)</f>
        <v>0.13402776020394094</v>
      </c>
      <c r="M2211">
        <f t="shared" ref="M2211:M2274" si="262">IF($B2211&lt;6,AG$37*$D2211+AG$38*$E2211+AG$39*$F2211+AG$40*$G2211,AG$46*$D2211+AG$47*$E2211+AG$48*$F2211+AG$49*$G2211+AG$50*$H2211)</f>
        <v>0</v>
      </c>
      <c r="N2211" s="45">
        <f t="shared" si="256"/>
        <v>45017.708333328053</v>
      </c>
    </row>
    <row r="2212" spans="2:14" x14ac:dyDescent="0.25">
      <c r="B2212">
        <f t="shared" si="257"/>
        <v>6</v>
      </c>
      <c r="C2212" s="16">
        <v>2178</v>
      </c>
      <c r="D2212" cm="1">
        <f t="array" ref="D2212">IFERROR(INDEX(Jesper!AH$2:AH$366,ROUNDDOWN($C2212/24,0)+1,1)*INDEX($D$3:$AA$30,INDEX(Jesper!$R$2:$R$366,ROW(INDEX(Jesper!AH$2:AH$366,ROUNDDOWN($C2212/24,0)+1,1))-1)+IF('Standard Profiles'!$G$18=$B$10,7,0)+IF('Standard Profiles'!$G$18=$B$17,14,0)+IF('Standard Profiles'!$G$18=$B$24,21,0),MOD($C2212,24)+1)/SUM(INDEX($D$3:$AA$30,INDEX(Jesper!$R$2:$R$366,ROW(INDEX(Jesper!AH$2:AH$366,ROUNDDOWN($C2212/24,0)+1,1))-1)+IF('Standard Profiles'!$G$18=$B$10,7,0)+IF('Standard Profiles'!$G$18=$B$17,14,0)+IF('Standard Profiles'!$G$18=$B$24,21,0),0)),0)</f>
        <v>0</v>
      </c>
      <c r="E2212" cm="1">
        <f t="array" ref="E2212">IFERROR(INDEX(Jesper!AI$2:AI$366,ROUNDDOWN($C2212/24,0)+1,1)*INDEX($D$3:$AA$30,INDEX(Jesper!$R$2:$R$366,ROW(INDEX(Jesper!AI$2:AI$366,ROUNDDOWN($C2212/24,0)+1,1))-1)+IF('Standard Profiles'!$G$19=$B$10,7,0)+IF('Standard Profiles'!$G$19=$B$17,14,0)+IF('Standard Profiles'!$G$19=$B$24,21,0),MOD($C2212,24)+1)/SUM(INDEX($D$3:$AA$30,INDEX(Jesper!$R$2:$R$366,ROW(INDEX(Jesper!AI$2:AI$366,ROUNDDOWN($C2212/24,0)+1,1))-1)+IF('Standard Profiles'!$G$19=$B$10,7,0)+IF('Standard Profiles'!$G$19=$B$17,14,0)+IF('Standard Profiles'!$G$19=$B$24,21,0),0)),0)</f>
        <v>3.3506940050985237</v>
      </c>
      <c r="F2212" cm="1">
        <f t="array" ref="F2212">IFERROR(INDEX(Jesper!AJ$2:AJ$366,ROUNDDOWN($C2212/24,0)+1,1)*INDEX($D$3:$AA$30,INDEX(Jesper!$R$2:$R$366,ROW(INDEX(Jesper!AJ$2:AJ$366,ROUNDDOWN($C2212/24,0)+1,1))-1)+IF('Standard Profiles'!$G$20=$B$10,7,0)+IF('Standard Profiles'!$G$20=$B$17,14,0)+IF('Standard Profiles'!$G$20=$B$24,21,0),MOD($C2212,24)+1)/SUM(INDEX($D$3:$AA$30,INDEX(Jesper!$R$2:$R$366,ROW(INDEX(Jesper!AJ$2:AJ$366,ROUNDDOWN($C2212/24,0)+1,1))-1)+IF('Standard Profiles'!$G$20=$B$10,7,0)+IF('Standard Profiles'!$G$20=$B$17,14,0)+IF('Standard Profiles'!$G$20=$B$24,21,0),0)),0)</f>
        <v>2.1551037655311558</v>
      </c>
      <c r="G2212" cm="1">
        <f t="array" ref="G2212">IFERROR(INDEX(Jesper!AK$2:AK$366,ROUNDDOWN($C2212/24,0)+1,1)*INDEX($D$3:$AA$30,INDEX(Jesper!$R$2:$R$366,ROW(INDEX(Jesper!AK$2:AK$366,ROUNDDOWN($C2212/24,0)+1,1))-1)+IF('Standard Profiles'!$G$21=$B$10,7,0)+IF('Standard Profiles'!$G$21=$B$17,14,0)+IF('Standard Profiles'!$G$21=$B$24,21,0),MOD($C2212,24)+1)/SUM(INDEX($D$3:$AA$30,INDEX(Jesper!$R$2:$R$366,ROW(INDEX(Jesper!AK$2:AK$366,ROUNDDOWN($C2212/24,0)+1,1))-1)+IF('Standard Profiles'!$G$21=$B$10,7,0)+IF('Standard Profiles'!$G$21=$B$17,14,0)+IF('Standard Profiles'!$G$21=$B$24,21,0),0)),0)</f>
        <v>2.1431145368360904</v>
      </c>
      <c r="H2212" cm="1">
        <f t="array" ref="H2212">IFERROR(INDEX(Jesper!AL$2:AL$366,ROUNDDOWN($C2212/24,0)+1,1)*INDEX($D$3:$AA$30,INDEX(Jesper!$R$2:$R$366,ROW(INDEX(Jesper!AL$2:AL$366,ROUNDDOWN($C2212/24,0)+1,1))-1)+IF('Standard Profiles'!$G$22=$B$10,7,0)+IF('Standard Profiles'!$G$22=$B$17,14,0)+IF('Standard Profiles'!$G$22=$B$24,21,0),MOD($C2212,24)+1)/SUM(INDEX($D$3:$AA$30,INDEX(Jesper!$R$2:$R$366,ROW(INDEX(Jesper!AL$2:AL$366,ROUNDDOWN($C2212/24,0)+1,1))-1)+IF('Standard Profiles'!$G$22=$B$10,7,0)+IF('Standard Profiles'!$G$22=$B$17,14,0)+IF('Standard Profiles'!$G$22=$B$24,21,0),0)),0)</f>
        <v>1.1255074157860168</v>
      </c>
      <c r="I2212">
        <f t="shared" si="258"/>
        <v>1.0804871191545766</v>
      </c>
      <c r="J2212">
        <f t="shared" si="259"/>
        <v>7.2918493234853869</v>
      </c>
      <c r="K2212">
        <f t="shared" si="260"/>
        <v>0.26805552040788189</v>
      </c>
      <c r="L2212">
        <f t="shared" si="261"/>
        <v>0.13402776020394094</v>
      </c>
      <c r="M2212">
        <f t="shared" si="262"/>
        <v>0</v>
      </c>
      <c r="N2212" s="45">
        <f t="shared" ref="N2212:N2275" si="263">N2211+1/24</f>
        <v>45017.749999994718</v>
      </c>
    </row>
    <row r="2213" spans="2:14" x14ac:dyDescent="0.25">
      <c r="B2213">
        <f t="shared" si="257"/>
        <v>6</v>
      </c>
      <c r="C2213" s="16">
        <v>2179</v>
      </c>
      <c r="D2213" cm="1">
        <f t="array" ref="D2213">IFERROR(INDEX(Jesper!AH$2:AH$366,ROUNDDOWN($C2213/24,0)+1,1)*INDEX($D$3:$AA$30,INDEX(Jesper!$R$2:$R$366,ROW(INDEX(Jesper!AH$2:AH$366,ROUNDDOWN($C2213/24,0)+1,1))-1)+IF('Standard Profiles'!$G$18=$B$10,7,0)+IF('Standard Profiles'!$G$18=$B$17,14,0)+IF('Standard Profiles'!$G$18=$B$24,21,0),MOD($C2213,24)+1)/SUM(INDEX($D$3:$AA$30,INDEX(Jesper!$R$2:$R$366,ROW(INDEX(Jesper!AH$2:AH$366,ROUNDDOWN($C2213/24,0)+1,1))-1)+IF('Standard Profiles'!$G$18=$B$10,7,0)+IF('Standard Profiles'!$G$18=$B$17,14,0)+IF('Standard Profiles'!$G$18=$B$24,21,0),0)),0)</f>
        <v>0</v>
      </c>
      <c r="E2213" cm="1">
        <f t="array" ref="E2213">IFERROR(INDEX(Jesper!AI$2:AI$366,ROUNDDOWN($C2213/24,0)+1,1)*INDEX($D$3:$AA$30,INDEX(Jesper!$R$2:$R$366,ROW(INDEX(Jesper!AI$2:AI$366,ROUNDDOWN($C2213/24,0)+1,1))-1)+IF('Standard Profiles'!$G$19=$B$10,7,0)+IF('Standard Profiles'!$G$19=$B$17,14,0)+IF('Standard Profiles'!$G$19=$B$24,21,0),MOD($C2213,24)+1)/SUM(INDEX($D$3:$AA$30,INDEX(Jesper!$R$2:$R$366,ROW(INDEX(Jesper!AI$2:AI$366,ROUNDDOWN($C2213/24,0)+1,1))-1)+IF('Standard Profiles'!$G$19=$B$10,7,0)+IF('Standard Profiles'!$G$19=$B$17,14,0)+IF('Standard Profiles'!$G$19=$B$24,21,0),0)),0)</f>
        <v>3.3506940050985237</v>
      </c>
      <c r="F2213" cm="1">
        <f t="array" ref="F2213">IFERROR(INDEX(Jesper!AJ$2:AJ$366,ROUNDDOWN($C2213/24,0)+1,1)*INDEX($D$3:$AA$30,INDEX(Jesper!$R$2:$R$366,ROW(INDEX(Jesper!AJ$2:AJ$366,ROUNDDOWN($C2213/24,0)+1,1))-1)+IF('Standard Profiles'!$G$20=$B$10,7,0)+IF('Standard Profiles'!$G$20=$B$17,14,0)+IF('Standard Profiles'!$G$20=$B$24,21,0),MOD($C2213,24)+1)/SUM(INDEX($D$3:$AA$30,INDEX(Jesper!$R$2:$R$366,ROW(INDEX(Jesper!AJ$2:AJ$366,ROUNDDOWN($C2213/24,0)+1,1))-1)+IF('Standard Profiles'!$G$20=$B$10,7,0)+IF('Standard Profiles'!$G$20=$B$17,14,0)+IF('Standard Profiles'!$G$20=$B$24,21,0),0)),0)</f>
        <v>2.1551037655311558</v>
      </c>
      <c r="G2213" cm="1">
        <f t="array" ref="G2213">IFERROR(INDEX(Jesper!AK$2:AK$366,ROUNDDOWN($C2213/24,0)+1,1)*INDEX($D$3:$AA$30,INDEX(Jesper!$R$2:$R$366,ROW(INDEX(Jesper!AK$2:AK$366,ROUNDDOWN($C2213/24,0)+1,1))-1)+IF('Standard Profiles'!$G$21=$B$10,7,0)+IF('Standard Profiles'!$G$21=$B$17,14,0)+IF('Standard Profiles'!$G$21=$B$24,21,0),MOD($C2213,24)+1)/SUM(INDEX($D$3:$AA$30,INDEX(Jesper!$R$2:$R$366,ROW(INDEX(Jesper!AK$2:AK$366,ROUNDDOWN($C2213/24,0)+1,1))-1)+IF('Standard Profiles'!$G$21=$B$10,7,0)+IF('Standard Profiles'!$G$21=$B$17,14,0)+IF('Standard Profiles'!$G$21=$B$24,21,0),0)),0)</f>
        <v>2.1431145368360904</v>
      </c>
      <c r="H2213" cm="1">
        <f t="array" ref="H2213">IFERROR(INDEX(Jesper!AL$2:AL$366,ROUNDDOWN($C2213/24,0)+1,1)*INDEX($D$3:$AA$30,INDEX(Jesper!$R$2:$R$366,ROW(INDEX(Jesper!AL$2:AL$366,ROUNDDOWN($C2213/24,0)+1,1))-1)+IF('Standard Profiles'!$G$22=$B$10,7,0)+IF('Standard Profiles'!$G$22=$B$17,14,0)+IF('Standard Profiles'!$G$22=$B$24,21,0),MOD($C2213,24)+1)/SUM(INDEX($D$3:$AA$30,INDEX(Jesper!$R$2:$R$366,ROW(INDEX(Jesper!AL$2:AL$366,ROUNDDOWN($C2213/24,0)+1,1))-1)+IF('Standard Profiles'!$G$22=$B$10,7,0)+IF('Standard Profiles'!$G$22=$B$17,14,0)+IF('Standard Profiles'!$G$22=$B$24,21,0),0)),0)</f>
        <v>0.90906368198101339</v>
      </c>
      <c r="I2213">
        <f t="shared" si="258"/>
        <v>0.87270113470177335</v>
      </c>
      <c r="J2213">
        <f t="shared" si="259"/>
        <v>7.2831915741331867</v>
      </c>
      <c r="K2213">
        <f t="shared" si="260"/>
        <v>0.26805552040788189</v>
      </c>
      <c r="L2213">
        <f t="shared" si="261"/>
        <v>0.13402776020394094</v>
      </c>
      <c r="M2213">
        <f t="shared" si="262"/>
        <v>0</v>
      </c>
      <c r="N2213" s="45">
        <f t="shared" si="263"/>
        <v>45017.791666661382</v>
      </c>
    </row>
    <row r="2214" spans="2:14" x14ac:dyDescent="0.25">
      <c r="B2214">
        <f t="shared" si="257"/>
        <v>6</v>
      </c>
      <c r="C2214" s="16">
        <v>2180</v>
      </c>
      <c r="D2214" cm="1">
        <f t="array" ref="D2214">IFERROR(INDEX(Jesper!AH$2:AH$366,ROUNDDOWN($C2214/24,0)+1,1)*INDEX($D$3:$AA$30,INDEX(Jesper!$R$2:$R$366,ROW(INDEX(Jesper!AH$2:AH$366,ROUNDDOWN($C2214/24,0)+1,1))-1)+IF('Standard Profiles'!$G$18=$B$10,7,0)+IF('Standard Profiles'!$G$18=$B$17,14,0)+IF('Standard Profiles'!$G$18=$B$24,21,0),MOD($C2214,24)+1)/SUM(INDEX($D$3:$AA$30,INDEX(Jesper!$R$2:$R$366,ROW(INDEX(Jesper!AH$2:AH$366,ROUNDDOWN($C2214/24,0)+1,1))-1)+IF('Standard Profiles'!$G$18=$B$10,7,0)+IF('Standard Profiles'!$G$18=$B$17,14,0)+IF('Standard Profiles'!$G$18=$B$24,21,0),0)),0)</f>
        <v>0</v>
      </c>
      <c r="E2214" cm="1">
        <f t="array" ref="E2214">IFERROR(INDEX(Jesper!AI$2:AI$366,ROUNDDOWN($C2214/24,0)+1,1)*INDEX($D$3:$AA$30,INDEX(Jesper!$R$2:$R$366,ROW(INDEX(Jesper!AI$2:AI$366,ROUNDDOWN($C2214/24,0)+1,1))-1)+IF('Standard Profiles'!$G$19=$B$10,7,0)+IF('Standard Profiles'!$G$19=$B$17,14,0)+IF('Standard Profiles'!$G$19=$B$24,21,0),MOD($C2214,24)+1)/SUM(INDEX($D$3:$AA$30,INDEX(Jesper!$R$2:$R$366,ROW(INDEX(Jesper!AI$2:AI$366,ROUNDDOWN($C2214/24,0)+1,1))-1)+IF('Standard Profiles'!$G$19=$B$10,7,0)+IF('Standard Profiles'!$G$19=$B$17,14,0)+IF('Standard Profiles'!$G$19=$B$24,21,0),0)),0)</f>
        <v>3.3506940050985237</v>
      </c>
      <c r="F2214" cm="1">
        <f t="array" ref="F2214">IFERROR(INDEX(Jesper!AJ$2:AJ$366,ROUNDDOWN($C2214/24,0)+1,1)*INDEX($D$3:$AA$30,INDEX(Jesper!$R$2:$R$366,ROW(INDEX(Jesper!AJ$2:AJ$366,ROUNDDOWN($C2214/24,0)+1,1))-1)+IF('Standard Profiles'!$G$20=$B$10,7,0)+IF('Standard Profiles'!$G$20=$B$17,14,0)+IF('Standard Profiles'!$G$20=$B$24,21,0),MOD($C2214,24)+1)/SUM(INDEX($D$3:$AA$30,INDEX(Jesper!$R$2:$R$366,ROW(INDEX(Jesper!AJ$2:AJ$366,ROUNDDOWN($C2214/24,0)+1,1))-1)+IF('Standard Profiles'!$G$20=$B$10,7,0)+IF('Standard Profiles'!$G$20=$B$17,14,0)+IF('Standard Profiles'!$G$20=$B$24,21,0),0)),0)</f>
        <v>2.1551037655311558</v>
      </c>
      <c r="G2214" cm="1">
        <f t="array" ref="G2214">IFERROR(INDEX(Jesper!AK$2:AK$366,ROUNDDOWN($C2214/24,0)+1,1)*INDEX($D$3:$AA$30,INDEX(Jesper!$R$2:$R$366,ROW(INDEX(Jesper!AK$2:AK$366,ROUNDDOWN($C2214/24,0)+1,1))-1)+IF('Standard Profiles'!$G$21=$B$10,7,0)+IF('Standard Profiles'!$G$21=$B$17,14,0)+IF('Standard Profiles'!$G$21=$B$24,21,0),MOD($C2214,24)+1)/SUM(INDEX($D$3:$AA$30,INDEX(Jesper!$R$2:$R$366,ROW(INDEX(Jesper!AK$2:AK$366,ROUNDDOWN($C2214/24,0)+1,1))-1)+IF('Standard Profiles'!$G$21=$B$10,7,0)+IF('Standard Profiles'!$G$21=$B$17,14,0)+IF('Standard Profiles'!$G$21=$B$24,21,0),0)),0)</f>
        <v>2.1431145368360904</v>
      </c>
      <c r="H2214" cm="1">
        <f t="array" ref="H2214">IFERROR(INDEX(Jesper!AL$2:AL$366,ROUNDDOWN($C2214/24,0)+1,1)*INDEX($D$3:$AA$30,INDEX(Jesper!$R$2:$R$366,ROW(INDEX(Jesper!AL$2:AL$366,ROUNDDOWN($C2214/24,0)+1,1))-1)+IF('Standard Profiles'!$G$22=$B$10,7,0)+IF('Standard Profiles'!$G$22=$B$17,14,0)+IF('Standard Profiles'!$G$22=$B$24,21,0),MOD($C2214,24)+1)/SUM(INDEX($D$3:$AA$30,INDEX(Jesper!$R$2:$R$366,ROW(INDEX(Jesper!AL$2:AL$366,ROUNDDOWN($C2214/24,0)+1,1))-1)+IF('Standard Profiles'!$G$22=$B$10,7,0)+IF('Standard Profiles'!$G$22=$B$17,14,0)+IF('Standard Profiles'!$G$22=$B$24,21,0),0)),0)</f>
        <v>0.67097557479550995</v>
      </c>
      <c r="I2214">
        <f t="shared" si="258"/>
        <v>0.64413655180368989</v>
      </c>
      <c r="J2214">
        <f t="shared" si="259"/>
        <v>7.2736680498457664</v>
      </c>
      <c r="K2214">
        <f t="shared" si="260"/>
        <v>0.26805552040788189</v>
      </c>
      <c r="L2214">
        <f t="shared" si="261"/>
        <v>0.13402776020394094</v>
      </c>
      <c r="M2214">
        <f t="shared" si="262"/>
        <v>0</v>
      </c>
      <c r="N2214" s="45">
        <f t="shared" si="263"/>
        <v>45017.833333328046</v>
      </c>
    </row>
    <row r="2215" spans="2:14" x14ac:dyDescent="0.25">
      <c r="B2215">
        <f t="shared" si="257"/>
        <v>6</v>
      </c>
      <c r="C2215" s="16">
        <v>2181</v>
      </c>
      <c r="D2215" cm="1">
        <f t="array" ref="D2215">IFERROR(INDEX(Jesper!AH$2:AH$366,ROUNDDOWN($C2215/24,0)+1,1)*INDEX($D$3:$AA$30,INDEX(Jesper!$R$2:$R$366,ROW(INDEX(Jesper!AH$2:AH$366,ROUNDDOWN($C2215/24,0)+1,1))-1)+IF('Standard Profiles'!$G$18=$B$10,7,0)+IF('Standard Profiles'!$G$18=$B$17,14,0)+IF('Standard Profiles'!$G$18=$B$24,21,0),MOD($C2215,24)+1)/SUM(INDEX($D$3:$AA$30,INDEX(Jesper!$R$2:$R$366,ROW(INDEX(Jesper!AH$2:AH$366,ROUNDDOWN($C2215/24,0)+1,1))-1)+IF('Standard Profiles'!$G$18=$B$10,7,0)+IF('Standard Profiles'!$G$18=$B$17,14,0)+IF('Standard Profiles'!$G$18=$B$24,21,0),0)),0)</f>
        <v>0</v>
      </c>
      <c r="E2215" cm="1">
        <f t="array" ref="E2215">IFERROR(INDEX(Jesper!AI$2:AI$366,ROUNDDOWN($C2215/24,0)+1,1)*INDEX($D$3:$AA$30,INDEX(Jesper!$R$2:$R$366,ROW(INDEX(Jesper!AI$2:AI$366,ROUNDDOWN($C2215/24,0)+1,1))-1)+IF('Standard Profiles'!$G$19=$B$10,7,0)+IF('Standard Profiles'!$G$19=$B$17,14,0)+IF('Standard Profiles'!$G$19=$B$24,21,0),MOD($C2215,24)+1)/SUM(INDEX($D$3:$AA$30,INDEX(Jesper!$R$2:$R$366,ROW(INDEX(Jesper!AI$2:AI$366,ROUNDDOWN($C2215/24,0)+1,1))-1)+IF('Standard Profiles'!$G$19=$B$10,7,0)+IF('Standard Profiles'!$G$19=$B$17,14,0)+IF('Standard Profiles'!$G$19=$B$24,21,0),0)),0)</f>
        <v>3.3506940050985237</v>
      </c>
      <c r="F2215" cm="1">
        <f t="array" ref="F2215">IFERROR(INDEX(Jesper!AJ$2:AJ$366,ROUNDDOWN($C2215/24,0)+1,1)*INDEX($D$3:$AA$30,INDEX(Jesper!$R$2:$R$366,ROW(INDEX(Jesper!AJ$2:AJ$366,ROUNDDOWN($C2215/24,0)+1,1))-1)+IF('Standard Profiles'!$G$20=$B$10,7,0)+IF('Standard Profiles'!$G$20=$B$17,14,0)+IF('Standard Profiles'!$G$20=$B$24,21,0),MOD($C2215,24)+1)/SUM(INDEX($D$3:$AA$30,INDEX(Jesper!$R$2:$R$366,ROW(INDEX(Jesper!AJ$2:AJ$366,ROUNDDOWN($C2215/24,0)+1,1))-1)+IF('Standard Profiles'!$G$20=$B$10,7,0)+IF('Standard Profiles'!$G$20=$B$17,14,0)+IF('Standard Profiles'!$G$20=$B$24,21,0),0)),0)</f>
        <v>2.1551037655311558</v>
      </c>
      <c r="G2215" cm="1">
        <f t="array" ref="G2215">IFERROR(INDEX(Jesper!AK$2:AK$366,ROUNDDOWN($C2215/24,0)+1,1)*INDEX($D$3:$AA$30,INDEX(Jesper!$R$2:$R$366,ROW(INDEX(Jesper!AK$2:AK$366,ROUNDDOWN($C2215/24,0)+1,1))-1)+IF('Standard Profiles'!$G$21=$B$10,7,0)+IF('Standard Profiles'!$G$21=$B$17,14,0)+IF('Standard Profiles'!$G$21=$B$24,21,0),MOD($C2215,24)+1)/SUM(INDEX($D$3:$AA$30,INDEX(Jesper!$R$2:$R$366,ROW(INDEX(Jesper!AK$2:AK$366,ROUNDDOWN($C2215/24,0)+1,1))-1)+IF('Standard Profiles'!$G$21=$B$10,7,0)+IF('Standard Profiles'!$G$21=$B$17,14,0)+IF('Standard Profiles'!$G$21=$B$24,21,0),0)),0)</f>
        <v>2.1431145368360904</v>
      </c>
      <c r="H2215" cm="1">
        <f t="array" ref="H2215">IFERROR(INDEX(Jesper!AL$2:AL$366,ROUNDDOWN($C2215/24,0)+1,1)*INDEX($D$3:$AA$30,INDEX(Jesper!$R$2:$R$366,ROW(INDEX(Jesper!AL$2:AL$366,ROUNDDOWN($C2215/24,0)+1,1))-1)+IF('Standard Profiles'!$G$22=$B$10,7,0)+IF('Standard Profiles'!$G$22=$B$17,14,0)+IF('Standard Profiles'!$G$22=$B$24,21,0),MOD($C2215,24)+1)/SUM(INDEX($D$3:$AA$30,INDEX(Jesper!$R$2:$R$366,ROW(INDEX(Jesper!AL$2:AL$366,ROUNDDOWN($C2215/24,0)+1,1))-1)+IF('Standard Profiles'!$G$22=$B$10,7,0)+IF('Standard Profiles'!$G$22=$B$17,14,0)+IF('Standard Profiles'!$G$22=$B$24,21,0),0)),0)</f>
        <v>0.67097557479550995</v>
      </c>
      <c r="I2215">
        <f t="shared" si="258"/>
        <v>0.64413655180368989</v>
      </c>
      <c r="J2215">
        <f t="shared" si="259"/>
        <v>7.2736680498457664</v>
      </c>
      <c r="K2215">
        <f t="shared" si="260"/>
        <v>0.26805552040788189</v>
      </c>
      <c r="L2215">
        <f t="shared" si="261"/>
        <v>0.13402776020394094</v>
      </c>
      <c r="M2215">
        <f t="shared" si="262"/>
        <v>0</v>
      </c>
      <c r="N2215" s="45">
        <f t="shared" si="263"/>
        <v>45017.87499999471</v>
      </c>
    </row>
    <row r="2216" spans="2:14" x14ac:dyDescent="0.25">
      <c r="B2216">
        <f t="shared" si="257"/>
        <v>6</v>
      </c>
      <c r="C2216" s="16">
        <v>2182</v>
      </c>
      <c r="D2216" cm="1">
        <f t="array" ref="D2216">IFERROR(INDEX(Jesper!AH$2:AH$366,ROUNDDOWN($C2216/24,0)+1,1)*INDEX($D$3:$AA$30,INDEX(Jesper!$R$2:$R$366,ROW(INDEX(Jesper!AH$2:AH$366,ROUNDDOWN($C2216/24,0)+1,1))-1)+IF('Standard Profiles'!$G$18=$B$10,7,0)+IF('Standard Profiles'!$G$18=$B$17,14,0)+IF('Standard Profiles'!$G$18=$B$24,21,0),MOD($C2216,24)+1)/SUM(INDEX($D$3:$AA$30,INDEX(Jesper!$R$2:$R$366,ROW(INDEX(Jesper!AH$2:AH$366,ROUNDDOWN($C2216/24,0)+1,1))-1)+IF('Standard Profiles'!$G$18=$B$10,7,0)+IF('Standard Profiles'!$G$18=$B$17,14,0)+IF('Standard Profiles'!$G$18=$B$24,21,0),0)),0)</f>
        <v>0</v>
      </c>
      <c r="E2216" cm="1">
        <f t="array" ref="E2216">IFERROR(INDEX(Jesper!AI$2:AI$366,ROUNDDOWN($C2216/24,0)+1,1)*INDEX($D$3:$AA$30,INDEX(Jesper!$R$2:$R$366,ROW(INDEX(Jesper!AI$2:AI$366,ROUNDDOWN($C2216/24,0)+1,1))-1)+IF('Standard Profiles'!$G$19=$B$10,7,0)+IF('Standard Profiles'!$G$19=$B$17,14,0)+IF('Standard Profiles'!$G$19=$B$24,21,0),MOD($C2216,24)+1)/SUM(INDEX($D$3:$AA$30,INDEX(Jesper!$R$2:$R$366,ROW(INDEX(Jesper!AI$2:AI$366,ROUNDDOWN($C2216/24,0)+1,1))-1)+IF('Standard Profiles'!$G$19=$B$10,7,0)+IF('Standard Profiles'!$G$19=$B$17,14,0)+IF('Standard Profiles'!$G$19=$B$24,21,0),0)),0)</f>
        <v>3.3506940050985237</v>
      </c>
      <c r="F2216" cm="1">
        <f t="array" ref="F2216">IFERROR(INDEX(Jesper!AJ$2:AJ$366,ROUNDDOWN($C2216/24,0)+1,1)*INDEX($D$3:$AA$30,INDEX(Jesper!$R$2:$R$366,ROW(INDEX(Jesper!AJ$2:AJ$366,ROUNDDOWN($C2216/24,0)+1,1))-1)+IF('Standard Profiles'!$G$20=$B$10,7,0)+IF('Standard Profiles'!$G$20=$B$17,14,0)+IF('Standard Profiles'!$G$20=$B$24,21,0),MOD($C2216,24)+1)/SUM(INDEX($D$3:$AA$30,INDEX(Jesper!$R$2:$R$366,ROW(INDEX(Jesper!AJ$2:AJ$366,ROUNDDOWN($C2216/24,0)+1,1))-1)+IF('Standard Profiles'!$G$20=$B$10,7,0)+IF('Standard Profiles'!$G$20=$B$17,14,0)+IF('Standard Profiles'!$G$20=$B$24,21,0),0)),0)</f>
        <v>2.1551037655311558</v>
      </c>
      <c r="G2216" cm="1">
        <f t="array" ref="G2216">IFERROR(INDEX(Jesper!AK$2:AK$366,ROUNDDOWN($C2216/24,0)+1,1)*INDEX($D$3:$AA$30,INDEX(Jesper!$R$2:$R$366,ROW(INDEX(Jesper!AK$2:AK$366,ROUNDDOWN($C2216/24,0)+1,1))-1)+IF('Standard Profiles'!$G$21=$B$10,7,0)+IF('Standard Profiles'!$G$21=$B$17,14,0)+IF('Standard Profiles'!$G$21=$B$24,21,0),MOD($C2216,24)+1)/SUM(INDEX($D$3:$AA$30,INDEX(Jesper!$R$2:$R$366,ROW(INDEX(Jesper!AK$2:AK$366,ROUNDDOWN($C2216/24,0)+1,1))-1)+IF('Standard Profiles'!$G$21=$B$10,7,0)+IF('Standard Profiles'!$G$21=$B$17,14,0)+IF('Standard Profiles'!$G$21=$B$24,21,0),0)),0)</f>
        <v>2.1431145368360904</v>
      </c>
      <c r="H2216" cm="1">
        <f t="array" ref="H2216">IFERROR(INDEX(Jesper!AL$2:AL$366,ROUNDDOWN($C2216/24,0)+1,1)*INDEX($D$3:$AA$30,INDEX(Jesper!$R$2:$R$366,ROW(INDEX(Jesper!AL$2:AL$366,ROUNDDOWN($C2216/24,0)+1,1))-1)+IF('Standard Profiles'!$G$22=$B$10,7,0)+IF('Standard Profiles'!$G$22=$B$17,14,0)+IF('Standard Profiles'!$G$22=$B$24,21,0),MOD($C2216,24)+1)/SUM(INDEX($D$3:$AA$30,INDEX(Jesper!$R$2:$R$366,ROW(INDEX(Jesper!AL$2:AL$366,ROUNDDOWN($C2216/24,0)+1,1))-1)+IF('Standard Profiles'!$G$22=$B$10,7,0)+IF('Standard Profiles'!$G$22=$B$17,14,0)+IF('Standard Profiles'!$G$22=$B$24,21,0),0)),0)</f>
        <v>0.67097557479550995</v>
      </c>
      <c r="I2216">
        <f t="shared" si="258"/>
        <v>0.64413655180368989</v>
      </c>
      <c r="J2216">
        <f t="shared" si="259"/>
        <v>7.2736680498457664</v>
      </c>
      <c r="K2216">
        <f t="shared" si="260"/>
        <v>0.26805552040788189</v>
      </c>
      <c r="L2216">
        <f t="shared" si="261"/>
        <v>0.13402776020394094</v>
      </c>
      <c r="M2216">
        <f t="shared" si="262"/>
        <v>0</v>
      </c>
      <c r="N2216" s="45">
        <f t="shared" si="263"/>
        <v>45017.916666661375</v>
      </c>
    </row>
    <row r="2217" spans="2:14" x14ac:dyDescent="0.25">
      <c r="B2217">
        <f t="shared" si="257"/>
        <v>6</v>
      </c>
      <c r="C2217" s="16">
        <v>2183</v>
      </c>
      <c r="D2217" cm="1">
        <f t="array" ref="D2217">IFERROR(INDEX(Jesper!AH$2:AH$366,ROUNDDOWN($C2217/24,0)+1,1)*INDEX($D$3:$AA$30,INDEX(Jesper!$R$2:$R$366,ROW(INDEX(Jesper!AH$2:AH$366,ROUNDDOWN($C2217/24,0)+1,1))-1)+IF('Standard Profiles'!$G$18=$B$10,7,0)+IF('Standard Profiles'!$G$18=$B$17,14,0)+IF('Standard Profiles'!$G$18=$B$24,21,0),MOD($C2217,24)+1)/SUM(INDEX($D$3:$AA$30,INDEX(Jesper!$R$2:$R$366,ROW(INDEX(Jesper!AH$2:AH$366,ROUNDDOWN($C2217/24,0)+1,1))-1)+IF('Standard Profiles'!$G$18=$B$10,7,0)+IF('Standard Profiles'!$G$18=$B$17,14,0)+IF('Standard Profiles'!$G$18=$B$24,21,0),0)),0)</f>
        <v>0</v>
      </c>
      <c r="E2217" cm="1">
        <f t="array" ref="E2217">IFERROR(INDEX(Jesper!AI$2:AI$366,ROUNDDOWN($C2217/24,0)+1,1)*INDEX($D$3:$AA$30,INDEX(Jesper!$R$2:$R$366,ROW(INDEX(Jesper!AI$2:AI$366,ROUNDDOWN($C2217/24,0)+1,1))-1)+IF('Standard Profiles'!$G$19=$B$10,7,0)+IF('Standard Profiles'!$G$19=$B$17,14,0)+IF('Standard Profiles'!$G$19=$B$24,21,0),MOD($C2217,24)+1)/SUM(INDEX($D$3:$AA$30,INDEX(Jesper!$R$2:$R$366,ROW(INDEX(Jesper!AI$2:AI$366,ROUNDDOWN($C2217/24,0)+1,1))-1)+IF('Standard Profiles'!$G$19=$B$10,7,0)+IF('Standard Profiles'!$G$19=$B$17,14,0)+IF('Standard Profiles'!$G$19=$B$24,21,0),0)),0)</f>
        <v>3.3506940050985237</v>
      </c>
      <c r="F2217" cm="1">
        <f t="array" ref="F2217">IFERROR(INDEX(Jesper!AJ$2:AJ$366,ROUNDDOWN($C2217/24,0)+1,1)*INDEX($D$3:$AA$30,INDEX(Jesper!$R$2:$R$366,ROW(INDEX(Jesper!AJ$2:AJ$366,ROUNDDOWN($C2217/24,0)+1,1))-1)+IF('Standard Profiles'!$G$20=$B$10,7,0)+IF('Standard Profiles'!$G$20=$B$17,14,0)+IF('Standard Profiles'!$G$20=$B$24,21,0),MOD($C2217,24)+1)/SUM(INDEX($D$3:$AA$30,INDEX(Jesper!$R$2:$R$366,ROW(INDEX(Jesper!AJ$2:AJ$366,ROUNDDOWN($C2217/24,0)+1,1))-1)+IF('Standard Profiles'!$G$20=$B$10,7,0)+IF('Standard Profiles'!$G$20=$B$17,14,0)+IF('Standard Profiles'!$G$20=$B$24,21,0),0)),0)</f>
        <v>2.1551037655311558</v>
      </c>
      <c r="G2217" cm="1">
        <f t="array" ref="G2217">IFERROR(INDEX(Jesper!AK$2:AK$366,ROUNDDOWN($C2217/24,0)+1,1)*INDEX($D$3:$AA$30,INDEX(Jesper!$R$2:$R$366,ROW(INDEX(Jesper!AK$2:AK$366,ROUNDDOWN($C2217/24,0)+1,1))-1)+IF('Standard Profiles'!$G$21=$B$10,7,0)+IF('Standard Profiles'!$G$21=$B$17,14,0)+IF('Standard Profiles'!$G$21=$B$24,21,0),MOD($C2217,24)+1)/SUM(INDEX($D$3:$AA$30,INDEX(Jesper!$R$2:$R$366,ROW(INDEX(Jesper!AK$2:AK$366,ROUNDDOWN($C2217/24,0)+1,1))-1)+IF('Standard Profiles'!$G$21=$B$10,7,0)+IF('Standard Profiles'!$G$21=$B$17,14,0)+IF('Standard Profiles'!$G$21=$B$24,21,0),0)),0)</f>
        <v>2.1431145368360904</v>
      </c>
      <c r="H2217" cm="1">
        <f t="array" ref="H2217">IFERROR(INDEX(Jesper!AL$2:AL$366,ROUNDDOWN($C2217/24,0)+1,1)*INDEX($D$3:$AA$30,INDEX(Jesper!$R$2:$R$366,ROW(INDEX(Jesper!AL$2:AL$366,ROUNDDOWN($C2217/24,0)+1,1))-1)+IF('Standard Profiles'!$G$22=$B$10,7,0)+IF('Standard Profiles'!$G$22=$B$17,14,0)+IF('Standard Profiles'!$G$22=$B$24,21,0),MOD($C2217,24)+1)/SUM(INDEX($D$3:$AA$30,INDEX(Jesper!$R$2:$R$366,ROW(INDEX(Jesper!AL$2:AL$366,ROUNDDOWN($C2217/24,0)+1,1))-1)+IF('Standard Profiles'!$G$22=$B$10,7,0)+IF('Standard Profiles'!$G$22=$B$17,14,0)+IF('Standard Profiles'!$G$22=$B$24,21,0),0)),0)</f>
        <v>0.67097557479550995</v>
      </c>
      <c r="I2217">
        <f t="shared" si="258"/>
        <v>0.64413655180368989</v>
      </c>
      <c r="J2217">
        <f t="shared" si="259"/>
        <v>7.2736680498457664</v>
      </c>
      <c r="K2217">
        <f t="shared" si="260"/>
        <v>0.26805552040788189</v>
      </c>
      <c r="L2217">
        <f t="shared" si="261"/>
        <v>0.13402776020394094</v>
      </c>
      <c r="M2217">
        <f t="shared" si="262"/>
        <v>0</v>
      </c>
      <c r="N2217" s="45">
        <f t="shared" si="263"/>
        <v>45017.958333328039</v>
      </c>
    </row>
    <row r="2218" spans="2:14" x14ac:dyDescent="0.25">
      <c r="B2218">
        <f t="shared" si="257"/>
        <v>7</v>
      </c>
      <c r="C2218" s="16">
        <v>2184</v>
      </c>
      <c r="D2218" cm="1">
        <f t="array" ref="D2218">IFERROR(INDEX(Jesper!AH$2:AH$366,ROUNDDOWN($C2218/24,0)+1,1)*INDEX($D$3:$AA$30,INDEX(Jesper!$R$2:$R$366,ROW(INDEX(Jesper!AH$2:AH$366,ROUNDDOWN($C2218/24,0)+1,1))-1)+IF('Standard Profiles'!$G$18=$B$10,7,0)+IF('Standard Profiles'!$G$18=$B$17,14,0)+IF('Standard Profiles'!$G$18=$B$24,21,0),MOD($C2218,24)+1)/SUM(INDEX($D$3:$AA$30,INDEX(Jesper!$R$2:$R$366,ROW(INDEX(Jesper!AH$2:AH$366,ROUNDDOWN($C2218/24,0)+1,1))-1)+IF('Standard Profiles'!$G$18=$B$10,7,0)+IF('Standard Profiles'!$G$18=$B$17,14,0)+IF('Standard Profiles'!$G$18=$B$24,21,0),0)),0)</f>
        <v>0</v>
      </c>
      <c r="E2218" cm="1">
        <f t="array" ref="E2218">IFERROR(INDEX(Jesper!AI$2:AI$366,ROUNDDOWN($C2218/24,0)+1,1)*INDEX($D$3:$AA$30,INDEX(Jesper!$R$2:$R$366,ROW(INDEX(Jesper!AI$2:AI$366,ROUNDDOWN($C2218/24,0)+1,1))-1)+IF('Standard Profiles'!$G$19=$B$10,7,0)+IF('Standard Profiles'!$G$19=$B$17,14,0)+IF('Standard Profiles'!$G$19=$B$24,21,0),MOD($C2218,24)+1)/SUM(INDEX($D$3:$AA$30,INDEX(Jesper!$R$2:$R$366,ROW(INDEX(Jesper!AI$2:AI$366,ROUNDDOWN($C2218/24,0)+1,1))-1)+IF('Standard Profiles'!$G$19=$B$10,7,0)+IF('Standard Profiles'!$G$19=$B$17,14,0)+IF('Standard Profiles'!$G$19=$B$24,21,0),0)),0)</f>
        <v>4.1562675489487768</v>
      </c>
      <c r="F2218" cm="1">
        <f t="array" ref="F2218">IFERROR(INDEX(Jesper!AJ$2:AJ$366,ROUNDDOWN($C2218/24,0)+1,1)*INDEX($D$3:$AA$30,INDEX(Jesper!$R$2:$R$366,ROW(INDEX(Jesper!AJ$2:AJ$366,ROUNDDOWN($C2218/24,0)+1,1))-1)+IF('Standard Profiles'!$G$20=$B$10,7,0)+IF('Standard Profiles'!$G$20=$B$17,14,0)+IF('Standard Profiles'!$G$20=$B$24,21,0),MOD($C2218,24)+1)/SUM(INDEX($D$3:$AA$30,INDEX(Jesper!$R$2:$R$366,ROW(INDEX(Jesper!AJ$2:AJ$366,ROUNDDOWN($C2218/24,0)+1,1))-1)+IF('Standard Profiles'!$G$20=$B$10,7,0)+IF('Standard Profiles'!$G$20=$B$17,14,0)+IF('Standard Profiles'!$G$20=$B$24,21,0),0)),0)</f>
        <v>3.1524828019311406</v>
      </c>
      <c r="G2218" cm="1">
        <f t="array" ref="G2218">IFERROR(INDEX(Jesper!AK$2:AK$366,ROUNDDOWN($C2218/24,0)+1,1)*INDEX($D$3:$AA$30,INDEX(Jesper!$R$2:$R$366,ROW(INDEX(Jesper!AK$2:AK$366,ROUNDDOWN($C2218/24,0)+1,1))-1)+IF('Standard Profiles'!$G$21=$B$10,7,0)+IF('Standard Profiles'!$G$21=$B$17,14,0)+IF('Standard Profiles'!$G$21=$B$24,21,0),MOD($C2218,24)+1)/SUM(INDEX($D$3:$AA$30,INDEX(Jesper!$R$2:$R$366,ROW(INDEX(Jesper!AK$2:AK$366,ROUNDDOWN($C2218/24,0)+1,1))-1)+IF('Standard Profiles'!$G$21=$B$10,7,0)+IF('Standard Profiles'!$G$21=$B$17,14,0)+IF('Standard Profiles'!$G$21=$B$24,21,0),0)),0)</f>
        <v>4.3924208615643519</v>
      </c>
      <c r="H2218" cm="1">
        <f t="array" ref="H2218">IFERROR(INDEX(Jesper!AL$2:AL$366,ROUNDDOWN($C2218/24,0)+1,1)*INDEX($D$3:$AA$30,INDEX(Jesper!$R$2:$R$366,ROW(INDEX(Jesper!AL$2:AL$366,ROUNDDOWN($C2218/24,0)+1,1))-1)+IF('Standard Profiles'!$G$22=$B$10,7,0)+IF('Standard Profiles'!$G$22=$B$17,14,0)+IF('Standard Profiles'!$G$22=$B$24,21,0),MOD($C2218,24)+1)/SUM(INDEX($D$3:$AA$30,INDEX(Jesper!$R$2:$R$366,ROW(INDEX(Jesper!AL$2:AL$366,ROUNDDOWN($C2218/24,0)+1,1))-1)+IF('Standard Profiles'!$G$22=$B$10,7,0)+IF('Standard Profiles'!$G$22=$B$17,14,0)+IF('Standard Profiles'!$G$22=$B$24,21,0),0)),0)</f>
        <v>1.9451379452905762</v>
      </c>
      <c r="I2218">
        <f t="shared" si="258"/>
        <v>1.8673324274789542</v>
      </c>
      <c r="J2218">
        <f t="shared" si="259"/>
        <v>11.280224624382038</v>
      </c>
      <c r="K2218">
        <f t="shared" si="260"/>
        <v>0.33250140391590216</v>
      </c>
      <c r="L2218">
        <f t="shared" si="261"/>
        <v>0.16625070195795108</v>
      </c>
      <c r="M2218">
        <f t="shared" si="262"/>
        <v>0</v>
      </c>
      <c r="N2218" s="45">
        <f t="shared" si="263"/>
        <v>45017.999999994703</v>
      </c>
    </row>
    <row r="2219" spans="2:14" x14ac:dyDescent="0.25">
      <c r="B2219">
        <f t="shared" si="257"/>
        <v>7</v>
      </c>
      <c r="C2219" s="16">
        <v>2185</v>
      </c>
      <c r="D2219" cm="1">
        <f t="array" ref="D2219">IFERROR(INDEX(Jesper!AH$2:AH$366,ROUNDDOWN($C2219/24,0)+1,1)*INDEX($D$3:$AA$30,INDEX(Jesper!$R$2:$R$366,ROW(INDEX(Jesper!AH$2:AH$366,ROUNDDOWN($C2219/24,0)+1,1))-1)+IF('Standard Profiles'!$G$18=$B$10,7,0)+IF('Standard Profiles'!$G$18=$B$17,14,0)+IF('Standard Profiles'!$G$18=$B$24,21,0),MOD($C2219,24)+1)/SUM(INDEX($D$3:$AA$30,INDEX(Jesper!$R$2:$R$366,ROW(INDEX(Jesper!AH$2:AH$366,ROUNDDOWN($C2219/24,0)+1,1))-1)+IF('Standard Profiles'!$G$18=$B$10,7,0)+IF('Standard Profiles'!$G$18=$B$17,14,0)+IF('Standard Profiles'!$G$18=$B$24,21,0),0)),0)</f>
        <v>0</v>
      </c>
      <c r="E2219" cm="1">
        <f t="array" ref="E2219">IFERROR(INDEX(Jesper!AI$2:AI$366,ROUNDDOWN($C2219/24,0)+1,1)*INDEX($D$3:$AA$30,INDEX(Jesper!$R$2:$R$366,ROW(INDEX(Jesper!AI$2:AI$366,ROUNDDOWN($C2219/24,0)+1,1))-1)+IF('Standard Profiles'!$G$19=$B$10,7,0)+IF('Standard Profiles'!$G$19=$B$17,14,0)+IF('Standard Profiles'!$G$19=$B$24,21,0),MOD($C2219,24)+1)/SUM(INDEX($D$3:$AA$30,INDEX(Jesper!$R$2:$R$366,ROW(INDEX(Jesper!AI$2:AI$366,ROUNDDOWN($C2219/24,0)+1,1))-1)+IF('Standard Profiles'!$G$19=$B$10,7,0)+IF('Standard Profiles'!$G$19=$B$17,14,0)+IF('Standard Profiles'!$G$19=$B$24,21,0),0)),0)</f>
        <v>4.1562675489487768</v>
      </c>
      <c r="F2219" cm="1">
        <f t="array" ref="F2219">IFERROR(INDEX(Jesper!AJ$2:AJ$366,ROUNDDOWN($C2219/24,0)+1,1)*INDEX($D$3:$AA$30,INDEX(Jesper!$R$2:$R$366,ROW(INDEX(Jesper!AJ$2:AJ$366,ROUNDDOWN($C2219/24,0)+1,1))-1)+IF('Standard Profiles'!$G$20=$B$10,7,0)+IF('Standard Profiles'!$G$20=$B$17,14,0)+IF('Standard Profiles'!$G$20=$B$24,21,0),MOD($C2219,24)+1)/SUM(INDEX($D$3:$AA$30,INDEX(Jesper!$R$2:$R$366,ROW(INDEX(Jesper!AJ$2:AJ$366,ROUNDDOWN($C2219/24,0)+1,1))-1)+IF('Standard Profiles'!$G$20=$B$10,7,0)+IF('Standard Profiles'!$G$20=$B$17,14,0)+IF('Standard Profiles'!$G$20=$B$24,21,0),0)),0)</f>
        <v>3.1524828019311406</v>
      </c>
      <c r="G2219" cm="1">
        <f t="array" ref="G2219">IFERROR(INDEX(Jesper!AK$2:AK$366,ROUNDDOWN($C2219/24,0)+1,1)*INDEX($D$3:$AA$30,INDEX(Jesper!$R$2:$R$366,ROW(INDEX(Jesper!AK$2:AK$366,ROUNDDOWN($C2219/24,0)+1,1))-1)+IF('Standard Profiles'!$G$21=$B$10,7,0)+IF('Standard Profiles'!$G$21=$B$17,14,0)+IF('Standard Profiles'!$G$21=$B$24,21,0),MOD($C2219,24)+1)/SUM(INDEX($D$3:$AA$30,INDEX(Jesper!$R$2:$R$366,ROW(INDEX(Jesper!AK$2:AK$366,ROUNDDOWN($C2219/24,0)+1,1))-1)+IF('Standard Profiles'!$G$21=$B$10,7,0)+IF('Standard Profiles'!$G$21=$B$17,14,0)+IF('Standard Profiles'!$G$21=$B$24,21,0),0)),0)</f>
        <v>4.3924208615643519</v>
      </c>
      <c r="H2219" cm="1">
        <f t="array" ref="H2219">IFERROR(INDEX(Jesper!AL$2:AL$366,ROUNDDOWN($C2219/24,0)+1,1)*INDEX($D$3:$AA$30,INDEX(Jesper!$R$2:$R$366,ROW(INDEX(Jesper!AL$2:AL$366,ROUNDDOWN($C2219/24,0)+1,1))-1)+IF('Standard Profiles'!$G$22=$B$10,7,0)+IF('Standard Profiles'!$G$22=$B$17,14,0)+IF('Standard Profiles'!$G$22=$B$24,21,0),MOD($C2219,24)+1)/SUM(INDEX($D$3:$AA$30,INDEX(Jesper!$R$2:$R$366,ROW(INDEX(Jesper!AL$2:AL$366,ROUNDDOWN($C2219/24,0)+1,1))-1)+IF('Standard Profiles'!$G$22=$B$10,7,0)+IF('Standard Profiles'!$G$22=$B$17,14,0)+IF('Standard Profiles'!$G$22=$B$24,21,0),0)),0)</f>
        <v>2.2588698719503464</v>
      </c>
      <c r="I2219">
        <f t="shared" si="258"/>
        <v>2.1685150770723336</v>
      </c>
      <c r="J2219">
        <f t="shared" si="259"/>
        <v>11.292773901448427</v>
      </c>
      <c r="K2219">
        <f t="shared" si="260"/>
        <v>0.33250140391590216</v>
      </c>
      <c r="L2219">
        <f t="shared" si="261"/>
        <v>0.16625070195795108</v>
      </c>
      <c r="M2219">
        <f t="shared" si="262"/>
        <v>0</v>
      </c>
      <c r="N2219" s="45">
        <f t="shared" si="263"/>
        <v>45018.041666661367</v>
      </c>
    </row>
    <row r="2220" spans="2:14" x14ac:dyDescent="0.25">
      <c r="B2220">
        <f t="shared" si="257"/>
        <v>7</v>
      </c>
      <c r="C2220" s="16">
        <v>2186</v>
      </c>
      <c r="D2220" cm="1">
        <f t="array" ref="D2220">IFERROR(INDEX(Jesper!AH$2:AH$366,ROUNDDOWN($C2220/24,0)+1,1)*INDEX($D$3:$AA$30,INDEX(Jesper!$R$2:$R$366,ROW(INDEX(Jesper!AH$2:AH$366,ROUNDDOWN($C2220/24,0)+1,1))-1)+IF('Standard Profiles'!$G$18=$B$10,7,0)+IF('Standard Profiles'!$G$18=$B$17,14,0)+IF('Standard Profiles'!$G$18=$B$24,21,0),MOD($C2220,24)+1)/SUM(INDEX($D$3:$AA$30,INDEX(Jesper!$R$2:$R$366,ROW(INDEX(Jesper!AH$2:AH$366,ROUNDDOWN($C2220/24,0)+1,1))-1)+IF('Standard Profiles'!$G$18=$B$10,7,0)+IF('Standard Profiles'!$G$18=$B$17,14,0)+IF('Standard Profiles'!$G$18=$B$24,21,0),0)),0)</f>
        <v>0</v>
      </c>
      <c r="E2220" cm="1">
        <f t="array" ref="E2220">IFERROR(INDEX(Jesper!AI$2:AI$366,ROUNDDOWN($C2220/24,0)+1,1)*INDEX($D$3:$AA$30,INDEX(Jesper!$R$2:$R$366,ROW(INDEX(Jesper!AI$2:AI$366,ROUNDDOWN($C2220/24,0)+1,1))-1)+IF('Standard Profiles'!$G$19=$B$10,7,0)+IF('Standard Profiles'!$G$19=$B$17,14,0)+IF('Standard Profiles'!$G$19=$B$24,21,0),MOD($C2220,24)+1)/SUM(INDEX($D$3:$AA$30,INDEX(Jesper!$R$2:$R$366,ROW(INDEX(Jesper!AI$2:AI$366,ROUNDDOWN($C2220/24,0)+1,1))-1)+IF('Standard Profiles'!$G$19=$B$10,7,0)+IF('Standard Profiles'!$G$19=$B$17,14,0)+IF('Standard Profiles'!$G$19=$B$24,21,0),0)),0)</f>
        <v>4.1562675489487768</v>
      </c>
      <c r="F2220" cm="1">
        <f t="array" ref="F2220">IFERROR(INDEX(Jesper!AJ$2:AJ$366,ROUNDDOWN($C2220/24,0)+1,1)*INDEX($D$3:$AA$30,INDEX(Jesper!$R$2:$R$366,ROW(INDEX(Jesper!AJ$2:AJ$366,ROUNDDOWN($C2220/24,0)+1,1))-1)+IF('Standard Profiles'!$G$20=$B$10,7,0)+IF('Standard Profiles'!$G$20=$B$17,14,0)+IF('Standard Profiles'!$G$20=$B$24,21,0),MOD($C2220,24)+1)/SUM(INDEX($D$3:$AA$30,INDEX(Jesper!$R$2:$R$366,ROW(INDEX(Jesper!AJ$2:AJ$366,ROUNDDOWN($C2220/24,0)+1,1))-1)+IF('Standard Profiles'!$G$20=$B$10,7,0)+IF('Standard Profiles'!$G$20=$B$17,14,0)+IF('Standard Profiles'!$G$20=$B$24,21,0),0)),0)</f>
        <v>3.1524828019311406</v>
      </c>
      <c r="G2220" cm="1">
        <f t="array" ref="G2220">IFERROR(INDEX(Jesper!AK$2:AK$366,ROUNDDOWN($C2220/24,0)+1,1)*INDEX($D$3:$AA$30,INDEX(Jesper!$R$2:$R$366,ROW(INDEX(Jesper!AK$2:AK$366,ROUNDDOWN($C2220/24,0)+1,1))-1)+IF('Standard Profiles'!$G$21=$B$10,7,0)+IF('Standard Profiles'!$G$21=$B$17,14,0)+IF('Standard Profiles'!$G$21=$B$24,21,0),MOD($C2220,24)+1)/SUM(INDEX($D$3:$AA$30,INDEX(Jesper!$R$2:$R$366,ROW(INDEX(Jesper!AK$2:AK$366,ROUNDDOWN($C2220/24,0)+1,1))-1)+IF('Standard Profiles'!$G$21=$B$10,7,0)+IF('Standard Profiles'!$G$21=$B$17,14,0)+IF('Standard Profiles'!$G$21=$B$24,21,0),0)),0)</f>
        <v>4.3924208615643519</v>
      </c>
      <c r="H2220" cm="1">
        <f t="array" ref="H2220">IFERROR(INDEX(Jesper!AL$2:AL$366,ROUNDDOWN($C2220/24,0)+1,1)*INDEX($D$3:$AA$30,INDEX(Jesper!$R$2:$R$366,ROW(INDEX(Jesper!AL$2:AL$366,ROUNDDOWN($C2220/24,0)+1,1))-1)+IF('Standard Profiles'!$G$22=$B$10,7,0)+IF('Standard Profiles'!$G$22=$B$17,14,0)+IF('Standard Profiles'!$G$22=$B$24,21,0),MOD($C2220,24)+1)/SUM(INDEX($D$3:$AA$30,INDEX(Jesper!$R$2:$R$366,ROW(INDEX(Jesper!AL$2:AL$366,ROUNDDOWN($C2220/24,0)+1,1))-1)+IF('Standard Profiles'!$G$22=$B$10,7,0)+IF('Standard Profiles'!$G$22=$B$17,14,0)+IF('Standard Profiles'!$G$22=$B$24,21,0),0)),0)</f>
        <v>2.2588698719503464</v>
      </c>
      <c r="I2220">
        <f t="shared" si="258"/>
        <v>2.1685150770723336</v>
      </c>
      <c r="J2220">
        <f t="shared" si="259"/>
        <v>11.292773901448427</v>
      </c>
      <c r="K2220">
        <f t="shared" si="260"/>
        <v>0.33250140391590216</v>
      </c>
      <c r="L2220">
        <f t="shared" si="261"/>
        <v>0.16625070195795108</v>
      </c>
      <c r="M2220">
        <f t="shared" si="262"/>
        <v>0</v>
      </c>
      <c r="N2220" s="45">
        <f t="shared" si="263"/>
        <v>45018.083333328032</v>
      </c>
    </row>
    <row r="2221" spans="2:14" x14ac:dyDescent="0.25">
      <c r="B2221">
        <f t="shared" si="257"/>
        <v>7</v>
      </c>
      <c r="C2221" s="16">
        <v>2187</v>
      </c>
      <c r="D2221" cm="1">
        <f t="array" ref="D2221">IFERROR(INDEX(Jesper!AH$2:AH$366,ROUNDDOWN($C2221/24,0)+1,1)*INDEX($D$3:$AA$30,INDEX(Jesper!$R$2:$R$366,ROW(INDEX(Jesper!AH$2:AH$366,ROUNDDOWN($C2221/24,0)+1,1))-1)+IF('Standard Profiles'!$G$18=$B$10,7,0)+IF('Standard Profiles'!$G$18=$B$17,14,0)+IF('Standard Profiles'!$G$18=$B$24,21,0),MOD($C2221,24)+1)/SUM(INDEX($D$3:$AA$30,INDEX(Jesper!$R$2:$R$366,ROW(INDEX(Jesper!AH$2:AH$366,ROUNDDOWN($C2221/24,0)+1,1))-1)+IF('Standard Profiles'!$G$18=$B$10,7,0)+IF('Standard Profiles'!$G$18=$B$17,14,0)+IF('Standard Profiles'!$G$18=$B$24,21,0),0)),0)</f>
        <v>0</v>
      </c>
      <c r="E2221" cm="1">
        <f t="array" ref="E2221">IFERROR(INDEX(Jesper!AI$2:AI$366,ROUNDDOWN($C2221/24,0)+1,1)*INDEX($D$3:$AA$30,INDEX(Jesper!$R$2:$R$366,ROW(INDEX(Jesper!AI$2:AI$366,ROUNDDOWN($C2221/24,0)+1,1))-1)+IF('Standard Profiles'!$G$19=$B$10,7,0)+IF('Standard Profiles'!$G$19=$B$17,14,0)+IF('Standard Profiles'!$G$19=$B$24,21,0),MOD($C2221,24)+1)/SUM(INDEX($D$3:$AA$30,INDEX(Jesper!$R$2:$R$366,ROW(INDEX(Jesper!AI$2:AI$366,ROUNDDOWN($C2221/24,0)+1,1))-1)+IF('Standard Profiles'!$G$19=$B$10,7,0)+IF('Standard Profiles'!$G$19=$B$17,14,0)+IF('Standard Profiles'!$G$19=$B$24,21,0),0)),0)</f>
        <v>4.1562675489487768</v>
      </c>
      <c r="F2221" cm="1">
        <f t="array" ref="F2221">IFERROR(INDEX(Jesper!AJ$2:AJ$366,ROUNDDOWN($C2221/24,0)+1,1)*INDEX($D$3:$AA$30,INDEX(Jesper!$R$2:$R$366,ROW(INDEX(Jesper!AJ$2:AJ$366,ROUNDDOWN($C2221/24,0)+1,1))-1)+IF('Standard Profiles'!$G$20=$B$10,7,0)+IF('Standard Profiles'!$G$20=$B$17,14,0)+IF('Standard Profiles'!$G$20=$B$24,21,0),MOD($C2221,24)+1)/SUM(INDEX($D$3:$AA$30,INDEX(Jesper!$R$2:$R$366,ROW(INDEX(Jesper!AJ$2:AJ$366,ROUNDDOWN($C2221/24,0)+1,1))-1)+IF('Standard Profiles'!$G$20=$B$10,7,0)+IF('Standard Profiles'!$G$20=$B$17,14,0)+IF('Standard Profiles'!$G$20=$B$24,21,0),0)),0)</f>
        <v>3.1524828019311406</v>
      </c>
      <c r="G2221" cm="1">
        <f t="array" ref="G2221">IFERROR(INDEX(Jesper!AK$2:AK$366,ROUNDDOWN($C2221/24,0)+1,1)*INDEX($D$3:$AA$30,INDEX(Jesper!$R$2:$R$366,ROW(INDEX(Jesper!AK$2:AK$366,ROUNDDOWN($C2221/24,0)+1,1))-1)+IF('Standard Profiles'!$G$21=$B$10,7,0)+IF('Standard Profiles'!$G$21=$B$17,14,0)+IF('Standard Profiles'!$G$21=$B$24,21,0),MOD($C2221,24)+1)/SUM(INDEX($D$3:$AA$30,INDEX(Jesper!$R$2:$R$366,ROW(INDEX(Jesper!AK$2:AK$366,ROUNDDOWN($C2221/24,0)+1,1))-1)+IF('Standard Profiles'!$G$21=$B$10,7,0)+IF('Standard Profiles'!$G$21=$B$17,14,0)+IF('Standard Profiles'!$G$21=$B$24,21,0),0)),0)</f>
        <v>4.3924208615643519</v>
      </c>
      <c r="H2221" cm="1">
        <f t="array" ref="H2221">IFERROR(INDEX(Jesper!AL$2:AL$366,ROUNDDOWN($C2221/24,0)+1,1)*INDEX($D$3:$AA$30,INDEX(Jesper!$R$2:$R$366,ROW(INDEX(Jesper!AL$2:AL$366,ROUNDDOWN($C2221/24,0)+1,1))-1)+IF('Standard Profiles'!$G$22=$B$10,7,0)+IF('Standard Profiles'!$G$22=$B$17,14,0)+IF('Standard Profiles'!$G$22=$B$24,21,0),MOD($C2221,24)+1)/SUM(INDEX($D$3:$AA$30,INDEX(Jesper!$R$2:$R$366,ROW(INDEX(Jesper!AL$2:AL$366,ROUNDDOWN($C2221/24,0)+1,1))-1)+IF('Standard Profiles'!$G$22=$B$10,7,0)+IF('Standard Profiles'!$G$22=$B$17,14,0)+IF('Standard Profiles'!$G$22=$B$24,21,0),0)),0)</f>
        <v>2.2588698719503464</v>
      </c>
      <c r="I2221">
        <f t="shared" si="258"/>
        <v>2.1685150770723336</v>
      </c>
      <c r="J2221">
        <f t="shared" si="259"/>
        <v>11.292773901448427</v>
      </c>
      <c r="K2221">
        <f t="shared" si="260"/>
        <v>0.33250140391590216</v>
      </c>
      <c r="L2221">
        <f t="shared" si="261"/>
        <v>0.16625070195795108</v>
      </c>
      <c r="M2221">
        <f t="shared" si="262"/>
        <v>0</v>
      </c>
      <c r="N2221" s="45">
        <f t="shared" si="263"/>
        <v>45018.124999994696</v>
      </c>
    </row>
    <row r="2222" spans="2:14" x14ac:dyDescent="0.25">
      <c r="B2222">
        <f t="shared" si="257"/>
        <v>7</v>
      </c>
      <c r="C2222" s="16">
        <v>2188</v>
      </c>
      <c r="D2222" cm="1">
        <f t="array" ref="D2222">IFERROR(INDEX(Jesper!AH$2:AH$366,ROUNDDOWN($C2222/24,0)+1,1)*INDEX($D$3:$AA$30,INDEX(Jesper!$R$2:$R$366,ROW(INDEX(Jesper!AH$2:AH$366,ROUNDDOWN($C2222/24,0)+1,1))-1)+IF('Standard Profiles'!$G$18=$B$10,7,0)+IF('Standard Profiles'!$G$18=$B$17,14,0)+IF('Standard Profiles'!$G$18=$B$24,21,0),MOD($C2222,24)+1)/SUM(INDEX($D$3:$AA$30,INDEX(Jesper!$R$2:$R$366,ROW(INDEX(Jesper!AH$2:AH$366,ROUNDDOWN($C2222/24,0)+1,1))-1)+IF('Standard Profiles'!$G$18=$B$10,7,0)+IF('Standard Profiles'!$G$18=$B$17,14,0)+IF('Standard Profiles'!$G$18=$B$24,21,0),0)),0)</f>
        <v>0</v>
      </c>
      <c r="E2222" cm="1">
        <f t="array" ref="E2222">IFERROR(INDEX(Jesper!AI$2:AI$366,ROUNDDOWN($C2222/24,0)+1,1)*INDEX($D$3:$AA$30,INDEX(Jesper!$R$2:$R$366,ROW(INDEX(Jesper!AI$2:AI$366,ROUNDDOWN($C2222/24,0)+1,1))-1)+IF('Standard Profiles'!$G$19=$B$10,7,0)+IF('Standard Profiles'!$G$19=$B$17,14,0)+IF('Standard Profiles'!$G$19=$B$24,21,0),MOD($C2222,24)+1)/SUM(INDEX($D$3:$AA$30,INDEX(Jesper!$R$2:$R$366,ROW(INDEX(Jesper!AI$2:AI$366,ROUNDDOWN($C2222/24,0)+1,1))-1)+IF('Standard Profiles'!$G$19=$B$10,7,0)+IF('Standard Profiles'!$G$19=$B$17,14,0)+IF('Standard Profiles'!$G$19=$B$24,21,0),0)),0)</f>
        <v>4.1562675489487768</v>
      </c>
      <c r="F2222" cm="1">
        <f t="array" ref="F2222">IFERROR(INDEX(Jesper!AJ$2:AJ$366,ROUNDDOWN($C2222/24,0)+1,1)*INDEX($D$3:$AA$30,INDEX(Jesper!$R$2:$R$366,ROW(INDEX(Jesper!AJ$2:AJ$366,ROUNDDOWN($C2222/24,0)+1,1))-1)+IF('Standard Profiles'!$G$20=$B$10,7,0)+IF('Standard Profiles'!$G$20=$B$17,14,0)+IF('Standard Profiles'!$G$20=$B$24,21,0),MOD($C2222,24)+1)/SUM(INDEX($D$3:$AA$30,INDEX(Jesper!$R$2:$R$366,ROW(INDEX(Jesper!AJ$2:AJ$366,ROUNDDOWN($C2222/24,0)+1,1))-1)+IF('Standard Profiles'!$G$20=$B$10,7,0)+IF('Standard Profiles'!$G$20=$B$17,14,0)+IF('Standard Profiles'!$G$20=$B$24,21,0),0)),0)</f>
        <v>3.1524828019311406</v>
      </c>
      <c r="G2222" cm="1">
        <f t="array" ref="G2222">IFERROR(INDEX(Jesper!AK$2:AK$366,ROUNDDOWN($C2222/24,0)+1,1)*INDEX($D$3:$AA$30,INDEX(Jesper!$R$2:$R$366,ROW(INDEX(Jesper!AK$2:AK$366,ROUNDDOWN($C2222/24,0)+1,1))-1)+IF('Standard Profiles'!$G$21=$B$10,7,0)+IF('Standard Profiles'!$G$21=$B$17,14,0)+IF('Standard Profiles'!$G$21=$B$24,21,0),MOD($C2222,24)+1)/SUM(INDEX($D$3:$AA$30,INDEX(Jesper!$R$2:$R$366,ROW(INDEX(Jesper!AK$2:AK$366,ROUNDDOWN($C2222/24,0)+1,1))-1)+IF('Standard Profiles'!$G$21=$B$10,7,0)+IF('Standard Profiles'!$G$21=$B$17,14,0)+IF('Standard Profiles'!$G$21=$B$24,21,0),0)),0)</f>
        <v>4.3924208615643519</v>
      </c>
      <c r="H2222" cm="1">
        <f t="array" ref="H2222">IFERROR(INDEX(Jesper!AL$2:AL$366,ROUNDDOWN($C2222/24,0)+1,1)*INDEX($D$3:$AA$30,INDEX(Jesper!$R$2:$R$366,ROW(INDEX(Jesper!AL$2:AL$366,ROUNDDOWN($C2222/24,0)+1,1))-1)+IF('Standard Profiles'!$G$22=$B$10,7,0)+IF('Standard Profiles'!$G$22=$B$17,14,0)+IF('Standard Profiles'!$G$22=$B$24,21,0),MOD($C2222,24)+1)/SUM(INDEX($D$3:$AA$30,INDEX(Jesper!$R$2:$R$366,ROW(INDEX(Jesper!AL$2:AL$366,ROUNDDOWN($C2222/24,0)+1,1))-1)+IF('Standard Profiles'!$G$22=$B$10,7,0)+IF('Standard Profiles'!$G$22=$B$17,14,0)+IF('Standard Profiles'!$G$22=$B$24,21,0),0)),0)</f>
        <v>2.2588698719503464</v>
      </c>
      <c r="I2222">
        <f t="shared" si="258"/>
        <v>2.1685150770723336</v>
      </c>
      <c r="J2222">
        <f t="shared" si="259"/>
        <v>11.292773901448427</v>
      </c>
      <c r="K2222">
        <f t="shared" si="260"/>
        <v>0.33250140391590216</v>
      </c>
      <c r="L2222">
        <f t="shared" si="261"/>
        <v>0.16625070195795108</v>
      </c>
      <c r="M2222">
        <f t="shared" si="262"/>
        <v>0</v>
      </c>
      <c r="N2222" s="45">
        <f t="shared" si="263"/>
        <v>45018.16666666136</v>
      </c>
    </row>
    <row r="2223" spans="2:14" x14ac:dyDescent="0.25">
      <c r="B2223">
        <f t="shared" si="257"/>
        <v>7</v>
      </c>
      <c r="C2223" s="16">
        <v>2189</v>
      </c>
      <c r="D2223" cm="1">
        <f t="array" ref="D2223">IFERROR(INDEX(Jesper!AH$2:AH$366,ROUNDDOWN($C2223/24,0)+1,1)*INDEX($D$3:$AA$30,INDEX(Jesper!$R$2:$R$366,ROW(INDEX(Jesper!AH$2:AH$366,ROUNDDOWN($C2223/24,0)+1,1))-1)+IF('Standard Profiles'!$G$18=$B$10,7,0)+IF('Standard Profiles'!$G$18=$B$17,14,0)+IF('Standard Profiles'!$G$18=$B$24,21,0),MOD($C2223,24)+1)/SUM(INDEX($D$3:$AA$30,INDEX(Jesper!$R$2:$R$366,ROW(INDEX(Jesper!AH$2:AH$366,ROUNDDOWN($C2223/24,0)+1,1))-1)+IF('Standard Profiles'!$G$18=$B$10,7,0)+IF('Standard Profiles'!$G$18=$B$17,14,0)+IF('Standard Profiles'!$G$18=$B$24,21,0),0)),0)</f>
        <v>0</v>
      </c>
      <c r="E2223" cm="1">
        <f t="array" ref="E2223">IFERROR(INDEX(Jesper!AI$2:AI$366,ROUNDDOWN($C2223/24,0)+1,1)*INDEX($D$3:$AA$30,INDEX(Jesper!$R$2:$R$366,ROW(INDEX(Jesper!AI$2:AI$366,ROUNDDOWN($C2223/24,0)+1,1))-1)+IF('Standard Profiles'!$G$19=$B$10,7,0)+IF('Standard Profiles'!$G$19=$B$17,14,0)+IF('Standard Profiles'!$G$19=$B$24,21,0),MOD($C2223,24)+1)/SUM(INDEX($D$3:$AA$30,INDEX(Jesper!$R$2:$R$366,ROW(INDEX(Jesper!AI$2:AI$366,ROUNDDOWN($C2223/24,0)+1,1))-1)+IF('Standard Profiles'!$G$19=$B$10,7,0)+IF('Standard Profiles'!$G$19=$B$17,14,0)+IF('Standard Profiles'!$G$19=$B$24,21,0),0)),0)</f>
        <v>4.1562675489487768</v>
      </c>
      <c r="F2223" cm="1">
        <f t="array" ref="F2223">IFERROR(INDEX(Jesper!AJ$2:AJ$366,ROUNDDOWN($C2223/24,0)+1,1)*INDEX($D$3:$AA$30,INDEX(Jesper!$R$2:$R$366,ROW(INDEX(Jesper!AJ$2:AJ$366,ROUNDDOWN($C2223/24,0)+1,1))-1)+IF('Standard Profiles'!$G$20=$B$10,7,0)+IF('Standard Profiles'!$G$20=$B$17,14,0)+IF('Standard Profiles'!$G$20=$B$24,21,0),MOD($C2223,24)+1)/SUM(INDEX($D$3:$AA$30,INDEX(Jesper!$R$2:$R$366,ROW(INDEX(Jesper!AJ$2:AJ$366,ROUNDDOWN($C2223/24,0)+1,1))-1)+IF('Standard Profiles'!$G$20=$B$10,7,0)+IF('Standard Profiles'!$G$20=$B$17,14,0)+IF('Standard Profiles'!$G$20=$B$24,21,0),0)),0)</f>
        <v>3.1524828019311406</v>
      </c>
      <c r="G2223" cm="1">
        <f t="array" ref="G2223">IFERROR(INDEX(Jesper!AK$2:AK$366,ROUNDDOWN($C2223/24,0)+1,1)*INDEX($D$3:$AA$30,INDEX(Jesper!$R$2:$R$366,ROW(INDEX(Jesper!AK$2:AK$366,ROUNDDOWN($C2223/24,0)+1,1))-1)+IF('Standard Profiles'!$G$21=$B$10,7,0)+IF('Standard Profiles'!$G$21=$B$17,14,0)+IF('Standard Profiles'!$G$21=$B$24,21,0),MOD($C2223,24)+1)/SUM(INDEX($D$3:$AA$30,INDEX(Jesper!$R$2:$R$366,ROW(INDEX(Jesper!AK$2:AK$366,ROUNDDOWN($C2223/24,0)+1,1))-1)+IF('Standard Profiles'!$G$21=$B$10,7,0)+IF('Standard Profiles'!$G$21=$B$17,14,0)+IF('Standard Profiles'!$G$21=$B$24,21,0),0)),0)</f>
        <v>4.3924208615643519</v>
      </c>
      <c r="H2223" cm="1">
        <f t="array" ref="H2223">IFERROR(INDEX(Jesper!AL$2:AL$366,ROUNDDOWN($C2223/24,0)+1,1)*INDEX($D$3:$AA$30,INDEX(Jesper!$R$2:$R$366,ROW(INDEX(Jesper!AL$2:AL$366,ROUNDDOWN($C2223/24,0)+1,1))-1)+IF('Standard Profiles'!$G$22=$B$10,7,0)+IF('Standard Profiles'!$G$22=$B$17,14,0)+IF('Standard Profiles'!$G$22=$B$24,21,0),MOD($C2223,24)+1)/SUM(INDEX($D$3:$AA$30,INDEX(Jesper!$R$2:$R$366,ROW(INDEX(Jesper!AL$2:AL$366,ROUNDDOWN($C2223/24,0)+1,1))-1)+IF('Standard Profiles'!$G$22=$B$10,7,0)+IF('Standard Profiles'!$G$22=$B$17,14,0)+IF('Standard Profiles'!$G$22=$B$24,21,0),0)),0)</f>
        <v>2.8235873399379328</v>
      </c>
      <c r="I2223">
        <f t="shared" si="258"/>
        <v>2.710643846340417</v>
      </c>
      <c r="J2223">
        <f t="shared" si="259"/>
        <v>11.315362600167932</v>
      </c>
      <c r="K2223">
        <f t="shared" si="260"/>
        <v>0.33250140391590216</v>
      </c>
      <c r="L2223">
        <f t="shared" si="261"/>
        <v>0.16625070195795108</v>
      </c>
      <c r="M2223">
        <f t="shared" si="262"/>
        <v>0</v>
      </c>
      <c r="N2223" s="45">
        <f t="shared" si="263"/>
        <v>45018.208333328024</v>
      </c>
    </row>
    <row r="2224" spans="2:14" x14ac:dyDescent="0.25">
      <c r="B2224">
        <f t="shared" si="257"/>
        <v>7</v>
      </c>
      <c r="C2224" s="16">
        <v>2190</v>
      </c>
      <c r="D2224" cm="1">
        <f t="array" ref="D2224">IFERROR(INDEX(Jesper!AH$2:AH$366,ROUNDDOWN($C2224/24,0)+1,1)*INDEX($D$3:$AA$30,INDEX(Jesper!$R$2:$R$366,ROW(INDEX(Jesper!AH$2:AH$366,ROUNDDOWN($C2224/24,0)+1,1))-1)+IF('Standard Profiles'!$G$18=$B$10,7,0)+IF('Standard Profiles'!$G$18=$B$17,14,0)+IF('Standard Profiles'!$G$18=$B$24,21,0),MOD($C2224,24)+1)/SUM(INDEX($D$3:$AA$30,INDEX(Jesper!$R$2:$R$366,ROW(INDEX(Jesper!AH$2:AH$366,ROUNDDOWN($C2224/24,0)+1,1))-1)+IF('Standard Profiles'!$G$18=$B$10,7,0)+IF('Standard Profiles'!$G$18=$B$17,14,0)+IF('Standard Profiles'!$G$18=$B$24,21,0),0)),0)</f>
        <v>0</v>
      </c>
      <c r="E2224" cm="1">
        <f t="array" ref="E2224">IFERROR(INDEX(Jesper!AI$2:AI$366,ROUNDDOWN($C2224/24,0)+1,1)*INDEX($D$3:$AA$30,INDEX(Jesper!$R$2:$R$366,ROW(INDEX(Jesper!AI$2:AI$366,ROUNDDOWN($C2224/24,0)+1,1))-1)+IF('Standard Profiles'!$G$19=$B$10,7,0)+IF('Standard Profiles'!$G$19=$B$17,14,0)+IF('Standard Profiles'!$G$19=$B$24,21,0),MOD($C2224,24)+1)/SUM(INDEX($D$3:$AA$30,INDEX(Jesper!$R$2:$R$366,ROW(INDEX(Jesper!AI$2:AI$366,ROUNDDOWN($C2224/24,0)+1,1))-1)+IF('Standard Profiles'!$G$19=$B$10,7,0)+IF('Standard Profiles'!$G$19=$B$17,14,0)+IF('Standard Profiles'!$G$19=$B$24,21,0),0)),0)</f>
        <v>4.1562675489487768</v>
      </c>
      <c r="F2224" cm="1">
        <f t="array" ref="F2224">IFERROR(INDEX(Jesper!AJ$2:AJ$366,ROUNDDOWN($C2224/24,0)+1,1)*INDEX($D$3:$AA$30,INDEX(Jesper!$R$2:$R$366,ROW(INDEX(Jesper!AJ$2:AJ$366,ROUNDDOWN($C2224/24,0)+1,1))-1)+IF('Standard Profiles'!$G$20=$B$10,7,0)+IF('Standard Profiles'!$G$20=$B$17,14,0)+IF('Standard Profiles'!$G$20=$B$24,21,0),MOD($C2224,24)+1)/SUM(INDEX($D$3:$AA$30,INDEX(Jesper!$R$2:$R$366,ROW(INDEX(Jesper!AJ$2:AJ$366,ROUNDDOWN($C2224/24,0)+1,1))-1)+IF('Standard Profiles'!$G$20=$B$10,7,0)+IF('Standard Profiles'!$G$20=$B$17,14,0)+IF('Standard Profiles'!$G$20=$B$24,21,0),0)),0)</f>
        <v>3.1524828019311406</v>
      </c>
      <c r="G2224" cm="1">
        <f t="array" ref="G2224">IFERROR(INDEX(Jesper!AK$2:AK$366,ROUNDDOWN($C2224/24,0)+1,1)*INDEX($D$3:$AA$30,INDEX(Jesper!$R$2:$R$366,ROW(INDEX(Jesper!AK$2:AK$366,ROUNDDOWN($C2224/24,0)+1,1))-1)+IF('Standard Profiles'!$G$21=$B$10,7,0)+IF('Standard Profiles'!$G$21=$B$17,14,0)+IF('Standard Profiles'!$G$21=$B$24,21,0),MOD($C2224,24)+1)/SUM(INDEX($D$3:$AA$30,INDEX(Jesper!$R$2:$R$366,ROW(INDEX(Jesper!AK$2:AK$366,ROUNDDOWN($C2224/24,0)+1,1))-1)+IF('Standard Profiles'!$G$21=$B$10,7,0)+IF('Standard Profiles'!$G$21=$B$17,14,0)+IF('Standard Profiles'!$G$21=$B$24,21,0),0)),0)</f>
        <v>4.3924208615643519</v>
      </c>
      <c r="H2224" cm="1">
        <f t="array" ref="H2224">IFERROR(INDEX(Jesper!AL$2:AL$366,ROUNDDOWN($C2224/24,0)+1,1)*INDEX($D$3:$AA$30,INDEX(Jesper!$R$2:$R$366,ROW(INDEX(Jesper!AL$2:AL$366,ROUNDDOWN($C2224/24,0)+1,1))-1)+IF('Standard Profiles'!$G$22=$B$10,7,0)+IF('Standard Profiles'!$G$22=$B$17,14,0)+IF('Standard Profiles'!$G$22=$B$24,21,0),MOD($C2224,24)+1)/SUM(INDEX($D$3:$AA$30,INDEX(Jesper!$R$2:$R$366,ROW(INDEX(Jesper!AL$2:AL$366,ROUNDDOWN($C2224/24,0)+1,1))-1)+IF('Standard Profiles'!$G$22=$B$10,7,0)+IF('Standard Profiles'!$G$22=$B$17,14,0)+IF('Standard Profiles'!$G$22=$B$24,21,0),0)),0)</f>
        <v>3.3255584225935655</v>
      </c>
      <c r="I2224">
        <f t="shared" si="258"/>
        <v>3.1925360856898246</v>
      </c>
      <c r="J2224">
        <f t="shared" si="259"/>
        <v>11.335441443474156</v>
      </c>
      <c r="K2224">
        <f t="shared" si="260"/>
        <v>0.33250140391590216</v>
      </c>
      <c r="L2224">
        <f t="shared" si="261"/>
        <v>0.16625070195795108</v>
      </c>
      <c r="M2224">
        <f t="shared" si="262"/>
        <v>0</v>
      </c>
      <c r="N2224" s="45">
        <f t="shared" si="263"/>
        <v>45018.249999994689</v>
      </c>
    </row>
    <row r="2225" spans="2:14" x14ac:dyDescent="0.25">
      <c r="B2225">
        <f t="shared" si="257"/>
        <v>7</v>
      </c>
      <c r="C2225" s="16">
        <v>2191</v>
      </c>
      <c r="D2225" cm="1">
        <f t="array" ref="D2225">IFERROR(INDEX(Jesper!AH$2:AH$366,ROUNDDOWN($C2225/24,0)+1,1)*INDEX($D$3:$AA$30,INDEX(Jesper!$R$2:$R$366,ROW(INDEX(Jesper!AH$2:AH$366,ROUNDDOWN($C2225/24,0)+1,1))-1)+IF('Standard Profiles'!$G$18=$B$10,7,0)+IF('Standard Profiles'!$G$18=$B$17,14,0)+IF('Standard Profiles'!$G$18=$B$24,21,0),MOD($C2225,24)+1)/SUM(INDEX($D$3:$AA$30,INDEX(Jesper!$R$2:$R$366,ROW(INDEX(Jesper!AH$2:AH$366,ROUNDDOWN($C2225/24,0)+1,1))-1)+IF('Standard Profiles'!$G$18=$B$10,7,0)+IF('Standard Profiles'!$G$18=$B$17,14,0)+IF('Standard Profiles'!$G$18=$B$24,21,0),0)),0)</f>
        <v>0</v>
      </c>
      <c r="E2225" cm="1">
        <f t="array" ref="E2225">IFERROR(INDEX(Jesper!AI$2:AI$366,ROUNDDOWN($C2225/24,0)+1,1)*INDEX($D$3:$AA$30,INDEX(Jesper!$R$2:$R$366,ROW(INDEX(Jesper!AI$2:AI$366,ROUNDDOWN($C2225/24,0)+1,1))-1)+IF('Standard Profiles'!$G$19=$B$10,7,0)+IF('Standard Profiles'!$G$19=$B$17,14,0)+IF('Standard Profiles'!$G$19=$B$24,21,0),MOD($C2225,24)+1)/SUM(INDEX($D$3:$AA$30,INDEX(Jesper!$R$2:$R$366,ROW(INDEX(Jesper!AI$2:AI$366,ROUNDDOWN($C2225/24,0)+1,1))-1)+IF('Standard Profiles'!$G$19=$B$10,7,0)+IF('Standard Profiles'!$G$19=$B$17,14,0)+IF('Standard Profiles'!$G$19=$B$24,21,0),0)),0)</f>
        <v>4.1562675489487768</v>
      </c>
      <c r="F2225" cm="1">
        <f t="array" ref="F2225">IFERROR(INDEX(Jesper!AJ$2:AJ$366,ROUNDDOWN($C2225/24,0)+1,1)*INDEX($D$3:$AA$30,INDEX(Jesper!$R$2:$R$366,ROW(INDEX(Jesper!AJ$2:AJ$366,ROUNDDOWN($C2225/24,0)+1,1))-1)+IF('Standard Profiles'!$G$20=$B$10,7,0)+IF('Standard Profiles'!$G$20=$B$17,14,0)+IF('Standard Profiles'!$G$20=$B$24,21,0),MOD($C2225,24)+1)/SUM(INDEX($D$3:$AA$30,INDEX(Jesper!$R$2:$R$366,ROW(INDEX(Jesper!AJ$2:AJ$366,ROUNDDOWN($C2225/24,0)+1,1))-1)+IF('Standard Profiles'!$G$20=$B$10,7,0)+IF('Standard Profiles'!$G$20=$B$17,14,0)+IF('Standard Profiles'!$G$20=$B$24,21,0),0)),0)</f>
        <v>3.1524828019311406</v>
      </c>
      <c r="G2225" cm="1">
        <f t="array" ref="G2225">IFERROR(INDEX(Jesper!AK$2:AK$366,ROUNDDOWN($C2225/24,0)+1,1)*INDEX($D$3:$AA$30,INDEX(Jesper!$R$2:$R$366,ROW(INDEX(Jesper!AK$2:AK$366,ROUNDDOWN($C2225/24,0)+1,1))-1)+IF('Standard Profiles'!$G$21=$B$10,7,0)+IF('Standard Profiles'!$G$21=$B$17,14,0)+IF('Standard Profiles'!$G$21=$B$24,21,0),MOD($C2225,24)+1)/SUM(INDEX($D$3:$AA$30,INDEX(Jesper!$R$2:$R$366,ROW(INDEX(Jesper!AK$2:AK$366,ROUNDDOWN($C2225/24,0)+1,1))-1)+IF('Standard Profiles'!$G$21=$B$10,7,0)+IF('Standard Profiles'!$G$21=$B$17,14,0)+IF('Standard Profiles'!$G$21=$B$24,21,0),0)),0)</f>
        <v>4.3924208615643519</v>
      </c>
      <c r="H2225" cm="1">
        <f t="array" ref="H2225">IFERROR(INDEX(Jesper!AL$2:AL$366,ROUNDDOWN($C2225/24,0)+1,1)*INDEX($D$3:$AA$30,INDEX(Jesper!$R$2:$R$366,ROW(INDEX(Jesper!AL$2:AL$366,ROUNDDOWN($C2225/24,0)+1,1))-1)+IF('Standard Profiles'!$G$22=$B$10,7,0)+IF('Standard Profiles'!$G$22=$B$17,14,0)+IF('Standard Profiles'!$G$22=$B$24,21,0),MOD($C2225,24)+1)/SUM(INDEX($D$3:$AA$30,INDEX(Jesper!$R$2:$R$366,ROW(INDEX(Jesper!AL$2:AL$366,ROUNDDOWN($C2225/24,0)+1,1))-1)+IF('Standard Profiles'!$G$22=$B$10,7,0)+IF('Standard Profiles'!$G$22=$B$17,14,0)+IF('Standard Profiles'!$G$22=$B$24,21,0),0)),0)</f>
        <v>3.953022275913106</v>
      </c>
      <c r="I2225">
        <f t="shared" si="258"/>
        <v>3.7949013848765838</v>
      </c>
      <c r="J2225">
        <f t="shared" si="259"/>
        <v>11.360539997606937</v>
      </c>
      <c r="K2225">
        <f t="shared" si="260"/>
        <v>0.33250140391590216</v>
      </c>
      <c r="L2225">
        <f t="shared" si="261"/>
        <v>0.16625070195795108</v>
      </c>
      <c r="M2225">
        <f t="shared" si="262"/>
        <v>0</v>
      </c>
      <c r="N2225" s="45">
        <f t="shared" si="263"/>
        <v>45018.291666661353</v>
      </c>
    </row>
    <row r="2226" spans="2:14" x14ac:dyDescent="0.25">
      <c r="B2226">
        <f t="shared" si="257"/>
        <v>7</v>
      </c>
      <c r="C2226" s="16">
        <v>2192</v>
      </c>
      <c r="D2226" cm="1">
        <f t="array" ref="D2226">IFERROR(INDEX(Jesper!AH$2:AH$366,ROUNDDOWN($C2226/24,0)+1,1)*INDEX($D$3:$AA$30,INDEX(Jesper!$R$2:$R$366,ROW(INDEX(Jesper!AH$2:AH$366,ROUNDDOWN($C2226/24,0)+1,1))-1)+IF('Standard Profiles'!$G$18=$B$10,7,0)+IF('Standard Profiles'!$G$18=$B$17,14,0)+IF('Standard Profiles'!$G$18=$B$24,21,0),MOD($C2226,24)+1)/SUM(INDEX($D$3:$AA$30,INDEX(Jesper!$R$2:$R$366,ROW(INDEX(Jesper!AH$2:AH$366,ROUNDDOWN($C2226/24,0)+1,1))-1)+IF('Standard Profiles'!$G$18=$B$10,7,0)+IF('Standard Profiles'!$G$18=$B$17,14,0)+IF('Standard Profiles'!$G$18=$B$24,21,0),0)),0)</f>
        <v>0</v>
      </c>
      <c r="E2226" cm="1">
        <f t="array" ref="E2226">IFERROR(INDEX(Jesper!AI$2:AI$366,ROUNDDOWN($C2226/24,0)+1,1)*INDEX($D$3:$AA$30,INDEX(Jesper!$R$2:$R$366,ROW(INDEX(Jesper!AI$2:AI$366,ROUNDDOWN($C2226/24,0)+1,1))-1)+IF('Standard Profiles'!$G$19=$B$10,7,0)+IF('Standard Profiles'!$G$19=$B$17,14,0)+IF('Standard Profiles'!$G$19=$B$24,21,0),MOD($C2226,24)+1)/SUM(INDEX($D$3:$AA$30,INDEX(Jesper!$R$2:$R$366,ROW(INDEX(Jesper!AI$2:AI$366,ROUNDDOWN($C2226/24,0)+1,1))-1)+IF('Standard Profiles'!$G$19=$B$10,7,0)+IF('Standard Profiles'!$G$19=$B$17,14,0)+IF('Standard Profiles'!$G$19=$B$24,21,0),0)),0)</f>
        <v>4.1562675489487768</v>
      </c>
      <c r="F2226" cm="1">
        <f t="array" ref="F2226">IFERROR(INDEX(Jesper!AJ$2:AJ$366,ROUNDDOWN($C2226/24,0)+1,1)*INDEX($D$3:$AA$30,INDEX(Jesper!$R$2:$R$366,ROW(INDEX(Jesper!AJ$2:AJ$366,ROUNDDOWN($C2226/24,0)+1,1))-1)+IF('Standard Profiles'!$G$20=$B$10,7,0)+IF('Standard Profiles'!$G$20=$B$17,14,0)+IF('Standard Profiles'!$G$20=$B$24,21,0),MOD($C2226,24)+1)/SUM(INDEX($D$3:$AA$30,INDEX(Jesper!$R$2:$R$366,ROW(INDEX(Jesper!AJ$2:AJ$366,ROUNDDOWN($C2226/24,0)+1,1))-1)+IF('Standard Profiles'!$G$20=$B$10,7,0)+IF('Standard Profiles'!$G$20=$B$17,14,0)+IF('Standard Profiles'!$G$20=$B$24,21,0),0)),0)</f>
        <v>3.1524828019311406</v>
      </c>
      <c r="G2226" cm="1">
        <f t="array" ref="G2226">IFERROR(INDEX(Jesper!AK$2:AK$366,ROUNDDOWN($C2226/24,0)+1,1)*INDEX($D$3:$AA$30,INDEX(Jesper!$R$2:$R$366,ROW(INDEX(Jesper!AK$2:AK$366,ROUNDDOWN($C2226/24,0)+1,1))-1)+IF('Standard Profiles'!$G$21=$B$10,7,0)+IF('Standard Profiles'!$G$21=$B$17,14,0)+IF('Standard Profiles'!$G$21=$B$24,21,0),MOD($C2226,24)+1)/SUM(INDEX($D$3:$AA$30,INDEX(Jesper!$R$2:$R$366,ROW(INDEX(Jesper!AK$2:AK$366,ROUNDDOWN($C2226/24,0)+1,1))-1)+IF('Standard Profiles'!$G$21=$B$10,7,0)+IF('Standard Profiles'!$G$21=$B$17,14,0)+IF('Standard Profiles'!$G$21=$B$24,21,0),0)),0)</f>
        <v>4.3924208615643519</v>
      </c>
      <c r="H2226" cm="1">
        <f t="array" ref="H2226">IFERROR(INDEX(Jesper!AL$2:AL$366,ROUNDDOWN($C2226/24,0)+1,1)*INDEX($D$3:$AA$30,INDEX(Jesper!$R$2:$R$366,ROW(INDEX(Jesper!AL$2:AL$366,ROUNDDOWN($C2226/24,0)+1,1))-1)+IF('Standard Profiles'!$G$22=$B$10,7,0)+IF('Standard Profiles'!$G$22=$B$17,14,0)+IF('Standard Profiles'!$G$22=$B$24,21,0),MOD($C2226,24)+1)/SUM(INDEX($D$3:$AA$30,INDEX(Jesper!$R$2:$R$366,ROW(INDEX(Jesper!AL$2:AL$366,ROUNDDOWN($C2226/24,0)+1,1))-1)+IF('Standard Profiles'!$G$22=$B$10,7,0)+IF('Standard Profiles'!$G$22=$B$17,14,0)+IF('Standard Profiles'!$G$22=$B$24,21,0),0)),0)</f>
        <v>3.953022275913106</v>
      </c>
      <c r="I2226">
        <f t="shared" si="258"/>
        <v>3.7949013848765838</v>
      </c>
      <c r="J2226">
        <f t="shared" si="259"/>
        <v>11.360539997606937</v>
      </c>
      <c r="K2226">
        <f t="shared" si="260"/>
        <v>0.33250140391590216</v>
      </c>
      <c r="L2226">
        <f t="shared" si="261"/>
        <v>0.16625070195795108</v>
      </c>
      <c r="M2226">
        <f t="shared" si="262"/>
        <v>0</v>
      </c>
      <c r="N2226" s="45">
        <f t="shared" si="263"/>
        <v>45018.333333328017</v>
      </c>
    </row>
    <row r="2227" spans="2:14" x14ac:dyDescent="0.25">
      <c r="B2227">
        <f t="shared" si="257"/>
        <v>7</v>
      </c>
      <c r="C2227" s="16">
        <v>2193</v>
      </c>
      <c r="D2227" cm="1">
        <f t="array" ref="D2227">IFERROR(INDEX(Jesper!AH$2:AH$366,ROUNDDOWN($C2227/24,0)+1,1)*INDEX($D$3:$AA$30,INDEX(Jesper!$R$2:$R$366,ROW(INDEX(Jesper!AH$2:AH$366,ROUNDDOWN($C2227/24,0)+1,1))-1)+IF('Standard Profiles'!$G$18=$B$10,7,0)+IF('Standard Profiles'!$G$18=$B$17,14,0)+IF('Standard Profiles'!$G$18=$B$24,21,0),MOD($C2227,24)+1)/SUM(INDEX($D$3:$AA$30,INDEX(Jesper!$R$2:$R$366,ROW(INDEX(Jesper!AH$2:AH$366,ROUNDDOWN($C2227/24,0)+1,1))-1)+IF('Standard Profiles'!$G$18=$B$10,7,0)+IF('Standard Profiles'!$G$18=$B$17,14,0)+IF('Standard Profiles'!$G$18=$B$24,21,0),0)),0)</f>
        <v>0</v>
      </c>
      <c r="E2227" cm="1">
        <f t="array" ref="E2227">IFERROR(INDEX(Jesper!AI$2:AI$366,ROUNDDOWN($C2227/24,0)+1,1)*INDEX($D$3:$AA$30,INDEX(Jesper!$R$2:$R$366,ROW(INDEX(Jesper!AI$2:AI$366,ROUNDDOWN($C2227/24,0)+1,1))-1)+IF('Standard Profiles'!$G$19=$B$10,7,0)+IF('Standard Profiles'!$G$19=$B$17,14,0)+IF('Standard Profiles'!$G$19=$B$24,21,0),MOD($C2227,24)+1)/SUM(INDEX($D$3:$AA$30,INDEX(Jesper!$R$2:$R$366,ROW(INDEX(Jesper!AI$2:AI$366,ROUNDDOWN($C2227/24,0)+1,1))-1)+IF('Standard Profiles'!$G$19=$B$10,7,0)+IF('Standard Profiles'!$G$19=$B$17,14,0)+IF('Standard Profiles'!$G$19=$B$24,21,0),0)),0)</f>
        <v>4.1562675489487768</v>
      </c>
      <c r="F2227" cm="1">
        <f t="array" ref="F2227">IFERROR(INDEX(Jesper!AJ$2:AJ$366,ROUNDDOWN($C2227/24,0)+1,1)*INDEX($D$3:$AA$30,INDEX(Jesper!$R$2:$R$366,ROW(INDEX(Jesper!AJ$2:AJ$366,ROUNDDOWN($C2227/24,0)+1,1))-1)+IF('Standard Profiles'!$G$20=$B$10,7,0)+IF('Standard Profiles'!$G$20=$B$17,14,0)+IF('Standard Profiles'!$G$20=$B$24,21,0),MOD($C2227,24)+1)/SUM(INDEX($D$3:$AA$30,INDEX(Jesper!$R$2:$R$366,ROW(INDEX(Jesper!AJ$2:AJ$366,ROUNDDOWN($C2227/24,0)+1,1))-1)+IF('Standard Profiles'!$G$20=$B$10,7,0)+IF('Standard Profiles'!$G$20=$B$17,14,0)+IF('Standard Profiles'!$G$20=$B$24,21,0),0)),0)</f>
        <v>3.1524828019311406</v>
      </c>
      <c r="G2227" cm="1">
        <f t="array" ref="G2227">IFERROR(INDEX(Jesper!AK$2:AK$366,ROUNDDOWN($C2227/24,0)+1,1)*INDEX($D$3:$AA$30,INDEX(Jesper!$R$2:$R$366,ROW(INDEX(Jesper!AK$2:AK$366,ROUNDDOWN($C2227/24,0)+1,1))-1)+IF('Standard Profiles'!$G$21=$B$10,7,0)+IF('Standard Profiles'!$G$21=$B$17,14,0)+IF('Standard Profiles'!$G$21=$B$24,21,0),MOD($C2227,24)+1)/SUM(INDEX($D$3:$AA$30,INDEX(Jesper!$R$2:$R$366,ROW(INDEX(Jesper!AK$2:AK$366,ROUNDDOWN($C2227/24,0)+1,1))-1)+IF('Standard Profiles'!$G$21=$B$10,7,0)+IF('Standard Profiles'!$G$21=$B$17,14,0)+IF('Standard Profiles'!$G$21=$B$24,21,0),0)),0)</f>
        <v>4.3924208615643519</v>
      </c>
      <c r="H2227" cm="1">
        <f t="array" ref="H2227">IFERROR(INDEX(Jesper!AL$2:AL$366,ROUNDDOWN($C2227/24,0)+1,1)*INDEX($D$3:$AA$30,INDEX(Jesper!$R$2:$R$366,ROW(INDEX(Jesper!AL$2:AL$366,ROUNDDOWN($C2227/24,0)+1,1))-1)+IF('Standard Profiles'!$G$22=$B$10,7,0)+IF('Standard Profiles'!$G$22=$B$17,14,0)+IF('Standard Profiles'!$G$22=$B$24,21,0),MOD($C2227,24)+1)/SUM(INDEX($D$3:$AA$30,INDEX(Jesper!$R$2:$R$366,ROW(INDEX(Jesper!AL$2:AL$366,ROUNDDOWN($C2227/24,0)+1,1))-1)+IF('Standard Profiles'!$G$22=$B$10,7,0)+IF('Standard Profiles'!$G$22=$B$17,14,0)+IF('Standard Profiles'!$G$22=$B$24,21,0),0)),0)</f>
        <v>3.953022275913106</v>
      </c>
      <c r="I2227">
        <f t="shared" si="258"/>
        <v>3.7949013848765838</v>
      </c>
      <c r="J2227">
        <f t="shared" si="259"/>
        <v>11.360539997606937</v>
      </c>
      <c r="K2227">
        <f t="shared" si="260"/>
        <v>0.33250140391590216</v>
      </c>
      <c r="L2227">
        <f t="shared" si="261"/>
        <v>0.16625070195795108</v>
      </c>
      <c r="M2227">
        <f t="shared" si="262"/>
        <v>0</v>
      </c>
      <c r="N2227" s="45">
        <f t="shared" si="263"/>
        <v>45018.374999994681</v>
      </c>
    </row>
    <row r="2228" spans="2:14" x14ac:dyDescent="0.25">
      <c r="B2228">
        <f t="shared" si="257"/>
        <v>7</v>
      </c>
      <c r="C2228" s="16">
        <v>2194</v>
      </c>
      <c r="D2228" cm="1">
        <f t="array" ref="D2228">IFERROR(INDEX(Jesper!AH$2:AH$366,ROUNDDOWN($C2228/24,0)+1,1)*INDEX($D$3:$AA$30,INDEX(Jesper!$R$2:$R$366,ROW(INDEX(Jesper!AH$2:AH$366,ROUNDDOWN($C2228/24,0)+1,1))-1)+IF('Standard Profiles'!$G$18=$B$10,7,0)+IF('Standard Profiles'!$G$18=$B$17,14,0)+IF('Standard Profiles'!$G$18=$B$24,21,0),MOD($C2228,24)+1)/SUM(INDEX($D$3:$AA$30,INDEX(Jesper!$R$2:$R$366,ROW(INDEX(Jesper!AH$2:AH$366,ROUNDDOWN($C2228/24,0)+1,1))-1)+IF('Standard Profiles'!$G$18=$B$10,7,0)+IF('Standard Profiles'!$G$18=$B$17,14,0)+IF('Standard Profiles'!$G$18=$B$24,21,0),0)),0)</f>
        <v>0</v>
      </c>
      <c r="E2228" cm="1">
        <f t="array" ref="E2228">IFERROR(INDEX(Jesper!AI$2:AI$366,ROUNDDOWN($C2228/24,0)+1,1)*INDEX($D$3:$AA$30,INDEX(Jesper!$R$2:$R$366,ROW(INDEX(Jesper!AI$2:AI$366,ROUNDDOWN($C2228/24,0)+1,1))-1)+IF('Standard Profiles'!$G$19=$B$10,7,0)+IF('Standard Profiles'!$G$19=$B$17,14,0)+IF('Standard Profiles'!$G$19=$B$24,21,0),MOD($C2228,24)+1)/SUM(INDEX($D$3:$AA$30,INDEX(Jesper!$R$2:$R$366,ROW(INDEX(Jesper!AI$2:AI$366,ROUNDDOWN($C2228/24,0)+1,1))-1)+IF('Standard Profiles'!$G$19=$B$10,7,0)+IF('Standard Profiles'!$G$19=$B$17,14,0)+IF('Standard Profiles'!$G$19=$B$24,21,0),0)),0)</f>
        <v>4.1562675489487768</v>
      </c>
      <c r="F2228" cm="1">
        <f t="array" ref="F2228">IFERROR(INDEX(Jesper!AJ$2:AJ$366,ROUNDDOWN($C2228/24,0)+1,1)*INDEX($D$3:$AA$30,INDEX(Jesper!$R$2:$R$366,ROW(INDEX(Jesper!AJ$2:AJ$366,ROUNDDOWN($C2228/24,0)+1,1))-1)+IF('Standard Profiles'!$G$20=$B$10,7,0)+IF('Standard Profiles'!$G$20=$B$17,14,0)+IF('Standard Profiles'!$G$20=$B$24,21,0),MOD($C2228,24)+1)/SUM(INDEX($D$3:$AA$30,INDEX(Jesper!$R$2:$R$366,ROW(INDEX(Jesper!AJ$2:AJ$366,ROUNDDOWN($C2228/24,0)+1,1))-1)+IF('Standard Profiles'!$G$20=$B$10,7,0)+IF('Standard Profiles'!$G$20=$B$17,14,0)+IF('Standard Profiles'!$G$20=$B$24,21,0),0)),0)</f>
        <v>3.1524828019311406</v>
      </c>
      <c r="G2228" cm="1">
        <f t="array" ref="G2228">IFERROR(INDEX(Jesper!AK$2:AK$366,ROUNDDOWN($C2228/24,0)+1,1)*INDEX($D$3:$AA$30,INDEX(Jesper!$R$2:$R$366,ROW(INDEX(Jesper!AK$2:AK$366,ROUNDDOWN($C2228/24,0)+1,1))-1)+IF('Standard Profiles'!$G$21=$B$10,7,0)+IF('Standard Profiles'!$G$21=$B$17,14,0)+IF('Standard Profiles'!$G$21=$B$24,21,0),MOD($C2228,24)+1)/SUM(INDEX($D$3:$AA$30,INDEX(Jesper!$R$2:$R$366,ROW(INDEX(Jesper!AK$2:AK$366,ROUNDDOWN($C2228/24,0)+1,1))-1)+IF('Standard Profiles'!$G$21=$B$10,7,0)+IF('Standard Profiles'!$G$21=$B$17,14,0)+IF('Standard Profiles'!$G$21=$B$24,21,0),0)),0)</f>
        <v>4.3924208615643519</v>
      </c>
      <c r="H2228" cm="1">
        <f t="array" ref="H2228">IFERROR(INDEX(Jesper!AL$2:AL$366,ROUNDDOWN($C2228/24,0)+1,1)*INDEX($D$3:$AA$30,INDEX(Jesper!$R$2:$R$366,ROW(INDEX(Jesper!AL$2:AL$366,ROUNDDOWN($C2228/24,0)+1,1))-1)+IF('Standard Profiles'!$G$22=$B$10,7,0)+IF('Standard Profiles'!$G$22=$B$17,14,0)+IF('Standard Profiles'!$G$22=$B$24,21,0),MOD($C2228,24)+1)/SUM(INDEX($D$3:$AA$30,INDEX(Jesper!$R$2:$R$366,ROW(INDEX(Jesper!AL$2:AL$366,ROUNDDOWN($C2228/24,0)+1,1))-1)+IF('Standard Profiles'!$G$22=$B$10,7,0)+IF('Standard Profiles'!$G$22=$B$17,14,0)+IF('Standard Profiles'!$G$22=$B$24,21,0),0)),0)</f>
        <v>3.953022275913106</v>
      </c>
      <c r="I2228">
        <f t="shared" si="258"/>
        <v>3.7949013848765838</v>
      </c>
      <c r="J2228">
        <f t="shared" si="259"/>
        <v>11.360539997606937</v>
      </c>
      <c r="K2228">
        <f t="shared" si="260"/>
        <v>0.33250140391590216</v>
      </c>
      <c r="L2228">
        <f t="shared" si="261"/>
        <v>0.16625070195795108</v>
      </c>
      <c r="M2228">
        <f t="shared" si="262"/>
        <v>0</v>
      </c>
      <c r="N2228" s="45">
        <f t="shared" si="263"/>
        <v>45018.416666661346</v>
      </c>
    </row>
    <row r="2229" spans="2:14" x14ac:dyDescent="0.25">
      <c r="B2229">
        <f t="shared" si="257"/>
        <v>7</v>
      </c>
      <c r="C2229" s="16">
        <v>2195</v>
      </c>
      <c r="D2229" cm="1">
        <f t="array" ref="D2229">IFERROR(INDEX(Jesper!AH$2:AH$366,ROUNDDOWN($C2229/24,0)+1,1)*INDEX($D$3:$AA$30,INDEX(Jesper!$R$2:$R$366,ROW(INDEX(Jesper!AH$2:AH$366,ROUNDDOWN($C2229/24,0)+1,1))-1)+IF('Standard Profiles'!$G$18=$B$10,7,0)+IF('Standard Profiles'!$G$18=$B$17,14,0)+IF('Standard Profiles'!$G$18=$B$24,21,0),MOD($C2229,24)+1)/SUM(INDEX($D$3:$AA$30,INDEX(Jesper!$R$2:$R$366,ROW(INDEX(Jesper!AH$2:AH$366,ROUNDDOWN($C2229/24,0)+1,1))-1)+IF('Standard Profiles'!$G$18=$B$10,7,0)+IF('Standard Profiles'!$G$18=$B$17,14,0)+IF('Standard Profiles'!$G$18=$B$24,21,0),0)),0)</f>
        <v>0</v>
      </c>
      <c r="E2229" cm="1">
        <f t="array" ref="E2229">IFERROR(INDEX(Jesper!AI$2:AI$366,ROUNDDOWN($C2229/24,0)+1,1)*INDEX($D$3:$AA$30,INDEX(Jesper!$R$2:$R$366,ROW(INDEX(Jesper!AI$2:AI$366,ROUNDDOWN($C2229/24,0)+1,1))-1)+IF('Standard Profiles'!$G$19=$B$10,7,0)+IF('Standard Profiles'!$G$19=$B$17,14,0)+IF('Standard Profiles'!$G$19=$B$24,21,0),MOD($C2229,24)+1)/SUM(INDEX($D$3:$AA$30,INDEX(Jesper!$R$2:$R$366,ROW(INDEX(Jesper!AI$2:AI$366,ROUNDDOWN($C2229/24,0)+1,1))-1)+IF('Standard Profiles'!$G$19=$B$10,7,0)+IF('Standard Profiles'!$G$19=$B$17,14,0)+IF('Standard Profiles'!$G$19=$B$24,21,0),0)),0)</f>
        <v>4.1562675489487768</v>
      </c>
      <c r="F2229" cm="1">
        <f t="array" ref="F2229">IFERROR(INDEX(Jesper!AJ$2:AJ$366,ROUNDDOWN($C2229/24,0)+1,1)*INDEX($D$3:$AA$30,INDEX(Jesper!$R$2:$R$366,ROW(INDEX(Jesper!AJ$2:AJ$366,ROUNDDOWN($C2229/24,0)+1,1))-1)+IF('Standard Profiles'!$G$20=$B$10,7,0)+IF('Standard Profiles'!$G$20=$B$17,14,0)+IF('Standard Profiles'!$G$20=$B$24,21,0),MOD($C2229,24)+1)/SUM(INDEX($D$3:$AA$30,INDEX(Jesper!$R$2:$R$366,ROW(INDEX(Jesper!AJ$2:AJ$366,ROUNDDOWN($C2229/24,0)+1,1))-1)+IF('Standard Profiles'!$G$20=$B$10,7,0)+IF('Standard Profiles'!$G$20=$B$17,14,0)+IF('Standard Profiles'!$G$20=$B$24,21,0),0)),0)</f>
        <v>3.1524828019311406</v>
      </c>
      <c r="G2229" cm="1">
        <f t="array" ref="G2229">IFERROR(INDEX(Jesper!AK$2:AK$366,ROUNDDOWN($C2229/24,0)+1,1)*INDEX($D$3:$AA$30,INDEX(Jesper!$R$2:$R$366,ROW(INDEX(Jesper!AK$2:AK$366,ROUNDDOWN($C2229/24,0)+1,1))-1)+IF('Standard Profiles'!$G$21=$B$10,7,0)+IF('Standard Profiles'!$G$21=$B$17,14,0)+IF('Standard Profiles'!$G$21=$B$24,21,0),MOD($C2229,24)+1)/SUM(INDEX($D$3:$AA$30,INDEX(Jesper!$R$2:$R$366,ROW(INDEX(Jesper!AK$2:AK$366,ROUNDDOWN($C2229/24,0)+1,1))-1)+IF('Standard Profiles'!$G$21=$B$10,7,0)+IF('Standard Profiles'!$G$21=$B$17,14,0)+IF('Standard Profiles'!$G$21=$B$24,21,0),0)),0)</f>
        <v>4.3924208615643519</v>
      </c>
      <c r="H2229" cm="1">
        <f t="array" ref="H2229">IFERROR(INDEX(Jesper!AL$2:AL$366,ROUNDDOWN($C2229/24,0)+1,1)*INDEX($D$3:$AA$30,INDEX(Jesper!$R$2:$R$366,ROW(INDEX(Jesper!AL$2:AL$366,ROUNDDOWN($C2229/24,0)+1,1))-1)+IF('Standard Profiles'!$G$22=$B$10,7,0)+IF('Standard Profiles'!$G$22=$B$17,14,0)+IF('Standard Profiles'!$G$22=$B$24,21,0),MOD($C2229,24)+1)/SUM(INDEX($D$3:$AA$30,INDEX(Jesper!$R$2:$R$366,ROW(INDEX(Jesper!AL$2:AL$366,ROUNDDOWN($C2229/24,0)+1,1))-1)+IF('Standard Profiles'!$G$22=$B$10,7,0)+IF('Standard Profiles'!$G$22=$B$17,14,0)+IF('Standard Profiles'!$G$22=$B$24,21,0),0)),0)</f>
        <v>3.953022275913106</v>
      </c>
      <c r="I2229">
        <f t="shared" si="258"/>
        <v>3.7949013848765838</v>
      </c>
      <c r="J2229">
        <f t="shared" si="259"/>
        <v>11.360539997606937</v>
      </c>
      <c r="K2229">
        <f t="shared" si="260"/>
        <v>0.33250140391590216</v>
      </c>
      <c r="L2229">
        <f t="shared" si="261"/>
        <v>0.16625070195795108</v>
      </c>
      <c r="M2229">
        <f t="shared" si="262"/>
        <v>0</v>
      </c>
      <c r="N2229" s="45">
        <f t="shared" si="263"/>
        <v>45018.45833332801</v>
      </c>
    </row>
    <row r="2230" spans="2:14" x14ac:dyDescent="0.25">
      <c r="B2230">
        <f t="shared" si="257"/>
        <v>7</v>
      </c>
      <c r="C2230" s="16">
        <v>2196</v>
      </c>
      <c r="D2230" cm="1">
        <f t="array" ref="D2230">IFERROR(INDEX(Jesper!AH$2:AH$366,ROUNDDOWN($C2230/24,0)+1,1)*INDEX($D$3:$AA$30,INDEX(Jesper!$R$2:$R$366,ROW(INDEX(Jesper!AH$2:AH$366,ROUNDDOWN($C2230/24,0)+1,1))-1)+IF('Standard Profiles'!$G$18=$B$10,7,0)+IF('Standard Profiles'!$G$18=$B$17,14,0)+IF('Standard Profiles'!$G$18=$B$24,21,0),MOD($C2230,24)+1)/SUM(INDEX($D$3:$AA$30,INDEX(Jesper!$R$2:$R$366,ROW(INDEX(Jesper!AH$2:AH$366,ROUNDDOWN($C2230/24,0)+1,1))-1)+IF('Standard Profiles'!$G$18=$B$10,7,0)+IF('Standard Profiles'!$G$18=$B$17,14,0)+IF('Standard Profiles'!$G$18=$B$24,21,0),0)),0)</f>
        <v>0</v>
      </c>
      <c r="E2230" cm="1">
        <f t="array" ref="E2230">IFERROR(INDEX(Jesper!AI$2:AI$366,ROUNDDOWN($C2230/24,0)+1,1)*INDEX($D$3:$AA$30,INDEX(Jesper!$R$2:$R$366,ROW(INDEX(Jesper!AI$2:AI$366,ROUNDDOWN($C2230/24,0)+1,1))-1)+IF('Standard Profiles'!$G$19=$B$10,7,0)+IF('Standard Profiles'!$G$19=$B$17,14,0)+IF('Standard Profiles'!$G$19=$B$24,21,0),MOD($C2230,24)+1)/SUM(INDEX($D$3:$AA$30,INDEX(Jesper!$R$2:$R$366,ROW(INDEX(Jesper!AI$2:AI$366,ROUNDDOWN($C2230/24,0)+1,1))-1)+IF('Standard Profiles'!$G$19=$B$10,7,0)+IF('Standard Profiles'!$G$19=$B$17,14,0)+IF('Standard Profiles'!$G$19=$B$24,21,0),0)),0)</f>
        <v>4.1562675489487768</v>
      </c>
      <c r="F2230" cm="1">
        <f t="array" ref="F2230">IFERROR(INDEX(Jesper!AJ$2:AJ$366,ROUNDDOWN($C2230/24,0)+1,1)*INDEX($D$3:$AA$30,INDEX(Jesper!$R$2:$R$366,ROW(INDEX(Jesper!AJ$2:AJ$366,ROUNDDOWN($C2230/24,0)+1,1))-1)+IF('Standard Profiles'!$G$20=$B$10,7,0)+IF('Standard Profiles'!$G$20=$B$17,14,0)+IF('Standard Profiles'!$G$20=$B$24,21,0),MOD($C2230,24)+1)/SUM(INDEX($D$3:$AA$30,INDEX(Jesper!$R$2:$R$366,ROW(INDEX(Jesper!AJ$2:AJ$366,ROUNDDOWN($C2230/24,0)+1,1))-1)+IF('Standard Profiles'!$G$20=$B$10,7,0)+IF('Standard Profiles'!$G$20=$B$17,14,0)+IF('Standard Profiles'!$G$20=$B$24,21,0),0)),0)</f>
        <v>3.1524828019311406</v>
      </c>
      <c r="G2230" cm="1">
        <f t="array" ref="G2230">IFERROR(INDEX(Jesper!AK$2:AK$366,ROUNDDOWN($C2230/24,0)+1,1)*INDEX($D$3:$AA$30,INDEX(Jesper!$R$2:$R$366,ROW(INDEX(Jesper!AK$2:AK$366,ROUNDDOWN($C2230/24,0)+1,1))-1)+IF('Standard Profiles'!$G$21=$B$10,7,0)+IF('Standard Profiles'!$G$21=$B$17,14,0)+IF('Standard Profiles'!$G$21=$B$24,21,0),MOD($C2230,24)+1)/SUM(INDEX($D$3:$AA$30,INDEX(Jesper!$R$2:$R$366,ROW(INDEX(Jesper!AK$2:AK$366,ROUNDDOWN($C2230/24,0)+1,1))-1)+IF('Standard Profiles'!$G$21=$B$10,7,0)+IF('Standard Profiles'!$G$21=$B$17,14,0)+IF('Standard Profiles'!$G$21=$B$24,21,0),0)),0)</f>
        <v>4.3924208615643519</v>
      </c>
      <c r="H2230" cm="1">
        <f t="array" ref="H2230">IFERROR(INDEX(Jesper!AL$2:AL$366,ROUNDDOWN($C2230/24,0)+1,1)*INDEX($D$3:$AA$30,INDEX(Jesper!$R$2:$R$366,ROW(INDEX(Jesper!AL$2:AL$366,ROUNDDOWN($C2230/24,0)+1,1))-1)+IF('Standard Profiles'!$G$22=$B$10,7,0)+IF('Standard Profiles'!$G$22=$B$17,14,0)+IF('Standard Profiles'!$G$22=$B$24,21,0),MOD($C2230,24)+1)/SUM(INDEX($D$3:$AA$30,INDEX(Jesper!$R$2:$R$366,ROW(INDEX(Jesper!AL$2:AL$366,ROUNDDOWN($C2230/24,0)+1,1))-1)+IF('Standard Profiles'!$G$22=$B$10,7,0)+IF('Standard Profiles'!$G$22=$B$17,14,0)+IF('Standard Profiles'!$G$22=$B$24,21,0),0)),0)</f>
        <v>3.953022275913106</v>
      </c>
      <c r="I2230">
        <f t="shared" si="258"/>
        <v>3.7949013848765838</v>
      </c>
      <c r="J2230">
        <f t="shared" si="259"/>
        <v>11.360539997606937</v>
      </c>
      <c r="K2230">
        <f t="shared" si="260"/>
        <v>0.33250140391590216</v>
      </c>
      <c r="L2230">
        <f t="shared" si="261"/>
        <v>0.16625070195795108</v>
      </c>
      <c r="M2230">
        <f t="shared" si="262"/>
        <v>0</v>
      </c>
      <c r="N2230" s="45">
        <f t="shared" si="263"/>
        <v>45018.499999994674</v>
      </c>
    </row>
    <row r="2231" spans="2:14" x14ac:dyDescent="0.25">
      <c r="B2231">
        <f t="shared" si="257"/>
        <v>7</v>
      </c>
      <c r="C2231" s="16">
        <v>2197</v>
      </c>
      <c r="D2231" cm="1">
        <f t="array" ref="D2231">IFERROR(INDEX(Jesper!AH$2:AH$366,ROUNDDOWN($C2231/24,0)+1,1)*INDEX($D$3:$AA$30,INDEX(Jesper!$R$2:$R$366,ROW(INDEX(Jesper!AH$2:AH$366,ROUNDDOWN($C2231/24,0)+1,1))-1)+IF('Standard Profiles'!$G$18=$B$10,7,0)+IF('Standard Profiles'!$G$18=$B$17,14,0)+IF('Standard Profiles'!$G$18=$B$24,21,0),MOD($C2231,24)+1)/SUM(INDEX($D$3:$AA$30,INDEX(Jesper!$R$2:$R$366,ROW(INDEX(Jesper!AH$2:AH$366,ROUNDDOWN($C2231/24,0)+1,1))-1)+IF('Standard Profiles'!$G$18=$B$10,7,0)+IF('Standard Profiles'!$G$18=$B$17,14,0)+IF('Standard Profiles'!$G$18=$B$24,21,0),0)),0)</f>
        <v>0</v>
      </c>
      <c r="E2231" cm="1">
        <f t="array" ref="E2231">IFERROR(INDEX(Jesper!AI$2:AI$366,ROUNDDOWN($C2231/24,0)+1,1)*INDEX($D$3:$AA$30,INDEX(Jesper!$R$2:$R$366,ROW(INDEX(Jesper!AI$2:AI$366,ROUNDDOWN($C2231/24,0)+1,1))-1)+IF('Standard Profiles'!$G$19=$B$10,7,0)+IF('Standard Profiles'!$G$19=$B$17,14,0)+IF('Standard Profiles'!$G$19=$B$24,21,0),MOD($C2231,24)+1)/SUM(INDEX($D$3:$AA$30,INDEX(Jesper!$R$2:$R$366,ROW(INDEX(Jesper!AI$2:AI$366,ROUNDDOWN($C2231/24,0)+1,1))-1)+IF('Standard Profiles'!$G$19=$B$10,7,0)+IF('Standard Profiles'!$G$19=$B$17,14,0)+IF('Standard Profiles'!$G$19=$B$24,21,0),0)),0)</f>
        <v>4.1562675489487768</v>
      </c>
      <c r="F2231" cm="1">
        <f t="array" ref="F2231">IFERROR(INDEX(Jesper!AJ$2:AJ$366,ROUNDDOWN($C2231/24,0)+1,1)*INDEX($D$3:$AA$30,INDEX(Jesper!$R$2:$R$366,ROW(INDEX(Jesper!AJ$2:AJ$366,ROUNDDOWN($C2231/24,0)+1,1))-1)+IF('Standard Profiles'!$G$20=$B$10,7,0)+IF('Standard Profiles'!$G$20=$B$17,14,0)+IF('Standard Profiles'!$G$20=$B$24,21,0),MOD($C2231,24)+1)/SUM(INDEX($D$3:$AA$30,INDEX(Jesper!$R$2:$R$366,ROW(INDEX(Jesper!AJ$2:AJ$366,ROUNDDOWN($C2231/24,0)+1,1))-1)+IF('Standard Profiles'!$G$20=$B$10,7,0)+IF('Standard Profiles'!$G$20=$B$17,14,0)+IF('Standard Profiles'!$G$20=$B$24,21,0),0)),0)</f>
        <v>3.1524828019311406</v>
      </c>
      <c r="G2231" cm="1">
        <f t="array" ref="G2231">IFERROR(INDEX(Jesper!AK$2:AK$366,ROUNDDOWN($C2231/24,0)+1,1)*INDEX($D$3:$AA$30,INDEX(Jesper!$R$2:$R$366,ROW(INDEX(Jesper!AK$2:AK$366,ROUNDDOWN($C2231/24,0)+1,1))-1)+IF('Standard Profiles'!$G$21=$B$10,7,0)+IF('Standard Profiles'!$G$21=$B$17,14,0)+IF('Standard Profiles'!$G$21=$B$24,21,0),MOD($C2231,24)+1)/SUM(INDEX($D$3:$AA$30,INDEX(Jesper!$R$2:$R$366,ROW(INDEX(Jesper!AK$2:AK$366,ROUNDDOWN($C2231/24,0)+1,1))-1)+IF('Standard Profiles'!$G$21=$B$10,7,0)+IF('Standard Profiles'!$G$21=$B$17,14,0)+IF('Standard Profiles'!$G$21=$B$24,21,0),0)),0)</f>
        <v>4.3924208615643519</v>
      </c>
      <c r="H2231" cm="1">
        <f t="array" ref="H2231">IFERROR(INDEX(Jesper!AL$2:AL$366,ROUNDDOWN($C2231/24,0)+1,1)*INDEX($D$3:$AA$30,INDEX(Jesper!$R$2:$R$366,ROW(INDEX(Jesper!AL$2:AL$366,ROUNDDOWN($C2231/24,0)+1,1))-1)+IF('Standard Profiles'!$G$22=$B$10,7,0)+IF('Standard Profiles'!$G$22=$B$17,14,0)+IF('Standard Profiles'!$G$22=$B$24,21,0),MOD($C2231,24)+1)/SUM(INDEX($D$3:$AA$30,INDEX(Jesper!$R$2:$R$366,ROW(INDEX(Jesper!AL$2:AL$366,ROUNDDOWN($C2231/24,0)+1,1))-1)+IF('Standard Profiles'!$G$22=$B$10,7,0)+IF('Standard Profiles'!$G$22=$B$17,14,0)+IF('Standard Profiles'!$G$22=$B$24,21,0),0)),0)</f>
        <v>3.953022275913106</v>
      </c>
      <c r="I2231">
        <f t="shared" si="258"/>
        <v>3.7949013848765838</v>
      </c>
      <c r="J2231">
        <f t="shared" si="259"/>
        <v>11.360539997606937</v>
      </c>
      <c r="K2231">
        <f t="shared" si="260"/>
        <v>0.33250140391590216</v>
      </c>
      <c r="L2231">
        <f t="shared" si="261"/>
        <v>0.16625070195795108</v>
      </c>
      <c r="M2231">
        <f t="shared" si="262"/>
        <v>0</v>
      </c>
      <c r="N2231" s="45">
        <f t="shared" si="263"/>
        <v>45018.541666661338</v>
      </c>
    </row>
    <row r="2232" spans="2:14" x14ac:dyDescent="0.25">
      <c r="B2232">
        <f t="shared" si="257"/>
        <v>7</v>
      </c>
      <c r="C2232" s="16">
        <v>2198</v>
      </c>
      <c r="D2232" cm="1">
        <f t="array" ref="D2232">IFERROR(INDEX(Jesper!AH$2:AH$366,ROUNDDOWN($C2232/24,0)+1,1)*INDEX($D$3:$AA$30,INDEX(Jesper!$R$2:$R$366,ROW(INDEX(Jesper!AH$2:AH$366,ROUNDDOWN($C2232/24,0)+1,1))-1)+IF('Standard Profiles'!$G$18=$B$10,7,0)+IF('Standard Profiles'!$G$18=$B$17,14,0)+IF('Standard Profiles'!$G$18=$B$24,21,0),MOD($C2232,24)+1)/SUM(INDEX($D$3:$AA$30,INDEX(Jesper!$R$2:$R$366,ROW(INDEX(Jesper!AH$2:AH$366,ROUNDDOWN($C2232/24,0)+1,1))-1)+IF('Standard Profiles'!$G$18=$B$10,7,0)+IF('Standard Profiles'!$G$18=$B$17,14,0)+IF('Standard Profiles'!$G$18=$B$24,21,0),0)),0)</f>
        <v>0</v>
      </c>
      <c r="E2232" cm="1">
        <f t="array" ref="E2232">IFERROR(INDEX(Jesper!AI$2:AI$366,ROUNDDOWN($C2232/24,0)+1,1)*INDEX($D$3:$AA$30,INDEX(Jesper!$R$2:$R$366,ROW(INDEX(Jesper!AI$2:AI$366,ROUNDDOWN($C2232/24,0)+1,1))-1)+IF('Standard Profiles'!$G$19=$B$10,7,0)+IF('Standard Profiles'!$G$19=$B$17,14,0)+IF('Standard Profiles'!$G$19=$B$24,21,0),MOD($C2232,24)+1)/SUM(INDEX($D$3:$AA$30,INDEX(Jesper!$R$2:$R$366,ROW(INDEX(Jesper!AI$2:AI$366,ROUNDDOWN($C2232/24,0)+1,1))-1)+IF('Standard Profiles'!$G$19=$B$10,7,0)+IF('Standard Profiles'!$G$19=$B$17,14,0)+IF('Standard Profiles'!$G$19=$B$24,21,0),0)),0)</f>
        <v>4.1562675489487768</v>
      </c>
      <c r="F2232" cm="1">
        <f t="array" ref="F2232">IFERROR(INDEX(Jesper!AJ$2:AJ$366,ROUNDDOWN($C2232/24,0)+1,1)*INDEX($D$3:$AA$30,INDEX(Jesper!$R$2:$R$366,ROW(INDEX(Jesper!AJ$2:AJ$366,ROUNDDOWN($C2232/24,0)+1,1))-1)+IF('Standard Profiles'!$G$20=$B$10,7,0)+IF('Standard Profiles'!$G$20=$B$17,14,0)+IF('Standard Profiles'!$G$20=$B$24,21,0),MOD($C2232,24)+1)/SUM(INDEX($D$3:$AA$30,INDEX(Jesper!$R$2:$R$366,ROW(INDEX(Jesper!AJ$2:AJ$366,ROUNDDOWN($C2232/24,0)+1,1))-1)+IF('Standard Profiles'!$G$20=$B$10,7,0)+IF('Standard Profiles'!$G$20=$B$17,14,0)+IF('Standard Profiles'!$G$20=$B$24,21,0),0)),0)</f>
        <v>3.1524828019311406</v>
      </c>
      <c r="G2232" cm="1">
        <f t="array" ref="G2232">IFERROR(INDEX(Jesper!AK$2:AK$366,ROUNDDOWN($C2232/24,0)+1,1)*INDEX($D$3:$AA$30,INDEX(Jesper!$R$2:$R$366,ROW(INDEX(Jesper!AK$2:AK$366,ROUNDDOWN($C2232/24,0)+1,1))-1)+IF('Standard Profiles'!$G$21=$B$10,7,0)+IF('Standard Profiles'!$G$21=$B$17,14,0)+IF('Standard Profiles'!$G$21=$B$24,21,0),MOD($C2232,24)+1)/SUM(INDEX($D$3:$AA$30,INDEX(Jesper!$R$2:$R$366,ROW(INDEX(Jesper!AK$2:AK$366,ROUNDDOWN($C2232/24,0)+1,1))-1)+IF('Standard Profiles'!$G$21=$B$10,7,0)+IF('Standard Profiles'!$G$21=$B$17,14,0)+IF('Standard Profiles'!$G$21=$B$24,21,0),0)),0)</f>
        <v>4.3924208615643519</v>
      </c>
      <c r="H2232" cm="1">
        <f t="array" ref="H2232">IFERROR(INDEX(Jesper!AL$2:AL$366,ROUNDDOWN($C2232/24,0)+1,1)*INDEX($D$3:$AA$30,INDEX(Jesper!$R$2:$R$366,ROW(INDEX(Jesper!AL$2:AL$366,ROUNDDOWN($C2232/24,0)+1,1))-1)+IF('Standard Profiles'!$G$22=$B$10,7,0)+IF('Standard Profiles'!$G$22=$B$17,14,0)+IF('Standard Profiles'!$G$22=$B$24,21,0),MOD($C2232,24)+1)/SUM(INDEX($D$3:$AA$30,INDEX(Jesper!$R$2:$R$366,ROW(INDEX(Jesper!AL$2:AL$366,ROUNDDOWN($C2232/24,0)+1,1))-1)+IF('Standard Profiles'!$G$22=$B$10,7,0)+IF('Standard Profiles'!$G$22=$B$17,14,0)+IF('Standard Profiles'!$G$22=$B$24,21,0),0)),0)</f>
        <v>3.953022275913106</v>
      </c>
      <c r="I2232">
        <f t="shared" si="258"/>
        <v>3.7949013848765838</v>
      </c>
      <c r="J2232">
        <f t="shared" si="259"/>
        <v>11.360539997606937</v>
      </c>
      <c r="K2232">
        <f t="shared" si="260"/>
        <v>0.33250140391590216</v>
      </c>
      <c r="L2232">
        <f t="shared" si="261"/>
        <v>0.16625070195795108</v>
      </c>
      <c r="M2232">
        <f t="shared" si="262"/>
        <v>0</v>
      </c>
      <c r="N2232" s="45">
        <f t="shared" si="263"/>
        <v>45018.583333328002</v>
      </c>
    </row>
    <row r="2233" spans="2:14" x14ac:dyDescent="0.25">
      <c r="B2233">
        <f t="shared" si="257"/>
        <v>7</v>
      </c>
      <c r="C2233" s="16">
        <v>2199</v>
      </c>
      <c r="D2233" cm="1">
        <f t="array" ref="D2233">IFERROR(INDEX(Jesper!AH$2:AH$366,ROUNDDOWN($C2233/24,0)+1,1)*INDEX($D$3:$AA$30,INDEX(Jesper!$R$2:$R$366,ROW(INDEX(Jesper!AH$2:AH$366,ROUNDDOWN($C2233/24,0)+1,1))-1)+IF('Standard Profiles'!$G$18=$B$10,7,0)+IF('Standard Profiles'!$G$18=$B$17,14,0)+IF('Standard Profiles'!$G$18=$B$24,21,0),MOD($C2233,24)+1)/SUM(INDEX($D$3:$AA$30,INDEX(Jesper!$R$2:$R$366,ROW(INDEX(Jesper!AH$2:AH$366,ROUNDDOWN($C2233/24,0)+1,1))-1)+IF('Standard Profiles'!$G$18=$B$10,7,0)+IF('Standard Profiles'!$G$18=$B$17,14,0)+IF('Standard Profiles'!$G$18=$B$24,21,0),0)),0)</f>
        <v>0</v>
      </c>
      <c r="E2233" cm="1">
        <f t="array" ref="E2233">IFERROR(INDEX(Jesper!AI$2:AI$366,ROUNDDOWN($C2233/24,0)+1,1)*INDEX($D$3:$AA$30,INDEX(Jesper!$R$2:$R$366,ROW(INDEX(Jesper!AI$2:AI$366,ROUNDDOWN($C2233/24,0)+1,1))-1)+IF('Standard Profiles'!$G$19=$B$10,7,0)+IF('Standard Profiles'!$G$19=$B$17,14,0)+IF('Standard Profiles'!$G$19=$B$24,21,0),MOD($C2233,24)+1)/SUM(INDEX($D$3:$AA$30,INDEX(Jesper!$R$2:$R$366,ROW(INDEX(Jesper!AI$2:AI$366,ROUNDDOWN($C2233/24,0)+1,1))-1)+IF('Standard Profiles'!$G$19=$B$10,7,0)+IF('Standard Profiles'!$G$19=$B$17,14,0)+IF('Standard Profiles'!$G$19=$B$24,21,0),0)),0)</f>
        <v>4.1562675489487768</v>
      </c>
      <c r="F2233" cm="1">
        <f t="array" ref="F2233">IFERROR(INDEX(Jesper!AJ$2:AJ$366,ROUNDDOWN($C2233/24,0)+1,1)*INDEX($D$3:$AA$30,INDEX(Jesper!$R$2:$R$366,ROW(INDEX(Jesper!AJ$2:AJ$366,ROUNDDOWN($C2233/24,0)+1,1))-1)+IF('Standard Profiles'!$G$20=$B$10,7,0)+IF('Standard Profiles'!$G$20=$B$17,14,0)+IF('Standard Profiles'!$G$20=$B$24,21,0),MOD($C2233,24)+1)/SUM(INDEX($D$3:$AA$30,INDEX(Jesper!$R$2:$R$366,ROW(INDEX(Jesper!AJ$2:AJ$366,ROUNDDOWN($C2233/24,0)+1,1))-1)+IF('Standard Profiles'!$G$20=$B$10,7,0)+IF('Standard Profiles'!$G$20=$B$17,14,0)+IF('Standard Profiles'!$G$20=$B$24,21,0),0)),0)</f>
        <v>3.1524828019311406</v>
      </c>
      <c r="G2233" cm="1">
        <f t="array" ref="G2233">IFERROR(INDEX(Jesper!AK$2:AK$366,ROUNDDOWN($C2233/24,0)+1,1)*INDEX($D$3:$AA$30,INDEX(Jesper!$R$2:$R$366,ROW(INDEX(Jesper!AK$2:AK$366,ROUNDDOWN($C2233/24,0)+1,1))-1)+IF('Standard Profiles'!$G$21=$B$10,7,0)+IF('Standard Profiles'!$G$21=$B$17,14,0)+IF('Standard Profiles'!$G$21=$B$24,21,0),MOD($C2233,24)+1)/SUM(INDEX($D$3:$AA$30,INDEX(Jesper!$R$2:$R$366,ROW(INDEX(Jesper!AK$2:AK$366,ROUNDDOWN($C2233/24,0)+1,1))-1)+IF('Standard Profiles'!$G$21=$B$10,7,0)+IF('Standard Profiles'!$G$21=$B$17,14,0)+IF('Standard Profiles'!$G$21=$B$24,21,0),0)),0)</f>
        <v>4.3924208615643519</v>
      </c>
      <c r="H2233" cm="1">
        <f t="array" ref="H2233">IFERROR(INDEX(Jesper!AL$2:AL$366,ROUNDDOWN($C2233/24,0)+1,1)*INDEX($D$3:$AA$30,INDEX(Jesper!$R$2:$R$366,ROW(INDEX(Jesper!AL$2:AL$366,ROUNDDOWN($C2233/24,0)+1,1))-1)+IF('Standard Profiles'!$G$22=$B$10,7,0)+IF('Standard Profiles'!$G$22=$B$17,14,0)+IF('Standard Profiles'!$G$22=$B$24,21,0),MOD($C2233,24)+1)/SUM(INDEX($D$3:$AA$30,INDEX(Jesper!$R$2:$R$366,ROW(INDEX(Jesper!AL$2:AL$366,ROUNDDOWN($C2233/24,0)+1,1))-1)+IF('Standard Profiles'!$G$22=$B$10,7,0)+IF('Standard Profiles'!$G$22=$B$17,14,0)+IF('Standard Profiles'!$G$22=$B$24,21,0),0)),0)</f>
        <v>3.5137975785894278</v>
      </c>
      <c r="I2233">
        <f t="shared" si="258"/>
        <v>3.3732456754458524</v>
      </c>
      <c r="J2233">
        <f t="shared" si="259"/>
        <v>11.34297100971399</v>
      </c>
      <c r="K2233">
        <f t="shared" si="260"/>
        <v>0.33250140391590216</v>
      </c>
      <c r="L2233">
        <f t="shared" si="261"/>
        <v>0.16625070195795108</v>
      </c>
      <c r="M2233">
        <f t="shared" si="262"/>
        <v>0</v>
      </c>
      <c r="N2233" s="45">
        <f t="shared" si="263"/>
        <v>45018.624999994667</v>
      </c>
    </row>
    <row r="2234" spans="2:14" x14ac:dyDescent="0.25">
      <c r="B2234">
        <f t="shared" si="257"/>
        <v>7</v>
      </c>
      <c r="C2234" s="16">
        <v>2200</v>
      </c>
      <c r="D2234" cm="1">
        <f t="array" ref="D2234">IFERROR(INDEX(Jesper!AH$2:AH$366,ROUNDDOWN($C2234/24,0)+1,1)*INDEX($D$3:$AA$30,INDEX(Jesper!$R$2:$R$366,ROW(INDEX(Jesper!AH$2:AH$366,ROUNDDOWN($C2234/24,0)+1,1))-1)+IF('Standard Profiles'!$G$18=$B$10,7,0)+IF('Standard Profiles'!$G$18=$B$17,14,0)+IF('Standard Profiles'!$G$18=$B$24,21,0),MOD($C2234,24)+1)/SUM(INDEX($D$3:$AA$30,INDEX(Jesper!$R$2:$R$366,ROW(INDEX(Jesper!AH$2:AH$366,ROUNDDOWN($C2234/24,0)+1,1))-1)+IF('Standard Profiles'!$G$18=$B$10,7,0)+IF('Standard Profiles'!$G$18=$B$17,14,0)+IF('Standard Profiles'!$G$18=$B$24,21,0),0)),0)</f>
        <v>0</v>
      </c>
      <c r="E2234" cm="1">
        <f t="array" ref="E2234">IFERROR(INDEX(Jesper!AI$2:AI$366,ROUNDDOWN($C2234/24,0)+1,1)*INDEX($D$3:$AA$30,INDEX(Jesper!$R$2:$R$366,ROW(INDEX(Jesper!AI$2:AI$366,ROUNDDOWN($C2234/24,0)+1,1))-1)+IF('Standard Profiles'!$G$19=$B$10,7,0)+IF('Standard Profiles'!$G$19=$B$17,14,0)+IF('Standard Profiles'!$G$19=$B$24,21,0),MOD($C2234,24)+1)/SUM(INDEX($D$3:$AA$30,INDEX(Jesper!$R$2:$R$366,ROW(INDEX(Jesper!AI$2:AI$366,ROUNDDOWN($C2234/24,0)+1,1))-1)+IF('Standard Profiles'!$G$19=$B$10,7,0)+IF('Standard Profiles'!$G$19=$B$17,14,0)+IF('Standard Profiles'!$G$19=$B$24,21,0),0)),0)</f>
        <v>4.1562675489487768</v>
      </c>
      <c r="F2234" cm="1">
        <f t="array" ref="F2234">IFERROR(INDEX(Jesper!AJ$2:AJ$366,ROUNDDOWN($C2234/24,0)+1,1)*INDEX($D$3:$AA$30,INDEX(Jesper!$R$2:$R$366,ROW(INDEX(Jesper!AJ$2:AJ$366,ROUNDDOWN($C2234/24,0)+1,1))-1)+IF('Standard Profiles'!$G$20=$B$10,7,0)+IF('Standard Profiles'!$G$20=$B$17,14,0)+IF('Standard Profiles'!$G$20=$B$24,21,0),MOD($C2234,24)+1)/SUM(INDEX($D$3:$AA$30,INDEX(Jesper!$R$2:$R$366,ROW(INDEX(Jesper!AJ$2:AJ$366,ROUNDDOWN($C2234/24,0)+1,1))-1)+IF('Standard Profiles'!$G$20=$B$10,7,0)+IF('Standard Profiles'!$G$20=$B$17,14,0)+IF('Standard Profiles'!$G$20=$B$24,21,0),0)),0)</f>
        <v>3.1524828019311406</v>
      </c>
      <c r="G2234" cm="1">
        <f t="array" ref="G2234">IFERROR(INDEX(Jesper!AK$2:AK$366,ROUNDDOWN($C2234/24,0)+1,1)*INDEX($D$3:$AA$30,INDEX(Jesper!$R$2:$R$366,ROW(INDEX(Jesper!AK$2:AK$366,ROUNDDOWN($C2234/24,0)+1,1))-1)+IF('Standard Profiles'!$G$21=$B$10,7,0)+IF('Standard Profiles'!$G$21=$B$17,14,0)+IF('Standard Profiles'!$G$21=$B$24,21,0),MOD($C2234,24)+1)/SUM(INDEX($D$3:$AA$30,INDEX(Jesper!$R$2:$R$366,ROW(INDEX(Jesper!AK$2:AK$366,ROUNDDOWN($C2234/24,0)+1,1))-1)+IF('Standard Profiles'!$G$21=$B$10,7,0)+IF('Standard Profiles'!$G$21=$B$17,14,0)+IF('Standard Profiles'!$G$21=$B$24,21,0),0)),0)</f>
        <v>4.3924208615643519</v>
      </c>
      <c r="H2234" cm="1">
        <f t="array" ref="H2234">IFERROR(INDEX(Jesper!AL$2:AL$366,ROUNDDOWN($C2234/24,0)+1,1)*INDEX($D$3:$AA$30,INDEX(Jesper!$R$2:$R$366,ROW(INDEX(Jesper!AL$2:AL$366,ROUNDDOWN($C2234/24,0)+1,1))-1)+IF('Standard Profiles'!$G$22=$B$10,7,0)+IF('Standard Profiles'!$G$22=$B$17,14,0)+IF('Standard Profiles'!$G$22=$B$24,21,0),MOD($C2234,24)+1)/SUM(INDEX($D$3:$AA$30,INDEX(Jesper!$R$2:$R$366,ROW(INDEX(Jesper!AL$2:AL$366,ROUNDDOWN($C2234/24,0)+1,1))-1)+IF('Standard Profiles'!$G$22=$B$10,7,0)+IF('Standard Profiles'!$G$22=$B$17,14,0)+IF('Standard Profiles'!$G$22=$B$24,21,0),0)),0)</f>
        <v>3.4510511932574737</v>
      </c>
      <c r="I2234">
        <f t="shared" si="258"/>
        <v>3.3130091455271766</v>
      </c>
      <c r="J2234">
        <f t="shared" si="259"/>
        <v>11.340461154300712</v>
      </c>
      <c r="K2234">
        <f t="shared" si="260"/>
        <v>0.33250140391590216</v>
      </c>
      <c r="L2234">
        <f t="shared" si="261"/>
        <v>0.16625070195795108</v>
      </c>
      <c r="M2234">
        <f t="shared" si="262"/>
        <v>0</v>
      </c>
      <c r="N2234" s="45">
        <f t="shared" si="263"/>
        <v>45018.666666661331</v>
      </c>
    </row>
    <row r="2235" spans="2:14" x14ac:dyDescent="0.25">
      <c r="B2235">
        <f t="shared" si="257"/>
        <v>7</v>
      </c>
      <c r="C2235" s="16">
        <v>2201</v>
      </c>
      <c r="D2235" cm="1">
        <f t="array" ref="D2235">IFERROR(INDEX(Jesper!AH$2:AH$366,ROUNDDOWN($C2235/24,0)+1,1)*INDEX($D$3:$AA$30,INDEX(Jesper!$R$2:$R$366,ROW(INDEX(Jesper!AH$2:AH$366,ROUNDDOWN($C2235/24,0)+1,1))-1)+IF('Standard Profiles'!$G$18=$B$10,7,0)+IF('Standard Profiles'!$G$18=$B$17,14,0)+IF('Standard Profiles'!$G$18=$B$24,21,0),MOD($C2235,24)+1)/SUM(INDEX($D$3:$AA$30,INDEX(Jesper!$R$2:$R$366,ROW(INDEX(Jesper!AH$2:AH$366,ROUNDDOWN($C2235/24,0)+1,1))-1)+IF('Standard Profiles'!$G$18=$B$10,7,0)+IF('Standard Profiles'!$G$18=$B$17,14,0)+IF('Standard Profiles'!$G$18=$B$24,21,0),0)),0)</f>
        <v>0</v>
      </c>
      <c r="E2235" cm="1">
        <f t="array" ref="E2235">IFERROR(INDEX(Jesper!AI$2:AI$366,ROUNDDOWN($C2235/24,0)+1,1)*INDEX($D$3:$AA$30,INDEX(Jesper!$R$2:$R$366,ROW(INDEX(Jesper!AI$2:AI$366,ROUNDDOWN($C2235/24,0)+1,1))-1)+IF('Standard Profiles'!$G$19=$B$10,7,0)+IF('Standard Profiles'!$G$19=$B$17,14,0)+IF('Standard Profiles'!$G$19=$B$24,21,0),MOD($C2235,24)+1)/SUM(INDEX($D$3:$AA$30,INDEX(Jesper!$R$2:$R$366,ROW(INDEX(Jesper!AI$2:AI$366,ROUNDDOWN($C2235/24,0)+1,1))-1)+IF('Standard Profiles'!$G$19=$B$10,7,0)+IF('Standard Profiles'!$G$19=$B$17,14,0)+IF('Standard Profiles'!$G$19=$B$24,21,0),0)),0)</f>
        <v>4.1562675489487768</v>
      </c>
      <c r="F2235" cm="1">
        <f t="array" ref="F2235">IFERROR(INDEX(Jesper!AJ$2:AJ$366,ROUNDDOWN($C2235/24,0)+1,1)*INDEX($D$3:$AA$30,INDEX(Jesper!$R$2:$R$366,ROW(INDEX(Jesper!AJ$2:AJ$366,ROUNDDOWN($C2235/24,0)+1,1))-1)+IF('Standard Profiles'!$G$20=$B$10,7,0)+IF('Standard Profiles'!$G$20=$B$17,14,0)+IF('Standard Profiles'!$G$20=$B$24,21,0),MOD($C2235,24)+1)/SUM(INDEX($D$3:$AA$30,INDEX(Jesper!$R$2:$R$366,ROW(INDEX(Jesper!AJ$2:AJ$366,ROUNDDOWN($C2235/24,0)+1,1))-1)+IF('Standard Profiles'!$G$20=$B$10,7,0)+IF('Standard Profiles'!$G$20=$B$17,14,0)+IF('Standard Profiles'!$G$20=$B$24,21,0),0)),0)</f>
        <v>3.1524828019311406</v>
      </c>
      <c r="G2235" cm="1">
        <f t="array" ref="G2235">IFERROR(INDEX(Jesper!AK$2:AK$366,ROUNDDOWN($C2235/24,0)+1,1)*INDEX($D$3:$AA$30,INDEX(Jesper!$R$2:$R$366,ROW(INDEX(Jesper!AK$2:AK$366,ROUNDDOWN($C2235/24,0)+1,1))-1)+IF('Standard Profiles'!$G$21=$B$10,7,0)+IF('Standard Profiles'!$G$21=$B$17,14,0)+IF('Standard Profiles'!$G$21=$B$24,21,0),MOD($C2235,24)+1)/SUM(INDEX($D$3:$AA$30,INDEX(Jesper!$R$2:$R$366,ROW(INDEX(Jesper!AK$2:AK$366,ROUNDDOWN($C2235/24,0)+1,1))-1)+IF('Standard Profiles'!$G$21=$B$10,7,0)+IF('Standard Profiles'!$G$21=$B$17,14,0)+IF('Standard Profiles'!$G$21=$B$24,21,0),0)),0)</f>
        <v>4.3924208615643519</v>
      </c>
      <c r="H2235" cm="1">
        <f t="array" ref="H2235">IFERROR(INDEX(Jesper!AL$2:AL$366,ROUNDDOWN($C2235/24,0)+1,1)*INDEX($D$3:$AA$30,INDEX(Jesper!$R$2:$R$366,ROW(INDEX(Jesper!AL$2:AL$366,ROUNDDOWN($C2235/24,0)+1,1))-1)+IF('Standard Profiles'!$G$22=$B$10,7,0)+IF('Standard Profiles'!$G$22=$B$17,14,0)+IF('Standard Profiles'!$G$22=$B$24,21,0),MOD($C2235,24)+1)/SUM(INDEX($D$3:$AA$30,INDEX(Jesper!$R$2:$R$366,ROW(INDEX(Jesper!AL$2:AL$366,ROUNDDOWN($C2235/24,0)+1,1))-1)+IF('Standard Profiles'!$G$22=$B$10,7,0)+IF('Standard Profiles'!$G$22=$B$17,14,0)+IF('Standard Profiles'!$G$22=$B$24,21,0),0)),0)</f>
        <v>2.9490801106018414</v>
      </c>
      <c r="I2235">
        <f t="shared" si="258"/>
        <v>2.8311169061777695</v>
      </c>
      <c r="J2235">
        <f t="shared" si="259"/>
        <v>11.320382310994487</v>
      </c>
      <c r="K2235">
        <f t="shared" si="260"/>
        <v>0.33250140391590216</v>
      </c>
      <c r="L2235">
        <f t="shared" si="261"/>
        <v>0.16625070195795108</v>
      </c>
      <c r="M2235">
        <f t="shared" si="262"/>
        <v>0</v>
      </c>
      <c r="N2235" s="45">
        <f t="shared" si="263"/>
        <v>45018.708333327995</v>
      </c>
    </row>
    <row r="2236" spans="2:14" x14ac:dyDescent="0.25">
      <c r="B2236">
        <f t="shared" si="257"/>
        <v>7</v>
      </c>
      <c r="C2236" s="16">
        <v>2202</v>
      </c>
      <c r="D2236" cm="1">
        <f t="array" ref="D2236">IFERROR(INDEX(Jesper!AH$2:AH$366,ROUNDDOWN($C2236/24,0)+1,1)*INDEX($D$3:$AA$30,INDEX(Jesper!$R$2:$R$366,ROW(INDEX(Jesper!AH$2:AH$366,ROUNDDOWN($C2236/24,0)+1,1))-1)+IF('Standard Profiles'!$G$18=$B$10,7,0)+IF('Standard Profiles'!$G$18=$B$17,14,0)+IF('Standard Profiles'!$G$18=$B$24,21,0),MOD($C2236,24)+1)/SUM(INDEX($D$3:$AA$30,INDEX(Jesper!$R$2:$R$366,ROW(INDEX(Jesper!AH$2:AH$366,ROUNDDOWN($C2236/24,0)+1,1))-1)+IF('Standard Profiles'!$G$18=$B$10,7,0)+IF('Standard Profiles'!$G$18=$B$17,14,0)+IF('Standard Profiles'!$G$18=$B$24,21,0),0)),0)</f>
        <v>0</v>
      </c>
      <c r="E2236" cm="1">
        <f t="array" ref="E2236">IFERROR(INDEX(Jesper!AI$2:AI$366,ROUNDDOWN($C2236/24,0)+1,1)*INDEX($D$3:$AA$30,INDEX(Jesper!$R$2:$R$366,ROW(INDEX(Jesper!AI$2:AI$366,ROUNDDOWN($C2236/24,0)+1,1))-1)+IF('Standard Profiles'!$G$19=$B$10,7,0)+IF('Standard Profiles'!$G$19=$B$17,14,0)+IF('Standard Profiles'!$G$19=$B$24,21,0),MOD($C2236,24)+1)/SUM(INDEX($D$3:$AA$30,INDEX(Jesper!$R$2:$R$366,ROW(INDEX(Jesper!AI$2:AI$366,ROUNDDOWN($C2236/24,0)+1,1))-1)+IF('Standard Profiles'!$G$19=$B$10,7,0)+IF('Standard Profiles'!$G$19=$B$17,14,0)+IF('Standard Profiles'!$G$19=$B$24,21,0),0)),0)</f>
        <v>4.1562675489487768</v>
      </c>
      <c r="F2236" cm="1">
        <f t="array" ref="F2236">IFERROR(INDEX(Jesper!AJ$2:AJ$366,ROUNDDOWN($C2236/24,0)+1,1)*INDEX($D$3:$AA$30,INDEX(Jesper!$R$2:$R$366,ROW(INDEX(Jesper!AJ$2:AJ$366,ROUNDDOWN($C2236/24,0)+1,1))-1)+IF('Standard Profiles'!$G$20=$B$10,7,0)+IF('Standard Profiles'!$G$20=$B$17,14,0)+IF('Standard Profiles'!$G$20=$B$24,21,0),MOD($C2236,24)+1)/SUM(INDEX($D$3:$AA$30,INDEX(Jesper!$R$2:$R$366,ROW(INDEX(Jesper!AJ$2:AJ$366,ROUNDDOWN($C2236/24,0)+1,1))-1)+IF('Standard Profiles'!$G$20=$B$10,7,0)+IF('Standard Profiles'!$G$20=$B$17,14,0)+IF('Standard Profiles'!$G$20=$B$24,21,0),0)),0)</f>
        <v>3.1524828019311406</v>
      </c>
      <c r="G2236" cm="1">
        <f t="array" ref="G2236">IFERROR(INDEX(Jesper!AK$2:AK$366,ROUNDDOWN($C2236/24,0)+1,1)*INDEX($D$3:$AA$30,INDEX(Jesper!$R$2:$R$366,ROW(INDEX(Jesper!AK$2:AK$366,ROUNDDOWN($C2236/24,0)+1,1))-1)+IF('Standard Profiles'!$G$21=$B$10,7,0)+IF('Standard Profiles'!$G$21=$B$17,14,0)+IF('Standard Profiles'!$G$21=$B$24,21,0),MOD($C2236,24)+1)/SUM(INDEX($D$3:$AA$30,INDEX(Jesper!$R$2:$R$366,ROW(INDEX(Jesper!AK$2:AK$366,ROUNDDOWN($C2236/24,0)+1,1))-1)+IF('Standard Profiles'!$G$21=$B$10,7,0)+IF('Standard Profiles'!$G$21=$B$17,14,0)+IF('Standard Profiles'!$G$21=$B$24,21,0),0)),0)</f>
        <v>4.3924208615643519</v>
      </c>
      <c r="H2236" cm="1">
        <f t="array" ref="H2236">IFERROR(INDEX(Jesper!AL$2:AL$366,ROUNDDOWN($C2236/24,0)+1,1)*INDEX($D$3:$AA$30,INDEX(Jesper!$R$2:$R$366,ROW(INDEX(Jesper!AL$2:AL$366,ROUNDDOWN($C2236/24,0)+1,1))-1)+IF('Standard Profiles'!$G$22=$B$10,7,0)+IF('Standard Profiles'!$G$22=$B$17,14,0)+IF('Standard Profiles'!$G$22=$B$24,21,0),MOD($C2236,24)+1)/SUM(INDEX($D$3:$AA$30,INDEX(Jesper!$R$2:$R$366,ROW(INDEX(Jesper!AL$2:AL$366,ROUNDDOWN($C2236/24,0)+1,1))-1)+IF('Standard Profiles'!$G$22=$B$10,7,0)+IF('Standard Profiles'!$G$22=$B$17,14,0)+IF('Standard Profiles'!$G$22=$B$24,21,0),0)),0)</f>
        <v>2.7608409546059791</v>
      </c>
      <c r="I2236">
        <f t="shared" si="258"/>
        <v>2.6504073164217412</v>
      </c>
      <c r="J2236">
        <f t="shared" si="259"/>
        <v>11.312852744754654</v>
      </c>
      <c r="K2236">
        <f t="shared" si="260"/>
        <v>0.33250140391590216</v>
      </c>
      <c r="L2236">
        <f t="shared" si="261"/>
        <v>0.16625070195795108</v>
      </c>
      <c r="M2236">
        <f t="shared" si="262"/>
        <v>0</v>
      </c>
      <c r="N2236" s="45">
        <f t="shared" si="263"/>
        <v>45018.749999994659</v>
      </c>
    </row>
    <row r="2237" spans="2:14" x14ac:dyDescent="0.25">
      <c r="B2237">
        <f t="shared" si="257"/>
        <v>7</v>
      </c>
      <c r="C2237" s="16">
        <v>2203</v>
      </c>
      <c r="D2237" cm="1">
        <f t="array" ref="D2237">IFERROR(INDEX(Jesper!AH$2:AH$366,ROUNDDOWN($C2237/24,0)+1,1)*INDEX($D$3:$AA$30,INDEX(Jesper!$R$2:$R$366,ROW(INDEX(Jesper!AH$2:AH$366,ROUNDDOWN($C2237/24,0)+1,1))-1)+IF('Standard Profiles'!$G$18=$B$10,7,0)+IF('Standard Profiles'!$G$18=$B$17,14,0)+IF('Standard Profiles'!$G$18=$B$24,21,0),MOD($C2237,24)+1)/SUM(INDEX($D$3:$AA$30,INDEX(Jesper!$R$2:$R$366,ROW(INDEX(Jesper!AH$2:AH$366,ROUNDDOWN($C2237/24,0)+1,1))-1)+IF('Standard Profiles'!$G$18=$B$10,7,0)+IF('Standard Profiles'!$G$18=$B$17,14,0)+IF('Standard Profiles'!$G$18=$B$24,21,0),0)),0)</f>
        <v>0</v>
      </c>
      <c r="E2237" cm="1">
        <f t="array" ref="E2237">IFERROR(INDEX(Jesper!AI$2:AI$366,ROUNDDOWN($C2237/24,0)+1,1)*INDEX($D$3:$AA$30,INDEX(Jesper!$R$2:$R$366,ROW(INDEX(Jesper!AI$2:AI$366,ROUNDDOWN($C2237/24,0)+1,1))-1)+IF('Standard Profiles'!$G$19=$B$10,7,0)+IF('Standard Profiles'!$G$19=$B$17,14,0)+IF('Standard Profiles'!$G$19=$B$24,21,0),MOD($C2237,24)+1)/SUM(INDEX($D$3:$AA$30,INDEX(Jesper!$R$2:$R$366,ROW(INDEX(Jesper!AI$2:AI$366,ROUNDDOWN($C2237/24,0)+1,1))-1)+IF('Standard Profiles'!$G$19=$B$10,7,0)+IF('Standard Profiles'!$G$19=$B$17,14,0)+IF('Standard Profiles'!$G$19=$B$24,21,0),0)),0)</f>
        <v>4.1562675489487768</v>
      </c>
      <c r="F2237" cm="1">
        <f t="array" ref="F2237">IFERROR(INDEX(Jesper!AJ$2:AJ$366,ROUNDDOWN($C2237/24,0)+1,1)*INDEX($D$3:$AA$30,INDEX(Jesper!$R$2:$R$366,ROW(INDEX(Jesper!AJ$2:AJ$366,ROUNDDOWN($C2237/24,0)+1,1))-1)+IF('Standard Profiles'!$G$20=$B$10,7,0)+IF('Standard Profiles'!$G$20=$B$17,14,0)+IF('Standard Profiles'!$G$20=$B$24,21,0),MOD($C2237,24)+1)/SUM(INDEX($D$3:$AA$30,INDEX(Jesper!$R$2:$R$366,ROW(INDEX(Jesper!AJ$2:AJ$366,ROUNDDOWN($C2237/24,0)+1,1))-1)+IF('Standard Profiles'!$G$20=$B$10,7,0)+IF('Standard Profiles'!$G$20=$B$17,14,0)+IF('Standard Profiles'!$G$20=$B$24,21,0),0)),0)</f>
        <v>3.1524828019311406</v>
      </c>
      <c r="G2237" cm="1">
        <f t="array" ref="G2237">IFERROR(INDEX(Jesper!AK$2:AK$366,ROUNDDOWN($C2237/24,0)+1,1)*INDEX($D$3:$AA$30,INDEX(Jesper!$R$2:$R$366,ROW(INDEX(Jesper!AK$2:AK$366,ROUNDDOWN($C2237/24,0)+1,1))-1)+IF('Standard Profiles'!$G$21=$B$10,7,0)+IF('Standard Profiles'!$G$21=$B$17,14,0)+IF('Standard Profiles'!$G$21=$B$24,21,0),MOD($C2237,24)+1)/SUM(INDEX($D$3:$AA$30,INDEX(Jesper!$R$2:$R$366,ROW(INDEX(Jesper!AK$2:AK$366,ROUNDDOWN($C2237/24,0)+1,1))-1)+IF('Standard Profiles'!$G$21=$B$10,7,0)+IF('Standard Profiles'!$G$21=$B$17,14,0)+IF('Standard Profiles'!$G$21=$B$24,21,0),0)),0)</f>
        <v>4.3924208615643519</v>
      </c>
      <c r="H2237" cm="1">
        <f t="array" ref="H2237">IFERROR(INDEX(Jesper!AL$2:AL$366,ROUNDDOWN($C2237/24,0)+1,1)*INDEX($D$3:$AA$30,INDEX(Jesper!$R$2:$R$366,ROW(INDEX(Jesper!AL$2:AL$366,ROUNDDOWN($C2237/24,0)+1,1))-1)+IF('Standard Profiles'!$G$22=$B$10,7,0)+IF('Standard Profiles'!$G$22=$B$17,14,0)+IF('Standard Profiles'!$G$22=$B$24,21,0),MOD($C2237,24)+1)/SUM(INDEX($D$3:$AA$30,INDEX(Jesper!$R$2:$R$366,ROW(INDEX(Jesper!AL$2:AL$366,ROUNDDOWN($C2237/24,0)+1,1))-1)+IF('Standard Profiles'!$G$22=$B$10,7,0)+IF('Standard Profiles'!$G$22=$B$17,14,0)+IF('Standard Profiles'!$G$22=$B$24,21,0),0)),0)</f>
        <v>2.3216162572823005</v>
      </c>
      <c r="I2237">
        <f t="shared" si="258"/>
        <v>2.2287516069910098</v>
      </c>
      <c r="J2237">
        <f t="shared" si="259"/>
        <v>11.295283756861707</v>
      </c>
      <c r="K2237">
        <f t="shared" si="260"/>
        <v>0.33250140391590216</v>
      </c>
      <c r="L2237">
        <f t="shared" si="261"/>
        <v>0.16625070195795108</v>
      </c>
      <c r="M2237">
        <f t="shared" si="262"/>
        <v>0</v>
      </c>
      <c r="N2237" s="45">
        <f t="shared" si="263"/>
        <v>45018.791666661324</v>
      </c>
    </row>
    <row r="2238" spans="2:14" x14ac:dyDescent="0.25">
      <c r="B2238">
        <f t="shared" si="257"/>
        <v>7</v>
      </c>
      <c r="C2238" s="16">
        <v>2204</v>
      </c>
      <c r="D2238" cm="1">
        <f t="array" ref="D2238">IFERROR(INDEX(Jesper!AH$2:AH$366,ROUNDDOWN($C2238/24,0)+1,1)*INDEX($D$3:$AA$30,INDEX(Jesper!$R$2:$R$366,ROW(INDEX(Jesper!AH$2:AH$366,ROUNDDOWN($C2238/24,0)+1,1))-1)+IF('Standard Profiles'!$G$18=$B$10,7,0)+IF('Standard Profiles'!$G$18=$B$17,14,0)+IF('Standard Profiles'!$G$18=$B$24,21,0),MOD($C2238,24)+1)/SUM(INDEX($D$3:$AA$30,INDEX(Jesper!$R$2:$R$366,ROW(INDEX(Jesper!AH$2:AH$366,ROUNDDOWN($C2238/24,0)+1,1))-1)+IF('Standard Profiles'!$G$18=$B$10,7,0)+IF('Standard Profiles'!$G$18=$B$17,14,0)+IF('Standard Profiles'!$G$18=$B$24,21,0),0)),0)</f>
        <v>0</v>
      </c>
      <c r="E2238" cm="1">
        <f t="array" ref="E2238">IFERROR(INDEX(Jesper!AI$2:AI$366,ROUNDDOWN($C2238/24,0)+1,1)*INDEX($D$3:$AA$30,INDEX(Jesper!$R$2:$R$366,ROW(INDEX(Jesper!AI$2:AI$366,ROUNDDOWN($C2238/24,0)+1,1))-1)+IF('Standard Profiles'!$G$19=$B$10,7,0)+IF('Standard Profiles'!$G$19=$B$17,14,0)+IF('Standard Profiles'!$G$19=$B$24,21,0),MOD($C2238,24)+1)/SUM(INDEX($D$3:$AA$30,INDEX(Jesper!$R$2:$R$366,ROW(INDEX(Jesper!AI$2:AI$366,ROUNDDOWN($C2238/24,0)+1,1))-1)+IF('Standard Profiles'!$G$19=$B$10,7,0)+IF('Standard Profiles'!$G$19=$B$17,14,0)+IF('Standard Profiles'!$G$19=$B$24,21,0),0)),0)</f>
        <v>4.1562675489487768</v>
      </c>
      <c r="F2238" cm="1">
        <f t="array" ref="F2238">IFERROR(INDEX(Jesper!AJ$2:AJ$366,ROUNDDOWN($C2238/24,0)+1,1)*INDEX($D$3:$AA$30,INDEX(Jesper!$R$2:$R$366,ROW(INDEX(Jesper!AJ$2:AJ$366,ROUNDDOWN($C2238/24,0)+1,1))-1)+IF('Standard Profiles'!$G$20=$B$10,7,0)+IF('Standard Profiles'!$G$20=$B$17,14,0)+IF('Standard Profiles'!$G$20=$B$24,21,0),MOD($C2238,24)+1)/SUM(INDEX($D$3:$AA$30,INDEX(Jesper!$R$2:$R$366,ROW(INDEX(Jesper!AJ$2:AJ$366,ROUNDDOWN($C2238/24,0)+1,1))-1)+IF('Standard Profiles'!$G$20=$B$10,7,0)+IF('Standard Profiles'!$G$20=$B$17,14,0)+IF('Standard Profiles'!$G$20=$B$24,21,0),0)),0)</f>
        <v>3.1524828019311406</v>
      </c>
      <c r="G2238" cm="1">
        <f t="array" ref="G2238">IFERROR(INDEX(Jesper!AK$2:AK$366,ROUNDDOWN($C2238/24,0)+1,1)*INDEX($D$3:$AA$30,INDEX(Jesper!$R$2:$R$366,ROW(INDEX(Jesper!AK$2:AK$366,ROUNDDOWN($C2238/24,0)+1,1))-1)+IF('Standard Profiles'!$G$21=$B$10,7,0)+IF('Standard Profiles'!$G$21=$B$17,14,0)+IF('Standard Profiles'!$G$21=$B$24,21,0),MOD($C2238,24)+1)/SUM(INDEX($D$3:$AA$30,INDEX(Jesper!$R$2:$R$366,ROW(INDEX(Jesper!AK$2:AK$366,ROUNDDOWN($C2238/24,0)+1,1))-1)+IF('Standard Profiles'!$G$21=$B$10,7,0)+IF('Standard Profiles'!$G$21=$B$17,14,0)+IF('Standard Profiles'!$G$21=$B$24,21,0),0)),0)</f>
        <v>4.3924208615643519</v>
      </c>
      <c r="H2238" cm="1">
        <f t="array" ref="H2238">IFERROR(INDEX(Jesper!AL$2:AL$366,ROUNDDOWN($C2238/24,0)+1,1)*INDEX($D$3:$AA$30,INDEX(Jesper!$R$2:$R$366,ROW(INDEX(Jesper!AL$2:AL$366,ROUNDDOWN($C2238/24,0)+1,1))-1)+IF('Standard Profiles'!$G$22=$B$10,7,0)+IF('Standard Profiles'!$G$22=$B$17,14,0)+IF('Standard Profiles'!$G$22=$B$24,21,0),MOD($C2238,24)+1)/SUM(INDEX($D$3:$AA$30,INDEX(Jesper!$R$2:$R$366,ROW(INDEX(Jesper!AL$2:AL$366,ROUNDDOWN($C2238/24,0)+1,1))-1)+IF('Standard Profiles'!$G$22=$B$10,7,0)+IF('Standard Profiles'!$G$22=$B$17,14,0)+IF('Standard Profiles'!$G$22=$B$24,21,0),0)),0)</f>
        <v>1.9451379452905762</v>
      </c>
      <c r="I2238">
        <f t="shared" si="258"/>
        <v>1.8673324274789542</v>
      </c>
      <c r="J2238">
        <f t="shared" si="259"/>
        <v>11.280224624382038</v>
      </c>
      <c r="K2238">
        <f t="shared" si="260"/>
        <v>0.33250140391590216</v>
      </c>
      <c r="L2238">
        <f t="shared" si="261"/>
        <v>0.16625070195795108</v>
      </c>
      <c r="M2238">
        <f t="shared" si="262"/>
        <v>0</v>
      </c>
      <c r="N2238" s="45">
        <f t="shared" si="263"/>
        <v>45018.833333327988</v>
      </c>
    </row>
    <row r="2239" spans="2:14" x14ac:dyDescent="0.25">
      <c r="B2239">
        <f t="shared" si="257"/>
        <v>7</v>
      </c>
      <c r="C2239" s="16">
        <v>2205</v>
      </c>
      <c r="D2239" cm="1">
        <f t="array" ref="D2239">IFERROR(INDEX(Jesper!AH$2:AH$366,ROUNDDOWN($C2239/24,0)+1,1)*INDEX($D$3:$AA$30,INDEX(Jesper!$R$2:$R$366,ROW(INDEX(Jesper!AH$2:AH$366,ROUNDDOWN($C2239/24,0)+1,1))-1)+IF('Standard Profiles'!$G$18=$B$10,7,0)+IF('Standard Profiles'!$G$18=$B$17,14,0)+IF('Standard Profiles'!$G$18=$B$24,21,0),MOD($C2239,24)+1)/SUM(INDEX($D$3:$AA$30,INDEX(Jesper!$R$2:$R$366,ROW(INDEX(Jesper!AH$2:AH$366,ROUNDDOWN($C2239/24,0)+1,1))-1)+IF('Standard Profiles'!$G$18=$B$10,7,0)+IF('Standard Profiles'!$G$18=$B$17,14,0)+IF('Standard Profiles'!$G$18=$B$24,21,0),0)),0)</f>
        <v>0</v>
      </c>
      <c r="E2239" cm="1">
        <f t="array" ref="E2239">IFERROR(INDEX(Jesper!AI$2:AI$366,ROUNDDOWN($C2239/24,0)+1,1)*INDEX($D$3:$AA$30,INDEX(Jesper!$R$2:$R$366,ROW(INDEX(Jesper!AI$2:AI$366,ROUNDDOWN($C2239/24,0)+1,1))-1)+IF('Standard Profiles'!$G$19=$B$10,7,0)+IF('Standard Profiles'!$G$19=$B$17,14,0)+IF('Standard Profiles'!$G$19=$B$24,21,0),MOD($C2239,24)+1)/SUM(INDEX($D$3:$AA$30,INDEX(Jesper!$R$2:$R$366,ROW(INDEX(Jesper!AI$2:AI$366,ROUNDDOWN($C2239/24,0)+1,1))-1)+IF('Standard Profiles'!$G$19=$B$10,7,0)+IF('Standard Profiles'!$G$19=$B$17,14,0)+IF('Standard Profiles'!$G$19=$B$24,21,0),0)),0)</f>
        <v>4.1562675489487768</v>
      </c>
      <c r="F2239" cm="1">
        <f t="array" ref="F2239">IFERROR(INDEX(Jesper!AJ$2:AJ$366,ROUNDDOWN($C2239/24,0)+1,1)*INDEX($D$3:$AA$30,INDEX(Jesper!$R$2:$R$366,ROW(INDEX(Jesper!AJ$2:AJ$366,ROUNDDOWN($C2239/24,0)+1,1))-1)+IF('Standard Profiles'!$G$20=$B$10,7,0)+IF('Standard Profiles'!$G$20=$B$17,14,0)+IF('Standard Profiles'!$G$20=$B$24,21,0),MOD($C2239,24)+1)/SUM(INDEX($D$3:$AA$30,INDEX(Jesper!$R$2:$R$366,ROW(INDEX(Jesper!AJ$2:AJ$366,ROUNDDOWN($C2239/24,0)+1,1))-1)+IF('Standard Profiles'!$G$20=$B$10,7,0)+IF('Standard Profiles'!$G$20=$B$17,14,0)+IF('Standard Profiles'!$G$20=$B$24,21,0),0)),0)</f>
        <v>3.1524828019311406</v>
      </c>
      <c r="G2239" cm="1">
        <f t="array" ref="G2239">IFERROR(INDEX(Jesper!AK$2:AK$366,ROUNDDOWN($C2239/24,0)+1,1)*INDEX($D$3:$AA$30,INDEX(Jesper!$R$2:$R$366,ROW(INDEX(Jesper!AK$2:AK$366,ROUNDDOWN($C2239/24,0)+1,1))-1)+IF('Standard Profiles'!$G$21=$B$10,7,0)+IF('Standard Profiles'!$G$21=$B$17,14,0)+IF('Standard Profiles'!$G$21=$B$24,21,0),MOD($C2239,24)+1)/SUM(INDEX($D$3:$AA$30,INDEX(Jesper!$R$2:$R$366,ROW(INDEX(Jesper!AK$2:AK$366,ROUNDDOWN($C2239/24,0)+1,1))-1)+IF('Standard Profiles'!$G$21=$B$10,7,0)+IF('Standard Profiles'!$G$21=$B$17,14,0)+IF('Standard Profiles'!$G$21=$B$24,21,0),0)),0)</f>
        <v>4.3924208615643519</v>
      </c>
      <c r="H2239" cm="1">
        <f t="array" ref="H2239">IFERROR(INDEX(Jesper!AL$2:AL$366,ROUNDDOWN($C2239/24,0)+1,1)*INDEX($D$3:$AA$30,INDEX(Jesper!$R$2:$R$366,ROW(INDEX(Jesper!AL$2:AL$366,ROUNDDOWN($C2239/24,0)+1,1))-1)+IF('Standard Profiles'!$G$22=$B$10,7,0)+IF('Standard Profiles'!$G$22=$B$17,14,0)+IF('Standard Profiles'!$G$22=$B$24,21,0),MOD($C2239,24)+1)/SUM(INDEX($D$3:$AA$30,INDEX(Jesper!$R$2:$R$366,ROW(INDEX(Jesper!AL$2:AL$366,ROUNDDOWN($C2239/24,0)+1,1))-1)+IF('Standard Profiles'!$G$22=$B$10,7,0)+IF('Standard Profiles'!$G$22=$B$17,14,0)+IF('Standard Profiles'!$G$22=$B$24,21,0),0)),0)</f>
        <v>1.6941524039627598</v>
      </c>
      <c r="I2239">
        <f t="shared" si="258"/>
        <v>1.6263863078042502</v>
      </c>
      <c r="J2239">
        <f t="shared" si="259"/>
        <v>11.270185202728925</v>
      </c>
      <c r="K2239">
        <f t="shared" si="260"/>
        <v>0.33250140391590216</v>
      </c>
      <c r="L2239">
        <f t="shared" si="261"/>
        <v>0.16625070195795108</v>
      </c>
      <c r="M2239">
        <f t="shared" si="262"/>
        <v>0</v>
      </c>
      <c r="N2239" s="45">
        <f t="shared" si="263"/>
        <v>45018.874999994652</v>
      </c>
    </row>
    <row r="2240" spans="2:14" x14ac:dyDescent="0.25">
      <c r="B2240">
        <f t="shared" si="257"/>
        <v>7</v>
      </c>
      <c r="C2240" s="16">
        <v>2206</v>
      </c>
      <c r="D2240" cm="1">
        <f t="array" ref="D2240">IFERROR(INDEX(Jesper!AH$2:AH$366,ROUNDDOWN($C2240/24,0)+1,1)*INDEX($D$3:$AA$30,INDEX(Jesper!$R$2:$R$366,ROW(INDEX(Jesper!AH$2:AH$366,ROUNDDOWN($C2240/24,0)+1,1))-1)+IF('Standard Profiles'!$G$18=$B$10,7,0)+IF('Standard Profiles'!$G$18=$B$17,14,0)+IF('Standard Profiles'!$G$18=$B$24,21,0),MOD($C2240,24)+1)/SUM(INDEX($D$3:$AA$30,INDEX(Jesper!$R$2:$R$366,ROW(INDEX(Jesper!AH$2:AH$366,ROUNDDOWN($C2240/24,0)+1,1))-1)+IF('Standard Profiles'!$G$18=$B$10,7,0)+IF('Standard Profiles'!$G$18=$B$17,14,0)+IF('Standard Profiles'!$G$18=$B$24,21,0),0)),0)</f>
        <v>0</v>
      </c>
      <c r="E2240" cm="1">
        <f t="array" ref="E2240">IFERROR(INDEX(Jesper!AI$2:AI$366,ROUNDDOWN($C2240/24,0)+1,1)*INDEX($D$3:$AA$30,INDEX(Jesper!$R$2:$R$366,ROW(INDEX(Jesper!AI$2:AI$366,ROUNDDOWN($C2240/24,0)+1,1))-1)+IF('Standard Profiles'!$G$19=$B$10,7,0)+IF('Standard Profiles'!$G$19=$B$17,14,0)+IF('Standard Profiles'!$G$19=$B$24,21,0),MOD($C2240,24)+1)/SUM(INDEX($D$3:$AA$30,INDEX(Jesper!$R$2:$R$366,ROW(INDEX(Jesper!AI$2:AI$366,ROUNDDOWN($C2240/24,0)+1,1))-1)+IF('Standard Profiles'!$G$19=$B$10,7,0)+IF('Standard Profiles'!$G$19=$B$17,14,0)+IF('Standard Profiles'!$G$19=$B$24,21,0),0)),0)</f>
        <v>4.1562675489487768</v>
      </c>
      <c r="F2240" cm="1">
        <f t="array" ref="F2240">IFERROR(INDEX(Jesper!AJ$2:AJ$366,ROUNDDOWN($C2240/24,0)+1,1)*INDEX($D$3:$AA$30,INDEX(Jesper!$R$2:$R$366,ROW(INDEX(Jesper!AJ$2:AJ$366,ROUNDDOWN($C2240/24,0)+1,1))-1)+IF('Standard Profiles'!$G$20=$B$10,7,0)+IF('Standard Profiles'!$G$20=$B$17,14,0)+IF('Standard Profiles'!$G$20=$B$24,21,0),MOD($C2240,24)+1)/SUM(INDEX($D$3:$AA$30,INDEX(Jesper!$R$2:$R$366,ROW(INDEX(Jesper!AJ$2:AJ$366,ROUNDDOWN($C2240/24,0)+1,1))-1)+IF('Standard Profiles'!$G$20=$B$10,7,0)+IF('Standard Profiles'!$G$20=$B$17,14,0)+IF('Standard Profiles'!$G$20=$B$24,21,0),0)),0)</f>
        <v>3.1524828019311406</v>
      </c>
      <c r="G2240" cm="1">
        <f t="array" ref="G2240">IFERROR(INDEX(Jesper!AK$2:AK$366,ROUNDDOWN($C2240/24,0)+1,1)*INDEX($D$3:$AA$30,INDEX(Jesper!$R$2:$R$366,ROW(INDEX(Jesper!AK$2:AK$366,ROUNDDOWN($C2240/24,0)+1,1))-1)+IF('Standard Profiles'!$G$21=$B$10,7,0)+IF('Standard Profiles'!$G$21=$B$17,14,0)+IF('Standard Profiles'!$G$21=$B$24,21,0),MOD($C2240,24)+1)/SUM(INDEX($D$3:$AA$30,INDEX(Jesper!$R$2:$R$366,ROW(INDEX(Jesper!AK$2:AK$366,ROUNDDOWN($C2240/24,0)+1,1))-1)+IF('Standard Profiles'!$G$21=$B$10,7,0)+IF('Standard Profiles'!$G$21=$B$17,14,0)+IF('Standard Profiles'!$G$21=$B$24,21,0),0)),0)</f>
        <v>4.3924208615643519</v>
      </c>
      <c r="H2240" cm="1">
        <f t="array" ref="H2240">IFERROR(INDEX(Jesper!AL$2:AL$366,ROUNDDOWN($C2240/24,0)+1,1)*INDEX($D$3:$AA$30,INDEX(Jesper!$R$2:$R$366,ROW(INDEX(Jesper!AL$2:AL$366,ROUNDDOWN($C2240/24,0)+1,1))-1)+IF('Standard Profiles'!$G$22=$B$10,7,0)+IF('Standard Profiles'!$G$22=$B$17,14,0)+IF('Standard Profiles'!$G$22=$B$24,21,0),MOD($C2240,24)+1)/SUM(INDEX($D$3:$AA$30,INDEX(Jesper!$R$2:$R$366,ROW(INDEX(Jesper!AL$2:AL$366,ROUNDDOWN($C2240/24,0)+1,1))-1)+IF('Standard Profiles'!$G$22=$B$10,7,0)+IF('Standard Profiles'!$G$22=$B$17,14,0)+IF('Standard Profiles'!$G$22=$B$24,21,0),0)),0)</f>
        <v>1.6941524039627598</v>
      </c>
      <c r="I2240">
        <f t="shared" si="258"/>
        <v>1.6263863078042502</v>
      </c>
      <c r="J2240">
        <f t="shared" si="259"/>
        <v>11.270185202728925</v>
      </c>
      <c r="K2240">
        <f t="shared" si="260"/>
        <v>0.33250140391590216</v>
      </c>
      <c r="L2240">
        <f t="shared" si="261"/>
        <v>0.16625070195795108</v>
      </c>
      <c r="M2240">
        <f t="shared" si="262"/>
        <v>0</v>
      </c>
      <c r="N2240" s="45">
        <f t="shared" si="263"/>
        <v>45018.916666661316</v>
      </c>
    </row>
    <row r="2241" spans="2:14" x14ac:dyDescent="0.25">
      <c r="B2241">
        <f t="shared" si="257"/>
        <v>7</v>
      </c>
      <c r="C2241" s="16">
        <v>2207</v>
      </c>
      <c r="D2241" cm="1">
        <f t="array" ref="D2241">IFERROR(INDEX(Jesper!AH$2:AH$366,ROUNDDOWN($C2241/24,0)+1,1)*INDEX($D$3:$AA$30,INDEX(Jesper!$R$2:$R$366,ROW(INDEX(Jesper!AH$2:AH$366,ROUNDDOWN($C2241/24,0)+1,1))-1)+IF('Standard Profiles'!$G$18=$B$10,7,0)+IF('Standard Profiles'!$G$18=$B$17,14,0)+IF('Standard Profiles'!$G$18=$B$24,21,0),MOD($C2241,24)+1)/SUM(INDEX($D$3:$AA$30,INDEX(Jesper!$R$2:$R$366,ROW(INDEX(Jesper!AH$2:AH$366,ROUNDDOWN($C2241/24,0)+1,1))-1)+IF('Standard Profiles'!$G$18=$B$10,7,0)+IF('Standard Profiles'!$G$18=$B$17,14,0)+IF('Standard Profiles'!$G$18=$B$24,21,0),0)),0)</f>
        <v>0</v>
      </c>
      <c r="E2241" cm="1">
        <f t="array" ref="E2241">IFERROR(INDEX(Jesper!AI$2:AI$366,ROUNDDOWN($C2241/24,0)+1,1)*INDEX($D$3:$AA$30,INDEX(Jesper!$R$2:$R$366,ROW(INDEX(Jesper!AI$2:AI$366,ROUNDDOWN($C2241/24,0)+1,1))-1)+IF('Standard Profiles'!$G$19=$B$10,7,0)+IF('Standard Profiles'!$G$19=$B$17,14,0)+IF('Standard Profiles'!$G$19=$B$24,21,0),MOD($C2241,24)+1)/SUM(INDEX($D$3:$AA$30,INDEX(Jesper!$R$2:$R$366,ROW(INDEX(Jesper!AI$2:AI$366,ROUNDDOWN($C2241/24,0)+1,1))-1)+IF('Standard Profiles'!$G$19=$B$10,7,0)+IF('Standard Profiles'!$G$19=$B$17,14,0)+IF('Standard Profiles'!$G$19=$B$24,21,0),0)),0)</f>
        <v>4.1562675489487768</v>
      </c>
      <c r="F2241" cm="1">
        <f t="array" ref="F2241">IFERROR(INDEX(Jesper!AJ$2:AJ$366,ROUNDDOWN($C2241/24,0)+1,1)*INDEX($D$3:$AA$30,INDEX(Jesper!$R$2:$R$366,ROW(INDEX(Jesper!AJ$2:AJ$366,ROUNDDOWN($C2241/24,0)+1,1))-1)+IF('Standard Profiles'!$G$20=$B$10,7,0)+IF('Standard Profiles'!$G$20=$B$17,14,0)+IF('Standard Profiles'!$G$20=$B$24,21,0),MOD($C2241,24)+1)/SUM(INDEX($D$3:$AA$30,INDEX(Jesper!$R$2:$R$366,ROW(INDEX(Jesper!AJ$2:AJ$366,ROUNDDOWN($C2241/24,0)+1,1))-1)+IF('Standard Profiles'!$G$20=$B$10,7,0)+IF('Standard Profiles'!$G$20=$B$17,14,0)+IF('Standard Profiles'!$G$20=$B$24,21,0),0)),0)</f>
        <v>3.1524828019311406</v>
      </c>
      <c r="G2241" cm="1">
        <f t="array" ref="G2241">IFERROR(INDEX(Jesper!AK$2:AK$366,ROUNDDOWN($C2241/24,0)+1,1)*INDEX($D$3:$AA$30,INDEX(Jesper!$R$2:$R$366,ROW(INDEX(Jesper!AK$2:AK$366,ROUNDDOWN($C2241/24,0)+1,1))-1)+IF('Standard Profiles'!$G$21=$B$10,7,0)+IF('Standard Profiles'!$G$21=$B$17,14,0)+IF('Standard Profiles'!$G$21=$B$24,21,0),MOD($C2241,24)+1)/SUM(INDEX($D$3:$AA$30,INDEX(Jesper!$R$2:$R$366,ROW(INDEX(Jesper!AK$2:AK$366,ROUNDDOWN($C2241/24,0)+1,1))-1)+IF('Standard Profiles'!$G$21=$B$10,7,0)+IF('Standard Profiles'!$G$21=$B$17,14,0)+IF('Standard Profiles'!$G$21=$B$24,21,0),0)),0)</f>
        <v>4.3924208615643519</v>
      </c>
      <c r="H2241" cm="1">
        <f t="array" ref="H2241">IFERROR(INDEX(Jesper!AL$2:AL$366,ROUNDDOWN($C2241/24,0)+1,1)*INDEX($D$3:$AA$30,INDEX(Jesper!$R$2:$R$366,ROW(INDEX(Jesper!AL$2:AL$366,ROUNDDOWN($C2241/24,0)+1,1))-1)+IF('Standard Profiles'!$G$22=$B$10,7,0)+IF('Standard Profiles'!$G$22=$B$17,14,0)+IF('Standard Profiles'!$G$22=$B$24,21,0),MOD($C2241,24)+1)/SUM(INDEX($D$3:$AA$30,INDEX(Jesper!$R$2:$R$366,ROW(INDEX(Jesper!AL$2:AL$366,ROUNDDOWN($C2241/24,0)+1,1))-1)+IF('Standard Profiles'!$G$22=$B$10,7,0)+IF('Standard Profiles'!$G$22=$B$17,14,0)+IF('Standard Profiles'!$G$22=$B$24,21,0),0)),0)</f>
        <v>1.6941524039627598</v>
      </c>
      <c r="I2241">
        <f t="shared" si="258"/>
        <v>1.6263863078042502</v>
      </c>
      <c r="J2241">
        <f t="shared" si="259"/>
        <v>11.270185202728925</v>
      </c>
      <c r="K2241">
        <f t="shared" si="260"/>
        <v>0.33250140391590216</v>
      </c>
      <c r="L2241">
        <f t="shared" si="261"/>
        <v>0.16625070195795108</v>
      </c>
      <c r="M2241">
        <f t="shared" si="262"/>
        <v>0</v>
      </c>
      <c r="N2241" s="45">
        <f t="shared" si="263"/>
        <v>45018.958333327981</v>
      </c>
    </row>
    <row r="2242" spans="2:14" x14ac:dyDescent="0.25">
      <c r="B2242">
        <f t="shared" si="257"/>
        <v>1</v>
      </c>
      <c r="C2242" s="16">
        <v>2208</v>
      </c>
      <c r="D2242" cm="1">
        <f t="array" ref="D2242">IFERROR(INDEX(Jesper!AH$2:AH$366,ROUNDDOWN($C2242/24,0)+1,1)*INDEX($D$3:$AA$30,INDEX(Jesper!$R$2:$R$366,ROW(INDEX(Jesper!AH$2:AH$366,ROUNDDOWN($C2242/24,0)+1,1))-1)+IF('Standard Profiles'!$G$18=$B$10,7,0)+IF('Standard Profiles'!$G$18=$B$17,14,0)+IF('Standard Profiles'!$G$18=$B$24,21,0),MOD($C2242,24)+1)/SUM(INDEX($D$3:$AA$30,INDEX(Jesper!$R$2:$R$366,ROW(INDEX(Jesper!AH$2:AH$366,ROUNDDOWN($C2242/24,0)+1,1))-1)+IF('Standard Profiles'!$G$18=$B$10,7,0)+IF('Standard Profiles'!$G$18=$B$17,14,0)+IF('Standard Profiles'!$G$18=$B$24,21,0),0)),0)</f>
        <v>5.7999736692593222</v>
      </c>
      <c r="E2242" cm="1">
        <f t="array" ref="E2242">IFERROR(INDEX(Jesper!AI$2:AI$366,ROUNDDOWN($C2242/24,0)+1,1)*INDEX($D$3:$AA$30,INDEX(Jesper!$R$2:$R$366,ROW(INDEX(Jesper!AI$2:AI$366,ROUNDDOWN($C2242/24,0)+1,1))-1)+IF('Standard Profiles'!$G$19=$B$10,7,0)+IF('Standard Profiles'!$G$19=$B$17,14,0)+IF('Standard Profiles'!$G$19=$B$24,21,0),MOD($C2242,24)+1)/SUM(INDEX($D$3:$AA$30,INDEX(Jesper!$R$2:$R$366,ROW(INDEX(Jesper!AI$2:AI$366,ROUNDDOWN($C2242/24,0)+1,1))-1)+IF('Standard Profiles'!$G$19=$B$10,7,0)+IF('Standard Profiles'!$G$19=$B$17,14,0)+IF('Standard Profiles'!$G$19=$B$24,21,0),0)),0)</f>
        <v>6.4771196758238236</v>
      </c>
      <c r="F2242" cm="1">
        <f t="array" ref="F2242">IFERROR(INDEX(Jesper!AJ$2:AJ$366,ROUNDDOWN($C2242/24,0)+1,1)*INDEX($D$3:$AA$30,INDEX(Jesper!$R$2:$R$366,ROW(INDEX(Jesper!AJ$2:AJ$366,ROUNDDOWN($C2242/24,0)+1,1))-1)+IF('Standard Profiles'!$G$20=$B$10,7,0)+IF('Standard Profiles'!$G$20=$B$17,14,0)+IF('Standard Profiles'!$G$20=$B$24,21,0),MOD($C2242,24)+1)/SUM(INDEX($D$3:$AA$30,INDEX(Jesper!$R$2:$R$366,ROW(INDEX(Jesper!AJ$2:AJ$366,ROUNDDOWN($C2242/24,0)+1,1))-1)+IF('Standard Profiles'!$G$20=$B$10,7,0)+IF('Standard Profiles'!$G$20=$B$17,14,0)+IF('Standard Profiles'!$G$20=$B$24,21,0),0)),0)</f>
        <v>0</v>
      </c>
      <c r="G2242" cm="1">
        <f t="array" ref="G2242">IFERROR(INDEX(Jesper!AK$2:AK$366,ROUNDDOWN($C2242/24,0)+1,1)*INDEX($D$3:$AA$30,INDEX(Jesper!$R$2:$R$366,ROW(INDEX(Jesper!AK$2:AK$366,ROUNDDOWN($C2242/24,0)+1,1))-1)+IF('Standard Profiles'!$G$21=$B$10,7,0)+IF('Standard Profiles'!$G$21=$B$17,14,0)+IF('Standard Profiles'!$G$21=$B$24,21,0),MOD($C2242,24)+1)/SUM(INDEX($D$3:$AA$30,INDEX(Jesper!$R$2:$R$366,ROW(INDEX(Jesper!AK$2:AK$366,ROUNDDOWN($C2242/24,0)+1,1))-1)+IF('Standard Profiles'!$G$21=$B$10,7,0)+IF('Standard Profiles'!$G$21=$B$17,14,0)+IF('Standard Profiles'!$G$21=$B$24,21,0),0)),0)</f>
        <v>5.1480277279212032</v>
      </c>
      <c r="H2242" cm="1">
        <f t="array" ref="H2242">IFERROR(INDEX(Jesper!AL$2:AL$366,ROUNDDOWN($C2242/24,0)+1,1)*INDEX($D$3:$AA$30,INDEX(Jesper!$R$2:$R$366,ROW(INDEX(Jesper!AL$2:AL$366,ROUNDDOWN($C2242/24,0)+1,1))-1)+IF('Standard Profiles'!$G$22=$B$10,7,0)+IF('Standard Profiles'!$G$22=$B$17,14,0)+IF('Standard Profiles'!$G$22=$B$24,21,0),MOD($C2242,24)+1)/SUM(INDEX($D$3:$AA$30,INDEX(Jesper!$R$2:$R$366,ROW(INDEX(Jesper!AL$2:AL$366,ROUNDDOWN($C2242/24,0)+1,1))-1)+IF('Standard Profiles'!$G$22=$B$10,7,0)+IF('Standard Profiles'!$G$22=$B$17,14,0)+IF('Standard Profiles'!$G$22=$B$24,21,0),0)),0)</f>
        <v>0</v>
      </c>
      <c r="I2242">
        <f t="shared" si="258"/>
        <v>2.4710533094021763</v>
      </c>
      <c r="J2242">
        <f t="shared" si="259"/>
        <v>14.026071976520681</v>
      </c>
      <c r="K2242">
        <f t="shared" si="260"/>
        <v>0.61866385805432778</v>
      </c>
      <c r="L2242">
        <f t="shared" si="261"/>
        <v>0.30933192902716389</v>
      </c>
      <c r="M2242">
        <f t="shared" si="262"/>
        <v>0</v>
      </c>
      <c r="N2242" s="45">
        <f t="shared" si="263"/>
        <v>45018.999999994645</v>
      </c>
    </row>
    <row r="2243" spans="2:14" x14ac:dyDescent="0.25">
      <c r="B2243">
        <f t="shared" si="257"/>
        <v>1</v>
      </c>
      <c r="C2243" s="16">
        <v>2209</v>
      </c>
      <c r="D2243" cm="1">
        <f t="array" ref="D2243">IFERROR(INDEX(Jesper!AH$2:AH$366,ROUNDDOWN($C2243/24,0)+1,1)*INDEX($D$3:$AA$30,INDEX(Jesper!$R$2:$R$366,ROW(INDEX(Jesper!AH$2:AH$366,ROUNDDOWN($C2243/24,0)+1,1))-1)+IF('Standard Profiles'!$G$18=$B$10,7,0)+IF('Standard Profiles'!$G$18=$B$17,14,0)+IF('Standard Profiles'!$G$18=$B$24,21,0),MOD($C2243,24)+1)/SUM(INDEX($D$3:$AA$30,INDEX(Jesper!$R$2:$R$366,ROW(INDEX(Jesper!AH$2:AH$366,ROUNDDOWN($C2243/24,0)+1,1))-1)+IF('Standard Profiles'!$G$18=$B$10,7,0)+IF('Standard Profiles'!$G$18=$B$17,14,0)+IF('Standard Profiles'!$G$18=$B$24,21,0),0)),0)</f>
        <v>5.7999736692593222</v>
      </c>
      <c r="E2243" cm="1">
        <f t="array" ref="E2243">IFERROR(INDEX(Jesper!AI$2:AI$366,ROUNDDOWN($C2243/24,0)+1,1)*INDEX($D$3:$AA$30,INDEX(Jesper!$R$2:$R$366,ROW(INDEX(Jesper!AI$2:AI$366,ROUNDDOWN($C2243/24,0)+1,1))-1)+IF('Standard Profiles'!$G$19=$B$10,7,0)+IF('Standard Profiles'!$G$19=$B$17,14,0)+IF('Standard Profiles'!$G$19=$B$24,21,0),MOD($C2243,24)+1)/SUM(INDEX($D$3:$AA$30,INDEX(Jesper!$R$2:$R$366,ROW(INDEX(Jesper!AI$2:AI$366,ROUNDDOWN($C2243/24,0)+1,1))-1)+IF('Standard Profiles'!$G$19=$B$10,7,0)+IF('Standard Profiles'!$G$19=$B$17,14,0)+IF('Standard Profiles'!$G$19=$B$24,21,0),0)),0)</f>
        <v>6.4771196758238236</v>
      </c>
      <c r="F2243" cm="1">
        <f t="array" ref="F2243">IFERROR(INDEX(Jesper!AJ$2:AJ$366,ROUNDDOWN($C2243/24,0)+1,1)*INDEX($D$3:$AA$30,INDEX(Jesper!$R$2:$R$366,ROW(INDEX(Jesper!AJ$2:AJ$366,ROUNDDOWN($C2243/24,0)+1,1))-1)+IF('Standard Profiles'!$G$20=$B$10,7,0)+IF('Standard Profiles'!$G$20=$B$17,14,0)+IF('Standard Profiles'!$G$20=$B$24,21,0),MOD($C2243,24)+1)/SUM(INDEX($D$3:$AA$30,INDEX(Jesper!$R$2:$R$366,ROW(INDEX(Jesper!AJ$2:AJ$366,ROUNDDOWN($C2243/24,0)+1,1))-1)+IF('Standard Profiles'!$G$20=$B$10,7,0)+IF('Standard Profiles'!$G$20=$B$17,14,0)+IF('Standard Profiles'!$G$20=$B$24,21,0),0)),0)</f>
        <v>0</v>
      </c>
      <c r="G2243" cm="1">
        <f t="array" ref="G2243">IFERROR(INDEX(Jesper!AK$2:AK$366,ROUNDDOWN($C2243/24,0)+1,1)*INDEX($D$3:$AA$30,INDEX(Jesper!$R$2:$R$366,ROW(INDEX(Jesper!AK$2:AK$366,ROUNDDOWN($C2243/24,0)+1,1))-1)+IF('Standard Profiles'!$G$21=$B$10,7,0)+IF('Standard Profiles'!$G$21=$B$17,14,0)+IF('Standard Profiles'!$G$21=$B$24,21,0),MOD($C2243,24)+1)/SUM(INDEX($D$3:$AA$30,INDEX(Jesper!$R$2:$R$366,ROW(INDEX(Jesper!AK$2:AK$366,ROUNDDOWN($C2243/24,0)+1,1))-1)+IF('Standard Profiles'!$G$21=$B$10,7,0)+IF('Standard Profiles'!$G$21=$B$17,14,0)+IF('Standard Profiles'!$G$21=$B$24,21,0),0)),0)</f>
        <v>5.1480277279212032</v>
      </c>
      <c r="H2243" cm="1">
        <f t="array" ref="H2243">IFERROR(INDEX(Jesper!AL$2:AL$366,ROUNDDOWN($C2243/24,0)+1,1)*INDEX($D$3:$AA$30,INDEX(Jesper!$R$2:$R$366,ROW(INDEX(Jesper!AL$2:AL$366,ROUNDDOWN($C2243/24,0)+1,1))-1)+IF('Standard Profiles'!$G$22=$B$10,7,0)+IF('Standard Profiles'!$G$22=$B$17,14,0)+IF('Standard Profiles'!$G$22=$B$24,21,0),MOD($C2243,24)+1)/SUM(INDEX($D$3:$AA$30,INDEX(Jesper!$R$2:$R$366,ROW(INDEX(Jesper!AL$2:AL$366,ROUNDDOWN($C2243/24,0)+1,1))-1)+IF('Standard Profiles'!$G$22=$B$10,7,0)+IF('Standard Profiles'!$G$22=$B$17,14,0)+IF('Standard Profiles'!$G$22=$B$24,21,0),0)),0)</f>
        <v>0</v>
      </c>
      <c r="I2243">
        <f t="shared" si="258"/>
        <v>2.4710533094021763</v>
      </c>
      <c r="J2243">
        <f t="shared" si="259"/>
        <v>14.026071976520681</v>
      </c>
      <c r="K2243">
        <f t="shared" si="260"/>
        <v>0.61866385805432778</v>
      </c>
      <c r="L2243">
        <f t="shared" si="261"/>
        <v>0.30933192902716389</v>
      </c>
      <c r="M2243">
        <f t="shared" si="262"/>
        <v>0</v>
      </c>
      <c r="N2243" s="45">
        <f t="shared" si="263"/>
        <v>45019.041666661309</v>
      </c>
    </row>
    <row r="2244" spans="2:14" x14ac:dyDescent="0.25">
      <c r="B2244">
        <f t="shared" si="257"/>
        <v>1</v>
      </c>
      <c r="C2244" s="16">
        <v>2210</v>
      </c>
      <c r="D2244" cm="1">
        <f t="array" ref="D2244">IFERROR(INDEX(Jesper!AH$2:AH$366,ROUNDDOWN($C2244/24,0)+1,1)*INDEX($D$3:$AA$30,INDEX(Jesper!$R$2:$R$366,ROW(INDEX(Jesper!AH$2:AH$366,ROUNDDOWN($C2244/24,0)+1,1))-1)+IF('Standard Profiles'!$G$18=$B$10,7,0)+IF('Standard Profiles'!$G$18=$B$17,14,0)+IF('Standard Profiles'!$G$18=$B$24,21,0),MOD($C2244,24)+1)/SUM(INDEX($D$3:$AA$30,INDEX(Jesper!$R$2:$R$366,ROW(INDEX(Jesper!AH$2:AH$366,ROUNDDOWN($C2244/24,0)+1,1))-1)+IF('Standard Profiles'!$G$18=$B$10,7,0)+IF('Standard Profiles'!$G$18=$B$17,14,0)+IF('Standard Profiles'!$G$18=$B$24,21,0),0)),0)</f>
        <v>5.7999736692593222</v>
      </c>
      <c r="E2244" cm="1">
        <f t="array" ref="E2244">IFERROR(INDEX(Jesper!AI$2:AI$366,ROUNDDOWN($C2244/24,0)+1,1)*INDEX($D$3:$AA$30,INDEX(Jesper!$R$2:$R$366,ROW(INDEX(Jesper!AI$2:AI$366,ROUNDDOWN($C2244/24,0)+1,1))-1)+IF('Standard Profiles'!$G$19=$B$10,7,0)+IF('Standard Profiles'!$G$19=$B$17,14,0)+IF('Standard Profiles'!$G$19=$B$24,21,0),MOD($C2244,24)+1)/SUM(INDEX($D$3:$AA$30,INDEX(Jesper!$R$2:$R$366,ROW(INDEX(Jesper!AI$2:AI$366,ROUNDDOWN($C2244/24,0)+1,1))-1)+IF('Standard Profiles'!$G$19=$B$10,7,0)+IF('Standard Profiles'!$G$19=$B$17,14,0)+IF('Standard Profiles'!$G$19=$B$24,21,0),0)),0)</f>
        <v>6.4771196758238236</v>
      </c>
      <c r="F2244" cm="1">
        <f t="array" ref="F2244">IFERROR(INDEX(Jesper!AJ$2:AJ$366,ROUNDDOWN($C2244/24,0)+1,1)*INDEX($D$3:$AA$30,INDEX(Jesper!$R$2:$R$366,ROW(INDEX(Jesper!AJ$2:AJ$366,ROUNDDOWN($C2244/24,0)+1,1))-1)+IF('Standard Profiles'!$G$20=$B$10,7,0)+IF('Standard Profiles'!$G$20=$B$17,14,0)+IF('Standard Profiles'!$G$20=$B$24,21,0),MOD($C2244,24)+1)/SUM(INDEX($D$3:$AA$30,INDEX(Jesper!$R$2:$R$366,ROW(INDEX(Jesper!AJ$2:AJ$366,ROUNDDOWN($C2244/24,0)+1,1))-1)+IF('Standard Profiles'!$G$20=$B$10,7,0)+IF('Standard Profiles'!$G$20=$B$17,14,0)+IF('Standard Profiles'!$G$20=$B$24,21,0),0)),0)</f>
        <v>0</v>
      </c>
      <c r="G2244" cm="1">
        <f t="array" ref="G2244">IFERROR(INDEX(Jesper!AK$2:AK$366,ROUNDDOWN($C2244/24,0)+1,1)*INDEX($D$3:$AA$30,INDEX(Jesper!$R$2:$R$366,ROW(INDEX(Jesper!AK$2:AK$366,ROUNDDOWN($C2244/24,0)+1,1))-1)+IF('Standard Profiles'!$G$21=$B$10,7,0)+IF('Standard Profiles'!$G$21=$B$17,14,0)+IF('Standard Profiles'!$G$21=$B$24,21,0),MOD($C2244,24)+1)/SUM(INDEX($D$3:$AA$30,INDEX(Jesper!$R$2:$R$366,ROW(INDEX(Jesper!AK$2:AK$366,ROUNDDOWN($C2244/24,0)+1,1))-1)+IF('Standard Profiles'!$G$21=$B$10,7,0)+IF('Standard Profiles'!$G$21=$B$17,14,0)+IF('Standard Profiles'!$G$21=$B$24,21,0),0)),0)</f>
        <v>5.1480277279212032</v>
      </c>
      <c r="H2244" cm="1">
        <f t="array" ref="H2244">IFERROR(INDEX(Jesper!AL$2:AL$366,ROUNDDOWN($C2244/24,0)+1,1)*INDEX($D$3:$AA$30,INDEX(Jesper!$R$2:$R$366,ROW(INDEX(Jesper!AL$2:AL$366,ROUNDDOWN($C2244/24,0)+1,1))-1)+IF('Standard Profiles'!$G$22=$B$10,7,0)+IF('Standard Profiles'!$G$22=$B$17,14,0)+IF('Standard Profiles'!$G$22=$B$24,21,0),MOD($C2244,24)+1)/SUM(INDEX($D$3:$AA$30,INDEX(Jesper!$R$2:$R$366,ROW(INDEX(Jesper!AL$2:AL$366,ROUNDDOWN($C2244/24,0)+1,1))-1)+IF('Standard Profiles'!$G$22=$B$10,7,0)+IF('Standard Profiles'!$G$22=$B$17,14,0)+IF('Standard Profiles'!$G$22=$B$24,21,0),0)),0)</f>
        <v>0</v>
      </c>
      <c r="I2244">
        <f t="shared" si="258"/>
        <v>2.4710533094021763</v>
      </c>
      <c r="J2244">
        <f t="shared" si="259"/>
        <v>14.026071976520681</v>
      </c>
      <c r="K2244">
        <f t="shared" si="260"/>
        <v>0.61866385805432778</v>
      </c>
      <c r="L2244">
        <f t="shared" si="261"/>
        <v>0.30933192902716389</v>
      </c>
      <c r="M2244">
        <f t="shared" si="262"/>
        <v>0</v>
      </c>
      <c r="N2244" s="45">
        <f t="shared" si="263"/>
        <v>45019.083333327973</v>
      </c>
    </row>
    <row r="2245" spans="2:14" x14ac:dyDescent="0.25">
      <c r="B2245">
        <f t="shared" si="257"/>
        <v>1</v>
      </c>
      <c r="C2245" s="16">
        <v>2211</v>
      </c>
      <c r="D2245" cm="1">
        <f t="array" ref="D2245">IFERROR(INDEX(Jesper!AH$2:AH$366,ROUNDDOWN($C2245/24,0)+1,1)*INDEX($D$3:$AA$30,INDEX(Jesper!$R$2:$R$366,ROW(INDEX(Jesper!AH$2:AH$366,ROUNDDOWN($C2245/24,0)+1,1))-1)+IF('Standard Profiles'!$G$18=$B$10,7,0)+IF('Standard Profiles'!$G$18=$B$17,14,0)+IF('Standard Profiles'!$G$18=$B$24,21,0),MOD($C2245,24)+1)/SUM(INDEX($D$3:$AA$30,INDEX(Jesper!$R$2:$R$366,ROW(INDEX(Jesper!AH$2:AH$366,ROUNDDOWN($C2245/24,0)+1,1))-1)+IF('Standard Profiles'!$G$18=$B$10,7,0)+IF('Standard Profiles'!$G$18=$B$17,14,0)+IF('Standard Profiles'!$G$18=$B$24,21,0),0)),0)</f>
        <v>5.7999736692593222</v>
      </c>
      <c r="E2245" cm="1">
        <f t="array" ref="E2245">IFERROR(INDEX(Jesper!AI$2:AI$366,ROUNDDOWN($C2245/24,0)+1,1)*INDEX($D$3:$AA$30,INDEX(Jesper!$R$2:$R$366,ROW(INDEX(Jesper!AI$2:AI$366,ROUNDDOWN($C2245/24,0)+1,1))-1)+IF('Standard Profiles'!$G$19=$B$10,7,0)+IF('Standard Profiles'!$G$19=$B$17,14,0)+IF('Standard Profiles'!$G$19=$B$24,21,0),MOD($C2245,24)+1)/SUM(INDEX($D$3:$AA$30,INDEX(Jesper!$R$2:$R$366,ROW(INDEX(Jesper!AI$2:AI$366,ROUNDDOWN($C2245/24,0)+1,1))-1)+IF('Standard Profiles'!$G$19=$B$10,7,0)+IF('Standard Profiles'!$G$19=$B$17,14,0)+IF('Standard Profiles'!$G$19=$B$24,21,0),0)),0)</f>
        <v>6.4771196758238236</v>
      </c>
      <c r="F2245" cm="1">
        <f t="array" ref="F2245">IFERROR(INDEX(Jesper!AJ$2:AJ$366,ROUNDDOWN($C2245/24,0)+1,1)*INDEX($D$3:$AA$30,INDEX(Jesper!$R$2:$R$366,ROW(INDEX(Jesper!AJ$2:AJ$366,ROUNDDOWN($C2245/24,0)+1,1))-1)+IF('Standard Profiles'!$G$20=$B$10,7,0)+IF('Standard Profiles'!$G$20=$B$17,14,0)+IF('Standard Profiles'!$G$20=$B$24,21,0),MOD($C2245,24)+1)/SUM(INDEX($D$3:$AA$30,INDEX(Jesper!$R$2:$R$366,ROW(INDEX(Jesper!AJ$2:AJ$366,ROUNDDOWN($C2245/24,0)+1,1))-1)+IF('Standard Profiles'!$G$20=$B$10,7,0)+IF('Standard Profiles'!$G$20=$B$17,14,0)+IF('Standard Profiles'!$G$20=$B$24,21,0),0)),0)</f>
        <v>0</v>
      </c>
      <c r="G2245" cm="1">
        <f t="array" ref="G2245">IFERROR(INDEX(Jesper!AK$2:AK$366,ROUNDDOWN($C2245/24,0)+1,1)*INDEX($D$3:$AA$30,INDEX(Jesper!$R$2:$R$366,ROW(INDEX(Jesper!AK$2:AK$366,ROUNDDOWN($C2245/24,0)+1,1))-1)+IF('Standard Profiles'!$G$21=$B$10,7,0)+IF('Standard Profiles'!$G$21=$B$17,14,0)+IF('Standard Profiles'!$G$21=$B$24,21,0),MOD($C2245,24)+1)/SUM(INDEX($D$3:$AA$30,INDEX(Jesper!$R$2:$R$366,ROW(INDEX(Jesper!AK$2:AK$366,ROUNDDOWN($C2245/24,0)+1,1))-1)+IF('Standard Profiles'!$G$21=$B$10,7,0)+IF('Standard Profiles'!$G$21=$B$17,14,0)+IF('Standard Profiles'!$G$21=$B$24,21,0),0)),0)</f>
        <v>5.1480277279212032</v>
      </c>
      <c r="H2245" cm="1">
        <f t="array" ref="H2245">IFERROR(INDEX(Jesper!AL$2:AL$366,ROUNDDOWN($C2245/24,0)+1,1)*INDEX($D$3:$AA$30,INDEX(Jesper!$R$2:$R$366,ROW(INDEX(Jesper!AL$2:AL$366,ROUNDDOWN($C2245/24,0)+1,1))-1)+IF('Standard Profiles'!$G$22=$B$10,7,0)+IF('Standard Profiles'!$G$22=$B$17,14,0)+IF('Standard Profiles'!$G$22=$B$24,21,0),MOD($C2245,24)+1)/SUM(INDEX($D$3:$AA$30,INDEX(Jesper!$R$2:$R$366,ROW(INDEX(Jesper!AL$2:AL$366,ROUNDDOWN($C2245/24,0)+1,1))-1)+IF('Standard Profiles'!$G$22=$B$10,7,0)+IF('Standard Profiles'!$G$22=$B$17,14,0)+IF('Standard Profiles'!$G$22=$B$24,21,0),0)),0)</f>
        <v>0</v>
      </c>
      <c r="I2245">
        <f t="shared" si="258"/>
        <v>2.4710533094021763</v>
      </c>
      <c r="J2245">
        <f t="shared" si="259"/>
        <v>14.026071976520681</v>
      </c>
      <c r="K2245">
        <f t="shared" si="260"/>
        <v>0.61866385805432778</v>
      </c>
      <c r="L2245">
        <f t="shared" si="261"/>
        <v>0.30933192902716389</v>
      </c>
      <c r="M2245">
        <f t="shared" si="262"/>
        <v>0</v>
      </c>
      <c r="N2245" s="45">
        <f t="shared" si="263"/>
        <v>45019.124999994638</v>
      </c>
    </row>
    <row r="2246" spans="2:14" x14ac:dyDescent="0.25">
      <c r="B2246">
        <f t="shared" si="257"/>
        <v>1</v>
      </c>
      <c r="C2246" s="16">
        <v>2212</v>
      </c>
      <c r="D2246" cm="1">
        <f t="array" ref="D2246">IFERROR(INDEX(Jesper!AH$2:AH$366,ROUNDDOWN($C2246/24,0)+1,1)*INDEX($D$3:$AA$30,INDEX(Jesper!$R$2:$R$366,ROW(INDEX(Jesper!AH$2:AH$366,ROUNDDOWN($C2246/24,0)+1,1))-1)+IF('Standard Profiles'!$G$18=$B$10,7,0)+IF('Standard Profiles'!$G$18=$B$17,14,0)+IF('Standard Profiles'!$G$18=$B$24,21,0),MOD($C2246,24)+1)/SUM(INDEX($D$3:$AA$30,INDEX(Jesper!$R$2:$R$366,ROW(INDEX(Jesper!AH$2:AH$366,ROUNDDOWN($C2246/24,0)+1,1))-1)+IF('Standard Profiles'!$G$18=$B$10,7,0)+IF('Standard Profiles'!$G$18=$B$17,14,0)+IF('Standard Profiles'!$G$18=$B$24,21,0),0)),0)</f>
        <v>5.7999736692593222</v>
      </c>
      <c r="E2246" cm="1">
        <f t="array" ref="E2246">IFERROR(INDEX(Jesper!AI$2:AI$366,ROUNDDOWN($C2246/24,0)+1,1)*INDEX($D$3:$AA$30,INDEX(Jesper!$R$2:$R$366,ROW(INDEX(Jesper!AI$2:AI$366,ROUNDDOWN($C2246/24,0)+1,1))-1)+IF('Standard Profiles'!$G$19=$B$10,7,0)+IF('Standard Profiles'!$G$19=$B$17,14,0)+IF('Standard Profiles'!$G$19=$B$24,21,0),MOD($C2246,24)+1)/SUM(INDEX($D$3:$AA$30,INDEX(Jesper!$R$2:$R$366,ROW(INDEX(Jesper!AI$2:AI$366,ROUNDDOWN($C2246/24,0)+1,1))-1)+IF('Standard Profiles'!$G$19=$B$10,7,0)+IF('Standard Profiles'!$G$19=$B$17,14,0)+IF('Standard Profiles'!$G$19=$B$24,21,0),0)),0)</f>
        <v>6.4771196758238236</v>
      </c>
      <c r="F2246" cm="1">
        <f t="array" ref="F2246">IFERROR(INDEX(Jesper!AJ$2:AJ$366,ROUNDDOWN($C2246/24,0)+1,1)*INDEX($D$3:$AA$30,INDEX(Jesper!$R$2:$R$366,ROW(INDEX(Jesper!AJ$2:AJ$366,ROUNDDOWN($C2246/24,0)+1,1))-1)+IF('Standard Profiles'!$G$20=$B$10,7,0)+IF('Standard Profiles'!$G$20=$B$17,14,0)+IF('Standard Profiles'!$G$20=$B$24,21,0),MOD($C2246,24)+1)/SUM(INDEX($D$3:$AA$30,INDEX(Jesper!$R$2:$R$366,ROW(INDEX(Jesper!AJ$2:AJ$366,ROUNDDOWN($C2246/24,0)+1,1))-1)+IF('Standard Profiles'!$G$20=$B$10,7,0)+IF('Standard Profiles'!$G$20=$B$17,14,0)+IF('Standard Profiles'!$G$20=$B$24,21,0),0)),0)</f>
        <v>0</v>
      </c>
      <c r="G2246" cm="1">
        <f t="array" ref="G2246">IFERROR(INDEX(Jesper!AK$2:AK$366,ROUNDDOWN($C2246/24,0)+1,1)*INDEX($D$3:$AA$30,INDEX(Jesper!$R$2:$R$366,ROW(INDEX(Jesper!AK$2:AK$366,ROUNDDOWN($C2246/24,0)+1,1))-1)+IF('Standard Profiles'!$G$21=$B$10,7,0)+IF('Standard Profiles'!$G$21=$B$17,14,0)+IF('Standard Profiles'!$G$21=$B$24,21,0),MOD($C2246,24)+1)/SUM(INDEX($D$3:$AA$30,INDEX(Jesper!$R$2:$R$366,ROW(INDEX(Jesper!AK$2:AK$366,ROUNDDOWN($C2246/24,0)+1,1))-1)+IF('Standard Profiles'!$G$21=$B$10,7,0)+IF('Standard Profiles'!$G$21=$B$17,14,0)+IF('Standard Profiles'!$G$21=$B$24,21,0),0)),0)</f>
        <v>5.1480277279212032</v>
      </c>
      <c r="H2246" cm="1">
        <f t="array" ref="H2246">IFERROR(INDEX(Jesper!AL$2:AL$366,ROUNDDOWN($C2246/24,0)+1,1)*INDEX($D$3:$AA$30,INDEX(Jesper!$R$2:$R$366,ROW(INDEX(Jesper!AL$2:AL$366,ROUNDDOWN($C2246/24,0)+1,1))-1)+IF('Standard Profiles'!$G$22=$B$10,7,0)+IF('Standard Profiles'!$G$22=$B$17,14,0)+IF('Standard Profiles'!$G$22=$B$24,21,0),MOD($C2246,24)+1)/SUM(INDEX($D$3:$AA$30,INDEX(Jesper!$R$2:$R$366,ROW(INDEX(Jesper!AL$2:AL$366,ROUNDDOWN($C2246/24,0)+1,1))-1)+IF('Standard Profiles'!$G$22=$B$10,7,0)+IF('Standard Profiles'!$G$22=$B$17,14,0)+IF('Standard Profiles'!$G$22=$B$24,21,0),0)),0)</f>
        <v>0</v>
      </c>
      <c r="I2246">
        <f t="shared" si="258"/>
        <v>2.4710533094021763</v>
      </c>
      <c r="J2246">
        <f t="shared" si="259"/>
        <v>14.026071976520681</v>
      </c>
      <c r="K2246">
        <f t="shared" si="260"/>
        <v>0.61866385805432778</v>
      </c>
      <c r="L2246">
        <f t="shared" si="261"/>
        <v>0.30933192902716389</v>
      </c>
      <c r="M2246">
        <f t="shared" si="262"/>
        <v>0</v>
      </c>
      <c r="N2246" s="45">
        <f t="shared" si="263"/>
        <v>45019.166666661302</v>
      </c>
    </row>
    <row r="2247" spans="2:14" x14ac:dyDescent="0.25">
      <c r="B2247">
        <f t="shared" si="257"/>
        <v>1</v>
      </c>
      <c r="C2247" s="16">
        <v>2213</v>
      </c>
      <c r="D2247" cm="1">
        <f t="array" ref="D2247">IFERROR(INDEX(Jesper!AH$2:AH$366,ROUNDDOWN($C2247/24,0)+1,1)*INDEX($D$3:$AA$30,INDEX(Jesper!$R$2:$R$366,ROW(INDEX(Jesper!AH$2:AH$366,ROUNDDOWN($C2247/24,0)+1,1))-1)+IF('Standard Profiles'!$G$18=$B$10,7,0)+IF('Standard Profiles'!$G$18=$B$17,14,0)+IF('Standard Profiles'!$G$18=$B$24,21,0),MOD($C2247,24)+1)/SUM(INDEX($D$3:$AA$30,INDEX(Jesper!$R$2:$R$366,ROW(INDEX(Jesper!AH$2:AH$366,ROUNDDOWN($C2247/24,0)+1,1))-1)+IF('Standard Profiles'!$G$18=$B$10,7,0)+IF('Standard Profiles'!$G$18=$B$17,14,0)+IF('Standard Profiles'!$G$18=$B$24,21,0),0)),0)</f>
        <v>5.7999736692593222</v>
      </c>
      <c r="E2247" cm="1">
        <f t="array" ref="E2247">IFERROR(INDEX(Jesper!AI$2:AI$366,ROUNDDOWN($C2247/24,0)+1,1)*INDEX($D$3:$AA$30,INDEX(Jesper!$R$2:$R$366,ROW(INDEX(Jesper!AI$2:AI$366,ROUNDDOWN($C2247/24,0)+1,1))-1)+IF('Standard Profiles'!$G$19=$B$10,7,0)+IF('Standard Profiles'!$G$19=$B$17,14,0)+IF('Standard Profiles'!$G$19=$B$24,21,0),MOD($C2247,24)+1)/SUM(INDEX($D$3:$AA$30,INDEX(Jesper!$R$2:$R$366,ROW(INDEX(Jesper!AI$2:AI$366,ROUNDDOWN($C2247/24,0)+1,1))-1)+IF('Standard Profiles'!$G$19=$B$10,7,0)+IF('Standard Profiles'!$G$19=$B$17,14,0)+IF('Standard Profiles'!$G$19=$B$24,21,0),0)),0)</f>
        <v>6.4771196758238236</v>
      </c>
      <c r="F2247" cm="1">
        <f t="array" ref="F2247">IFERROR(INDEX(Jesper!AJ$2:AJ$366,ROUNDDOWN($C2247/24,0)+1,1)*INDEX($D$3:$AA$30,INDEX(Jesper!$R$2:$R$366,ROW(INDEX(Jesper!AJ$2:AJ$366,ROUNDDOWN($C2247/24,0)+1,1))-1)+IF('Standard Profiles'!$G$20=$B$10,7,0)+IF('Standard Profiles'!$G$20=$B$17,14,0)+IF('Standard Profiles'!$G$20=$B$24,21,0),MOD($C2247,24)+1)/SUM(INDEX($D$3:$AA$30,INDEX(Jesper!$R$2:$R$366,ROW(INDEX(Jesper!AJ$2:AJ$366,ROUNDDOWN($C2247/24,0)+1,1))-1)+IF('Standard Profiles'!$G$20=$B$10,7,0)+IF('Standard Profiles'!$G$20=$B$17,14,0)+IF('Standard Profiles'!$G$20=$B$24,21,0),0)),0)</f>
        <v>0</v>
      </c>
      <c r="G2247" cm="1">
        <f t="array" ref="G2247">IFERROR(INDEX(Jesper!AK$2:AK$366,ROUNDDOWN($C2247/24,0)+1,1)*INDEX($D$3:$AA$30,INDEX(Jesper!$R$2:$R$366,ROW(INDEX(Jesper!AK$2:AK$366,ROUNDDOWN($C2247/24,0)+1,1))-1)+IF('Standard Profiles'!$G$21=$B$10,7,0)+IF('Standard Profiles'!$G$21=$B$17,14,0)+IF('Standard Profiles'!$G$21=$B$24,21,0),MOD($C2247,24)+1)/SUM(INDEX($D$3:$AA$30,INDEX(Jesper!$R$2:$R$366,ROW(INDEX(Jesper!AK$2:AK$366,ROUNDDOWN($C2247/24,0)+1,1))-1)+IF('Standard Profiles'!$G$21=$B$10,7,0)+IF('Standard Profiles'!$G$21=$B$17,14,0)+IF('Standard Profiles'!$G$21=$B$24,21,0),0)),0)</f>
        <v>5.1480277279212032</v>
      </c>
      <c r="H2247" cm="1">
        <f t="array" ref="H2247">IFERROR(INDEX(Jesper!AL$2:AL$366,ROUNDDOWN($C2247/24,0)+1,1)*INDEX($D$3:$AA$30,INDEX(Jesper!$R$2:$R$366,ROW(INDEX(Jesper!AL$2:AL$366,ROUNDDOWN($C2247/24,0)+1,1))-1)+IF('Standard Profiles'!$G$22=$B$10,7,0)+IF('Standard Profiles'!$G$22=$B$17,14,0)+IF('Standard Profiles'!$G$22=$B$24,21,0),MOD($C2247,24)+1)/SUM(INDEX($D$3:$AA$30,INDEX(Jesper!$R$2:$R$366,ROW(INDEX(Jesper!AL$2:AL$366,ROUNDDOWN($C2247/24,0)+1,1))-1)+IF('Standard Profiles'!$G$22=$B$10,7,0)+IF('Standard Profiles'!$G$22=$B$17,14,0)+IF('Standard Profiles'!$G$22=$B$24,21,0),0)),0)</f>
        <v>0</v>
      </c>
      <c r="I2247">
        <f t="shared" si="258"/>
        <v>2.4710533094021763</v>
      </c>
      <c r="J2247">
        <f t="shared" si="259"/>
        <v>14.026071976520681</v>
      </c>
      <c r="K2247">
        <f t="shared" si="260"/>
        <v>0.61866385805432778</v>
      </c>
      <c r="L2247">
        <f t="shared" si="261"/>
        <v>0.30933192902716389</v>
      </c>
      <c r="M2247">
        <f t="shared" si="262"/>
        <v>0</v>
      </c>
      <c r="N2247" s="45">
        <f t="shared" si="263"/>
        <v>45019.208333327966</v>
      </c>
    </row>
    <row r="2248" spans="2:14" x14ac:dyDescent="0.25">
      <c r="B2248">
        <f t="shared" si="257"/>
        <v>1</v>
      </c>
      <c r="C2248" s="16">
        <v>2214</v>
      </c>
      <c r="D2248" cm="1">
        <f t="array" ref="D2248">IFERROR(INDEX(Jesper!AH$2:AH$366,ROUNDDOWN($C2248/24,0)+1,1)*INDEX($D$3:$AA$30,INDEX(Jesper!$R$2:$R$366,ROW(INDEX(Jesper!AH$2:AH$366,ROUNDDOWN($C2248/24,0)+1,1))-1)+IF('Standard Profiles'!$G$18=$B$10,7,0)+IF('Standard Profiles'!$G$18=$B$17,14,0)+IF('Standard Profiles'!$G$18=$B$24,21,0),MOD($C2248,24)+1)/SUM(INDEX($D$3:$AA$30,INDEX(Jesper!$R$2:$R$366,ROW(INDEX(Jesper!AH$2:AH$366,ROUNDDOWN($C2248/24,0)+1,1))-1)+IF('Standard Profiles'!$G$18=$B$10,7,0)+IF('Standard Profiles'!$G$18=$B$17,14,0)+IF('Standard Profiles'!$G$18=$B$24,21,0),0)),0)</f>
        <v>5.7999736692593222</v>
      </c>
      <c r="E2248" cm="1">
        <f t="array" ref="E2248">IFERROR(INDEX(Jesper!AI$2:AI$366,ROUNDDOWN($C2248/24,0)+1,1)*INDEX($D$3:$AA$30,INDEX(Jesper!$R$2:$R$366,ROW(INDEX(Jesper!AI$2:AI$366,ROUNDDOWN($C2248/24,0)+1,1))-1)+IF('Standard Profiles'!$G$19=$B$10,7,0)+IF('Standard Profiles'!$G$19=$B$17,14,0)+IF('Standard Profiles'!$G$19=$B$24,21,0),MOD($C2248,24)+1)/SUM(INDEX($D$3:$AA$30,INDEX(Jesper!$R$2:$R$366,ROW(INDEX(Jesper!AI$2:AI$366,ROUNDDOWN($C2248/24,0)+1,1))-1)+IF('Standard Profiles'!$G$19=$B$10,7,0)+IF('Standard Profiles'!$G$19=$B$17,14,0)+IF('Standard Profiles'!$G$19=$B$24,21,0),0)),0)</f>
        <v>6.4771196758238236</v>
      </c>
      <c r="F2248" cm="1">
        <f t="array" ref="F2248">IFERROR(INDEX(Jesper!AJ$2:AJ$366,ROUNDDOWN($C2248/24,0)+1,1)*INDEX($D$3:$AA$30,INDEX(Jesper!$R$2:$R$366,ROW(INDEX(Jesper!AJ$2:AJ$366,ROUNDDOWN($C2248/24,0)+1,1))-1)+IF('Standard Profiles'!$G$20=$B$10,7,0)+IF('Standard Profiles'!$G$20=$B$17,14,0)+IF('Standard Profiles'!$G$20=$B$24,21,0),MOD($C2248,24)+1)/SUM(INDEX($D$3:$AA$30,INDEX(Jesper!$R$2:$R$366,ROW(INDEX(Jesper!AJ$2:AJ$366,ROUNDDOWN($C2248/24,0)+1,1))-1)+IF('Standard Profiles'!$G$20=$B$10,7,0)+IF('Standard Profiles'!$G$20=$B$17,14,0)+IF('Standard Profiles'!$G$20=$B$24,21,0),0)),0)</f>
        <v>0</v>
      </c>
      <c r="G2248" cm="1">
        <f t="array" ref="G2248">IFERROR(INDEX(Jesper!AK$2:AK$366,ROUNDDOWN($C2248/24,0)+1,1)*INDEX($D$3:$AA$30,INDEX(Jesper!$R$2:$R$366,ROW(INDEX(Jesper!AK$2:AK$366,ROUNDDOWN($C2248/24,0)+1,1))-1)+IF('Standard Profiles'!$G$21=$B$10,7,0)+IF('Standard Profiles'!$G$21=$B$17,14,0)+IF('Standard Profiles'!$G$21=$B$24,21,0),MOD($C2248,24)+1)/SUM(INDEX($D$3:$AA$30,INDEX(Jesper!$R$2:$R$366,ROW(INDEX(Jesper!AK$2:AK$366,ROUNDDOWN($C2248/24,0)+1,1))-1)+IF('Standard Profiles'!$G$21=$B$10,7,0)+IF('Standard Profiles'!$G$21=$B$17,14,0)+IF('Standard Profiles'!$G$21=$B$24,21,0),0)),0)</f>
        <v>5.1480277279212032</v>
      </c>
      <c r="H2248" cm="1">
        <f t="array" ref="H2248">IFERROR(INDEX(Jesper!AL$2:AL$366,ROUNDDOWN($C2248/24,0)+1,1)*INDEX($D$3:$AA$30,INDEX(Jesper!$R$2:$R$366,ROW(INDEX(Jesper!AL$2:AL$366,ROUNDDOWN($C2248/24,0)+1,1))-1)+IF('Standard Profiles'!$G$22=$B$10,7,0)+IF('Standard Profiles'!$G$22=$B$17,14,0)+IF('Standard Profiles'!$G$22=$B$24,21,0),MOD($C2248,24)+1)/SUM(INDEX($D$3:$AA$30,INDEX(Jesper!$R$2:$R$366,ROW(INDEX(Jesper!AL$2:AL$366,ROUNDDOWN($C2248/24,0)+1,1))-1)+IF('Standard Profiles'!$G$22=$B$10,7,0)+IF('Standard Profiles'!$G$22=$B$17,14,0)+IF('Standard Profiles'!$G$22=$B$24,21,0),0)),0)</f>
        <v>0</v>
      </c>
      <c r="I2248">
        <f t="shared" si="258"/>
        <v>2.4710533094021763</v>
      </c>
      <c r="J2248">
        <f t="shared" si="259"/>
        <v>14.026071976520681</v>
      </c>
      <c r="K2248">
        <f t="shared" si="260"/>
        <v>0.61866385805432778</v>
      </c>
      <c r="L2248">
        <f t="shared" si="261"/>
        <v>0.30933192902716389</v>
      </c>
      <c r="M2248">
        <f t="shared" si="262"/>
        <v>0</v>
      </c>
      <c r="N2248" s="45">
        <f t="shared" si="263"/>
        <v>45019.24999999463</v>
      </c>
    </row>
    <row r="2249" spans="2:14" x14ac:dyDescent="0.25">
      <c r="B2249">
        <f t="shared" si="257"/>
        <v>1</v>
      </c>
      <c r="C2249" s="16">
        <v>2215</v>
      </c>
      <c r="D2249" cm="1">
        <f t="array" ref="D2249">IFERROR(INDEX(Jesper!AH$2:AH$366,ROUNDDOWN($C2249/24,0)+1,1)*INDEX($D$3:$AA$30,INDEX(Jesper!$R$2:$R$366,ROW(INDEX(Jesper!AH$2:AH$366,ROUNDDOWN($C2249/24,0)+1,1))-1)+IF('Standard Profiles'!$G$18=$B$10,7,0)+IF('Standard Profiles'!$G$18=$B$17,14,0)+IF('Standard Profiles'!$G$18=$B$24,21,0),MOD($C2249,24)+1)/SUM(INDEX($D$3:$AA$30,INDEX(Jesper!$R$2:$R$366,ROW(INDEX(Jesper!AH$2:AH$366,ROUNDDOWN($C2249/24,0)+1,1))-1)+IF('Standard Profiles'!$G$18=$B$10,7,0)+IF('Standard Profiles'!$G$18=$B$17,14,0)+IF('Standard Profiles'!$G$18=$B$24,21,0),0)),0)</f>
        <v>24.707887831044715</v>
      </c>
      <c r="E2249" cm="1">
        <f t="array" ref="E2249">IFERROR(INDEX(Jesper!AI$2:AI$366,ROUNDDOWN($C2249/24,0)+1,1)*INDEX($D$3:$AA$30,INDEX(Jesper!$R$2:$R$366,ROW(INDEX(Jesper!AI$2:AI$366,ROUNDDOWN($C2249/24,0)+1,1))-1)+IF('Standard Profiles'!$G$19=$B$10,7,0)+IF('Standard Profiles'!$G$19=$B$17,14,0)+IF('Standard Profiles'!$G$19=$B$24,21,0),MOD($C2249,24)+1)/SUM(INDEX($D$3:$AA$30,INDEX(Jesper!$R$2:$R$366,ROW(INDEX(Jesper!AI$2:AI$366,ROUNDDOWN($C2249/24,0)+1,1))-1)+IF('Standard Profiles'!$G$19=$B$10,7,0)+IF('Standard Profiles'!$G$19=$B$17,14,0)+IF('Standard Profiles'!$G$19=$B$24,21,0),0)),0)</f>
        <v>27.592529819009485</v>
      </c>
      <c r="F2249" cm="1">
        <f t="array" ref="F2249">IFERROR(INDEX(Jesper!AJ$2:AJ$366,ROUNDDOWN($C2249/24,0)+1,1)*INDEX($D$3:$AA$30,INDEX(Jesper!$R$2:$R$366,ROW(INDEX(Jesper!AJ$2:AJ$366,ROUNDDOWN($C2249/24,0)+1,1))-1)+IF('Standard Profiles'!$G$20=$B$10,7,0)+IF('Standard Profiles'!$G$20=$B$17,14,0)+IF('Standard Profiles'!$G$20=$B$24,21,0),MOD($C2249,24)+1)/SUM(INDEX($D$3:$AA$30,INDEX(Jesper!$R$2:$R$366,ROW(INDEX(Jesper!AJ$2:AJ$366,ROUNDDOWN($C2249/24,0)+1,1))-1)+IF('Standard Profiles'!$G$20=$B$10,7,0)+IF('Standard Profiles'!$G$20=$B$17,14,0)+IF('Standard Profiles'!$G$20=$B$24,21,0),0)),0)</f>
        <v>0</v>
      </c>
      <c r="G2249" cm="1">
        <f t="array" ref="G2249">IFERROR(INDEX(Jesper!AK$2:AK$366,ROUNDDOWN($C2249/24,0)+1,1)*INDEX($D$3:$AA$30,INDEX(Jesper!$R$2:$R$366,ROW(INDEX(Jesper!AK$2:AK$366,ROUNDDOWN($C2249/24,0)+1,1))-1)+IF('Standard Profiles'!$G$21=$B$10,7,0)+IF('Standard Profiles'!$G$21=$B$17,14,0)+IF('Standard Profiles'!$G$21=$B$24,21,0),MOD($C2249,24)+1)/SUM(INDEX($D$3:$AA$30,INDEX(Jesper!$R$2:$R$366,ROW(INDEX(Jesper!AK$2:AK$366,ROUNDDOWN($C2249/24,0)+1,1))-1)+IF('Standard Profiles'!$G$21=$B$10,7,0)+IF('Standard Profiles'!$G$21=$B$17,14,0)+IF('Standard Profiles'!$G$21=$B$24,21,0),0)),0)</f>
        <v>22.393920616457233</v>
      </c>
      <c r="H2249" cm="1">
        <f t="array" ref="H2249">IFERROR(INDEX(Jesper!AL$2:AL$366,ROUNDDOWN($C2249/24,0)+1,1)*INDEX($D$3:$AA$30,INDEX(Jesper!$R$2:$R$366,ROW(INDEX(Jesper!AL$2:AL$366,ROUNDDOWN($C2249/24,0)+1,1))-1)+IF('Standard Profiles'!$G$22=$B$10,7,0)+IF('Standard Profiles'!$G$22=$B$17,14,0)+IF('Standard Profiles'!$G$22=$B$24,21,0),MOD($C2249,24)+1)/SUM(INDEX($D$3:$AA$30,INDEX(Jesper!$R$2:$R$366,ROW(INDEX(Jesper!AL$2:AL$366,ROUNDDOWN($C2249/24,0)+1,1))-1)+IF('Standard Profiles'!$G$22=$B$10,7,0)+IF('Standard Profiles'!$G$22=$B$17,14,0)+IF('Standard Profiles'!$G$22=$B$24,21,0),0)),0)</f>
        <v>0</v>
      </c>
      <c r="I2249">
        <f t="shared" si="258"/>
        <v>10.749081895899467</v>
      </c>
      <c r="J2249">
        <f t="shared" si="259"/>
        <v>59.99199431764481</v>
      </c>
      <c r="K2249">
        <f t="shared" si="260"/>
        <v>2.6355080353114366</v>
      </c>
      <c r="L2249">
        <f t="shared" si="261"/>
        <v>1.3177540176557183</v>
      </c>
      <c r="M2249">
        <f t="shared" si="262"/>
        <v>0</v>
      </c>
      <c r="N2249" s="45">
        <f t="shared" si="263"/>
        <v>45019.291666661295</v>
      </c>
    </row>
    <row r="2250" spans="2:14" x14ac:dyDescent="0.25">
      <c r="B2250">
        <f t="shared" si="257"/>
        <v>1</v>
      </c>
      <c r="C2250" s="16">
        <v>2216</v>
      </c>
      <c r="D2250" cm="1">
        <f t="array" ref="D2250">IFERROR(INDEX(Jesper!AH$2:AH$366,ROUNDDOWN($C2250/24,0)+1,1)*INDEX($D$3:$AA$30,INDEX(Jesper!$R$2:$R$366,ROW(INDEX(Jesper!AH$2:AH$366,ROUNDDOWN($C2250/24,0)+1,1))-1)+IF('Standard Profiles'!$G$18=$B$10,7,0)+IF('Standard Profiles'!$G$18=$B$17,14,0)+IF('Standard Profiles'!$G$18=$B$24,21,0),MOD($C2250,24)+1)/SUM(INDEX($D$3:$AA$30,INDEX(Jesper!$R$2:$R$366,ROW(INDEX(Jesper!AH$2:AH$366,ROUNDDOWN($C2250/24,0)+1,1))-1)+IF('Standard Profiles'!$G$18=$B$10,7,0)+IF('Standard Profiles'!$G$18=$B$17,14,0)+IF('Standard Profiles'!$G$18=$B$24,21,0),0)),0)</f>
        <v>27.796373809925303</v>
      </c>
      <c r="E2250" cm="1">
        <f t="array" ref="E2250">IFERROR(INDEX(Jesper!AI$2:AI$366,ROUNDDOWN($C2250/24,0)+1,1)*INDEX($D$3:$AA$30,INDEX(Jesper!$R$2:$R$366,ROW(INDEX(Jesper!AI$2:AI$366,ROUNDDOWN($C2250/24,0)+1,1))-1)+IF('Standard Profiles'!$G$19=$B$10,7,0)+IF('Standard Profiles'!$G$19=$B$17,14,0)+IF('Standard Profiles'!$G$19=$B$24,21,0),MOD($C2250,24)+1)/SUM(INDEX($D$3:$AA$30,INDEX(Jesper!$R$2:$R$366,ROW(INDEX(Jesper!AI$2:AI$366,ROUNDDOWN($C2250/24,0)+1,1))-1)+IF('Standard Profiles'!$G$19=$B$10,7,0)+IF('Standard Profiles'!$G$19=$B$17,14,0)+IF('Standard Profiles'!$G$19=$B$24,21,0),0)),0)</f>
        <v>31.041596046385671</v>
      </c>
      <c r="F2250" cm="1">
        <f t="array" ref="F2250">IFERROR(INDEX(Jesper!AJ$2:AJ$366,ROUNDDOWN($C2250/24,0)+1,1)*INDEX($D$3:$AA$30,INDEX(Jesper!$R$2:$R$366,ROW(INDEX(Jesper!AJ$2:AJ$366,ROUNDDOWN($C2250/24,0)+1,1))-1)+IF('Standard Profiles'!$G$20=$B$10,7,0)+IF('Standard Profiles'!$G$20=$B$17,14,0)+IF('Standard Profiles'!$G$20=$B$24,21,0),MOD($C2250,24)+1)/SUM(INDEX($D$3:$AA$30,INDEX(Jesper!$R$2:$R$366,ROW(INDEX(Jesper!AJ$2:AJ$366,ROUNDDOWN($C2250/24,0)+1,1))-1)+IF('Standard Profiles'!$G$20=$B$10,7,0)+IF('Standard Profiles'!$G$20=$B$17,14,0)+IF('Standard Profiles'!$G$20=$B$24,21,0),0)),0)</f>
        <v>0</v>
      </c>
      <c r="G2250" cm="1">
        <f t="array" ref="G2250">IFERROR(INDEX(Jesper!AK$2:AK$366,ROUNDDOWN($C2250/24,0)+1,1)*INDEX($D$3:$AA$30,INDEX(Jesper!$R$2:$R$366,ROW(INDEX(Jesper!AK$2:AK$366,ROUNDDOWN($C2250/24,0)+1,1))-1)+IF('Standard Profiles'!$G$21=$B$10,7,0)+IF('Standard Profiles'!$G$21=$B$17,14,0)+IF('Standard Profiles'!$G$21=$B$24,21,0),MOD($C2250,24)+1)/SUM(INDEX($D$3:$AA$30,INDEX(Jesper!$R$2:$R$366,ROW(INDEX(Jesper!AK$2:AK$366,ROUNDDOWN($C2250/24,0)+1,1))-1)+IF('Standard Profiles'!$G$21=$B$10,7,0)+IF('Standard Profiles'!$G$21=$B$17,14,0)+IF('Standard Profiles'!$G$21=$B$24,21,0),0)),0)</f>
        <v>25.19316069351439</v>
      </c>
      <c r="H2250" cm="1">
        <f t="array" ref="H2250">IFERROR(INDEX(Jesper!AL$2:AL$366,ROUNDDOWN($C2250/24,0)+1,1)*INDEX($D$3:$AA$30,INDEX(Jesper!$R$2:$R$366,ROW(INDEX(Jesper!AL$2:AL$366,ROUNDDOWN($C2250/24,0)+1,1))-1)+IF('Standard Profiles'!$G$22=$B$10,7,0)+IF('Standard Profiles'!$G$22=$B$17,14,0)+IF('Standard Profiles'!$G$22=$B$24,21,0),MOD($C2250,24)+1)/SUM(INDEX($D$3:$AA$30,INDEX(Jesper!$R$2:$R$366,ROW(INDEX(Jesper!AL$2:AL$366,ROUNDDOWN($C2250/24,0)+1,1))-1)+IF('Standard Profiles'!$G$22=$B$10,7,0)+IF('Standard Profiles'!$G$22=$B$17,14,0)+IF('Standard Profiles'!$G$22=$B$24,21,0),0)),0)</f>
        <v>0</v>
      </c>
      <c r="I2250">
        <f t="shared" si="258"/>
        <v>12.092717132886902</v>
      </c>
      <c r="J2250">
        <f t="shared" si="259"/>
        <v>67.490993607350404</v>
      </c>
      <c r="K2250">
        <f t="shared" si="260"/>
        <v>2.964946539725366</v>
      </c>
      <c r="L2250">
        <f t="shared" si="261"/>
        <v>1.482473269862683</v>
      </c>
      <c r="M2250">
        <f t="shared" si="262"/>
        <v>0</v>
      </c>
      <c r="N2250" s="45">
        <f t="shared" si="263"/>
        <v>45019.333333327959</v>
      </c>
    </row>
    <row r="2251" spans="2:14" x14ac:dyDescent="0.25">
      <c r="B2251">
        <f t="shared" si="257"/>
        <v>1</v>
      </c>
      <c r="C2251" s="16">
        <v>2217</v>
      </c>
      <c r="D2251" cm="1">
        <f t="array" ref="D2251">IFERROR(INDEX(Jesper!AH$2:AH$366,ROUNDDOWN($C2251/24,0)+1,1)*INDEX($D$3:$AA$30,INDEX(Jesper!$R$2:$R$366,ROW(INDEX(Jesper!AH$2:AH$366,ROUNDDOWN($C2251/24,0)+1,1))-1)+IF('Standard Profiles'!$G$18=$B$10,7,0)+IF('Standard Profiles'!$G$18=$B$17,14,0)+IF('Standard Profiles'!$G$18=$B$24,21,0),MOD($C2251,24)+1)/SUM(INDEX($D$3:$AA$30,INDEX(Jesper!$R$2:$R$366,ROW(INDEX(Jesper!AH$2:AH$366,ROUNDDOWN($C2251/24,0)+1,1))-1)+IF('Standard Profiles'!$G$18=$B$10,7,0)+IF('Standard Profiles'!$G$18=$B$17,14,0)+IF('Standard Profiles'!$G$18=$B$24,21,0),0)),0)</f>
        <v>30.88485978880589</v>
      </c>
      <c r="E2251" cm="1">
        <f t="array" ref="E2251">IFERROR(INDEX(Jesper!AI$2:AI$366,ROUNDDOWN($C2251/24,0)+1,1)*INDEX($D$3:$AA$30,INDEX(Jesper!$R$2:$R$366,ROW(INDEX(Jesper!AI$2:AI$366,ROUNDDOWN($C2251/24,0)+1,1))-1)+IF('Standard Profiles'!$G$19=$B$10,7,0)+IF('Standard Profiles'!$G$19=$B$17,14,0)+IF('Standard Profiles'!$G$19=$B$24,21,0),MOD($C2251,24)+1)/SUM(INDEX($D$3:$AA$30,INDEX(Jesper!$R$2:$R$366,ROW(INDEX(Jesper!AI$2:AI$366,ROUNDDOWN($C2251/24,0)+1,1))-1)+IF('Standard Profiles'!$G$19=$B$10,7,0)+IF('Standard Profiles'!$G$19=$B$17,14,0)+IF('Standard Profiles'!$G$19=$B$24,21,0),0)),0)</f>
        <v>34.490662273761856</v>
      </c>
      <c r="F2251" cm="1">
        <f t="array" ref="F2251">IFERROR(INDEX(Jesper!AJ$2:AJ$366,ROUNDDOWN($C2251/24,0)+1,1)*INDEX($D$3:$AA$30,INDEX(Jesper!$R$2:$R$366,ROW(INDEX(Jesper!AJ$2:AJ$366,ROUNDDOWN($C2251/24,0)+1,1))-1)+IF('Standard Profiles'!$G$20=$B$10,7,0)+IF('Standard Profiles'!$G$20=$B$17,14,0)+IF('Standard Profiles'!$G$20=$B$24,21,0),MOD($C2251,24)+1)/SUM(INDEX($D$3:$AA$30,INDEX(Jesper!$R$2:$R$366,ROW(INDEX(Jesper!AJ$2:AJ$366,ROUNDDOWN($C2251/24,0)+1,1))-1)+IF('Standard Profiles'!$G$20=$B$10,7,0)+IF('Standard Profiles'!$G$20=$B$17,14,0)+IF('Standard Profiles'!$G$20=$B$24,21,0),0)),0)</f>
        <v>0</v>
      </c>
      <c r="G2251" cm="1">
        <f t="array" ref="G2251">IFERROR(INDEX(Jesper!AK$2:AK$366,ROUNDDOWN($C2251/24,0)+1,1)*INDEX($D$3:$AA$30,INDEX(Jesper!$R$2:$R$366,ROW(INDEX(Jesper!AK$2:AK$366,ROUNDDOWN($C2251/24,0)+1,1))-1)+IF('Standard Profiles'!$G$21=$B$10,7,0)+IF('Standard Profiles'!$G$21=$B$17,14,0)+IF('Standard Profiles'!$G$21=$B$24,21,0),MOD($C2251,24)+1)/SUM(INDEX($D$3:$AA$30,INDEX(Jesper!$R$2:$R$366,ROW(INDEX(Jesper!AK$2:AK$366,ROUNDDOWN($C2251/24,0)+1,1))-1)+IF('Standard Profiles'!$G$21=$B$10,7,0)+IF('Standard Profiles'!$G$21=$B$17,14,0)+IF('Standard Profiles'!$G$21=$B$24,21,0),0)),0)</f>
        <v>27.992400770571543</v>
      </c>
      <c r="H2251" cm="1">
        <f t="array" ref="H2251">IFERROR(INDEX(Jesper!AL$2:AL$366,ROUNDDOWN($C2251/24,0)+1,1)*INDEX($D$3:$AA$30,INDEX(Jesper!$R$2:$R$366,ROW(INDEX(Jesper!AL$2:AL$366,ROUNDDOWN($C2251/24,0)+1,1))-1)+IF('Standard Profiles'!$G$22=$B$10,7,0)+IF('Standard Profiles'!$G$22=$B$17,14,0)+IF('Standard Profiles'!$G$22=$B$24,21,0),MOD($C2251,24)+1)/SUM(INDEX($D$3:$AA$30,INDEX(Jesper!$R$2:$R$366,ROW(INDEX(Jesper!AL$2:AL$366,ROUNDDOWN($C2251/24,0)+1,1))-1)+IF('Standard Profiles'!$G$22=$B$10,7,0)+IF('Standard Profiles'!$G$22=$B$17,14,0)+IF('Standard Profiles'!$G$22=$B$24,21,0),0)),0)</f>
        <v>0</v>
      </c>
      <c r="I2251">
        <f t="shared" si="258"/>
        <v>13.436352369874333</v>
      </c>
      <c r="J2251">
        <f t="shared" si="259"/>
        <v>74.989992897056013</v>
      </c>
      <c r="K2251">
        <f t="shared" si="260"/>
        <v>3.294385044139295</v>
      </c>
      <c r="L2251">
        <f t="shared" si="261"/>
        <v>1.6471925220696475</v>
      </c>
      <c r="M2251">
        <f t="shared" si="262"/>
        <v>0</v>
      </c>
      <c r="N2251" s="45">
        <f t="shared" si="263"/>
        <v>45019.374999994623</v>
      </c>
    </row>
    <row r="2252" spans="2:14" x14ac:dyDescent="0.25">
      <c r="B2252">
        <f t="shared" si="257"/>
        <v>1</v>
      </c>
      <c r="C2252" s="16">
        <v>2218</v>
      </c>
      <c r="D2252" cm="1">
        <f t="array" ref="D2252">IFERROR(INDEX(Jesper!AH$2:AH$366,ROUNDDOWN($C2252/24,0)+1,1)*INDEX($D$3:$AA$30,INDEX(Jesper!$R$2:$R$366,ROW(INDEX(Jesper!AH$2:AH$366,ROUNDDOWN($C2252/24,0)+1,1))-1)+IF('Standard Profiles'!$G$18=$B$10,7,0)+IF('Standard Profiles'!$G$18=$B$17,14,0)+IF('Standard Profiles'!$G$18=$B$24,21,0),MOD($C2252,24)+1)/SUM(INDEX($D$3:$AA$30,INDEX(Jesper!$R$2:$R$366,ROW(INDEX(Jesper!AH$2:AH$366,ROUNDDOWN($C2252/24,0)+1,1))-1)+IF('Standard Profiles'!$G$18=$B$10,7,0)+IF('Standard Profiles'!$G$18=$B$17,14,0)+IF('Standard Profiles'!$G$18=$B$24,21,0),0)),0)</f>
        <v>30.88485978880589</v>
      </c>
      <c r="E2252" cm="1">
        <f t="array" ref="E2252">IFERROR(INDEX(Jesper!AI$2:AI$366,ROUNDDOWN($C2252/24,0)+1,1)*INDEX($D$3:$AA$30,INDEX(Jesper!$R$2:$R$366,ROW(INDEX(Jesper!AI$2:AI$366,ROUNDDOWN($C2252/24,0)+1,1))-1)+IF('Standard Profiles'!$G$19=$B$10,7,0)+IF('Standard Profiles'!$G$19=$B$17,14,0)+IF('Standard Profiles'!$G$19=$B$24,21,0),MOD($C2252,24)+1)/SUM(INDEX($D$3:$AA$30,INDEX(Jesper!$R$2:$R$366,ROW(INDEX(Jesper!AI$2:AI$366,ROUNDDOWN($C2252/24,0)+1,1))-1)+IF('Standard Profiles'!$G$19=$B$10,7,0)+IF('Standard Profiles'!$G$19=$B$17,14,0)+IF('Standard Profiles'!$G$19=$B$24,21,0),0)),0)</f>
        <v>34.490662273761856</v>
      </c>
      <c r="F2252" cm="1">
        <f t="array" ref="F2252">IFERROR(INDEX(Jesper!AJ$2:AJ$366,ROUNDDOWN($C2252/24,0)+1,1)*INDEX($D$3:$AA$30,INDEX(Jesper!$R$2:$R$366,ROW(INDEX(Jesper!AJ$2:AJ$366,ROUNDDOWN($C2252/24,0)+1,1))-1)+IF('Standard Profiles'!$G$20=$B$10,7,0)+IF('Standard Profiles'!$G$20=$B$17,14,0)+IF('Standard Profiles'!$G$20=$B$24,21,0),MOD($C2252,24)+1)/SUM(INDEX($D$3:$AA$30,INDEX(Jesper!$R$2:$R$366,ROW(INDEX(Jesper!AJ$2:AJ$366,ROUNDDOWN($C2252/24,0)+1,1))-1)+IF('Standard Profiles'!$G$20=$B$10,7,0)+IF('Standard Profiles'!$G$20=$B$17,14,0)+IF('Standard Profiles'!$G$20=$B$24,21,0),0)),0)</f>
        <v>0</v>
      </c>
      <c r="G2252" cm="1">
        <f t="array" ref="G2252">IFERROR(INDEX(Jesper!AK$2:AK$366,ROUNDDOWN($C2252/24,0)+1,1)*INDEX($D$3:$AA$30,INDEX(Jesper!$R$2:$R$366,ROW(INDEX(Jesper!AK$2:AK$366,ROUNDDOWN($C2252/24,0)+1,1))-1)+IF('Standard Profiles'!$G$21=$B$10,7,0)+IF('Standard Profiles'!$G$21=$B$17,14,0)+IF('Standard Profiles'!$G$21=$B$24,21,0),MOD($C2252,24)+1)/SUM(INDEX($D$3:$AA$30,INDEX(Jesper!$R$2:$R$366,ROW(INDEX(Jesper!AK$2:AK$366,ROUNDDOWN($C2252/24,0)+1,1))-1)+IF('Standard Profiles'!$G$21=$B$10,7,0)+IF('Standard Profiles'!$G$21=$B$17,14,0)+IF('Standard Profiles'!$G$21=$B$24,21,0),0)),0)</f>
        <v>27.992400770571543</v>
      </c>
      <c r="H2252" cm="1">
        <f t="array" ref="H2252">IFERROR(INDEX(Jesper!AL$2:AL$366,ROUNDDOWN($C2252/24,0)+1,1)*INDEX($D$3:$AA$30,INDEX(Jesper!$R$2:$R$366,ROW(INDEX(Jesper!AL$2:AL$366,ROUNDDOWN($C2252/24,0)+1,1))-1)+IF('Standard Profiles'!$G$22=$B$10,7,0)+IF('Standard Profiles'!$G$22=$B$17,14,0)+IF('Standard Profiles'!$G$22=$B$24,21,0),MOD($C2252,24)+1)/SUM(INDEX($D$3:$AA$30,INDEX(Jesper!$R$2:$R$366,ROW(INDEX(Jesper!AL$2:AL$366,ROUNDDOWN($C2252/24,0)+1,1))-1)+IF('Standard Profiles'!$G$22=$B$10,7,0)+IF('Standard Profiles'!$G$22=$B$17,14,0)+IF('Standard Profiles'!$G$22=$B$24,21,0),0)),0)</f>
        <v>0</v>
      </c>
      <c r="I2252">
        <f t="shared" si="258"/>
        <v>13.436352369874333</v>
      </c>
      <c r="J2252">
        <f t="shared" si="259"/>
        <v>74.989992897056013</v>
      </c>
      <c r="K2252">
        <f t="shared" si="260"/>
        <v>3.294385044139295</v>
      </c>
      <c r="L2252">
        <f t="shared" si="261"/>
        <v>1.6471925220696475</v>
      </c>
      <c r="M2252">
        <f t="shared" si="262"/>
        <v>0</v>
      </c>
      <c r="N2252" s="45">
        <f t="shared" si="263"/>
        <v>45019.416666661287</v>
      </c>
    </row>
    <row r="2253" spans="2:14" x14ac:dyDescent="0.25">
      <c r="B2253">
        <f t="shared" si="257"/>
        <v>1</v>
      </c>
      <c r="C2253" s="16">
        <v>2219</v>
      </c>
      <c r="D2253" cm="1">
        <f t="array" ref="D2253">IFERROR(INDEX(Jesper!AH$2:AH$366,ROUNDDOWN($C2253/24,0)+1,1)*INDEX($D$3:$AA$30,INDEX(Jesper!$R$2:$R$366,ROW(INDEX(Jesper!AH$2:AH$366,ROUNDDOWN($C2253/24,0)+1,1))-1)+IF('Standard Profiles'!$G$18=$B$10,7,0)+IF('Standard Profiles'!$G$18=$B$17,14,0)+IF('Standard Profiles'!$G$18=$B$24,21,0),MOD($C2253,24)+1)/SUM(INDEX($D$3:$AA$30,INDEX(Jesper!$R$2:$R$366,ROW(INDEX(Jesper!AH$2:AH$366,ROUNDDOWN($C2253/24,0)+1,1))-1)+IF('Standard Profiles'!$G$18=$B$10,7,0)+IF('Standard Profiles'!$G$18=$B$17,14,0)+IF('Standard Profiles'!$G$18=$B$24,21,0),0)),0)</f>
        <v>37.061831746567066</v>
      </c>
      <c r="E2253" cm="1">
        <f t="array" ref="E2253">IFERROR(INDEX(Jesper!AI$2:AI$366,ROUNDDOWN($C2253/24,0)+1,1)*INDEX($D$3:$AA$30,INDEX(Jesper!$R$2:$R$366,ROW(INDEX(Jesper!AI$2:AI$366,ROUNDDOWN($C2253/24,0)+1,1))-1)+IF('Standard Profiles'!$G$19=$B$10,7,0)+IF('Standard Profiles'!$G$19=$B$17,14,0)+IF('Standard Profiles'!$G$19=$B$24,21,0),MOD($C2253,24)+1)/SUM(INDEX($D$3:$AA$30,INDEX(Jesper!$R$2:$R$366,ROW(INDEX(Jesper!AI$2:AI$366,ROUNDDOWN($C2253/24,0)+1,1))-1)+IF('Standard Profiles'!$G$19=$B$10,7,0)+IF('Standard Profiles'!$G$19=$B$17,14,0)+IF('Standard Profiles'!$G$19=$B$24,21,0),0)),0)</f>
        <v>41.38879472851422</v>
      </c>
      <c r="F2253" cm="1">
        <f t="array" ref="F2253">IFERROR(INDEX(Jesper!AJ$2:AJ$366,ROUNDDOWN($C2253/24,0)+1,1)*INDEX($D$3:$AA$30,INDEX(Jesper!$R$2:$R$366,ROW(INDEX(Jesper!AJ$2:AJ$366,ROUNDDOWN($C2253/24,0)+1,1))-1)+IF('Standard Profiles'!$G$20=$B$10,7,0)+IF('Standard Profiles'!$G$20=$B$17,14,0)+IF('Standard Profiles'!$G$20=$B$24,21,0),MOD($C2253,24)+1)/SUM(INDEX($D$3:$AA$30,INDEX(Jesper!$R$2:$R$366,ROW(INDEX(Jesper!AJ$2:AJ$366,ROUNDDOWN($C2253/24,0)+1,1))-1)+IF('Standard Profiles'!$G$20=$B$10,7,0)+IF('Standard Profiles'!$G$20=$B$17,14,0)+IF('Standard Profiles'!$G$20=$B$24,21,0),0)),0)</f>
        <v>0</v>
      </c>
      <c r="G2253" cm="1">
        <f t="array" ref="G2253">IFERROR(INDEX(Jesper!AK$2:AK$366,ROUNDDOWN($C2253/24,0)+1,1)*INDEX($D$3:$AA$30,INDEX(Jesper!$R$2:$R$366,ROW(INDEX(Jesper!AK$2:AK$366,ROUNDDOWN($C2253/24,0)+1,1))-1)+IF('Standard Profiles'!$G$21=$B$10,7,0)+IF('Standard Profiles'!$G$21=$B$17,14,0)+IF('Standard Profiles'!$G$21=$B$24,21,0),MOD($C2253,24)+1)/SUM(INDEX($D$3:$AA$30,INDEX(Jesper!$R$2:$R$366,ROW(INDEX(Jesper!AK$2:AK$366,ROUNDDOWN($C2253/24,0)+1,1))-1)+IF('Standard Profiles'!$G$21=$B$10,7,0)+IF('Standard Profiles'!$G$21=$B$17,14,0)+IF('Standard Profiles'!$G$21=$B$24,21,0),0)),0)</f>
        <v>33.590880924685848</v>
      </c>
      <c r="H2253" cm="1">
        <f t="array" ref="H2253">IFERROR(INDEX(Jesper!AL$2:AL$366,ROUNDDOWN($C2253/24,0)+1,1)*INDEX($D$3:$AA$30,INDEX(Jesper!$R$2:$R$366,ROW(INDEX(Jesper!AL$2:AL$366,ROUNDDOWN($C2253/24,0)+1,1))-1)+IF('Standard Profiles'!$G$22=$B$10,7,0)+IF('Standard Profiles'!$G$22=$B$17,14,0)+IF('Standard Profiles'!$G$22=$B$24,21,0),MOD($C2253,24)+1)/SUM(INDEX($D$3:$AA$30,INDEX(Jesper!$R$2:$R$366,ROW(INDEX(Jesper!AL$2:AL$366,ROUNDDOWN($C2253/24,0)+1,1))-1)+IF('Standard Profiles'!$G$22=$B$10,7,0)+IF('Standard Profiles'!$G$22=$B$17,14,0)+IF('Standard Profiles'!$G$22=$B$24,21,0),0)),0)</f>
        <v>0</v>
      </c>
      <c r="I2253">
        <f t="shared" si="258"/>
        <v>16.123622843849198</v>
      </c>
      <c r="J2253">
        <f t="shared" si="259"/>
        <v>89.987991476467215</v>
      </c>
      <c r="K2253">
        <f t="shared" si="260"/>
        <v>3.9532620529671538</v>
      </c>
      <c r="L2253">
        <f t="shared" si="261"/>
        <v>1.9766310264835769</v>
      </c>
      <c r="M2253">
        <f t="shared" si="262"/>
        <v>0</v>
      </c>
      <c r="N2253" s="45">
        <f t="shared" si="263"/>
        <v>45019.458333327952</v>
      </c>
    </row>
    <row r="2254" spans="2:14" x14ac:dyDescent="0.25">
      <c r="B2254">
        <f t="shared" si="257"/>
        <v>1</v>
      </c>
      <c r="C2254" s="16">
        <v>2220</v>
      </c>
      <c r="D2254" cm="1">
        <f t="array" ref="D2254">IFERROR(INDEX(Jesper!AH$2:AH$366,ROUNDDOWN($C2254/24,0)+1,1)*INDEX($D$3:$AA$30,INDEX(Jesper!$R$2:$R$366,ROW(INDEX(Jesper!AH$2:AH$366,ROUNDDOWN($C2254/24,0)+1,1))-1)+IF('Standard Profiles'!$G$18=$B$10,7,0)+IF('Standard Profiles'!$G$18=$B$17,14,0)+IF('Standard Profiles'!$G$18=$B$24,21,0),MOD($C2254,24)+1)/SUM(INDEX($D$3:$AA$30,INDEX(Jesper!$R$2:$R$366,ROW(INDEX(Jesper!AH$2:AH$366,ROUNDDOWN($C2254/24,0)+1,1))-1)+IF('Standard Profiles'!$G$18=$B$10,7,0)+IF('Standard Profiles'!$G$18=$B$17,14,0)+IF('Standard Profiles'!$G$18=$B$24,21,0),0)),0)</f>
        <v>37.061831746567066</v>
      </c>
      <c r="E2254" cm="1">
        <f t="array" ref="E2254">IFERROR(INDEX(Jesper!AI$2:AI$366,ROUNDDOWN($C2254/24,0)+1,1)*INDEX($D$3:$AA$30,INDEX(Jesper!$R$2:$R$366,ROW(INDEX(Jesper!AI$2:AI$366,ROUNDDOWN($C2254/24,0)+1,1))-1)+IF('Standard Profiles'!$G$19=$B$10,7,0)+IF('Standard Profiles'!$G$19=$B$17,14,0)+IF('Standard Profiles'!$G$19=$B$24,21,0),MOD($C2254,24)+1)/SUM(INDEX($D$3:$AA$30,INDEX(Jesper!$R$2:$R$366,ROW(INDEX(Jesper!AI$2:AI$366,ROUNDDOWN($C2254/24,0)+1,1))-1)+IF('Standard Profiles'!$G$19=$B$10,7,0)+IF('Standard Profiles'!$G$19=$B$17,14,0)+IF('Standard Profiles'!$G$19=$B$24,21,0),0)),0)</f>
        <v>41.38879472851422</v>
      </c>
      <c r="F2254" cm="1">
        <f t="array" ref="F2254">IFERROR(INDEX(Jesper!AJ$2:AJ$366,ROUNDDOWN($C2254/24,0)+1,1)*INDEX($D$3:$AA$30,INDEX(Jesper!$R$2:$R$366,ROW(INDEX(Jesper!AJ$2:AJ$366,ROUNDDOWN($C2254/24,0)+1,1))-1)+IF('Standard Profiles'!$G$20=$B$10,7,0)+IF('Standard Profiles'!$G$20=$B$17,14,0)+IF('Standard Profiles'!$G$20=$B$24,21,0),MOD($C2254,24)+1)/SUM(INDEX($D$3:$AA$30,INDEX(Jesper!$R$2:$R$366,ROW(INDEX(Jesper!AJ$2:AJ$366,ROUNDDOWN($C2254/24,0)+1,1))-1)+IF('Standard Profiles'!$G$20=$B$10,7,0)+IF('Standard Profiles'!$G$20=$B$17,14,0)+IF('Standard Profiles'!$G$20=$B$24,21,0),0)),0)</f>
        <v>0</v>
      </c>
      <c r="G2254" cm="1">
        <f t="array" ref="G2254">IFERROR(INDEX(Jesper!AK$2:AK$366,ROUNDDOWN($C2254/24,0)+1,1)*INDEX($D$3:$AA$30,INDEX(Jesper!$R$2:$R$366,ROW(INDEX(Jesper!AK$2:AK$366,ROUNDDOWN($C2254/24,0)+1,1))-1)+IF('Standard Profiles'!$G$21=$B$10,7,0)+IF('Standard Profiles'!$G$21=$B$17,14,0)+IF('Standard Profiles'!$G$21=$B$24,21,0),MOD($C2254,24)+1)/SUM(INDEX($D$3:$AA$30,INDEX(Jesper!$R$2:$R$366,ROW(INDEX(Jesper!AK$2:AK$366,ROUNDDOWN($C2254/24,0)+1,1))-1)+IF('Standard Profiles'!$G$21=$B$10,7,0)+IF('Standard Profiles'!$G$21=$B$17,14,0)+IF('Standard Profiles'!$G$21=$B$24,21,0),0)),0)</f>
        <v>33.590880924685848</v>
      </c>
      <c r="H2254" cm="1">
        <f t="array" ref="H2254">IFERROR(INDEX(Jesper!AL$2:AL$366,ROUNDDOWN($C2254/24,0)+1,1)*INDEX($D$3:$AA$30,INDEX(Jesper!$R$2:$R$366,ROW(INDEX(Jesper!AL$2:AL$366,ROUNDDOWN($C2254/24,0)+1,1))-1)+IF('Standard Profiles'!$G$22=$B$10,7,0)+IF('Standard Profiles'!$G$22=$B$17,14,0)+IF('Standard Profiles'!$G$22=$B$24,21,0),MOD($C2254,24)+1)/SUM(INDEX($D$3:$AA$30,INDEX(Jesper!$R$2:$R$366,ROW(INDEX(Jesper!AL$2:AL$366,ROUNDDOWN($C2254/24,0)+1,1))-1)+IF('Standard Profiles'!$G$22=$B$10,7,0)+IF('Standard Profiles'!$G$22=$B$17,14,0)+IF('Standard Profiles'!$G$22=$B$24,21,0),0)),0)</f>
        <v>0</v>
      </c>
      <c r="I2254">
        <f t="shared" si="258"/>
        <v>16.123622843849198</v>
      </c>
      <c r="J2254">
        <f t="shared" si="259"/>
        <v>89.987991476467215</v>
      </c>
      <c r="K2254">
        <f t="shared" si="260"/>
        <v>3.9532620529671538</v>
      </c>
      <c r="L2254">
        <f t="shared" si="261"/>
        <v>1.9766310264835769</v>
      </c>
      <c r="M2254">
        <f t="shared" si="262"/>
        <v>0</v>
      </c>
      <c r="N2254" s="45">
        <f t="shared" si="263"/>
        <v>45019.499999994616</v>
      </c>
    </row>
    <row r="2255" spans="2:14" x14ac:dyDescent="0.25">
      <c r="B2255">
        <f t="shared" si="257"/>
        <v>1</v>
      </c>
      <c r="C2255" s="16">
        <v>2221</v>
      </c>
      <c r="D2255" cm="1">
        <f t="array" ref="D2255">IFERROR(INDEX(Jesper!AH$2:AH$366,ROUNDDOWN($C2255/24,0)+1,1)*INDEX($D$3:$AA$30,INDEX(Jesper!$R$2:$R$366,ROW(INDEX(Jesper!AH$2:AH$366,ROUNDDOWN($C2255/24,0)+1,1))-1)+IF('Standard Profiles'!$G$18=$B$10,7,0)+IF('Standard Profiles'!$G$18=$B$17,14,0)+IF('Standard Profiles'!$G$18=$B$24,21,0),MOD($C2255,24)+1)/SUM(INDEX($D$3:$AA$30,INDEX(Jesper!$R$2:$R$366,ROW(INDEX(Jesper!AH$2:AH$366,ROUNDDOWN($C2255/24,0)+1,1))-1)+IF('Standard Profiles'!$G$18=$B$10,7,0)+IF('Standard Profiles'!$G$18=$B$17,14,0)+IF('Standard Profiles'!$G$18=$B$24,21,0),0)),0)</f>
        <v>24.707887831044715</v>
      </c>
      <c r="E2255" cm="1">
        <f t="array" ref="E2255">IFERROR(INDEX(Jesper!AI$2:AI$366,ROUNDDOWN($C2255/24,0)+1,1)*INDEX($D$3:$AA$30,INDEX(Jesper!$R$2:$R$366,ROW(INDEX(Jesper!AI$2:AI$366,ROUNDDOWN($C2255/24,0)+1,1))-1)+IF('Standard Profiles'!$G$19=$B$10,7,0)+IF('Standard Profiles'!$G$19=$B$17,14,0)+IF('Standard Profiles'!$G$19=$B$24,21,0),MOD($C2255,24)+1)/SUM(INDEX($D$3:$AA$30,INDEX(Jesper!$R$2:$R$366,ROW(INDEX(Jesper!AI$2:AI$366,ROUNDDOWN($C2255/24,0)+1,1))-1)+IF('Standard Profiles'!$G$19=$B$10,7,0)+IF('Standard Profiles'!$G$19=$B$17,14,0)+IF('Standard Profiles'!$G$19=$B$24,21,0),0)),0)</f>
        <v>27.592529819009485</v>
      </c>
      <c r="F2255" cm="1">
        <f t="array" ref="F2255">IFERROR(INDEX(Jesper!AJ$2:AJ$366,ROUNDDOWN($C2255/24,0)+1,1)*INDEX($D$3:$AA$30,INDEX(Jesper!$R$2:$R$366,ROW(INDEX(Jesper!AJ$2:AJ$366,ROUNDDOWN($C2255/24,0)+1,1))-1)+IF('Standard Profiles'!$G$20=$B$10,7,0)+IF('Standard Profiles'!$G$20=$B$17,14,0)+IF('Standard Profiles'!$G$20=$B$24,21,0),MOD($C2255,24)+1)/SUM(INDEX($D$3:$AA$30,INDEX(Jesper!$R$2:$R$366,ROW(INDEX(Jesper!AJ$2:AJ$366,ROUNDDOWN($C2255/24,0)+1,1))-1)+IF('Standard Profiles'!$G$20=$B$10,7,0)+IF('Standard Profiles'!$G$20=$B$17,14,0)+IF('Standard Profiles'!$G$20=$B$24,21,0),0)),0)</f>
        <v>0</v>
      </c>
      <c r="G2255" cm="1">
        <f t="array" ref="G2255">IFERROR(INDEX(Jesper!AK$2:AK$366,ROUNDDOWN($C2255/24,0)+1,1)*INDEX($D$3:$AA$30,INDEX(Jesper!$R$2:$R$366,ROW(INDEX(Jesper!AK$2:AK$366,ROUNDDOWN($C2255/24,0)+1,1))-1)+IF('Standard Profiles'!$G$21=$B$10,7,0)+IF('Standard Profiles'!$G$21=$B$17,14,0)+IF('Standard Profiles'!$G$21=$B$24,21,0),MOD($C2255,24)+1)/SUM(INDEX($D$3:$AA$30,INDEX(Jesper!$R$2:$R$366,ROW(INDEX(Jesper!AK$2:AK$366,ROUNDDOWN($C2255/24,0)+1,1))-1)+IF('Standard Profiles'!$G$21=$B$10,7,0)+IF('Standard Profiles'!$G$21=$B$17,14,0)+IF('Standard Profiles'!$G$21=$B$24,21,0),0)),0)</f>
        <v>22.393920616457233</v>
      </c>
      <c r="H2255" cm="1">
        <f t="array" ref="H2255">IFERROR(INDEX(Jesper!AL$2:AL$366,ROUNDDOWN($C2255/24,0)+1,1)*INDEX($D$3:$AA$30,INDEX(Jesper!$R$2:$R$366,ROW(INDEX(Jesper!AL$2:AL$366,ROUNDDOWN($C2255/24,0)+1,1))-1)+IF('Standard Profiles'!$G$22=$B$10,7,0)+IF('Standard Profiles'!$G$22=$B$17,14,0)+IF('Standard Profiles'!$G$22=$B$24,21,0),MOD($C2255,24)+1)/SUM(INDEX($D$3:$AA$30,INDEX(Jesper!$R$2:$R$366,ROW(INDEX(Jesper!AL$2:AL$366,ROUNDDOWN($C2255/24,0)+1,1))-1)+IF('Standard Profiles'!$G$22=$B$10,7,0)+IF('Standard Profiles'!$G$22=$B$17,14,0)+IF('Standard Profiles'!$G$22=$B$24,21,0),0)),0)</f>
        <v>0</v>
      </c>
      <c r="I2255">
        <f t="shared" si="258"/>
        <v>10.749081895899467</v>
      </c>
      <c r="J2255">
        <f t="shared" si="259"/>
        <v>59.99199431764481</v>
      </c>
      <c r="K2255">
        <f t="shared" si="260"/>
        <v>2.6355080353114366</v>
      </c>
      <c r="L2255">
        <f t="shared" si="261"/>
        <v>1.3177540176557183</v>
      </c>
      <c r="M2255">
        <f t="shared" si="262"/>
        <v>0</v>
      </c>
      <c r="N2255" s="45">
        <f t="shared" si="263"/>
        <v>45019.54166666128</v>
      </c>
    </row>
    <row r="2256" spans="2:14" x14ac:dyDescent="0.25">
      <c r="B2256">
        <f t="shared" si="257"/>
        <v>1</v>
      </c>
      <c r="C2256" s="16">
        <v>2222</v>
      </c>
      <c r="D2256" cm="1">
        <f t="array" ref="D2256">IFERROR(INDEX(Jesper!AH$2:AH$366,ROUNDDOWN($C2256/24,0)+1,1)*INDEX($D$3:$AA$30,INDEX(Jesper!$R$2:$R$366,ROW(INDEX(Jesper!AH$2:AH$366,ROUNDDOWN($C2256/24,0)+1,1))-1)+IF('Standard Profiles'!$G$18=$B$10,7,0)+IF('Standard Profiles'!$G$18=$B$17,14,0)+IF('Standard Profiles'!$G$18=$B$24,21,0),MOD($C2256,24)+1)/SUM(INDEX($D$3:$AA$30,INDEX(Jesper!$R$2:$R$366,ROW(INDEX(Jesper!AH$2:AH$366,ROUNDDOWN($C2256/24,0)+1,1))-1)+IF('Standard Profiles'!$G$18=$B$10,7,0)+IF('Standard Profiles'!$G$18=$B$17,14,0)+IF('Standard Profiles'!$G$18=$B$24,21,0),0)),0)</f>
        <v>37.061831746567066</v>
      </c>
      <c r="E2256" cm="1">
        <f t="array" ref="E2256">IFERROR(INDEX(Jesper!AI$2:AI$366,ROUNDDOWN($C2256/24,0)+1,1)*INDEX($D$3:$AA$30,INDEX(Jesper!$R$2:$R$366,ROW(INDEX(Jesper!AI$2:AI$366,ROUNDDOWN($C2256/24,0)+1,1))-1)+IF('Standard Profiles'!$G$19=$B$10,7,0)+IF('Standard Profiles'!$G$19=$B$17,14,0)+IF('Standard Profiles'!$G$19=$B$24,21,0),MOD($C2256,24)+1)/SUM(INDEX($D$3:$AA$30,INDEX(Jesper!$R$2:$R$366,ROW(INDEX(Jesper!AI$2:AI$366,ROUNDDOWN($C2256/24,0)+1,1))-1)+IF('Standard Profiles'!$G$19=$B$10,7,0)+IF('Standard Profiles'!$G$19=$B$17,14,0)+IF('Standard Profiles'!$G$19=$B$24,21,0),0)),0)</f>
        <v>41.38879472851422</v>
      </c>
      <c r="F2256" cm="1">
        <f t="array" ref="F2256">IFERROR(INDEX(Jesper!AJ$2:AJ$366,ROUNDDOWN($C2256/24,0)+1,1)*INDEX($D$3:$AA$30,INDEX(Jesper!$R$2:$R$366,ROW(INDEX(Jesper!AJ$2:AJ$366,ROUNDDOWN($C2256/24,0)+1,1))-1)+IF('Standard Profiles'!$G$20=$B$10,7,0)+IF('Standard Profiles'!$G$20=$B$17,14,0)+IF('Standard Profiles'!$G$20=$B$24,21,0),MOD($C2256,24)+1)/SUM(INDEX($D$3:$AA$30,INDEX(Jesper!$R$2:$R$366,ROW(INDEX(Jesper!AJ$2:AJ$366,ROUNDDOWN($C2256/24,0)+1,1))-1)+IF('Standard Profiles'!$G$20=$B$10,7,0)+IF('Standard Profiles'!$G$20=$B$17,14,0)+IF('Standard Profiles'!$G$20=$B$24,21,0),0)),0)</f>
        <v>0</v>
      </c>
      <c r="G2256" cm="1">
        <f t="array" ref="G2256">IFERROR(INDEX(Jesper!AK$2:AK$366,ROUNDDOWN($C2256/24,0)+1,1)*INDEX($D$3:$AA$30,INDEX(Jesper!$R$2:$R$366,ROW(INDEX(Jesper!AK$2:AK$366,ROUNDDOWN($C2256/24,0)+1,1))-1)+IF('Standard Profiles'!$G$21=$B$10,7,0)+IF('Standard Profiles'!$G$21=$B$17,14,0)+IF('Standard Profiles'!$G$21=$B$24,21,0),MOD($C2256,24)+1)/SUM(INDEX($D$3:$AA$30,INDEX(Jesper!$R$2:$R$366,ROW(INDEX(Jesper!AK$2:AK$366,ROUNDDOWN($C2256/24,0)+1,1))-1)+IF('Standard Profiles'!$G$21=$B$10,7,0)+IF('Standard Profiles'!$G$21=$B$17,14,0)+IF('Standard Profiles'!$G$21=$B$24,21,0),0)),0)</f>
        <v>33.590880924685848</v>
      </c>
      <c r="H2256" cm="1">
        <f t="array" ref="H2256">IFERROR(INDEX(Jesper!AL$2:AL$366,ROUNDDOWN($C2256/24,0)+1,1)*INDEX($D$3:$AA$30,INDEX(Jesper!$R$2:$R$366,ROW(INDEX(Jesper!AL$2:AL$366,ROUNDDOWN($C2256/24,0)+1,1))-1)+IF('Standard Profiles'!$G$22=$B$10,7,0)+IF('Standard Profiles'!$G$22=$B$17,14,0)+IF('Standard Profiles'!$G$22=$B$24,21,0),MOD($C2256,24)+1)/SUM(INDEX($D$3:$AA$30,INDEX(Jesper!$R$2:$R$366,ROW(INDEX(Jesper!AL$2:AL$366,ROUNDDOWN($C2256/24,0)+1,1))-1)+IF('Standard Profiles'!$G$22=$B$10,7,0)+IF('Standard Profiles'!$G$22=$B$17,14,0)+IF('Standard Profiles'!$G$22=$B$24,21,0),0)),0)</f>
        <v>0</v>
      </c>
      <c r="I2256">
        <f t="shared" si="258"/>
        <v>16.123622843849198</v>
      </c>
      <c r="J2256">
        <f t="shared" si="259"/>
        <v>89.987991476467215</v>
      </c>
      <c r="K2256">
        <f t="shared" si="260"/>
        <v>3.9532620529671538</v>
      </c>
      <c r="L2256">
        <f t="shared" si="261"/>
        <v>1.9766310264835769</v>
      </c>
      <c r="M2256">
        <f t="shared" si="262"/>
        <v>0</v>
      </c>
      <c r="N2256" s="45">
        <f t="shared" si="263"/>
        <v>45019.583333327944</v>
      </c>
    </row>
    <row r="2257" spans="2:14" x14ac:dyDescent="0.25">
      <c r="B2257">
        <f t="shared" si="257"/>
        <v>1</v>
      </c>
      <c r="C2257" s="16">
        <v>2223</v>
      </c>
      <c r="D2257" cm="1">
        <f t="array" ref="D2257">IFERROR(INDEX(Jesper!AH$2:AH$366,ROUNDDOWN($C2257/24,0)+1,1)*INDEX($D$3:$AA$30,INDEX(Jesper!$R$2:$R$366,ROW(INDEX(Jesper!AH$2:AH$366,ROUNDDOWN($C2257/24,0)+1,1))-1)+IF('Standard Profiles'!$G$18=$B$10,7,0)+IF('Standard Profiles'!$G$18=$B$17,14,0)+IF('Standard Profiles'!$G$18=$B$24,21,0),MOD($C2257,24)+1)/SUM(INDEX($D$3:$AA$30,INDEX(Jesper!$R$2:$R$366,ROW(INDEX(Jesper!AH$2:AH$366,ROUNDDOWN($C2257/24,0)+1,1))-1)+IF('Standard Profiles'!$G$18=$B$10,7,0)+IF('Standard Profiles'!$G$18=$B$17,14,0)+IF('Standard Profiles'!$G$18=$B$24,21,0),0)),0)</f>
        <v>37.061831746567066</v>
      </c>
      <c r="E2257" cm="1">
        <f t="array" ref="E2257">IFERROR(INDEX(Jesper!AI$2:AI$366,ROUNDDOWN($C2257/24,0)+1,1)*INDEX($D$3:$AA$30,INDEX(Jesper!$R$2:$R$366,ROW(INDEX(Jesper!AI$2:AI$366,ROUNDDOWN($C2257/24,0)+1,1))-1)+IF('Standard Profiles'!$G$19=$B$10,7,0)+IF('Standard Profiles'!$G$19=$B$17,14,0)+IF('Standard Profiles'!$G$19=$B$24,21,0),MOD($C2257,24)+1)/SUM(INDEX($D$3:$AA$30,INDEX(Jesper!$R$2:$R$366,ROW(INDEX(Jesper!AI$2:AI$366,ROUNDDOWN($C2257/24,0)+1,1))-1)+IF('Standard Profiles'!$G$19=$B$10,7,0)+IF('Standard Profiles'!$G$19=$B$17,14,0)+IF('Standard Profiles'!$G$19=$B$24,21,0),0)),0)</f>
        <v>41.38879472851422</v>
      </c>
      <c r="F2257" cm="1">
        <f t="array" ref="F2257">IFERROR(INDEX(Jesper!AJ$2:AJ$366,ROUNDDOWN($C2257/24,0)+1,1)*INDEX($D$3:$AA$30,INDEX(Jesper!$R$2:$R$366,ROW(INDEX(Jesper!AJ$2:AJ$366,ROUNDDOWN($C2257/24,0)+1,1))-1)+IF('Standard Profiles'!$G$20=$B$10,7,0)+IF('Standard Profiles'!$G$20=$B$17,14,0)+IF('Standard Profiles'!$G$20=$B$24,21,0),MOD($C2257,24)+1)/SUM(INDEX($D$3:$AA$30,INDEX(Jesper!$R$2:$R$366,ROW(INDEX(Jesper!AJ$2:AJ$366,ROUNDDOWN($C2257/24,0)+1,1))-1)+IF('Standard Profiles'!$G$20=$B$10,7,0)+IF('Standard Profiles'!$G$20=$B$17,14,0)+IF('Standard Profiles'!$G$20=$B$24,21,0),0)),0)</f>
        <v>0</v>
      </c>
      <c r="G2257" cm="1">
        <f t="array" ref="G2257">IFERROR(INDEX(Jesper!AK$2:AK$366,ROUNDDOWN($C2257/24,0)+1,1)*INDEX($D$3:$AA$30,INDEX(Jesper!$R$2:$R$366,ROW(INDEX(Jesper!AK$2:AK$366,ROUNDDOWN($C2257/24,0)+1,1))-1)+IF('Standard Profiles'!$G$21=$B$10,7,0)+IF('Standard Profiles'!$G$21=$B$17,14,0)+IF('Standard Profiles'!$G$21=$B$24,21,0),MOD($C2257,24)+1)/SUM(INDEX($D$3:$AA$30,INDEX(Jesper!$R$2:$R$366,ROW(INDEX(Jesper!AK$2:AK$366,ROUNDDOWN($C2257/24,0)+1,1))-1)+IF('Standard Profiles'!$G$21=$B$10,7,0)+IF('Standard Profiles'!$G$21=$B$17,14,0)+IF('Standard Profiles'!$G$21=$B$24,21,0),0)),0)</f>
        <v>33.590880924685848</v>
      </c>
      <c r="H2257" cm="1">
        <f t="array" ref="H2257">IFERROR(INDEX(Jesper!AL$2:AL$366,ROUNDDOWN($C2257/24,0)+1,1)*INDEX($D$3:$AA$30,INDEX(Jesper!$R$2:$R$366,ROW(INDEX(Jesper!AL$2:AL$366,ROUNDDOWN($C2257/24,0)+1,1))-1)+IF('Standard Profiles'!$G$22=$B$10,7,0)+IF('Standard Profiles'!$G$22=$B$17,14,0)+IF('Standard Profiles'!$G$22=$B$24,21,0),MOD($C2257,24)+1)/SUM(INDEX($D$3:$AA$30,INDEX(Jesper!$R$2:$R$366,ROW(INDEX(Jesper!AL$2:AL$366,ROUNDDOWN($C2257/24,0)+1,1))-1)+IF('Standard Profiles'!$G$22=$B$10,7,0)+IF('Standard Profiles'!$G$22=$B$17,14,0)+IF('Standard Profiles'!$G$22=$B$24,21,0),0)),0)</f>
        <v>0</v>
      </c>
      <c r="I2257">
        <f t="shared" si="258"/>
        <v>16.123622843849198</v>
      </c>
      <c r="J2257">
        <f t="shared" si="259"/>
        <v>89.987991476467215</v>
      </c>
      <c r="K2257">
        <f t="shared" si="260"/>
        <v>3.9532620529671538</v>
      </c>
      <c r="L2257">
        <f t="shared" si="261"/>
        <v>1.9766310264835769</v>
      </c>
      <c r="M2257">
        <f t="shared" si="262"/>
        <v>0</v>
      </c>
      <c r="N2257" s="45">
        <f t="shared" si="263"/>
        <v>45019.624999994609</v>
      </c>
    </row>
    <row r="2258" spans="2:14" x14ac:dyDescent="0.25">
      <c r="B2258">
        <f t="shared" si="257"/>
        <v>1</v>
      </c>
      <c r="C2258" s="16">
        <v>2224</v>
      </c>
      <c r="D2258" cm="1">
        <f t="array" ref="D2258">IFERROR(INDEX(Jesper!AH$2:AH$366,ROUNDDOWN($C2258/24,0)+1,1)*INDEX($D$3:$AA$30,INDEX(Jesper!$R$2:$R$366,ROW(INDEX(Jesper!AH$2:AH$366,ROUNDDOWN($C2258/24,0)+1,1))-1)+IF('Standard Profiles'!$G$18=$B$10,7,0)+IF('Standard Profiles'!$G$18=$B$17,14,0)+IF('Standard Profiles'!$G$18=$B$24,21,0),MOD($C2258,24)+1)/SUM(INDEX($D$3:$AA$30,INDEX(Jesper!$R$2:$R$366,ROW(INDEX(Jesper!AH$2:AH$366,ROUNDDOWN($C2258/24,0)+1,1))-1)+IF('Standard Profiles'!$G$18=$B$10,7,0)+IF('Standard Profiles'!$G$18=$B$17,14,0)+IF('Standard Profiles'!$G$18=$B$24,21,0),0)),0)</f>
        <v>21.61940185216412</v>
      </c>
      <c r="E2258" cm="1">
        <f t="array" ref="E2258">IFERROR(INDEX(Jesper!AI$2:AI$366,ROUNDDOWN($C2258/24,0)+1,1)*INDEX($D$3:$AA$30,INDEX(Jesper!$R$2:$R$366,ROW(INDEX(Jesper!AI$2:AI$366,ROUNDDOWN($C2258/24,0)+1,1))-1)+IF('Standard Profiles'!$G$19=$B$10,7,0)+IF('Standard Profiles'!$G$19=$B$17,14,0)+IF('Standard Profiles'!$G$19=$B$24,21,0),MOD($C2258,24)+1)/SUM(INDEX($D$3:$AA$30,INDEX(Jesper!$R$2:$R$366,ROW(INDEX(Jesper!AI$2:AI$366,ROUNDDOWN($C2258/24,0)+1,1))-1)+IF('Standard Profiles'!$G$19=$B$10,7,0)+IF('Standard Profiles'!$G$19=$B$17,14,0)+IF('Standard Profiles'!$G$19=$B$24,21,0),0)),0)</f>
        <v>24.143463591633296</v>
      </c>
      <c r="F2258" cm="1">
        <f t="array" ref="F2258">IFERROR(INDEX(Jesper!AJ$2:AJ$366,ROUNDDOWN($C2258/24,0)+1,1)*INDEX($D$3:$AA$30,INDEX(Jesper!$R$2:$R$366,ROW(INDEX(Jesper!AJ$2:AJ$366,ROUNDDOWN($C2258/24,0)+1,1))-1)+IF('Standard Profiles'!$G$20=$B$10,7,0)+IF('Standard Profiles'!$G$20=$B$17,14,0)+IF('Standard Profiles'!$G$20=$B$24,21,0),MOD($C2258,24)+1)/SUM(INDEX($D$3:$AA$30,INDEX(Jesper!$R$2:$R$366,ROW(INDEX(Jesper!AJ$2:AJ$366,ROUNDDOWN($C2258/24,0)+1,1))-1)+IF('Standard Profiles'!$G$20=$B$10,7,0)+IF('Standard Profiles'!$G$20=$B$17,14,0)+IF('Standard Profiles'!$G$20=$B$24,21,0),0)),0)</f>
        <v>0</v>
      </c>
      <c r="G2258" cm="1">
        <f t="array" ref="G2258">IFERROR(INDEX(Jesper!AK$2:AK$366,ROUNDDOWN($C2258/24,0)+1,1)*INDEX($D$3:$AA$30,INDEX(Jesper!$R$2:$R$366,ROW(INDEX(Jesper!AK$2:AK$366,ROUNDDOWN($C2258/24,0)+1,1))-1)+IF('Standard Profiles'!$G$21=$B$10,7,0)+IF('Standard Profiles'!$G$21=$B$17,14,0)+IF('Standard Profiles'!$G$21=$B$24,21,0),MOD($C2258,24)+1)/SUM(INDEX($D$3:$AA$30,INDEX(Jesper!$R$2:$R$366,ROW(INDEX(Jesper!AK$2:AK$366,ROUNDDOWN($C2258/24,0)+1,1))-1)+IF('Standard Profiles'!$G$21=$B$10,7,0)+IF('Standard Profiles'!$G$21=$B$17,14,0)+IF('Standard Profiles'!$G$21=$B$24,21,0),0)),0)</f>
        <v>27.992400770571543</v>
      </c>
      <c r="H2258" cm="1">
        <f t="array" ref="H2258">IFERROR(INDEX(Jesper!AL$2:AL$366,ROUNDDOWN($C2258/24,0)+1,1)*INDEX($D$3:$AA$30,INDEX(Jesper!$R$2:$R$366,ROW(INDEX(Jesper!AL$2:AL$366,ROUNDDOWN($C2258/24,0)+1,1))-1)+IF('Standard Profiles'!$G$22=$B$10,7,0)+IF('Standard Profiles'!$G$22=$B$17,14,0)+IF('Standard Profiles'!$G$22=$B$24,21,0),MOD($C2258,24)+1)/SUM(INDEX($D$3:$AA$30,INDEX(Jesper!$R$2:$R$366,ROW(INDEX(Jesper!AL$2:AL$366,ROUNDDOWN($C2258/24,0)+1,1))-1)+IF('Standard Profiles'!$G$22=$B$10,7,0)+IF('Standard Profiles'!$G$22=$B$17,14,0)+IF('Standard Profiles'!$G$22=$B$24,21,0),0)),0)</f>
        <v>0</v>
      </c>
      <c r="I2258">
        <f t="shared" si="258"/>
        <v>13.436352369874333</v>
      </c>
      <c r="J2258">
        <f t="shared" si="259"/>
        <v>56.859809548148363</v>
      </c>
      <c r="K2258">
        <f t="shared" si="260"/>
        <v>2.3060695308975063</v>
      </c>
      <c r="L2258">
        <f t="shared" si="261"/>
        <v>1.1530347654487532</v>
      </c>
      <c r="M2258">
        <f t="shared" si="262"/>
        <v>0</v>
      </c>
      <c r="N2258" s="45">
        <f t="shared" si="263"/>
        <v>45019.666666661273</v>
      </c>
    </row>
    <row r="2259" spans="2:14" x14ac:dyDescent="0.25">
      <c r="B2259">
        <f t="shared" si="257"/>
        <v>1</v>
      </c>
      <c r="C2259" s="16">
        <v>2225</v>
      </c>
      <c r="D2259" cm="1">
        <f t="array" ref="D2259">IFERROR(INDEX(Jesper!AH$2:AH$366,ROUNDDOWN($C2259/24,0)+1,1)*INDEX($D$3:$AA$30,INDEX(Jesper!$R$2:$R$366,ROW(INDEX(Jesper!AH$2:AH$366,ROUNDDOWN($C2259/24,0)+1,1))-1)+IF('Standard Profiles'!$G$18=$B$10,7,0)+IF('Standard Profiles'!$G$18=$B$17,14,0)+IF('Standard Profiles'!$G$18=$B$24,21,0),MOD($C2259,24)+1)/SUM(INDEX($D$3:$AA$30,INDEX(Jesper!$R$2:$R$366,ROW(INDEX(Jesper!AH$2:AH$366,ROUNDDOWN($C2259/24,0)+1,1))-1)+IF('Standard Profiles'!$G$18=$B$10,7,0)+IF('Standard Profiles'!$G$18=$B$17,14,0)+IF('Standard Profiles'!$G$18=$B$24,21,0),0)),0)</f>
        <v>6.1769719577611788</v>
      </c>
      <c r="E2259" cm="1">
        <f t="array" ref="E2259">IFERROR(INDEX(Jesper!AI$2:AI$366,ROUNDDOWN($C2259/24,0)+1,1)*INDEX($D$3:$AA$30,INDEX(Jesper!$R$2:$R$366,ROW(INDEX(Jesper!AI$2:AI$366,ROUNDDOWN($C2259/24,0)+1,1))-1)+IF('Standard Profiles'!$G$19=$B$10,7,0)+IF('Standard Profiles'!$G$19=$B$17,14,0)+IF('Standard Profiles'!$G$19=$B$24,21,0),MOD($C2259,24)+1)/SUM(INDEX($D$3:$AA$30,INDEX(Jesper!$R$2:$R$366,ROW(INDEX(Jesper!AI$2:AI$366,ROUNDDOWN($C2259/24,0)+1,1))-1)+IF('Standard Profiles'!$G$19=$B$10,7,0)+IF('Standard Profiles'!$G$19=$B$17,14,0)+IF('Standard Profiles'!$G$19=$B$24,21,0),0)),0)</f>
        <v>6.8981324547523712</v>
      </c>
      <c r="F2259" cm="1">
        <f t="array" ref="F2259">IFERROR(INDEX(Jesper!AJ$2:AJ$366,ROUNDDOWN($C2259/24,0)+1,1)*INDEX($D$3:$AA$30,INDEX(Jesper!$R$2:$R$366,ROW(INDEX(Jesper!AJ$2:AJ$366,ROUNDDOWN($C2259/24,0)+1,1))-1)+IF('Standard Profiles'!$G$20=$B$10,7,0)+IF('Standard Profiles'!$G$20=$B$17,14,0)+IF('Standard Profiles'!$G$20=$B$24,21,0),MOD($C2259,24)+1)/SUM(INDEX($D$3:$AA$30,INDEX(Jesper!$R$2:$R$366,ROW(INDEX(Jesper!AJ$2:AJ$366,ROUNDDOWN($C2259/24,0)+1,1))-1)+IF('Standard Profiles'!$G$20=$B$10,7,0)+IF('Standard Profiles'!$G$20=$B$17,14,0)+IF('Standard Profiles'!$G$20=$B$24,21,0),0)),0)</f>
        <v>0</v>
      </c>
      <c r="G2259" cm="1">
        <f t="array" ref="G2259">IFERROR(INDEX(Jesper!AK$2:AK$366,ROUNDDOWN($C2259/24,0)+1,1)*INDEX($D$3:$AA$30,INDEX(Jesper!$R$2:$R$366,ROW(INDEX(Jesper!AK$2:AK$366,ROUNDDOWN($C2259/24,0)+1,1))-1)+IF('Standard Profiles'!$G$21=$B$10,7,0)+IF('Standard Profiles'!$G$21=$B$17,14,0)+IF('Standard Profiles'!$G$21=$B$24,21,0),MOD($C2259,24)+1)/SUM(INDEX($D$3:$AA$30,INDEX(Jesper!$R$2:$R$366,ROW(INDEX(Jesper!AK$2:AK$366,ROUNDDOWN($C2259/24,0)+1,1))-1)+IF('Standard Profiles'!$G$21=$B$10,7,0)+IF('Standard Profiles'!$G$21=$B$17,14,0)+IF('Standard Profiles'!$G$21=$B$24,21,0),0)),0)</f>
        <v>22.522621309655268</v>
      </c>
      <c r="H2259" cm="1">
        <f t="array" ref="H2259">IFERROR(INDEX(Jesper!AL$2:AL$366,ROUNDDOWN($C2259/24,0)+1,1)*INDEX($D$3:$AA$30,INDEX(Jesper!$R$2:$R$366,ROW(INDEX(Jesper!AL$2:AL$366,ROUNDDOWN($C2259/24,0)+1,1))-1)+IF('Standard Profiles'!$G$22=$B$10,7,0)+IF('Standard Profiles'!$G$22=$B$17,14,0)+IF('Standard Profiles'!$G$22=$B$24,21,0),MOD($C2259,24)+1)/SUM(INDEX($D$3:$AA$30,INDEX(Jesper!$R$2:$R$366,ROW(INDEX(Jesper!AL$2:AL$366,ROUNDDOWN($C2259/24,0)+1,1))-1)+IF('Standard Profiles'!$G$22=$B$10,7,0)+IF('Standard Profiles'!$G$22=$B$17,14,0)+IF('Standard Profiles'!$G$22=$B$24,21,0),0)),0)</f>
        <v>0</v>
      </c>
      <c r="I2259">
        <f t="shared" si="258"/>
        <v>10.810858228634523</v>
      </c>
      <c r="J2259">
        <f t="shared" si="259"/>
        <v>23.798551980292508</v>
      </c>
      <c r="K2259">
        <f t="shared" si="260"/>
        <v>0.65887700882785916</v>
      </c>
      <c r="L2259">
        <f t="shared" si="261"/>
        <v>0.32943850441392958</v>
      </c>
      <c r="M2259">
        <f t="shared" si="262"/>
        <v>0</v>
      </c>
      <c r="N2259" s="45">
        <f t="shared" si="263"/>
        <v>45019.708333327937</v>
      </c>
    </row>
    <row r="2260" spans="2:14" x14ac:dyDescent="0.25">
      <c r="B2260">
        <f t="shared" si="257"/>
        <v>1</v>
      </c>
      <c r="C2260" s="16">
        <v>2226</v>
      </c>
      <c r="D2260" cm="1">
        <f t="array" ref="D2260">IFERROR(INDEX(Jesper!AH$2:AH$366,ROUNDDOWN($C2260/24,0)+1,1)*INDEX($D$3:$AA$30,INDEX(Jesper!$R$2:$R$366,ROW(INDEX(Jesper!AH$2:AH$366,ROUNDDOWN($C2260/24,0)+1,1))-1)+IF('Standard Profiles'!$G$18=$B$10,7,0)+IF('Standard Profiles'!$G$18=$B$17,14,0)+IF('Standard Profiles'!$G$18=$B$24,21,0),MOD($C2260,24)+1)/SUM(INDEX($D$3:$AA$30,INDEX(Jesper!$R$2:$R$366,ROW(INDEX(Jesper!AH$2:AH$366,ROUNDDOWN($C2260/24,0)+1,1))-1)+IF('Standard Profiles'!$G$18=$B$10,7,0)+IF('Standard Profiles'!$G$18=$B$17,14,0)+IF('Standard Profiles'!$G$18=$B$24,21,0),0)),0)</f>
        <v>6.0899723527222882</v>
      </c>
      <c r="E2260" cm="1">
        <f t="array" ref="E2260">IFERROR(INDEX(Jesper!AI$2:AI$366,ROUNDDOWN($C2260/24,0)+1,1)*INDEX($D$3:$AA$30,INDEX(Jesper!$R$2:$R$366,ROW(INDEX(Jesper!AI$2:AI$366,ROUNDDOWN($C2260/24,0)+1,1))-1)+IF('Standard Profiles'!$G$19=$B$10,7,0)+IF('Standard Profiles'!$G$19=$B$17,14,0)+IF('Standard Profiles'!$G$19=$B$24,21,0),MOD($C2260,24)+1)/SUM(INDEX($D$3:$AA$30,INDEX(Jesper!$R$2:$R$366,ROW(INDEX(Jesper!AI$2:AI$366,ROUNDDOWN($C2260/24,0)+1,1))-1)+IF('Standard Profiles'!$G$19=$B$10,7,0)+IF('Standard Profiles'!$G$19=$B$17,14,0)+IF('Standard Profiles'!$G$19=$B$24,21,0),0)),0)</f>
        <v>6.8009756596150135</v>
      </c>
      <c r="F2260" cm="1">
        <f t="array" ref="F2260">IFERROR(INDEX(Jesper!AJ$2:AJ$366,ROUNDDOWN($C2260/24,0)+1,1)*INDEX($D$3:$AA$30,INDEX(Jesper!$R$2:$R$366,ROW(INDEX(Jesper!AJ$2:AJ$366,ROUNDDOWN($C2260/24,0)+1,1))-1)+IF('Standard Profiles'!$G$20=$B$10,7,0)+IF('Standard Profiles'!$G$20=$B$17,14,0)+IF('Standard Profiles'!$G$20=$B$24,21,0),MOD($C2260,24)+1)/SUM(INDEX($D$3:$AA$30,INDEX(Jesper!$R$2:$R$366,ROW(INDEX(Jesper!AJ$2:AJ$366,ROUNDDOWN($C2260/24,0)+1,1))-1)+IF('Standard Profiles'!$G$20=$B$10,7,0)+IF('Standard Profiles'!$G$20=$B$17,14,0)+IF('Standard Profiles'!$G$20=$B$24,21,0),0)),0)</f>
        <v>0</v>
      </c>
      <c r="G2260" cm="1">
        <f t="array" ref="G2260">IFERROR(INDEX(Jesper!AK$2:AK$366,ROUNDDOWN($C2260/24,0)+1,1)*INDEX($D$3:$AA$30,INDEX(Jesper!$R$2:$R$366,ROW(INDEX(Jesper!AK$2:AK$366,ROUNDDOWN($C2260/24,0)+1,1))-1)+IF('Standard Profiles'!$G$21=$B$10,7,0)+IF('Standard Profiles'!$G$21=$B$17,14,0)+IF('Standard Profiles'!$G$21=$B$24,21,0),MOD($C2260,24)+1)/SUM(INDEX($D$3:$AA$30,INDEX(Jesper!$R$2:$R$366,ROW(INDEX(Jesper!AK$2:AK$366,ROUNDDOWN($C2260/24,0)+1,1))-1)+IF('Standard Profiles'!$G$21=$B$10,7,0)+IF('Standard Profiles'!$G$21=$B$17,14,0)+IF('Standard Profiles'!$G$21=$B$24,21,0),0)),0)</f>
        <v>8.04379332487688</v>
      </c>
      <c r="H2260" cm="1">
        <f t="array" ref="H2260">IFERROR(INDEX(Jesper!AL$2:AL$366,ROUNDDOWN($C2260/24,0)+1,1)*INDEX($D$3:$AA$30,INDEX(Jesper!$R$2:$R$366,ROW(INDEX(Jesper!AL$2:AL$366,ROUNDDOWN($C2260/24,0)+1,1))-1)+IF('Standard Profiles'!$G$22=$B$10,7,0)+IF('Standard Profiles'!$G$22=$B$17,14,0)+IF('Standard Profiles'!$G$22=$B$24,21,0),MOD($C2260,24)+1)/SUM(INDEX($D$3:$AA$30,INDEX(Jesper!$R$2:$R$366,ROW(INDEX(Jesper!AL$2:AL$366,ROUNDDOWN($C2260/24,0)+1,1))-1)+IF('Standard Profiles'!$G$22=$B$10,7,0)+IF('Standard Profiles'!$G$22=$B$17,14,0)+IF('Standard Profiles'!$G$22=$B$24,21,0),0)),0)</f>
        <v>0</v>
      </c>
      <c r="I2260">
        <f t="shared" si="258"/>
        <v>3.8610207959409006</v>
      </c>
      <c r="J2260">
        <f t="shared" si="259"/>
        <v>16.099324964837713</v>
      </c>
      <c r="K2260">
        <f t="shared" si="260"/>
        <v>0.64959705095704412</v>
      </c>
      <c r="L2260">
        <f t="shared" si="261"/>
        <v>0.32479852547852206</v>
      </c>
      <c r="M2260">
        <f t="shared" si="262"/>
        <v>0</v>
      </c>
      <c r="N2260" s="45">
        <f t="shared" si="263"/>
        <v>45019.749999994601</v>
      </c>
    </row>
    <row r="2261" spans="2:14" x14ac:dyDescent="0.25">
      <c r="B2261">
        <f t="shared" si="257"/>
        <v>1</v>
      </c>
      <c r="C2261" s="16">
        <v>2227</v>
      </c>
      <c r="D2261" cm="1">
        <f t="array" ref="D2261">IFERROR(INDEX(Jesper!AH$2:AH$366,ROUNDDOWN($C2261/24,0)+1,1)*INDEX($D$3:$AA$30,INDEX(Jesper!$R$2:$R$366,ROW(INDEX(Jesper!AH$2:AH$366,ROUNDDOWN($C2261/24,0)+1,1))-1)+IF('Standard Profiles'!$G$18=$B$10,7,0)+IF('Standard Profiles'!$G$18=$B$17,14,0)+IF('Standard Profiles'!$G$18=$B$24,21,0),MOD($C2261,24)+1)/SUM(INDEX($D$3:$AA$30,INDEX(Jesper!$R$2:$R$366,ROW(INDEX(Jesper!AH$2:AH$366,ROUNDDOWN($C2261/24,0)+1,1))-1)+IF('Standard Profiles'!$G$18=$B$10,7,0)+IF('Standard Profiles'!$G$18=$B$17,14,0)+IF('Standard Profiles'!$G$18=$B$24,21,0),0)),0)</f>
        <v>6.0899723527222882</v>
      </c>
      <c r="E2261" cm="1">
        <f t="array" ref="E2261">IFERROR(INDEX(Jesper!AI$2:AI$366,ROUNDDOWN($C2261/24,0)+1,1)*INDEX($D$3:$AA$30,INDEX(Jesper!$R$2:$R$366,ROW(INDEX(Jesper!AI$2:AI$366,ROUNDDOWN($C2261/24,0)+1,1))-1)+IF('Standard Profiles'!$G$19=$B$10,7,0)+IF('Standard Profiles'!$G$19=$B$17,14,0)+IF('Standard Profiles'!$G$19=$B$24,21,0),MOD($C2261,24)+1)/SUM(INDEX($D$3:$AA$30,INDEX(Jesper!$R$2:$R$366,ROW(INDEX(Jesper!AI$2:AI$366,ROUNDDOWN($C2261/24,0)+1,1))-1)+IF('Standard Profiles'!$G$19=$B$10,7,0)+IF('Standard Profiles'!$G$19=$B$17,14,0)+IF('Standard Profiles'!$G$19=$B$24,21,0),0)),0)</f>
        <v>6.8009756596150135</v>
      </c>
      <c r="F2261" cm="1">
        <f t="array" ref="F2261">IFERROR(INDEX(Jesper!AJ$2:AJ$366,ROUNDDOWN($C2261/24,0)+1,1)*INDEX($D$3:$AA$30,INDEX(Jesper!$R$2:$R$366,ROW(INDEX(Jesper!AJ$2:AJ$366,ROUNDDOWN($C2261/24,0)+1,1))-1)+IF('Standard Profiles'!$G$20=$B$10,7,0)+IF('Standard Profiles'!$G$20=$B$17,14,0)+IF('Standard Profiles'!$G$20=$B$24,21,0),MOD($C2261,24)+1)/SUM(INDEX($D$3:$AA$30,INDEX(Jesper!$R$2:$R$366,ROW(INDEX(Jesper!AJ$2:AJ$366,ROUNDDOWN($C2261/24,0)+1,1))-1)+IF('Standard Profiles'!$G$20=$B$10,7,0)+IF('Standard Profiles'!$G$20=$B$17,14,0)+IF('Standard Profiles'!$G$20=$B$24,21,0),0)),0)</f>
        <v>0</v>
      </c>
      <c r="G2261" cm="1">
        <f t="array" ref="G2261">IFERROR(INDEX(Jesper!AK$2:AK$366,ROUNDDOWN($C2261/24,0)+1,1)*INDEX($D$3:$AA$30,INDEX(Jesper!$R$2:$R$366,ROW(INDEX(Jesper!AK$2:AK$366,ROUNDDOWN($C2261/24,0)+1,1))-1)+IF('Standard Profiles'!$G$21=$B$10,7,0)+IF('Standard Profiles'!$G$21=$B$17,14,0)+IF('Standard Profiles'!$G$21=$B$24,21,0),MOD($C2261,24)+1)/SUM(INDEX($D$3:$AA$30,INDEX(Jesper!$R$2:$R$366,ROW(INDEX(Jesper!AK$2:AK$366,ROUNDDOWN($C2261/24,0)+1,1))-1)+IF('Standard Profiles'!$G$21=$B$10,7,0)+IF('Standard Profiles'!$G$21=$B$17,14,0)+IF('Standard Profiles'!$G$21=$B$24,21,0),0)),0)</f>
        <v>8.04379332487688</v>
      </c>
      <c r="H2261" cm="1">
        <f t="array" ref="H2261">IFERROR(INDEX(Jesper!AL$2:AL$366,ROUNDDOWN($C2261/24,0)+1,1)*INDEX($D$3:$AA$30,INDEX(Jesper!$R$2:$R$366,ROW(INDEX(Jesper!AL$2:AL$366,ROUNDDOWN($C2261/24,0)+1,1))-1)+IF('Standard Profiles'!$G$22=$B$10,7,0)+IF('Standard Profiles'!$G$22=$B$17,14,0)+IF('Standard Profiles'!$G$22=$B$24,21,0),MOD($C2261,24)+1)/SUM(INDEX($D$3:$AA$30,INDEX(Jesper!$R$2:$R$366,ROW(INDEX(Jesper!AL$2:AL$366,ROUNDDOWN($C2261/24,0)+1,1))-1)+IF('Standard Profiles'!$G$22=$B$10,7,0)+IF('Standard Profiles'!$G$22=$B$17,14,0)+IF('Standard Profiles'!$G$22=$B$24,21,0),0)),0)</f>
        <v>0</v>
      </c>
      <c r="I2261">
        <f t="shared" si="258"/>
        <v>3.8610207959409006</v>
      </c>
      <c r="J2261">
        <f t="shared" si="259"/>
        <v>16.099324964837713</v>
      </c>
      <c r="K2261">
        <f t="shared" si="260"/>
        <v>0.64959705095704412</v>
      </c>
      <c r="L2261">
        <f t="shared" si="261"/>
        <v>0.32479852547852206</v>
      </c>
      <c r="M2261">
        <f t="shared" si="262"/>
        <v>0</v>
      </c>
      <c r="N2261" s="45">
        <f t="shared" si="263"/>
        <v>45019.791666661265</v>
      </c>
    </row>
    <row r="2262" spans="2:14" x14ac:dyDescent="0.25">
      <c r="B2262">
        <f t="shared" si="257"/>
        <v>1</v>
      </c>
      <c r="C2262" s="16">
        <v>2228</v>
      </c>
      <c r="D2262" cm="1">
        <f t="array" ref="D2262">IFERROR(INDEX(Jesper!AH$2:AH$366,ROUNDDOWN($C2262/24,0)+1,1)*INDEX($D$3:$AA$30,INDEX(Jesper!$R$2:$R$366,ROW(INDEX(Jesper!AH$2:AH$366,ROUNDDOWN($C2262/24,0)+1,1))-1)+IF('Standard Profiles'!$G$18=$B$10,7,0)+IF('Standard Profiles'!$G$18=$B$17,14,0)+IF('Standard Profiles'!$G$18=$B$24,21,0),MOD($C2262,24)+1)/SUM(INDEX($D$3:$AA$30,INDEX(Jesper!$R$2:$R$366,ROW(INDEX(Jesper!AH$2:AH$366,ROUNDDOWN($C2262/24,0)+1,1))-1)+IF('Standard Profiles'!$G$18=$B$10,7,0)+IF('Standard Profiles'!$G$18=$B$17,14,0)+IF('Standard Profiles'!$G$18=$B$24,21,0),0)),0)</f>
        <v>6.0899723527222882</v>
      </c>
      <c r="E2262" cm="1">
        <f t="array" ref="E2262">IFERROR(INDEX(Jesper!AI$2:AI$366,ROUNDDOWN($C2262/24,0)+1,1)*INDEX($D$3:$AA$30,INDEX(Jesper!$R$2:$R$366,ROW(INDEX(Jesper!AI$2:AI$366,ROUNDDOWN($C2262/24,0)+1,1))-1)+IF('Standard Profiles'!$G$19=$B$10,7,0)+IF('Standard Profiles'!$G$19=$B$17,14,0)+IF('Standard Profiles'!$G$19=$B$24,21,0),MOD($C2262,24)+1)/SUM(INDEX($D$3:$AA$30,INDEX(Jesper!$R$2:$R$366,ROW(INDEX(Jesper!AI$2:AI$366,ROUNDDOWN($C2262/24,0)+1,1))-1)+IF('Standard Profiles'!$G$19=$B$10,7,0)+IF('Standard Profiles'!$G$19=$B$17,14,0)+IF('Standard Profiles'!$G$19=$B$24,21,0),0)),0)</f>
        <v>6.8009756596150135</v>
      </c>
      <c r="F2262" cm="1">
        <f t="array" ref="F2262">IFERROR(INDEX(Jesper!AJ$2:AJ$366,ROUNDDOWN($C2262/24,0)+1,1)*INDEX($D$3:$AA$30,INDEX(Jesper!$R$2:$R$366,ROW(INDEX(Jesper!AJ$2:AJ$366,ROUNDDOWN($C2262/24,0)+1,1))-1)+IF('Standard Profiles'!$G$20=$B$10,7,0)+IF('Standard Profiles'!$G$20=$B$17,14,0)+IF('Standard Profiles'!$G$20=$B$24,21,0),MOD($C2262,24)+1)/SUM(INDEX($D$3:$AA$30,INDEX(Jesper!$R$2:$R$366,ROW(INDEX(Jesper!AJ$2:AJ$366,ROUNDDOWN($C2262/24,0)+1,1))-1)+IF('Standard Profiles'!$G$20=$B$10,7,0)+IF('Standard Profiles'!$G$20=$B$17,14,0)+IF('Standard Profiles'!$G$20=$B$24,21,0),0)),0)</f>
        <v>0</v>
      </c>
      <c r="G2262" cm="1">
        <f t="array" ref="G2262">IFERROR(INDEX(Jesper!AK$2:AK$366,ROUNDDOWN($C2262/24,0)+1,1)*INDEX($D$3:$AA$30,INDEX(Jesper!$R$2:$R$366,ROW(INDEX(Jesper!AK$2:AK$366,ROUNDDOWN($C2262/24,0)+1,1))-1)+IF('Standard Profiles'!$G$21=$B$10,7,0)+IF('Standard Profiles'!$G$21=$B$17,14,0)+IF('Standard Profiles'!$G$21=$B$24,21,0),MOD($C2262,24)+1)/SUM(INDEX($D$3:$AA$30,INDEX(Jesper!$R$2:$R$366,ROW(INDEX(Jesper!AK$2:AK$366,ROUNDDOWN($C2262/24,0)+1,1))-1)+IF('Standard Profiles'!$G$21=$B$10,7,0)+IF('Standard Profiles'!$G$21=$B$17,14,0)+IF('Standard Profiles'!$G$21=$B$24,21,0),0)),0)</f>
        <v>8.04379332487688</v>
      </c>
      <c r="H2262" cm="1">
        <f t="array" ref="H2262">IFERROR(INDEX(Jesper!AL$2:AL$366,ROUNDDOWN($C2262/24,0)+1,1)*INDEX($D$3:$AA$30,INDEX(Jesper!$R$2:$R$366,ROW(INDEX(Jesper!AL$2:AL$366,ROUNDDOWN($C2262/24,0)+1,1))-1)+IF('Standard Profiles'!$G$22=$B$10,7,0)+IF('Standard Profiles'!$G$22=$B$17,14,0)+IF('Standard Profiles'!$G$22=$B$24,21,0),MOD($C2262,24)+1)/SUM(INDEX($D$3:$AA$30,INDEX(Jesper!$R$2:$R$366,ROW(INDEX(Jesper!AL$2:AL$366,ROUNDDOWN($C2262/24,0)+1,1))-1)+IF('Standard Profiles'!$G$22=$B$10,7,0)+IF('Standard Profiles'!$G$22=$B$17,14,0)+IF('Standard Profiles'!$G$22=$B$24,21,0),0)),0)</f>
        <v>0</v>
      </c>
      <c r="I2262">
        <f t="shared" si="258"/>
        <v>3.8610207959409006</v>
      </c>
      <c r="J2262">
        <f t="shared" si="259"/>
        <v>16.099324964837713</v>
      </c>
      <c r="K2262">
        <f t="shared" si="260"/>
        <v>0.64959705095704412</v>
      </c>
      <c r="L2262">
        <f t="shared" si="261"/>
        <v>0.32479852547852206</v>
      </c>
      <c r="M2262">
        <f t="shared" si="262"/>
        <v>0</v>
      </c>
      <c r="N2262" s="45">
        <f t="shared" si="263"/>
        <v>45019.83333332793</v>
      </c>
    </row>
    <row r="2263" spans="2:14" x14ac:dyDescent="0.25">
      <c r="B2263">
        <f t="shared" si="257"/>
        <v>1</v>
      </c>
      <c r="C2263" s="16">
        <v>2229</v>
      </c>
      <c r="D2263" cm="1">
        <f t="array" ref="D2263">IFERROR(INDEX(Jesper!AH$2:AH$366,ROUNDDOWN($C2263/24,0)+1,1)*INDEX($D$3:$AA$30,INDEX(Jesper!$R$2:$R$366,ROW(INDEX(Jesper!AH$2:AH$366,ROUNDDOWN($C2263/24,0)+1,1))-1)+IF('Standard Profiles'!$G$18=$B$10,7,0)+IF('Standard Profiles'!$G$18=$B$17,14,0)+IF('Standard Profiles'!$G$18=$B$24,21,0),MOD($C2263,24)+1)/SUM(INDEX($D$3:$AA$30,INDEX(Jesper!$R$2:$R$366,ROW(INDEX(Jesper!AH$2:AH$366,ROUNDDOWN($C2263/24,0)+1,1))-1)+IF('Standard Profiles'!$G$18=$B$10,7,0)+IF('Standard Profiles'!$G$18=$B$17,14,0)+IF('Standard Profiles'!$G$18=$B$24,21,0),0)),0)</f>
        <v>6.0899723527222882</v>
      </c>
      <c r="E2263" cm="1">
        <f t="array" ref="E2263">IFERROR(INDEX(Jesper!AI$2:AI$366,ROUNDDOWN($C2263/24,0)+1,1)*INDEX($D$3:$AA$30,INDEX(Jesper!$R$2:$R$366,ROW(INDEX(Jesper!AI$2:AI$366,ROUNDDOWN($C2263/24,0)+1,1))-1)+IF('Standard Profiles'!$G$19=$B$10,7,0)+IF('Standard Profiles'!$G$19=$B$17,14,0)+IF('Standard Profiles'!$G$19=$B$24,21,0),MOD($C2263,24)+1)/SUM(INDEX($D$3:$AA$30,INDEX(Jesper!$R$2:$R$366,ROW(INDEX(Jesper!AI$2:AI$366,ROUNDDOWN($C2263/24,0)+1,1))-1)+IF('Standard Profiles'!$G$19=$B$10,7,0)+IF('Standard Profiles'!$G$19=$B$17,14,0)+IF('Standard Profiles'!$G$19=$B$24,21,0),0)),0)</f>
        <v>6.8009756596150135</v>
      </c>
      <c r="F2263" cm="1">
        <f t="array" ref="F2263">IFERROR(INDEX(Jesper!AJ$2:AJ$366,ROUNDDOWN($C2263/24,0)+1,1)*INDEX($D$3:$AA$30,INDEX(Jesper!$R$2:$R$366,ROW(INDEX(Jesper!AJ$2:AJ$366,ROUNDDOWN($C2263/24,0)+1,1))-1)+IF('Standard Profiles'!$G$20=$B$10,7,0)+IF('Standard Profiles'!$G$20=$B$17,14,0)+IF('Standard Profiles'!$G$20=$B$24,21,0),MOD($C2263,24)+1)/SUM(INDEX($D$3:$AA$30,INDEX(Jesper!$R$2:$R$366,ROW(INDEX(Jesper!AJ$2:AJ$366,ROUNDDOWN($C2263/24,0)+1,1))-1)+IF('Standard Profiles'!$G$20=$B$10,7,0)+IF('Standard Profiles'!$G$20=$B$17,14,0)+IF('Standard Profiles'!$G$20=$B$24,21,0),0)),0)</f>
        <v>0</v>
      </c>
      <c r="G2263" cm="1">
        <f t="array" ref="G2263">IFERROR(INDEX(Jesper!AK$2:AK$366,ROUNDDOWN($C2263/24,0)+1,1)*INDEX($D$3:$AA$30,INDEX(Jesper!$R$2:$R$366,ROW(INDEX(Jesper!AK$2:AK$366,ROUNDDOWN($C2263/24,0)+1,1))-1)+IF('Standard Profiles'!$G$21=$B$10,7,0)+IF('Standard Profiles'!$G$21=$B$17,14,0)+IF('Standard Profiles'!$G$21=$B$24,21,0),MOD($C2263,24)+1)/SUM(INDEX($D$3:$AA$30,INDEX(Jesper!$R$2:$R$366,ROW(INDEX(Jesper!AK$2:AK$366,ROUNDDOWN($C2263/24,0)+1,1))-1)+IF('Standard Profiles'!$G$21=$B$10,7,0)+IF('Standard Profiles'!$G$21=$B$17,14,0)+IF('Standard Profiles'!$G$21=$B$24,21,0),0)),0)</f>
        <v>8.04379332487688</v>
      </c>
      <c r="H2263" cm="1">
        <f t="array" ref="H2263">IFERROR(INDEX(Jesper!AL$2:AL$366,ROUNDDOWN($C2263/24,0)+1,1)*INDEX($D$3:$AA$30,INDEX(Jesper!$R$2:$R$366,ROW(INDEX(Jesper!AL$2:AL$366,ROUNDDOWN($C2263/24,0)+1,1))-1)+IF('Standard Profiles'!$G$22=$B$10,7,0)+IF('Standard Profiles'!$G$22=$B$17,14,0)+IF('Standard Profiles'!$G$22=$B$24,21,0),MOD($C2263,24)+1)/SUM(INDEX($D$3:$AA$30,INDEX(Jesper!$R$2:$R$366,ROW(INDEX(Jesper!AL$2:AL$366,ROUNDDOWN($C2263/24,0)+1,1))-1)+IF('Standard Profiles'!$G$22=$B$10,7,0)+IF('Standard Profiles'!$G$22=$B$17,14,0)+IF('Standard Profiles'!$G$22=$B$24,21,0),0)),0)</f>
        <v>0</v>
      </c>
      <c r="I2263">
        <f t="shared" si="258"/>
        <v>3.8610207959409006</v>
      </c>
      <c r="J2263">
        <f t="shared" si="259"/>
        <v>16.099324964837713</v>
      </c>
      <c r="K2263">
        <f t="shared" si="260"/>
        <v>0.64959705095704412</v>
      </c>
      <c r="L2263">
        <f t="shared" si="261"/>
        <v>0.32479852547852206</v>
      </c>
      <c r="M2263">
        <f t="shared" si="262"/>
        <v>0</v>
      </c>
      <c r="N2263" s="45">
        <f t="shared" si="263"/>
        <v>45019.874999994594</v>
      </c>
    </row>
    <row r="2264" spans="2:14" x14ac:dyDescent="0.25">
      <c r="B2264">
        <f t="shared" si="257"/>
        <v>1</v>
      </c>
      <c r="C2264" s="16">
        <v>2230</v>
      </c>
      <c r="D2264" cm="1">
        <f t="array" ref="D2264">IFERROR(INDEX(Jesper!AH$2:AH$366,ROUNDDOWN($C2264/24,0)+1,1)*INDEX($D$3:$AA$30,INDEX(Jesper!$R$2:$R$366,ROW(INDEX(Jesper!AH$2:AH$366,ROUNDDOWN($C2264/24,0)+1,1))-1)+IF('Standard Profiles'!$G$18=$B$10,7,0)+IF('Standard Profiles'!$G$18=$B$17,14,0)+IF('Standard Profiles'!$G$18=$B$24,21,0),MOD($C2264,24)+1)/SUM(INDEX($D$3:$AA$30,INDEX(Jesper!$R$2:$R$366,ROW(INDEX(Jesper!AH$2:AH$366,ROUNDDOWN($C2264/24,0)+1,1))-1)+IF('Standard Profiles'!$G$18=$B$10,7,0)+IF('Standard Profiles'!$G$18=$B$17,14,0)+IF('Standard Profiles'!$G$18=$B$24,21,0),0)),0)</f>
        <v>6.0899723527222882</v>
      </c>
      <c r="E2264" cm="1">
        <f t="array" ref="E2264">IFERROR(INDEX(Jesper!AI$2:AI$366,ROUNDDOWN($C2264/24,0)+1,1)*INDEX($D$3:$AA$30,INDEX(Jesper!$R$2:$R$366,ROW(INDEX(Jesper!AI$2:AI$366,ROUNDDOWN($C2264/24,0)+1,1))-1)+IF('Standard Profiles'!$G$19=$B$10,7,0)+IF('Standard Profiles'!$G$19=$B$17,14,0)+IF('Standard Profiles'!$G$19=$B$24,21,0),MOD($C2264,24)+1)/SUM(INDEX($D$3:$AA$30,INDEX(Jesper!$R$2:$R$366,ROW(INDEX(Jesper!AI$2:AI$366,ROUNDDOWN($C2264/24,0)+1,1))-1)+IF('Standard Profiles'!$G$19=$B$10,7,0)+IF('Standard Profiles'!$G$19=$B$17,14,0)+IF('Standard Profiles'!$G$19=$B$24,21,0),0)),0)</f>
        <v>6.8009756596150135</v>
      </c>
      <c r="F2264" cm="1">
        <f t="array" ref="F2264">IFERROR(INDEX(Jesper!AJ$2:AJ$366,ROUNDDOWN($C2264/24,0)+1,1)*INDEX($D$3:$AA$30,INDEX(Jesper!$R$2:$R$366,ROW(INDEX(Jesper!AJ$2:AJ$366,ROUNDDOWN($C2264/24,0)+1,1))-1)+IF('Standard Profiles'!$G$20=$B$10,7,0)+IF('Standard Profiles'!$G$20=$B$17,14,0)+IF('Standard Profiles'!$G$20=$B$24,21,0),MOD($C2264,24)+1)/SUM(INDEX($D$3:$AA$30,INDEX(Jesper!$R$2:$R$366,ROW(INDEX(Jesper!AJ$2:AJ$366,ROUNDDOWN($C2264/24,0)+1,1))-1)+IF('Standard Profiles'!$G$20=$B$10,7,0)+IF('Standard Profiles'!$G$20=$B$17,14,0)+IF('Standard Profiles'!$G$20=$B$24,21,0),0)),0)</f>
        <v>0</v>
      </c>
      <c r="G2264" cm="1">
        <f t="array" ref="G2264">IFERROR(INDEX(Jesper!AK$2:AK$366,ROUNDDOWN($C2264/24,0)+1,1)*INDEX($D$3:$AA$30,INDEX(Jesper!$R$2:$R$366,ROW(INDEX(Jesper!AK$2:AK$366,ROUNDDOWN($C2264/24,0)+1,1))-1)+IF('Standard Profiles'!$G$21=$B$10,7,0)+IF('Standard Profiles'!$G$21=$B$17,14,0)+IF('Standard Profiles'!$G$21=$B$24,21,0),MOD($C2264,24)+1)/SUM(INDEX($D$3:$AA$30,INDEX(Jesper!$R$2:$R$366,ROW(INDEX(Jesper!AK$2:AK$366,ROUNDDOWN($C2264/24,0)+1,1))-1)+IF('Standard Profiles'!$G$21=$B$10,7,0)+IF('Standard Profiles'!$G$21=$B$17,14,0)+IF('Standard Profiles'!$G$21=$B$24,21,0),0)),0)</f>
        <v>8.04379332487688</v>
      </c>
      <c r="H2264" cm="1">
        <f t="array" ref="H2264">IFERROR(INDEX(Jesper!AL$2:AL$366,ROUNDDOWN($C2264/24,0)+1,1)*INDEX($D$3:$AA$30,INDEX(Jesper!$R$2:$R$366,ROW(INDEX(Jesper!AL$2:AL$366,ROUNDDOWN($C2264/24,0)+1,1))-1)+IF('Standard Profiles'!$G$22=$B$10,7,0)+IF('Standard Profiles'!$G$22=$B$17,14,0)+IF('Standard Profiles'!$G$22=$B$24,21,0),MOD($C2264,24)+1)/SUM(INDEX($D$3:$AA$30,INDEX(Jesper!$R$2:$R$366,ROW(INDEX(Jesper!AL$2:AL$366,ROUNDDOWN($C2264/24,0)+1,1))-1)+IF('Standard Profiles'!$G$22=$B$10,7,0)+IF('Standard Profiles'!$G$22=$B$17,14,0)+IF('Standard Profiles'!$G$22=$B$24,21,0),0)),0)</f>
        <v>0</v>
      </c>
      <c r="I2264">
        <f t="shared" si="258"/>
        <v>3.8610207959409006</v>
      </c>
      <c r="J2264">
        <f t="shared" si="259"/>
        <v>16.099324964837713</v>
      </c>
      <c r="K2264">
        <f t="shared" si="260"/>
        <v>0.64959705095704412</v>
      </c>
      <c r="L2264">
        <f t="shared" si="261"/>
        <v>0.32479852547852206</v>
      </c>
      <c r="M2264">
        <f t="shared" si="262"/>
        <v>0</v>
      </c>
      <c r="N2264" s="45">
        <f t="shared" si="263"/>
        <v>45019.916666661258</v>
      </c>
    </row>
    <row r="2265" spans="2:14" x14ac:dyDescent="0.25">
      <c r="B2265">
        <f t="shared" si="257"/>
        <v>1</v>
      </c>
      <c r="C2265" s="16">
        <v>2231</v>
      </c>
      <c r="D2265" cm="1">
        <f t="array" ref="D2265">IFERROR(INDEX(Jesper!AH$2:AH$366,ROUNDDOWN($C2265/24,0)+1,1)*INDEX($D$3:$AA$30,INDEX(Jesper!$R$2:$R$366,ROW(INDEX(Jesper!AH$2:AH$366,ROUNDDOWN($C2265/24,0)+1,1))-1)+IF('Standard Profiles'!$G$18=$B$10,7,0)+IF('Standard Profiles'!$G$18=$B$17,14,0)+IF('Standard Profiles'!$G$18=$B$24,21,0),MOD($C2265,24)+1)/SUM(INDEX($D$3:$AA$30,INDEX(Jesper!$R$2:$R$366,ROW(INDEX(Jesper!AH$2:AH$366,ROUNDDOWN($C2265/24,0)+1,1))-1)+IF('Standard Profiles'!$G$18=$B$10,7,0)+IF('Standard Profiles'!$G$18=$B$17,14,0)+IF('Standard Profiles'!$G$18=$B$24,21,0),0)),0)</f>
        <v>6.0899723527222882</v>
      </c>
      <c r="E2265" cm="1">
        <f t="array" ref="E2265">IFERROR(INDEX(Jesper!AI$2:AI$366,ROUNDDOWN($C2265/24,0)+1,1)*INDEX($D$3:$AA$30,INDEX(Jesper!$R$2:$R$366,ROW(INDEX(Jesper!AI$2:AI$366,ROUNDDOWN($C2265/24,0)+1,1))-1)+IF('Standard Profiles'!$G$19=$B$10,7,0)+IF('Standard Profiles'!$G$19=$B$17,14,0)+IF('Standard Profiles'!$G$19=$B$24,21,0),MOD($C2265,24)+1)/SUM(INDEX($D$3:$AA$30,INDEX(Jesper!$R$2:$R$366,ROW(INDEX(Jesper!AI$2:AI$366,ROUNDDOWN($C2265/24,0)+1,1))-1)+IF('Standard Profiles'!$G$19=$B$10,7,0)+IF('Standard Profiles'!$G$19=$B$17,14,0)+IF('Standard Profiles'!$G$19=$B$24,21,0),0)),0)</f>
        <v>6.8009756596150135</v>
      </c>
      <c r="F2265" cm="1">
        <f t="array" ref="F2265">IFERROR(INDEX(Jesper!AJ$2:AJ$366,ROUNDDOWN($C2265/24,0)+1,1)*INDEX($D$3:$AA$30,INDEX(Jesper!$R$2:$R$366,ROW(INDEX(Jesper!AJ$2:AJ$366,ROUNDDOWN($C2265/24,0)+1,1))-1)+IF('Standard Profiles'!$G$20=$B$10,7,0)+IF('Standard Profiles'!$G$20=$B$17,14,0)+IF('Standard Profiles'!$G$20=$B$24,21,0),MOD($C2265,24)+1)/SUM(INDEX($D$3:$AA$30,INDEX(Jesper!$R$2:$R$366,ROW(INDEX(Jesper!AJ$2:AJ$366,ROUNDDOWN($C2265/24,0)+1,1))-1)+IF('Standard Profiles'!$G$20=$B$10,7,0)+IF('Standard Profiles'!$G$20=$B$17,14,0)+IF('Standard Profiles'!$G$20=$B$24,21,0),0)),0)</f>
        <v>0</v>
      </c>
      <c r="G2265" cm="1">
        <f t="array" ref="G2265">IFERROR(INDEX(Jesper!AK$2:AK$366,ROUNDDOWN($C2265/24,0)+1,1)*INDEX($D$3:$AA$30,INDEX(Jesper!$R$2:$R$366,ROW(INDEX(Jesper!AK$2:AK$366,ROUNDDOWN($C2265/24,0)+1,1))-1)+IF('Standard Profiles'!$G$21=$B$10,7,0)+IF('Standard Profiles'!$G$21=$B$17,14,0)+IF('Standard Profiles'!$G$21=$B$24,21,0),MOD($C2265,24)+1)/SUM(INDEX($D$3:$AA$30,INDEX(Jesper!$R$2:$R$366,ROW(INDEX(Jesper!AK$2:AK$366,ROUNDDOWN($C2265/24,0)+1,1))-1)+IF('Standard Profiles'!$G$21=$B$10,7,0)+IF('Standard Profiles'!$G$21=$B$17,14,0)+IF('Standard Profiles'!$G$21=$B$24,21,0),0)),0)</f>
        <v>8.04379332487688</v>
      </c>
      <c r="H2265" cm="1">
        <f t="array" ref="H2265">IFERROR(INDEX(Jesper!AL$2:AL$366,ROUNDDOWN($C2265/24,0)+1,1)*INDEX($D$3:$AA$30,INDEX(Jesper!$R$2:$R$366,ROW(INDEX(Jesper!AL$2:AL$366,ROUNDDOWN($C2265/24,0)+1,1))-1)+IF('Standard Profiles'!$G$22=$B$10,7,0)+IF('Standard Profiles'!$G$22=$B$17,14,0)+IF('Standard Profiles'!$G$22=$B$24,21,0),MOD($C2265,24)+1)/SUM(INDEX($D$3:$AA$30,INDEX(Jesper!$R$2:$R$366,ROW(INDEX(Jesper!AL$2:AL$366,ROUNDDOWN($C2265/24,0)+1,1))-1)+IF('Standard Profiles'!$G$22=$B$10,7,0)+IF('Standard Profiles'!$G$22=$B$17,14,0)+IF('Standard Profiles'!$G$22=$B$24,21,0),0)),0)</f>
        <v>0</v>
      </c>
      <c r="I2265">
        <f t="shared" si="258"/>
        <v>3.8610207959409006</v>
      </c>
      <c r="J2265">
        <f t="shared" si="259"/>
        <v>16.099324964837713</v>
      </c>
      <c r="K2265">
        <f t="shared" si="260"/>
        <v>0.64959705095704412</v>
      </c>
      <c r="L2265">
        <f t="shared" si="261"/>
        <v>0.32479852547852206</v>
      </c>
      <c r="M2265">
        <f t="shared" si="262"/>
        <v>0</v>
      </c>
      <c r="N2265" s="45">
        <f t="shared" si="263"/>
        <v>45019.958333327922</v>
      </c>
    </row>
    <row r="2266" spans="2:14" x14ac:dyDescent="0.25">
      <c r="B2266">
        <f t="shared" si="257"/>
        <v>2</v>
      </c>
      <c r="C2266" s="16">
        <v>2232</v>
      </c>
      <c r="D2266" cm="1">
        <f t="array" ref="D2266">IFERROR(INDEX(Jesper!AH$2:AH$366,ROUNDDOWN($C2266/24,0)+1,1)*INDEX($D$3:$AA$30,INDEX(Jesper!$R$2:$R$366,ROW(INDEX(Jesper!AH$2:AH$366,ROUNDDOWN($C2266/24,0)+1,1))-1)+IF('Standard Profiles'!$G$18=$B$10,7,0)+IF('Standard Profiles'!$G$18=$B$17,14,0)+IF('Standard Profiles'!$G$18=$B$24,21,0),MOD($C2266,24)+1)/SUM(INDEX($D$3:$AA$30,INDEX(Jesper!$R$2:$R$366,ROW(INDEX(Jesper!AH$2:AH$366,ROUNDDOWN($C2266/24,0)+1,1))-1)+IF('Standard Profiles'!$G$18=$B$10,7,0)+IF('Standard Profiles'!$G$18=$B$17,14,0)+IF('Standard Profiles'!$G$18=$B$24,21,0),0)),0)</f>
        <v>3.9220847815248274</v>
      </c>
      <c r="E2266" cm="1">
        <f t="array" ref="E2266">IFERROR(INDEX(Jesper!AI$2:AI$366,ROUNDDOWN($C2266/24,0)+1,1)*INDEX($D$3:$AA$30,INDEX(Jesper!$R$2:$R$366,ROW(INDEX(Jesper!AI$2:AI$366,ROUNDDOWN($C2266/24,0)+1,1))-1)+IF('Standard Profiles'!$G$19=$B$10,7,0)+IF('Standard Profiles'!$G$19=$B$17,14,0)+IF('Standard Profiles'!$G$19=$B$24,21,0),MOD($C2266,24)+1)/SUM(INDEX($D$3:$AA$30,INDEX(Jesper!$R$2:$R$366,ROW(INDEX(Jesper!AI$2:AI$366,ROUNDDOWN($C2266/24,0)+1,1))-1)+IF('Standard Profiles'!$G$19=$B$10,7,0)+IF('Standard Profiles'!$G$19=$B$17,14,0)+IF('Standard Profiles'!$G$19=$B$24,21,0),0)),0)</f>
        <v>4.6889247210684966</v>
      </c>
      <c r="F2266" cm="1">
        <f t="array" ref="F2266">IFERROR(INDEX(Jesper!AJ$2:AJ$366,ROUNDDOWN($C2266/24,0)+1,1)*INDEX($D$3:$AA$30,INDEX(Jesper!$R$2:$R$366,ROW(INDEX(Jesper!AJ$2:AJ$366,ROUNDDOWN($C2266/24,0)+1,1))-1)+IF('Standard Profiles'!$G$20=$B$10,7,0)+IF('Standard Profiles'!$G$20=$B$17,14,0)+IF('Standard Profiles'!$G$20=$B$24,21,0),MOD($C2266,24)+1)/SUM(INDEX($D$3:$AA$30,INDEX(Jesper!$R$2:$R$366,ROW(INDEX(Jesper!AJ$2:AJ$366,ROUNDDOWN($C2266/24,0)+1,1))-1)+IF('Standard Profiles'!$G$20=$B$10,7,0)+IF('Standard Profiles'!$G$20=$B$17,14,0)+IF('Standard Profiles'!$G$20=$B$24,21,0),0)),0)</f>
        <v>0</v>
      </c>
      <c r="G2266" cm="1">
        <f t="array" ref="G2266">IFERROR(INDEX(Jesper!AK$2:AK$366,ROUNDDOWN($C2266/24,0)+1,1)*INDEX($D$3:$AA$30,INDEX(Jesper!$R$2:$R$366,ROW(INDEX(Jesper!AK$2:AK$366,ROUNDDOWN($C2266/24,0)+1,1))-1)+IF('Standard Profiles'!$G$21=$B$10,7,0)+IF('Standard Profiles'!$G$21=$B$17,14,0)+IF('Standard Profiles'!$G$21=$B$24,21,0),MOD($C2266,24)+1)/SUM(INDEX($D$3:$AA$30,INDEX(Jesper!$R$2:$R$366,ROW(INDEX(Jesper!AK$2:AK$366,ROUNDDOWN($C2266/24,0)+1,1))-1)+IF('Standard Profiles'!$G$21=$B$10,7,0)+IF('Standard Profiles'!$G$21=$B$17,14,0)+IF('Standard Profiles'!$G$21=$B$24,21,0),0)),0)</f>
        <v>8.9394785692231657</v>
      </c>
      <c r="H2266" cm="1">
        <f t="array" ref="H2266">IFERROR(INDEX(Jesper!AL$2:AL$366,ROUNDDOWN($C2266/24,0)+1,1)*INDEX($D$3:$AA$30,INDEX(Jesper!$R$2:$R$366,ROW(INDEX(Jesper!AL$2:AL$366,ROUNDDOWN($C2266/24,0)+1,1))-1)+IF('Standard Profiles'!$G$22=$B$10,7,0)+IF('Standard Profiles'!$G$22=$B$17,14,0)+IF('Standard Profiles'!$G$22=$B$24,21,0),MOD($C2266,24)+1)/SUM(INDEX($D$3:$AA$30,INDEX(Jesper!$R$2:$R$366,ROW(INDEX(Jesper!AL$2:AL$366,ROUNDDOWN($C2266/24,0)+1,1))-1)+IF('Standard Profiles'!$G$22=$B$10,7,0)+IF('Standard Profiles'!$G$22=$B$17,14,0)+IF('Standard Profiles'!$G$22=$B$24,21,0),0)),0)</f>
        <v>0</v>
      </c>
      <c r="I2266">
        <f t="shared" si="258"/>
        <v>4.2909497132271177</v>
      </c>
      <c r="J2266">
        <f t="shared" si="259"/>
        <v>12.632004793545399</v>
      </c>
      <c r="K2266">
        <f t="shared" si="260"/>
        <v>0.41835571002931493</v>
      </c>
      <c r="L2266">
        <f t="shared" si="261"/>
        <v>0.20917785501465747</v>
      </c>
      <c r="M2266">
        <f t="shared" si="262"/>
        <v>0</v>
      </c>
      <c r="N2266" s="45">
        <f t="shared" si="263"/>
        <v>45019.999999994587</v>
      </c>
    </row>
    <row r="2267" spans="2:14" x14ac:dyDescent="0.25">
      <c r="B2267">
        <f t="shared" si="257"/>
        <v>2</v>
      </c>
      <c r="C2267" s="16">
        <v>2233</v>
      </c>
      <c r="D2267" cm="1">
        <f t="array" ref="D2267">IFERROR(INDEX(Jesper!AH$2:AH$366,ROUNDDOWN($C2267/24,0)+1,1)*INDEX($D$3:$AA$30,INDEX(Jesper!$R$2:$R$366,ROW(INDEX(Jesper!AH$2:AH$366,ROUNDDOWN($C2267/24,0)+1,1))-1)+IF('Standard Profiles'!$G$18=$B$10,7,0)+IF('Standard Profiles'!$G$18=$B$17,14,0)+IF('Standard Profiles'!$G$18=$B$24,21,0),MOD($C2267,24)+1)/SUM(INDEX($D$3:$AA$30,INDEX(Jesper!$R$2:$R$366,ROW(INDEX(Jesper!AH$2:AH$366,ROUNDDOWN($C2267/24,0)+1,1))-1)+IF('Standard Profiles'!$G$18=$B$10,7,0)+IF('Standard Profiles'!$G$18=$B$17,14,0)+IF('Standard Profiles'!$G$18=$B$24,21,0),0)),0)</f>
        <v>5.9765101432759291</v>
      </c>
      <c r="E2267" cm="1">
        <f t="array" ref="E2267">IFERROR(INDEX(Jesper!AI$2:AI$366,ROUNDDOWN($C2267/24,0)+1,1)*INDEX($D$3:$AA$30,INDEX(Jesper!$R$2:$R$366,ROW(INDEX(Jesper!AI$2:AI$366,ROUNDDOWN($C2267/24,0)+1,1))-1)+IF('Standard Profiles'!$G$19=$B$10,7,0)+IF('Standard Profiles'!$G$19=$B$17,14,0)+IF('Standard Profiles'!$G$19=$B$24,21,0),MOD($C2267,24)+1)/SUM(INDEX($D$3:$AA$30,INDEX(Jesper!$R$2:$R$366,ROW(INDEX(Jesper!AI$2:AI$366,ROUNDDOWN($C2267/24,0)+1,1))-1)+IF('Standard Profiles'!$G$19=$B$10,7,0)+IF('Standard Profiles'!$G$19=$B$17,14,0)+IF('Standard Profiles'!$G$19=$B$24,21,0),0)),0)</f>
        <v>7.1450281463900911</v>
      </c>
      <c r="F2267" cm="1">
        <f t="array" ref="F2267">IFERROR(INDEX(Jesper!AJ$2:AJ$366,ROUNDDOWN($C2267/24,0)+1,1)*INDEX($D$3:$AA$30,INDEX(Jesper!$R$2:$R$366,ROW(INDEX(Jesper!AJ$2:AJ$366,ROUNDDOWN($C2267/24,0)+1,1))-1)+IF('Standard Profiles'!$G$20=$B$10,7,0)+IF('Standard Profiles'!$G$20=$B$17,14,0)+IF('Standard Profiles'!$G$20=$B$24,21,0),MOD($C2267,24)+1)/SUM(INDEX($D$3:$AA$30,INDEX(Jesper!$R$2:$R$366,ROW(INDEX(Jesper!AJ$2:AJ$366,ROUNDDOWN($C2267/24,0)+1,1))-1)+IF('Standard Profiles'!$G$20=$B$10,7,0)+IF('Standard Profiles'!$G$20=$B$17,14,0)+IF('Standard Profiles'!$G$20=$B$24,21,0),0)),0)</f>
        <v>0</v>
      </c>
      <c r="G2267" cm="1">
        <f t="array" ref="G2267">IFERROR(INDEX(Jesper!AK$2:AK$366,ROUNDDOWN($C2267/24,0)+1,1)*INDEX($D$3:$AA$30,INDEX(Jesper!$R$2:$R$366,ROW(INDEX(Jesper!AK$2:AK$366,ROUNDDOWN($C2267/24,0)+1,1))-1)+IF('Standard Profiles'!$G$21=$B$10,7,0)+IF('Standard Profiles'!$G$21=$B$17,14,0)+IF('Standard Profiles'!$G$21=$B$24,21,0),MOD($C2267,24)+1)/SUM(INDEX($D$3:$AA$30,INDEX(Jesper!$R$2:$R$366,ROW(INDEX(Jesper!AK$2:AK$366,ROUNDDOWN($C2267/24,0)+1,1))-1)+IF('Standard Profiles'!$G$21=$B$10,7,0)+IF('Standard Profiles'!$G$21=$B$17,14,0)+IF('Standard Profiles'!$G$21=$B$24,21,0),0)),0)</f>
        <v>8.9394785692231657</v>
      </c>
      <c r="H2267" cm="1">
        <f t="array" ref="H2267">IFERROR(INDEX(Jesper!AL$2:AL$366,ROUNDDOWN($C2267/24,0)+1,1)*INDEX($D$3:$AA$30,INDEX(Jesper!$R$2:$R$366,ROW(INDEX(Jesper!AL$2:AL$366,ROUNDDOWN($C2267/24,0)+1,1))-1)+IF('Standard Profiles'!$G$22=$B$10,7,0)+IF('Standard Profiles'!$G$22=$B$17,14,0)+IF('Standard Profiles'!$G$22=$B$24,21,0),MOD($C2267,24)+1)/SUM(INDEX($D$3:$AA$30,INDEX(Jesper!$R$2:$R$366,ROW(INDEX(Jesper!AL$2:AL$366,ROUNDDOWN($C2267/24,0)+1,1))-1)+IF('Standard Profiles'!$G$22=$B$10,7,0)+IF('Standard Profiles'!$G$22=$B$17,14,0)+IF('Standard Profiles'!$G$22=$B$24,21,0),0)),0)</f>
        <v>0</v>
      </c>
      <c r="I2267">
        <f t="shared" si="258"/>
        <v>4.2909497132271177</v>
      </c>
      <c r="J2267">
        <f t="shared" si="259"/>
        <v>16.813825522737918</v>
      </c>
      <c r="K2267">
        <f t="shared" si="260"/>
        <v>0.63749441528276585</v>
      </c>
      <c r="L2267">
        <f t="shared" si="261"/>
        <v>0.31874720764138292</v>
      </c>
      <c r="M2267">
        <f t="shared" si="262"/>
        <v>0</v>
      </c>
      <c r="N2267" s="45">
        <f t="shared" si="263"/>
        <v>45020.041666661251</v>
      </c>
    </row>
    <row r="2268" spans="2:14" x14ac:dyDescent="0.25">
      <c r="B2268">
        <f t="shared" si="257"/>
        <v>2</v>
      </c>
      <c r="C2268" s="16">
        <v>2234</v>
      </c>
      <c r="D2268" cm="1">
        <f t="array" ref="D2268">IFERROR(INDEX(Jesper!AH$2:AH$366,ROUNDDOWN($C2268/24,0)+1,1)*INDEX($D$3:$AA$30,INDEX(Jesper!$R$2:$R$366,ROW(INDEX(Jesper!AH$2:AH$366,ROUNDDOWN($C2268/24,0)+1,1))-1)+IF('Standard Profiles'!$G$18=$B$10,7,0)+IF('Standard Profiles'!$G$18=$B$17,14,0)+IF('Standard Profiles'!$G$18=$B$24,21,0),MOD($C2268,24)+1)/SUM(INDEX($D$3:$AA$30,INDEX(Jesper!$R$2:$R$366,ROW(INDEX(Jesper!AH$2:AH$366,ROUNDDOWN($C2268/24,0)+1,1))-1)+IF('Standard Profiles'!$G$18=$B$10,7,0)+IF('Standard Profiles'!$G$18=$B$17,14,0)+IF('Standard Profiles'!$G$18=$B$24,21,0),0)),0)</f>
        <v>5.9765101432759291</v>
      </c>
      <c r="E2268" cm="1">
        <f t="array" ref="E2268">IFERROR(INDEX(Jesper!AI$2:AI$366,ROUNDDOWN($C2268/24,0)+1,1)*INDEX($D$3:$AA$30,INDEX(Jesper!$R$2:$R$366,ROW(INDEX(Jesper!AI$2:AI$366,ROUNDDOWN($C2268/24,0)+1,1))-1)+IF('Standard Profiles'!$G$19=$B$10,7,0)+IF('Standard Profiles'!$G$19=$B$17,14,0)+IF('Standard Profiles'!$G$19=$B$24,21,0),MOD($C2268,24)+1)/SUM(INDEX($D$3:$AA$30,INDEX(Jesper!$R$2:$R$366,ROW(INDEX(Jesper!AI$2:AI$366,ROUNDDOWN($C2268/24,0)+1,1))-1)+IF('Standard Profiles'!$G$19=$B$10,7,0)+IF('Standard Profiles'!$G$19=$B$17,14,0)+IF('Standard Profiles'!$G$19=$B$24,21,0),0)),0)</f>
        <v>7.1450281463900911</v>
      </c>
      <c r="F2268" cm="1">
        <f t="array" ref="F2268">IFERROR(INDEX(Jesper!AJ$2:AJ$366,ROUNDDOWN($C2268/24,0)+1,1)*INDEX($D$3:$AA$30,INDEX(Jesper!$R$2:$R$366,ROW(INDEX(Jesper!AJ$2:AJ$366,ROUNDDOWN($C2268/24,0)+1,1))-1)+IF('Standard Profiles'!$G$20=$B$10,7,0)+IF('Standard Profiles'!$G$20=$B$17,14,0)+IF('Standard Profiles'!$G$20=$B$24,21,0),MOD($C2268,24)+1)/SUM(INDEX($D$3:$AA$30,INDEX(Jesper!$R$2:$R$366,ROW(INDEX(Jesper!AJ$2:AJ$366,ROUNDDOWN($C2268/24,0)+1,1))-1)+IF('Standard Profiles'!$G$20=$B$10,7,0)+IF('Standard Profiles'!$G$20=$B$17,14,0)+IF('Standard Profiles'!$G$20=$B$24,21,0),0)),0)</f>
        <v>0</v>
      </c>
      <c r="G2268" cm="1">
        <f t="array" ref="G2268">IFERROR(INDEX(Jesper!AK$2:AK$366,ROUNDDOWN($C2268/24,0)+1,1)*INDEX($D$3:$AA$30,INDEX(Jesper!$R$2:$R$366,ROW(INDEX(Jesper!AK$2:AK$366,ROUNDDOWN($C2268/24,0)+1,1))-1)+IF('Standard Profiles'!$G$21=$B$10,7,0)+IF('Standard Profiles'!$G$21=$B$17,14,0)+IF('Standard Profiles'!$G$21=$B$24,21,0),MOD($C2268,24)+1)/SUM(INDEX($D$3:$AA$30,INDEX(Jesper!$R$2:$R$366,ROW(INDEX(Jesper!AK$2:AK$366,ROUNDDOWN($C2268/24,0)+1,1))-1)+IF('Standard Profiles'!$G$21=$B$10,7,0)+IF('Standard Profiles'!$G$21=$B$17,14,0)+IF('Standard Profiles'!$G$21=$B$24,21,0),0)),0)</f>
        <v>8.9394785692231657</v>
      </c>
      <c r="H2268" cm="1">
        <f t="array" ref="H2268">IFERROR(INDEX(Jesper!AL$2:AL$366,ROUNDDOWN($C2268/24,0)+1,1)*INDEX($D$3:$AA$30,INDEX(Jesper!$R$2:$R$366,ROW(INDEX(Jesper!AL$2:AL$366,ROUNDDOWN($C2268/24,0)+1,1))-1)+IF('Standard Profiles'!$G$22=$B$10,7,0)+IF('Standard Profiles'!$G$22=$B$17,14,0)+IF('Standard Profiles'!$G$22=$B$24,21,0),MOD($C2268,24)+1)/SUM(INDEX($D$3:$AA$30,INDEX(Jesper!$R$2:$R$366,ROW(INDEX(Jesper!AL$2:AL$366,ROUNDDOWN($C2268/24,0)+1,1))-1)+IF('Standard Profiles'!$G$22=$B$10,7,0)+IF('Standard Profiles'!$G$22=$B$17,14,0)+IF('Standard Profiles'!$G$22=$B$24,21,0),0)),0)</f>
        <v>0</v>
      </c>
      <c r="I2268">
        <f t="shared" si="258"/>
        <v>4.2909497132271177</v>
      </c>
      <c r="J2268">
        <f t="shared" si="259"/>
        <v>16.813825522737918</v>
      </c>
      <c r="K2268">
        <f t="shared" si="260"/>
        <v>0.63749441528276585</v>
      </c>
      <c r="L2268">
        <f t="shared" si="261"/>
        <v>0.31874720764138292</v>
      </c>
      <c r="M2268">
        <f t="shared" si="262"/>
        <v>0</v>
      </c>
      <c r="N2268" s="45">
        <f t="shared" si="263"/>
        <v>45020.083333327915</v>
      </c>
    </row>
    <row r="2269" spans="2:14" x14ac:dyDescent="0.25">
      <c r="B2269">
        <f t="shared" si="257"/>
        <v>2</v>
      </c>
      <c r="C2269" s="16">
        <v>2235</v>
      </c>
      <c r="D2269" cm="1">
        <f t="array" ref="D2269">IFERROR(INDEX(Jesper!AH$2:AH$366,ROUNDDOWN($C2269/24,0)+1,1)*INDEX($D$3:$AA$30,INDEX(Jesper!$R$2:$R$366,ROW(INDEX(Jesper!AH$2:AH$366,ROUNDDOWN($C2269/24,0)+1,1))-1)+IF('Standard Profiles'!$G$18=$B$10,7,0)+IF('Standard Profiles'!$G$18=$B$17,14,0)+IF('Standard Profiles'!$G$18=$B$24,21,0),MOD($C2269,24)+1)/SUM(INDEX($D$3:$AA$30,INDEX(Jesper!$R$2:$R$366,ROW(INDEX(Jesper!AH$2:AH$366,ROUNDDOWN($C2269/24,0)+1,1))-1)+IF('Standard Profiles'!$G$18=$B$10,7,0)+IF('Standard Profiles'!$G$18=$B$17,14,0)+IF('Standard Profiles'!$G$18=$B$24,21,0),0)),0)</f>
        <v>5.9765101432759291</v>
      </c>
      <c r="E2269" cm="1">
        <f t="array" ref="E2269">IFERROR(INDEX(Jesper!AI$2:AI$366,ROUNDDOWN($C2269/24,0)+1,1)*INDEX($D$3:$AA$30,INDEX(Jesper!$R$2:$R$366,ROW(INDEX(Jesper!AI$2:AI$366,ROUNDDOWN($C2269/24,0)+1,1))-1)+IF('Standard Profiles'!$G$19=$B$10,7,0)+IF('Standard Profiles'!$G$19=$B$17,14,0)+IF('Standard Profiles'!$G$19=$B$24,21,0),MOD($C2269,24)+1)/SUM(INDEX($D$3:$AA$30,INDEX(Jesper!$R$2:$R$366,ROW(INDEX(Jesper!AI$2:AI$366,ROUNDDOWN($C2269/24,0)+1,1))-1)+IF('Standard Profiles'!$G$19=$B$10,7,0)+IF('Standard Profiles'!$G$19=$B$17,14,0)+IF('Standard Profiles'!$G$19=$B$24,21,0),0)),0)</f>
        <v>7.1450281463900911</v>
      </c>
      <c r="F2269" cm="1">
        <f t="array" ref="F2269">IFERROR(INDEX(Jesper!AJ$2:AJ$366,ROUNDDOWN($C2269/24,0)+1,1)*INDEX($D$3:$AA$30,INDEX(Jesper!$R$2:$R$366,ROW(INDEX(Jesper!AJ$2:AJ$366,ROUNDDOWN($C2269/24,0)+1,1))-1)+IF('Standard Profiles'!$G$20=$B$10,7,0)+IF('Standard Profiles'!$G$20=$B$17,14,0)+IF('Standard Profiles'!$G$20=$B$24,21,0),MOD($C2269,24)+1)/SUM(INDEX($D$3:$AA$30,INDEX(Jesper!$R$2:$R$366,ROW(INDEX(Jesper!AJ$2:AJ$366,ROUNDDOWN($C2269/24,0)+1,1))-1)+IF('Standard Profiles'!$G$20=$B$10,7,0)+IF('Standard Profiles'!$G$20=$B$17,14,0)+IF('Standard Profiles'!$G$20=$B$24,21,0),0)),0)</f>
        <v>0</v>
      </c>
      <c r="G2269" cm="1">
        <f t="array" ref="G2269">IFERROR(INDEX(Jesper!AK$2:AK$366,ROUNDDOWN($C2269/24,0)+1,1)*INDEX($D$3:$AA$30,INDEX(Jesper!$R$2:$R$366,ROW(INDEX(Jesper!AK$2:AK$366,ROUNDDOWN($C2269/24,0)+1,1))-1)+IF('Standard Profiles'!$G$21=$B$10,7,0)+IF('Standard Profiles'!$G$21=$B$17,14,0)+IF('Standard Profiles'!$G$21=$B$24,21,0),MOD($C2269,24)+1)/SUM(INDEX($D$3:$AA$30,INDEX(Jesper!$R$2:$R$366,ROW(INDEX(Jesper!AK$2:AK$366,ROUNDDOWN($C2269/24,0)+1,1))-1)+IF('Standard Profiles'!$G$21=$B$10,7,0)+IF('Standard Profiles'!$G$21=$B$17,14,0)+IF('Standard Profiles'!$G$21=$B$24,21,0),0)),0)</f>
        <v>8.9394785692231657</v>
      </c>
      <c r="H2269" cm="1">
        <f t="array" ref="H2269">IFERROR(INDEX(Jesper!AL$2:AL$366,ROUNDDOWN($C2269/24,0)+1,1)*INDEX($D$3:$AA$30,INDEX(Jesper!$R$2:$R$366,ROW(INDEX(Jesper!AL$2:AL$366,ROUNDDOWN($C2269/24,0)+1,1))-1)+IF('Standard Profiles'!$G$22=$B$10,7,0)+IF('Standard Profiles'!$G$22=$B$17,14,0)+IF('Standard Profiles'!$G$22=$B$24,21,0),MOD($C2269,24)+1)/SUM(INDEX($D$3:$AA$30,INDEX(Jesper!$R$2:$R$366,ROW(INDEX(Jesper!AL$2:AL$366,ROUNDDOWN($C2269/24,0)+1,1))-1)+IF('Standard Profiles'!$G$22=$B$10,7,0)+IF('Standard Profiles'!$G$22=$B$17,14,0)+IF('Standard Profiles'!$G$22=$B$24,21,0),0)),0)</f>
        <v>0</v>
      </c>
      <c r="I2269">
        <f t="shared" si="258"/>
        <v>4.2909497132271177</v>
      </c>
      <c r="J2269">
        <f t="shared" si="259"/>
        <v>16.813825522737918</v>
      </c>
      <c r="K2269">
        <f t="shared" si="260"/>
        <v>0.63749441528276585</v>
      </c>
      <c r="L2269">
        <f t="shared" si="261"/>
        <v>0.31874720764138292</v>
      </c>
      <c r="M2269">
        <f t="shared" si="262"/>
        <v>0</v>
      </c>
      <c r="N2269" s="45">
        <f t="shared" si="263"/>
        <v>45020.124999994579</v>
      </c>
    </row>
    <row r="2270" spans="2:14" x14ac:dyDescent="0.25">
      <c r="B2270">
        <f t="shared" si="257"/>
        <v>2</v>
      </c>
      <c r="C2270" s="16">
        <v>2236</v>
      </c>
      <c r="D2270" cm="1">
        <f t="array" ref="D2270">IFERROR(INDEX(Jesper!AH$2:AH$366,ROUNDDOWN($C2270/24,0)+1,1)*INDEX($D$3:$AA$30,INDEX(Jesper!$R$2:$R$366,ROW(INDEX(Jesper!AH$2:AH$366,ROUNDDOWN($C2270/24,0)+1,1))-1)+IF('Standard Profiles'!$G$18=$B$10,7,0)+IF('Standard Profiles'!$G$18=$B$17,14,0)+IF('Standard Profiles'!$G$18=$B$24,21,0),MOD($C2270,24)+1)/SUM(INDEX($D$3:$AA$30,INDEX(Jesper!$R$2:$R$366,ROW(INDEX(Jesper!AH$2:AH$366,ROUNDDOWN($C2270/24,0)+1,1))-1)+IF('Standard Profiles'!$G$18=$B$10,7,0)+IF('Standard Profiles'!$G$18=$B$17,14,0)+IF('Standard Profiles'!$G$18=$B$24,21,0),0)),0)</f>
        <v>5.9765101432759291</v>
      </c>
      <c r="E2270" cm="1">
        <f t="array" ref="E2270">IFERROR(INDEX(Jesper!AI$2:AI$366,ROUNDDOWN($C2270/24,0)+1,1)*INDEX($D$3:$AA$30,INDEX(Jesper!$R$2:$R$366,ROW(INDEX(Jesper!AI$2:AI$366,ROUNDDOWN($C2270/24,0)+1,1))-1)+IF('Standard Profiles'!$G$19=$B$10,7,0)+IF('Standard Profiles'!$G$19=$B$17,14,0)+IF('Standard Profiles'!$G$19=$B$24,21,0),MOD($C2270,24)+1)/SUM(INDEX($D$3:$AA$30,INDEX(Jesper!$R$2:$R$366,ROW(INDEX(Jesper!AI$2:AI$366,ROUNDDOWN($C2270/24,0)+1,1))-1)+IF('Standard Profiles'!$G$19=$B$10,7,0)+IF('Standard Profiles'!$G$19=$B$17,14,0)+IF('Standard Profiles'!$G$19=$B$24,21,0),0)),0)</f>
        <v>7.1450281463900911</v>
      </c>
      <c r="F2270" cm="1">
        <f t="array" ref="F2270">IFERROR(INDEX(Jesper!AJ$2:AJ$366,ROUNDDOWN($C2270/24,0)+1,1)*INDEX($D$3:$AA$30,INDEX(Jesper!$R$2:$R$366,ROW(INDEX(Jesper!AJ$2:AJ$366,ROUNDDOWN($C2270/24,0)+1,1))-1)+IF('Standard Profiles'!$G$20=$B$10,7,0)+IF('Standard Profiles'!$G$20=$B$17,14,0)+IF('Standard Profiles'!$G$20=$B$24,21,0),MOD($C2270,24)+1)/SUM(INDEX($D$3:$AA$30,INDEX(Jesper!$R$2:$R$366,ROW(INDEX(Jesper!AJ$2:AJ$366,ROUNDDOWN($C2270/24,0)+1,1))-1)+IF('Standard Profiles'!$G$20=$B$10,7,0)+IF('Standard Profiles'!$G$20=$B$17,14,0)+IF('Standard Profiles'!$G$20=$B$24,21,0),0)),0)</f>
        <v>0</v>
      </c>
      <c r="G2270" cm="1">
        <f t="array" ref="G2270">IFERROR(INDEX(Jesper!AK$2:AK$366,ROUNDDOWN($C2270/24,0)+1,1)*INDEX($D$3:$AA$30,INDEX(Jesper!$R$2:$R$366,ROW(INDEX(Jesper!AK$2:AK$366,ROUNDDOWN($C2270/24,0)+1,1))-1)+IF('Standard Profiles'!$G$21=$B$10,7,0)+IF('Standard Profiles'!$G$21=$B$17,14,0)+IF('Standard Profiles'!$G$21=$B$24,21,0),MOD($C2270,24)+1)/SUM(INDEX($D$3:$AA$30,INDEX(Jesper!$R$2:$R$366,ROW(INDEX(Jesper!AK$2:AK$366,ROUNDDOWN($C2270/24,0)+1,1))-1)+IF('Standard Profiles'!$G$21=$B$10,7,0)+IF('Standard Profiles'!$G$21=$B$17,14,0)+IF('Standard Profiles'!$G$21=$B$24,21,0),0)),0)</f>
        <v>8.9394785692231657</v>
      </c>
      <c r="H2270" cm="1">
        <f t="array" ref="H2270">IFERROR(INDEX(Jesper!AL$2:AL$366,ROUNDDOWN($C2270/24,0)+1,1)*INDEX($D$3:$AA$30,INDEX(Jesper!$R$2:$R$366,ROW(INDEX(Jesper!AL$2:AL$366,ROUNDDOWN($C2270/24,0)+1,1))-1)+IF('Standard Profiles'!$G$22=$B$10,7,0)+IF('Standard Profiles'!$G$22=$B$17,14,0)+IF('Standard Profiles'!$G$22=$B$24,21,0),MOD($C2270,24)+1)/SUM(INDEX($D$3:$AA$30,INDEX(Jesper!$R$2:$R$366,ROW(INDEX(Jesper!AL$2:AL$366,ROUNDDOWN($C2270/24,0)+1,1))-1)+IF('Standard Profiles'!$G$22=$B$10,7,0)+IF('Standard Profiles'!$G$22=$B$17,14,0)+IF('Standard Profiles'!$G$22=$B$24,21,0),0)),0)</f>
        <v>0</v>
      </c>
      <c r="I2270">
        <f t="shared" si="258"/>
        <v>4.2909497132271177</v>
      </c>
      <c r="J2270">
        <f t="shared" si="259"/>
        <v>16.813825522737918</v>
      </c>
      <c r="K2270">
        <f t="shared" si="260"/>
        <v>0.63749441528276585</v>
      </c>
      <c r="L2270">
        <f t="shared" si="261"/>
        <v>0.31874720764138292</v>
      </c>
      <c r="M2270">
        <f t="shared" si="262"/>
        <v>0</v>
      </c>
      <c r="N2270" s="45">
        <f t="shared" si="263"/>
        <v>45020.166666661244</v>
      </c>
    </row>
    <row r="2271" spans="2:14" x14ac:dyDescent="0.25">
      <c r="B2271">
        <f t="shared" si="257"/>
        <v>2</v>
      </c>
      <c r="C2271" s="16">
        <v>2237</v>
      </c>
      <c r="D2271" cm="1">
        <f t="array" ref="D2271">IFERROR(INDEX(Jesper!AH$2:AH$366,ROUNDDOWN($C2271/24,0)+1,1)*INDEX($D$3:$AA$30,INDEX(Jesper!$R$2:$R$366,ROW(INDEX(Jesper!AH$2:AH$366,ROUNDDOWN($C2271/24,0)+1,1))-1)+IF('Standard Profiles'!$G$18=$B$10,7,0)+IF('Standard Profiles'!$G$18=$B$17,14,0)+IF('Standard Profiles'!$G$18=$B$24,21,0),MOD($C2271,24)+1)/SUM(INDEX($D$3:$AA$30,INDEX(Jesper!$R$2:$R$366,ROW(INDEX(Jesper!AH$2:AH$366,ROUNDDOWN($C2271/24,0)+1,1))-1)+IF('Standard Profiles'!$G$18=$B$10,7,0)+IF('Standard Profiles'!$G$18=$B$17,14,0)+IF('Standard Profiles'!$G$18=$B$24,21,0),0)),0)</f>
        <v>5.9765101432759291</v>
      </c>
      <c r="E2271" cm="1">
        <f t="array" ref="E2271">IFERROR(INDEX(Jesper!AI$2:AI$366,ROUNDDOWN($C2271/24,0)+1,1)*INDEX($D$3:$AA$30,INDEX(Jesper!$R$2:$R$366,ROW(INDEX(Jesper!AI$2:AI$366,ROUNDDOWN($C2271/24,0)+1,1))-1)+IF('Standard Profiles'!$G$19=$B$10,7,0)+IF('Standard Profiles'!$G$19=$B$17,14,0)+IF('Standard Profiles'!$G$19=$B$24,21,0),MOD($C2271,24)+1)/SUM(INDEX($D$3:$AA$30,INDEX(Jesper!$R$2:$R$366,ROW(INDEX(Jesper!AI$2:AI$366,ROUNDDOWN($C2271/24,0)+1,1))-1)+IF('Standard Profiles'!$G$19=$B$10,7,0)+IF('Standard Profiles'!$G$19=$B$17,14,0)+IF('Standard Profiles'!$G$19=$B$24,21,0),0)),0)</f>
        <v>7.1450281463900911</v>
      </c>
      <c r="F2271" cm="1">
        <f t="array" ref="F2271">IFERROR(INDEX(Jesper!AJ$2:AJ$366,ROUNDDOWN($C2271/24,0)+1,1)*INDEX($D$3:$AA$30,INDEX(Jesper!$R$2:$R$366,ROW(INDEX(Jesper!AJ$2:AJ$366,ROUNDDOWN($C2271/24,0)+1,1))-1)+IF('Standard Profiles'!$G$20=$B$10,7,0)+IF('Standard Profiles'!$G$20=$B$17,14,0)+IF('Standard Profiles'!$G$20=$B$24,21,0),MOD($C2271,24)+1)/SUM(INDEX($D$3:$AA$30,INDEX(Jesper!$R$2:$R$366,ROW(INDEX(Jesper!AJ$2:AJ$366,ROUNDDOWN($C2271/24,0)+1,1))-1)+IF('Standard Profiles'!$G$20=$B$10,7,0)+IF('Standard Profiles'!$G$20=$B$17,14,0)+IF('Standard Profiles'!$G$20=$B$24,21,0),0)),0)</f>
        <v>0</v>
      </c>
      <c r="G2271" cm="1">
        <f t="array" ref="G2271">IFERROR(INDEX(Jesper!AK$2:AK$366,ROUNDDOWN($C2271/24,0)+1,1)*INDEX($D$3:$AA$30,INDEX(Jesper!$R$2:$R$366,ROW(INDEX(Jesper!AK$2:AK$366,ROUNDDOWN($C2271/24,0)+1,1))-1)+IF('Standard Profiles'!$G$21=$B$10,7,0)+IF('Standard Profiles'!$G$21=$B$17,14,0)+IF('Standard Profiles'!$G$21=$B$24,21,0),MOD($C2271,24)+1)/SUM(INDEX($D$3:$AA$30,INDEX(Jesper!$R$2:$R$366,ROW(INDEX(Jesper!AK$2:AK$366,ROUNDDOWN($C2271/24,0)+1,1))-1)+IF('Standard Profiles'!$G$21=$B$10,7,0)+IF('Standard Profiles'!$G$21=$B$17,14,0)+IF('Standard Profiles'!$G$21=$B$24,21,0),0)),0)</f>
        <v>8.9394785692231657</v>
      </c>
      <c r="H2271" cm="1">
        <f t="array" ref="H2271">IFERROR(INDEX(Jesper!AL$2:AL$366,ROUNDDOWN($C2271/24,0)+1,1)*INDEX($D$3:$AA$30,INDEX(Jesper!$R$2:$R$366,ROW(INDEX(Jesper!AL$2:AL$366,ROUNDDOWN($C2271/24,0)+1,1))-1)+IF('Standard Profiles'!$G$22=$B$10,7,0)+IF('Standard Profiles'!$G$22=$B$17,14,0)+IF('Standard Profiles'!$G$22=$B$24,21,0),MOD($C2271,24)+1)/SUM(INDEX($D$3:$AA$30,INDEX(Jesper!$R$2:$R$366,ROW(INDEX(Jesper!AL$2:AL$366,ROUNDDOWN($C2271/24,0)+1,1))-1)+IF('Standard Profiles'!$G$22=$B$10,7,0)+IF('Standard Profiles'!$G$22=$B$17,14,0)+IF('Standard Profiles'!$G$22=$B$24,21,0),0)),0)</f>
        <v>0</v>
      </c>
      <c r="I2271">
        <f t="shared" si="258"/>
        <v>4.2909497132271177</v>
      </c>
      <c r="J2271">
        <f t="shared" si="259"/>
        <v>16.813825522737918</v>
      </c>
      <c r="K2271">
        <f t="shared" si="260"/>
        <v>0.63749441528276585</v>
      </c>
      <c r="L2271">
        <f t="shared" si="261"/>
        <v>0.31874720764138292</v>
      </c>
      <c r="M2271">
        <f t="shared" si="262"/>
        <v>0</v>
      </c>
      <c r="N2271" s="45">
        <f t="shared" si="263"/>
        <v>45020.208333327908</v>
      </c>
    </row>
    <row r="2272" spans="2:14" x14ac:dyDescent="0.25">
      <c r="B2272">
        <f t="shared" si="257"/>
        <v>2</v>
      </c>
      <c r="C2272" s="16">
        <v>2238</v>
      </c>
      <c r="D2272" cm="1">
        <f t="array" ref="D2272">IFERROR(INDEX(Jesper!AH$2:AH$366,ROUNDDOWN($C2272/24,0)+1,1)*INDEX($D$3:$AA$30,INDEX(Jesper!$R$2:$R$366,ROW(INDEX(Jesper!AH$2:AH$366,ROUNDDOWN($C2272/24,0)+1,1))-1)+IF('Standard Profiles'!$G$18=$B$10,7,0)+IF('Standard Profiles'!$G$18=$B$17,14,0)+IF('Standard Profiles'!$G$18=$B$24,21,0),MOD($C2272,24)+1)/SUM(INDEX($D$3:$AA$30,INDEX(Jesper!$R$2:$R$366,ROW(INDEX(Jesper!AH$2:AH$366,ROUNDDOWN($C2272/24,0)+1,1))-1)+IF('Standard Profiles'!$G$18=$B$10,7,0)+IF('Standard Profiles'!$G$18=$B$17,14,0)+IF('Standard Profiles'!$G$18=$B$24,21,0),0)),0)</f>
        <v>5.9765101432759291</v>
      </c>
      <c r="E2272" cm="1">
        <f t="array" ref="E2272">IFERROR(INDEX(Jesper!AI$2:AI$366,ROUNDDOWN($C2272/24,0)+1,1)*INDEX($D$3:$AA$30,INDEX(Jesper!$R$2:$R$366,ROW(INDEX(Jesper!AI$2:AI$366,ROUNDDOWN($C2272/24,0)+1,1))-1)+IF('Standard Profiles'!$G$19=$B$10,7,0)+IF('Standard Profiles'!$G$19=$B$17,14,0)+IF('Standard Profiles'!$G$19=$B$24,21,0),MOD($C2272,24)+1)/SUM(INDEX($D$3:$AA$30,INDEX(Jesper!$R$2:$R$366,ROW(INDEX(Jesper!AI$2:AI$366,ROUNDDOWN($C2272/24,0)+1,1))-1)+IF('Standard Profiles'!$G$19=$B$10,7,0)+IF('Standard Profiles'!$G$19=$B$17,14,0)+IF('Standard Profiles'!$G$19=$B$24,21,0),0)),0)</f>
        <v>7.1450281463900911</v>
      </c>
      <c r="F2272" cm="1">
        <f t="array" ref="F2272">IFERROR(INDEX(Jesper!AJ$2:AJ$366,ROUNDDOWN($C2272/24,0)+1,1)*INDEX($D$3:$AA$30,INDEX(Jesper!$R$2:$R$366,ROW(INDEX(Jesper!AJ$2:AJ$366,ROUNDDOWN($C2272/24,0)+1,1))-1)+IF('Standard Profiles'!$G$20=$B$10,7,0)+IF('Standard Profiles'!$G$20=$B$17,14,0)+IF('Standard Profiles'!$G$20=$B$24,21,0),MOD($C2272,24)+1)/SUM(INDEX($D$3:$AA$30,INDEX(Jesper!$R$2:$R$366,ROW(INDEX(Jesper!AJ$2:AJ$366,ROUNDDOWN($C2272/24,0)+1,1))-1)+IF('Standard Profiles'!$G$20=$B$10,7,0)+IF('Standard Profiles'!$G$20=$B$17,14,0)+IF('Standard Profiles'!$G$20=$B$24,21,0),0)),0)</f>
        <v>0</v>
      </c>
      <c r="G2272" cm="1">
        <f t="array" ref="G2272">IFERROR(INDEX(Jesper!AK$2:AK$366,ROUNDDOWN($C2272/24,0)+1,1)*INDEX($D$3:$AA$30,INDEX(Jesper!$R$2:$R$366,ROW(INDEX(Jesper!AK$2:AK$366,ROUNDDOWN($C2272/24,0)+1,1))-1)+IF('Standard Profiles'!$G$21=$B$10,7,0)+IF('Standard Profiles'!$G$21=$B$17,14,0)+IF('Standard Profiles'!$G$21=$B$24,21,0),MOD($C2272,24)+1)/SUM(INDEX($D$3:$AA$30,INDEX(Jesper!$R$2:$R$366,ROW(INDEX(Jesper!AK$2:AK$366,ROUNDDOWN($C2272/24,0)+1,1))-1)+IF('Standard Profiles'!$G$21=$B$10,7,0)+IF('Standard Profiles'!$G$21=$B$17,14,0)+IF('Standard Profiles'!$G$21=$B$24,21,0),0)),0)</f>
        <v>8.9394785692231657</v>
      </c>
      <c r="H2272" cm="1">
        <f t="array" ref="H2272">IFERROR(INDEX(Jesper!AL$2:AL$366,ROUNDDOWN($C2272/24,0)+1,1)*INDEX($D$3:$AA$30,INDEX(Jesper!$R$2:$R$366,ROW(INDEX(Jesper!AL$2:AL$366,ROUNDDOWN($C2272/24,0)+1,1))-1)+IF('Standard Profiles'!$G$22=$B$10,7,0)+IF('Standard Profiles'!$G$22=$B$17,14,0)+IF('Standard Profiles'!$G$22=$B$24,21,0),MOD($C2272,24)+1)/SUM(INDEX($D$3:$AA$30,INDEX(Jesper!$R$2:$R$366,ROW(INDEX(Jesper!AL$2:AL$366,ROUNDDOWN($C2272/24,0)+1,1))-1)+IF('Standard Profiles'!$G$22=$B$10,7,0)+IF('Standard Profiles'!$G$22=$B$17,14,0)+IF('Standard Profiles'!$G$22=$B$24,21,0),0)),0)</f>
        <v>0</v>
      </c>
      <c r="I2272">
        <f t="shared" si="258"/>
        <v>4.2909497132271177</v>
      </c>
      <c r="J2272">
        <f t="shared" si="259"/>
        <v>16.813825522737918</v>
      </c>
      <c r="K2272">
        <f t="shared" si="260"/>
        <v>0.63749441528276585</v>
      </c>
      <c r="L2272">
        <f t="shared" si="261"/>
        <v>0.31874720764138292</v>
      </c>
      <c r="M2272">
        <f t="shared" si="262"/>
        <v>0</v>
      </c>
      <c r="N2272" s="45">
        <f t="shared" si="263"/>
        <v>45020.249999994572</v>
      </c>
    </row>
    <row r="2273" spans="2:14" x14ac:dyDescent="0.25">
      <c r="B2273">
        <f t="shared" si="257"/>
        <v>2</v>
      </c>
      <c r="C2273" s="16">
        <v>2239</v>
      </c>
      <c r="D2273" cm="1">
        <f t="array" ref="D2273">IFERROR(INDEX(Jesper!AH$2:AH$366,ROUNDDOWN($C2273/24,0)+1,1)*INDEX($D$3:$AA$30,INDEX(Jesper!$R$2:$R$366,ROW(INDEX(Jesper!AH$2:AH$366,ROUNDDOWN($C2273/24,0)+1,1))-1)+IF('Standard Profiles'!$G$18=$B$10,7,0)+IF('Standard Profiles'!$G$18=$B$17,14,0)+IF('Standard Profiles'!$G$18=$B$24,21,0),MOD($C2273,24)+1)/SUM(INDEX($D$3:$AA$30,INDEX(Jesper!$R$2:$R$366,ROW(INDEX(Jesper!AH$2:AH$366,ROUNDDOWN($C2273/24,0)+1,1))-1)+IF('Standard Profiles'!$G$18=$B$10,7,0)+IF('Standard Profiles'!$G$18=$B$17,14,0)+IF('Standard Profiles'!$G$18=$B$24,21,0),0)),0)</f>
        <v>25.194725572747579</v>
      </c>
      <c r="E2273" cm="1">
        <f t="array" ref="E2273">IFERROR(INDEX(Jesper!AI$2:AI$366,ROUNDDOWN($C2273/24,0)+1,1)*INDEX($D$3:$AA$30,INDEX(Jesper!$R$2:$R$366,ROW(INDEX(Jesper!AI$2:AI$366,ROUNDDOWN($C2273/24,0)+1,1))-1)+IF('Standard Profiles'!$G$19=$B$10,7,0)+IF('Standard Profiles'!$G$19=$B$17,14,0)+IF('Standard Profiles'!$G$19=$B$24,21,0),MOD($C2273,24)+1)/SUM(INDEX($D$3:$AA$30,INDEX(Jesper!$R$2:$R$366,ROW(INDEX(Jesper!AI$2:AI$366,ROUNDDOWN($C2273/24,0)+1,1))-1)+IF('Standard Profiles'!$G$19=$B$10,7,0)+IF('Standard Profiles'!$G$19=$B$17,14,0)+IF('Standard Profiles'!$G$19=$B$24,21,0),0)),0)</f>
        <v>30.120759279625723</v>
      </c>
      <c r="F2273" cm="1">
        <f t="array" ref="F2273">IFERROR(INDEX(Jesper!AJ$2:AJ$366,ROUNDDOWN($C2273/24,0)+1,1)*INDEX($D$3:$AA$30,INDEX(Jesper!$R$2:$R$366,ROW(INDEX(Jesper!AJ$2:AJ$366,ROUNDDOWN($C2273/24,0)+1,1))-1)+IF('Standard Profiles'!$G$20=$B$10,7,0)+IF('Standard Profiles'!$G$20=$B$17,14,0)+IF('Standard Profiles'!$G$20=$B$24,21,0),MOD($C2273,24)+1)/SUM(INDEX($D$3:$AA$30,INDEX(Jesper!$R$2:$R$366,ROW(INDEX(Jesper!AJ$2:AJ$366,ROUNDDOWN($C2273/24,0)+1,1))-1)+IF('Standard Profiles'!$G$20=$B$10,7,0)+IF('Standard Profiles'!$G$20=$B$17,14,0)+IF('Standard Profiles'!$G$20=$B$24,21,0),0)),0)</f>
        <v>0</v>
      </c>
      <c r="G2273" cm="1">
        <f t="array" ref="G2273">IFERROR(INDEX(Jesper!AK$2:AK$366,ROUNDDOWN($C2273/24,0)+1,1)*INDEX($D$3:$AA$30,INDEX(Jesper!$R$2:$R$366,ROW(INDEX(Jesper!AK$2:AK$366,ROUNDDOWN($C2273/24,0)+1,1))-1)+IF('Standard Profiles'!$G$21=$B$10,7,0)+IF('Standard Profiles'!$G$21=$B$17,14,0)+IF('Standard Profiles'!$G$21=$B$24,21,0),MOD($C2273,24)+1)/SUM(INDEX($D$3:$AA$30,INDEX(Jesper!$R$2:$R$366,ROW(INDEX(Jesper!AK$2:AK$366,ROUNDDOWN($C2273/24,0)+1,1))-1)+IF('Standard Profiles'!$G$21=$B$10,7,0)+IF('Standard Profiles'!$G$21=$B$17,14,0)+IF('Standard Profiles'!$G$21=$B$24,21,0),0)),0)</f>
        <v>25.751465684891244</v>
      </c>
      <c r="H2273" cm="1">
        <f t="array" ref="H2273">IFERROR(INDEX(Jesper!AL$2:AL$366,ROUNDDOWN($C2273/24,0)+1,1)*INDEX($D$3:$AA$30,INDEX(Jesper!$R$2:$R$366,ROW(INDEX(Jesper!AL$2:AL$366,ROUNDDOWN($C2273/24,0)+1,1))-1)+IF('Standard Profiles'!$G$22=$B$10,7,0)+IF('Standard Profiles'!$G$22=$B$17,14,0)+IF('Standard Profiles'!$G$22=$B$24,21,0),MOD($C2273,24)+1)/SUM(INDEX($D$3:$AA$30,INDEX(Jesper!$R$2:$R$366,ROW(INDEX(Jesper!AL$2:AL$366,ROUNDDOWN($C2273/24,0)+1,1))-1)+IF('Standard Profiles'!$G$22=$B$10,7,0)+IF('Standard Profiles'!$G$22=$B$17,14,0)+IF('Standard Profiles'!$G$22=$B$24,21,0),0)),0)</f>
        <v>0</v>
      </c>
      <c r="I2273">
        <f t="shared" si="258"/>
        <v>12.360703528747791</v>
      </c>
      <c r="J2273">
        <f t="shared" si="259"/>
        <v>64.675090916877139</v>
      </c>
      <c r="K2273">
        <f t="shared" si="260"/>
        <v>2.6874373944264085</v>
      </c>
      <c r="L2273">
        <f t="shared" si="261"/>
        <v>1.3437186972132042</v>
      </c>
      <c r="M2273">
        <f t="shared" si="262"/>
        <v>0</v>
      </c>
      <c r="N2273" s="45">
        <f t="shared" si="263"/>
        <v>45020.291666661236</v>
      </c>
    </row>
    <row r="2274" spans="2:14" x14ac:dyDescent="0.25">
      <c r="B2274">
        <f t="shared" si="257"/>
        <v>2</v>
      </c>
      <c r="C2274" s="16">
        <v>2240</v>
      </c>
      <c r="D2274" cm="1">
        <f t="array" ref="D2274">IFERROR(INDEX(Jesper!AH$2:AH$366,ROUNDDOWN($C2274/24,0)+1,1)*INDEX($D$3:$AA$30,INDEX(Jesper!$R$2:$R$366,ROW(INDEX(Jesper!AH$2:AH$366,ROUNDDOWN($C2274/24,0)+1,1))-1)+IF('Standard Profiles'!$G$18=$B$10,7,0)+IF('Standard Profiles'!$G$18=$B$17,14,0)+IF('Standard Profiles'!$G$18=$B$24,21,0),MOD($C2274,24)+1)/SUM(INDEX($D$3:$AA$30,INDEX(Jesper!$R$2:$R$366,ROW(INDEX(Jesper!AH$2:AH$366,ROUNDDOWN($C2274/24,0)+1,1))-1)+IF('Standard Profiles'!$G$18=$B$10,7,0)+IF('Standard Profiles'!$G$18=$B$17,14,0)+IF('Standard Profiles'!$G$18=$B$24,21,0),0)),0)</f>
        <v>28.112009586434148</v>
      </c>
      <c r="E2274" cm="1">
        <f t="array" ref="E2274">IFERROR(INDEX(Jesper!AI$2:AI$366,ROUNDDOWN($C2274/24,0)+1,1)*INDEX($D$3:$AA$30,INDEX(Jesper!$R$2:$R$366,ROW(INDEX(Jesper!AI$2:AI$366,ROUNDDOWN($C2274/24,0)+1,1))-1)+IF('Standard Profiles'!$G$19=$B$10,7,0)+IF('Standard Profiles'!$G$19=$B$17,14,0)+IF('Standard Profiles'!$G$19=$B$24,21,0),MOD($C2274,24)+1)/SUM(INDEX($D$3:$AA$30,INDEX(Jesper!$R$2:$R$366,ROW(INDEX(Jesper!AI$2:AI$366,ROUNDDOWN($C2274/24,0)+1,1))-1)+IF('Standard Profiles'!$G$19=$B$10,7,0)+IF('Standard Profiles'!$G$19=$B$17,14,0)+IF('Standard Profiles'!$G$19=$B$24,21,0),0)),0)</f>
        <v>33.608426143582392</v>
      </c>
      <c r="F2274" cm="1">
        <f t="array" ref="F2274">IFERROR(INDEX(Jesper!AJ$2:AJ$366,ROUNDDOWN($C2274/24,0)+1,1)*INDEX($D$3:$AA$30,INDEX(Jesper!$R$2:$R$366,ROW(INDEX(Jesper!AJ$2:AJ$366,ROUNDDOWN($C2274/24,0)+1,1))-1)+IF('Standard Profiles'!$G$20=$B$10,7,0)+IF('Standard Profiles'!$G$20=$B$17,14,0)+IF('Standard Profiles'!$G$20=$B$24,21,0),MOD($C2274,24)+1)/SUM(INDEX($D$3:$AA$30,INDEX(Jesper!$R$2:$R$366,ROW(INDEX(Jesper!AJ$2:AJ$366,ROUNDDOWN($C2274/24,0)+1,1))-1)+IF('Standard Profiles'!$G$20=$B$10,7,0)+IF('Standard Profiles'!$G$20=$B$17,14,0)+IF('Standard Profiles'!$G$20=$B$24,21,0),0)),0)</f>
        <v>0</v>
      </c>
      <c r="G2274" cm="1">
        <f t="array" ref="G2274">IFERROR(INDEX(Jesper!AK$2:AK$366,ROUNDDOWN($C2274/24,0)+1,1)*INDEX($D$3:$AA$30,INDEX(Jesper!$R$2:$R$366,ROW(INDEX(Jesper!AK$2:AK$366,ROUNDDOWN($C2274/24,0)+1,1))-1)+IF('Standard Profiles'!$G$21=$B$10,7,0)+IF('Standard Profiles'!$G$21=$B$17,14,0)+IF('Standard Profiles'!$G$21=$B$24,21,0),MOD($C2274,24)+1)/SUM(INDEX($D$3:$AA$30,INDEX(Jesper!$R$2:$R$366,ROW(INDEX(Jesper!AK$2:AK$366,ROUNDDOWN($C2274/24,0)+1,1))-1)+IF('Standard Profiles'!$G$21=$B$10,7,0)+IF('Standard Profiles'!$G$21=$B$17,14,0)+IF('Standard Profiles'!$G$21=$B$24,21,0),0)),0)</f>
        <v>28.733214343141814</v>
      </c>
      <c r="H2274" cm="1">
        <f t="array" ref="H2274">IFERROR(INDEX(Jesper!AL$2:AL$366,ROUNDDOWN($C2274/24,0)+1,1)*INDEX($D$3:$AA$30,INDEX(Jesper!$R$2:$R$366,ROW(INDEX(Jesper!AL$2:AL$366,ROUNDDOWN($C2274/24,0)+1,1))-1)+IF('Standard Profiles'!$G$22=$B$10,7,0)+IF('Standard Profiles'!$G$22=$B$17,14,0)+IF('Standard Profiles'!$G$22=$B$24,21,0),MOD($C2274,24)+1)/SUM(INDEX($D$3:$AA$30,INDEX(Jesper!$R$2:$R$366,ROW(INDEX(Jesper!AL$2:AL$366,ROUNDDOWN($C2274/24,0)+1,1))-1)+IF('Standard Profiles'!$G$22=$B$10,7,0)+IF('Standard Profiles'!$G$22=$B$17,14,0)+IF('Standard Profiles'!$G$22=$B$24,21,0),0)),0)</f>
        <v>0</v>
      </c>
      <c r="I2274">
        <f t="shared" si="258"/>
        <v>13.791942884708064</v>
      </c>
      <c r="J2274">
        <f t="shared" si="259"/>
        <v>72.163785654620824</v>
      </c>
      <c r="K2274">
        <f t="shared" si="260"/>
        <v>2.9986143558863092</v>
      </c>
      <c r="L2274">
        <f t="shared" si="261"/>
        <v>1.4993071779431546</v>
      </c>
      <c r="M2274">
        <f t="shared" si="262"/>
        <v>0</v>
      </c>
      <c r="N2274" s="45">
        <f t="shared" si="263"/>
        <v>45020.333333327901</v>
      </c>
    </row>
    <row r="2275" spans="2:14" x14ac:dyDescent="0.25">
      <c r="B2275">
        <f t="shared" ref="B2275:B2338" si="264">WEEKDAY(N2275,2)</f>
        <v>2</v>
      </c>
      <c r="C2275" s="16">
        <v>2241</v>
      </c>
      <c r="D2275" cm="1">
        <f t="array" ref="D2275">IFERROR(INDEX(Jesper!AH$2:AH$366,ROUNDDOWN($C2275/24,0)+1,1)*INDEX($D$3:$AA$30,INDEX(Jesper!$R$2:$R$366,ROW(INDEX(Jesper!AH$2:AH$366,ROUNDDOWN($C2275/24,0)+1,1))-1)+IF('Standard Profiles'!$G$18=$B$10,7,0)+IF('Standard Profiles'!$G$18=$B$17,14,0)+IF('Standard Profiles'!$G$18=$B$24,21,0),MOD($C2275,24)+1)/SUM(INDEX($D$3:$AA$30,INDEX(Jesper!$R$2:$R$366,ROW(INDEX(Jesper!AH$2:AH$366,ROUNDDOWN($C2275/24,0)+1,1))-1)+IF('Standard Profiles'!$G$18=$B$10,7,0)+IF('Standard Profiles'!$G$18=$B$17,14,0)+IF('Standard Profiles'!$G$18=$B$24,21,0),0)),0)</f>
        <v>31.029293600120713</v>
      </c>
      <c r="E2275" cm="1">
        <f t="array" ref="E2275">IFERROR(INDEX(Jesper!AI$2:AI$366,ROUNDDOWN($C2275/24,0)+1,1)*INDEX($D$3:$AA$30,INDEX(Jesper!$R$2:$R$366,ROW(INDEX(Jesper!AI$2:AI$366,ROUNDDOWN($C2275/24,0)+1,1))-1)+IF('Standard Profiles'!$G$19=$B$10,7,0)+IF('Standard Profiles'!$G$19=$B$17,14,0)+IF('Standard Profiles'!$G$19=$B$24,21,0),MOD($C2275,24)+1)/SUM(INDEX($D$3:$AA$30,INDEX(Jesper!$R$2:$R$366,ROW(INDEX(Jesper!AI$2:AI$366,ROUNDDOWN($C2275/24,0)+1,1))-1)+IF('Standard Profiles'!$G$19=$B$10,7,0)+IF('Standard Profiles'!$G$19=$B$17,14,0)+IF('Standard Profiles'!$G$19=$B$24,21,0),0)),0)</f>
        <v>37.096093007539054</v>
      </c>
      <c r="F2275" cm="1">
        <f t="array" ref="F2275">IFERROR(INDEX(Jesper!AJ$2:AJ$366,ROUNDDOWN($C2275/24,0)+1,1)*INDEX($D$3:$AA$30,INDEX(Jesper!$R$2:$R$366,ROW(INDEX(Jesper!AJ$2:AJ$366,ROUNDDOWN($C2275/24,0)+1,1))-1)+IF('Standard Profiles'!$G$20=$B$10,7,0)+IF('Standard Profiles'!$G$20=$B$17,14,0)+IF('Standard Profiles'!$G$20=$B$24,21,0),MOD($C2275,24)+1)/SUM(INDEX($D$3:$AA$30,INDEX(Jesper!$R$2:$R$366,ROW(INDEX(Jesper!AJ$2:AJ$366,ROUNDDOWN($C2275/24,0)+1,1))-1)+IF('Standard Profiles'!$G$20=$B$10,7,0)+IF('Standard Profiles'!$G$20=$B$17,14,0)+IF('Standard Profiles'!$G$20=$B$24,21,0),0)),0)</f>
        <v>0</v>
      </c>
      <c r="G2275" cm="1">
        <f t="array" ref="G2275">IFERROR(INDEX(Jesper!AK$2:AK$366,ROUNDDOWN($C2275/24,0)+1,1)*INDEX($D$3:$AA$30,INDEX(Jesper!$R$2:$R$366,ROW(INDEX(Jesper!AK$2:AK$366,ROUNDDOWN($C2275/24,0)+1,1))-1)+IF('Standard Profiles'!$G$21=$B$10,7,0)+IF('Standard Profiles'!$G$21=$B$17,14,0)+IF('Standard Profiles'!$G$21=$B$24,21,0),MOD($C2275,24)+1)/SUM(INDEX($D$3:$AA$30,INDEX(Jesper!$R$2:$R$366,ROW(INDEX(Jesper!AK$2:AK$366,ROUNDDOWN($C2275/24,0)+1,1))-1)+IF('Standard Profiles'!$G$21=$B$10,7,0)+IF('Standard Profiles'!$G$21=$B$17,14,0)+IF('Standard Profiles'!$G$21=$B$24,21,0),0)),0)</f>
        <v>31.71496300139238</v>
      </c>
      <c r="H2275" cm="1">
        <f t="array" ref="H2275">IFERROR(INDEX(Jesper!AL$2:AL$366,ROUNDDOWN($C2275/24,0)+1,1)*INDEX($D$3:$AA$30,INDEX(Jesper!$R$2:$R$366,ROW(INDEX(Jesper!AL$2:AL$366,ROUNDDOWN($C2275/24,0)+1,1))-1)+IF('Standard Profiles'!$G$22=$B$10,7,0)+IF('Standard Profiles'!$G$22=$B$17,14,0)+IF('Standard Profiles'!$G$22=$B$24,21,0),MOD($C2275,24)+1)/SUM(INDEX($D$3:$AA$30,INDEX(Jesper!$R$2:$R$366,ROW(INDEX(Jesper!AL$2:AL$366,ROUNDDOWN($C2275/24,0)+1,1))-1)+IF('Standard Profiles'!$G$22=$B$10,7,0)+IF('Standard Profiles'!$G$22=$B$17,14,0)+IF('Standard Profiles'!$G$22=$B$24,21,0),0)),0)</f>
        <v>0</v>
      </c>
      <c r="I2275">
        <f t="shared" ref="I2275:I2338" si="265">IF($B2275&lt;6,AC$37*$D2275+AC$38*$E2275+AC$39*$F2275+AC$40*$G2275,AC$46*$D2275+AC$47*$E2275+AC$48*$F2275+AC$49*$G2275+AC$50*$H2275)</f>
        <v>15.223182240668335</v>
      </c>
      <c r="J2275">
        <f t="shared" ref="J2275:J2338" si="266">IF($B2275&lt;6,AD$37*$D2275+AD$38*$E2275+AD$39*$F2275+AD$40*$G2275,AD$46*$D2275+AD$47*$E2275+AD$48*$F2275+AD$49*$G2275+AD$50*$H2275)</f>
        <v>79.652480392364495</v>
      </c>
      <c r="K2275">
        <f t="shared" ref="K2275:K2338" si="267">IF($B2275&lt;6,AE$37*$D2275+AE$38*$E2275+AE$39*$F2275+AE$40*$G2275,AE$46*$D2275+AE$47*$E2275+AE$48*$F2275+AE$49*$G2275+AE$50*$H2275)</f>
        <v>3.3097913173462095</v>
      </c>
      <c r="L2275">
        <f t="shared" ref="L2275:L2338" si="268">IF($B2275&lt;6,AF$37*$D2275+AF$38*$E2275+AF$39*$F2275+AF$40*$G2275,AF$46*$D2275+AF$47*$E2275+AF$48*$F2275+AF$49*$G2275+AF$50*$H2275)</f>
        <v>1.6548956586731047</v>
      </c>
      <c r="M2275">
        <f t="shared" ref="M2275:M2338" si="269">IF($B2275&lt;6,AG$37*$D2275+AG$38*$E2275+AG$39*$F2275+AG$40*$G2275,AG$46*$D2275+AG$47*$E2275+AG$48*$F2275+AG$49*$G2275+AG$50*$H2275)</f>
        <v>0</v>
      </c>
      <c r="N2275" s="45">
        <f t="shared" si="263"/>
        <v>45020.374999994565</v>
      </c>
    </row>
    <row r="2276" spans="2:14" x14ac:dyDescent="0.25">
      <c r="B2276">
        <f t="shared" si="264"/>
        <v>2</v>
      </c>
      <c r="C2276" s="16">
        <v>2242</v>
      </c>
      <c r="D2276" cm="1">
        <f t="array" ref="D2276">IFERROR(INDEX(Jesper!AH$2:AH$366,ROUNDDOWN($C2276/24,0)+1,1)*INDEX($D$3:$AA$30,INDEX(Jesper!$R$2:$R$366,ROW(INDEX(Jesper!AH$2:AH$366,ROUNDDOWN($C2276/24,0)+1,1))-1)+IF('Standard Profiles'!$G$18=$B$10,7,0)+IF('Standard Profiles'!$G$18=$B$17,14,0)+IF('Standard Profiles'!$G$18=$B$24,21,0),MOD($C2276,24)+1)/SUM(INDEX($D$3:$AA$30,INDEX(Jesper!$R$2:$R$366,ROW(INDEX(Jesper!AH$2:AH$366,ROUNDDOWN($C2276/24,0)+1,1))-1)+IF('Standard Profiles'!$G$18=$B$10,7,0)+IF('Standard Profiles'!$G$18=$B$17,14,0)+IF('Standard Profiles'!$G$18=$B$24,21,0),0)),0)</f>
        <v>31.029293600120713</v>
      </c>
      <c r="E2276" cm="1">
        <f t="array" ref="E2276">IFERROR(INDEX(Jesper!AI$2:AI$366,ROUNDDOWN($C2276/24,0)+1,1)*INDEX($D$3:$AA$30,INDEX(Jesper!$R$2:$R$366,ROW(INDEX(Jesper!AI$2:AI$366,ROUNDDOWN($C2276/24,0)+1,1))-1)+IF('Standard Profiles'!$G$19=$B$10,7,0)+IF('Standard Profiles'!$G$19=$B$17,14,0)+IF('Standard Profiles'!$G$19=$B$24,21,0),MOD($C2276,24)+1)/SUM(INDEX($D$3:$AA$30,INDEX(Jesper!$R$2:$R$366,ROW(INDEX(Jesper!AI$2:AI$366,ROUNDDOWN($C2276/24,0)+1,1))-1)+IF('Standard Profiles'!$G$19=$B$10,7,0)+IF('Standard Profiles'!$G$19=$B$17,14,0)+IF('Standard Profiles'!$G$19=$B$24,21,0),0)),0)</f>
        <v>37.096093007539054</v>
      </c>
      <c r="F2276" cm="1">
        <f t="array" ref="F2276">IFERROR(INDEX(Jesper!AJ$2:AJ$366,ROUNDDOWN($C2276/24,0)+1,1)*INDEX($D$3:$AA$30,INDEX(Jesper!$R$2:$R$366,ROW(INDEX(Jesper!AJ$2:AJ$366,ROUNDDOWN($C2276/24,0)+1,1))-1)+IF('Standard Profiles'!$G$20=$B$10,7,0)+IF('Standard Profiles'!$G$20=$B$17,14,0)+IF('Standard Profiles'!$G$20=$B$24,21,0),MOD($C2276,24)+1)/SUM(INDEX($D$3:$AA$30,INDEX(Jesper!$R$2:$R$366,ROW(INDEX(Jesper!AJ$2:AJ$366,ROUNDDOWN($C2276/24,0)+1,1))-1)+IF('Standard Profiles'!$G$20=$B$10,7,0)+IF('Standard Profiles'!$G$20=$B$17,14,0)+IF('Standard Profiles'!$G$20=$B$24,21,0),0)),0)</f>
        <v>0</v>
      </c>
      <c r="G2276" cm="1">
        <f t="array" ref="G2276">IFERROR(INDEX(Jesper!AK$2:AK$366,ROUNDDOWN($C2276/24,0)+1,1)*INDEX($D$3:$AA$30,INDEX(Jesper!$R$2:$R$366,ROW(INDEX(Jesper!AK$2:AK$366,ROUNDDOWN($C2276/24,0)+1,1))-1)+IF('Standard Profiles'!$G$21=$B$10,7,0)+IF('Standard Profiles'!$G$21=$B$17,14,0)+IF('Standard Profiles'!$G$21=$B$24,21,0),MOD($C2276,24)+1)/SUM(INDEX($D$3:$AA$30,INDEX(Jesper!$R$2:$R$366,ROW(INDEX(Jesper!AK$2:AK$366,ROUNDDOWN($C2276/24,0)+1,1))-1)+IF('Standard Profiles'!$G$21=$B$10,7,0)+IF('Standard Profiles'!$G$21=$B$17,14,0)+IF('Standard Profiles'!$G$21=$B$24,21,0),0)),0)</f>
        <v>31.71496300139238</v>
      </c>
      <c r="H2276" cm="1">
        <f t="array" ref="H2276">IFERROR(INDEX(Jesper!AL$2:AL$366,ROUNDDOWN($C2276/24,0)+1,1)*INDEX($D$3:$AA$30,INDEX(Jesper!$R$2:$R$366,ROW(INDEX(Jesper!AL$2:AL$366,ROUNDDOWN($C2276/24,0)+1,1))-1)+IF('Standard Profiles'!$G$22=$B$10,7,0)+IF('Standard Profiles'!$G$22=$B$17,14,0)+IF('Standard Profiles'!$G$22=$B$24,21,0),MOD($C2276,24)+1)/SUM(INDEX($D$3:$AA$30,INDEX(Jesper!$R$2:$R$366,ROW(INDEX(Jesper!AL$2:AL$366,ROUNDDOWN($C2276/24,0)+1,1))-1)+IF('Standard Profiles'!$G$22=$B$10,7,0)+IF('Standard Profiles'!$G$22=$B$17,14,0)+IF('Standard Profiles'!$G$22=$B$24,21,0),0)),0)</f>
        <v>0</v>
      </c>
      <c r="I2276">
        <f t="shared" si="265"/>
        <v>15.223182240668335</v>
      </c>
      <c r="J2276">
        <f t="shared" si="266"/>
        <v>79.652480392364495</v>
      </c>
      <c r="K2276">
        <f t="shared" si="267"/>
        <v>3.3097913173462095</v>
      </c>
      <c r="L2276">
        <f t="shared" si="268"/>
        <v>1.6548956586731047</v>
      </c>
      <c r="M2276">
        <f t="shared" si="269"/>
        <v>0</v>
      </c>
      <c r="N2276" s="45">
        <f t="shared" ref="N2276:N2339" si="270">N2275+1/24</f>
        <v>45020.416666661229</v>
      </c>
    </row>
    <row r="2277" spans="2:14" x14ac:dyDescent="0.25">
      <c r="B2277">
        <f t="shared" si="264"/>
        <v>2</v>
      </c>
      <c r="C2277" s="16">
        <v>2243</v>
      </c>
      <c r="D2277" cm="1">
        <f t="array" ref="D2277">IFERROR(INDEX(Jesper!AH$2:AH$366,ROUNDDOWN($C2277/24,0)+1,1)*INDEX($D$3:$AA$30,INDEX(Jesper!$R$2:$R$366,ROW(INDEX(Jesper!AH$2:AH$366,ROUNDDOWN($C2277/24,0)+1,1))-1)+IF('Standard Profiles'!$G$18=$B$10,7,0)+IF('Standard Profiles'!$G$18=$B$17,14,0)+IF('Standard Profiles'!$G$18=$B$24,21,0),MOD($C2277,24)+1)/SUM(INDEX($D$3:$AA$30,INDEX(Jesper!$R$2:$R$366,ROW(INDEX(Jesper!AH$2:AH$366,ROUNDDOWN($C2277/24,0)+1,1))-1)+IF('Standard Profiles'!$G$18=$B$10,7,0)+IF('Standard Profiles'!$G$18=$B$17,14,0)+IF('Standard Profiles'!$G$18=$B$24,21,0),0)),0)</f>
        <v>37.129069265101705</v>
      </c>
      <c r="E2277" cm="1">
        <f t="array" ref="E2277">IFERROR(INDEX(Jesper!AI$2:AI$366,ROUNDDOWN($C2277/24,0)+1,1)*INDEX($D$3:$AA$30,INDEX(Jesper!$R$2:$R$366,ROW(INDEX(Jesper!AI$2:AI$366,ROUNDDOWN($C2277/24,0)+1,1))-1)+IF('Standard Profiles'!$G$19=$B$10,7,0)+IF('Standard Profiles'!$G$19=$B$17,14,0)+IF('Standard Profiles'!$G$19=$B$24,21,0),MOD($C2277,24)+1)/SUM(INDEX($D$3:$AA$30,INDEX(Jesper!$R$2:$R$366,ROW(INDEX(Jesper!AI$2:AI$366,ROUNDDOWN($C2277/24,0)+1,1))-1)+IF('Standard Profiles'!$G$19=$B$10,7,0)+IF('Standard Profiles'!$G$19=$B$17,14,0)+IF('Standard Profiles'!$G$19=$B$24,21,0),0)),0)</f>
        <v>44.38848735944844</v>
      </c>
      <c r="F2277" cm="1">
        <f t="array" ref="F2277">IFERROR(INDEX(Jesper!AJ$2:AJ$366,ROUNDDOWN($C2277/24,0)+1,1)*INDEX($D$3:$AA$30,INDEX(Jesper!$R$2:$R$366,ROW(INDEX(Jesper!AJ$2:AJ$366,ROUNDDOWN($C2277/24,0)+1,1))-1)+IF('Standard Profiles'!$G$20=$B$10,7,0)+IF('Standard Profiles'!$G$20=$B$17,14,0)+IF('Standard Profiles'!$G$20=$B$24,21,0),MOD($C2277,24)+1)/SUM(INDEX($D$3:$AA$30,INDEX(Jesper!$R$2:$R$366,ROW(INDEX(Jesper!AJ$2:AJ$366,ROUNDDOWN($C2277/24,0)+1,1))-1)+IF('Standard Profiles'!$G$20=$B$10,7,0)+IF('Standard Profiles'!$G$20=$B$17,14,0)+IF('Standard Profiles'!$G$20=$B$24,21,0),0)),0)</f>
        <v>0</v>
      </c>
      <c r="G2277" cm="1">
        <f t="array" ref="G2277">IFERROR(INDEX(Jesper!AK$2:AK$366,ROUNDDOWN($C2277/24,0)+1,1)*INDEX($D$3:$AA$30,INDEX(Jesper!$R$2:$R$366,ROW(INDEX(Jesper!AK$2:AK$366,ROUNDDOWN($C2277/24,0)+1,1))-1)+IF('Standard Profiles'!$G$21=$B$10,7,0)+IF('Standard Profiles'!$G$21=$B$17,14,0)+IF('Standard Profiles'!$G$21=$B$24,21,0),MOD($C2277,24)+1)/SUM(INDEX($D$3:$AA$30,INDEX(Jesper!$R$2:$R$366,ROW(INDEX(Jesper!AK$2:AK$366,ROUNDDOWN($C2277/24,0)+1,1))-1)+IF('Standard Profiles'!$G$21=$B$10,7,0)+IF('Standard Profiles'!$G$21=$B$17,14,0)+IF('Standard Profiles'!$G$21=$B$24,21,0),0)),0)</f>
        <v>37.949528377734474</v>
      </c>
      <c r="H2277" cm="1">
        <f t="array" ref="H2277">IFERROR(INDEX(Jesper!AL$2:AL$366,ROUNDDOWN($C2277/24,0)+1,1)*INDEX($D$3:$AA$30,INDEX(Jesper!$R$2:$R$366,ROW(INDEX(Jesper!AL$2:AL$366,ROUNDDOWN($C2277/24,0)+1,1))-1)+IF('Standard Profiles'!$G$22=$B$10,7,0)+IF('Standard Profiles'!$G$22=$B$17,14,0)+IF('Standard Profiles'!$G$22=$B$24,21,0),MOD($C2277,24)+1)/SUM(INDEX($D$3:$AA$30,INDEX(Jesper!$R$2:$R$366,ROW(INDEX(Jesper!AL$2:AL$366,ROUNDDOWN($C2277/24,0)+1,1))-1)+IF('Standard Profiles'!$G$22=$B$10,7,0)+IF('Standard Profiles'!$G$22=$B$17,14,0)+IF('Standard Profiles'!$G$22=$B$24,21,0),0)),0)</f>
        <v>0</v>
      </c>
      <c r="I2277">
        <f t="shared" si="265"/>
        <v>18.21577362131254</v>
      </c>
      <c r="J2277">
        <f t="shared" si="266"/>
        <v>95.310660298555803</v>
      </c>
      <c r="K2277">
        <f t="shared" si="267"/>
        <v>3.9604340549441823</v>
      </c>
      <c r="L2277">
        <f t="shared" si="268"/>
        <v>1.9802170274720912</v>
      </c>
      <c r="M2277">
        <f t="shared" si="269"/>
        <v>0</v>
      </c>
      <c r="N2277" s="45">
        <f t="shared" si="270"/>
        <v>45020.458333327893</v>
      </c>
    </row>
    <row r="2278" spans="2:14" x14ac:dyDescent="0.25">
      <c r="B2278">
        <f t="shared" si="264"/>
        <v>2</v>
      </c>
      <c r="C2278" s="16">
        <v>2244</v>
      </c>
      <c r="D2278" cm="1">
        <f t="array" ref="D2278">IFERROR(INDEX(Jesper!AH$2:AH$366,ROUNDDOWN($C2278/24,0)+1,1)*INDEX($D$3:$AA$30,INDEX(Jesper!$R$2:$R$366,ROW(INDEX(Jesper!AH$2:AH$366,ROUNDDOWN($C2278/24,0)+1,1))-1)+IF('Standard Profiles'!$G$18=$B$10,7,0)+IF('Standard Profiles'!$G$18=$B$17,14,0)+IF('Standard Profiles'!$G$18=$B$24,21,0),MOD($C2278,24)+1)/SUM(INDEX($D$3:$AA$30,INDEX(Jesper!$R$2:$R$366,ROW(INDEX(Jesper!AH$2:AH$366,ROUNDDOWN($C2278/24,0)+1,1))-1)+IF('Standard Profiles'!$G$18=$B$10,7,0)+IF('Standard Profiles'!$G$18=$B$17,14,0)+IF('Standard Profiles'!$G$18=$B$24,21,0),0)),0)</f>
        <v>37.129069265101705</v>
      </c>
      <c r="E2278" cm="1">
        <f t="array" ref="E2278">IFERROR(INDEX(Jesper!AI$2:AI$366,ROUNDDOWN($C2278/24,0)+1,1)*INDEX($D$3:$AA$30,INDEX(Jesper!$R$2:$R$366,ROW(INDEX(Jesper!AI$2:AI$366,ROUNDDOWN($C2278/24,0)+1,1))-1)+IF('Standard Profiles'!$G$19=$B$10,7,0)+IF('Standard Profiles'!$G$19=$B$17,14,0)+IF('Standard Profiles'!$G$19=$B$24,21,0),MOD($C2278,24)+1)/SUM(INDEX($D$3:$AA$30,INDEX(Jesper!$R$2:$R$366,ROW(INDEX(Jesper!AI$2:AI$366,ROUNDDOWN($C2278/24,0)+1,1))-1)+IF('Standard Profiles'!$G$19=$B$10,7,0)+IF('Standard Profiles'!$G$19=$B$17,14,0)+IF('Standard Profiles'!$G$19=$B$24,21,0),0)),0)</f>
        <v>44.38848735944844</v>
      </c>
      <c r="F2278" cm="1">
        <f t="array" ref="F2278">IFERROR(INDEX(Jesper!AJ$2:AJ$366,ROUNDDOWN($C2278/24,0)+1,1)*INDEX($D$3:$AA$30,INDEX(Jesper!$R$2:$R$366,ROW(INDEX(Jesper!AJ$2:AJ$366,ROUNDDOWN($C2278/24,0)+1,1))-1)+IF('Standard Profiles'!$G$20=$B$10,7,0)+IF('Standard Profiles'!$G$20=$B$17,14,0)+IF('Standard Profiles'!$G$20=$B$24,21,0),MOD($C2278,24)+1)/SUM(INDEX($D$3:$AA$30,INDEX(Jesper!$R$2:$R$366,ROW(INDEX(Jesper!AJ$2:AJ$366,ROUNDDOWN($C2278/24,0)+1,1))-1)+IF('Standard Profiles'!$G$20=$B$10,7,0)+IF('Standard Profiles'!$G$20=$B$17,14,0)+IF('Standard Profiles'!$G$20=$B$24,21,0),0)),0)</f>
        <v>0</v>
      </c>
      <c r="G2278" cm="1">
        <f t="array" ref="G2278">IFERROR(INDEX(Jesper!AK$2:AK$366,ROUNDDOWN($C2278/24,0)+1,1)*INDEX($D$3:$AA$30,INDEX(Jesper!$R$2:$R$366,ROW(INDEX(Jesper!AK$2:AK$366,ROUNDDOWN($C2278/24,0)+1,1))-1)+IF('Standard Profiles'!$G$21=$B$10,7,0)+IF('Standard Profiles'!$G$21=$B$17,14,0)+IF('Standard Profiles'!$G$21=$B$24,21,0),MOD($C2278,24)+1)/SUM(INDEX($D$3:$AA$30,INDEX(Jesper!$R$2:$R$366,ROW(INDEX(Jesper!AK$2:AK$366,ROUNDDOWN($C2278/24,0)+1,1))-1)+IF('Standard Profiles'!$G$21=$B$10,7,0)+IF('Standard Profiles'!$G$21=$B$17,14,0)+IF('Standard Profiles'!$G$21=$B$24,21,0),0)),0)</f>
        <v>37.949528377734474</v>
      </c>
      <c r="H2278" cm="1">
        <f t="array" ref="H2278">IFERROR(INDEX(Jesper!AL$2:AL$366,ROUNDDOWN($C2278/24,0)+1,1)*INDEX($D$3:$AA$30,INDEX(Jesper!$R$2:$R$366,ROW(INDEX(Jesper!AL$2:AL$366,ROUNDDOWN($C2278/24,0)+1,1))-1)+IF('Standard Profiles'!$G$22=$B$10,7,0)+IF('Standard Profiles'!$G$22=$B$17,14,0)+IF('Standard Profiles'!$G$22=$B$24,21,0),MOD($C2278,24)+1)/SUM(INDEX($D$3:$AA$30,INDEX(Jesper!$R$2:$R$366,ROW(INDEX(Jesper!AL$2:AL$366,ROUNDDOWN($C2278/24,0)+1,1))-1)+IF('Standard Profiles'!$G$22=$B$10,7,0)+IF('Standard Profiles'!$G$22=$B$17,14,0)+IF('Standard Profiles'!$G$22=$B$24,21,0),0)),0)</f>
        <v>0</v>
      </c>
      <c r="I2278">
        <f t="shared" si="265"/>
        <v>18.21577362131254</v>
      </c>
      <c r="J2278">
        <f t="shared" si="266"/>
        <v>95.310660298555803</v>
      </c>
      <c r="K2278">
        <f t="shared" si="267"/>
        <v>3.9604340549441823</v>
      </c>
      <c r="L2278">
        <f t="shared" si="268"/>
        <v>1.9802170274720912</v>
      </c>
      <c r="M2278">
        <f t="shared" si="269"/>
        <v>0</v>
      </c>
      <c r="N2278" s="45">
        <f t="shared" si="270"/>
        <v>45020.499999994558</v>
      </c>
    </row>
    <row r="2279" spans="2:14" x14ac:dyDescent="0.25">
      <c r="B2279">
        <f t="shared" si="264"/>
        <v>2</v>
      </c>
      <c r="C2279" s="16">
        <v>2245</v>
      </c>
      <c r="D2279" cm="1">
        <f t="array" ref="D2279">IFERROR(INDEX(Jesper!AH$2:AH$366,ROUNDDOWN($C2279/24,0)+1,1)*INDEX($D$3:$AA$30,INDEX(Jesper!$R$2:$R$366,ROW(INDEX(Jesper!AH$2:AH$366,ROUNDDOWN($C2279/24,0)+1,1))-1)+IF('Standard Profiles'!$G$18=$B$10,7,0)+IF('Standard Profiles'!$G$18=$B$17,14,0)+IF('Standard Profiles'!$G$18=$B$24,21,0),MOD($C2279,24)+1)/SUM(INDEX($D$3:$AA$30,INDEX(Jesper!$R$2:$R$366,ROW(INDEX(Jesper!AH$2:AH$366,ROUNDDOWN($C2279/24,0)+1,1))-1)+IF('Standard Profiles'!$G$18=$B$10,7,0)+IF('Standard Profiles'!$G$18=$B$17,14,0)+IF('Standard Profiles'!$G$18=$B$24,21,0),0)),0)</f>
        <v>24.664310297531848</v>
      </c>
      <c r="E2279" cm="1">
        <f t="array" ref="E2279">IFERROR(INDEX(Jesper!AI$2:AI$366,ROUNDDOWN($C2279/24,0)+1,1)*INDEX($D$3:$AA$30,INDEX(Jesper!$R$2:$R$366,ROW(INDEX(Jesper!AI$2:AI$366,ROUNDDOWN($C2279/24,0)+1,1))-1)+IF('Standard Profiles'!$G$19=$B$10,7,0)+IF('Standard Profiles'!$G$19=$B$17,14,0)+IF('Standard Profiles'!$G$19=$B$24,21,0),MOD($C2279,24)+1)/SUM(INDEX($D$3:$AA$30,INDEX(Jesper!$R$2:$R$366,ROW(INDEX(Jesper!AI$2:AI$366,ROUNDDOWN($C2279/24,0)+1,1))-1)+IF('Standard Profiles'!$G$19=$B$10,7,0)+IF('Standard Profiles'!$G$19=$B$17,14,0)+IF('Standard Profiles'!$G$19=$B$24,21,0),0)),0)</f>
        <v>29.486638031633603</v>
      </c>
      <c r="F2279" cm="1">
        <f t="array" ref="F2279">IFERROR(INDEX(Jesper!AJ$2:AJ$366,ROUNDDOWN($C2279/24,0)+1,1)*INDEX($D$3:$AA$30,INDEX(Jesper!$R$2:$R$366,ROW(INDEX(Jesper!AJ$2:AJ$366,ROUNDDOWN($C2279/24,0)+1,1))-1)+IF('Standard Profiles'!$G$20=$B$10,7,0)+IF('Standard Profiles'!$G$20=$B$17,14,0)+IF('Standard Profiles'!$G$20=$B$24,21,0),MOD($C2279,24)+1)/SUM(INDEX($D$3:$AA$30,INDEX(Jesper!$R$2:$R$366,ROW(INDEX(Jesper!AJ$2:AJ$366,ROUNDDOWN($C2279/24,0)+1,1))-1)+IF('Standard Profiles'!$G$20=$B$10,7,0)+IF('Standard Profiles'!$G$20=$B$17,14,0)+IF('Standard Profiles'!$G$20=$B$24,21,0),0)),0)</f>
        <v>0</v>
      </c>
      <c r="G2279" cm="1">
        <f t="array" ref="G2279">IFERROR(INDEX(Jesper!AK$2:AK$366,ROUNDDOWN($C2279/24,0)+1,1)*INDEX($D$3:$AA$30,INDEX(Jesper!$R$2:$R$366,ROW(INDEX(Jesper!AK$2:AK$366,ROUNDDOWN($C2279/24,0)+1,1))-1)+IF('Standard Profiles'!$G$21=$B$10,7,0)+IF('Standard Profiles'!$G$21=$B$17,14,0)+IF('Standard Profiles'!$G$21=$B$24,21,0),MOD($C2279,24)+1)/SUM(INDEX($D$3:$AA$30,INDEX(Jesper!$R$2:$R$366,ROW(INDEX(Jesper!AK$2:AK$366,ROUNDDOWN($C2279/24,0)+1,1))-1)+IF('Standard Profiles'!$G$21=$B$10,7,0)+IF('Standard Profiles'!$G$21=$B$17,14,0)+IF('Standard Profiles'!$G$21=$B$24,21,0),0)),0)</f>
        <v>25.209329565209323</v>
      </c>
      <c r="H2279" cm="1">
        <f t="array" ref="H2279">IFERROR(INDEX(Jesper!AL$2:AL$366,ROUNDDOWN($C2279/24,0)+1,1)*INDEX($D$3:$AA$30,INDEX(Jesper!$R$2:$R$366,ROW(INDEX(Jesper!AL$2:AL$366,ROUNDDOWN($C2279/24,0)+1,1))-1)+IF('Standard Profiles'!$G$22=$B$10,7,0)+IF('Standard Profiles'!$G$22=$B$17,14,0)+IF('Standard Profiles'!$G$22=$B$24,21,0),MOD($C2279,24)+1)/SUM(INDEX($D$3:$AA$30,INDEX(Jesper!$R$2:$R$366,ROW(INDEX(Jesper!AL$2:AL$366,ROUNDDOWN($C2279/24,0)+1,1))-1)+IF('Standard Profiles'!$G$22=$B$10,7,0)+IF('Standard Profiles'!$G$22=$B$17,14,0)+IF('Standard Profiles'!$G$22=$B$24,21,0),0)),0)</f>
        <v>0</v>
      </c>
      <c r="I2279">
        <f t="shared" si="265"/>
        <v>12.10047819130047</v>
      </c>
      <c r="J2279">
        <f t="shared" si="266"/>
        <v>63.313510055469216</v>
      </c>
      <c r="K2279">
        <f t="shared" si="267"/>
        <v>2.6308597650700638</v>
      </c>
      <c r="L2279">
        <f t="shared" si="268"/>
        <v>1.3154298825350319</v>
      </c>
      <c r="M2279">
        <f t="shared" si="269"/>
        <v>0</v>
      </c>
      <c r="N2279" s="45">
        <f t="shared" si="270"/>
        <v>45020.541666661222</v>
      </c>
    </row>
    <row r="2280" spans="2:14" x14ac:dyDescent="0.25">
      <c r="B2280">
        <f t="shared" si="264"/>
        <v>2</v>
      </c>
      <c r="C2280" s="16">
        <v>2246</v>
      </c>
      <c r="D2280" cm="1">
        <f t="array" ref="D2280">IFERROR(INDEX(Jesper!AH$2:AH$366,ROUNDDOWN($C2280/24,0)+1,1)*INDEX($D$3:$AA$30,INDEX(Jesper!$R$2:$R$366,ROW(INDEX(Jesper!AH$2:AH$366,ROUNDDOWN($C2280/24,0)+1,1))-1)+IF('Standard Profiles'!$G$18=$B$10,7,0)+IF('Standard Profiles'!$G$18=$B$17,14,0)+IF('Standard Profiles'!$G$18=$B$24,21,0),MOD($C2280,24)+1)/SUM(INDEX($D$3:$AA$30,INDEX(Jesper!$R$2:$R$366,ROW(INDEX(Jesper!AH$2:AH$366,ROUNDDOWN($C2280/24,0)+1,1))-1)+IF('Standard Profiles'!$G$18=$B$10,7,0)+IF('Standard Profiles'!$G$18=$B$17,14,0)+IF('Standard Profiles'!$G$18=$B$24,21,0),0)),0)</f>
        <v>37.129069265101705</v>
      </c>
      <c r="E2280" cm="1">
        <f t="array" ref="E2280">IFERROR(INDEX(Jesper!AI$2:AI$366,ROUNDDOWN($C2280/24,0)+1,1)*INDEX($D$3:$AA$30,INDEX(Jesper!$R$2:$R$366,ROW(INDEX(Jesper!AI$2:AI$366,ROUNDDOWN($C2280/24,0)+1,1))-1)+IF('Standard Profiles'!$G$19=$B$10,7,0)+IF('Standard Profiles'!$G$19=$B$17,14,0)+IF('Standard Profiles'!$G$19=$B$24,21,0),MOD($C2280,24)+1)/SUM(INDEX($D$3:$AA$30,INDEX(Jesper!$R$2:$R$366,ROW(INDEX(Jesper!AI$2:AI$366,ROUNDDOWN($C2280/24,0)+1,1))-1)+IF('Standard Profiles'!$G$19=$B$10,7,0)+IF('Standard Profiles'!$G$19=$B$17,14,0)+IF('Standard Profiles'!$G$19=$B$24,21,0),0)),0)</f>
        <v>44.38848735944844</v>
      </c>
      <c r="F2280" cm="1">
        <f t="array" ref="F2280">IFERROR(INDEX(Jesper!AJ$2:AJ$366,ROUNDDOWN($C2280/24,0)+1,1)*INDEX($D$3:$AA$30,INDEX(Jesper!$R$2:$R$366,ROW(INDEX(Jesper!AJ$2:AJ$366,ROUNDDOWN($C2280/24,0)+1,1))-1)+IF('Standard Profiles'!$G$20=$B$10,7,0)+IF('Standard Profiles'!$G$20=$B$17,14,0)+IF('Standard Profiles'!$G$20=$B$24,21,0),MOD($C2280,24)+1)/SUM(INDEX($D$3:$AA$30,INDEX(Jesper!$R$2:$R$366,ROW(INDEX(Jesper!AJ$2:AJ$366,ROUNDDOWN($C2280/24,0)+1,1))-1)+IF('Standard Profiles'!$G$20=$B$10,7,0)+IF('Standard Profiles'!$G$20=$B$17,14,0)+IF('Standard Profiles'!$G$20=$B$24,21,0),0)),0)</f>
        <v>0</v>
      </c>
      <c r="G2280" cm="1">
        <f t="array" ref="G2280">IFERROR(INDEX(Jesper!AK$2:AK$366,ROUNDDOWN($C2280/24,0)+1,1)*INDEX($D$3:$AA$30,INDEX(Jesper!$R$2:$R$366,ROW(INDEX(Jesper!AK$2:AK$366,ROUNDDOWN($C2280/24,0)+1,1))-1)+IF('Standard Profiles'!$G$21=$B$10,7,0)+IF('Standard Profiles'!$G$21=$B$17,14,0)+IF('Standard Profiles'!$G$21=$B$24,21,0),MOD($C2280,24)+1)/SUM(INDEX($D$3:$AA$30,INDEX(Jesper!$R$2:$R$366,ROW(INDEX(Jesper!AK$2:AK$366,ROUNDDOWN($C2280/24,0)+1,1))-1)+IF('Standard Profiles'!$G$21=$B$10,7,0)+IF('Standard Profiles'!$G$21=$B$17,14,0)+IF('Standard Profiles'!$G$21=$B$24,21,0),0)),0)</f>
        <v>37.949528377734474</v>
      </c>
      <c r="H2280" cm="1">
        <f t="array" ref="H2280">IFERROR(INDEX(Jesper!AL$2:AL$366,ROUNDDOWN($C2280/24,0)+1,1)*INDEX($D$3:$AA$30,INDEX(Jesper!$R$2:$R$366,ROW(INDEX(Jesper!AL$2:AL$366,ROUNDDOWN($C2280/24,0)+1,1))-1)+IF('Standard Profiles'!$G$22=$B$10,7,0)+IF('Standard Profiles'!$G$22=$B$17,14,0)+IF('Standard Profiles'!$G$22=$B$24,21,0),MOD($C2280,24)+1)/SUM(INDEX($D$3:$AA$30,INDEX(Jesper!$R$2:$R$366,ROW(INDEX(Jesper!AL$2:AL$366,ROUNDDOWN($C2280/24,0)+1,1))-1)+IF('Standard Profiles'!$G$22=$B$10,7,0)+IF('Standard Profiles'!$G$22=$B$17,14,0)+IF('Standard Profiles'!$G$22=$B$24,21,0),0)),0)</f>
        <v>0</v>
      </c>
      <c r="I2280">
        <f t="shared" si="265"/>
        <v>18.21577362131254</v>
      </c>
      <c r="J2280">
        <f t="shared" si="266"/>
        <v>95.310660298555803</v>
      </c>
      <c r="K2280">
        <f t="shared" si="267"/>
        <v>3.9604340549441823</v>
      </c>
      <c r="L2280">
        <f t="shared" si="268"/>
        <v>1.9802170274720912</v>
      </c>
      <c r="M2280">
        <f t="shared" si="269"/>
        <v>0</v>
      </c>
      <c r="N2280" s="45">
        <f t="shared" si="270"/>
        <v>45020.583333327886</v>
      </c>
    </row>
    <row r="2281" spans="2:14" x14ac:dyDescent="0.25">
      <c r="B2281">
        <f t="shared" si="264"/>
        <v>2</v>
      </c>
      <c r="C2281" s="16">
        <v>2247</v>
      </c>
      <c r="D2281" cm="1">
        <f t="array" ref="D2281">IFERROR(INDEX(Jesper!AH$2:AH$366,ROUNDDOWN($C2281/24,0)+1,1)*INDEX($D$3:$AA$30,INDEX(Jesper!$R$2:$R$366,ROW(INDEX(Jesper!AH$2:AH$366,ROUNDDOWN($C2281/24,0)+1,1))-1)+IF('Standard Profiles'!$G$18=$B$10,7,0)+IF('Standard Profiles'!$G$18=$B$17,14,0)+IF('Standard Profiles'!$G$18=$B$24,21,0),MOD($C2281,24)+1)/SUM(INDEX($D$3:$AA$30,INDEX(Jesper!$R$2:$R$366,ROW(INDEX(Jesper!AH$2:AH$366,ROUNDDOWN($C2281/24,0)+1,1))-1)+IF('Standard Profiles'!$G$18=$B$10,7,0)+IF('Standard Profiles'!$G$18=$B$17,14,0)+IF('Standard Profiles'!$G$18=$B$24,21,0),0)),0)</f>
        <v>37.129069265101705</v>
      </c>
      <c r="E2281" cm="1">
        <f t="array" ref="E2281">IFERROR(INDEX(Jesper!AI$2:AI$366,ROUNDDOWN($C2281/24,0)+1,1)*INDEX($D$3:$AA$30,INDEX(Jesper!$R$2:$R$366,ROW(INDEX(Jesper!AI$2:AI$366,ROUNDDOWN($C2281/24,0)+1,1))-1)+IF('Standard Profiles'!$G$19=$B$10,7,0)+IF('Standard Profiles'!$G$19=$B$17,14,0)+IF('Standard Profiles'!$G$19=$B$24,21,0),MOD($C2281,24)+1)/SUM(INDEX($D$3:$AA$30,INDEX(Jesper!$R$2:$R$366,ROW(INDEX(Jesper!AI$2:AI$366,ROUNDDOWN($C2281/24,0)+1,1))-1)+IF('Standard Profiles'!$G$19=$B$10,7,0)+IF('Standard Profiles'!$G$19=$B$17,14,0)+IF('Standard Profiles'!$G$19=$B$24,21,0),0)),0)</f>
        <v>44.38848735944844</v>
      </c>
      <c r="F2281" cm="1">
        <f t="array" ref="F2281">IFERROR(INDEX(Jesper!AJ$2:AJ$366,ROUNDDOWN($C2281/24,0)+1,1)*INDEX($D$3:$AA$30,INDEX(Jesper!$R$2:$R$366,ROW(INDEX(Jesper!AJ$2:AJ$366,ROUNDDOWN($C2281/24,0)+1,1))-1)+IF('Standard Profiles'!$G$20=$B$10,7,0)+IF('Standard Profiles'!$G$20=$B$17,14,0)+IF('Standard Profiles'!$G$20=$B$24,21,0),MOD($C2281,24)+1)/SUM(INDEX($D$3:$AA$30,INDEX(Jesper!$R$2:$R$366,ROW(INDEX(Jesper!AJ$2:AJ$366,ROUNDDOWN($C2281/24,0)+1,1))-1)+IF('Standard Profiles'!$G$20=$B$10,7,0)+IF('Standard Profiles'!$G$20=$B$17,14,0)+IF('Standard Profiles'!$G$20=$B$24,21,0),0)),0)</f>
        <v>0</v>
      </c>
      <c r="G2281" cm="1">
        <f t="array" ref="G2281">IFERROR(INDEX(Jesper!AK$2:AK$366,ROUNDDOWN($C2281/24,0)+1,1)*INDEX($D$3:$AA$30,INDEX(Jesper!$R$2:$R$366,ROW(INDEX(Jesper!AK$2:AK$366,ROUNDDOWN($C2281/24,0)+1,1))-1)+IF('Standard Profiles'!$G$21=$B$10,7,0)+IF('Standard Profiles'!$G$21=$B$17,14,0)+IF('Standard Profiles'!$G$21=$B$24,21,0),MOD($C2281,24)+1)/SUM(INDEX($D$3:$AA$30,INDEX(Jesper!$R$2:$R$366,ROW(INDEX(Jesper!AK$2:AK$366,ROUNDDOWN($C2281/24,0)+1,1))-1)+IF('Standard Profiles'!$G$21=$B$10,7,0)+IF('Standard Profiles'!$G$21=$B$17,14,0)+IF('Standard Profiles'!$G$21=$B$24,21,0),0)),0)</f>
        <v>37.949528377734474</v>
      </c>
      <c r="H2281" cm="1">
        <f t="array" ref="H2281">IFERROR(INDEX(Jesper!AL$2:AL$366,ROUNDDOWN($C2281/24,0)+1,1)*INDEX($D$3:$AA$30,INDEX(Jesper!$R$2:$R$366,ROW(INDEX(Jesper!AL$2:AL$366,ROUNDDOWN($C2281/24,0)+1,1))-1)+IF('Standard Profiles'!$G$22=$B$10,7,0)+IF('Standard Profiles'!$G$22=$B$17,14,0)+IF('Standard Profiles'!$G$22=$B$24,21,0),MOD($C2281,24)+1)/SUM(INDEX($D$3:$AA$30,INDEX(Jesper!$R$2:$R$366,ROW(INDEX(Jesper!AL$2:AL$366,ROUNDDOWN($C2281/24,0)+1,1))-1)+IF('Standard Profiles'!$G$22=$B$10,7,0)+IF('Standard Profiles'!$G$22=$B$17,14,0)+IF('Standard Profiles'!$G$22=$B$24,21,0),0)),0)</f>
        <v>0</v>
      </c>
      <c r="I2281">
        <f t="shared" si="265"/>
        <v>18.21577362131254</v>
      </c>
      <c r="J2281">
        <f t="shared" si="266"/>
        <v>95.310660298555803</v>
      </c>
      <c r="K2281">
        <f t="shared" si="267"/>
        <v>3.9604340549441823</v>
      </c>
      <c r="L2281">
        <f t="shared" si="268"/>
        <v>1.9802170274720912</v>
      </c>
      <c r="M2281">
        <f t="shared" si="269"/>
        <v>0</v>
      </c>
      <c r="N2281" s="45">
        <f t="shared" si="270"/>
        <v>45020.62499999455</v>
      </c>
    </row>
    <row r="2282" spans="2:14" x14ac:dyDescent="0.25">
      <c r="B2282">
        <f t="shared" si="264"/>
        <v>2</v>
      </c>
      <c r="C2282" s="16">
        <v>2248</v>
      </c>
      <c r="D2282" cm="1">
        <f t="array" ref="D2282">IFERROR(INDEX(Jesper!AH$2:AH$366,ROUNDDOWN($C2282/24,0)+1,1)*INDEX($D$3:$AA$30,INDEX(Jesper!$R$2:$R$366,ROW(INDEX(Jesper!AH$2:AH$366,ROUNDDOWN($C2282/24,0)+1,1))-1)+IF('Standard Profiles'!$G$18=$B$10,7,0)+IF('Standard Profiles'!$G$18=$B$17,14,0)+IF('Standard Profiles'!$G$18=$B$24,21,0),MOD($C2282,24)+1)/SUM(INDEX($D$3:$AA$30,INDEX(Jesper!$R$2:$R$366,ROW(INDEX(Jesper!AH$2:AH$366,ROUNDDOWN($C2282/24,0)+1,1))-1)+IF('Standard Profiles'!$G$18=$B$10,7,0)+IF('Standard Profiles'!$G$18=$B$17,14,0)+IF('Standard Profiles'!$G$18=$B$24,21,0),0)),0)</f>
        <v>21.879630102649219</v>
      </c>
      <c r="E2282" cm="1">
        <f t="array" ref="E2282">IFERROR(INDEX(Jesper!AI$2:AI$366,ROUNDDOWN($C2282/24,0)+1,1)*INDEX($D$3:$AA$30,INDEX(Jesper!$R$2:$R$366,ROW(INDEX(Jesper!AI$2:AI$366,ROUNDDOWN($C2282/24,0)+1,1))-1)+IF('Standard Profiles'!$G$19=$B$10,7,0)+IF('Standard Profiles'!$G$19=$B$17,14,0)+IF('Standard Profiles'!$G$19=$B$24,21,0),MOD($C2282,24)+1)/SUM(INDEX($D$3:$AA$30,INDEX(Jesper!$R$2:$R$366,ROW(INDEX(Jesper!AI$2:AI$366,ROUNDDOWN($C2282/24,0)+1,1))-1)+IF('Standard Profiles'!$G$19=$B$10,7,0)+IF('Standard Profiles'!$G$19=$B$17,14,0)+IF('Standard Profiles'!$G$19=$B$24,21,0),0)),0)</f>
        <v>26.157501479674973</v>
      </c>
      <c r="F2282" cm="1">
        <f t="array" ref="F2282">IFERROR(INDEX(Jesper!AJ$2:AJ$366,ROUNDDOWN($C2282/24,0)+1,1)*INDEX($D$3:$AA$30,INDEX(Jesper!$R$2:$R$366,ROW(INDEX(Jesper!AJ$2:AJ$366,ROUNDDOWN($C2282/24,0)+1,1))-1)+IF('Standard Profiles'!$G$20=$B$10,7,0)+IF('Standard Profiles'!$G$20=$B$17,14,0)+IF('Standard Profiles'!$G$20=$B$24,21,0),MOD($C2282,24)+1)/SUM(INDEX($D$3:$AA$30,INDEX(Jesper!$R$2:$R$366,ROW(INDEX(Jesper!AJ$2:AJ$366,ROUNDDOWN($C2282/24,0)+1,1))-1)+IF('Standard Profiles'!$G$20=$B$10,7,0)+IF('Standard Profiles'!$G$20=$B$17,14,0)+IF('Standard Profiles'!$G$20=$B$24,21,0),0)),0)</f>
        <v>0</v>
      </c>
      <c r="G2282" cm="1">
        <f t="array" ref="G2282">IFERROR(INDEX(Jesper!AK$2:AK$366,ROUNDDOWN($C2282/24,0)+1,1)*INDEX($D$3:$AA$30,INDEX(Jesper!$R$2:$R$366,ROW(INDEX(Jesper!AK$2:AK$366,ROUNDDOWN($C2282/24,0)+1,1))-1)+IF('Standard Profiles'!$G$21=$B$10,7,0)+IF('Standard Profiles'!$G$21=$B$17,14,0)+IF('Standard Profiles'!$G$21=$B$24,21,0),MOD($C2282,24)+1)/SUM(INDEX($D$3:$AA$30,INDEX(Jesper!$R$2:$R$366,ROW(INDEX(Jesper!AK$2:AK$366,ROUNDDOWN($C2282/24,0)+1,1))-1)+IF('Standard Profiles'!$G$21=$B$10,7,0)+IF('Standard Profiles'!$G$21=$B$17,14,0)+IF('Standard Profiles'!$G$21=$B$24,21,0),0)),0)</f>
        <v>31.720730406920911</v>
      </c>
      <c r="H2282" cm="1">
        <f t="array" ref="H2282">IFERROR(INDEX(Jesper!AL$2:AL$366,ROUNDDOWN($C2282/24,0)+1,1)*INDEX($D$3:$AA$30,INDEX(Jesper!$R$2:$R$366,ROW(INDEX(Jesper!AL$2:AL$366,ROUNDDOWN($C2282/24,0)+1,1))-1)+IF('Standard Profiles'!$G$22=$B$10,7,0)+IF('Standard Profiles'!$G$22=$B$17,14,0)+IF('Standard Profiles'!$G$22=$B$24,21,0),MOD($C2282,24)+1)/SUM(INDEX($D$3:$AA$30,INDEX(Jesper!$R$2:$R$366,ROW(INDEX(Jesper!AL$2:AL$366,ROUNDDOWN($C2282/24,0)+1,1))-1)+IF('Standard Profiles'!$G$22=$B$10,7,0)+IF('Standard Profiles'!$G$22=$B$17,14,0)+IF('Standard Profiles'!$G$22=$B$24,21,0),0)),0)</f>
        <v>0</v>
      </c>
      <c r="I2282">
        <f t="shared" si="265"/>
        <v>15.225950595322029</v>
      </c>
      <c r="J2282">
        <f t="shared" si="266"/>
        <v>61.031170577499203</v>
      </c>
      <c r="K2282">
        <f t="shared" si="267"/>
        <v>2.3338272109492504</v>
      </c>
      <c r="L2282">
        <f t="shared" si="268"/>
        <v>1.1669136054746252</v>
      </c>
      <c r="M2282">
        <f t="shared" si="269"/>
        <v>0</v>
      </c>
      <c r="N2282" s="45">
        <f t="shared" si="270"/>
        <v>45020.666666661215</v>
      </c>
    </row>
    <row r="2283" spans="2:14" x14ac:dyDescent="0.25">
      <c r="B2283">
        <f t="shared" si="264"/>
        <v>2</v>
      </c>
      <c r="C2283" s="16">
        <v>2249</v>
      </c>
      <c r="D2283" cm="1">
        <f t="array" ref="D2283">IFERROR(INDEX(Jesper!AH$2:AH$366,ROUNDDOWN($C2283/24,0)+1,1)*INDEX($D$3:$AA$30,INDEX(Jesper!$R$2:$R$366,ROW(INDEX(Jesper!AH$2:AH$366,ROUNDDOWN($C2283/24,0)+1,1))-1)+IF('Standard Profiles'!$G$18=$B$10,7,0)+IF('Standard Profiles'!$G$18=$B$17,14,0)+IF('Standard Profiles'!$G$18=$B$24,21,0),MOD($C2283,24)+1)/SUM(INDEX($D$3:$AA$30,INDEX(Jesper!$R$2:$R$366,ROW(INDEX(Jesper!AH$2:AH$366,ROUNDDOWN($C2283/24,0)+1,1))-1)+IF('Standard Profiles'!$G$18=$B$10,7,0)+IF('Standard Profiles'!$G$18=$B$17,14,0)+IF('Standard Profiles'!$G$18=$B$24,21,0),0)),0)</f>
        <v>9.3382970988686385</v>
      </c>
      <c r="E2283" cm="1">
        <f t="array" ref="E2283">IFERROR(INDEX(Jesper!AI$2:AI$366,ROUNDDOWN($C2283/24,0)+1,1)*INDEX($D$3:$AA$30,INDEX(Jesper!$R$2:$R$366,ROW(INDEX(Jesper!AI$2:AI$366,ROUNDDOWN($C2283/24,0)+1,1))-1)+IF('Standard Profiles'!$G$19=$B$10,7,0)+IF('Standard Profiles'!$G$19=$B$17,14,0)+IF('Standard Profiles'!$G$19=$B$24,21,0),MOD($C2283,24)+1)/SUM(INDEX($D$3:$AA$30,INDEX(Jesper!$R$2:$R$366,ROW(INDEX(Jesper!AI$2:AI$366,ROUNDDOWN($C2283/24,0)+1,1))-1)+IF('Standard Profiles'!$G$19=$B$10,7,0)+IF('Standard Profiles'!$G$19=$B$17,14,0)+IF('Standard Profiles'!$G$19=$B$24,21,0),0)),0)</f>
        <v>11.164106478734517</v>
      </c>
      <c r="F2283" cm="1">
        <f t="array" ref="F2283">IFERROR(INDEX(Jesper!AJ$2:AJ$366,ROUNDDOWN($C2283/24,0)+1,1)*INDEX($D$3:$AA$30,INDEX(Jesper!$R$2:$R$366,ROW(INDEX(Jesper!AJ$2:AJ$366,ROUNDDOWN($C2283/24,0)+1,1))-1)+IF('Standard Profiles'!$G$20=$B$10,7,0)+IF('Standard Profiles'!$G$20=$B$17,14,0)+IF('Standard Profiles'!$G$20=$B$24,21,0),MOD($C2283,24)+1)/SUM(INDEX($D$3:$AA$30,INDEX(Jesper!$R$2:$R$366,ROW(INDEX(Jesper!AJ$2:AJ$366,ROUNDDOWN($C2283/24,0)+1,1))-1)+IF('Standard Profiles'!$G$20=$B$10,7,0)+IF('Standard Profiles'!$G$20=$B$17,14,0)+IF('Standard Profiles'!$G$20=$B$24,21,0),0)),0)</f>
        <v>0</v>
      </c>
      <c r="G2283" cm="1">
        <f t="array" ref="G2283">IFERROR(INDEX(Jesper!AK$2:AK$366,ROUNDDOWN($C2283/24,0)+1,1)*INDEX($D$3:$AA$30,INDEX(Jesper!$R$2:$R$366,ROW(INDEX(Jesper!AK$2:AK$366,ROUNDDOWN($C2283/24,0)+1,1))-1)+IF('Standard Profiles'!$G$21=$B$10,7,0)+IF('Standard Profiles'!$G$21=$B$17,14,0)+IF('Standard Profiles'!$G$21=$B$24,21,0),MOD($C2283,24)+1)/SUM(INDEX($D$3:$AA$30,INDEX(Jesper!$R$2:$R$366,ROW(INDEX(Jesper!AK$2:AK$366,ROUNDDOWN($C2283/24,0)+1,1))-1)+IF('Standard Profiles'!$G$21=$B$10,7,0)+IF('Standard Profiles'!$G$21=$B$17,14,0)+IF('Standard Profiles'!$G$21=$B$24,21,0),0)),0)</f>
        <v>25.2035621596808</v>
      </c>
      <c r="H2283" cm="1">
        <f t="array" ref="H2283">IFERROR(INDEX(Jesper!AL$2:AL$366,ROUNDDOWN($C2283/24,0)+1,1)*INDEX($D$3:$AA$30,INDEX(Jesper!$R$2:$R$366,ROW(INDEX(Jesper!AL$2:AL$366,ROUNDDOWN($C2283/24,0)+1,1))-1)+IF('Standard Profiles'!$G$22=$B$10,7,0)+IF('Standard Profiles'!$G$22=$B$17,14,0)+IF('Standard Profiles'!$G$22=$B$24,21,0),MOD($C2283,24)+1)/SUM(INDEX($D$3:$AA$30,INDEX(Jesper!$R$2:$R$366,ROW(INDEX(Jesper!AL$2:AL$366,ROUNDDOWN($C2283/24,0)+1,1))-1)+IF('Standard Profiles'!$G$22=$B$10,7,0)+IF('Standard Profiles'!$G$22=$B$17,14,0)+IF('Standard Profiles'!$G$22=$B$24,21,0),0)),0)</f>
        <v>0</v>
      </c>
      <c r="I2283">
        <f t="shared" si="265"/>
        <v>12.097709836646779</v>
      </c>
      <c r="J2283">
        <f t="shared" si="266"/>
        <v>32.114128364818193</v>
      </c>
      <c r="K2283">
        <f t="shared" si="267"/>
        <v>0.99608502387932152</v>
      </c>
      <c r="L2283">
        <f t="shared" si="268"/>
        <v>0.49804251193966076</v>
      </c>
      <c r="M2283">
        <f t="shared" si="269"/>
        <v>0</v>
      </c>
      <c r="N2283" s="45">
        <f t="shared" si="270"/>
        <v>45020.708333327879</v>
      </c>
    </row>
    <row r="2284" spans="2:14" x14ac:dyDescent="0.25">
      <c r="B2284">
        <f t="shared" si="264"/>
        <v>2</v>
      </c>
      <c r="C2284" s="16">
        <v>2250</v>
      </c>
      <c r="D2284" cm="1">
        <f t="array" ref="D2284">IFERROR(INDEX(Jesper!AH$2:AH$366,ROUNDDOWN($C2284/24,0)+1,1)*INDEX($D$3:$AA$30,INDEX(Jesper!$R$2:$R$366,ROW(INDEX(Jesper!AH$2:AH$366,ROUNDDOWN($C2284/24,0)+1,1))-1)+IF('Standard Profiles'!$G$18=$B$10,7,0)+IF('Standard Profiles'!$G$18=$B$17,14,0)+IF('Standard Profiles'!$G$18=$B$24,21,0),MOD($C2284,24)+1)/SUM(INDEX($D$3:$AA$30,INDEX(Jesper!$R$2:$R$366,ROW(INDEX(Jesper!AH$2:AH$366,ROUNDDOWN($C2284/24,0)+1,1))-1)+IF('Standard Profiles'!$G$18=$B$10,7,0)+IF('Standard Profiles'!$G$18=$B$17,14,0)+IF('Standard Profiles'!$G$18=$B$24,21,0),0)),0)</f>
        <v>6.1632760852533011</v>
      </c>
      <c r="E2284" cm="1">
        <f t="array" ref="E2284">IFERROR(INDEX(Jesper!AI$2:AI$366,ROUNDDOWN($C2284/24,0)+1,1)*INDEX($D$3:$AA$30,INDEX(Jesper!$R$2:$R$366,ROW(INDEX(Jesper!AI$2:AI$366,ROUNDDOWN($C2284/24,0)+1,1))-1)+IF('Standard Profiles'!$G$19=$B$10,7,0)+IF('Standard Profiles'!$G$19=$B$17,14,0)+IF('Standard Profiles'!$G$19=$B$24,21,0),MOD($C2284,24)+1)/SUM(INDEX($D$3:$AA$30,INDEX(Jesper!$R$2:$R$366,ROW(INDEX(Jesper!AI$2:AI$366,ROUNDDOWN($C2284/24,0)+1,1))-1)+IF('Standard Profiles'!$G$19=$B$10,7,0)+IF('Standard Profiles'!$G$19=$B$17,14,0)+IF('Standard Profiles'!$G$19=$B$24,21,0),0)),0)</f>
        <v>7.3683102759647809</v>
      </c>
      <c r="F2284" cm="1">
        <f t="array" ref="F2284">IFERROR(INDEX(Jesper!AJ$2:AJ$366,ROUNDDOWN($C2284/24,0)+1,1)*INDEX($D$3:$AA$30,INDEX(Jesper!$R$2:$R$366,ROW(INDEX(Jesper!AJ$2:AJ$366,ROUNDDOWN($C2284/24,0)+1,1))-1)+IF('Standard Profiles'!$G$20=$B$10,7,0)+IF('Standard Profiles'!$G$20=$B$17,14,0)+IF('Standard Profiles'!$G$20=$B$24,21,0),MOD($C2284,24)+1)/SUM(INDEX($D$3:$AA$30,INDEX(Jesper!$R$2:$R$366,ROW(INDEX(Jesper!AJ$2:AJ$366,ROUNDDOWN($C2284/24,0)+1,1))-1)+IF('Standard Profiles'!$G$20=$B$10,7,0)+IF('Standard Profiles'!$G$20=$B$17,14,0)+IF('Standard Profiles'!$G$20=$B$24,21,0),0)),0)</f>
        <v>0</v>
      </c>
      <c r="G2284" cm="1">
        <f t="array" ref="G2284">IFERROR(INDEX(Jesper!AK$2:AK$366,ROUNDDOWN($C2284/24,0)+1,1)*INDEX($D$3:$AA$30,INDEX(Jesper!$R$2:$R$366,ROW(INDEX(Jesper!AK$2:AK$366,ROUNDDOWN($C2284/24,0)+1,1))-1)+IF('Standard Profiles'!$G$21=$B$10,7,0)+IF('Standard Profiles'!$G$21=$B$17,14,0)+IF('Standard Profiles'!$G$21=$B$24,21,0),MOD($C2284,24)+1)/SUM(INDEX($D$3:$AA$30,INDEX(Jesper!$R$2:$R$366,ROW(INDEX(Jesper!AK$2:AK$366,ROUNDDOWN($C2284/24,0)+1,1))-1)+IF('Standard Profiles'!$G$21=$B$10,7,0)+IF('Standard Profiles'!$G$21=$B$17,14,0)+IF('Standard Profiles'!$G$21=$B$24,21,0),0)),0)</f>
        <v>8.9394785692231657</v>
      </c>
      <c r="H2284" cm="1">
        <f t="array" ref="H2284">IFERROR(INDEX(Jesper!AL$2:AL$366,ROUNDDOWN($C2284/24,0)+1,1)*INDEX($D$3:$AA$30,INDEX(Jesper!$R$2:$R$366,ROW(INDEX(Jesper!AL$2:AL$366,ROUNDDOWN($C2284/24,0)+1,1))-1)+IF('Standard Profiles'!$G$22=$B$10,7,0)+IF('Standard Profiles'!$G$22=$B$17,14,0)+IF('Standard Profiles'!$G$22=$B$24,21,0),MOD($C2284,24)+1)/SUM(INDEX($D$3:$AA$30,INDEX(Jesper!$R$2:$R$366,ROW(INDEX(Jesper!AL$2:AL$366,ROUNDDOWN($C2284/24,0)+1,1))-1)+IF('Standard Profiles'!$G$22=$B$10,7,0)+IF('Standard Profiles'!$G$22=$B$17,14,0)+IF('Standard Profiles'!$G$22=$B$24,21,0),0)),0)</f>
        <v>0</v>
      </c>
      <c r="I2284">
        <f t="shared" si="265"/>
        <v>4.2909497132271177</v>
      </c>
      <c r="J2284">
        <f t="shared" si="266"/>
        <v>17.193991043573604</v>
      </c>
      <c r="K2284">
        <f t="shared" si="267"/>
        <v>0.65741611576035219</v>
      </c>
      <c r="L2284">
        <f t="shared" si="268"/>
        <v>0.3287080578801761</v>
      </c>
      <c r="M2284">
        <f t="shared" si="269"/>
        <v>0</v>
      </c>
      <c r="N2284" s="45">
        <f t="shared" si="270"/>
        <v>45020.749999994543</v>
      </c>
    </row>
    <row r="2285" spans="2:14" x14ac:dyDescent="0.25">
      <c r="B2285">
        <f t="shared" si="264"/>
        <v>2</v>
      </c>
      <c r="C2285" s="16">
        <v>2251</v>
      </c>
      <c r="D2285" cm="1">
        <f t="array" ref="D2285">IFERROR(INDEX(Jesper!AH$2:AH$366,ROUNDDOWN($C2285/24,0)+1,1)*INDEX($D$3:$AA$30,INDEX(Jesper!$R$2:$R$366,ROW(INDEX(Jesper!AH$2:AH$366,ROUNDDOWN($C2285/24,0)+1,1))-1)+IF('Standard Profiles'!$G$18=$B$10,7,0)+IF('Standard Profiles'!$G$18=$B$17,14,0)+IF('Standard Profiles'!$G$18=$B$24,21,0),MOD($C2285,24)+1)/SUM(INDEX($D$3:$AA$30,INDEX(Jesper!$R$2:$R$366,ROW(INDEX(Jesper!AH$2:AH$366,ROUNDDOWN($C2285/24,0)+1,1))-1)+IF('Standard Profiles'!$G$18=$B$10,7,0)+IF('Standard Profiles'!$G$18=$B$17,14,0)+IF('Standard Profiles'!$G$18=$B$24,21,0),0)),0)</f>
        <v>6.1632760852533011</v>
      </c>
      <c r="E2285" cm="1">
        <f t="array" ref="E2285">IFERROR(INDEX(Jesper!AI$2:AI$366,ROUNDDOWN($C2285/24,0)+1,1)*INDEX($D$3:$AA$30,INDEX(Jesper!$R$2:$R$366,ROW(INDEX(Jesper!AI$2:AI$366,ROUNDDOWN($C2285/24,0)+1,1))-1)+IF('Standard Profiles'!$G$19=$B$10,7,0)+IF('Standard Profiles'!$G$19=$B$17,14,0)+IF('Standard Profiles'!$G$19=$B$24,21,0),MOD($C2285,24)+1)/SUM(INDEX($D$3:$AA$30,INDEX(Jesper!$R$2:$R$366,ROW(INDEX(Jesper!AI$2:AI$366,ROUNDDOWN($C2285/24,0)+1,1))-1)+IF('Standard Profiles'!$G$19=$B$10,7,0)+IF('Standard Profiles'!$G$19=$B$17,14,0)+IF('Standard Profiles'!$G$19=$B$24,21,0),0)),0)</f>
        <v>7.3683102759647809</v>
      </c>
      <c r="F2285" cm="1">
        <f t="array" ref="F2285">IFERROR(INDEX(Jesper!AJ$2:AJ$366,ROUNDDOWN($C2285/24,0)+1,1)*INDEX($D$3:$AA$30,INDEX(Jesper!$R$2:$R$366,ROW(INDEX(Jesper!AJ$2:AJ$366,ROUNDDOWN($C2285/24,0)+1,1))-1)+IF('Standard Profiles'!$G$20=$B$10,7,0)+IF('Standard Profiles'!$G$20=$B$17,14,0)+IF('Standard Profiles'!$G$20=$B$24,21,0),MOD($C2285,24)+1)/SUM(INDEX($D$3:$AA$30,INDEX(Jesper!$R$2:$R$366,ROW(INDEX(Jesper!AJ$2:AJ$366,ROUNDDOWN($C2285/24,0)+1,1))-1)+IF('Standard Profiles'!$G$20=$B$10,7,0)+IF('Standard Profiles'!$G$20=$B$17,14,0)+IF('Standard Profiles'!$G$20=$B$24,21,0),0)),0)</f>
        <v>0</v>
      </c>
      <c r="G2285" cm="1">
        <f t="array" ref="G2285">IFERROR(INDEX(Jesper!AK$2:AK$366,ROUNDDOWN($C2285/24,0)+1,1)*INDEX($D$3:$AA$30,INDEX(Jesper!$R$2:$R$366,ROW(INDEX(Jesper!AK$2:AK$366,ROUNDDOWN($C2285/24,0)+1,1))-1)+IF('Standard Profiles'!$G$21=$B$10,7,0)+IF('Standard Profiles'!$G$21=$B$17,14,0)+IF('Standard Profiles'!$G$21=$B$24,21,0),MOD($C2285,24)+1)/SUM(INDEX($D$3:$AA$30,INDEX(Jesper!$R$2:$R$366,ROW(INDEX(Jesper!AK$2:AK$366,ROUNDDOWN($C2285/24,0)+1,1))-1)+IF('Standard Profiles'!$G$21=$B$10,7,0)+IF('Standard Profiles'!$G$21=$B$17,14,0)+IF('Standard Profiles'!$G$21=$B$24,21,0),0)),0)</f>
        <v>8.9394785692231657</v>
      </c>
      <c r="H2285" cm="1">
        <f t="array" ref="H2285">IFERROR(INDEX(Jesper!AL$2:AL$366,ROUNDDOWN($C2285/24,0)+1,1)*INDEX($D$3:$AA$30,INDEX(Jesper!$R$2:$R$366,ROW(INDEX(Jesper!AL$2:AL$366,ROUNDDOWN($C2285/24,0)+1,1))-1)+IF('Standard Profiles'!$G$22=$B$10,7,0)+IF('Standard Profiles'!$G$22=$B$17,14,0)+IF('Standard Profiles'!$G$22=$B$24,21,0),MOD($C2285,24)+1)/SUM(INDEX($D$3:$AA$30,INDEX(Jesper!$R$2:$R$366,ROW(INDEX(Jesper!AL$2:AL$366,ROUNDDOWN($C2285/24,0)+1,1))-1)+IF('Standard Profiles'!$G$22=$B$10,7,0)+IF('Standard Profiles'!$G$22=$B$17,14,0)+IF('Standard Profiles'!$G$22=$B$24,21,0),0)),0)</f>
        <v>0</v>
      </c>
      <c r="I2285">
        <f t="shared" si="265"/>
        <v>4.2909497132271177</v>
      </c>
      <c r="J2285">
        <f t="shared" si="266"/>
        <v>17.193991043573604</v>
      </c>
      <c r="K2285">
        <f t="shared" si="267"/>
        <v>0.65741611576035219</v>
      </c>
      <c r="L2285">
        <f t="shared" si="268"/>
        <v>0.3287080578801761</v>
      </c>
      <c r="M2285">
        <f t="shared" si="269"/>
        <v>0</v>
      </c>
      <c r="N2285" s="45">
        <f t="shared" si="270"/>
        <v>45020.791666661207</v>
      </c>
    </row>
    <row r="2286" spans="2:14" x14ac:dyDescent="0.25">
      <c r="B2286">
        <f t="shared" si="264"/>
        <v>2</v>
      </c>
      <c r="C2286" s="16">
        <v>2252</v>
      </c>
      <c r="D2286" cm="1">
        <f t="array" ref="D2286">IFERROR(INDEX(Jesper!AH$2:AH$366,ROUNDDOWN($C2286/24,0)+1,1)*INDEX($D$3:$AA$30,INDEX(Jesper!$R$2:$R$366,ROW(INDEX(Jesper!AH$2:AH$366,ROUNDDOWN($C2286/24,0)+1,1))-1)+IF('Standard Profiles'!$G$18=$B$10,7,0)+IF('Standard Profiles'!$G$18=$B$17,14,0)+IF('Standard Profiles'!$G$18=$B$24,21,0),MOD($C2286,24)+1)/SUM(INDEX($D$3:$AA$30,INDEX(Jesper!$R$2:$R$366,ROW(INDEX(Jesper!AH$2:AH$366,ROUNDDOWN($C2286/24,0)+1,1))-1)+IF('Standard Profiles'!$G$18=$B$10,7,0)+IF('Standard Profiles'!$G$18=$B$17,14,0)+IF('Standard Profiles'!$G$18=$B$24,21,0),0)),0)</f>
        <v>6.1632760852533011</v>
      </c>
      <c r="E2286" cm="1">
        <f t="array" ref="E2286">IFERROR(INDEX(Jesper!AI$2:AI$366,ROUNDDOWN($C2286/24,0)+1,1)*INDEX($D$3:$AA$30,INDEX(Jesper!$R$2:$R$366,ROW(INDEX(Jesper!AI$2:AI$366,ROUNDDOWN($C2286/24,0)+1,1))-1)+IF('Standard Profiles'!$G$19=$B$10,7,0)+IF('Standard Profiles'!$G$19=$B$17,14,0)+IF('Standard Profiles'!$G$19=$B$24,21,0),MOD($C2286,24)+1)/SUM(INDEX($D$3:$AA$30,INDEX(Jesper!$R$2:$R$366,ROW(INDEX(Jesper!AI$2:AI$366,ROUNDDOWN($C2286/24,0)+1,1))-1)+IF('Standard Profiles'!$G$19=$B$10,7,0)+IF('Standard Profiles'!$G$19=$B$17,14,0)+IF('Standard Profiles'!$G$19=$B$24,21,0),0)),0)</f>
        <v>7.3683102759647809</v>
      </c>
      <c r="F2286" cm="1">
        <f t="array" ref="F2286">IFERROR(INDEX(Jesper!AJ$2:AJ$366,ROUNDDOWN($C2286/24,0)+1,1)*INDEX($D$3:$AA$30,INDEX(Jesper!$R$2:$R$366,ROW(INDEX(Jesper!AJ$2:AJ$366,ROUNDDOWN($C2286/24,0)+1,1))-1)+IF('Standard Profiles'!$G$20=$B$10,7,0)+IF('Standard Profiles'!$G$20=$B$17,14,0)+IF('Standard Profiles'!$G$20=$B$24,21,0),MOD($C2286,24)+1)/SUM(INDEX($D$3:$AA$30,INDEX(Jesper!$R$2:$R$366,ROW(INDEX(Jesper!AJ$2:AJ$366,ROUNDDOWN($C2286/24,0)+1,1))-1)+IF('Standard Profiles'!$G$20=$B$10,7,0)+IF('Standard Profiles'!$G$20=$B$17,14,0)+IF('Standard Profiles'!$G$20=$B$24,21,0),0)),0)</f>
        <v>0</v>
      </c>
      <c r="G2286" cm="1">
        <f t="array" ref="G2286">IFERROR(INDEX(Jesper!AK$2:AK$366,ROUNDDOWN($C2286/24,0)+1,1)*INDEX($D$3:$AA$30,INDEX(Jesper!$R$2:$R$366,ROW(INDEX(Jesper!AK$2:AK$366,ROUNDDOWN($C2286/24,0)+1,1))-1)+IF('Standard Profiles'!$G$21=$B$10,7,0)+IF('Standard Profiles'!$G$21=$B$17,14,0)+IF('Standard Profiles'!$G$21=$B$24,21,0),MOD($C2286,24)+1)/SUM(INDEX($D$3:$AA$30,INDEX(Jesper!$R$2:$R$366,ROW(INDEX(Jesper!AK$2:AK$366,ROUNDDOWN($C2286/24,0)+1,1))-1)+IF('Standard Profiles'!$G$21=$B$10,7,0)+IF('Standard Profiles'!$G$21=$B$17,14,0)+IF('Standard Profiles'!$G$21=$B$24,21,0),0)),0)</f>
        <v>8.9394785692231657</v>
      </c>
      <c r="H2286" cm="1">
        <f t="array" ref="H2286">IFERROR(INDEX(Jesper!AL$2:AL$366,ROUNDDOWN($C2286/24,0)+1,1)*INDEX($D$3:$AA$30,INDEX(Jesper!$R$2:$R$366,ROW(INDEX(Jesper!AL$2:AL$366,ROUNDDOWN($C2286/24,0)+1,1))-1)+IF('Standard Profiles'!$G$22=$B$10,7,0)+IF('Standard Profiles'!$G$22=$B$17,14,0)+IF('Standard Profiles'!$G$22=$B$24,21,0),MOD($C2286,24)+1)/SUM(INDEX($D$3:$AA$30,INDEX(Jesper!$R$2:$R$366,ROW(INDEX(Jesper!AL$2:AL$366,ROUNDDOWN($C2286/24,0)+1,1))-1)+IF('Standard Profiles'!$G$22=$B$10,7,0)+IF('Standard Profiles'!$G$22=$B$17,14,0)+IF('Standard Profiles'!$G$22=$B$24,21,0),0)),0)</f>
        <v>0</v>
      </c>
      <c r="I2286">
        <f t="shared" si="265"/>
        <v>4.2909497132271177</v>
      </c>
      <c r="J2286">
        <f t="shared" si="266"/>
        <v>17.193991043573604</v>
      </c>
      <c r="K2286">
        <f t="shared" si="267"/>
        <v>0.65741611576035219</v>
      </c>
      <c r="L2286">
        <f t="shared" si="268"/>
        <v>0.3287080578801761</v>
      </c>
      <c r="M2286">
        <f t="shared" si="269"/>
        <v>0</v>
      </c>
      <c r="N2286" s="45">
        <f t="shared" si="270"/>
        <v>45020.833333327872</v>
      </c>
    </row>
    <row r="2287" spans="2:14" x14ac:dyDescent="0.25">
      <c r="B2287">
        <f t="shared" si="264"/>
        <v>2</v>
      </c>
      <c r="C2287" s="16">
        <v>2253</v>
      </c>
      <c r="D2287" cm="1">
        <f t="array" ref="D2287">IFERROR(INDEX(Jesper!AH$2:AH$366,ROUNDDOWN($C2287/24,0)+1,1)*INDEX($D$3:$AA$30,INDEX(Jesper!$R$2:$R$366,ROW(INDEX(Jesper!AH$2:AH$366,ROUNDDOWN($C2287/24,0)+1,1))-1)+IF('Standard Profiles'!$G$18=$B$10,7,0)+IF('Standard Profiles'!$G$18=$B$17,14,0)+IF('Standard Profiles'!$G$18=$B$24,21,0),MOD($C2287,24)+1)/SUM(INDEX($D$3:$AA$30,INDEX(Jesper!$R$2:$R$366,ROW(INDEX(Jesper!AH$2:AH$366,ROUNDDOWN($C2287/24,0)+1,1))-1)+IF('Standard Profiles'!$G$18=$B$10,7,0)+IF('Standard Profiles'!$G$18=$B$17,14,0)+IF('Standard Profiles'!$G$18=$B$24,21,0),0)),0)</f>
        <v>6.1632760852533011</v>
      </c>
      <c r="E2287" cm="1">
        <f t="array" ref="E2287">IFERROR(INDEX(Jesper!AI$2:AI$366,ROUNDDOWN($C2287/24,0)+1,1)*INDEX($D$3:$AA$30,INDEX(Jesper!$R$2:$R$366,ROW(INDEX(Jesper!AI$2:AI$366,ROUNDDOWN($C2287/24,0)+1,1))-1)+IF('Standard Profiles'!$G$19=$B$10,7,0)+IF('Standard Profiles'!$G$19=$B$17,14,0)+IF('Standard Profiles'!$G$19=$B$24,21,0),MOD($C2287,24)+1)/SUM(INDEX($D$3:$AA$30,INDEX(Jesper!$R$2:$R$366,ROW(INDEX(Jesper!AI$2:AI$366,ROUNDDOWN($C2287/24,0)+1,1))-1)+IF('Standard Profiles'!$G$19=$B$10,7,0)+IF('Standard Profiles'!$G$19=$B$17,14,0)+IF('Standard Profiles'!$G$19=$B$24,21,0),0)),0)</f>
        <v>7.3683102759647809</v>
      </c>
      <c r="F2287" cm="1">
        <f t="array" ref="F2287">IFERROR(INDEX(Jesper!AJ$2:AJ$366,ROUNDDOWN($C2287/24,0)+1,1)*INDEX($D$3:$AA$30,INDEX(Jesper!$R$2:$R$366,ROW(INDEX(Jesper!AJ$2:AJ$366,ROUNDDOWN($C2287/24,0)+1,1))-1)+IF('Standard Profiles'!$G$20=$B$10,7,0)+IF('Standard Profiles'!$G$20=$B$17,14,0)+IF('Standard Profiles'!$G$20=$B$24,21,0),MOD($C2287,24)+1)/SUM(INDEX($D$3:$AA$30,INDEX(Jesper!$R$2:$R$366,ROW(INDEX(Jesper!AJ$2:AJ$366,ROUNDDOWN($C2287/24,0)+1,1))-1)+IF('Standard Profiles'!$G$20=$B$10,7,0)+IF('Standard Profiles'!$G$20=$B$17,14,0)+IF('Standard Profiles'!$G$20=$B$24,21,0),0)),0)</f>
        <v>0</v>
      </c>
      <c r="G2287" cm="1">
        <f t="array" ref="G2287">IFERROR(INDEX(Jesper!AK$2:AK$366,ROUNDDOWN($C2287/24,0)+1,1)*INDEX($D$3:$AA$30,INDEX(Jesper!$R$2:$R$366,ROW(INDEX(Jesper!AK$2:AK$366,ROUNDDOWN($C2287/24,0)+1,1))-1)+IF('Standard Profiles'!$G$21=$B$10,7,0)+IF('Standard Profiles'!$G$21=$B$17,14,0)+IF('Standard Profiles'!$G$21=$B$24,21,0),MOD($C2287,24)+1)/SUM(INDEX($D$3:$AA$30,INDEX(Jesper!$R$2:$R$366,ROW(INDEX(Jesper!AK$2:AK$366,ROUNDDOWN($C2287/24,0)+1,1))-1)+IF('Standard Profiles'!$G$21=$B$10,7,0)+IF('Standard Profiles'!$G$21=$B$17,14,0)+IF('Standard Profiles'!$G$21=$B$24,21,0),0)),0)</f>
        <v>8.9394785692231657</v>
      </c>
      <c r="H2287" cm="1">
        <f t="array" ref="H2287">IFERROR(INDEX(Jesper!AL$2:AL$366,ROUNDDOWN($C2287/24,0)+1,1)*INDEX($D$3:$AA$30,INDEX(Jesper!$R$2:$R$366,ROW(INDEX(Jesper!AL$2:AL$366,ROUNDDOWN($C2287/24,0)+1,1))-1)+IF('Standard Profiles'!$G$22=$B$10,7,0)+IF('Standard Profiles'!$G$22=$B$17,14,0)+IF('Standard Profiles'!$G$22=$B$24,21,0),MOD($C2287,24)+1)/SUM(INDEX($D$3:$AA$30,INDEX(Jesper!$R$2:$R$366,ROW(INDEX(Jesper!AL$2:AL$366,ROUNDDOWN($C2287/24,0)+1,1))-1)+IF('Standard Profiles'!$G$22=$B$10,7,0)+IF('Standard Profiles'!$G$22=$B$17,14,0)+IF('Standard Profiles'!$G$22=$B$24,21,0),0)),0)</f>
        <v>0</v>
      </c>
      <c r="I2287">
        <f t="shared" si="265"/>
        <v>4.2909497132271177</v>
      </c>
      <c r="J2287">
        <f t="shared" si="266"/>
        <v>17.193991043573604</v>
      </c>
      <c r="K2287">
        <f t="shared" si="267"/>
        <v>0.65741611576035219</v>
      </c>
      <c r="L2287">
        <f t="shared" si="268"/>
        <v>0.3287080578801761</v>
      </c>
      <c r="M2287">
        <f t="shared" si="269"/>
        <v>0</v>
      </c>
      <c r="N2287" s="45">
        <f t="shared" si="270"/>
        <v>45020.874999994536</v>
      </c>
    </row>
    <row r="2288" spans="2:14" x14ac:dyDescent="0.25">
      <c r="B2288">
        <f t="shared" si="264"/>
        <v>2</v>
      </c>
      <c r="C2288" s="16">
        <v>2254</v>
      </c>
      <c r="D2288" cm="1">
        <f t="array" ref="D2288">IFERROR(INDEX(Jesper!AH$2:AH$366,ROUNDDOWN($C2288/24,0)+1,1)*INDEX($D$3:$AA$30,INDEX(Jesper!$R$2:$R$366,ROW(INDEX(Jesper!AH$2:AH$366,ROUNDDOWN($C2288/24,0)+1,1))-1)+IF('Standard Profiles'!$G$18=$B$10,7,0)+IF('Standard Profiles'!$G$18=$B$17,14,0)+IF('Standard Profiles'!$G$18=$B$24,21,0),MOD($C2288,24)+1)/SUM(INDEX($D$3:$AA$30,INDEX(Jesper!$R$2:$R$366,ROW(INDEX(Jesper!AH$2:AH$366,ROUNDDOWN($C2288/24,0)+1,1))-1)+IF('Standard Profiles'!$G$18=$B$10,7,0)+IF('Standard Profiles'!$G$18=$B$17,14,0)+IF('Standard Profiles'!$G$18=$B$24,21,0),0)),0)</f>
        <v>6.1632760852533011</v>
      </c>
      <c r="E2288" cm="1">
        <f t="array" ref="E2288">IFERROR(INDEX(Jesper!AI$2:AI$366,ROUNDDOWN($C2288/24,0)+1,1)*INDEX($D$3:$AA$30,INDEX(Jesper!$R$2:$R$366,ROW(INDEX(Jesper!AI$2:AI$366,ROUNDDOWN($C2288/24,0)+1,1))-1)+IF('Standard Profiles'!$G$19=$B$10,7,0)+IF('Standard Profiles'!$G$19=$B$17,14,0)+IF('Standard Profiles'!$G$19=$B$24,21,0),MOD($C2288,24)+1)/SUM(INDEX($D$3:$AA$30,INDEX(Jesper!$R$2:$R$366,ROW(INDEX(Jesper!AI$2:AI$366,ROUNDDOWN($C2288/24,0)+1,1))-1)+IF('Standard Profiles'!$G$19=$B$10,7,0)+IF('Standard Profiles'!$G$19=$B$17,14,0)+IF('Standard Profiles'!$G$19=$B$24,21,0),0)),0)</f>
        <v>7.3683102759647809</v>
      </c>
      <c r="F2288" cm="1">
        <f t="array" ref="F2288">IFERROR(INDEX(Jesper!AJ$2:AJ$366,ROUNDDOWN($C2288/24,0)+1,1)*INDEX($D$3:$AA$30,INDEX(Jesper!$R$2:$R$366,ROW(INDEX(Jesper!AJ$2:AJ$366,ROUNDDOWN($C2288/24,0)+1,1))-1)+IF('Standard Profiles'!$G$20=$B$10,7,0)+IF('Standard Profiles'!$G$20=$B$17,14,0)+IF('Standard Profiles'!$G$20=$B$24,21,0),MOD($C2288,24)+1)/SUM(INDEX($D$3:$AA$30,INDEX(Jesper!$R$2:$R$366,ROW(INDEX(Jesper!AJ$2:AJ$366,ROUNDDOWN($C2288/24,0)+1,1))-1)+IF('Standard Profiles'!$G$20=$B$10,7,0)+IF('Standard Profiles'!$G$20=$B$17,14,0)+IF('Standard Profiles'!$G$20=$B$24,21,0),0)),0)</f>
        <v>0</v>
      </c>
      <c r="G2288" cm="1">
        <f t="array" ref="G2288">IFERROR(INDEX(Jesper!AK$2:AK$366,ROUNDDOWN($C2288/24,0)+1,1)*INDEX($D$3:$AA$30,INDEX(Jesper!$R$2:$R$366,ROW(INDEX(Jesper!AK$2:AK$366,ROUNDDOWN($C2288/24,0)+1,1))-1)+IF('Standard Profiles'!$G$21=$B$10,7,0)+IF('Standard Profiles'!$G$21=$B$17,14,0)+IF('Standard Profiles'!$G$21=$B$24,21,0),MOD($C2288,24)+1)/SUM(INDEX($D$3:$AA$30,INDEX(Jesper!$R$2:$R$366,ROW(INDEX(Jesper!AK$2:AK$366,ROUNDDOWN($C2288/24,0)+1,1))-1)+IF('Standard Profiles'!$G$21=$B$10,7,0)+IF('Standard Profiles'!$G$21=$B$17,14,0)+IF('Standard Profiles'!$G$21=$B$24,21,0),0)),0)</f>
        <v>8.9394785692231657</v>
      </c>
      <c r="H2288" cm="1">
        <f t="array" ref="H2288">IFERROR(INDEX(Jesper!AL$2:AL$366,ROUNDDOWN($C2288/24,0)+1,1)*INDEX($D$3:$AA$30,INDEX(Jesper!$R$2:$R$366,ROW(INDEX(Jesper!AL$2:AL$366,ROUNDDOWN($C2288/24,0)+1,1))-1)+IF('Standard Profiles'!$G$22=$B$10,7,0)+IF('Standard Profiles'!$G$22=$B$17,14,0)+IF('Standard Profiles'!$G$22=$B$24,21,0),MOD($C2288,24)+1)/SUM(INDEX($D$3:$AA$30,INDEX(Jesper!$R$2:$R$366,ROW(INDEX(Jesper!AL$2:AL$366,ROUNDDOWN($C2288/24,0)+1,1))-1)+IF('Standard Profiles'!$G$22=$B$10,7,0)+IF('Standard Profiles'!$G$22=$B$17,14,0)+IF('Standard Profiles'!$G$22=$B$24,21,0),0)),0)</f>
        <v>0</v>
      </c>
      <c r="I2288">
        <f t="shared" si="265"/>
        <v>4.2909497132271177</v>
      </c>
      <c r="J2288">
        <f t="shared" si="266"/>
        <v>17.193991043573604</v>
      </c>
      <c r="K2288">
        <f t="shared" si="267"/>
        <v>0.65741611576035219</v>
      </c>
      <c r="L2288">
        <f t="shared" si="268"/>
        <v>0.3287080578801761</v>
      </c>
      <c r="M2288">
        <f t="shared" si="269"/>
        <v>0</v>
      </c>
      <c r="N2288" s="45">
        <f t="shared" si="270"/>
        <v>45020.9166666612</v>
      </c>
    </row>
    <row r="2289" spans="2:14" x14ac:dyDescent="0.25">
      <c r="B2289">
        <f t="shared" si="264"/>
        <v>2</v>
      </c>
      <c r="C2289" s="16">
        <v>2255</v>
      </c>
      <c r="D2289" cm="1">
        <f t="array" ref="D2289">IFERROR(INDEX(Jesper!AH$2:AH$366,ROUNDDOWN($C2289/24,0)+1,1)*INDEX($D$3:$AA$30,INDEX(Jesper!$R$2:$R$366,ROW(INDEX(Jesper!AH$2:AH$366,ROUNDDOWN($C2289/24,0)+1,1))-1)+IF('Standard Profiles'!$G$18=$B$10,7,0)+IF('Standard Profiles'!$G$18=$B$17,14,0)+IF('Standard Profiles'!$G$18=$B$24,21,0),MOD($C2289,24)+1)/SUM(INDEX($D$3:$AA$30,INDEX(Jesper!$R$2:$R$366,ROW(INDEX(Jesper!AH$2:AH$366,ROUNDDOWN($C2289/24,0)+1,1))-1)+IF('Standard Profiles'!$G$18=$B$10,7,0)+IF('Standard Profiles'!$G$18=$B$17,14,0)+IF('Standard Profiles'!$G$18=$B$24,21,0),0)),0)</f>
        <v>6.1632760852533011</v>
      </c>
      <c r="E2289" cm="1">
        <f t="array" ref="E2289">IFERROR(INDEX(Jesper!AI$2:AI$366,ROUNDDOWN($C2289/24,0)+1,1)*INDEX($D$3:$AA$30,INDEX(Jesper!$R$2:$R$366,ROW(INDEX(Jesper!AI$2:AI$366,ROUNDDOWN($C2289/24,0)+1,1))-1)+IF('Standard Profiles'!$G$19=$B$10,7,0)+IF('Standard Profiles'!$G$19=$B$17,14,0)+IF('Standard Profiles'!$G$19=$B$24,21,0),MOD($C2289,24)+1)/SUM(INDEX($D$3:$AA$30,INDEX(Jesper!$R$2:$R$366,ROW(INDEX(Jesper!AI$2:AI$366,ROUNDDOWN($C2289/24,0)+1,1))-1)+IF('Standard Profiles'!$G$19=$B$10,7,0)+IF('Standard Profiles'!$G$19=$B$17,14,0)+IF('Standard Profiles'!$G$19=$B$24,21,0),0)),0)</f>
        <v>7.3683102759647809</v>
      </c>
      <c r="F2289" cm="1">
        <f t="array" ref="F2289">IFERROR(INDEX(Jesper!AJ$2:AJ$366,ROUNDDOWN($C2289/24,0)+1,1)*INDEX($D$3:$AA$30,INDEX(Jesper!$R$2:$R$366,ROW(INDEX(Jesper!AJ$2:AJ$366,ROUNDDOWN($C2289/24,0)+1,1))-1)+IF('Standard Profiles'!$G$20=$B$10,7,0)+IF('Standard Profiles'!$G$20=$B$17,14,0)+IF('Standard Profiles'!$G$20=$B$24,21,0),MOD($C2289,24)+1)/SUM(INDEX($D$3:$AA$30,INDEX(Jesper!$R$2:$R$366,ROW(INDEX(Jesper!AJ$2:AJ$366,ROUNDDOWN($C2289/24,0)+1,1))-1)+IF('Standard Profiles'!$G$20=$B$10,7,0)+IF('Standard Profiles'!$G$20=$B$17,14,0)+IF('Standard Profiles'!$G$20=$B$24,21,0),0)),0)</f>
        <v>0</v>
      </c>
      <c r="G2289" cm="1">
        <f t="array" ref="G2289">IFERROR(INDEX(Jesper!AK$2:AK$366,ROUNDDOWN($C2289/24,0)+1,1)*INDEX($D$3:$AA$30,INDEX(Jesper!$R$2:$R$366,ROW(INDEX(Jesper!AK$2:AK$366,ROUNDDOWN($C2289/24,0)+1,1))-1)+IF('Standard Profiles'!$G$21=$B$10,7,0)+IF('Standard Profiles'!$G$21=$B$17,14,0)+IF('Standard Profiles'!$G$21=$B$24,21,0),MOD($C2289,24)+1)/SUM(INDEX($D$3:$AA$30,INDEX(Jesper!$R$2:$R$366,ROW(INDEX(Jesper!AK$2:AK$366,ROUNDDOWN($C2289/24,0)+1,1))-1)+IF('Standard Profiles'!$G$21=$B$10,7,0)+IF('Standard Profiles'!$G$21=$B$17,14,0)+IF('Standard Profiles'!$G$21=$B$24,21,0),0)),0)</f>
        <v>8.9394785692231657</v>
      </c>
      <c r="H2289" cm="1">
        <f t="array" ref="H2289">IFERROR(INDEX(Jesper!AL$2:AL$366,ROUNDDOWN($C2289/24,0)+1,1)*INDEX($D$3:$AA$30,INDEX(Jesper!$R$2:$R$366,ROW(INDEX(Jesper!AL$2:AL$366,ROUNDDOWN($C2289/24,0)+1,1))-1)+IF('Standard Profiles'!$G$22=$B$10,7,0)+IF('Standard Profiles'!$G$22=$B$17,14,0)+IF('Standard Profiles'!$G$22=$B$24,21,0),MOD($C2289,24)+1)/SUM(INDEX($D$3:$AA$30,INDEX(Jesper!$R$2:$R$366,ROW(INDEX(Jesper!AL$2:AL$366,ROUNDDOWN($C2289/24,0)+1,1))-1)+IF('Standard Profiles'!$G$22=$B$10,7,0)+IF('Standard Profiles'!$G$22=$B$17,14,0)+IF('Standard Profiles'!$G$22=$B$24,21,0),0)),0)</f>
        <v>0</v>
      </c>
      <c r="I2289">
        <f t="shared" si="265"/>
        <v>4.2909497132271177</v>
      </c>
      <c r="J2289">
        <f t="shared" si="266"/>
        <v>17.193991043573604</v>
      </c>
      <c r="K2289">
        <f t="shared" si="267"/>
        <v>0.65741611576035219</v>
      </c>
      <c r="L2289">
        <f t="shared" si="268"/>
        <v>0.3287080578801761</v>
      </c>
      <c r="M2289">
        <f t="shared" si="269"/>
        <v>0</v>
      </c>
      <c r="N2289" s="45">
        <f t="shared" si="270"/>
        <v>45020.958333327864</v>
      </c>
    </row>
    <row r="2290" spans="2:14" x14ac:dyDescent="0.25">
      <c r="B2290">
        <f t="shared" si="264"/>
        <v>3</v>
      </c>
      <c r="C2290" s="16">
        <v>2256</v>
      </c>
      <c r="D2290" cm="1">
        <f t="array" ref="D2290">IFERROR(INDEX(Jesper!AH$2:AH$366,ROUNDDOWN($C2290/24,0)+1,1)*INDEX($D$3:$AA$30,INDEX(Jesper!$R$2:$R$366,ROW(INDEX(Jesper!AH$2:AH$366,ROUNDDOWN($C2290/24,0)+1,1))-1)+IF('Standard Profiles'!$G$18=$B$10,7,0)+IF('Standard Profiles'!$G$18=$B$17,14,0)+IF('Standard Profiles'!$G$18=$B$24,21,0),MOD($C2290,24)+1)/SUM(INDEX($D$3:$AA$30,INDEX(Jesper!$R$2:$R$366,ROW(INDEX(Jesper!AH$2:AH$366,ROUNDDOWN($C2290/24,0)+1,1))-1)+IF('Standard Profiles'!$G$18=$B$10,7,0)+IF('Standard Profiles'!$G$18=$B$17,14,0)+IF('Standard Profiles'!$G$18=$B$24,21,0),0)),0)</f>
        <v>6.1240604158833118</v>
      </c>
      <c r="E2290" cm="1">
        <f t="array" ref="E2290">IFERROR(INDEX(Jesper!AI$2:AI$366,ROUNDDOWN($C2290/24,0)+1,1)*INDEX($D$3:$AA$30,INDEX(Jesper!$R$2:$R$366,ROW(INDEX(Jesper!AI$2:AI$366,ROUNDDOWN($C2290/24,0)+1,1))-1)+IF('Standard Profiles'!$G$19=$B$10,7,0)+IF('Standard Profiles'!$G$19=$B$17,14,0)+IF('Standard Profiles'!$G$19=$B$24,21,0),MOD($C2290,24)+1)/SUM(INDEX($D$3:$AA$30,INDEX(Jesper!$R$2:$R$366,ROW(INDEX(Jesper!AI$2:AI$366,ROUNDDOWN($C2290/24,0)+1,1))-1)+IF('Standard Profiles'!$G$19=$B$10,7,0)+IF('Standard Profiles'!$G$19=$B$17,14,0)+IF('Standard Profiles'!$G$19=$B$24,21,0),0)),0)</f>
        <v>7.4106957702099114</v>
      </c>
      <c r="F2290" cm="1">
        <f t="array" ref="F2290">IFERROR(INDEX(Jesper!AJ$2:AJ$366,ROUNDDOWN($C2290/24,0)+1,1)*INDEX($D$3:$AA$30,INDEX(Jesper!$R$2:$R$366,ROW(INDEX(Jesper!AJ$2:AJ$366,ROUNDDOWN($C2290/24,0)+1,1))-1)+IF('Standard Profiles'!$G$20=$B$10,7,0)+IF('Standard Profiles'!$G$20=$B$17,14,0)+IF('Standard Profiles'!$G$20=$B$24,21,0),MOD($C2290,24)+1)/SUM(INDEX($D$3:$AA$30,INDEX(Jesper!$R$2:$R$366,ROW(INDEX(Jesper!AJ$2:AJ$366,ROUNDDOWN($C2290/24,0)+1,1))-1)+IF('Standard Profiles'!$G$20=$B$10,7,0)+IF('Standard Profiles'!$G$20=$B$17,14,0)+IF('Standard Profiles'!$G$20=$B$24,21,0),0)),0)</f>
        <v>0</v>
      </c>
      <c r="G2290" cm="1">
        <f t="array" ref="G2290">IFERROR(INDEX(Jesper!AK$2:AK$366,ROUNDDOWN($C2290/24,0)+1,1)*INDEX($D$3:$AA$30,INDEX(Jesper!$R$2:$R$366,ROW(INDEX(Jesper!AK$2:AK$366,ROUNDDOWN($C2290/24,0)+1,1))-1)+IF('Standard Profiles'!$G$21=$B$10,7,0)+IF('Standard Profiles'!$G$21=$B$17,14,0)+IF('Standard Profiles'!$G$21=$B$24,21,0),MOD($C2290,24)+1)/SUM(INDEX($D$3:$AA$30,INDEX(Jesper!$R$2:$R$366,ROW(INDEX(Jesper!AK$2:AK$366,ROUNDDOWN($C2290/24,0)+1,1))-1)+IF('Standard Profiles'!$G$21=$B$10,7,0)+IF('Standard Profiles'!$G$21=$B$17,14,0)+IF('Standard Profiles'!$G$21=$B$24,21,0),0)),0)</f>
        <v>9.5124869038077726</v>
      </c>
      <c r="H2290" cm="1">
        <f t="array" ref="H2290">IFERROR(INDEX(Jesper!AL$2:AL$366,ROUNDDOWN($C2290/24,0)+1,1)*INDEX($D$3:$AA$30,INDEX(Jesper!$R$2:$R$366,ROW(INDEX(Jesper!AL$2:AL$366,ROUNDDOWN($C2290/24,0)+1,1))-1)+IF('Standard Profiles'!$G$22=$B$10,7,0)+IF('Standard Profiles'!$G$22=$B$17,14,0)+IF('Standard Profiles'!$G$22=$B$24,21,0),MOD($C2290,24)+1)/SUM(INDEX($D$3:$AA$30,INDEX(Jesper!$R$2:$R$366,ROW(INDEX(Jesper!AL$2:AL$366,ROUNDDOWN($C2290/24,0)+1,1))-1)+IF('Standard Profiles'!$G$22=$B$10,7,0)+IF('Standard Profiles'!$G$22=$B$17,14,0)+IF('Standard Profiles'!$G$22=$B$24,21,0),0)),0)</f>
        <v>0</v>
      </c>
      <c r="I2290">
        <f t="shared" si="265"/>
        <v>4.5659937138277282</v>
      </c>
      <c r="J2290">
        <f t="shared" si="266"/>
        <v>17.501399709531938</v>
      </c>
      <c r="K2290">
        <f t="shared" si="267"/>
        <v>0.65323311102755333</v>
      </c>
      <c r="L2290">
        <f t="shared" si="268"/>
        <v>0.32661655551377666</v>
      </c>
      <c r="M2290">
        <f t="shared" si="269"/>
        <v>0</v>
      </c>
      <c r="N2290" s="45">
        <f t="shared" si="270"/>
        <v>45020.999999994528</v>
      </c>
    </row>
    <row r="2291" spans="2:14" x14ac:dyDescent="0.25">
      <c r="B2291">
        <f t="shared" si="264"/>
        <v>3</v>
      </c>
      <c r="C2291" s="16">
        <v>2257</v>
      </c>
      <c r="D2291" cm="1">
        <f t="array" ref="D2291">IFERROR(INDEX(Jesper!AH$2:AH$366,ROUNDDOWN($C2291/24,0)+1,1)*INDEX($D$3:$AA$30,INDEX(Jesper!$R$2:$R$366,ROW(INDEX(Jesper!AH$2:AH$366,ROUNDDOWN($C2291/24,0)+1,1))-1)+IF('Standard Profiles'!$G$18=$B$10,7,0)+IF('Standard Profiles'!$G$18=$B$17,14,0)+IF('Standard Profiles'!$G$18=$B$24,21,0),MOD($C2291,24)+1)/SUM(INDEX($D$3:$AA$30,INDEX(Jesper!$R$2:$R$366,ROW(INDEX(Jesper!AH$2:AH$366,ROUNDDOWN($C2291/24,0)+1,1))-1)+IF('Standard Profiles'!$G$18=$B$10,7,0)+IF('Standard Profiles'!$G$18=$B$17,14,0)+IF('Standard Profiles'!$G$18=$B$24,21,0),0)),0)</f>
        <v>6.1240604158833118</v>
      </c>
      <c r="E2291" cm="1">
        <f t="array" ref="E2291">IFERROR(INDEX(Jesper!AI$2:AI$366,ROUNDDOWN($C2291/24,0)+1,1)*INDEX($D$3:$AA$30,INDEX(Jesper!$R$2:$R$366,ROW(INDEX(Jesper!AI$2:AI$366,ROUNDDOWN($C2291/24,0)+1,1))-1)+IF('Standard Profiles'!$G$19=$B$10,7,0)+IF('Standard Profiles'!$G$19=$B$17,14,0)+IF('Standard Profiles'!$G$19=$B$24,21,0),MOD($C2291,24)+1)/SUM(INDEX($D$3:$AA$30,INDEX(Jesper!$R$2:$R$366,ROW(INDEX(Jesper!AI$2:AI$366,ROUNDDOWN($C2291/24,0)+1,1))-1)+IF('Standard Profiles'!$G$19=$B$10,7,0)+IF('Standard Profiles'!$G$19=$B$17,14,0)+IF('Standard Profiles'!$G$19=$B$24,21,0),0)),0)</f>
        <v>7.4106957702099114</v>
      </c>
      <c r="F2291" cm="1">
        <f t="array" ref="F2291">IFERROR(INDEX(Jesper!AJ$2:AJ$366,ROUNDDOWN($C2291/24,0)+1,1)*INDEX($D$3:$AA$30,INDEX(Jesper!$R$2:$R$366,ROW(INDEX(Jesper!AJ$2:AJ$366,ROUNDDOWN($C2291/24,0)+1,1))-1)+IF('Standard Profiles'!$G$20=$B$10,7,0)+IF('Standard Profiles'!$G$20=$B$17,14,0)+IF('Standard Profiles'!$G$20=$B$24,21,0),MOD($C2291,24)+1)/SUM(INDEX($D$3:$AA$30,INDEX(Jesper!$R$2:$R$366,ROW(INDEX(Jesper!AJ$2:AJ$366,ROUNDDOWN($C2291/24,0)+1,1))-1)+IF('Standard Profiles'!$G$20=$B$10,7,0)+IF('Standard Profiles'!$G$20=$B$17,14,0)+IF('Standard Profiles'!$G$20=$B$24,21,0),0)),0)</f>
        <v>0</v>
      </c>
      <c r="G2291" cm="1">
        <f t="array" ref="G2291">IFERROR(INDEX(Jesper!AK$2:AK$366,ROUNDDOWN($C2291/24,0)+1,1)*INDEX($D$3:$AA$30,INDEX(Jesper!$R$2:$R$366,ROW(INDEX(Jesper!AK$2:AK$366,ROUNDDOWN($C2291/24,0)+1,1))-1)+IF('Standard Profiles'!$G$21=$B$10,7,0)+IF('Standard Profiles'!$G$21=$B$17,14,0)+IF('Standard Profiles'!$G$21=$B$24,21,0),MOD($C2291,24)+1)/SUM(INDEX($D$3:$AA$30,INDEX(Jesper!$R$2:$R$366,ROW(INDEX(Jesper!AK$2:AK$366,ROUNDDOWN($C2291/24,0)+1,1))-1)+IF('Standard Profiles'!$G$21=$B$10,7,0)+IF('Standard Profiles'!$G$21=$B$17,14,0)+IF('Standard Profiles'!$G$21=$B$24,21,0),0)),0)</f>
        <v>9.5124869038077726</v>
      </c>
      <c r="H2291" cm="1">
        <f t="array" ref="H2291">IFERROR(INDEX(Jesper!AL$2:AL$366,ROUNDDOWN($C2291/24,0)+1,1)*INDEX($D$3:$AA$30,INDEX(Jesper!$R$2:$R$366,ROW(INDEX(Jesper!AL$2:AL$366,ROUNDDOWN($C2291/24,0)+1,1))-1)+IF('Standard Profiles'!$G$22=$B$10,7,0)+IF('Standard Profiles'!$G$22=$B$17,14,0)+IF('Standard Profiles'!$G$22=$B$24,21,0),MOD($C2291,24)+1)/SUM(INDEX($D$3:$AA$30,INDEX(Jesper!$R$2:$R$366,ROW(INDEX(Jesper!AL$2:AL$366,ROUNDDOWN($C2291/24,0)+1,1))-1)+IF('Standard Profiles'!$G$22=$B$10,7,0)+IF('Standard Profiles'!$G$22=$B$17,14,0)+IF('Standard Profiles'!$G$22=$B$24,21,0),0)),0)</f>
        <v>0</v>
      </c>
      <c r="I2291">
        <f t="shared" si="265"/>
        <v>4.5659937138277282</v>
      </c>
      <c r="J2291">
        <f t="shared" si="266"/>
        <v>17.501399709531938</v>
      </c>
      <c r="K2291">
        <f t="shared" si="267"/>
        <v>0.65323311102755333</v>
      </c>
      <c r="L2291">
        <f t="shared" si="268"/>
        <v>0.32661655551377666</v>
      </c>
      <c r="M2291">
        <f t="shared" si="269"/>
        <v>0</v>
      </c>
      <c r="N2291" s="45">
        <f t="shared" si="270"/>
        <v>45021.041666661193</v>
      </c>
    </row>
    <row r="2292" spans="2:14" x14ac:dyDescent="0.25">
      <c r="B2292">
        <f t="shared" si="264"/>
        <v>3</v>
      </c>
      <c r="C2292" s="16">
        <v>2258</v>
      </c>
      <c r="D2292" cm="1">
        <f t="array" ref="D2292">IFERROR(INDEX(Jesper!AH$2:AH$366,ROUNDDOWN($C2292/24,0)+1,1)*INDEX($D$3:$AA$30,INDEX(Jesper!$R$2:$R$366,ROW(INDEX(Jesper!AH$2:AH$366,ROUNDDOWN($C2292/24,0)+1,1))-1)+IF('Standard Profiles'!$G$18=$B$10,7,0)+IF('Standard Profiles'!$G$18=$B$17,14,0)+IF('Standard Profiles'!$G$18=$B$24,21,0),MOD($C2292,24)+1)/SUM(INDEX($D$3:$AA$30,INDEX(Jesper!$R$2:$R$366,ROW(INDEX(Jesper!AH$2:AH$366,ROUNDDOWN($C2292/24,0)+1,1))-1)+IF('Standard Profiles'!$G$18=$B$10,7,0)+IF('Standard Profiles'!$G$18=$B$17,14,0)+IF('Standard Profiles'!$G$18=$B$24,21,0),0)),0)</f>
        <v>6.1240604158833118</v>
      </c>
      <c r="E2292" cm="1">
        <f t="array" ref="E2292">IFERROR(INDEX(Jesper!AI$2:AI$366,ROUNDDOWN($C2292/24,0)+1,1)*INDEX($D$3:$AA$30,INDEX(Jesper!$R$2:$R$366,ROW(INDEX(Jesper!AI$2:AI$366,ROUNDDOWN($C2292/24,0)+1,1))-1)+IF('Standard Profiles'!$G$19=$B$10,7,0)+IF('Standard Profiles'!$G$19=$B$17,14,0)+IF('Standard Profiles'!$G$19=$B$24,21,0),MOD($C2292,24)+1)/SUM(INDEX($D$3:$AA$30,INDEX(Jesper!$R$2:$R$366,ROW(INDEX(Jesper!AI$2:AI$366,ROUNDDOWN($C2292/24,0)+1,1))-1)+IF('Standard Profiles'!$G$19=$B$10,7,0)+IF('Standard Profiles'!$G$19=$B$17,14,0)+IF('Standard Profiles'!$G$19=$B$24,21,0),0)),0)</f>
        <v>7.4106957702099114</v>
      </c>
      <c r="F2292" cm="1">
        <f t="array" ref="F2292">IFERROR(INDEX(Jesper!AJ$2:AJ$366,ROUNDDOWN($C2292/24,0)+1,1)*INDEX($D$3:$AA$30,INDEX(Jesper!$R$2:$R$366,ROW(INDEX(Jesper!AJ$2:AJ$366,ROUNDDOWN($C2292/24,0)+1,1))-1)+IF('Standard Profiles'!$G$20=$B$10,7,0)+IF('Standard Profiles'!$G$20=$B$17,14,0)+IF('Standard Profiles'!$G$20=$B$24,21,0),MOD($C2292,24)+1)/SUM(INDEX($D$3:$AA$30,INDEX(Jesper!$R$2:$R$366,ROW(INDEX(Jesper!AJ$2:AJ$366,ROUNDDOWN($C2292/24,0)+1,1))-1)+IF('Standard Profiles'!$G$20=$B$10,7,0)+IF('Standard Profiles'!$G$20=$B$17,14,0)+IF('Standard Profiles'!$G$20=$B$24,21,0),0)),0)</f>
        <v>0</v>
      </c>
      <c r="G2292" cm="1">
        <f t="array" ref="G2292">IFERROR(INDEX(Jesper!AK$2:AK$366,ROUNDDOWN($C2292/24,0)+1,1)*INDEX($D$3:$AA$30,INDEX(Jesper!$R$2:$R$366,ROW(INDEX(Jesper!AK$2:AK$366,ROUNDDOWN($C2292/24,0)+1,1))-1)+IF('Standard Profiles'!$G$21=$B$10,7,0)+IF('Standard Profiles'!$G$21=$B$17,14,0)+IF('Standard Profiles'!$G$21=$B$24,21,0),MOD($C2292,24)+1)/SUM(INDEX($D$3:$AA$30,INDEX(Jesper!$R$2:$R$366,ROW(INDEX(Jesper!AK$2:AK$366,ROUNDDOWN($C2292/24,0)+1,1))-1)+IF('Standard Profiles'!$G$21=$B$10,7,0)+IF('Standard Profiles'!$G$21=$B$17,14,0)+IF('Standard Profiles'!$G$21=$B$24,21,0),0)),0)</f>
        <v>9.5124869038077726</v>
      </c>
      <c r="H2292" cm="1">
        <f t="array" ref="H2292">IFERROR(INDEX(Jesper!AL$2:AL$366,ROUNDDOWN($C2292/24,0)+1,1)*INDEX($D$3:$AA$30,INDEX(Jesper!$R$2:$R$366,ROW(INDEX(Jesper!AL$2:AL$366,ROUNDDOWN($C2292/24,0)+1,1))-1)+IF('Standard Profiles'!$G$22=$B$10,7,0)+IF('Standard Profiles'!$G$22=$B$17,14,0)+IF('Standard Profiles'!$G$22=$B$24,21,0),MOD($C2292,24)+1)/SUM(INDEX($D$3:$AA$30,INDEX(Jesper!$R$2:$R$366,ROW(INDEX(Jesper!AL$2:AL$366,ROUNDDOWN($C2292/24,0)+1,1))-1)+IF('Standard Profiles'!$G$22=$B$10,7,0)+IF('Standard Profiles'!$G$22=$B$17,14,0)+IF('Standard Profiles'!$G$22=$B$24,21,0),0)),0)</f>
        <v>0</v>
      </c>
      <c r="I2292">
        <f t="shared" si="265"/>
        <v>4.5659937138277282</v>
      </c>
      <c r="J2292">
        <f t="shared" si="266"/>
        <v>17.501399709531938</v>
      </c>
      <c r="K2292">
        <f t="shared" si="267"/>
        <v>0.65323311102755333</v>
      </c>
      <c r="L2292">
        <f t="shared" si="268"/>
        <v>0.32661655551377666</v>
      </c>
      <c r="M2292">
        <f t="shared" si="269"/>
        <v>0</v>
      </c>
      <c r="N2292" s="45">
        <f t="shared" si="270"/>
        <v>45021.083333327857</v>
      </c>
    </row>
    <row r="2293" spans="2:14" x14ac:dyDescent="0.25">
      <c r="B2293">
        <f t="shared" si="264"/>
        <v>3</v>
      </c>
      <c r="C2293" s="16">
        <v>2259</v>
      </c>
      <c r="D2293" cm="1">
        <f t="array" ref="D2293">IFERROR(INDEX(Jesper!AH$2:AH$366,ROUNDDOWN($C2293/24,0)+1,1)*INDEX($D$3:$AA$30,INDEX(Jesper!$R$2:$R$366,ROW(INDEX(Jesper!AH$2:AH$366,ROUNDDOWN($C2293/24,0)+1,1))-1)+IF('Standard Profiles'!$G$18=$B$10,7,0)+IF('Standard Profiles'!$G$18=$B$17,14,0)+IF('Standard Profiles'!$G$18=$B$24,21,0),MOD($C2293,24)+1)/SUM(INDEX($D$3:$AA$30,INDEX(Jesper!$R$2:$R$366,ROW(INDEX(Jesper!AH$2:AH$366,ROUNDDOWN($C2293/24,0)+1,1))-1)+IF('Standard Profiles'!$G$18=$B$10,7,0)+IF('Standard Profiles'!$G$18=$B$17,14,0)+IF('Standard Profiles'!$G$18=$B$24,21,0),0)),0)</f>
        <v>6.1240604158833118</v>
      </c>
      <c r="E2293" cm="1">
        <f t="array" ref="E2293">IFERROR(INDEX(Jesper!AI$2:AI$366,ROUNDDOWN($C2293/24,0)+1,1)*INDEX($D$3:$AA$30,INDEX(Jesper!$R$2:$R$366,ROW(INDEX(Jesper!AI$2:AI$366,ROUNDDOWN($C2293/24,0)+1,1))-1)+IF('Standard Profiles'!$G$19=$B$10,7,0)+IF('Standard Profiles'!$G$19=$B$17,14,0)+IF('Standard Profiles'!$G$19=$B$24,21,0),MOD($C2293,24)+1)/SUM(INDEX($D$3:$AA$30,INDEX(Jesper!$R$2:$R$366,ROW(INDEX(Jesper!AI$2:AI$366,ROUNDDOWN($C2293/24,0)+1,1))-1)+IF('Standard Profiles'!$G$19=$B$10,7,0)+IF('Standard Profiles'!$G$19=$B$17,14,0)+IF('Standard Profiles'!$G$19=$B$24,21,0),0)),0)</f>
        <v>7.4106957702099114</v>
      </c>
      <c r="F2293" cm="1">
        <f t="array" ref="F2293">IFERROR(INDEX(Jesper!AJ$2:AJ$366,ROUNDDOWN($C2293/24,0)+1,1)*INDEX($D$3:$AA$30,INDEX(Jesper!$R$2:$R$366,ROW(INDEX(Jesper!AJ$2:AJ$366,ROUNDDOWN($C2293/24,0)+1,1))-1)+IF('Standard Profiles'!$G$20=$B$10,7,0)+IF('Standard Profiles'!$G$20=$B$17,14,0)+IF('Standard Profiles'!$G$20=$B$24,21,0),MOD($C2293,24)+1)/SUM(INDEX($D$3:$AA$30,INDEX(Jesper!$R$2:$R$366,ROW(INDEX(Jesper!AJ$2:AJ$366,ROUNDDOWN($C2293/24,0)+1,1))-1)+IF('Standard Profiles'!$G$20=$B$10,7,0)+IF('Standard Profiles'!$G$20=$B$17,14,0)+IF('Standard Profiles'!$G$20=$B$24,21,0),0)),0)</f>
        <v>0</v>
      </c>
      <c r="G2293" cm="1">
        <f t="array" ref="G2293">IFERROR(INDEX(Jesper!AK$2:AK$366,ROUNDDOWN($C2293/24,0)+1,1)*INDEX($D$3:$AA$30,INDEX(Jesper!$R$2:$R$366,ROW(INDEX(Jesper!AK$2:AK$366,ROUNDDOWN($C2293/24,0)+1,1))-1)+IF('Standard Profiles'!$G$21=$B$10,7,0)+IF('Standard Profiles'!$G$21=$B$17,14,0)+IF('Standard Profiles'!$G$21=$B$24,21,0),MOD($C2293,24)+1)/SUM(INDEX($D$3:$AA$30,INDEX(Jesper!$R$2:$R$366,ROW(INDEX(Jesper!AK$2:AK$366,ROUNDDOWN($C2293/24,0)+1,1))-1)+IF('Standard Profiles'!$G$21=$B$10,7,0)+IF('Standard Profiles'!$G$21=$B$17,14,0)+IF('Standard Profiles'!$G$21=$B$24,21,0),0)),0)</f>
        <v>9.5124869038077726</v>
      </c>
      <c r="H2293" cm="1">
        <f t="array" ref="H2293">IFERROR(INDEX(Jesper!AL$2:AL$366,ROUNDDOWN($C2293/24,0)+1,1)*INDEX($D$3:$AA$30,INDEX(Jesper!$R$2:$R$366,ROW(INDEX(Jesper!AL$2:AL$366,ROUNDDOWN($C2293/24,0)+1,1))-1)+IF('Standard Profiles'!$G$22=$B$10,7,0)+IF('Standard Profiles'!$G$22=$B$17,14,0)+IF('Standard Profiles'!$G$22=$B$24,21,0),MOD($C2293,24)+1)/SUM(INDEX($D$3:$AA$30,INDEX(Jesper!$R$2:$R$366,ROW(INDEX(Jesper!AL$2:AL$366,ROUNDDOWN($C2293/24,0)+1,1))-1)+IF('Standard Profiles'!$G$22=$B$10,7,0)+IF('Standard Profiles'!$G$22=$B$17,14,0)+IF('Standard Profiles'!$G$22=$B$24,21,0),0)),0)</f>
        <v>0</v>
      </c>
      <c r="I2293">
        <f t="shared" si="265"/>
        <v>4.5659937138277282</v>
      </c>
      <c r="J2293">
        <f t="shared" si="266"/>
        <v>17.501399709531938</v>
      </c>
      <c r="K2293">
        <f t="shared" si="267"/>
        <v>0.65323311102755333</v>
      </c>
      <c r="L2293">
        <f t="shared" si="268"/>
        <v>0.32661655551377666</v>
      </c>
      <c r="M2293">
        <f t="shared" si="269"/>
        <v>0</v>
      </c>
      <c r="N2293" s="45">
        <f t="shared" si="270"/>
        <v>45021.124999994521</v>
      </c>
    </row>
    <row r="2294" spans="2:14" x14ac:dyDescent="0.25">
      <c r="B2294">
        <f t="shared" si="264"/>
        <v>3</v>
      </c>
      <c r="C2294" s="16">
        <v>2260</v>
      </c>
      <c r="D2294" cm="1">
        <f t="array" ref="D2294">IFERROR(INDEX(Jesper!AH$2:AH$366,ROUNDDOWN($C2294/24,0)+1,1)*INDEX($D$3:$AA$30,INDEX(Jesper!$R$2:$R$366,ROW(INDEX(Jesper!AH$2:AH$366,ROUNDDOWN($C2294/24,0)+1,1))-1)+IF('Standard Profiles'!$G$18=$B$10,7,0)+IF('Standard Profiles'!$G$18=$B$17,14,0)+IF('Standard Profiles'!$G$18=$B$24,21,0),MOD($C2294,24)+1)/SUM(INDEX($D$3:$AA$30,INDEX(Jesper!$R$2:$R$366,ROW(INDEX(Jesper!AH$2:AH$366,ROUNDDOWN($C2294/24,0)+1,1))-1)+IF('Standard Profiles'!$G$18=$B$10,7,0)+IF('Standard Profiles'!$G$18=$B$17,14,0)+IF('Standard Profiles'!$G$18=$B$24,21,0),0)),0)</f>
        <v>6.1240604158833118</v>
      </c>
      <c r="E2294" cm="1">
        <f t="array" ref="E2294">IFERROR(INDEX(Jesper!AI$2:AI$366,ROUNDDOWN($C2294/24,0)+1,1)*INDEX($D$3:$AA$30,INDEX(Jesper!$R$2:$R$366,ROW(INDEX(Jesper!AI$2:AI$366,ROUNDDOWN($C2294/24,0)+1,1))-1)+IF('Standard Profiles'!$G$19=$B$10,7,0)+IF('Standard Profiles'!$G$19=$B$17,14,0)+IF('Standard Profiles'!$G$19=$B$24,21,0),MOD($C2294,24)+1)/SUM(INDEX($D$3:$AA$30,INDEX(Jesper!$R$2:$R$366,ROW(INDEX(Jesper!AI$2:AI$366,ROUNDDOWN($C2294/24,0)+1,1))-1)+IF('Standard Profiles'!$G$19=$B$10,7,0)+IF('Standard Profiles'!$G$19=$B$17,14,0)+IF('Standard Profiles'!$G$19=$B$24,21,0),0)),0)</f>
        <v>7.4106957702099114</v>
      </c>
      <c r="F2294" cm="1">
        <f t="array" ref="F2294">IFERROR(INDEX(Jesper!AJ$2:AJ$366,ROUNDDOWN($C2294/24,0)+1,1)*INDEX($D$3:$AA$30,INDEX(Jesper!$R$2:$R$366,ROW(INDEX(Jesper!AJ$2:AJ$366,ROUNDDOWN($C2294/24,0)+1,1))-1)+IF('Standard Profiles'!$G$20=$B$10,7,0)+IF('Standard Profiles'!$G$20=$B$17,14,0)+IF('Standard Profiles'!$G$20=$B$24,21,0),MOD($C2294,24)+1)/SUM(INDEX($D$3:$AA$30,INDEX(Jesper!$R$2:$R$366,ROW(INDEX(Jesper!AJ$2:AJ$366,ROUNDDOWN($C2294/24,0)+1,1))-1)+IF('Standard Profiles'!$G$20=$B$10,7,0)+IF('Standard Profiles'!$G$20=$B$17,14,0)+IF('Standard Profiles'!$G$20=$B$24,21,0),0)),0)</f>
        <v>0</v>
      </c>
      <c r="G2294" cm="1">
        <f t="array" ref="G2294">IFERROR(INDEX(Jesper!AK$2:AK$366,ROUNDDOWN($C2294/24,0)+1,1)*INDEX($D$3:$AA$30,INDEX(Jesper!$R$2:$R$366,ROW(INDEX(Jesper!AK$2:AK$366,ROUNDDOWN($C2294/24,0)+1,1))-1)+IF('Standard Profiles'!$G$21=$B$10,7,0)+IF('Standard Profiles'!$G$21=$B$17,14,0)+IF('Standard Profiles'!$G$21=$B$24,21,0),MOD($C2294,24)+1)/SUM(INDEX($D$3:$AA$30,INDEX(Jesper!$R$2:$R$366,ROW(INDEX(Jesper!AK$2:AK$366,ROUNDDOWN($C2294/24,0)+1,1))-1)+IF('Standard Profiles'!$G$21=$B$10,7,0)+IF('Standard Profiles'!$G$21=$B$17,14,0)+IF('Standard Profiles'!$G$21=$B$24,21,0),0)),0)</f>
        <v>9.5124869038077726</v>
      </c>
      <c r="H2294" cm="1">
        <f t="array" ref="H2294">IFERROR(INDEX(Jesper!AL$2:AL$366,ROUNDDOWN($C2294/24,0)+1,1)*INDEX($D$3:$AA$30,INDEX(Jesper!$R$2:$R$366,ROW(INDEX(Jesper!AL$2:AL$366,ROUNDDOWN($C2294/24,0)+1,1))-1)+IF('Standard Profiles'!$G$22=$B$10,7,0)+IF('Standard Profiles'!$G$22=$B$17,14,0)+IF('Standard Profiles'!$G$22=$B$24,21,0),MOD($C2294,24)+1)/SUM(INDEX($D$3:$AA$30,INDEX(Jesper!$R$2:$R$366,ROW(INDEX(Jesper!AL$2:AL$366,ROUNDDOWN($C2294/24,0)+1,1))-1)+IF('Standard Profiles'!$G$22=$B$10,7,0)+IF('Standard Profiles'!$G$22=$B$17,14,0)+IF('Standard Profiles'!$G$22=$B$24,21,0),0)),0)</f>
        <v>0</v>
      </c>
      <c r="I2294">
        <f t="shared" si="265"/>
        <v>4.5659937138277282</v>
      </c>
      <c r="J2294">
        <f t="shared" si="266"/>
        <v>17.501399709531938</v>
      </c>
      <c r="K2294">
        <f t="shared" si="267"/>
        <v>0.65323311102755333</v>
      </c>
      <c r="L2294">
        <f t="shared" si="268"/>
        <v>0.32661655551377666</v>
      </c>
      <c r="M2294">
        <f t="shared" si="269"/>
        <v>0</v>
      </c>
      <c r="N2294" s="45">
        <f t="shared" si="270"/>
        <v>45021.166666661185</v>
      </c>
    </row>
    <row r="2295" spans="2:14" x14ac:dyDescent="0.25">
      <c r="B2295">
        <f t="shared" si="264"/>
        <v>3</v>
      </c>
      <c r="C2295" s="16">
        <v>2261</v>
      </c>
      <c r="D2295" cm="1">
        <f t="array" ref="D2295">IFERROR(INDEX(Jesper!AH$2:AH$366,ROUNDDOWN($C2295/24,0)+1,1)*INDEX($D$3:$AA$30,INDEX(Jesper!$R$2:$R$366,ROW(INDEX(Jesper!AH$2:AH$366,ROUNDDOWN($C2295/24,0)+1,1))-1)+IF('Standard Profiles'!$G$18=$B$10,7,0)+IF('Standard Profiles'!$G$18=$B$17,14,0)+IF('Standard Profiles'!$G$18=$B$24,21,0),MOD($C2295,24)+1)/SUM(INDEX($D$3:$AA$30,INDEX(Jesper!$R$2:$R$366,ROW(INDEX(Jesper!AH$2:AH$366,ROUNDDOWN($C2295/24,0)+1,1))-1)+IF('Standard Profiles'!$G$18=$B$10,7,0)+IF('Standard Profiles'!$G$18=$B$17,14,0)+IF('Standard Profiles'!$G$18=$B$24,21,0),0)),0)</f>
        <v>6.1240604158833118</v>
      </c>
      <c r="E2295" cm="1">
        <f t="array" ref="E2295">IFERROR(INDEX(Jesper!AI$2:AI$366,ROUNDDOWN($C2295/24,0)+1,1)*INDEX($D$3:$AA$30,INDEX(Jesper!$R$2:$R$366,ROW(INDEX(Jesper!AI$2:AI$366,ROUNDDOWN($C2295/24,0)+1,1))-1)+IF('Standard Profiles'!$G$19=$B$10,7,0)+IF('Standard Profiles'!$G$19=$B$17,14,0)+IF('Standard Profiles'!$G$19=$B$24,21,0),MOD($C2295,24)+1)/SUM(INDEX($D$3:$AA$30,INDEX(Jesper!$R$2:$R$366,ROW(INDEX(Jesper!AI$2:AI$366,ROUNDDOWN($C2295/24,0)+1,1))-1)+IF('Standard Profiles'!$G$19=$B$10,7,0)+IF('Standard Profiles'!$G$19=$B$17,14,0)+IF('Standard Profiles'!$G$19=$B$24,21,0),0)),0)</f>
        <v>7.4106957702099114</v>
      </c>
      <c r="F2295" cm="1">
        <f t="array" ref="F2295">IFERROR(INDEX(Jesper!AJ$2:AJ$366,ROUNDDOWN($C2295/24,0)+1,1)*INDEX($D$3:$AA$30,INDEX(Jesper!$R$2:$R$366,ROW(INDEX(Jesper!AJ$2:AJ$366,ROUNDDOWN($C2295/24,0)+1,1))-1)+IF('Standard Profiles'!$G$20=$B$10,7,0)+IF('Standard Profiles'!$G$20=$B$17,14,0)+IF('Standard Profiles'!$G$20=$B$24,21,0),MOD($C2295,24)+1)/SUM(INDEX($D$3:$AA$30,INDEX(Jesper!$R$2:$R$366,ROW(INDEX(Jesper!AJ$2:AJ$366,ROUNDDOWN($C2295/24,0)+1,1))-1)+IF('Standard Profiles'!$G$20=$B$10,7,0)+IF('Standard Profiles'!$G$20=$B$17,14,0)+IF('Standard Profiles'!$G$20=$B$24,21,0),0)),0)</f>
        <v>0</v>
      </c>
      <c r="G2295" cm="1">
        <f t="array" ref="G2295">IFERROR(INDEX(Jesper!AK$2:AK$366,ROUNDDOWN($C2295/24,0)+1,1)*INDEX($D$3:$AA$30,INDEX(Jesper!$R$2:$R$366,ROW(INDEX(Jesper!AK$2:AK$366,ROUNDDOWN($C2295/24,0)+1,1))-1)+IF('Standard Profiles'!$G$21=$B$10,7,0)+IF('Standard Profiles'!$G$21=$B$17,14,0)+IF('Standard Profiles'!$G$21=$B$24,21,0),MOD($C2295,24)+1)/SUM(INDEX($D$3:$AA$30,INDEX(Jesper!$R$2:$R$366,ROW(INDEX(Jesper!AK$2:AK$366,ROUNDDOWN($C2295/24,0)+1,1))-1)+IF('Standard Profiles'!$G$21=$B$10,7,0)+IF('Standard Profiles'!$G$21=$B$17,14,0)+IF('Standard Profiles'!$G$21=$B$24,21,0),0)),0)</f>
        <v>9.5124869038077726</v>
      </c>
      <c r="H2295" cm="1">
        <f t="array" ref="H2295">IFERROR(INDEX(Jesper!AL$2:AL$366,ROUNDDOWN($C2295/24,0)+1,1)*INDEX($D$3:$AA$30,INDEX(Jesper!$R$2:$R$366,ROW(INDEX(Jesper!AL$2:AL$366,ROUNDDOWN($C2295/24,0)+1,1))-1)+IF('Standard Profiles'!$G$22=$B$10,7,0)+IF('Standard Profiles'!$G$22=$B$17,14,0)+IF('Standard Profiles'!$G$22=$B$24,21,0),MOD($C2295,24)+1)/SUM(INDEX($D$3:$AA$30,INDEX(Jesper!$R$2:$R$366,ROW(INDEX(Jesper!AL$2:AL$366,ROUNDDOWN($C2295/24,0)+1,1))-1)+IF('Standard Profiles'!$G$22=$B$10,7,0)+IF('Standard Profiles'!$G$22=$B$17,14,0)+IF('Standard Profiles'!$G$22=$B$24,21,0),0)),0)</f>
        <v>0</v>
      </c>
      <c r="I2295">
        <f t="shared" si="265"/>
        <v>4.5659937138277282</v>
      </c>
      <c r="J2295">
        <f t="shared" si="266"/>
        <v>17.501399709531938</v>
      </c>
      <c r="K2295">
        <f t="shared" si="267"/>
        <v>0.65323311102755333</v>
      </c>
      <c r="L2295">
        <f t="shared" si="268"/>
        <v>0.32661655551377666</v>
      </c>
      <c r="M2295">
        <f t="shared" si="269"/>
        <v>0</v>
      </c>
      <c r="N2295" s="45">
        <f t="shared" si="270"/>
        <v>45021.20833332785</v>
      </c>
    </row>
    <row r="2296" spans="2:14" x14ac:dyDescent="0.25">
      <c r="B2296">
        <f t="shared" si="264"/>
        <v>3</v>
      </c>
      <c r="C2296" s="16">
        <v>2262</v>
      </c>
      <c r="D2296" cm="1">
        <f t="array" ref="D2296">IFERROR(INDEX(Jesper!AH$2:AH$366,ROUNDDOWN($C2296/24,0)+1,1)*INDEX($D$3:$AA$30,INDEX(Jesper!$R$2:$R$366,ROW(INDEX(Jesper!AH$2:AH$366,ROUNDDOWN($C2296/24,0)+1,1))-1)+IF('Standard Profiles'!$G$18=$B$10,7,0)+IF('Standard Profiles'!$G$18=$B$17,14,0)+IF('Standard Profiles'!$G$18=$B$24,21,0),MOD($C2296,24)+1)/SUM(INDEX($D$3:$AA$30,INDEX(Jesper!$R$2:$R$366,ROW(INDEX(Jesper!AH$2:AH$366,ROUNDDOWN($C2296/24,0)+1,1))-1)+IF('Standard Profiles'!$G$18=$B$10,7,0)+IF('Standard Profiles'!$G$18=$B$17,14,0)+IF('Standard Profiles'!$G$18=$B$24,21,0),0)),0)</f>
        <v>6.1240604158833118</v>
      </c>
      <c r="E2296" cm="1">
        <f t="array" ref="E2296">IFERROR(INDEX(Jesper!AI$2:AI$366,ROUNDDOWN($C2296/24,0)+1,1)*INDEX($D$3:$AA$30,INDEX(Jesper!$R$2:$R$366,ROW(INDEX(Jesper!AI$2:AI$366,ROUNDDOWN($C2296/24,0)+1,1))-1)+IF('Standard Profiles'!$G$19=$B$10,7,0)+IF('Standard Profiles'!$G$19=$B$17,14,0)+IF('Standard Profiles'!$G$19=$B$24,21,0),MOD($C2296,24)+1)/SUM(INDEX($D$3:$AA$30,INDEX(Jesper!$R$2:$R$366,ROW(INDEX(Jesper!AI$2:AI$366,ROUNDDOWN($C2296/24,0)+1,1))-1)+IF('Standard Profiles'!$G$19=$B$10,7,0)+IF('Standard Profiles'!$G$19=$B$17,14,0)+IF('Standard Profiles'!$G$19=$B$24,21,0),0)),0)</f>
        <v>7.4106957702099114</v>
      </c>
      <c r="F2296" cm="1">
        <f t="array" ref="F2296">IFERROR(INDEX(Jesper!AJ$2:AJ$366,ROUNDDOWN($C2296/24,0)+1,1)*INDEX($D$3:$AA$30,INDEX(Jesper!$R$2:$R$366,ROW(INDEX(Jesper!AJ$2:AJ$366,ROUNDDOWN($C2296/24,0)+1,1))-1)+IF('Standard Profiles'!$G$20=$B$10,7,0)+IF('Standard Profiles'!$G$20=$B$17,14,0)+IF('Standard Profiles'!$G$20=$B$24,21,0),MOD($C2296,24)+1)/SUM(INDEX($D$3:$AA$30,INDEX(Jesper!$R$2:$R$366,ROW(INDEX(Jesper!AJ$2:AJ$366,ROUNDDOWN($C2296/24,0)+1,1))-1)+IF('Standard Profiles'!$G$20=$B$10,7,0)+IF('Standard Profiles'!$G$20=$B$17,14,0)+IF('Standard Profiles'!$G$20=$B$24,21,0),0)),0)</f>
        <v>0</v>
      </c>
      <c r="G2296" cm="1">
        <f t="array" ref="G2296">IFERROR(INDEX(Jesper!AK$2:AK$366,ROUNDDOWN($C2296/24,0)+1,1)*INDEX($D$3:$AA$30,INDEX(Jesper!$R$2:$R$366,ROW(INDEX(Jesper!AK$2:AK$366,ROUNDDOWN($C2296/24,0)+1,1))-1)+IF('Standard Profiles'!$G$21=$B$10,7,0)+IF('Standard Profiles'!$G$21=$B$17,14,0)+IF('Standard Profiles'!$G$21=$B$24,21,0),MOD($C2296,24)+1)/SUM(INDEX($D$3:$AA$30,INDEX(Jesper!$R$2:$R$366,ROW(INDEX(Jesper!AK$2:AK$366,ROUNDDOWN($C2296/24,0)+1,1))-1)+IF('Standard Profiles'!$G$21=$B$10,7,0)+IF('Standard Profiles'!$G$21=$B$17,14,0)+IF('Standard Profiles'!$G$21=$B$24,21,0),0)),0)</f>
        <v>9.5124869038077726</v>
      </c>
      <c r="H2296" cm="1">
        <f t="array" ref="H2296">IFERROR(INDEX(Jesper!AL$2:AL$366,ROUNDDOWN($C2296/24,0)+1,1)*INDEX($D$3:$AA$30,INDEX(Jesper!$R$2:$R$366,ROW(INDEX(Jesper!AL$2:AL$366,ROUNDDOWN($C2296/24,0)+1,1))-1)+IF('Standard Profiles'!$G$22=$B$10,7,0)+IF('Standard Profiles'!$G$22=$B$17,14,0)+IF('Standard Profiles'!$G$22=$B$24,21,0),MOD($C2296,24)+1)/SUM(INDEX($D$3:$AA$30,INDEX(Jesper!$R$2:$R$366,ROW(INDEX(Jesper!AL$2:AL$366,ROUNDDOWN($C2296/24,0)+1,1))-1)+IF('Standard Profiles'!$G$22=$B$10,7,0)+IF('Standard Profiles'!$G$22=$B$17,14,0)+IF('Standard Profiles'!$G$22=$B$24,21,0),0)),0)</f>
        <v>0</v>
      </c>
      <c r="I2296">
        <f t="shared" si="265"/>
        <v>4.5659937138277282</v>
      </c>
      <c r="J2296">
        <f t="shared" si="266"/>
        <v>17.501399709531938</v>
      </c>
      <c r="K2296">
        <f t="shared" si="267"/>
        <v>0.65323311102755333</v>
      </c>
      <c r="L2296">
        <f t="shared" si="268"/>
        <v>0.32661655551377666</v>
      </c>
      <c r="M2296">
        <f t="shared" si="269"/>
        <v>0</v>
      </c>
      <c r="N2296" s="45">
        <f t="shared" si="270"/>
        <v>45021.249999994514</v>
      </c>
    </row>
    <row r="2297" spans="2:14" x14ac:dyDescent="0.25">
      <c r="B2297">
        <f t="shared" si="264"/>
        <v>3</v>
      </c>
      <c r="C2297" s="16">
        <v>2263</v>
      </c>
      <c r="D2297" cm="1">
        <f t="array" ref="D2297">IFERROR(INDEX(Jesper!AH$2:AH$366,ROUNDDOWN($C2297/24,0)+1,1)*INDEX($D$3:$AA$30,INDEX(Jesper!$R$2:$R$366,ROW(INDEX(Jesper!AH$2:AH$366,ROUNDDOWN($C2297/24,0)+1,1))-1)+IF('Standard Profiles'!$G$18=$B$10,7,0)+IF('Standard Profiles'!$G$18=$B$17,14,0)+IF('Standard Profiles'!$G$18=$B$24,21,0),MOD($C2297,24)+1)/SUM(INDEX($D$3:$AA$30,INDEX(Jesper!$R$2:$R$366,ROW(INDEX(Jesper!AH$2:AH$366,ROUNDDOWN($C2297/24,0)+1,1))-1)+IF('Standard Profiles'!$G$18=$B$10,7,0)+IF('Standard Profiles'!$G$18=$B$17,14,0)+IF('Standard Profiles'!$G$18=$B$24,21,0),0)),0)</f>
        <v>25.034416669777539</v>
      </c>
      <c r="E2297" cm="1">
        <f t="array" ref="E2297">IFERROR(INDEX(Jesper!AI$2:AI$366,ROUNDDOWN($C2297/24,0)+1,1)*INDEX($D$3:$AA$30,INDEX(Jesper!$R$2:$R$366,ROW(INDEX(Jesper!AI$2:AI$366,ROUNDDOWN($C2297/24,0)+1,1))-1)+IF('Standard Profiles'!$G$19=$B$10,7,0)+IF('Standard Profiles'!$G$19=$B$17,14,0)+IF('Standard Profiles'!$G$19=$B$24,21,0),MOD($C2297,24)+1)/SUM(INDEX($D$3:$AA$30,INDEX(Jesper!$R$2:$R$366,ROW(INDEX(Jesper!AI$2:AI$366,ROUNDDOWN($C2297/24,0)+1,1))-1)+IF('Standard Profiles'!$G$19=$B$10,7,0)+IF('Standard Profiles'!$G$19=$B$17,14,0)+IF('Standard Profiles'!$G$19=$B$24,21,0),0)),0)</f>
        <v>30.294026042464147</v>
      </c>
      <c r="F2297" cm="1">
        <f t="array" ref="F2297">IFERROR(INDEX(Jesper!AJ$2:AJ$366,ROUNDDOWN($C2297/24,0)+1,1)*INDEX($D$3:$AA$30,INDEX(Jesper!$R$2:$R$366,ROW(INDEX(Jesper!AJ$2:AJ$366,ROUNDDOWN($C2297/24,0)+1,1))-1)+IF('Standard Profiles'!$G$20=$B$10,7,0)+IF('Standard Profiles'!$G$20=$B$17,14,0)+IF('Standard Profiles'!$G$20=$B$24,21,0),MOD($C2297,24)+1)/SUM(INDEX($D$3:$AA$30,INDEX(Jesper!$R$2:$R$366,ROW(INDEX(Jesper!AJ$2:AJ$366,ROUNDDOWN($C2297/24,0)+1,1))-1)+IF('Standard Profiles'!$G$20=$B$10,7,0)+IF('Standard Profiles'!$G$20=$B$17,14,0)+IF('Standard Profiles'!$G$20=$B$24,21,0),0)),0)</f>
        <v>0</v>
      </c>
      <c r="G2297" cm="1">
        <f t="array" ref="G2297">IFERROR(INDEX(Jesper!AK$2:AK$366,ROUNDDOWN($C2297/24,0)+1,1)*INDEX($D$3:$AA$30,INDEX(Jesper!$R$2:$R$366,ROW(INDEX(Jesper!AK$2:AK$366,ROUNDDOWN($C2297/24,0)+1,1))-1)+IF('Standard Profiles'!$G$21=$B$10,7,0)+IF('Standard Profiles'!$G$21=$B$17,14,0)+IF('Standard Profiles'!$G$21=$B$24,21,0),MOD($C2297,24)+1)/SUM(INDEX($D$3:$AA$30,INDEX(Jesper!$R$2:$R$366,ROW(INDEX(Jesper!AK$2:AK$366,ROUNDDOWN($C2297/24,0)+1,1))-1)+IF('Standard Profiles'!$G$21=$B$10,7,0)+IF('Standard Profiles'!$G$21=$B$17,14,0)+IF('Standard Profiles'!$G$21=$B$24,21,0),0)),0)</f>
        <v>26.206901419990409</v>
      </c>
      <c r="H2297" cm="1">
        <f t="array" ref="H2297">IFERROR(INDEX(Jesper!AL$2:AL$366,ROUNDDOWN($C2297/24,0)+1,1)*INDEX($D$3:$AA$30,INDEX(Jesper!$R$2:$R$366,ROW(INDEX(Jesper!AL$2:AL$366,ROUNDDOWN($C2297/24,0)+1,1))-1)+IF('Standard Profiles'!$G$22=$B$10,7,0)+IF('Standard Profiles'!$G$22=$B$17,14,0)+IF('Standard Profiles'!$G$22=$B$24,21,0),MOD($C2297,24)+1)/SUM(INDEX($D$3:$AA$30,INDEX(Jesper!$R$2:$R$366,ROW(INDEX(Jesper!AL$2:AL$366,ROUNDDOWN($C2297/24,0)+1,1))-1)+IF('Standard Profiles'!$G$22=$B$10,7,0)+IF('Standard Profiles'!$G$22=$B$17,14,0)+IF('Standard Profiles'!$G$22=$B$24,21,0),0)),0)</f>
        <v>0</v>
      </c>
      <c r="I2297">
        <f t="shared" si="265"/>
        <v>12.57931268159539</v>
      </c>
      <c r="J2297">
        <f t="shared" si="266"/>
        <v>64.950524783472304</v>
      </c>
      <c r="K2297">
        <f t="shared" si="267"/>
        <v>2.6703377781096043</v>
      </c>
      <c r="L2297">
        <f t="shared" si="268"/>
        <v>1.3351688890548021</v>
      </c>
      <c r="M2297">
        <f t="shared" si="269"/>
        <v>0</v>
      </c>
      <c r="N2297" s="45">
        <f t="shared" si="270"/>
        <v>45021.291666661178</v>
      </c>
    </row>
    <row r="2298" spans="2:14" x14ac:dyDescent="0.25">
      <c r="B2298">
        <f t="shared" si="264"/>
        <v>3</v>
      </c>
      <c r="C2298" s="16">
        <v>2264</v>
      </c>
      <c r="D2298" cm="1">
        <f t="array" ref="D2298">IFERROR(INDEX(Jesper!AH$2:AH$366,ROUNDDOWN($C2298/24,0)+1,1)*INDEX($D$3:$AA$30,INDEX(Jesper!$R$2:$R$366,ROW(INDEX(Jesper!AH$2:AH$366,ROUNDDOWN($C2298/24,0)+1,1))-1)+IF('Standard Profiles'!$G$18=$B$10,7,0)+IF('Standard Profiles'!$G$18=$B$17,14,0)+IF('Standard Profiles'!$G$18=$B$24,21,0),MOD($C2298,24)+1)/SUM(INDEX($D$3:$AA$30,INDEX(Jesper!$R$2:$R$366,ROW(INDEX(Jesper!AH$2:AH$366,ROUNDDOWN($C2298/24,0)+1,1))-1)+IF('Standard Profiles'!$G$18=$B$10,7,0)+IF('Standard Profiles'!$G$18=$B$17,14,0)+IF('Standard Profiles'!$G$18=$B$24,21,0),0)),0)</f>
        <v>27.933138599962305</v>
      </c>
      <c r="E2298" cm="1">
        <f t="array" ref="E2298">IFERROR(INDEX(Jesper!AI$2:AI$366,ROUNDDOWN($C2298/24,0)+1,1)*INDEX($D$3:$AA$30,INDEX(Jesper!$R$2:$R$366,ROW(INDEX(Jesper!AI$2:AI$366,ROUNDDOWN($C2298/24,0)+1,1))-1)+IF('Standard Profiles'!$G$19=$B$10,7,0)+IF('Standard Profiles'!$G$19=$B$17,14,0)+IF('Standard Profiles'!$G$19=$B$24,21,0),MOD($C2298,24)+1)/SUM(INDEX($D$3:$AA$30,INDEX(Jesper!$R$2:$R$366,ROW(INDEX(Jesper!AI$2:AI$366,ROUNDDOWN($C2298/24,0)+1,1))-1)+IF('Standard Profiles'!$G$19=$B$10,7,0)+IF('Standard Profiles'!$G$19=$B$17,14,0)+IF('Standard Profiles'!$G$19=$B$24,21,0),0)),0)</f>
        <v>33.801755373696842</v>
      </c>
      <c r="F2298" cm="1">
        <f t="array" ref="F2298">IFERROR(INDEX(Jesper!AJ$2:AJ$366,ROUNDDOWN($C2298/24,0)+1,1)*INDEX($D$3:$AA$30,INDEX(Jesper!$R$2:$R$366,ROW(INDEX(Jesper!AJ$2:AJ$366,ROUNDDOWN($C2298/24,0)+1,1))-1)+IF('Standard Profiles'!$G$20=$B$10,7,0)+IF('Standard Profiles'!$G$20=$B$17,14,0)+IF('Standard Profiles'!$G$20=$B$24,21,0),MOD($C2298,24)+1)/SUM(INDEX($D$3:$AA$30,INDEX(Jesper!$R$2:$R$366,ROW(INDEX(Jesper!AJ$2:AJ$366,ROUNDDOWN($C2298/24,0)+1,1))-1)+IF('Standard Profiles'!$G$20=$B$10,7,0)+IF('Standard Profiles'!$G$20=$B$17,14,0)+IF('Standard Profiles'!$G$20=$B$24,21,0),0)),0)</f>
        <v>0</v>
      </c>
      <c r="G2298" cm="1">
        <f t="array" ref="G2298">IFERROR(INDEX(Jesper!AK$2:AK$366,ROUNDDOWN($C2298/24,0)+1,1)*INDEX($D$3:$AA$30,INDEX(Jesper!$R$2:$R$366,ROW(INDEX(Jesper!AK$2:AK$366,ROUNDDOWN($C2298/24,0)+1,1))-1)+IF('Standard Profiles'!$G$21=$B$10,7,0)+IF('Standard Profiles'!$G$21=$B$17,14,0)+IF('Standard Profiles'!$G$21=$B$24,21,0),MOD($C2298,24)+1)/SUM(INDEX($D$3:$AA$30,INDEX(Jesper!$R$2:$R$366,ROW(INDEX(Jesper!AK$2:AK$366,ROUNDDOWN($C2298/24,0)+1,1))-1)+IF('Standard Profiles'!$G$21=$B$10,7,0)+IF('Standard Profiles'!$G$21=$B$17,14,0)+IF('Standard Profiles'!$G$21=$B$24,21,0),0)),0)</f>
        <v>29.24138474230509</v>
      </c>
      <c r="H2298" cm="1">
        <f t="array" ref="H2298">IFERROR(INDEX(Jesper!AL$2:AL$366,ROUNDDOWN($C2298/24,0)+1,1)*INDEX($D$3:$AA$30,INDEX(Jesper!$R$2:$R$366,ROW(INDEX(Jesper!AL$2:AL$366,ROUNDDOWN($C2298/24,0)+1,1))-1)+IF('Standard Profiles'!$G$22=$B$10,7,0)+IF('Standard Profiles'!$G$22=$B$17,14,0)+IF('Standard Profiles'!$G$22=$B$24,21,0),MOD($C2298,24)+1)/SUM(INDEX($D$3:$AA$30,INDEX(Jesper!$R$2:$R$366,ROW(INDEX(Jesper!AL$2:AL$366,ROUNDDOWN($C2298/24,0)+1,1))-1)+IF('Standard Profiles'!$G$22=$B$10,7,0)+IF('Standard Profiles'!$G$22=$B$17,14,0)+IF('Standard Profiles'!$G$22=$B$24,21,0),0)),0)</f>
        <v>0</v>
      </c>
      <c r="I2298">
        <f t="shared" si="265"/>
        <v>14.035864676306437</v>
      </c>
      <c r="J2298">
        <f t="shared" si="266"/>
        <v>72.471111863663836</v>
      </c>
      <c r="K2298">
        <f t="shared" si="267"/>
        <v>2.9795347839959794</v>
      </c>
      <c r="L2298">
        <f t="shared" si="268"/>
        <v>1.4897673919979897</v>
      </c>
      <c r="M2298">
        <f t="shared" si="269"/>
        <v>0</v>
      </c>
      <c r="N2298" s="45">
        <f t="shared" si="270"/>
        <v>45021.333333327842</v>
      </c>
    </row>
    <row r="2299" spans="2:14" x14ac:dyDescent="0.25">
      <c r="B2299">
        <f t="shared" si="264"/>
        <v>3</v>
      </c>
      <c r="C2299" s="16">
        <v>2265</v>
      </c>
      <c r="D2299" cm="1">
        <f t="array" ref="D2299">IFERROR(INDEX(Jesper!AH$2:AH$366,ROUNDDOWN($C2299/24,0)+1,1)*INDEX($D$3:$AA$30,INDEX(Jesper!$R$2:$R$366,ROW(INDEX(Jesper!AH$2:AH$366,ROUNDDOWN($C2299/24,0)+1,1))-1)+IF('Standard Profiles'!$G$18=$B$10,7,0)+IF('Standard Profiles'!$G$18=$B$17,14,0)+IF('Standard Profiles'!$G$18=$B$24,21,0),MOD($C2299,24)+1)/SUM(INDEX($D$3:$AA$30,INDEX(Jesper!$R$2:$R$366,ROW(INDEX(Jesper!AH$2:AH$366,ROUNDDOWN($C2299/24,0)+1,1))-1)+IF('Standard Profiles'!$G$18=$B$10,7,0)+IF('Standard Profiles'!$G$18=$B$17,14,0)+IF('Standard Profiles'!$G$18=$B$24,21,0),0)),0)</f>
        <v>30.831860530147075</v>
      </c>
      <c r="E2299" cm="1">
        <f t="array" ref="E2299">IFERROR(INDEX(Jesper!AI$2:AI$366,ROUNDDOWN($C2299/24,0)+1,1)*INDEX($D$3:$AA$30,INDEX(Jesper!$R$2:$R$366,ROW(INDEX(Jesper!AI$2:AI$366,ROUNDDOWN($C2299/24,0)+1,1))-1)+IF('Standard Profiles'!$G$19=$B$10,7,0)+IF('Standard Profiles'!$G$19=$B$17,14,0)+IF('Standard Profiles'!$G$19=$B$24,21,0),MOD($C2299,24)+1)/SUM(INDEX($D$3:$AA$30,INDEX(Jesper!$R$2:$R$366,ROW(INDEX(Jesper!AI$2:AI$366,ROUNDDOWN($C2299/24,0)+1,1))-1)+IF('Standard Profiles'!$G$19=$B$10,7,0)+IF('Standard Profiles'!$G$19=$B$17,14,0)+IF('Standard Profiles'!$G$19=$B$24,21,0),0)),0)</f>
        <v>37.309484704929531</v>
      </c>
      <c r="F2299" cm="1">
        <f t="array" ref="F2299">IFERROR(INDEX(Jesper!AJ$2:AJ$366,ROUNDDOWN($C2299/24,0)+1,1)*INDEX($D$3:$AA$30,INDEX(Jesper!$R$2:$R$366,ROW(INDEX(Jesper!AJ$2:AJ$366,ROUNDDOWN($C2299/24,0)+1,1))-1)+IF('Standard Profiles'!$G$20=$B$10,7,0)+IF('Standard Profiles'!$G$20=$B$17,14,0)+IF('Standard Profiles'!$G$20=$B$24,21,0),MOD($C2299,24)+1)/SUM(INDEX($D$3:$AA$30,INDEX(Jesper!$R$2:$R$366,ROW(INDEX(Jesper!AJ$2:AJ$366,ROUNDDOWN($C2299/24,0)+1,1))-1)+IF('Standard Profiles'!$G$20=$B$10,7,0)+IF('Standard Profiles'!$G$20=$B$17,14,0)+IF('Standard Profiles'!$G$20=$B$24,21,0),0)),0)</f>
        <v>0</v>
      </c>
      <c r="G2299" cm="1">
        <f t="array" ref="G2299">IFERROR(INDEX(Jesper!AK$2:AK$366,ROUNDDOWN($C2299/24,0)+1,1)*INDEX($D$3:$AA$30,INDEX(Jesper!$R$2:$R$366,ROW(INDEX(Jesper!AK$2:AK$366,ROUNDDOWN($C2299/24,0)+1,1))-1)+IF('Standard Profiles'!$G$21=$B$10,7,0)+IF('Standard Profiles'!$G$21=$B$17,14,0)+IF('Standard Profiles'!$G$21=$B$24,21,0),MOD($C2299,24)+1)/SUM(INDEX($D$3:$AA$30,INDEX(Jesper!$R$2:$R$366,ROW(INDEX(Jesper!AK$2:AK$366,ROUNDDOWN($C2299/24,0)+1,1))-1)+IF('Standard Profiles'!$G$21=$B$10,7,0)+IF('Standard Profiles'!$G$21=$B$17,14,0)+IF('Standard Profiles'!$G$21=$B$24,21,0),0)),0)</f>
        <v>32.275868064619772</v>
      </c>
      <c r="H2299" cm="1">
        <f t="array" ref="H2299">IFERROR(INDEX(Jesper!AL$2:AL$366,ROUNDDOWN($C2299/24,0)+1,1)*INDEX($D$3:$AA$30,INDEX(Jesper!$R$2:$R$366,ROW(INDEX(Jesper!AL$2:AL$366,ROUNDDOWN($C2299/24,0)+1,1))-1)+IF('Standard Profiles'!$G$22=$B$10,7,0)+IF('Standard Profiles'!$G$22=$B$17,14,0)+IF('Standard Profiles'!$G$22=$B$24,21,0),MOD($C2299,24)+1)/SUM(INDEX($D$3:$AA$30,INDEX(Jesper!$R$2:$R$366,ROW(INDEX(Jesper!AL$2:AL$366,ROUNDDOWN($C2299/24,0)+1,1))-1)+IF('Standard Profiles'!$G$22=$B$10,7,0)+IF('Standard Profiles'!$G$22=$B$17,14,0)+IF('Standard Profiles'!$G$22=$B$24,21,0),0)),0)</f>
        <v>0</v>
      </c>
      <c r="I2299">
        <f t="shared" si="265"/>
        <v>15.492416671017482</v>
      </c>
      <c r="J2299">
        <f t="shared" si="266"/>
        <v>79.991698943855368</v>
      </c>
      <c r="K2299">
        <f t="shared" si="267"/>
        <v>3.2887317898823549</v>
      </c>
      <c r="L2299">
        <f t="shared" si="268"/>
        <v>1.6443658949411775</v>
      </c>
      <c r="M2299">
        <f t="shared" si="269"/>
        <v>0</v>
      </c>
      <c r="N2299" s="45">
        <f t="shared" si="270"/>
        <v>45021.374999994507</v>
      </c>
    </row>
    <row r="2300" spans="2:14" x14ac:dyDescent="0.25">
      <c r="B2300">
        <f t="shared" si="264"/>
        <v>3</v>
      </c>
      <c r="C2300" s="16">
        <v>2266</v>
      </c>
      <c r="D2300" cm="1">
        <f t="array" ref="D2300">IFERROR(INDEX(Jesper!AH$2:AH$366,ROUNDDOWN($C2300/24,0)+1,1)*INDEX($D$3:$AA$30,INDEX(Jesper!$R$2:$R$366,ROW(INDEX(Jesper!AH$2:AH$366,ROUNDDOWN($C2300/24,0)+1,1))-1)+IF('Standard Profiles'!$G$18=$B$10,7,0)+IF('Standard Profiles'!$G$18=$B$17,14,0)+IF('Standard Profiles'!$G$18=$B$24,21,0),MOD($C2300,24)+1)/SUM(INDEX($D$3:$AA$30,INDEX(Jesper!$R$2:$R$366,ROW(INDEX(Jesper!AH$2:AH$366,ROUNDDOWN($C2300/24,0)+1,1))-1)+IF('Standard Profiles'!$G$18=$B$10,7,0)+IF('Standard Profiles'!$G$18=$B$17,14,0)+IF('Standard Profiles'!$G$18=$B$24,21,0),0)),0)</f>
        <v>30.831860530147075</v>
      </c>
      <c r="E2300" cm="1">
        <f t="array" ref="E2300">IFERROR(INDEX(Jesper!AI$2:AI$366,ROUNDDOWN($C2300/24,0)+1,1)*INDEX($D$3:$AA$30,INDEX(Jesper!$R$2:$R$366,ROW(INDEX(Jesper!AI$2:AI$366,ROUNDDOWN($C2300/24,0)+1,1))-1)+IF('Standard Profiles'!$G$19=$B$10,7,0)+IF('Standard Profiles'!$G$19=$B$17,14,0)+IF('Standard Profiles'!$G$19=$B$24,21,0),MOD($C2300,24)+1)/SUM(INDEX($D$3:$AA$30,INDEX(Jesper!$R$2:$R$366,ROW(INDEX(Jesper!AI$2:AI$366,ROUNDDOWN($C2300/24,0)+1,1))-1)+IF('Standard Profiles'!$G$19=$B$10,7,0)+IF('Standard Profiles'!$G$19=$B$17,14,0)+IF('Standard Profiles'!$G$19=$B$24,21,0),0)),0)</f>
        <v>37.309484704929531</v>
      </c>
      <c r="F2300" cm="1">
        <f t="array" ref="F2300">IFERROR(INDEX(Jesper!AJ$2:AJ$366,ROUNDDOWN($C2300/24,0)+1,1)*INDEX($D$3:$AA$30,INDEX(Jesper!$R$2:$R$366,ROW(INDEX(Jesper!AJ$2:AJ$366,ROUNDDOWN($C2300/24,0)+1,1))-1)+IF('Standard Profiles'!$G$20=$B$10,7,0)+IF('Standard Profiles'!$G$20=$B$17,14,0)+IF('Standard Profiles'!$G$20=$B$24,21,0),MOD($C2300,24)+1)/SUM(INDEX($D$3:$AA$30,INDEX(Jesper!$R$2:$R$366,ROW(INDEX(Jesper!AJ$2:AJ$366,ROUNDDOWN($C2300/24,0)+1,1))-1)+IF('Standard Profiles'!$G$20=$B$10,7,0)+IF('Standard Profiles'!$G$20=$B$17,14,0)+IF('Standard Profiles'!$G$20=$B$24,21,0),0)),0)</f>
        <v>0</v>
      </c>
      <c r="G2300" cm="1">
        <f t="array" ref="G2300">IFERROR(INDEX(Jesper!AK$2:AK$366,ROUNDDOWN($C2300/24,0)+1,1)*INDEX($D$3:$AA$30,INDEX(Jesper!$R$2:$R$366,ROW(INDEX(Jesper!AK$2:AK$366,ROUNDDOWN($C2300/24,0)+1,1))-1)+IF('Standard Profiles'!$G$21=$B$10,7,0)+IF('Standard Profiles'!$G$21=$B$17,14,0)+IF('Standard Profiles'!$G$21=$B$24,21,0),MOD($C2300,24)+1)/SUM(INDEX($D$3:$AA$30,INDEX(Jesper!$R$2:$R$366,ROW(INDEX(Jesper!AK$2:AK$366,ROUNDDOWN($C2300/24,0)+1,1))-1)+IF('Standard Profiles'!$G$21=$B$10,7,0)+IF('Standard Profiles'!$G$21=$B$17,14,0)+IF('Standard Profiles'!$G$21=$B$24,21,0),0)),0)</f>
        <v>32.275868064619772</v>
      </c>
      <c r="H2300" cm="1">
        <f t="array" ref="H2300">IFERROR(INDEX(Jesper!AL$2:AL$366,ROUNDDOWN($C2300/24,0)+1,1)*INDEX($D$3:$AA$30,INDEX(Jesper!$R$2:$R$366,ROW(INDEX(Jesper!AL$2:AL$366,ROUNDDOWN($C2300/24,0)+1,1))-1)+IF('Standard Profiles'!$G$22=$B$10,7,0)+IF('Standard Profiles'!$G$22=$B$17,14,0)+IF('Standard Profiles'!$G$22=$B$24,21,0),MOD($C2300,24)+1)/SUM(INDEX($D$3:$AA$30,INDEX(Jesper!$R$2:$R$366,ROW(INDEX(Jesper!AL$2:AL$366,ROUNDDOWN($C2300/24,0)+1,1))-1)+IF('Standard Profiles'!$G$22=$B$10,7,0)+IF('Standard Profiles'!$G$22=$B$17,14,0)+IF('Standard Profiles'!$G$22=$B$24,21,0),0)),0)</f>
        <v>0</v>
      </c>
      <c r="I2300">
        <f t="shared" si="265"/>
        <v>15.492416671017482</v>
      </c>
      <c r="J2300">
        <f t="shared" si="266"/>
        <v>79.991698943855368</v>
      </c>
      <c r="K2300">
        <f t="shared" si="267"/>
        <v>3.2887317898823549</v>
      </c>
      <c r="L2300">
        <f t="shared" si="268"/>
        <v>1.6443658949411775</v>
      </c>
      <c r="M2300">
        <f t="shared" si="269"/>
        <v>0</v>
      </c>
      <c r="N2300" s="45">
        <f t="shared" si="270"/>
        <v>45021.416666661171</v>
      </c>
    </row>
    <row r="2301" spans="2:14" x14ac:dyDescent="0.25">
      <c r="B2301">
        <f t="shared" si="264"/>
        <v>3</v>
      </c>
      <c r="C2301" s="16">
        <v>2267</v>
      </c>
      <c r="D2301" cm="1">
        <f t="array" ref="D2301">IFERROR(INDEX(Jesper!AH$2:AH$366,ROUNDDOWN($C2301/24,0)+1,1)*INDEX($D$3:$AA$30,INDEX(Jesper!$R$2:$R$366,ROW(INDEX(Jesper!AH$2:AH$366,ROUNDDOWN($C2301/24,0)+1,1))-1)+IF('Standard Profiles'!$G$18=$B$10,7,0)+IF('Standard Profiles'!$G$18=$B$17,14,0)+IF('Standard Profiles'!$G$18=$B$24,21,0),MOD($C2301,24)+1)/SUM(INDEX($D$3:$AA$30,INDEX(Jesper!$R$2:$R$366,ROW(INDEX(Jesper!AH$2:AH$366,ROUNDDOWN($C2301/24,0)+1,1))-1)+IF('Standard Profiles'!$G$18=$B$10,7,0)+IF('Standard Profiles'!$G$18=$B$17,14,0)+IF('Standard Profiles'!$G$18=$B$24,21,0),0)),0)</f>
        <v>36.892824565987951</v>
      </c>
      <c r="E2301" cm="1">
        <f t="array" ref="E2301">IFERROR(INDEX(Jesper!AI$2:AI$366,ROUNDDOWN($C2301/24,0)+1,1)*INDEX($D$3:$AA$30,INDEX(Jesper!$R$2:$R$366,ROW(INDEX(Jesper!AI$2:AI$366,ROUNDDOWN($C2301/24,0)+1,1))-1)+IF('Standard Profiles'!$G$19=$B$10,7,0)+IF('Standard Profiles'!$G$19=$B$17,14,0)+IF('Standard Profiles'!$G$19=$B$24,21,0),MOD($C2301,24)+1)/SUM(INDEX($D$3:$AA$30,INDEX(Jesper!$R$2:$R$366,ROW(INDEX(Jesper!AI$2:AI$366,ROUNDDOWN($C2301/24,0)+1,1))-1)+IF('Standard Profiles'!$G$19=$B$10,7,0)+IF('Standard Profiles'!$G$19=$B$17,14,0)+IF('Standard Profiles'!$G$19=$B$24,21,0),0)),0)</f>
        <v>44.643827852052432</v>
      </c>
      <c r="F2301" cm="1">
        <f t="array" ref="F2301">IFERROR(INDEX(Jesper!AJ$2:AJ$366,ROUNDDOWN($C2301/24,0)+1,1)*INDEX($D$3:$AA$30,INDEX(Jesper!$R$2:$R$366,ROW(INDEX(Jesper!AJ$2:AJ$366,ROUNDDOWN($C2301/24,0)+1,1))-1)+IF('Standard Profiles'!$G$20=$B$10,7,0)+IF('Standard Profiles'!$G$20=$B$17,14,0)+IF('Standard Profiles'!$G$20=$B$24,21,0),MOD($C2301,24)+1)/SUM(INDEX($D$3:$AA$30,INDEX(Jesper!$R$2:$R$366,ROW(INDEX(Jesper!AJ$2:AJ$366,ROUNDDOWN($C2301/24,0)+1,1))-1)+IF('Standard Profiles'!$G$20=$B$10,7,0)+IF('Standard Profiles'!$G$20=$B$17,14,0)+IF('Standard Profiles'!$G$20=$B$24,21,0),0)),0)</f>
        <v>0</v>
      </c>
      <c r="G2301" cm="1">
        <f t="array" ref="G2301">IFERROR(INDEX(Jesper!AK$2:AK$366,ROUNDDOWN($C2301/24,0)+1,1)*INDEX($D$3:$AA$30,INDEX(Jesper!$R$2:$R$366,ROW(INDEX(Jesper!AK$2:AK$366,ROUNDDOWN($C2301/24,0)+1,1))-1)+IF('Standard Profiles'!$G$21=$B$10,7,0)+IF('Standard Profiles'!$G$21=$B$17,14,0)+IF('Standard Profiles'!$G$21=$B$24,21,0),MOD($C2301,24)+1)/SUM(INDEX($D$3:$AA$30,INDEX(Jesper!$R$2:$R$366,ROW(INDEX(Jesper!AK$2:AK$366,ROUNDDOWN($C2301/24,0)+1,1))-1)+IF('Standard Profiles'!$G$21=$B$10,7,0)+IF('Standard Profiles'!$G$21=$B$17,14,0)+IF('Standard Profiles'!$G$21=$B$24,21,0),0)),0)</f>
        <v>38.620696829459554</v>
      </c>
      <c r="H2301" cm="1">
        <f t="array" ref="H2301">IFERROR(INDEX(Jesper!AL$2:AL$366,ROUNDDOWN($C2301/24,0)+1,1)*INDEX($D$3:$AA$30,INDEX(Jesper!$R$2:$R$366,ROW(INDEX(Jesper!AL$2:AL$366,ROUNDDOWN($C2301/24,0)+1,1))-1)+IF('Standard Profiles'!$G$22=$B$10,7,0)+IF('Standard Profiles'!$G$22=$B$17,14,0)+IF('Standard Profiles'!$G$22=$B$24,21,0),MOD($C2301,24)+1)/SUM(INDEX($D$3:$AA$30,INDEX(Jesper!$R$2:$R$366,ROW(INDEX(Jesper!AL$2:AL$366,ROUNDDOWN($C2301/24,0)+1,1))-1)+IF('Standard Profiles'!$G$22=$B$10,7,0)+IF('Standard Profiles'!$G$22=$B$17,14,0)+IF('Standard Profiles'!$G$22=$B$24,21,0),0)),0)</f>
        <v>0</v>
      </c>
      <c r="I2301">
        <f t="shared" si="265"/>
        <v>18.537934478140578</v>
      </c>
      <c r="J2301">
        <f t="shared" si="266"/>
        <v>95.716562838801295</v>
      </c>
      <c r="K2301">
        <f t="shared" si="267"/>
        <v>3.9352346203720483</v>
      </c>
      <c r="L2301">
        <f t="shared" si="268"/>
        <v>1.9676173101860241</v>
      </c>
      <c r="M2301">
        <f t="shared" si="269"/>
        <v>0</v>
      </c>
      <c r="N2301" s="45">
        <f t="shared" si="270"/>
        <v>45021.458333327835</v>
      </c>
    </row>
    <row r="2302" spans="2:14" x14ac:dyDescent="0.25">
      <c r="B2302">
        <f t="shared" si="264"/>
        <v>3</v>
      </c>
      <c r="C2302" s="16">
        <v>2268</v>
      </c>
      <c r="D2302" cm="1">
        <f t="array" ref="D2302">IFERROR(INDEX(Jesper!AH$2:AH$366,ROUNDDOWN($C2302/24,0)+1,1)*INDEX($D$3:$AA$30,INDEX(Jesper!$R$2:$R$366,ROW(INDEX(Jesper!AH$2:AH$366,ROUNDDOWN($C2302/24,0)+1,1))-1)+IF('Standard Profiles'!$G$18=$B$10,7,0)+IF('Standard Profiles'!$G$18=$B$17,14,0)+IF('Standard Profiles'!$G$18=$B$24,21,0),MOD($C2302,24)+1)/SUM(INDEX($D$3:$AA$30,INDEX(Jesper!$R$2:$R$366,ROW(INDEX(Jesper!AH$2:AH$366,ROUNDDOWN($C2302/24,0)+1,1))-1)+IF('Standard Profiles'!$G$18=$B$10,7,0)+IF('Standard Profiles'!$G$18=$B$17,14,0)+IF('Standard Profiles'!$G$18=$B$24,21,0),0)),0)</f>
        <v>36.892824565987951</v>
      </c>
      <c r="E2302" cm="1">
        <f t="array" ref="E2302">IFERROR(INDEX(Jesper!AI$2:AI$366,ROUNDDOWN($C2302/24,0)+1,1)*INDEX($D$3:$AA$30,INDEX(Jesper!$R$2:$R$366,ROW(INDEX(Jesper!AI$2:AI$366,ROUNDDOWN($C2302/24,0)+1,1))-1)+IF('Standard Profiles'!$G$19=$B$10,7,0)+IF('Standard Profiles'!$G$19=$B$17,14,0)+IF('Standard Profiles'!$G$19=$B$24,21,0),MOD($C2302,24)+1)/SUM(INDEX($D$3:$AA$30,INDEX(Jesper!$R$2:$R$366,ROW(INDEX(Jesper!AI$2:AI$366,ROUNDDOWN($C2302/24,0)+1,1))-1)+IF('Standard Profiles'!$G$19=$B$10,7,0)+IF('Standard Profiles'!$G$19=$B$17,14,0)+IF('Standard Profiles'!$G$19=$B$24,21,0),0)),0)</f>
        <v>44.643827852052432</v>
      </c>
      <c r="F2302" cm="1">
        <f t="array" ref="F2302">IFERROR(INDEX(Jesper!AJ$2:AJ$366,ROUNDDOWN($C2302/24,0)+1,1)*INDEX($D$3:$AA$30,INDEX(Jesper!$R$2:$R$366,ROW(INDEX(Jesper!AJ$2:AJ$366,ROUNDDOWN($C2302/24,0)+1,1))-1)+IF('Standard Profiles'!$G$20=$B$10,7,0)+IF('Standard Profiles'!$G$20=$B$17,14,0)+IF('Standard Profiles'!$G$20=$B$24,21,0),MOD($C2302,24)+1)/SUM(INDEX($D$3:$AA$30,INDEX(Jesper!$R$2:$R$366,ROW(INDEX(Jesper!AJ$2:AJ$366,ROUNDDOWN($C2302/24,0)+1,1))-1)+IF('Standard Profiles'!$G$20=$B$10,7,0)+IF('Standard Profiles'!$G$20=$B$17,14,0)+IF('Standard Profiles'!$G$20=$B$24,21,0),0)),0)</f>
        <v>0</v>
      </c>
      <c r="G2302" cm="1">
        <f t="array" ref="G2302">IFERROR(INDEX(Jesper!AK$2:AK$366,ROUNDDOWN($C2302/24,0)+1,1)*INDEX($D$3:$AA$30,INDEX(Jesper!$R$2:$R$366,ROW(INDEX(Jesper!AK$2:AK$366,ROUNDDOWN($C2302/24,0)+1,1))-1)+IF('Standard Profiles'!$G$21=$B$10,7,0)+IF('Standard Profiles'!$G$21=$B$17,14,0)+IF('Standard Profiles'!$G$21=$B$24,21,0),MOD($C2302,24)+1)/SUM(INDEX($D$3:$AA$30,INDEX(Jesper!$R$2:$R$366,ROW(INDEX(Jesper!AK$2:AK$366,ROUNDDOWN($C2302/24,0)+1,1))-1)+IF('Standard Profiles'!$G$21=$B$10,7,0)+IF('Standard Profiles'!$G$21=$B$17,14,0)+IF('Standard Profiles'!$G$21=$B$24,21,0),0)),0)</f>
        <v>38.620696829459554</v>
      </c>
      <c r="H2302" cm="1">
        <f t="array" ref="H2302">IFERROR(INDEX(Jesper!AL$2:AL$366,ROUNDDOWN($C2302/24,0)+1,1)*INDEX($D$3:$AA$30,INDEX(Jesper!$R$2:$R$366,ROW(INDEX(Jesper!AL$2:AL$366,ROUNDDOWN($C2302/24,0)+1,1))-1)+IF('Standard Profiles'!$G$22=$B$10,7,0)+IF('Standard Profiles'!$G$22=$B$17,14,0)+IF('Standard Profiles'!$G$22=$B$24,21,0),MOD($C2302,24)+1)/SUM(INDEX($D$3:$AA$30,INDEX(Jesper!$R$2:$R$366,ROW(INDEX(Jesper!AL$2:AL$366,ROUNDDOWN($C2302/24,0)+1,1))-1)+IF('Standard Profiles'!$G$22=$B$10,7,0)+IF('Standard Profiles'!$G$22=$B$17,14,0)+IF('Standard Profiles'!$G$22=$B$24,21,0),0)),0)</f>
        <v>0</v>
      </c>
      <c r="I2302">
        <f t="shared" si="265"/>
        <v>18.537934478140578</v>
      </c>
      <c r="J2302">
        <f t="shared" si="266"/>
        <v>95.716562838801295</v>
      </c>
      <c r="K2302">
        <f t="shared" si="267"/>
        <v>3.9352346203720483</v>
      </c>
      <c r="L2302">
        <f t="shared" si="268"/>
        <v>1.9676173101860241</v>
      </c>
      <c r="M2302">
        <f t="shared" si="269"/>
        <v>0</v>
      </c>
      <c r="N2302" s="45">
        <f t="shared" si="270"/>
        <v>45021.499999994499</v>
      </c>
    </row>
    <row r="2303" spans="2:14" x14ac:dyDescent="0.25">
      <c r="B2303">
        <f t="shared" si="264"/>
        <v>3</v>
      </c>
      <c r="C2303" s="16">
        <v>2269</v>
      </c>
      <c r="D2303" cm="1">
        <f t="array" ref="D2303">IFERROR(INDEX(Jesper!AH$2:AH$366,ROUNDDOWN($C2303/24,0)+1,1)*INDEX($D$3:$AA$30,INDEX(Jesper!$R$2:$R$366,ROW(INDEX(Jesper!AH$2:AH$366,ROUNDDOWN($C2303/24,0)+1,1))-1)+IF('Standard Profiles'!$G$18=$B$10,7,0)+IF('Standard Profiles'!$G$18=$B$17,14,0)+IF('Standard Profiles'!$G$18=$B$24,21,0),MOD($C2303,24)+1)/SUM(INDEX($D$3:$AA$30,INDEX(Jesper!$R$2:$R$366,ROW(INDEX(Jesper!AH$2:AH$366,ROUNDDOWN($C2303/24,0)+1,1))-1)+IF('Standard Profiles'!$G$18=$B$10,7,0)+IF('Standard Profiles'!$G$18=$B$17,14,0)+IF('Standard Profiles'!$G$18=$B$24,21,0),0)),0)</f>
        <v>24.507376318834854</v>
      </c>
      <c r="E2303" cm="1">
        <f t="array" ref="E2303">IFERROR(INDEX(Jesper!AI$2:AI$366,ROUNDDOWN($C2303/24,0)+1,1)*INDEX($D$3:$AA$30,INDEX(Jesper!$R$2:$R$366,ROW(INDEX(Jesper!AI$2:AI$366,ROUNDDOWN($C2303/24,0)+1,1))-1)+IF('Standard Profiles'!$G$19=$B$10,7,0)+IF('Standard Profiles'!$G$19=$B$17,14,0)+IF('Standard Profiles'!$G$19=$B$24,21,0),MOD($C2303,24)+1)/SUM(INDEX($D$3:$AA$30,INDEX(Jesper!$R$2:$R$366,ROW(INDEX(Jesper!AI$2:AI$366,ROUNDDOWN($C2303/24,0)+1,1))-1)+IF('Standard Profiles'!$G$19=$B$10,7,0)+IF('Standard Profiles'!$G$19=$B$17,14,0)+IF('Standard Profiles'!$G$19=$B$24,21,0),0)),0)</f>
        <v>29.656257073149117</v>
      </c>
      <c r="F2303" cm="1">
        <f t="array" ref="F2303">IFERROR(INDEX(Jesper!AJ$2:AJ$366,ROUNDDOWN($C2303/24,0)+1,1)*INDEX($D$3:$AA$30,INDEX(Jesper!$R$2:$R$366,ROW(INDEX(Jesper!AJ$2:AJ$366,ROUNDDOWN($C2303/24,0)+1,1))-1)+IF('Standard Profiles'!$G$20=$B$10,7,0)+IF('Standard Profiles'!$G$20=$B$17,14,0)+IF('Standard Profiles'!$G$20=$B$24,21,0),MOD($C2303,24)+1)/SUM(INDEX($D$3:$AA$30,INDEX(Jesper!$R$2:$R$366,ROW(INDEX(Jesper!AJ$2:AJ$366,ROUNDDOWN($C2303/24,0)+1,1))-1)+IF('Standard Profiles'!$G$20=$B$10,7,0)+IF('Standard Profiles'!$G$20=$B$17,14,0)+IF('Standard Profiles'!$G$20=$B$24,21,0),0)),0)</f>
        <v>0</v>
      </c>
      <c r="G2303" cm="1">
        <f t="array" ref="G2303">IFERROR(INDEX(Jesper!AK$2:AK$366,ROUNDDOWN($C2303/24,0)+1,1)*INDEX($D$3:$AA$30,INDEX(Jesper!$R$2:$R$366,ROW(INDEX(Jesper!AK$2:AK$366,ROUNDDOWN($C2303/24,0)+1,1))-1)+IF('Standard Profiles'!$G$21=$B$10,7,0)+IF('Standard Profiles'!$G$21=$B$17,14,0)+IF('Standard Profiles'!$G$21=$B$24,21,0),MOD($C2303,24)+1)/SUM(INDEX($D$3:$AA$30,INDEX(Jesper!$R$2:$R$366,ROW(INDEX(Jesper!AK$2:AK$366,ROUNDDOWN($C2303/24,0)+1,1))-1)+IF('Standard Profiles'!$G$21=$B$10,7,0)+IF('Standard Profiles'!$G$21=$B$17,14,0)+IF('Standard Profiles'!$G$21=$B$24,21,0),0)),0)</f>
        <v>25.655177179569559</v>
      </c>
      <c r="H2303" cm="1">
        <f t="array" ref="H2303">IFERROR(INDEX(Jesper!AL$2:AL$366,ROUNDDOWN($C2303/24,0)+1,1)*INDEX($D$3:$AA$30,INDEX(Jesper!$R$2:$R$366,ROW(INDEX(Jesper!AL$2:AL$366,ROUNDDOWN($C2303/24,0)+1,1))-1)+IF('Standard Profiles'!$G$22=$B$10,7,0)+IF('Standard Profiles'!$G$22=$B$17,14,0)+IF('Standard Profiles'!$G$22=$B$24,21,0),MOD($C2303,24)+1)/SUM(INDEX($D$3:$AA$30,INDEX(Jesper!$R$2:$R$366,ROW(INDEX(Jesper!AL$2:AL$366,ROUNDDOWN($C2303/24,0)+1,1))-1)+IF('Standard Profiles'!$G$22=$B$10,7,0)+IF('Standard Profiles'!$G$22=$B$17,14,0)+IF('Standard Profiles'!$G$22=$B$24,21,0),0)),0)</f>
        <v>0</v>
      </c>
      <c r="I2303">
        <f t="shared" si="265"/>
        <v>12.314485046193383</v>
      </c>
      <c r="J2303">
        <f t="shared" si="266"/>
        <v>63.583145314346567</v>
      </c>
      <c r="K2303">
        <f t="shared" si="267"/>
        <v>2.614120140675718</v>
      </c>
      <c r="L2303">
        <f t="shared" si="268"/>
        <v>1.307060070337859</v>
      </c>
      <c r="M2303">
        <f t="shared" si="269"/>
        <v>0</v>
      </c>
      <c r="N2303" s="45">
        <f t="shared" si="270"/>
        <v>45021.541666661164</v>
      </c>
    </row>
    <row r="2304" spans="2:14" x14ac:dyDescent="0.25">
      <c r="B2304">
        <f t="shared" si="264"/>
        <v>3</v>
      </c>
      <c r="C2304" s="16">
        <v>2270</v>
      </c>
      <c r="D2304" cm="1">
        <f t="array" ref="D2304">IFERROR(INDEX(Jesper!AH$2:AH$366,ROUNDDOWN($C2304/24,0)+1,1)*INDEX($D$3:$AA$30,INDEX(Jesper!$R$2:$R$366,ROW(INDEX(Jesper!AH$2:AH$366,ROUNDDOWN($C2304/24,0)+1,1))-1)+IF('Standard Profiles'!$G$18=$B$10,7,0)+IF('Standard Profiles'!$G$18=$B$17,14,0)+IF('Standard Profiles'!$G$18=$B$24,21,0),MOD($C2304,24)+1)/SUM(INDEX($D$3:$AA$30,INDEX(Jesper!$R$2:$R$366,ROW(INDEX(Jesper!AH$2:AH$366,ROUNDDOWN($C2304/24,0)+1,1))-1)+IF('Standard Profiles'!$G$18=$B$10,7,0)+IF('Standard Profiles'!$G$18=$B$17,14,0)+IF('Standard Profiles'!$G$18=$B$24,21,0),0)),0)</f>
        <v>36.892824565987951</v>
      </c>
      <c r="E2304" cm="1">
        <f t="array" ref="E2304">IFERROR(INDEX(Jesper!AI$2:AI$366,ROUNDDOWN($C2304/24,0)+1,1)*INDEX($D$3:$AA$30,INDEX(Jesper!$R$2:$R$366,ROW(INDEX(Jesper!AI$2:AI$366,ROUNDDOWN($C2304/24,0)+1,1))-1)+IF('Standard Profiles'!$G$19=$B$10,7,0)+IF('Standard Profiles'!$G$19=$B$17,14,0)+IF('Standard Profiles'!$G$19=$B$24,21,0),MOD($C2304,24)+1)/SUM(INDEX($D$3:$AA$30,INDEX(Jesper!$R$2:$R$366,ROW(INDEX(Jesper!AI$2:AI$366,ROUNDDOWN($C2304/24,0)+1,1))-1)+IF('Standard Profiles'!$G$19=$B$10,7,0)+IF('Standard Profiles'!$G$19=$B$17,14,0)+IF('Standard Profiles'!$G$19=$B$24,21,0),0)),0)</f>
        <v>44.643827852052432</v>
      </c>
      <c r="F2304" cm="1">
        <f t="array" ref="F2304">IFERROR(INDEX(Jesper!AJ$2:AJ$366,ROUNDDOWN($C2304/24,0)+1,1)*INDEX($D$3:$AA$30,INDEX(Jesper!$R$2:$R$366,ROW(INDEX(Jesper!AJ$2:AJ$366,ROUNDDOWN($C2304/24,0)+1,1))-1)+IF('Standard Profiles'!$G$20=$B$10,7,0)+IF('Standard Profiles'!$G$20=$B$17,14,0)+IF('Standard Profiles'!$G$20=$B$24,21,0),MOD($C2304,24)+1)/SUM(INDEX($D$3:$AA$30,INDEX(Jesper!$R$2:$R$366,ROW(INDEX(Jesper!AJ$2:AJ$366,ROUNDDOWN($C2304/24,0)+1,1))-1)+IF('Standard Profiles'!$G$20=$B$10,7,0)+IF('Standard Profiles'!$G$20=$B$17,14,0)+IF('Standard Profiles'!$G$20=$B$24,21,0),0)),0)</f>
        <v>0</v>
      </c>
      <c r="G2304" cm="1">
        <f t="array" ref="G2304">IFERROR(INDEX(Jesper!AK$2:AK$366,ROUNDDOWN($C2304/24,0)+1,1)*INDEX($D$3:$AA$30,INDEX(Jesper!$R$2:$R$366,ROW(INDEX(Jesper!AK$2:AK$366,ROUNDDOWN($C2304/24,0)+1,1))-1)+IF('Standard Profiles'!$G$21=$B$10,7,0)+IF('Standard Profiles'!$G$21=$B$17,14,0)+IF('Standard Profiles'!$G$21=$B$24,21,0),MOD($C2304,24)+1)/SUM(INDEX($D$3:$AA$30,INDEX(Jesper!$R$2:$R$366,ROW(INDEX(Jesper!AK$2:AK$366,ROUNDDOWN($C2304/24,0)+1,1))-1)+IF('Standard Profiles'!$G$21=$B$10,7,0)+IF('Standard Profiles'!$G$21=$B$17,14,0)+IF('Standard Profiles'!$G$21=$B$24,21,0),0)),0)</f>
        <v>38.620696829459554</v>
      </c>
      <c r="H2304" cm="1">
        <f t="array" ref="H2304">IFERROR(INDEX(Jesper!AL$2:AL$366,ROUNDDOWN($C2304/24,0)+1,1)*INDEX($D$3:$AA$30,INDEX(Jesper!$R$2:$R$366,ROW(INDEX(Jesper!AL$2:AL$366,ROUNDDOWN($C2304/24,0)+1,1))-1)+IF('Standard Profiles'!$G$22=$B$10,7,0)+IF('Standard Profiles'!$G$22=$B$17,14,0)+IF('Standard Profiles'!$G$22=$B$24,21,0),MOD($C2304,24)+1)/SUM(INDEX($D$3:$AA$30,INDEX(Jesper!$R$2:$R$366,ROW(INDEX(Jesper!AL$2:AL$366,ROUNDDOWN($C2304/24,0)+1,1))-1)+IF('Standard Profiles'!$G$22=$B$10,7,0)+IF('Standard Profiles'!$G$22=$B$17,14,0)+IF('Standard Profiles'!$G$22=$B$24,21,0),0)),0)</f>
        <v>0</v>
      </c>
      <c r="I2304">
        <f t="shared" si="265"/>
        <v>18.537934478140578</v>
      </c>
      <c r="J2304">
        <f t="shared" si="266"/>
        <v>95.716562838801295</v>
      </c>
      <c r="K2304">
        <f t="shared" si="267"/>
        <v>3.9352346203720483</v>
      </c>
      <c r="L2304">
        <f t="shared" si="268"/>
        <v>1.9676173101860241</v>
      </c>
      <c r="M2304">
        <f t="shared" si="269"/>
        <v>0</v>
      </c>
      <c r="N2304" s="45">
        <f t="shared" si="270"/>
        <v>45021.583333327828</v>
      </c>
    </row>
    <row r="2305" spans="2:14" x14ac:dyDescent="0.25">
      <c r="B2305">
        <f t="shared" si="264"/>
        <v>3</v>
      </c>
      <c r="C2305" s="16">
        <v>2271</v>
      </c>
      <c r="D2305" cm="1">
        <f t="array" ref="D2305">IFERROR(INDEX(Jesper!AH$2:AH$366,ROUNDDOWN($C2305/24,0)+1,1)*INDEX($D$3:$AA$30,INDEX(Jesper!$R$2:$R$366,ROW(INDEX(Jesper!AH$2:AH$366,ROUNDDOWN($C2305/24,0)+1,1))-1)+IF('Standard Profiles'!$G$18=$B$10,7,0)+IF('Standard Profiles'!$G$18=$B$17,14,0)+IF('Standard Profiles'!$G$18=$B$24,21,0),MOD($C2305,24)+1)/SUM(INDEX($D$3:$AA$30,INDEX(Jesper!$R$2:$R$366,ROW(INDEX(Jesper!AH$2:AH$366,ROUNDDOWN($C2305/24,0)+1,1))-1)+IF('Standard Profiles'!$G$18=$B$10,7,0)+IF('Standard Profiles'!$G$18=$B$17,14,0)+IF('Standard Profiles'!$G$18=$B$24,21,0),0)),0)</f>
        <v>36.892824565987951</v>
      </c>
      <c r="E2305" cm="1">
        <f t="array" ref="E2305">IFERROR(INDEX(Jesper!AI$2:AI$366,ROUNDDOWN($C2305/24,0)+1,1)*INDEX($D$3:$AA$30,INDEX(Jesper!$R$2:$R$366,ROW(INDEX(Jesper!AI$2:AI$366,ROUNDDOWN($C2305/24,0)+1,1))-1)+IF('Standard Profiles'!$G$19=$B$10,7,0)+IF('Standard Profiles'!$G$19=$B$17,14,0)+IF('Standard Profiles'!$G$19=$B$24,21,0),MOD($C2305,24)+1)/SUM(INDEX($D$3:$AA$30,INDEX(Jesper!$R$2:$R$366,ROW(INDEX(Jesper!AI$2:AI$366,ROUNDDOWN($C2305/24,0)+1,1))-1)+IF('Standard Profiles'!$G$19=$B$10,7,0)+IF('Standard Profiles'!$G$19=$B$17,14,0)+IF('Standard Profiles'!$G$19=$B$24,21,0),0)),0)</f>
        <v>44.643827852052432</v>
      </c>
      <c r="F2305" cm="1">
        <f t="array" ref="F2305">IFERROR(INDEX(Jesper!AJ$2:AJ$366,ROUNDDOWN($C2305/24,0)+1,1)*INDEX($D$3:$AA$30,INDEX(Jesper!$R$2:$R$366,ROW(INDEX(Jesper!AJ$2:AJ$366,ROUNDDOWN($C2305/24,0)+1,1))-1)+IF('Standard Profiles'!$G$20=$B$10,7,0)+IF('Standard Profiles'!$G$20=$B$17,14,0)+IF('Standard Profiles'!$G$20=$B$24,21,0),MOD($C2305,24)+1)/SUM(INDEX($D$3:$AA$30,INDEX(Jesper!$R$2:$R$366,ROW(INDEX(Jesper!AJ$2:AJ$366,ROUNDDOWN($C2305/24,0)+1,1))-1)+IF('Standard Profiles'!$G$20=$B$10,7,0)+IF('Standard Profiles'!$G$20=$B$17,14,0)+IF('Standard Profiles'!$G$20=$B$24,21,0),0)),0)</f>
        <v>0</v>
      </c>
      <c r="G2305" cm="1">
        <f t="array" ref="G2305">IFERROR(INDEX(Jesper!AK$2:AK$366,ROUNDDOWN($C2305/24,0)+1,1)*INDEX($D$3:$AA$30,INDEX(Jesper!$R$2:$R$366,ROW(INDEX(Jesper!AK$2:AK$366,ROUNDDOWN($C2305/24,0)+1,1))-1)+IF('Standard Profiles'!$G$21=$B$10,7,0)+IF('Standard Profiles'!$G$21=$B$17,14,0)+IF('Standard Profiles'!$G$21=$B$24,21,0),MOD($C2305,24)+1)/SUM(INDEX($D$3:$AA$30,INDEX(Jesper!$R$2:$R$366,ROW(INDEX(Jesper!AK$2:AK$366,ROUNDDOWN($C2305/24,0)+1,1))-1)+IF('Standard Profiles'!$G$21=$B$10,7,0)+IF('Standard Profiles'!$G$21=$B$17,14,0)+IF('Standard Profiles'!$G$21=$B$24,21,0),0)),0)</f>
        <v>38.620696829459554</v>
      </c>
      <c r="H2305" cm="1">
        <f t="array" ref="H2305">IFERROR(INDEX(Jesper!AL$2:AL$366,ROUNDDOWN($C2305/24,0)+1,1)*INDEX($D$3:$AA$30,INDEX(Jesper!$R$2:$R$366,ROW(INDEX(Jesper!AL$2:AL$366,ROUNDDOWN($C2305/24,0)+1,1))-1)+IF('Standard Profiles'!$G$22=$B$10,7,0)+IF('Standard Profiles'!$G$22=$B$17,14,0)+IF('Standard Profiles'!$G$22=$B$24,21,0),MOD($C2305,24)+1)/SUM(INDEX($D$3:$AA$30,INDEX(Jesper!$R$2:$R$366,ROW(INDEX(Jesper!AL$2:AL$366,ROUNDDOWN($C2305/24,0)+1,1))-1)+IF('Standard Profiles'!$G$22=$B$10,7,0)+IF('Standard Profiles'!$G$22=$B$17,14,0)+IF('Standard Profiles'!$G$22=$B$24,21,0),0)),0)</f>
        <v>0</v>
      </c>
      <c r="I2305">
        <f t="shared" si="265"/>
        <v>18.537934478140578</v>
      </c>
      <c r="J2305">
        <f t="shared" si="266"/>
        <v>95.716562838801295</v>
      </c>
      <c r="K2305">
        <f t="shared" si="267"/>
        <v>3.9352346203720483</v>
      </c>
      <c r="L2305">
        <f t="shared" si="268"/>
        <v>1.9676173101860241</v>
      </c>
      <c r="M2305">
        <f t="shared" si="269"/>
        <v>0</v>
      </c>
      <c r="N2305" s="45">
        <f t="shared" si="270"/>
        <v>45021.624999994492</v>
      </c>
    </row>
    <row r="2306" spans="2:14" x14ac:dyDescent="0.25">
      <c r="B2306">
        <f t="shared" si="264"/>
        <v>3</v>
      </c>
      <c r="C2306" s="16">
        <v>2272</v>
      </c>
      <c r="D2306" cm="1">
        <f t="array" ref="D2306">IFERROR(INDEX(Jesper!AH$2:AH$366,ROUNDDOWN($C2306/24,0)+1,1)*INDEX($D$3:$AA$30,INDEX(Jesper!$R$2:$R$366,ROW(INDEX(Jesper!AH$2:AH$366,ROUNDDOWN($C2306/24,0)+1,1))-1)+IF('Standard Profiles'!$G$18=$B$10,7,0)+IF('Standard Profiles'!$G$18=$B$17,14,0)+IF('Standard Profiles'!$G$18=$B$24,21,0),MOD($C2306,24)+1)/SUM(INDEX($D$3:$AA$30,INDEX(Jesper!$R$2:$R$366,ROW(INDEX(Jesper!AH$2:AH$366,ROUNDDOWN($C2306/24,0)+1,1))-1)+IF('Standard Profiles'!$G$18=$B$10,7,0)+IF('Standard Profiles'!$G$18=$B$17,14,0)+IF('Standard Profiles'!$G$18=$B$24,21,0),0)),0)</f>
        <v>21.740414476385759</v>
      </c>
      <c r="E2306" cm="1">
        <f t="array" ref="E2306">IFERROR(INDEX(Jesper!AI$2:AI$366,ROUNDDOWN($C2306/24,0)+1,1)*INDEX($D$3:$AA$30,INDEX(Jesper!$R$2:$R$366,ROW(INDEX(Jesper!AI$2:AI$366,ROUNDDOWN($C2306/24,0)+1,1))-1)+IF('Standard Profiles'!$G$19=$B$10,7,0)+IF('Standard Profiles'!$G$19=$B$17,14,0)+IF('Standard Profiles'!$G$19=$B$24,21,0),MOD($C2306,24)+1)/SUM(INDEX($D$3:$AA$30,INDEX(Jesper!$R$2:$R$366,ROW(INDEX(Jesper!AI$2:AI$366,ROUNDDOWN($C2306/24,0)+1,1))-1)+IF('Standard Profiles'!$G$19=$B$10,7,0)+IF('Standard Profiles'!$G$19=$B$17,14,0)+IF('Standard Profiles'!$G$19=$B$24,21,0),0)),0)</f>
        <v>26.307969984245183</v>
      </c>
      <c r="F2306" cm="1">
        <f t="array" ref="F2306">IFERROR(INDEX(Jesper!AJ$2:AJ$366,ROUNDDOWN($C2306/24,0)+1,1)*INDEX($D$3:$AA$30,INDEX(Jesper!$R$2:$R$366,ROW(INDEX(Jesper!AJ$2:AJ$366,ROUNDDOWN($C2306/24,0)+1,1))-1)+IF('Standard Profiles'!$G$20=$B$10,7,0)+IF('Standard Profiles'!$G$20=$B$17,14,0)+IF('Standard Profiles'!$G$20=$B$24,21,0),MOD($C2306,24)+1)/SUM(INDEX($D$3:$AA$30,INDEX(Jesper!$R$2:$R$366,ROW(INDEX(Jesper!AJ$2:AJ$366,ROUNDDOWN($C2306/24,0)+1,1))-1)+IF('Standard Profiles'!$G$20=$B$10,7,0)+IF('Standard Profiles'!$G$20=$B$17,14,0)+IF('Standard Profiles'!$G$20=$B$24,21,0),0)),0)</f>
        <v>0</v>
      </c>
      <c r="G2306" cm="1">
        <f t="array" ref="G2306">IFERROR(INDEX(Jesper!AK$2:AK$366,ROUNDDOWN($C2306/24,0)+1,1)*INDEX($D$3:$AA$30,INDEX(Jesper!$R$2:$R$366,ROW(INDEX(Jesper!AK$2:AK$366,ROUNDDOWN($C2306/24,0)+1,1))-1)+IF('Standard Profiles'!$G$21=$B$10,7,0)+IF('Standard Profiles'!$G$21=$B$17,14,0)+IF('Standard Profiles'!$G$21=$B$24,21,0),MOD($C2306,24)+1)/SUM(INDEX($D$3:$AA$30,INDEX(Jesper!$R$2:$R$366,ROW(INDEX(Jesper!AK$2:AK$366,ROUNDDOWN($C2306/24,0)+1,1))-1)+IF('Standard Profiles'!$G$21=$B$10,7,0)+IF('Standard Profiles'!$G$21=$B$17,14,0)+IF('Standard Profiles'!$G$21=$B$24,21,0),0)),0)</f>
        <v>32.271111821167871</v>
      </c>
      <c r="H2306" cm="1">
        <f t="array" ref="H2306">IFERROR(INDEX(Jesper!AL$2:AL$366,ROUNDDOWN($C2306/24,0)+1,1)*INDEX($D$3:$AA$30,INDEX(Jesper!$R$2:$R$366,ROW(INDEX(Jesper!AL$2:AL$366,ROUNDDOWN($C2306/24,0)+1,1))-1)+IF('Standard Profiles'!$G$22=$B$10,7,0)+IF('Standard Profiles'!$G$22=$B$17,14,0)+IF('Standard Profiles'!$G$22=$B$24,21,0),MOD($C2306,24)+1)/SUM(INDEX($D$3:$AA$30,INDEX(Jesper!$R$2:$R$366,ROW(INDEX(Jesper!AL$2:AL$366,ROUNDDOWN($C2306/24,0)+1,1))-1)+IF('Standard Profiles'!$G$22=$B$10,7,0)+IF('Standard Profiles'!$G$22=$B$17,14,0)+IF('Standard Profiles'!$G$22=$B$24,21,0),0)),0)</f>
        <v>0</v>
      </c>
      <c r="I2306">
        <f t="shared" si="265"/>
        <v>15.490133674160571</v>
      </c>
      <c r="J2306">
        <f t="shared" si="266"/>
        <v>61.350896291416518</v>
      </c>
      <c r="K2306">
        <f t="shared" si="267"/>
        <v>2.3189775441478142</v>
      </c>
      <c r="L2306">
        <f t="shared" si="268"/>
        <v>1.1594887720739071</v>
      </c>
      <c r="M2306">
        <f t="shared" si="269"/>
        <v>0</v>
      </c>
      <c r="N2306" s="45">
        <f t="shared" si="270"/>
        <v>45021.666666661156</v>
      </c>
    </row>
    <row r="2307" spans="2:14" x14ac:dyDescent="0.25">
      <c r="B2307">
        <f t="shared" si="264"/>
        <v>3</v>
      </c>
      <c r="C2307" s="16">
        <v>2273</v>
      </c>
      <c r="D2307" cm="1">
        <f t="array" ref="D2307">IFERROR(INDEX(Jesper!AH$2:AH$366,ROUNDDOWN($C2307/24,0)+1,1)*INDEX($D$3:$AA$30,INDEX(Jesper!$R$2:$R$366,ROW(INDEX(Jesper!AH$2:AH$366,ROUNDDOWN($C2307/24,0)+1,1))-1)+IF('Standard Profiles'!$G$18=$B$10,7,0)+IF('Standard Profiles'!$G$18=$B$17,14,0)+IF('Standard Profiles'!$G$18=$B$24,21,0),MOD($C2307,24)+1)/SUM(INDEX($D$3:$AA$30,INDEX(Jesper!$R$2:$R$366,ROW(INDEX(Jesper!AH$2:AH$366,ROUNDDOWN($C2307/24,0)+1,1))-1)+IF('Standard Profiles'!$G$18=$B$10,7,0)+IF('Standard Profiles'!$G$18=$B$17,14,0)+IF('Standard Profiles'!$G$18=$B$24,21,0),0)),0)</f>
        <v>9.2788794180050189</v>
      </c>
      <c r="E2307" cm="1">
        <f t="array" ref="E2307">IFERROR(INDEX(Jesper!AI$2:AI$366,ROUNDDOWN($C2307/24,0)+1,1)*INDEX($D$3:$AA$30,INDEX(Jesper!$R$2:$R$366,ROW(INDEX(Jesper!AI$2:AI$366,ROUNDDOWN($C2307/24,0)+1,1))-1)+IF('Standard Profiles'!$G$19=$B$10,7,0)+IF('Standard Profiles'!$G$19=$B$17,14,0)+IF('Standard Profiles'!$G$19=$B$24,21,0),MOD($C2307,24)+1)/SUM(INDEX($D$3:$AA$30,INDEX(Jesper!$R$2:$R$366,ROW(INDEX(Jesper!AI$2:AI$366,ROUNDDOWN($C2307/24,0)+1,1))-1)+IF('Standard Profiles'!$G$19=$B$10,7,0)+IF('Standard Profiles'!$G$19=$B$17,14,0)+IF('Standard Profiles'!$G$19=$B$24,21,0),0)),0)</f>
        <v>11.228326924560472</v>
      </c>
      <c r="F2307" cm="1">
        <f t="array" ref="F2307">IFERROR(INDEX(Jesper!AJ$2:AJ$366,ROUNDDOWN($C2307/24,0)+1,1)*INDEX($D$3:$AA$30,INDEX(Jesper!$R$2:$R$366,ROW(INDEX(Jesper!AJ$2:AJ$366,ROUNDDOWN($C2307/24,0)+1,1))-1)+IF('Standard Profiles'!$G$20=$B$10,7,0)+IF('Standard Profiles'!$G$20=$B$17,14,0)+IF('Standard Profiles'!$G$20=$B$24,21,0),MOD($C2307,24)+1)/SUM(INDEX($D$3:$AA$30,INDEX(Jesper!$R$2:$R$366,ROW(INDEX(Jesper!AJ$2:AJ$366,ROUNDDOWN($C2307/24,0)+1,1))-1)+IF('Standard Profiles'!$G$20=$B$10,7,0)+IF('Standard Profiles'!$G$20=$B$17,14,0)+IF('Standard Profiles'!$G$20=$B$24,21,0),0)),0)</f>
        <v>0</v>
      </c>
      <c r="G2307" cm="1">
        <f t="array" ref="G2307">IFERROR(INDEX(Jesper!AK$2:AK$366,ROUNDDOWN($C2307/24,0)+1,1)*INDEX($D$3:$AA$30,INDEX(Jesper!$R$2:$R$366,ROW(INDEX(Jesper!AK$2:AK$366,ROUNDDOWN($C2307/24,0)+1,1))-1)+IF('Standard Profiles'!$G$21=$B$10,7,0)+IF('Standard Profiles'!$G$21=$B$17,14,0)+IF('Standard Profiles'!$G$21=$B$24,21,0),MOD($C2307,24)+1)/SUM(INDEX($D$3:$AA$30,INDEX(Jesper!$R$2:$R$366,ROW(INDEX(Jesper!AK$2:AK$366,ROUNDDOWN($C2307/24,0)+1,1))-1)+IF('Standard Profiles'!$G$21=$B$10,7,0)+IF('Standard Profiles'!$G$21=$B$17,14,0)+IF('Standard Profiles'!$G$21=$B$24,21,0),0)),0)</f>
        <v>25.659933423021464</v>
      </c>
      <c r="H2307" cm="1">
        <f t="array" ref="H2307">IFERROR(INDEX(Jesper!AL$2:AL$366,ROUNDDOWN($C2307/24,0)+1,1)*INDEX($D$3:$AA$30,INDEX(Jesper!$R$2:$R$366,ROW(INDEX(Jesper!AL$2:AL$366,ROUNDDOWN($C2307/24,0)+1,1))-1)+IF('Standard Profiles'!$G$22=$B$10,7,0)+IF('Standard Profiles'!$G$22=$B$17,14,0)+IF('Standard Profiles'!$G$22=$B$24,21,0),MOD($C2307,24)+1)/SUM(INDEX($D$3:$AA$30,INDEX(Jesper!$R$2:$R$366,ROW(INDEX(Jesper!AL$2:AL$366,ROUNDDOWN($C2307/24,0)+1,1))-1)+IF('Standard Profiles'!$G$22=$B$10,7,0)+IF('Standard Profiles'!$G$22=$B$17,14,0)+IF('Standard Profiles'!$G$22=$B$24,21,0),0)),0)</f>
        <v>0</v>
      </c>
      <c r="I2307">
        <f t="shared" si="265"/>
        <v>12.316768043050297</v>
      </c>
      <c r="J2307">
        <f t="shared" si="266"/>
        <v>32.365751015655853</v>
      </c>
      <c r="K2307">
        <f t="shared" si="267"/>
        <v>0.98974713792053537</v>
      </c>
      <c r="L2307">
        <f t="shared" si="268"/>
        <v>0.49487356896026768</v>
      </c>
      <c r="M2307">
        <f t="shared" si="269"/>
        <v>0</v>
      </c>
      <c r="N2307" s="45">
        <f t="shared" si="270"/>
        <v>45021.708333327821</v>
      </c>
    </row>
    <row r="2308" spans="2:14" x14ac:dyDescent="0.25">
      <c r="B2308">
        <f t="shared" si="264"/>
        <v>3</v>
      </c>
      <c r="C2308" s="16">
        <v>2274</v>
      </c>
      <c r="D2308" cm="1">
        <f t="array" ref="D2308">IFERROR(INDEX(Jesper!AH$2:AH$366,ROUNDDOWN($C2308/24,0)+1,1)*INDEX($D$3:$AA$30,INDEX(Jesper!$R$2:$R$366,ROW(INDEX(Jesper!AH$2:AH$366,ROUNDDOWN($C2308/24,0)+1,1))-1)+IF('Standard Profiles'!$G$18=$B$10,7,0)+IF('Standard Profiles'!$G$18=$B$17,14,0)+IF('Standard Profiles'!$G$18=$B$24,21,0),MOD($C2308,24)+1)/SUM(INDEX($D$3:$AA$30,INDEX(Jesper!$R$2:$R$366,ROW(INDEX(Jesper!AH$2:AH$366,ROUNDDOWN($C2308/24,0)+1,1))-1)+IF('Standard Profiles'!$G$18=$B$10,7,0)+IF('Standard Profiles'!$G$18=$B$17,14,0)+IF('Standard Profiles'!$G$18=$B$24,21,0),0)),0)</f>
        <v>6.1240604158833118</v>
      </c>
      <c r="E2308" cm="1">
        <f t="array" ref="E2308">IFERROR(INDEX(Jesper!AI$2:AI$366,ROUNDDOWN($C2308/24,0)+1,1)*INDEX($D$3:$AA$30,INDEX(Jesper!$R$2:$R$366,ROW(INDEX(Jesper!AI$2:AI$366,ROUNDDOWN($C2308/24,0)+1,1))-1)+IF('Standard Profiles'!$G$19=$B$10,7,0)+IF('Standard Profiles'!$G$19=$B$17,14,0)+IF('Standard Profiles'!$G$19=$B$24,21,0),MOD($C2308,24)+1)/SUM(INDEX($D$3:$AA$30,INDEX(Jesper!$R$2:$R$366,ROW(INDEX(Jesper!AI$2:AI$366,ROUNDDOWN($C2308/24,0)+1,1))-1)+IF('Standard Profiles'!$G$19=$B$10,7,0)+IF('Standard Profiles'!$G$19=$B$17,14,0)+IF('Standard Profiles'!$G$19=$B$24,21,0),0)),0)</f>
        <v>7.4106957702099114</v>
      </c>
      <c r="F2308" cm="1">
        <f t="array" ref="F2308">IFERROR(INDEX(Jesper!AJ$2:AJ$366,ROUNDDOWN($C2308/24,0)+1,1)*INDEX($D$3:$AA$30,INDEX(Jesper!$R$2:$R$366,ROW(INDEX(Jesper!AJ$2:AJ$366,ROUNDDOWN($C2308/24,0)+1,1))-1)+IF('Standard Profiles'!$G$20=$B$10,7,0)+IF('Standard Profiles'!$G$20=$B$17,14,0)+IF('Standard Profiles'!$G$20=$B$24,21,0),MOD($C2308,24)+1)/SUM(INDEX($D$3:$AA$30,INDEX(Jesper!$R$2:$R$366,ROW(INDEX(Jesper!AJ$2:AJ$366,ROUNDDOWN($C2308/24,0)+1,1))-1)+IF('Standard Profiles'!$G$20=$B$10,7,0)+IF('Standard Profiles'!$G$20=$B$17,14,0)+IF('Standard Profiles'!$G$20=$B$24,21,0),0)),0)</f>
        <v>0</v>
      </c>
      <c r="G2308" cm="1">
        <f t="array" ref="G2308">IFERROR(INDEX(Jesper!AK$2:AK$366,ROUNDDOWN($C2308/24,0)+1,1)*INDEX($D$3:$AA$30,INDEX(Jesper!$R$2:$R$366,ROW(INDEX(Jesper!AK$2:AK$366,ROUNDDOWN($C2308/24,0)+1,1))-1)+IF('Standard Profiles'!$G$21=$B$10,7,0)+IF('Standard Profiles'!$G$21=$B$17,14,0)+IF('Standard Profiles'!$G$21=$B$24,21,0),MOD($C2308,24)+1)/SUM(INDEX($D$3:$AA$30,INDEX(Jesper!$R$2:$R$366,ROW(INDEX(Jesper!AK$2:AK$366,ROUNDDOWN($C2308/24,0)+1,1))-1)+IF('Standard Profiles'!$G$21=$B$10,7,0)+IF('Standard Profiles'!$G$21=$B$17,14,0)+IF('Standard Profiles'!$G$21=$B$24,21,0),0)),0)</f>
        <v>9.5124869038077726</v>
      </c>
      <c r="H2308" cm="1">
        <f t="array" ref="H2308">IFERROR(INDEX(Jesper!AL$2:AL$366,ROUNDDOWN($C2308/24,0)+1,1)*INDEX($D$3:$AA$30,INDEX(Jesper!$R$2:$R$366,ROW(INDEX(Jesper!AL$2:AL$366,ROUNDDOWN($C2308/24,0)+1,1))-1)+IF('Standard Profiles'!$G$22=$B$10,7,0)+IF('Standard Profiles'!$G$22=$B$17,14,0)+IF('Standard Profiles'!$G$22=$B$24,21,0),MOD($C2308,24)+1)/SUM(INDEX($D$3:$AA$30,INDEX(Jesper!$R$2:$R$366,ROW(INDEX(Jesper!AL$2:AL$366,ROUNDDOWN($C2308/24,0)+1,1))-1)+IF('Standard Profiles'!$G$22=$B$10,7,0)+IF('Standard Profiles'!$G$22=$B$17,14,0)+IF('Standard Profiles'!$G$22=$B$24,21,0),0)),0)</f>
        <v>0</v>
      </c>
      <c r="I2308">
        <f t="shared" si="265"/>
        <v>4.5659937138277282</v>
      </c>
      <c r="J2308">
        <f t="shared" si="266"/>
        <v>17.501399709531938</v>
      </c>
      <c r="K2308">
        <f t="shared" si="267"/>
        <v>0.65323311102755333</v>
      </c>
      <c r="L2308">
        <f t="shared" si="268"/>
        <v>0.32661655551377666</v>
      </c>
      <c r="M2308">
        <f t="shared" si="269"/>
        <v>0</v>
      </c>
      <c r="N2308" s="45">
        <f t="shared" si="270"/>
        <v>45021.749999994485</v>
      </c>
    </row>
    <row r="2309" spans="2:14" x14ac:dyDescent="0.25">
      <c r="B2309">
        <f t="shared" si="264"/>
        <v>3</v>
      </c>
      <c r="C2309" s="16">
        <v>2275</v>
      </c>
      <c r="D2309" cm="1">
        <f t="array" ref="D2309">IFERROR(INDEX(Jesper!AH$2:AH$366,ROUNDDOWN($C2309/24,0)+1,1)*INDEX($D$3:$AA$30,INDEX(Jesper!$R$2:$R$366,ROW(INDEX(Jesper!AH$2:AH$366,ROUNDDOWN($C2309/24,0)+1,1))-1)+IF('Standard Profiles'!$G$18=$B$10,7,0)+IF('Standard Profiles'!$G$18=$B$17,14,0)+IF('Standard Profiles'!$G$18=$B$24,21,0),MOD($C2309,24)+1)/SUM(INDEX($D$3:$AA$30,INDEX(Jesper!$R$2:$R$366,ROW(INDEX(Jesper!AH$2:AH$366,ROUNDDOWN($C2309/24,0)+1,1))-1)+IF('Standard Profiles'!$G$18=$B$10,7,0)+IF('Standard Profiles'!$G$18=$B$17,14,0)+IF('Standard Profiles'!$G$18=$B$24,21,0),0)),0)</f>
        <v>6.1240604158833118</v>
      </c>
      <c r="E2309" cm="1">
        <f t="array" ref="E2309">IFERROR(INDEX(Jesper!AI$2:AI$366,ROUNDDOWN($C2309/24,0)+1,1)*INDEX($D$3:$AA$30,INDEX(Jesper!$R$2:$R$366,ROW(INDEX(Jesper!AI$2:AI$366,ROUNDDOWN($C2309/24,0)+1,1))-1)+IF('Standard Profiles'!$G$19=$B$10,7,0)+IF('Standard Profiles'!$G$19=$B$17,14,0)+IF('Standard Profiles'!$G$19=$B$24,21,0),MOD($C2309,24)+1)/SUM(INDEX($D$3:$AA$30,INDEX(Jesper!$R$2:$R$366,ROW(INDEX(Jesper!AI$2:AI$366,ROUNDDOWN($C2309/24,0)+1,1))-1)+IF('Standard Profiles'!$G$19=$B$10,7,0)+IF('Standard Profiles'!$G$19=$B$17,14,0)+IF('Standard Profiles'!$G$19=$B$24,21,0),0)),0)</f>
        <v>7.4106957702099114</v>
      </c>
      <c r="F2309" cm="1">
        <f t="array" ref="F2309">IFERROR(INDEX(Jesper!AJ$2:AJ$366,ROUNDDOWN($C2309/24,0)+1,1)*INDEX($D$3:$AA$30,INDEX(Jesper!$R$2:$R$366,ROW(INDEX(Jesper!AJ$2:AJ$366,ROUNDDOWN($C2309/24,0)+1,1))-1)+IF('Standard Profiles'!$G$20=$B$10,7,0)+IF('Standard Profiles'!$G$20=$B$17,14,0)+IF('Standard Profiles'!$G$20=$B$24,21,0),MOD($C2309,24)+1)/SUM(INDEX($D$3:$AA$30,INDEX(Jesper!$R$2:$R$366,ROW(INDEX(Jesper!AJ$2:AJ$366,ROUNDDOWN($C2309/24,0)+1,1))-1)+IF('Standard Profiles'!$G$20=$B$10,7,0)+IF('Standard Profiles'!$G$20=$B$17,14,0)+IF('Standard Profiles'!$G$20=$B$24,21,0),0)),0)</f>
        <v>0</v>
      </c>
      <c r="G2309" cm="1">
        <f t="array" ref="G2309">IFERROR(INDEX(Jesper!AK$2:AK$366,ROUNDDOWN($C2309/24,0)+1,1)*INDEX($D$3:$AA$30,INDEX(Jesper!$R$2:$R$366,ROW(INDEX(Jesper!AK$2:AK$366,ROUNDDOWN($C2309/24,0)+1,1))-1)+IF('Standard Profiles'!$G$21=$B$10,7,0)+IF('Standard Profiles'!$G$21=$B$17,14,0)+IF('Standard Profiles'!$G$21=$B$24,21,0),MOD($C2309,24)+1)/SUM(INDEX($D$3:$AA$30,INDEX(Jesper!$R$2:$R$366,ROW(INDEX(Jesper!AK$2:AK$366,ROUNDDOWN($C2309/24,0)+1,1))-1)+IF('Standard Profiles'!$G$21=$B$10,7,0)+IF('Standard Profiles'!$G$21=$B$17,14,0)+IF('Standard Profiles'!$G$21=$B$24,21,0),0)),0)</f>
        <v>9.5124869038077726</v>
      </c>
      <c r="H2309" cm="1">
        <f t="array" ref="H2309">IFERROR(INDEX(Jesper!AL$2:AL$366,ROUNDDOWN($C2309/24,0)+1,1)*INDEX($D$3:$AA$30,INDEX(Jesper!$R$2:$R$366,ROW(INDEX(Jesper!AL$2:AL$366,ROUNDDOWN($C2309/24,0)+1,1))-1)+IF('Standard Profiles'!$G$22=$B$10,7,0)+IF('Standard Profiles'!$G$22=$B$17,14,0)+IF('Standard Profiles'!$G$22=$B$24,21,0),MOD($C2309,24)+1)/SUM(INDEX($D$3:$AA$30,INDEX(Jesper!$R$2:$R$366,ROW(INDEX(Jesper!AL$2:AL$366,ROUNDDOWN($C2309/24,0)+1,1))-1)+IF('Standard Profiles'!$G$22=$B$10,7,0)+IF('Standard Profiles'!$G$22=$B$17,14,0)+IF('Standard Profiles'!$G$22=$B$24,21,0),0)),0)</f>
        <v>0</v>
      </c>
      <c r="I2309">
        <f t="shared" si="265"/>
        <v>4.5659937138277282</v>
      </c>
      <c r="J2309">
        <f t="shared" si="266"/>
        <v>17.501399709531938</v>
      </c>
      <c r="K2309">
        <f t="shared" si="267"/>
        <v>0.65323311102755333</v>
      </c>
      <c r="L2309">
        <f t="shared" si="268"/>
        <v>0.32661655551377666</v>
      </c>
      <c r="M2309">
        <f t="shared" si="269"/>
        <v>0</v>
      </c>
      <c r="N2309" s="45">
        <f t="shared" si="270"/>
        <v>45021.791666661149</v>
      </c>
    </row>
    <row r="2310" spans="2:14" x14ac:dyDescent="0.25">
      <c r="B2310">
        <f t="shared" si="264"/>
        <v>3</v>
      </c>
      <c r="C2310" s="16">
        <v>2276</v>
      </c>
      <c r="D2310" cm="1">
        <f t="array" ref="D2310">IFERROR(INDEX(Jesper!AH$2:AH$366,ROUNDDOWN($C2310/24,0)+1,1)*INDEX($D$3:$AA$30,INDEX(Jesper!$R$2:$R$366,ROW(INDEX(Jesper!AH$2:AH$366,ROUNDDOWN($C2310/24,0)+1,1))-1)+IF('Standard Profiles'!$G$18=$B$10,7,0)+IF('Standard Profiles'!$G$18=$B$17,14,0)+IF('Standard Profiles'!$G$18=$B$24,21,0),MOD($C2310,24)+1)/SUM(INDEX($D$3:$AA$30,INDEX(Jesper!$R$2:$R$366,ROW(INDEX(Jesper!AH$2:AH$366,ROUNDDOWN($C2310/24,0)+1,1))-1)+IF('Standard Profiles'!$G$18=$B$10,7,0)+IF('Standard Profiles'!$G$18=$B$17,14,0)+IF('Standard Profiles'!$G$18=$B$24,21,0),0)),0)</f>
        <v>6.1240604158833118</v>
      </c>
      <c r="E2310" cm="1">
        <f t="array" ref="E2310">IFERROR(INDEX(Jesper!AI$2:AI$366,ROUNDDOWN($C2310/24,0)+1,1)*INDEX($D$3:$AA$30,INDEX(Jesper!$R$2:$R$366,ROW(INDEX(Jesper!AI$2:AI$366,ROUNDDOWN($C2310/24,0)+1,1))-1)+IF('Standard Profiles'!$G$19=$B$10,7,0)+IF('Standard Profiles'!$G$19=$B$17,14,0)+IF('Standard Profiles'!$G$19=$B$24,21,0),MOD($C2310,24)+1)/SUM(INDEX($D$3:$AA$30,INDEX(Jesper!$R$2:$R$366,ROW(INDEX(Jesper!AI$2:AI$366,ROUNDDOWN($C2310/24,0)+1,1))-1)+IF('Standard Profiles'!$G$19=$B$10,7,0)+IF('Standard Profiles'!$G$19=$B$17,14,0)+IF('Standard Profiles'!$G$19=$B$24,21,0),0)),0)</f>
        <v>7.4106957702099114</v>
      </c>
      <c r="F2310" cm="1">
        <f t="array" ref="F2310">IFERROR(INDEX(Jesper!AJ$2:AJ$366,ROUNDDOWN($C2310/24,0)+1,1)*INDEX($D$3:$AA$30,INDEX(Jesper!$R$2:$R$366,ROW(INDEX(Jesper!AJ$2:AJ$366,ROUNDDOWN($C2310/24,0)+1,1))-1)+IF('Standard Profiles'!$G$20=$B$10,7,0)+IF('Standard Profiles'!$G$20=$B$17,14,0)+IF('Standard Profiles'!$G$20=$B$24,21,0),MOD($C2310,24)+1)/SUM(INDEX($D$3:$AA$30,INDEX(Jesper!$R$2:$R$366,ROW(INDEX(Jesper!AJ$2:AJ$366,ROUNDDOWN($C2310/24,0)+1,1))-1)+IF('Standard Profiles'!$G$20=$B$10,7,0)+IF('Standard Profiles'!$G$20=$B$17,14,0)+IF('Standard Profiles'!$G$20=$B$24,21,0),0)),0)</f>
        <v>0</v>
      </c>
      <c r="G2310" cm="1">
        <f t="array" ref="G2310">IFERROR(INDEX(Jesper!AK$2:AK$366,ROUNDDOWN($C2310/24,0)+1,1)*INDEX($D$3:$AA$30,INDEX(Jesper!$R$2:$R$366,ROW(INDEX(Jesper!AK$2:AK$366,ROUNDDOWN($C2310/24,0)+1,1))-1)+IF('Standard Profiles'!$G$21=$B$10,7,0)+IF('Standard Profiles'!$G$21=$B$17,14,0)+IF('Standard Profiles'!$G$21=$B$24,21,0),MOD($C2310,24)+1)/SUM(INDEX($D$3:$AA$30,INDEX(Jesper!$R$2:$R$366,ROW(INDEX(Jesper!AK$2:AK$366,ROUNDDOWN($C2310/24,0)+1,1))-1)+IF('Standard Profiles'!$G$21=$B$10,7,0)+IF('Standard Profiles'!$G$21=$B$17,14,0)+IF('Standard Profiles'!$G$21=$B$24,21,0),0)),0)</f>
        <v>9.5124869038077726</v>
      </c>
      <c r="H2310" cm="1">
        <f t="array" ref="H2310">IFERROR(INDEX(Jesper!AL$2:AL$366,ROUNDDOWN($C2310/24,0)+1,1)*INDEX($D$3:$AA$30,INDEX(Jesper!$R$2:$R$366,ROW(INDEX(Jesper!AL$2:AL$366,ROUNDDOWN($C2310/24,0)+1,1))-1)+IF('Standard Profiles'!$G$22=$B$10,7,0)+IF('Standard Profiles'!$G$22=$B$17,14,0)+IF('Standard Profiles'!$G$22=$B$24,21,0),MOD($C2310,24)+1)/SUM(INDEX($D$3:$AA$30,INDEX(Jesper!$R$2:$R$366,ROW(INDEX(Jesper!AL$2:AL$366,ROUNDDOWN($C2310/24,0)+1,1))-1)+IF('Standard Profiles'!$G$22=$B$10,7,0)+IF('Standard Profiles'!$G$22=$B$17,14,0)+IF('Standard Profiles'!$G$22=$B$24,21,0),0)),0)</f>
        <v>0</v>
      </c>
      <c r="I2310">
        <f t="shared" si="265"/>
        <v>4.5659937138277282</v>
      </c>
      <c r="J2310">
        <f t="shared" si="266"/>
        <v>17.501399709531938</v>
      </c>
      <c r="K2310">
        <f t="shared" si="267"/>
        <v>0.65323311102755333</v>
      </c>
      <c r="L2310">
        <f t="shared" si="268"/>
        <v>0.32661655551377666</v>
      </c>
      <c r="M2310">
        <f t="shared" si="269"/>
        <v>0</v>
      </c>
      <c r="N2310" s="45">
        <f t="shared" si="270"/>
        <v>45021.833333327813</v>
      </c>
    </row>
    <row r="2311" spans="2:14" x14ac:dyDescent="0.25">
      <c r="B2311">
        <f t="shared" si="264"/>
        <v>3</v>
      </c>
      <c r="C2311" s="16">
        <v>2277</v>
      </c>
      <c r="D2311" cm="1">
        <f t="array" ref="D2311">IFERROR(INDEX(Jesper!AH$2:AH$366,ROUNDDOWN($C2311/24,0)+1,1)*INDEX($D$3:$AA$30,INDEX(Jesper!$R$2:$R$366,ROW(INDEX(Jesper!AH$2:AH$366,ROUNDDOWN($C2311/24,0)+1,1))-1)+IF('Standard Profiles'!$G$18=$B$10,7,0)+IF('Standard Profiles'!$G$18=$B$17,14,0)+IF('Standard Profiles'!$G$18=$B$24,21,0),MOD($C2311,24)+1)/SUM(INDEX($D$3:$AA$30,INDEX(Jesper!$R$2:$R$366,ROW(INDEX(Jesper!AH$2:AH$366,ROUNDDOWN($C2311/24,0)+1,1))-1)+IF('Standard Profiles'!$G$18=$B$10,7,0)+IF('Standard Profiles'!$G$18=$B$17,14,0)+IF('Standard Profiles'!$G$18=$B$24,21,0),0)),0)</f>
        <v>6.1240604158833118</v>
      </c>
      <c r="E2311" cm="1">
        <f t="array" ref="E2311">IFERROR(INDEX(Jesper!AI$2:AI$366,ROUNDDOWN($C2311/24,0)+1,1)*INDEX($D$3:$AA$30,INDEX(Jesper!$R$2:$R$366,ROW(INDEX(Jesper!AI$2:AI$366,ROUNDDOWN($C2311/24,0)+1,1))-1)+IF('Standard Profiles'!$G$19=$B$10,7,0)+IF('Standard Profiles'!$G$19=$B$17,14,0)+IF('Standard Profiles'!$G$19=$B$24,21,0),MOD($C2311,24)+1)/SUM(INDEX($D$3:$AA$30,INDEX(Jesper!$R$2:$R$366,ROW(INDEX(Jesper!AI$2:AI$366,ROUNDDOWN($C2311/24,0)+1,1))-1)+IF('Standard Profiles'!$G$19=$B$10,7,0)+IF('Standard Profiles'!$G$19=$B$17,14,0)+IF('Standard Profiles'!$G$19=$B$24,21,0),0)),0)</f>
        <v>7.4106957702099114</v>
      </c>
      <c r="F2311" cm="1">
        <f t="array" ref="F2311">IFERROR(INDEX(Jesper!AJ$2:AJ$366,ROUNDDOWN($C2311/24,0)+1,1)*INDEX($D$3:$AA$30,INDEX(Jesper!$R$2:$R$366,ROW(INDEX(Jesper!AJ$2:AJ$366,ROUNDDOWN($C2311/24,0)+1,1))-1)+IF('Standard Profiles'!$G$20=$B$10,7,0)+IF('Standard Profiles'!$G$20=$B$17,14,0)+IF('Standard Profiles'!$G$20=$B$24,21,0),MOD($C2311,24)+1)/SUM(INDEX($D$3:$AA$30,INDEX(Jesper!$R$2:$R$366,ROW(INDEX(Jesper!AJ$2:AJ$366,ROUNDDOWN($C2311/24,0)+1,1))-1)+IF('Standard Profiles'!$G$20=$B$10,7,0)+IF('Standard Profiles'!$G$20=$B$17,14,0)+IF('Standard Profiles'!$G$20=$B$24,21,0),0)),0)</f>
        <v>0</v>
      </c>
      <c r="G2311" cm="1">
        <f t="array" ref="G2311">IFERROR(INDEX(Jesper!AK$2:AK$366,ROUNDDOWN($C2311/24,0)+1,1)*INDEX($D$3:$AA$30,INDEX(Jesper!$R$2:$R$366,ROW(INDEX(Jesper!AK$2:AK$366,ROUNDDOWN($C2311/24,0)+1,1))-1)+IF('Standard Profiles'!$G$21=$B$10,7,0)+IF('Standard Profiles'!$G$21=$B$17,14,0)+IF('Standard Profiles'!$G$21=$B$24,21,0),MOD($C2311,24)+1)/SUM(INDEX($D$3:$AA$30,INDEX(Jesper!$R$2:$R$366,ROW(INDEX(Jesper!AK$2:AK$366,ROUNDDOWN($C2311/24,0)+1,1))-1)+IF('Standard Profiles'!$G$21=$B$10,7,0)+IF('Standard Profiles'!$G$21=$B$17,14,0)+IF('Standard Profiles'!$G$21=$B$24,21,0),0)),0)</f>
        <v>9.5124869038077726</v>
      </c>
      <c r="H2311" cm="1">
        <f t="array" ref="H2311">IFERROR(INDEX(Jesper!AL$2:AL$366,ROUNDDOWN($C2311/24,0)+1,1)*INDEX($D$3:$AA$30,INDEX(Jesper!$R$2:$R$366,ROW(INDEX(Jesper!AL$2:AL$366,ROUNDDOWN($C2311/24,0)+1,1))-1)+IF('Standard Profiles'!$G$22=$B$10,7,0)+IF('Standard Profiles'!$G$22=$B$17,14,0)+IF('Standard Profiles'!$G$22=$B$24,21,0),MOD($C2311,24)+1)/SUM(INDEX($D$3:$AA$30,INDEX(Jesper!$R$2:$R$366,ROW(INDEX(Jesper!AL$2:AL$366,ROUNDDOWN($C2311/24,0)+1,1))-1)+IF('Standard Profiles'!$G$22=$B$10,7,0)+IF('Standard Profiles'!$G$22=$B$17,14,0)+IF('Standard Profiles'!$G$22=$B$24,21,0),0)),0)</f>
        <v>0</v>
      </c>
      <c r="I2311">
        <f t="shared" si="265"/>
        <v>4.5659937138277282</v>
      </c>
      <c r="J2311">
        <f t="shared" si="266"/>
        <v>17.501399709531938</v>
      </c>
      <c r="K2311">
        <f t="shared" si="267"/>
        <v>0.65323311102755333</v>
      </c>
      <c r="L2311">
        <f t="shared" si="268"/>
        <v>0.32661655551377666</v>
      </c>
      <c r="M2311">
        <f t="shared" si="269"/>
        <v>0</v>
      </c>
      <c r="N2311" s="45">
        <f t="shared" si="270"/>
        <v>45021.874999994478</v>
      </c>
    </row>
    <row r="2312" spans="2:14" x14ac:dyDescent="0.25">
      <c r="B2312">
        <f t="shared" si="264"/>
        <v>3</v>
      </c>
      <c r="C2312" s="16">
        <v>2278</v>
      </c>
      <c r="D2312" cm="1">
        <f t="array" ref="D2312">IFERROR(INDEX(Jesper!AH$2:AH$366,ROUNDDOWN($C2312/24,0)+1,1)*INDEX($D$3:$AA$30,INDEX(Jesper!$R$2:$R$366,ROW(INDEX(Jesper!AH$2:AH$366,ROUNDDOWN($C2312/24,0)+1,1))-1)+IF('Standard Profiles'!$G$18=$B$10,7,0)+IF('Standard Profiles'!$G$18=$B$17,14,0)+IF('Standard Profiles'!$G$18=$B$24,21,0),MOD($C2312,24)+1)/SUM(INDEX($D$3:$AA$30,INDEX(Jesper!$R$2:$R$366,ROW(INDEX(Jesper!AH$2:AH$366,ROUNDDOWN($C2312/24,0)+1,1))-1)+IF('Standard Profiles'!$G$18=$B$10,7,0)+IF('Standard Profiles'!$G$18=$B$17,14,0)+IF('Standard Profiles'!$G$18=$B$24,21,0),0)),0)</f>
        <v>6.1240604158833118</v>
      </c>
      <c r="E2312" cm="1">
        <f t="array" ref="E2312">IFERROR(INDEX(Jesper!AI$2:AI$366,ROUNDDOWN($C2312/24,0)+1,1)*INDEX($D$3:$AA$30,INDEX(Jesper!$R$2:$R$366,ROW(INDEX(Jesper!AI$2:AI$366,ROUNDDOWN($C2312/24,0)+1,1))-1)+IF('Standard Profiles'!$G$19=$B$10,7,0)+IF('Standard Profiles'!$G$19=$B$17,14,0)+IF('Standard Profiles'!$G$19=$B$24,21,0),MOD($C2312,24)+1)/SUM(INDEX($D$3:$AA$30,INDEX(Jesper!$R$2:$R$366,ROW(INDEX(Jesper!AI$2:AI$366,ROUNDDOWN($C2312/24,0)+1,1))-1)+IF('Standard Profiles'!$G$19=$B$10,7,0)+IF('Standard Profiles'!$G$19=$B$17,14,0)+IF('Standard Profiles'!$G$19=$B$24,21,0),0)),0)</f>
        <v>7.4106957702099114</v>
      </c>
      <c r="F2312" cm="1">
        <f t="array" ref="F2312">IFERROR(INDEX(Jesper!AJ$2:AJ$366,ROUNDDOWN($C2312/24,0)+1,1)*INDEX($D$3:$AA$30,INDEX(Jesper!$R$2:$R$366,ROW(INDEX(Jesper!AJ$2:AJ$366,ROUNDDOWN($C2312/24,0)+1,1))-1)+IF('Standard Profiles'!$G$20=$B$10,7,0)+IF('Standard Profiles'!$G$20=$B$17,14,0)+IF('Standard Profiles'!$G$20=$B$24,21,0),MOD($C2312,24)+1)/SUM(INDEX($D$3:$AA$30,INDEX(Jesper!$R$2:$R$366,ROW(INDEX(Jesper!AJ$2:AJ$366,ROUNDDOWN($C2312/24,0)+1,1))-1)+IF('Standard Profiles'!$G$20=$B$10,7,0)+IF('Standard Profiles'!$G$20=$B$17,14,0)+IF('Standard Profiles'!$G$20=$B$24,21,0),0)),0)</f>
        <v>0</v>
      </c>
      <c r="G2312" cm="1">
        <f t="array" ref="G2312">IFERROR(INDEX(Jesper!AK$2:AK$366,ROUNDDOWN($C2312/24,0)+1,1)*INDEX($D$3:$AA$30,INDEX(Jesper!$R$2:$R$366,ROW(INDEX(Jesper!AK$2:AK$366,ROUNDDOWN($C2312/24,0)+1,1))-1)+IF('Standard Profiles'!$G$21=$B$10,7,0)+IF('Standard Profiles'!$G$21=$B$17,14,0)+IF('Standard Profiles'!$G$21=$B$24,21,0),MOD($C2312,24)+1)/SUM(INDEX($D$3:$AA$30,INDEX(Jesper!$R$2:$R$366,ROW(INDEX(Jesper!AK$2:AK$366,ROUNDDOWN($C2312/24,0)+1,1))-1)+IF('Standard Profiles'!$G$21=$B$10,7,0)+IF('Standard Profiles'!$G$21=$B$17,14,0)+IF('Standard Profiles'!$G$21=$B$24,21,0),0)),0)</f>
        <v>9.5124869038077726</v>
      </c>
      <c r="H2312" cm="1">
        <f t="array" ref="H2312">IFERROR(INDEX(Jesper!AL$2:AL$366,ROUNDDOWN($C2312/24,0)+1,1)*INDEX($D$3:$AA$30,INDEX(Jesper!$R$2:$R$366,ROW(INDEX(Jesper!AL$2:AL$366,ROUNDDOWN($C2312/24,0)+1,1))-1)+IF('Standard Profiles'!$G$22=$B$10,7,0)+IF('Standard Profiles'!$G$22=$B$17,14,0)+IF('Standard Profiles'!$G$22=$B$24,21,0),MOD($C2312,24)+1)/SUM(INDEX($D$3:$AA$30,INDEX(Jesper!$R$2:$R$366,ROW(INDEX(Jesper!AL$2:AL$366,ROUNDDOWN($C2312/24,0)+1,1))-1)+IF('Standard Profiles'!$G$22=$B$10,7,0)+IF('Standard Profiles'!$G$22=$B$17,14,0)+IF('Standard Profiles'!$G$22=$B$24,21,0),0)),0)</f>
        <v>0</v>
      </c>
      <c r="I2312">
        <f t="shared" si="265"/>
        <v>4.5659937138277282</v>
      </c>
      <c r="J2312">
        <f t="shared" si="266"/>
        <v>17.501399709531938</v>
      </c>
      <c r="K2312">
        <f t="shared" si="267"/>
        <v>0.65323311102755333</v>
      </c>
      <c r="L2312">
        <f t="shared" si="268"/>
        <v>0.32661655551377666</v>
      </c>
      <c r="M2312">
        <f t="shared" si="269"/>
        <v>0</v>
      </c>
      <c r="N2312" s="45">
        <f t="shared" si="270"/>
        <v>45021.916666661142</v>
      </c>
    </row>
    <row r="2313" spans="2:14" x14ac:dyDescent="0.25">
      <c r="B2313">
        <f t="shared" si="264"/>
        <v>3</v>
      </c>
      <c r="C2313" s="16">
        <v>2279</v>
      </c>
      <c r="D2313" cm="1">
        <f t="array" ref="D2313">IFERROR(INDEX(Jesper!AH$2:AH$366,ROUNDDOWN($C2313/24,0)+1,1)*INDEX($D$3:$AA$30,INDEX(Jesper!$R$2:$R$366,ROW(INDEX(Jesper!AH$2:AH$366,ROUNDDOWN($C2313/24,0)+1,1))-1)+IF('Standard Profiles'!$G$18=$B$10,7,0)+IF('Standard Profiles'!$G$18=$B$17,14,0)+IF('Standard Profiles'!$G$18=$B$24,21,0),MOD($C2313,24)+1)/SUM(INDEX($D$3:$AA$30,INDEX(Jesper!$R$2:$R$366,ROW(INDEX(Jesper!AH$2:AH$366,ROUNDDOWN($C2313/24,0)+1,1))-1)+IF('Standard Profiles'!$G$18=$B$10,7,0)+IF('Standard Profiles'!$G$18=$B$17,14,0)+IF('Standard Profiles'!$G$18=$B$24,21,0),0)),0)</f>
        <v>6.1240604158833118</v>
      </c>
      <c r="E2313" cm="1">
        <f t="array" ref="E2313">IFERROR(INDEX(Jesper!AI$2:AI$366,ROUNDDOWN($C2313/24,0)+1,1)*INDEX($D$3:$AA$30,INDEX(Jesper!$R$2:$R$366,ROW(INDEX(Jesper!AI$2:AI$366,ROUNDDOWN($C2313/24,0)+1,1))-1)+IF('Standard Profiles'!$G$19=$B$10,7,0)+IF('Standard Profiles'!$G$19=$B$17,14,0)+IF('Standard Profiles'!$G$19=$B$24,21,0),MOD($C2313,24)+1)/SUM(INDEX($D$3:$AA$30,INDEX(Jesper!$R$2:$R$366,ROW(INDEX(Jesper!AI$2:AI$366,ROUNDDOWN($C2313/24,0)+1,1))-1)+IF('Standard Profiles'!$G$19=$B$10,7,0)+IF('Standard Profiles'!$G$19=$B$17,14,0)+IF('Standard Profiles'!$G$19=$B$24,21,0),0)),0)</f>
        <v>7.4106957702099114</v>
      </c>
      <c r="F2313" cm="1">
        <f t="array" ref="F2313">IFERROR(INDEX(Jesper!AJ$2:AJ$366,ROUNDDOWN($C2313/24,0)+1,1)*INDEX($D$3:$AA$30,INDEX(Jesper!$R$2:$R$366,ROW(INDEX(Jesper!AJ$2:AJ$366,ROUNDDOWN($C2313/24,0)+1,1))-1)+IF('Standard Profiles'!$G$20=$B$10,7,0)+IF('Standard Profiles'!$G$20=$B$17,14,0)+IF('Standard Profiles'!$G$20=$B$24,21,0),MOD($C2313,24)+1)/SUM(INDEX($D$3:$AA$30,INDEX(Jesper!$R$2:$R$366,ROW(INDEX(Jesper!AJ$2:AJ$366,ROUNDDOWN($C2313/24,0)+1,1))-1)+IF('Standard Profiles'!$G$20=$B$10,7,0)+IF('Standard Profiles'!$G$20=$B$17,14,0)+IF('Standard Profiles'!$G$20=$B$24,21,0),0)),0)</f>
        <v>0</v>
      </c>
      <c r="G2313" cm="1">
        <f t="array" ref="G2313">IFERROR(INDEX(Jesper!AK$2:AK$366,ROUNDDOWN($C2313/24,0)+1,1)*INDEX($D$3:$AA$30,INDEX(Jesper!$R$2:$R$366,ROW(INDEX(Jesper!AK$2:AK$366,ROUNDDOWN($C2313/24,0)+1,1))-1)+IF('Standard Profiles'!$G$21=$B$10,7,0)+IF('Standard Profiles'!$G$21=$B$17,14,0)+IF('Standard Profiles'!$G$21=$B$24,21,0),MOD($C2313,24)+1)/SUM(INDEX($D$3:$AA$30,INDEX(Jesper!$R$2:$R$366,ROW(INDEX(Jesper!AK$2:AK$366,ROUNDDOWN($C2313/24,0)+1,1))-1)+IF('Standard Profiles'!$G$21=$B$10,7,0)+IF('Standard Profiles'!$G$21=$B$17,14,0)+IF('Standard Profiles'!$G$21=$B$24,21,0),0)),0)</f>
        <v>9.5124869038077726</v>
      </c>
      <c r="H2313" cm="1">
        <f t="array" ref="H2313">IFERROR(INDEX(Jesper!AL$2:AL$366,ROUNDDOWN($C2313/24,0)+1,1)*INDEX($D$3:$AA$30,INDEX(Jesper!$R$2:$R$366,ROW(INDEX(Jesper!AL$2:AL$366,ROUNDDOWN($C2313/24,0)+1,1))-1)+IF('Standard Profiles'!$G$22=$B$10,7,0)+IF('Standard Profiles'!$G$22=$B$17,14,0)+IF('Standard Profiles'!$G$22=$B$24,21,0),MOD($C2313,24)+1)/SUM(INDEX($D$3:$AA$30,INDEX(Jesper!$R$2:$R$366,ROW(INDEX(Jesper!AL$2:AL$366,ROUNDDOWN($C2313/24,0)+1,1))-1)+IF('Standard Profiles'!$G$22=$B$10,7,0)+IF('Standard Profiles'!$G$22=$B$17,14,0)+IF('Standard Profiles'!$G$22=$B$24,21,0),0)),0)</f>
        <v>0</v>
      </c>
      <c r="I2313">
        <f t="shared" si="265"/>
        <v>4.5659937138277282</v>
      </c>
      <c r="J2313">
        <f t="shared" si="266"/>
        <v>17.501399709531938</v>
      </c>
      <c r="K2313">
        <f t="shared" si="267"/>
        <v>0.65323311102755333</v>
      </c>
      <c r="L2313">
        <f t="shared" si="268"/>
        <v>0.32661655551377666</v>
      </c>
      <c r="M2313">
        <f t="shared" si="269"/>
        <v>0</v>
      </c>
      <c r="N2313" s="45">
        <f t="shared" si="270"/>
        <v>45021.958333327806</v>
      </c>
    </row>
    <row r="2314" spans="2:14" x14ac:dyDescent="0.25">
      <c r="B2314">
        <f t="shared" si="264"/>
        <v>4</v>
      </c>
      <c r="C2314" s="16">
        <v>2280</v>
      </c>
      <c r="D2314" cm="1">
        <f t="array" ref="D2314">IFERROR(INDEX(Jesper!AH$2:AH$366,ROUNDDOWN($C2314/24,0)+1,1)*INDEX($D$3:$AA$30,INDEX(Jesper!$R$2:$R$366,ROW(INDEX(Jesper!AH$2:AH$366,ROUNDDOWN($C2314/24,0)+1,1))-1)+IF('Standard Profiles'!$G$18=$B$10,7,0)+IF('Standard Profiles'!$G$18=$B$17,14,0)+IF('Standard Profiles'!$G$18=$B$24,21,0),MOD($C2314,24)+1)/SUM(INDEX($D$3:$AA$30,INDEX(Jesper!$R$2:$R$366,ROW(INDEX(Jesper!AH$2:AH$366,ROUNDDOWN($C2314/24,0)+1,1))-1)+IF('Standard Profiles'!$G$18=$B$10,7,0)+IF('Standard Profiles'!$G$18=$B$17,14,0)+IF('Standard Profiles'!$G$18=$B$24,21,0),0)),0)</f>
        <v>6.0106775587633958</v>
      </c>
      <c r="E2314" cm="1">
        <f t="array" ref="E2314">IFERROR(INDEX(Jesper!AI$2:AI$366,ROUNDDOWN($C2314/24,0)+1,1)*INDEX($D$3:$AA$30,INDEX(Jesper!$R$2:$R$366,ROW(INDEX(Jesper!AI$2:AI$366,ROUNDDOWN($C2314/24,0)+1,1))-1)+IF('Standard Profiles'!$G$19=$B$10,7,0)+IF('Standard Profiles'!$G$19=$B$17,14,0)+IF('Standard Profiles'!$G$19=$B$24,21,0),MOD($C2314,24)+1)/SUM(INDEX($D$3:$AA$30,INDEX(Jesper!$R$2:$R$366,ROW(INDEX(Jesper!AI$2:AI$366,ROUNDDOWN($C2314/24,0)+1,1))-1)+IF('Standard Profiles'!$G$19=$B$10,7,0)+IF('Standard Profiles'!$G$19=$B$17,14,0)+IF('Standard Profiles'!$G$19=$B$24,21,0),0)),0)</f>
        <v>6.4717275177824458</v>
      </c>
      <c r="F2314" cm="1">
        <f t="array" ref="F2314">IFERROR(INDEX(Jesper!AJ$2:AJ$366,ROUNDDOWN($C2314/24,0)+1,1)*INDEX($D$3:$AA$30,INDEX(Jesper!$R$2:$R$366,ROW(INDEX(Jesper!AJ$2:AJ$366,ROUNDDOWN($C2314/24,0)+1,1))-1)+IF('Standard Profiles'!$G$20=$B$10,7,0)+IF('Standard Profiles'!$G$20=$B$17,14,0)+IF('Standard Profiles'!$G$20=$B$24,21,0),MOD($C2314,24)+1)/SUM(INDEX($D$3:$AA$30,INDEX(Jesper!$R$2:$R$366,ROW(INDEX(Jesper!AJ$2:AJ$366,ROUNDDOWN($C2314/24,0)+1,1))-1)+IF('Standard Profiles'!$G$20=$B$10,7,0)+IF('Standard Profiles'!$G$20=$B$17,14,0)+IF('Standard Profiles'!$G$20=$B$24,21,0),0)),0)</f>
        <v>0</v>
      </c>
      <c r="G2314" cm="1">
        <f t="array" ref="G2314">IFERROR(INDEX(Jesper!AK$2:AK$366,ROUNDDOWN($C2314/24,0)+1,1)*INDEX($D$3:$AA$30,INDEX(Jesper!$R$2:$R$366,ROW(INDEX(Jesper!AK$2:AK$366,ROUNDDOWN($C2314/24,0)+1,1))-1)+IF('Standard Profiles'!$G$21=$B$10,7,0)+IF('Standard Profiles'!$G$21=$B$17,14,0)+IF('Standard Profiles'!$G$21=$B$24,21,0),MOD($C2314,24)+1)/SUM(INDEX($D$3:$AA$30,INDEX(Jesper!$R$2:$R$366,ROW(INDEX(Jesper!AK$2:AK$366,ROUNDDOWN($C2314/24,0)+1,1))-1)+IF('Standard Profiles'!$G$21=$B$10,7,0)+IF('Standard Profiles'!$G$21=$B$17,14,0)+IF('Standard Profiles'!$G$21=$B$24,21,0),0)),0)</f>
        <v>7.0827608190858165</v>
      </c>
      <c r="H2314" cm="1">
        <f t="array" ref="H2314">IFERROR(INDEX(Jesper!AL$2:AL$366,ROUNDDOWN($C2314/24,0)+1,1)*INDEX($D$3:$AA$30,INDEX(Jesper!$R$2:$R$366,ROW(INDEX(Jesper!AL$2:AL$366,ROUNDDOWN($C2314/24,0)+1,1))-1)+IF('Standard Profiles'!$G$22=$B$10,7,0)+IF('Standard Profiles'!$G$22=$B$17,14,0)+IF('Standard Profiles'!$G$22=$B$24,21,0),MOD($C2314,24)+1)/SUM(INDEX($D$3:$AA$30,INDEX(Jesper!$R$2:$R$366,ROW(INDEX(Jesper!AL$2:AL$366,ROUNDDOWN($C2314/24,0)+1,1))-1)+IF('Standard Profiles'!$G$22=$B$10,7,0)+IF('Standard Profiles'!$G$22=$B$17,14,0)+IF('Standard Profiles'!$G$22=$B$24,21,0),0)),0)</f>
        <v>0</v>
      </c>
      <c r="I2314">
        <f t="shared" si="265"/>
        <v>3.3997251931611903</v>
      </c>
      <c r="J2314">
        <f t="shared" si="266"/>
        <v>15.203732293068326</v>
      </c>
      <c r="K2314">
        <f t="shared" si="267"/>
        <v>0.64113893960142898</v>
      </c>
      <c r="L2314">
        <f t="shared" si="268"/>
        <v>0.32056946980071449</v>
      </c>
      <c r="M2314">
        <f t="shared" si="269"/>
        <v>0</v>
      </c>
      <c r="N2314" s="45">
        <f t="shared" si="270"/>
        <v>45021.99999999447</v>
      </c>
    </row>
    <row r="2315" spans="2:14" x14ac:dyDescent="0.25">
      <c r="B2315">
        <f t="shared" si="264"/>
        <v>4</v>
      </c>
      <c r="C2315" s="16">
        <v>2281</v>
      </c>
      <c r="D2315" cm="1">
        <f t="array" ref="D2315">IFERROR(INDEX(Jesper!AH$2:AH$366,ROUNDDOWN($C2315/24,0)+1,1)*INDEX($D$3:$AA$30,INDEX(Jesper!$R$2:$R$366,ROW(INDEX(Jesper!AH$2:AH$366,ROUNDDOWN($C2315/24,0)+1,1))-1)+IF('Standard Profiles'!$G$18=$B$10,7,0)+IF('Standard Profiles'!$G$18=$B$17,14,0)+IF('Standard Profiles'!$G$18=$B$24,21,0),MOD($C2315,24)+1)/SUM(INDEX($D$3:$AA$30,INDEX(Jesper!$R$2:$R$366,ROW(INDEX(Jesper!AH$2:AH$366,ROUNDDOWN($C2315/24,0)+1,1))-1)+IF('Standard Profiles'!$G$18=$B$10,7,0)+IF('Standard Profiles'!$G$18=$B$17,14,0)+IF('Standard Profiles'!$G$18=$B$24,21,0),0)),0)</f>
        <v>6.0106775587633958</v>
      </c>
      <c r="E2315" cm="1">
        <f t="array" ref="E2315">IFERROR(INDEX(Jesper!AI$2:AI$366,ROUNDDOWN($C2315/24,0)+1,1)*INDEX($D$3:$AA$30,INDEX(Jesper!$R$2:$R$366,ROW(INDEX(Jesper!AI$2:AI$366,ROUNDDOWN($C2315/24,0)+1,1))-1)+IF('Standard Profiles'!$G$19=$B$10,7,0)+IF('Standard Profiles'!$G$19=$B$17,14,0)+IF('Standard Profiles'!$G$19=$B$24,21,0),MOD($C2315,24)+1)/SUM(INDEX($D$3:$AA$30,INDEX(Jesper!$R$2:$R$366,ROW(INDEX(Jesper!AI$2:AI$366,ROUNDDOWN($C2315/24,0)+1,1))-1)+IF('Standard Profiles'!$G$19=$B$10,7,0)+IF('Standard Profiles'!$G$19=$B$17,14,0)+IF('Standard Profiles'!$G$19=$B$24,21,0),0)),0)</f>
        <v>6.4717275177824458</v>
      </c>
      <c r="F2315" cm="1">
        <f t="array" ref="F2315">IFERROR(INDEX(Jesper!AJ$2:AJ$366,ROUNDDOWN($C2315/24,0)+1,1)*INDEX($D$3:$AA$30,INDEX(Jesper!$R$2:$R$366,ROW(INDEX(Jesper!AJ$2:AJ$366,ROUNDDOWN($C2315/24,0)+1,1))-1)+IF('Standard Profiles'!$G$20=$B$10,7,0)+IF('Standard Profiles'!$G$20=$B$17,14,0)+IF('Standard Profiles'!$G$20=$B$24,21,0),MOD($C2315,24)+1)/SUM(INDEX($D$3:$AA$30,INDEX(Jesper!$R$2:$R$366,ROW(INDEX(Jesper!AJ$2:AJ$366,ROUNDDOWN($C2315/24,0)+1,1))-1)+IF('Standard Profiles'!$G$20=$B$10,7,0)+IF('Standard Profiles'!$G$20=$B$17,14,0)+IF('Standard Profiles'!$G$20=$B$24,21,0),0)),0)</f>
        <v>0</v>
      </c>
      <c r="G2315" cm="1">
        <f t="array" ref="G2315">IFERROR(INDEX(Jesper!AK$2:AK$366,ROUNDDOWN($C2315/24,0)+1,1)*INDEX($D$3:$AA$30,INDEX(Jesper!$R$2:$R$366,ROW(INDEX(Jesper!AK$2:AK$366,ROUNDDOWN($C2315/24,0)+1,1))-1)+IF('Standard Profiles'!$G$21=$B$10,7,0)+IF('Standard Profiles'!$G$21=$B$17,14,0)+IF('Standard Profiles'!$G$21=$B$24,21,0),MOD($C2315,24)+1)/SUM(INDEX($D$3:$AA$30,INDEX(Jesper!$R$2:$R$366,ROW(INDEX(Jesper!AK$2:AK$366,ROUNDDOWN($C2315/24,0)+1,1))-1)+IF('Standard Profiles'!$G$21=$B$10,7,0)+IF('Standard Profiles'!$G$21=$B$17,14,0)+IF('Standard Profiles'!$G$21=$B$24,21,0),0)),0)</f>
        <v>7.0827608190858165</v>
      </c>
      <c r="H2315" cm="1">
        <f t="array" ref="H2315">IFERROR(INDEX(Jesper!AL$2:AL$366,ROUNDDOWN($C2315/24,0)+1,1)*INDEX($D$3:$AA$30,INDEX(Jesper!$R$2:$R$366,ROW(INDEX(Jesper!AL$2:AL$366,ROUNDDOWN($C2315/24,0)+1,1))-1)+IF('Standard Profiles'!$G$22=$B$10,7,0)+IF('Standard Profiles'!$G$22=$B$17,14,0)+IF('Standard Profiles'!$G$22=$B$24,21,0),MOD($C2315,24)+1)/SUM(INDEX($D$3:$AA$30,INDEX(Jesper!$R$2:$R$366,ROW(INDEX(Jesper!AL$2:AL$366,ROUNDDOWN($C2315/24,0)+1,1))-1)+IF('Standard Profiles'!$G$22=$B$10,7,0)+IF('Standard Profiles'!$G$22=$B$17,14,0)+IF('Standard Profiles'!$G$22=$B$24,21,0),0)),0)</f>
        <v>0</v>
      </c>
      <c r="I2315">
        <f t="shared" si="265"/>
        <v>3.3997251931611903</v>
      </c>
      <c r="J2315">
        <f t="shared" si="266"/>
        <v>15.203732293068326</v>
      </c>
      <c r="K2315">
        <f t="shared" si="267"/>
        <v>0.64113893960142898</v>
      </c>
      <c r="L2315">
        <f t="shared" si="268"/>
        <v>0.32056946980071449</v>
      </c>
      <c r="M2315">
        <f t="shared" si="269"/>
        <v>0</v>
      </c>
      <c r="N2315" s="45">
        <f t="shared" si="270"/>
        <v>45022.041666661135</v>
      </c>
    </row>
    <row r="2316" spans="2:14" x14ac:dyDescent="0.25">
      <c r="B2316">
        <f t="shared" si="264"/>
        <v>4</v>
      </c>
      <c r="C2316" s="16">
        <v>2282</v>
      </c>
      <c r="D2316" cm="1">
        <f t="array" ref="D2316">IFERROR(INDEX(Jesper!AH$2:AH$366,ROUNDDOWN($C2316/24,0)+1,1)*INDEX($D$3:$AA$30,INDEX(Jesper!$R$2:$R$366,ROW(INDEX(Jesper!AH$2:AH$366,ROUNDDOWN($C2316/24,0)+1,1))-1)+IF('Standard Profiles'!$G$18=$B$10,7,0)+IF('Standard Profiles'!$G$18=$B$17,14,0)+IF('Standard Profiles'!$G$18=$B$24,21,0),MOD($C2316,24)+1)/SUM(INDEX($D$3:$AA$30,INDEX(Jesper!$R$2:$R$366,ROW(INDEX(Jesper!AH$2:AH$366,ROUNDDOWN($C2316/24,0)+1,1))-1)+IF('Standard Profiles'!$G$18=$B$10,7,0)+IF('Standard Profiles'!$G$18=$B$17,14,0)+IF('Standard Profiles'!$G$18=$B$24,21,0),0)),0)</f>
        <v>6.0106775587633958</v>
      </c>
      <c r="E2316" cm="1">
        <f t="array" ref="E2316">IFERROR(INDEX(Jesper!AI$2:AI$366,ROUNDDOWN($C2316/24,0)+1,1)*INDEX($D$3:$AA$30,INDEX(Jesper!$R$2:$R$366,ROW(INDEX(Jesper!AI$2:AI$366,ROUNDDOWN($C2316/24,0)+1,1))-1)+IF('Standard Profiles'!$G$19=$B$10,7,0)+IF('Standard Profiles'!$G$19=$B$17,14,0)+IF('Standard Profiles'!$G$19=$B$24,21,0),MOD($C2316,24)+1)/SUM(INDEX($D$3:$AA$30,INDEX(Jesper!$R$2:$R$366,ROW(INDEX(Jesper!AI$2:AI$366,ROUNDDOWN($C2316/24,0)+1,1))-1)+IF('Standard Profiles'!$G$19=$B$10,7,0)+IF('Standard Profiles'!$G$19=$B$17,14,0)+IF('Standard Profiles'!$G$19=$B$24,21,0),0)),0)</f>
        <v>6.4717275177824458</v>
      </c>
      <c r="F2316" cm="1">
        <f t="array" ref="F2316">IFERROR(INDEX(Jesper!AJ$2:AJ$366,ROUNDDOWN($C2316/24,0)+1,1)*INDEX($D$3:$AA$30,INDEX(Jesper!$R$2:$R$366,ROW(INDEX(Jesper!AJ$2:AJ$366,ROUNDDOWN($C2316/24,0)+1,1))-1)+IF('Standard Profiles'!$G$20=$B$10,7,0)+IF('Standard Profiles'!$G$20=$B$17,14,0)+IF('Standard Profiles'!$G$20=$B$24,21,0),MOD($C2316,24)+1)/SUM(INDEX($D$3:$AA$30,INDEX(Jesper!$R$2:$R$366,ROW(INDEX(Jesper!AJ$2:AJ$366,ROUNDDOWN($C2316/24,0)+1,1))-1)+IF('Standard Profiles'!$G$20=$B$10,7,0)+IF('Standard Profiles'!$G$20=$B$17,14,0)+IF('Standard Profiles'!$G$20=$B$24,21,0),0)),0)</f>
        <v>0</v>
      </c>
      <c r="G2316" cm="1">
        <f t="array" ref="G2316">IFERROR(INDEX(Jesper!AK$2:AK$366,ROUNDDOWN($C2316/24,0)+1,1)*INDEX($D$3:$AA$30,INDEX(Jesper!$R$2:$R$366,ROW(INDEX(Jesper!AK$2:AK$366,ROUNDDOWN($C2316/24,0)+1,1))-1)+IF('Standard Profiles'!$G$21=$B$10,7,0)+IF('Standard Profiles'!$G$21=$B$17,14,0)+IF('Standard Profiles'!$G$21=$B$24,21,0),MOD($C2316,24)+1)/SUM(INDEX($D$3:$AA$30,INDEX(Jesper!$R$2:$R$366,ROW(INDEX(Jesper!AK$2:AK$366,ROUNDDOWN($C2316/24,0)+1,1))-1)+IF('Standard Profiles'!$G$21=$B$10,7,0)+IF('Standard Profiles'!$G$21=$B$17,14,0)+IF('Standard Profiles'!$G$21=$B$24,21,0),0)),0)</f>
        <v>7.0827608190858165</v>
      </c>
      <c r="H2316" cm="1">
        <f t="array" ref="H2316">IFERROR(INDEX(Jesper!AL$2:AL$366,ROUNDDOWN($C2316/24,0)+1,1)*INDEX($D$3:$AA$30,INDEX(Jesper!$R$2:$R$366,ROW(INDEX(Jesper!AL$2:AL$366,ROUNDDOWN($C2316/24,0)+1,1))-1)+IF('Standard Profiles'!$G$22=$B$10,7,0)+IF('Standard Profiles'!$G$22=$B$17,14,0)+IF('Standard Profiles'!$G$22=$B$24,21,0),MOD($C2316,24)+1)/SUM(INDEX($D$3:$AA$30,INDEX(Jesper!$R$2:$R$366,ROW(INDEX(Jesper!AL$2:AL$366,ROUNDDOWN($C2316/24,0)+1,1))-1)+IF('Standard Profiles'!$G$22=$B$10,7,0)+IF('Standard Profiles'!$G$22=$B$17,14,0)+IF('Standard Profiles'!$G$22=$B$24,21,0),0)),0)</f>
        <v>0</v>
      </c>
      <c r="I2316">
        <f t="shared" si="265"/>
        <v>3.3997251931611903</v>
      </c>
      <c r="J2316">
        <f t="shared" si="266"/>
        <v>15.203732293068326</v>
      </c>
      <c r="K2316">
        <f t="shared" si="267"/>
        <v>0.64113893960142898</v>
      </c>
      <c r="L2316">
        <f t="shared" si="268"/>
        <v>0.32056946980071449</v>
      </c>
      <c r="M2316">
        <f t="shared" si="269"/>
        <v>0</v>
      </c>
      <c r="N2316" s="45">
        <f t="shared" si="270"/>
        <v>45022.083333327799</v>
      </c>
    </row>
    <row r="2317" spans="2:14" x14ac:dyDescent="0.25">
      <c r="B2317">
        <f t="shared" si="264"/>
        <v>4</v>
      </c>
      <c r="C2317" s="16">
        <v>2283</v>
      </c>
      <c r="D2317" cm="1">
        <f t="array" ref="D2317">IFERROR(INDEX(Jesper!AH$2:AH$366,ROUNDDOWN($C2317/24,0)+1,1)*INDEX($D$3:$AA$30,INDEX(Jesper!$R$2:$R$366,ROW(INDEX(Jesper!AH$2:AH$366,ROUNDDOWN($C2317/24,0)+1,1))-1)+IF('Standard Profiles'!$G$18=$B$10,7,0)+IF('Standard Profiles'!$G$18=$B$17,14,0)+IF('Standard Profiles'!$G$18=$B$24,21,0),MOD($C2317,24)+1)/SUM(INDEX($D$3:$AA$30,INDEX(Jesper!$R$2:$R$366,ROW(INDEX(Jesper!AH$2:AH$366,ROUNDDOWN($C2317/24,0)+1,1))-1)+IF('Standard Profiles'!$G$18=$B$10,7,0)+IF('Standard Profiles'!$G$18=$B$17,14,0)+IF('Standard Profiles'!$G$18=$B$24,21,0),0)),0)</f>
        <v>6.0106775587633958</v>
      </c>
      <c r="E2317" cm="1">
        <f t="array" ref="E2317">IFERROR(INDEX(Jesper!AI$2:AI$366,ROUNDDOWN($C2317/24,0)+1,1)*INDEX($D$3:$AA$30,INDEX(Jesper!$R$2:$R$366,ROW(INDEX(Jesper!AI$2:AI$366,ROUNDDOWN($C2317/24,0)+1,1))-1)+IF('Standard Profiles'!$G$19=$B$10,7,0)+IF('Standard Profiles'!$G$19=$B$17,14,0)+IF('Standard Profiles'!$G$19=$B$24,21,0),MOD($C2317,24)+1)/SUM(INDEX($D$3:$AA$30,INDEX(Jesper!$R$2:$R$366,ROW(INDEX(Jesper!AI$2:AI$366,ROUNDDOWN($C2317/24,0)+1,1))-1)+IF('Standard Profiles'!$G$19=$B$10,7,0)+IF('Standard Profiles'!$G$19=$B$17,14,0)+IF('Standard Profiles'!$G$19=$B$24,21,0),0)),0)</f>
        <v>6.4717275177824458</v>
      </c>
      <c r="F2317" cm="1">
        <f t="array" ref="F2317">IFERROR(INDEX(Jesper!AJ$2:AJ$366,ROUNDDOWN($C2317/24,0)+1,1)*INDEX($D$3:$AA$30,INDEX(Jesper!$R$2:$R$366,ROW(INDEX(Jesper!AJ$2:AJ$366,ROUNDDOWN($C2317/24,0)+1,1))-1)+IF('Standard Profiles'!$G$20=$B$10,7,0)+IF('Standard Profiles'!$G$20=$B$17,14,0)+IF('Standard Profiles'!$G$20=$B$24,21,0),MOD($C2317,24)+1)/SUM(INDEX($D$3:$AA$30,INDEX(Jesper!$R$2:$R$366,ROW(INDEX(Jesper!AJ$2:AJ$366,ROUNDDOWN($C2317/24,0)+1,1))-1)+IF('Standard Profiles'!$G$20=$B$10,7,0)+IF('Standard Profiles'!$G$20=$B$17,14,0)+IF('Standard Profiles'!$G$20=$B$24,21,0),0)),0)</f>
        <v>0</v>
      </c>
      <c r="G2317" cm="1">
        <f t="array" ref="G2317">IFERROR(INDEX(Jesper!AK$2:AK$366,ROUNDDOWN($C2317/24,0)+1,1)*INDEX($D$3:$AA$30,INDEX(Jesper!$R$2:$R$366,ROW(INDEX(Jesper!AK$2:AK$366,ROUNDDOWN($C2317/24,0)+1,1))-1)+IF('Standard Profiles'!$G$21=$B$10,7,0)+IF('Standard Profiles'!$G$21=$B$17,14,0)+IF('Standard Profiles'!$G$21=$B$24,21,0),MOD($C2317,24)+1)/SUM(INDEX($D$3:$AA$30,INDEX(Jesper!$R$2:$R$366,ROW(INDEX(Jesper!AK$2:AK$366,ROUNDDOWN($C2317/24,0)+1,1))-1)+IF('Standard Profiles'!$G$21=$B$10,7,0)+IF('Standard Profiles'!$G$21=$B$17,14,0)+IF('Standard Profiles'!$G$21=$B$24,21,0),0)),0)</f>
        <v>7.0827608190858165</v>
      </c>
      <c r="H2317" cm="1">
        <f t="array" ref="H2317">IFERROR(INDEX(Jesper!AL$2:AL$366,ROUNDDOWN($C2317/24,0)+1,1)*INDEX($D$3:$AA$30,INDEX(Jesper!$R$2:$R$366,ROW(INDEX(Jesper!AL$2:AL$366,ROUNDDOWN($C2317/24,0)+1,1))-1)+IF('Standard Profiles'!$G$22=$B$10,7,0)+IF('Standard Profiles'!$G$22=$B$17,14,0)+IF('Standard Profiles'!$G$22=$B$24,21,0),MOD($C2317,24)+1)/SUM(INDEX($D$3:$AA$30,INDEX(Jesper!$R$2:$R$366,ROW(INDEX(Jesper!AL$2:AL$366,ROUNDDOWN($C2317/24,0)+1,1))-1)+IF('Standard Profiles'!$G$22=$B$10,7,0)+IF('Standard Profiles'!$G$22=$B$17,14,0)+IF('Standard Profiles'!$G$22=$B$24,21,0),0)),0)</f>
        <v>0</v>
      </c>
      <c r="I2317">
        <f t="shared" si="265"/>
        <v>3.3997251931611903</v>
      </c>
      <c r="J2317">
        <f t="shared" si="266"/>
        <v>15.203732293068326</v>
      </c>
      <c r="K2317">
        <f t="shared" si="267"/>
        <v>0.64113893960142898</v>
      </c>
      <c r="L2317">
        <f t="shared" si="268"/>
        <v>0.32056946980071449</v>
      </c>
      <c r="M2317">
        <f t="shared" si="269"/>
        <v>0</v>
      </c>
      <c r="N2317" s="45">
        <f t="shared" si="270"/>
        <v>45022.124999994463</v>
      </c>
    </row>
    <row r="2318" spans="2:14" x14ac:dyDescent="0.25">
      <c r="B2318">
        <f t="shared" si="264"/>
        <v>4</v>
      </c>
      <c r="C2318" s="16">
        <v>2284</v>
      </c>
      <c r="D2318" cm="1">
        <f t="array" ref="D2318">IFERROR(INDEX(Jesper!AH$2:AH$366,ROUNDDOWN($C2318/24,0)+1,1)*INDEX($D$3:$AA$30,INDEX(Jesper!$R$2:$R$366,ROW(INDEX(Jesper!AH$2:AH$366,ROUNDDOWN($C2318/24,0)+1,1))-1)+IF('Standard Profiles'!$G$18=$B$10,7,0)+IF('Standard Profiles'!$G$18=$B$17,14,0)+IF('Standard Profiles'!$G$18=$B$24,21,0),MOD($C2318,24)+1)/SUM(INDEX($D$3:$AA$30,INDEX(Jesper!$R$2:$R$366,ROW(INDEX(Jesper!AH$2:AH$366,ROUNDDOWN($C2318/24,0)+1,1))-1)+IF('Standard Profiles'!$G$18=$B$10,7,0)+IF('Standard Profiles'!$G$18=$B$17,14,0)+IF('Standard Profiles'!$G$18=$B$24,21,0),0)),0)</f>
        <v>6.0106775587633958</v>
      </c>
      <c r="E2318" cm="1">
        <f t="array" ref="E2318">IFERROR(INDEX(Jesper!AI$2:AI$366,ROUNDDOWN($C2318/24,0)+1,1)*INDEX($D$3:$AA$30,INDEX(Jesper!$R$2:$R$366,ROW(INDEX(Jesper!AI$2:AI$366,ROUNDDOWN($C2318/24,0)+1,1))-1)+IF('Standard Profiles'!$G$19=$B$10,7,0)+IF('Standard Profiles'!$G$19=$B$17,14,0)+IF('Standard Profiles'!$G$19=$B$24,21,0),MOD($C2318,24)+1)/SUM(INDEX($D$3:$AA$30,INDEX(Jesper!$R$2:$R$366,ROW(INDEX(Jesper!AI$2:AI$366,ROUNDDOWN($C2318/24,0)+1,1))-1)+IF('Standard Profiles'!$G$19=$B$10,7,0)+IF('Standard Profiles'!$G$19=$B$17,14,0)+IF('Standard Profiles'!$G$19=$B$24,21,0),0)),0)</f>
        <v>6.4717275177824458</v>
      </c>
      <c r="F2318" cm="1">
        <f t="array" ref="F2318">IFERROR(INDEX(Jesper!AJ$2:AJ$366,ROUNDDOWN($C2318/24,0)+1,1)*INDEX($D$3:$AA$30,INDEX(Jesper!$R$2:$R$366,ROW(INDEX(Jesper!AJ$2:AJ$366,ROUNDDOWN($C2318/24,0)+1,1))-1)+IF('Standard Profiles'!$G$20=$B$10,7,0)+IF('Standard Profiles'!$G$20=$B$17,14,0)+IF('Standard Profiles'!$G$20=$B$24,21,0),MOD($C2318,24)+1)/SUM(INDEX($D$3:$AA$30,INDEX(Jesper!$R$2:$R$366,ROW(INDEX(Jesper!AJ$2:AJ$366,ROUNDDOWN($C2318/24,0)+1,1))-1)+IF('Standard Profiles'!$G$20=$B$10,7,0)+IF('Standard Profiles'!$G$20=$B$17,14,0)+IF('Standard Profiles'!$G$20=$B$24,21,0),0)),0)</f>
        <v>0</v>
      </c>
      <c r="G2318" cm="1">
        <f t="array" ref="G2318">IFERROR(INDEX(Jesper!AK$2:AK$366,ROUNDDOWN($C2318/24,0)+1,1)*INDEX($D$3:$AA$30,INDEX(Jesper!$R$2:$R$366,ROW(INDEX(Jesper!AK$2:AK$366,ROUNDDOWN($C2318/24,0)+1,1))-1)+IF('Standard Profiles'!$G$21=$B$10,7,0)+IF('Standard Profiles'!$G$21=$B$17,14,0)+IF('Standard Profiles'!$G$21=$B$24,21,0),MOD($C2318,24)+1)/SUM(INDEX($D$3:$AA$30,INDEX(Jesper!$R$2:$R$366,ROW(INDEX(Jesper!AK$2:AK$366,ROUNDDOWN($C2318/24,0)+1,1))-1)+IF('Standard Profiles'!$G$21=$B$10,7,0)+IF('Standard Profiles'!$G$21=$B$17,14,0)+IF('Standard Profiles'!$G$21=$B$24,21,0),0)),0)</f>
        <v>7.0827608190858165</v>
      </c>
      <c r="H2318" cm="1">
        <f t="array" ref="H2318">IFERROR(INDEX(Jesper!AL$2:AL$366,ROUNDDOWN($C2318/24,0)+1,1)*INDEX($D$3:$AA$30,INDEX(Jesper!$R$2:$R$366,ROW(INDEX(Jesper!AL$2:AL$366,ROUNDDOWN($C2318/24,0)+1,1))-1)+IF('Standard Profiles'!$G$22=$B$10,7,0)+IF('Standard Profiles'!$G$22=$B$17,14,0)+IF('Standard Profiles'!$G$22=$B$24,21,0),MOD($C2318,24)+1)/SUM(INDEX($D$3:$AA$30,INDEX(Jesper!$R$2:$R$366,ROW(INDEX(Jesper!AL$2:AL$366,ROUNDDOWN($C2318/24,0)+1,1))-1)+IF('Standard Profiles'!$G$22=$B$10,7,0)+IF('Standard Profiles'!$G$22=$B$17,14,0)+IF('Standard Profiles'!$G$22=$B$24,21,0),0)),0)</f>
        <v>0</v>
      </c>
      <c r="I2318">
        <f t="shared" si="265"/>
        <v>3.3997251931611903</v>
      </c>
      <c r="J2318">
        <f t="shared" si="266"/>
        <v>15.203732293068326</v>
      </c>
      <c r="K2318">
        <f t="shared" si="267"/>
        <v>0.64113893960142898</v>
      </c>
      <c r="L2318">
        <f t="shared" si="268"/>
        <v>0.32056946980071449</v>
      </c>
      <c r="M2318">
        <f t="shared" si="269"/>
        <v>0</v>
      </c>
      <c r="N2318" s="45">
        <f t="shared" si="270"/>
        <v>45022.166666661127</v>
      </c>
    </row>
    <row r="2319" spans="2:14" x14ac:dyDescent="0.25">
      <c r="B2319">
        <f t="shared" si="264"/>
        <v>4</v>
      </c>
      <c r="C2319" s="16">
        <v>2285</v>
      </c>
      <c r="D2319" cm="1">
        <f t="array" ref="D2319">IFERROR(INDEX(Jesper!AH$2:AH$366,ROUNDDOWN($C2319/24,0)+1,1)*INDEX($D$3:$AA$30,INDEX(Jesper!$R$2:$R$366,ROW(INDEX(Jesper!AH$2:AH$366,ROUNDDOWN($C2319/24,0)+1,1))-1)+IF('Standard Profiles'!$G$18=$B$10,7,0)+IF('Standard Profiles'!$G$18=$B$17,14,0)+IF('Standard Profiles'!$G$18=$B$24,21,0),MOD($C2319,24)+1)/SUM(INDEX($D$3:$AA$30,INDEX(Jesper!$R$2:$R$366,ROW(INDEX(Jesper!AH$2:AH$366,ROUNDDOWN($C2319/24,0)+1,1))-1)+IF('Standard Profiles'!$G$18=$B$10,7,0)+IF('Standard Profiles'!$G$18=$B$17,14,0)+IF('Standard Profiles'!$G$18=$B$24,21,0),0)),0)</f>
        <v>6.0106775587633958</v>
      </c>
      <c r="E2319" cm="1">
        <f t="array" ref="E2319">IFERROR(INDEX(Jesper!AI$2:AI$366,ROUNDDOWN($C2319/24,0)+1,1)*INDEX($D$3:$AA$30,INDEX(Jesper!$R$2:$R$366,ROW(INDEX(Jesper!AI$2:AI$366,ROUNDDOWN($C2319/24,0)+1,1))-1)+IF('Standard Profiles'!$G$19=$B$10,7,0)+IF('Standard Profiles'!$G$19=$B$17,14,0)+IF('Standard Profiles'!$G$19=$B$24,21,0),MOD($C2319,24)+1)/SUM(INDEX($D$3:$AA$30,INDEX(Jesper!$R$2:$R$366,ROW(INDEX(Jesper!AI$2:AI$366,ROUNDDOWN($C2319/24,0)+1,1))-1)+IF('Standard Profiles'!$G$19=$B$10,7,0)+IF('Standard Profiles'!$G$19=$B$17,14,0)+IF('Standard Profiles'!$G$19=$B$24,21,0),0)),0)</f>
        <v>6.4717275177824458</v>
      </c>
      <c r="F2319" cm="1">
        <f t="array" ref="F2319">IFERROR(INDEX(Jesper!AJ$2:AJ$366,ROUNDDOWN($C2319/24,0)+1,1)*INDEX($D$3:$AA$30,INDEX(Jesper!$R$2:$R$366,ROW(INDEX(Jesper!AJ$2:AJ$366,ROUNDDOWN($C2319/24,0)+1,1))-1)+IF('Standard Profiles'!$G$20=$B$10,7,0)+IF('Standard Profiles'!$G$20=$B$17,14,0)+IF('Standard Profiles'!$G$20=$B$24,21,0),MOD($C2319,24)+1)/SUM(INDEX($D$3:$AA$30,INDEX(Jesper!$R$2:$R$366,ROW(INDEX(Jesper!AJ$2:AJ$366,ROUNDDOWN($C2319/24,0)+1,1))-1)+IF('Standard Profiles'!$G$20=$B$10,7,0)+IF('Standard Profiles'!$G$20=$B$17,14,0)+IF('Standard Profiles'!$G$20=$B$24,21,0),0)),0)</f>
        <v>0</v>
      </c>
      <c r="G2319" cm="1">
        <f t="array" ref="G2319">IFERROR(INDEX(Jesper!AK$2:AK$366,ROUNDDOWN($C2319/24,0)+1,1)*INDEX($D$3:$AA$30,INDEX(Jesper!$R$2:$R$366,ROW(INDEX(Jesper!AK$2:AK$366,ROUNDDOWN($C2319/24,0)+1,1))-1)+IF('Standard Profiles'!$G$21=$B$10,7,0)+IF('Standard Profiles'!$G$21=$B$17,14,0)+IF('Standard Profiles'!$G$21=$B$24,21,0),MOD($C2319,24)+1)/SUM(INDEX($D$3:$AA$30,INDEX(Jesper!$R$2:$R$366,ROW(INDEX(Jesper!AK$2:AK$366,ROUNDDOWN($C2319/24,0)+1,1))-1)+IF('Standard Profiles'!$G$21=$B$10,7,0)+IF('Standard Profiles'!$G$21=$B$17,14,0)+IF('Standard Profiles'!$G$21=$B$24,21,0),0)),0)</f>
        <v>7.0827608190858165</v>
      </c>
      <c r="H2319" cm="1">
        <f t="array" ref="H2319">IFERROR(INDEX(Jesper!AL$2:AL$366,ROUNDDOWN($C2319/24,0)+1,1)*INDEX($D$3:$AA$30,INDEX(Jesper!$R$2:$R$366,ROW(INDEX(Jesper!AL$2:AL$366,ROUNDDOWN($C2319/24,0)+1,1))-1)+IF('Standard Profiles'!$G$22=$B$10,7,0)+IF('Standard Profiles'!$G$22=$B$17,14,0)+IF('Standard Profiles'!$G$22=$B$24,21,0),MOD($C2319,24)+1)/SUM(INDEX($D$3:$AA$30,INDEX(Jesper!$R$2:$R$366,ROW(INDEX(Jesper!AL$2:AL$366,ROUNDDOWN($C2319/24,0)+1,1))-1)+IF('Standard Profiles'!$G$22=$B$10,7,0)+IF('Standard Profiles'!$G$22=$B$17,14,0)+IF('Standard Profiles'!$G$22=$B$24,21,0),0)),0)</f>
        <v>0</v>
      </c>
      <c r="I2319">
        <f t="shared" si="265"/>
        <v>3.3997251931611903</v>
      </c>
      <c r="J2319">
        <f t="shared" si="266"/>
        <v>15.203732293068326</v>
      </c>
      <c r="K2319">
        <f t="shared" si="267"/>
        <v>0.64113893960142898</v>
      </c>
      <c r="L2319">
        <f t="shared" si="268"/>
        <v>0.32056946980071449</v>
      </c>
      <c r="M2319">
        <f t="shared" si="269"/>
        <v>0</v>
      </c>
      <c r="N2319" s="45">
        <f t="shared" si="270"/>
        <v>45022.208333327791</v>
      </c>
    </row>
    <row r="2320" spans="2:14" x14ac:dyDescent="0.25">
      <c r="B2320">
        <f t="shared" si="264"/>
        <v>4</v>
      </c>
      <c r="C2320" s="16">
        <v>2286</v>
      </c>
      <c r="D2320" cm="1">
        <f t="array" ref="D2320">IFERROR(INDEX(Jesper!AH$2:AH$366,ROUNDDOWN($C2320/24,0)+1,1)*INDEX($D$3:$AA$30,INDEX(Jesper!$R$2:$R$366,ROW(INDEX(Jesper!AH$2:AH$366,ROUNDDOWN($C2320/24,0)+1,1))-1)+IF('Standard Profiles'!$G$18=$B$10,7,0)+IF('Standard Profiles'!$G$18=$B$17,14,0)+IF('Standard Profiles'!$G$18=$B$24,21,0),MOD($C2320,24)+1)/SUM(INDEX($D$3:$AA$30,INDEX(Jesper!$R$2:$R$366,ROW(INDEX(Jesper!AH$2:AH$366,ROUNDDOWN($C2320/24,0)+1,1))-1)+IF('Standard Profiles'!$G$18=$B$10,7,0)+IF('Standard Profiles'!$G$18=$B$17,14,0)+IF('Standard Profiles'!$G$18=$B$24,21,0),0)),0)</f>
        <v>6.0106775587633958</v>
      </c>
      <c r="E2320" cm="1">
        <f t="array" ref="E2320">IFERROR(INDEX(Jesper!AI$2:AI$366,ROUNDDOWN($C2320/24,0)+1,1)*INDEX($D$3:$AA$30,INDEX(Jesper!$R$2:$R$366,ROW(INDEX(Jesper!AI$2:AI$366,ROUNDDOWN($C2320/24,0)+1,1))-1)+IF('Standard Profiles'!$G$19=$B$10,7,0)+IF('Standard Profiles'!$G$19=$B$17,14,0)+IF('Standard Profiles'!$G$19=$B$24,21,0),MOD($C2320,24)+1)/SUM(INDEX($D$3:$AA$30,INDEX(Jesper!$R$2:$R$366,ROW(INDEX(Jesper!AI$2:AI$366,ROUNDDOWN($C2320/24,0)+1,1))-1)+IF('Standard Profiles'!$G$19=$B$10,7,0)+IF('Standard Profiles'!$G$19=$B$17,14,0)+IF('Standard Profiles'!$G$19=$B$24,21,0),0)),0)</f>
        <v>6.4717275177824458</v>
      </c>
      <c r="F2320" cm="1">
        <f t="array" ref="F2320">IFERROR(INDEX(Jesper!AJ$2:AJ$366,ROUNDDOWN($C2320/24,0)+1,1)*INDEX($D$3:$AA$30,INDEX(Jesper!$R$2:$R$366,ROW(INDEX(Jesper!AJ$2:AJ$366,ROUNDDOWN($C2320/24,0)+1,1))-1)+IF('Standard Profiles'!$G$20=$B$10,7,0)+IF('Standard Profiles'!$G$20=$B$17,14,0)+IF('Standard Profiles'!$G$20=$B$24,21,0),MOD($C2320,24)+1)/SUM(INDEX($D$3:$AA$30,INDEX(Jesper!$R$2:$R$366,ROW(INDEX(Jesper!AJ$2:AJ$366,ROUNDDOWN($C2320/24,0)+1,1))-1)+IF('Standard Profiles'!$G$20=$B$10,7,0)+IF('Standard Profiles'!$G$20=$B$17,14,0)+IF('Standard Profiles'!$G$20=$B$24,21,0),0)),0)</f>
        <v>0</v>
      </c>
      <c r="G2320" cm="1">
        <f t="array" ref="G2320">IFERROR(INDEX(Jesper!AK$2:AK$366,ROUNDDOWN($C2320/24,0)+1,1)*INDEX($D$3:$AA$30,INDEX(Jesper!$R$2:$R$366,ROW(INDEX(Jesper!AK$2:AK$366,ROUNDDOWN($C2320/24,0)+1,1))-1)+IF('Standard Profiles'!$G$21=$B$10,7,0)+IF('Standard Profiles'!$G$21=$B$17,14,0)+IF('Standard Profiles'!$G$21=$B$24,21,0),MOD($C2320,24)+1)/SUM(INDEX($D$3:$AA$30,INDEX(Jesper!$R$2:$R$366,ROW(INDEX(Jesper!AK$2:AK$366,ROUNDDOWN($C2320/24,0)+1,1))-1)+IF('Standard Profiles'!$G$21=$B$10,7,0)+IF('Standard Profiles'!$G$21=$B$17,14,0)+IF('Standard Profiles'!$G$21=$B$24,21,0),0)),0)</f>
        <v>7.0827608190858165</v>
      </c>
      <c r="H2320" cm="1">
        <f t="array" ref="H2320">IFERROR(INDEX(Jesper!AL$2:AL$366,ROUNDDOWN($C2320/24,0)+1,1)*INDEX($D$3:$AA$30,INDEX(Jesper!$R$2:$R$366,ROW(INDEX(Jesper!AL$2:AL$366,ROUNDDOWN($C2320/24,0)+1,1))-1)+IF('Standard Profiles'!$G$22=$B$10,7,0)+IF('Standard Profiles'!$G$22=$B$17,14,0)+IF('Standard Profiles'!$G$22=$B$24,21,0),MOD($C2320,24)+1)/SUM(INDEX($D$3:$AA$30,INDEX(Jesper!$R$2:$R$366,ROW(INDEX(Jesper!AL$2:AL$366,ROUNDDOWN($C2320/24,0)+1,1))-1)+IF('Standard Profiles'!$G$22=$B$10,7,0)+IF('Standard Profiles'!$G$22=$B$17,14,0)+IF('Standard Profiles'!$G$22=$B$24,21,0),0)),0)</f>
        <v>0</v>
      </c>
      <c r="I2320">
        <f t="shared" si="265"/>
        <v>3.3997251931611903</v>
      </c>
      <c r="J2320">
        <f t="shared" si="266"/>
        <v>15.203732293068326</v>
      </c>
      <c r="K2320">
        <f t="shared" si="267"/>
        <v>0.64113893960142898</v>
      </c>
      <c r="L2320">
        <f t="shared" si="268"/>
        <v>0.32056946980071449</v>
      </c>
      <c r="M2320">
        <f t="shared" si="269"/>
        <v>0</v>
      </c>
      <c r="N2320" s="45">
        <f t="shared" si="270"/>
        <v>45022.249999994456</v>
      </c>
    </row>
    <row r="2321" spans="2:14" x14ac:dyDescent="0.25">
      <c r="B2321">
        <f t="shared" si="264"/>
        <v>4</v>
      </c>
      <c r="C2321" s="16">
        <v>2287</v>
      </c>
      <c r="D2321" cm="1">
        <f t="array" ref="D2321">IFERROR(INDEX(Jesper!AH$2:AH$366,ROUNDDOWN($C2321/24,0)+1,1)*INDEX($D$3:$AA$30,INDEX(Jesper!$R$2:$R$366,ROW(INDEX(Jesper!AH$2:AH$366,ROUNDDOWN($C2321/24,0)+1,1))-1)+IF('Standard Profiles'!$G$18=$B$10,7,0)+IF('Standard Profiles'!$G$18=$B$17,14,0)+IF('Standard Profiles'!$G$18=$B$24,21,0),MOD($C2321,24)+1)/SUM(INDEX($D$3:$AA$30,INDEX(Jesper!$R$2:$R$366,ROW(INDEX(Jesper!AH$2:AH$366,ROUNDDOWN($C2321/24,0)+1,1))-1)+IF('Standard Profiles'!$G$18=$B$10,7,0)+IF('Standard Profiles'!$G$18=$B$17,14,0)+IF('Standard Profiles'!$G$18=$B$24,21,0),0)),0)</f>
        <v>24.570921293247938</v>
      </c>
      <c r="E2321" cm="1">
        <f t="array" ref="E2321">IFERROR(INDEX(Jesper!AI$2:AI$366,ROUNDDOWN($C2321/24,0)+1,1)*INDEX($D$3:$AA$30,INDEX(Jesper!$R$2:$R$366,ROW(INDEX(Jesper!AI$2:AI$366,ROUNDDOWN($C2321/24,0)+1,1))-1)+IF('Standard Profiles'!$G$19=$B$10,7,0)+IF('Standard Profiles'!$G$19=$B$17,14,0)+IF('Standard Profiles'!$G$19=$B$24,21,0),MOD($C2321,24)+1)/SUM(INDEX($D$3:$AA$30,INDEX(Jesper!$R$2:$R$366,ROW(INDEX(Jesper!AI$2:AI$366,ROUNDDOWN($C2321/24,0)+1,1))-1)+IF('Standard Profiles'!$G$19=$B$10,7,0)+IF('Standard Profiles'!$G$19=$B$17,14,0)+IF('Standard Profiles'!$G$19=$B$24,21,0),0)),0)</f>
        <v>26.455637640874304</v>
      </c>
      <c r="F2321" cm="1">
        <f t="array" ref="F2321">IFERROR(INDEX(Jesper!AJ$2:AJ$366,ROUNDDOWN($C2321/24,0)+1,1)*INDEX($D$3:$AA$30,INDEX(Jesper!$R$2:$R$366,ROW(INDEX(Jesper!AJ$2:AJ$366,ROUNDDOWN($C2321/24,0)+1,1))-1)+IF('Standard Profiles'!$G$20=$B$10,7,0)+IF('Standard Profiles'!$G$20=$B$17,14,0)+IF('Standard Profiles'!$G$20=$B$24,21,0),MOD($C2321,24)+1)/SUM(INDEX($D$3:$AA$30,INDEX(Jesper!$R$2:$R$366,ROW(INDEX(Jesper!AJ$2:AJ$366,ROUNDDOWN($C2321/24,0)+1,1))-1)+IF('Standard Profiles'!$G$20=$B$10,7,0)+IF('Standard Profiles'!$G$20=$B$17,14,0)+IF('Standard Profiles'!$G$20=$B$24,21,0),0)),0)</f>
        <v>0</v>
      </c>
      <c r="G2321" cm="1">
        <f t="array" ref="G2321">IFERROR(INDEX(Jesper!AK$2:AK$366,ROUNDDOWN($C2321/24,0)+1,1)*INDEX($D$3:$AA$30,INDEX(Jesper!$R$2:$R$366,ROW(INDEX(Jesper!AK$2:AK$366,ROUNDDOWN($C2321/24,0)+1,1))-1)+IF('Standard Profiles'!$G$21=$B$10,7,0)+IF('Standard Profiles'!$G$21=$B$17,14,0)+IF('Standard Profiles'!$G$21=$B$24,21,0),MOD($C2321,24)+1)/SUM(INDEX($D$3:$AA$30,INDEX(Jesper!$R$2:$R$366,ROW(INDEX(Jesper!AK$2:AK$366,ROUNDDOWN($C2321/24,0)+1,1))-1)+IF('Standard Profiles'!$G$21=$B$10,7,0)+IF('Standard Profiles'!$G$21=$B$17,14,0)+IF('Standard Profiles'!$G$21=$B$24,21,0),0)),0)</f>
        <v>19.513006056581418</v>
      </c>
      <c r="H2321" cm="1">
        <f t="array" ref="H2321">IFERROR(INDEX(Jesper!AL$2:AL$366,ROUNDDOWN($C2321/24,0)+1,1)*INDEX($D$3:$AA$30,INDEX(Jesper!$R$2:$R$366,ROW(INDEX(Jesper!AL$2:AL$366,ROUNDDOWN($C2321/24,0)+1,1))-1)+IF('Standard Profiles'!$G$22=$B$10,7,0)+IF('Standard Profiles'!$G$22=$B$17,14,0)+IF('Standard Profiles'!$G$22=$B$24,21,0),MOD($C2321,24)+1)/SUM(INDEX($D$3:$AA$30,INDEX(Jesper!$R$2:$R$366,ROW(INDEX(Jesper!AL$2:AL$366,ROUNDDOWN($C2321/24,0)+1,1))-1)+IF('Standard Profiles'!$G$22=$B$10,7,0)+IF('Standard Profiles'!$G$22=$B$17,14,0)+IF('Standard Profiles'!$G$22=$B$24,21,0),0)),0)</f>
        <v>0</v>
      </c>
      <c r="I2321">
        <f t="shared" si="265"/>
        <v>9.3662429071590765</v>
      </c>
      <c r="J2321">
        <f t="shared" si="266"/>
        <v>57.241974676624913</v>
      </c>
      <c r="K2321">
        <f t="shared" si="267"/>
        <v>2.6208982712797804</v>
      </c>
      <c r="L2321">
        <f t="shared" si="268"/>
        <v>1.3104491356398902</v>
      </c>
      <c r="M2321">
        <f t="shared" si="269"/>
        <v>0</v>
      </c>
      <c r="N2321" s="45">
        <f t="shared" si="270"/>
        <v>45022.29166666112</v>
      </c>
    </row>
    <row r="2322" spans="2:14" x14ac:dyDescent="0.25">
      <c r="B2322">
        <f t="shared" si="264"/>
        <v>4</v>
      </c>
      <c r="C2322" s="16">
        <v>2288</v>
      </c>
      <c r="D2322" cm="1">
        <f t="array" ref="D2322">IFERROR(INDEX(Jesper!AH$2:AH$366,ROUNDDOWN($C2322/24,0)+1,1)*INDEX($D$3:$AA$30,INDEX(Jesper!$R$2:$R$366,ROW(INDEX(Jesper!AH$2:AH$366,ROUNDDOWN($C2322/24,0)+1,1))-1)+IF('Standard Profiles'!$G$18=$B$10,7,0)+IF('Standard Profiles'!$G$18=$B$17,14,0)+IF('Standard Profiles'!$G$18=$B$24,21,0),MOD($C2322,24)+1)/SUM(INDEX($D$3:$AA$30,INDEX(Jesper!$R$2:$R$366,ROW(INDEX(Jesper!AH$2:AH$366,ROUNDDOWN($C2322/24,0)+1,1))-1)+IF('Standard Profiles'!$G$18=$B$10,7,0)+IF('Standard Profiles'!$G$18=$B$17,14,0)+IF('Standard Profiles'!$G$18=$B$24,21,0),0)),0)</f>
        <v>27.415975337729282</v>
      </c>
      <c r="E2322" cm="1">
        <f t="array" ref="E2322">IFERROR(INDEX(Jesper!AI$2:AI$366,ROUNDDOWN($C2322/24,0)+1,1)*INDEX($D$3:$AA$30,INDEX(Jesper!$R$2:$R$366,ROW(INDEX(Jesper!AI$2:AI$366,ROUNDDOWN($C2322/24,0)+1,1))-1)+IF('Standard Profiles'!$G$19=$B$10,7,0)+IF('Standard Profiles'!$G$19=$B$17,14,0)+IF('Standard Profiles'!$G$19=$B$24,21,0),MOD($C2322,24)+1)/SUM(INDEX($D$3:$AA$30,INDEX(Jesper!$R$2:$R$366,ROW(INDEX(Jesper!AI$2:AI$366,ROUNDDOWN($C2322/24,0)+1,1))-1)+IF('Standard Profiles'!$G$19=$B$10,7,0)+IF('Standard Profiles'!$G$19=$B$17,14,0)+IF('Standard Profiles'!$G$19=$B$24,21,0),0)),0)</f>
        <v>29.518921999291329</v>
      </c>
      <c r="F2322" cm="1">
        <f t="array" ref="F2322">IFERROR(INDEX(Jesper!AJ$2:AJ$366,ROUNDDOWN($C2322/24,0)+1,1)*INDEX($D$3:$AA$30,INDEX(Jesper!$R$2:$R$366,ROW(INDEX(Jesper!AJ$2:AJ$366,ROUNDDOWN($C2322/24,0)+1,1))-1)+IF('Standard Profiles'!$G$20=$B$10,7,0)+IF('Standard Profiles'!$G$20=$B$17,14,0)+IF('Standard Profiles'!$G$20=$B$24,21,0),MOD($C2322,24)+1)/SUM(INDEX($D$3:$AA$30,INDEX(Jesper!$R$2:$R$366,ROW(INDEX(Jesper!AJ$2:AJ$366,ROUNDDOWN($C2322/24,0)+1,1))-1)+IF('Standard Profiles'!$G$20=$B$10,7,0)+IF('Standard Profiles'!$G$20=$B$17,14,0)+IF('Standard Profiles'!$G$20=$B$24,21,0),0)),0)</f>
        <v>0</v>
      </c>
      <c r="G2322" cm="1">
        <f t="array" ref="G2322">IFERROR(INDEX(Jesper!AK$2:AK$366,ROUNDDOWN($C2322/24,0)+1,1)*INDEX($D$3:$AA$30,INDEX(Jesper!$R$2:$R$366,ROW(INDEX(Jesper!AK$2:AK$366,ROUNDDOWN($C2322/24,0)+1,1))-1)+IF('Standard Profiles'!$G$21=$B$10,7,0)+IF('Standard Profiles'!$G$21=$B$17,14,0)+IF('Standard Profiles'!$G$21=$B$24,21,0),MOD($C2322,24)+1)/SUM(INDEX($D$3:$AA$30,INDEX(Jesper!$R$2:$R$366,ROW(INDEX(Jesper!AK$2:AK$366,ROUNDDOWN($C2322/24,0)+1,1))-1)+IF('Standard Profiles'!$G$21=$B$10,7,0)+IF('Standard Profiles'!$G$21=$B$17,14,0)+IF('Standard Profiles'!$G$21=$B$24,21,0),0)),0)</f>
        <v>21.772406757869796</v>
      </c>
      <c r="H2322" cm="1">
        <f t="array" ref="H2322">IFERROR(INDEX(Jesper!AL$2:AL$366,ROUNDDOWN($C2322/24,0)+1,1)*INDEX($D$3:$AA$30,INDEX(Jesper!$R$2:$R$366,ROW(INDEX(Jesper!AL$2:AL$366,ROUNDDOWN($C2322/24,0)+1,1))-1)+IF('Standard Profiles'!$G$22=$B$10,7,0)+IF('Standard Profiles'!$G$22=$B$17,14,0)+IF('Standard Profiles'!$G$22=$B$24,21,0),MOD($C2322,24)+1)/SUM(INDEX($D$3:$AA$30,INDEX(Jesper!$R$2:$R$366,ROW(INDEX(Jesper!AL$2:AL$366,ROUNDDOWN($C2322/24,0)+1,1))-1)+IF('Standard Profiles'!$G$22=$B$10,7,0)+IF('Standard Profiles'!$G$22=$B$17,14,0)+IF('Standard Profiles'!$G$22=$B$24,21,0),0)),0)</f>
        <v>0</v>
      </c>
      <c r="I2322">
        <f t="shared" si="265"/>
        <v>10.450755243777497</v>
      </c>
      <c r="J2322">
        <f t="shared" si="266"/>
        <v>63.869992797076222</v>
      </c>
      <c r="K2322">
        <f t="shared" si="267"/>
        <v>2.9243707026911236</v>
      </c>
      <c r="L2322">
        <f t="shared" si="268"/>
        <v>1.4621853513455618</v>
      </c>
      <c r="M2322">
        <f t="shared" si="269"/>
        <v>0</v>
      </c>
      <c r="N2322" s="45">
        <f t="shared" si="270"/>
        <v>45022.333333327784</v>
      </c>
    </row>
    <row r="2323" spans="2:14" x14ac:dyDescent="0.25">
      <c r="B2323">
        <f t="shared" si="264"/>
        <v>4</v>
      </c>
      <c r="C2323" s="16">
        <v>2289</v>
      </c>
      <c r="D2323" cm="1">
        <f t="array" ref="D2323">IFERROR(INDEX(Jesper!AH$2:AH$366,ROUNDDOWN($C2323/24,0)+1,1)*INDEX($D$3:$AA$30,INDEX(Jesper!$R$2:$R$366,ROW(INDEX(Jesper!AH$2:AH$366,ROUNDDOWN($C2323/24,0)+1,1))-1)+IF('Standard Profiles'!$G$18=$B$10,7,0)+IF('Standard Profiles'!$G$18=$B$17,14,0)+IF('Standard Profiles'!$G$18=$B$24,21,0),MOD($C2323,24)+1)/SUM(INDEX($D$3:$AA$30,INDEX(Jesper!$R$2:$R$366,ROW(INDEX(Jesper!AH$2:AH$366,ROUNDDOWN($C2323/24,0)+1,1))-1)+IF('Standard Profiles'!$G$18=$B$10,7,0)+IF('Standard Profiles'!$G$18=$B$17,14,0)+IF('Standard Profiles'!$G$18=$B$24,21,0),0)),0)</f>
        <v>30.261029382210623</v>
      </c>
      <c r="E2323" cm="1">
        <f t="array" ref="E2323">IFERROR(INDEX(Jesper!AI$2:AI$366,ROUNDDOWN($C2323/24,0)+1,1)*INDEX($D$3:$AA$30,INDEX(Jesper!$R$2:$R$366,ROW(INDEX(Jesper!AI$2:AI$366,ROUNDDOWN($C2323/24,0)+1,1))-1)+IF('Standard Profiles'!$G$19=$B$10,7,0)+IF('Standard Profiles'!$G$19=$B$17,14,0)+IF('Standard Profiles'!$G$19=$B$24,21,0),MOD($C2323,24)+1)/SUM(INDEX($D$3:$AA$30,INDEX(Jesper!$R$2:$R$366,ROW(INDEX(Jesper!AI$2:AI$366,ROUNDDOWN($C2323/24,0)+1,1))-1)+IF('Standard Profiles'!$G$19=$B$10,7,0)+IF('Standard Profiles'!$G$19=$B$17,14,0)+IF('Standard Profiles'!$G$19=$B$24,21,0),0)),0)</f>
        <v>32.582206357708358</v>
      </c>
      <c r="F2323" cm="1">
        <f t="array" ref="F2323">IFERROR(INDEX(Jesper!AJ$2:AJ$366,ROUNDDOWN($C2323/24,0)+1,1)*INDEX($D$3:$AA$30,INDEX(Jesper!$R$2:$R$366,ROW(INDEX(Jesper!AJ$2:AJ$366,ROUNDDOWN($C2323/24,0)+1,1))-1)+IF('Standard Profiles'!$G$20=$B$10,7,0)+IF('Standard Profiles'!$G$20=$B$17,14,0)+IF('Standard Profiles'!$G$20=$B$24,21,0),MOD($C2323,24)+1)/SUM(INDEX($D$3:$AA$30,INDEX(Jesper!$R$2:$R$366,ROW(INDEX(Jesper!AJ$2:AJ$366,ROUNDDOWN($C2323/24,0)+1,1))-1)+IF('Standard Profiles'!$G$20=$B$10,7,0)+IF('Standard Profiles'!$G$20=$B$17,14,0)+IF('Standard Profiles'!$G$20=$B$24,21,0),0)),0)</f>
        <v>0</v>
      </c>
      <c r="G2323" cm="1">
        <f t="array" ref="G2323">IFERROR(INDEX(Jesper!AK$2:AK$366,ROUNDDOWN($C2323/24,0)+1,1)*INDEX($D$3:$AA$30,INDEX(Jesper!$R$2:$R$366,ROW(INDEX(Jesper!AK$2:AK$366,ROUNDDOWN($C2323/24,0)+1,1))-1)+IF('Standard Profiles'!$G$21=$B$10,7,0)+IF('Standard Profiles'!$G$21=$B$17,14,0)+IF('Standard Profiles'!$G$21=$B$24,21,0),MOD($C2323,24)+1)/SUM(INDEX($D$3:$AA$30,INDEX(Jesper!$R$2:$R$366,ROW(INDEX(Jesper!AK$2:AK$366,ROUNDDOWN($C2323/24,0)+1,1))-1)+IF('Standard Profiles'!$G$21=$B$10,7,0)+IF('Standard Profiles'!$G$21=$B$17,14,0)+IF('Standard Profiles'!$G$21=$B$24,21,0),0)),0)</f>
        <v>24.03180745915817</v>
      </c>
      <c r="H2323" cm="1">
        <f t="array" ref="H2323">IFERROR(INDEX(Jesper!AL$2:AL$366,ROUNDDOWN($C2323/24,0)+1,1)*INDEX($D$3:$AA$30,INDEX(Jesper!$R$2:$R$366,ROW(INDEX(Jesper!AL$2:AL$366,ROUNDDOWN($C2323/24,0)+1,1))-1)+IF('Standard Profiles'!$G$22=$B$10,7,0)+IF('Standard Profiles'!$G$22=$B$17,14,0)+IF('Standard Profiles'!$G$22=$B$24,21,0),MOD($C2323,24)+1)/SUM(INDEX($D$3:$AA$30,INDEX(Jesper!$R$2:$R$366,ROW(INDEX(Jesper!AL$2:AL$366,ROUNDDOWN($C2323/24,0)+1,1))-1)+IF('Standard Profiles'!$G$22=$B$10,7,0)+IF('Standard Profiles'!$G$22=$B$17,14,0)+IF('Standard Profiles'!$G$22=$B$24,21,0),0)),0)</f>
        <v>0</v>
      </c>
      <c r="I2323">
        <f t="shared" si="265"/>
        <v>11.535267580395915</v>
      </c>
      <c r="J2323">
        <f t="shared" si="266"/>
        <v>70.498010917527537</v>
      </c>
      <c r="K2323">
        <f t="shared" si="267"/>
        <v>3.2278431341024665</v>
      </c>
      <c r="L2323">
        <f t="shared" si="268"/>
        <v>1.6139215670512332</v>
      </c>
      <c r="M2323">
        <f t="shared" si="269"/>
        <v>0</v>
      </c>
      <c r="N2323" s="45">
        <f t="shared" si="270"/>
        <v>45022.374999994448</v>
      </c>
    </row>
    <row r="2324" spans="2:14" x14ac:dyDescent="0.25">
      <c r="B2324">
        <f t="shared" si="264"/>
        <v>4</v>
      </c>
      <c r="C2324" s="16">
        <v>2290</v>
      </c>
      <c r="D2324" cm="1">
        <f t="array" ref="D2324">IFERROR(INDEX(Jesper!AH$2:AH$366,ROUNDDOWN($C2324/24,0)+1,1)*INDEX($D$3:$AA$30,INDEX(Jesper!$R$2:$R$366,ROW(INDEX(Jesper!AH$2:AH$366,ROUNDDOWN($C2324/24,0)+1,1))-1)+IF('Standard Profiles'!$G$18=$B$10,7,0)+IF('Standard Profiles'!$G$18=$B$17,14,0)+IF('Standard Profiles'!$G$18=$B$24,21,0),MOD($C2324,24)+1)/SUM(INDEX($D$3:$AA$30,INDEX(Jesper!$R$2:$R$366,ROW(INDEX(Jesper!AH$2:AH$366,ROUNDDOWN($C2324/24,0)+1,1))-1)+IF('Standard Profiles'!$G$18=$B$10,7,0)+IF('Standard Profiles'!$G$18=$B$17,14,0)+IF('Standard Profiles'!$G$18=$B$24,21,0),0)),0)</f>
        <v>30.261029382210623</v>
      </c>
      <c r="E2324" cm="1">
        <f t="array" ref="E2324">IFERROR(INDEX(Jesper!AI$2:AI$366,ROUNDDOWN($C2324/24,0)+1,1)*INDEX($D$3:$AA$30,INDEX(Jesper!$R$2:$R$366,ROW(INDEX(Jesper!AI$2:AI$366,ROUNDDOWN($C2324/24,0)+1,1))-1)+IF('Standard Profiles'!$G$19=$B$10,7,0)+IF('Standard Profiles'!$G$19=$B$17,14,0)+IF('Standard Profiles'!$G$19=$B$24,21,0),MOD($C2324,24)+1)/SUM(INDEX($D$3:$AA$30,INDEX(Jesper!$R$2:$R$366,ROW(INDEX(Jesper!AI$2:AI$366,ROUNDDOWN($C2324/24,0)+1,1))-1)+IF('Standard Profiles'!$G$19=$B$10,7,0)+IF('Standard Profiles'!$G$19=$B$17,14,0)+IF('Standard Profiles'!$G$19=$B$24,21,0),0)),0)</f>
        <v>32.582206357708358</v>
      </c>
      <c r="F2324" cm="1">
        <f t="array" ref="F2324">IFERROR(INDEX(Jesper!AJ$2:AJ$366,ROUNDDOWN($C2324/24,0)+1,1)*INDEX($D$3:$AA$30,INDEX(Jesper!$R$2:$R$366,ROW(INDEX(Jesper!AJ$2:AJ$366,ROUNDDOWN($C2324/24,0)+1,1))-1)+IF('Standard Profiles'!$G$20=$B$10,7,0)+IF('Standard Profiles'!$G$20=$B$17,14,0)+IF('Standard Profiles'!$G$20=$B$24,21,0),MOD($C2324,24)+1)/SUM(INDEX($D$3:$AA$30,INDEX(Jesper!$R$2:$R$366,ROW(INDEX(Jesper!AJ$2:AJ$366,ROUNDDOWN($C2324/24,0)+1,1))-1)+IF('Standard Profiles'!$G$20=$B$10,7,0)+IF('Standard Profiles'!$G$20=$B$17,14,0)+IF('Standard Profiles'!$G$20=$B$24,21,0),0)),0)</f>
        <v>0</v>
      </c>
      <c r="G2324" cm="1">
        <f t="array" ref="G2324">IFERROR(INDEX(Jesper!AK$2:AK$366,ROUNDDOWN($C2324/24,0)+1,1)*INDEX($D$3:$AA$30,INDEX(Jesper!$R$2:$R$366,ROW(INDEX(Jesper!AK$2:AK$366,ROUNDDOWN($C2324/24,0)+1,1))-1)+IF('Standard Profiles'!$G$21=$B$10,7,0)+IF('Standard Profiles'!$G$21=$B$17,14,0)+IF('Standard Profiles'!$G$21=$B$24,21,0),MOD($C2324,24)+1)/SUM(INDEX($D$3:$AA$30,INDEX(Jesper!$R$2:$R$366,ROW(INDEX(Jesper!AK$2:AK$366,ROUNDDOWN($C2324/24,0)+1,1))-1)+IF('Standard Profiles'!$G$21=$B$10,7,0)+IF('Standard Profiles'!$G$21=$B$17,14,0)+IF('Standard Profiles'!$G$21=$B$24,21,0),0)),0)</f>
        <v>24.03180745915817</v>
      </c>
      <c r="H2324" cm="1">
        <f t="array" ref="H2324">IFERROR(INDEX(Jesper!AL$2:AL$366,ROUNDDOWN($C2324/24,0)+1,1)*INDEX($D$3:$AA$30,INDEX(Jesper!$R$2:$R$366,ROW(INDEX(Jesper!AL$2:AL$366,ROUNDDOWN($C2324/24,0)+1,1))-1)+IF('Standard Profiles'!$G$22=$B$10,7,0)+IF('Standard Profiles'!$G$22=$B$17,14,0)+IF('Standard Profiles'!$G$22=$B$24,21,0),MOD($C2324,24)+1)/SUM(INDEX($D$3:$AA$30,INDEX(Jesper!$R$2:$R$366,ROW(INDEX(Jesper!AL$2:AL$366,ROUNDDOWN($C2324/24,0)+1,1))-1)+IF('Standard Profiles'!$G$22=$B$10,7,0)+IF('Standard Profiles'!$G$22=$B$17,14,0)+IF('Standard Profiles'!$G$22=$B$24,21,0),0)),0)</f>
        <v>0</v>
      </c>
      <c r="I2324">
        <f t="shared" si="265"/>
        <v>11.535267580395915</v>
      </c>
      <c r="J2324">
        <f t="shared" si="266"/>
        <v>70.498010917527537</v>
      </c>
      <c r="K2324">
        <f t="shared" si="267"/>
        <v>3.2278431341024665</v>
      </c>
      <c r="L2324">
        <f t="shared" si="268"/>
        <v>1.6139215670512332</v>
      </c>
      <c r="M2324">
        <f t="shared" si="269"/>
        <v>0</v>
      </c>
      <c r="N2324" s="45">
        <f t="shared" si="270"/>
        <v>45022.416666661113</v>
      </c>
    </row>
    <row r="2325" spans="2:14" x14ac:dyDescent="0.25">
      <c r="B2325">
        <f t="shared" si="264"/>
        <v>4</v>
      </c>
      <c r="C2325" s="16">
        <v>2291</v>
      </c>
      <c r="D2325" cm="1">
        <f t="array" ref="D2325">IFERROR(INDEX(Jesper!AH$2:AH$366,ROUNDDOWN($C2325/24,0)+1,1)*INDEX($D$3:$AA$30,INDEX(Jesper!$R$2:$R$366,ROW(INDEX(Jesper!AH$2:AH$366,ROUNDDOWN($C2325/24,0)+1,1))-1)+IF('Standard Profiles'!$G$18=$B$10,7,0)+IF('Standard Profiles'!$G$18=$B$17,14,0)+IF('Standard Profiles'!$G$18=$B$24,21,0),MOD($C2325,24)+1)/SUM(INDEX($D$3:$AA$30,INDEX(Jesper!$R$2:$R$366,ROW(INDEX(Jesper!AH$2:AH$366,ROUNDDOWN($C2325/24,0)+1,1))-1)+IF('Standard Profiles'!$G$18=$B$10,7,0)+IF('Standard Profiles'!$G$18=$B$17,14,0)+IF('Standard Profiles'!$G$18=$B$24,21,0),0)),0)</f>
        <v>36.209778747944334</v>
      </c>
      <c r="E2325" cm="1">
        <f t="array" ref="E2325">IFERROR(INDEX(Jesper!AI$2:AI$366,ROUNDDOWN($C2325/24,0)+1,1)*INDEX($D$3:$AA$30,INDEX(Jesper!$R$2:$R$366,ROW(INDEX(Jesper!AI$2:AI$366,ROUNDDOWN($C2325/24,0)+1,1))-1)+IF('Standard Profiles'!$G$19=$B$10,7,0)+IF('Standard Profiles'!$G$19=$B$17,14,0)+IF('Standard Profiles'!$G$19=$B$24,21,0),MOD($C2325,24)+1)/SUM(INDEX($D$3:$AA$30,INDEX(Jesper!$R$2:$R$366,ROW(INDEX(Jesper!AI$2:AI$366,ROUNDDOWN($C2325/24,0)+1,1))-1)+IF('Standard Profiles'!$G$19=$B$10,7,0)+IF('Standard Profiles'!$G$19=$B$17,14,0)+IF('Standard Profiles'!$G$19=$B$24,21,0),0)),0)</f>
        <v>38.987255470762129</v>
      </c>
      <c r="F2325" cm="1">
        <f t="array" ref="F2325">IFERROR(INDEX(Jesper!AJ$2:AJ$366,ROUNDDOWN($C2325/24,0)+1,1)*INDEX($D$3:$AA$30,INDEX(Jesper!$R$2:$R$366,ROW(INDEX(Jesper!AJ$2:AJ$366,ROUNDDOWN($C2325/24,0)+1,1))-1)+IF('Standard Profiles'!$G$20=$B$10,7,0)+IF('Standard Profiles'!$G$20=$B$17,14,0)+IF('Standard Profiles'!$G$20=$B$24,21,0),MOD($C2325,24)+1)/SUM(INDEX($D$3:$AA$30,INDEX(Jesper!$R$2:$R$366,ROW(INDEX(Jesper!AJ$2:AJ$366,ROUNDDOWN($C2325/24,0)+1,1))-1)+IF('Standard Profiles'!$G$20=$B$10,7,0)+IF('Standard Profiles'!$G$20=$B$17,14,0)+IF('Standard Profiles'!$G$20=$B$24,21,0),0)),0)</f>
        <v>0</v>
      </c>
      <c r="G2325" cm="1">
        <f t="array" ref="G2325">IFERROR(INDEX(Jesper!AK$2:AK$366,ROUNDDOWN($C2325/24,0)+1,1)*INDEX($D$3:$AA$30,INDEX(Jesper!$R$2:$R$366,ROW(INDEX(Jesper!AK$2:AK$366,ROUNDDOWN($C2325/24,0)+1,1))-1)+IF('Standard Profiles'!$G$21=$B$10,7,0)+IF('Standard Profiles'!$G$21=$B$17,14,0)+IF('Standard Profiles'!$G$21=$B$24,21,0),MOD($C2325,24)+1)/SUM(INDEX($D$3:$AA$30,INDEX(Jesper!$R$2:$R$366,ROW(INDEX(Jesper!AK$2:AK$366,ROUNDDOWN($C2325/24,0)+1,1))-1)+IF('Standard Profiles'!$G$21=$B$10,7,0)+IF('Standard Profiles'!$G$21=$B$17,14,0)+IF('Standard Profiles'!$G$21=$B$24,21,0),0)),0)</f>
        <v>28.756008925488405</v>
      </c>
      <c r="H2325" cm="1">
        <f t="array" ref="H2325">IFERROR(INDEX(Jesper!AL$2:AL$366,ROUNDDOWN($C2325/24,0)+1,1)*INDEX($D$3:$AA$30,INDEX(Jesper!$R$2:$R$366,ROW(INDEX(Jesper!AL$2:AL$366,ROUNDDOWN($C2325/24,0)+1,1))-1)+IF('Standard Profiles'!$G$22=$B$10,7,0)+IF('Standard Profiles'!$G$22=$B$17,14,0)+IF('Standard Profiles'!$G$22=$B$24,21,0),MOD($C2325,24)+1)/SUM(INDEX($D$3:$AA$30,INDEX(Jesper!$R$2:$R$366,ROW(INDEX(Jesper!AL$2:AL$366,ROUNDDOWN($C2325/24,0)+1,1))-1)+IF('Standard Profiles'!$G$22=$B$10,7,0)+IF('Standard Profiles'!$G$22=$B$17,14,0)+IF('Standard Profiles'!$G$22=$B$24,21,0),0)),0)</f>
        <v>0</v>
      </c>
      <c r="I2325">
        <f t="shared" si="265"/>
        <v>13.802884284234429</v>
      </c>
      <c r="J2325">
        <f t="shared" si="266"/>
        <v>84.356594260289356</v>
      </c>
      <c r="K2325">
        <f t="shared" si="267"/>
        <v>3.8623763997807292</v>
      </c>
      <c r="L2325">
        <f t="shared" si="268"/>
        <v>1.9311881998903646</v>
      </c>
      <c r="M2325">
        <f t="shared" si="269"/>
        <v>0</v>
      </c>
      <c r="N2325" s="45">
        <f t="shared" si="270"/>
        <v>45022.458333327777</v>
      </c>
    </row>
    <row r="2326" spans="2:14" x14ac:dyDescent="0.25">
      <c r="B2326">
        <f t="shared" si="264"/>
        <v>4</v>
      </c>
      <c r="C2326" s="16">
        <v>2292</v>
      </c>
      <c r="D2326" cm="1">
        <f t="array" ref="D2326">IFERROR(INDEX(Jesper!AH$2:AH$366,ROUNDDOWN($C2326/24,0)+1,1)*INDEX($D$3:$AA$30,INDEX(Jesper!$R$2:$R$366,ROW(INDEX(Jesper!AH$2:AH$366,ROUNDDOWN($C2326/24,0)+1,1))-1)+IF('Standard Profiles'!$G$18=$B$10,7,0)+IF('Standard Profiles'!$G$18=$B$17,14,0)+IF('Standard Profiles'!$G$18=$B$24,21,0),MOD($C2326,24)+1)/SUM(INDEX($D$3:$AA$30,INDEX(Jesper!$R$2:$R$366,ROW(INDEX(Jesper!AH$2:AH$366,ROUNDDOWN($C2326/24,0)+1,1))-1)+IF('Standard Profiles'!$G$18=$B$10,7,0)+IF('Standard Profiles'!$G$18=$B$17,14,0)+IF('Standard Profiles'!$G$18=$B$24,21,0),0)),0)</f>
        <v>36.209778747944334</v>
      </c>
      <c r="E2326" cm="1">
        <f t="array" ref="E2326">IFERROR(INDEX(Jesper!AI$2:AI$366,ROUNDDOWN($C2326/24,0)+1,1)*INDEX($D$3:$AA$30,INDEX(Jesper!$R$2:$R$366,ROW(INDEX(Jesper!AI$2:AI$366,ROUNDDOWN($C2326/24,0)+1,1))-1)+IF('Standard Profiles'!$G$19=$B$10,7,0)+IF('Standard Profiles'!$G$19=$B$17,14,0)+IF('Standard Profiles'!$G$19=$B$24,21,0),MOD($C2326,24)+1)/SUM(INDEX($D$3:$AA$30,INDEX(Jesper!$R$2:$R$366,ROW(INDEX(Jesper!AI$2:AI$366,ROUNDDOWN($C2326/24,0)+1,1))-1)+IF('Standard Profiles'!$G$19=$B$10,7,0)+IF('Standard Profiles'!$G$19=$B$17,14,0)+IF('Standard Profiles'!$G$19=$B$24,21,0),0)),0)</f>
        <v>38.987255470762129</v>
      </c>
      <c r="F2326" cm="1">
        <f t="array" ref="F2326">IFERROR(INDEX(Jesper!AJ$2:AJ$366,ROUNDDOWN($C2326/24,0)+1,1)*INDEX($D$3:$AA$30,INDEX(Jesper!$R$2:$R$366,ROW(INDEX(Jesper!AJ$2:AJ$366,ROUNDDOWN($C2326/24,0)+1,1))-1)+IF('Standard Profiles'!$G$20=$B$10,7,0)+IF('Standard Profiles'!$G$20=$B$17,14,0)+IF('Standard Profiles'!$G$20=$B$24,21,0),MOD($C2326,24)+1)/SUM(INDEX($D$3:$AA$30,INDEX(Jesper!$R$2:$R$366,ROW(INDEX(Jesper!AJ$2:AJ$366,ROUNDDOWN($C2326/24,0)+1,1))-1)+IF('Standard Profiles'!$G$20=$B$10,7,0)+IF('Standard Profiles'!$G$20=$B$17,14,0)+IF('Standard Profiles'!$G$20=$B$24,21,0),0)),0)</f>
        <v>0</v>
      </c>
      <c r="G2326" cm="1">
        <f t="array" ref="G2326">IFERROR(INDEX(Jesper!AK$2:AK$366,ROUNDDOWN($C2326/24,0)+1,1)*INDEX($D$3:$AA$30,INDEX(Jesper!$R$2:$R$366,ROW(INDEX(Jesper!AK$2:AK$366,ROUNDDOWN($C2326/24,0)+1,1))-1)+IF('Standard Profiles'!$G$21=$B$10,7,0)+IF('Standard Profiles'!$G$21=$B$17,14,0)+IF('Standard Profiles'!$G$21=$B$24,21,0),MOD($C2326,24)+1)/SUM(INDEX($D$3:$AA$30,INDEX(Jesper!$R$2:$R$366,ROW(INDEX(Jesper!AK$2:AK$366,ROUNDDOWN($C2326/24,0)+1,1))-1)+IF('Standard Profiles'!$G$21=$B$10,7,0)+IF('Standard Profiles'!$G$21=$B$17,14,0)+IF('Standard Profiles'!$G$21=$B$24,21,0),0)),0)</f>
        <v>28.756008925488405</v>
      </c>
      <c r="H2326" cm="1">
        <f t="array" ref="H2326">IFERROR(INDEX(Jesper!AL$2:AL$366,ROUNDDOWN($C2326/24,0)+1,1)*INDEX($D$3:$AA$30,INDEX(Jesper!$R$2:$R$366,ROW(INDEX(Jesper!AL$2:AL$366,ROUNDDOWN($C2326/24,0)+1,1))-1)+IF('Standard Profiles'!$G$22=$B$10,7,0)+IF('Standard Profiles'!$G$22=$B$17,14,0)+IF('Standard Profiles'!$G$22=$B$24,21,0),MOD($C2326,24)+1)/SUM(INDEX($D$3:$AA$30,INDEX(Jesper!$R$2:$R$366,ROW(INDEX(Jesper!AL$2:AL$366,ROUNDDOWN($C2326/24,0)+1,1))-1)+IF('Standard Profiles'!$G$22=$B$10,7,0)+IF('Standard Profiles'!$G$22=$B$17,14,0)+IF('Standard Profiles'!$G$22=$B$24,21,0),0)),0)</f>
        <v>0</v>
      </c>
      <c r="I2326">
        <f t="shared" si="265"/>
        <v>13.802884284234429</v>
      </c>
      <c r="J2326">
        <f t="shared" si="266"/>
        <v>84.356594260289356</v>
      </c>
      <c r="K2326">
        <f t="shared" si="267"/>
        <v>3.8623763997807292</v>
      </c>
      <c r="L2326">
        <f t="shared" si="268"/>
        <v>1.9311881998903646</v>
      </c>
      <c r="M2326">
        <f t="shared" si="269"/>
        <v>0</v>
      </c>
      <c r="N2326" s="45">
        <f t="shared" si="270"/>
        <v>45022.499999994441</v>
      </c>
    </row>
    <row r="2327" spans="2:14" x14ac:dyDescent="0.25">
      <c r="B2327">
        <f t="shared" si="264"/>
        <v>4</v>
      </c>
      <c r="C2327" s="16">
        <v>2293</v>
      </c>
      <c r="D2327" cm="1">
        <f t="array" ref="D2327">IFERROR(INDEX(Jesper!AH$2:AH$366,ROUNDDOWN($C2327/24,0)+1,1)*INDEX($D$3:$AA$30,INDEX(Jesper!$R$2:$R$366,ROW(INDEX(Jesper!AH$2:AH$366,ROUNDDOWN($C2327/24,0)+1,1))-1)+IF('Standard Profiles'!$G$18=$B$10,7,0)+IF('Standard Profiles'!$G$18=$B$17,14,0)+IF('Standard Profiles'!$G$18=$B$24,21,0),MOD($C2327,24)+1)/SUM(INDEX($D$3:$AA$30,INDEX(Jesper!$R$2:$R$366,ROW(INDEX(Jesper!AH$2:AH$366,ROUNDDOWN($C2327/24,0)+1,1))-1)+IF('Standard Profiles'!$G$18=$B$10,7,0)+IF('Standard Profiles'!$G$18=$B$17,14,0)+IF('Standard Profiles'!$G$18=$B$24,21,0),0)),0)</f>
        <v>24.053638739705878</v>
      </c>
      <c r="E2327" cm="1">
        <f t="array" ref="E2327">IFERROR(INDEX(Jesper!AI$2:AI$366,ROUNDDOWN($C2327/24,0)+1,1)*INDEX($D$3:$AA$30,INDEX(Jesper!$R$2:$R$366,ROW(INDEX(Jesper!AI$2:AI$366,ROUNDDOWN($C2327/24,0)+1,1))-1)+IF('Standard Profiles'!$G$19=$B$10,7,0)+IF('Standard Profiles'!$G$19=$B$17,14,0)+IF('Standard Profiles'!$G$19=$B$24,21,0),MOD($C2327,24)+1)/SUM(INDEX($D$3:$AA$30,INDEX(Jesper!$R$2:$R$366,ROW(INDEX(Jesper!AI$2:AI$366,ROUNDDOWN($C2327/24,0)+1,1))-1)+IF('Standard Profiles'!$G$19=$B$10,7,0)+IF('Standard Profiles'!$G$19=$B$17,14,0)+IF('Standard Profiles'!$G$19=$B$24,21,0),0)),0)</f>
        <v>25.898676848434846</v>
      </c>
      <c r="F2327" cm="1">
        <f t="array" ref="F2327">IFERROR(INDEX(Jesper!AJ$2:AJ$366,ROUNDDOWN($C2327/24,0)+1,1)*INDEX($D$3:$AA$30,INDEX(Jesper!$R$2:$R$366,ROW(INDEX(Jesper!AJ$2:AJ$366,ROUNDDOWN($C2327/24,0)+1,1))-1)+IF('Standard Profiles'!$G$20=$B$10,7,0)+IF('Standard Profiles'!$G$20=$B$17,14,0)+IF('Standard Profiles'!$G$20=$B$24,21,0),MOD($C2327,24)+1)/SUM(INDEX($D$3:$AA$30,INDEX(Jesper!$R$2:$R$366,ROW(INDEX(Jesper!AJ$2:AJ$366,ROUNDDOWN($C2327/24,0)+1,1))-1)+IF('Standard Profiles'!$G$20=$B$10,7,0)+IF('Standard Profiles'!$G$20=$B$17,14,0)+IF('Standard Profiles'!$G$20=$B$24,21,0),0)),0)</f>
        <v>0</v>
      </c>
      <c r="G2327" cm="1">
        <f t="array" ref="G2327">IFERROR(INDEX(Jesper!AK$2:AK$366,ROUNDDOWN($C2327/24,0)+1,1)*INDEX($D$3:$AA$30,INDEX(Jesper!$R$2:$R$366,ROW(INDEX(Jesper!AK$2:AK$366,ROUNDDOWN($C2327/24,0)+1,1))-1)+IF('Standard Profiles'!$G$21=$B$10,7,0)+IF('Standard Profiles'!$G$21=$B$17,14,0)+IF('Standard Profiles'!$G$21=$B$24,21,0),MOD($C2327,24)+1)/SUM(INDEX($D$3:$AA$30,INDEX(Jesper!$R$2:$R$366,ROW(INDEX(Jesper!AK$2:AK$366,ROUNDDOWN($C2327/24,0)+1,1))-1)+IF('Standard Profiles'!$G$21=$B$10,7,0)+IF('Standard Profiles'!$G$21=$B$17,14,0)+IF('Standard Profiles'!$G$21=$B$24,21,0),0)),0)</f>
        <v>19.102205929074444</v>
      </c>
      <c r="H2327" cm="1">
        <f t="array" ref="H2327">IFERROR(INDEX(Jesper!AL$2:AL$366,ROUNDDOWN($C2327/24,0)+1,1)*INDEX($D$3:$AA$30,INDEX(Jesper!$R$2:$R$366,ROW(INDEX(Jesper!AL$2:AL$366,ROUNDDOWN($C2327/24,0)+1,1))-1)+IF('Standard Profiles'!$G$22=$B$10,7,0)+IF('Standard Profiles'!$G$22=$B$17,14,0)+IF('Standard Profiles'!$G$22=$B$24,21,0),MOD($C2327,24)+1)/SUM(INDEX($D$3:$AA$30,INDEX(Jesper!$R$2:$R$366,ROW(INDEX(Jesper!AL$2:AL$366,ROUNDDOWN($C2327/24,0)+1,1))-1)+IF('Standard Profiles'!$G$22=$B$10,7,0)+IF('Standard Profiles'!$G$22=$B$17,14,0)+IF('Standard Profiles'!$G$22=$B$24,21,0),0)),0)</f>
        <v>0</v>
      </c>
      <c r="I2327">
        <f t="shared" si="265"/>
        <v>9.1690588459557283</v>
      </c>
      <c r="J2327">
        <f t="shared" si="266"/>
        <v>56.036880472906503</v>
      </c>
      <c r="K2327">
        <f t="shared" si="267"/>
        <v>2.5657214655686271</v>
      </c>
      <c r="L2327">
        <f t="shared" si="268"/>
        <v>1.2828607327843136</v>
      </c>
      <c r="M2327">
        <f t="shared" si="269"/>
        <v>0</v>
      </c>
      <c r="N2327" s="45">
        <f t="shared" si="270"/>
        <v>45022.541666661105</v>
      </c>
    </row>
    <row r="2328" spans="2:14" x14ac:dyDescent="0.25">
      <c r="B2328">
        <f t="shared" si="264"/>
        <v>4</v>
      </c>
      <c r="C2328" s="16">
        <v>2294</v>
      </c>
      <c r="D2328" cm="1">
        <f t="array" ref="D2328">IFERROR(INDEX(Jesper!AH$2:AH$366,ROUNDDOWN($C2328/24,0)+1,1)*INDEX($D$3:$AA$30,INDEX(Jesper!$R$2:$R$366,ROW(INDEX(Jesper!AH$2:AH$366,ROUNDDOWN($C2328/24,0)+1,1))-1)+IF('Standard Profiles'!$G$18=$B$10,7,0)+IF('Standard Profiles'!$G$18=$B$17,14,0)+IF('Standard Profiles'!$G$18=$B$24,21,0),MOD($C2328,24)+1)/SUM(INDEX($D$3:$AA$30,INDEX(Jesper!$R$2:$R$366,ROW(INDEX(Jesper!AH$2:AH$366,ROUNDDOWN($C2328/24,0)+1,1))-1)+IF('Standard Profiles'!$G$18=$B$10,7,0)+IF('Standard Profiles'!$G$18=$B$17,14,0)+IF('Standard Profiles'!$G$18=$B$24,21,0),0)),0)</f>
        <v>36.209778747944334</v>
      </c>
      <c r="E2328" cm="1">
        <f t="array" ref="E2328">IFERROR(INDEX(Jesper!AI$2:AI$366,ROUNDDOWN($C2328/24,0)+1,1)*INDEX($D$3:$AA$30,INDEX(Jesper!$R$2:$R$366,ROW(INDEX(Jesper!AI$2:AI$366,ROUNDDOWN($C2328/24,0)+1,1))-1)+IF('Standard Profiles'!$G$19=$B$10,7,0)+IF('Standard Profiles'!$G$19=$B$17,14,0)+IF('Standard Profiles'!$G$19=$B$24,21,0),MOD($C2328,24)+1)/SUM(INDEX($D$3:$AA$30,INDEX(Jesper!$R$2:$R$366,ROW(INDEX(Jesper!AI$2:AI$366,ROUNDDOWN($C2328/24,0)+1,1))-1)+IF('Standard Profiles'!$G$19=$B$10,7,0)+IF('Standard Profiles'!$G$19=$B$17,14,0)+IF('Standard Profiles'!$G$19=$B$24,21,0),0)),0)</f>
        <v>38.987255470762129</v>
      </c>
      <c r="F2328" cm="1">
        <f t="array" ref="F2328">IFERROR(INDEX(Jesper!AJ$2:AJ$366,ROUNDDOWN($C2328/24,0)+1,1)*INDEX($D$3:$AA$30,INDEX(Jesper!$R$2:$R$366,ROW(INDEX(Jesper!AJ$2:AJ$366,ROUNDDOWN($C2328/24,0)+1,1))-1)+IF('Standard Profiles'!$G$20=$B$10,7,0)+IF('Standard Profiles'!$G$20=$B$17,14,0)+IF('Standard Profiles'!$G$20=$B$24,21,0),MOD($C2328,24)+1)/SUM(INDEX($D$3:$AA$30,INDEX(Jesper!$R$2:$R$366,ROW(INDEX(Jesper!AJ$2:AJ$366,ROUNDDOWN($C2328/24,0)+1,1))-1)+IF('Standard Profiles'!$G$20=$B$10,7,0)+IF('Standard Profiles'!$G$20=$B$17,14,0)+IF('Standard Profiles'!$G$20=$B$24,21,0),0)),0)</f>
        <v>0</v>
      </c>
      <c r="G2328" cm="1">
        <f t="array" ref="G2328">IFERROR(INDEX(Jesper!AK$2:AK$366,ROUNDDOWN($C2328/24,0)+1,1)*INDEX($D$3:$AA$30,INDEX(Jesper!$R$2:$R$366,ROW(INDEX(Jesper!AK$2:AK$366,ROUNDDOWN($C2328/24,0)+1,1))-1)+IF('Standard Profiles'!$G$21=$B$10,7,0)+IF('Standard Profiles'!$G$21=$B$17,14,0)+IF('Standard Profiles'!$G$21=$B$24,21,0),MOD($C2328,24)+1)/SUM(INDEX($D$3:$AA$30,INDEX(Jesper!$R$2:$R$366,ROW(INDEX(Jesper!AK$2:AK$366,ROUNDDOWN($C2328/24,0)+1,1))-1)+IF('Standard Profiles'!$G$21=$B$10,7,0)+IF('Standard Profiles'!$G$21=$B$17,14,0)+IF('Standard Profiles'!$G$21=$B$24,21,0),0)),0)</f>
        <v>28.756008925488405</v>
      </c>
      <c r="H2328" cm="1">
        <f t="array" ref="H2328">IFERROR(INDEX(Jesper!AL$2:AL$366,ROUNDDOWN($C2328/24,0)+1,1)*INDEX($D$3:$AA$30,INDEX(Jesper!$R$2:$R$366,ROW(INDEX(Jesper!AL$2:AL$366,ROUNDDOWN($C2328/24,0)+1,1))-1)+IF('Standard Profiles'!$G$22=$B$10,7,0)+IF('Standard Profiles'!$G$22=$B$17,14,0)+IF('Standard Profiles'!$G$22=$B$24,21,0),MOD($C2328,24)+1)/SUM(INDEX($D$3:$AA$30,INDEX(Jesper!$R$2:$R$366,ROW(INDEX(Jesper!AL$2:AL$366,ROUNDDOWN($C2328/24,0)+1,1))-1)+IF('Standard Profiles'!$G$22=$B$10,7,0)+IF('Standard Profiles'!$G$22=$B$17,14,0)+IF('Standard Profiles'!$G$22=$B$24,21,0),0)),0)</f>
        <v>0</v>
      </c>
      <c r="I2328">
        <f t="shared" si="265"/>
        <v>13.802884284234429</v>
      </c>
      <c r="J2328">
        <f t="shared" si="266"/>
        <v>84.356594260289356</v>
      </c>
      <c r="K2328">
        <f t="shared" si="267"/>
        <v>3.8623763997807292</v>
      </c>
      <c r="L2328">
        <f t="shared" si="268"/>
        <v>1.9311881998903646</v>
      </c>
      <c r="M2328">
        <f t="shared" si="269"/>
        <v>0</v>
      </c>
      <c r="N2328" s="45">
        <f t="shared" si="270"/>
        <v>45022.58333332777</v>
      </c>
    </row>
    <row r="2329" spans="2:14" x14ac:dyDescent="0.25">
      <c r="B2329">
        <f t="shared" si="264"/>
        <v>4</v>
      </c>
      <c r="C2329" s="16">
        <v>2295</v>
      </c>
      <c r="D2329" cm="1">
        <f t="array" ref="D2329">IFERROR(INDEX(Jesper!AH$2:AH$366,ROUNDDOWN($C2329/24,0)+1,1)*INDEX($D$3:$AA$30,INDEX(Jesper!$R$2:$R$366,ROW(INDEX(Jesper!AH$2:AH$366,ROUNDDOWN($C2329/24,0)+1,1))-1)+IF('Standard Profiles'!$G$18=$B$10,7,0)+IF('Standard Profiles'!$G$18=$B$17,14,0)+IF('Standard Profiles'!$G$18=$B$24,21,0),MOD($C2329,24)+1)/SUM(INDEX($D$3:$AA$30,INDEX(Jesper!$R$2:$R$366,ROW(INDEX(Jesper!AH$2:AH$366,ROUNDDOWN($C2329/24,0)+1,1))-1)+IF('Standard Profiles'!$G$18=$B$10,7,0)+IF('Standard Profiles'!$G$18=$B$17,14,0)+IF('Standard Profiles'!$G$18=$B$24,21,0),0)),0)</f>
        <v>36.209778747944334</v>
      </c>
      <c r="E2329" cm="1">
        <f t="array" ref="E2329">IFERROR(INDEX(Jesper!AI$2:AI$366,ROUNDDOWN($C2329/24,0)+1,1)*INDEX($D$3:$AA$30,INDEX(Jesper!$R$2:$R$366,ROW(INDEX(Jesper!AI$2:AI$366,ROUNDDOWN($C2329/24,0)+1,1))-1)+IF('Standard Profiles'!$G$19=$B$10,7,0)+IF('Standard Profiles'!$G$19=$B$17,14,0)+IF('Standard Profiles'!$G$19=$B$24,21,0),MOD($C2329,24)+1)/SUM(INDEX($D$3:$AA$30,INDEX(Jesper!$R$2:$R$366,ROW(INDEX(Jesper!AI$2:AI$366,ROUNDDOWN($C2329/24,0)+1,1))-1)+IF('Standard Profiles'!$G$19=$B$10,7,0)+IF('Standard Profiles'!$G$19=$B$17,14,0)+IF('Standard Profiles'!$G$19=$B$24,21,0),0)),0)</f>
        <v>38.987255470762129</v>
      </c>
      <c r="F2329" cm="1">
        <f t="array" ref="F2329">IFERROR(INDEX(Jesper!AJ$2:AJ$366,ROUNDDOWN($C2329/24,0)+1,1)*INDEX($D$3:$AA$30,INDEX(Jesper!$R$2:$R$366,ROW(INDEX(Jesper!AJ$2:AJ$366,ROUNDDOWN($C2329/24,0)+1,1))-1)+IF('Standard Profiles'!$G$20=$B$10,7,0)+IF('Standard Profiles'!$G$20=$B$17,14,0)+IF('Standard Profiles'!$G$20=$B$24,21,0),MOD($C2329,24)+1)/SUM(INDEX($D$3:$AA$30,INDEX(Jesper!$R$2:$R$366,ROW(INDEX(Jesper!AJ$2:AJ$366,ROUNDDOWN($C2329/24,0)+1,1))-1)+IF('Standard Profiles'!$G$20=$B$10,7,0)+IF('Standard Profiles'!$G$20=$B$17,14,0)+IF('Standard Profiles'!$G$20=$B$24,21,0),0)),0)</f>
        <v>0</v>
      </c>
      <c r="G2329" cm="1">
        <f t="array" ref="G2329">IFERROR(INDEX(Jesper!AK$2:AK$366,ROUNDDOWN($C2329/24,0)+1,1)*INDEX($D$3:$AA$30,INDEX(Jesper!$R$2:$R$366,ROW(INDEX(Jesper!AK$2:AK$366,ROUNDDOWN($C2329/24,0)+1,1))-1)+IF('Standard Profiles'!$G$21=$B$10,7,0)+IF('Standard Profiles'!$G$21=$B$17,14,0)+IF('Standard Profiles'!$G$21=$B$24,21,0),MOD($C2329,24)+1)/SUM(INDEX($D$3:$AA$30,INDEX(Jesper!$R$2:$R$366,ROW(INDEX(Jesper!AK$2:AK$366,ROUNDDOWN($C2329/24,0)+1,1))-1)+IF('Standard Profiles'!$G$21=$B$10,7,0)+IF('Standard Profiles'!$G$21=$B$17,14,0)+IF('Standard Profiles'!$G$21=$B$24,21,0),0)),0)</f>
        <v>28.756008925488405</v>
      </c>
      <c r="H2329" cm="1">
        <f t="array" ref="H2329">IFERROR(INDEX(Jesper!AL$2:AL$366,ROUNDDOWN($C2329/24,0)+1,1)*INDEX($D$3:$AA$30,INDEX(Jesper!$R$2:$R$366,ROW(INDEX(Jesper!AL$2:AL$366,ROUNDDOWN($C2329/24,0)+1,1))-1)+IF('Standard Profiles'!$G$22=$B$10,7,0)+IF('Standard Profiles'!$G$22=$B$17,14,0)+IF('Standard Profiles'!$G$22=$B$24,21,0),MOD($C2329,24)+1)/SUM(INDEX($D$3:$AA$30,INDEX(Jesper!$R$2:$R$366,ROW(INDEX(Jesper!AL$2:AL$366,ROUNDDOWN($C2329/24,0)+1,1))-1)+IF('Standard Profiles'!$G$22=$B$10,7,0)+IF('Standard Profiles'!$G$22=$B$17,14,0)+IF('Standard Profiles'!$G$22=$B$24,21,0),0)),0)</f>
        <v>0</v>
      </c>
      <c r="I2329">
        <f t="shared" si="265"/>
        <v>13.802884284234429</v>
      </c>
      <c r="J2329">
        <f t="shared" si="266"/>
        <v>84.356594260289356</v>
      </c>
      <c r="K2329">
        <f t="shared" si="267"/>
        <v>3.8623763997807292</v>
      </c>
      <c r="L2329">
        <f t="shared" si="268"/>
        <v>1.9311881998903646</v>
      </c>
      <c r="M2329">
        <f t="shared" si="269"/>
        <v>0</v>
      </c>
      <c r="N2329" s="45">
        <f t="shared" si="270"/>
        <v>45022.624999994434</v>
      </c>
    </row>
    <row r="2330" spans="2:14" x14ac:dyDescent="0.25">
      <c r="B2330">
        <f t="shared" si="264"/>
        <v>4</v>
      </c>
      <c r="C2330" s="16">
        <v>2296</v>
      </c>
      <c r="D2330" cm="1">
        <f t="array" ref="D2330">IFERROR(INDEX(Jesper!AH$2:AH$366,ROUNDDOWN($C2330/24,0)+1,1)*INDEX($D$3:$AA$30,INDEX(Jesper!$R$2:$R$366,ROW(INDEX(Jesper!AH$2:AH$366,ROUNDDOWN($C2330/24,0)+1,1))-1)+IF('Standard Profiles'!$G$18=$B$10,7,0)+IF('Standard Profiles'!$G$18=$B$17,14,0)+IF('Standard Profiles'!$G$18=$B$24,21,0),MOD($C2330,24)+1)/SUM(INDEX($D$3:$AA$30,INDEX(Jesper!$R$2:$R$366,ROW(INDEX(Jesper!AH$2:AH$366,ROUNDDOWN($C2330/24,0)+1,1))-1)+IF('Standard Profiles'!$G$18=$B$10,7,0)+IF('Standard Profiles'!$G$18=$B$17,14,0)+IF('Standard Profiles'!$G$18=$B$24,21,0),0)),0)</f>
        <v>21.337905333610056</v>
      </c>
      <c r="E2330" cm="1">
        <f t="array" ref="E2330">IFERROR(INDEX(Jesper!AI$2:AI$366,ROUNDDOWN($C2330/24,0)+1,1)*INDEX($D$3:$AA$30,INDEX(Jesper!$R$2:$R$366,ROW(INDEX(Jesper!AI$2:AI$366,ROUNDDOWN($C2330/24,0)+1,1))-1)+IF('Standard Profiles'!$G$19=$B$10,7,0)+IF('Standard Profiles'!$G$19=$B$17,14,0)+IF('Standard Profiles'!$G$19=$B$24,21,0),MOD($C2330,24)+1)/SUM(INDEX($D$3:$AA$30,INDEX(Jesper!$R$2:$R$366,ROW(INDEX(Jesper!AI$2:AI$366,ROUNDDOWN($C2330/24,0)+1,1))-1)+IF('Standard Profiles'!$G$19=$B$10,7,0)+IF('Standard Profiles'!$G$19=$B$17,14,0)+IF('Standard Profiles'!$G$19=$B$24,21,0),0)),0)</f>
        <v>22.974632688127684</v>
      </c>
      <c r="F2330" cm="1">
        <f t="array" ref="F2330">IFERROR(INDEX(Jesper!AJ$2:AJ$366,ROUNDDOWN($C2330/24,0)+1,1)*INDEX($D$3:$AA$30,INDEX(Jesper!$R$2:$R$366,ROW(INDEX(Jesper!AJ$2:AJ$366,ROUNDDOWN($C2330/24,0)+1,1))-1)+IF('Standard Profiles'!$G$20=$B$10,7,0)+IF('Standard Profiles'!$G$20=$B$17,14,0)+IF('Standard Profiles'!$G$20=$B$24,21,0),MOD($C2330,24)+1)/SUM(INDEX($D$3:$AA$30,INDEX(Jesper!$R$2:$R$366,ROW(INDEX(Jesper!AJ$2:AJ$366,ROUNDDOWN($C2330/24,0)+1,1))-1)+IF('Standard Profiles'!$G$20=$B$10,7,0)+IF('Standard Profiles'!$G$20=$B$17,14,0)+IF('Standard Profiles'!$G$20=$B$24,21,0),0)),0)</f>
        <v>0</v>
      </c>
      <c r="G2330" cm="1">
        <f t="array" ref="G2330">IFERROR(INDEX(Jesper!AK$2:AK$366,ROUNDDOWN($C2330/24,0)+1,1)*INDEX($D$3:$AA$30,INDEX(Jesper!$R$2:$R$366,ROW(INDEX(Jesper!AK$2:AK$366,ROUNDDOWN($C2330/24,0)+1,1))-1)+IF('Standard Profiles'!$G$21=$B$10,7,0)+IF('Standard Profiles'!$G$21=$B$17,14,0)+IF('Standard Profiles'!$G$21=$B$24,21,0),MOD($C2330,24)+1)/SUM(INDEX($D$3:$AA$30,INDEX(Jesper!$R$2:$R$366,ROW(INDEX(Jesper!AK$2:AK$366,ROUNDDOWN($C2330/24,0)+1,1))-1)+IF('Standard Profiles'!$G$21=$B$10,7,0)+IF('Standard Profiles'!$G$21=$B$17,14,0)+IF('Standard Profiles'!$G$21=$B$24,21,0),0)),0)</f>
        <v>24.028266078748629</v>
      </c>
      <c r="H2330" cm="1">
        <f t="array" ref="H2330">IFERROR(INDEX(Jesper!AL$2:AL$366,ROUNDDOWN($C2330/24,0)+1,1)*INDEX($D$3:$AA$30,INDEX(Jesper!$R$2:$R$366,ROW(INDEX(Jesper!AL$2:AL$366,ROUNDDOWN($C2330/24,0)+1,1))-1)+IF('Standard Profiles'!$G$22=$B$10,7,0)+IF('Standard Profiles'!$G$22=$B$17,14,0)+IF('Standard Profiles'!$G$22=$B$24,21,0),MOD($C2330,24)+1)/SUM(INDEX($D$3:$AA$30,INDEX(Jesper!$R$2:$R$366,ROW(INDEX(Jesper!AL$2:AL$366,ROUNDDOWN($C2330/24,0)+1,1))-1)+IF('Standard Profiles'!$G$22=$B$10,7,0)+IF('Standard Profiles'!$G$22=$B$17,14,0)+IF('Standard Profiles'!$G$22=$B$24,21,0),0)),0)</f>
        <v>0</v>
      </c>
      <c r="I2330">
        <f t="shared" si="265"/>
        <v>11.533567717799336</v>
      </c>
      <c r="J2330">
        <f t="shared" si="266"/>
        <v>53.39317152930942</v>
      </c>
      <c r="K2330">
        <f t="shared" si="267"/>
        <v>2.2760432355850728</v>
      </c>
      <c r="L2330">
        <f t="shared" si="268"/>
        <v>1.1380216177925364</v>
      </c>
      <c r="M2330">
        <f t="shared" si="269"/>
        <v>0</v>
      </c>
      <c r="N2330" s="45">
        <f t="shared" si="270"/>
        <v>45022.666666661098</v>
      </c>
    </row>
    <row r="2331" spans="2:14" x14ac:dyDescent="0.25">
      <c r="B2331">
        <f t="shared" si="264"/>
        <v>4</v>
      </c>
      <c r="C2331" s="16">
        <v>2297</v>
      </c>
      <c r="D2331" cm="1">
        <f t="array" ref="D2331">IFERROR(INDEX(Jesper!AH$2:AH$366,ROUNDDOWN($C2331/24,0)+1,1)*INDEX($D$3:$AA$30,INDEX(Jesper!$R$2:$R$366,ROW(INDEX(Jesper!AH$2:AH$366,ROUNDDOWN($C2331/24,0)+1,1))-1)+IF('Standard Profiles'!$G$18=$B$10,7,0)+IF('Standard Profiles'!$G$18=$B$17,14,0)+IF('Standard Profiles'!$G$18=$B$24,21,0),MOD($C2331,24)+1)/SUM(INDEX($D$3:$AA$30,INDEX(Jesper!$R$2:$R$366,ROW(INDEX(Jesper!AH$2:AH$366,ROUNDDOWN($C2331/24,0)+1,1))-1)+IF('Standard Profiles'!$G$18=$B$10,7,0)+IF('Standard Profiles'!$G$18=$B$17,14,0)+IF('Standard Profiles'!$G$18=$B$24,21,0),0)),0)</f>
        <v>9.1070872102475704</v>
      </c>
      <c r="E2331" cm="1">
        <f t="array" ref="E2331">IFERROR(INDEX(Jesper!AI$2:AI$366,ROUNDDOWN($C2331/24,0)+1,1)*INDEX($D$3:$AA$30,INDEX(Jesper!$R$2:$R$366,ROW(INDEX(Jesper!AI$2:AI$366,ROUNDDOWN($C2331/24,0)+1,1))-1)+IF('Standard Profiles'!$G$19=$B$10,7,0)+IF('Standard Profiles'!$G$19=$B$17,14,0)+IF('Standard Profiles'!$G$19=$B$24,21,0),MOD($C2331,24)+1)/SUM(INDEX($D$3:$AA$30,INDEX(Jesper!$R$2:$R$366,ROW(INDEX(Jesper!AI$2:AI$366,ROUNDDOWN($C2331/24,0)+1,1))-1)+IF('Standard Profiles'!$G$19=$B$10,7,0)+IF('Standard Profiles'!$G$19=$B$17,14,0)+IF('Standard Profiles'!$G$19=$B$24,21,0),0)),0)</f>
        <v>9.805647754215828</v>
      </c>
      <c r="F2331" cm="1">
        <f t="array" ref="F2331">IFERROR(INDEX(Jesper!AJ$2:AJ$366,ROUNDDOWN($C2331/24,0)+1,1)*INDEX($D$3:$AA$30,INDEX(Jesper!$R$2:$R$366,ROW(INDEX(Jesper!AJ$2:AJ$366,ROUNDDOWN($C2331/24,0)+1,1))-1)+IF('Standard Profiles'!$G$20=$B$10,7,0)+IF('Standard Profiles'!$G$20=$B$17,14,0)+IF('Standard Profiles'!$G$20=$B$24,21,0),MOD($C2331,24)+1)/SUM(INDEX($D$3:$AA$30,INDEX(Jesper!$R$2:$R$366,ROW(INDEX(Jesper!AJ$2:AJ$366,ROUNDDOWN($C2331/24,0)+1,1))-1)+IF('Standard Profiles'!$G$20=$B$10,7,0)+IF('Standard Profiles'!$G$20=$B$17,14,0)+IF('Standard Profiles'!$G$20=$B$24,21,0),0)),0)</f>
        <v>0</v>
      </c>
      <c r="G2331" cm="1">
        <f t="array" ref="G2331">IFERROR(INDEX(Jesper!AK$2:AK$366,ROUNDDOWN($C2331/24,0)+1,1)*INDEX($D$3:$AA$30,INDEX(Jesper!$R$2:$R$366,ROW(INDEX(Jesper!AK$2:AK$366,ROUNDDOWN($C2331/24,0)+1,1))-1)+IF('Standard Profiles'!$G$21=$B$10,7,0)+IF('Standard Profiles'!$G$21=$B$17,14,0)+IF('Standard Profiles'!$G$21=$B$24,21,0),MOD($C2331,24)+1)/SUM(INDEX($D$3:$AA$30,INDEX(Jesper!$R$2:$R$366,ROW(INDEX(Jesper!AK$2:AK$366,ROUNDDOWN($C2331/24,0)+1,1))-1)+IF('Standard Profiles'!$G$21=$B$10,7,0)+IF('Standard Profiles'!$G$21=$B$17,14,0)+IF('Standard Profiles'!$G$21=$B$24,21,0),0)),0)</f>
        <v>19.105747309483988</v>
      </c>
      <c r="H2331" cm="1">
        <f t="array" ref="H2331">IFERROR(INDEX(Jesper!AL$2:AL$366,ROUNDDOWN($C2331/24,0)+1,1)*INDEX($D$3:$AA$30,INDEX(Jesper!$R$2:$R$366,ROW(INDEX(Jesper!AL$2:AL$366,ROUNDDOWN($C2331/24,0)+1,1))-1)+IF('Standard Profiles'!$G$22=$B$10,7,0)+IF('Standard Profiles'!$G$22=$B$17,14,0)+IF('Standard Profiles'!$G$22=$B$24,21,0),MOD($C2331,24)+1)/SUM(INDEX($D$3:$AA$30,INDEX(Jesper!$R$2:$R$366,ROW(INDEX(Jesper!AL$2:AL$366,ROUNDDOWN($C2331/24,0)+1,1))-1)+IF('Standard Profiles'!$G$22=$B$10,7,0)+IF('Standard Profiles'!$G$22=$B$17,14,0)+IF('Standard Profiles'!$G$22=$B$24,21,0),0)),0)</f>
        <v>0</v>
      </c>
      <c r="I2331">
        <f t="shared" si="265"/>
        <v>9.1707587085523095</v>
      </c>
      <c r="J2331">
        <f t="shared" si="266"/>
        <v>27.390589611755466</v>
      </c>
      <c r="K2331">
        <f t="shared" si="267"/>
        <v>0.97142263575974086</v>
      </c>
      <c r="L2331">
        <f t="shared" si="268"/>
        <v>0.48571131787987043</v>
      </c>
      <c r="M2331">
        <f t="shared" si="269"/>
        <v>0</v>
      </c>
      <c r="N2331" s="45">
        <f t="shared" si="270"/>
        <v>45022.708333327762</v>
      </c>
    </row>
    <row r="2332" spans="2:14" x14ac:dyDescent="0.25">
      <c r="B2332">
        <f t="shared" si="264"/>
        <v>4</v>
      </c>
      <c r="C2332" s="16">
        <v>2298</v>
      </c>
      <c r="D2332" cm="1">
        <f t="array" ref="D2332">IFERROR(INDEX(Jesper!AH$2:AH$366,ROUNDDOWN($C2332/24,0)+1,1)*INDEX($D$3:$AA$30,INDEX(Jesper!$R$2:$R$366,ROW(INDEX(Jesper!AH$2:AH$366,ROUNDDOWN($C2332/24,0)+1,1))-1)+IF('Standard Profiles'!$G$18=$B$10,7,0)+IF('Standard Profiles'!$G$18=$B$17,14,0)+IF('Standard Profiles'!$G$18=$B$24,21,0),MOD($C2332,24)+1)/SUM(INDEX($D$3:$AA$30,INDEX(Jesper!$R$2:$R$366,ROW(INDEX(Jesper!AH$2:AH$366,ROUNDDOWN($C2332/24,0)+1,1))-1)+IF('Standard Profiles'!$G$18=$B$10,7,0)+IF('Standard Profiles'!$G$18=$B$17,14,0)+IF('Standard Profiles'!$G$18=$B$24,21,0),0)),0)</f>
        <v>6.0106775587633958</v>
      </c>
      <c r="E2332" cm="1">
        <f t="array" ref="E2332">IFERROR(INDEX(Jesper!AI$2:AI$366,ROUNDDOWN($C2332/24,0)+1,1)*INDEX($D$3:$AA$30,INDEX(Jesper!$R$2:$R$366,ROW(INDEX(Jesper!AI$2:AI$366,ROUNDDOWN($C2332/24,0)+1,1))-1)+IF('Standard Profiles'!$G$19=$B$10,7,0)+IF('Standard Profiles'!$G$19=$B$17,14,0)+IF('Standard Profiles'!$G$19=$B$24,21,0),MOD($C2332,24)+1)/SUM(INDEX($D$3:$AA$30,INDEX(Jesper!$R$2:$R$366,ROW(INDEX(Jesper!AI$2:AI$366,ROUNDDOWN($C2332/24,0)+1,1))-1)+IF('Standard Profiles'!$G$19=$B$10,7,0)+IF('Standard Profiles'!$G$19=$B$17,14,0)+IF('Standard Profiles'!$G$19=$B$24,21,0),0)),0)</f>
        <v>6.4717275177824458</v>
      </c>
      <c r="F2332" cm="1">
        <f t="array" ref="F2332">IFERROR(INDEX(Jesper!AJ$2:AJ$366,ROUNDDOWN($C2332/24,0)+1,1)*INDEX($D$3:$AA$30,INDEX(Jesper!$R$2:$R$366,ROW(INDEX(Jesper!AJ$2:AJ$366,ROUNDDOWN($C2332/24,0)+1,1))-1)+IF('Standard Profiles'!$G$20=$B$10,7,0)+IF('Standard Profiles'!$G$20=$B$17,14,0)+IF('Standard Profiles'!$G$20=$B$24,21,0),MOD($C2332,24)+1)/SUM(INDEX($D$3:$AA$30,INDEX(Jesper!$R$2:$R$366,ROW(INDEX(Jesper!AJ$2:AJ$366,ROUNDDOWN($C2332/24,0)+1,1))-1)+IF('Standard Profiles'!$G$20=$B$10,7,0)+IF('Standard Profiles'!$G$20=$B$17,14,0)+IF('Standard Profiles'!$G$20=$B$24,21,0),0)),0)</f>
        <v>0</v>
      </c>
      <c r="G2332" cm="1">
        <f t="array" ref="G2332">IFERROR(INDEX(Jesper!AK$2:AK$366,ROUNDDOWN($C2332/24,0)+1,1)*INDEX($D$3:$AA$30,INDEX(Jesper!$R$2:$R$366,ROW(INDEX(Jesper!AK$2:AK$366,ROUNDDOWN($C2332/24,0)+1,1))-1)+IF('Standard Profiles'!$G$21=$B$10,7,0)+IF('Standard Profiles'!$G$21=$B$17,14,0)+IF('Standard Profiles'!$G$21=$B$24,21,0),MOD($C2332,24)+1)/SUM(INDEX($D$3:$AA$30,INDEX(Jesper!$R$2:$R$366,ROW(INDEX(Jesper!AK$2:AK$366,ROUNDDOWN($C2332/24,0)+1,1))-1)+IF('Standard Profiles'!$G$21=$B$10,7,0)+IF('Standard Profiles'!$G$21=$B$17,14,0)+IF('Standard Profiles'!$G$21=$B$24,21,0),0)),0)</f>
        <v>7.0827608190858165</v>
      </c>
      <c r="H2332" cm="1">
        <f t="array" ref="H2332">IFERROR(INDEX(Jesper!AL$2:AL$366,ROUNDDOWN($C2332/24,0)+1,1)*INDEX($D$3:$AA$30,INDEX(Jesper!$R$2:$R$366,ROW(INDEX(Jesper!AL$2:AL$366,ROUNDDOWN($C2332/24,0)+1,1))-1)+IF('Standard Profiles'!$G$22=$B$10,7,0)+IF('Standard Profiles'!$G$22=$B$17,14,0)+IF('Standard Profiles'!$G$22=$B$24,21,0),MOD($C2332,24)+1)/SUM(INDEX($D$3:$AA$30,INDEX(Jesper!$R$2:$R$366,ROW(INDEX(Jesper!AL$2:AL$366,ROUNDDOWN($C2332/24,0)+1,1))-1)+IF('Standard Profiles'!$G$22=$B$10,7,0)+IF('Standard Profiles'!$G$22=$B$17,14,0)+IF('Standard Profiles'!$G$22=$B$24,21,0),0)),0)</f>
        <v>0</v>
      </c>
      <c r="I2332">
        <f t="shared" si="265"/>
        <v>3.3997251931611903</v>
      </c>
      <c r="J2332">
        <f t="shared" si="266"/>
        <v>15.203732293068326</v>
      </c>
      <c r="K2332">
        <f t="shared" si="267"/>
        <v>0.64113893960142898</v>
      </c>
      <c r="L2332">
        <f t="shared" si="268"/>
        <v>0.32056946980071449</v>
      </c>
      <c r="M2332">
        <f t="shared" si="269"/>
        <v>0</v>
      </c>
      <c r="N2332" s="45">
        <f t="shared" si="270"/>
        <v>45022.749999994427</v>
      </c>
    </row>
    <row r="2333" spans="2:14" x14ac:dyDescent="0.25">
      <c r="B2333">
        <f t="shared" si="264"/>
        <v>4</v>
      </c>
      <c r="C2333" s="16">
        <v>2299</v>
      </c>
      <c r="D2333" cm="1">
        <f t="array" ref="D2333">IFERROR(INDEX(Jesper!AH$2:AH$366,ROUNDDOWN($C2333/24,0)+1,1)*INDEX($D$3:$AA$30,INDEX(Jesper!$R$2:$R$366,ROW(INDEX(Jesper!AH$2:AH$366,ROUNDDOWN($C2333/24,0)+1,1))-1)+IF('Standard Profiles'!$G$18=$B$10,7,0)+IF('Standard Profiles'!$G$18=$B$17,14,0)+IF('Standard Profiles'!$G$18=$B$24,21,0),MOD($C2333,24)+1)/SUM(INDEX($D$3:$AA$30,INDEX(Jesper!$R$2:$R$366,ROW(INDEX(Jesper!AH$2:AH$366,ROUNDDOWN($C2333/24,0)+1,1))-1)+IF('Standard Profiles'!$G$18=$B$10,7,0)+IF('Standard Profiles'!$G$18=$B$17,14,0)+IF('Standard Profiles'!$G$18=$B$24,21,0),0)),0)</f>
        <v>6.0106775587633958</v>
      </c>
      <c r="E2333" cm="1">
        <f t="array" ref="E2333">IFERROR(INDEX(Jesper!AI$2:AI$366,ROUNDDOWN($C2333/24,0)+1,1)*INDEX($D$3:$AA$30,INDEX(Jesper!$R$2:$R$366,ROW(INDEX(Jesper!AI$2:AI$366,ROUNDDOWN($C2333/24,0)+1,1))-1)+IF('Standard Profiles'!$G$19=$B$10,7,0)+IF('Standard Profiles'!$G$19=$B$17,14,0)+IF('Standard Profiles'!$G$19=$B$24,21,0),MOD($C2333,24)+1)/SUM(INDEX($D$3:$AA$30,INDEX(Jesper!$R$2:$R$366,ROW(INDEX(Jesper!AI$2:AI$366,ROUNDDOWN($C2333/24,0)+1,1))-1)+IF('Standard Profiles'!$G$19=$B$10,7,0)+IF('Standard Profiles'!$G$19=$B$17,14,0)+IF('Standard Profiles'!$G$19=$B$24,21,0),0)),0)</f>
        <v>6.4717275177824458</v>
      </c>
      <c r="F2333" cm="1">
        <f t="array" ref="F2333">IFERROR(INDEX(Jesper!AJ$2:AJ$366,ROUNDDOWN($C2333/24,0)+1,1)*INDEX($D$3:$AA$30,INDEX(Jesper!$R$2:$R$366,ROW(INDEX(Jesper!AJ$2:AJ$366,ROUNDDOWN($C2333/24,0)+1,1))-1)+IF('Standard Profiles'!$G$20=$B$10,7,0)+IF('Standard Profiles'!$G$20=$B$17,14,0)+IF('Standard Profiles'!$G$20=$B$24,21,0),MOD($C2333,24)+1)/SUM(INDEX($D$3:$AA$30,INDEX(Jesper!$R$2:$R$366,ROW(INDEX(Jesper!AJ$2:AJ$366,ROUNDDOWN($C2333/24,0)+1,1))-1)+IF('Standard Profiles'!$G$20=$B$10,7,0)+IF('Standard Profiles'!$G$20=$B$17,14,0)+IF('Standard Profiles'!$G$20=$B$24,21,0),0)),0)</f>
        <v>0</v>
      </c>
      <c r="G2333" cm="1">
        <f t="array" ref="G2333">IFERROR(INDEX(Jesper!AK$2:AK$366,ROUNDDOWN($C2333/24,0)+1,1)*INDEX($D$3:$AA$30,INDEX(Jesper!$R$2:$R$366,ROW(INDEX(Jesper!AK$2:AK$366,ROUNDDOWN($C2333/24,0)+1,1))-1)+IF('Standard Profiles'!$G$21=$B$10,7,0)+IF('Standard Profiles'!$G$21=$B$17,14,0)+IF('Standard Profiles'!$G$21=$B$24,21,0),MOD($C2333,24)+1)/SUM(INDEX($D$3:$AA$30,INDEX(Jesper!$R$2:$R$366,ROW(INDEX(Jesper!AK$2:AK$366,ROUNDDOWN($C2333/24,0)+1,1))-1)+IF('Standard Profiles'!$G$21=$B$10,7,0)+IF('Standard Profiles'!$G$21=$B$17,14,0)+IF('Standard Profiles'!$G$21=$B$24,21,0),0)),0)</f>
        <v>7.0827608190858165</v>
      </c>
      <c r="H2333" cm="1">
        <f t="array" ref="H2333">IFERROR(INDEX(Jesper!AL$2:AL$366,ROUNDDOWN($C2333/24,0)+1,1)*INDEX($D$3:$AA$30,INDEX(Jesper!$R$2:$R$366,ROW(INDEX(Jesper!AL$2:AL$366,ROUNDDOWN($C2333/24,0)+1,1))-1)+IF('Standard Profiles'!$G$22=$B$10,7,0)+IF('Standard Profiles'!$G$22=$B$17,14,0)+IF('Standard Profiles'!$G$22=$B$24,21,0),MOD($C2333,24)+1)/SUM(INDEX($D$3:$AA$30,INDEX(Jesper!$R$2:$R$366,ROW(INDEX(Jesper!AL$2:AL$366,ROUNDDOWN($C2333/24,0)+1,1))-1)+IF('Standard Profiles'!$G$22=$B$10,7,0)+IF('Standard Profiles'!$G$22=$B$17,14,0)+IF('Standard Profiles'!$G$22=$B$24,21,0),0)),0)</f>
        <v>0</v>
      </c>
      <c r="I2333">
        <f t="shared" si="265"/>
        <v>3.3997251931611903</v>
      </c>
      <c r="J2333">
        <f t="shared" si="266"/>
        <v>15.203732293068326</v>
      </c>
      <c r="K2333">
        <f t="shared" si="267"/>
        <v>0.64113893960142898</v>
      </c>
      <c r="L2333">
        <f t="shared" si="268"/>
        <v>0.32056946980071449</v>
      </c>
      <c r="M2333">
        <f t="shared" si="269"/>
        <v>0</v>
      </c>
      <c r="N2333" s="45">
        <f t="shared" si="270"/>
        <v>45022.791666661091</v>
      </c>
    </row>
    <row r="2334" spans="2:14" x14ac:dyDescent="0.25">
      <c r="B2334">
        <f t="shared" si="264"/>
        <v>4</v>
      </c>
      <c r="C2334" s="16">
        <v>2300</v>
      </c>
      <c r="D2334" cm="1">
        <f t="array" ref="D2334">IFERROR(INDEX(Jesper!AH$2:AH$366,ROUNDDOWN($C2334/24,0)+1,1)*INDEX($D$3:$AA$30,INDEX(Jesper!$R$2:$R$366,ROW(INDEX(Jesper!AH$2:AH$366,ROUNDDOWN($C2334/24,0)+1,1))-1)+IF('Standard Profiles'!$G$18=$B$10,7,0)+IF('Standard Profiles'!$G$18=$B$17,14,0)+IF('Standard Profiles'!$G$18=$B$24,21,0),MOD($C2334,24)+1)/SUM(INDEX($D$3:$AA$30,INDEX(Jesper!$R$2:$R$366,ROW(INDEX(Jesper!AH$2:AH$366,ROUNDDOWN($C2334/24,0)+1,1))-1)+IF('Standard Profiles'!$G$18=$B$10,7,0)+IF('Standard Profiles'!$G$18=$B$17,14,0)+IF('Standard Profiles'!$G$18=$B$24,21,0),0)),0)</f>
        <v>6.0106775587633958</v>
      </c>
      <c r="E2334" cm="1">
        <f t="array" ref="E2334">IFERROR(INDEX(Jesper!AI$2:AI$366,ROUNDDOWN($C2334/24,0)+1,1)*INDEX($D$3:$AA$30,INDEX(Jesper!$R$2:$R$366,ROW(INDEX(Jesper!AI$2:AI$366,ROUNDDOWN($C2334/24,0)+1,1))-1)+IF('Standard Profiles'!$G$19=$B$10,7,0)+IF('Standard Profiles'!$G$19=$B$17,14,0)+IF('Standard Profiles'!$G$19=$B$24,21,0),MOD($C2334,24)+1)/SUM(INDEX($D$3:$AA$30,INDEX(Jesper!$R$2:$R$366,ROW(INDEX(Jesper!AI$2:AI$366,ROUNDDOWN($C2334/24,0)+1,1))-1)+IF('Standard Profiles'!$G$19=$B$10,7,0)+IF('Standard Profiles'!$G$19=$B$17,14,0)+IF('Standard Profiles'!$G$19=$B$24,21,0),0)),0)</f>
        <v>6.4717275177824458</v>
      </c>
      <c r="F2334" cm="1">
        <f t="array" ref="F2334">IFERROR(INDEX(Jesper!AJ$2:AJ$366,ROUNDDOWN($C2334/24,0)+1,1)*INDEX($D$3:$AA$30,INDEX(Jesper!$R$2:$R$366,ROW(INDEX(Jesper!AJ$2:AJ$366,ROUNDDOWN($C2334/24,0)+1,1))-1)+IF('Standard Profiles'!$G$20=$B$10,7,0)+IF('Standard Profiles'!$G$20=$B$17,14,0)+IF('Standard Profiles'!$G$20=$B$24,21,0),MOD($C2334,24)+1)/SUM(INDEX($D$3:$AA$30,INDEX(Jesper!$R$2:$R$366,ROW(INDEX(Jesper!AJ$2:AJ$366,ROUNDDOWN($C2334/24,0)+1,1))-1)+IF('Standard Profiles'!$G$20=$B$10,7,0)+IF('Standard Profiles'!$G$20=$B$17,14,0)+IF('Standard Profiles'!$G$20=$B$24,21,0),0)),0)</f>
        <v>0</v>
      </c>
      <c r="G2334" cm="1">
        <f t="array" ref="G2334">IFERROR(INDEX(Jesper!AK$2:AK$366,ROUNDDOWN($C2334/24,0)+1,1)*INDEX($D$3:$AA$30,INDEX(Jesper!$R$2:$R$366,ROW(INDEX(Jesper!AK$2:AK$366,ROUNDDOWN($C2334/24,0)+1,1))-1)+IF('Standard Profiles'!$G$21=$B$10,7,0)+IF('Standard Profiles'!$G$21=$B$17,14,0)+IF('Standard Profiles'!$G$21=$B$24,21,0),MOD($C2334,24)+1)/SUM(INDEX($D$3:$AA$30,INDEX(Jesper!$R$2:$R$366,ROW(INDEX(Jesper!AK$2:AK$366,ROUNDDOWN($C2334/24,0)+1,1))-1)+IF('Standard Profiles'!$G$21=$B$10,7,0)+IF('Standard Profiles'!$G$21=$B$17,14,0)+IF('Standard Profiles'!$G$21=$B$24,21,0),0)),0)</f>
        <v>7.0827608190858165</v>
      </c>
      <c r="H2334" cm="1">
        <f t="array" ref="H2334">IFERROR(INDEX(Jesper!AL$2:AL$366,ROUNDDOWN($C2334/24,0)+1,1)*INDEX($D$3:$AA$30,INDEX(Jesper!$R$2:$R$366,ROW(INDEX(Jesper!AL$2:AL$366,ROUNDDOWN($C2334/24,0)+1,1))-1)+IF('Standard Profiles'!$G$22=$B$10,7,0)+IF('Standard Profiles'!$G$22=$B$17,14,0)+IF('Standard Profiles'!$G$22=$B$24,21,0),MOD($C2334,24)+1)/SUM(INDEX($D$3:$AA$30,INDEX(Jesper!$R$2:$R$366,ROW(INDEX(Jesper!AL$2:AL$366,ROUNDDOWN($C2334/24,0)+1,1))-1)+IF('Standard Profiles'!$G$22=$B$10,7,0)+IF('Standard Profiles'!$G$22=$B$17,14,0)+IF('Standard Profiles'!$G$22=$B$24,21,0),0)),0)</f>
        <v>0</v>
      </c>
      <c r="I2334">
        <f t="shared" si="265"/>
        <v>3.3997251931611903</v>
      </c>
      <c r="J2334">
        <f t="shared" si="266"/>
        <v>15.203732293068326</v>
      </c>
      <c r="K2334">
        <f t="shared" si="267"/>
        <v>0.64113893960142898</v>
      </c>
      <c r="L2334">
        <f t="shared" si="268"/>
        <v>0.32056946980071449</v>
      </c>
      <c r="M2334">
        <f t="shared" si="269"/>
        <v>0</v>
      </c>
      <c r="N2334" s="45">
        <f t="shared" si="270"/>
        <v>45022.833333327755</v>
      </c>
    </row>
    <row r="2335" spans="2:14" x14ac:dyDescent="0.25">
      <c r="B2335">
        <f t="shared" si="264"/>
        <v>4</v>
      </c>
      <c r="C2335" s="16">
        <v>2301</v>
      </c>
      <c r="D2335" cm="1">
        <f t="array" ref="D2335">IFERROR(INDEX(Jesper!AH$2:AH$366,ROUNDDOWN($C2335/24,0)+1,1)*INDEX($D$3:$AA$30,INDEX(Jesper!$R$2:$R$366,ROW(INDEX(Jesper!AH$2:AH$366,ROUNDDOWN($C2335/24,0)+1,1))-1)+IF('Standard Profiles'!$G$18=$B$10,7,0)+IF('Standard Profiles'!$G$18=$B$17,14,0)+IF('Standard Profiles'!$G$18=$B$24,21,0),MOD($C2335,24)+1)/SUM(INDEX($D$3:$AA$30,INDEX(Jesper!$R$2:$R$366,ROW(INDEX(Jesper!AH$2:AH$366,ROUNDDOWN($C2335/24,0)+1,1))-1)+IF('Standard Profiles'!$G$18=$B$10,7,0)+IF('Standard Profiles'!$G$18=$B$17,14,0)+IF('Standard Profiles'!$G$18=$B$24,21,0),0)),0)</f>
        <v>6.0106775587633958</v>
      </c>
      <c r="E2335" cm="1">
        <f t="array" ref="E2335">IFERROR(INDEX(Jesper!AI$2:AI$366,ROUNDDOWN($C2335/24,0)+1,1)*INDEX($D$3:$AA$30,INDEX(Jesper!$R$2:$R$366,ROW(INDEX(Jesper!AI$2:AI$366,ROUNDDOWN($C2335/24,0)+1,1))-1)+IF('Standard Profiles'!$G$19=$B$10,7,0)+IF('Standard Profiles'!$G$19=$B$17,14,0)+IF('Standard Profiles'!$G$19=$B$24,21,0),MOD($C2335,24)+1)/SUM(INDEX($D$3:$AA$30,INDEX(Jesper!$R$2:$R$366,ROW(INDEX(Jesper!AI$2:AI$366,ROUNDDOWN($C2335/24,0)+1,1))-1)+IF('Standard Profiles'!$G$19=$B$10,7,0)+IF('Standard Profiles'!$G$19=$B$17,14,0)+IF('Standard Profiles'!$G$19=$B$24,21,0),0)),0)</f>
        <v>6.4717275177824458</v>
      </c>
      <c r="F2335" cm="1">
        <f t="array" ref="F2335">IFERROR(INDEX(Jesper!AJ$2:AJ$366,ROUNDDOWN($C2335/24,0)+1,1)*INDEX($D$3:$AA$30,INDEX(Jesper!$R$2:$R$366,ROW(INDEX(Jesper!AJ$2:AJ$366,ROUNDDOWN($C2335/24,0)+1,1))-1)+IF('Standard Profiles'!$G$20=$B$10,7,0)+IF('Standard Profiles'!$G$20=$B$17,14,0)+IF('Standard Profiles'!$G$20=$B$24,21,0),MOD($C2335,24)+1)/SUM(INDEX($D$3:$AA$30,INDEX(Jesper!$R$2:$R$366,ROW(INDEX(Jesper!AJ$2:AJ$366,ROUNDDOWN($C2335/24,0)+1,1))-1)+IF('Standard Profiles'!$G$20=$B$10,7,0)+IF('Standard Profiles'!$G$20=$B$17,14,0)+IF('Standard Profiles'!$G$20=$B$24,21,0),0)),0)</f>
        <v>0</v>
      </c>
      <c r="G2335" cm="1">
        <f t="array" ref="G2335">IFERROR(INDEX(Jesper!AK$2:AK$366,ROUNDDOWN($C2335/24,0)+1,1)*INDEX($D$3:$AA$30,INDEX(Jesper!$R$2:$R$366,ROW(INDEX(Jesper!AK$2:AK$366,ROUNDDOWN($C2335/24,0)+1,1))-1)+IF('Standard Profiles'!$G$21=$B$10,7,0)+IF('Standard Profiles'!$G$21=$B$17,14,0)+IF('Standard Profiles'!$G$21=$B$24,21,0),MOD($C2335,24)+1)/SUM(INDEX($D$3:$AA$30,INDEX(Jesper!$R$2:$R$366,ROW(INDEX(Jesper!AK$2:AK$366,ROUNDDOWN($C2335/24,0)+1,1))-1)+IF('Standard Profiles'!$G$21=$B$10,7,0)+IF('Standard Profiles'!$G$21=$B$17,14,0)+IF('Standard Profiles'!$G$21=$B$24,21,0),0)),0)</f>
        <v>7.0827608190858165</v>
      </c>
      <c r="H2335" cm="1">
        <f t="array" ref="H2335">IFERROR(INDEX(Jesper!AL$2:AL$366,ROUNDDOWN($C2335/24,0)+1,1)*INDEX($D$3:$AA$30,INDEX(Jesper!$R$2:$R$366,ROW(INDEX(Jesper!AL$2:AL$366,ROUNDDOWN($C2335/24,0)+1,1))-1)+IF('Standard Profiles'!$G$22=$B$10,7,0)+IF('Standard Profiles'!$G$22=$B$17,14,0)+IF('Standard Profiles'!$G$22=$B$24,21,0),MOD($C2335,24)+1)/SUM(INDEX($D$3:$AA$30,INDEX(Jesper!$R$2:$R$366,ROW(INDEX(Jesper!AL$2:AL$366,ROUNDDOWN($C2335/24,0)+1,1))-1)+IF('Standard Profiles'!$G$22=$B$10,7,0)+IF('Standard Profiles'!$G$22=$B$17,14,0)+IF('Standard Profiles'!$G$22=$B$24,21,0),0)),0)</f>
        <v>0</v>
      </c>
      <c r="I2335">
        <f t="shared" si="265"/>
        <v>3.3997251931611903</v>
      </c>
      <c r="J2335">
        <f t="shared" si="266"/>
        <v>15.203732293068326</v>
      </c>
      <c r="K2335">
        <f t="shared" si="267"/>
        <v>0.64113893960142898</v>
      </c>
      <c r="L2335">
        <f t="shared" si="268"/>
        <v>0.32056946980071449</v>
      </c>
      <c r="M2335">
        <f t="shared" si="269"/>
        <v>0</v>
      </c>
      <c r="N2335" s="45">
        <f t="shared" si="270"/>
        <v>45022.874999994419</v>
      </c>
    </row>
    <row r="2336" spans="2:14" x14ac:dyDescent="0.25">
      <c r="B2336">
        <f t="shared" si="264"/>
        <v>4</v>
      </c>
      <c r="C2336" s="16">
        <v>2302</v>
      </c>
      <c r="D2336" cm="1">
        <f t="array" ref="D2336">IFERROR(INDEX(Jesper!AH$2:AH$366,ROUNDDOWN($C2336/24,0)+1,1)*INDEX($D$3:$AA$30,INDEX(Jesper!$R$2:$R$366,ROW(INDEX(Jesper!AH$2:AH$366,ROUNDDOWN($C2336/24,0)+1,1))-1)+IF('Standard Profiles'!$G$18=$B$10,7,0)+IF('Standard Profiles'!$G$18=$B$17,14,0)+IF('Standard Profiles'!$G$18=$B$24,21,0),MOD($C2336,24)+1)/SUM(INDEX($D$3:$AA$30,INDEX(Jesper!$R$2:$R$366,ROW(INDEX(Jesper!AH$2:AH$366,ROUNDDOWN($C2336/24,0)+1,1))-1)+IF('Standard Profiles'!$G$18=$B$10,7,0)+IF('Standard Profiles'!$G$18=$B$17,14,0)+IF('Standard Profiles'!$G$18=$B$24,21,0),0)),0)</f>
        <v>6.0106775587633958</v>
      </c>
      <c r="E2336" cm="1">
        <f t="array" ref="E2336">IFERROR(INDEX(Jesper!AI$2:AI$366,ROUNDDOWN($C2336/24,0)+1,1)*INDEX($D$3:$AA$30,INDEX(Jesper!$R$2:$R$366,ROW(INDEX(Jesper!AI$2:AI$366,ROUNDDOWN($C2336/24,0)+1,1))-1)+IF('Standard Profiles'!$G$19=$B$10,7,0)+IF('Standard Profiles'!$G$19=$B$17,14,0)+IF('Standard Profiles'!$G$19=$B$24,21,0),MOD($C2336,24)+1)/SUM(INDEX($D$3:$AA$30,INDEX(Jesper!$R$2:$R$366,ROW(INDEX(Jesper!AI$2:AI$366,ROUNDDOWN($C2336/24,0)+1,1))-1)+IF('Standard Profiles'!$G$19=$B$10,7,0)+IF('Standard Profiles'!$G$19=$B$17,14,0)+IF('Standard Profiles'!$G$19=$B$24,21,0),0)),0)</f>
        <v>6.4717275177824458</v>
      </c>
      <c r="F2336" cm="1">
        <f t="array" ref="F2336">IFERROR(INDEX(Jesper!AJ$2:AJ$366,ROUNDDOWN($C2336/24,0)+1,1)*INDEX($D$3:$AA$30,INDEX(Jesper!$R$2:$R$366,ROW(INDEX(Jesper!AJ$2:AJ$366,ROUNDDOWN($C2336/24,0)+1,1))-1)+IF('Standard Profiles'!$G$20=$B$10,7,0)+IF('Standard Profiles'!$G$20=$B$17,14,0)+IF('Standard Profiles'!$G$20=$B$24,21,0),MOD($C2336,24)+1)/SUM(INDEX($D$3:$AA$30,INDEX(Jesper!$R$2:$R$366,ROW(INDEX(Jesper!AJ$2:AJ$366,ROUNDDOWN($C2336/24,0)+1,1))-1)+IF('Standard Profiles'!$G$20=$B$10,7,0)+IF('Standard Profiles'!$G$20=$B$17,14,0)+IF('Standard Profiles'!$G$20=$B$24,21,0),0)),0)</f>
        <v>0</v>
      </c>
      <c r="G2336" cm="1">
        <f t="array" ref="G2336">IFERROR(INDEX(Jesper!AK$2:AK$366,ROUNDDOWN($C2336/24,0)+1,1)*INDEX($D$3:$AA$30,INDEX(Jesper!$R$2:$R$366,ROW(INDEX(Jesper!AK$2:AK$366,ROUNDDOWN($C2336/24,0)+1,1))-1)+IF('Standard Profiles'!$G$21=$B$10,7,0)+IF('Standard Profiles'!$G$21=$B$17,14,0)+IF('Standard Profiles'!$G$21=$B$24,21,0),MOD($C2336,24)+1)/SUM(INDEX($D$3:$AA$30,INDEX(Jesper!$R$2:$R$366,ROW(INDEX(Jesper!AK$2:AK$366,ROUNDDOWN($C2336/24,0)+1,1))-1)+IF('Standard Profiles'!$G$21=$B$10,7,0)+IF('Standard Profiles'!$G$21=$B$17,14,0)+IF('Standard Profiles'!$G$21=$B$24,21,0),0)),0)</f>
        <v>7.0827608190858165</v>
      </c>
      <c r="H2336" cm="1">
        <f t="array" ref="H2336">IFERROR(INDEX(Jesper!AL$2:AL$366,ROUNDDOWN($C2336/24,0)+1,1)*INDEX($D$3:$AA$30,INDEX(Jesper!$R$2:$R$366,ROW(INDEX(Jesper!AL$2:AL$366,ROUNDDOWN($C2336/24,0)+1,1))-1)+IF('Standard Profiles'!$G$22=$B$10,7,0)+IF('Standard Profiles'!$G$22=$B$17,14,0)+IF('Standard Profiles'!$G$22=$B$24,21,0),MOD($C2336,24)+1)/SUM(INDEX($D$3:$AA$30,INDEX(Jesper!$R$2:$R$366,ROW(INDEX(Jesper!AL$2:AL$366,ROUNDDOWN($C2336/24,0)+1,1))-1)+IF('Standard Profiles'!$G$22=$B$10,7,0)+IF('Standard Profiles'!$G$22=$B$17,14,0)+IF('Standard Profiles'!$G$22=$B$24,21,0),0)),0)</f>
        <v>0</v>
      </c>
      <c r="I2336">
        <f t="shared" si="265"/>
        <v>3.3997251931611903</v>
      </c>
      <c r="J2336">
        <f t="shared" si="266"/>
        <v>15.203732293068326</v>
      </c>
      <c r="K2336">
        <f t="shared" si="267"/>
        <v>0.64113893960142898</v>
      </c>
      <c r="L2336">
        <f t="shared" si="268"/>
        <v>0.32056946980071449</v>
      </c>
      <c r="M2336">
        <f t="shared" si="269"/>
        <v>0</v>
      </c>
      <c r="N2336" s="45">
        <f t="shared" si="270"/>
        <v>45022.916666661084</v>
      </c>
    </row>
    <row r="2337" spans="2:14" x14ac:dyDescent="0.25">
      <c r="B2337">
        <f t="shared" si="264"/>
        <v>4</v>
      </c>
      <c r="C2337" s="16">
        <v>2303</v>
      </c>
      <c r="D2337" cm="1">
        <f t="array" ref="D2337">IFERROR(INDEX(Jesper!AH$2:AH$366,ROUNDDOWN($C2337/24,0)+1,1)*INDEX($D$3:$AA$30,INDEX(Jesper!$R$2:$R$366,ROW(INDEX(Jesper!AH$2:AH$366,ROUNDDOWN($C2337/24,0)+1,1))-1)+IF('Standard Profiles'!$G$18=$B$10,7,0)+IF('Standard Profiles'!$G$18=$B$17,14,0)+IF('Standard Profiles'!$G$18=$B$24,21,0),MOD($C2337,24)+1)/SUM(INDEX($D$3:$AA$30,INDEX(Jesper!$R$2:$R$366,ROW(INDEX(Jesper!AH$2:AH$366,ROUNDDOWN($C2337/24,0)+1,1))-1)+IF('Standard Profiles'!$G$18=$B$10,7,0)+IF('Standard Profiles'!$G$18=$B$17,14,0)+IF('Standard Profiles'!$G$18=$B$24,21,0),0)),0)</f>
        <v>6.0106775587633958</v>
      </c>
      <c r="E2337" cm="1">
        <f t="array" ref="E2337">IFERROR(INDEX(Jesper!AI$2:AI$366,ROUNDDOWN($C2337/24,0)+1,1)*INDEX($D$3:$AA$30,INDEX(Jesper!$R$2:$R$366,ROW(INDEX(Jesper!AI$2:AI$366,ROUNDDOWN($C2337/24,0)+1,1))-1)+IF('Standard Profiles'!$G$19=$B$10,7,0)+IF('Standard Profiles'!$G$19=$B$17,14,0)+IF('Standard Profiles'!$G$19=$B$24,21,0),MOD($C2337,24)+1)/SUM(INDEX($D$3:$AA$30,INDEX(Jesper!$R$2:$R$366,ROW(INDEX(Jesper!AI$2:AI$366,ROUNDDOWN($C2337/24,0)+1,1))-1)+IF('Standard Profiles'!$G$19=$B$10,7,0)+IF('Standard Profiles'!$G$19=$B$17,14,0)+IF('Standard Profiles'!$G$19=$B$24,21,0),0)),0)</f>
        <v>6.4717275177824458</v>
      </c>
      <c r="F2337" cm="1">
        <f t="array" ref="F2337">IFERROR(INDEX(Jesper!AJ$2:AJ$366,ROUNDDOWN($C2337/24,0)+1,1)*INDEX($D$3:$AA$30,INDEX(Jesper!$R$2:$R$366,ROW(INDEX(Jesper!AJ$2:AJ$366,ROUNDDOWN($C2337/24,0)+1,1))-1)+IF('Standard Profiles'!$G$20=$B$10,7,0)+IF('Standard Profiles'!$G$20=$B$17,14,0)+IF('Standard Profiles'!$G$20=$B$24,21,0),MOD($C2337,24)+1)/SUM(INDEX($D$3:$AA$30,INDEX(Jesper!$R$2:$R$366,ROW(INDEX(Jesper!AJ$2:AJ$366,ROUNDDOWN($C2337/24,0)+1,1))-1)+IF('Standard Profiles'!$G$20=$B$10,7,0)+IF('Standard Profiles'!$G$20=$B$17,14,0)+IF('Standard Profiles'!$G$20=$B$24,21,0),0)),0)</f>
        <v>0</v>
      </c>
      <c r="G2337" cm="1">
        <f t="array" ref="G2337">IFERROR(INDEX(Jesper!AK$2:AK$366,ROUNDDOWN($C2337/24,0)+1,1)*INDEX($D$3:$AA$30,INDEX(Jesper!$R$2:$R$366,ROW(INDEX(Jesper!AK$2:AK$366,ROUNDDOWN($C2337/24,0)+1,1))-1)+IF('Standard Profiles'!$G$21=$B$10,7,0)+IF('Standard Profiles'!$G$21=$B$17,14,0)+IF('Standard Profiles'!$G$21=$B$24,21,0),MOD($C2337,24)+1)/SUM(INDEX($D$3:$AA$30,INDEX(Jesper!$R$2:$R$366,ROW(INDEX(Jesper!AK$2:AK$366,ROUNDDOWN($C2337/24,0)+1,1))-1)+IF('Standard Profiles'!$G$21=$B$10,7,0)+IF('Standard Profiles'!$G$21=$B$17,14,0)+IF('Standard Profiles'!$G$21=$B$24,21,0),0)),0)</f>
        <v>7.0827608190858165</v>
      </c>
      <c r="H2337" cm="1">
        <f t="array" ref="H2337">IFERROR(INDEX(Jesper!AL$2:AL$366,ROUNDDOWN($C2337/24,0)+1,1)*INDEX($D$3:$AA$30,INDEX(Jesper!$R$2:$R$366,ROW(INDEX(Jesper!AL$2:AL$366,ROUNDDOWN($C2337/24,0)+1,1))-1)+IF('Standard Profiles'!$G$22=$B$10,7,0)+IF('Standard Profiles'!$G$22=$B$17,14,0)+IF('Standard Profiles'!$G$22=$B$24,21,0),MOD($C2337,24)+1)/SUM(INDEX($D$3:$AA$30,INDEX(Jesper!$R$2:$R$366,ROW(INDEX(Jesper!AL$2:AL$366,ROUNDDOWN($C2337/24,0)+1,1))-1)+IF('Standard Profiles'!$G$22=$B$10,7,0)+IF('Standard Profiles'!$G$22=$B$17,14,0)+IF('Standard Profiles'!$G$22=$B$24,21,0),0)),0)</f>
        <v>0</v>
      </c>
      <c r="I2337">
        <f t="shared" si="265"/>
        <v>3.3997251931611903</v>
      </c>
      <c r="J2337">
        <f t="shared" si="266"/>
        <v>15.203732293068326</v>
      </c>
      <c r="K2337">
        <f t="shared" si="267"/>
        <v>0.64113893960142898</v>
      </c>
      <c r="L2337">
        <f t="shared" si="268"/>
        <v>0.32056946980071449</v>
      </c>
      <c r="M2337">
        <f t="shared" si="269"/>
        <v>0</v>
      </c>
      <c r="N2337" s="45">
        <f t="shared" si="270"/>
        <v>45022.958333327748</v>
      </c>
    </row>
    <row r="2338" spans="2:14" x14ac:dyDescent="0.25">
      <c r="B2338">
        <f t="shared" si="264"/>
        <v>5</v>
      </c>
      <c r="C2338" s="16">
        <v>2304</v>
      </c>
      <c r="D2338" cm="1">
        <f t="array" ref="D2338">IFERROR(INDEX(Jesper!AH$2:AH$366,ROUNDDOWN($C2338/24,0)+1,1)*INDEX($D$3:$AA$30,INDEX(Jesper!$R$2:$R$366,ROW(INDEX(Jesper!AH$2:AH$366,ROUNDDOWN($C2338/24,0)+1,1))-1)+IF('Standard Profiles'!$G$18=$B$10,7,0)+IF('Standard Profiles'!$G$18=$B$17,14,0)+IF('Standard Profiles'!$G$18=$B$24,21,0),MOD($C2338,24)+1)/SUM(INDEX($D$3:$AA$30,INDEX(Jesper!$R$2:$R$366,ROW(INDEX(Jesper!AH$2:AH$366,ROUNDDOWN($C2338/24,0)+1,1))-1)+IF('Standard Profiles'!$G$18=$B$10,7,0)+IF('Standard Profiles'!$G$18=$B$17,14,0)+IF('Standard Profiles'!$G$18=$B$24,21,0),0)),0)</f>
        <v>9.0916343895159528</v>
      </c>
      <c r="E2338" cm="1">
        <f t="array" ref="E2338">IFERROR(INDEX(Jesper!AI$2:AI$366,ROUNDDOWN($C2338/24,0)+1,1)*INDEX($D$3:$AA$30,INDEX(Jesper!$R$2:$R$366,ROW(INDEX(Jesper!AI$2:AI$366,ROUNDDOWN($C2338/24,0)+1,1))-1)+IF('Standard Profiles'!$G$19=$B$10,7,0)+IF('Standard Profiles'!$G$19=$B$17,14,0)+IF('Standard Profiles'!$G$19=$B$24,21,0),MOD($C2338,24)+1)/SUM(INDEX($D$3:$AA$30,INDEX(Jesper!$R$2:$R$366,ROW(INDEX(Jesper!AI$2:AI$366,ROUNDDOWN($C2338/24,0)+1,1))-1)+IF('Standard Profiles'!$G$19=$B$10,7,0)+IF('Standard Profiles'!$G$19=$B$17,14,0)+IF('Standard Profiles'!$G$19=$B$24,21,0),0)),0)</f>
        <v>9.0952898928010413</v>
      </c>
      <c r="F2338" cm="1">
        <f t="array" ref="F2338">IFERROR(INDEX(Jesper!AJ$2:AJ$366,ROUNDDOWN($C2338/24,0)+1,1)*INDEX($D$3:$AA$30,INDEX(Jesper!$R$2:$R$366,ROW(INDEX(Jesper!AJ$2:AJ$366,ROUNDDOWN($C2338/24,0)+1,1))-1)+IF('Standard Profiles'!$G$20=$B$10,7,0)+IF('Standard Profiles'!$G$20=$B$17,14,0)+IF('Standard Profiles'!$G$20=$B$24,21,0),MOD($C2338,24)+1)/SUM(INDEX($D$3:$AA$30,INDEX(Jesper!$R$2:$R$366,ROW(INDEX(Jesper!AJ$2:AJ$366,ROUNDDOWN($C2338/24,0)+1,1))-1)+IF('Standard Profiles'!$G$20=$B$10,7,0)+IF('Standard Profiles'!$G$20=$B$17,14,0)+IF('Standard Profiles'!$G$20=$B$24,21,0),0)),0)</f>
        <v>0</v>
      </c>
      <c r="G2338" cm="1">
        <f t="array" ref="G2338">IFERROR(INDEX(Jesper!AK$2:AK$366,ROUNDDOWN($C2338/24,0)+1,1)*INDEX($D$3:$AA$30,INDEX(Jesper!$R$2:$R$366,ROW(INDEX(Jesper!AK$2:AK$366,ROUNDDOWN($C2338/24,0)+1,1))-1)+IF('Standard Profiles'!$G$21=$B$10,7,0)+IF('Standard Profiles'!$G$21=$B$17,14,0)+IF('Standard Profiles'!$G$21=$B$24,21,0),MOD($C2338,24)+1)/SUM(INDEX($D$3:$AA$30,INDEX(Jesper!$R$2:$R$366,ROW(INDEX(Jesper!AK$2:AK$366,ROUNDDOWN($C2338/24,0)+1,1))-1)+IF('Standard Profiles'!$G$21=$B$10,7,0)+IF('Standard Profiles'!$G$21=$B$17,14,0)+IF('Standard Profiles'!$G$21=$B$24,21,0),0)),0)</f>
        <v>5.5334224257508859</v>
      </c>
      <c r="H2338" cm="1">
        <f t="array" ref="H2338">IFERROR(INDEX(Jesper!AL$2:AL$366,ROUNDDOWN($C2338/24,0)+1,1)*INDEX($D$3:$AA$30,INDEX(Jesper!$R$2:$R$366,ROW(INDEX(Jesper!AL$2:AL$366,ROUNDDOWN($C2338/24,0)+1,1))-1)+IF('Standard Profiles'!$G$22=$B$10,7,0)+IF('Standard Profiles'!$G$22=$B$17,14,0)+IF('Standard Profiles'!$G$22=$B$24,21,0),MOD($C2338,24)+1)/SUM(INDEX($D$3:$AA$30,INDEX(Jesper!$R$2:$R$366,ROW(INDEX(Jesper!AL$2:AL$366,ROUNDDOWN($C2338/24,0)+1,1))-1)+IF('Standard Profiles'!$G$22=$B$10,7,0)+IF('Standard Profiles'!$G$22=$B$17,14,0)+IF('Standard Profiles'!$G$22=$B$24,21,0),0)),0)</f>
        <v>0</v>
      </c>
      <c r="I2338">
        <f t="shared" si="265"/>
        <v>2.6560427643604241</v>
      </c>
      <c r="J2338">
        <f t="shared" si="266"/>
        <v>19.609642441384906</v>
      </c>
      <c r="K2338">
        <f t="shared" si="267"/>
        <v>0.96977433488170173</v>
      </c>
      <c r="L2338">
        <f t="shared" si="268"/>
        <v>0.48488716744085086</v>
      </c>
      <c r="M2338">
        <f t="shared" si="269"/>
        <v>0</v>
      </c>
      <c r="N2338" s="45">
        <f t="shared" si="270"/>
        <v>45022.999999994412</v>
      </c>
    </row>
    <row r="2339" spans="2:14" x14ac:dyDescent="0.25">
      <c r="B2339">
        <f t="shared" ref="B2339:B2402" si="271">WEEKDAY(N2339,2)</f>
        <v>5</v>
      </c>
      <c r="C2339" s="16">
        <v>2305</v>
      </c>
      <c r="D2339" cm="1">
        <f t="array" ref="D2339">IFERROR(INDEX(Jesper!AH$2:AH$366,ROUNDDOWN($C2339/24,0)+1,1)*INDEX($D$3:$AA$30,INDEX(Jesper!$R$2:$R$366,ROW(INDEX(Jesper!AH$2:AH$366,ROUNDDOWN($C2339/24,0)+1,1))-1)+IF('Standard Profiles'!$G$18=$B$10,7,0)+IF('Standard Profiles'!$G$18=$B$17,14,0)+IF('Standard Profiles'!$G$18=$B$24,21,0),MOD($C2339,24)+1)/SUM(INDEX($D$3:$AA$30,INDEX(Jesper!$R$2:$R$366,ROW(INDEX(Jesper!AH$2:AH$366,ROUNDDOWN($C2339/24,0)+1,1))-1)+IF('Standard Profiles'!$G$18=$B$10,7,0)+IF('Standard Profiles'!$G$18=$B$17,14,0)+IF('Standard Profiles'!$G$18=$B$24,21,0),0)),0)</f>
        <v>5.5100814481914862</v>
      </c>
      <c r="E2339" cm="1">
        <f t="array" ref="E2339">IFERROR(INDEX(Jesper!AI$2:AI$366,ROUNDDOWN($C2339/24,0)+1,1)*INDEX($D$3:$AA$30,INDEX(Jesper!$R$2:$R$366,ROW(INDEX(Jesper!AI$2:AI$366,ROUNDDOWN($C2339/24,0)+1,1))-1)+IF('Standard Profiles'!$G$19=$B$10,7,0)+IF('Standard Profiles'!$G$19=$B$17,14,0)+IF('Standard Profiles'!$G$19=$B$24,21,0),MOD($C2339,24)+1)/SUM(INDEX($D$3:$AA$30,INDEX(Jesper!$R$2:$R$366,ROW(INDEX(Jesper!AI$2:AI$366,ROUNDDOWN($C2339/24,0)+1,1))-1)+IF('Standard Profiles'!$G$19=$B$10,7,0)+IF('Standard Profiles'!$G$19=$B$17,14,0)+IF('Standard Profiles'!$G$19=$B$24,21,0),0)),0)</f>
        <v>5.5122969047279042</v>
      </c>
      <c r="F2339" cm="1">
        <f t="array" ref="F2339">IFERROR(INDEX(Jesper!AJ$2:AJ$366,ROUNDDOWN($C2339/24,0)+1,1)*INDEX($D$3:$AA$30,INDEX(Jesper!$R$2:$R$366,ROW(INDEX(Jesper!AJ$2:AJ$366,ROUNDDOWN($C2339/24,0)+1,1))-1)+IF('Standard Profiles'!$G$20=$B$10,7,0)+IF('Standard Profiles'!$G$20=$B$17,14,0)+IF('Standard Profiles'!$G$20=$B$24,21,0),MOD($C2339,24)+1)/SUM(INDEX($D$3:$AA$30,INDEX(Jesper!$R$2:$R$366,ROW(INDEX(Jesper!AJ$2:AJ$366,ROUNDDOWN($C2339/24,0)+1,1))-1)+IF('Standard Profiles'!$G$20=$B$10,7,0)+IF('Standard Profiles'!$G$20=$B$17,14,0)+IF('Standard Profiles'!$G$20=$B$24,21,0),0)),0)</f>
        <v>0</v>
      </c>
      <c r="G2339" cm="1">
        <f t="array" ref="G2339">IFERROR(INDEX(Jesper!AK$2:AK$366,ROUNDDOWN($C2339/24,0)+1,1)*INDEX($D$3:$AA$30,INDEX(Jesper!$R$2:$R$366,ROW(INDEX(Jesper!AK$2:AK$366,ROUNDDOWN($C2339/24,0)+1,1))-1)+IF('Standard Profiles'!$G$21=$B$10,7,0)+IF('Standard Profiles'!$G$21=$B$17,14,0)+IF('Standard Profiles'!$G$21=$B$24,21,0),MOD($C2339,24)+1)/SUM(INDEX($D$3:$AA$30,INDEX(Jesper!$R$2:$R$366,ROW(INDEX(Jesper!AK$2:AK$366,ROUNDDOWN($C2339/24,0)+1,1))-1)+IF('Standard Profiles'!$G$21=$B$10,7,0)+IF('Standard Profiles'!$G$21=$B$17,14,0)+IF('Standard Profiles'!$G$21=$B$24,21,0),0)),0)</f>
        <v>5.5334224257508859</v>
      </c>
      <c r="H2339" cm="1">
        <f t="array" ref="H2339">IFERROR(INDEX(Jesper!AL$2:AL$366,ROUNDDOWN($C2339/24,0)+1,1)*INDEX($D$3:$AA$30,INDEX(Jesper!$R$2:$R$366,ROW(INDEX(Jesper!AL$2:AL$366,ROUNDDOWN($C2339/24,0)+1,1))-1)+IF('Standard Profiles'!$G$22=$B$10,7,0)+IF('Standard Profiles'!$G$22=$B$17,14,0)+IF('Standard Profiles'!$G$22=$B$24,21,0),MOD($C2339,24)+1)/SUM(INDEX($D$3:$AA$30,INDEX(Jesper!$R$2:$R$366,ROW(INDEX(Jesper!AL$2:AL$366,ROUNDDOWN($C2339/24,0)+1,1))-1)+IF('Standard Profiles'!$G$22=$B$10,7,0)+IF('Standard Profiles'!$G$22=$B$17,14,0)+IF('Standard Profiles'!$G$22=$B$24,21,0),0)),0)</f>
        <v>0</v>
      </c>
      <c r="I2339">
        <f t="shared" ref="I2339:I2402" si="272">IF($B2339&lt;6,AC$37*$D2339+AC$38*$E2339+AC$39*$F2339+AC$40*$G2339,AC$46*$D2339+AC$47*$E2339+AC$48*$F2339+AC$49*$G2339+AC$50*$H2339)</f>
        <v>2.6560427643604241</v>
      </c>
      <c r="J2339">
        <f t="shared" ref="J2339:J2402" si="273">IF($B2339&lt;6,AD$37*$D2339+AD$38*$E2339+AD$39*$F2339+AD$40*$G2339,AD$46*$D2339+AD$47*$E2339+AD$48*$F2339+AD$49*$G2339+AD$50*$H2339)</f>
        <v>13.018144982599214</v>
      </c>
      <c r="K2339">
        <f t="shared" ref="K2339:K2402" si="274">IF($B2339&lt;6,AE$37*$D2339+AE$38*$E2339+AE$39*$F2339+AE$40*$G2339,AE$46*$D2339+AE$47*$E2339+AE$48*$F2339+AE$49*$G2339+AE$50*$H2339)</f>
        <v>0.58774202114042517</v>
      </c>
      <c r="L2339">
        <f t="shared" ref="L2339:L2402" si="275">IF($B2339&lt;6,AF$37*$D2339+AF$38*$E2339+AF$39*$F2339+AF$40*$G2339,AF$46*$D2339+AF$47*$E2339+AF$48*$F2339+AF$49*$G2339+AF$50*$H2339)</f>
        <v>0.29387101057021259</v>
      </c>
      <c r="M2339">
        <f t="shared" ref="M2339:M2402" si="276">IF($B2339&lt;6,AG$37*$D2339+AG$38*$E2339+AG$39*$F2339+AG$40*$G2339,AG$46*$D2339+AG$47*$E2339+AG$48*$F2339+AG$49*$G2339+AG$50*$H2339)</f>
        <v>0</v>
      </c>
      <c r="N2339" s="45">
        <f t="shared" si="270"/>
        <v>45023.041666661076</v>
      </c>
    </row>
    <row r="2340" spans="2:14" x14ac:dyDescent="0.25">
      <c r="B2340">
        <f t="shared" si="271"/>
        <v>5</v>
      </c>
      <c r="C2340" s="16">
        <v>2306</v>
      </c>
      <c r="D2340" cm="1">
        <f t="array" ref="D2340">IFERROR(INDEX(Jesper!AH$2:AH$366,ROUNDDOWN($C2340/24,0)+1,1)*INDEX($D$3:$AA$30,INDEX(Jesper!$R$2:$R$366,ROW(INDEX(Jesper!AH$2:AH$366,ROUNDDOWN($C2340/24,0)+1,1))-1)+IF('Standard Profiles'!$G$18=$B$10,7,0)+IF('Standard Profiles'!$G$18=$B$17,14,0)+IF('Standard Profiles'!$G$18=$B$24,21,0),MOD($C2340,24)+1)/SUM(INDEX($D$3:$AA$30,INDEX(Jesper!$R$2:$R$366,ROW(INDEX(Jesper!AH$2:AH$366,ROUNDDOWN($C2340/24,0)+1,1))-1)+IF('Standard Profiles'!$G$18=$B$10,7,0)+IF('Standard Profiles'!$G$18=$B$17,14,0)+IF('Standard Profiles'!$G$18=$B$24,21,0),0)),0)</f>
        <v>5.5100814481914862</v>
      </c>
      <c r="E2340" cm="1">
        <f t="array" ref="E2340">IFERROR(INDEX(Jesper!AI$2:AI$366,ROUNDDOWN($C2340/24,0)+1,1)*INDEX($D$3:$AA$30,INDEX(Jesper!$R$2:$R$366,ROW(INDEX(Jesper!AI$2:AI$366,ROUNDDOWN($C2340/24,0)+1,1))-1)+IF('Standard Profiles'!$G$19=$B$10,7,0)+IF('Standard Profiles'!$G$19=$B$17,14,0)+IF('Standard Profiles'!$G$19=$B$24,21,0),MOD($C2340,24)+1)/SUM(INDEX($D$3:$AA$30,INDEX(Jesper!$R$2:$R$366,ROW(INDEX(Jesper!AI$2:AI$366,ROUNDDOWN($C2340/24,0)+1,1))-1)+IF('Standard Profiles'!$G$19=$B$10,7,0)+IF('Standard Profiles'!$G$19=$B$17,14,0)+IF('Standard Profiles'!$G$19=$B$24,21,0),0)),0)</f>
        <v>5.5122969047279042</v>
      </c>
      <c r="F2340" cm="1">
        <f t="array" ref="F2340">IFERROR(INDEX(Jesper!AJ$2:AJ$366,ROUNDDOWN($C2340/24,0)+1,1)*INDEX($D$3:$AA$30,INDEX(Jesper!$R$2:$R$366,ROW(INDEX(Jesper!AJ$2:AJ$366,ROUNDDOWN($C2340/24,0)+1,1))-1)+IF('Standard Profiles'!$G$20=$B$10,7,0)+IF('Standard Profiles'!$G$20=$B$17,14,0)+IF('Standard Profiles'!$G$20=$B$24,21,0),MOD($C2340,24)+1)/SUM(INDEX($D$3:$AA$30,INDEX(Jesper!$R$2:$R$366,ROW(INDEX(Jesper!AJ$2:AJ$366,ROUNDDOWN($C2340/24,0)+1,1))-1)+IF('Standard Profiles'!$G$20=$B$10,7,0)+IF('Standard Profiles'!$G$20=$B$17,14,0)+IF('Standard Profiles'!$G$20=$B$24,21,0),0)),0)</f>
        <v>0</v>
      </c>
      <c r="G2340" cm="1">
        <f t="array" ref="G2340">IFERROR(INDEX(Jesper!AK$2:AK$366,ROUNDDOWN($C2340/24,0)+1,1)*INDEX($D$3:$AA$30,INDEX(Jesper!$R$2:$R$366,ROW(INDEX(Jesper!AK$2:AK$366,ROUNDDOWN($C2340/24,0)+1,1))-1)+IF('Standard Profiles'!$G$21=$B$10,7,0)+IF('Standard Profiles'!$G$21=$B$17,14,0)+IF('Standard Profiles'!$G$21=$B$24,21,0),MOD($C2340,24)+1)/SUM(INDEX($D$3:$AA$30,INDEX(Jesper!$R$2:$R$366,ROW(INDEX(Jesper!AK$2:AK$366,ROUNDDOWN($C2340/24,0)+1,1))-1)+IF('Standard Profiles'!$G$21=$B$10,7,0)+IF('Standard Profiles'!$G$21=$B$17,14,0)+IF('Standard Profiles'!$G$21=$B$24,21,0),0)),0)</f>
        <v>5.5334224257508859</v>
      </c>
      <c r="H2340" cm="1">
        <f t="array" ref="H2340">IFERROR(INDEX(Jesper!AL$2:AL$366,ROUNDDOWN($C2340/24,0)+1,1)*INDEX($D$3:$AA$30,INDEX(Jesper!$R$2:$R$366,ROW(INDEX(Jesper!AL$2:AL$366,ROUNDDOWN($C2340/24,0)+1,1))-1)+IF('Standard Profiles'!$G$22=$B$10,7,0)+IF('Standard Profiles'!$G$22=$B$17,14,0)+IF('Standard Profiles'!$G$22=$B$24,21,0),MOD($C2340,24)+1)/SUM(INDEX($D$3:$AA$30,INDEX(Jesper!$R$2:$R$366,ROW(INDEX(Jesper!AL$2:AL$366,ROUNDDOWN($C2340/24,0)+1,1))-1)+IF('Standard Profiles'!$G$22=$B$10,7,0)+IF('Standard Profiles'!$G$22=$B$17,14,0)+IF('Standard Profiles'!$G$22=$B$24,21,0),0)),0)</f>
        <v>0</v>
      </c>
      <c r="I2340">
        <f t="shared" si="272"/>
        <v>2.6560427643604241</v>
      </c>
      <c r="J2340">
        <f t="shared" si="273"/>
        <v>13.018144982599214</v>
      </c>
      <c r="K2340">
        <f t="shared" si="274"/>
        <v>0.58774202114042517</v>
      </c>
      <c r="L2340">
        <f t="shared" si="275"/>
        <v>0.29387101057021259</v>
      </c>
      <c r="M2340">
        <f t="shared" si="276"/>
        <v>0</v>
      </c>
      <c r="N2340" s="45">
        <f t="shared" ref="N2340:N2403" si="277">N2339+1/24</f>
        <v>45023.083333327741</v>
      </c>
    </row>
    <row r="2341" spans="2:14" x14ac:dyDescent="0.25">
      <c r="B2341">
        <f t="shared" si="271"/>
        <v>5</v>
      </c>
      <c r="C2341" s="16">
        <v>2307</v>
      </c>
      <c r="D2341" cm="1">
        <f t="array" ref="D2341">IFERROR(INDEX(Jesper!AH$2:AH$366,ROUNDDOWN($C2341/24,0)+1,1)*INDEX($D$3:$AA$30,INDEX(Jesper!$R$2:$R$366,ROW(INDEX(Jesper!AH$2:AH$366,ROUNDDOWN($C2341/24,0)+1,1))-1)+IF('Standard Profiles'!$G$18=$B$10,7,0)+IF('Standard Profiles'!$G$18=$B$17,14,0)+IF('Standard Profiles'!$G$18=$B$24,21,0),MOD($C2341,24)+1)/SUM(INDEX($D$3:$AA$30,INDEX(Jesper!$R$2:$R$366,ROW(INDEX(Jesper!AH$2:AH$366,ROUNDDOWN($C2341/24,0)+1,1))-1)+IF('Standard Profiles'!$G$18=$B$10,7,0)+IF('Standard Profiles'!$G$18=$B$17,14,0)+IF('Standard Profiles'!$G$18=$B$24,21,0),0)),0)</f>
        <v>5.5100814481914862</v>
      </c>
      <c r="E2341" cm="1">
        <f t="array" ref="E2341">IFERROR(INDEX(Jesper!AI$2:AI$366,ROUNDDOWN($C2341/24,0)+1,1)*INDEX($D$3:$AA$30,INDEX(Jesper!$R$2:$R$366,ROW(INDEX(Jesper!AI$2:AI$366,ROUNDDOWN($C2341/24,0)+1,1))-1)+IF('Standard Profiles'!$G$19=$B$10,7,0)+IF('Standard Profiles'!$G$19=$B$17,14,0)+IF('Standard Profiles'!$G$19=$B$24,21,0),MOD($C2341,24)+1)/SUM(INDEX($D$3:$AA$30,INDEX(Jesper!$R$2:$R$366,ROW(INDEX(Jesper!AI$2:AI$366,ROUNDDOWN($C2341/24,0)+1,1))-1)+IF('Standard Profiles'!$G$19=$B$10,7,0)+IF('Standard Profiles'!$G$19=$B$17,14,0)+IF('Standard Profiles'!$G$19=$B$24,21,0),0)),0)</f>
        <v>5.5122969047279042</v>
      </c>
      <c r="F2341" cm="1">
        <f t="array" ref="F2341">IFERROR(INDEX(Jesper!AJ$2:AJ$366,ROUNDDOWN($C2341/24,0)+1,1)*INDEX($D$3:$AA$30,INDEX(Jesper!$R$2:$R$366,ROW(INDEX(Jesper!AJ$2:AJ$366,ROUNDDOWN($C2341/24,0)+1,1))-1)+IF('Standard Profiles'!$G$20=$B$10,7,0)+IF('Standard Profiles'!$G$20=$B$17,14,0)+IF('Standard Profiles'!$G$20=$B$24,21,0),MOD($C2341,24)+1)/SUM(INDEX($D$3:$AA$30,INDEX(Jesper!$R$2:$R$366,ROW(INDEX(Jesper!AJ$2:AJ$366,ROUNDDOWN($C2341/24,0)+1,1))-1)+IF('Standard Profiles'!$G$20=$B$10,7,0)+IF('Standard Profiles'!$G$20=$B$17,14,0)+IF('Standard Profiles'!$G$20=$B$24,21,0),0)),0)</f>
        <v>0</v>
      </c>
      <c r="G2341" cm="1">
        <f t="array" ref="G2341">IFERROR(INDEX(Jesper!AK$2:AK$366,ROUNDDOWN($C2341/24,0)+1,1)*INDEX($D$3:$AA$30,INDEX(Jesper!$R$2:$R$366,ROW(INDEX(Jesper!AK$2:AK$366,ROUNDDOWN($C2341/24,0)+1,1))-1)+IF('Standard Profiles'!$G$21=$B$10,7,0)+IF('Standard Profiles'!$G$21=$B$17,14,0)+IF('Standard Profiles'!$G$21=$B$24,21,0),MOD($C2341,24)+1)/SUM(INDEX($D$3:$AA$30,INDEX(Jesper!$R$2:$R$366,ROW(INDEX(Jesper!AK$2:AK$366,ROUNDDOWN($C2341/24,0)+1,1))-1)+IF('Standard Profiles'!$G$21=$B$10,7,0)+IF('Standard Profiles'!$G$21=$B$17,14,0)+IF('Standard Profiles'!$G$21=$B$24,21,0),0)),0)</f>
        <v>5.5334224257508859</v>
      </c>
      <c r="H2341" cm="1">
        <f t="array" ref="H2341">IFERROR(INDEX(Jesper!AL$2:AL$366,ROUNDDOWN($C2341/24,0)+1,1)*INDEX($D$3:$AA$30,INDEX(Jesper!$R$2:$R$366,ROW(INDEX(Jesper!AL$2:AL$366,ROUNDDOWN($C2341/24,0)+1,1))-1)+IF('Standard Profiles'!$G$22=$B$10,7,0)+IF('Standard Profiles'!$G$22=$B$17,14,0)+IF('Standard Profiles'!$G$22=$B$24,21,0),MOD($C2341,24)+1)/SUM(INDEX($D$3:$AA$30,INDEX(Jesper!$R$2:$R$366,ROW(INDEX(Jesper!AL$2:AL$366,ROUNDDOWN($C2341/24,0)+1,1))-1)+IF('Standard Profiles'!$G$22=$B$10,7,0)+IF('Standard Profiles'!$G$22=$B$17,14,0)+IF('Standard Profiles'!$G$22=$B$24,21,0),0)),0)</f>
        <v>0</v>
      </c>
      <c r="I2341">
        <f t="shared" si="272"/>
        <v>2.6560427643604241</v>
      </c>
      <c r="J2341">
        <f t="shared" si="273"/>
        <v>13.018144982599214</v>
      </c>
      <c r="K2341">
        <f t="shared" si="274"/>
        <v>0.58774202114042517</v>
      </c>
      <c r="L2341">
        <f t="shared" si="275"/>
        <v>0.29387101057021259</v>
      </c>
      <c r="M2341">
        <f t="shared" si="276"/>
        <v>0</v>
      </c>
      <c r="N2341" s="45">
        <f t="shared" si="277"/>
        <v>45023.124999994405</v>
      </c>
    </row>
    <row r="2342" spans="2:14" x14ac:dyDescent="0.25">
      <c r="B2342">
        <f t="shared" si="271"/>
        <v>5</v>
      </c>
      <c r="C2342" s="16">
        <v>2308</v>
      </c>
      <c r="D2342" cm="1">
        <f t="array" ref="D2342">IFERROR(INDEX(Jesper!AH$2:AH$366,ROUNDDOWN($C2342/24,0)+1,1)*INDEX($D$3:$AA$30,INDEX(Jesper!$R$2:$R$366,ROW(INDEX(Jesper!AH$2:AH$366,ROUNDDOWN($C2342/24,0)+1,1))-1)+IF('Standard Profiles'!$G$18=$B$10,7,0)+IF('Standard Profiles'!$G$18=$B$17,14,0)+IF('Standard Profiles'!$G$18=$B$24,21,0),MOD($C2342,24)+1)/SUM(INDEX($D$3:$AA$30,INDEX(Jesper!$R$2:$R$366,ROW(INDEX(Jesper!AH$2:AH$366,ROUNDDOWN($C2342/24,0)+1,1))-1)+IF('Standard Profiles'!$G$18=$B$10,7,0)+IF('Standard Profiles'!$G$18=$B$17,14,0)+IF('Standard Profiles'!$G$18=$B$24,21,0),0)),0)</f>
        <v>5.5100814481914862</v>
      </c>
      <c r="E2342" cm="1">
        <f t="array" ref="E2342">IFERROR(INDEX(Jesper!AI$2:AI$366,ROUNDDOWN($C2342/24,0)+1,1)*INDEX($D$3:$AA$30,INDEX(Jesper!$R$2:$R$366,ROW(INDEX(Jesper!AI$2:AI$366,ROUNDDOWN($C2342/24,0)+1,1))-1)+IF('Standard Profiles'!$G$19=$B$10,7,0)+IF('Standard Profiles'!$G$19=$B$17,14,0)+IF('Standard Profiles'!$G$19=$B$24,21,0),MOD($C2342,24)+1)/SUM(INDEX($D$3:$AA$30,INDEX(Jesper!$R$2:$R$366,ROW(INDEX(Jesper!AI$2:AI$366,ROUNDDOWN($C2342/24,0)+1,1))-1)+IF('Standard Profiles'!$G$19=$B$10,7,0)+IF('Standard Profiles'!$G$19=$B$17,14,0)+IF('Standard Profiles'!$G$19=$B$24,21,0),0)),0)</f>
        <v>5.5122969047279042</v>
      </c>
      <c r="F2342" cm="1">
        <f t="array" ref="F2342">IFERROR(INDEX(Jesper!AJ$2:AJ$366,ROUNDDOWN($C2342/24,0)+1,1)*INDEX($D$3:$AA$30,INDEX(Jesper!$R$2:$R$366,ROW(INDEX(Jesper!AJ$2:AJ$366,ROUNDDOWN($C2342/24,0)+1,1))-1)+IF('Standard Profiles'!$G$20=$B$10,7,0)+IF('Standard Profiles'!$G$20=$B$17,14,0)+IF('Standard Profiles'!$G$20=$B$24,21,0),MOD($C2342,24)+1)/SUM(INDEX($D$3:$AA$30,INDEX(Jesper!$R$2:$R$366,ROW(INDEX(Jesper!AJ$2:AJ$366,ROUNDDOWN($C2342/24,0)+1,1))-1)+IF('Standard Profiles'!$G$20=$B$10,7,0)+IF('Standard Profiles'!$G$20=$B$17,14,0)+IF('Standard Profiles'!$G$20=$B$24,21,0),0)),0)</f>
        <v>0</v>
      </c>
      <c r="G2342" cm="1">
        <f t="array" ref="G2342">IFERROR(INDEX(Jesper!AK$2:AK$366,ROUNDDOWN($C2342/24,0)+1,1)*INDEX($D$3:$AA$30,INDEX(Jesper!$R$2:$R$366,ROW(INDEX(Jesper!AK$2:AK$366,ROUNDDOWN($C2342/24,0)+1,1))-1)+IF('Standard Profiles'!$G$21=$B$10,7,0)+IF('Standard Profiles'!$G$21=$B$17,14,0)+IF('Standard Profiles'!$G$21=$B$24,21,0),MOD($C2342,24)+1)/SUM(INDEX($D$3:$AA$30,INDEX(Jesper!$R$2:$R$366,ROW(INDEX(Jesper!AK$2:AK$366,ROUNDDOWN($C2342/24,0)+1,1))-1)+IF('Standard Profiles'!$G$21=$B$10,7,0)+IF('Standard Profiles'!$G$21=$B$17,14,0)+IF('Standard Profiles'!$G$21=$B$24,21,0),0)),0)</f>
        <v>5.5334224257508859</v>
      </c>
      <c r="H2342" cm="1">
        <f t="array" ref="H2342">IFERROR(INDEX(Jesper!AL$2:AL$366,ROUNDDOWN($C2342/24,0)+1,1)*INDEX($D$3:$AA$30,INDEX(Jesper!$R$2:$R$366,ROW(INDEX(Jesper!AL$2:AL$366,ROUNDDOWN($C2342/24,0)+1,1))-1)+IF('Standard Profiles'!$G$22=$B$10,7,0)+IF('Standard Profiles'!$G$22=$B$17,14,0)+IF('Standard Profiles'!$G$22=$B$24,21,0),MOD($C2342,24)+1)/SUM(INDEX($D$3:$AA$30,INDEX(Jesper!$R$2:$R$366,ROW(INDEX(Jesper!AL$2:AL$366,ROUNDDOWN($C2342/24,0)+1,1))-1)+IF('Standard Profiles'!$G$22=$B$10,7,0)+IF('Standard Profiles'!$G$22=$B$17,14,0)+IF('Standard Profiles'!$G$22=$B$24,21,0),0)),0)</f>
        <v>0</v>
      </c>
      <c r="I2342">
        <f t="shared" si="272"/>
        <v>2.6560427643604241</v>
      </c>
      <c r="J2342">
        <f t="shared" si="273"/>
        <v>13.018144982599214</v>
      </c>
      <c r="K2342">
        <f t="shared" si="274"/>
        <v>0.58774202114042517</v>
      </c>
      <c r="L2342">
        <f t="shared" si="275"/>
        <v>0.29387101057021259</v>
      </c>
      <c r="M2342">
        <f t="shared" si="276"/>
        <v>0</v>
      </c>
      <c r="N2342" s="45">
        <f t="shared" si="277"/>
        <v>45023.166666661069</v>
      </c>
    </row>
    <row r="2343" spans="2:14" x14ac:dyDescent="0.25">
      <c r="B2343">
        <f t="shared" si="271"/>
        <v>5</v>
      </c>
      <c r="C2343" s="16">
        <v>2309</v>
      </c>
      <c r="D2343" cm="1">
        <f t="array" ref="D2343">IFERROR(INDEX(Jesper!AH$2:AH$366,ROUNDDOWN($C2343/24,0)+1,1)*INDEX($D$3:$AA$30,INDEX(Jesper!$R$2:$R$366,ROW(INDEX(Jesper!AH$2:AH$366,ROUNDDOWN($C2343/24,0)+1,1))-1)+IF('Standard Profiles'!$G$18=$B$10,7,0)+IF('Standard Profiles'!$G$18=$B$17,14,0)+IF('Standard Profiles'!$G$18=$B$24,21,0),MOD($C2343,24)+1)/SUM(INDEX($D$3:$AA$30,INDEX(Jesper!$R$2:$R$366,ROW(INDEX(Jesper!AH$2:AH$366,ROUNDDOWN($C2343/24,0)+1,1))-1)+IF('Standard Profiles'!$G$18=$B$10,7,0)+IF('Standard Profiles'!$G$18=$B$17,14,0)+IF('Standard Profiles'!$G$18=$B$24,21,0),0)),0)</f>
        <v>5.5100814481914862</v>
      </c>
      <c r="E2343" cm="1">
        <f t="array" ref="E2343">IFERROR(INDEX(Jesper!AI$2:AI$366,ROUNDDOWN($C2343/24,0)+1,1)*INDEX($D$3:$AA$30,INDEX(Jesper!$R$2:$R$366,ROW(INDEX(Jesper!AI$2:AI$366,ROUNDDOWN($C2343/24,0)+1,1))-1)+IF('Standard Profiles'!$G$19=$B$10,7,0)+IF('Standard Profiles'!$G$19=$B$17,14,0)+IF('Standard Profiles'!$G$19=$B$24,21,0),MOD($C2343,24)+1)/SUM(INDEX($D$3:$AA$30,INDEX(Jesper!$R$2:$R$366,ROW(INDEX(Jesper!AI$2:AI$366,ROUNDDOWN($C2343/24,0)+1,1))-1)+IF('Standard Profiles'!$G$19=$B$10,7,0)+IF('Standard Profiles'!$G$19=$B$17,14,0)+IF('Standard Profiles'!$G$19=$B$24,21,0),0)),0)</f>
        <v>5.5122969047279042</v>
      </c>
      <c r="F2343" cm="1">
        <f t="array" ref="F2343">IFERROR(INDEX(Jesper!AJ$2:AJ$366,ROUNDDOWN($C2343/24,0)+1,1)*INDEX($D$3:$AA$30,INDEX(Jesper!$R$2:$R$366,ROW(INDEX(Jesper!AJ$2:AJ$366,ROUNDDOWN($C2343/24,0)+1,1))-1)+IF('Standard Profiles'!$G$20=$B$10,7,0)+IF('Standard Profiles'!$G$20=$B$17,14,0)+IF('Standard Profiles'!$G$20=$B$24,21,0),MOD($C2343,24)+1)/SUM(INDEX($D$3:$AA$30,INDEX(Jesper!$R$2:$R$366,ROW(INDEX(Jesper!AJ$2:AJ$366,ROUNDDOWN($C2343/24,0)+1,1))-1)+IF('Standard Profiles'!$G$20=$B$10,7,0)+IF('Standard Profiles'!$G$20=$B$17,14,0)+IF('Standard Profiles'!$G$20=$B$24,21,0),0)),0)</f>
        <v>0</v>
      </c>
      <c r="G2343" cm="1">
        <f t="array" ref="G2343">IFERROR(INDEX(Jesper!AK$2:AK$366,ROUNDDOWN($C2343/24,0)+1,1)*INDEX($D$3:$AA$30,INDEX(Jesper!$R$2:$R$366,ROW(INDEX(Jesper!AK$2:AK$366,ROUNDDOWN($C2343/24,0)+1,1))-1)+IF('Standard Profiles'!$G$21=$B$10,7,0)+IF('Standard Profiles'!$G$21=$B$17,14,0)+IF('Standard Profiles'!$G$21=$B$24,21,0),MOD($C2343,24)+1)/SUM(INDEX($D$3:$AA$30,INDEX(Jesper!$R$2:$R$366,ROW(INDEX(Jesper!AK$2:AK$366,ROUNDDOWN($C2343/24,0)+1,1))-1)+IF('Standard Profiles'!$G$21=$B$10,7,0)+IF('Standard Profiles'!$G$21=$B$17,14,0)+IF('Standard Profiles'!$G$21=$B$24,21,0),0)),0)</f>
        <v>5.5334224257508859</v>
      </c>
      <c r="H2343" cm="1">
        <f t="array" ref="H2343">IFERROR(INDEX(Jesper!AL$2:AL$366,ROUNDDOWN($C2343/24,0)+1,1)*INDEX($D$3:$AA$30,INDEX(Jesper!$R$2:$R$366,ROW(INDEX(Jesper!AL$2:AL$366,ROUNDDOWN($C2343/24,0)+1,1))-1)+IF('Standard Profiles'!$G$22=$B$10,7,0)+IF('Standard Profiles'!$G$22=$B$17,14,0)+IF('Standard Profiles'!$G$22=$B$24,21,0),MOD($C2343,24)+1)/SUM(INDEX($D$3:$AA$30,INDEX(Jesper!$R$2:$R$366,ROW(INDEX(Jesper!AL$2:AL$366,ROUNDDOWN($C2343/24,0)+1,1))-1)+IF('Standard Profiles'!$G$22=$B$10,7,0)+IF('Standard Profiles'!$G$22=$B$17,14,0)+IF('Standard Profiles'!$G$22=$B$24,21,0),0)),0)</f>
        <v>0</v>
      </c>
      <c r="I2343">
        <f t="shared" si="272"/>
        <v>2.6560427643604241</v>
      </c>
      <c r="J2343">
        <f t="shared" si="273"/>
        <v>13.018144982599214</v>
      </c>
      <c r="K2343">
        <f t="shared" si="274"/>
        <v>0.58774202114042517</v>
      </c>
      <c r="L2343">
        <f t="shared" si="275"/>
        <v>0.29387101057021259</v>
      </c>
      <c r="M2343">
        <f t="shared" si="276"/>
        <v>0</v>
      </c>
      <c r="N2343" s="45">
        <f t="shared" si="277"/>
        <v>45023.208333327733</v>
      </c>
    </row>
    <row r="2344" spans="2:14" x14ac:dyDescent="0.25">
      <c r="B2344">
        <f t="shared" si="271"/>
        <v>5</v>
      </c>
      <c r="C2344" s="16">
        <v>2310</v>
      </c>
      <c r="D2344" cm="1">
        <f t="array" ref="D2344">IFERROR(INDEX(Jesper!AH$2:AH$366,ROUNDDOWN($C2344/24,0)+1,1)*INDEX($D$3:$AA$30,INDEX(Jesper!$R$2:$R$366,ROW(INDEX(Jesper!AH$2:AH$366,ROUNDDOWN($C2344/24,0)+1,1))-1)+IF('Standard Profiles'!$G$18=$B$10,7,0)+IF('Standard Profiles'!$G$18=$B$17,14,0)+IF('Standard Profiles'!$G$18=$B$24,21,0),MOD($C2344,24)+1)/SUM(INDEX($D$3:$AA$30,INDEX(Jesper!$R$2:$R$366,ROW(INDEX(Jesper!AH$2:AH$366,ROUNDDOWN($C2344/24,0)+1,1))-1)+IF('Standard Profiles'!$G$18=$B$10,7,0)+IF('Standard Profiles'!$G$18=$B$17,14,0)+IF('Standard Profiles'!$G$18=$B$24,21,0),0)),0)</f>
        <v>5.5100814481914862</v>
      </c>
      <c r="E2344" cm="1">
        <f t="array" ref="E2344">IFERROR(INDEX(Jesper!AI$2:AI$366,ROUNDDOWN($C2344/24,0)+1,1)*INDEX($D$3:$AA$30,INDEX(Jesper!$R$2:$R$366,ROW(INDEX(Jesper!AI$2:AI$366,ROUNDDOWN($C2344/24,0)+1,1))-1)+IF('Standard Profiles'!$G$19=$B$10,7,0)+IF('Standard Profiles'!$G$19=$B$17,14,0)+IF('Standard Profiles'!$G$19=$B$24,21,0),MOD($C2344,24)+1)/SUM(INDEX($D$3:$AA$30,INDEX(Jesper!$R$2:$R$366,ROW(INDEX(Jesper!AI$2:AI$366,ROUNDDOWN($C2344/24,0)+1,1))-1)+IF('Standard Profiles'!$G$19=$B$10,7,0)+IF('Standard Profiles'!$G$19=$B$17,14,0)+IF('Standard Profiles'!$G$19=$B$24,21,0),0)),0)</f>
        <v>5.5122969047279042</v>
      </c>
      <c r="F2344" cm="1">
        <f t="array" ref="F2344">IFERROR(INDEX(Jesper!AJ$2:AJ$366,ROUNDDOWN($C2344/24,0)+1,1)*INDEX($D$3:$AA$30,INDEX(Jesper!$R$2:$R$366,ROW(INDEX(Jesper!AJ$2:AJ$366,ROUNDDOWN($C2344/24,0)+1,1))-1)+IF('Standard Profiles'!$G$20=$B$10,7,0)+IF('Standard Profiles'!$G$20=$B$17,14,0)+IF('Standard Profiles'!$G$20=$B$24,21,0),MOD($C2344,24)+1)/SUM(INDEX($D$3:$AA$30,INDEX(Jesper!$R$2:$R$366,ROW(INDEX(Jesper!AJ$2:AJ$366,ROUNDDOWN($C2344/24,0)+1,1))-1)+IF('Standard Profiles'!$G$20=$B$10,7,0)+IF('Standard Profiles'!$G$20=$B$17,14,0)+IF('Standard Profiles'!$G$20=$B$24,21,0),0)),0)</f>
        <v>0</v>
      </c>
      <c r="G2344" cm="1">
        <f t="array" ref="G2344">IFERROR(INDEX(Jesper!AK$2:AK$366,ROUNDDOWN($C2344/24,0)+1,1)*INDEX($D$3:$AA$30,INDEX(Jesper!$R$2:$R$366,ROW(INDEX(Jesper!AK$2:AK$366,ROUNDDOWN($C2344/24,0)+1,1))-1)+IF('Standard Profiles'!$G$21=$B$10,7,0)+IF('Standard Profiles'!$G$21=$B$17,14,0)+IF('Standard Profiles'!$G$21=$B$24,21,0),MOD($C2344,24)+1)/SUM(INDEX($D$3:$AA$30,INDEX(Jesper!$R$2:$R$366,ROW(INDEX(Jesper!AK$2:AK$366,ROUNDDOWN($C2344/24,0)+1,1))-1)+IF('Standard Profiles'!$G$21=$B$10,7,0)+IF('Standard Profiles'!$G$21=$B$17,14,0)+IF('Standard Profiles'!$G$21=$B$24,21,0),0)),0)</f>
        <v>5.5334224257508859</v>
      </c>
      <c r="H2344" cm="1">
        <f t="array" ref="H2344">IFERROR(INDEX(Jesper!AL$2:AL$366,ROUNDDOWN($C2344/24,0)+1,1)*INDEX($D$3:$AA$30,INDEX(Jesper!$R$2:$R$366,ROW(INDEX(Jesper!AL$2:AL$366,ROUNDDOWN($C2344/24,0)+1,1))-1)+IF('Standard Profiles'!$G$22=$B$10,7,0)+IF('Standard Profiles'!$G$22=$B$17,14,0)+IF('Standard Profiles'!$G$22=$B$24,21,0),MOD($C2344,24)+1)/SUM(INDEX($D$3:$AA$30,INDEX(Jesper!$R$2:$R$366,ROW(INDEX(Jesper!AL$2:AL$366,ROUNDDOWN($C2344/24,0)+1,1))-1)+IF('Standard Profiles'!$G$22=$B$10,7,0)+IF('Standard Profiles'!$G$22=$B$17,14,0)+IF('Standard Profiles'!$G$22=$B$24,21,0),0)),0)</f>
        <v>0</v>
      </c>
      <c r="I2344">
        <f t="shared" si="272"/>
        <v>2.6560427643604241</v>
      </c>
      <c r="J2344">
        <f t="shared" si="273"/>
        <v>13.018144982599214</v>
      </c>
      <c r="K2344">
        <f t="shared" si="274"/>
        <v>0.58774202114042517</v>
      </c>
      <c r="L2344">
        <f t="shared" si="275"/>
        <v>0.29387101057021259</v>
      </c>
      <c r="M2344">
        <f t="shared" si="276"/>
        <v>0</v>
      </c>
      <c r="N2344" s="45">
        <f t="shared" si="277"/>
        <v>45023.249999994398</v>
      </c>
    </row>
    <row r="2345" spans="2:14" x14ac:dyDescent="0.25">
      <c r="B2345">
        <f t="shared" si="271"/>
        <v>5</v>
      </c>
      <c r="C2345" s="16">
        <v>2311</v>
      </c>
      <c r="D2345" cm="1">
        <f t="array" ref="D2345">IFERROR(INDEX(Jesper!AH$2:AH$366,ROUNDDOWN($C2345/24,0)+1,1)*INDEX($D$3:$AA$30,INDEX(Jesper!$R$2:$R$366,ROW(INDEX(Jesper!AH$2:AH$366,ROUNDDOWN($C2345/24,0)+1,1))-1)+IF('Standard Profiles'!$G$18=$B$10,7,0)+IF('Standard Profiles'!$G$18=$B$17,14,0)+IF('Standard Profiles'!$G$18=$B$24,21,0),MOD($C2345,24)+1)/SUM(INDEX($D$3:$AA$30,INDEX(Jesper!$R$2:$R$366,ROW(INDEX(Jesper!AH$2:AH$366,ROUNDDOWN($C2345/24,0)+1,1))-1)+IF('Standard Profiles'!$G$18=$B$10,7,0)+IF('Standard Profiles'!$G$18=$B$17,14,0)+IF('Standard Profiles'!$G$18=$B$24,21,0),0)),0)</f>
        <v>23.47294696929573</v>
      </c>
      <c r="E2345" cm="1">
        <f t="array" ref="E2345">IFERROR(INDEX(Jesper!AI$2:AI$366,ROUNDDOWN($C2345/24,0)+1,1)*INDEX($D$3:$AA$30,INDEX(Jesper!$R$2:$R$366,ROW(INDEX(Jesper!AI$2:AI$366,ROUNDDOWN($C2345/24,0)+1,1))-1)+IF('Standard Profiles'!$G$19=$B$10,7,0)+IF('Standard Profiles'!$G$19=$B$17,14,0)+IF('Standard Profiles'!$G$19=$B$24,21,0),MOD($C2345,24)+1)/SUM(INDEX($D$3:$AA$30,INDEX(Jesper!$R$2:$R$366,ROW(INDEX(Jesper!AI$2:AI$366,ROUNDDOWN($C2345/24,0)+1,1))-1)+IF('Standard Profiles'!$G$19=$B$10,7,0)+IF('Standard Profiles'!$G$19=$B$17,14,0)+IF('Standard Profiles'!$G$19=$B$24,21,0),0)),0)</f>
        <v>23.482384814140872</v>
      </c>
      <c r="F2345" cm="1">
        <f t="array" ref="F2345">IFERROR(INDEX(Jesper!AJ$2:AJ$366,ROUNDDOWN($C2345/24,0)+1,1)*INDEX($D$3:$AA$30,INDEX(Jesper!$R$2:$R$366,ROW(INDEX(Jesper!AJ$2:AJ$366,ROUNDDOWN($C2345/24,0)+1,1))-1)+IF('Standard Profiles'!$G$20=$B$10,7,0)+IF('Standard Profiles'!$G$20=$B$17,14,0)+IF('Standard Profiles'!$G$20=$B$24,21,0),MOD($C2345,24)+1)/SUM(INDEX($D$3:$AA$30,INDEX(Jesper!$R$2:$R$366,ROW(INDEX(Jesper!AJ$2:AJ$366,ROUNDDOWN($C2345/24,0)+1,1))-1)+IF('Standard Profiles'!$G$20=$B$10,7,0)+IF('Standard Profiles'!$G$20=$B$17,14,0)+IF('Standard Profiles'!$G$20=$B$24,21,0),0)),0)</f>
        <v>0</v>
      </c>
      <c r="G2345" cm="1">
        <f t="array" ref="G2345">IFERROR(INDEX(Jesper!AK$2:AK$366,ROUNDDOWN($C2345/24,0)+1,1)*INDEX($D$3:$AA$30,INDEX(Jesper!$R$2:$R$366,ROW(INDEX(Jesper!AK$2:AK$366,ROUNDDOWN($C2345/24,0)+1,1))-1)+IF('Standard Profiles'!$G$21=$B$10,7,0)+IF('Standard Profiles'!$G$21=$B$17,14,0)+IF('Standard Profiles'!$G$21=$B$24,21,0),MOD($C2345,24)+1)/SUM(INDEX($D$3:$AA$30,INDEX(Jesper!$R$2:$R$366,ROW(INDEX(Jesper!AK$2:AK$366,ROUNDDOWN($C2345/24,0)+1,1))-1)+IF('Standard Profiles'!$G$21=$B$10,7,0)+IF('Standard Profiles'!$G$21=$B$17,14,0)+IF('Standard Profiles'!$G$21=$B$24,21,0),0)),0)</f>
        <v>14.993789798808852</v>
      </c>
      <c r="H2345" cm="1">
        <f t="array" ref="H2345">IFERROR(INDEX(Jesper!AL$2:AL$366,ROUNDDOWN($C2345/24,0)+1,1)*INDEX($D$3:$AA$30,INDEX(Jesper!$R$2:$R$366,ROW(INDEX(Jesper!AL$2:AL$366,ROUNDDOWN($C2345/24,0)+1,1))-1)+IF('Standard Profiles'!$G$22=$B$10,7,0)+IF('Standard Profiles'!$G$22=$B$17,14,0)+IF('Standard Profiles'!$G$22=$B$24,21,0),MOD($C2345,24)+1)/SUM(INDEX($D$3:$AA$30,INDEX(Jesper!$R$2:$R$366,ROW(INDEX(Jesper!AL$2:AL$366,ROUNDDOWN($C2345/24,0)+1,1))-1)+IF('Standard Profiles'!$G$22=$B$10,7,0)+IF('Standard Profiles'!$G$22=$B$17,14,0)+IF('Standard Profiles'!$G$22=$B$24,21,0),0)),0)</f>
        <v>0</v>
      </c>
      <c r="I2345">
        <f t="shared" si="272"/>
        <v>7.1970191034282456</v>
      </c>
      <c r="J2345">
        <f t="shared" si="273"/>
        <v>50.996430963729892</v>
      </c>
      <c r="K2345">
        <f t="shared" si="274"/>
        <v>2.5037810100582112</v>
      </c>
      <c r="L2345">
        <f t="shared" si="275"/>
        <v>1.2518905050291056</v>
      </c>
      <c r="M2345">
        <f t="shared" si="276"/>
        <v>0</v>
      </c>
      <c r="N2345" s="45">
        <f t="shared" si="277"/>
        <v>45023.291666661062</v>
      </c>
    </row>
    <row r="2346" spans="2:14" x14ac:dyDescent="0.25">
      <c r="B2346">
        <f t="shared" si="271"/>
        <v>5</v>
      </c>
      <c r="C2346" s="16">
        <v>2312</v>
      </c>
      <c r="D2346" cm="1">
        <f t="array" ref="D2346">IFERROR(INDEX(Jesper!AH$2:AH$366,ROUNDDOWN($C2346/24,0)+1,1)*INDEX($D$3:$AA$30,INDEX(Jesper!$R$2:$R$366,ROW(INDEX(Jesper!AH$2:AH$366,ROUNDDOWN($C2346/24,0)+1,1))-1)+IF('Standard Profiles'!$G$18=$B$10,7,0)+IF('Standard Profiles'!$G$18=$B$17,14,0)+IF('Standard Profiles'!$G$18=$B$24,21,0),MOD($C2346,24)+1)/SUM(INDEX($D$3:$AA$30,INDEX(Jesper!$R$2:$R$366,ROW(INDEX(Jesper!AH$2:AH$366,ROUNDDOWN($C2346/24,0)+1,1))-1)+IF('Standard Profiles'!$G$18=$B$10,7,0)+IF('Standard Profiles'!$G$18=$B$17,14,0)+IF('Standard Profiles'!$G$18=$B$24,21,0),0)),0)</f>
        <v>29.341183711619664</v>
      </c>
      <c r="E2346" cm="1">
        <f t="array" ref="E2346">IFERROR(INDEX(Jesper!AI$2:AI$366,ROUNDDOWN($C2346/24,0)+1,1)*INDEX($D$3:$AA$30,INDEX(Jesper!$R$2:$R$366,ROW(INDEX(Jesper!AI$2:AI$366,ROUNDDOWN($C2346/24,0)+1,1))-1)+IF('Standard Profiles'!$G$19=$B$10,7,0)+IF('Standard Profiles'!$G$19=$B$17,14,0)+IF('Standard Profiles'!$G$19=$B$24,21,0),MOD($C2346,24)+1)/SUM(INDEX($D$3:$AA$30,INDEX(Jesper!$R$2:$R$366,ROW(INDEX(Jesper!AI$2:AI$366,ROUNDDOWN($C2346/24,0)+1,1))-1)+IF('Standard Profiles'!$G$19=$B$10,7,0)+IF('Standard Profiles'!$G$19=$B$17,14,0)+IF('Standard Profiles'!$G$19=$B$24,21,0),0)),0)</f>
        <v>29.352981017676086</v>
      </c>
      <c r="F2346" cm="1">
        <f t="array" ref="F2346">IFERROR(INDEX(Jesper!AJ$2:AJ$366,ROUNDDOWN($C2346/24,0)+1,1)*INDEX($D$3:$AA$30,INDEX(Jesper!$R$2:$R$366,ROW(INDEX(Jesper!AJ$2:AJ$366,ROUNDDOWN($C2346/24,0)+1,1))-1)+IF('Standard Profiles'!$G$20=$B$10,7,0)+IF('Standard Profiles'!$G$20=$B$17,14,0)+IF('Standard Profiles'!$G$20=$B$24,21,0),MOD($C2346,24)+1)/SUM(INDEX($D$3:$AA$30,INDEX(Jesper!$R$2:$R$366,ROW(INDEX(Jesper!AJ$2:AJ$366,ROUNDDOWN($C2346/24,0)+1,1))-1)+IF('Standard Profiles'!$G$20=$B$10,7,0)+IF('Standard Profiles'!$G$20=$B$17,14,0)+IF('Standard Profiles'!$G$20=$B$24,21,0),0)),0)</f>
        <v>0</v>
      </c>
      <c r="G2346" cm="1">
        <f t="array" ref="G2346">IFERROR(INDEX(Jesper!AK$2:AK$366,ROUNDDOWN($C2346/24,0)+1,1)*INDEX($D$3:$AA$30,INDEX(Jesper!$R$2:$R$366,ROW(INDEX(Jesper!AK$2:AK$366,ROUNDDOWN($C2346/24,0)+1,1))-1)+IF('Standard Profiles'!$G$21=$B$10,7,0)+IF('Standard Profiles'!$G$21=$B$17,14,0)+IF('Standard Profiles'!$G$21=$B$24,21,0),MOD($C2346,24)+1)/SUM(INDEX($D$3:$AA$30,INDEX(Jesper!$R$2:$R$366,ROW(INDEX(Jesper!AK$2:AK$366,ROUNDDOWN($C2346/24,0)+1,1))-1)+IF('Standard Profiles'!$G$21=$B$10,7,0)+IF('Standard Profiles'!$G$21=$B$17,14,0)+IF('Standard Profiles'!$G$21=$B$24,21,0),0)),0)</f>
        <v>18.742237248511064</v>
      </c>
      <c r="H2346" cm="1">
        <f t="array" ref="H2346">IFERROR(INDEX(Jesper!AL$2:AL$366,ROUNDDOWN($C2346/24,0)+1,1)*INDEX($D$3:$AA$30,INDEX(Jesper!$R$2:$R$366,ROW(INDEX(Jesper!AL$2:AL$366,ROUNDDOWN($C2346/24,0)+1,1))-1)+IF('Standard Profiles'!$G$22=$B$10,7,0)+IF('Standard Profiles'!$G$22=$B$17,14,0)+IF('Standard Profiles'!$G$22=$B$24,21,0),MOD($C2346,24)+1)/SUM(INDEX($D$3:$AA$30,INDEX(Jesper!$R$2:$R$366,ROW(INDEX(Jesper!AL$2:AL$366,ROUNDDOWN($C2346/24,0)+1,1))-1)+IF('Standard Profiles'!$G$22=$B$10,7,0)+IF('Standard Profiles'!$G$22=$B$17,14,0)+IF('Standard Profiles'!$G$22=$B$24,21,0),0)),0)</f>
        <v>0</v>
      </c>
      <c r="I2346">
        <f t="shared" si="272"/>
        <v>8.9962738792853063</v>
      </c>
      <c r="J2346">
        <f t="shared" si="273"/>
        <v>63.745538704662358</v>
      </c>
      <c r="K2346">
        <f t="shared" si="274"/>
        <v>3.1297262625727642</v>
      </c>
      <c r="L2346">
        <f t="shared" si="275"/>
        <v>1.5648631312863821</v>
      </c>
      <c r="M2346">
        <f t="shared" si="276"/>
        <v>0</v>
      </c>
      <c r="N2346" s="45">
        <f t="shared" si="277"/>
        <v>45023.333333327726</v>
      </c>
    </row>
    <row r="2347" spans="2:14" x14ac:dyDescent="0.25">
      <c r="B2347">
        <f t="shared" si="271"/>
        <v>5</v>
      </c>
      <c r="C2347" s="16">
        <v>2313</v>
      </c>
      <c r="D2347" cm="1">
        <f t="array" ref="D2347">IFERROR(INDEX(Jesper!AH$2:AH$366,ROUNDDOWN($C2347/24,0)+1,1)*INDEX($D$3:$AA$30,INDEX(Jesper!$R$2:$R$366,ROW(INDEX(Jesper!AH$2:AH$366,ROUNDDOWN($C2347/24,0)+1,1))-1)+IF('Standard Profiles'!$G$18=$B$10,7,0)+IF('Standard Profiles'!$G$18=$B$17,14,0)+IF('Standard Profiles'!$G$18=$B$24,21,0),MOD($C2347,24)+1)/SUM(INDEX($D$3:$AA$30,INDEX(Jesper!$R$2:$R$366,ROW(INDEX(Jesper!AH$2:AH$366,ROUNDDOWN($C2347/24,0)+1,1))-1)+IF('Standard Profiles'!$G$18=$B$10,7,0)+IF('Standard Profiles'!$G$18=$B$17,14,0)+IF('Standard Profiles'!$G$18=$B$24,21,0),0)),0)</f>
        <v>32.275302082781629</v>
      </c>
      <c r="E2347" cm="1">
        <f t="array" ref="E2347">IFERROR(INDEX(Jesper!AI$2:AI$366,ROUNDDOWN($C2347/24,0)+1,1)*INDEX($D$3:$AA$30,INDEX(Jesper!$R$2:$R$366,ROW(INDEX(Jesper!AI$2:AI$366,ROUNDDOWN($C2347/24,0)+1,1))-1)+IF('Standard Profiles'!$G$19=$B$10,7,0)+IF('Standard Profiles'!$G$19=$B$17,14,0)+IF('Standard Profiles'!$G$19=$B$24,21,0),MOD($C2347,24)+1)/SUM(INDEX($D$3:$AA$30,INDEX(Jesper!$R$2:$R$366,ROW(INDEX(Jesper!AI$2:AI$366,ROUNDDOWN($C2347/24,0)+1,1))-1)+IF('Standard Profiles'!$G$19=$B$10,7,0)+IF('Standard Profiles'!$G$19=$B$17,14,0)+IF('Standard Profiles'!$G$19=$B$24,21,0),0)),0)</f>
        <v>32.288279119443693</v>
      </c>
      <c r="F2347" cm="1">
        <f t="array" ref="F2347">IFERROR(INDEX(Jesper!AJ$2:AJ$366,ROUNDDOWN($C2347/24,0)+1,1)*INDEX($D$3:$AA$30,INDEX(Jesper!$R$2:$R$366,ROW(INDEX(Jesper!AJ$2:AJ$366,ROUNDDOWN($C2347/24,0)+1,1))-1)+IF('Standard Profiles'!$G$20=$B$10,7,0)+IF('Standard Profiles'!$G$20=$B$17,14,0)+IF('Standard Profiles'!$G$20=$B$24,21,0),MOD($C2347,24)+1)/SUM(INDEX($D$3:$AA$30,INDEX(Jesper!$R$2:$R$366,ROW(INDEX(Jesper!AJ$2:AJ$366,ROUNDDOWN($C2347/24,0)+1,1))-1)+IF('Standard Profiles'!$G$20=$B$10,7,0)+IF('Standard Profiles'!$G$20=$B$17,14,0)+IF('Standard Profiles'!$G$20=$B$24,21,0),0)),0)</f>
        <v>0</v>
      </c>
      <c r="G2347" cm="1">
        <f t="array" ref="G2347">IFERROR(INDEX(Jesper!AK$2:AK$366,ROUNDDOWN($C2347/24,0)+1,1)*INDEX($D$3:$AA$30,INDEX(Jesper!$R$2:$R$366,ROW(INDEX(Jesper!AK$2:AK$366,ROUNDDOWN($C2347/24,0)+1,1))-1)+IF('Standard Profiles'!$G$21=$B$10,7,0)+IF('Standard Profiles'!$G$21=$B$17,14,0)+IF('Standard Profiles'!$G$21=$B$24,21,0),MOD($C2347,24)+1)/SUM(INDEX($D$3:$AA$30,INDEX(Jesper!$R$2:$R$366,ROW(INDEX(Jesper!AK$2:AK$366,ROUNDDOWN($C2347/24,0)+1,1))-1)+IF('Standard Profiles'!$G$21=$B$10,7,0)+IF('Standard Profiles'!$G$21=$B$17,14,0)+IF('Standard Profiles'!$G$21=$B$24,21,0),0)),0)</f>
        <v>20.616460973362173</v>
      </c>
      <c r="H2347" cm="1">
        <f t="array" ref="H2347">IFERROR(INDEX(Jesper!AL$2:AL$366,ROUNDDOWN($C2347/24,0)+1,1)*INDEX($D$3:$AA$30,INDEX(Jesper!$R$2:$R$366,ROW(INDEX(Jesper!AL$2:AL$366,ROUNDDOWN($C2347/24,0)+1,1))-1)+IF('Standard Profiles'!$G$22=$B$10,7,0)+IF('Standard Profiles'!$G$22=$B$17,14,0)+IF('Standard Profiles'!$G$22=$B$24,21,0),MOD($C2347,24)+1)/SUM(INDEX($D$3:$AA$30,INDEX(Jesper!$R$2:$R$366,ROW(INDEX(Jesper!AL$2:AL$366,ROUNDDOWN($C2347/24,0)+1,1))-1)+IF('Standard Profiles'!$G$22=$B$10,7,0)+IF('Standard Profiles'!$G$22=$B$17,14,0)+IF('Standard Profiles'!$G$22=$B$24,21,0),0)),0)</f>
        <v>0</v>
      </c>
      <c r="I2347">
        <f t="shared" si="272"/>
        <v>9.8959012672138389</v>
      </c>
      <c r="J2347">
        <f t="shared" si="273"/>
        <v>70.120092575128595</v>
      </c>
      <c r="K2347">
        <f t="shared" si="274"/>
        <v>3.4426988888300407</v>
      </c>
      <c r="L2347">
        <f t="shared" si="275"/>
        <v>1.7213494444150204</v>
      </c>
      <c r="M2347">
        <f t="shared" si="276"/>
        <v>0</v>
      </c>
      <c r="N2347" s="45">
        <f t="shared" si="277"/>
        <v>45023.37499999439</v>
      </c>
    </row>
    <row r="2348" spans="2:14" x14ac:dyDescent="0.25">
      <c r="B2348">
        <f t="shared" si="271"/>
        <v>5</v>
      </c>
      <c r="C2348" s="16">
        <v>2314</v>
      </c>
      <c r="D2348" cm="1">
        <f t="array" ref="D2348">IFERROR(INDEX(Jesper!AH$2:AH$366,ROUNDDOWN($C2348/24,0)+1,1)*INDEX($D$3:$AA$30,INDEX(Jesper!$R$2:$R$366,ROW(INDEX(Jesper!AH$2:AH$366,ROUNDDOWN($C2348/24,0)+1,1))-1)+IF('Standard Profiles'!$G$18=$B$10,7,0)+IF('Standard Profiles'!$G$18=$B$17,14,0)+IF('Standard Profiles'!$G$18=$B$24,21,0),MOD($C2348,24)+1)/SUM(INDEX($D$3:$AA$30,INDEX(Jesper!$R$2:$R$366,ROW(INDEX(Jesper!AH$2:AH$366,ROUNDDOWN($C2348/24,0)+1,1))-1)+IF('Standard Profiles'!$G$18=$B$10,7,0)+IF('Standard Profiles'!$G$18=$B$17,14,0)+IF('Standard Profiles'!$G$18=$B$24,21,0),0)),0)</f>
        <v>32.275302082781629</v>
      </c>
      <c r="E2348" cm="1">
        <f t="array" ref="E2348">IFERROR(INDEX(Jesper!AI$2:AI$366,ROUNDDOWN($C2348/24,0)+1,1)*INDEX($D$3:$AA$30,INDEX(Jesper!$R$2:$R$366,ROW(INDEX(Jesper!AI$2:AI$366,ROUNDDOWN($C2348/24,0)+1,1))-1)+IF('Standard Profiles'!$G$19=$B$10,7,0)+IF('Standard Profiles'!$G$19=$B$17,14,0)+IF('Standard Profiles'!$G$19=$B$24,21,0),MOD($C2348,24)+1)/SUM(INDEX($D$3:$AA$30,INDEX(Jesper!$R$2:$R$366,ROW(INDEX(Jesper!AI$2:AI$366,ROUNDDOWN($C2348/24,0)+1,1))-1)+IF('Standard Profiles'!$G$19=$B$10,7,0)+IF('Standard Profiles'!$G$19=$B$17,14,0)+IF('Standard Profiles'!$G$19=$B$24,21,0),0)),0)</f>
        <v>32.288279119443693</v>
      </c>
      <c r="F2348" cm="1">
        <f t="array" ref="F2348">IFERROR(INDEX(Jesper!AJ$2:AJ$366,ROUNDDOWN($C2348/24,0)+1,1)*INDEX($D$3:$AA$30,INDEX(Jesper!$R$2:$R$366,ROW(INDEX(Jesper!AJ$2:AJ$366,ROUNDDOWN($C2348/24,0)+1,1))-1)+IF('Standard Profiles'!$G$20=$B$10,7,0)+IF('Standard Profiles'!$G$20=$B$17,14,0)+IF('Standard Profiles'!$G$20=$B$24,21,0),MOD($C2348,24)+1)/SUM(INDEX($D$3:$AA$30,INDEX(Jesper!$R$2:$R$366,ROW(INDEX(Jesper!AJ$2:AJ$366,ROUNDDOWN($C2348/24,0)+1,1))-1)+IF('Standard Profiles'!$G$20=$B$10,7,0)+IF('Standard Profiles'!$G$20=$B$17,14,0)+IF('Standard Profiles'!$G$20=$B$24,21,0),0)),0)</f>
        <v>0</v>
      </c>
      <c r="G2348" cm="1">
        <f t="array" ref="G2348">IFERROR(INDEX(Jesper!AK$2:AK$366,ROUNDDOWN($C2348/24,0)+1,1)*INDEX($D$3:$AA$30,INDEX(Jesper!$R$2:$R$366,ROW(INDEX(Jesper!AK$2:AK$366,ROUNDDOWN($C2348/24,0)+1,1))-1)+IF('Standard Profiles'!$G$21=$B$10,7,0)+IF('Standard Profiles'!$G$21=$B$17,14,0)+IF('Standard Profiles'!$G$21=$B$24,21,0),MOD($C2348,24)+1)/SUM(INDEX($D$3:$AA$30,INDEX(Jesper!$R$2:$R$366,ROW(INDEX(Jesper!AK$2:AK$366,ROUNDDOWN($C2348/24,0)+1,1))-1)+IF('Standard Profiles'!$G$21=$B$10,7,0)+IF('Standard Profiles'!$G$21=$B$17,14,0)+IF('Standard Profiles'!$G$21=$B$24,21,0),0)),0)</f>
        <v>20.616460973362173</v>
      </c>
      <c r="H2348" cm="1">
        <f t="array" ref="H2348">IFERROR(INDEX(Jesper!AL$2:AL$366,ROUNDDOWN($C2348/24,0)+1,1)*INDEX($D$3:$AA$30,INDEX(Jesper!$R$2:$R$366,ROW(INDEX(Jesper!AL$2:AL$366,ROUNDDOWN($C2348/24,0)+1,1))-1)+IF('Standard Profiles'!$G$22=$B$10,7,0)+IF('Standard Profiles'!$G$22=$B$17,14,0)+IF('Standard Profiles'!$G$22=$B$24,21,0),MOD($C2348,24)+1)/SUM(INDEX($D$3:$AA$30,INDEX(Jesper!$R$2:$R$366,ROW(INDEX(Jesper!AL$2:AL$366,ROUNDDOWN($C2348/24,0)+1,1))-1)+IF('Standard Profiles'!$G$22=$B$10,7,0)+IF('Standard Profiles'!$G$22=$B$17,14,0)+IF('Standard Profiles'!$G$22=$B$24,21,0),0)),0)</f>
        <v>0</v>
      </c>
      <c r="I2348">
        <f t="shared" si="272"/>
        <v>9.8959012672138389</v>
      </c>
      <c r="J2348">
        <f t="shared" si="273"/>
        <v>70.120092575128595</v>
      </c>
      <c r="K2348">
        <f t="shared" si="274"/>
        <v>3.4426988888300407</v>
      </c>
      <c r="L2348">
        <f t="shared" si="275"/>
        <v>1.7213494444150204</v>
      </c>
      <c r="M2348">
        <f t="shared" si="276"/>
        <v>0</v>
      </c>
      <c r="N2348" s="45">
        <f t="shared" si="277"/>
        <v>45023.416666661054</v>
      </c>
    </row>
    <row r="2349" spans="2:14" x14ac:dyDescent="0.25">
      <c r="B2349">
        <f t="shared" si="271"/>
        <v>5</v>
      </c>
      <c r="C2349" s="16">
        <v>2315</v>
      </c>
      <c r="D2349" cm="1">
        <f t="array" ref="D2349">IFERROR(INDEX(Jesper!AH$2:AH$366,ROUNDDOWN($C2349/24,0)+1,1)*INDEX($D$3:$AA$30,INDEX(Jesper!$R$2:$R$366,ROW(INDEX(Jesper!AH$2:AH$366,ROUNDDOWN($C2349/24,0)+1,1))-1)+IF('Standard Profiles'!$G$18=$B$10,7,0)+IF('Standard Profiles'!$G$18=$B$17,14,0)+IF('Standard Profiles'!$G$18=$B$24,21,0),MOD($C2349,24)+1)/SUM(INDEX($D$3:$AA$30,INDEX(Jesper!$R$2:$R$366,ROW(INDEX(Jesper!AH$2:AH$366,ROUNDDOWN($C2349/24,0)+1,1))-1)+IF('Standard Profiles'!$G$18=$B$10,7,0)+IF('Standard Profiles'!$G$18=$B$17,14,0)+IF('Standard Profiles'!$G$18=$B$24,21,0),0)),0)</f>
        <v>38.143538825105558</v>
      </c>
      <c r="E2349" cm="1">
        <f t="array" ref="E2349">IFERROR(INDEX(Jesper!AI$2:AI$366,ROUNDDOWN($C2349/24,0)+1,1)*INDEX($D$3:$AA$30,INDEX(Jesper!$R$2:$R$366,ROW(INDEX(Jesper!AI$2:AI$366,ROUNDDOWN($C2349/24,0)+1,1))-1)+IF('Standard Profiles'!$G$19=$B$10,7,0)+IF('Standard Profiles'!$G$19=$B$17,14,0)+IF('Standard Profiles'!$G$19=$B$24,21,0),MOD($C2349,24)+1)/SUM(INDEX($D$3:$AA$30,INDEX(Jesper!$R$2:$R$366,ROW(INDEX(Jesper!AI$2:AI$366,ROUNDDOWN($C2349/24,0)+1,1))-1)+IF('Standard Profiles'!$G$19=$B$10,7,0)+IF('Standard Profiles'!$G$19=$B$17,14,0)+IF('Standard Profiles'!$G$19=$B$24,21,0),0)),0)</f>
        <v>38.158875322978915</v>
      </c>
      <c r="F2349" cm="1">
        <f t="array" ref="F2349">IFERROR(INDEX(Jesper!AJ$2:AJ$366,ROUNDDOWN($C2349/24,0)+1,1)*INDEX($D$3:$AA$30,INDEX(Jesper!$R$2:$R$366,ROW(INDEX(Jesper!AJ$2:AJ$366,ROUNDDOWN($C2349/24,0)+1,1))-1)+IF('Standard Profiles'!$G$20=$B$10,7,0)+IF('Standard Profiles'!$G$20=$B$17,14,0)+IF('Standard Profiles'!$G$20=$B$24,21,0),MOD($C2349,24)+1)/SUM(INDEX($D$3:$AA$30,INDEX(Jesper!$R$2:$R$366,ROW(INDEX(Jesper!AJ$2:AJ$366,ROUNDDOWN($C2349/24,0)+1,1))-1)+IF('Standard Profiles'!$G$20=$B$10,7,0)+IF('Standard Profiles'!$G$20=$B$17,14,0)+IF('Standard Profiles'!$G$20=$B$24,21,0),0)),0)</f>
        <v>0</v>
      </c>
      <c r="G2349" cm="1">
        <f t="array" ref="G2349">IFERROR(INDEX(Jesper!AK$2:AK$366,ROUNDDOWN($C2349/24,0)+1,1)*INDEX($D$3:$AA$30,INDEX(Jesper!$R$2:$R$366,ROW(INDEX(Jesper!AK$2:AK$366,ROUNDDOWN($C2349/24,0)+1,1))-1)+IF('Standard Profiles'!$G$21=$B$10,7,0)+IF('Standard Profiles'!$G$21=$B$17,14,0)+IF('Standard Profiles'!$G$21=$B$24,21,0),MOD($C2349,24)+1)/SUM(INDEX($D$3:$AA$30,INDEX(Jesper!$R$2:$R$366,ROW(INDEX(Jesper!AK$2:AK$366,ROUNDDOWN($C2349/24,0)+1,1))-1)+IF('Standard Profiles'!$G$21=$B$10,7,0)+IF('Standard Profiles'!$G$21=$B$17,14,0)+IF('Standard Profiles'!$G$21=$B$24,21,0),0)),0)</f>
        <v>24.364908423064382</v>
      </c>
      <c r="H2349" cm="1">
        <f t="array" ref="H2349">IFERROR(INDEX(Jesper!AL$2:AL$366,ROUNDDOWN($C2349/24,0)+1,1)*INDEX($D$3:$AA$30,INDEX(Jesper!$R$2:$R$366,ROW(INDEX(Jesper!AL$2:AL$366,ROUNDDOWN($C2349/24,0)+1,1))-1)+IF('Standard Profiles'!$G$22=$B$10,7,0)+IF('Standard Profiles'!$G$22=$B$17,14,0)+IF('Standard Profiles'!$G$22=$B$24,21,0),MOD($C2349,24)+1)/SUM(INDEX($D$3:$AA$30,INDEX(Jesper!$R$2:$R$366,ROW(INDEX(Jesper!AL$2:AL$366,ROUNDDOWN($C2349/24,0)+1,1))-1)+IF('Standard Profiles'!$G$22=$B$10,7,0)+IF('Standard Profiles'!$G$22=$B$17,14,0)+IF('Standard Profiles'!$G$22=$B$24,21,0),0)),0)</f>
        <v>0</v>
      </c>
      <c r="I2349">
        <f t="shared" si="272"/>
        <v>11.695156043070897</v>
      </c>
      <c r="J2349">
        <f t="shared" si="273"/>
        <v>82.869200316061068</v>
      </c>
      <c r="K2349">
        <f t="shared" si="274"/>
        <v>4.0686441413445928</v>
      </c>
      <c r="L2349">
        <f t="shared" si="275"/>
        <v>2.0343220706722964</v>
      </c>
      <c r="M2349">
        <f t="shared" si="276"/>
        <v>0</v>
      </c>
      <c r="N2349" s="45">
        <f t="shared" si="277"/>
        <v>45023.458333327719</v>
      </c>
    </row>
    <row r="2350" spans="2:14" x14ac:dyDescent="0.25">
      <c r="B2350">
        <f t="shared" si="271"/>
        <v>5</v>
      </c>
      <c r="C2350" s="16">
        <v>2316</v>
      </c>
      <c r="D2350" cm="1">
        <f t="array" ref="D2350">IFERROR(INDEX(Jesper!AH$2:AH$366,ROUNDDOWN($C2350/24,0)+1,1)*INDEX($D$3:$AA$30,INDEX(Jesper!$R$2:$R$366,ROW(INDEX(Jesper!AH$2:AH$366,ROUNDDOWN($C2350/24,0)+1,1))-1)+IF('Standard Profiles'!$G$18=$B$10,7,0)+IF('Standard Profiles'!$G$18=$B$17,14,0)+IF('Standard Profiles'!$G$18=$B$24,21,0),MOD($C2350,24)+1)/SUM(INDEX($D$3:$AA$30,INDEX(Jesper!$R$2:$R$366,ROW(INDEX(Jesper!AH$2:AH$366,ROUNDDOWN($C2350/24,0)+1,1))-1)+IF('Standard Profiles'!$G$18=$B$10,7,0)+IF('Standard Profiles'!$G$18=$B$17,14,0)+IF('Standard Profiles'!$G$18=$B$24,21,0),0)),0)</f>
        <v>38.143538825105558</v>
      </c>
      <c r="E2350" cm="1">
        <f t="array" ref="E2350">IFERROR(INDEX(Jesper!AI$2:AI$366,ROUNDDOWN($C2350/24,0)+1,1)*INDEX($D$3:$AA$30,INDEX(Jesper!$R$2:$R$366,ROW(INDEX(Jesper!AI$2:AI$366,ROUNDDOWN($C2350/24,0)+1,1))-1)+IF('Standard Profiles'!$G$19=$B$10,7,0)+IF('Standard Profiles'!$G$19=$B$17,14,0)+IF('Standard Profiles'!$G$19=$B$24,21,0),MOD($C2350,24)+1)/SUM(INDEX($D$3:$AA$30,INDEX(Jesper!$R$2:$R$366,ROW(INDEX(Jesper!AI$2:AI$366,ROUNDDOWN($C2350/24,0)+1,1))-1)+IF('Standard Profiles'!$G$19=$B$10,7,0)+IF('Standard Profiles'!$G$19=$B$17,14,0)+IF('Standard Profiles'!$G$19=$B$24,21,0),0)),0)</f>
        <v>38.158875322978915</v>
      </c>
      <c r="F2350" cm="1">
        <f t="array" ref="F2350">IFERROR(INDEX(Jesper!AJ$2:AJ$366,ROUNDDOWN($C2350/24,0)+1,1)*INDEX($D$3:$AA$30,INDEX(Jesper!$R$2:$R$366,ROW(INDEX(Jesper!AJ$2:AJ$366,ROUNDDOWN($C2350/24,0)+1,1))-1)+IF('Standard Profiles'!$G$20=$B$10,7,0)+IF('Standard Profiles'!$G$20=$B$17,14,0)+IF('Standard Profiles'!$G$20=$B$24,21,0),MOD($C2350,24)+1)/SUM(INDEX($D$3:$AA$30,INDEX(Jesper!$R$2:$R$366,ROW(INDEX(Jesper!AJ$2:AJ$366,ROUNDDOWN($C2350/24,0)+1,1))-1)+IF('Standard Profiles'!$G$20=$B$10,7,0)+IF('Standard Profiles'!$G$20=$B$17,14,0)+IF('Standard Profiles'!$G$20=$B$24,21,0),0)),0)</f>
        <v>0</v>
      </c>
      <c r="G2350" cm="1">
        <f t="array" ref="G2350">IFERROR(INDEX(Jesper!AK$2:AK$366,ROUNDDOWN($C2350/24,0)+1,1)*INDEX($D$3:$AA$30,INDEX(Jesper!$R$2:$R$366,ROW(INDEX(Jesper!AK$2:AK$366,ROUNDDOWN($C2350/24,0)+1,1))-1)+IF('Standard Profiles'!$G$21=$B$10,7,0)+IF('Standard Profiles'!$G$21=$B$17,14,0)+IF('Standard Profiles'!$G$21=$B$24,21,0),MOD($C2350,24)+1)/SUM(INDEX($D$3:$AA$30,INDEX(Jesper!$R$2:$R$366,ROW(INDEX(Jesper!AK$2:AK$366,ROUNDDOWN($C2350/24,0)+1,1))-1)+IF('Standard Profiles'!$G$21=$B$10,7,0)+IF('Standard Profiles'!$G$21=$B$17,14,0)+IF('Standard Profiles'!$G$21=$B$24,21,0),0)),0)</f>
        <v>24.364908423064382</v>
      </c>
      <c r="H2350" cm="1">
        <f t="array" ref="H2350">IFERROR(INDEX(Jesper!AL$2:AL$366,ROUNDDOWN($C2350/24,0)+1,1)*INDEX($D$3:$AA$30,INDEX(Jesper!$R$2:$R$366,ROW(INDEX(Jesper!AL$2:AL$366,ROUNDDOWN($C2350/24,0)+1,1))-1)+IF('Standard Profiles'!$G$22=$B$10,7,0)+IF('Standard Profiles'!$G$22=$B$17,14,0)+IF('Standard Profiles'!$G$22=$B$24,21,0),MOD($C2350,24)+1)/SUM(INDEX($D$3:$AA$30,INDEX(Jesper!$R$2:$R$366,ROW(INDEX(Jesper!AL$2:AL$366,ROUNDDOWN($C2350/24,0)+1,1))-1)+IF('Standard Profiles'!$G$22=$B$10,7,0)+IF('Standard Profiles'!$G$22=$B$17,14,0)+IF('Standard Profiles'!$G$22=$B$24,21,0),0)),0)</f>
        <v>0</v>
      </c>
      <c r="I2350">
        <f t="shared" si="272"/>
        <v>11.695156043070897</v>
      </c>
      <c r="J2350">
        <f t="shared" si="273"/>
        <v>82.869200316061068</v>
      </c>
      <c r="K2350">
        <f t="shared" si="274"/>
        <v>4.0686441413445928</v>
      </c>
      <c r="L2350">
        <f t="shared" si="275"/>
        <v>2.0343220706722964</v>
      </c>
      <c r="M2350">
        <f t="shared" si="276"/>
        <v>0</v>
      </c>
      <c r="N2350" s="45">
        <f t="shared" si="277"/>
        <v>45023.499999994383</v>
      </c>
    </row>
    <row r="2351" spans="2:14" x14ac:dyDescent="0.25">
      <c r="B2351">
        <f t="shared" si="271"/>
        <v>5</v>
      </c>
      <c r="C2351" s="16">
        <v>2317</v>
      </c>
      <c r="D2351" cm="1">
        <f t="array" ref="D2351">IFERROR(INDEX(Jesper!AH$2:AH$366,ROUNDDOWN($C2351/24,0)+1,1)*INDEX($D$3:$AA$30,INDEX(Jesper!$R$2:$R$366,ROW(INDEX(Jesper!AH$2:AH$366,ROUNDDOWN($C2351/24,0)+1,1))-1)+IF('Standard Profiles'!$G$18=$B$10,7,0)+IF('Standard Profiles'!$G$18=$B$17,14,0)+IF('Standard Profiles'!$G$18=$B$24,21,0),MOD($C2351,24)+1)/SUM(INDEX($D$3:$AA$30,INDEX(Jesper!$R$2:$R$366,ROW(INDEX(Jesper!AH$2:AH$366,ROUNDDOWN($C2351/24,0)+1,1))-1)+IF('Standard Profiles'!$G$18=$B$10,7,0)+IF('Standard Profiles'!$G$18=$B$17,14,0)+IF('Standard Profiles'!$G$18=$B$24,21,0),0)),0)</f>
        <v>26.407065340457699</v>
      </c>
      <c r="E2351" cm="1">
        <f t="array" ref="E2351">IFERROR(INDEX(Jesper!AI$2:AI$366,ROUNDDOWN($C2351/24,0)+1,1)*INDEX($D$3:$AA$30,INDEX(Jesper!$R$2:$R$366,ROW(INDEX(Jesper!AI$2:AI$366,ROUNDDOWN($C2351/24,0)+1,1))-1)+IF('Standard Profiles'!$G$19=$B$10,7,0)+IF('Standard Profiles'!$G$19=$B$17,14,0)+IF('Standard Profiles'!$G$19=$B$24,21,0),MOD($C2351,24)+1)/SUM(INDEX($D$3:$AA$30,INDEX(Jesper!$R$2:$R$366,ROW(INDEX(Jesper!AI$2:AI$366,ROUNDDOWN($C2351/24,0)+1,1))-1)+IF('Standard Profiles'!$G$19=$B$10,7,0)+IF('Standard Profiles'!$G$19=$B$17,14,0)+IF('Standard Profiles'!$G$19=$B$24,21,0),0)),0)</f>
        <v>26.417682915908475</v>
      </c>
      <c r="F2351" cm="1">
        <f t="array" ref="F2351">IFERROR(INDEX(Jesper!AJ$2:AJ$366,ROUNDDOWN($C2351/24,0)+1,1)*INDEX($D$3:$AA$30,INDEX(Jesper!$R$2:$R$366,ROW(INDEX(Jesper!AJ$2:AJ$366,ROUNDDOWN($C2351/24,0)+1,1))-1)+IF('Standard Profiles'!$G$20=$B$10,7,0)+IF('Standard Profiles'!$G$20=$B$17,14,0)+IF('Standard Profiles'!$G$20=$B$24,21,0),MOD($C2351,24)+1)/SUM(INDEX($D$3:$AA$30,INDEX(Jesper!$R$2:$R$366,ROW(INDEX(Jesper!AJ$2:AJ$366,ROUNDDOWN($C2351/24,0)+1,1))-1)+IF('Standard Profiles'!$G$20=$B$10,7,0)+IF('Standard Profiles'!$G$20=$B$17,14,0)+IF('Standard Profiles'!$G$20=$B$24,21,0),0)),0)</f>
        <v>0</v>
      </c>
      <c r="G2351" cm="1">
        <f t="array" ref="G2351">IFERROR(INDEX(Jesper!AK$2:AK$366,ROUNDDOWN($C2351/24,0)+1,1)*INDEX($D$3:$AA$30,INDEX(Jesper!$R$2:$R$366,ROW(INDEX(Jesper!AK$2:AK$366,ROUNDDOWN($C2351/24,0)+1,1))-1)+IF('Standard Profiles'!$G$21=$B$10,7,0)+IF('Standard Profiles'!$G$21=$B$17,14,0)+IF('Standard Profiles'!$G$21=$B$24,21,0),MOD($C2351,24)+1)/SUM(INDEX($D$3:$AA$30,INDEX(Jesper!$R$2:$R$366,ROW(INDEX(Jesper!AK$2:AK$366,ROUNDDOWN($C2351/24,0)+1,1))-1)+IF('Standard Profiles'!$G$21=$B$10,7,0)+IF('Standard Profiles'!$G$21=$B$17,14,0)+IF('Standard Profiles'!$G$21=$B$24,21,0),0)),0)</f>
        <v>16.868013523659961</v>
      </c>
      <c r="H2351" cm="1">
        <f t="array" ref="H2351">IFERROR(INDEX(Jesper!AL$2:AL$366,ROUNDDOWN($C2351/24,0)+1,1)*INDEX($D$3:$AA$30,INDEX(Jesper!$R$2:$R$366,ROW(INDEX(Jesper!AL$2:AL$366,ROUNDDOWN($C2351/24,0)+1,1))-1)+IF('Standard Profiles'!$G$22=$B$10,7,0)+IF('Standard Profiles'!$G$22=$B$17,14,0)+IF('Standard Profiles'!$G$22=$B$24,21,0),MOD($C2351,24)+1)/SUM(INDEX($D$3:$AA$30,INDEX(Jesper!$R$2:$R$366,ROW(INDEX(Jesper!AL$2:AL$366,ROUNDDOWN($C2351/24,0)+1,1))-1)+IF('Standard Profiles'!$G$22=$B$10,7,0)+IF('Standard Profiles'!$G$22=$B$17,14,0)+IF('Standard Profiles'!$G$22=$B$24,21,0),0)),0)</f>
        <v>0</v>
      </c>
      <c r="I2351">
        <f t="shared" si="272"/>
        <v>8.0966464913567773</v>
      </c>
      <c r="J2351">
        <f t="shared" si="273"/>
        <v>57.370984834196122</v>
      </c>
      <c r="K2351">
        <f t="shared" si="274"/>
        <v>2.8167536363154881</v>
      </c>
      <c r="L2351">
        <f t="shared" si="275"/>
        <v>1.4083768181577441</v>
      </c>
      <c r="M2351">
        <f t="shared" si="276"/>
        <v>0</v>
      </c>
      <c r="N2351" s="45">
        <f t="shared" si="277"/>
        <v>45023.541666661047</v>
      </c>
    </row>
    <row r="2352" spans="2:14" x14ac:dyDescent="0.25">
      <c r="B2352">
        <f t="shared" si="271"/>
        <v>5</v>
      </c>
      <c r="C2352" s="16">
        <v>2318</v>
      </c>
      <c r="D2352" cm="1">
        <f t="array" ref="D2352">IFERROR(INDEX(Jesper!AH$2:AH$366,ROUNDDOWN($C2352/24,0)+1,1)*INDEX($D$3:$AA$30,INDEX(Jesper!$R$2:$R$366,ROW(INDEX(Jesper!AH$2:AH$366,ROUNDDOWN($C2352/24,0)+1,1))-1)+IF('Standard Profiles'!$G$18=$B$10,7,0)+IF('Standard Profiles'!$G$18=$B$17,14,0)+IF('Standard Profiles'!$G$18=$B$24,21,0),MOD($C2352,24)+1)/SUM(INDEX($D$3:$AA$30,INDEX(Jesper!$R$2:$R$366,ROW(INDEX(Jesper!AH$2:AH$366,ROUNDDOWN($C2352/24,0)+1,1))-1)+IF('Standard Profiles'!$G$18=$B$10,7,0)+IF('Standard Profiles'!$G$18=$B$17,14,0)+IF('Standard Profiles'!$G$18=$B$24,21,0),0)),0)</f>
        <v>38.143538825105558</v>
      </c>
      <c r="E2352" cm="1">
        <f t="array" ref="E2352">IFERROR(INDEX(Jesper!AI$2:AI$366,ROUNDDOWN($C2352/24,0)+1,1)*INDEX($D$3:$AA$30,INDEX(Jesper!$R$2:$R$366,ROW(INDEX(Jesper!AI$2:AI$366,ROUNDDOWN($C2352/24,0)+1,1))-1)+IF('Standard Profiles'!$G$19=$B$10,7,0)+IF('Standard Profiles'!$G$19=$B$17,14,0)+IF('Standard Profiles'!$G$19=$B$24,21,0),MOD($C2352,24)+1)/SUM(INDEX($D$3:$AA$30,INDEX(Jesper!$R$2:$R$366,ROW(INDEX(Jesper!AI$2:AI$366,ROUNDDOWN($C2352/24,0)+1,1))-1)+IF('Standard Profiles'!$G$19=$B$10,7,0)+IF('Standard Profiles'!$G$19=$B$17,14,0)+IF('Standard Profiles'!$G$19=$B$24,21,0),0)),0)</f>
        <v>38.158875322978915</v>
      </c>
      <c r="F2352" cm="1">
        <f t="array" ref="F2352">IFERROR(INDEX(Jesper!AJ$2:AJ$366,ROUNDDOWN($C2352/24,0)+1,1)*INDEX($D$3:$AA$30,INDEX(Jesper!$R$2:$R$366,ROW(INDEX(Jesper!AJ$2:AJ$366,ROUNDDOWN($C2352/24,0)+1,1))-1)+IF('Standard Profiles'!$G$20=$B$10,7,0)+IF('Standard Profiles'!$G$20=$B$17,14,0)+IF('Standard Profiles'!$G$20=$B$24,21,0),MOD($C2352,24)+1)/SUM(INDEX($D$3:$AA$30,INDEX(Jesper!$R$2:$R$366,ROW(INDEX(Jesper!AJ$2:AJ$366,ROUNDDOWN($C2352/24,0)+1,1))-1)+IF('Standard Profiles'!$G$20=$B$10,7,0)+IF('Standard Profiles'!$G$20=$B$17,14,0)+IF('Standard Profiles'!$G$20=$B$24,21,0),0)),0)</f>
        <v>0</v>
      </c>
      <c r="G2352" cm="1">
        <f t="array" ref="G2352">IFERROR(INDEX(Jesper!AK$2:AK$366,ROUNDDOWN($C2352/24,0)+1,1)*INDEX($D$3:$AA$30,INDEX(Jesper!$R$2:$R$366,ROW(INDEX(Jesper!AK$2:AK$366,ROUNDDOWN($C2352/24,0)+1,1))-1)+IF('Standard Profiles'!$G$21=$B$10,7,0)+IF('Standard Profiles'!$G$21=$B$17,14,0)+IF('Standard Profiles'!$G$21=$B$24,21,0),MOD($C2352,24)+1)/SUM(INDEX($D$3:$AA$30,INDEX(Jesper!$R$2:$R$366,ROW(INDEX(Jesper!AK$2:AK$366,ROUNDDOWN($C2352/24,0)+1,1))-1)+IF('Standard Profiles'!$G$21=$B$10,7,0)+IF('Standard Profiles'!$G$21=$B$17,14,0)+IF('Standard Profiles'!$G$21=$B$24,21,0),0)),0)</f>
        <v>24.364908423064382</v>
      </c>
      <c r="H2352" cm="1">
        <f t="array" ref="H2352">IFERROR(INDEX(Jesper!AL$2:AL$366,ROUNDDOWN($C2352/24,0)+1,1)*INDEX($D$3:$AA$30,INDEX(Jesper!$R$2:$R$366,ROW(INDEX(Jesper!AL$2:AL$366,ROUNDDOWN($C2352/24,0)+1,1))-1)+IF('Standard Profiles'!$G$22=$B$10,7,0)+IF('Standard Profiles'!$G$22=$B$17,14,0)+IF('Standard Profiles'!$G$22=$B$24,21,0),MOD($C2352,24)+1)/SUM(INDEX($D$3:$AA$30,INDEX(Jesper!$R$2:$R$366,ROW(INDEX(Jesper!AL$2:AL$366,ROUNDDOWN($C2352/24,0)+1,1))-1)+IF('Standard Profiles'!$G$22=$B$10,7,0)+IF('Standard Profiles'!$G$22=$B$17,14,0)+IF('Standard Profiles'!$G$22=$B$24,21,0),0)),0)</f>
        <v>0</v>
      </c>
      <c r="I2352">
        <f t="shared" si="272"/>
        <v>11.695156043070897</v>
      </c>
      <c r="J2352">
        <f t="shared" si="273"/>
        <v>82.869200316061068</v>
      </c>
      <c r="K2352">
        <f t="shared" si="274"/>
        <v>4.0686441413445928</v>
      </c>
      <c r="L2352">
        <f t="shared" si="275"/>
        <v>2.0343220706722964</v>
      </c>
      <c r="M2352">
        <f t="shared" si="276"/>
        <v>0</v>
      </c>
      <c r="N2352" s="45">
        <f t="shared" si="277"/>
        <v>45023.583333327711</v>
      </c>
    </row>
    <row r="2353" spans="2:14" x14ac:dyDescent="0.25">
      <c r="B2353">
        <f t="shared" si="271"/>
        <v>5</v>
      </c>
      <c r="C2353" s="16">
        <v>2319</v>
      </c>
      <c r="D2353" cm="1">
        <f t="array" ref="D2353">IFERROR(INDEX(Jesper!AH$2:AH$366,ROUNDDOWN($C2353/24,0)+1,1)*INDEX($D$3:$AA$30,INDEX(Jesper!$R$2:$R$366,ROW(INDEX(Jesper!AH$2:AH$366,ROUNDDOWN($C2353/24,0)+1,1))-1)+IF('Standard Profiles'!$G$18=$B$10,7,0)+IF('Standard Profiles'!$G$18=$B$17,14,0)+IF('Standard Profiles'!$G$18=$B$24,21,0),MOD($C2353,24)+1)/SUM(INDEX($D$3:$AA$30,INDEX(Jesper!$R$2:$R$366,ROW(INDEX(Jesper!AH$2:AH$366,ROUNDDOWN($C2353/24,0)+1,1))-1)+IF('Standard Profiles'!$G$18=$B$10,7,0)+IF('Standard Profiles'!$G$18=$B$17,14,0)+IF('Standard Profiles'!$G$18=$B$24,21,0),0)),0)</f>
        <v>29.341183711619664</v>
      </c>
      <c r="E2353" cm="1">
        <f t="array" ref="E2353">IFERROR(INDEX(Jesper!AI$2:AI$366,ROUNDDOWN($C2353/24,0)+1,1)*INDEX($D$3:$AA$30,INDEX(Jesper!$R$2:$R$366,ROW(INDEX(Jesper!AI$2:AI$366,ROUNDDOWN($C2353/24,0)+1,1))-1)+IF('Standard Profiles'!$G$19=$B$10,7,0)+IF('Standard Profiles'!$G$19=$B$17,14,0)+IF('Standard Profiles'!$G$19=$B$24,21,0),MOD($C2353,24)+1)/SUM(INDEX($D$3:$AA$30,INDEX(Jesper!$R$2:$R$366,ROW(INDEX(Jesper!AI$2:AI$366,ROUNDDOWN($C2353/24,0)+1,1))-1)+IF('Standard Profiles'!$G$19=$B$10,7,0)+IF('Standard Profiles'!$G$19=$B$17,14,0)+IF('Standard Profiles'!$G$19=$B$24,21,0),0)),0)</f>
        <v>29.352981017676086</v>
      </c>
      <c r="F2353" cm="1">
        <f t="array" ref="F2353">IFERROR(INDEX(Jesper!AJ$2:AJ$366,ROUNDDOWN($C2353/24,0)+1,1)*INDEX($D$3:$AA$30,INDEX(Jesper!$R$2:$R$366,ROW(INDEX(Jesper!AJ$2:AJ$366,ROUNDDOWN($C2353/24,0)+1,1))-1)+IF('Standard Profiles'!$G$20=$B$10,7,0)+IF('Standard Profiles'!$G$20=$B$17,14,0)+IF('Standard Profiles'!$G$20=$B$24,21,0),MOD($C2353,24)+1)/SUM(INDEX($D$3:$AA$30,INDEX(Jesper!$R$2:$R$366,ROW(INDEX(Jesper!AJ$2:AJ$366,ROUNDDOWN($C2353/24,0)+1,1))-1)+IF('Standard Profiles'!$G$20=$B$10,7,0)+IF('Standard Profiles'!$G$20=$B$17,14,0)+IF('Standard Profiles'!$G$20=$B$24,21,0),0)),0)</f>
        <v>0</v>
      </c>
      <c r="G2353" cm="1">
        <f t="array" ref="G2353">IFERROR(INDEX(Jesper!AK$2:AK$366,ROUNDDOWN($C2353/24,0)+1,1)*INDEX($D$3:$AA$30,INDEX(Jesper!$R$2:$R$366,ROW(INDEX(Jesper!AK$2:AK$366,ROUNDDOWN($C2353/24,0)+1,1))-1)+IF('Standard Profiles'!$G$21=$B$10,7,0)+IF('Standard Profiles'!$G$21=$B$17,14,0)+IF('Standard Profiles'!$G$21=$B$24,21,0),MOD($C2353,24)+1)/SUM(INDEX($D$3:$AA$30,INDEX(Jesper!$R$2:$R$366,ROW(INDEX(Jesper!AK$2:AK$366,ROUNDDOWN($C2353/24,0)+1,1))-1)+IF('Standard Profiles'!$G$21=$B$10,7,0)+IF('Standard Profiles'!$G$21=$B$17,14,0)+IF('Standard Profiles'!$G$21=$B$24,21,0),0)),0)</f>
        <v>20.616460973362173</v>
      </c>
      <c r="H2353" cm="1">
        <f t="array" ref="H2353">IFERROR(INDEX(Jesper!AL$2:AL$366,ROUNDDOWN($C2353/24,0)+1,1)*INDEX($D$3:$AA$30,INDEX(Jesper!$R$2:$R$366,ROW(INDEX(Jesper!AL$2:AL$366,ROUNDDOWN($C2353/24,0)+1,1))-1)+IF('Standard Profiles'!$G$22=$B$10,7,0)+IF('Standard Profiles'!$G$22=$B$17,14,0)+IF('Standard Profiles'!$G$22=$B$24,21,0),MOD($C2353,24)+1)/SUM(INDEX($D$3:$AA$30,INDEX(Jesper!$R$2:$R$366,ROW(INDEX(Jesper!AL$2:AL$366,ROUNDDOWN($C2353/24,0)+1,1))-1)+IF('Standard Profiles'!$G$22=$B$10,7,0)+IF('Standard Profiles'!$G$22=$B$17,14,0)+IF('Standard Profiles'!$G$22=$B$24,21,0),0)),0)</f>
        <v>0</v>
      </c>
      <c r="I2353">
        <f t="shared" si="272"/>
        <v>9.8959012672138389</v>
      </c>
      <c r="J2353">
        <f t="shared" si="273"/>
        <v>64.720135041584939</v>
      </c>
      <c r="K2353">
        <f t="shared" si="274"/>
        <v>3.1297262625727642</v>
      </c>
      <c r="L2353">
        <f t="shared" si="275"/>
        <v>1.5648631312863821</v>
      </c>
      <c r="M2353">
        <f t="shared" si="276"/>
        <v>0</v>
      </c>
      <c r="N2353" s="45">
        <f t="shared" si="277"/>
        <v>45023.624999994376</v>
      </c>
    </row>
    <row r="2354" spans="2:14" x14ac:dyDescent="0.25">
      <c r="B2354">
        <f t="shared" si="271"/>
        <v>5</v>
      </c>
      <c r="C2354" s="16">
        <v>2320</v>
      </c>
      <c r="D2354" cm="1">
        <f t="array" ref="D2354">IFERROR(INDEX(Jesper!AH$2:AH$366,ROUNDDOWN($C2354/24,0)+1,1)*INDEX($D$3:$AA$30,INDEX(Jesper!$R$2:$R$366,ROW(INDEX(Jesper!AH$2:AH$366,ROUNDDOWN($C2354/24,0)+1,1))-1)+IF('Standard Profiles'!$G$18=$B$10,7,0)+IF('Standard Profiles'!$G$18=$B$17,14,0)+IF('Standard Profiles'!$G$18=$B$24,21,0),MOD($C2354,24)+1)/SUM(INDEX($D$3:$AA$30,INDEX(Jesper!$R$2:$R$366,ROW(INDEX(Jesper!AH$2:AH$366,ROUNDDOWN($C2354/24,0)+1,1))-1)+IF('Standard Profiles'!$G$18=$B$10,7,0)+IF('Standard Profiles'!$G$18=$B$17,14,0)+IF('Standard Profiles'!$G$18=$B$24,21,0),0)),0)</f>
        <v>13.775203620478715</v>
      </c>
      <c r="E2354" cm="1">
        <f t="array" ref="E2354">IFERROR(INDEX(Jesper!AI$2:AI$366,ROUNDDOWN($C2354/24,0)+1,1)*INDEX($D$3:$AA$30,INDEX(Jesper!$R$2:$R$366,ROW(INDEX(Jesper!AI$2:AI$366,ROUNDDOWN($C2354/24,0)+1,1))-1)+IF('Standard Profiles'!$G$19=$B$10,7,0)+IF('Standard Profiles'!$G$19=$B$17,14,0)+IF('Standard Profiles'!$G$19=$B$24,21,0),MOD($C2354,24)+1)/SUM(INDEX($D$3:$AA$30,INDEX(Jesper!$R$2:$R$366,ROW(INDEX(Jesper!AI$2:AI$366,ROUNDDOWN($C2354/24,0)+1,1))-1)+IF('Standard Profiles'!$G$19=$B$10,7,0)+IF('Standard Profiles'!$G$19=$B$17,14,0)+IF('Standard Profiles'!$G$19=$B$24,21,0),0)),0)</f>
        <v>13.780742261819761</v>
      </c>
      <c r="F2354" cm="1">
        <f t="array" ref="F2354">IFERROR(INDEX(Jesper!AJ$2:AJ$366,ROUNDDOWN($C2354/24,0)+1,1)*INDEX($D$3:$AA$30,INDEX(Jesper!$R$2:$R$366,ROW(INDEX(Jesper!AJ$2:AJ$366,ROUNDDOWN($C2354/24,0)+1,1))-1)+IF('Standard Profiles'!$G$20=$B$10,7,0)+IF('Standard Profiles'!$G$20=$B$17,14,0)+IF('Standard Profiles'!$G$20=$B$24,21,0),MOD($C2354,24)+1)/SUM(INDEX($D$3:$AA$30,INDEX(Jesper!$R$2:$R$366,ROW(INDEX(Jesper!AJ$2:AJ$366,ROUNDDOWN($C2354/24,0)+1,1))-1)+IF('Standard Profiles'!$G$20=$B$10,7,0)+IF('Standard Profiles'!$G$20=$B$17,14,0)+IF('Standard Profiles'!$G$20=$B$24,21,0),0)),0)</f>
        <v>0</v>
      </c>
      <c r="G2354" cm="1">
        <f t="array" ref="G2354">IFERROR(INDEX(Jesper!AK$2:AK$366,ROUNDDOWN($C2354/24,0)+1,1)*INDEX($D$3:$AA$30,INDEX(Jesper!$R$2:$R$366,ROW(INDEX(Jesper!AK$2:AK$366,ROUNDDOWN($C2354/24,0)+1,1))-1)+IF('Standard Profiles'!$G$21=$B$10,7,0)+IF('Standard Profiles'!$G$21=$B$17,14,0)+IF('Standard Profiles'!$G$21=$B$24,21,0),MOD($C2354,24)+1)/SUM(INDEX($D$3:$AA$30,INDEX(Jesper!$R$2:$R$366,ROW(INDEX(Jesper!AK$2:AK$366,ROUNDDOWN($C2354/24,0)+1,1))-1)+IF('Standard Profiles'!$G$21=$B$10,7,0)+IF('Standard Profiles'!$G$21=$B$17,14,0)+IF('Standard Profiles'!$G$21=$B$24,21,0),0)),0)</f>
        <v>17.849749760486731</v>
      </c>
      <c r="H2354" cm="1">
        <f t="array" ref="H2354">IFERROR(INDEX(Jesper!AL$2:AL$366,ROUNDDOWN($C2354/24,0)+1,1)*INDEX($D$3:$AA$30,INDEX(Jesper!$R$2:$R$366,ROW(INDEX(Jesper!AL$2:AL$366,ROUNDDOWN($C2354/24,0)+1,1))-1)+IF('Standard Profiles'!$G$22=$B$10,7,0)+IF('Standard Profiles'!$G$22=$B$17,14,0)+IF('Standard Profiles'!$G$22=$B$24,21,0),MOD($C2354,24)+1)/SUM(INDEX($D$3:$AA$30,INDEX(Jesper!$R$2:$R$366,ROW(INDEX(Jesper!AL$2:AL$366,ROUNDDOWN($C2354/24,0)+1,1))-1)+IF('Standard Profiles'!$G$22=$B$10,7,0)+IF('Standard Profiles'!$G$22=$B$17,14,0)+IF('Standard Profiles'!$G$22=$B$24,21,0),0)),0)</f>
        <v>0</v>
      </c>
      <c r="I2354">
        <f t="shared" si="272"/>
        <v>8.5678798850336264</v>
      </c>
      <c r="J2354">
        <f t="shared" si="273"/>
        <v>34.633783178474985</v>
      </c>
      <c r="K2354">
        <f t="shared" si="274"/>
        <v>1.469355052851063</v>
      </c>
      <c r="L2354">
        <f t="shared" si="275"/>
        <v>0.73467752642553152</v>
      </c>
      <c r="M2354">
        <f t="shared" si="276"/>
        <v>0</v>
      </c>
      <c r="N2354" s="45">
        <f t="shared" si="277"/>
        <v>45023.66666666104</v>
      </c>
    </row>
    <row r="2355" spans="2:14" x14ac:dyDescent="0.25">
      <c r="B2355">
        <f t="shared" si="271"/>
        <v>5</v>
      </c>
      <c r="C2355" s="16">
        <v>2321</v>
      </c>
      <c r="D2355" cm="1">
        <f t="array" ref="D2355">IFERROR(INDEX(Jesper!AH$2:AH$366,ROUNDDOWN($C2355/24,0)+1,1)*INDEX($D$3:$AA$30,INDEX(Jesper!$R$2:$R$366,ROW(INDEX(Jesper!AH$2:AH$366,ROUNDDOWN($C2355/24,0)+1,1))-1)+IF('Standard Profiles'!$G$18=$B$10,7,0)+IF('Standard Profiles'!$G$18=$B$17,14,0)+IF('Standard Profiles'!$G$18=$B$24,21,0),MOD($C2355,24)+1)/SUM(INDEX($D$3:$AA$30,INDEX(Jesper!$R$2:$R$366,ROW(INDEX(Jesper!AH$2:AH$366,ROUNDDOWN($C2355/24,0)+1,1))-1)+IF('Standard Profiles'!$G$18=$B$10,7,0)+IF('Standard Profiles'!$G$18=$B$17,14,0)+IF('Standard Profiles'!$G$18=$B$24,21,0),0)),0)</f>
        <v>9.0916343895159528</v>
      </c>
      <c r="E2355" cm="1">
        <f t="array" ref="E2355">IFERROR(INDEX(Jesper!AI$2:AI$366,ROUNDDOWN($C2355/24,0)+1,1)*INDEX($D$3:$AA$30,INDEX(Jesper!$R$2:$R$366,ROW(INDEX(Jesper!AI$2:AI$366,ROUNDDOWN($C2355/24,0)+1,1))-1)+IF('Standard Profiles'!$G$19=$B$10,7,0)+IF('Standard Profiles'!$G$19=$B$17,14,0)+IF('Standard Profiles'!$G$19=$B$24,21,0),MOD($C2355,24)+1)/SUM(INDEX($D$3:$AA$30,INDEX(Jesper!$R$2:$R$366,ROW(INDEX(Jesper!AI$2:AI$366,ROUNDDOWN($C2355/24,0)+1,1))-1)+IF('Standard Profiles'!$G$19=$B$10,7,0)+IF('Standard Profiles'!$G$19=$B$17,14,0)+IF('Standard Profiles'!$G$19=$B$24,21,0),0)),0)</f>
        <v>9.0952898928010413</v>
      </c>
      <c r="F2355" cm="1">
        <f t="array" ref="F2355">IFERROR(INDEX(Jesper!AJ$2:AJ$366,ROUNDDOWN($C2355/24,0)+1,1)*INDEX($D$3:$AA$30,INDEX(Jesper!$R$2:$R$366,ROW(INDEX(Jesper!AJ$2:AJ$366,ROUNDDOWN($C2355/24,0)+1,1))-1)+IF('Standard Profiles'!$G$20=$B$10,7,0)+IF('Standard Profiles'!$G$20=$B$17,14,0)+IF('Standard Profiles'!$G$20=$B$24,21,0),MOD($C2355,24)+1)/SUM(INDEX($D$3:$AA$30,INDEX(Jesper!$R$2:$R$366,ROW(INDEX(Jesper!AJ$2:AJ$366,ROUNDDOWN($C2355/24,0)+1,1))-1)+IF('Standard Profiles'!$G$20=$B$10,7,0)+IF('Standard Profiles'!$G$20=$B$17,14,0)+IF('Standard Profiles'!$G$20=$B$24,21,0),0)),0)</f>
        <v>0</v>
      </c>
      <c r="G2355" cm="1">
        <f t="array" ref="G2355">IFERROR(INDEX(Jesper!AK$2:AK$366,ROUNDDOWN($C2355/24,0)+1,1)*INDEX($D$3:$AA$30,INDEX(Jesper!$R$2:$R$366,ROW(INDEX(Jesper!AK$2:AK$366,ROUNDDOWN($C2355/24,0)+1,1))-1)+IF('Standard Profiles'!$G$21=$B$10,7,0)+IF('Standard Profiles'!$G$21=$B$17,14,0)+IF('Standard Profiles'!$G$21=$B$24,21,0),MOD($C2355,24)+1)/SUM(INDEX($D$3:$AA$30,INDEX(Jesper!$R$2:$R$366,ROW(INDEX(Jesper!AK$2:AK$366,ROUNDDOWN($C2355/24,0)+1,1))-1)+IF('Standard Profiles'!$G$21=$B$10,7,0)+IF('Standard Profiles'!$G$21=$B$17,14,0)+IF('Standard Profiles'!$G$21=$B$24,21,0),0)),0)</f>
        <v>14.993789798808852</v>
      </c>
      <c r="H2355" cm="1">
        <f t="array" ref="H2355">IFERROR(INDEX(Jesper!AL$2:AL$366,ROUNDDOWN($C2355/24,0)+1,1)*INDEX($D$3:$AA$30,INDEX(Jesper!$R$2:$R$366,ROW(INDEX(Jesper!AL$2:AL$366,ROUNDDOWN($C2355/24,0)+1,1))-1)+IF('Standard Profiles'!$G$22=$B$10,7,0)+IF('Standard Profiles'!$G$22=$B$17,14,0)+IF('Standard Profiles'!$G$22=$B$24,21,0),MOD($C2355,24)+1)/SUM(INDEX($D$3:$AA$30,INDEX(Jesper!$R$2:$R$366,ROW(INDEX(Jesper!AL$2:AL$366,ROUNDDOWN($C2355/24,0)+1,1))-1)+IF('Standard Profiles'!$G$22=$B$10,7,0)+IF('Standard Profiles'!$G$22=$B$17,14,0)+IF('Standard Profiles'!$G$22=$B$24,21,0),0)),0)</f>
        <v>0</v>
      </c>
      <c r="I2355">
        <f t="shared" si="272"/>
        <v>7.1970191034282456</v>
      </c>
      <c r="J2355">
        <f t="shared" si="273"/>
        <v>24.529033475375048</v>
      </c>
      <c r="K2355">
        <f t="shared" si="274"/>
        <v>0.96977433488170173</v>
      </c>
      <c r="L2355">
        <f t="shared" si="275"/>
        <v>0.48488716744085086</v>
      </c>
      <c r="M2355">
        <f t="shared" si="276"/>
        <v>0</v>
      </c>
      <c r="N2355" s="45">
        <f t="shared" si="277"/>
        <v>45023.708333327704</v>
      </c>
    </row>
    <row r="2356" spans="2:14" x14ac:dyDescent="0.25">
      <c r="B2356">
        <f t="shared" si="271"/>
        <v>5</v>
      </c>
      <c r="C2356" s="16">
        <v>2322</v>
      </c>
      <c r="D2356" cm="1">
        <f t="array" ref="D2356">IFERROR(INDEX(Jesper!AH$2:AH$366,ROUNDDOWN($C2356/24,0)+1,1)*INDEX($D$3:$AA$30,INDEX(Jesper!$R$2:$R$366,ROW(INDEX(Jesper!AH$2:AH$366,ROUNDDOWN($C2356/24,0)+1,1))-1)+IF('Standard Profiles'!$G$18=$B$10,7,0)+IF('Standard Profiles'!$G$18=$B$17,14,0)+IF('Standard Profiles'!$G$18=$B$24,21,0),MOD($C2356,24)+1)/SUM(INDEX($D$3:$AA$30,INDEX(Jesper!$R$2:$R$366,ROW(INDEX(Jesper!AH$2:AH$366,ROUNDDOWN($C2356/24,0)+1,1))-1)+IF('Standard Profiles'!$G$18=$B$10,7,0)+IF('Standard Profiles'!$G$18=$B$17,14,0)+IF('Standard Profiles'!$G$18=$B$24,21,0),0)),0)</f>
        <v>5.7855855206010602</v>
      </c>
      <c r="E2356" cm="1">
        <f t="array" ref="E2356">IFERROR(INDEX(Jesper!AI$2:AI$366,ROUNDDOWN($C2356/24,0)+1,1)*INDEX($D$3:$AA$30,INDEX(Jesper!$R$2:$R$366,ROW(INDEX(Jesper!AI$2:AI$366,ROUNDDOWN($C2356/24,0)+1,1))-1)+IF('Standard Profiles'!$G$19=$B$10,7,0)+IF('Standard Profiles'!$G$19=$B$17,14,0)+IF('Standard Profiles'!$G$19=$B$24,21,0),MOD($C2356,24)+1)/SUM(INDEX($D$3:$AA$30,INDEX(Jesper!$R$2:$R$366,ROW(INDEX(Jesper!AI$2:AI$366,ROUNDDOWN($C2356/24,0)+1,1))-1)+IF('Standard Profiles'!$G$19=$B$10,7,0)+IF('Standard Profiles'!$G$19=$B$17,14,0)+IF('Standard Profiles'!$G$19=$B$24,21,0),0)),0)</f>
        <v>5.787911749964298</v>
      </c>
      <c r="F2356" cm="1">
        <f t="array" ref="F2356">IFERROR(INDEX(Jesper!AJ$2:AJ$366,ROUNDDOWN($C2356/24,0)+1,1)*INDEX($D$3:$AA$30,INDEX(Jesper!$R$2:$R$366,ROW(INDEX(Jesper!AJ$2:AJ$366,ROUNDDOWN($C2356/24,0)+1,1))-1)+IF('Standard Profiles'!$G$20=$B$10,7,0)+IF('Standard Profiles'!$G$20=$B$17,14,0)+IF('Standard Profiles'!$G$20=$B$24,21,0),MOD($C2356,24)+1)/SUM(INDEX($D$3:$AA$30,INDEX(Jesper!$R$2:$R$366,ROW(INDEX(Jesper!AJ$2:AJ$366,ROUNDDOWN($C2356/24,0)+1,1))-1)+IF('Standard Profiles'!$G$20=$B$10,7,0)+IF('Standard Profiles'!$G$20=$B$17,14,0)+IF('Standard Profiles'!$G$20=$B$24,21,0),0)),0)</f>
        <v>0</v>
      </c>
      <c r="G2356" cm="1">
        <f t="array" ref="G2356">IFERROR(INDEX(Jesper!AK$2:AK$366,ROUNDDOWN($C2356/24,0)+1,1)*INDEX($D$3:$AA$30,INDEX(Jesper!$R$2:$R$366,ROW(INDEX(Jesper!AK$2:AK$366,ROUNDDOWN($C2356/24,0)+1,1))-1)+IF('Standard Profiles'!$G$21=$B$10,7,0)+IF('Standard Profiles'!$G$21=$B$17,14,0)+IF('Standard Profiles'!$G$21=$B$24,21,0),MOD($C2356,24)+1)/SUM(INDEX($D$3:$AA$30,INDEX(Jesper!$R$2:$R$366,ROW(INDEX(Jesper!AK$2:AK$366,ROUNDDOWN($C2356/24,0)+1,1))-1)+IF('Standard Profiles'!$G$21=$B$10,7,0)+IF('Standard Profiles'!$G$21=$B$17,14,0)+IF('Standard Profiles'!$G$21=$B$24,21,0),0)),0)</f>
        <v>5.5334224257508859</v>
      </c>
      <c r="H2356" cm="1">
        <f t="array" ref="H2356">IFERROR(INDEX(Jesper!AL$2:AL$366,ROUNDDOWN($C2356/24,0)+1,1)*INDEX($D$3:$AA$30,INDEX(Jesper!$R$2:$R$366,ROW(INDEX(Jesper!AL$2:AL$366,ROUNDDOWN($C2356/24,0)+1,1))-1)+IF('Standard Profiles'!$G$22=$B$10,7,0)+IF('Standard Profiles'!$G$22=$B$17,14,0)+IF('Standard Profiles'!$G$22=$B$24,21,0),MOD($C2356,24)+1)/SUM(INDEX($D$3:$AA$30,INDEX(Jesper!$R$2:$R$366,ROW(INDEX(Jesper!AL$2:AL$366,ROUNDDOWN($C2356/24,0)+1,1))-1)+IF('Standard Profiles'!$G$22=$B$10,7,0)+IF('Standard Profiles'!$G$22=$B$17,14,0)+IF('Standard Profiles'!$G$22=$B$24,21,0),0)),0)</f>
        <v>0</v>
      </c>
      <c r="I2356">
        <f t="shared" si="272"/>
        <v>2.6560427643604241</v>
      </c>
      <c r="J2356">
        <f t="shared" si="273"/>
        <v>13.525183248659649</v>
      </c>
      <c r="K2356">
        <f t="shared" si="274"/>
        <v>0.61712912219744642</v>
      </c>
      <c r="L2356">
        <f t="shared" si="275"/>
        <v>0.30856456109872321</v>
      </c>
      <c r="M2356">
        <f t="shared" si="276"/>
        <v>0</v>
      </c>
      <c r="N2356" s="45">
        <f t="shared" si="277"/>
        <v>45023.749999994368</v>
      </c>
    </row>
    <row r="2357" spans="2:14" x14ac:dyDescent="0.25">
      <c r="B2357">
        <f t="shared" si="271"/>
        <v>5</v>
      </c>
      <c r="C2357" s="16">
        <v>2323</v>
      </c>
      <c r="D2357" cm="1">
        <f t="array" ref="D2357">IFERROR(INDEX(Jesper!AH$2:AH$366,ROUNDDOWN($C2357/24,0)+1,1)*INDEX($D$3:$AA$30,INDEX(Jesper!$R$2:$R$366,ROW(INDEX(Jesper!AH$2:AH$366,ROUNDDOWN($C2357/24,0)+1,1))-1)+IF('Standard Profiles'!$G$18=$B$10,7,0)+IF('Standard Profiles'!$G$18=$B$17,14,0)+IF('Standard Profiles'!$G$18=$B$24,21,0),MOD($C2357,24)+1)/SUM(INDEX($D$3:$AA$30,INDEX(Jesper!$R$2:$R$366,ROW(INDEX(Jesper!AH$2:AH$366,ROUNDDOWN($C2357/24,0)+1,1))-1)+IF('Standard Profiles'!$G$18=$B$10,7,0)+IF('Standard Profiles'!$G$18=$B$17,14,0)+IF('Standard Profiles'!$G$18=$B$24,21,0),0)),0)</f>
        <v>5.5100814481914862</v>
      </c>
      <c r="E2357" cm="1">
        <f t="array" ref="E2357">IFERROR(INDEX(Jesper!AI$2:AI$366,ROUNDDOWN($C2357/24,0)+1,1)*INDEX($D$3:$AA$30,INDEX(Jesper!$R$2:$R$366,ROW(INDEX(Jesper!AI$2:AI$366,ROUNDDOWN($C2357/24,0)+1,1))-1)+IF('Standard Profiles'!$G$19=$B$10,7,0)+IF('Standard Profiles'!$G$19=$B$17,14,0)+IF('Standard Profiles'!$G$19=$B$24,21,0),MOD($C2357,24)+1)/SUM(INDEX($D$3:$AA$30,INDEX(Jesper!$R$2:$R$366,ROW(INDEX(Jesper!AI$2:AI$366,ROUNDDOWN($C2357/24,0)+1,1))-1)+IF('Standard Profiles'!$G$19=$B$10,7,0)+IF('Standard Profiles'!$G$19=$B$17,14,0)+IF('Standard Profiles'!$G$19=$B$24,21,0),0)),0)</f>
        <v>5.5122969047279042</v>
      </c>
      <c r="F2357" cm="1">
        <f t="array" ref="F2357">IFERROR(INDEX(Jesper!AJ$2:AJ$366,ROUNDDOWN($C2357/24,0)+1,1)*INDEX($D$3:$AA$30,INDEX(Jesper!$R$2:$R$366,ROW(INDEX(Jesper!AJ$2:AJ$366,ROUNDDOWN($C2357/24,0)+1,1))-1)+IF('Standard Profiles'!$G$20=$B$10,7,0)+IF('Standard Profiles'!$G$20=$B$17,14,0)+IF('Standard Profiles'!$G$20=$B$24,21,0),MOD($C2357,24)+1)/SUM(INDEX($D$3:$AA$30,INDEX(Jesper!$R$2:$R$366,ROW(INDEX(Jesper!AJ$2:AJ$366,ROUNDDOWN($C2357/24,0)+1,1))-1)+IF('Standard Profiles'!$G$20=$B$10,7,0)+IF('Standard Profiles'!$G$20=$B$17,14,0)+IF('Standard Profiles'!$G$20=$B$24,21,0),0)),0)</f>
        <v>0</v>
      </c>
      <c r="G2357" cm="1">
        <f t="array" ref="G2357">IFERROR(INDEX(Jesper!AK$2:AK$366,ROUNDDOWN($C2357/24,0)+1,1)*INDEX($D$3:$AA$30,INDEX(Jesper!$R$2:$R$366,ROW(INDEX(Jesper!AK$2:AK$366,ROUNDDOWN($C2357/24,0)+1,1))-1)+IF('Standard Profiles'!$G$21=$B$10,7,0)+IF('Standard Profiles'!$G$21=$B$17,14,0)+IF('Standard Profiles'!$G$21=$B$24,21,0),MOD($C2357,24)+1)/SUM(INDEX($D$3:$AA$30,INDEX(Jesper!$R$2:$R$366,ROW(INDEX(Jesper!AK$2:AK$366,ROUNDDOWN($C2357/24,0)+1,1))-1)+IF('Standard Profiles'!$G$21=$B$10,7,0)+IF('Standard Profiles'!$G$21=$B$17,14,0)+IF('Standard Profiles'!$G$21=$B$24,21,0),0)),0)</f>
        <v>5.5334224257508859</v>
      </c>
      <c r="H2357" cm="1">
        <f t="array" ref="H2357">IFERROR(INDEX(Jesper!AL$2:AL$366,ROUNDDOWN($C2357/24,0)+1,1)*INDEX($D$3:$AA$30,INDEX(Jesper!$R$2:$R$366,ROW(INDEX(Jesper!AL$2:AL$366,ROUNDDOWN($C2357/24,0)+1,1))-1)+IF('Standard Profiles'!$G$22=$B$10,7,0)+IF('Standard Profiles'!$G$22=$B$17,14,0)+IF('Standard Profiles'!$G$22=$B$24,21,0),MOD($C2357,24)+1)/SUM(INDEX($D$3:$AA$30,INDEX(Jesper!$R$2:$R$366,ROW(INDEX(Jesper!AL$2:AL$366,ROUNDDOWN($C2357/24,0)+1,1))-1)+IF('Standard Profiles'!$G$22=$B$10,7,0)+IF('Standard Profiles'!$G$22=$B$17,14,0)+IF('Standard Profiles'!$G$22=$B$24,21,0),0)),0)</f>
        <v>0</v>
      </c>
      <c r="I2357">
        <f t="shared" si="272"/>
        <v>2.6560427643604241</v>
      </c>
      <c r="J2357">
        <f t="shared" si="273"/>
        <v>13.018144982599214</v>
      </c>
      <c r="K2357">
        <f t="shared" si="274"/>
        <v>0.58774202114042517</v>
      </c>
      <c r="L2357">
        <f t="shared" si="275"/>
        <v>0.29387101057021259</v>
      </c>
      <c r="M2357">
        <f t="shared" si="276"/>
        <v>0</v>
      </c>
      <c r="N2357" s="45">
        <f t="shared" si="277"/>
        <v>45023.791666661033</v>
      </c>
    </row>
    <row r="2358" spans="2:14" x14ac:dyDescent="0.25">
      <c r="B2358">
        <f t="shared" si="271"/>
        <v>5</v>
      </c>
      <c r="C2358" s="16">
        <v>2324</v>
      </c>
      <c r="D2358" cm="1">
        <f t="array" ref="D2358">IFERROR(INDEX(Jesper!AH$2:AH$366,ROUNDDOWN($C2358/24,0)+1,1)*INDEX($D$3:$AA$30,INDEX(Jesper!$R$2:$R$366,ROW(INDEX(Jesper!AH$2:AH$366,ROUNDDOWN($C2358/24,0)+1,1))-1)+IF('Standard Profiles'!$G$18=$B$10,7,0)+IF('Standard Profiles'!$G$18=$B$17,14,0)+IF('Standard Profiles'!$G$18=$B$24,21,0),MOD($C2358,24)+1)/SUM(INDEX($D$3:$AA$30,INDEX(Jesper!$R$2:$R$366,ROW(INDEX(Jesper!AH$2:AH$366,ROUNDDOWN($C2358/24,0)+1,1))-1)+IF('Standard Profiles'!$G$18=$B$10,7,0)+IF('Standard Profiles'!$G$18=$B$17,14,0)+IF('Standard Profiles'!$G$18=$B$24,21,0),0)),0)</f>
        <v>5.5100814481914862</v>
      </c>
      <c r="E2358" cm="1">
        <f t="array" ref="E2358">IFERROR(INDEX(Jesper!AI$2:AI$366,ROUNDDOWN($C2358/24,0)+1,1)*INDEX($D$3:$AA$30,INDEX(Jesper!$R$2:$R$366,ROW(INDEX(Jesper!AI$2:AI$366,ROUNDDOWN($C2358/24,0)+1,1))-1)+IF('Standard Profiles'!$G$19=$B$10,7,0)+IF('Standard Profiles'!$G$19=$B$17,14,0)+IF('Standard Profiles'!$G$19=$B$24,21,0),MOD($C2358,24)+1)/SUM(INDEX($D$3:$AA$30,INDEX(Jesper!$R$2:$R$366,ROW(INDEX(Jesper!AI$2:AI$366,ROUNDDOWN($C2358/24,0)+1,1))-1)+IF('Standard Profiles'!$G$19=$B$10,7,0)+IF('Standard Profiles'!$G$19=$B$17,14,0)+IF('Standard Profiles'!$G$19=$B$24,21,0),0)),0)</f>
        <v>5.5122969047279042</v>
      </c>
      <c r="F2358" cm="1">
        <f t="array" ref="F2358">IFERROR(INDEX(Jesper!AJ$2:AJ$366,ROUNDDOWN($C2358/24,0)+1,1)*INDEX($D$3:$AA$30,INDEX(Jesper!$R$2:$R$366,ROW(INDEX(Jesper!AJ$2:AJ$366,ROUNDDOWN($C2358/24,0)+1,1))-1)+IF('Standard Profiles'!$G$20=$B$10,7,0)+IF('Standard Profiles'!$G$20=$B$17,14,0)+IF('Standard Profiles'!$G$20=$B$24,21,0),MOD($C2358,24)+1)/SUM(INDEX($D$3:$AA$30,INDEX(Jesper!$R$2:$R$366,ROW(INDEX(Jesper!AJ$2:AJ$366,ROUNDDOWN($C2358/24,0)+1,1))-1)+IF('Standard Profiles'!$G$20=$B$10,7,0)+IF('Standard Profiles'!$G$20=$B$17,14,0)+IF('Standard Profiles'!$G$20=$B$24,21,0),0)),0)</f>
        <v>0</v>
      </c>
      <c r="G2358" cm="1">
        <f t="array" ref="G2358">IFERROR(INDEX(Jesper!AK$2:AK$366,ROUNDDOWN($C2358/24,0)+1,1)*INDEX($D$3:$AA$30,INDEX(Jesper!$R$2:$R$366,ROW(INDEX(Jesper!AK$2:AK$366,ROUNDDOWN($C2358/24,0)+1,1))-1)+IF('Standard Profiles'!$G$21=$B$10,7,0)+IF('Standard Profiles'!$G$21=$B$17,14,0)+IF('Standard Profiles'!$G$21=$B$24,21,0),MOD($C2358,24)+1)/SUM(INDEX($D$3:$AA$30,INDEX(Jesper!$R$2:$R$366,ROW(INDEX(Jesper!AK$2:AK$366,ROUNDDOWN($C2358/24,0)+1,1))-1)+IF('Standard Profiles'!$G$21=$B$10,7,0)+IF('Standard Profiles'!$G$21=$B$17,14,0)+IF('Standard Profiles'!$G$21=$B$24,21,0),0)),0)</f>
        <v>5.5334224257508859</v>
      </c>
      <c r="H2358" cm="1">
        <f t="array" ref="H2358">IFERROR(INDEX(Jesper!AL$2:AL$366,ROUNDDOWN($C2358/24,0)+1,1)*INDEX($D$3:$AA$30,INDEX(Jesper!$R$2:$R$366,ROW(INDEX(Jesper!AL$2:AL$366,ROUNDDOWN($C2358/24,0)+1,1))-1)+IF('Standard Profiles'!$G$22=$B$10,7,0)+IF('Standard Profiles'!$G$22=$B$17,14,0)+IF('Standard Profiles'!$G$22=$B$24,21,0),MOD($C2358,24)+1)/SUM(INDEX($D$3:$AA$30,INDEX(Jesper!$R$2:$R$366,ROW(INDEX(Jesper!AL$2:AL$366,ROUNDDOWN($C2358/24,0)+1,1))-1)+IF('Standard Profiles'!$G$22=$B$10,7,0)+IF('Standard Profiles'!$G$22=$B$17,14,0)+IF('Standard Profiles'!$G$22=$B$24,21,0),0)),0)</f>
        <v>0</v>
      </c>
      <c r="I2358">
        <f t="shared" si="272"/>
        <v>2.6560427643604241</v>
      </c>
      <c r="J2358">
        <f t="shared" si="273"/>
        <v>13.018144982599214</v>
      </c>
      <c r="K2358">
        <f t="shared" si="274"/>
        <v>0.58774202114042517</v>
      </c>
      <c r="L2358">
        <f t="shared" si="275"/>
        <v>0.29387101057021259</v>
      </c>
      <c r="M2358">
        <f t="shared" si="276"/>
        <v>0</v>
      </c>
      <c r="N2358" s="45">
        <f t="shared" si="277"/>
        <v>45023.833333327697</v>
      </c>
    </row>
    <row r="2359" spans="2:14" x14ac:dyDescent="0.25">
      <c r="B2359">
        <f t="shared" si="271"/>
        <v>5</v>
      </c>
      <c r="C2359" s="16">
        <v>2325</v>
      </c>
      <c r="D2359" cm="1">
        <f t="array" ref="D2359">IFERROR(INDEX(Jesper!AH$2:AH$366,ROUNDDOWN($C2359/24,0)+1,1)*INDEX($D$3:$AA$30,INDEX(Jesper!$R$2:$R$366,ROW(INDEX(Jesper!AH$2:AH$366,ROUNDDOWN($C2359/24,0)+1,1))-1)+IF('Standard Profiles'!$G$18=$B$10,7,0)+IF('Standard Profiles'!$G$18=$B$17,14,0)+IF('Standard Profiles'!$G$18=$B$24,21,0),MOD($C2359,24)+1)/SUM(INDEX($D$3:$AA$30,INDEX(Jesper!$R$2:$R$366,ROW(INDEX(Jesper!AH$2:AH$366,ROUNDDOWN($C2359/24,0)+1,1))-1)+IF('Standard Profiles'!$G$18=$B$10,7,0)+IF('Standard Profiles'!$G$18=$B$17,14,0)+IF('Standard Profiles'!$G$18=$B$24,21,0),0)),0)</f>
        <v>5.5100814481914862</v>
      </c>
      <c r="E2359" cm="1">
        <f t="array" ref="E2359">IFERROR(INDEX(Jesper!AI$2:AI$366,ROUNDDOWN($C2359/24,0)+1,1)*INDEX($D$3:$AA$30,INDEX(Jesper!$R$2:$R$366,ROW(INDEX(Jesper!AI$2:AI$366,ROUNDDOWN($C2359/24,0)+1,1))-1)+IF('Standard Profiles'!$G$19=$B$10,7,0)+IF('Standard Profiles'!$G$19=$B$17,14,0)+IF('Standard Profiles'!$G$19=$B$24,21,0),MOD($C2359,24)+1)/SUM(INDEX($D$3:$AA$30,INDEX(Jesper!$R$2:$R$366,ROW(INDEX(Jesper!AI$2:AI$366,ROUNDDOWN($C2359/24,0)+1,1))-1)+IF('Standard Profiles'!$G$19=$B$10,7,0)+IF('Standard Profiles'!$G$19=$B$17,14,0)+IF('Standard Profiles'!$G$19=$B$24,21,0),0)),0)</f>
        <v>5.5122969047279042</v>
      </c>
      <c r="F2359" cm="1">
        <f t="array" ref="F2359">IFERROR(INDEX(Jesper!AJ$2:AJ$366,ROUNDDOWN($C2359/24,0)+1,1)*INDEX($D$3:$AA$30,INDEX(Jesper!$R$2:$R$366,ROW(INDEX(Jesper!AJ$2:AJ$366,ROUNDDOWN($C2359/24,0)+1,1))-1)+IF('Standard Profiles'!$G$20=$B$10,7,0)+IF('Standard Profiles'!$G$20=$B$17,14,0)+IF('Standard Profiles'!$G$20=$B$24,21,0),MOD($C2359,24)+1)/SUM(INDEX($D$3:$AA$30,INDEX(Jesper!$R$2:$R$366,ROW(INDEX(Jesper!AJ$2:AJ$366,ROUNDDOWN($C2359/24,0)+1,1))-1)+IF('Standard Profiles'!$G$20=$B$10,7,0)+IF('Standard Profiles'!$G$20=$B$17,14,0)+IF('Standard Profiles'!$G$20=$B$24,21,0),0)),0)</f>
        <v>0</v>
      </c>
      <c r="G2359" cm="1">
        <f t="array" ref="G2359">IFERROR(INDEX(Jesper!AK$2:AK$366,ROUNDDOWN($C2359/24,0)+1,1)*INDEX($D$3:$AA$30,INDEX(Jesper!$R$2:$R$366,ROW(INDEX(Jesper!AK$2:AK$366,ROUNDDOWN($C2359/24,0)+1,1))-1)+IF('Standard Profiles'!$G$21=$B$10,7,0)+IF('Standard Profiles'!$G$21=$B$17,14,0)+IF('Standard Profiles'!$G$21=$B$24,21,0),MOD($C2359,24)+1)/SUM(INDEX($D$3:$AA$30,INDEX(Jesper!$R$2:$R$366,ROW(INDEX(Jesper!AK$2:AK$366,ROUNDDOWN($C2359/24,0)+1,1))-1)+IF('Standard Profiles'!$G$21=$B$10,7,0)+IF('Standard Profiles'!$G$21=$B$17,14,0)+IF('Standard Profiles'!$G$21=$B$24,21,0),0)),0)</f>
        <v>5.5334224257508859</v>
      </c>
      <c r="H2359" cm="1">
        <f t="array" ref="H2359">IFERROR(INDEX(Jesper!AL$2:AL$366,ROUNDDOWN($C2359/24,0)+1,1)*INDEX($D$3:$AA$30,INDEX(Jesper!$R$2:$R$366,ROW(INDEX(Jesper!AL$2:AL$366,ROUNDDOWN($C2359/24,0)+1,1))-1)+IF('Standard Profiles'!$G$22=$B$10,7,0)+IF('Standard Profiles'!$G$22=$B$17,14,0)+IF('Standard Profiles'!$G$22=$B$24,21,0),MOD($C2359,24)+1)/SUM(INDEX($D$3:$AA$30,INDEX(Jesper!$R$2:$R$366,ROW(INDEX(Jesper!AL$2:AL$366,ROUNDDOWN($C2359/24,0)+1,1))-1)+IF('Standard Profiles'!$G$22=$B$10,7,0)+IF('Standard Profiles'!$G$22=$B$17,14,0)+IF('Standard Profiles'!$G$22=$B$24,21,0),0)),0)</f>
        <v>0</v>
      </c>
      <c r="I2359">
        <f t="shared" si="272"/>
        <v>2.6560427643604241</v>
      </c>
      <c r="J2359">
        <f t="shared" si="273"/>
        <v>13.018144982599214</v>
      </c>
      <c r="K2359">
        <f t="shared" si="274"/>
        <v>0.58774202114042517</v>
      </c>
      <c r="L2359">
        <f t="shared" si="275"/>
        <v>0.29387101057021259</v>
      </c>
      <c r="M2359">
        <f t="shared" si="276"/>
        <v>0</v>
      </c>
      <c r="N2359" s="45">
        <f t="shared" si="277"/>
        <v>45023.874999994361</v>
      </c>
    </row>
    <row r="2360" spans="2:14" x14ac:dyDescent="0.25">
      <c r="B2360">
        <f t="shared" si="271"/>
        <v>5</v>
      </c>
      <c r="C2360" s="16">
        <v>2326</v>
      </c>
      <c r="D2360" cm="1">
        <f t="array" ref="D2360">IFERROR(INDEX(Jesper!AH$2:AH$366,ROUNDDOWN($C2360/24,0)+1,1)*INDEX($D$3:$AA$30,INDEX(Jesper!$R$2:$R$366,ROW(INDEX(Jesper!AH$2:AH$366,ROUNDDOWN($C2360/24,0)+1,1))-1)+IF('Standard Profiles'!$G$18=$B$10,7,0)+IF('Standard Profiles'!$G$18=$B$17,14,0)+IF('Standard Profiles'!$G$18=$B$24,21,0),MOD($C2360,24)+1)/SUM(INDEX($D$3:$AA$30,INDEX(Jesper!$R$2:$R$366,ROW(INDEX(Jesper!AH$2:AH$366,ROUNDDOWN($C2360/24,0)+1,1))-1)+IF('Standard Profiles'!$G$18=$B$10,7,0)+IF('Standard Profiles'!$G$18=$B$17,14,0)+IF('Standard Profiles'!$G$18=$B$24,21,0),0)),0)</f>
        <v>5.5100814481914862</v>
      </c>
      <c r="E2360" cm="1">
        <f t="array" ref="E2360">IFERROR(INDEX(Jesper!AI$2:AI$366,ROUNDDOWN($C2360/24,0)+1,1)*INDEX($D$3:$AA$30,INDEX(Jesper!$R$2:$R$366,ROW(INDEX(Jesper!AI$2:AI$366,ROUNDDOWN($C2360/24,0)+1,1))-1)+IF('Standard Profiles'!$G$19=$B$10,7,0)+IF('Standard Profiles'!$G$19=$B$17,14,0)+IF('Standard Profiles'!$G$19=$B$24,21,0),MOD($C2360,24)+1)/SUM(INDEX($D$3:$AA$30,INDEX(Jesper!$R$2:$R$366,ROW(INDEX(Jesper!AI$2:AI$366,ROUNDDOWN($C2360/24,0)+1,1))-1)+IF('Standard Profiles'!$G$19=$B$10,7,0)+IF('Standard Profiles'!$G$19=$B$17,14,0)+IF('Standard Profiles'!$G$19=$B$24,21,0),0)),0)</f>
        <v>5.5122969047279042</v>
      </c>
      <c r="F2360" cm="1">
        <f t="array" ref="F2360">IFERROR(INDEX(Jesper!AJ$2:AJ$366,ROUNDDOWN($C2360/24,0)+1,1)*INDEX($D$3:$AA$30,INDEX(Jesper!$R$2:$R$366,ROW(INDEX(Jesper!AJ$2:AJ$366,ROUNDDOWN($C2360/24,0)+1,1))-1)+IF('Standard Profiles'!$G$20=$B$10,7,0)+IF('Standard Profiles'!$G$20=$B$17,14,0)+IF('Standard Profiles'!$G$20=$B$24,21,0),MOD($C2360,24)+1)/SUM(INDEX($D$3:$AA$30,INDEX(Jesper!$R$2:$R$366,ROW(INDEX(Jesper!AJ$2:AJ$366,ROUNDDOWN($C2360/24,0)+1,1))-1)+IF('Standard Profiles'!$G$20=$B$10,7,0)+IF('Standard Profiles'!$G$20=$B$17,14,0)+IF('Standard Profiles'!$G$20=$B$24,21,0),0)),0)</f>
        <v>0</v>
      </c>
      <c r="G2360" cm="1">
        <f t="array" ref="G2360">IFERROR(INDEX(Jesper!AK$2:AK$366,ROUNDDOWN($C2360/24,0)+1,1)*INDEX($D$3:$AA$30,INDEX(Jesper!$R$2:$R$366,ROW(INDEX(Jesper!AK$2:AK$366,ROUNDDOWN($C2360/24,0)+1,1))-1)+IF('Standard Profiles'!$G$21=$B$10,7,0)+IF('Standard Profiles'!$G$21=$B$17,14,0)+IF('Standard Profiles'!$G$21=$B$24,21,0),MOD($C2360,24)+1)/SUM(INDEX($D$3:$AA$30,INDEX(Jesper!$R$2:$R$366,ROW(INDEX(Jesper!AK$2:AK$366,ROUNDDOWN($C2360/24,0)+1,1))-1)+IF('Standard Profiles'!$G$21=$B$10,7,0)+IF('Standard Profiles'!$G$21=$B$17,14,0)+IF('Standard Profiles'!$G$21=$B$24,21,0),0)),0)</f>
        <v>5.5334224257508859</v>
      </c>
      <c r="H2360" cm="1">
        <f t="array" ref="H2360">IFERROR(INDEX(Jesper!AL$2:AL$366,ROUNDDOWN($C2360/24,0)+1,1)*INDEX($D$3:$AA$30,INDEX(Jesper!$R$2:$R$366,ROW(INDEX(Jesper!AL$2:AL$366,ROUNDDOWN($C2360/24,0)+1,1))-1)+IF('Standard Profiles'!$G$22=$B$10,7,0)+IF('Standard Profiles'!$G$22=$B$17,14,0)+IF('Standard Profiles'!$G$22=$B$24,21,0),MOD($C2360,24)+1)/SUM(INDEX($D$3:$AA$30,INDEX(Jesper!$R$2:$R$366,ROW(INDEX(Jesper!AL$2:AL$366,ROUNDDOWN($C2360/24,0)+1,1))-1)+IF('Standard Profiles'!$G$22=$B$10,7,0)+IF('Standard Profiles'!$G$22=$B$17,14,0)+IF('Standard Profiles'!$G$22=$B$24,21,0),0)),0)</f>
        <v>0</v>
      </c>
      <c r="I2360">
        <f t="shared" si="272"/>
        <v>2.6560427643604241</v>
      </c>
      <c r="J2360">
        <f t="shared" si="273"/>
        <v>13.018144982599214</v>
      </c>
      <c r="K2360">
        <f t="shared" si="274"/>
        <v>0.58774202114042517</v>
      </c>
      <c r="L2360">
        <f t="shared" si="275"/>
        <v>0.29387101057021259</v>
      </c>
      <c r="M2360">
        <f t="shared" si="276"/>
        <v>0</v>
      </c>
      <c r="N2360" s="45">
        <f t="shared" si="277"/>
        <v>45023.916666661025</v>
      </c>
    </row>
    <row r="2361" spans="2:14" x14ac:dyDescent="0.25">
      <c r="B2361">
        <f t="shared" si="271"/>
        <v>5</v>
      </c>
      <c r="C2361" s="16">
        <v>2327</v>
      </c>
      <c r="D2361" cm="1">
        <f t="array" ref="D2361">IFERROR(INDEX(Jesper!AH$2:AH$366,ROUNDDOWN($C2361/24,0)+1,1)*INDEX($D$3:$AA$30,INDEX(Jesper!$R$2:$R$366,ROW(INDEX(Jesper!AH$2:AH$366,ROUNDDOWN($C2361/24,0)+1,1))-1)+IF('Standard Profiles'!$G$18=$B$10,7,0)+IF('Standard Profiles'!$G$18=$B$17,14,0)+IF('Standard Profiles'!$G$18=$B$24,21,0),MOD($C2361,24)+1)/SUM(INDEX($D$3:$AA$30,INDEX(Jesper!$R$2:$R$366,ROW(INDEX(Jesper!AH$2:AH$366,ROUNDDOWN($C2361/24,0)+1,1))-1)+IF('Standard Profiles'!$G$18=$B$10,7,0)+IF('Standard Profiles'!$G$18=$B$17,14,0)+IF('Standard Profiles'!$G$18=$B$24,21,0),0)),0)</f>
        <v>5.5100814481914862</v>
      </c>
      <c r="E2361" cm="1">
        <f t="array" ref="E2361">IFERROR(INDEX(Jesper!AI$2:AI$366,ROUNDDOWN($C2361/24,0)+1,1)*INDEX($D$3:$AA$30,INDEX(Jesper!$R$2:$R$366,ROW(INDEX(Jesper!AI$2:AI$366,ROUNDDOWN($C2361/24,0)+1,1))-1)+IF('Standard Profiles'!$G$19=$B$10,7,0)+IF('Standard Profiles'!$G$19=$B$17,14,0)+IF('Standard Profiles'!$G$19=$B$24,21,0),MOD($C2361,24)+1)/SUM(INDEX($D$3:$AA$30,INDEX(Jesper!$R$2:$R$366,ROW(INDEX(Jesper!AI$2:AI$366,ROUNDDOWN($C2361/24,0)+1,1))-1)+IF('Standard Profiles'!$G$19=$B$10,7,0)+IF('Standard Profiles'!$G$19=$B$17,14,0)+IF('Standard Profiles'!$G$19=$B$24,21,0),0)),0)</f>
        <v>5.5122969047279042</v>
      </c>
      <c r="F2361" cm="1">
        <f t="array" ref="F2361">IFERROR(INDEX(Jesper!AJ$2:AJ$366,ROUNDDOWN($C2361/24,0)+1,1)*INDEX($D$3:$AA$30,INDEX(Jesper!$R$2:$R$366,ROW(INDEX(Jesper!AJ$2:AJ$366,ROUNDDOWN($C2361/24,0)+1,1))-1)+IF('Standard Profiles'!$G$20=$B$10,7,0)+IF('Standard Profiles'!$G$20=$B$17,14,0)+IF('Standard Profiles'!$G$20=$B$24,21,0),MOD($C2361,24)+1)/SUM(INDEX($D$3:$AA$30,INDEX(Jesper!$R$2:$R$366,ROW(INDEX(Jesper!AJ$2:AJ$366,ROUNDDOWN($C2361/24,0)+1,1))-1)+IF('Standard Profiles'!$G$20=$B$10,7,0)+IF('Standard Profiles'!$G$20=$B$17,14,0)+IF('Standard Profiles'!$G$20=$B$24,21,0),0)),0)</f>
        <v>0</v>
      </c>
      <c r="G2361" cm="1">
        <f t="array" ref="G2361">IFERROR(INDEX(Jesper!AK$2:AK$366,ROUNDDOWN($C2361/24,0)+1,1)*INDEX($D$3:$AA$30,INDEX(Jesper!$R$2:$R$366,ROW(INDEX(Jesper!AK$2:AK$366,ROUNDDOWN($C2361/24,0)+1,1))-1)+IF('Standard Profiles'!$G$21=$B$10,7,0)+IF('Standard Profiles'!$G$21=$B$17,14,0)+IF('Standard Profiles'!$G$21=$B$24,21,0),MOD($C2361,24)+1)/SUM(INDEX($D$3:$AA$30,INDEX(Jesper!$R$2:$R$366,ROW(INDEX(Jesper!AK$2:AK$366,ROUNDDOWN($C2361/24,0)+1,1))-1)+IF('Standard Profiles'!$G$21=$B$10,7,0)+IF('Standard Profiles'!$G$21=$B$17,14,0)+IF('Standard Profiles'!$G$21=$B$24,21,0),0)),0)</f>
        <v>5.5334224257508859</v>
      </c>
      <c r="H2361" cm="1">
        <f t="array" ref="H2361">IFERROR(INDEX(Jesper!AL$2:AL$366,ROUNDDOWN($C2361/24,0)+1,1)*INDEX($D$3:$AA$30,INDEX(Jesper!$R$2:$R$366,ROW(INDEX(Jesper!AL$2:AL$366,ROUNDDOWN($C2361/24,0)+1,1))-1)+IF('Standard Profiles'!$G$22=$B$10,7,0)+IF('Standard Profiles'!$G$22=$B$17,14,0)+IF('Standard Profiles'!$G$22=$B$24,21,0),MOD($C2361,24)+1)/SUM(INDEX($D$3:$AA$30,INDEX(Jesper!$R$2:$R$366,ROW(INDEX(Jesper!AL$2:AL$366,ROUNDDOWN($C2361/24,0)+1,1))-1)+IF('Standard Profiles'!$G$22=$B$10,7,0)+IF('Standard Profiles'!$G$22=$B$17,14,0)+IF('Standard Profiles'!$G$22=$B$24,21,0),0)),0)</f>
        <v>0</v>
      </c>
      <c r="I2361">
        <f t="shared" si="272"/>
        <v>2.6560427643604241</v>
      </c>
      <c r="J2361">
        <f t="shared" si="273"/>
        <v>13.018144982599214</v>
      </c>
      <c r="K2361">
        <f t="shared" si="274"/>
        <v>0.58774202114042517</v>
      </c>
      <c r="L2361">
        <f t="shared" si="275"/>
        <v>0.29387101057021259</v>
      </c>
      <c r="M2361">
        <f t="shared" si="276"/>
        <v>0</v>
      </c>
      <c r="N2361" s="45">
        <f t="shared" si="277"/>
        <v>45023.95833332769</v>
      </c>
    </row>
    <row r="2362" spans="2:14" x14ac:dyDescent="0.25">
      <c r="B2362">
        <f t="shared" si="271"/>
        <v>6</v>
      </c>
      <c r="C2362" s="16">
        <v>2328</v>
      </c>
      <c r="D2362" cm="1">
        <f t="array" ref="D2362">IFERROR(INDEX(Jesper!AH$2:AH$366,ROUNDDOWN($C2362/24,0)+1,1)*INDEX($D$3:$AA$30,INDEX(Jesper!$R$2:$R$366,ROW(INDEX(Jesper!AH$2:AH$366,ROUNDDOWN($C2362/24,0)+1,1))-1)+IF('Standard Profiles'!$G$18=$B$10,7,0)+IF('Standard Profiles'!$G$18=$B$17,14,0)+IF('Standard Profiles'!$G$18=$B$24,21,0),MOD($C2362,24)+1)/SUM(INDEX($D$3:$AA$30,INDEX(Jesper!$R$2:$R$366,ROW(INDEX(Jesper!AH$2:AH$366,ROUNDDOWN($C2362/24,0)+1,1))-1)+IF('Standard Profiles'!$G$18=$B$10,7,0)+IF('Standard Profiles'!$G$18=$B$17,14,0)+IF('Standard Profiles'!$G$18=$B$24,21,0),0)),0)</f>
        <v>0</v>
      </c>
      <c r="E2362" cm="1">
        <f t="array" ref="E2362">IFERROR(INDEX(Jesper!AI$2:AI$366,ROUNDDOWN($C2362/24,0)+1,1)*INDEX($D$3:$AA$30,INDEX(Jesper!$R$2:$R$366,ROW(INDEX(Jesper!AI$2:AI$366,ROUNDDOWN($C2362/24,0)+1,1))-1)+IF('Standard Profiles'!$G$19=$B$10,7,0)+IF('Standard Profiles'!$G$19=$B$17,14,0)+IF('Standard Profiles'!$G$19=$B$24,21,0),MOD($C2362,24)+1)/SUM(INDEX($D$3:$AA$30,INDEX(Jesper!$R$2:$R$366,ROW(INDEX(Jesper!AI$2:AI$366,ROUNDDOWN($C2362/24,0)+1,1))-1)+IF('Standard Profiles'!$G$19=$B$10,7,0)+IF('Standard Profiles'!$G$19=$B$17,14,0)+IF('Standard Profiles'!$G$19=$B$24,21,0),0)),0)</f>
        <v>5.6453539187547532</v>
      </c>
      <c r="F2362" cm="1">
        <f t="array" ref="F2362">IFERROR(INDEX(Jesper!AJ$2:AJ$366,ROUNDDOWN($C2362/24,0)+1,1)*INDEX($D$3:$AA$30,INDEX(Jesper!$R$2:$R$366,ROW(INDEX(Jesper!AJ$2:AJ$366,ROUNDDOWN($C2362/24,0)+1,1))-1)+IF('Standard Profiles'!$G$20=$B$10,7,0)+IF('Standard Profiles'!$G$20=$B$17,14,0)+IF('Standard Profiles'!$G$20=$B$24,21,0),MOD($C2362,24)+1)/SUM(INDEX($D$3:$AA$30,INDEX(Jesper!$R$2:$R$366,ROW(INDEX(Jesper!AJ$2:AJ$366,ROUNDDOWN($C2362/24,0)+1,1))-1)+IF('Standard Profiles'!$G$20=$B$10,7,0)+IF('Standard Profiles'!$G$20=$B$17,14,0)+IF('Standard Profiles'!$G$20=$B$24,21,0),0)),0)</f>
        <v>4.7970855449737071</v>
      </c>
      <c r="G2362" cm="1">
        <f t="array" ref="G2362">IFERROR(INDEX(Jesper!AK$2:AK$366,ROUNDDOWN($C2362/24,0)+1,1)*INDEX($D$3:$AA$30,INDEX(Jesper!$R$2:$R$366,ROW(INDEX(Jesper!AK$2:AK$366,ROUNDDOWN($C2362/24,0)+1,1))-1)+IF('Standard Profiles'!$G$21=$B$10,7,0)+IF('Standard Profiles'!$G$21=$B$17,14,0)+IF('Standard Profiles'!$G$21=$B$24,21,0),MOD($C2362,24)+1)/SUM(INDEX($D$3:$AA$30,INDEX(Jesper!$R$2:$R$366,ROW(INDEX(Jesper!AK$2:AK$366,ROUNDDOWN($C2362/24,0)+1,1))-1)+IF('Standard Profiles'!$G$21=$B$10,7,0)+IF('Standard Profiles'!$G$21=$B$17,14,0)+IF('Standard Profiles'!$G$21=$B$24,21,0),0)),0)</f>
        <v>7.0915884512382661</v>
      </c>
      <c r="H2362" cm="1">
        <f t="array" ref="H2362">IFERROR(INDEX(Jesper!AL$2:AL$366,ROUNDDOWN($C2362/24,0)+1,1)*INDEX($D$3:$AA$30,INDEX(Jesper!$R$2:$R$366,ROW(INDEX(Jesper!AL$2:AL$366,ROUNDDOWN($C2362/24,0)+1,1))-1)+IF('Standard Profiles'!$G$22=$B$10,7,0)+IF('Standard Profiles'!$G$22=$B$17,14,0)+IF('Standard Profiles'!$G$22=$B$24,21,0),MOD($C2362,24)+1)/SUM(INDEX($D$3:$AA$30,INDEX(Jesper!$R$2:$R$366,ROW(INDEX(Jesper!AL$2:AL$366,ROUNDDOWN($C2362/24,0)+1,1))-1)+IF('Standard Profiles'!$G$22=$B$10,7,0)+IF('Standard Profiles'!$G$22=$B$17,14,0)+IF('Standard Profiles'!$G$22=$B$24,21,0),0)),0)</f>
        <v>2.0052170377968213</v>
      </c>
      <c r="I2362">
        <f t="shared" si="272"/>
        <v>1.9250083562849494</v>
      </c>
      <c r="J2362">
        <f t="shared" si="273"/>
        <v>16.93679412622803</v>
      </c>
      <c r="K2362">
        <f t="shared" si="274"/>
        <v>0.45162831350038024</v>
      </c>
      <c r="L2362">
        <f t="shared" si="275"/>
        <v>0.22581415675019012</v>
      </c>
      <c r="M2362">
        <f t="shared" si="276"/>
        <v>0</v>
      </c>
      <c r="N2362" s="45">
        <f t="shared" si="277"/>
        <v>45023.999999994354</v>
      </c>
    </row>
    <row r="2363" spans="2:14" x14ac:dyDescent="0.25">
      <c r="B2363">
        <f t="shared" si="271"/>
        <v>6</v>
      </c>
      <c r="C2363" s="16">
        <v>2329</v>
      </c>
      <c r="D2363" cm="1">
        <f t="array" ref="D2363">IFERROR(INDEX(Jesper!AH$2:AH$366,ROUNDDOWN($C2363/24,0)+1,1)*INDEX($D$3:$AA$30,INDEX(Jesper!$R$2:$R$366,ROW(INDEX(Jesper!AH$2:AH$366,ROUNDDOWN($C2363/24,0)+1,1))-1)+IF('Standard Profiles'!$G$18=$B$10,7,0)+IF('Standard Profiles'!$G$18=$B$17,14,0)+IF('Standard Profiles'!$G$18=$B$24,21,0),MOD($C2363,24)+1)/SUM(INDEX($D$3:$AA$30,INDEX(Jesper!$R$2:$R$366,ROW(INDEX(Jesper!AH$2:AH$366,ROUNDDOWN($C2363/24,0)+1,1))-1)+IF('Standard Profiles'!$G$18=$B$10,7,0)+IF('Standard Profiles'!$G$18=$B$17,14,0)+IF('Standard Profiles'!$G$18=$B$24,21,0),0)),0)</f>
        <v>0</v>
      </c>
      <c r="E2363" cm="1">
        <f t="array" ref="E2363">IFERROR(INDEX(Jesper!AI$2:AI$366,ROUNDDOWN($C2363/24,0)+1,1)*INDEX($D$3:$AA$30,INDEX(Jesper!$R$2:$R$366,ROW(INDEX(Jesper!AI$2:AI$366,ROUNDDOWN($C2363/24,0)+1,1))-1)+IF('Standard Profiles'!$G$19=$B$10,7,0)+IF('Standard Profiles'!$G$19=$B$17,14,0)+IF('Standard Profiles'!$G$19=$B$24,21,0),MOD($C2363,24)+1)/SUM(INDEX($D$3:$AA$30,INDEX(Jesper!$R$2:$R$366,ROW(INDEX(Jesper!AI$2:AI$366,ROUNDDOWN($C2363/24,0)+1,1))-1)+IF('Standard Profiles'!$G$19=$B$10,7,0)+IF('Standard Profiles'!$G$19=$B$17,14,0)+IF('Standard Profiles'!$G$19=$B$24,21,0),0)),0)</f>
        <v>5.0808185268792769</v>
      </c>
      <c r="F2363" cm="1">
        <f t="array" ref="F2363">IFERROR(INDEX(Jesper!AJ$2:AJ$366,ROUNDDOWN($C2363/24,0)+1,1)*INDEX($D$3:$AA$30,INDEX(Jesper!$R$2:$R$366,ROW(INDEX(Jesper!AJ$2:AJ$366,ROUNDDOWN($C2363/24,0)+1,1))-1)+IF('Standard Profiles'!$G$20=$B$10,7,0)+IF('Standard Profiles'!$G$20=$B$17,14,0)+IF('Standard Profiles'!$G$20=$B$24,21,0),MOD($C2363,24)+1)/SUM(INDEX($D$3:$AA$30,INDEX(Jesper!$R$2:$R$366,ROW(INDEX(Jesper!AJ$2:AJ$366,ROUNDDOWN($C2363/24,0)+1,1))-1)+IF('Standard Profiles'!$G$20=$B$10,7,0)+IF('Standard Profiles'!$G$20=$B$17,14,0)+IF('Standard Profiles'!$G$20=$B$24,21,0),0)),0)</f>
        <v>4.3173769904763368</v>
      </c>
      <c r="G2363" cm="1">
        <f t="array" ref="G2363">IFERROR(INDEX(Jesper!AK$2:AK$366,ROUNDDOWN($C2363/24,0)+1,1)*INDEX($D$3:$AA$30,INDEX(Jesper!$R$2:$R$366,ROW(INDEX(Jesper!AK$2:AK$366,ROUNDDOWN($C2363/24,0)+1,1))-1)+IF('Standard Profiles'!$G$21=$B$10,7,0)+IF('Standard Profiles'!$G$21=$B$17,14,0)+IF('Standard Profiles'!$G$21=$B$24,21,0),MOD($C2363,24)+1)/SUM(INDEX($D$3:$AA$30,INDEX(Jesper!$R$2:$R$366,ROW(INDEX(Jesper!AK$2:AK$366,ROUNDDOWN($C2363/24,0)+1,1))-1)+IF('Standard Profiles'!$G$21=$B$10,7,0)+IF('Standard Profiles'!$G$21=$B$17,14,0)+IF('Standard Profiles'!$G$21=$B$24,21,0),0)),0)</f>
        <v>7.0915884512382661</v>
      </c>
      <c r="H2363" cm="1">
        <f t="array" ref="H2363">IFERROR(INDEX(Jesper!AL$2:AL$366,ROUNDDOWN($C2363/24,0)+1,1)*INDEX($D$3:$AA$30,INDEX(Jesper!$R$2:$R$366,ROW(INDEX(Jesper!AL$2:AL$366,ROUNDDOWN($C2363/24,0)+1,1))-1)+IF('Standard Profiles'!$G$22=$B$10,7,0)+IF('Standard Profiles'!$G$22=$B$17,14,0)+IF('Standard Profiles'!$G$22=$B$24,21,0),MOD($C2363,24)+1)/SUM(INDEX($D$3:$AA$30,INDEX(Jesper!$R$2:$R$366,ROW(INDEX(Jesper!AL$2:AL$366,ROUNDDOWN($C2363/24,0)+1,1))-1)+IF('Standard Profiles'!$G$22=$B$10,7,0)+IF('Standard Profiles'!$G$22=$B$17,14,0)+IF('Standard Profiles'!$G$22=$B$24,21,0),0)),0)</f>
        <v>3.9149475499842703</v>
      </c>
      <c r="I2363">
        <f t="shared" si="272"/>
        <v>3.7583496479849017</v>
      </c>
      <c r="J2363">
        <f t="shared" si="273"/>
        <v>16.036683647367735</v>
      </c>
      <c r="K2363">
        <f t="shared" si="274"/>
        <v>0.40646548215034217</v>
      </c>
      <c r="L2363">
        <f t="shared" si="275"/>
        <v>0.20323274107517109</v>
      </c>
      <c r="M2363">
        <f t="shared" si="276"/>
        <v>0</v>
      </c>
      <c r="N2363" s="45">
        <f t="shared" si="277"/>
        <v>45024.041666661018</v>
      </c>
    </row>
    <row r="2364" spans="2:14" x14ac:dyDescent="0.25">
      <c r="B2364">
        <f t="shared" si="271"/>
        <v>6</v>
      </c>
      <c r="C2364" s="16">
        <v>2330</v>
      </c>
      <c r="D2364" cm="1">
        <f t="array" ref="D2364">IFERROR(INDEX(Jesper!AH$2:AH$366,ROUNDDOWN($C2364/24,0)+1,1)*INDEX($D$3:$AA$30,INDEX(Jesper!$R$2:$R$366,ROW(INDEX(Jesper!AH$2:AH$366,ROUNDDOWN($C2364/24,0)+1,1))-1)+IF('Standard Profiles'!$G$18=$B$10,7,0)+IF('Standard Profiles'!$G$18=$B$17,14,0)+IF('Standard Profiles'!$G$18=$B$24,21,0),MOD($C2364,24)+1)/SUM(INDEX($D$3:$AA$30,INDEX(Jesper!$R$2:$R$366,ROW(INDEX(Jesper!AH$2:AH$366,ROUNDDOWN($C2364/24,0)+1,1))-1)+IF('Standard Profiles'!$G$18=$B$10,7,0)+IF('Standard Profiles'!$G$18=$B$17,14,0)+IF('Standard Profiles'!$G$18=$B$24,21,0),0)),0)</f>
        <v>0</v>
      </c>
      <c r="E2364" cm="1">
        <f t="array" ref="E2364">IFERROR(INDEX(Jesper!AI$2:AI$366,ROUNDDOWN($C2364/24,0)+1,1)*INDEX($D$3:$AA$30,INDEX(Jesper!$R$2:$R$366,ROW(INDEX(Jesper!AI$2:AI$366,ROUNDDOWN($C2364/24,0)+1,1))-1)+IF('Standard Profiles'!$G$19=$B$10,7,0)+IF('Standard Profiles'!$G$19=$B$17,14,0)+IF('Standard Profiles'!$G$19=$B$24,21,0),MOD($C2364,24)+1)/SUM(INDEX($D$3:$AA$30,INDEX(Jesper!$R$2:$R$366,ROW(INDEX(Jesper!AI$2:AI$366,ROUNDDOWN($C2364/24,0)+1,1))-1)+IF('Standard Profiles'!$G$19=$B$10,7,0)+IF('Standard Profiles'!$G$19=$B$17,14,0)+IF('Standard Profiles'!$G$19=$B$24,21,0),0)),0)</f>
        <v>5.0808185268792769</v>
      </c>
      <c r="F2364" cm="1">
        <f t="array" ref="F2364">IFERROR(INDEX(Jesper!AJ$2:AJ$366,ROUNDDOWN($C2364/24,0)+1,1)*INDEX($D$3:$AA$30,INDEX(Jesper!$R$2:$R$366,ROW(INDEX(Jesper!AJ$2:AJ$366,ROUNDDOWN($C2364/24,0)+1,1))-1)+IF('Standard Profiles'!$G$20=$B$10,7,0)+IF('Standard Profiles'!$G$20=$B$17,14,0)+IF('Standard Profiles'!$G$20=$B$24,21,0),MOD($C2364,24)+1)/SUM(INDEX($D$3:$AA$30,INDEX(Jesper!$R$2:$R$366,ROW(INDEX(Jesper!AJ$2:AJ$366,ROUNDDOWN($C2364/24,0)+1,1))-1)+IF('Standard Profiles'!$G$20=$B$10,7,0)+IF('Standard Profiles'!$G$20=$B$17,14,0)+IF('Standard Profiles'!$G$20=$B$24,21,0),0)),0)</f>
        <v>4.3173769904763368</v>
      </c>
      <c r="G2364" cm="1">
        <f t="array" ref="G2364">IFERROR(INDEX(Jesper!AK$2:AK$366,ROUNDDOWN($C2364/24,0)+1,1)*INDEX($D$3:$AA$30,INDEX(Jesper!$R$2:$R$366,ROW(INDEX(Jesper!AK$2:AK$366,ROUNDDOWN($C2364/24,0)+1,1))-1)+IF('Standard Profiles'!$G$21=$B$10,7,0)+IF('Standard Profiles'!$G$21=$B$17,14,0)+IF('Standard Profiles'!$G$21=$B$24,21,0),MOD($C2364,24)+1)/SUM(INDEX($D$3:$AA$30,INDEX(Jesper!$R$2:$R$366,ROW(INDEX(Jesper!AK$2:AK$366,ROUNDDOWN($C2364/24,0)+1,1))-1)+IF('Standard Profiles'!$G$21=$B$10,7,0)+IF('Standard Profiles'!$G$21=$B$17,14,0)+IF('Standard Profiles'!$G$21=$B$24,21,0),0)),0)</f>
        <v>7.0915884512382661</v>
      </c>
      <c r="H2364" cm="1">
        <f t="array" ref="H2364">IFERROR(INDEX(Jesper!AL$2:AL$366,ROUNDDOWN($C2364/24,0)+1,1)*INDEX($D$3:$AA$30,INDEX(Jesper!$R$2:$R$366,ROW(INDEX(Jesper!AL$2:AL$366,ROUNDDOWN($C2364/24,0)+1,1))-1)+IF('Standard Profiles'!$G$22=$B$10,7,0)+IF('Standard Profiles'!$G$22=$B$17,14,0)+IF('Standard Profiles'!$G$22=$B$24,21,0),MOD($C2364,24)+1)/SUM(INDEX($D$3:$AA$30,INDEX(Jesper!$R$2:$R$366,ROW(INDEX(Jesper!AL$2:AL$366,ROUNDDOWN($C2364/24,0)+1,1))-1)+IF('Standard Profiles'!$G$22=$B$10,7,0)+IF('Standard Profiles'!$G$22=$B$17,14,0)+IF('Standard Profiles'!$G$22=$B$24,21,0),0)),0)</f>
        <v>3.9149475499842703</v>
      </c>
      <c r="I2364">
        <f t="shared" si="272"/>
        <v>3.7583496479849017</v>
      </c>
      <c r="J2364">
        <f t="shared" si="273"/>
        <v>16.036683647367735</v>
      </c>
      <c r="K2364">
        <f t="shared" si="274"/>
        <v>0.40646548215034217</v>
      </c>
      <c r="L2364">
        <f t="shared" si="275"/>
        <v>0.20323274107517109</v>
      </c>
      <c r="M2364">
        <f t="shared" si="276"/>
        <v>0</v>
      </c>
      <c r="N2364" s="45">
        <f t="shared" si="277"/>
        <v>45024.083333327682</v>
      </c>
    </row>
    <row r="2365" spans="2:14" x14ac:dyDescent="0.25">
      <c r="B2365">
        <f t="shared" si="271"/>
        <v>6</v>
      </c>
      <c r="C2365" s="16">
        <v>2331</v>
      </c>
      <c r="D2365" cm="1">
        <f t="array" ref="D2365">IFERROR(INDEX(Jesper!AH$2:AH$366,ROUNDDOWN($C2365/24,0)+1,1)*INDEX($D$3:$AA$30,INDEX(Jesper!$R$2:$R$366,ROW(INDEX(Jesper!AH$2:AH$366,ROUNDDOWN($C2365/24,0)+1,1))-1)+IF('Standard Profiles'!$G$18=$B$10,7,0)+IF('Standard Profiles'!$G$18=$B$17,14,0)+IF('Standard Profiles'!$G$18=$B$24,21,0),MOD($C2365,24)+1)/SUM(INDEX($D$3:$AA$30,INDEX(Jesper!$R$2:$R$366,ROW(INDEX(Jesper!AH$2:AH$366,ROUNDDOWN($C2365/24,0)+1,1))-1)+IF('Standard Profiles'!$G$18=$B$10,7,0)+IF('Standard Profiles'!$G$18=$B$17,14,0)+IF('Standard Profiles'!$G$18=$B$24,21,0),0)),0)</f>
        <v>0</v>
      </c>
      <c r="E2365" cm="1">
        <f t="array" ref="E2365">IFERROR(INDEX(Jesper!AI$2:AI$366,ROUNDDOWN($C2365/24,0)+1,1)*INDEX($D$3:$AA$30,INDEX(Jesper!$R$2:$R$366,ROW(INDEX(Jesper!AI$2:AI$366,ROUNDDOWN($C2365/24,0)+1,1))-1)+IF('Standard Profiles'!$G$19=$B$10,7,0)+IF('Standard Profiles'!$G$19=$B$17,14,0)+IF('Standard Profiles'!$G$19=$B$24,21,0),MOD($C2365,24)+1)/SUM(INDEX($D$3:$AA$30,INDEX(Jesper!$R$2:$R$366,ROW(INDEX(Jesper!AI$2:AI$366,ROUNDDOWN($C2365/24,0)+1,1))-1)+IF('Standard Profiles'!$G$19=$B$10,7,0)+IF('Standard Profiles'!$G$19=$B$17,14,0)+IF('Standard Profiles'!$G$19=$B$24,21,0),0)),0)</f>
        <v>5.0808185268792769</v>
      </c>
      <c r="F2365" cm="1">
        <f t="array" ref="F2365">IFERROR(INDEX(Jesper!AJ$2:AJ$366,ROUNDDOWN($C2365/24,0)+1,1)*INDEX($D$3:$AA$30,INDEX(Jesper!$R$2:$R$366,ROW(INDEX(Jesper!AJ$2:AJ$366,ROUNDDOWN($C2365/24,0)+1,1))-1)+IF('Standard Profiles'!$G$20=$B$10,7,0)+IF('Standard Profiles'!$G$20=$B$17,14,0)+IF('Standard Profiles'!$G$20=$B$24,21,0),MOD($C2365,24)+1)/SUM(INDEX($D$3:$AA$30,INDEX(Jesper!$R$2:$R$366,ROW(INDEX(Jesper!AJ$2:AJ$366,ROUNDDOWN($C2365/24,0)+1,1))-1)+IF('Standard Profiles'!$G$20=$B$10,7,0)+IF('Standard Profiles'!$G$20=$B$17,14,0)+IF('Standard Profiles'!$G$20=$B$24,21,0),0)),0)</f>
        <v>4.3173769904763368</v>
      </c>
      <c r="G2365" cm="1">
        <f t="array" ref="G2365">IFERROR(INDEX(Jesper!AK$2:AK$366,ROUNDDOWN($C2365/24,0)+1,1)*INDEX($D$3:$AA$30,INDEX(Jesper!$R$2:$R$366,ROW(INDEX(Jesper!AK$2:AK$366,ROUNDDOWN($C2365/24,0)+1,1))-1)+IF('Standard Profiles'!$G$21=$B$10,7,0)+IF('Standard Profiles'!$G$21=$B$17,14,0)+IF('Standard Profiles'!$G$21=$B$24,21,0),MOD($C2365,24)+1)/SUM(INDEX($D$3:$AA$30,INDEX(Jesper!$R$2:$R$366,ROW(INDEX(Jesper!AK$2:AK$366,ROUNDDOWN($C2365/24,0)+1,1))-1)+IF('Standard Profiles'!$G$21=$B$10,7,0)+IF('Standard Profiles'!$G$21=$B$17,14,0)+IF('Standard Profiles'!$G$21=$B$24,21,0),0)),0)</f>
        <v>7.0915884512382661</v>
      </c>
      <c r="H2365" cm="1">
        <f t="array" ref="H2365">IFERROR(INDEX(Jesper!AL$2:AL$366,ROUNDDOWN($C2365/24,0)+1,1)*INDEX($D$3:$AA$30,INDEX(Jesper!$R$2:$R$366,ROW(INDEX(Jesper!AL$2:AL$366,ROUNDDOWN($C2365/24,0)+1,1))-1)+IF('Standard Profiles'!$G$22=$B$10,7,0)+IF('Standard Profiles'!$G$22=$B$17,14,0)+IF('Standard Profiles'!$G$22=$B$24,21,0),MOD($C2365,24)+1)/SUM(INDEX($D$3:$AA$30,INDEX(Jesper!$R$2:$R$366,ROW(INDEX(Jesper!AL$2:AL$366,ROUNDDOWN($C2365/24,0)+1,1))-1)+IF('Standard Profiles'!$G$22=$B$10,7,0)+IF('Standard Profiles'!$G$22=$B$17,14,0)+IF('Standard Profiles'!$G$22=$B$24,21,0),0)),0)</f>
        <v>3.9149475499842703</v>
      </c>
      <c r="I2365">
        <f t="shared" si="272"/>
        <v>3.7583496479849017</v>
      </c>
      <c r="J2365">
        <f t="shared" si="273"/>
        <v>16.036683647367735</v>
      </c>
      <c r="K2365">
        <f t="shared" si="274"/>
        <v>0.40646548215034217</v>
      </c>
      <c r="L2365">
        <f t="shared" si="275"/>
        <v>0.20323274107517109</v>
      </c>
      <c r="M2365">
        <f t="shared" si="276"/>
        <v>0</v>
      </c>
      <c r="N2365" s="45">
        <f t="shared" si="277"/>
        <v>45024.124999994347</v>
      </c>
    </row>
    <row r="2366" spans="2:14" x14ac:dyDescent="0.25">
      <c r="B2366">
        <f t="shared" si="271"/>
        <v>6</v>
      </c>
      <c r="C2366" s="16">
        <v>2332</v>
      </c>
      <c r="D2366" cm="1">
        <f t="array" ref="D2366">IFERROR(INDEX(Jesper!AH$2:AH$366,ROUNDDOWN($C2366/24,0)+1,1)*INDEX($D$3:$AA$30,INDEX(Jesper!$R$2:$R$366,ROW(INDEX(Jesper!AH$2:AH$366,ROUNDDOWN($C2366/24,0)+1,1))-1)+IF('Standard Profiles'!$G$18=$B$10,7,0)+IF('Standard Profiles'!$G$18=$B$17,14,0)+IF('Standard Profiles'!$G$18=$B$24,21,0),MOD($C2366,24)+1)/SUM(INDEX($D$3:$AA$30,INDEX(Jesper!$R$2:$R$366,ROW(INDEX(Jesper!AH$2:AH$366,ROUNDDOWN($C2366/24,0)+1,1))-1)+IF('Standard Profiles'!$G$18=$B$10,7,0)+IF('Standard Profiles'!$G$18=$B$17,14,0)+IF('Standard Profiles'!$G$18=$B$24,21,0),0)),0)</f>
        <v>0</v>
      </c>
      <c r="E2366" cm="1">
        <f t="array" ref="E2366">IFERROR(INDEX(Jesper!AI$2:AI$366,ROUNDDOWN($C2366/24,0)+1,1)*INDEX($D$3:$AA$30,INDEX(Jesper!$R$2:$R$366,ROW(INDEX(Jesper!AI$2:AI$366,ROUNDDOWN($C2366/24,0)+1,1))-1)+IF('Standard Profiles'!$G$19=$B$10,7,0)+IF('Standard Profiles'!$G$19=$B$17,14,0)+IF('Standard Profiles'!$G$19=$B$24,21,0),MOD($C2366,24)+1)/SUM(INDEX($D$3:$AA$30,INDEX(Jesper!$R$2:$R$366,ROW(INDEX(Jesper!AI$2:AI$366,ROUNDDOWN($C2366/24,0)+1,1))-1)+IF('Standard Profiles'!$G$19=$B$10,7,0)+IF('Standard Profiles'!$G$19=$B$17,14,0)+IF('Standard Profiles'!$G$19=$B$24,21,0),0)),0)</f>
        <v>5.0808185268792769</v>
      </c>
      <c r="F2366" cm="1">
        <f t="array" ref="F2366">IFERROR(INDEX(Jesper!AJ$2:AJ$366,ROUNDDOWN($C2366/24,0)+1,1)*INDEX($D$3:$AA$30,INDEX(Jesper!$R$2:$R$366,ROW(INDEX(Jesper!AJ$2:AJ$366,ROUNDDOWN($C2366/24,0)+1,1))-1)+IF('Standard Profiles'!$G$20=$B$10,7,0)+IF('Standard Profiles'!$G$20=$B$17,14,0)+IF('Standard Profiles'!$G$20=$B$24,21,0),MOD($C2366,24)+1)/SUM(INDEX($D$3:$AA$30,INDEX(Jesper!$R$2:$R$366,ROW(INDEX(Jesper!AJ$2:AJ$366,ROUNDDOWN($C2366/24,0)+1,1))-1)+IF('Standard Profiles'!$G$20=$B$10,7,0)+IF('Standard Profiles'!$G$20=$B$17,14,0)+IF('Standard Profiles'!$G$20=$B$24,21,0),0)),0)</f>
        <v>4.3173769904763368</v>
      </c>
      <c r="G2366" cm="1">
        <f t="array" ref="G2366">IFERROR(INDEX(Jesper!AK$2:AK$366,ROUNDDOWN($C2366/24,0)+1,1)*INDEX($D$3:$AA$30,INDEX(Jesper!$R$2:$R$366,ROW(INDEX(Jesper!AK$2:AK$366,ROUNDDOWN($C2366/24,0)+1,1))-1)+IF('Standard Profiles'!$G$21=$B$10,7,0)+IF('Standard Profiles'!$G$21=$B$17,14,0)+IF('Standard Profiles'!$G$21=$B$24,21,0),MOD($C2366,24)+1)/SUM(INDEX($D$3:$AA$30,INDEX(Jesper!$R$2:$R$366,ROW(INDEX(Jesper!AK$2:AK$366,ROUNDDOWN($C2366/24,0)+1,1))-1)+IF('Standard Profiles'!$G$21=$B$10,7,0)+IF('Standard Profiles'!$G$21=$B$17,14,0)+IF('Standard Profiles'!$G$21=$B$24,21,0),0)),0)</f>
        <v>7.0915884512382661</v>
      </c>
      <c r="H2366" cm="1">
        <f t="array" ref="H2366">IFERROR(INDEX(Jesper!AL$2:AL$366,ROUNDDOWN($C2366/24,0)+1,1)*INDEX($D$3:$AA$30,INDEX(Jesper!$R$2:$R$366,ROW(INDEX(Jesper!AL$2:AL$366,ROUNDDOWN($C2366/24,0)+1,1))-1)+IF('Standard Profiles'!$G$22=$B$10,7,0)+IF('Standard Profiles'!$G$22=$B$17,14,0)+IF('Standard Profiles'!$G$22=$B$24,21,0),MOD($C2366,24)+1)/SUM(INDEX($D$3:$AA$30,INDEX(Jesper!$R$2:$R$366,ROW(INDEX(Jesper!AL$2:AL$366,ROUNDDOWN($C2366/24,0)+1,1))-1)+IF('Standard Profiles'!$G$22=$B$10,7,0)+IF('Standard Profiles'!$G$22=$B$17,14,0)+IF('Standard Profiles'!$G$22=$B$24,21,0),0)),0)</f>
        <v>3.9149475499842703</v>
      </c>
      <c r="I2366">
        <f t="shared" si="272"/>
        <v>3.7583496479849017</v>
      </c>
      <c r="J2366">
        <f t="shared" si="273"/>
        <v>16.036683647367735</v>
      </c>
      <c r="K2366">
        <f t="shared" si="274"/>
        <v>0.40646548215034217</v>
      </c>
      <c r="L2366">
        <f t="shared" si="275"/>
        <v>0.20323274107517109</v>
      </c>
      <c r="M2366">
        <f t="shared" si="276"/>
        <v>0</v>
      </c>
      <c r="N2366" s="45">
        <f t="shared" si="277"/>
        <v>45024.166666661011</v>
      </c>
    </row>
    <row r="2367" spans="2:14" x14ac:dyDescent="0.25">
      <c r="B2367">
        <f t="shared" si="271"/>
        <v>6</v>
      </c>
      <c r="C2367" s="16">
        <v>2333</v>
      </c>
      <c r="D2367" cm="1">
        <f t="array" ref="D2367">IFERROR(INDEX(Jesper!AH$2:AH$366,ROUNDDOWN($C2367/24,0)+1,1)*INDEX($D$3:$AA$30,INDEX(Jesper!$R$2:$R$366,ROW(INDEX(Jesper!AH$2:AH$366,ROUNDDOWN($C2367/24,0)+1,1))-1)+IF('Standard Profiles'!$G$18=$B$10,7,0)+IF('Standard Profiles'!$G$18=$B$17,14,0)+IF('Standard Profiles'!$G$18=$B$24,21,0),MOD($C2367,24)+1)/SUM(INDEX($D$3:$AA$30,INDEX(Jesper!$R$2:$R$366,ROW(INDEX(Jesper!AH$2:AH$366,ROUNDDOWN($C2367/24,0)+1,1))-1)+IF('Standard Profiles'!$G$18=$B$10,7,0)+IF('Standard Profiles'!$G$18=$B$17,14,0)+IF('Standard Profiles'!$G$18=$B$24,21,0),0)),0)</f>
        <v>0</v>
      </c>
      <c r="E2367" cm="1">
        <f t="array" ref="E2367">IFERROR(INDEX(Jesper!AI$2:AI$366,ROUNDDOWN($C2367/24,0)+1,1)*INDEX($D$3:$AA$30,INDEX(Jesper!$R$2:$R$366,ROW(INDEX(Jesper!AI$2:AI$366,ROUNDDOWN($C2367/24,0)+1,1))-1)+IF('Standard Profiles'!$G$19=$B$10,7,0)+IF('Standard Profiles'!$G$19=$B$17,14,0)+IF('Standard Profiles'!$G$19=$B$24,21,0),MOD($C2367,24)+1)/SUM(INDEX($D$3:$AA$30,INDEX(Jesper!$R$2:$R$366,ROW(INDEX(Jesper!AI$2:AI$366,ROUNDDOWN($C2367/24,0)+1,1))-1)+IF('Standard Profiles'!$G$19=$B$10,7,0)+IF('Standard Profiles'!$G$19=$B$17,14,0)+IF('Standard Profiles'!$G$19=$B$24,21,0),0)),0)</f>
        <v>5.0808185268792769</v>
      </c>
      <c r="F2367" cm="1">
        <f t="array" ref="F2367">IFERROR(INDEX(Jesper!AJ$2:AJ$366,ROUNDDOWN($C2367/24,0)+1,1)*INDEX($D$3:$AA$30,INDEX(Jesper!$R$2:$R$366,ROW(INDEX(Jesper!AJ$2:AJ$366,ROUNDDOWN($C2367/24,0)+1,1))-1)+IF('Standard Profiles'!$G$20=$B$10,7,0)+IF('Standard Profiles'!$G$20=$B$17,14,0)+IF('Standard Profiles'!$G$20=$B$24,21,0),MOD($C2367,24)+1)/SUM(INDEX($D$3:$AA$30,INDEX(Jesper!$R$2:$R$366,ROW(INDEX(Jesper!AJ$2:AJ$366,ROUNDDOWN($C2367/24,0)+1,1))-1)+IF('Standard Profiles'!$G$20=$B$10,7,0)+IF('Standard Profiles'!$G$20=$B$17,14,0)+IF('Standard Profiles'!$G$20=$B$24,21,0),0)),0)</f>
        <v>4.3173769904763368</v>
      </c>
      <c r="G2367" cm="1">
        <f t="array" ref="G2367">IFERROR(INDEX(Jesper!AK$2:AK$366,ROUNDDOWN($C2367/24,0)+1,1)*INDEX($D$3:$AA$30,INDEX(Jesper!$R$2:$R$366,ROW(INDEX(Jesper!AK$2:AK$366,ROUNDDOWN($C2367/24,0)+1,1))-1)+IF('Standard Profiles'!$G$21=$B$10,7,0)+IF('Standard Profiles'!$G$21=$B$17,14,0)+IF('Standard Profiles'!$G$21=$B$24,21,0),MOD($C2367,24)+1)/SUM(INDEX($D$3:$AA$30,INDEX(Jesper!$R$2:$R$366,ROW(INDEX(Jesper!AK$2:AK$366,ROUNDDOWN($C2367/24,0)+1,1))-1)+IF('Standard Profiles'!$G$21=$B$10,7,0)+IF('Standard Profiles'!$G$21=$B$17,14,0)+IF('Standard Profiles'!$G$21=$B$24,21,0),0)),0)</f>
        <v>7.0915884512382661</v>
      </c>
      <c r="H2367" cm="1">
        <f t="array" ref="H2367">IFERROR(INDEX(Jesper!AL$2:AL$366,ROUNDDOWN($C2367/24,0)+1,1)*INDEX($D$3:$AA$30,INDEX(Jesper!$R$2:$R$366,ROW(INDEX(Jesper!AL$2:AL$366,ROUNDDOWN($C2367/24,0)+1,1))-1)+IF('Standard Profiles'!$G$22=$B$10,7,0)+IF('Standard Profiles'!$G$22=$B$17,14,0)+IF('Standard Profiles'!$G$22=$B$24,21,0),MOD($C2367,24)+1)/SUM(INDEX($D$3:$AA$30,INDEX(Jesper!$R$2:$R$366,ROW(INDEX(Jesper!AL$2:AL$366,ROUNDDOWN($C2367/24,0)+1,1))-1)+IF('Standard Profiles'!$G$22=$B$10,7,0)+IF('Standard Profiles'!$G$22=$B$17,14,0)+IF('Standard Profiles'!$G$22=$B$24,21,0),0)),0)</f>
        <v>4.8698128060779942</v>
      </c>
      <c r="I2367">
        <f t="shared" si="272"/>
        <v>4.6750202938348773</v>
      </c>
      <c r="J2367">
        <f t="shared" si="273"/>
        <v>16.074878257611484</v>
      </c>
      <c r="K2367">
        <f t="shared" si="274"/>
        <v>0.40646548215034217</v>
      </c>
      <c r="L2367">
        <f t="shared" si="275"/>
        <v>0.20323274107517109</v>
      </c>
      <c r="M2367">
        <f t="shared" si="276"/>
        <v>0</v>
      </c>
      <c r="N2367" s="45">
        <f t="shared" si="277"/>
        <v>45024.208333327675</v>
      </c>
    </row>
    <row r="2368" spans="2:14" x14ac:dyDescent="0.25">
      <c r="B2368">
        <f t="shared" si="271"/>
        <v>6</v>
      </c>
      <c r="C2368" s="16">
        <v>2334</v>
      </c>
      <c r="D2368" cm="1">
        <f t="array" ref="D2368">IFERROR(INDEX(Jesper!AH$2:AH$366,ROUNDDOWN($C2368/24,0)+1,1)*INDEX($D$3:$AA$30,INDEX(Jesper!$R$2:$R$366,ROW(INDEX(Jesper!AH$2:AH$366,ROUNDDOWN($C2368/24,0)+1,1))-1)+IF('Standard Profiles'!$G$18=$B$10,7,0)+IF('Standard Profiles'!$G$18=$B$17,14,0)+IF('Standard Profiles'!$G$18=$B$24,21,0),MOD($C2368,24)+1)/SUM(INDEX($D$3:$AA$30,INDEX(Jesper!$R$2:$R$366,ROW(INDEX(Jesper!AH$2:AH$366,ROUNDDOWN($C2368/24,0)+1,1))-1)+IF('Standard Profiles'!$G$18=$B$10,7,0)+IF('Standard Profiles'!$G$18=$B$17,14,0)+IF('Standard Profiles'!$G$18=$B$24,21,0),0)),0)</f>
        <v>0</v>
      </c>
      <c r="E2368" cm="1">
        <f t="array" ref="E2368">IFERROR(INDEX(Jesper!AI$2:AI$366,ROUNDDOWN($C2368/24,0)+1,1)*INDEX($D$3:$AA$30,INDEX(Jesper!$R$2:$R$366,ROW(INDEX(Jesper!AI$2:AI$366,ROUNDDOWN($C2368/24,0)+1,1))-1)+IF('Standard Profiles'!$G$19=$B$10,7,0)+IF('Standard Profiles'!$G$19=$B$17,14,0)+IF('Standard Profiles'!$G$19=$B$24,21,0),MOD($C2368,24)+1)/SUM(INDEX($D$3:$AA$30,INDEX(Jesper!$R$2:$R$366,ROW(INDEX(Jesper!AI$2:AI$366,ROUNDDOWN($C2368/24,0)+1,1))-1)+IF('Standard Profiles'!$G$19=$B$10,7,0)+IF('Standard Profiles'!$G$19=$B$17,14,0)+IF('Standard Profiles'!$G$19=$B$24,21,0),0)),0)</f>
        <v>5.0808185268792769</v>
      </c>
      <c r="F2368" cm="1">
        <f t="array" ref="F2368">IFERROR(INDEX(Jesper!AJ$2:AJ$366,ROUNDDOWN($C2368/24,0)+1,1)*INDEX($D$3:$AA$30,INDEX(Jesper!$R$2:$R$366,ROW(INDEX(Jesper!AJ$2:AJ$366,ROUNDDOWN($C2368/24,0)+1,1))-1)+IF('Standard Profiles'!$G$20=$B$10,7,0)+IF('Standard Profiles'!$G$20=$B$17,14,0)+IF('Standard Profiles'!$G$20=$B$24,21,0),MOD($C2368,24)+1)/SUM(INDEX($D$3:$AA$30,INDEX(Jesper!$R$2:$R$366,ROW(INDEX(Jesper!AJ$2:AJ$366,ROUNDDOWN($C2368/24,0)+1,1))-1)+IF('Standard Profiles'!$G$20=$B$10,7,0)+IF('Standard Profiles'!$G$20=$B$17,14,0)+IF('Standard Profiles'!$G$20=$B$24,21,0),0)),0)</f>
        <v>4.3173769904763368</v>
      </c>
      <c r="G2368" cm="1">
        <f t="array" ref="G2368">IFERROR(INDEX(Jesper!AK$2:AK$366,ROUNDDOWN($C2368/24,0)+1,1)*INDEX($D$3:$AA$30,INDEX(Jesper!$R$2:$R$366,ROW(INDEX(Jesper!AK$2:AK$366,ROUNDDOWN($C2368/24,0)+1,1))-1)+IF('Standard Profiles'!$G$21=$B$10,7,0)+IF('Standard Profiles'!$G$21=$B$17,14,0)+IF('Standard Profiles'!$G$21=$B$24,21,0),MOD($C2368,24)+1)/SUM(INDEX($D$3:$AA$30,INDEX(Jesper!$R$2:$R$366,ROW(INDEX(Jesper!AK$2:AK$366,ROUNDDOWN($C2368/24,0)+1,1))-1)+IF('Standard Profiles'!$G$21=$B$10,7,0)+IF('Standard Profiles'!$G$21=$B$17,14,0)+IF('Standard Profiles'!$G$21=$B$24,21,0),0)),0)</f>
        <v>7.0915884512382661</v>
      </c>
      <c r="H2368" cm="1">
        <f t="array" ref="H2368">IFERROR(INDEX(Jesper!AL$2:AL$366,ROUNDDOWN($C2368/24,0)+1,1)*INDEX($D$3:$AA$30,INDEX(Jesper!$R$2:$R$366,ROW(INDEX(Jesper!AL$2:AL$366,ROUNDDOWN($C2368/24,0)+1,1))-1)+IF('Standard Profiles'!$G$22=$B$10,7,0)+IF('Standard Profiles'!$G$22=$B$17,14,0)+IF('Standard Profiles'!$G$22=$B$24,21,0),MOD($C2368,24)+1)/SUM(INDEX($D$3:$AA$30,INDEX(Jesper!$R$2:$R$366,ROW(INDEX(Jesper!AL$2:AL$366,ROUNDDOWN($C2368/24,0)+1,1))-1)+IF('Standard Profiles'!$G$22=$B$10,7,0)+IF('Standard Profiles'!$G$22=$B$17,14,0)+IF('Standard Profiles'!$G$22=$B$24,21,0),0)),0)</f>
        <v>6.1111376389998364</v>
      </c>
      <c r="I2368">
        <f t="shared" si="272"/>
        <v>5.8666921334398463</v>
      </c>
      <c r="J2368">
        <f t="shared" si="273"/>
        <v>16.124531250928356</v>
      </c>
      <c r="K2368">
        <f t="shared" si="274"/>
        <v>0.40646548215034217</v>
      </c>
      <c r="L2368">
        <f t="shared" si="275"/>
        <v>0.20323274107517109</v>
      </c>
      <c r="M2368">
        <f t="shared" si="276"/>
        <v>0</v>
      </c>
      <c r="N2368" s="45">
        <f t="shared" si="277"/>
        <v>45024.249999994339</v>
      </c>
    </row>
    <row r="2369" spans="2:14" x14ac:dyDescent="0.25">
      <c r="B2369">
        <f t="shared" si="271"/>
        <v>6</v>
      </c>
      <c r="C2369" s="16">
        <v>2335</v>
      </c>
      <c r="D2369" cm="1">
        <f t="array" ref="D2369">IFERROR(INDEX(Jesper!AH$2:AH$366,ROUNDDOWN($C2369/24,0)+1,1)*INDEX($D$3:$AA$30,INDEX(Jesper!$R$2:$R$366,ROW(INDEX(Jesper!AH$2:AH$366,ROUNDDOWN($C2369/24,0)+1,1))-1)+IF('Standard Profiles'!$G$18=$B$10,7,0)+IF('Standard Profiles'!$G$18=$B$17,14,0)+IF('Standard Profiles'!$G$18=$B$24,21,0),MOD($C2369,24)+1)/SUM(INDEX($D$3:$AA$30,INDEX(Jesper!$R$2:$R$366,ROW(INDEX(Jesper!AH$2:AH$366,ROUNDDOWN($C2369/24,0)+1,1))-1)+IF('Standard Profiles'!$G$18=$B$10,7,0)+IF('Standard Profiles'!$G$18=$B$17,14,0)+IF('Standard Profiles'!$G$18=$B$24,21,0),0)),0)</f>
        <v>0</v>
      </c>
      <c r="E2369" cm="1">
        <f t="array" ref="E2369">IFERROR(INDEX(Jesper!AI$2:AI$366,ROUNDDOWN($C2369/24,0)+1,1)*INDEX($D$3:$AA$30,INDEX(Jesper!$R$2:$R$366,ROW(INDEX(Jesper!AI$2:AI$366,ROUNDDOWN($C2369/24,0)+1,1))-1)+IF('Standard Profiles'!$G$19=$B$10,7,0)+IF('Standard Profiles'!$G$19=$B$17,14,0)+IF('Standard Profiles'!$G$19=$B$24,21,0),MOD($C2369,24)+1)/SUM(INDEX($D$3:$AA$30,INDEX(Jesper!$R$2:$R$366,ROW(INDEX(Jesper!AI$2:AI$366,ROUNDDOWN($C2369/24,0)+1,1))-1)+IF('Standard Profiles'!$G$19=$B$10,7,0)+IF('Standard Profiles'!$G$19=$B$17,14,0)+IF('Standard Profiles'!$G$19=$B$24,21,0),0)),0)</f>
        <v>5.0808185268792769</v>
      </c>
      <c r="F2369" cm="1">
        <f t="array" ref="F2369">IFERROR(INDEX(Jesper!AJ$2:AJ$366,ROUNDDOWN($C2369/24,0)+1,1)*INDEX($D$3:$AA$30,INDEX(Jesper!$R$2:$R$366,ROW(INDEX(Jesper!AJ$2:AJ$366,ROUNDDOWN($C2369/24,0)+1,1))-1)+IF('Standard Profiles'!$G$20=$B$10,7,0)+IF('Standard Profiles'!$G$20=$B$17,14,0)+IF('Standard Profiles'!$G$20=$B$24,21,0),MOD($C2369,24)+1)/SUM(INDEX($D$3:$AA$30,INDEX(Jesper!$R$2:$R$366,ROW(INDEX(Jesper!AJ$2:AJ$366,ROUNDDOWN($C2369/24,0)+1,1))-1)+IF('Standard Profiles'!$G$20=$B$10,7,0)+IF('Standard Profiles'!$G$20=$B$17,14,0)+IF('Standard Profiles'!$G$20=$B$24,21,0),0)),0)</f>
        <v>4.3173769904763368</v>
      </c>
      <c r="G2369" cm="1">
        <f t="array" ref="G2369">IFERROR(INDEX(Jesper!AK$2:AK$366,ROUNDDOWN($C2369/24,0)+1,1)*INDEX($D$3:$AA$30,INDEX(Jesper!$R$2:$R$366,ROW(INDEX(Jesper!AK$2:AK$366,ROUNDDOWN($C2369/24,0)+1,1))-1)+IF('Standard Profiles'!$G$21=$B$10,7,0)+IF('Standard Profiles'!$G$21=$B$17,14,0)+IF('Standard Profiles'!$G$21=$B$24,21,0),MOD($C2369,24)+1)/SUM(INDEX($D$3:$AA$30,INDEX(Jesper!$R$2:$R$366,ROW(INDEX(Jesper!AK$2:AK$366,ROUNDDOWN($C2369/24,0)+1,1))-1)+IF('Standard Profiles'!$G$21=$B$10,7,0)+IF('Standard Profiles'!$G$21=$B$17,14,0)+IF('Standard Profiles'!$G$21=$B$24,21,0),0)),0)</f>
        <v>7.0915884512382661</v>
      </c>
      <c r="H2369" cm="1">
        <f t="array" ref="H2369">IFERROR(INDEX(Jesper!AL$2:AL$366,ROUNDDOWN($C2369/24,0)+1,1)*INDEX($D$3:$AA$30,INDEX(Jesper!$R$2:$R$366,ROW(INDEX(Jesper!AL$2:AL$366,ROUNDDOWN($C2369/24,0)+1,1))-1)+IF('Standard Profiles'!$G$22=$B$10,7,0)+IF('Standard Profiles'!$G$22=$B$17,14,0)+IF('Standard Profiles'!$G$22=$B$24,21,0),MOD($C2369,24)+1)/SUM(INDEX($D$3:$AA$30,INDEX(Jesper!$R$2:$R$366,ROW(INDEX(Jesper!AL$2:AL$366,ROUNDDOWN($C2369/24,0)+1,1))-1)+IF('Standard Profiles'!$G$22=$B$10,7,0)+IF('Standard Profiles'!$G$22=$B$17,14,0)+IF('Standard Profiles'!$G$22=$B$24,21,0),0)),0)</f>
        <v>6.9705163694841881</v>
      </c>
      <c r="I2369">
        <f t="shared" si="272"/>
        <v>6.6916957147048244</v>
      </c>
      <c r="J2369">
        <f t="shared" si="273"/>
        <v>16.158906400147728</v>
      </c>
      <c r="K2369">
        <f t="shared" si="274"/>
        <v>0.40646548215034217</v>
      </c>
      <c r="L2369">
        <f t="shared" si="275"/>
        <v>0.20323274107517109</v>
      </c>
      <c r="M2369">
        <f t="shared" si="276"/>
        <v>0</v>
      </c>
      <c r="N2369" s="45">
        <f t="shared" si="277"/>
        <v>45024.291666661004</v>
      </c>
    </row>
    <row r="2370" spans="2:14" x14ac:dyDescent="0.25">
      <c r="B2370">
        <f t="shared" si="271"/>
        <v>6</v>
      </c>
      <c r="C2370" s="16">
        <v>2336</v>
      </c>
      <c r="D2370" cm="1">
        <f t="array" ref="D2370">IFERROR(INDEX(Jesper!AH$2:AH$366,ROUNDDOWN($C2370/24,0)+1,1)*INDEX($D$3:$AA$30,INDEX(Jesper!$R$2:$R$366,ROW(INDEX(Jesper!AH$2:AH$366,ROUNDDOWN($C2370/24,0)+1,1))-1)+IF('Standard Profiles'!$G$18=$B$10,7,0)+IF('Standard Profiles'!$G$18=$B$17,14,0)+IF('Standard Profiles'!$G$18=$B$24,21,0),MOD($C2370,24)+1)/SUM(INDEX($D$3:$AA$30,INDEX(Jesper!$R$2:$R$366,ROW(INDEX(Jesper!AH$2:AH$366,ROUNDDOWN($C2370/24,0)+1,1))-1)+IF('Standard Profiles'!$G$18=$B$10,7,0)+IF('Standard Profiles'!$G$18=$B$17,14,0)+IF('Standard Profiles'!$G$18=$B$24,21,0),0)),0)</f>
        <v>0</v>
      </c>
      <c r="E2370" cm="1">
        <f t="array" ref="E2370">IFERROR(INDEX(Jesper!AI$2:AI$366,ROUNDDOWN($C2370/24,0)+1,1)*INDEX($D$3:$AA$30,INDEX(Jesper!$R$2:$R$366,ROW(INDEX(Jesper!AI$2:AI$366,ROUNDDOWN($C2370/24,0)+1,1))-1)+IF('Standard Profiles'!$G$19=$B$10,7,0)+IF('Standard Profiles'!$G$19=$B$17,14,0)+IF('Standard Profiles'!$G$19=$B$24,21,0),MOD($C2370,24)+1)/SUM(INDEX($D$3:$AA$30,INDEX(Jesper!$R$2:$R$366,ROW(INDEX(Jesper!AI$2:AI$366,ROUNDDOWN($C2370/24,0)+1,1))-1)+IF('Standard Profiles'!$G$19=$B$10,7,0)+IF('Standard Profiles'!$G$19=$B$17,14,0)+IF('Standard Profiles'!$G$19=$B$24,21,0),0)),0)</f>
        <v>5.0808185268792769</v>
      </c>
      <c r="F2370" cm="1">
        <f t="array" ref="F2370">IFERROR(INDEX(Jesper!AJ$2:AJ$366,ROUNDDOWN($C2370/24,0)+1,1)*INDEX($D$3:$AA$30,INDEX(Jesper!$R$2:$R$366,ROW(INDEX(Jesper!AJ$2:AJ$366,ROUNDDOWN($C2370/24,0)+1,1))-1)+IF('Standard Profiles'!$G$20=$B$10,7,0)+IF('Standard Profiles'!$G$20=$B$17,14,0)+IF('Standard Profiles'!$G$20=$B$24,21,0),MOD($C2370,24)+1)/SUM(INDEX($D$3:$AA$30,INDEX(Jesper!$R$2:$R$366,ROW(INDEX(Jesper!AJ$2:AJ$366,ROUNDDOWN($C2370/24,0)+1,1))-1)+IF('Standard Profiles'!$G$20=$B$10,7,0)+IF('Standard Profiles'!$G$20=$B$17,14,0)+IF('Standard Profiles'!$G$20=$B$24,21,0),0)),0)</f>
        <v>4.3173769904763368</v>
      </c>
      <c r="G2370" cm="1">
        <f t="array" ref="G2370">IFERROR(INDEX(Jesper!AK$2:AK$366,ROUNDDOWN($C2370/24,0)+1,1)*INDEX($D$3:$AA$30,INDEX(Jesper!$R$2:$R$366,ROW(INDEX(Jesper!AK$2:AK$366,ROUNDDOWN($C2370/24,0)+1,1))-1)+IF('Standard Profiles'!$G$21=$B$10,7,0)+IF('Standard Profiles'!$G$21=$B$17,14,0)+IF('Standard Profiles'!$G$21=$B$24,21,0),MOD($C2370,24)+1)/SUM(INDEX($D$3:$AA$30,INDEX(Jesper!$R$2:$R$366,ROW(INDEX(Jesper!AK$2:AK$366,ROUNDDOWN($C2370/24,0)+1,1))-1)+IF('Standard Profiles'!$G$21=$B$10,7,0)+IF('Standard Profiles'!$G$21=$B$17,14,0)+IF('Standard Profiles'!$G$21=$B$24,21,0),0)),0)</f>
        <v>7.0915884512382661</v>
      </c>
      <c r="H2370" cm="1">
        <f t="array" ref="H2370">IFERROR(INDEX(Jesper!AL$2:AL$366,ROUNDDOWN($C2370/24,0)+1,1)*INDEX($D$3:$AA$30,INDEX(Jesper!$R$2:$R$366,ROW(INDEX(Jesper!AL$2:AL$366,ROUNDDOWN($C2370/24,0)+1,1))-1)+IF('Standard Profiles'!$G$22=$B$10,7,0)+IF('Standard Profiles'!$G$22=$B$17,14,0)+IF('Standard Profiles'!$G$22=$B$24,21,0),MOD($C2370,24)+1)/SUM(INDEX($D$3:$AA$30,INDEX(Jesper!$R$2:$R$366,ROW(INDEX(Jesper!AL$2:AL$366,ROUNDDOWN($C2370/24,0)+1,1))-1)+IF('Standard Profiles'!$G$22=$B$10,7,0)+IF('Standard Profiles'!$G$22=$B$17,14,0)+IF('Standard Profiles'!$G$22=$B$24,21,0),0)),0)</f>
        <v>6.9705163694841881</v>
      </c>
      <c r="I2370">
        <f t="shared" si="272"/>
        <v>6.6916957147048244</v>
      </c>
      <c r="J2370">
        <f t="shared" si="273"/>
        <v>16.158906400147728</v>
      </c>
      <c r="K2370">
        <f t="shared" si="274"/>
        <v>0.40646548215034217</v>
      </c>
      <c r="L2370">
        <f t="shared" si="275"/>
        <v>0.20323274107517109</v>
      </c>
      <c r="M2370">
        <f t="shared" si="276"/>
        <v>0</v>
      </c>
      <c r="N2370" s="45">
        <f t="shared" si="277"/>
        <v>45024.333333327668</v>
      </c>
    </row>
    <row r="2371" spans="2:14" x14ac:dyDescent="0.25">
      <c r="B2371">
        <f t="shared" si="271"/>
        <v>6</v>
      </c>
      <c r="C2371" s="16">
        <v>2337</v>
      </c>
      <c r="D2371" cm="1">
        <f t="array" ref="D2371">IFERROR(INDEX(Jesper!AH$2:AH$366,ROUNDDOWN($C2371/24,0)+1,1)*INDEX($D$3:$AA$30,INDEX(Jesper!$R$2:$R$366,ROW(INDEX(Jesper!AH$2:AH$366,ROUNDDOWN($C2371/24,0)+1,1))-1)+IF('Standard Profiles'!$G$18=$B$10,7,0)+IF('Standard Profiles'!$G$18=$B$17,14,0)+IF('Standard Profiles'!$G$18=$B$24,21,0),MOD($C2371,24)+1)/SUM(INDEX($D$3:$AA$30,INDEX(Jesper!$R$2:$R$366,ROW(INDEX(Jesper!AH$2:AH$366,ROUNDDOWN($C2371/24,0)+1,1))-1)+IF('Standard Profiles'!$G$18=$B$10,7,0)+IF('Standard Profiles'!$G$18=$B$17,14,0)+IF('Standard Profiles'!$G$18=$B$24,21,0),0)),0)</f>
        <v>0</v>
      </c>
      <c r="E2371" cm="1">
        <f t="array" ref="E2371">IFERROR(INDEX(Jesper!AI$2:AI$366,ROUNDDOWN($C2371/24,0)+1,1)*INDEX($D$3:$AA$30,INDEX(Jesper!$R$2:$R$366,ROW(INDEX(Jesper!AI$2:AI$366,ROUNDDOWN($C2371/24,0)+1,1))-1)+IF('Standard Profiles'!$G$19=$B$10,7,0)+IF('Standard Profiles'!$G$19=$B$17,14,0)+IF('Standard Profiles'!$G$19=$B$24,21,0),MOD($C2371,24)+1)/SUM(INDEX($D$3:$AA$30,INDEX(Jesper!$R$2:$R$366,ROW(INDEX(Jesper!AI$2:AI$366,ROUNDDOWN($C2371/24,0)+1,1))-1)+IF('Standard Profiles'!$G$19=$B$10,7,0)+IF('Standard Profiles'!$G$19=$B$17,14,0)+IF('Standard Profiles'!$G$19=$B$24,21,0),0)),0)</f>
        <v>5.0808185268792769</v>
      </c>
      <c r="F2371" cm="1">
        <f t="array" ref="F2371">IFERROR(INDEX(Jesper!AJ$2:AJ$366,ROUNDDOWN($C2371/24,0)+1,1)*INDEX($D$3:$AA$30,INDEX(Jesper!$R$2:$R$366,ROW(INDEX(Jesper!AJ$2:AJ$366,ROUNDDOWN($C2371/24,0)+1,1))-1)+IF('Standard Profiles'!$G$20=$B$10,7,0)+IF('Standard Profiles'!$G$20=$B$17,14,0)+IF('Standard Profiles'!$G$20=$B$24,21,0),MOD($C2371,24)+1)/SUM(INDEX($D$3:$AA$30,INDEX(Jesper!$R$2:$R$366,ROW(INDEX(Jesper!AJ$2:AJ$366,ROUNDDOWN($C2371/24,0)+1,1))-1)+IF('Standard Profiles'!$G$20=$B$10,7,0)+IF('Standard Profiles'!$G$20=$B$17,14,0)+IF('Standard Profiles'!$G$20=$B$24,21,0),0)),0)</f>
        <v>4.3173769904763368</v>
      </c>
      <c r="G2371" cm="1">
        <f t="array" ref="G2371">IFERROR(INDEX(Jesper!AK$2:AK$366,ROUNDDOWN($C2371/24,0)+1,1)*INDEX($D$3:$AA$30,INDEX(Jesper!$R$2:$R$366,ROW(INDEX(Jesper!AK$2:AK$366,ROUNDDOWN($C2371/24,0)+1,1))-1)+IF('Standard Profiles'!$G$21=$B$10,7,0)+IF('Standard Profiles'!$G$21=$B$17,14,0)+IF('Standard Profiles'!$G$21=$B$24,21,0),MOD($C2371,24)+1)/SUM(INDEX($D$3:$AA$30,INDEX(Jesper!$R$2:$R$366,ROW(INDEX(Jesper!AK$2:AK$366,ROUNDDOWN($C2371/24,0)+1,1))-1)+IF('Standard Profiles'!$G$21=$B$10,7,0)+IF('Standard Profiles'!$G$21=$B$17,14,0)+IF('Standard Profiles'!$G$21=$B$24,21,0),0)),0)</f>
        <v>7.0915884512382661</v>
      </c>
      <c r="H2371" cm="1">
        <f t="array" ref="H2371">IFERROR(INDEX(Jesper!AL$2:AL$366,ROUNDDOWN($C2371/24,0)+1,1)*INDEX($D$3:$AA$30,INDEX(Jesper!$R$2:$R$366,ROW(INDEX(Jesper!AL$2:AL$366,ROUNDDOWN($C2371/24,0)+1,1))-1)+IF('Standard Profiles'!$G$22=$B$10,7,0)+IF('Standard Profiles'!$G$22=$B$17,14,0)+IF('Standard Profiles'!$G$22=$B$24,21,0),MOD($C2371,24)+1)/SUM(INDEX($D$3:$AA$30,INDEX(Jesper!$R$2:$R$366,ROW(INDEX(Jesper!AL$2:AL$366,ROUNDDOWN($C2371/24,0)+1,1))-1)+IF('Standard Profiles'!$G$22=$B$10,7,0)+IF('Standard Profiles'!$G$22=$B$17,14,0)+IF('Standard Profiles'!$G$22=$B$24,21,0),0)),0)</f>
        <v>6.9705163694841881</v>
      </c>
      <c r="I2371">
        <f t="shared" si="272"/>
        <v>6.6916957147048244</v>
      </c>
      <c r="J2371">
        <f t="shared" si="273"/>
        <v>16.158906400147728</v>
      </c>
      <c r="K2371">
        <f t="shared" si="274"/>
        <v>0.40646548215034217</v>
      </c>
      <c r="L2371">
        <f t="shared" si="275"/>
        <v>0.20323274107517109</v>
      </c>
      <c r="M2371">
        <f t="shared" si="276"/>
        <v>0</v>
      </c>
      <c r="N2371" s="45">
        <f t="shared" si="277"/>
        <v>45024.374999994332</v>
      </c>
    </row>
    <row r="2372" spans="2:14" x14ac:dyDescent="0.25">
      <c r="B2372">
        <f t="shared" si="271"/>
        <v>6</v>
      </c>
      <c r="C2372" s="16">
        <v>2338</v>
      </c>
      <c r="D2372" cm="1">
        <f t="array" ref="D2372">IFERROR(INDEX(Jesper!AH$2:AH$366,ROUNDDOWN($C2372/24,0)+1,1)*INDEX($D$3:$AA$30,INDEX(Jesper!$R$2:$R$366,ROW(INDEX(Jesper!AH$2:AH$366,ROUNDDOWN($C2372/24,0)+1,1))-1)+IF('Standard Profiles'!$G$18=$B$10,7,0)+IF('Standard Profiles'!$G$18=$B$17,14,0)+IF('Standard Profiles'!$G$18=$B$24,21,0),MOD($C2372,24)+1)/SUM(INDEX($D$3:$AA$30,INDEX(Jesper!$R$2:$R$366,ROW(INDEX(Jesper!AH$2:AH$366,ROUNDDOWN($C2372/24,0)+1,1))-1)+IF('Standard Profiles'!$G$18=$B$10,7,0)+IF('Standard Profiles'!$G$18=$B$17,14,0)+IF('Standard Profiles'!$G$18=$B$24,21,0),0)),0)</f>
        <v>0</v>
      </c>
      <c r="E2372" cm="1">
        <f t="array" ref="E2372">IFERROR(INDEX(Jesper!AI$2:AI$366,ROUNDDOWN($C2372/24,0)+1,1)*INDEX($D$3:$AA$30,INDEX(Jesper!$R$2:$R$366,ROW(INDEX(Jesper!AI$2:AI$366,ROUNDDOWN($C2372/24,0)+1,1))-1)+IF('Standard Profiles'!$G$19=$B$10,7,0)+IF('Standard Profiles'!$G$19=$B$17,14,0)+IF('Standard Profiles'!$G$19=$B$24,21,0),MOD($C2372,24)+1)/SUM(INDEX($D$3:$AA$30,INDEX(Jesper!$R$2:$R$366,ROW(INDEX(Jesper!AI$2:AI$366,ROUNDDOWN($C2372/24,0)+1,1))-1)+IF('Standard Profiles'!$G$19=$B$10,7,0)+IF('Standard Profiles'!$G$19=$B$17,14,0)+IF('Standard Profiles'!$G$19=$B$24,21,0),0)),0)</f>
        <v>5.0808185268792769</v>
      </c>
      <c r="F2372" cm="1">
        <f t="array" ref="F2372">IFERROR(INDEX(Jesper!AJ$2:AJ$366,ROUNDDOWN($C2372/24,0)+1,1)*INDEX($D$3:$AA$30,INDEX(Jesper!$R$2:$R$366,ROW(INDEX(Jesper!AJ$2:AJ$366,ROUNDDOWN($C2372/24,0)+1,1))-1)+IF('Standard Profiles'!$G$20=$B$10,7,0)+IF('Standard Profiles'!$G$20=$B$17,14,0)+IF('Standard Profiles'!$G$20=$B$24,21,0),MOD($C2372,24)+1)/SUM(INDEX($D$3:$AA$30,INDEX(Jesper!$R$2:$R$366,ROW(INDEX(Jesper!AJ$2:AJ$366,ROUNDDOWN($C2372/24,0)+1,1))-1)+IF('Standard Profiles'!$G$20=$B$10,7,0)+IF('Standard Profiles'!$G$20=$B$17,14,0)+IF('Standard Profiles'!$G$20=$B$24,21,0),0)),0)</f>
        <v>4.3173769904763368</v>
      </c>
      <c r="G2372" cm="1">
        <f t="array" ref="G2372">IFERROR(INDEX(Jesper!AK$2:AK$366,ROUNDDOWN($C2372/24,0)+1,1)*INDEX($D$3:$AA$30,INDEX(Jesper!$R$2:$R$366,ROW(INDEX(Jesper!AK$2:AK$366,ROUNDDOWN($C2372/24,0)+1,1))-1)+IF('Standard Profiles'!$G$21=$B$10,7,0)+IF('Standard Profiles'!$G$21=$B$17,14,0)+IF('Standard Profiles'!$G$21=$B$24,21,0),MOD($C2372,24)+1)/SUM(INDEX($D$3:$AA$30,INDEX(Jesper!$R$2:$R$366,ROW(INDEX(Jesper!AK$2:AK$366,ROUNDDOWN($C2372/24,0)+1,1))-1)+IF('Standard Profiles'!$G$21=$B$10,7,0)+IF('Standard Profiles'!$G$21=$B$17,14,0)+IF('Standard Profiles'!$G$21=$B$24,21,0),0)),0)</f>
        <v>7.0915884512382661</v>
      </c>
      <c r="H2372" cm="1">
        <f t="array" ref="H2372">IFERROR(INDEX(Jesper!AL$2:AL$366,ROUNDDOWN($C2372/24,0)+1,1)*INDEX($D$3:$AA$30,INDEX(Jesper!$R$2:$R$366,ROW(INDEX(Jesper!AL$2:AL$366,ROUNDDOWN($C2372/24,0)+1,1))-1)+IF('Standard Profiles'!$G$22=$B$10,7,0)+IF('Standard Profiles'!$G$22=$B$17,14,0)+IF('Standard Profiles'!$G$22=$B$24,21,0),MOD($C2372,24)+1)/SUM(INDEX($D$3:$AA$30,INDEX(Jesper!$R$2:$R$366,ROW(INDEX(Jesper!AL$2:AL$366,ROUNDDOWN($C2372/24,0)+1,1))-1)+IF('Standard Profiles'!$G$22=$B$10,7,0)+IF('Standard Profiles'!$G$22=$B$17,14,0)+IF('Standard Profiles'!$G$22=$B$24,21,0),0)),0)</f>
        <v>6.9705163694841881</v>
      </c>
      <c r="I2372">
        <f t="shared" si="272"/>
        <v>6.6916957147048244</v>
      </c>
      <c r="J2372">
        <f t="shared" si="273"/>
        <v>16.158906400147728</v>
      </c>
      <c r="K2372">
        <f t="shared" si="274"/>
        <v>0.40646548215034217</v>
      </c>
      <c r="L2372">
        <f t="shared" si="275"/>
        <v>0.20323274107517109</v>
      </c>
      <c r="M2372">
        <f t="shared" si="276"/>
        <v>0</v>
      </c>
      <c r="N2372" s="45">
        <f t="shared" si="277"/>
        <v>45024.416666660996</v>
      </c>
    </row>
    <row r="2373" spans="2:14" x14ac:dyDescent="0.25">
      <c r="B2373">
        <f t="shared" si="271"/>
        <v>6</v>
      </c>
      <c r="C2373" s="16">
        <v>2339</v>
      </c>
      <c r="D2373" cm="1">
        <f t="array" ref="D2373">IFERROR(INDEX(Jesper!AH$2:AH$366,ROUNDDOWN($C2373/24,0)+1,1)*INDEX($D$3:$AA$30,INDEX(Jesper!$R$2:$R$366,ROW(INDEX(Jesper!AH$2:AH$366,ROUNDDOWN($C2373/24,0)+1,1))-1)+IF('Standard Profiles'!$G$18=$B$10,7,0)+IF('Standard Profiles'!$G$18=$B$17,14,0)+IF('Standard Profiles'!$G$18=$B$24,21,0),MOD($C2373,24)+1)/SUM(INDEX($D$3:$AA$30,INDEX(Jesper!$R$2:$R$366,ROW(INDEX(Jesper!AH$2:AH$366,ROUNDDOWN($C2373/24,0)+1,1))-1)+IF('Standard Profiles'!$G$18=$B$10,7,0)+IF('Standard Profiles'!$G$18=$B$17,14,0)+IF('Standard Profiles'!$G$18=$B$24,21,0),0)),0)</f>
        <v>0</v>
      </c>
      <c r="E2373" cm="1">
        <f t="array" ref="E2373">IFERROR(INDEX(Jesper!AI$2:AI$366,ROUNDDOWN($C2373/24,0)+1,1)*INDEX($D$3:$AA$30,INDEX(Jesper!$R$2:$R$366,ROW(INDEX(Jesper!AI$2:AI$366,ROUNDDOWN($C2373/24,0)+1,1))-1)+IF('Standard Profiles'!$G$19=$B$10,7,0)+IF('Standard Profiles'!$G$19=$B$17,14,0)+IF('Standard Profiles'!$G$19=$B$24,21,0),MOD($C2373,24)+1)/SUM(INDEX($D$3:$AA$30,INDEX(Jesper!$R$2:$R$366,ROW(INDEX(Jesper!AI$2:AI$366,ROUNDDOWN($C2373/24,0)+1,1))-1)+IF('Standard Profiles'!$G$19=$B$10,7,0)+IF('Standard Profiles'!$G$19=$B$17,14,0)+IF('Standard Profiles'!$G$19=$B$24,21,0),0)),0)</f>
        <v>5.0808185268792769</v>
      </c>
      <c r="F2373" cm="1">
        <f t="array" ref="F2373">IFERROR(INDEX(Jesper!AJ$2:AJ$366,ROUNDDOWN($C2373/24,0)+1,1)*INDEX($D$3:$AA$30,INDEX(Jesper!$R$2:$R$366,ROW(INDEX(Jesper!AJ$2:AJ$366,ROUNDDOWN($C2373/24,0)+1,1))-1)+IF('Standard Profiles'!$G$20=$B$10,7,0)+IF('Standard Profiles'!$G$20=$B$17,14,0)+IF('Standard Profiles'!$G$20=$B$24,21,0),MOD($C2373,24)+1)/SUM(INDEX($D$3:$AA$30,INDEX(Jesper!$R$2:$R$366,ROW(INDEX(Jesper!AJ$2:AJ$366,ROUNDDOWN($C2373/24,0)+1,1))-1)+IF('Standard Profiles'!$G$20=$B$10,7,0)+IF('Standard Profiles'!$G$20=$B$17,14,0)+IF('Standard Profiles'!$G$20=$B$24,21,0),0)),0)</f>
        <v>4.3173769904763368</v>
      </c>
      <c r="G2373" cm="1">
        <f t="array" ref="G2373">IFERROR(INDEX(Jesper!AK$2:AK$366,ROUNDDOWN($C2373/24,0)+1,1)*INDEX($D$3:$AA$30,INDEX(Jesper!$R$2:$R$366,ROW(INDEX(Jesper!AK$2:AK$366,ROUNDDOWN($C2373/24,0)+1,1))-1)+IF('Standard Profiles'!$G$21=$B$10,7,0)+IF('Standard Profiles'!$G$21=$B$17,14,0)+IF('Standard Profiles'!$G$21=$B$24,21,0),MOD($C2373,24)+1)/SUM(INDEX($D$3:$AA$30,INDEX(Jesper!$R$2:$R$366,ROW(INDEX(Jesper!AK$2:AK$366,ROUNDDOWN($C2373/24,0)+1,1))-1)+IF('Standard Profiles'!$G$21=$B$10,7,0)+IF('Standard Profiles'!$G$21=$B$17,14,0)+IF('Standard Profiles'!$G$21=$B$24,21,0),0)),0)</f>
        <v>7.0915884512382661</v>
      </c>
      <c r="H2373" cm="1">
        <f t="array" ref="H2373">IFERROR(INDEX(Jesper!AL$2:AL$366,ROUNDDOWN($C2373/24,0)+1,1)*INDEX($D$3:$AA$30,INDEX(Jesper!$R$2:$R$366,ROW(INDEX(Jesper!AL$2:AL$366,ROUNDDOWN($C2373/24,0)+1,1))-1)+IF('Standard Profiles'!$G$22=$B$10,7,0)+IF('Standard Profiles'!$G$22=$B$17,14,0)+IF('Standard Profiles'!$G$22=$B$24,21,0),MOD($C2373,24)+1)/SUM(INDEX($D$3:$AA$30,INDEX(Jesper!$R$2:$R$366,ROW(INDEX(Jesper!AL$2:AL$366,ROUNDDOWN($C2373/24,0)+1,1))-1)+IF('Standard Profiles'!$G$22=$B$10,7,0)+IF('Standard Profiles'!$G$22=$B$17,14,0)+IF('Standard Profiles'!$G$22=$B$24,21,0),0)),0)</f>
        <v>6.9705163694841881</v>
      </c>
      <c r="I2373">
        <f t="shared" si="272"/>
        <v>6.6916957147048244</v>
      </c>
      <c r="J2373">
        <f t="shared" si="273"/>
        <v>16.158906400147728</v>
      </c>
      <c r="K2373">
        <f t="shared" si="274"/>
        <v>0.40646548215034217</v>
      </c>
      <c r="L2373">
        <f t="shared" si="275"/>
        <v>0.20323274107517109</v>
      </c>
      <c r="M2373">
        <f t="shared" si="276"/>
        <v>0</v>
      </c>
      <c r="N2373" s="45">
        <f t="shared" si="277"/>
        <v>45024.458333327661</v>
      </c>
    </row>
    <row r="2374" spans="2:14" x14ac:dyDescent="0.25">
      <c r="B2374">
        <f t="shared" si="271"/>
        <v>6</v>
      </c>
      <c r="C2374" s="16">
        <v>2340</v>
      </c>
      <c r="D2374" cm="1">
        <f t="array" ref="D2374">IFERROR(INDEX(Jesper!AH$2:AH$366,ROUNDDOWN($C2374/24,0)+1,1)*INDEX($D$3:$AA$30,INDEX(Jesper!$R$2:$R$366,ROW(INDEX(Jesper!AH$2:AH$366,ROUNDDOWN($C2374/24,0)+1,1))-1)+IF('Standard Profiles'!$G$18=$B$10,7,0)+IF('Standard Profiles'!$G$18=$B$17,14,0)+IF('Standard Profiles'!$G$18=$B$24,21,0),MOD($C2374,24)+1)/SUM(INDEX($D$3:$AA$30,INDEX(Jesper!$R$2:$R$366,ROW(INDEX(Jesper!AH$2:AH$366,ROUNDDOWN($C2374/24,0)+1,1))-1)+IF('Standard Profiles'!$G$18=$B$10,7,0)+IF('Standard Profiles'!$G$18=$B$17,14,0)+IF('Standard Profiles'!$G$18=$B$24,21,0),0)),0)</f>
        <v>0</v>
      </c>
      <c r="E2374" cm="1">
        <f t="array" ref="E2374">IFERROR(INDEX(Jesper!AI$2:AI$366,ROUNDDOWN($C2374/24,0)+1,1)*INDEX($D$3:$AA$30,INDEX(Jesper!$R$2:$R$366,ROW(INDEX(Jesper!AI$2:AI$366,ROUNDDOWN($C2374/24,0)+1,1))-1)+IF('Standard Profiles'!$G$19=$B$10,7,0)+IF('Standard Profiles'!$G$19=$B$17,14,0)+IF('Standard Profiles'!$G$19=$B$24,21,0),MOD($C2374,24)+1)/SUM(INDEX($D$3:$AA$30,INDEX(Jesper!$R$2:$R$366,ROW(INDEX(Jesper!AI$2:AI$366,ROUNDDOWN($C2374/24,0)+1,1))-1)+IF('Standard Profiles'!$G$19=$B$10,7,0)+IF('Standard Profiles'!$G$19=$B$17,14,0)+IF('Standard Profiles'!$G$19=$B$24,21,0),0)),0)</f>
        <v>5.0808185268792769</v>
      </c>
      <c r="F2374" cm="1">
        <f t="array" ref="F2374">IFERROR(INDEX(Jesper!AJ$2:AJ$366,ROUNDDOWN($C2374/24,0)+1,1)*INDEX($D$3:$AA$30,INDEX(Jesper!$R$2:$R$366,ROW(INDEX(Jesper!AJ$2:AJ$366,ROUNDDOWN($C2374/24,0)+1,1))-1)+IF('Standard Profiles'!$G$20=$B$10,7,0)+IF('Standard Profiles'!$G$20=$B$17,14,0)+IF('Standard Profiles'!$G$20=$B$24,21,0),MOD($C2374,24)+1)/SUM(INDEX($D$3:$AA$30,INDEX(Jesper!$R$2:$R$366,ROW(INDEX(Jesper!AJ$2:AJ$366,ROUNDDOWN($C2374/24,0)+1,1))-1)+IF('Standard Profiles'!$G$20=$B$10,7,0)+IF('Standard Profiles'!$G$20=$B$17,14,0)+IF('Standard Profiles'!$G$20=$B$24,21,0),0)),0)</f>
        <v>4.3173769904763368</v>
      </c>
      <c r="G2374" cm="1">
        <f t="array" ref="G2374">IFERROR(INDEX(Jesper!AK$2:AK$366,ROUNDDOWN($C2374/24,0)+1,1)*INDEX($D$3:$AA$30,INDEX(Jesper!$R$2:$R$366,ROW(INDEX(Jesper!AK$2:AK$366,ROUNDDOWN($C2374/24,0)+1,1))-1)+IF('Standard Profiles'!$G$21=$B$10,7,0)+IF('Standard Profiles'!$G$21=$B$17,14,0)+IF('Standard Profiles'!$G$21=$B$24,21,0),MOD($C2374,24)+1)/SUM(INDEX($D$3:$AA$30,INDEX(Jesper!$R$2:$R$366,ROW(INDEX(Jesper!AK$2:AK$366,ROUNDDOWN($C2374/24,0)+1,1))-1)+IF('Standard Profiles'!$G$21=$B$10,7,0)+IF('Standard Profiles'!$G$21=$B$17,14,0)+IF('Standard Profiles'!$G$21=$B$24,21,0),0)),0)</f>
        <v>7.0915884512382661</v>
      </c>
      <c r="H2374" cm="1">
        <f t="array" ref="H2374">IFERROR(INDEX(Jesper!AL$2:AL$366,ROUNDDOWN($C2374/24,0)+1,1)*INDEX($D$3:$AA$30,INDEX(Jesper!$R$2:$R$366,ROW(INDEX(Jesper!AL$2:AL$366,ROUNDDOWN($C2374/24,0)+1,1))-1)+IF('Standard Profiles'!$G$22=$B$10,7,0)+IF('Standard Profiles'!$G$22=$B$17,14,0)+IF('Standard Profiles'!$G$22=$B$24,21,0),MOD($C2374,24)+1)/SUM(INDEX($D$3:$AA$30,INDEX(Jesper!$R$2:$R$366,ROW(INDEX(Jesper!AL$2:AL$366,ROUNDDOWN($C2374/24,0)+1,1))-1)+IF('Standard Profiles'!$G$22=$B$10,7,0)+IF('Standard Profiles'!$G$22=$B$17,14,0)+IF('Standard Profiles'!$G$22=$B$24,21,0),0)),0)</f>
        <v>6.9705163694841881</v>
      </c>
      <c r="I2374">
        <f t="shared" si="272"/>
        <v>6.6916957147048244</v>
      </c>
      <c r="J2374">
        <f t="shared" si="273"/>
        <v>16.158906400147728</v>
      </c>
      <c r="K2374">
        <f t="shared" si="274"/>
        <v>0.40646548215034217</v>
      </c>
      <c r="L2374">
        <f t="shared" si="275"/>
        <v>0.20323274107517109</v>
      </c>
      <c r="M2374">
        <f t="shared" si="276"/>
        <v>0</v>
      </c>
      <c r="N2374" s="45">
        <f t="shared" si="277"/>
        <v>45024.499999994325</v>
      </c>
    </row>
    <row r="2375" spans="2:14" x14ac:dyDescent="0.25">
      <c r="B2375">
        <f t="shared" si="271"/>
        <v>6</v>
      </c>
      <c r="C2375" s="16">
        <v>2341</v>
      </c>
      <c r="D2375" cm="1">
        <f t="array" ref="D2375">IFERROR(INDEX(Jesper!AH$2:AH$366,ROUNDDOWN($C2375/24,0)+1,1)*INDEX($D$3:$AA$30,INDEX(Jesper!$R$2:$R$366,ROW(INDEX(Jesper!AH$2:AH$366,ROUNDDOWN($C2375/24,0)+1,1))-1)+IF('Standard Profiles'!$G$18=$B$10,7,0)+IF('Standard Profiles'!$G$18=$B$17,14,0)+IF('Standard Profiles'!$G$18=$B$24,21,0),MOD($C2375,24)+1)/SUM(INDEX($D$3:$AA$30,INDEX(Jesper!$R$2:$R$366,ROW(INDEX(Jesper!AH$2:AH$366,ROUNDDOWN($C2375/24,0)+1,1))-1)+IF('Standard Profiles'!$G$18=$B$10,7,0)+IF('Standard Profiles'!$G$18=$B$17,14,0)+IF('Standard Profiles'!$G$18=$B$24,21,0),0)),0)</f>
        <v>0</v>
      </c>
      <c r="E2375" cm="1">
        <f t="array" ref="E2375">IFERROR(INDEX(Jesper!AI$2:AI$366,ROUNDDOWN($C2375/24,0)+1,1)*INDEX($D$3:$AA$30,INDEX(Jesper!$R$2:$R$366,ROW(INDEX(Jesper!AI$2:AI$366,ROUNDDOWN($C2375/24,0)+1,1))-1)+IF('Standard Profiles'!$G$19=$B$10,7,0)+IF('Standard Profiles'!$G$19=$B$17,14,0)+IF('Standard Profiles'!$G$19=$B$24,21,0),MOD($C2375,24)+1)/SUM(INDEX($D$3:$AA$30,INDEX(Jesper!$R$2:$R$366,ROW(INDEX(Jesper!AI$2:AI$366,ROUNDDOWN($C2375/24,0)+1,1))-1)+IF('Standard Profiles'!$G$19=$B$10,7,0)+IF('Standard Profiles'!$G$19=$B$17,14,0)+IF('Standard Profiles'!$G$19=$B$24,21,0),0)),0)</f>
        <v>5.0808185268792769</v>
      </c>
      <c r="F2375" cm="1">
        <f t="array" ref="F2375">IFERROR(INDEX(Jesper!AJ$2:AJ$366,ROUNDDOWN($C2375/24,0)+1,1)*INDEX($D$3:$AA$30,INDEX(Jesper!$R$2:$R$366,ROW(INDEX(Jesper!AJ$2:AJ$366,ROUNDDOWN($C2375/24,0)+1,1))-1)+IF('Standard Profiles'!$G$20=$B$10,7,0)+IF('Standard Profiles'!$G$20=$B$17,14,0)+IF('Standard Profiles'!$G$20=$B$24,21,0),MOD($C2375,24)+1)/SUM(INDEX($D$3:$AA$30,INDEX(Jesper!$R$2:$R$366,ROW(INDEX(Jesper!AJ$2:AJ$366,ROUNDDOWN($C2375/24,0)+1,1))-1)+IF('Standard Profiles'!$G$20=$B$10,7,0)+IF('Standard Profiles'!$G$20=$B$17,14,0)+IF('Standard Profiles'!$G$20=$B$24,21,0),0)),0)</f>
        <v>4.3173769904763368</v>
      </c>
      <c r="G2375" cm="1">
        <f t="array" ref="G2375">IFERROR(INDEX(Jesper!AK$2:AK$366,ROUNDDOWN($C2375/24,0)+1,1)*INDEX($D$3:$AA$30,INDEX(Jesper!$R$2:$R$366,ROW(INDEX(Jesper!AK$2:AK$366,ROUNDDOWN($C2375/24,0)+1,1))-1)+IF('Standard Profiles'!$G$21=$B$10,7,0)+IF('Standard Profiles'!$G$21=$B$17,14,0)+IF('Standard Profiles'!$G$21=$B$24,21,0),MOD($C2375,24)+1)/SUM(INDEX($D$3:$AA$30,INDEX(Jesper!$R$2:$R$366,ROW(INDEX(Jesper!AK$2:AK$366,ROUNDDOWN($C2375/24,0)+1,1))-1)+IF('Standard Profiles'!$G$21=$B$10,7,0)+IF('Standard Profiles'!$G$21=$B$17,14,0)+IF('Standard Profiles'!$G$21=$B$24,21,0),0)),0)</f>
        <v>7.0915884512382661</v>
      </c>
      <c r="H2375" cm="1">
        <f t="array" ref="H2375">IFERROR(INDEX(Jesper!AL$2:AL$366,ROUNDDOWN($C2375/24,0)+1,1)*INDEX($D$3:$AA$30,INDEX(Jesper!$R$2:$R$366,ROW(INDEX(Jesper!AL$2:AL$366,ROUNDDOWN($C2375/24,0)+1,1))-1)+IF('Standard Profiles'!$G$22=$B$10,7,0)+IF('Standard Profiles'!$G$22=$B$17,14,0)+IF('Standard Profiles'!$G$22=$B$24,21,0),MOD($C2375,24)+1)/SUM(INDEX($D$3:$AA$30,INDEX(Jesper!$R$2:$R$366,ROW(INDEX(Jesper!AL$2:AL$366,ROUNDDOWN($C2375/24,0)+1,1))-1)+IF('Standard Profiles'!$G$22=$B$10,7,0)+IF('Standard Profiles'!$G$22=$B$17,14,0)+IF('Standard Profiles'!$G$22=$B$24,21,0),0)),0)</f>
        <v>6.9705163694841881</v>
      </c>
      <c r="I2375">
        <f t="shared" si="272"/>
        <v>6.6916957147048244</v>
      </c>
      <c r="J2375">
        <f t="shared" si="273"/>
        <v>16.158906400147728</v>
      </c>
      <c r="K2375">
        <f t="shared" si="274"/>
        <v>0.40646548215034217</v>
      </c>
      <c r="L2375">
        <f t="shared" si="275"/>
        <v>0.20323274107517109</v>
      </c>
      <c r="M2375">
        <f t="shared" si="276"/>
        <v>0</v>
      </c>
      <c r="N2375" s="45">
        <f t="shared" si="277"/>
        <v>45024.541666660989</v>
      </c>
    </row>
    <row r="2376" spans="2:14" x14ac:dyDescent="0.25">
      <c r="B2376">
        <f t="shared" si="271"/>
        <v>6</v>
      </c>
      <c r="C2376" s="16">
        <v>2342</v>
      </c>
      <c r="D2376" cm="1">
        <f t="array" ref="D2376">IFERROR(INDEX(Jesper!AH$2:AH$366,ROUNDDOWN($C2376/24,0)+1,1)*INDEX($D$3:$AA$30,INDEX(Jesper!$R$2:$R$366,ROW(INDEX(Jesper!AH$2:AH$366,ROUNDDOWN($C2376/24,0)+1,1))-1)+IF('Standard Profiles'!$G$18=$B$10,7,0)+IF('Standard Profiles'!$G$18=$B$17,14,0)+IF('Standard Profiles'!$G$18=$B$24,21,0),MOD($C2376,24)+1)/SUM(INDEX($D$3:$AA$30,INDEX(Jesper!$R$2:$R$366,ROW(INDEX(Jesper!AH$2:AH$366,ROUNDDOWN($C2376/24,0)+1,1))-1)+IF('Standard Profiles'!$G$18=$B$10,7,0)+IF('Standard Profiles'!$G$18=$B$17,14,0)+IF('Standard Profiles'!$G$18=$B$24,21,0),0)),0)</f>
        <v>0</v>
      </c>
      <c r="E2376" cm="1">
        <f t="array" ref="E2376">IFERROR(INDEX(Jesper!AI$2:AI$366,ROUNDDOWN($C2376/24,0)+1,1)*INDEX($D$3:$AA$30,INDEX(Jesper!$R$2:$R$366,ROW(INDEX(Jesper!AI$2:AI$366,ROUNDDOWN($C2376/24,0)+1,1))-1)+IF('Standard Profiles'!$G$19=$B$10,7,0)+IF('Standard Profiles'!$G$19=$B$17,14,0)+IF('Standard Profiles'!$G$19=$B$24,21,0),MOD($C2376,24)+1)/SUM(INDEX($D$3:$AA$30,INDEX(Jesper!$R$2:$R$366,ROW(INDEX(Jesper!AI$2:AI$366,ROUNDDOWN($C2376/24,0)+1,1))-1)+IF('Standard Profiles'!$G$19=$B$10,7,0)+IF('Standard Profiles'!$G$19=$B$17,14,0)+IF('Standard Profiles'!$G$19=$B$24,21,0),0)),0)</f>
        <v>5.0808185268792769</v>
      </c>
      <c r="F2376" cm="1">
        <f t="array" ref="F2376">IFERROR(INDEX(Jesper!AJ$2:AJ$366,ROUNDDOWN($C2376/24,0)+1,1)*INDEX($D$3:$AA$30,INDEX(Jesper!$R$2:$R$366,ROW(INDEX(Jesper!AJ$2:AJ$366,ROUNDDOWN($C2376/24,0)+1,1))-1)+IF('Standard Profiles'!$G$20=$B$10,7,0)+IF('Standard Profiles'!$G$20=$B$17,14,0)+IF('Standard Profiles'!$G$20=$B$24,21,0),MOD($C2376,24)+1)/SUM(INDEX($D$3:$AA$30,INDEX(Jesper!$R$2:$R$366,ROW(INDEX(Jesper!AJ$2:AJ$366,ROUNDDOWN($C2376/24,0)+1,1))-1)+IF('Standard Profiles'!$G$20=$B$10,7,0)+IF('Standard Profiles'!$G$20=$B$17,14,0)+IF('Standard Profiles'!$G$20=$B$24,21,0),0)),0)</f>
        <v>4.3173769904763368</v>
      </c>
      <c r="G2376" cm="1">
        <f t="array" ref="G2376">IFERROR(INDEX(Jesper!AK$2:AK$366,ROUNDDOWN($C2376/24,0)+1,1)*INDEX($D$3:$AA$30,INDEX(Jesper!$R$2:$R$366,ROW(INDEX(Jesper!AK$2:AK$366,ROUNDDOWN($C2376/24,0)+1,1))-1)+IF('Standard Profiles'!$G$21=$B$10,7,0)+IF('Standard Profiles'!$G$21=$B$17,14,0)+IF('Standard Profiles'!$G$21=$B$24,21,0),MOD($C2376,24)+1)/SUM(INDEX($D$3:$AA$30,INDEX(Jesper!$R$2:$R$366,ROW(INDEX(Jesper!AK$2:AK$366,ROUNDDOWN($C2376/24,0)+1,1))-1)+IF('Standard Profiles'!$G$21=$B$10,7,0)+IF('Standard Profiles'!$G$21=$B$17,14,0)+IF('Standard Profiles'!$G$21=$B$24,21,0),0)),0)</f>
        <v>7.0915884512382661</v>
      </c>
      <c r="H2376" cm="1">
        <f t="array" ref="H2376">IFERROR(INDEX(Jesper!AL$2:AL$366,ROUNDDOWN($C2376/24,0)+1,1)*INDEX($D$3:$AA$30,INDEX(Jesper!$R$2:$R$366,ROW(INDEX(Jesper!AL$2:AL$366,ROUNDDOWN($C2376/24,0)+1,1))-1)+IF('Standard Profiles'!$G$22=$B$10,7,0)+IF('Standard Profiles'!$G$22=$B$17,14,0)+IF('Standard Profiles'!$G$22=$B$24,21,0),MOD($C2376,24)+1)/SUM(INDEX($D$3:$AA$30,INDEX(Jesper!$R$2:$R$366,ROW(INDEX(Jesper!AL$2:AL$366,ROUNDDOWN($C2376/24,0)+1,1))-1)+IF('Standard Profiles'!$G$22=$B$10,7,0)+IF('Standard Profiles'!$G$22=$B$17,14,0)+IF('Standard Profiles'!$G$22=$B$24,21,0),0)),0)</f>
        <v>6.9705163694841881</v>
      </c>
      <c r="I2376">
        <f t="shared" si="272"/>
        <v>6.6916957147048244</v>
      </c>
      <c r="J2376">
        <f t="shared" si="273"/>
        <v>16.158906400147728</v>
      </c>
      <c r="K2376">
        <f t="shared" si="274"/>
        <v>0.40646548215034217</v>
      </c>
      <c r="L2376">
        <f t="shared" si="275"/>
        <v>0.20323274107517109</v>
      </c>
      <c r="M2376">
        <f t="shared" si="276"/>
        <v>0</v>
      </c>
      <c r="N2376" s="45">
        <f t="shared" si="277"/>
        <v>45024.583333327653</v>
      </c>
    </row>
    <row r="2377" spans="2:14" x14ac:dyDescent="0.25">
      <c r="B2377">
        <f t="shared" si="271"/>
        <v>6</v>
      </c>
      <c r="C2377" s="16">
        <v>2343</v>
      </c>
      <c r="D2377" cm="1">
        <f t="array" ref="D2377">IFERROR(INDEX(Jesper!AH$2:AH$366,ROUNDDOWN($C2377/24,0)+1,1)*INDEX($D$3:$AA$30,INDEX(Jesper!$R$2:$R$366,ROW(INDEX(Jesper!AH$2:AH$366,ROUNDDOWN($C2377/24,0)+1,1))-1)+IF('Standard Profiles'!$G$18=$B$10,7,0)+IF('Standard Profiles'!$G$18=$B$17,14,0)+IF('Standard Profiles'!$G$18=$B$24,21,0),MOD($C2377,24)+1)/SUM(INDEX($D$3:$AA$30,INDEX(Jesper!$R$2:$R$366,ROW(INDEX(Jesper!AH$2:AH$366,ROUNDDOWN($C2377/24,0)+1,1))-1)+IF('Standard Profiles'!$G$18=$B$10,7,0)+IF('Standard Profiles'!$G$18=$B$17,14,0)+IF('Standard Profiles'!$G$18=$B$24,21,0),0)),0)</f>
        <v>0</v>
      </c>
      <c r="E2377" cm="1">
        <f t="array" ref="E2377">IFERROR(INDEX(Jesper!AI$2:AI$366,ROUNDDOWN($C2377/24,0)+1,1)*INDEX($D$3:$AA$30,INDEX(Jesper!$R$2:$R$366,ROW(INDEX(Jesper!AI$2:AI$366,ROUNDDOWN($C2377/24,0)+1,1))-1)+IF('Standard Profiles'!$G$19=$B$10,7,0)+IF('Standard Profiles'!$G$19=$B$17,14,0)+IF('Standard Profiles'!$G$19=$B$24,21,0),MOD($C2377,24)+1)/SUM(INDEX($D$3:$AA$30,INDEX(Jesper!$R$2:$R$366,ROW(INDEX(Jesper!AI$2:AI$366,ROUNDDOWN($C2377/24,0)+1,1))-1)+IF('Standard Profiles'!$G$19=$B$10,7,0)+IF('Standard Profiles'!$G$19=$B$17,14,0)+IF('Standard Profiles'!$G$19=$B$24,21,0),0)),0)</f>
        <v>5.0808185268792769</v>
      </c>
      <c r="F2377" cm="1">
        <f t="array" ref="F2377">IFERROR(INDEX(Jesper!AJ$2:AJ$366,ROUNDDOWN($C2377/24,0)+1,1)*INDEX($D$3:$AA$30,INDEX(Jesper!$R$2:$R$366,ROW(INDEX(Jesper!AJ$2:AJ$366,ROUNDDOWN($C2377/24,0)+1,1))-1)+IF('Standard Profiles'!$G$20=$B$10,7,0)+IF('Standard Profiles'!$G$20=$B$17,14,0)+IF('Standard Profiles'!$G$20=$B$24,21,0),MOD($C2377,24)+1)/SUM(INDEX($D$3:$AA$30,INDEX(Jesper!$R$2:$R$366,ROW(INDEX(Jesper!AJ$2:AJ$366,ROUNDDOWN($C2377/24,0)+1,1))-1)+IF('Standard Profiles'!$G$20=$B$10,7,0)+IF('Standard Profiles'!$G$20=$B$17,14,0)+IF('Standard Profiles'!$G$20=$B$24,21,0),0)),0)</f>
        <v>4.3173769904763368</v>
      </c>
      <c r="G2377" cm="1">
        <f t="array" ref="G2377">IFERROR(INDEX(Jesper!AK$2:AK$366,ROUNDDOWN($C2377/24,0)+1,1)*INDEX($D$3:$AA$30,INDEX(Jesper!$R$2:$R$366,ROW(INDEX(Jesper!AK$2:AK$366,ROUNDDOWN($C2377/24,0)+1,1))-1)+IF('Standard Profiles'!$G$21=$B$10,7,0)+IF('Standard Profiles'!$G$21=$B$17,14,0)+IF('Standard Profiles'!$G$21=$B$24,21,0),MOD($C2377,24)+1)/SUM(INDEX($D$3:$AA$30,INDEX(Jesper!$R$2:$R$366,ROW(INDEX(Jesper!AK$2:AK$366,ROUNDDOWN($C2377/24,0)+1,1))-1)+IF('Standard Profiles'!$G$21=$B$10,7,0)+IF('Standard Profiles'!$G$21=$B$17,14,0)+IF('Standard Profiles'!$G$21=$B$24,21,0),0)),0)</f>
        <v>7.0915884512382661</v>
      </c>
      <c r="H2377" cm="1">
        <f t="array" ref="H2377">IFERROR(INDEX(Jesper!AL$2:AL$366,ROUNDDOWN($C2377/24,0)+1,1)*INDEX($D$3:$AA$30,INDEX(Jesper!$R$2:$R$366,ROW(INDEX(Jesper!AL$2:AL$366,ROUNDDOWN($C2377/24,0)+1,1))-1)+IF('Standard Profiles'!$G$22=$B$10,7,0)+IF('Standard Profiles'!$G$22=$B$17,14,0)+IF('Standard Profiles'!$G$22=$B$24,21,0),MOD($C2377,24)+1)/SUM(INDEX($D$3:$AA$30,INDEX(Jesper!$R$2:$R$366,ROW(INDEX(Jesper!AL$2:AL$366,ROUNDDOWN($C2377/24,0)+1,1))-1)+IF('Standard Profiles'!$G$22=$B$10,7,0)+IF('Standard Profiles'!$G$22=$B$17,14,0)+IF('Standard Profiles'!$G$22=$B$24,21,0),0)),0)</f>
        <v>6.3021106902185808</v>
      </c>
      <c r="I2377">
        <f t="shared" si="272"/>
        <v>6.0500262626098404</v>
      </c>
      <c r="J2377">
        <f t="shared" si="273"/>
        <v>16.132170172977105</v>
      </c>
      <c r="K2377">
        <f t="shared" si="274"/>
        <v>0.40646548215034217</v>
      </c>
      <c r="L2377">
        <f t="shared" si="275"/>
        <v>0.20323274107517109</v>
      </c>
      <c r="M2377">
        <f t="shared" si="276"/>
        <v>0</v>
      </c>
      <c r="N2377" s="45">
        <f t="shared" si="277"/>
        <v>45024.624999994317</v>
      </c>
    </row>
    <row r="2378" spans="2:14" x14ac:dyDescent="0.25">
      <c r="B2378">
        <f t="shared" si="271"/>
        <v>6</v>
      </c>
      <c r="C2378" s="16">
        <v>2344</v>
      </c>
      <c r="D2378" cm="1">
        <f t="array" ref="D2378">IFERROR(INDEX(Jesper!AH$2:AH$366,ROUNDDOWN($C2378/24,0)+1,1)*INDEX($D$3:$AA$30,INDEX(Jesper!$R$2:$R$366,ROW(INDEX(Jesper!AH$2:AH$366,ROUNDDOWN($C2378/24,0)+1,1))-1)+IF('Standard Profiles'!$G$18=$B$10,7,0)+IF('Standard Profiles'!$G$18=$B$17,14,0)+IF('Standard Profiles'!$G$18=$B$24,21,0),MOD($C2378,24)+1)/SUM(INDEX($D$3:$AA$30,INDEX(Jesper!$R$2:$R$366,ROW(INDEX(Jesper!AH$2:AH$366,ROUNDDOWN($C2378/24,0)+1,1))-1)+IF('Standard Profiles'!$G$18=$B$10,7,0)+IF('Standard Profiles'!$G$18=$B$17,14,0)+IF('Standard Profiles'!$G$18=$B$24,21,0),0)),0)</f>
        <v>0</v>
      </c>
      <c r="E2378" cm="1">
        <f t="array" ref="E2378">IFERROR(INDEX(Jesper!AI$2:AI$366,ROUNDDOWN($C2378/24,0)+1,1)*INDEX($D$3:$AA$30,INDEX(Jesper!$R$2:$R$366,ROW(INDEX(Jesper!AI$2:AI$366,ROUNDDOWN($C2378/24,0)+1,1))-1)+IF('Standard Profiles'!$G$19=$B$10,7,0)+IF('Standard Profiles'!$G$19=$B$17,14,0)+IF('Standard Profiles'!$G$19=$B$24,21,0),MOD($C2378,24)+1)/SUM(INDEX($D$3:$AA$30,INDEX(Jesper!$R$2:$R$366,ROW(INDEX(Jesper!AI$2:AI$366,ROUNDDOWN($C2378/24,0)+1,1))-1)+IF('Standard Profiles'!$G$19=$B$10,7,0)+IF('Standard Profiles'!$G$19=$B$17,14,0)+IF('Standard Profiles'!$G$19=$B$24,21,0),0)),0)</f>
        <v>5.0808185268792769</v>
      </c>
      <c r="F2378" cm="1">
        <f t="array" ref="F2378">IFERROR(INDEX(Jesper!AJ$2:AJ$366,ROUNDDOWN($C2378/24,0)+1,1)*INDEX($D$3:$AA$30,INDEX(Jesper!$R$2:$R$366,ROW(INDEX(Jesper!AJ$2:AJ$366,ROUNDDOWN($C2378/24,0)+1,1))-1)+IF('Standard Profiles'!$G$20=$B$10,7,0)+IF('Standard Profiles'!$G$20=$B$17,14,0)+IF('Standard Profiles'!$G$20=$B$24,21,0),MOD($C2378,24)+1)/SUM(INDEX($D$3:$AA$30,INDEX(Jesper!$R$2:$R$366,ROW(INDEX(Jesper!AJ$2:AJ$366,ROUNDDOWN($C2378/24,0)+1,1))-1)+IF('Standard Profiles'!$G$20=$B$10,7,0)+IF('Standard Profiles'!$G$20=$B$17,14,0)+IF('Standard Profiles'!$G$20=$B$24,21,0),0)),0)</f>
        <v>4.3173769904763368</v>
      </c>
      <c r="G2378" cm="1">
        <f t="array" ref="G2378">IFERROR(INDEX(Jesper!AK$2:AK$366,ROUNDDOWN($C2378/24,0)+1,1)*INDEX($D$3:$AA$30,INDEX(Jesper!$R$2:$R$366,ROW(INDEX(Jesper!AK$2:AK$366,ROUNDDOWN($C2378/24,0)+1,1))-1)+IF('Standard Profiles'!$G$21=$B$10,7,0)+IF('Standard Profiles'!$G$21=$B$17,14,0)+IF('Standard Profiles'!$G$21=$B$24,21,0),MOD($C2378,24)+1)/SUM(INDEX($D$3:$AA$30,INDEX(Jesper!$R$2:$R$366,ROW(INDEX(Jesper!AK$2:AK$366,ROUNDDOWN($C2378/24,0)+1,1))-1)+IF('Standard Profiles'!$G$21=$B$10,7,0)+IF('Standard Profiles'!$G$21=$B$17,14,0)+IF('Standard Profiles'!$G$21=$B$24,21,0),0)),0)</f>
        <v>7.0915884512382661</v>
      </c>
      <c r="H2378" cm="1">
        <f t="array" ref="H2378">IFERROR(INDEX(Jesper!AL$2:AL$366,ROUNDDOWN($C2378/24,0)+1,1)*INDEX($D$3:$AA$30,INDEX(Jesper!$R$2:$R$366,ROW(INDEX(Jesper!AL$2:AL$366,ROUNDDOWN($C2378/24,0)+1,1))-1)+IF('Standard Profiles'!$G$22=$B$10,7,0)+IF('Standard Profiles'!$G$22=$B$17,14,0)+IF('Standard Profiles'!$G$22=$B$24,21,0),MOD($C2378,24)+1)/SUM(INDEX($D$3:$AA$30,INDEX(Jesper!$R$2:$R$366,ROW(INDEX(Jesper!AL$2:AL$366,ROUNDDOWN($C2378/24,0)+1,1))-1)+IF('Standard Profiles'!$G$22=$B$10,7,0)+IF('Standard Profiles'!$G$22=$B$17,14,0)+IF('Standard Profiles'!$G$22=$B$24,21,0),0)),0)</f>
        <v>5.7291915365623467</v>
      </c>
      <c r="I2378">
        <f t="shared" si="272"/>
        <v>5.5000238750998562</v>
      </c>
      <c r="J2378">
        <f t="shared" si="273"/>
        <v>16.109253406830856</v>
      </c>
      <c r="K2378">
        <f t="shared" si="274"/>
        <v>0.40646548215034217</v>
      </c>
      <c r="L2378">
        <f t="shared" si="275"/>
        <v>0.20323274107517109</v>
      </c>
      <c r="M2378">
        <f t="shared" si="276"/>
        <v>0</v>
      </c>
      <c r="N2378" s="45">
        <f t="shared" si="277"/>
        <v>45024.666666660982</v>
      </c>
    </row>
    <row r="2379" spans="2:14" x14ac:dyDescent="0.25">
      <c r="B2379">
        <f t="shared" si="271"/>
        <v>6</v>
      </c>
      <c r="C2379" s="16">
        <v>2345</v>
      </c>
      <c r="D2379" cm="1">
        <f t="array" ref="D2379">IFERROR(INDEX(Jesper!AH$2:AH$366,ROUNDDOWN($C2379/24,0)+1,1)*INDEX($D$3:$AA$30,INDEX(Jesper!$R$2:$R$366,ROW(INDEX(Jesper!AH$2:AH$366,ROUNDDOWN($C2379/24,0)+1,1))-1)+IF('Standard Profiles'!$G$18=$B$10,7,0)+IF('Standard Profiles'!$G$18=$B$17,14,0)+IF('Standard Profiles'!$G$18=$B$24,21,0),MOD($C2379,24)+1)/SUM(INDEX($D$3:$AA$30,INDEX(Jesper!$R$2:$R$366,ROW(INDEX(Jesper!AH$2:AH$366,ROUNDDOWN($C2379/24,0)+1,1))-1)+IF('Standard Profiles'!$G$18=$B$10,7,0)+IF('Standard Profiles'!$G$18=$B$17,14,0)+IF('Standard Profiles'!$G$18=$B$24,21,0),0)),0)</f>
        <v>0</v>
      </c>
      <c r="E2379" cm="1">
        <f t="array" ref="E2379">IFERROR(INDEX(Jesper!AI$2:AI$366,ROUNDDOWN($C2379/24,0)+1,1)*INDEX($D$3:$AA$30,INDEX(Jesper!$R$2:$R$366,ROW(INDEX(Jesper!AI$2:AI$366,ROUNDDOWN($C2379/24,0)+1,1))-1)+IF('Standard Profiles'!$G$19=$B$10,7,0)+IF('Standard Profiles'!$G$19=$B$17,14,0)+IF('Standard Profiles'!$G$19=$B$24,21,0),MOD($C2379,24)+1)/SUM(INDEX($D$3:$AA$30,INDEX(Jesper!$R$2:$R$366,ROW(INDEX(Jesper!AI$2:AI$366,ROUNDDOWN($C2379/24,0)+1,1))-1)+IF('Standard Profiles'!$G$19=$B$10,7,0)+IF('Standard Profiles'!$G$19=$B$17,14,0)+IF('Standard Profiles'!$G$19=$B$24,21,0),0)),0)</f>
        <v>5.0808185268792769</v>
      </c>
      <c r="F2379" cm="1">
        <f t="array" ref="F2379">IFERROR(INDEX(Jesper!AJ$2:AJ$366,ROUNDDOWN($C2379/24,0)+1,1)*INDEX($D$3:$AA$30,INDEX(Jesper!$R$2:$R$366,ROW(INDEX(Jesper!AJ$2:AJ$366,ROUNDDOWN($C2379/24,0)+1,1))-1)+IF('Standard Profiles'!$G$20=$B$10,7,0)+IF('Standard Profiles'!$G$20=$B$17,14,0)+IF('Standard Profiles'!$G$20=$B$24,21,0),MOD($C2379,24)+1)/SUM(INDEX($D$3:$AA$30,INDEX(Jesper!$R$2:$R$366,ROW(INDEX(Jesper!AJ$2:AJ$366,ROUNDDOWN($C2379/24,0)+1,1))-1)+IF('Standard Profiles'!$G$20=$B$10,7,0)+IF('Standard Profiles'!$G$20=$B$17,14,0)+IF('Standard Profiles'!$G$20=$B$24,21,0),0)),0)</f>
        <v>4.3173769904763368</v>
      </c>
      <c r="G2379" cm="1">
        <f t="array" ref="G2379">IFERROR(INDEX(Jesper!AK$2:AK$366,ROUNDDOWN($C2379/24,0)+1,1)*INDEX($D$3:$AA$30,INDEX(Jesper!$R$2:$R$366,ROW(INDEX(Jesper!AK$2:AK$366,ROUNDDOWN($C2379/24,0)+1,1))-1)+IF('Standard Profiles'!$G$21=$B$10,7,0)+IF('Standard Profiles'!$G$21=$B$17,14,0)+IF('Standard Profiles'!$G$21=$B$24,21,0),MOD($C2379,24)+1)/SUM(INDEX($D$3:$AA$30,INDEX(Jesper!$R$2:$R$366,ROW(INDEX(Jesper!AK$2:AK$366,ROUNDDOWN($C2379/24,0)+1,1))-1)+IF('Standard Profiles'!$G$21=$B$10,7,0)+IF('Standard Profiles'!$G$21=$B$17,14,0)+IF('Standard Profiles'!$G$21=$B$24,21,0),0)),0)</f>
        <v>7.0915884512382661</v>
      </c>
      <c r="H2379" cm="1">
        <f t="array" ref="H2379">IFERROR(INDEX(Jesper!AL$2:AL$366,ROUNDDOWN($C2379/24,0)+1,1)*INDEX($D$3:$AA$30,INDEX(Jesper!$R$2:$R$366,ROW(INDEX(Jesper!AL$2:AL$366,ROUNDDOWN($C2379/24,0)+1,1))-1)+IF('Standard Profiles'!$G$22=$B$10,7,0)+IF('Standard Profiles'!$G$22=$B$17,14,0)+IF('Standard Profiles'!$G$22=$B$24,21,0),MOD($C2379,24)+1)/SUM(INDEX($D$3:$AA$30,INDEX(Jesper!$R$2:$R$366,ROW(INDEX(Jesper!AL$2:AL$366,ROUNDDOWN($C2379/24,0)+1,1))-1)+IF('Standard Profiles'!$G$22=$B$10,7,0)+IF('Standard Profiles'!$G$22=$B$17,14,0)+IF('Standard Profiles'!$G$22=$B$24,21,0),0)),0)</f>
        <v>5.1562723829061117</v>
      </c>
      <c r="I2379">
        <f t="shared" si="272"/>
        <v>4.9500214875898703</v>
      </c>
      <c r="J2379">
        <f t="shared" si="273"/>
        <v>16.086336640684607</v>
      </c>
      <c r="K2379">
        <f t="shared" si="274"/>
        <v>0.40646548215034217</v>
      </c>
      <c r="L2379">
        <f t="shared" si="275"/>
        <v>0.20323274107517109</v>
      </c>
      <c r="M2379">
        <f t="shared" si="276"/>
        <v>0</v>
      </c>
      <c r="N2379" s="45">
        <f t="shared" si="277"/>
        <v>45024.708333327646</v>
      </c>
    </row>
    <row r="2380" spans="2:14" x14ac:dyDescent="0.25">
      <c r="B2380">
        <f t="shared" si="271"/>
        <v>6</v>
      </c>
      <c r="C2380" s="16">
        <v>2346</v>
      </c>
      <c r="D2380" cm="1">
        <f t="array" ref="D2380">IFERROR(INDEX(Jesper!AH$2:AH$366,ROUNDDOWN($C2380/24,0)+1,1)*INDEX($D$3:$AA$30,INDEX(Jesper!$R$2:$R$366,ROW(INDEX(Jesper!AH$2:AH$366,ROUNDDOWN($C2380/24,0)+1,1))-1)+IF('Standard Profiles'!$G$18=$B$10,7,0)+IF('Standard Profiles'!$G$18=$B$17,14,0)+IF('Standard Profiles'!$G$18=$B$24,21,0),MOD($C2380,24)+1)/SUM(INDEX($D$3:$AA$30,INDEX(Jesper!$R$2:$R$366,ROW(INDEX(Jesper!AH$2:AH$366,ROUNDDOWN($C2380/24,0)+1,1))-1)+IF('Standard Profiles'!$G$18=$B$10,7,0)+IF('Standard Profiles'!$G$18=$B$17,14,0)+IF('Standard Profiles'!$G$18=$B$24,21,0),0)),0)</f>
        <v>0</v>
      </c>
      <c r="E2380" cm="1">
        <f t="array" ref="E2380">IFERROR(INDEX(Jesper!AI$2:AI$366,ROUNDDOWN($C2380/24,0)+1,1)*INDEX($D$3:$AA$30,INDEX(Jesper!$R$2:$R$366,ROW(INDEX(Jesper!AI$2:AI$366,ROUNDDOWN($C2380/24,0)+1,1))-1)+IF('Standard Profiles'!$G$19=$B$10,7,0)+IF('Standard Profiles'!$G$19=$B$17,14,0)+IF('Standard Profiles'!$G$19=$B$24,21,0),MOD($C2380,24)+1)/SUM(INDEX($D$3:$AA$30,INDEX(Jesper!$R$2:$R$366,ROW(INDEX(Jesper!AI$2:AI$366,ROUNDDOWN($C2380/24,0)+1,1))-1)+IF('Standard Profiles'!$G$19=$B$10,7,0)+IF('Standard Profiles'!$G$19=$B$17,14,0)+IF('Standard Profiles'!$G$19=$B$24,21,0),0)),0)</f>
        <v>5.0808185268792769</v>
      </c>
      <c r="F2380" cm="1">
        <f t="array" ref="F2380">IFERROR(INDEX(Jesper!AJ$2:AJ$366,ROUNDDOWN($C2380/24,0)+1,1)*INDEX($D$3:$AA$30,INDEX(Jesper!$R$2:$R$366,ROW(INDEX(Jesper!AJ$2:AJ$366,ROUNDDOWN($C2380/24,0)+1,1))-1)+IF('Standard Profiles'!$G$20=$B$10,7,0)+IF('Standard Profiles'!$G$20=$B$17,14,0)+IF('Standard Profiles'!$G$20=$B$24,21,0),MOD($C2380,24)+1)/SUM(INDEX($D$3:$AA$30,INDEX(Jesper!$R$2:$R$366,ROW(INDEX(Jesper!AJ$2:AJ$366,ROUNDDOWN($C2380/24,0)+1,1))-1)+IF('Standard Profiles'!$G$20=$B$10,7,0)+IF('Standard Profiles'!$G$20=$B$17,14,0)+IF('Standard Profiles'!$G$20=$B$24,21,0),0)),0)</f>
        <v>4.3173769904763368</v>
      </c>
      <c r="G2380" cm="1">
        <f t="array" ref="G2380">IFERROR(INDEX(Jesper!AK$2:AK$366,ROUNDDOWN($C2380/24,0)+1,1)*INDEX($D$3:$AA$30,INDEX(Jesper!$R$2:$R$366,ROW(INDEX(Jesper!AK$2:AK$366,ROUNDDOWN($C2380/24,0)+1,1))-1)+IF('Standard Profiles'!$G$21=$B$10,7,0)+IF('Standard Profiles'!$G$21=$B$17,14,0)+IF('Standard Profiles'!$G$21=$B$24,21,0),MOD($C2380,24)+1)/SUM(INDEX($D$3:$AA$30,INDEX(Jesper!$R$2:$R$366,ROW(INDEX(Jesper!AK$2:AK$366,ROUNDDOWN($C2380/24,0)+1,1))-1)+IF('Standard Profiles'!$G$21=$B$10,7,0)+IF('Standard Profiles'!$G$21=$B$17,14,0)+IF('Standard Profiles'!$G$21=$B$24,21,0),0)),0)</f>
        <v>7.0915884512382661</v>
      </c>
      <c r="H2380" cm="1">
        <f t="array" ref="H2380">IFERROR(INDEX(Jesper!AL$2:AL$366,ROUNDDOWN($C2380/24,0)+1,1)*INDEX($D$3:$AA$30,INDEX(Jesper!$R$2:$R$366,ROW(INDEX(Jesper!AL$2:AL$366,ROUNDDOWN($C2380/24,0)+1,1))-1)+IF('Standard Profiles'!$G$22=$B$10,7,0)+IF('Standard Profiles'!$G$22=$B$17,14,0)+IF('Standard Profiles'!$G$22=$B$24,21,0),MOD($C2380,24)+1)/SUM(INDEX($D$3:$AA$30,INDEX(Jesper!$R$2:$R$366,ROW(INDEX(Jesper!AL$2:AL$366,ROUNDDOWN($C2380/24,0)+1,1))-1)+IF('Standard Profiles'!$G$22=$B$10,7,0)+IF('Standard Profiles'!$G$22=$B$17,14,0)+IF('Standard Profiles'!$G$22=$B$24,21,0),0)),0)</f>
        <v>4.9652993316873664</v>
      </c>
      <c r="I2380">
        <f t="shared" si="272"/>
        <v>4.7666873584198743</v>
      </c>
      <c r="J2380">
        <f t="shared" si="273"/>
        <v>16.078697718635858</v>
      </c>
      <c r="K2380">
        <f t="shared" si="274"/>
        <v>0.40646548215034217</v>
      </c>
      <c r="L2380">
        <f t="shared" si="275"/>
        <v>0.20323274107517109</v>
      </c>
      <c r="M2380">
        <f t="shared" si="276"/>
        <v>0</v>
      </c>
      <c r="N2380" s="45">
        <f t="shared" si="277"/>
        <v>45024.74999999431</v>
      </c>
    </row>
    <row r="2381" spans="2:14" x14ac:dyDescent="0.25">
      <c r="B2381">
        <f t="shared" si="271"/>
        <v>6</v>
      </c>
      <c r="C2381" s="16">
        <v>2347</v>
      </c>
      <c r="D2381" cm="1">
        <f t="array" ref="D2381">IFERROR(INDEX(Jesper!AH$2:AH$366,ROUNDDOWN($C2381/24,0)+1,1)*INDEX($D$3:$AA$30,INDEX(Jesper!$R$2:$R$366,ROW(INDEX(Jesper!AH$2:AH$366,ROUNDDOWN($C2381/24,0)+1,1))-1)+IF('Standard Profiles'!$G$18=$B$10,7,0)+IF('Standard Profiles'!$G$18=$B$17,14,0)+IF('Standard Profiles'!$G$18=$B$24,21,0),MOD($C2381,24)+1)/SUM(INDEX($D$3:$AA$30,INDEX(Jesper!$R$2:$R$366,ROW(INDEX(Jesper!AH$2:AH$366,ROUNDDOWN($C2381/24,0)+1,1))-1)+IF('Standard Profiles'!$G$18=$B$10,7,0)+IF('Standard Profiles'!$G$18=$B$17,14,0)+IF('Standard Profiles'!$G$18=$B$24,21,0),0)),0)</f>
        <v>0</v>
      </c>
      <c r="E2381" cm="1">
        <f t="array" ref="E2381">IFERROR(INDEX(Jesper!AI$2:AI$366,ROUNDDOWN($C2381/24,0)+1,1)*INDEX($D$3:$AA$30,INDEX(Jesper!$R$2:$R$366,ROW(INDEX(Jesper!AI$2:AI$366,ROUNDDOWN($C2381/24,0)+1,1))-1)+IF('Standard Profiles'!$G$19=$B$10,7,0)+IF('Standard Profiles'!$G$19=$B$17,14,0)+IF('Standard Profiles'!$G$19=$B$24,21,0),MOD($C2381,24)+1)/SUM(INDEX($D$3:$AA$30,INDEX(Jesper!$R$2:$R$366,ROW(INDEX(Jesper!AI$2:AI$366,ROUNDDOWN($C2381/24,0)+1,1))-1)+IF('Standard Profiles'!$G$19=$B$10,7,0)+IF('Standard Profiles'!$G$19=$B$17,14,0)+IF('Standard Profiles'!$G$19=$B$24,21,0),0)),0)</f>
        <v>5.0808185268792769</v>
      </c>
      <c r="F2381" cm="1">
        <f t="array" ref="F2381">IFERROR(INDEX(Jesper!AJ$2:AJ$366,ROUNDDOWN($C2381/24,0)+1,1)*INDEX($D$3:$AA$30,INDEX(Jesper!$R$2:$R$366,ROW(INDEX(Jesper!AJ$2:AJ$366,ROUNDDOWN($C2381/24,0)+1,1))-1)+IF('Standard Profiles'!$G$20=$B$10,7,0)+IF('Standard Profiles'!$G$20=$B$17,14,0)+IF('Standard Profiles'!$G$20=$B$24,21,0),MOD($C2381,24)+1)/SUM(INDEX($D$3:$AA$30,INDEX(Jesper!$R$2:$R$366,ROW(INDEX(Jesper!AJ$2:AJ$366,ROUNDDOWN($C2381/24,0)+1,1))-1)+IF('Standard Profiles'!$G$20=$B$10,7,0)+IF('Standard Profiles'!$G$20=$B$17,14,0)+IF('Standard Profiles'!$G$20=$B$24,21,0),0)),0)</f>
        <v>4.3173769904763368</v>
      </c>
      <c r="G2381" cm="1">
        <f t="array" ref="G2381">IFERROR(INDEX(Jesper!AK$2:AK$366,ROUNDDOWN($C2381/24,0)+1,1)*INDEX($D$3:$AA$30,INDEX(Jesper!$R$2:$R$366,ROW(INDEX(Jesper!AK$2:AK$366,ROUNDDOWN($C2381/24,0)+1,1))-1)+IF('Standard Profiles'!$G$21=$B$10,7,0)+IF('Standard Profiles'!$G$21=$B$17,14,0)+IF('Standard Profiles'!$G$21=$B$24,21,0),MOD($C2381,24)+1)/SUM(INDEX($D$3:$AA$30,INDEX(Jesper!$R$2:$R$366,ROW(INDEX(Jesper!AK$2:AK$366,ROUNDDOWN($C2381/24,0)+1,1))-1)+IF('Standard Profiles'!$G$21=$B$10,7,0)+IF('Standard Profiles'!$G$21=$B$17,14,0)+IF('Standard Profiles'!$G$21=$B$24,21,0),0)),0)</f>
        <v>7.0915884512382661</v>
      </c>
      <c r="H2381" cm="1">
        <f t="array" ref="H2381">IFERROR(INDEX(Jesper!AL$2:AL$366,ROUNDDOWN($C2381/24,0)+1,1)*INDEX($D$3:$AA$30,INDEX(Jesper!$R$2:$R$366,ROW(INDEX(Jesper!AL$2:AL$366,ROUNDDOWN($C2381/24,0)+1,1))-1)+IF('Standard Profiles'!$G$22=$B$10,7,0)+IF('Standard Profiles'!$G$22=$B$17,14,0)+IF('Standard Profiles'!$G$22=$B$24,21,0),MOD($C2381,24)+1)/SUM(INDEX($D$3:$AA$30,INDEX(Jesper!$R$2:$R$366,ROW(INDEX(Jesper!AL$2:AL$366,ROUNDDOWN($C2381/24,0)+1,1))-1)+IF('Standard Profiles'!$G$22=$B$10,7,0)+IF('Standard Profiles'!$G$22=$B$17,14,0)+IF('Standard Profiles'!$G$22=$B$24,21,0),0)),0)</f>
        <v>4.0104340755936425</v>
      </c>
      <c r="I2381">
        <f t="shared" si="272"/>
        <v>3.8500167125698987</v>
      </c>
      <c r="J2381">
        <f t="shared" si="273"/>
        <v>16.040503108392109</v>
      </c>
      <c r="K2381">
        <f t="shared" si="274"/>
        <v>0.40646548215034217</v>
      </c>
      <c r="L2381">
        <f t="shared" si="275"/>
        <v>0.20323274107517109</v>
      </c>
      <c r="M2381">
        <f t="shared" si="276"/>
        <v>0</v>
      </c>
      <c r="N2381" s="45">
        <f t="shared" si="277"/>
        <v>45024.791666660974</v>
      </c>
    </row>
    <row r="2382" spans="2:14" x14ac:dyDescent="0.25">
      <c r="B2382">
        <f t="shared" si="271"/>
        <v>6</v>
      </c>
      <c r="C2382" s="16">
        <v>2348</v>
      </c>
      <c r="D2382" cm="1">
        <f t="array" ref="D2382">IFERROR(INDEX(Jesper!AH$2:AH$366,ROUNDDOWN($C2382/24,0)+1,1)*INDEX($D$3:$AA$30,INDEX(Jesper!$R$2:$R$366,ROW(INDEX(Jesper!AH$2:AH$366,ROUNDDOWN($C2382/24,0)+1,1))-1)+IF('Standard Profiles'!$G$18=$B$10,7,0)+IF('Standard Profiles'!$G$18=$B$17,14,0)+IF('Standard Profiles'!$G$18=$B$24,21,0),MOD($C2382,24)+1)/SUM(INDEX($D$3:$AA$30,INDEX(Jesper!$R$2:$R$366,ROW(INDEX(Jesper!AH$2:AH$366,ROUNDDOWN($C2382/24,0)+1,1))-1)+IF('Standard Profiles'!$G$18=$B$10,7,0)+IF('Standard Profiles'!$G$18=$B$17,14,0)+IF('Standard Profiles'!$G$18=$B$24,21,0),0)),0)</f>
        <v>0</v>
      </c>
      <c r="E2382" cm="1">
        <f t="array" ref="E2382">IFERROR(INDEX(Jesper!AI$2:AI$366,ROUNDDOWN($C2382/24,0)+1,1)*INDEX($D$3:$AA$30,INDEX(Jesper!$R$2:$R$366,ROW(INDEX(Jesper!AI$2:AI$366,ROUNDDOWN($C2382/24,0)+1,1))-1)+IF('Standard Profiles'!$G$19=$B$10,7,0)+IF('Standard Profiles'!$G$19=$B$17,14,0)+IF('Standard Profiles'!$G$19=$B$24,21,0),MOD($C2382,24)+1)/SUM(INDEX($D$3:$AA$30,INDEX(Jesper!$R$2:$R$366,ROW(INDEX(Jesper!AI$2:AI$366,ROUNDDOWN($C2382/24,0)+1,1))-1)+IF('Standard Profiles'!$G$19=$B$10,7,0)+IF('Standard Profiles'!$G$19=$B$17,14,0)+IF('Standard Profiles'!$G$19=$B$24,21,0),0)),0)</f>
        <v>5.0808185268792769</v>
      </c>
      <c r="F2382" cm="1">
        <f t="array" ref="F2382">IFERROR(INDEX(Jesper!AJ$2:AJ$366,ROUNDDOWN($C2382/24,0)+1,1)*INDEX($D$3:$AA$30,INDEX(Jesper!$R$2:$R$366,ROW(INDEX(Jesper!AJ$2:AJ$366,ROUNDDOWN($C2382/24,0)+1,1))-1)+IF('Standard Profiles'!$G$20=$B$10,7,0)+IF('Standard Profiles'!$G$20=$B$17,14,0)+IF('Standard Profiles'!$G$20=$B$24,21,0),MOD($C2382,24)+1)/SUM(INDEX($D$3:$AA$30,INDEX(Jesper!$R$2:$R$366,ROW(INDEX(Jesper!AJ$2:AJ$366,ROUNDDOWN($C2382/24,0)+1,1))-1)+IF('Standard Profiles'!$G$20=$B$10,7,0)+IF('Standard Profiles'!$G$20=$B$17,14,0)+IF('Standard Profiles'!$G$20=$B$24,21,0),0)),0)</f>
        <v>4.3173769904763368</v>
      </c>
      <c r="G2382" cm="1">
        <f t="array" ref="G2382">IFERROR(INDEX(Jesper!AK$2:AK$366,ROUNDDOWN($C2382/24,0)+1,1)*INDEX($D$3:$AA$30,INDEX(Jesper!$R$2:$R$366,ROW(INDEX(Jesper!AK$2:AK$366,ROUNDDOWN($C2382/24,0)+1,1))-1)+IF('Standard Profiles'!$G$21=$B$10,7,0)+IF('Standard Profiles'!$G$21=$B$17,14,0)+IF('Standard Profiles'!$G$21=$B$24,21,0),MOD($C2382,24)+1)/SUM(INDEX($D$3:$AA$30,INDEX(Jesper!$R$2:$R$366,ROW(INDEX(Jesper!AK$2:AK$366,ROUNDDOWN($C2382/24,0)+1,1))-1)+IF('Standard Profiles'!$G$21=$B$10,7,0)+IF('Standard Profiles'!$G$21=$B$17,14,0)+IF('Standard Profiles'!$G$21=$B$24,21,0),0)),0)</f>
        <v>7.0915884512382661</v>
      </c>
      <c r="H2382" cm="1">
        <f t="array" ref="H2382">IFERROR(INDEX(Jesper!AL$2:AL$366,ROUNDDOWN($C2382/24,0)+1,1)*INDEX($D$3:$AA$30,INDEX(Jesper!$R$2:$R$366,ROW(INDEX(Jesper!AL$2:AL$366,ROUNDDOWN($C2382/24,0)+1,1))-1)+IF('Standard Profiles'!$G$22=$B$10,7,0)+IF('Standard Profiles'!$G$22=$B$17,14,0)+IF('Standard Profiles'!$G$22=$B$24,21,0),MOD($C2382,24)+1)/SUM(INDEX($D$3:$AA$30,INDEX(Jesper!$R$2:$R$366,ROW(INDEX(Jesper!AL$2:AL$366,ROUNDDOWN($C2382/24,0)+1,1))-1)+IF('Standard Profiles'!$G$22=$B$10,7,0)+IF('Standard Profiles'!$G$22=$B$17,14,0)+IF('Standard Profiles'!$G$22=$B$24,21,0),0)),0)</f>
        <v>2.9600822938905456</v>
      </c>
      <c r="I2382">
        <f t="shared" si="272"/>
        <v>2.8416790021349252</v>
      </c>
      <c r="J2382">
        <f t="shared" si="273"/>
        <v>15.998489037123985</v>
      </c>
      <c r="K2382">
        <f t="shared" si="274"/>
        <v>0.40646548215034217</v>
      </c>
      <c r="L2382">
        <f t="shared" si="275"/>
        <v>0.20323274107517109</v>
      </c>
      <c r="M2382">
        <f t="shared" si="276"/>
        <v>0</v>
      </c>
      <c r="N2382" s="45">
        <f t="shared" si="277"/>
        <v>45024.833333327639</v>
      </c>
    </row>
    <row r="2383" spans="2:14" x14ac:dyDescent="0.25">
      <c r="B2383">
        <f t="shared" si="271"/>
        <v>6</v>
      </c>
      <c r="C2383" s="16">
        <v>2349</v>
      </c>
      <c r="D2383" cm="1">
        <f t="array" ref="D2383">IFERROR(INDEX(Jesper!AH$2:AH$366,ROUNDDOWN($C2383/24,0)+1,1)*INDEX($D$3:$AA$30,INDEX(Jesper!$R$2:$R$366,ROW(INDEX(Jesper!AH$2:AH$366,ROUNDDOWN($C2383/24,0)+1,1))-1)+IF('Standard Profiles'!$G$18=$B$10,7,0)+IF('Standard Profiles'!$G$18=$B$17,14,0)+IF('Standard Profiles'!$G$18=$B$24,21,0),MOD($C2383,24)+1)/SUM(INDEX($D$3:$AA$30,INDEX(Jesper!$R$2:$R$366,ROW(INDEX(Jesper!AH$2:AH$366,ROUNDDOWN($C2383/24,0)+1,1))-1)+IF('Standard Profiles'!$G$18=$B$10,7,0)+IF('Standard Profiles'!$G$18=$B$17,14,0)+IF('Standard Profiles'!$G$18=$B$24,21,0),0)),0)</f>
        <v>0</v>
      </c>
      <c r="E2383" cm="1">
        <f t="array" ref="E2383">IFERROR(INDEX(Jesper!AI$2:AI$366,ROUNDDOWN($C2383/24,0)+1,1)*INDEX($D$3:$AA$30,INDEX(Jesper!$R$2:$R$366,ROW(INDEX(Jesper!AI$2:AI$366,ROUNDDOWN($C2383/24,0)+1,1))-1)+IF('Standard Profiles'!$G$19=$B$10,7,0)+IF('Standard Profiles'!$G$19=$B$17,14,0)+IF('Standard Profiles'!$G$19=$B$24,21,0),MOD($C2383,24)+1)/SUM(INDEX($D$3:$AA$30,INDEX(Jesper!$R$2:$R$366,ROW(INDEX(Jesper!AI$2:AI$366,ROUNDDOWN($C2383/24,0)+1,1))-1)+IF('Standard Profiles'!$G$19=$B$10,7,0)+IF('Standard Profiles'!$G$19=$B$17,14,0)+IF('Standard Profiles'!$G$19=$B$24,21,0),0)),0)</f>
        <v>5.0808185268792769</v>
      </c>
      <c r="F2383" cm="1">
        <f t="array" ref="F2383">IFERROR(INDEX(Jesper!AJ$2:AJ$366,ROUNDDOWN($C2383/24,0)+1,1)*INDEX($D$3:$AA$30,INDEX(Jesper!$R$2:$R$366,ROW(INDEX(Jesper!AJ$2:AJ$366,ROUNDDOWN($C2383/24,0)+1,1))-1)+IF('Standard Profiles'!$G$20=$B$10,7,0)+IF('Standard Profiles'!$G$20=$B$17,14,0)+IF('Standard Profiles'!$G$20=$B$24,21,0),MOD($C2383,24)+1)/SUM(INDEX($D$3:$AA$30,INDEX(Jesper!$R$2:$R$366,ROW(INDEX(Jesper!AJ$2:AJ$366,ROUNDDOWN($C2383/24,0)+1,1))-1)+IF('Standard Profiles'!$G$20=$B$10,7,0)+IF('Standard Profiles'!$G$20=$B$17,14,0)+IF('Standard Profiles'!$G$20=$B$24,21,0),0)),0)</f>
        <v>4.3173769904763368</v>
      </c>
      <c r="G2383" cm="1">
        <f t="array" ref="G2383">IFERROR(INDEX(Jesper!AK$2:AK$366,ROUNDDOWN($C2383/24,0)+1,1)*INDEX($D$3:$AA$30,INDEX(Jesper!$R$2:$R$366,ROW(INDEX(Jesper!AK$2:AK$366,ROUNDDOWN($C2383/24,0)+1,1))-1)+IF('Standard Profiles'!$G$21=$B$10,7,0)+IF('Standard Profiles'!$G$21=$B$17,14,0)+IF('Standard Profiles'!$G$21=$B$24,21,0),MOD($C2383,24)+1)/SUM(INDEX($D$3:$AA$30,INDEX(Jesper!$R$2:$R$366,ROW(INDEX(Jesper!AK$2:AK$366,ROUNDDOWN($C2383/24,0)+1,1))-1)+IF('Standard Profiles'!$G$21=$B$10,7,0)+IF('Standard Profiles'!$G$21=$B$17,14,0)+IF('Standard Profiles'!$G$21=$B$24,21,0),0)),0)</f>
        <v>7.0915884512382661</v>
      </c>
      <c r="H2383" cm="1">
        <f t="array" ref="H2383">IFERROR(INDEX(Jesper!AL$2:AL$366,ROUNDDOWN($C2383/24,0)+1,1)*INDEX($D$3:$AA$30,INDEX(Jesper!$R$2:$R$366,ROW(INDEX(Jesper!AL$2:AL$366,ROUNDDOWN($C2383/24,0)+1,1))-1)+IF('Standard Profiles'!$G$22=$B$10,7,0)+IF('Standard Profiles'!$G$22=$B$17,14,0)+IF('Standard Profiles'!$G$22=$B$24,21,0),MOD($C2383,24)+1)/SUM(INDEX($D$3:$AA$30,INDEX(Jesper!$R$2:$R$366,ROW(INDEX(Jesper!AL$2:AL$366,ROUNDDOWN($C2383/24,0)+1,1))-1)+IF('Standard Profiles'!$G$22=$B$10,7,0)+IF('Standard Profiles'!$G$22=$B$17,14,0)+IF('Standard Profiles'!$G$22=$B$24,21,0),0)),0)</f>
        <v>2.9600822938905456</v>
      </c>
      <c r="I2383">
        <f t="shared" si="272"/>
        <v>2.8416790021349252</v>
      </c>
      <c r="J2383">
        <f t="shared" si="273"/>
        <v>15.998489037123985</v>
      </c>
      <c r="K2383">
        <f t="shared" si="274"/>
        <v>0.40646548215034217</v>
      </c>
      <c r="L2383">
        <f t="shared" si="275"/>
        <v>0.20323274107517109</v>
      </c>
      <c r="M2383">
        <f t="shared" si="276"/>
        <v>0</v>
      </c>
      <c r="N2383" s="45">
        <f t="shared" si="277"/>
        <v>45024.874999994303</v>
      </c>
    </row>
    <row r="2384" spans="2:14" x14ac:dyDescent="0.25">
      <c r="B2384">
        <f t="shared" si="271"/>
        <v>6</v>
      </c>
      <c r="C2384" s="16">
        <v>2350</v>
      </c>
      <c r="D2384" cm="1">
        <f t="array" ref="D2384">IFERROR(INDEX(Jesper!AH$2:AH$366,ROUNDDOWN($C2384/24,0)+1,1)*INDEX($D$3:$AA$30,INDEX(Jesper!$R$2:$R$366,ROW(INDEX(Jesper!AH$2:AH$366,ROUNDDOWN($C2384/24,0)+1,1))-1)+IF('Standard Profiles'!$G$18=$B$10,7,0)+IF('Standard Profiles'!$G$18=$B$17,14,0)+IF('Standard Profiles'!$G$18=$B$24,21,0),MOD($C2384,24)+1)/SUM(INDEX($D$3:$AA$30,INDEX(Jesper!$R$2:$R$366,ROW(INDEX(Jesper!AH$2:AH$366,ROUNDDOWN($C2384/24,0)+1,1))-1)+IF('Standard Profiles'!$G$18=$B$10,7,0)+IF('Standard Profiles'!$G$18=$B$17,14,0)+IF('Standard Profiles'!$G$18=$B$24,21,0),0)),0)</f>
        <v>0</v>
      </c>
      <c r="E2384" cm="1">
        <f t="array" ref="E2384">IFERROR(INDEX(Jesper!AI$2:AI$366,ROUNDDOWN($C2384/24,0)+1,1)*INDEX($D$3:$AA$30,INDEX(Jesper!$R$2:$R$366,ROW(INDEX(Jesper!AI$2:AI$366,ROUNDDOWN($C2384/24,0)+1,1))-1)+IF('Standard Profiles'!$G$19=$B$10,7,0)+IF('Standard Profiles'!$G$19=$B$17,14,0)+IF('Standard Profiles'!$G$19=$B$24,21,0),MOD($C2384,24)+1)/SUM(INDEX($D$3:$AA$30,INDEX(Jesper!$R$2:$R$366,ROW(INDEX(Jesper!AI$2:AI$366,ROUNDDOWN($C2384/24,0)+1,1))-1)+IF('Standard Profiles'!$G$19=$B$10,7,0)+IF('Standard Profiles'!$G$19=$B$17,14,0)+IF('Standard Profiles'!$G$19=$B$24,21,0),0)),0)</f>
        <v>5.0808185268792769</v>
      </c>
      <c r="F2384" cm="1">
        <f t="array" ref="F2384">IFERROR(INDEX(Jesper!AJ$2:AJ$366,ROUNDDOWN($C2384/24,0)+1,1)*INDEX($D$3:$AA$30,INDEX(Jesper!$R$2:$R$366,ROW(INDEX(Jesper!AJ$2:AJ$366,ROUNDDOWN($C2384/24,0)+1,1))-1)+IF('Standard Profiles'!$G$20=$B$10,7,0)+IF('Standard Profiles'!$G$20=$B$17,14,0)+IF('Standard Profiles'!$G$20=$B$24,21,0),MOD($C2384,24)+1)/SUM(INDEX($D$3:$AA$30,INDEX(Jesper!$R$2:$R$366,ROW(INDEX(Jesper!AJ$2:AJ$366,ROUNDDOWN($C2384/24,0)+1,1))-1)+IF('Standard Profiles'!$G$20=$B$10,7,0)+IF('Standard Profiles'!$G$20=$B$17,14,0)+IF('Standard Profiles'!$G$20=$B$24,21,0),0)),0)</f>
        <v>4.3173769904763368</v>
      </c>
      <c r="G2384" cm="1">
        <f t="array" ref="G2384">IFERROR(INDEX(Jesper!AK$2:AK$366,ROUNDDOWN($C2384/24,0)+1,1)*INDEX($D$3:$AA$30,INDEX(Jesper!$R$2:$R$366,ROW(INDEX(Jesper!AK$2:AK$366,ROUNDDOWN($C2384/24,0)+1,1))-1)+IF('Standard Profiles'!$G$21=$B$10,7,0)+IF('Standard Profiles'!$G$21=$B$17,14,0)+IF('Standard Profiles'!$G$21=$B$24,21,0),MOD($C2384,24)+1)/SUM(INDEX($D$3:$AA$30,INDEX(Jesper!$R$2:$R$366,ROW(INDEX(Jesper!AK$2:AK$366,ROUNDDOWN($C2384/24,0)+1,1))-1)+IF('Standard Profiles'!$G$21=$B$10,7,0)+IF('Standard Profiles'!$G$21=$B$17,14,0)+IF('Standard Profiles'!$G$21=$B$24,21,0),0)),0)</f>
        <v>7.0915884512382661</v>
      </c>
      <c r="H2384" cm="1">
        <f t="array" ref="H2384">IFERROR(INDEX(Jesper!AL$2:AL$366,ROUNDDOWN($C2384/24,0)+1,1)*INDEX($D$3:$AA$30,INDEX(Jesper!$R$2:$R$366,ROW(INDEX(Jesper!AL$2:AL$366,ROUNDDOWN($C2384/24,0)+1,1))-1)+IF('Standard Profiles'!$G$22=$B$10,7,0)+IF('Standard Profiles'!$G$22=$B$17,14,0)+IF('Standard Profiles'!$G$22=$B$24,21,0),MOD($C2384,24)+1)/SUM(INDEX($D$3:$AA$30,INDEX(Jesper!$R$2:$R$366,ROW(INDEX(Jesper!AL$2:AL$366,ROUNDDOWN($C2384/24,0)+1,1))-1)+IF('Standard Profiles'!$G$22=$B$10,7,0)+IF('Standard Profiles'!$G$22=$B$17,14,0)+IF('Standard Profiles'!$G$22=$B$24,21,0),0)),0)</f>
        <v>2.9600822938905456</v>
      </c>
      <c r="I2384">
        <f t="shared" si="272"/>
        <v>2.8416790021349252</v>
      </c>
      <c r="J2384">
        <f t="shared" si="273"/>
        <v>15.998489037123985</v>
      </c>
      <c r="K2384">
        <f t="shared" si="274"/>
        <v>0.40646548215034217</v>
      </c>
      <c r="L2384">
        <f t="shared" si="275"/>
        <v>0.20323274107517109</v>
      </c>
      <c r="M2384">
        <f t="shared" si="276"/>
        <v>0</v>
      </c>
      <c r="N2384" s="45">
        <f t="shared" si="277"/>
        <v>45024.916666660967</v>
      </c>
    </row>
    <row r="2385" spans="2:14" x14ac:dyDescent="0.25">
      <c r="B2385">
        <f t="shared" si="271"/>
        <v>6</v>
      </c>
      <c r="C2385" s="16">
        <v>2351</v>
      </c>
      <c r="D2385" cm="1">
        <f t="array" ref="D2385">IFERROR(INDEX(Jesper!AH$2:AH$366,ROUNDDOWN($C2385/24,0)+1,1)*INDEX($D$3:$AA$30,INDEX(Jesper!$R$2:$R$366,ROW(INDEX(Jesper!AH$2:AH$366,ROUNDDOWN($C2385/24,0)+1,1))-1)+IF('Standard Profiles'!$G$18=$B$10,7,0)+IF('Standard Profiles'!$G$18=$B$17,14,0)+IF('Standard Profiles'!$G$18=$B$24,21,0),MOD($C2385,24)+1)/SUM(INDEX($D$3:$AA$30,INDEX(Jesper!$R$2:$R$366,ROW(INDEX(Jesper!AH$2:AH$366,ROUNDDOWN($C2385/24,0)+1,1))-1)+IF('Standard Profiles'!$G$18=$B$10,7,0)+IF('Standard Profiles'!$G$18=$B$17,14,0)+IF('Standard Profiles'!$G$18=$B$24,21,0),0)),0)</f>
        <v>0</v>
      </c>
      <c r="E2385" cm="1">
        <f t="array" ref="E2385">IFERROR(INDEX(Jesper!AI$2:AI$366,ROUNDDOWN($C2385/24,0)+1,1)*INDEX($D$3:$AA$30,INDEX(Jesper!$R$2:$R$366,ROW(INDEX(Jesper!AI$2:AI$366,ROUNDDOWN($C2385/24,0)+1,1))-1)+IF('Standard Profiles'!$G$19=$B$10,7,0)+IF('Standard Profiles'!$G$19=$B$17,14,0)+IF('Standard Profiles'!$G$19=$B$24,21,0),MOD($C2385,24)+1)/SUM(INDEX($D$3:$AA$30,INDEX(Jesper!$R$2:$R$366,ROW(INDEX(Jesper!AI$2:AI$366,ROUNDDOWN($C2385/24,0)+1,1))-1)+IF('Standard Profiles'!$G$19=$B$10,7,0)+IF('Standard Profiles'!$G$19=$B$17,14,0)+IF('Standard Profiles'!$G$19=$B$24,21,0),0)),0)</f>
        <v>5.0808185268792769</v>
      </c>
      <c r="F2385" cm="1">
        <f t="array" ref="F2385">IFERROR(INDEX(Jesper!AJ$2:AJ$366,ROUNDDOWN($C2385/24,0)+1,1)*INDEX($D$3:$AA$30,INDEX(Jesper!$R$2:$R$366,ROW(INDEX(Jesper!AJ$2:AJ$366,ROUNDDOWN($C2385/24,0)+1,1))-1)+IF('Standard Profiles'!$G$20=$B$10,7,0)+IF('Standard Profiles'!$G$20=$B$17,14,0)+IF('Standard Profiles'!$G$20=$B$24,21,0),MOD($C2385,24)+1)/SUM(INDEX($D$3:$AA$30,INDEX(Jesper!$R$2:$R$366,ROW(INDEX(Jesper!AJ$2:AJ$366,ROUNDDOWN($C2385/24,0)+1,1))-1)+IF('Standard Profiles'!$G$20=$B$10,7,0)+IF('Standard Profiles'!$G$20=$B$17,14,0)+IF('Standard Profiles'!$G$20=$B$24,21,0),0)),0)</f>
        <v>4.3173769904763368</v>
      </c>
      <c r="G2385" cm="1">
        <f t="array" ref="G2385">IFERROR(INDEX(Jesper!AK$2:AK$366,ROUNDDOWN($C2385/24,0)+1,1)*INDEX($D$3:$AA$30,INDEX(Jesper!$R$2:$R$366,ROW(INDEX(Jesper!AK$2:AK$366,ROUNDDOWN($C2385/24,0)+1,1))-1)+IF('Standard Profiles'!$G$21=$B$10,7,0)+IF('Standard Profiles'!$G$21=$B$17,14,0)+IF('Standard Profiles'!$G$21=$B$24,21,0),MOD($C2385,24)+1)/SUM(INDEX($D$3:$AA$30,INDEX(Jesper!$R$2:$R$366,ROW(INDEX(Jesper!AK$2:AK$366,ROUNDDOWN($C2385/24,0)+1,1))-1)+IF('Standard Profiles'!$G$21=$B$10,7,0)+IF('Standard Profiles'!$G$21=$B$17,14,0)+IF('Standard Profiles'!$G$21=$B$24,21,0),0)),0)</f>
        <v>7.0915884512382661</v>
      </c>
      <c r="H2385" cm="1">
        <f t="array" ref="H2385">IFERROR(INDEX(Jesper!AL$2:AL$366,ROUNDDOWN($C2385/24,0)+1,1)*INDEX($D$3:$AA$30,INDEX(Jesper!$R$2:$R$366,ROW(INDEX(Jesper!AL$2:AL$366,ROUNDDOWN($C2385/24,0)+1,1))-1)+IF('Standard Profiles'!$G$22=$B$10,7,0)+IF('Standard Profiles'!$G$22=$B$17,14,0)+IF('Standard Profiles'!$G$22=$B$24,21,0),MOD($C2385,24)+1)/SUM(INDEX($D$3:$AA$30,INDEX(Jesper!$R$2:$R$366,ROW(INDEX(Jesper!AL$2:AL$366,ROUNDDOWN($C2385/24,0)+1,1))-1)+IF('Standard Profiles'!$G$22=$B$10,7,0)+IF('Standard Profiles'!$G$22=$B$17,14,0)+IF('Standard Profiles'!$G$22=$B$24,21,0),0)),0)</f>
        <v>2.9600822938905456</v>
      </c>
      <c r="I2385">
        <f t="shared" si="272"/>
        <v>2.8416790021349252</v>
      </c>
      <c r="J2385">
        <f t="shared" si="273"/>
        <v>15.998489037123985</v>
      </c>
      <c r="K2385">
        <f t="shared" si="274"/>
        <v>0.40646548215034217</v>
      </c>
      <c r="L2385">
        <f t="shared" si="275"/>
        <v>0.20323274107517109</v>
      </c>
      <c r="M2385">
        <f t="shared" si="276"/>
        <v>0</v>
      </c>
      <c r="N2385" s="45">
        <f t="shared" si="277"/>
        <v>45024.958333327631</v>
      </c>
    </row>
    <row r="2386" spans="2:14" x14ac:dyDescent="0.25">
      <c r="B2386">
        <f t="shared" si="271"/>
        <v>7</v>
      </c>
      <c r="C2386" s="16">
        <v>2352</v>
      </c>
      <c r="D2386" cm="1">
        <f t="array" ref="D2386">IFERROR(INDEX(Jesper!AH$2:AH$366,ROUNDDOWN($C2386/24,0)+1,1)*INDEX($D$3:$AA$30,INDEX(Jesper!$R$2:$R$366,ROW(INDEX(Jesper!AH$2:AH$366,ROUNDDOWN($C2386/24,0)+1,1))-1)+IF('Standard Profiles'!$G$18=$B$10,7,0)+IF('Standard Profiles'!$G$18=$B$17,14,0)+IF('Standard Profiles'!$G$18=$B$24,21,0),MOD($C2386,24)+1)/SUM(INDEX($D$3:$AA$30,INDEX(Jesper!$R$2:$R$366,ROW(INDEX(Jesper!AH$2:AH$366,ROUNDDOWN($C2386/24,0)+1,1))-1)+IF('Standard Profiles'!$G$18=$B$10,7,0)+IF('Standard Profiles'!$G$18=$B$17,14,0)+IF('Standard Profiles'!$G$18=$B$24,21,0),0)),0)</f>
        <v>0</v>
      </c>
      <c r="E2386" cm="1">
        <f t="array" ref="E2386">IFERROR(INDEX(Jesper!AI$2:AI$366,ROUNDDOWN($C2386/24,0)+1,1)*INDEX($D$3:$AA$30,INDEX(Jesper!$R$2:$R$366,ROW(INDEX(Jesper!AI$2:AI$366,ROUNDDOWN($C2386/24,0)+1,1))-1)+IF('Standard Profiles'!$G$19=$B$10,7,0)+IF('Standard Profiles'!$G$19=$B$17,14,0)+IF('Standard Profiles'!$G$19=$B$24,21,0),MOD($C2386,24)+1)/SUM(INDEX($D$3:$AA$30,INDEX(Jesper!$R$2:$R$366,ROW(INDEX(Jesper!AI$2:AI$366,ROUNDDOWN($C2386/24,0)+1,1))-1)+IF('Standard Profiles'!$G$19=$B$10,7,0)+IF('Standard Profiles'!$G$19=$B$17,14,0)+IF('Standard Profiles'!$G$19=$B$24,21,0),0)),0)</f>
        <v>4.5908011383312122</v>
      </c>
      <c r="F2386" cm="1">
        <f t="array" ref="F2386">IFERROR(INDEX(Jesper!AJ$2:AJ$366,ROUNDDOWN($C2386/24,0)+1,1)*INDEX($D$3:$AA$30,INDEX(Jesper!$R$2:$R$366,ROW(INDEX(Jesper!AJ$2:AJ$366,ROUNDDOWN($C2386/24,0)+1,1))-1)+IF('Standard Profiles'!$G$20=$B$10,7,0)+IF('Standard Profiles'!$G$20=$B$17,14,0)+IF('Standard Profiles'!$G$20=$B$24,21,0),MOD($C2386,24)+1)/SUM(INDEX($D$3:$AA$30,INDEX(Jesper!$R$2:$R$366,ROW(INDEX(Jesper!AJ$2:AJ$366,ROUNDDOWN($C2386/24,0)+1,1))-1)+IF('Standard Profiles'!$G$20=$B$10,7,0)+IF('Standard Profiles'!$G$20=$B$17,14,0)+IF('Standard Profiles'!$G$20=$B$24,21,0),0)),0)</f>
        <v>3.6955537392148257</v>
      </c>
      <c r="G2386" cm="1">
        <f t="array" ref="G2386">IFERROR(INDEX(Jesper!AK$2:AK$366,ROUNDDOWN($C2386/24,0)+1,1)*INDEX($D$3:$AA$30,INDEX(Jesper!$R$2:$R$366,ROW(INDEX(Jesper!AK$2:AK$366,ROUNDDOWN($C2386/24,0)+1,1))-1)+IF('Standard Profiles'!$G$21=$B$10,7,0)+IF('Standard Profiles'!$G$21=$B$17,14,0)+IF('Standard Profiles'!$G$21=$B$24,21,0),MOD($C2386,24)+1)/SUM(INDEX($D$3:$AA$30,INDEX(Jesper!$R$2:$R$366,ROW(INDEX(Jesper!AK$2:AK$366,ROUNDDOWN($C2386/24,0)+1,1))-1)+IF('Standard Profiles'!$G$21=$B$10,7,0)+IF('Standard Profiles'!$G$21=$B$17,14,0)+IF('Standard Profiles'!$G$21=$B$24,21,0),0)),0)</f>
        <v>5.6295393401648957</v>
      </c>
      <c r="H2386" cm="1">
        <f t="array" ref="H2386">IFERROR(INDEX(Jesper!AL$2:AL$366,ROUNDDOWN($C2386/24,0)+1,1)*INDEX($D$3:$AA$30,INDEX(Jesper!$R$2:$R$366,ROW(INDEX(Jesper!AL$2:AL$366,ROUNDDOWN($C2386/24,0)+1,1))-1)+IF('Standard Profiles'!$G$22=$B$10,7,0)+IF('Standard Profiles'!$G$22=$B$17,14,0)+IF('Standard Profiles'!$G$22=$B$24,21,0),MOD($C2386,24)+1)/SUM(INDEX($D$3:$AA$30,INDEX(Jesper!$R$2:$R$366,ROW(INDEX(Jesper!AL$2:AL$366,ROUNDDOWN($C2386/24,0)+1,1))-1)+IF('Standard Profiles'!$G$22=$B$10,7,0)+IF('Standard Profiles'!$G$22=$B$17,14,0)+IF('Standard Profiles'!$G$22=$B$24,21,0),0)),0)</f>
        <v>2.5955445973029518</v>
      </c>
      <c r="I2386">
        <f t="shared" si="272"/>
        <v>2.4917228134108349</v>
      </c>
      <c r="J2386">
        <f t="shared" si="273"/>
        <v>13.468819865003306</v>
      </c>
      <c r="K2386">
        <f t="shared" si="274"/>
        <v>0.36726409106649699</v>
      </c>
      <c r="L2386">
        <f t="shared" si="275"/>
        <v>0.18363204553324849</v>
      </c>
      <c r="M2386">
        <f t="shared" si="276"/>
        <v>0</v>
      </c>
      <c r="N2386" s="45">
        <f t="shared" si="277"/>
        <v>45024.999999994296</v>
      </c>
    </row>
    <row r="2387" spans="2:14" x14ac:dyDescent="0.25">
      <c r="B2387">
        <f t="shared" si="271"/>
        <v>7</v>
      </c>
      <c r="C2387" s="16">
        <v>2353</v>
      </c>
      <c r="D2387" cm="1">
        <f t="array" ref="D2387">IFERROR(INDEX(Jesper!AH$2:AH$366,ROUNDDOWN($C2387/24,0)+1,1)*INDEX($D$3:$AA$30,INDEX(Jesper!$R$2:$R$366,ROW(INDEX(Jesper!AH$2:AH$366,ROUNDDOWN($C2387/24,0)+1,1))-1)+IF('Standard Profiles'!$G$18=$B$10,7,0)+IF('Standard Profiles'!$G$18=$B$17,14,0)+IF('Standard Profiles'!$G$18=$B$24,21,0),MOD($C2387,24)+1)/SUM(INDEX($D$3:$AA$30,INDEX(Jesper!$R$2:$R$366,ROW(INDEX(Jesper!AH$2:AH$366,ROUNDDOWN($C2387/24,0)+1,1))-1)+IF('Standard Profiles'!$G$18=$B$10,7,0)+IF('Standard Profiles'!$G$18=$B$17,14,0)+IF('Standard Profiles'!$G$18=$B$24,21,0),0)),0)</f>
        <v>0</v>
      </c>
      <c r="E2387" cm="1">
        <f t="array" ref="E2387">IFERROR(INDEX(Jesper!AI$2:AI$366,ROUNDDOWN($C2387/24,0)+1,1)*INDEX($D$3:$AA$30,INDEX(Jesper!$R$2:$R$366,ROW(INDEX(Jesper!AI$2:AI$366,ROUNDDOWN($C2387/24,0)+1,1))-1)+IF('Standard Profiles'!$G$19=$B$10,7,0)+IF('Standard Profiles'!$G$19=$B$17,14,0)+IF('Standard Profiles'!$G$19=$B$24,21,0),MOD($C2387,24)+1)/SUM(INDEX($D$3:$AA$30,INDEX(Jesper!$R$2:$R$366,ROW(INDEX(Jesper!AI$2:AI$366,ROUNDDOWN($C2387/24,0)+1,1))-1)+IF('Standard Profiles'!$G$19=$B$10,7,0)+IF('Standard Profiles'!$G$19=$B$17,14,0)+IF('Standard Profiles'!$G$19=$B$24,21,0),0)),0)</f>
        <v>4.5908011383312122</v>
      </c>
      <c r="F2387" cm="1">
        <f t="array" ref="F2387">IFERROR(INDEX(Jesper!AJ$2:AJ$366,ROUNDDOWN($C2387/24,0)+1,1)*INDEX($D$3:$AA$30,INDEX(Jesper!$R$2:$R$366,ROW(INDEX(Jesper!AJ$2:AJ$366,ROUNDDOWN($C2387/24,0)+1,1))-1)+IF('Standard Profiles'!$G$20=$B$10,7,0)+IF('Standard Profiles'!$G$20=$B$17,14,0)+IF('Standard Profiles'!$G$20=$B$24,21,0),MOD($C2387,24)+1)/SUM(INDEX($D$3:$AA$30,INDEX(Jesper!$R$2:$R$366,ROW(INDEX(Jesper!AJ$2:AJ$366,ROUNDDOWN($C2387/24,0)+1,1))-1)+IF('Standard Profiles'!$G$20=$B$10,7,0)+IF('Standard Profiles'!$G$20=$B$17,14,0)+IF('Standard Profiles'!$G$20=$B$24,21,0),0)),0)</f>
        <v>3.6955537392148257</v>
      </c>
      <c r="G2387" cm="1">
        <f t="array" ref="G2387">IFERROR(INDEX(Jesper!AK$2:AK$366,ROUNDDOWN($C2387/24,0)+1,1)*INDEX($D$3:$AA$30,INDEX(Jesper!$R$2:$R$366,ROW(INDEX(Jesper!AK$2:AK$366,ROUNDDOWN($C2387/24,0)+1,1))-1)+IF('Standard Profiles'!$G$21=$B$10,7,0)+IF('Standard Profiles'!$G$21=$B$17,14,0)+IF('Standard Profiles'!$G$21=$B$24,21,0),MOD($C2387,24)+1)/SUM(INDEX($D$3:$AA$30,INDEX(Jesper!$R$2:$R$366,ROW(INDEX(Jesper!AK$2:AK$366,ROUNDDOWN($C2387/24,0)+1,1))-1)+IF('Standard Profiles'!$G$21=$B$10,7,0)+IF('Standard Profiles'!$G$21=$B$17,14,0)+IF('Standard Profiles'!$G$21=$B$24,21,0),0)),0)</f>
        <v>5.6295393401648957</v>
      </c>
      <c r="H2387" cm="1">
        <f t="array" ref="H2387">IFERROR(INDEX(Jesper!AL$2:AL$366,ROUNDDOWN($C2387/24,0)+1,1)*INDEX($D$3:$AA$30,INDEX(Jesper!$R$2:$R$366,ROW(INDEX(Jesper!AL$2:AL$366,ROUNDDOWN($C2387/24,0)+1,1))-1)+IF('Standard Profiles'!$G$22=$B$10,7,0)+IF('Standard Profiles'!$G$22=$B$17,14,0)+IF('Standard Profiles'!$G$22=$B$24,21,0),MOD($C2387,24)+1)/SUM(INDEX($D$3:$AA$30,INDEX(Jesper!$R$2:$R$366,ROW(INDEX(Jesper!AL$2:AL$366,ROUNDDOWN($C2387/24,0)+1,1))-1)+IF('Standard Profiles'!$G$22=$B$10,7,0)+IF('Standard Profiles'!$G$22=$B$17,14,0)+IF('Standard Profiles'!$G$22=$B$24,21,0),0)),0)</f>
        <v>3.0141808226743954</v>
      </c>
      <c r="I2387">
        <f t="shared" si="272"/>
        <v>2.8936135897674209</v>
      </c>
      <c r="J2387">
        <f t="shared" si="273"/>
        <v>13.485565314018164</v>
      </c>
      <c r="K2387">
        <f t="shared" si="274"/>
        <v>0.36726409106649699</v>
      </c>
      <c r="L2387">
        <f t="shared" si="275"/>
        <v>0.18363204553324849</v>
      </c>
      <c r="M2387">
        <f t="shared" si="276"/>
        <v>0</v>
      </c>
      <c r="N2387" s="45">
        <f t="shared" si="277"/>
        <v>45025.04166666096</v>
      </c>
    </row>
    <row r="2388" spans="2:14" x14ac:dyDescent="0.25">
      <c r="B2388">
        <f t="shared" si="271"/>
        <v>7</v>
      </c>
      <c r="C2388" s="16">
        <v>2354</v>
      </c>
      <c r="D2388" cm="1">
        <f t="array" ref="D2388">IFERROR(INDEX(Jesper!AH$2:AH$366,ROUNDDOWN($C2388/24,0)+1,1)*INDEX($D$3:$AA$30,INDEX(Jesper!$R$2:$R$366,ROW(INDEX(Jesper!AH$2:AH$366,ROUNDDOWN($C2388/24,0)+1,1))-1)+IF('Standard Profiles'!$G$18=$B$10,7,0)+IF('Standard Profiles'!$G$18=$B$17,14,0)+IF('Standard Profiles'!$G$18=$B$24,21,0),MOD($C2388,24)+1)/SUM(INDEX($D$3:$AA$30,INDEX(Jesper!$R$2:$R$366,ROW(INDEX(Jesper!AH$2:AH$366,ROUNDDOWN($C2388/24,0)+1,1))-1)+IF('Standard Profiles'!$G$18=$B$10,7,0)+IF('Standard Profiles'!$G$18=$B$17,14,0)+IF('Standard Profiles'!$G$18=$B$24,21,0),0)),0)</f>
        <v>0</v>
      </c>
      <c r="E2388" cm="1">
        <f t="array" ref="E2388">IFERROR(INDEX(Jesper!AI$2:AI$366,ROUNDDOWN($C2388/24,0)+1,1)*INDEX($D$3:$AA$30,INDEX(Jesper!$R$2:$R$366,ROW(INDEX(Jesper!AI$2:AI$366,ROUNDDOWN($C2388/24,0)+1,1))-1)+IF('Standard Profiles'!$G$19=$B$10,7,0)+IF('Standard Profiles'!$G$19=$B$17,14,0)+IF('Standard Profiles'!$G$19=$B$24,21,0),MOD($C2388,24)+1)/SUM(INDEX($D$3:$AA$30,INDEX(Jesper!$R$2:$R$366,ROW(INDEX(Jesper!AI$2:AI$366,ROUNDDOWN($C2388/24,0)+1,1))-1)+IF('Standard Profiles'!$G$19=$B$10,7,0)+IF('Standard Profiles'!$G$19=$B$17,14,0)+IF('Standard Profiles'!$G$19=$B$24,21,0),0)),0)</f>
        <v>4.5908011383312122</v>
      </c>
      <c r="F2388" cm="1">
        <f t="array" ref="F2388">IFERROR(INDEX(Jesper!AJ$2:AJ$366,ROUNDDOWN($C2388/24,0)+1,1)*INDEX($D$3:$AA$30,INDEX(Jesper!$R$2:$R$366,ROW(INDEX(Jesper!AJ$2:AJ$366,ROUNDDOWN($C2388/24,0)+1,1))-1)+IF('Standard Profiles'!$G$20=$B$10,7,0)+IF('Standard Profiles'!$G$20=$B$17,14,0)+IF('Standard Profiles'!$G$20=$B$24,21,0),MOD($C2388,24)+1)/SUM(INDEX($D$3:$AA$30,INDEX(Jesper!$R$2:$R$366,ROW(INDEX(Jesper!AJ$2:AJ$366,ROUNDDOWN($C2388/24,0)+1,1))-1)+IF('Standard Profiles'!$G$20=$B$10,7,0)+IF('Standard Profiles'!$G$20=$B$17,14,0)+IF('Standard Profiles'!$G$20=$B$24,21,0),0)),0)</f>
        <v>3.6955537392148257</v>
      </c>
      <c r="G2388" cm="1">
        <f t="array" ref="G2388">IFERROR(INDEX(Jesper!AK$2:AK$366,ROUNDDOWN($C2388/24,0)+1,1)*INDEX($D$3:$AA$30,INDEX(Jesper!$R$2:$R$366,ROW(INDEX(Jesper!AK$2:AK$366,ROUNDDOWN($C2388/24,0)+1,1))-1)+IF('Standard Profiles'!$G$21=$B$10,7,0)+IF('Standard Profiles'!$G$21=$B$17,14,0)+IF('Standard Profiles'!$G$21=$B$24,21,0),MOD($C2388,24)+1)/SUM(INDEX($D$3:$AA$30,INDEX(Jesper!$R$2:$R$366,ROW(INDEX(Jesper!AK$2:AK$366,ROUNDDOWN($C2388/24,0)+1,1))-1)+IF('Standard Profiles'!$G$21=$B$10,7,0)+IF('Standard Profiles'!$G$21=$B$17,14,0)+IF('Standard Profiles'!$G$21=$B$24,21,0),0)),0)</f>
        <v>5.6295393401648957</v>
      </c>
      <c r="H2388" cm="1">
        <f t="array" ref="H2388">IFERROR(INDEX(Jesper!AL$2:AL$366,ROUNDDOWN($C2388/24,0)+1,1)*INDEX($D$3:$AA$30,INDEX(Jesper!$R$2:$R$366,ROW(INDEX(Jesper!AL$2:AL$366,ROUNDDOWN($C2388/24,0)+1,1))-1)+IF('Standard Profiles'!$G$22=$B$10,7,0)+IF('Standard Profiles'!$G$22=$B$17,14,0)+IF('Standard Profiles'!$G$22=$B$24,21,0),MOD($C2388,24)+1)/SUM(INDEX($D$3:$AA$30,INDEX(Jesper!$R$2:$R$366,ROW(INDEX(Jesper!AL$2:AL$366,ROUNDDOWN($C2388/24,0)+1,1))-1)+IF('Standard Profiles'!$G$22=$B$10,7,0)+IF('Standard Profiles'!$G$22=$B$17,14,0)+IF('Standard Profiles'!$G$22=$B$24,21,0),0)),0)</f>
        <v>3.0141808226743954</v>
      </c>
      <c r="I2388">
        <f t="shared" si="272"/>
        <v>2.8936135897674209</v>
      </c>
      <c r="J2388">
        <f t="shared" si="273"/>
        <v>13.485565314018164</v>
      </c>
      <c r="K2388">
        <f t="shared" si="274"/>
        <v>0.36726409106649699</v>
      </c>
      <c r="L2388">
        <f t="shared" si="275"/>
        <v>0.18363204553324849</v>
      </c>
      <c r="M2388">
        <f t="shared" si="276"/>
        <v>0</v>
      </c>
      <c r="N2388" s="45">
        <f t="shared" si="277"/>
        <v>45025.083333327624</v>
      </c>
    </row>
    <row r="2389" spans="2:14" x14ac:dyDescent="0.25">
      <c r="B2389">
        <f t="shared" si="271"/>
        <v>7</v>
      </c>
      <c r="C2389" s="16">
        <v>2355</v>
      </c>
      <c r="D2389" cm="1">
        <f t="array" ref="D2389">IFERROR(INDEX(Jesper!AH$2:AH$366,ROUNDDOWN($C2389/24,0)+1,1)*INDEX($D$3:$AA$30,INDEX(Jesper!$R$2:$R$366,ROW(INDEX(Jesper!AH$2:AH$366,ROUNDDOWN($C2389/24,0)+1,1))-1)+IF('Standard Profiles'!$G$18=$B$10,7,0)+IF('Standard Profiles'!$G$18=$B$17,14,0)+IF('Standard Profiles'!$G$18=$B$24,21,0),MOD($C2389,24)+1)/SUM(INDEX($D$3:$AA$30,INDEX(Jesper!$R$2:$R$366,ROW(INDEX(Jesper!AH$2:AH$366,ROUNDDOWN($C2389/24,0)+1,1))-1)+IF('Standard Profiles'!$G$18=$B$10,7,0)+IF('Standard Profiles'!$G$18=$B$17,14,0)+IF('Standard Profiles'!$G$18=$B$24,21,0),0)),0)</f>
        <v>0</v>
      </c>
      <c r="E2389" cm="1">
        <f t="array" ref="E2389">IFERROR(INDEX(Jesper!AI$2:AI$366,ROUNDDOWN($C2389/24,0)+1,1)*INDEX($D$3:$AA$30,INDEX(Jesper!$R$2:$R$366,ROW(INDEX(Jesper!AI$2:AI$366,ROUNDDOWN($C2389/24,0)+1,1))-1)+IF('Standard Profiles'!$G$19=$B$10,7,0)+IF('Standard Profiles'!$G$19=$B$17,14,0)+IF('Standard Profiles'!$G$19=$B$24,21,0),MOD($C2389,24)+1)/SUM(INDEX($D$3:$AA$30,INDEX(Jesper!$R$2:$R$366,ROW(INDEX(Jesper!AI$2:AI$366,ROUNDDOWN($C2389/24,0)+1,1))-1)+IF('Standard Profiles'!$G$19=$B$10,7,0)+IF('Standard Profiles'!$G$19=$B$17,14,0)+IF('Standard Profiles'!$G$19=$B$24,21,0),0)),0)</f>
        <v>4.5908011383312122</v>
      </c>
      <c r="F2389" cm="1">
        <f t="array" ref="F2389">IFERROR(INDEX(Jesper!AJ$2:AJ$366,ROUNDDOWN($C2389/24,0)+1,1)*INDEX($D$3:$AA$30,INDEX(Jesper!$R$2:$R$366,ROW(INDEX(Jesper!AJ$2:AJ$366,ROUNDDOWN($C2389/24,0)+1,1))-1)+IF('Standard Profiles'!$G$20=$B$10,7,0)+IF('Standard Profiles'!$G$20=$B$17,14,0)+IF('Standard Profiles'!$G$20=$B$24,21,0),MOD($C2389,24)+1)/SUM(INDEX($D$3:$AA$30,INDEX(Jesper!$R$2:$R$366,ROW(INDEX(Jesper!AJ$2:AJ$366,ROUNDDOWN($C2389/24,0)+1,1))-1)+IF('Standard Profiles'!$G$20=$B$10,7,0)+IF('Standard Profiles'!$G$20=$B$17,14,0)+IF('Standard Profiles'!$G$20=$B$24,21,0),0)),0)</f>
        <v>3.6955537392148257</v>
      </c>
      <c r="G2389" cm="1">
        <f t="array" ref="G2389">IFERROR(INDEX(Jesper!AK$2:AK$366,ROUNDDOWN($C2389/24,0)+1,1)*INDEX($D$3:$AA$30,INDEX(Jesper!$R$2:$R$366,ROW(INDEX(Jesper!AK$2:AK$366,ROUNDDOWN($C2389/24,0)+1,1))-1)+IF('Standard Profiles'!$G$21=$B$10,7,0)+IF('Standard Profiles'!$G$21=$B$17,14,0)+IF('Standard Profiles'!$G$21=$B$24,21,0),MOD($C2389,24)+1)/SUM(INDEX($D$3:$AA$30,INDEX(Jesper!$R$2:$R$366,ROW(INDEX(Jesper!AK$2:AK$366,ROUNDDOWN($C2389/24,0)+1,1))-1)+IF('Standard Profiles'!$G$21=$B$10,7,0)+IF('Standard Profiles'!$G$21=$B$17,14,0)+IF('Standard Profiles'!$G$21=$B$24,21,0),0)),0)</f>
        <v>5.6295393401648957</v>
      </c>
      <c r="H2389" cm="1">
        <f t="array" ref="H2389">IFERROR(INDEX(Jesper!AL$2:AL$366,ROUNDDOWN($C2389/24,0)+1,1)*INDEX($D$3:$AA$30,INDEX(Jesper!$R$2:$R$366,ROW(INDEX(Jesper!AL$2:AL$366,ROUNDDOWN($C2389/24,0)+1,1))-1)+IF('Standard Profiles'!$G$22=$B$10,7,0)+IF('Standard Profiles'!$G$22=$B$17,14,0)+IF('Standard Profiles'!$G$22=$B$24,21,0),MOD($C2389,24)+1)/SUM(INDEX($D$3:$AA$30,INDEX(Jesper!$R$2:$R$366,ROW(INDEX(Jesper!AL$2:AL$366,ROUNDDOWN($C2389/24,0)+1,1))-1)+IF('Standard Profiles'!$G$22=$B$10,7,0)+IF('Standard Profiles'!$G$22=$B$17,14,0)+IF('Standard Profiles'!$G$22=$B$24,21,0),0)),0)</f>
        <v>3.0141808226743954</v>
      </c>
      <c r="I2389">
        <f t="shared" si="272"/>
        <v>2.8936135897674209</v>
      </c>
      <c r="J2389">
        <f t="shared" si="273"/>
        <v>13.485565314018164</v>
      </c>
      <c r="K2389">
        <f t="shared" si="274"/>
        <v>0.36726409106649699</v>
      </c>
      <c r="L2389">
        <f t="shared" si="275"/>
        <v>0.18363204553324849</v>
      </c>
      <c r="M2389">
        <f t="shared" si="276"/>
        <v>0</v>
      </c>
      <c r="N2389" s="45">
        <f t="shared" si="277"/>
        <v>45025.124999994288</v>
      </c>
    </row>
    <row r="2390" spans="2:14" x14ac:dyDescent="0.25">
      <c r="B2390">
        <f t="shared" si="271"/>
        <v>7</v>
      </c>
      <c r="C2390" s="16">
        <v>2356</v>
      </c>
      <c r="D2390" cm="1">
        <f t="array" ref="D2390">IFERROR(INDEX(Jesper!AH$2:AH$366,ROUNDDOWN($C2390/24,0)+1,1)*INDEX($D$3:$AA$30,INDEX(Jesper!$R$2:$R$366,ROW(INDEX(Jesper!AH$2:AH$366,ROUNDDOWN($C2390/24,0)+1,1))-1)+IF('Standard Profiles'!$G$18=$B$10,7,0)+IF('Standard Profiles'!$G$18=$B$17,14,0)+IF('Standard Profiles'!$G$18=$B$24,21,0),MOD($C2390,24)+1)/SUM(INDEX($D$3:$AA$30,INDEX(Jesper!$R$2:$R$366,ROW(INDEX(Jesper!AH$2:AH$366,ROUNDDOWN($C2390/24,0)+1,1))-1)+IF('Standard Profiles'!$G$18=$B$10,7,0)+IF('Standard Profiles'!$G$18=$B$17,14,0)+IF('Standard Profiles'!$G$18=$B$24,21,0),0)),0)</f>
        <v>0</v>
      </c>
      <c r="E2390" cm="1">
        <f t="array" ref="E2390">IFERROR(INDEX(Jesper!AI$2:AI$366,ROUNDDOWN($C2390/24,0)+1,1)*INDEX($D$3:$AA$30,INDEX(Jesper!$R$2:$R$366,ROW(INDEX(Jesper!AI$2:AI$366,ROUNDDOWN($C2390/24,0)+1,1))-1)+IF('Standard Profiles'!$G$19=$B$10,7,0)+IF('Standard Profiles'!$G$19=$B$17,14,0)+IF('Standard Profiles'!$G$19=$B$24,21,0),MOD($C2390,24)+1)/SUM(INDEX($D$3:$AA$30,INDEX(Jesper!$R$2:$R$366,ROW(INDEX(Jesper!AI$2:AI$366,ROUNDDOWN($C2390/24,0)+1,1))-1)+IF('Standard Profiles'!$G$19=$B$10,7,0)+IF('Standard Profiles'!$G$19=$B$17,14,0)+IF('Standard Profiles'!$G$19=$B$24,21,0),0)),0)</f>
        <v>4.5908011383312122</v>
      </c>
      <c r="F2390" cm="1">
        <f t="array" ref="F2390">IFERROR(INDEX(Jesper!AJ$2:AJ$366,ROUNDDOWN($C2390/24,0)+1,1)*INDEX($D$3:$AA$30,INDEX(Jesper!$R$2:$R$366,ROW(INDEX(Jesper!AJ$2:AJ$366,ROUNDDOWN($C2390/24,0)+1,1))-1)+IF('Standard Profiles'!$G$20=$B$10,7,0)+IF('Standard Profiles'!$G$20=$B$17,14,0)+IF('Standard Profiles'!$G$20=$B$24,21,0),MOD($C2390,24)+1)/SUM(INDEX($D$3:$AA$30,INDEX(Jesper!$R$2:$R$366,ROW(INDEX(Jesper!AJ$2:AJ$366,ROUNDDOWN($C2390/24,0)+1,1))-1)+IF('Standard Profiles'!$G$20=$B$10,7,0)+IF('Standard Profiles'!$G$20=$B$17,14,0)+IF('Standard Profiles'!$G$20=$B$24,21,0),0)),0)</f>
        <v>3.6955537392148257</v>
      </c>
      <c r="G2390" cm="1">
        <f t="array" ref="G2390">IFERROR(INDEX(Jesper!AK$2:AK$366,ROUNDDOWN($C2390/24,0)+1,1)*INDEX($D$3:$AA$30,INDEX(Jesper!$R$2:$R$366,ROW(INDEX(Jesper!AK$2:AK$366,ROUNDDOWN($C2390/24,0)+1,1))-1)+IF('Standard Profiles'!$G$21=$B$10,7,0)+IF('Standard Profiles'!$G$21=$B$17,14,0)+IF('Standard Profiles'!$G$21=$B$24,21,0),MOD($C2390,24)+1)/SUM(INDEX($D$3:$AA$30,INDEX(Jesper!$R$2:$R$366,ROW(INDEX(Jesper!AK$2:AK$366,ROUNDDOWN($C2390/24,0)+1,1))-1)+IF('Standard Profiles'!$G$21=$B$10,7,0)+IF('Standard Profiles'!$G$21=$B$17,14,0)+IF('Standard Profiles'!$G$21=$B$24,21,0),0)),0)</f>
        <v>5.6295393401648957</v>
      </c>
      <c r="H2390" cm="1">
        <f t="array" ref="H2390">IFERROR(INDEX(Jesper!AL$2:AL$366,ROUNDDOWN($C2390/24,0)+1,1)*INDEX($D$3:$AA$30,INDEX(Jesper!$R$2:$R$366,ROW(INDEX(Jesper!AL$2:AL$366,ROUNDDOWN($C2390/24,0)+1,1))-1)+IF('Standard Profiles'!$G$22=$B$10,7,0)+IF('Standard Profiles'!$G$22=$B$17,14,0)+IF('Standard Profiles'!$G$22=$B$24,21,0),MOD($C2390,24)+1)/SUM(INDEX($D$3:$AA$30,INDEX(Jesper!$R$2:$R$366,ROW(INDEX(Jesper!AL$2:AL$366,ROUNDDOWN($C2390/24,0)+1,1))-1)+IF('Standard Profiles'!$G$22=$B$10,7,0)+IF('Standard Profiles'!$G$22=$B$17,14,0)+IF('Standard Profiles'!$G$22=$B$24,21,0),0)),0)</f>
        <v>3.0141808226743954</v>
      </c>
      <c r="I2390">
        <f t="shared" si="272"/>
        <v>2.8936135897674209</v>
      </c>
      <c r="J2390">
        <f t="shared" si="273"/>
        <v>13.485565314018164</v>
      </c>
      <c r="K2390">
        <f t="shared" si="274"/>
        <v>0.36726409106649699</v>
      </c>
      <c r="L2390">
        <f t="shared" si="275"/>
        <v>0.18363204553324849</v>
      </c>
      <c r="M2390">
        <f t="shared" si="276"/>
        <v>0</v>
      </c>
      <c r="N2390" s="45">
        <f t="shared" si="277"/>
        <v>45025.166666660953</v>
      </c>
    </row>
    <row r="2391" spans="2:14" x14ac:dyDescent="0.25">
      <c r="B2391">
        <f t="shared" si="271"/>
        <v>7</v>
      </c>
      <c r="C2391" s="16">
        <v>2357</v>
      </c>
      <c r="D2391" cm="1">
        <f t="array" ref="D2391">IFERROR(INDEX(Jesper!AH$2:AH$366,ROUNDDOWN($C2391/24,0)+1,1)*INDEX($D$3:$AA$30,INDEX(Jesper!$R$2:$R$366,ROW(INDEX(Jesper!AH$2:AH$366,ROUNDDOWN($C2391/24,0)+1,1))-1)+IF('Standard Profiles'!$G$18=$B$10,7,0)+IF('Standard Profiles'!$G$18=$B$17,14,0)+IF('Standard Profiles'!$G$18=$B$24,21,0),MOD($C2391,24)+1)/SUM(INDEX($D$3:$AA$30,INDEX(Jesper!$R$2:$R$366,ROW(INDEX(Jesper!AH$2:AH$366,ROUNDDOWN($C2391/24,0)+1,1))-1)+IF('Standard Profiles'!$G$18=$B$10,7,0)+IF('Standard Profiles'!$G$18=$B$17,14,0)+IF('Standard Profiles'!$G$18=$B$24,21,0),0)),0)</f>
        <v>0</v>
      </c>
      <c r="E2391" cm="1">
        <f t="array" ref="E2391">IFERROR(INDEX(Jesper!AI$2:AI$366,ROUNDDOWN($C2391/24,0)+1,1)*INDEX($D$3:$AA$30,INDEX(Jesper!$R$2:$R$366,ROW(INDEX(Jesper!AI$2:AI$366,ROUNDDOWN($C2391/24,0)+1,1))-1)+IF('Standard Profiles'!$G$19=$B$10,7,0)+IF('Standard Profiles'!$G$19=$B$17,14,0)+IF('Standard Profiles'!$G$19=$B$24,21,0),MOD($C2391,24)+1)/SUM(INDEX($D$3:$AA$30,INDEX(Jesper!$R$2:$R$366,ROW(INDEX(Jesper!AI$2:AI$366,ROUNDDOWN($C2391/24,0)+1,1))-1)+IF('Standard Profiles'!$G$19=$B$10,7,0)+IF('Standard Profiles'!$G$19=$B$17,14,0)+IF('Standard Profiles'!$G$19=$B$24,21,0),0)),0)</f>
        <v>4.5908011383312122</v>
      </c>
      <c r="F2391" cm="1">
        <f t="array" ref="F2391">IFERROR(INDEX(Jesper!AJ$2:AJ$366,ROUNDDOWN($C2391/24,0)+1,1)*INDEX($D$3:$AA$30,INDEX(Jesper!$R$2:$R$366,ROW(INDEX(Jesper!AJ$2:AJ$366,ROUNDDOWN($C2391/24,0)+1,1))-1)+IF('Standard Profiles'!$G$20=$B$10,7,0)+IF('Standard Profiles'!$G$20=$B$17,14,0)+IF('Standard Profiles'!$G$20=$B$24,21,0),MOD($C2391,24)+1)/SUM(INDEX($D$3:$AA$30,INDEX(Jesper!$R$2:$R$366,ROW(INDEX(Jesper!AJ$2:AJ$366,ROUNDDOWN($C2391/24,0)+1,1))-1)+IF('Standard Profiles'!$G$20=$B$10,7,0)+IF('Standard Profiles'!$G$20=$B$17,14,0)+IF('Standard Profiles'!$G$20=$B$24,21,0),0)),0)</f>
        <v>3.6955537392148257</v>
      </c>
      <c r="G2391" cm="1">
        <f t="array" ref="G2391">IFERROR(INDEX(Jesper!AK$2:AK$366,ROUNDDOWN($C2391/24,0)+1,1)*INDEX($D$3:$AA$30,INDEX(Jesper!$R$2:$R$366,ROW(INDEX(Jesper!AK$2:AK$366,ROUNDDOWN($C2391/24,0)+1,1))-1)+IF('Standard Profiles'!$G$21=$B$10,7,0)+IF('Standard Profiles'!$G$21=$B$17,14,0)+IF('Standard Profiles'!$G$21=$B$24,21,0),MOD($C2391,24)+1)/SUM(INDEX($D$3:$AA$30,INDEX(Jesper!$R$2:$R$366,ROW(INDEX(Jesper!AK$2:AK$366,ROUNDDOWN($C2391/24,0)+1,1))-1)+IF('Standard Profiles'!$G$21=$B$10,7,0)+IF('Standard Profiles'!$G$21=$B$17,14,0)+IF('Standard Profiles'!$G$21=$B$24,21,0),0)),0)</f>
        <v>5.6295393401648957</v>
      </c>
      <c r="H2391" cm="1">
        <f t="array" ref="H2391">IFERROR(INDEX(Jesper!AL$2:AL$366,ROUNDDOWN($C2391/24,0)+1,1)*INDEX($D$3:$AA$30,INDEX(Jesper!$R$2:$R$366,ROW(INDEX(Jesper!AL$2:AL$366,ROUNDDOWN($C2391/24,0)+1,1))-1)+IF('Standard Profiles'!$G$22=$B$10,7,0)+IF('Standard Profiles'!$G$22=$B$17,14,0)+IF('Standard Profiles'!$G$22=$B$24,21,0),MOD($C2391,24)+1)/SUM(INDEX($D$3:$AA$30,INDEX(Jesper!$R$2:$R$366,ROW(INDEX(Jesper!AL$2:AL$366,ROUNDDOWN($C2391/24,0)+1,1))-1)+IF('Standard Profiles'!$G$22=$B$10,7,0)+IF('Standard Profiles'!$G$22=$B$17,14,0)+IF('Standard Profiles'!$G$22=$B$24,21,0),0)),0)</f>
        <v>3.7677260283429943</v>
      </c>
      <c r="I2391">
        <f t="shared" si="272"/>
        <v>3.6170169872092766</v>
      </c>
      <c r="J2391">
        <f t="shared" si="273"/>
        <v>13.515707122244907</v>
      </c>
      <c r="K2391">
        <f t="shared" si="274"/>
        <v>0.36726409106649699</v>
      </c>
      <c r="L2391">
        <f t="shared" si="275"/>
        <v>0.18363204553324849</v>
      </c>
      <c r="M2391">
        <f t="shared" si="276"/>
        <v>0</v>
      </c>
      <c r="N2391" s="45">
        <f t="shared" si="277"/>
        <v>45025.208333327617</v>
      </c>
    </row>
    <row r="2392" spans="2:14" x14ac:dyDescent="0.25">
      <c r="B2392">
        <f t="shared" si="271"/>
        <v>7</v>
      </c>
      <c r="C2392" s="16">
        <v>2358</v>
      </c>
      <c r="D2392" cm="1">
        <f t="array" ref="D2392">IFERROR(INDEX(Jesper!AH$2:AH$366,ROUNDDOWN($C2392/24,0)+1,1)*INDEX($D$3:$AA$30,INDEX(Jesper!$R$2:$R$366,ROW(INDEX(Jesper!AH$2:AH$366,ROUNDDOWN($C2392/24,0)+1,1))-1)+IF('Standard Profiles'!$G$18=$B$10,7,0)+IF('Standard Profiles'!$G$18=$B$17,14,0)+IF('Standard Profiles'!$G$18=$B$24,21,0),MOD($C2392,24)+1)/SUM(INDEX($D$3:$AA$30,INDEX(Jesper!$R$2:$R$366,ROW(INDEX(Jesper!AH$2:AH$366,ROUNDDOWN($C2392/24,0)+1,1))-1)+IF('Standard Profiles'!$G$18=$B$10,7,0)+IF('Standard Profiles'!$G$18=$B$17,14,0)+IF('Standard Profiles'!$G$18=$B$24,21,0),0)),0)</f>
        <v>0</v>
      </c>
      <c r="E2392" cm="1">
        <f t="array" ref="E2392">IFERROR(INDEX(Jesper!AI$2:AI$366,ROUNDDOWN($C2392/24,0)+1,1)*INDEX($D$3:$AA$30,INDEX(Jesper!$R$2:$R$366,ROW(INDEX(Jesper!AI$2:AI$366,ROUNDDOWN($C2392/24,0)+1,1))-1)+IF('Standard Profiles'!$G$19=$B$10,7,0)+IF('Standard Profiles'!$G$19=$B$17,14,0)+IF('Standard Profiles'!$G$19=$B$24,21,0),MOD($C2392,24)+1)/SUM(INDEX($D$3:$AA$30,INDEX(Jesper!$R$2:$R$366,ROW(INDEX(Jesper!AI$2:AI$366,ROUNDDOWN($C2392/24,0)+1,1))-1)+IF('Standard Profiles'!$G$19=$B$10,7,0)+IF('Standard Profiles'!$G$19=$B$17,14,0)+IF('Standard Profiles'!$G$19=$B$24,21,0),0)),0)</f>
        <v>4.5908011383312122</v>
      </c>
      <c r="F2392" cm="1">
        <f t="array" ref="F2392">IFERROR(INDEX(Jesper!AJ$2:AJ$366,ROUNDDOWN($C2392/24,0)+1,1)*INDEX($D$3:$AA$30,INDEX(Jesper!$R$2:$R$366,ROW(INDEX(Jesper!AJ$2:AJ$366,ROUNDDOWN($C2392/24,0)+1,1))-1)+IF('Standard Profiles'!$G$20=$B$10,7,0)+IF('Standard Profiles'!$G$20=$B$17,14,0)+IF('Standard Profiles'!$G$20=$B$24,21,0),MOD($C2392,24)+1)/SUM(INDEX($D$3:$AA$30,INDEX(Jesper!$R$2:$R$366,ROW(INDEX(Jesper!AJ$2:AJ$366,ROUNDDOWN($C2392/24,0)+1,1))-1)+IF('Standard Profiles'!$G$20=$B$10,7,0)+IF('Standard Profiles'!$G$20=$B$17,14,0)+IF('Standard Profiles'!$G$20=$B$24,21,0),0)),0)</f>
        <v>3.6955537392148257</v>
      </c>
      <c r="G2392" cm="1">
        <f t="array" ref="G2392">IFERROR(INDEX(Jesper!AK$2:AK$366,ROUNDDOWN($C2392/24,0)+1,1)*INDEX($D$3:$AA$30,INDEX(Jesper!$R$2:$R$366,ROW(INDEX(Jesper!AK$2:AK$366,ROUNDDOWN($C2392/24,0)+1,1))-1)+IF('Standard Profiles'!$G$21=$B$10,7,0)+IF('Standard Profiles'!$G$21=$B$17,14,0)+IF('Standard Profiles'!$G$21=$B$24,21,0),MOD($C2392,24)+1)/SUM(INDEX($D$3:$AA$30,INDEX(Jesper!$R$2:$R$366,ROW(INDEX(Jesper!AK$2:AK$366,ROUNDDOWN($C2392/24,0)+1,1))-1)+IF('Standard Profiles'!$G$21=$B$10,7,0)+IF('Standard Profiles'!$G$21=$B$17,14,0)+IF('Standard Profiles'!$G$21=$B$24,21,0),0)),0)</f>
        <v>5.6295393401648957</v>
      </c>
      <c r="H2392" cm="1">
        <f t="array" ref="H2392">IFERROR(INDEX(Jesper!AL$2:AL$366,ROUNDDOWN($C2392/24,0)+1,1)*INDEX($D$3:$AA$30,INDEX(Jesper!$R$2:$R$366,ROW(INDEX(Jesper!AL$2:AL$366,ROUNDDOWN($C2392/24,0)+1,1))-1)+IF('Standard Profiles'!$G$22=$B$10,7,0)+IF('Standard Profiles'!$G$22=$B$17,14,0)+IF('Standard Profiles'!$G$22=$B$24,21,0),MOD($C2392,24)+1)/SUM(INDEX($D$3:$AA$30,INDEX(Jesper!$R$2:$R$366,ROW(INDEX(Jesper!AL$2:AL$366,ROUNDDOWN($C2392/24,0)+1,1))-1)+IF('Standard Profiles'!$G$22=$B$10,7,0)+IF('Standard Profiles'!$G$22=$B$17,14,0)+IF('Standard Profiles'!$G$22=$B$24,21,0),0)),0)</f>
        <v>4.4375439889373043</v>
      </c>
      <c r="I2392">
        <f t="shared" si="272"/>
        <v>4.2600422293798141</v>
      </c>
      <c r="J2392">
        <f t="shared" si="273"/>
        <v>13.542499840668679</v>
      </c>
      <c r="K2392">
        <f t="shared" si="274"/>
        <v>0.36726409106649699</v>
      </c>
      <c r="L2392">
        <f t="shared" si="275"/>
        <v>0.18363204553324849</v>
      </c>
      <c r="M2392">
        <f t="shared" si="276"/>
        <v>0</v>
      </c>
      <c r="N2392" s="45">
        <f t="shared" si="277"/>
        <v>45025.249999994281</v>
      </c>
    </row>
    <row r="2393" spans="2:14" x14ac:dyDescent="0.25">
      <c r="B2393">
        <f t="shared" si="271"/>
        <v>7</v>
      </c>
      <c r="C2393" s="16">
        <v>2359</v>
      </c>
      <c r="D2393" cm="1">
        <f t="array" ref="D2393">IFERROR(INDEX(Jesper!AH$2:AH$366,ROUNDDOWN($C2393/24,0)+1,1)*INDEX($D$3:$AA$30,INDEX(Jesper!$R$2:$R$366,ROW(INDEX(Jesper!AH$2:AH$366,ROUNDDOWN($C2393/24,0)+1,1))-1)+IF('Standard Profiles'!$G$18=$B$10,7,0)+IF('Standard Profiles'!$G$18=$B$17,14,0)+IF('Standard Profiles'!$G$18=$B$24,21,0),MOD($C2393,24)+1)/SUM(INDEX($D$3:$AA$30,INDEX(Jesper!$R$2:$R$366,ROW(INDEX(Jesper!AH$2:AH$366,ROUNDDOWN($C2393/24,0)+1,1))-1)+IF('Standard Profiles'!$G$18=$B$10,7,0)+IF('Standard Profiles'!$G$18=$B$17,14,0)+IF('Standard Profiles'!$G$18=$B$24,21,0),0)),0)</f>
        <v>0</v>
      </c>
      <c r="E2393" cm="1">
        <f t="array" ref="E2393">IFERROR(INDEX(Jesper!AI$2:AI$366,ROUNDDOWN($C2393/24,0)+1,1)*INDEX($D$3:$AA$30,INDEX(Jesper!$R$2:$R$366,ROW(INDEX(Jesper!AI$2:AI$366,ROUNDDOWN($C2393/24,0)+1,1))-1)+IF('Standard Profiles'!$G$19=$B$10,7,0)+IF('Standard Profiles'!$G$19=$B$17,14,0)+IF('Standard Profiles'!$G$19=$B$24,21,0),MOD($C2393,24)+1)/SUM(INDEX($D$3:$AA$30,INDEX(Jesper!$R$2:$R$366,ROW(INDEX(Jesper!AI$2:AI$366,ROUNDDOWN($C2393/24,0)+1,1))-1)+IF('Standard Profiles'!$G$19=$B$10,7,0)+IF('Standard Profiles'!$G$19=$B$17,14,0)+IF('Standard Profiles'!$G$19=$B$24,21,0),0)),0)</f>
        <v>4.5908011383312122</v>
      </c>
      <c r="F2393" cm="1">
        <f t="array" ref="F2393">IFERROR(INDEX(Jesper!AJ$2:AJ$366,ROUNDDOWN($C2393/24,0)+1,1)*INDEX($D$3:$AA$30,INDEX(Jesper!$R$2:$R$366,ROW(INDEX(Jesper!AJ$2:AJ$366,ROUNDDOWN($C2393/24,0)+1,1))-1)+IF('Standard Profiles'!$G$20=$B$10,7,0)+IF('Standard Profiles'!$G$20=$B$17,14,0)+IF('Standard Profiles'!$G$20=$B$24,21,0),MOD($C2393,24)+1)/SUM(INDEX($D$3:$AA$30,INDEX(Jesper!$R$2:$R$366,ROW(INDEX(Jesper!AJ$2:AJ$366,ROUNDDOWN($C2393/24,0)+1,1))-1)+IF('Standard Profiles'!$G$20=$B$10,7,0)+IF('Standard Profiles'!$G$20=$B$17,14,0)+IF('Standard Profiles'!$G$20=$B$24,21,0),0)),0)</f>
        <v>3.6955537392148257</v>
      </c>
      <c r="G2393" cm="1">
        <f t="array" ref="G2393">IFERROR(INDEX(Jesper!AK$2:AK$366,ROUNDDOWN($C2393/24,0)+1,1)*INDEX($D$3:$AA$30,INDEX(Jesper!$R$2:$R$366,ROW(INDEX(Jesper!AK$2:AK$366,ROUNDDOWN($C2393/24,0)+1,1))-1)+IF('Standard Profiles'!$G$21=$B$10,7,0)+IF('Standard Profiles'!$G$21=$B$17,14,0)+IF('Standard Profiles'!$G$21=$B$24,21,0),MOD($C2393,24)+1)/SUM(INDEX($D$3:$AA$30,INDEX(Jesper!$R$2:$R$366,ROW(INDEX(Jesper!AK$2:AK$366,ROUNDDOWN($C2393/24,0)+1,1))-1)+IF('Standard Profiles'!$G$21=$B$10,7,0)+IF('Standard Profiles'!$G$21=$B$17,14,0)+IF('Standard Profiles'!$G$21=$B$24,21,0),0)),0)</f>
        <v>5.6295393401648957</v>
      </c>
      <c r="H2393" cm="1">
        <f t="array" ref="H2393">IFERROR(INDEX(Jesper!AL$2:AL$366,ROUNDDOWN($C2393/24,0)+1,1)*INDEX($D$3:$AA$30,INDEX(Jesper!$R$2:$R$366,ROW(INDEX(Jesper!AL$2:AL$366,ROUNDDOWN($C2393/24,0)+1,1))-1)+IF('Standard Profiles'!$G$22=$B$10,7,0)+IF('Standard Profiles'!$G$22=$B$17,14,0)+IF('Standard Profiles'!$G$22=$B$24,21,0),MOD($C2393,24)+1)/SUM(INDEX($D$3:$AA$30,INDEX(Jesper!$R$2:$R$366,ROW(INDEX(Jesper!AL$2:AL$366,ROUNDDOWN($C2393/24,0)+1,1))-1)+IF('Standard Profiles'!$G$22=$B$10,7,0)+IF('Standard Profiles'!$G$22=$B$17,14,0)+IF('Standard Profiles'!$G$22=$B$24,21,0),0)),0)</f>
        <v>5.2748164396801931</v>
      </c>
      <c r="I2393">
        <f t="shared" si="272"/>
        <v>5.0638237820929879</v>
      </c>
      <c r="J2393">
        <f t="shared" si="273"/>
        <v>13.575990738698394</v>
      </c>
      <c r="K2393">
        <f t="shared" si="274"/>
        <v>0.36726409106649699</v>
      </c>
      <c r="L2393">
        <f t="shared" si="275"/>
        <v>0.18363204553324849</v>
      </c>
      <c r="M2393">
        <f t="shared" si="276"/>
        <v>0</v>
      </c>
      <c r="N2393" s="45">
        <f t="shared" si="277"/>
        <v>45025.291666660945</v>
      </c>
    </row>
    <row r="2394" spans="2:14" x14ac:dyDescent="0.25">
      <c r="B2394">
        <f t="shared" si="271"/>
        <v>7</v>
      </c>
      <c r="C2394" s="16">
        <v>2360</v>
      </c>
      <c r="D2394" cm="1">
        <f t="array" ref="D2394">IFERROR(INDEX(Jesper!AH$2:AH$366,ROUNDDOWN($C2394/24,0)+1,1)*INDEX($D$3:$AA$30,INDEX(Jesper!$R$2:$R$366,ROW(INDEX(Jesper!AH$2:AH$366,ROUNDDOWN($C2394/24,0)+1,1))-1)+IF('Standard Profiles'!$G$18=$B$10,7,0)+IF('Standard Profiles'!$G$18=$B$17,14,0)+IF('Standard Profiles'!$G$18=$B$24,21,0),MOD($C2394,24)+1)/SUM(INDEX($D$3:$AA$30,INDEX(Jesper!$R$2:$R$366,ROW(INDEX(Jesper!AH$2:AH$366,ROUNDDOWN($C2394/24,0)+1,1))-1)+IF('Standard Profiles'!$G$18=$B$10,7,0)+IF('Standard Profiles'!$G$18=$B$17,14,0)+IF('Standard Profiles'!$G$18=$B$24,21,0),0)),0)</f>
        <v>0</v>
      </c>
      <c r="E2394" cm="1">
        <f t="array" ref="E2394">IFERROR(INDEX(Jesper!AI$2:AI$366,ROUNDDOWN($C2394/24,0)+1,1)*INDEX($D$3:$AA$30,INDEX(Jesper!$R$2:$R$366,ROW(INDEX(Jesper!AI$2:AI$366,ROUNDDOWN($C2394/24,0)+1,1))-1)+IF('Standard Profiles'!$G$19=$B$10,7,0)+IF('Standard Profiles'!$G$19=$B$17,14,0)+IF('Standard Profiles'!$G$19=$B$24,21,0),MOD($C2394,24)+1)/SUM(INDEX($D$3:$AA$30,INDEX(Jesper!$R$2:$R$366,ROW(INDEX(Jesper!AI$2:AI$366,ROUNDDOWN($C2394/24,0)+1,1))-1)+IF('Standard Profiles'!$G$19=$B$10,7,0)+IF('Standard Profiles'!$G$19=$B$17,14,0)+IF('Standard Profiles'!$G$19=$B$24,21,0),0)),0)</f>
        <v>4.5908011383312122</v>
      </c>
      <c r="F2394" cm="1">
        <f t="array" ref="F2394">IFERROR(INDEX(Jesper!AJ$2:AJ$366,ROUNDDOWN($C2394/24,0)+1,1)*INDEX($D$3:$AA$30,INDEX(Jesper!$R$2:$R$366,ROW(INDEX(Jesper!AJ$2:AJ$366,ROUNDDOWN($C2394/24,0)+1,1))-1)+IF('Standard Profiles'!$G$20=$B$10,7,0)+IF('Standard Profiles'!$G$20=$B$17,14,0)+IF('Standard Profiles'!$G$20=$B$24,21,0),MOD($C2394,24)+1)/SUM(INDEX($D$3:$AA$30,INDEX(Jesper!$R$2:$R$366,ROW(INDEX(Jesper!AJ$2:AJ$366,ROUNDDOWN($C2394/24,0)+1,1))-1)+IF('Standard Profiles'!$G$20=$B$10,7,0)+IF('Standard Profiles'!$G$20=$B$17,14,0)+IF('Standard Profiles'!$G$20=$B$24,21,0),0)),0)</f>
        <v>3.6955537392148257</v>
      </c>
      <c r="G2394" cm="1">
        <f t="array" ref="G2394">IFERROR(INDEX(Jesper!AK$2:AK$366,ROUNDDOWN($C2394/24,0)+1,1)*INDEX($D$3:$AA$30,INDEX(Jesper!$R$2:$R$366,ROW(INDEX(Jesper!AK$2:AK$366,ROUNDDOWN($C2394/24,0)+1,1))-1)+IF('Standard Profiles'!$G$21=$B$10,7,0)+IF('Standard Profiles'!$G$21=$B$17,14,0)+IF('Standard Profiles'!$G$21=$B$24,21,0),MOD($C2394,24)+1)/SUM(INDEX($D$3:$AA$30,INDEX(Jesper!$R$2:$R$366,ROW(INDEX(Jesper!AK$2:AK$366,ROUNDDOWN($C2394/24,0)+1,1))-1)+IF('Standard Profiles'!$G$21=$B$10,7,0)+IF('Standard Profiles'!$G$21=$B$17,14,0)+IF('Standard Profiles'!$G$21=$B$24,21,0),0)),0)</f>
        <v>5.6295393401648957</v>
      </c>
      <c r="H2394" cm="1">
        <f t="array" ref="H2394">IFERROR(INDEX(Jesper!AL$2:AL$366,ROUNDDOWN($C2394/24,0)+1,1)*INDEX($D$3:$AA$30,INDEX(Jesper!$R$2:$R$366,ROW(INDEX(Jesper!AL$2:AL$366,ROUNDDOWN($C2394/24,0)+1,1))-1)+IF('Standard Profiles'!$G$22=$B$10,7,0)+IF('Standard Profiles'!$G$22=$B$17,14,0)+IF('Standard Profiles'!$G$22=$B$24,21,0),MOD($C2394,24)+1)/SUM(INDEX($D$3:$AA$30,INDEX(Jesper!$R$2:$R$366,ROW(INDEX(Jesper!AL$2:AL$366,ROUNDDOWN($C2394/24,0)+1,1))-1)+IF('Standard Profiles'!$G$22=$B$10,7,0)+IF('Standard Profiles'!$G$22=$B$17,14,0)+IF('Standard Profiles'!$G$22=$B$24,21,0),0)),0)</f>
        <v>5.2748164396801931</v>
      </c>
      <c r="I2394">
        <f t="shared" si="272"/>
        <v>5.0638237820929879</v>
      </c>
      <c r="J2394">
        <f t="shared" si="273"/>
        <v>13.575990738698394</v>
      </c>
      <c r="K2394">
        <f t="shared" si="274"/>
        <v>0.36726409106649699</v>
      </c>
      <c r="L2394">
        <f t="shared" si="275"/>
        <v>0.18363204553324849</v>
      </c>
      <c r="M2394">
        <f t="shared" si="276"/>
        <v>0</v>
      </c>
      <c r="N2394" s="45">
        <f t="shared" si="277"/>
        <v>45025.33333332761</v>
      </c>
    </row>
    <row r="2395" spans="2:14" x14ac:dyDescent="0.25">
      <c r="B2395">
        <f t="shared" si="271"/>
        <v>7</v>
      </c>
      <c r="C2395" s="16">
        <v>2361</v>
      </c>
      <c r="D2395" cm="1">
        <f t="array" ref="D2395">IFERROR(INDEX(Jesper!AH$2:AH$366,ROUNDDOWN($C2395/24,0)+1,1)*INDEX($D$3:$AA$30,INDEX(Jesper!$R$2:$R$366,ROW(INDEX(Jesper!AH$2:AH$366,ROUNDDOWN($C2395/24,0)+1,1))-1)+IF('Standard Profiles'!$G$18=$B$10,7,0)+IF('Standard Profiles'!$G$18=$B$17,14,0)+IF('Standard Profiles'!$G$18=$B$24,21,0),MOD($C2395,24)+1)/SUM(INDEX($D$3:$AA$30,INDEX(Jesper!$R$2:$R$366,ROW(INDEX(Jesper!AH$2:AH$366,ROUNDDOWN($C2395/24,0)+1,1))-1)+IF('Standard Profiles'!$G$18=$B$10,7,0)+IF('Standard Profiles'!$G$18=$B$17,14,0)+IF('Standard Profiles'!$G$18=$B$24,21,0),0)),0)</f>
        <v>0</v>
      </c>
      <c r="E2395" cm="1">
        <f t="array" ref="E2395">IFERROR(INDEX(Jesper!AI$2:AI$366,ROUNDDOWN($C2395/24,0)+1,1)*INDEX($D$3:$AA$30,INDEX(Jesper!$R$2:$R$366,ROW(INDEX(Jesper!AI$2:AI$366,ROUNDDOWN($C2395/24,0)+1,1))-1)+IF('Standard Profiles'!$G$19=$B$10,7,0)+IF('Standard Profiles'!$G$19=$B$17,14,0)+IF('Standard Profiles'!$G$19=$B$24,21,0),MOD($C2395,24)+1)/SUM(INDEX($D$3:$AA$30,INDEX(Jesper!$R$2:$R$366,ROW(INDEX(Jesper!AI$2:AI$366,ROUNDDOWN($C2395/24,0)+1,1))-1)+IF('Standard Profiles'!$G$19=$B$10,7,0)+IF('Standard Profiles'!$G$19=$B$17,14,0)+IF('Standard Profiles'!$G$19=$B$24,21,0),0)),0)</f>
        <v>4.5908011383312122</v>
      </c>
      <c r="F2395" cm="1">
        <f t="array" ref="F2395">IFERROR(INDEX(Jesper!AJ$2:AJ$366,ROUNDDOWN($C2395/24,0)+1,1)*INDEX($D$3:$AA$30,INDEX(Jesper!$R$2:$R$366,ROW(INDEX(Jesper!AJ$2:AJ$366,ROUNDDOWN($C2395/24,0)+1,1))-1)+IF('Standard Profiles'!$G$20=$B$10,7,0)+IF('Standard Profiles'!$G$20=$B$17,14,0)+IF('Standard Profiles'!$G$20=$B$24,21,0),MOD($C2395,24)+1)/SUM(INDEX($D$3:$AA$30,INDEX(Jesper!$R$2:$R$366,ROW(INDEX(Jesper!AJ$2:AJ$366,ROUNDDOWN($C2395/24,0)+1,1))-1)+IF('Standard Profiles'!$G$20=$B$10,7,0)+IF('Standard Profiles'!$G$20=$B$17,14,0)+IF('Standard Profiles'!$G$20=$B$24,21,0),0)),0)</f>
        <v>3.6955537392148257</v>
      </c>
      <c r="G2395" cm="1">
        <f t="array" ref="G2395">IFERROR(INDEX(Jesper!AK$2:AK$366,ROUNDDOWN($C2395/24,0)+1,1)*INDEX($D$3:$AA$30,INDEX(Jesper!$R$2:$R$366,ROW(INDEX(Jesper!AK$2:AK$366,ROUNDDOWN($C2395/24,0)+1,1))-1)+IF('Standard Profiles'!$G$21=$B$10,7,0)+IF('Standard Profiles'!$G$21=$B$17,14,0)+IF('Standard Profiles'!$G$21=$B$24,21,0),MOD($C2395,24)+1)/SUM(INDEX($D$3:$AA$30,INDEX(Jesper!$R$2:$R$366,ROW(INDEX(Jesper!AK$2:AK$366,ROUNDDOWN($C2395/24,0)+1,1))-1)+IF('Standard Profiles'!$G$21=$B$10,7,0)+IF('Standard Profiles'!$G$21=$B$17,14,0)+IF('Standard Profiles'!$G$21=$B$24,21,0),0)),0)</f>
        <v>5.6295393401648957</v>
      </c>
      <c r="H2395" cm="1">
        <f t="array" ref="H2395">IFERROR(INDEX(Jesper!AL$2:AL$366,ROUNDDOWN($C2395/24,0)+1,1)*INDEX($D$3:$AA$30,INDEX(Jesper!$R$2:$R$366,ROW(INDEX(Jesper!AL$2:AL$366,ROUNDDOWN($C2395/24,0)+1,1))-1)+IF('Standard Profiles'!$G$22=$B$10,7,0)+IF('Standard Profiles'!$G$22=$B$17,14,0)+IF('Standard Profiles'!$G$22=$B$24,21,0),MOD($C2395,24)+1)/SUM(INDEX($D$3:$AA$30,INDEX(Jesper!$R$2:$R$366,ROW(INDEX(Jesper!AL$2:AL$366,ROUNDDOWN($C2395/24,0)+1,1))-1)+IF('Standard Profiles'!$G$22=$B$10,7,0)+IF('Standard Profiles'!$G$22=$B$17,14,0)+IF('Standard Profiles'!$G$22=$B$24,21,0),0)),0)</f>
        <v>5.2748164396801931</v>
      </c>
      <c r="I2395">
        <f t="shared" si="272"/>
        <v>5.0638237820929879</v>
      </c>
      <c r="J2395">
        <f t="shared" si="273"/>
        <v>13.575990738698394</v>
      </c>
      <c r="K2395">
        <f t="shared" si="274"/>
        <v>0.36726409106649699</v>
      </c>
      <c r="L2395">
        <f t="shared" si="275"/>
        <v>0.18363204553324849</v>
      </c>
      <c r="M2395">
        <f t="shared" si="276"/>
        <v>0</v>
      </c>
      <c r="N2395" s="45">
        <f t="shared" si="277"/>
        <v>45025.374999994274</v>
      </c>
    </row>
    <row r="2396" spans="2:14" x14ac:dyDescent="0.25">
      <c r="B2396">
        <f t="shared" si="271"/>
        <v>7</v>
      </c>
      <c r="C2396" s="16">
        <v>2362</v>
      </c>
      <c r="D2396" cm="1">
        <f t="array" ref="D2396">IFERROR(INDEX(Jesper!AH$2:AH$366,ROUNDDOWN($C2396/24,0)+1,1)*INDEX($D$3:$AA$30,INDEX(Jesper!$R$2:$R$366,ROW(INDEX(Jesper!AH$2:AH$366,ROUNDDOWN($C2396/24,0)+1,1))-1)+IF('Standard Profiles'!$G$18=$B$10,7,0)+IF('Standard Profiles'!$G$18=$B$17,14,0)+IF('Standard Profiles'!$G$18=$B$24,21,0),MOD($C2396,24)+1)/SUM(INDEX($D$3:$AA$30,INDEX(Jesper!$R$2:$R$366,ROW(INDEX(Jesper!AH$2:AH$366,ROUNDDOWN($C2396/24,0)+1,1))-1)+IF('Standard Profiles'!$G$18=$B$10,7,0)+IF('Standard Profiles'!$G$18=$B$17,14,0)+IF('Standard Profiles'!$G$18=$B$24,21,0),0)),0)</f>
        <v>0</v>
      </c>
      <c r="E2396" cm="1">
        <f t="array" ref="E2396">IFERROR(INDEX(Jesper!AI$2:AI$366,ROUNDDOWN($C2396/24,0)+1,1)*INDEX($D$3:$AA$30,INDEX(Jesper!$R$2:$R$366,ROW(INDEX(Jesper!AI$2:AI$366,ROUNDDOWN($C2396/24,0)+1,1))-1)+IF('Standard Profiles'!$G$19=$B$10,7,0)+IF('Standard Profiles'!$G$19=$B$17,14,0)+IF('Standard Profiles'!$G$19=$B$24,21,0),MOD($C2396,24)+1)/SUM(INDEX($D$3:$AA$30,INDEX(Jesper!$R$2:$R$366,ROW(INDEX(Jesper!AI$2:AI$366,ROUNDDOWN($C2396/24,0)+1,1))-1)+IF('Standard Profiles'!$G$19=$B$10,7,0)+IF('Standard Profiles'!$G$19=$B$17,14,0)+IF('Standard Profiles'!$G$19=$B$24,21,0),0)),0)</f>
        <v>4.5908011383312122</v>
      </c>
      <c r="F2396" cm="1">
        <f t="array" ref="F2396">IFERROR(INDEX(Jesper!AJ$2:AJ$366,ROUNDDOWN($C2396/24,0)+1,1)*INDEX($D$3:$AA$30,INDEX(Jesper!$R$2:$R$366,ROW(INDEX(Jesper!AJ$2:AJ$366,ROUNDDOWN($C2396/24,0)+1,1))-1)+IF('Standard Profiles'!$G$20=$B$10,7,0)+IF('Standard Profiles'!$G$20=$B$17,14,0)+IF('Standard Profiles'!$G$20=$B$24,21,0),MOD($C2396,24)+1)/SUM(INDEX($D$3:$AA$30,INDEX(Jesper!$R$2:$R$366,ROW(INDEX(Jesper!AJ$2:AJ$366,ROUNDDOWN($C2396/24,0)+1,1))-1)+IF('Standard Profiles'!$G$20=$B$10,7,0)+IF('Standard Profiles'!$G$20=$B$17,14,0)+IF('Standard Profiles'!$G$20=$B$24,21,0),0)),0)</f>
        <v>3.6955537392148257</v>
      </c>
      <c r="G2396" cm="1">
        <f t="array" ref="G2396">IFERROR(INDEX(Jesper!AK$2:AK$366,ROUNDDOWN($C2396/24,0)+1,1)*INDEX($D$3:$AA$30,INDEX(Jesper!$R$2:$R$366,ROW(INDEX(Jesper!AK$2:AK$366,ROUNDDOWN($C2396/24,0)+1,1))-1)+IF('Standard Profiles'!$G$21=$B$10,7,0)+IF('Standard Profiles'!$G$21=$B$17,14,0)+IF('Standard Profiles'!$G$21=$B$24,21,0),MOD($C2396,24)+1)/SUM(INDEX($D$3:$AA$30,INDEX(Jesper!$R$2:$R$366,ROW(INDEX(Jesper!AK$2:AK$366,ROUNDDOWN($C2396/24,0)+1,1))-1)+IF('Standard Profiles'!$G$21=$B$10,7,0)+IF('Standard Profiles'!$G$21=$B$17,14,0)+IF('Standard Profiles'!$G$21=$B$24,21,0),0)),0)</f>
        <v>5.6295393401648957</v>
      </c>
      <c r="H2396" cm="1">
        <f t="array" ref="H2396">IFERROR(INDEX(Jesper!AL$2:AL$366,ROUNDDOWN($C2396/24,0)+1,1)*INDEX($D$3:$AA$30,INDEX(Jesper!$R$2:$R$366,ROW(INDEX(Jesper!AL$2:AL$366,ROUNDDOWN($C2396/24,0)+1,1))-1)+IF('Standard Profiles'!$G$22=$B$10,7,0)+IF('Standard Profiles'!$G$22=$B$17,14,0)+IF('Standard Profiles'!$G$22=$B$24,21,0),MOD($C2396,24)+1)/SUM(INDEX($D$3:$AA$30,INDEX(Jesper!$R$2:$R$366,ROW(INDEX(Jesper!AL$2:AL$366,ROUNDDOWN($C2396/24,0)+1,1))-1)+IF('Standard Profiles'!$G$22=$B$10,7,0)+IF('Standard Profiles'!$G$22=$B$17,14,0)+IF('Standard Profiles'!$G$22=$B$24,21,0),0)),0)</f>
        <v>5.2748164396801931</v>
      </c>
      <c r="I2396">
        <f t="shared" si="272"/>
        <v>5.0638237820929879</v>
      </c>
      <c r="J2396">
        <f t="shared" si="273"/>
        <v>13.575990738698394</v>
      </c>
      <c r="K2396">
        <f t="shared" si="274"/>
        <v>0.36726409106649699</v>
      </c>
      <c r="L2396">
        <f t="shared" si="275"/>
        <v>0.18363204553324849</v>
      </c>
      <c r="M2396">
        <f t="shared" si="276"/>
        <v>0</v>
      </c>
      <c r="N2396" s="45">
        <f t="shared" si="277"/>
        <v>45025.416666660938</v>
      </c>
    </row>
    <row r="2397" spans="2:14" x14ac:dyDescent="0.25">
      <c r="B2397">
        <f t="shared" si="271"/>
        <v>7</v>
      </c>
      <c r="C2397" s="16">
        <v>2363</v>
      </c>
      <c r="D2397" cm="1">
        <f t="array" ref="D2397">IFERROR(INDEX(Jesper!AH$2:AH$366,ROUNDDOWN($C2397/24,0)+1,1)*INDEX($D$3:$AA$30,INDEX(Jesper!$R$2:$R$366,ROW(INDEX(Jesper!AH$2:AH$366,ROUNDDOWN($C2397/24,0)+1,1))-1)+IF('Standard Profiles'!$G$18=$B$10,7,0)+IF('Standard Profiles'!$G$18=$B$17,14,0)+IF('Standard Profiles'!$G$18=$B$24,21,0),MOD($C2397,24)+1)/SUM(INDEX($D$3:$AA$30,INDEX(Jesper!$R$2:$R$366,ROW(INDEX(Jesper!AH$2:AH$366,ROUNDDOWN($C2397/24,0)+1,1))-1)+IF('Standard Profiles'!$G$18=$B$10,7,0)+IF('Standard Profiles'!$G$18=$B$17,14,0)+IF('Standard Profiles'!$G$18=$B$24,21,0),0)),0)</f>
        <v>0</v>
      </c>
      <c r="E2397" cm="1">
        <f t="array" ref="E2397">IFERROR(INDEX(Jesper!AI$2:AI$366,ROUNDDOWN($C2397/24,0)+1,1)*INDEX($D$3:$AA$30,INDEX(Jesper!$R$2:$R$366,ROW(INDEX(Jesper!AI$2:AI$366,ROUNDDOWN($C2397/24,0)+1,1))-1)+IF('Standard Profiles'!$G$19=$B$10,7,0)+IF('Standard Profiles'!$G$19=$B$17,14,0)+IF('Standard Profiles'!$G$19=$B$24,21,0),MOD($C2397,24)+1)/SUM(INDEX($D$3:$AA$30,INDEX(Jesper!$R$2:$R$366,ROW(INDEX(Jesper!AI$2:AI$366,ROUNDDOWN($C2397/24,0)+1,1))-1)+IF('Standard Profiles'!$G$19=$B$10,7,0)+IF('Standard Profiles'!$G$19=$B$17,14,0)+IF('Standard Profiles'!$G$19=$B$24,21,0),0)),0)</f>
        <v>4.5908011383312122</v>
      </c>
      <c r="F2397" cm="1">
        <f t="array" ref="F2397">IFERROR(INDEX(Jesper!AJ$2:AJ$366,ROUNDDOWN($C2397/24,0)+1,1)*INDEX($D$3:$AA$30,INDEX(Jesper!$R$2:$R$366,ROW(INDEX(Jesper!AJ$2:AJ$366,ROUNDDOWN($C2397/24,0)+1,1))-1)+IF('Standard Profiles'!$G$20=$B$10,7,0)+IF('Standard Profiles'!$G$20=$B$17,14,0)+IF('Standard Profiles'!$G$20=$B$24,21,0),MOD($C2397,24)+1)/SUM(INDEX($D$3:$AA$30,INDEX(Jesper!$R$2:$R$366,ROW(INDEX(Jesper!AJ$2:AJ$366,ROUNDDOWN($C2397/24,0)+1,1))-1)+IF('Standard Profiles'!$G$20=$B$10,7,0)+IF('Standard Profiles'!$G$20=$B$17,14,0)+IF('Standard Profiles'!$G$20=$B$24,21,0),0)),0)</f>
        <v>3.6955537392148257</v>
      </c>
      <c r="G2397" cm="1">
        <f t="array" ref="G2397">IFERROR(INDEX(Jesper!AK$2:AK$366,ROUNDDOWN($C2397/24,0)+1,1)*INDEX($D$3:$AA$30,INDEX(Jesper!$R$2:$R$366,ROW(INDEX(Jesper!AK$2:AK$366,ROUNDDOWN($C2397/24,0)+1,1))-1)+IF('Standard Profiles'!$G$21=$B$10,7,0)+IF('Standard Profiles'!$G$21=$B$17,14,0)+IF('Standard Profiles'!$G$21=$B$24,21,0),MOD($C2397,24)+1)/SUM(INDEX($D$3:$AA$30,INDEX(Jesper!$R$2:$R$366,ROW(INDEX(Jesper!AK$2:AK$366,ROUNDDOWN($C2397/24,0)+1,1))-1)+IF('Standard Profiles'!$G$21=$B$10,7,0)+IF('Standard Profiles'!$G$21=$B$17,14,0)+IF('Standard Profiles'!$G$21=$B$24,21,0),0)),0)</f>
        <v>5.6295393401648957</v>
      </c>
      <c r="H2397" cm="1">
        <f t="array" ref="H2397">IFERROR(INDEX(Jesper!AL$2:AL$366,ROUNDDOWN($C2397/24,0)+1,1)*INDEX($D$3:$AA$30,INDEX(Jesper!$R$2:$R$366,ROW(INDEX(Jesper!AL$2:AL$366,ROUNDDOWN($C2397/24,0)+1,1))-1)+IF('Standard Profiles'!$G$22=$B$10,7,0)+IF('Standard Profiles'!$G$22=$B$17,14,0)+IF('Standard Profiles'!$G$22=$B$24,21,0),MOD($C2397,24)+1)/SUM(INDEX($D$3:$AA$30,INDEX(Jesper!$R$2:$R$366,ROW(INDEX(Jesper!AL$2:AL$366,ROUNDDOWN($C2397/24,0)+1,1))-1)+IF('Standard Profiles'!$G$22=$B$10,7,0)+IF('Standard Profiles'!$G$22=$B$17,14,0)+IF('Standard Profiles'!$G$22=$B$24,21,0),0)),0)</f>
        <v>5.2748164396801931</v>
      </c>
      <c r="I2397">
        <f t="shared" si="272"/>
        <v>5.0638237820929879</v>
      </c>
      <c r="J2397">
        <f t="shared" si="273"/>
        <v>13.575990738698394</v>
      </c>
      <c r="K2397">
        <f t="shared" si="274"/>
        <v>0.36726409106649699</v>
      </c>
      <c r="L2397">
        <f t="shared" si="275"/>
        <v>0.18363204553324849</v>
      </c>
      <c r="M2397">
        <f t="shared" si="276"/>
        <v>0</v>
      </c>
      <c r="N2397" s="45">
        <f t="shared" si="277"/>
        <v>45025.458333327602</v>
      </c>
    </row>
    <row r="2398" spans="2:14" x14ac:dyDescent="0.25">
      <c r="B2398">
        <f t="shared" si="271"/>
        <v>7</v>
      </c>
      <c r="C2398" s="16">
        <v>2364</v>
      </c>
      <c r="D2398" cm="1">
        <f t="array" ref="D2398">IFERROR(INDEX(Jesper!AH$2:AH$366,ROUNDDOWN($C2398/24,0)+1,1)*INDEX($D$3:$AA$30,INDEX(Jesper!$R$2:$R$366,ROW(INDEX(Jesper!AH$2:AH$366,ROUNDDOWN($C2398/24,0)+1,1))-1)+IF('Standard Profiles'!$G$18=$B$10,7,0)+IF('Standard Profiles'!$G$18=$B$17,14,0)+IF('Standard Profiles'!$G$18=$B$24,21,0),MOD($C2398,24)+1)/SUM(INDEX($D$3:$AA$30,INDEX(Jesper!$R$2:$R$366,ROW(INDEX(Jesper!AH$2:AH$366,ROUNDDOWN($C2398/24,0)+1,1))-1)+IF('Standard Profiles'!$G$18=$B$10,7,0)+IF('Standard Profiles'!$G$18=$B$17,14,0)+IF('Standard Profiles'!$G$18=$B$24,21,0),0)),0)</f>
        <v>0</v>
      </c>
      <c r="E2398" cm="1">
        <f t="array" ref="E2398">IFERROR(INDEX(Jesper!AI$2:AI$366,ROUNDDOWN($C2398/24,0)+1,1)*INDEX($D$3:$AA$30,INDEX(Jesper!$R$2:$R$366,ROW(INDEX(Jesper!AI$2:AI$366,ROUNDDOWN($C2398/24,0)+1,1))-1)+IF('Standard Profiles'!$G$19=$B$10,7,0)+IF('Standard Profiles'!$G$19=$B$17,14,0)+IF('Standard Profiles'!$G$19=$B$24,21,0),MOD($C2398,24)+1)/SUM(INDEX($D$3:$AA$30,INDEX(Jesper!$R$2:$R$366,ROW(INDEX(Jesper!AI$2:AI$366,ROUNDDOWN($C2398/24,0)+1,1))-1)+IF('Standard Profiles'!$G$19=$B$10,7,0)+IF('Standard Profiles'!$G$19=$B$17,14,0)+IF('Standard Profiles'!$G$19=$B$24,21,0),0)),0)</f>
        <v>4.5908011383312122</v>
      </c>
      <c r="F2398" cm="1">
        <f t="array" ref="F2398">IFERROR(INDEX(Jesper!AJ$2:AJ$366,ROUNDDOWN($C2398/24,0)+1,1)*INDEX($D$3:$AA$30,INDEX(Jesper!$R$2:$R$366,ROW(INDEX(Jesper!AJ$2:AJ$366,ROUNDDOWN($C2398/24,0)+1,1))-1)+IF('Standard Profiles'!$G$20=$B$10,7,0)+IF('Standard Profiles'!$G$20=$B$17,14,0)+IF('Standard Profiles'!$G$20=$B$24,21,0),MOD($C2398,24)+1)/SUM(INDEX($D$3:$AA$30,INDEX(Jesper!$R$2:$R$366,ROW(INDEX(Jesper!AJ$2:AJ$366,ROUNDDOWN($C2398/24,0)+1,1))-1)+IF('Standard Profiles'!$G$20=$B$10,7,0)+IF('Standard Profiles'!$G$20=$B$17,14,0)+IF('Standard Profiles'!$G$20=$B$24,21,0),0)),0)</f>
        <v>3.6955537392148257</v>
      </c>
      <c r="G2398" cm="1">
        <f t="array" ref="G2398">IFERROR(INDEX(Jesper!AK$2:AK$366,ROUNDDOWN($C2398/24,0)+1,1)*INDEX($D$3:$AA$30,INDEX(Jesper!$R$2:$R$366,ROW(INDEX(Jesper!AK$2:AK$366,ROUNDDOWN($C2398/24,0)+1,1))-1)+IF('Standard Profiles'!$G$21=$B$10,7,0)+IF('Standard Profiles'!$G$21=$B$17,14,0)+IF('Standard Profiles'!$G$21=$B$24,21,0),MOD($C2398,24)+1)/SUM(INDEX($D$3:$AA$30,INDEX(Jesper!$R$2:$R$366,ROW(INDEX(Jesper!AK$2:AK$366,ROUNDDOWN($C2398/24,0)+1,1))-1)+IF('Standard Profiles'!$G$21=$B$10,7,0)+IF('Standard Profiles'!$G$21=$B$17,14,0)+IF('Standard Profiles'!$G$21=$B$24,21,0),0)),0)</f>
        <v>5.6295393401648957</v>
      </c>
      <c r="H2398" cm="1">
        <f t="array" ref="H2398">IFERROR(INDEX(Jesper!AL$2:AL$366,ROUNDDOWN($C2398/24,0)+1,1)*INDEX($D$3:$AA$30,INDEX(Jesper!$R$2:$R$366,ROW(INDEX(Jesper!AL$2:AL$366,ROUNDDOWN($C2398/24,0)+1,1))-1)+IF('Standard Profiles'!$G$22=$B$10,7,0)+IF('Standard Profiles'!$G$22=$B$17,14,0)+IF('Standard Profiles'!$G$22=$B$24,21,0),MOD($C2398,24)+1)/SUM(INDEX($D$3:$AA$30,INDEX(Jesper!$R$2:$R$366,ROW(INDEX(Jesper!AL$2:AL$366,ROUNDDOWN($C2398/24,0)+1,1))-1)+IF('Standard Profiles'!$G$22=$B$10,7,0)+IF('Standard Profiles'!$G$22=$B$17,14,0)+IF('Standard Profiles'!$G$22=$B$24,21,0),0)),0)</f>
        <v>5.2748164396801931</v>
      </c>
      <c r="I2398">
        <f t="shared" si="272"/>
        <v>5.0638237820929879</v>
      </c>
      <c r="J2398">
        <f t="shared" si="273"/>
        <v>13.575990738698394</v>
      </c>
      <c r="K2398">
        <f t="shared" si="274"/>
        <v>0.36726409106649699</v>
      </c>
      <c r="L2398">
        <f t="shared" si="275"/>
        <v>0.18363204553324849</v>
      </c>
      <c r="M2398">
        <f t="shared" si="276"/>
        <v>0</v>
      </c>
      <c r="N2398" s="45">
        <f t="shared" si="277"/>
        <v>45025.499999994267</v>
      </c>
    </row>
    <row r="2399" spans="2:14" x14ac:dyDescent="0.25">
      <c r="B2399">
        <f t="shared" si="271"/>
        <v>7</v>
      </c>
      <c r="C2399" s="16">
        <v>2365</v>
      </c>
      <c r="D2399" cm="1">
        <f t="array" ref="D2399">IFERROR(INDEX(Jesper!AH$2:AH$366,ROUNDDOWN($C2399/24,0)+1,1)*INDEX($D$3:$AA$30,INDEX(Jesper!$R$2:$R$366,ROW(INDEX(Jesper!AH$2:AH$366,ROUNDDOWN($C2399/24,0)+1,1))-1)+IF('Standard Profiles'!$G$18=$B$10,7,0)+IF('Standard Profiles'!$G$18=$B$17,14,0)+IF('Standard Profiles'!$G$18=$B$24,21,0),MOD($C2399,24)+1)/SUM(INDEX($D$3:$AA$30,INDEX(Jesper!$R$2:$R$366,ROW(INDEX(Jesper!AH$2:AH$366,ROUNDDOWN($C2399/24,0)+1,1))-1)+IF('Standard Profiles'!$G$18=$B$10,7,0)+IF('Standard Profiles'!$G$18=$B$17,14,0)+IF('Standard Profiles'!$G$18=$B$24,21,0),0)),0)</f>
        <v>0</v>
      </c>
      <c r="E2399" cm="1">
        <f t="array" ref="E2399">IFERROR(INDEX(Jesper!AI$2:AI$366,ROUNDDOWN($C2399/24,0)+1,1)*INDEX($D$3:$AA$30,INDEX(Jesper!$R$2:$R$366,ROW(INDEX(Jesper!AI$2:AI$366,ROUNDDOWN($C2399/24,0)+1,1))-1)+IF('Standard Profiles'!$G$19=$B$10,7,0)+IF('Standard Profiles'!$G$19=$B$17,14,0)+IF('Standard Profiles'!$G$19=$B$24,21,0),MOD($C2399,24)+1)/SUM(INDEX($D$3:$AA$30,INDEX(Jesper!$R$2:$R$366,ROW(INDEX(Jesper!AI$2:AI$366,ROUNDDOWN($C2399/24,0)+1,1))-1)+IF('Standard Profiles'!$G$19=$B$10,7,0)+IF('Standard Profiles'!$G$19=$B$17,14,0)+IF('Standard Profiles'!$G$19=$B$24,21,0),0)),0)</f>
        <v>4.5908011383312122</v>
      </c>
      <c r="F2399" cm="1">
        <f t="array" ref="F2399">IFERROR(INDEX(Jesper!AJ$2:AJ$366,ROUNDDOWN($C2399/24,0)+1,1)*INDEX($D$3:$AA$30,INDEX(Jesper!$R$2:$R$366,ROW(INDEX(Jesper!AJ$2:AJ$366,ROUNDDOWN($C2399/24,0)+1,1))-1)+IF('Standard Profiles'!$G$20=$B$10,7,0)+IF('Standard Profiles'!$G$20=$B$17,14,0)+IF('Standard Profiles'!$G$20=$B$24,21,0),MOD($C2399,24)+1)/SUM(INDEX($D$3:$AA$30,INDEX(Jesper!$R$2:$R$366,ROW(INDEX(Jesper!AJ$2:AJ$366,ROUNDDOWN($C2399/24,0)+1,1))-1)+IF('Standard Profiles'!$G$20=$B$10,7,0)+IF('Standard Profiles'!$G$20=$B$17,14,0)+IF('Standard Profiles'!$G$20=$B$24,21,0),0)),0)</f>
        <v>3.6955537392148257</v>
      </c>
      <c r="G2399" cm="1">
        <f t="array" ref="G2399">IFERROR(INDEX(Jesper!AK$2:AK$366,ROUNDDOWN($C2399/24,0)+1,1)*INDEX($D$3:$AA$30,INDEX(Jesper!$R$2:$R$366,ROW(INDEX(Jesper!AK$2:AK$366,ROUNDDOWN($C2399/24,0)+1,1))-1)+IF('Standard Profiles'!$G$21=$B$10,7,0)+IF('Standard Profiles'!$G$21=$B$17,14,0)+IF('Standard Profiles'!$G$21=$B$24,21,0),MOD($C2399,24)+1)/SUM(INDEX($D$3:$AA$30,INDEX(Jesper!$R$2:$R$366,ROW(INDEX(Jesper!AK$2:AK$366,ROUNDDOWN($C2399/24,0)+1,1))-1)+IF('Standard Profiles'!$G$21=$B$10,7,0)+IF('Standard Profiles'!$G$21=$B$17,14,0)+IF('Standard Profiles'!$G$21=$B$24,21,0),0)),0)</f>
        <v>5.6295393401648957</v>
      </c>
      <c r="H2399" cm="1">
        <f t="array" ref="H2399">IFERROR(INDEX(Jesper!AL$2:AL$366,ROUNDDOWN($C2399/24,0)+1,1)*INDEX($D$3:$AA$30,INDEX(Jesper!$R$2:$R$366,ROW(INDEX(Jesper!AL$2:AL$366,ROUNDDOWN($C2399/24,0)+1,1))-1)+IF('Standard Profiles'!$G$22=$B$10,7,0)+IF('Standard Profiles'!$G$22=$B$17,14,0)+IF('Standard Profiles'!$G$22=$B$24,21,0),MOD($C2399,24)+1)/SUM(INDEX($D$3:$AA$30,INDEX(Jesper!$R$2:$R$366,ROW(INDEX(Jesper!AL$2:AL$366,ROUNDDOWN($C2399/24,0)+1,1))-1)+IF('Standard Profiles'!$G$22=$B$10,7,0)+IF('Standard Profiles'!$G$22=$B$17,14,0)+IF('Standard Profiles'!$G$22=$B$24,21,0),0)),0)</f>
        <v>5.2748164396801931</v>
      </c>
      <c r="I2399">
        <f t="shared" si="272"/>
        <v>5.0638237820929879</v>
      </c>
      <c r="J2399">
        <f t="shared" si="273"/>
        <v>13.575990738698394</v>
      </c>
      <c r="K2399">
        <f t="shared" si="274"/>
        <v>0.36726409106649699</v>
      </c>
      <c r="L2399">
        <f t="shared" si="275"/>
        <v>0.18363204553324849</v>
      </c>
      <c r="M2399">
        <f t="shared" si="276"/>
        <v>0</v>
      </c>
      <c r="N2399" s="45">
        <f t="shared" si="277"/>
        <v>45025.541666660931</v>
      </c>
    </row>
    <row r="2400" spans="2:14" x14ac:dyDescent="0.25">
      <c r="B2400">
        <f t="shared" si="271"/>
        <v>7</v>
      </c>
      <c r="C2400" s="16">
        <v>2366</v>
      </c>
      <c r="D2400" cm="1">
        <f t="array" ref="D2400">IFERROR(INDEX(Jesper!AH$2:AH$366,ROUNDDOWN($C2400/24,0)+1,1)*INDEX($D$3:$AA$30,INDEX(Jesper!$R$2:$R$366,ROW(INDEX(Jesper!AH$2:AH$366,ROUNDDOWN($C2400/24,0)+1,1))-1)+IF('Standard Profiles'!$G$18=$B$10,7,0)+IF('Standard Profiles'!$G$18=$B$17,14,0)+IF('Standard Profiles'!$G$18=$B$24,21,0),MOD($C2400,24)+1)/SUM(INDEX($D$3:$AA$30,INDEX(Jesper!$R$2:$R$366,ROW(INDEX(Jesper!AH$2:AH$366,ROUNDDOWN($C2400/24,0)+1,1))-1)+IF('Standard Profiles'!$G$18=$B$10,7,0)+IF('Standard Profiles'!$G$18=$B$17,14,0)+IF('Standard Profiles'!$G$18=$B$24,21,0),0)),0)</f>
        <v>0</v>
      </c>
      <c r="E2400" cm="1">
        <f t="array" ref="E2400">IFERROR(INDEX(Jesper!AI$2:AI$366,ROUNDDOWN($C2400/24,0)+1,1)*INDEX($D$3:$AA$30,INDEX(Jesper!$R$2:$R$366,ROW(INDEX(Jesper!AI$2:AI$366,ROUNDDOWN($C2400/24,0)+1,1))-1)+IF('Standard Profiles'!$G$19=$B$10,7,0)+IF('Standard Profiles'!$G$19=$B$17,14,0)+IF('Standard Profiles'!$G$19=$B$24,21,0),MOD($C2400,24)+1)/SUM(INDEX($D$3:$AA$30,INDEX(Jesper!$R$2:$R$366,ROW(INDEX(Jesper!AI$2:AI$366,ROUNDDOWN($C2400/24,0)+1,1))-1)+IF('Standard Profiles'!$G$19=$B$10,7,0)+IF('Standard Profiles'!$G$19=$B$17,14,0)+IF('Standard Profiles'!$G$19=$B$24,21,0),0)),0)</f>
        <v>4.5908011383312122</v>
      </c>
      <c r="F2400" cm="1">
        <f t="array" ref="F2400">IFERROR(INDEX(Jesper!AJ$2:AJ$366,ROUNDDOWN($C2400/24,0)+1,1)*INDEX($D$3:$AA$30,INDEX(Jesper!$R$2:$R$366,ROW(INDEX(Jesper!AJ$2:AJ$366,ROUNDDOWN($C2400/24,0)+1,1))-1)+IF('Standard Profiles'!$G$20=$B$10,7,0)+IF('Standard Profiles'!$G$20=$B$17,14,0)+IF('Standard Profiles'!$G$20=$B$24,21,0),MOD($C2400,24)+1)/SUM(INDEX($D$3:$AA$30,INDEX(Jesper!$R$2:$R$366,ROW(INDEX(Jesper!AJ$2:AJ$366,ROUNDDOWN($C2400/24,0)+1,1))-1)+IF('Standard Profiles'!$G$20=$B$10,7,0)+IF('Standard Profiles'!$G$20=$B$17,14,0)+IF('Standard Profiles'!$G$20=$B$24,21,0),0)),0)</f>
        <v>3.6955537392148257</v>
      </c>
      <c r="G2400" cm="1">
        <f t="array" ref="G2400">IFERROR(INDEX(Jesper!AK$2:AK$366,ROUNDDOWN($C2400/24,0)+1,1)*INDEX($D$3:$AA$30,INDEX(Jesper!$R$2:$R$366,ROW(INDEX(Jesper!AK$2:AK$366,ROUNDDOWN($C2400/24,0)+1,1))-1)+IF('Standard Profiles'!$G$21=$B$10,7,0)+IF('Standard Profiles'!$G$21=$B$17,14,0)+IF('Standard Profiles'!$G$21=$B$24,21,0),MOD($C2400,24)+1)/SUM(INDEX($D$3:$AA$30,INDEX(Jesper!$R$2:$R$366,ROW(INDEX(Jesper!AK$2:AK$366,ROUNDDOWN($C2400/24,0)+1,1))-1)+IF('Standard Profiles'!$G$21=$B$10,7,0)+IF('Standard Profiles'!$G$21=$B$17,14,0)+IF('Standard Profiles'!$G$21=$B$24,21,0),0)),0)</f>
        <v>5.6295393401648957</v>
      </c>
      <c r="H2400" cm="1">
        <f t="array" ref="H2400">IFERROR(INDEX(Jesper!AL$2:AL$366,ROUNDDOWN($C2400/24,0)+1,1)*INDEX($D$3:$AA$30,INDEX(Jesper!$R$2:$R$366,ROW(INDEX(Jesper!AL$2:AL$366,ROUNDDOWN($C2400/24,0)+1,1))-1)+IF('Standard Profiles'!$G$22=$B$10,7,0)+IF('Standard Profiles'!$G$22=$B$17,14,0)+IF('Standard Profiles'!$G$22=$B$24,21,0),MOD($C2400,24)+1)/SUM(INDEX($D$3:$AA$30,INDEX(Jesper!$R$2:$R$366,ROW(INDEX(Jesper!AL$2:AL$366,ROUNDDOWN($C2400/24,0)+1,1))-1)+IF('Standard Profiles'!$G$22=$B$10,7,0)+IF('Standard Profiles'!$G$22=$B$17,14,0)+IF('Standard Profiles'!$G$22=$B$24,21,0),0)),0)</f>
        <v>5.2748164396801931</v>
      </c>
      <c r="I2400">
        <f t="shared" si="272"/>
        <v>5.0638237820929879</v>
      </c>
      <c r="J2400">
        <f t="shared" si="273"/>
        <v>13.575990738698394</v>
      </c>
      <c r="K2400">
        <f t="shared" si="274"/>
        <v>0.36726409106649699</v>
      </c>
      <c r="L2400">
        <f t="shared" si="275"/>
        <v>0.18363204553324849</v>
      </c>
      <c r="M2400">
        <f t="shared" si="276"/>
        <v>0</v>
      </c>
      <c r="N2400" s="45">
        <f t="shared" si="277"/>
        <v>45025.583333327595</v>
      </c>
    </row>
    <row r="2401" spans="2:14" x14ac:dyDescent="0.25">
      <c r="B2401">
        <f t="shared" si="271"/>
        <v>7</v>
      </c>
      <c r="C2401" s="16">
        <v>2367</v>
      </c>
      <c r="D2401" cm="1">
        <f t="array" ref="D2401">IFERROR(INDEX(Jesper!AH$2:AH$366,ROUNDDOWN($C2401/24,0)+1,1)*INDEX($D$3:$AA$30,INDEX(Jesper!$R$2:$R$366,ROW(INDEX(Jesper!AH$2:AH$366,ROUNDDOWN($C2401/24,0)+1,1))-1)+IF('Standard Profiles'!$G$18=$B$10,7,0)+IF('Standard Profiles'!$G$18=$B$17,14,0)+IF('Standard Profiles'!$G$18=$B$24,21,0),MOD($C2401,24)+1)/SUM(INDEX($D$3:$AA$30,INDEX(Jesper!$R$2:$R$366,ROW(INDEX(Jesper!AH$2:AH$366,ROUNDDOWN($C2401/24,0)+1,1))-1)+IF('Standard Profiles'!$G$18=$B$10,7,0)+IF('Standard Profiles'!$G$18=$B$17,14,0)+IF('Standard Profiles'!$G$18=$B$24,21,0),0)),0)</f>
        <v>0</v>
      </c>
      <c r="E2401" cm="1">
        <f t="array" ref="E2401">IFERROR(INDEX(Jesper!AI$2:AI$366,ROUNDDOWN($C2401/24,0)+1,1)*INDEX($D$3:$AA$30,INDEX(Jesper!$R$2:$R$366,ROW(INDEX(Jesper!AI$2:AI$366,ROUNDDOWN($C2401/24,0)+1,1))-1)+IF('Standard Profiles'!$G$19=$B$10,7,0)+IF('Standard Profiles'!$G$19=$B$17,14,0)+IF('Standard Profiles'!$G$19=$B$24,21,0),MOD($C2401,24)+1)/SUM(INDEX($D$3:$AA$30,INDEX(Jesper!$R$2:$R$366,ROW(INDEX(Jesper!AI$2:AI$366,ROUNDDOWN($C2401/24,0)+1,1))-1)+IF('Standard Profiles'!$G$19=$B$10,7,0)+IF('Standard Profiles'!$G$19=$B$17,14,0)+IF('Standard Profiles'!$G$19=$B$24,21,0),0)),0)</f>
        <v>4.5908011383312122</v>
      </c>
      <c r="F2401" cm="1">
        <f t="array" ref="F2401">IFERROR(INDEX(Jesper!AJ$2:AJ$366,ROUNDDOWN($C2401/24,0)+1,1)*INDEX($D$3:$AA$30,INDEX(Jesper!$R$2:$R$366,ROW(INDEX(Jesper!AJ$2:AJ$366,ROUNDDOWN($C2401/24,0)+1,1))-1)+IF('Standard Profiles'!$G$20=$B$10,7,0)+IF('Standard Profiles'!$G$20=$B$17,14,0)+IF('Standard Profiles'!$G$20=$B$24,21,0),MOD($C2401,24)+1)/SUM(INDEX($D$3:$AA$30,INDEX(Jesper!$R$2:$R$366,ROW(INDEX(Jesper!AJ$2:AJ$366,ROUNDDOWN($C2401/24,0)+1,1))-1)+IF('Standard Profiles'!$G$20=$B$10,7,0)+IF('Standard Profiles'!$G$20=$B$17,14,0)+IF('Standard Profiles'!$G$20=$B$24,21,0),0)),0)</f>
        <v>3.6955537392148257</v>
      </c>
      <c r="G2401" cm="1">
        <f t="array" ref="G2401">IFERROR(INDEX(Jesper!AK$2:AK$366,ROUNDDOWN($C2401/24,0)+1,1)*INDEX($D$3:$AA$30,INDEX(Jesper!$R$2:$R$366,ROW(INDEX(Jesper!AK$2:AK$366,ROUNDDOWN($C2401/24,0)+1,1))-1)+IF('Standard Profiles'!$G$21=$B$10,7,0)+IF('Standard Profiles'!$G$21=$B$17,14,0)+IF('Standard Profiles'!$G$21=$B$24,21,0),MOD($C2401,24)+1)/SUM(INDEX($D$3:$AA$30,INDEX(Jesper!$R$2:$R$366,ROW(INDEX(Jesper!AK$2:AK$366,ROUNDDOWN($C2401/24,0)+1,1))-1)+IF('Standard Profiles'!$G$21=$B$10,7,0)+IF('Standard Profiles'!$G$21=$B$17,14,0)+IF('Standard Profiles'!$G$21=$B$24,21,0),0)),0)</f>
        <v>5.6295393401648957</v>
      </c>
      <c r="H2401" cm="1">
        <f t="array" ref="H2401">IFERROR(INDEX(Jesper!AL$2:AL$366,ROUNDDOWN($C2401/24,0)+1,1)*INDEX($D$3:$AA$30,INDEX(Jesper!$R$2:$R$366,ROW(INDEX(Jesper!AL$2:AL$366,ROUNDDOWN($C2401/24,0)+1,1))-1)+IF('Standard Profiles'!$G$22=$B$10,7,0)+IF('Standard Profiles'!$G$22=$B$17,14,0)+IF('Standard Profiles'!$G$22=$B$24,21,0),MOD($C2401,24)+1)/SUM(INDEX($D$3:$AA$30,INDEX(Jesper!$R$2:$R$366,ROW(INDEX(Jesper!AL$2:AL$366,ROUNDDOWN($C2401/24,0)+1,1))-1)+IF('Standard Profiles'!$G$22=$B$10,7,0)+IF('Standard Profiles'!$G$22=$B$17,14,0)+IF('Standard Profiles'!$G$22=$B$24,21,0),0)),0)</f>
        <v>4.6887257241601707</v>
      </c>
      <c r="I2401">
        <f t="shared" si="272"/>
        <v>4.5011766951937666</v>
      </c>
      <c r="J2401">
        <f t="shared" si="273"/>
        <v>13.552547110077594</v>
      </c>
      <c r="K2401">
        <f t="shared" si="274"/>
        <v>0.36726409106649699</v>
      </c>
      <c r="L2401">
        <f t="shared" si="275"/>
        <v>0.18363204553324849</v>
      </c>
      <c r="M2401">
        <f t="shared" si="276"/>
        <v>0</v>
      </c>
      <c r="N2401" s="45">
        <f t="shared" si="277"/>
        <v>45025.624999994259</v>
      </c>
    </row>
    <row r="2402" spans="2:14" x14ac:dyDescent="0.25">
      <c r="B2402">
        <f t="shared" si="271"/>
        <v>7</v>
      </c>
      <c r="C2402" s="16">
        <v>2368</v>
      </c>
      <c r="D2402" cm="1">
        <f t="array" ref="D2402">IFERROR(INDEX(Jesper!AH$2:AH$366,ROUNDDOWN($C2402/24,0)+1,1)*INDEX($D$3:$AA$30,INDEX(Jesper!$R$2:$R$366,ROW(INDEX(Jesper!AH$2:AH$366,ROUNDDOWN($C2402/24,0)+1,1))-1)+IF('Standard Profiles'!$G$18=$B$10,7,0)+IF('Standard Profiles'!$G$18=$B$17,14,0)+IF('Standard Profiles'!$G$18=$B$24,21,0),MOD($C2402,24)+1)/SUM(INDEX($D$3:$AA$30,INDEX(Jesper!$R$2:$R$366,ROW(INDEX(Jesper!AH$2:AH$366,ROUNDDOWN($C2402/24,0)+1,1))-1)+IF('Standard Profiles'!$G$18=$B$10,7,0)+IF('Standard Profiles'!$G$18=$B$17,14,0)+IF('Standard Profiles'!$G$18=$B$24,21,0),0)),0)</f>
        <v>0</v>
      </c>
      <c r="E2402" cm="1">
        <f t="array" ref="E2402">IFERROR(INDEX(Jesper!AI$2:AI$366,ROUNDDOWN($C2402/24,0)+1,1)*INDEX($D$3:$AA$30,INDEX(Jesper!$R$2:$R$366,ROW(INDEX(Jesper!AI$2:AI$366,ROUNDDOWN($C2402/24,0)+1,1))-1)+IF('Standard Profiles'!$G$19=$B$10,7,0)+IF('Standard Profiles'!$G$19=$B$17,14,0)+IF('Standard Profiles'!$G$19=$B$24,21,0),MOD($C2402,24)+1)/SUM(INDEX($D$3:$AA$30,INDEX(Jesper!$R$2:$R$366,ROW(INDEX(Jesper!AI$2:AI$366,ROUNDDOWN($C2402/24,0)+1,1))-1)+IF('Standard Profiles'!$G$19=$B$10,7,0)+IF('Standard Profiles'!$G$19=$B$17,14,0)+IF('Standard Profiles'!$G$19=$B$24,21,0),0)),0)</f>
        <v>4.5908011383312122</v>
      </c>
      <c r="F2402" cm="1">
        <f t="array" ref="F2402">IFERROR(INDEX(Jesper!AJ$2:AJ$366,ROUNDDOWN($C2402/24,0)+1,1)*INDEX($D$3:$AA$30,INDEX(Jesper!$R$2:$R$366,ROW(INDEX(Jesper!AJ$2:AJ$366,ROUNDDOWN($C2402/24,0)+1,1))-1)+IF('Standard Profiles'!$G$20=$B$10,7,0)+IF('Standard Profiles'!$G$20=$B$17,14,0)+IF('Standard Profiles'!$G$20=$B$24,21,0),MOD($C2402,24)+1)/SUM(INDEX($D$3:$AA$30,INDEX(Jesper!$R$2:$R$366,ROW(INDEX(Jesper!AJ$2:AJ$366,ROUNDDOWN($C2402/24,0)+1,1))-1)+IF('Standard Profiles'!$G$20=$B$10,7,0)+IF('Standard Profiles'!$G$20=$B$17,14,0)+IF('Standard Profiles'!$G$20=$B$24,21,0),0)),0)</f>
        <v>3.6955537392148257</v>
      </c>
      <c r="G2402" cm="1">
        <f t="array" ref="G2402">IFERROR(INDEX(Jesper!AK$2:AK$366,ROUNDDOWN($C2402/24,0)+1,1)*INDEX($D$3:$AA$30,INDEX(Jesper!$R$2:$R$366,ROW(INDEX(Jesper!AK$2:AK$366,ROUNDDOWN($C2402/24,0)+1,1))-1)+IF('Standard Profiles'!$G$21=$B$10,7,0)+IF('Standard Profiles'!$G$21=$B$17,14,0)+IF('Standard Profiles'!$G$21=$B$24,21,0),MOD($C2402,24)+1)/SUM(INDEX($D$3:$AA$30,INDEX(Jesper!$R$2:$R$366,ROW(INDEX(Jesper!AK$2:AK$366,ROUNDDOWN($C2402/24,0)+1,1))-1)+IF('Standard Profiles'!$G$21=$B$10,7,0)+IF('Standard Profiles'!$G$21=$B$17,14,0)+IF('Standard Profiles'!$G$21=$B$24,21,0),0)),0)</f>
        <v>5.6295393401648957</v>
      </c>
      <c r="H2402" cm="1">
        <f t="array" ref="H2402">IFERROR(INDEX(Jesper!AL$2:AL$366,ROUNDDOWN($C2402/24,0)+1,1)*INDEX($D$3:$AA$30,INDEX(Jesper!$R$2:$R$366,ROW(INDEX(Jesper!AL$2:AL$366,ROUNDDOWN($C2402/24,0)+1,1))-1)+IF('Standard Profiles'!$G$22=$B$10,7,0)+IF('Standard Profiles'!$G$22=$B$17,14,0)+IF('Standard Profiles'!$G$22=$B$24,21,0),MOD($C2402,24)+1)/SUM(INDEX($D$3:$AA$30,INDEX(Jesper!$R$2:$R$366,ROW(INDEX(Jesper!AL$2:AL$366,ROUNDDOWN($C2402/24,0)+1,1))-1)+IF('Standard Profiles'!$G$22=$B$10,7,0)+IF('Standard Profiles'!$G$22=$B$17,14,0)+IF('Standard Profiles'!$G$22=$B$24,21,0),0)),0)</f>
        <v>4.6049984790858813</v>
      </c>
      <c r="I2402">
        <f t="shared" si="272"/>
        <v>4.4207985399224485</v>
      </c>
      <c r="J2402">
        <f t="shared" si="273"/>
        <v>13.549198020274622</v>
      </c>
      <c r="K2402">
        <f t="shared" si="274"/>
        <v>0.36726409106649699</v>
      </c>
      <c r="L2402">
        <f t="shared" si="275"/>
        <v>0.18363204553324849</v>
      </c>
      <c r="M2402">
        <f t="shared" si="276"/>
        <v>0</v>
      </c>
      <c r="N2402" s="45">
        <f t="shared" si="277"/>
        <v>45025.666666660924</v>
      </c>
    </row>
    <row r="2403" spans="2:14" x14ac:dyDescent="0.25">
      <c r="B2403">
        <f t="shared" ref="B2403:B2466" si="278">WEEKDAY(N2403,2)</f>
        <v>7</v>
      </c>
      <c r="C2403" s="16">
        <v>2369</v>
      </c>
      <c r="D2403" cm="1">
        <f t="array" ref="D2403">IFERROR(INDEX(Jesper!AH$2:AH$366,ROUNDDOWN($C2403/24,0)+1,1)*INDEX($D$3:$AA$30,INDEX(Jesper!$R$2:$R$366,ROW(INDEX(Jesper!AH$2:AH$366,ROUNDDOWN($C2403/24,0)+1,1))-1)+IF('Standard Profiles'!$G$18=$B$10,7,0)+IF('Standard Profiles'!$G$18=$B$17,14,0)+IF('Standard Profiles'!$G$18=$B$24,21,0),MOD($C2403,24)+1)/SUM(INDEX($D$3:$AA$30,INDEX(Jesper!$R$2:$R$366,ROW(INDEX(Jesper!AH$2:AH$366,ROUNDDOWN($C2403/24,0)+1,1))-1)+IF('Standard Profiles'!$G$18=$B$10,7,0)+IF('Standard Profiles'!$G$18=$B$17,14,0)+IF('Standard Profiles'!$G$18=$B$24,21,0),0)),0)</f>
        <v>0</v>
      </c>
      <c r="E2403" cm="1">
        <f t="array" ref="E2403">IFERROR(INDEX(Jesper!AI$2:AI$366,ROUNDDOWN($C2403/24,0)+1,1)*INDEX($D$3:$AA$30,INDEX(Jesper!$R$2:$R$366,ROW(INDEX(Jesper!AI$2:AI$366,ROUNDDOWN($C2403/24,0)+1,1))-1)+IF('Standard Profiles'!$G$19=$B$10,7,0)+IF('Standard Profiles'!$G$19=$B$17,14,0)+IF('Standard Profiles'!$G$19=$B$24,21,0),MOD($C2403,24)+1)/SUM(INDEX($D$3:$AA$30,INDEX(Jesper!$R$2:$R$366,ROW(INDEX(Jesper!AI$2:AI$366,ROUNDDOWN($C2403/24,0)+1,1))-1)+IF('Standard Profiles'!$G$19=$B$10,7,0)+IF('Standard Profiles'!$G$19=$B$17,14,0)+IF('Standard Profiles'!$G$19=$B$24,21,0),0)),0)</f>
        <v>4.5908011383312122</v>
      </c>
      <c r="F2403" cm="1">
        <f t="array" ref="F2403">IFERROR(INDEX(Jesper!AJ$2:AJ$366,ROUNDDOWN($C2403/24,0)+1,1)*INDEX($D$3:$AA$30,INDEX(Jesper!$R$2:$R$366,ROW(INDEX(Jesper!AJ$2:AJ$366,ROUNDDOWN($C2403/24,0)+1,1))-1)+IF('Standard Profiles'!$G$20=$B$10,7,0)+IF('Standard Profiles'!$G$20=$B$17,14,0)+IF('Standard Profiles'!$G$20=$B$24,21,0),MOD($C2403,24)+1)/SUM(INDEX($D$3:$AA$30,INDEX(Jesper!$R$2:$R$366,ROW(INDEX(Jesper!AJ$2:AJ$366,ROUNDDOWN($C2403/24,0)+1,1))-1)+IF('Standard Profiles'!$G$20=$B$10,7,0)+IF('Standard Profiles'!$G$20=$B$17,14,0)+IF('Standard Profiles'!$G$20=$B$24,21,0),0)),0)</f>
        <v>3.6955537392148257</v>
      </c>
      <c r="G2403" cm="1">
        <f t="array" ref="G2403">IFERROR(INDEX(Jesper!AK$2:AK$366,ROUNDDOWN($C2403/24,0)+1,1)*INDEX($D$3:$AA$30,INDEX(Jesper!$R$2:$R$366,ROW(INDEX(Jesper!AK$2:AK$366,ROUNDDOWN($C2403/24,0)+1,1))-1)+IF('Standard Profiles'!$G$21=$B$10,7,0)+IF('Standard Profiles'!$G$21=$B$17,14,0)+IF('Standard Profiles'!$G$21=$B$24,21,0),MOD($C2403,24)+1)/SUM(INDEX($D$3:$AA$30,INDEX(Jesper!$R$2:$R$366,ROW(INDEX(Jesper!AK$2:AK$366,ROUNDDOWN($C2403/24,0)+1,1))-1)+IF('Standard Profiles'!$G$21=$B$10,7,0)+IF('Standard Profiles'!$G$21=$B$17,14,0)+IF('Standard Profiles'!$G$21=$B$24,21,0),0)),0)</f>
        <v>5.6295393401648957</v>
      </c>
      <c r="H2403" cm="1">
        <f t="array" ref="H2403">IFERROR(INDEX(Jesper!AL$2:AL$366,ROUNDDOWN($C2403/24,0)+1,1)*INDEX($D$3:$AA$30,INDEX(Jesper!$R$2:$R$366,ROW(INDEX(Jesper!AL$2:AL$366,ROUNDDOWN($C2403/24,0)+1,1))-1)+IF('Standard Profiles'!$G$22=$B$10,7,0)+IF('Standard Profiles'!$G$22=$B$17,14,0)+IF('Standard Profiles'!$G$22=$B$24,21,0),MOD($C2403,24)+1)/SUM(INDEX($D$3:$AA$30,INDEX(Jesper!$R$2:$R$366,ROW(INDEX(Jesper!AL$2:AL$366,ROUNDDOWN($C2403/24,0)+1,1))-1)+IF('Standard Profiles'!$G$22=$B$10,7,0)+IF('Standard Profiles'!$G$22=$B$17,14,0)+IF('Standard Profiles'!$G$22=$B$24,21,0),0)),0)</f>
        <v>3.9351805184915722</v>
      </c>
      <c r="I2403">
        <f t="shared" ref="I2403:I2466" si="279">IF($B2403&lt;6,AC$37*$D2403+AC$38*$E2403+AC$39*$F2403+AC$40*$G2403,AC$46*$D2403+AC$47*$E2403+AC$48*$F2403+AC$49*$G2403+AC$50*$H2403)</f>
        <v>3.7777732977519114</v>
      </c>
      <c r="J2403">
        <f t="shared" ref="J2403:J2466" si="280">IF($B2403&lt;6,AD$37*$D2403+AD$38*$E2403+AD$39*$F2403+AD$40*$G2403,AD$46*$D2403+AD$47*$E2403+AD$48*$F2403+AD$49*$G2403+AD$50*$H2403)</f>
        <v>13.522405301850849</v>
      </c>
      <c r="K2403">
        <f t="shared" ref="K2403:K2466" si="281">IF($B2403&lt;6,AE$37*$D2403+AE$38*$E2403+AE$39*$F2403+AE$40*$G2403,AE$46*$D2403+AE$47*$E2403+AE$48*$F2403+AE$49*$G2403+AE$50*$H2403)</f>
        <v>0.36726409106649699</v>
      </c>
      <c r="L2403">
        <f t="shared" ref="L2403:L2466" si="282">IF($B2403&lt;6,AF$37*$D2403+AF$38*$E2403+AF$39*$F2403+AF$40*$G2403,AF$46*$D2403+AF$47*$E2403+AF$48*$F2403+AF$49*$G2403+AF$50*$H2403)</f>
        <v>0.18363204553324849</v>
      </c>
      <c r="M2403">
        <f t="shared" ref="M2403:M2466" si="283">IF($B2403&lt;6,AG$37*$D2403+AG$38*$E2403+AG$39*$F2403+AG$40*$G2403,AG$46*$D2403+AG$47*$E2403+AG$48*$F2403+AG$49*$G2403+AG$50*$H2403)</f>
        <v>0</v>
      </c>
      <c r="N2403" s="45">
        <f t="shared" si="277"/>
        <v>45025.708333327588</v>
      </c>
    </row>
    <row r="2404" spans="2:14" x14ac:dyDescent="0.25">
      <c r="B2404">
        <f t="shared" si="278"/>
        <v>7</v>
      </c>
      <c r="C2404" s="16">
        <v>2370</v>
      </c>
      <c r="D2404" cm="1">
        <f t="array" ref="D2404">IFERROR(INDEX(Jesper!AH$2:AH$366,ROUNDDOWN($C2404/24,0)+1,1)*INDEX($D$3:$AA$30,INDEX(Jesper!$R$2:$R$366,ROW(INDEX(Jesper!AH$2:AH$366,ROUNDDOWN($C2404/24,0)+1,1))-1)+IF('Standard Profiles'!$G$18=$B$10,7,0)+IF('Standard Profiles'!$G$18=$B$17,14,0)+IF('Standard Profiles'!$G$18=$B$24,21,0),MOD($C2404,24)+1)/SUM(INDEX($D$3:$AA$30,INDEX(Jesper!$R$2:$R$366,ROW(INDEX(Jesper!AH$2:AH$366,ROUNDDOWN($C2404/24,0)+1,1))-1)+IF('Standard Profiles'!$G$18=$B$10,7,0)+IF('Standard Profiles'!$G$18=$B$17,14,0)+IF('Standard Profiles'!$G$18=$B$24,21,0),0)),0)</f>
        <v>0</v>
      </c>
      <c r="E2404" cm="1">
        <f t="array" ref="E2404">IFERROR(INDEX(Jesper!AI$2:AI$366,ROUNDDOWN($C2404/24,0)+1,1)*INDEX($D$3:$AA$30,INDEX(Jesper!$R$2:$R$366,ROW(INDEX(Jesper!AI$2:AI$366,ROUNDDOWN($C2404/24,0)+1,1))-1)+IF('Standard Profiles'!$G$19=$B$10,7,0)+IF('Standard Profiles'!$G$19=$B$17,14,0)+IF('Standard Profiles'!$G$19=$B$24,21,0),MOD($C2404,24)+1)/SUM(INDEX($D$3:$AA$30,INDEX(Jesper!$R$2:$R$366,ROW(INDEX(Jesper!AI$2:AI$366,ROUNDDOWN($C2404/24,0)+1,1))-1)+IF('Standard Profiles'!$G$19=$B$10,7,0)+IF('Standard Profiles'!$G$19=$B$17,14,0)+IF('Standard Profiles'!$G$19=$B$24,21,0),0)),0)</f>
        <v>4.5908011383312122</v>
      </c>
      <c r="F2404" cm="1">
        <f t="array" ref="F2404">IFERROR(INDEX(Jesper!AJ$2:AJ$366,ROUNDDOWN($C2404/24,0)+1,1)*INDEX($D$3:$AA$30,INDEX(Jesper!$R$2:$R$366,ROW(INDEX(Jesper!AJ$2:AJ$366,ROUNDDOWN($C2404/24,0)+1,1))-1)+IF('Standard Profiles'!$G$20=$B$10,7,0)+IF('Standard Profiles'!$G$20=$B$17,14,0)+IF('Standard Profiles'!$G$20=$B$24,21,0),MOD($C2404,24)+1)/SUM(INDEX($D$3:$AA$30,INDEX(Jesper!$R$2:$R$366,ROW(INDEX(Jesper!AJ$2:AJ$366,ROUNDDOWN($C2404/24,0)+1,1))-1)+IF('Standard Profiles'!$G$20=$B$10,7,0)+IF('Standard Profiles'!$G$20=$B$17,14,0)+IF('Standard Profiles'!$G$20=$B$24,21,0),0)),0)</f>
        <v>3.6955537392148257</v>
      </c>
      <c r="G2404" cm="1">
        <f t="array" ref="G2404">IFERROR(INDEX(Jesper!AK$2:AK$366,ROUNDDOWN($C2404/24,0)+1,1)*INDEX($D$3:$AA$30,INDEX(Jesper!$R$2:$R$366,ROW(INDEX(Jesper!AK$2:AK$366,ROUNDDOWN($C2404/24,0)+1,1))-1)+IF('Standard Profiles'!$G$21=$B$10,7,0)+IF('Standard Profiles'!$G$21=$B$17,14,0)+IF('Standard Profiles'!$G$21=$B$24,21,0),MOD($C2404,24)+1)/SUM(INDEX($D$3:$AA$30,INDEX(Jesper!$R$2:$R$366,ROW(INDEX(Jesper!AK$2:AK$366,ROUNDDOWN($C2404/24,0)+1,1))-1)+IF('Standard Profiles'!$G$21=$B$10,7,0)+IF('Standard Profiles'!$G$21=$B$17,14,0)+IF('Standard Profiles'!$G$21=$B$24,21,0),0)),0)</f>
        <v>5.6295393401648957</v>
      </c>
      <c r="H2404" cm="1">
        <f t="array" ref="H2404">IFERROR(INDEX(Jesper!AL$2:AL$366,ROUNDDOWN($C2404/24,0)+1,1)*INDEX($D$3:$AA$30,INDEX(Jesper!$R$2:$R$366,ROW(INDEX(Jesper!AL$2:AL$366,ROUNDDOWN($C2404/24,0)+1,1))-1)+IF('Standard Profiles'!$G$22=$B$10,7,0)+IF('Standard Profiles'!$G$22=$B$17,14,0)+IF('Standard Profiles'!$G$22=$B$24,21,0),MOD($C2404,24)+1)/SUM(INDEX($D$3:$AA$30,INDEX(Jesper!$R$2:$R$366,ROW(INDEX(Jesper!AL$2:AL$366,ROUNDDOWN($C2404/24,0)+1,1))-1)+IF('Standard Profiles'!$G$22=$B$10,7,0)+IF('Standard Profiles'!$G$22=$B$17,14,0)+IF('Standard Profiles'!$G$22=$B$24,21,0),0)),0)</f>
        <v>3.6839987832687058</v>
      </c>
      <c r="I2404">
        <f t="shared" si="279"/>
        <v>3.5366388319379594</v>
      </c>
      <c r="J2404">
        <f t="shared" si="280"/>
        <v>13.512358032441934</v>
      </c>
      <c r="K2404">
        <f t="shared" si="281"/>
        <v>0.36726409106649699</v>
      </c>
      <c r="L2404">
        <f t="shared" si="282"/>
        <v>0.18363204553324849</v>
      </c>
      <c r="M2404">
        <f t="shared" si="283"/>
        <v>0</v>
      </c>
      <c r="N2404" s="45">
        <f t="shared" ref="N2404:N2467" si="284">N2403+1/24</f>
        <v>45025.749999994252</v>
      </c>
    </row>
    <row r="2405" spans="2:14" x14ac:dyDescent="0.25">
      <c r="B2405">
        <f t="shared" si="278"/>
        <v>7</v>
      </c>
      <c r="C2405" s="16">
        <v>2371</v>
      </c>
      <c r="D2405" cm="1">
        <f t="array" ref="D2405">IFERROR(INDEX(Jesper!AH$2:AH$366,ROUNDDOWN($C2405/24,0)+1,1)*INDEX($D$3:$AA$30,INDEX(Jesper!$R$2:$R$366,ROW(INDEX(Jesper!AH$2:AH$366,ROUNDDOWN($C2405/24,0)+1,1))-1)+IF('Standard Profiles'!$G$18=$B$10,7,0)+IF('Standard Profiles'!$G$18=$B$17,14,0)+IF('Standard Profiles'!$G$18=$B$24,21,0),MOD($C2405,24)+1)/SUM(INDEX($D$3:$AA$30,INDEX(Jesper!$R$2:$R$366,ROW(INDEX(Jesper!AH$2:AH$366,ROUNDDOWN($C2405/24,0)+1,1))-1)+IF('Standard Profiles'!$G$18=$B$10,7,0)+IF('Standard Profiles'!$G$18=$B$17,14,0)+IF('Standard Profiles'!$G$18=$B$24,21,0),0)),0)</f>
        <v>0</v>
      </c>
      <c r="E2405" cm="1">
        <f t="array" ref="E2405">IFERROR(INDEX(Jesper!AI$2:AI$366,ROUNDDOWN($C2405/24,0)+1,1)*INDEX($D$3:$AA$30,INDEX(Jesper!$R$2:$R$366,ROW(INDEX(Jesper!AI$2:AI$366,ROUNDDOWN($C2405/24,0)+1,1))-1)+IF('Standard Profiles'!$G$19=$B$10,7,0)+IF('Standard Profiles'!$G$19=$B$17,14,0)+IF('Standard Profiles'!$G$19=$B$24,21,0),MOD($C2405,24)+1)/SUM(INDEX($D$3:$AA$30,INDEX(Jesper!$R$2:$R$366,ROW(INDEX(Jesper!AI$2:AI$366,ROUNDDOWN($C2405/24,0)+1,1))-1)+IF('Standard Profiles'!$G$19=$B$10,7,0)+IF('Standard Profiles'!$G$19=$B$17,14,0)+IF('Standard Profiles'!$G$19=$B$24,21,0),0)),0)</f>
        <v>4.5908011383312122</v>
      </c>
      <c r="F2405" cm="1">
        <f t="array" ref="F2405">IFERROR(INDEX(Jesper!AJ$2:AJ$366,ROUNDDOWN($C2405/24,0)+1,1)*INDEX($D$3:$AA$30,INDEX(Jesper!$R$2:$R$366,ROW(INDEX(Jesper!AJ$2:AJ$366,ROUNDDOWN($C2405/24,0)+1,1))-1)+IF('Standard Profiles'!$G$20=$B$10,7,0)+IF('Standard Profiles'!$G$20=$B$17,14,0)+IF('Standard Profiles'!$G$20=$B$24,21,0),MOD($C2405,24)+1)/SUM(INDEX($D$3:$AA$30,INDEX(Jesper!$R$2:$R$366,ROW(INDEX(Jesper!AJ$2:AJ$366,ROUNDDOWN($C2405/24,0)+1,1))-1)+IF('Standard Profiles'!$G$20=$B$10,7,0)+IF('Standard Profiles'!$G$20=$B$17,14,0)+IF('Standard Profiles'!$G$20=$B$24,21,0),0)),0)</f>
        <v>3.6955537392148257</v>
      </c>
      <c r="G2405" cm="1">
        <f t="array" ref="G2405">IFERROR(INDEX(Jesper!AK$2:AK$366,ROUNDDOWN($C2405/24,0)+1,1)*INDEX($D$3:$AA$30,INDEX(Jesper!$R$2:$R$366,ROW(INDEX(Jesper!AK$2:AK$366,ROUNDDOWN($C2405/24,0)+1,1))-1)+IF('Standard Profiles'!$G$21=$B$10,7,0)+IF('Standard Profiles'!$G$21=$B$17,14,0)+IF('Standard Profiles'!$G$21=$B$24,21,0),MOD($C2405,24)+1)/SUM(INDEX($D$3:$AA$30,INDEX(Jesper!$R$2:$R$366,ROW(INDEX(Jesper!AK$2:AK$366,ROUNDDOWN($C2405/24,0)+1,1))-1)+IF('Standard Profiles'!$G$21=$B$10,7,0)+IF('Standard Profiles'!$G$21=$B$17,14,0)+IF('Standard Profiles'!$G$21=$B$24,21,0),0)),0)</f>
        <v>5.6295393401648957</v>
      </c>
      <c r="H2405" cm="1">
        <f t="array" ref="H2405">IFERROR(INDEX(Jesper!AL$2:AL$366,ROUNDDOWN($C2405/24,0)+1,1)*INDEX($D$3:$AA$30,INDEX(Jesper!$R$2:$R$366,ROW(INDEX(Jesper!AL$2:AL$366,ROUNDDOWN($C2405/24,0)+1,1))-1)+IF('Standard Profiles'!$G$22=$B$10,7,0)+IF('Standard Profiles'!$G$22=$B$17,14,0)+IF('Standard Profiles'!$G$22=$B$24,21,0),MOD($C2405,24)+1)/SUM(INDEX($D$3:$AA$30,INDEX(Jesper!$R$2:$R$366,ROW(INDEX(Jesper!AL$2:AL$366,ROUNDDOWN($C2405/24,0)+1,1))-1)+IF('Standard Profiles'!$G$22=$B$10,7,0)+IF('Standard Profiles'!$G$22=$B$17,14,0)+IF('Standard Profiles'!$G$22=$B$24,21,0),0)),0)</f>
        <v>3.0979080677486848</v>
      </c>
      <c r="I2405">
        <f t="shared" si="279"/>
        <v>2.973991745038739</v>
      </c>
      <c r="J2405">
        <f t="shared" si="280"/>
        <v>13.488914403821134</v>
      </c>
      <c r="K2405">
        <f t="shared" si="281"/>
        <v>0.36726409106649699</v>
      </c>
      <c r="L2405">
        <f t="shared" si="282"/>
        <v>0.18363204553324849</v>
      </c>
      <c r="M2405">
        <f t="shared" si="283"/>
        <v>0</v>
      </c>
      <c r="N2405" s="45">
        <f t="shared" si="284"/>
        <v>45025.791666660916</v>
      </c>
    </row>
    <row r="2406" spans="2:14" x14ac:dyDescent="0.25">
      <c r="B2406">
        <f t="shared" si="278"/>
        <v>7</v>
      </c>
      <c r="C2406" s="16">
        <v>2372</v>
      </c>
      <c r="D2406" cm="1">
        <f t="array" ref="D2406">IFERROR(INDEX(Jesper!AH$2:AH$366,ROUNDDOWN($C2406/24,0)+1,1)*INDEX($D$3:$AA$30,INDEX(Jesper!$R$2:$R$366,ROW(INDEX(Jesper!AH$2:AH$366,ROUNDDOWN($C2406/24,0)+1,1))-1)+IF('Standard Profiles'!$G$18=$B$10,7,0)+IF('Standard Profiles'!$G$18=$B$17,14,0)+IF('Standard Profiles'!$G$18=$B$24,21,0),MOD($C2406,24)+1)/SUM(INDEX($D$3:$AA$30,INDEX(Jesper!$R$2:$R$366,ROW(INDEX(Jesper!AH$2:AH$366,ROUNDDOWN($C2406/24,0)+1,1))-1)+IF('Standard Profiles'!$G$18=$B$10,7,0)+IF('Standard Profiles'!$G$18=$B$17,14,0)+IF('Standard Profiles'!$G$18=$B$24,21,0),0)),0)</f>
        <v>0</v>
      </c>
      <c r="E2406" cm="1">
        <f t="array" ref="E2406">IFERROR(INDEX(Jesper!AI$2:AI$366,ROUNDDOWN($C2406/24,0)+1,1)*INDEX($D$3:$AA$30,INDEX(Jesper!$R$2:$R$366,ROW(INDEX(Jesper!AI$2:AI$366,ROUNDDOWN($C2406/24,0)+1,1))-1)+IF('Standard Profiles'!$G$19=$B$10,7,0)+IF('Standard Profiles'!$G$19=$B$17,14,0)+IF('Standard Profiles'!$G$19=$B$24,21,0),MOD($C2406,24)+1)/SUM(INDEX($D$3:$AA$30,INDEX(Jesper!$R$2:$R$366,ROW(INDEX(Jesper!AI$2:AI$366,ROUNDDOWN($C2406/24,0)+1,1))-1)+IF('Standard Profiles'!$G$19=$B$10,7,0)+IF('Standard Profiles'!$G$19=$B$17,14,0)+IF('Standard Profiles'!$G$19=$B$24,21,0),0)),0)</f>
        <v>4.5908011383312122</v>
      </c>
      <c r="F2406" cm="1">
        <f t="array" ref="F2406">IFERROR(INDEX(Jesper!AJ$2:AJ$366,ROUNDDOWN($C2406/24,0)+1,1)*INDEX($D$3:$AA$30,INDEX(Jesper!$R$2:$R$366,ROW(INDEX(Jesper!AJ$2:AJ$366,ROUNDDOWN($C2406/24,0)+1,1))-1)+IF('Standard Profiles'!$G$20=$B$10,7,0)+IF('Standard Profiles'!$G$20=$B$17,14,0)+IF('Standard Profiles'!$G$20=$B$24,21,0),MOD($C2406,24)+1)/SUM(INDEX($D$3:$AA$30,INDEX(Jesper!$R$2:$R$366,ROW(INDEX(Jesper!AJ$2:AJ$366,ROUNDDOWN($C2406/24,0)+1,1))-1)+IF('Standard Profiles'!$G$20=$B$10,7,0)+IF('Standard Profiles'!$G$20=$B$17,14,0)+IF('Standard Profiles'!$G$20=$B$24,21,0),0)),0)</f>
        <v>3.6955537392148257</v>
      </c>
      <c r="G2406" cm="1">
        <f t="array" ref="G2406">IFERROR(INDEX(Jesper!AK$2:AK$366,ROUNDDOWN($C2406/24,0)+1,1)*INDEX($D$3:$AA$30,INDEX(Jesper!$R$2:$R$366,ROW(INDEX(Jesper!AK$2:AK$366,ROUNDDOWN($C2406/24,0)+1,1))-1)+IF('Standard Profiles'!$G$21=$B$10,7,0)+IF('Standard Profiles'!$G$21=$B$17,14,0)+IF('Standard Profiles'!$G$21=$B$24,21,0),MOD($C2406,24)+1)/SUM(INDEX($D$3:$AA$30,INDEX(Jesper!$R$2:$R$366,ROW(INDEX(Jesper!AK$2:AK$366,ROUNDDOWN($C2406/24,0)+1,1))-1)+IF('Standard Profiles'!$G$21=$B$10,7,0)+IF('Standard Profiles'!$G$21=$B$17,14,0)+IF('Standard Profiles'!$G$21=$B$24,21,0),0)),0)</f>
        <v>5.6295393401648957</v>
      </c>
      <c r="H2406" cm="1">
        <f t="array" ref="H2406">IFERROR(INDEX(Jesper!AL$2:AL$366,ROUNDDOWN($C2406/24,0)+1,1)*INDEX($D$3:$AA$30,INDEX(Jesper!$R$2:$R$366,ROW(INDEX(Jesper!AL$2:AL$366,ROUNDDOWN($C2406/24,0)+1,1))-1)+IF('Standard Profiles'!$G$22=$B$10,7,0)+IF('Standard Profiles'!$G$22=$B$17,14,0)+IF('Standard Profiles'!$G$22=$B$24,21,0),MOD($C2406,24)+1)/SUM(INDEX($D$3:$AA$30,INDEX(Jesper!$R$2:$R$366,ROW(INDEX(Jesper!AL$2:AL$366,ROUNDDOWN($C2406/24,0)+1,1))-1)+IF('Standard Profiles'!$G$22=$B$10,7,0)+IF('Standard Profiles'!$G$22=$B$17,14,0)+IF('Standard Profiles'!$G$22=$B$24,21,0),0)),0)</f>
        <v>2.5955445973029518</v>
      </c>
      <c r="I2406">
        <f t="shared" si="279"/>
        <v>2.4917228134108349</v>
      </c>
      <c r="J2406">
        <f t="shared" si="280"/>
        <v>13.468819865003306</v>
      </c>
      <c r="K2406">
        <f t="shared" si="281"/>
        <v>0.36726409106649699</v>
      </c>
      <c r="L2406">
        <f t="shared" si="282"/>
        <v>0.18363204553324849</v>
      </c>
      <c r="M2406">
        <f t="shared" si="283"/>
        <v>0</v>
      </c>
      <c r="N2406" s="45">
        <f t="shared" si="284"/>
        <v>45025.83333332758</v>
      </c>
    </row>
    <row r="2407" spans="2:14" x14ac:dyDescent="0.25">
      <c r="B2407">
        <f t="shared" si="278"/>
        <v>7</v>
      </c>
      <c r="C2407" s="16">
        <v>2373</v>
      </c>
      <c r="D2407" cm="1">
        <f t="array" ref="D2407">IFERROR(INDEX(Jesper!AH$2:AH$366,ROUNDDOWN($C2407/24,0)+1,1)*INDEX($D$3:$AA$30,INDEX(Jesper!$R$2:$R$366,ROW(INDEX(Jesper!AH$2:AH$366,ROUNDDOWN($C2407/24,0)+1,1))-1)+IF('Standard Profiles'!$G$18=$B$10,7,0)+IF('Standard Profiles'!$G$18=$B$17,14,0)+IF('Standard Profiles'!$G$18=$B$24,21,0),MOD($C2407,24)+1)/SUM(INDEX($D$3:$AA$30,INDEX(Jesper!$R$2:$R$366,ROW(INDEX(Jesper!AH$2:AH$366,ROUNDDOWN($C2407/24,0)+1,1))-1)+IF('Standard Profiles'!$G$18=$B$10,7,0)+IF('Standard Profiles'!$G$18=$B$17,14,0)+IF('Standard Profiles'!$G$18=$B$24,21,0),0)),0)</f>
        <v>0</v>
      </c>
      <c r="E2407" cm="1">
        <f t="array" ref="E2407">IFERROR(INDEX(Jesper!AI$2:AI$366,ROUNDDOWN($C2407/24,0)+1,1)*INDEX($D$3:$AA$30,INDEX(Jesper!$R$2:$R$366,ROW(INDEX(Jesper!AI$2:AI$366,ROUNDDOWN($C2407/24,0)+1,1))-1)+IF('Standard Profiles'!$G$19=$B$10,7,0)+IF('Standard Profiles'!$G$19=$B$17,14,0)+IF('Standard Profiles'!$G$19=$B$24,21,0),MOD($C2407,24)+1)/SUM(INDEX($D$3:$AA$30,INDEX(Jesper!$R$2:$R$366,ROW(INDEX(Jesper!AI$2:AI$366,ROUNDDOWN($C2407/24,0)+1,1))-1)+IF('Standard Profiles'!$G$19=$B$10,7,0)+IF('Standard Profiles'!$G$19=$B$17,14,0)+IF('Standard Profiles'!$G$19=$B$24,21,0),0)),0)</f>
        <v>4.5908011383312122</v>
      </c>
      <c r="F2407" cm="1">
        <f t="array" ref="F2407">IFERROR(INDEX(Jesper!AJ$2:AJ$366,ROUNDDOWN($C2407/24,0)+1,1)*INDEX($D$3:$AA$30,INDEX(Jesper!$R$2:$R$366,ROW(INDEX(Jesper!AJ$2:AJ$366,ROUNDDOWN($C2407/24,0)+1,1))-1)+IF('Standard Profiles'!$G$20=$B$10,7,0)+IF('Standard Profiles'!$G$20=$B$17,14,0)+IF('Standard Profiles'!$G$20=$B$24,21,0),MOD($C2407,24)+1)/SUM(INDEX($D$3:$AA$30,INDEX(Jesper!$R$2:$R$366,ROW(INDEX(Jesper!AJ$2:AJ$366,ROUNDDOWN($C2407/24,0)+1,1))-1)+IF('Standard Profiles'!$G$20=$B$10,7,0)+IF('Standard Profiles'!$G$20=$B$17,14,0)+IF('Standard Profiles'!$G$20=$B$24,21,0),0)),0)</f>
        <v>3.6955537392148257</v>
      </c>
      <c r="G2407" cm="1">
        <f t="array" ref="G2407">IFERROR(INDEX(Jesper!AK$2:AK$366,ROUNDDOWN($C2407/24,0)+1,1)*INDEX($D$3:$AA$30,INDEX(Jesper!$R$2:$R$366,ROW(INDEX(Jesper!AK$2:AK$366,ROUNDDOWN($C2407/24,0)+1,1))-1)+IF('Standard Profiles'!$G$21=$B$10,7,0)+IF('Standard Profiles'!$G$21=$B$17,14,0)+IF('Standard Profiles'!$G$21=$B$24,21,0),MOD($C2407,24)+1)/SUM(INDEX($D$3:$AA$30,INDEX(Jesper!$R$2:$R$366,ROW(INDEX(Jesper!AK$2:AK$366,ROUNDDOWN($C2407/24,0)+1,1))-1)+IF('Standard Profiles'!$G$21=$B$10,7,0)+IF('Standard Profiles'!$G$21=$B$17,14,0)+IF('Standard Profiles'!$G$21=$B$24,21,0),0)),0)</f>
        <v>5.6295393401648957</v>
      </c>
      <c r="H2407" cm="1">
        <f t="array" ref="H2407">IFERROR(INDEX(Jesper!AL$2:AL$366,ROUNDDOWN($C2407/24,0)+1,1)*INDEX($D$3:$AA$30,INDEX(Jesper!$R$2:$R$366,ROW(INDEX(Jesper!AL$2:AL$366,ROUNDDOWN($C2407/24,0)+1,1))-1)+IF('Standard Profiles'!$G$22=$B$10,7,0)+IF('Standard Profiles'!$G$22=$B$17,14,0)+IF('Standard Profiles'!$G$22=$B$24,21,0),MOD($C2407,24)+1)/SUM(INDEX($D$3:$AA$30,INDEX(Jesper!$R$2:$R$366,ROW(INDEX(Jesper!AL$2:AL$366,ROUNDDOWN($C2407/24,0)+1,1))-1)+IF('Standard Profiles'!$G$22=$B$10,7,0)+IF('Standard Profiles'!$G$22=$B$17,14,0)+IF('Standard Profiles'!$G$22=$B$24,21,0),0)),0)</f>
        <v>2.2606356170057968</v>
      </c>
      <c r="I2407">
        <f t="shared" si="279"/>
        <v>2.1702101923255661</v>
      </c>
      <c r="J2407">
        <f t="shared" si="280"/>
        <v>13.455423505791419</v>
      </c>
      <c r="K2407">
        <f t="shared" si="281"/>
        <v>0.36726409106649699</v>
      </c>
      <c r="L2407">
        <f t="shared" si="282"/>
        <v>0.18363204553324849</v>
      </c>
      <c r="M2407">
        <f t="shared" si="283"/>
        <v>0</v>
      </c>
      <c r="N2407" s="45">
        <f t="shared" si="284"/>
        <v>45025.874999994245</v>
      </c>
    </row>
    <row r="2408" spans="2:14" x14ac:dyDescent="0.25">
      <c r="B2408">
        <f t="shared" si="278"/>
        <v>7</v>
      </c>
      <c r="C2408" s="16">
        <v>2374</v>
      </c>
      <c r="D2408" cm="1">
        <f t="array" ref="D2408">IFERROR(INDEX(Jesper!AH$2:AH$366,ROUNDDOWN($C2408/24,0)+1,1)*INDEX($D$3:$AA$30,INDEX(Jesper!$R$2:$R$366,ROW(INDEX(Jesper!AH$2:AH$366,ROUNDDOWN($C2408/24,0)+1,1))-1)+IF('Standard Profiles'!$G$18=$B$10,7,0)+IF('Standard Profiles'!$G$18=$B$17,14,0)+IF('Standard Profiles'!$G$18=$B$24,21,0),MOD($C2408,24)+1)/SUM(INDEX($D$3:$AA$30,INDEX(Jesper!$R$2:$R$366,ROW(INDEX(Jesper!AH$2:AH$366,ROUNDDOWN($C2408/24,0)+1,1))-1)+IF('Standard Profiles'!$G$18=$B$10,7,0)+IF('Standard Profiles'!$G$18=$B$17,14,0)+IF('Standard Profiles'!$G$18=$B$24,21,0),0)),0)</f>
        <v>0</v>
      </c>
      <c r="E2408" cm="1">
        <f t="array" ref="E2408">IFERROR(INDEX(Jesper!AI$2:AI$366,ROUNDDOWN($C2408/24,0)+1,1)*INDEX($D$3:$AA$30,INDEX(Jesper!$R$2:$R$366,ROW(INDEX(Jesper!AI$2:AI$366,ROUNDDOWN($C2408/24,0)+1,1))-1)+IF('Standard Profiles'!$G$19=$B$10,7,0)+IF('Standard Profiles'!$G$19=$B$17,14,0)+IF('Standard Profiles'!$G$19=$B$24,21,0),MOD($C2408,24)+1)/SUM(INDEX($D$3:$AA$30,INDEX(Jesper!$R$2:$R$366,ROW(INDEX(Jesper!AI$2:AI$366,ROUNDDOWN($C2408/24,0)+1,1))-1)+IF('Standard Profiles'!$G$19=$B$10,7,0)+IF('Standard Profiles'!$G$19=$B$17,14,0)+IF('Standard Profiles'!$G$19=$B$24,21,0),0)),0)</f>
        <v>4.5908011383312122</v>
      </c>
      <c r="F2408" cm="1">
        <f t="array" ref="F2408">IFERROR(INDEX(Jesper!AJ$2:AJ$366,ROUNDDOWN($C2408/24,0)+1,1)*INDEX($D$3:$AA$30,INDEX(Jesper!$R$2:$R$366,ROW(INDEX(Jesper!AJ$2:AJ$366,ROUNDDOWN($C2408/24,0)+1,1))-1)+IF('Standard Profiles'!$G$20=$B$10,7,0)+IF('Standard Profiles'!$G$20=$B$17,14,0)+IF('Standard Profiles'!$G$20=$B$24,21,0),MOD($C2408,24)+1)/SUM(INDEX($D$3:$AA$30,INDEX(Jesper!$R$2:$R$366,ROW(INDEX(Jesper!AJ$2:AJ$366,ROUNDDOWN($C2408/24,0)+1,1))-1)+IF('Standard Profiles'!$G$20=$B$10,7,0)+IF('Standard Profiles'!$G$20=$B$17,14,0)+IF('Standard Profiles'!$G$20=$B$24,21,0),0)),0)</f>
        <v>3.6955537392148257</v>
      </c>
      <c r="G2408" cm="1">
        <f t="array" ref="G2408">IFERROR(INDEX(Jesper!AK$2:AK$366,ROUNDDOWN($C2408/24,0)+1,1)*INDEX($D$3:$AA$30,INDEX(Jesper!$R$2:$R$366,ROW(INDEX(Jesper!AK$2:AK$366,ROUNDDOWN($C2408/24,0)+1,1))-1)+IF('Standard Profiles'!$G$21=$B$10,7,0)+IF('Standard Profiles'!$G$21=$B$17,14,0)+IF('Standard Profiles'!$G$21=$B$24,21,0),MOD($C2408,24)+1)/SUM(INDEX($D$3:$AA$30,INDEX(Jesper!$R$2:$R$366,ROW(INDEX(Jesper!AK$2:AK$366,ROUNDDOWN($C2408/24,0)+1,1))-1)+IF('Standard Profiles'!$G$21=$B$10,7,0)+IF('Standard Profiles'!$G$21=$B$17,14,0)+IF('Standard Profiles'!$G$21=$B$24,21,0),0)),0)</f>
        <v>5.6295393401648957</v>
      </c>
      <c r="H2408" cm="1">
        <f t="array" ref="H2408">IFERROR(INDEX(Jesper!AL$2:AL$366,ROUNDDOWN($C2408/24,0)+1,1)*INDEX($D$3:$AA$30,INDEX(Jesper!$R$2:$R$366,ROW(INDEX(Jesper!AL$2:AL$366,ROUNDDOWN($C2408/24,0)+1,1))-1)+IF('Standard Profiles'!$G$22=$B$10,7,0)+IF('Standard Profiles'!$G$22=$B$17,14,0)+IF('Standard Profiles'!$G$22=$B$24,21,0),MOD($C2408,24)+1)/SUM(INDEX($D$3:$AA$30,INDEX(Jesper!$R$2:$R$366,ROW(INDEX(Jesper!AL$2:AL$366,ROUNDDOWN($C2408/24,0)+1,1))-1)+IF('Standard Profiles'!$G$22=$B$10,7,0)+IF('Standard Profiles'!$G$22=$B$17,14,0)+IF('Standard Profiles'!$G$22=$B$24,21,0),0)),0)</f>
        <v>2.2606356170057968</v>
      </c>
      <c r="I2408">
        <f t="shared" si="279"/>
        <v>2.1702101923255661</v>
      </c>
      <c r="J2408">
        <f t="shared" si="280"/>
        <v>13.455423505791419</v>
      </c>
      <c r="K2408">
        <f t="shared" si="281"/>
        <v>0.36726409106649699</v>
      </c>
      <c r="L2408">
        <f t="shared" si="282"/>
        <v>0.18363204553324849</v>
      </c>
      <c r="M2408">
        <f t="shared" si="283"/>
        <v>0</v>
      </c>
      <c r="N2408" s="45">
        <f t="shared" si="284"/>
        <v>45025.916666660909</v>
      </c>
    </row>
    <row r="2409" spans="2:14" x14ac:dyDescent="0.25">
      <c r="B2409">
        <f t="shared" si="278"/>
        <v>7</v>
      </c>
      <c r="C2409" s="16">
        <v>2375</v>
      </c>
      <c r="D2409" cm="1">
        <f t="array" ref="D2409">IFERROR(INDEX(Jesper!AH$2:AH$366,ROUNDDOWN($C2409/24,0)+1,1)*INDEX($D$3:$AA$30,INDEX(Jesper!$R$2:$R$366,ROW(INDEX(Jesper!AH$2:AH$366,ROUNDDOWN($C2409/24,0)+1,1))-1)+IF('Standard Profiles'!$G$18=$B$10,7,0)+IF('Standard Profiles'!$G$18=$B$17,14,0)+IF('Standard Profiles'!$G$18=$B$24,21,0),MOD($C2409,24)+1)/SUM(INDEX($D$3:$AA$30,INDEX(Jesper!$R$2:$R$366,ROW(INDEX(Jesper!AH$2:AH$366,ROUNDDOWN($C2409/24,0)+1,1))-1)+IF('Standard Profiles'!$G$18=$B$10,7,0)+IF('Standard Profiles'!$G$18=$B$17,14,0)+IF('Standard Profiles'!$G$18=$B$24,21,0),0)),0)</f>
        <v>0</v>
      </c>
      <c r="E2409" cm="1">
        <f t="array" ref="E2409">IFERROR(INDEX(Jesper!AI$2:AI$366,ROUNDDOWN($C2409/24,0)+1,1)*INDEX($D$3:$AA$30,INDEX(Jesper!$R$2:$R$366,ROW(INDEX(Jesper!AI$2:AI$366,ROUNDDOWN($C2409/24,0)+1,1))-1)+IF('Standard Profiles'!$G$19=$B$10,7,0)+IF('Standard Profiles'!$G$19=$B$17,14,0)+IF('Standard Profiles'!$G$19=$B$24,21,0),MOD($C2409,24)+1)/SUM(INDEX($D$3:$AA$30,INDEX(Jesper!$R$2:$R$366,ROW(INDEX(Jesper!AI$2:AI$366,ROUNDDOWN($C2409/24,0)+1,1))-1)+IF('Standard Profiles'!$G$19=$B$10,7,0)+IF('Standard Profiles'!$G$19=$B$17,14,0)+IF('Standard Profiles'!$G$19=$B$24,21,0),0)),0)</f>
        <v>4.5908011383312122</v>
      </c>
      <c r="F2409" cm="1">
        <f t="array" ref="F2409">IFERROR(INDEX(Jesper!AJ$2:AJ$366,ROUNDDOWN($C2409/24,0)+1,1)*INDEX($D$3:$AA$30,INDEX(Jesper!$R$2:$R$366,ROW(INDEX(Jesper!AJ$2:AJ$366,ROUNDDOWN($C2409/24,0)+1,1))-1)+IF('Standard Profiles'!$G$20=$B$10,7,0)+IF('Standard Profiles'!$G$20=$B$17,14,0)+IF('Standard Profiles'!$G$20=$B$24,21,0),MOD($C2409,24)+1)/SUM(INDEX($D$3:$AA$30,INDEX(Jesper!$R$2:$R$366,ROW(INDEX(Jesper!AJ$2:AJ$366,ROUNDDOWN($C2409/24,0)+1,1))-1)+IF('Standard Profiles'!$G$20=$B$10,7,0)+IF('Standard Profiles'!$G$20=$B$17,14,0)+IF('Standard Profiles'!$G$20=$B$24,21,0),0)),0)</f>
        <v>3.6955537392148257</v>
      </c>
      <c r="G2409" cm="1">
        <f t="array" ref="G2409">IFERROR(INDEX(Jesper!AK$2:AK$366,ROUNDDOWN($C2409/24,0)+1,1)*INDEX($D$3:$AA$30,INDEX(Jesper!$R$2:$R$366,ROW(INDEX(Jesper!AK$2:AK$366,ROUNDDOWN($C2409/24,0)+1,1))-1)+IF('Standard Profiles'!$G$21=$B$10,7,0)+IF('Standard Profiles'!$G$21=$B$17,14,0)+IF('Standard Profiles'!$G$21=$B$24,21,0),MOD($C2409,24)+1)/SUM(INDEX($D$3:$AA$30,INDEX(Jesper!$R$2:$R$366,ROW(INDEX(Jesper!AK$2:AK$366,ROUNDDOWN($C2409/24,0)+1,1))-1)+IF('Standard Profiles'!$G$21=$B$10,7,0)+IF('Standard Profiles'!$G$21=$B$17,14,0)+IF('Standard Profiles'!$G$21=$B$24,21,0),0)),0)</f>
        <v>5.6295393401648957</v>
      </c>
      <c r="H2409" cm="1">
        <f t="array" ref="H2409">IFERROR(INDEX(Jesper!AL$2:AL$366,ROUNDDOWN($C2409/24,0)+1,1)*INDEX($D$3:$AA$30,INDEX(Jesper!$R$2:$R$366,ROW(INDEX(Jesper!AL$2:AL$366,ROUNDDOWN($C2409/24,0)+1,1))-1)+IF('Standard Profiles'!$G$22=$B$10,7,0)+IF('Standard Profiles'!$G$22=$B$17,14,0)+IF('Standard Profiles'!$G$22=$B$24,21,0),MOD($C2409,24)+1)/SUM(INDEX($D$3:$AA$30,INDEX(Jesper!$R$2:$R$366,ROW(INDEX(Jesper!AL$2:AL$366,ROUNDDOWN($C2409/24,0)+1,1))-1)+IF('Standard Profiles'!$G$22=$B$10,7,0)+IF('Standard Profiles'!$G$22=$B$17,14,0)+IF('Standard Profiles'!$G$22=$B$24,21,0),0)),0)</f>
        <v>2.2606356170057968</v>
      </c>
      <c r="I2409">
        <f t="shared" si="279"/>
        <v>2.1702101923255661</v>
      </c>
      <c r="J2409">
        <f t="shared" si="280"/>
        <v>13.455423505791419</v>
      </c>
      <c r="K2409">
        <f t="shared" si="281"/>
        <v>0.36726409106649699</v>
      </c>
      <c r="L2409">
        <f t="shared" si="282"/>
        <v>0.18363204553324849</v>
      </c>
      <c r="M2409">
        <f t="shared" si="283"/>
        <v>0</v>
      </c>
      <c r="N2409" s="45">
        <f t="shared" si="284"/>
        <v>45025.958333327573</v>
      </c>
    </row>
    <row r="2410" spans="2:14" x14ac:dyDescent="0.25">
      <c r="B2410">
        <f t="shared" si="278"/>
        <v>1</v>
      </c>
      <c r="C2410" s="16">
        <v>2376</v>
      </c>
      <c r="D2410" cm="1">
        <f t="array" ref="D2410">IFERROR(INDEX(Jesper!AH$2:AH$366,ROUNDDOWN($C2410/24,0)+1,1)*INDEX($D$3:$AA$30,INDEX(Jesper!$R$2:$R$366,ROW(INDEX(Jesper!AH$2:AH$366,ROUNDDOWN($C2410/24,0)+1,1))-1)+IF('Standard Profiles'!$G$18=$B$10,7,0)+IF('Standard Profiles'!$G$18=$B$17,14,0)+IF('Standard Profiles'!$G$18=$B$24,21,0),MOD($C2410,24)+1)/SUM(INDEX($D$3:$AA$30,INDEX(Jesper!$R$2:$R$366,ROW(INDEX(Jesper!AH$2:AH$366,ROUNDDOWN($C2410/24,0)+1,1))-1)+IF('Standard Profiles'!$G$18=$B$10,7,0)+IF('Standard Profiles'!$G$18=$B$17,14,0)+IF('Standard Profiles'!$G$18=$B$24,21,0),0)),0)</f>
        <v>5.5984919610302439</v>
      </c>
      <c r="E2410" cm="1">
        <f t="array" ref="E2410">IFERROR(INDEX(Jesper!AI$2:AI$366,ROUNDDOWN($C2410/24,0)+1,1)*INDEX($D$3:$AA$30,INDEX(Jesper!$R$2:$R$366,ROW(INDEX(Jesper!AI$2:AI$366,ROUNDDOWN($C2410/24,0)+1,1))-1)+IF('Standard Profiles'!$G$19=$B$10,7,0)+IF('Standard Profiles'!$G$19=$B$17,14,0)+IF('Standard Profiles'!$G$19=$B$24,21,0),MOD($C2410,24)+1)/SUM(INDEX($D$3:$AA$30,INDEX(Jesper!$R$2:$R$366,ROW(INDEX(Jesper!AI$2:AI$366,ROUNDDOWN($C2410/24,0)+1,1))-1)+IF('Standard Profiles'!$G$19=$B$10,7,0)+IF('Standard Profiles'!$G$19=$B$17,14,0)+IF('Standard Profiles'!$G$19=$B$24,21,0),0)),0)</f>
        <v>4.8085700178109372</v>
      </c>
      <c r="F2410" cm="1">
        <f t="array" ref="F2410">IFERROR(INDEX(Jesper!AJ$2:AJ$366,ROUNDDOWN($C2410/24,0)+1,1)*INDEX($D$3:$AA$30,INDEX(Jesper!$R$2:$R$366,ROW(INDEX(Jesper!AJ$2:AJ$366,ROUNDDOWN($C2410/24,0)+1,1))-1)+IF('Standard Profiles'!$G$20=$B$10,7,0)+IF('Standard Profiles'!$G$20=$B$17,14,0)+IF('Standard Profiles'!$G$20=$B$24,21,0),MOD($C2410,24)+1)/SUM(INDEX($D$3:$AA$30,INDEX(Jesper!$R$2:$R$366,ROW(INDEX(Jesper!AJ$2:AJ$366,ROUNDDOWN($C2410/24,0)+1,1))-1)+IF('Standard Profiles'!$G$20=$B$10,7,0)+IF('Standard Profiles'!$G$20=$B$17,14,0)+IF('Standard Profiles'!$G$20=$B$24,21,0),0)),0)</f>
        <v>0</v>
      </c>
      <c r="G2410" cm="1">
        <f t="array" ref="G2410">IFERROR(INDEX(Jesper!AK$2:AK$366,ROUNDDOWN($C2410/24,0)+1,1)*INDEX($D$3:$AA$30,INDEX(Jesper!$R$2:$R$366,ROW(INDEX(Jesper!AK$2:AK$366,ROUNDDOWN($C2410/24,0)+1,1))-1)+IF('Standard Profiles'!$G$21=$B$10,7,0)+IF('Standard Profiles'!$G$21=$B$17,14,0)+IF('Standard Profiles'!$G$21=$B$24,21,0),MOD($C2410,24)+1)/SUM(INDEX($D$3:$AA$30,INDEX(Jesper!$R$2:$R$366,ROW(INDEX(Jesper!AK$2:AK$366,ROUNDDOWN($C2410/24,0)+1,1))-1)+IF('Standard Profiles'!$G$21=$B$10,7,0)+IF('Standard Profiles'!$G$21=$B$17,14,0)+IF('Standard Profiles'!$G$21=$B$24,21,0),0)),0)</f>
        <v>2.1793663899920492</v>
      </c>
      <c r="H2410" cm="1">
        <f t="array" ref="H2410">IFERROR(INDEX(Jesper!AL$2:AL$366,ROUNDDOWN($C2410/24,0)+1,1)*INDEX($D$3:$AA$30,INDEX(Jesper!$R$2:$R$366,ROW(INDEX(Jesper!AL$2:AL$366,ROUNDDOWN($C2410/24,0)+1,1))-1)+IF('Standard Profiles'!$G$22=$B$10,7,0)+IF('Standard Profiles'!$G$22=$B$17,14,0)+IF('Standard Profiles'!$G$22=$B$24,21,0),MOD($C2410,24)+1)/SUM(INDEX($D$3:$AA$30,INDEX(Jesper!$R$2:$R$366,ROW(INDEX(Jesper!AL$2:AL$366,ROUNDDOWN($C2410/24,0)+1,1))-1)+IF('Standard Profiles'!$G$22=$B$10,7,0)+IF('Standard Profiles'!$G$22=$B$17,14,0)+IF('Standard Profiles'!$G$22=$B$24,21,0),0)),0)</f>
        <v>0</v>
      </c>
      <c r="I2410">
        <f t="shared" si="279"/>
        <v>1.0460958671961831</v>
      </c>
      <c r="J2410">
        <f t="shared" si="280"/>
        <v>10.64457378787221</v>
      </c>
      <c r="K2410">
        <f t="shared" si="281"/>
        <v>0.59717247584322608</v>
      </c>
      <c r="L2410">
        <f t="shared" si="282"/>
        <v>0.29858623792161304</v>
      </c>
      <c r="M2410">
        <f t="shared" si="283"/>
        <v>0</v>
      </c>
      <c r="N2410" s="45">
        <f t="shared" si="284"/>
        <v>45025.999999994237</v>
      </c>
    </row>
    <row r="2411" spans="2:14" x14ac:dyDescent="0.25">
      <c r="B2411">
        <f t="shared" si="278"/>
        <v>1</v>
      </c>
      <c r="C2411" s="16">
        <v>2377</v>
      </c>
      <c r="D2411" cm="1">
        <f t="array" ref="D2411">IFERROR(INDEX(Jesper!AH$2:AH$366,ROUNDDOWN($C2411/24,0)+1,1)*INDEX($D$3:$AA$30,INDEX(Jesper!$R$2:$R$366,ROW(INDEX(Jesper!AH$2:AH$366,ROUNDDOWN($C2411/24,0)+1,1))-1)+IF('Standard Profiles'!$G$18=$B$10,7,0)+IF('Standard Profiles'!$G$18=$B$17,14,0)+IF('Standard Profiles'!$G$18=$B$24,21,0),MOD($C2411,24)+1)/SUM(INDEX($D$3:$AA$30,INDEX(Jesper!$R$2:$R$366,ROW(INDEX(Jesper!AH$2:AH$366,ROUNDDOWN($C2411/24,0)+1,1))-1)+IF('Standard Profiles'!$G$18=$B$10,7,0)+IF('Standard Profiles'!$G$18=$B$17,14,0)+IF('Standard Profiles'!$G$18=$B$24,21,0),0)),0)</f>
        <v>5.5984919610302439</v>
      </c>
      <c r="E2411" cm="1">
        <f t="array" ref="E2411">IFERROR(INDEX(Jesper!AI$2:AI$366,ROUNDDOWN($C2411/24,0)+1,1)*INDEX($D$3:$AA$30,INDEX(Jesper!$R$2:$R$366,ROW(INDEX(Jesper!AI$2:AI$366,ROUNDDOWN($C2411/24,0)+1,1))-1)+IF('Standard Profiles'!$G$19=$B$10,7,0)+IF('Standard Profiles'!$G$19=$B$17,14,0)+IF('Standard Profiles'!$G$19=$B$24,21,0),MOD($C2411,24)+1)/SUM(INDEX($D$3:$AA$30,INDEX(Jesper!$R$2:$R$366,ROW(INDEX(Jesper!AI$2:AI$366,ROUNDDOWN($C2411/24,0)+1,1))-1)+IF('Standard Profiles'!$G$19=$B$10,7,0)+IF('Standard Profiles'!$G$19=$B$17,14,0)+IF('Standard Profiles'!$G$19=$B$24,21,0),0)),0)</f>
        <v>4.8085700178109372</v>
      </c>
      <c r="F2411" cm="1">
        <f t="array" ref="F2411">IFERROR(INDEX(Jesper!AJ$2:AJ$366,ROUNDDOWN($C2411/24,0)+1,1)*INDEX($D$3:$AA$30,INDEX(Jesper!$R$2:$R$366,ROW(INDEX(Jesper!AJ$2:AJ$366,ROUNDDOWN($C2411/24,0)+1,1))-1)+IF('Standard Profiles'!$G$20=$B$10,7,0)+IF('Standard Profiles'!$G$20=$B$17,14,0)+IF('Standard Profiles'!$G$20=$B$24,21,0),MOD($C2411,24)+1)/SUM(INDEX($D$3:$AA$30,INDEX(Jesper!$R$2:$R$366,ROW(INDEX(Jesper!AJ$2:AJ$366,ROUNDDOWN($C2411/24,0)+1,1))-1)+IF('Standard Profiles'!$G$20=$B$10,7,0)+IF('Standard Profiles'!$G$20=$B$17,14,0)+IF('Standard Profiles'!$G$20=$B$24,21,0),0)),0)</f>
        <v>0</v>
      </c>
      <c r="G2411" cm="1">
        <f t="array" ref="G2411">IFERROR(INDEX(Jesper!AK$2:AK$366,ROUNDDOWN($C2411/24,0)+1,1)*INDEX($D$3:$AA$30,INDEX(Jesper!$R$2:$R$366,ROW(INDEX(Jesper!AK$2:AK$366,ROUNDDOWN($C2411/24,0)+1,1))-1)+IF('Standard Profiles'!$G$21=$B$10,7,0)+IF('Standard Profiles'!$G$21=$B$17,14,0)+IF('Standard Profiles'!$G$21=$B$24,21,0),MOD($C2411,24)+1)/SUM(INDEX($D$3:$AA$30,INDEX(Jesper!$R$2:$R$366,ROW(INDEX(Jesper!AK$2:AK$366,ROUNDDOWN($C2411/24,0)+1,1))-1)+IF('Standard Profiles'!$G$21=$B$10,7,0)+IF('Standard Profiles'!$G$21=$B$17,14,0)+IF('Standard Profiles'!$G$21=$B$24,21,0),0)),0)</f>
        <v>2.1793663899920492</v>
      </c>
      <c r="H2411" cm="1">
        <f t="array" ref="H2411">IFERROR(INDEX(Jesper!AL$2:AL$366,ROUNDDOWN($C2411/24,0)+1,1)*INDEX($D$3:$AA$30,INDEX(Jesper!$R$2:$R$366,ROW(INDEX(Jesper!AL$2:AL$366,ROUNDDOWN($C2411/24,0)+1,1))-1)+IF('Standard Profiles'!$G$22=$B$10,7,0)+IF('Standard Profiles'!$G$22=$B$17,14,0)+IF('Standard Profiles'!$G$22=$B$24,21,0),MOD($C2411,24)+1)/SUM(INDEX($D$3:$AA$30,INDEX(Jesper!$R$2:$R$366,ROW(INDEX(Jesper!AL$2:AL$366,ROUNDDOWN($C2411/24,0)+1,1))-1)+IF('Standard Profiles'!$G$22=$B$10,7,0)+IF('Standard Profiles'!$G$22=$B$17,14,0)+IF('Standard Profiles'!$G$22=$B$24,21,0),0)),0)</f>
        <v>0</v>
      </c>
      <c r="I2411">
        <f t="shared" si="279"/>
        <v>1.0460958671961831</v>
      </c>
      <c r="J2411">
        <f t="shared" si="280"/>
        <v>10.64457378787221</v>
      </c>
      <c r="K2411">
        <f t="shared" si="281"/>
        <v>0.59717247584322608</v>
      </c>
      <c r="L2411">
        <f t="shared" si="282"/>
        <v>0.29858623792161304</v>
      </c>
      <c r="M2411">
        <f t="shared" si="283"/>
        <v>0</v>
      </c>
      <c r="N2411" s="45">
        <f t="shared" si="284"/>
        <v>45026.041666660902</v>
      </c>
    </row>
    <row r="2412" spans="2:14" x14ac:dyDescent="0.25">
      <c r="B2412">
        <f t="shared" si="278"/>
        <v>1</v>
      </c>
      <c r="C2412" s="16">
        <v>2378</v>
      </c>
      <c r="D2412" cm="1">
        <f t="array" ref="D2412">IFERROR(INDEX(Jesper!AH$2:AH$366,ROUNDDOWN($C2412/24,0)+1,1)*INDEX($D$3:$AA$30,INDEX(Jesper!$R$2:$R$366,ROW(INDEX(Jesper!AH$2:AH$366,ROUNDDOWN($C2412/24,0)+1,1))-1)+IF('Standard Profiles'!$G$18=$B$10,7,0)+IF('Standard Profiles'!$G$18=$B$17,14,0)+IF('Standard Profiles'!$G$18=$B$24,21,0),MOD($C2412,24)+1)/SUM(INDEX($D$3:$AA$30,INDEX(Jesper!$R$2:$R$366,ROW(INDEX(Jesper!AH$2:AH$366,ROUNDDOWN($C2412/24,0)+1,1))-1)+IF('Standard Profiles'!$G$18=$B$10,7,0)+IF('Standard Profiles'!$G$18=$B$17,14,0)+IF('Standard Profiles'!$G$18=$B$24,21,0),0)),0)</f>
        <v>5.5984919610302439</v>
      </c>
      <c r="E2412" cm="1">
        <f t="array" ref="E2412">IFERROR(INDEX(Jesper!AI$2:AI$366,ROUNDDOWN($C2412/24,0)+1,1)*INDEX($D$3:$AA$30,INDEX(Jesper!$R$2:$R$366,ROW(INDEX(Jesper!AI$2:AI$366,ROUNDDOWN($C2412/24,0)+1,1))-1)+IF('Standard Profiles'!$G$19=$B$10,7,0)+IF('Standard Profiles'!$G$19=$B$17,14,0)+IF('Standard Profiles'!$G$19=$B$24,21,0),MOD($C2412,24)+1)/SUM(INDEX($D$3:$AA$30,INDEX(Jesper!$R$2:$R$366,ROW(INDEX(Jesper!AI$2:AI$366,ROUNDDOWN($C2412/24,0)+1,1))-1)+IF('Standard Profiles'!$G$19=$B$10,7,0)+IF('Standard Profiles'!$G$19=$B$17,14,0)+IF('Standard Profiles'!$G$19=$B$24,21,0),0)),0)</f>
        <v>4.8085700178109372</v>
      </c>
      <c r="F2412" cm="1">
        <f t="array" ref="F2412">IFERROR(INDEX(Jesper!AJ$2:AJ$366,ROUNDDOWN($C2412/24,0)+1,1)*INDEX($D$3:$AA$30,INDEX(Jesper!$R$2:$R$366,ROW(INDEX(Jesper!AJ$2:AJ$366,ROUNDDOWN($C2412/24,0)+1,1))-1)+IF('Standard Profiles'!$G$20=$B$10,7,0)+IF('Standard Profiles'!$G$20=$B$17,14,0)+IF('Standard Profiles'!$G$20=$B$24,21,0),MOD($C2412,24)+1)/SUM(INDEX($D$3:$AA$30,INDEX(Jesper!$R$2:$R$366,ROW(INDEX(Jesper!AJ$2:AJ$366,ROUNDDOWN($C2412/24,0)+1,1))-1)+IF('Standard Profiles'!$G$20=$B$10,7,0)+IF('Standard Profiles'!$G$20=$B$17,14,0)+IF('Standard Profiles'!$G$20=$B$24,21,0),0)),0)</f>
        <v>0</v>
      </c>
      <c r="G2412" cm="1">
        <f t="array" ref="G2412">IFERROR(INDEX(Jesper!AK$2:AK$366,ROUNDDOWN($C2412/24,0)+1,1)*INDEX($D$3:$AA$30,INDEX(Jesper!$R$2:$R$366,ROW(INDEX(Jesper!AK$2:AK$366,ROUNDDOWN($C2412/24,0)+1,1))-1)+IF('Standard Profiles'!$G$21=$B$10,7,0)+IF('Standard Profiles'!$G$21=$B$17,14,0)+IF('Standard Profiles'!$G$21=$B$24,21,0),MOD($C2412,24)+1)/SUM(INDEX($D$3:$AA$30,INDEX(Jesper!$R$2:$R$366,ROW(INDEX(Jesper!AK$2:AK$366,ROUNDDOWN($C2412/24,0)+1,1))-1)+IF('Standard Profiles'!$G$21=$B$10,7,0)+IF('Standard Profiles'!$G$21=$B$17,14,0)+IF('Standard Profiles'!$G$21=$B$24,21,0),0)),0)</f>
        <v>2.1793663899920492</v>
      </c>
      <c r="H2412" cm="1">
        <f t="array" ref="H2412">IFERROR(INDEX(Jesper!AL$2:AL$366,ROUNDDOWN($C2412/24,0)+1,1)*INDEX($D$3:$AA$30,INDEX(Jesper!$R$2:$R$366,ROW(INDEX(Jesper!AL$2:AL$366,ROUNDDOWN($C2412/24,0)+1,1))-1)+IF('Standard Profiles'!$G$22=$B$10,7,0)+IF('Standard Profiles'!$G$22=$B$17,14,0)+IF('Standard Profiles'!$G$22=$B$24,21,0),MOD($C2412,24)+1)/SUM(INDEX($D$3:$AA$30,INDEX(Jesper!$R$2:$R$366,ROW(INDEX(Jesper!AL$2:AL$366,ROUNDDOWN($C2412/24,0)+1,1))-1)+IF('Standard Profiles'!$G$22=$B$10,7,0)+IF('Standard Profiles'!$G$22=$B$17,14,0)+IF('Standard Profiles'!$G$22=$B$24,21,0),0)),0)</f>
        <v>0</v>
      </c>
      <c r="I2412">
        <f t="shared" si="279"/>
        <v>1.0460958671961831</v>
      </c>
      <c r="J2412">
        <f t="shared" si="280"/>
        <v>10.64457378787221</v>
      </c>
      <c r="K2412">
        <f t="shared" si="281"/>
        <v>0.59717247584322608</v>
      </c>
      <c r="L2412">
        <f t="shared" si="282"/>
        <v>0.29858623792161304</v>
      </c>
      <c r="M2412">
        <f t="shared" si="283"/>
        <v>0</v>
      </c>
      <c r="N2412" s="45">
        <f t="shared" si="284"/>
        <v>45026.083333327566</v>
      </c>
    </row>
    <row r="2413" spans="2:14" x14ac:dyDescent="0.25">
      <c r="B2413">
        <f t="shared" si="278"/>
        <v>1</v>
      </c>
      <c r="C2413" s="16">
        <v>2379</v>
      </c>
      <c r="D2413" cm="1">
        <f t="array" ref="D2413">IFERROR(INDEX(Jesper!AH$2:AH$366,ROUNDDOWN($C2413/24,0)+1,1)*INDEX($D$3:$AA$30,INDEX(Jesper!$R$2:$R$366,ROW(INDEX(Jesper!AH$2:AH$366,ROUNDDOWN($C2413/24,0)+1,1))-1)+IF('Standard Profiles'!$G$18=$B$10,7,0)+IF('Standard Profiles'!$G$18=$B$17,14,0)+IF('Standard Profiles'!$G$18=$B$24,21,0),MOD($C2413,24)+1)/SUM(INDEX($D$3:$AA$30,INDEX(Jesper!$R$2:$R$366,ROW(INDEX(Jesper!AH$2:AH$366,ROUNDDOWN($C2413/24,0)+1,1))-1)+IF('Standard Profiles'!$G$18=$B$10,7,0)+IF('Standard Profiles'!$G$18=$B$17,14,0)+IF('Standard Profiles'!$G$18=$B$24,21,0),0)),0)</f>
        <v>5.5984919610302439</v>
      </c>
      <c r="E2413" cm="1">
        <f t="array" ref="E2413">IFERROR(INDEX(Jesper!AI$2:AI$366,ROUNDDOWN($C2413/24,0)+1,1)*INDEX($D$3:$AA$30,INDEX(Jesper!$R$2:$R$366,ROW(INDEX(Jesper!AI$2:AI$366,ROUNDDOWN($C2413/24,0)+1,1))-1)+IF('Standard Profiles'!$G$19=$B$10,7,0)+IF('Standard Profiles'!$G$19=$B$17,14,0)+IF('Standard Profiles'!$G$19=$B$24,21,0),MOD($C2413,24)+1)/SUM(INDEX($D$3:$AA$30,INDEX(Jesper!$R$2:$R$366,ROW(INDEX(Jesper!AI$2:AI$366,ROUNDDOWN($C2413/24,0)+1,1))-1)+IF('Standard Profiles'!$G$19=$B$10,7,0)+IF('Standard Profiles'!$G$19=$B$17,14,0)+IF('Standard Profiles'!$G$19=$B$24,21,0),0)),0)</f>
        <v>4.8085700178109372</v>
      </c>
      <c r="F2413" cm="1">
        <f t="array" ref="F2413">IFERROR(INDEX(Jesper!AJ$2:AJ$366,ROUNDDOWN($C2413/24,0)+1,1)*INDEX($D$3:$AA$30,INDEX(Jesper!$R$2:$R$366,ROW(INDEX(Jesper!AJ$2:AJ$366,ROUNDDOWN($C2413/24,0)+1,1))-1)+IF('Standard Profiles'!$G$20=$B$10,7,0)+IF('Standard Profiles'!$G$20=$B$17,14,0)+IF('Standard Profiles'!$G$20=$B$24,21,0),MOD($C2413,24)+1)/SUM(INDEX($D$3:$AA$30,INDEX(Jesper!$R$2:$R$366,ROW(INDEX(Jesper!AJ$2:AJ$366,ROUNDDOWN($C2413/24,0)+1,1))-1)+IF('Standard Profiles'!$G$20=$B$10,7,0)+IF('Standard Profiles'!$G$20=$B$17,14,0)+IF('Standard Profiles'!$G$20=$B$24,21,0),0)),0)</f>
        <v>0</v>
      </c>
      <c r="G2413" cm="1">
        <f t="array" ref="G2413">IFERROR(INDEX(Jesper!AK$2:AK$366,ROUNDDOWN($C2413/24,0)+1,1)*INDEX($D$3:$AA$30,INDEX(Jesper!$R$2:$R$366,ROW(INDEX(Jesper!AK$2:AK$366,ROUNDDOWN($C2413/24,0)+1,1))-1)+IF('Standard Profiles'!$G$21=$B$10,7,0)+IF('Standard Profiles'!$G$21=$B$17,14,0)+IF('Standard Profiles'!$G$21=$B$24,21,0),MOD($C2413,24)+1)/SUM(INDEX($D$3:$AA$30,INDEX(Jesper!$R$2:$R$366,ROW(INDEX(Jesper!AK$2:AK$366,ROUNDDOWN($C2413/24,0)+1,1))-1)+IF('Standard Profiles'!$G$21=$B$10,7,0)+IF('Standard Profiles'!$G$21=$B$17,14,0)+IF('Standard Profiles'!$G$21=$B$24,21,0),0)),0)</f>
        <v>2.1793663899920492</v>
      </c>
      <c r="H2413" cm="1">
        <f t="array" ref="H2413">IFERROR(INDEX(Jesper!AL$2:AL$366,ROUNDDOWN($C2413/24,0)+1,1)*INDEX($D$3:$AA$30,INDEX(Jesper!$R$2:$R$366,ROW(INDEX(Jesper!AL$2:AL$366,ROUNDDOWN($C2413/24,0)+1,1))-1)+IF('Standard Profiles'!$G$22=$B$10,7,0)+IF('Standard Profiles'!$G$22=$B$17,14,0)+IF('Standard Profiles'!$G$22=$B$24,21,0),MOD($C2413,24)+1)/SUM(INDEX($D$3:$AA$30,INDEX(Jesper!$R$2:$R$366,ROW(INDEX(Jesper!AL$2:AL$366,ROUNDDOWN($C2413/24,0)+1,1))-1)+IF('Standard Profiles'!$G$22=$B$10,7,0)+IF('Standard Profiles'!$G$22=$B$17,14,0)+IF('Standard Profiles'!$G$22=$B$24,21,0),0)),0)</f>
        <v>0</v>
      </c>
      <c r="I2413">
        <f t="shared" si="279"/>
        <v>1.0460958671961831</v>
      </c>
      <c r="J2413">
        <f t="shared" si="280"/>
        <v>10.64457378787221</v>
      </c>
      <c r="K2413">
        <f t="shared" si="281"/>
        <v>0.59717247584322608</v>
      </c>
      <c r="L2413">
        <f t="shared" si="282"/>
        <v>0.29858623792161304</v>
      </c>
      <c r="M2413">
        <f t="shared" si="283"/>
        <v>0</v>
      </c>
      <c r="N2413" s="45">
        <f t="shared" si="284"/>
        <v>45026.12499999423</v>
      </c>
    </row>
    <row r="2414" spans="2:14" x14ac:dyDescent="0.25">
      <c r="B2414">
        <f t="shared" si="278"/>
        <v>1</v>
      </c>
      <c r="C2414" s="16">
        <v>2380</v>
      </c>
      <c r="D2414" cm="1">
        <f t="array" ref="D2414">IFERROR(INDEX(Jesper!AH$2:AH$366,ROUNDDOWN($C2414/24,0)+1,1)*INDEX($D$3:$AA$30,INDEX(Jesper!$R$2:$R$366,ROW(INDEX(Jesper!AH$2:AH$366,ROUNDDOWN($C2414/24,0)+1,1))-1)+IF('Standard Profiles'!$G$18=$B$10,7,0)+IF('Standard Profiles'!$G$18=$B$17,14,0)+IF('Standard Profiles'!$G$18=$B$24,21,0),MOD($C2414,24)+1)/SUM(INDEX($D$3:$AA$30,INDEX(Jesper!$R$2:$R$366,ROW(INDEX(Jesper!AH$2:AH$366,ROUNDDOWN($C2414/24,0)+1,1))-1)+IF('Standard Profiles'!$G$18=$B$10,7,0)+IF('Standard Profiles'!$G$18=$B$17,14,0)+IF('Standard Profiles'!$G$18=$B$24,21,0),0)),0)</f>
        <v>5.5984919610302439</v>
      </c>
      <c r="E2414" cm="1">
        <f t="array" ref="E2414">IFERROR(INDEX(Jesper!AI$2:AI$366,ROUNDDOWN($C2414/24,0)+1,1)*INDEX($D$3:$AA$30,INDEX(Jesper!$R$2:$R$366,ROW(INDEX(Jesper!AI$2:AI$366,ROUNDDOWN($C2414/24,0)+1,1))-1)+IF('Standard Profiles'!$G$19=$B$10,7,0)+IF('Standard Profiles'!$G$19=$B$17,14,0)+IF('Standard Profiles'!$G$19=$B$24,21,0),MOD($C2414,24)+1)/SUM(INDEX($D$3:$AA$30,INDEX(Jesper!$R$2:$R$366,ROW(INDEX(Jesper!AI$2:AI$366,ROUNDDOWN($C2414/24,0)+1,1))-1)+IF('Standard Profiles'!$G$19=$B$10,7,0)+IF('Standard Profiles'!$G$19=$B$17,14,0)+IF('Standard Profiles'!$G$19=$B$24,21,0),0)),0)</f>
        <v>4.8085700178109372</v>
      </c>
      <c r="F2414" cm="1">
        <f t="array" ref="F2414">IFERROR(INDEX(Jesper!AJ$2:AJ$366,ROUNDDOWN($C2414/24,0)+1,1)*INDEX($D$3:$AA$30,INDEX(Jesper!$R$2:$R$366,ROW(INDEX(Jesper!AJ$2:AJ$366,ROUNDDOWN($C2414/24,0)+1,1))-1)+IF('Standard Profiles'!$G$20=$B$10,7,0)+IF('Standard Profiles'!$G$20=$B$17,14,0)+IF('Standard Profiles'!$G$20=$B$24,21,0),MOD($C2414,24)+1)/SUM(INDEX($D$3:$AA$30,INDEX(Jesper!$R$2:$R$366,ROW(INDEX(Jesper!AJ$2:AJ$366,ROUNDDOWN($C2414/24,0)+1,1))-1)+IF('Standard Profiles'!$G$20=$B$10,7,0)+IF('Standard Profiles'!$G$20=$B$17,14,0)+IF('Standard Profiles'!$G$20=$B$24,21,0),0)),0)</f>
        <v>0</v>
      </c>
      <c r="G2414" cm="1">
        <f t="array" ref="G2414">IFERROR(INDEX(Jesper!AK$2:AK$366,ROUNDDOWN($C2414/24,0)+1,1)*INDEX($D$3:$AA$30,INDEX(Jesper!$R$2:$R$366,ROW(INDEX(Jesper!AK$2:AK$366,ROUNDDOWN($C2414/24,0)+1,1))-1)+IF('Standard Profiles'!$G$21=$B$10,7,0)+IF('Standard Profiles'!$G$21=$B$17,14,0)+IF('Standard Profiles'!$G$21=$B$24,21,0),MOD($C2414,24)+1)/SUM(INDEX($D$3:$AA$30,INDEX(Jesper!$R$2:$R$366,ROW(INDEX(Jesper!AK$2:AK$366,ROUNDDOWN($C2414/24,0)+1,1))-1)+IF('Standard Profiles'!$G$21=$B$10,7,0)+IF('Standard Profiles'!$G$21=$B$17,14,0)+IF('Standard Profiles'!$G$21=$B$24,21,0),0)),0)</f>
        <v>2.1793663899920492</v>
      </c>
      <c r="H2414" cm="1">
        <f t="array" ref="H2414">IFERROR(INDEX(Jesper!AL$2:AL$366,ROUNDDOWN($C2414/24,0)+1,1)*INDEX($D$3:$AA$30,INDEX(Jesper!$R$2:$R$366,ROW(INDEX(Jesper!AL$2:AL$366,ROUNDDOWN($C2414/24,0)+1,1))-1)+IF('Standard Profiles'!$G$22=$B$10,7,0)+IF('Standard Profiles'!$G$22=$B$17,14,0)+IF('Standard Profiles'!$G$22=$B$24,21,0),MOD($C2414,24)+1)/SUM(INDEX($D$3:$AA$30,INDEX(Jesper!$R$2:$R$366,ROW(INDEX(Jesper!AL$2:AL$366,ROUNDDOWN($C2414/24,0)+1,1))-1)+IF('Standard Profiles'!$G$22=$B$10,7,0)+IF('Standard Profiles'!$G$22=$B$17,14,0)+IF('Standard Profiles'!$G$22=$B$24,21,0),0)),0)</f>
        <v>0</v>
      </c>
      <c r="I2414">
        <f t="shared" si="279"/>
        <v>1.0460958671961831</v>
      </c>
      <c r="J2414">
        <f t="shared" si="280"/>
        <v>10.64457378787221</v>
      </c>
      <c r="K2414">
        <f t="shared" si="281"/>
        <v>0.59717247584322608</v>
      </c>
      <c r="L2414">
        <f t="shared" si="282"/>
        <v>0.29858623792161304</v>
      </c>
      <c r="M2414">
        <f t="shared" si="283"/>
        <v>0</v>
      </c>
      <c r="N2414" s="45">
        <f t="shared" si="284"/>
        <v>45026.166666660894</v>
      </c>
    </row>
    <row r="2415" spans="2:14" x14ac:dyDescent="0.25">
      <c r="B2415">
        <f t="shared" si="278"/>
        <v>1</v>
      </c>
      <c r="C2415" s="16">
        <v>2381</v>
      </c>
      <c r="D2415" cm="1">
        <f t="array" ref="D2415">IFERROR(INDEX(Jesper!AH$2:AH$366,ROUNDDOWN($C2415/24,0)+1,1)*INDEX($D$3:$AA$30,INDEX(Jesper!$R$2:$R$366,ROW(INDEX(Jesper!AH$2:AH$366,ROUNDDOWN($C2415/24,0)+1,1))-1)+IF('Standard Profiles'!$G$18=$B$10,7,0)+IF('Standard Profiles'!$G$18=$B$17,14,0)+IF('Standard Profiles'!$G$18=$B$24,21,0),MOD($C2415,24)+1)/SUM(INDEX($D$3:$AA$30,INDEX(Jesper!$R$2:$R$366,ROW(INDEX(Jesper!AH$2:AH$366,ROUNDDOWN($C2415/24,0)+1,1))-1)+IF('Standard Profiles'!$G$18=$B$10,7,0)+IF('Standard Profiles'!$G$18=$B$17,14,0)+IF('Standard Profiles'!$G$18=$B$24,21,0),0)),0)</f>
        <v>5.5984919610302439</v>
      </c>
      <c r="E2415" cm="1">
        <f t="array" ref="E2415">IFERROR(INDEX(Jesper!AI$2:AI$366,ROUNDDOWN($C2415/24,0)+1,1)*INDEX($D$3:$AA$30,INDEX(Jesper!$R$2:$R$366,ROW(INDEX(Jesper!AI$2:AI$366,ROUNDDOWN($C2415/24,0)+1,1))-1)+IF('Standard Profiles'!$G$19=$B$10,7,0)+IF('Standard Profiles'!$G$19=$B$17,14,0)+IF('Standard Profiles'!$G$19=$B$24,21,0),MOD($C2415,24)+1)/SUM(INDEX($D$3:$AA$30,INDEX(Jesper!$R$2:$R$366,ROW(INDEX(Jesper!AI$2:AI$366,ROUNDDOWN($C2415/24,0)+1,1))-1)+IF('Standard Profiles'!$G$19=$B$10,7,0)+IF('Standard Profiles'!$G$19=$B$17,14,0)+IF('Standard Profiles'!$G$19=$B$24,21,0),0)),0)</f>
        <v>4.8085700178109372</v>
      </c>
      <c r="F2415" cm="1">
        <f t="array" ref="F2415">IFERROR(INDEX(Jesper!AJ$2:AJ$366,ROUNDDOWN($C2415/24,0)+1,1)*INDEX($D$3:$AA$30,INDEX(Jesper!$R$2:$R$366,ROW(INDEX(Jesper!AJ$2:AJ$366,ROUNDDOWN($C2415/24,0)+1,1))-1)+IF('Standard Profiles'!$G$20=$B$10,7,0)+IF('Standard Profiles'!$G$20=$B$17,14,0)+IF('Standard Profiles'!$G$20=$B$24,21,0),MOD($C2415,24)+1)/SUM(INDEX($D$3:$AA$30,INDEX(Jesper!$R$2:$R$366,ROW(INDEX(Jesper!AJ$2:AJ$366,ROUNDDOWN($C2415/24,0)+1,1))-1)+IF('Standard Profiles'!$G$20=$B$10,7,0)+IF('Standard Profiles'!$G$20=$B$17,14,0)+IF('Standard Profiles'!$G$20=$B$24,21,0),0)),0)</f>
        <v>0</v>
      </c>
      <c r="G2415" cm="1">
        <f t="array" ref="G2415">IFERROR(INDEX(Jesper!AK$2:AK$366,ROUNDDOWN($C2415/24,0)+1,1)*INDEX($D$3:$AA$30,INDEX(Jesper!$R$2:$R$366,ROW(INDEX(Jesper!AK$2:AK$366,ROUNDDOWN($C2415/24,0)+1,1))-1)+IF('Standard Profiles'!$G$21=$B$10,7,0)+IF('Standard Profiles'!$G$21=$B$17,14,0)+IF('Standard Profiles'!$G$21=$B$24,21,0),MOD($C2415,24)+1)/SUM(INDEX($D$3:$AA$30,INDEX(Jesper!$R$2:$R$366,ROW(INDEX(Jesper!AK$2:AK$366,ROUNDDOWN($C2415/24,0)+1,1))-1)+IF('Standard Profiles'!$G$21=$B$10,7,0)+IF('Standard Profiles'!$G$21=$B$17,14,0)+IF('Standard Profiles'!$G$21=$B$24,21,0),0)),0)</f>
        <v>2.1793663899920492</v>
      </c>
      <c r="H2415" cm="1">
        <f t="array" ref="H2415">IFERROR(INDEX(Jesper!AL$2:AL$366,ROUNDDOWN($C2415/24,0)+1,1)*INDEX($D$3:$AA$30,INDEX(Jesper!$R$2:$R$366,ROW(INDEX(Jesper!AL$2:AL$366,ROUNDDOWN($C2415/24,0)+1,1))-1)+IF('Standard Profiles'!$G$22=$B$10,7,0)+IF('Standard Profiles'!$G$22=$B$17,14,0)+IF('Standard Profiles'!$G$22=$B$24,21,0),MOD($C2415,24)+1)/SUM(INDEX($D$3:$AA$30,INDEX(Jesper!$R$2:$R$366,ROW(INDEX(Jesper!AL$2:AL$366,ROUNDDOWN($C2415/24,0)+1,1))-1)+IF('Standard Profiles'!$G$22=$B$10,7,0)+IF('Standard Profiles'!$G$22=$B$17,14,0)+IF('Standard Profiles'!$G$22=$B$24,21,0),0)),0)</f>
        <v>0</v>
      </c>
      <c r="I2415">
        <f t="shared" si="279"/>
        <v>1.0460958671961831</v>
      </c>
      <c r="J2415">
        <f t="shared" si="280"/>
        <v>10.64457378787221</v>
      </c>
      <c r="K2415">
        <f t="shared" si="281"/>
        <v>0.59717247584322608</v>
      </c>
      <c r="L2415">
        <f t="shared" si="282"/>
        <v>0.29858623792161304</v>
      </c>
      <c r="M2415">
        <f t="shared" si="283"/>
        <v>0</v>
      </c>
      <c r="N2415" s="45">
        <f t="shared" si="284"/>
        <v>45026.208333327559</v>
      </c>
    </row>
    <row r="2416" spans="2:14" x14ac:dyDescent="0.25">
      <c r="B2416">
        <f t="shared" si="278"/>
        <v>1</v>
      </c>
      <c r="C2416" s="16">
        <v>2382</v>
      </c>
      <c r="D2416" cm="1">
        <f t="array" ref="D2416">IFERROR(INDEX(Jesper!AH$2:AH$366,ROUNDDOWN($C2416/24,0)+1,1)*INDEX($D$3:$AA$30,INDEX(Jesper!$R$2:$R$366,ROW(INDEX(Jesper!AH$2:AH$366,ROUNDDOWN($C2416/24,0)+1,1))-1)+IF('Standard Profiles'!$G$18=$B$10,7,0)+IF('Standard Profiles'!$G$18=$B$17,14,0)+IF('Standard Profiles'!$G$18=$B$24,21,0),MOD($C2416,24)+1)/SUM(INDEX($D$3:$AA$30,INDEX(Jesper!$R$2:$R$366,ROW(INDEX(Jesper!AH$2:AH$366,ROUNDDOWN($C2416/24,0)+1,1))-1)+IF('Standard Profiles'!$G$18=$B$10,7,0)+IF('Standard Profiles'!$G$18=$B$17,14,0)+IF('Standard Profiles'!$G$18=$B$24,21,0),0)),0)</f>
        <v>5.5984919610302439</v>
      </c>
      <c r="E2416" cm="1">
        <f t="array" ref="E2416">IFERROR(INDEX(Jesper!AI$2:AI$366,ROUNDDOWN($C2416/24,0)+1,1)*INDEX($D$3:$AA$30,INDEX(Jesper!$R$2:$R$366,ROW(INDEX(Jesper!AI$2:AI$366,ROUNDDOWN($C2416/24,0)+1,1))-1)+IF('Standard Profiles'!$G$19=$B$10,7,0)+IF('Standard Profiles'!$G$19=$B$17,14,0)+IF('Standard Profiles'!$G$19=$B$24,21,0),MOD($C2416,24)+1)/SUM(INDEX($D$3:$AA$30,INDEX(Jesper!$R$2:$R$366,ROW(INDEX(Jesper!AI$2:AI$366,ROUNDDOWN($C2416/24,0)+1,1))-1)+IF('Standard Profiles'!$G$19=$B$10,7,0)+IF('Standard Profiles'!$G$19=$B$17,14,0)+IF('Standard Profiles'!$G$19=$B$24,21,0),0)),0)</f>
        <v>4.8085700178109372</v>
      </c>
      <c r="F2416" cm="1">
        <f t="array" ref="F2416">IFERROR(INDEX(Jesper!AJ$2:AJ$366,ROUNDDOWN($C2416/24,0)+1,1)*INDEX($D$3:$AA$30,INDEX(Jesper!$R$2:$R$366,ROW(INDEX(Jesper!AJ$2:AJ$366,ROUNDDOWN($C2416/24,0)+1,1))-1)+IF('Standard Profiles'!$G$20=$B$10,7,0)+IF('Standard Profiles'!$G$20=$B$17,14,0)+IF('Standard Profiles'!$G$20=$B$24,21,0),MOD($C2416,24)+1)/SUM(INDEX($D$3:$AA$30,INDEX(Jesper!$R$2:$R$366,ROW(INDEX(Jesper!AJ$2:AJ$366,ROUNDDOWN($C2416/24,0)+1,1))-1)+IF('Standard Profiles'!$G$20=$B$10,7,0)+IF('Standard Profiles'!$G$20=$B$17,14,0)+IF('Standard Profiles'!$G$20=$B$24,21,0),0)),0)</f>
        <v>0</v>
      </c>
      <c r="G2416" cm="1">
        <f t="array" ref="G2416">IFERROR(INDEX(Jesper!AK$2:AK$366,ROUNDDOWN($C2416/24,0)+1,1)*INDEX($D$3:$AA$30,INDEX(Jesper!$R$2:$R$366,ROW(INDEX(Jesper!AK$2:AK$366,ROUNDDOWN($C2416/24,0)+1,1))-1)+IF('Standard Profiles'!$G$21=$B$10,7,0)+IF('Standard Profiles'!$G$21=$B$17,14,0)+IF('Standard Profiles'!$G$21=$B$24,21,0),MOD($C2416,24)+1)/SUM(INDEX($D$3:$AA$30,INDEX(Jesper!$R$2:$R$366,ROW(INDEX(Jesper!AK$2:AK$366,ROUNDDOWN($C2416/24,0)+1,1))-1)+IF('Standard Profiles'!$G$21=$B$10,7,0)+IF('Standard Profiles'!$G$21=$B$17,14,0)+IF('Standard Profiles'!$G$21=$B$24,21,0),0)),0)</f>
        <v>2.1793663899920492</v>
      </c>
      <c r="H2416" cm="1">
        <f t="array" ref="H2416">IFERROR(INDEX(Jesper!AL$2:AL$366,ROUNDDOWN($C2416/24,0)+1,1)*INDEX($D$3:$AA$30,INDEX(Jesper!$R$2:$R$366,ROW(INDEX(Jesper!AL$2:AL$366,ROUNDDOWN($C2416/24,0)+1,1))-1)+IF('Standard Profiles'!$G$22=$B$10,7,0)+IF('Standard Profiles'!$G$22=$B$17,14,0)+IF('Standard Profiles'!$G$22=$B$24,21,0),MOD($C2416,24)+1)/SUM(INDEX($D$3:$AA$30,INDEX(Jesper!$R$2:$R$366,ROW(INDEX(Jesper!AL$2:AL$366,ROUNDDOWN($C2416/24,0)+1,1))-1)+IF('Standard Profiles'!$G$22=$B$10,7,0)+IF('Standard Profiles'!$G$22=$B$17,14,0)+IF('Standard Profiles'!$G$22=$B$24,21,0),0)),0)</f>
        <v>0</v>
      </c>
      <c r="I2416">
        <f t="shared" si="279"/>
        <v>1.0460958671961831</v>
      </c>
      <c r="J2416">
        <f t="shared" si="280"/>
        <v>10.64457378787221</v>
      </c>
      <c r="K2416">
        <f t="shared" si="281"/>
        <v>0.59717247584322608</v>
      </c>
      <c r="L2416">
        <f t="shared" si="282"/>
        <v>0.29858623792161304</v>
      </c>
      <c r="M2416">
        <f t="shared" si="283"/>
        <v>0</v>
      </c>
      <c r="N2416" s="45">
        <f t="shared" si="284"/>
        <v>45026.249999994223</v>
      </c>
    </row>
    <row r="2417" spans="2:14" x14ac:dyDescent="0.25">
      <c r="B2417">
        <f t="shared" si="278"/>
        <v>1</v>
      </c>
      <c r="C2417" s="16">
        <v>2383</v>
      </c>
      <c r="D2417" cm="1">
        <f t="array" ref="D2417">IFERROR(INDEX(Jesper!AH$2:AH$366,ROUNDDOWN($C2417/24,0)+1,1)*INDEX($D$3:$AA$30,INDEX(Jesper!$R$2:$R$366,ROW(INDEX(Jesper!AH$2:AH$366,ROUNDDOWN($C2417/24,0)+1,1))-1)+IF('Standard Profiles'!$G$18=$B$10,7,0)+IF('Standard Profiles'!$G$18=$B$17,14,0)+IF('Standard Profiles'!$G$18=$B$24,21,0),MOD($C2417,24)+1)/SUM(INDEX($D$3:$AA$30,INDEX(Jesper!$R$2:$R$366,ROW(INDEX(Jesper!AH$2:AH$366,ROUNDDOWN($C2417/24,0)+1,1))-1)+IF('Standard Profiles'!$G$18=$B$10,7,0)+IF('Standard Profiles'!$G$18=$B$17,14,0)+IF('Standard Profiles'!$G$18=$B$24,21,0),0)),0)</f>
        <v>23.849575753988841</v>
      </c>
      <c r="E2417" cm="1">
        <f t="array" ref="E2417">IFERROR(INDEX(Jesper!AI$2:AI$366,ROUNDDOWN($C2417/24,0)+1,1)*INDEX($D$3:$AA$30,INDEX(Jesper!$R$2:$R$366,ROW(INDEX(Jesper!AI$2:AI$366,ROUNDDOWN($C2417/24,0)+1,1))-1)+IF('Standard Profiles'!$G$19=$B$10,7,0)+IF('Standard Profiles'!$G$19=$B$17,14,0)+IF('Standard Profiles'!$G$19=$B$24,21,0),MOD($C2417,24)+1)/SUM(INDEX($D$3:$AA$30,INDEX(Jesper!$R$2:$R$366,ROW(INDEX(Jesper!AI$2:AI$366,ROUNDDOWN($C2417/24,0)+1,1))-1)+IF('Standard Profiles'!$G$19=$B$10,7,0)+IF('Standard Profiles'!$G$19=$B$17,14,0)+IF('Standard Profiles'!$G$19=$B$24,21,0),0)),0)</f>
        <v>20.484508275874589</v>
      </c>
      <c r="F2417" cm="1">
        <f t="array" ref="F2417">IFERROR(INDEX(Jesper!AJ$2:AJ$366,ROUNDDOWN($C2417/24,0)+1,1)*INDEX($D$3:$AA$30,INDEX(Jesper!$R$2:$R$366,ROW(INDEX(Jesper!AJ$2:AJ$366,ROUNDDOWN($C2417/24,0)+1,1))-1)+IF('Standard Profiles'!$G$20=$B$10,7,0)+IF('Standard Profiles'!$G$20=$B$17,14,0)+IF('Standard Profiles'!$G$20=$B$24,21,0),MOD($C2417,24)+1)/SUM(INDEX($D$3:$AA$30,INDEX(Jesper!$R$2:$R$366,ROW(INDEX(Jesper!AJ$2:AJ$366,ROUNDDOWN($C2417/24,0)+1,1))-1)+IF('Standard Profiles'!$G$20=$B$10,7,0)+IF('Standard Profiles'!$G$20=$B$17,14,0)+IF('Standard Profiles'!$G$20=$B$24,21,0),0)),0)</f>
        <v>0</v>
      </c>
      <c r="G2417" cm="1">
        <f t="array" ref="G2417">IFERROR(INDEX(Jesper!AK$2:AK$366,ROUNDDOWN($C2417/24,0)+1,1)*INDEX($D$3:$AA$30,INDEX(Jesper!$R$2:$R$366,ROW(INDEX(Jesper!AK$2:AK$366,ROUNDDOWN($C2417/24,0)+1,1))-1)+IF('Standard Profiles'!$G$21=$B$10,7,0)+IF('Standard Profiles'!$G$21=$B$17,14,0)+IF('Standard Profiles'!$G$21=$B$24,21,0),MOD($C2417,24)+1)/SUM(INDEX($D$3:$AA$30,INDEX(Jesper!$R$2:$R$366,ROW(INDEX(Jesper!AK$2:AK$366,ROUNDDOWN($C2417/24,0)+1,1))-1)+IF('Standard Profiles'!$G$21=$B$10,7,0)+IF('Standard Profiles'!$G$21=$B$17,14,0)+IF('Standard Profiles'!$G$21=$B$24,21,0),0)),0)</f>
        <v>9.4802437964654143</v>
      </c>
      <c r="H2417" cm="1">
        <f t="array" ref="H2417">IFERROR(INDEX(Jesper!AL$2:AL$366,ROUNDDOWN($C2417/24,0)+1,1)*INDEX($D$3:$AA$30,INDEX(Jesper!$R$2:$R$366,ROW(INDEX(Jesper!AL$2:AL$366,ROUNDDOWN($C2417/24,0)+1,1))-1)+IF('Standard Profiles'!$G$22=$B$10,7,0)+IF('Standard Profiles'!$G$22=$B$17,14,0)+IF('Standard Profiles'!$G$22=$B$24,21,0),MOD($C2417,24)+1)/SUM(INDEX($D$3:$AA$30,INDEX(Jesper!$R$2:$R$366,ROW(INDEX(Jesper!AL$2:AL$366,ROUNDDOWN($C2417/24,0)+1,1))-1)+IF('Standard Profiles'!$G$22=$B$10,7,0)+IF('Standard Profiles'!$G$22=$B$17,14,0)+IF('Standard Profiles'!$G$22=$B$24,21,0),0)),0)</f>
        <v>0</v>
      </c>
      <c r="I2417">
        <f t="shared" si="279"/>
        <v>4.5505170223033966</v>
      </c>
      <c r="J2417">
        <f t="shared" si="280"/>
        <v>45.447878683387231</v>
      </c>
      <c r="K2417">
        <f t="shared" si="281"/>
        <v>2.5439547470921431</v>
      </c>
      <c r="L2417">
        <f t="shared" si="282"/>
        <v>1.2719773735460715</v>
      </c>
      <c r="M2417">
        <f t="shared" si="283"/>
        <v>0</v>
      </c>
      <c r="N2417" s="45">
        <f t="shared" si="284"/>
        <v>45026.291666660887</v>
      </c>
    </row>
    <row r="2418" spans="2:14" x14ac:dyDescent="0.25">
      <c r="B2418">
        <f t="shared" si="278"/>
        <v>1</v>
      </c>
      <c r="C2418" s="16">
        <v>2384</v>
      </c>
      <c r="D2418" cm="1">
        <f t="array" ref="D2418">IFERROR(INDEX(Jesper!AH$2:AH$366,ROUNDDOWN($C2418/24,0)+1,1)*INDEX($D$3:$AA$30,INDEX(Jesper!$R$2:$R$366,ROW(INDEX(Jesper!AH$2:AH$366,ROUNDDOWN($C2418/24,0)+1,1))-1)+IF('Standard Profiles'!$G$18=$B$10,7,0)+IF('Standard Profiles'!$G$18=$B$17,14,0)+IF('Standard Profiles'!$G$18=$B$24,21,0),MOD($C2418,24)+1)/SUM(INDEX($D$3:$AA$30,INDEX(Jesper!$R$2:$R$366,ROW(INDEX(Jesper!AH$2:AH$366,ROUNDDOWN($C2418/24,0)+1,1))-1)+IF('Standard Profiles'!$G$18=$B$10,7,0)+IF('Standard Profiles'!$G$18=$B$17,14,0)+IF('Standard Profiles'!$G$18=$B$24,21,0),0)),0)</f>
        <v>26.830772723237445</v>
      </c>
      <c r="E2418" cm="1">
        <f t="array" ref="E2418">IFERROR(INDEX(Jesper!AI$2:AI$366,ROUNDDOWN($C2418/24,0)+1,1)*INDEX($D$3:$AA$30,INDEX(Jesper!$R$2:$R$366,ROW(INDEX(Jesper!AI$2:AI$366,ROUNDDOWN($C2418/24,0)+1,1))-1)+IF('Standard Profiles'!$G$19=$B$10,7,0)+IF('Standard Profiles'!$G$19=$B$17,14,0)+IF('Standard Profiles'!$G$19=$B$24,21,0),MOD($C2418,24)+1)/SUM(INDEX($D$3:$AA$30,INDEX(Jesper!$R$2:$R$366,ROW(INDEX(Jesper!AI$2:AI$366,ROUNDDOWN($C2418/24,0)+1,1))-1)+IF('Standard Profiles'!$G$19=$B$10,7,0)+IF('Standard Profiles'!$G$19=$B$17,14,0)+IF('Standard Profiles'!$G$19=$B$24,21,0),0)),0)</f>
        <v>23.045071810358916</v>
      </c>
      <c r="F2418" cm="1">
        <f t="array" ref="F2418">IFERROR(INDEX(Jesper!AJ$2:AJ$366,ROUNDDOWN($C2418/24,0)+1,1)*INDEX($D$3:$AA$30,INDEX(Jesper!$R$2:$R$366,ROW(INDEX(Jesper!AJ$2:AJ$366,ROUNDDOWN($C2418/24,0)+1,1))-1)+IF('Standard Profiles'!$G$20=$B$10,7,0)+IF('Standard Profiles'!$G$20=$B$17,14,0)+IF('Standard Profiles'!$G$20=$B$24,21,0),MOD($C2418,24)+1)/SUM(INDEX($D$3:$AA$30,INDEX(Jesper!$R$2:$R$366,ROW(INDEX(Jesper!AJ$2:AJ$366,ROUNDDOWN($C2418/24,0)+1,1))-1)+IF('Standard Profiles'!$G$20=$B$10,7,0)+IF('Standard Profiles'!$G$20=$B$17,14,0)+IF('Standard Profiles'!$G$20=$B$24,21,0),0)),0)</f>
        <v>0</v>
      </c>
      <c r="G2418" cm="1">
        <f t="array" ref="G2418">IFERROR(INDEX(Jesper!AK$2:AK$366,ROUNDDOWN($C2418/24,0)+1,1)*INDEX($D$3:$AA$30,INDEX(Jesper!$R$2:$R$366,ROW(INDEX(Jesper!AK$2:AK$366,ROUNDDOWN($C2418/24,0)+1,1))-1)+IF('Standard Profiles'!$G$21=$B$10,7,0)+IF('Standard Profiles'!$G$21=$B$17,14,0)+IF('Standard Profiles'!$G$21=$B$24,21,0),MOD($C2418,24)+1)/SUM(INDEX($D$3:$AA$30,INDEX(Jesper!$R$2:$R$366,ROW(INDEX(Jesper!AK$2:AK$366,ROUNDDOWN($C2418/24,0)+1,1))-1)+IF('Standard Profiles'!$G$21=$B$10,7,0)+IF('Standard Profiles'!$G$21=$B$17,14,0)+IF('Standard Profiles'!$G$21=$B$24,21,0),0)),0)</f>
        <v>10.665274271023591</v>
      </c>
      <c r="H2418" cm="1">
        <f t="array" ref="H2418">IFERROR(INDEX(Jesper!AL$2:AL$366,ROUNDDOWN($C2418/24,0)+1,1)*INDEX($D$3:$AA$30,INDEX(Jesper!$R$2:$R$366,ROW(INDEX(Jesper!AL$2:AL$366,ROUNDDOWN($C2418/24,0)+1,1))-1)+IF('Standard Profiles'!$G$22=$B$10,7,0)+IF('Standard Profiles'!$G$22=$B$17,14,0)+IF('Standard Profiles'!$G$22=$B$24,21,0),MOD($C2418,24)+1)/SUM(INDEX($D$3:$AA$30,INDEX(Jesper!$R$2:$R$366,ROW(INDEX(Jesper!AL$2:AL$366,ROUNDDOWN($C2418/24,0)+1,1))-1)+IF('Standard Profiles'!$G$22=$B$10,7,0)+IF('Standard Profiles'!$G$22=$B$17,14,0)+IF('Standard Profiles'!$G$22=$B$24,21,0),0)),0)</f>
        <v>0</v>
      </c>
      <c r="I2418">
        <f t="shared" si="279"/>
        <v>5.1193316500913211</v>
      </c>
      <c r="J2418">
        <f t="shared" si="280"/>
        <v>51.12886351881064</v>
      </c>
      <c r="K2418">
        <f t="shared" si="281"/>
        <v>2.8619490904786611</v>
      </c>
      <c r="L2418">
        <f t="shared" si="282"/>
        <v>1.4309745452393305</v>
      </c>
      <c r="M2418">
        <f t="shared" si="283"/>
        <v>0</v>
      </c>
      <c r="N2418" s="45">
        <f t="shared" si="284"/>
        <v>45026.333333327551</v>
      </c>
    </row>
    <row r="2419" spans="2:14" x14ac:dyDescent="0.25">
      <c r="B2419">
        <f t="shared" si="278"/>
        <v>1</v>
      </c>
      <c r="C2419" s="16">
        <v>2385</v>
      </c>
      <c r="D2419" cm="1">
        <f t="array" ref="D2419">IFERROR(INDEX(Jesper!AH$2:AH$366,ROUNDDOWN($C2419/24,0)+1,1)*INDEX($D$3:$AA$30,INDEX(Jesper!$R$2:$R$366,ROW(INDEX(Jesper!AH$2:AH$366,ROUNDDOWN($C2419/24,0)+1,1))-1)+IF('Standard Profiles'!$G$18=$B$10,7,0)+IF('Standard Profiles'!$G$18=$B$17,14,0)+IF('Standard Profiles'!$G$18=$B$24,21,0),MOD($C2419,24)+1)/SUM(INDEX($D$3:$AA$30,INDEX(Jesper!$R$2:$R$366,ROW(INDEX(Jesper!AH$2:AH$366,ROUNDDOWN($C2419/24,0)+1,1))-1)+IF('Standard Profiles'!$G$18=$B$10,7,0)+IF('Standard Profiles'!$G$18=$B$17,14,0)+IF('Standard Profiles'!$G$18=$B$24,21,0),0)),0)</f>
        <v>29.811969692486048</v>
      </c>
      <c r="E2419" cm="1">
        <f t="array" ref="E2419">IFERROR(INDEX(Jesper!AI$2:AI$366,ROUNDDOWN($C2419/24,0)+1,1)*INDEX($D$3:$AA$30,INDEX(Jesper!$R$2:$R$366,ROW(INDEX(Jesper!AI$2:AI$366,ROUNDDOWN($C2419/24,0)+1,1))-1)+IF('Standard Profiles'!$G$19=$B$10,7,0)+IF('Standard Profiles'!$G$19=$B$17,14,0)+IF('Standard Profiles'!$G$19=$B$24,21,0),MOD($C2419,24)+1)/SUM(INDEX($D$3:$AA$30,INDEX(Jesper!$R$2:$R$366,ROW(INDEX(Jesper!AI$2:AI$366,ROUNDDOWN($C2419/24,0)+1,1))-1)+IF('Standard Profiles'!$G$19=$B$10,7,0)+IF('Standard Profiles'!$G$19=$B$17,14,0)+IF('Standard Profiles'!$G$19=$B$24,21,0),0)),0)</f>
        <v>25.60563534484324</v>
      </c>
      <c r="F2419" cm="1">
        <f t="array" ref="F2419">IFERROR(INDEX(Jesper!AJ$2:AJ$366,ROUNDDOWN($C2419/24,0)+1,1)*INDEX($D$3:$AA$30,INDEX(Jesper!$R$2:$R$366,ROW(INDEX(Jesper!AJ$2:AJ$366,ROUNDDOWN($C2419/24,0)+1,1))-1)+IF('Standard Profiles'!$G$20=$B$10,7,0)+IF('Standard Profiles'!$G$20=$B$17,14,0)+IF('Standard Profiles'!$G$20=$B$24,21,0),MOD($C2419,24)+1)/SUM(INDEX($D$3:$AA$30,INDEX(Jesper!$R$2:$R$366,ROW(INDEX(Jesper!AJ$2:AJ$366,ROUNDDOWN($C2419/24,0)+1,1))-1)+IF('Standard Profiles'!$G$20=$B$10,7,0)+IF('Standard Profiles'!$G$20=$B$17,14,0)+IF('Standard Profiles'!$G$20=$B$24,21,0),0)),0)</f>
        <v>0</v>
      </c>
      <c r="G2419" cm="1">
        <f t="array" ref="G2419">IFERROR(INDEX(Jesper!AK$2:AK$366,ROUNDDOWN($C2419/24,0)+1,1)*INDEX($D$3:$AA$30,INDEX(Jesper!$R$2:$R$366,ROW(INDEX(Jesper!AK$2:AK$366,ROUNDDOWN($C2419/24,0)+1,1))-1)+IF('Standard Profiles'!$G$21=$B$10,7,0)+IF('Standard Profiles'!$G$21=$B$17,14,0)+IF('Standard Profiles'!$G$21=$B$24,21,0),MOD($C2419,24)+1)/SUM(INDEX($D$3:$AA$30,INDEX(Jesper!$R$2:$R$366,ROW(INDEX(Jesper!AK$2:AK$366,ROUNDDOWN($C2419/24,0)+1,1))-1)+IF('Standard Profiles'!$G$21=$B$10,7,0)+IF('Standard Profiles'!$G$21=$B$17,14,0)+IF('Standard Profiles'!$G$21=$B$24,21,0),0)),0)</f>
        <v>11.850304745581765</v>
      </c>
      <c r="H2419" cm="1">
        <f t="array" ref="H2419">IFERROR(INDEX(Jesper!AL$2:AL$366,ROUNDDOWN($C2419/24,0)+1,1)*INDEX($D$3:$AA$30,INDEX(Jesper!$R$2:$R$366,ROW(INDEX(Jesper!AL$2:AL$366,ROUNDDOWN($C2419/24,0)+1,1))-1)+IF('Standard Profiles'!$G$22=$B$10,7,0)+IF('Standard Profiles'!$G$22=$B$17,14,0)+IF('Standard Profiles'!$G$22=$B$24,21,0),MOD($C2419,24)+1)/SUM(INDEX($D$3:$AA$30,INDEX(Jesper!$R$2:$R$366,ROW(INDEX(Jesper!AL$2:AL$366,ROUNDDOWN($C2419/24,0)+1,1))-1)+IF('Standard Profiles'!$G$22=$B$10,7,0)+IF('Standard Profiles'!$G$22=$B$17,14,0)+IF('Standard Profiles'!$G$22=$B$24,21,0),0)),0)</f>
        <v>0</v>
      </c>
      <c r="I2419">
        <f t="shared" si="279"/>
        <v>5.6881462778792446</v>
      </c>
      <c r="J2419">
        <f t="shared" si="280"/>
        <v>56.809848354234042</v>
      </c>
      <c r="K2419">
        <f t="shared" si="281"/>
        <v>3.1799434338651786</v>
      </c>
      <c r="L2419">
        <f t="shared" si="282"/>
        <v>1.5899717169325893</v>
      </c>
      <c r="M2419">
        <f t="shared" si="283"/>
        <v>0</v>
      </c>
      <c r="N2419" s="45">
        <f t="shared" si="284"/>
        <v>45026.374999994216</v>
      </c>
    </row>
    <row r="2420" spans="2:14" x14ac:dyDescent="0.25">
      <c r="B2420">
        <f t="shared" si="278"/>
        <v>1</v>
      </c>
      <c r="C2420" s="16">
        <v>2386</v>
      </c>
      <c r="D2420" cm="1">
        <f t="array" ref="D2420">IFERROR(INDEX(Jesper!AH$2:AH$366,ROUNDDOWN($C2420/24,0)+1,1)*INDEX($D$3:$AA$30,INDEX(Jesper!$R$2:$R$366,ROW(INDEX(Jesper!AH$2:AH$366,ROUNDDOWN($C2420/24,0)+1,1))-1)+IF('Standard Profiles'!$G$18=$B$10,7,0)+IF('Standard Profiles'!$G$18=$B$17,14,0)+IF('Standard Profiles'!$G$18=$B$24,21,0),MOD($C2420,24)+1)/SUM(INDEX($D$3:$AA$30,INDEX(Jesper!$R$2:$R$366,ROW(INDEX(Jesper!AH$2:AH$366,ROUNDDOWN($C2420/24,0)+1,1))-1)+IF('Standard Profiles'!$G$18=$B$10,7,0)+IF('Standard Profiles'!$G$18=$B$17,14,0)+IF('Standard Profiles'!$G$18=$B$24,21,0),0)),0)</f>
        <v>29.811969692486048</v>
      </c>
      <c r="E2420" cm="1">
        <f t="array" ref="E2420">IFERROR(INDEX(Jesper!AI$2:AI$366,ROUNDDOWN($C2420/24,0)+1,1)*INDEX($D$3:$AA$30,INDEX(Jesper!$R$2:$R$366,ROW(INDEX(Jesper!AI$2:AI$366,ROUNDDOWN($C2420/24,0)+1,1))-1)+IF('Standard Profiles'!$G$19=$B$10,7,0)+IF('Standard Profiles'!$G$19=$B$17,14,0)+IF('Standard Profiles'!$G$19=$B$24,21,0),MOD($C2420,24)+1)/SUM(INDEX($D$3:$AA$30,INDEX(Jesper!$R$2:$R$366,ROW(INDEX(Jesper!AI$2:AI$366,ROUNDDOWN($C2420/24,0)+1,1))-1)+IF('Standard Profiles'!$G$19=$B$10,7,0)+IF('Standard Profiles'!$G$19=$B$17,14,0)+IF('Standard Profiles'!$G$19=$B$24,21,0),0)),0)</f>
        <v>25.60563534484324</v>
      </c>
      <c r="F2420" cm="1">
        <f t="array" ref="F2420">IFERROR(INDEX(Jesper!AJ$2:AJ$366,ROUNDDOWN($C2420/24,0)+1,1)*INDEX($D$3:$AA$30,INDEX(Jesper!$R$2:$R$366,ROW(INDEX(Jesper!AJ$2:AJ$366,ROUNDDOWN($C2420/24,0)+1,1))-1)+IF('Standard Profiles'!$G$20=$B$10,7,0)+IF('Standard Profiles'!$G$20=$B$17,14,0)+IF('Standard Profiles'!$G$20=$B$24,21,0),MOD($C2420,24)+1)/SUM(INDEX($D$3:$AA$30,INDEX(Jesper!$R$2:$R$366,ROW(INDEX(Jesper!AJ$2:AJ$366,ROUNDDOWN($C2420/24,0)+1,1))-1)+IF('Standard Profiles'!$G$20=$B$10,7,0)+IF('Standard Profiles'!$G$20=$B$17,14,0)+IF('Standard Profiles'!$G$20=$B$24,21,0),0)),0)</f>
        <v>0</v>
      </c>
      <c r="G2420" cm="1">
        <f t="array" ref="G2420">IFERROR(INDEX(Jesper!AK$2:AK$366,ROUNDDOWN($C2420/24,0)+1,1)*INDEX($D$3:$AA$30,INDEX(Jesper!$R$2:$R$366,ROW(INDEX(Jesper!AK$2:AK$366,ROUNDDOWN($C2420/24,0)+1,1))-1)+IF('Standard Profiles'!$G$21=$B$10,7,0)+IF('Standard Profiles'!$G$21=$B$17,14,0)+IF('Standard Profiles'!$G$21=$B$24,21,0),MOD($C2420,24)+1)/SUM(INDEX($D$3:$AA$30,INDEX(Jesper!$R$2:$R$366,ROW(INDEX(Jesper!AK$2:AK$366,ROUNDDOWN($C2420/24,0)+1,1))-1)+IF('Standard Profiles'!$G$21=$B$10,7,0)+IF('Standard Profiles'!$G$21=$B$17,14,0)+IF('Standard Profiles'!$G$21=$B$24,21,0),0)),0)</f>
        <v>11.850304745581765</v>
      </c>
      <c r="H2420" cm="1">
        <f t="array" ref="H2420">IFERROR(INDEX(Jesper!AL$2:AL$366,ROUNDDOWN($C2420/24,0)+1,1)*INDEX($D$3:$AA$30,INDEX(Jesper!$R$2:$R$366,ROW(INDEX(Jesper!AL$2:AL$366,ROUNDDOWN($C2420/24,0)+1,1))-1)+IF('Standard Profiles'!$G$22=$B$10,7,0)+IF('Standard Profiles'!$G$22=$B$17,14,0)+IF('Standard Profiles'!$G$22=$B$24,21,0),MOD($C2420,24)+1)/SUM(INDEX($D$3:$AA$30,INDEX(Jesper!$R$2:$R$366,ROW(INDEX(Jesper!AL$2:AL$366,ROUNDDOWN($C2420/24,0)+1,1))-1)+IF('Standard Profiles'!$G$22=$B$10,7,0)+IF('Standard Profiles'!$G$22=$B$17,14,0)+IF('Standard Profiles'!$G$22=$B$24,21,0),0)),0)</f>
        <v>0</v>
      </c>
      <c r="I2420">
        <f t="shared" si="279"/>
        <v>5.6881462778792446</v>
      </c>
      <c r="J2420">
        <f t="shared" si="280"/>
        <v>56.809848354234042</v>
      </c>
      <c r="K2420">
        <f t="shared" si="281"/>
        <v>3.1799434338651786</v>
      </c>
      <c r="L2420">
        <f t="shared" si="282"/>
        <v>1.5899717169325893</v>
      </c>
      <c r="M2420">
        <f t="shared" si="283"/>
        <v>0</v>
      </c>
      <c r="N2420" s="45">
        <f t="shared" si="284"/>
        <v>45026.41666666088</v>
      </c>
    </row>
    <row r="2421" spans="2:14" x14ac:dyDescent="0.25">
      <c r="B2421">
        <f t="shared" si="278"/>
        <v>1</v>
      </c>
      <c r="C2421" s="16">
        <v>2387</v>
      </c>
      <c r="D2421" cm="1">
        <f t="array" ref="D2421">IFERROR(INDEX(Jesper!AH$2:AH$366,ROUNDDOWN($C2421/24,0)+1,1)*INDEX($D$3:$AA$30,INDEX(Jesper!$R$2:$R$366,ROW(INDEX(Jesper!AH$2:AH$366,ROUNDDOWN($C2421/24,0)+1,1))-1)+IF('Standard Profiles'!$G$18=$B$10,7,0)+IF('Standard Profiles'!$G$18=$B$17,14,0)+IF('Standard Profiles'!$G$18=$B$24,21,0),MOD($C2421,24)+1)/SUM(INDEX($D$3:$AA$30,INDEX(Jesper!$R$2:$R$366,ROW(INDEX(Jesper!AH$2:AH$366,ROUNDDOWN($C2421/24,0)+1,1))-1)+IF('Standard Profiles'!$G$18=$B$10,7,0)+IF('Standard Profiles'!$G$18=$B$17,14,0)+IF('Standard Profiles'!$G$18=$B$24,21,0),0)),0)</f>
        <v>35.77436363098326</v>
      </c>
      <c r="E2421" cm="1">
        <f t="array" ref="E2421">IFERROR(INDEX(Jesper!AI$2:AI$366,ROUNDDOWN($C2421/24,0)+1,1)*INDEX($D$3:$AA$30,INDEX(Jesper!$R$2:$R$366,ROW(INDEX(Jesper!AI$2:AI$366,ROUNDDOWN($C2421/24,0)+1,1))-1)+IF('Standard Profiles'!$G$19=$B$10,7,0)+IF('Standard Profiles'!$G$19=$B$17,14,0)+IF('Standard Profiles'!$G$19=$B$24,21,0),MOD($C2421,24)+1)/SUM(INDEX($D$3:$AA$30,INDEX(Jesper!$R$2:$R$366,ROW(INDEX(Jesper!AI$2:AI$366,ROUNDDOWN($C2421/24,0)+1,1))-1)+IF('Standard Profiles'!$G$19=$B$10,7,0)+IF('Standard Profiles'!$G$19=$B$17,14,0)+IF('Standard Profiles'!$G$19=$B$24,21,0),0)),0)</f>
        <v>30.726762413811883</v>
      </c>
      <c r="F2421" cm="1">
        <f t="array" ref="F2421">IFERROR(INDEX(Jesper!AJ$2:AJ$366,ROUNDDOWN($C2421/24,0)+1,1)*INDEX($D$3:$AA$30,INDEX(Jesper!$R$2:$R$366,ROW(INDEX(Jesper!AJ$2:AJ$366,ROUNDDOWN($C2421/24,0)+1,1))-1)+IF('Standard Profiles'!$G$20=$B$10,7,0)+IF('Standard Profiles'!$G$20=$B$17,14,0)+IF('Standard Profiles'!$G$20=$B$24,21,0),MOD($C2421,24)+1)/SUM(INDEX($D$3:$AA$30,INDEX(Jesper!$R$2:$R$366,ROW(INDEX(Jesper!AJ$2:AJ$366,ROUNDDOWN($C2421/24,0)+1,1))-1)+IF('Standard Profiles'!$G$20=$B$10,7,0)+IF('Standard Profiles'!$G$20=$B$17,14,0)+IF('Standard Profiles'!$G$20=$B$24,21,0),0)),0)</f>
        <v>0</v>
      </c>
      <c r="G2421" cm="1">
        <f t="array" ref="G2421">IFERROR(INDEX(Jesper!AK$2:AK$366,ROUNDDOWN($C2421/24,0)+1,1)*INDEX($D$3:$AA$30,INDEX(Jesper!$R$2:$R$366,ROW(INDEX(Jesper!AK$2:AK$366,ROUNDDOWN($C2421/24,0)+1,1))-1)+IF('Standard Profiles'!$G$21=$B$10,7,0)+IF('Standard Profiles'!$G$21=$B$17,14,0)+IF('Standard Profiles'!$G$21=$B$24,21,0),MOD($C2421,24)+1)/SUM(INDEX($D$3:$AA$30,INDEX(Jesper!$R$2:$R$366,ROW(INDEX(Jesper!AK$2:AK$366,ROUNDDOWN($C2421/24,0)+1,1))-1)+IF('Standard Profiles'!$G$21=$B$10,7,0)+IF('Standard Profiles'!$G$21=$B$17,14,0)+IF('Standard Profiles'!$G$21=$B$24,21,0),0)),0)</f>
        <v>14.220365694698117</v>
      </c>
      <c r="H2421" cm="1">
        <f t="array" ref="H2421">IFERROR(INDEX(Jesper!AL$2:AL$366,ROUNDDOWN($C2421/24,0)+1,1)*INDEX($D$3:$AA$30,INDEX(Jesper!$R$2:$R$366,ROW(INDEX(Jesper!AL$2:AL$366,ROUNDDOWN($C2421/24,0)+1,1))-1)+IF('Standard Profiles'!$G$22=$B$10,7,0)+IF('Standard Profiles'!$G$22=$B$17,14,0)+IF('Standard Profiles'!$G$22=$B$24,21,0),MOD($C2421,24)+1)/SUM(INDEX($D$3:$AA$30,INDEX(Jesper!$R$2:$R$366,ROW(INDEX(Jesper!AL$2:AL$366,ROUNDDOWN($C2421/24,0)+1,1))-1)+IF('Standard Profiles'!$G$22=$B$10,7,0)+IF('Standard Profiles'!$G$22=$B$17,14,0)+IF('Standard Profiles'!$G$22=$B$24,21,0),0)),0)</f>
        <v>0</v>
      </c>
      <c r="I2421">
        <f t="shared" si="279"/>
        <v>6.8257755334550927</v>
      </c>
      <c r="J2421">
        <f t="shared" si="280"/>
        <v>68.171818025080853</v>
      </c>
      <c r="K2421">
        <f t="shared" si="281"/>
        <v>3.8159321206382146</v>
      </c>
      <c r="L2421">
        <f t="shared" si="282"/>
        <v>1.9079660603191073</v>
      </c>
      <c r="M2421">
        <f t="shared" si="283"/>
        <v>0</v>
      </c>
      <c r="N2421" s="45">
        <f t="shared" si="284"/>
        <v>45026.458333327544</v>
      </c>
    </row>
    <row r="2422" spans="2:14" x14ac:dyDescent="0.25">
      <c r="B2422">
        <f t="shared" si="278"/>
        <v>1</v>
      </c>
      <c r="C2422" s="16">
        <v>2388</v>
      </c>
      <c r="D2422" cm="1">
        <f t="array" ref="D2422">IFERROR(INDEX(Jesper!AH$2:AH$366,ROUNDDOWN($C2422/24,0)+1,1)*INDEX($D$3:$AA$30,INDEX(Jesper!$R$2:$R$366,ROW(INDEX(Jesper!AH$2:AH$366,ROUNDDOWN($C2422/24,0)+1,1))-1)+IF('Standard Profiles'!$G$18=$B$10,7,0)+IF('Standard Profiles'!$G$18=$B$17,14,0)+IF('Standard Profiles'!$G$18=$B$24,21,0),MOD($C2422,24)+1)/SUM(INDEX($D$3:$AA$30,INDEX(Jesper!$R$2:$R$366,ROW(INDEX(Jesper!AH$2:AH$366,ROUNDDOWN($C2422/24,0)+1,1))-1)+IF('Standard Profiles'!$G$18=$B$10,7,0)+IF('Standard Profiles'!$G$18=$B$17,14,0)+IF('Standard Profiles'!$G$18=$B$24,21,0),0)),0)</f>
        <v>35.77436363098326</v>
      </c>
      <c r="E2422" cm="1">
        <f t="array" ref="E2422">IFERROR(INDEX(Jesper!AI$2:AI$366,ROUNDDOWN($C2422/24,0)+1,1)*INDEX($D$3:$AA$30,INDEX(Jesper!$R$2:$R$366,ROW(INDEX(Jesper!AI$2:AI$366,ROUNDDOWN($C2422/24,0)+1,1))-1)+IF('Standard Profiles'!$G$19=$B$10,7,0)+IF('Standard Profiles'!$G$19=$B$17,14,0)+IF('Standard Profiles'!$G$19=$B$24,21,0),MOD($C2422,24)+1)/SUM(INDEX($D$3:$AA$30,INDEX(Jesper!$R$2:$R$366,ROW(INDEX(Jesper!AI$2:AI$366,ROUNDDOWN($C2422/24,0)+1,1))-1)+IF('Standard Profiles'!$G$19=$B$10,7,0)+IF('Standard Profiles'!$G$19=$B$17,14,0)+IF('Standard Profiles'!$G$19=$B$24,21,0),0)),0)</f>
        <v>30.726762413811883</v>
      </c>
      <c r="F2422" cm="1">
        <f t="array" ref="F2422">IFERROR(INDEX(Jesper!AJ$2:AJ$366,ROUNDDOWN($C2422/24,0)+1,1)*INDEX($D$3:$AA$30,INDEX(Jesper!$R$2:$R$366,ROW(INDEX(Jesper!AJ$2:AJ$366,ROUNDDOWN($C2422/24,0)+1,1))-1)+IF('Standard Profiles'!$G$20=$B$10,7,0)+IF('Standard Profiles'!$G$20=$B$17,14,0)+IF('Standard Profiles'!$G$20=$B$24,21,0),MOD($C2422,24)+1)/SUM(INDEX($D$3:$AA$30,INDEX(Jesper!$R$2:$R$366,ROW(INDEX(Jesper!AJ$2:AJ$366,ROUNDDOWN($C2422/24,0)+1,1))-1)+IF('Standard Profiles'!$G$20=$B$10,7,0)+IF('Standard Profiles'!$G$20=$B$17,14,0)+IF('Standard Profiles'!$G$20=$B$24,21,0),0)),0)</f>
        <v>0</v>
      </c>
      <c r="G2422" cm="1">
        <f t="array" ref="G2422">IFERROR(INDEX(Jesper!AK$2:AK$366,ROUNDDOWN($C2422/24,0)+1,1)*INDEX($D$3:$AA$30,INDEX(Jesper!$R$2:$R$366,ROW(INDEX(Jesper!AK$2:AK$366,ROUNDDOWN($C2422/24,0)+1,1))-1)+IF('Standard Profiles'!$G$21=$B$10,7,0)+IF('Standard Profiles'!$G$21=$B$17,14,0)+IF('Standard Profiles'!$G$21=$B$24,21,0),MOD($C2422,24)+1)/SUM(INDEX($D$3:$AA$30,INDEX(Jesper!$R$2:$R$366,ROW(INDEX(Jesper!AK$2:AK$366,ROUNDDOWN($C2422/24,0)+1,1))-1)+IF('Standard Profiles'!$G$21=$B$10,7,0)+IF('Standard Profiles'!$G$21=$B$17,14,0)+IF('Standard Profiles'!$G$21=$B$24,21,0),0)),0)</f>
        <v>14.220365694698117</v>
      </c>
      <c r="H2422" cm="1">
        <f t="array" ref="H2422">IFERROR(INDEX(Jesper!AL$2:AL$366,ROUNDDOWN($C2422/24,0)+1,1)*INDEX($D$3:$AA$30,INDEX(Jesper!$R$2:$R$366,ROW(INDEX(Jesper!AL$2:AL$366,ROUNDDOWN($C2422/24,0)+1,1))-1)+IF('Standard Profiles'!$G$22=$B$10,7,0)+IF('Standard Profiles'!$G$22=$B$17,14,0)+IF('Standard Profiles'!$G$22=$B$24,21,0),MOD($C2422,24)+1)/SUM(INDEX($D$3:$AA$30,INDEX(Jesper!$R$2:$R$366,ROW(INDEX(Jesper!AL$2:AL$366,ROUNDDOWN($C2422/24,0)+1,1))-1)+IF('Standard Profiles'!$G$22=$B$10,7,0)+IF('Standard Profiles'!$G$22=$B$17,14,0)+IF('Standard Profiles'!$G$22=$B$24,21,0),0)),0)</f>
        <v>0</v>
      </c>
      <c r="I2422">
        <f t="shared" si="279"/>
        <v>6.8257755334550927</v>
      </c>
      <c r="J2422">
        <f t="shared" si="280"/>
        <v>68.171818025080853</v>
      </c>
      <c r="K2422">
        <f t="shared" si="281"/>
        <v>3.8159321206382146</v>
      </c>
      <c r="L2422">
        <f t="shared" si="282"/>
        <v>1.9079660603191073</v>
      </c>
      <c r="M2422">
        <f t="shared" si="283"/>
        <v>0</v>
      </c>
      <c r="N2422" s="45">
        <f t="shared" si="284"/>
        <v>45026.499999994208</v>
      </c>
    </row>
    <row r="2423" spans="2:14" x14ac:dyDescent="0.25">
      <c r="B2423">
        <f t="shared" si="278"/>
        <v>1</v>
      </c>
      <c r="C2423" s="16">
        <v>2389</v>
      </c>
      <c r="D2423" cm="1">
        <f t="array" ref="D2423">IFERROR(INDEX(Jesper!AH$2:AH$366,ROUNDDOWN($C2423/24,0)+1,1)*INDEX($D$3:$AA$30,INDEX(Jesper!$R$2:$R$366,ROW(INDEX(Jesper!AH$2:AH$366,ROUNDDOWN($C2423/24,0)+1,1))-1)+IF('Standard Profiles'!$G$18=$B$10,7,0)+IF('Standard Profiles'!$G$18=$B$17,14,0)+IF('Standard Profiles'!$G$18=$B$24,21,0),MOD($C2423,24)+1)/SUM(INDEX($D$3:$AA$30,INDEX(Jesper!$R$2:$R$366,ROW(INDEX(Jesper!AH$2:AH$366,ROUNDDOWN($C2423/24,0)+1,1))-1)+IF('Standard Profiles'!$G$18=$B$10,7,0)+IF('Standard Profiles'!$G$18=$B$17,14,0)+IF('Standard Profiles'!$G$18=$B$24,21,0),0)),0)</f>
        <v>23.849575753988841</v>
      </c>
      <c r="E2423" cm="1">
        <f t="array" ref="E2423">IFERROR(INDEX(Jesper!AI$2:AI$366,ROUNDDOWN($C2423/24,0)+1,1)*INDEX($D$3:$AA$30,INDEX(Jesper!$R$2:$R$366,ROW(INDEX(Jesper!AI$2:AI$366,ROUNDDOWN($C2423/24,0)+1,1))-1)+IF('Standard Profiles'!$G$19=$B$10,7,0)+IF('Standard Profiles'!$G$19=$B$17,14,0)+IF('Standard Profiles'!$G$19=$B$24,21,0),MOD($C2423,24)+1)/SUM(INDEX($D$3:$AA$30,INDEX(Jesper!$R$2:$R$366,ROW(INDEX(Jesper!AI$2:AI$366,ROUNDDOWN($C2423/24,0)+1,1))-1)+IF('Standard Profiles'!$G$19=$B$10,7,0)+IF('Standard Profiles'!$G$19=$B$17,14,0)+IF('Standard Profiles'!$G$19=$B$24,21,0),0)),0)</f>
        <v>20.484508275874589</v>
      </c>
      <c r="F2423" cm="1">
        <f t="array" ref="F2423">IFERROR(INDEX(Jesper!AJ$2:AJ$366,ROUNDDOWN($C2423/24,0)+1,1)*INDEX($D$3:$AA$30,INDEX(Jesper!$R$2:$R$366,ROW(INDEX(Jesper!AJ$2:AJ$366,ROUNDDOWN($C2423/24,0)+1,1))-1)+IF('Standard Profiles'!$G$20=$B$10,7,0)+IF('Standard Profiles'!$G$20=$B$17,14,0)+IF('Standard Profiles'!$G$20=$B$24,21,0),MOD($C2423,24)+1)/SUM(INDEX($D$3:$AA$30,INDEX(Jesper!$R$2:$R$366,ROW(INDEX(Jesper!AJ$2:AJ$366,ROUNDDOWN($C2423/24,0)+1,1))-1)+IF('Standard Profiles'!$G$20=$B$10,7,0)+IF('Standard Profiles'!$G$20=$B$17,14,0)+IF('Standard Profiles'!$G$20=$B$24,21,0),0)),0)</f>
        <v>0</v>
      </c>
      <c r="G2423" cm="1">
        <f t="array" ref="G2423">IFERROR(INDEX(Jesper!AK$2:AK$366,ROUNDDOWN($C2423/24,0)+1,1)*INDEX($D$3:$AA$30,INDEX(Jesper!$R$2:$R$366,ROW(INDEX(Jesper!AK$2:AK$366,ROUNDDOWN($C2423/24,0)+1,1))-1)+IF('Standard Profiles'!$G$21=$B$10,7,0)+IF('Standard Profiles'!$G$21=$B$17,14,0)+IF('Standard Profiles'!$G$21=$B$24,21,0),MOD($C2423,24)+1)/SUM(INDEX($D$3:$AA$30,INDEX(Jesper!$R$2:$R$366,ROW(INDEX(Jesper!AK$2:AK$366,ROUNDDOWN($C2423/24,0)+1,1))-1)+IF('Standard Profiles'!$G$21=$B$10,7,0)+IF('Standard Profiles'!$G$21=$B$17,14,0)+IF('Standard Profiles'!$G$21=$B$24,21,0),0)),0)</f>
        <v>9.4802437964654143</v>
      </c>
      <c r="H2423" cm="1">
        <f t="array" ref="H2423">IFERROR(INDEX(Jesper!AL$2:AL$366,ROUNDDOWN($C2423/24,0)+1,1)*INDEX($D$3:$AA$30,INDEX(Jesper!$R$2:$R$366,ROW(INDEX(Jesper!AL$2:AL$366,ROUNDDOWN($C2423/24,0)+1,1))-1)+IF('Standard Profiles'!$G$22=$B$10,7,0)+IF('Standard Profiles'!$G$22=$B$17,14,0)+IF('Standard Profiles'!$G$22=$B$24,21,0),MOD($C2423,24)+1)/SUM(INDEX($D$3:$AA$30,INDEX(Jesper!$R$2:$R$366,ROW(INDEX(Jesper!AL$2:AL$366,ROUNDDOWN($C2423/24,0)+1,1))-1)+IF('Standard Profiles'!$G$22=$B$10,7,0)+IF('Standard Profiles'!$G$22=$B$17,14,0)+IF('Standard Profiles'!$G$22=$B$24,21,0),0)),0)</f>
        <v>0</v>
      </c>
      <c r="I2423">
        <f t="shared" si="279"/>
        <v>4.5505170223033966</v>
      </c>
      <c r="J2423">
        <f t="shared" si="280"/>
        <v>45.447878683387231</v>
      </c>
      <c r="K2423">
        <f t="shared" si="281"/>
        <v>2.5439547470921431</v>
      </c>
      <c r="L2423">
        <f t="shared" si="282"/>
        <v>1.2719773735460715</v>
      </c>
      <c r="M2423">
        <f t="shared" si="283"/>
        <v>0</v>
      </c>
      <c r="N2423" s="45">
        <f t="shared" si="284"/>
        <v>45026.541666660873</v>
      </c>
    </row>
    <row r="2424" spans="2:14" x14ac:dyDescent="0.25">
      <c r="B2424">
        <f t="shared" si="278"/>
        <v>1</v>
      </c>
      <c r="C2424" s="16">
        <v>2390</v>
      </c>
      <c r="D2424" cm="1">
        <f t="array" ref="D2424">IFERROR(INDEX(Jesper!AH$2:AH$366,ROUNDDOWN($C2424/24,0)+1,1)*INDEX($D$3:$AA$30,INDEX(Jesper!$R$2:$R$366,ROW(INDEX(Jesper!AH$2:AH$366,ROUNDDOWN($C2424/24,0)+1,1))-1)+IF('Standard Profiles'!$G$18=$B$10,7,0)+IF('Standard Profiles'!$G$18=$B$17,14,0)+IF('Standard Profiles'!$G$18=$B$24,21,0),MOD($C2424,24)+1)/SUM(INDEX($D$3:$AA$30,INDEX(Jesper!$R$2:$R$366,ROW(INDEX(Jesper!AH$2:AH$366,ROUNDDOWN($C2424/24,0)+1,1))-1)+IF('Standard Profiles'!$G$18=$B$10,7,0)+IF('Standard Profiles'!$G$18=$B$17,14,0)+IF('Standard Profiles'!$G$18=$B$24,21,0),0)),0)</f>
        <v>35.77436363098326</v>
      </c>
      <c r="E2424" cm="1">
        <f t="array" ref="E2424">IFERROR(INDEX(Jesper!AI$2:AI$366,ROUNDDOWN($C2424/24,0)+1,1)*INDEX($D$3:$AA$30,INDEX(Jesper!$R$2:$R$366,ROW(INDEX(Jesper!AI$2:AI$366,ROUNDDOWN($C2424/24,0)+1,1))-1)+IF('Standard Profiles'!$G$19=$B$10,7,0)+IF('Standard Profiles'!$G$19=$B$17,14,0)+IF('Standard Profiles'!$G$19=$B$24,21,0),MOD($C2424,24)+1)/SUM(INDEX($D$3:$AA$30,INDEX(Jesper!$R$2:$R$366,ROW(INDEX(Jesper!AI$2:AI$366,ROUNDDOWN($C2424/24,0)+1,1))-1)+IF('Standard Profiles'!$G$19=$B$10,7,0)+IF('Standard Profiles'!$G$19=$B$17,14,0)+IF('Standard Profiles'!$G$19=$B$24,21,0),0)),0)</f>
        <v>30.726762413811883</v>
      </c>
      <c r="F2424" cm="1">
        <f t="array" ref="F2424">IFERROR(INDEX(Jesper!AJ$2:AJ$366,ROUNDDOWN($C2424/24,0)+1,1)*INDEX($D$3:$AA$30,INDEX(Jesper!$R$2:$R$366,ROW(INDEX(Jesper!AJ$2:AJ$366,ROUNDDOWN($C2424/24,0)+1,1))-1)+IF('Standard Profiles'!$G$20=$B$10,7,0)+IF('Standard Profiles'!$G$20=$B$17,14,0)+IF('Standard Profiles'!$G$20=$B$24,21,0),MOD($C2424,24)+1)/SUM(INDEX($D$3:$AA$30,INDEX(Jesper!$R$2:$R$366,ROW(INDEX(Jesper!AJ$2:AJ$366,ROUNDDOWN($C2424/24,0)+1,1))-1)+IF('Standard Profiles'!$G$20=$B$10,7,0)+IF('Standard Profiles'!$G$20=$B$17,14,0)+IF('Standard Profiles'!$G$20=$B$24,21,0),0)),0)</f>
        <v>0</v>
      </c>
      <c r="G2424" cm="1">
        <f t="array" ref="G2424">IFERROR(INDEX(Jesper!AK$2:AK$366,ROUNDDOWN($C2424/24,0)+1,1)*INDEX($D$3:$AA$30,INDEX(Jesper!$R$2:$R$366,ROW(INDEX(Jesper!AK$2:AK$366,ROUNDDOWN($C2424/24,0)+1,1))-1)+IF('Standard Profiles'!$G$21=$B$10,7,0)+IF('Standard Profiles'!$G$21=$B$17,14,0)+IF('Standard Profiles'!$G$21=$B$24,21,0),MOD($C2424,24)+1)/SUM(INDEX($D$3:$AA$30,INDEX(Jesper!$R$2:$R$366,ROW(INDEX(Jesper!AK$2:AK$366,ROUNDDOWN($C2424/24,0)+1,1))-1)+IF('Standard Profiles'!$G$21=$B$10,7,0)+IF('Standard Profiles'!$G$21=$B$17,14,0)+IF('Standard Profiles'!$G$21=$B$24,21,0),0)),0)</f>
        <v>14.220365694698117</v>
      </c>
      <c r="H2424" cm="1">
        <f t="array" ref="H2424">IFERROR(INDEX(Jesper!AL$2:AL$366,ROUNDDOWN($C2424/24,0)+1,1)*INDEX($D$3:$AA$30,INDEX(Jesper!$R$2:$R$366,ROW(INDEX(Jesper!AL$2:AL$366,ROUNDDOWN($C2424/24,0)+1,1))-1)+IF('Standard Profiles'!$G$22=$B$10,7,0)+IF('Standard Profiles'!$G$22=$B$17,14,0)+IF('Standard Profiles'!$G$22=$B$24,21,0),MOD($C2424,24)+1)/SUM(INDEX($D$3:$AA$30,INDEX(Jesper!$R$2:$R$366,ROW(INDEX(Jesper!AL$2:AL$366,ROUNDDOWN($C2424/24,0)+1,1))-1)+IF('Standard Profiles'!$G$22=$B$10,7,0)+IF('Standard Profiles'!$G$22=$B$17,14,0)+IF('Standard Profiles'!$G$22=$B$24,21,0),0)),0)</f>
        <v>0</v>
      </c>
      <c r="I2424">
        <f t="shared" si="279"/>
        <v>6.8257755334550927</v>
      </c>
      <c r="J2424">
        <f t="shared" si="280"/>
        <v>68.171818025080853</v>
      </c>
      <c r="K2424">
        <f t="shared" si="281"/>
        <v>3.8159321206382146</v>
      </c>
      <c r="L2424">
        <f t="shared" si="282"/>
        <v>1.9079660603191073</v>
      </c>
      <c r="M2424">
        <f t="shared" si="283"/>
        <v>0</v>
      </c>
      <c r="N2424" s="45">
        <f t="shared" si="284"/>
        <v>45026.583333327537</v>
      </c>
    </row>
    <row r="2425" spans="2:14" x14ac:dyDescent="0.25">
      <c r="B2425">
        <f t="shared" si="278"/>
        <v>1</v>
      </c>
      <c r="C2425" s="16">
        <v>2391</v>
      </c>
      <c r="D2425" cm="1">
        <f t="array" ref="D2425">IFERROR(INDEX(Jesper!AH$2:AH$366,ROUNDDOWN($C2425/24,0)+1,1)*INDEX($D$3:$AA$30,INDEX(Jesper!$R$2:$R$366,ROW(INDEX(Jesper!AH$2:AH$366,ROUNDDOWN($C2425/24,0)+1,1))-1)+IF('Standard Profiles'!$G$18=$B$10,7,0)+IF('Standard Profiles'!$G$18=$B$17,14,0)+IF('Standard Profiles'!$G$18=$B$24,21,0),MOD($C2425,24)+1)/SUM(INDEX($D$3:$AA$30,INDEX(Jesper!$R$2:$R$366,ROW(INDEX(Jesper!AH$2:AH$366,ROUNDDOWN($C2425/24,0)+1,1))-1)+IF('Standard Profiles'!$G$18=$B$10,7,0)+IF('Standard Profiles'!$G$18=$B$17,14,0)+IF('Standard Profiles'!$G$18=$B$24,21,0),0)),0)</f>
        <v>35.77436363098326</v>
      </c>
      <c r="E2425" cm="1">
        <f t="array" ref="E2425">IFERROR(INDEX(Jesper!AI$2:AI$366,ROUNDDOWN($C2425/24,0)+1,1)*INDEX($D$3:$AA$30,INDEX(Jesper!$R$2:$R$366,ROW(INDEX(Jesper!AI$2:AI$366,ROUNDDOWN($C2425/24,0)+1,1))-1)+IF('Standard Profiles'!$G$19=$B$10,7,0)+IF('Standard Profiles'!$G$19=$B$17,14,0)+IF('Standard Profiles'!$G$19=$B$24,21,0),MOD($C2425,24)+1)/SUM(INDEX($D$3:$AA$30,INDEX(Jesper!$R$2:$R$366,ROW(INDEX(Jesper!AI$2:AI$366,ROUNDDOWN($C2425/24,0)+1,1))-1)+IF('Standard Profiles'!$G$19=$B$10,7,0)+IF('Standard Profiles'!$G$19=$B$17,14,0)+IF('Standard Profiles'!$G$19=$B$24,21,0),0)),0)</f>
        <v>30.726762413811883</v>
      </c>
      <c r="F2425" cm="1">
        <f t="array" ref="F2425">IFERROR(INDEX(Jesper!AJ$2:AJ$366,ROUNDDOWN($C2425/24,0)+1,1)*INDEX($D$3:$AA$30,INDEX(Jesper!$R$2:$R$366,ROW(INDEX(Jesper!AJ$2:AJ$366,ROUNDDOWN($C2425/24,0)+1,1))-1)+IF('Standard Profiles'!$G$20=$B$10,7,0)+IF('Standard Profiles'!$G$20=$B$17,14,0)+IF('Standard Profiles'!$G$20=$B$24,21,0),MOD($C2425,24)+1)/SUM(INDEX($D$3:$AA$30,INDEX(Jesper!$R$2:$R$366,ROW(INDEX(Jesper!AJ$2:AJ$366,ROUNDDOWN($C2425/24,0)+1,1))-1)+IF('Standard Profiles'!$G$20=$B$10,7,0)+IF('Standard Profiles'!$G$20=$B$17,14,0)+IF('Standard Profiles'!$G$20=$B$24,21,0),0)),0)</f>
        <v>0</v>
      </c>
      <c r="G2425" cm="1">
        <f t="array" ref="G2425">IFERROR(INDEX(Jesper!AK$2:AK$366,ROUNDDOWN($C2425/24,0)+1,1)*INDEX($D$3:$AA$30,INDEX(Jesper!$R$2:$R$366,ROW(INDEX(Jesper!AK$2:AK$366,ROUNDDOWN($C2425/24,0)+1,1))-1)+IF('Standard Profiles'!$G$21=$B$10,7,0)+IF('Standard Profiles'!$G$21=$B$17,14,0)+IF('Standard Profiles'!$G$21=$B$24,21,0),MOD($C2425,24)+1)/SUM(INDEX($D$3:$AA$30,INDEX(Jesper!$R$2:$R$366,ROW(INDEX(Jesper!AK$2:AK$366,ROUNDDOWN($C2425/24,0)+1,1))-1)+IF('Standard Profiles'!$G$21=$B$10,7,0)+IF('Standard Profiles'!$G$21=$B$17,14,0)+IF('Standard Profiles'!$G$21=$B$24,21,0),0)),0)</f>
        <v>14.220365694698117</v>
      </c>
      <c r="H2425" cm="1">
        <f t="array" ref="H2425">IFERROR(INDEX(Jesper!AL$2:AL$366,ROUNDDOWN($C2425/24,0)+1,1)*INDEX($D$3:$AA$30,INDEX(Jesper!$R$2:$R$366,ROW(INDEX(Jesper!AL$2:AL$366,ROUNDDOWN($C2425/24,0)+1,1))-1)+IF('Standard Profiles'!$G$22=$B$10,7,0)+IF('Standard Profiles'!$G$22=$B$17,14,0)+IF('Standard Profiles'!$G$22=$B$24,21,0),MOD($C2425,24)+1)/SUM(INDEX($D$3:$AA$30,INDEX(Jesper!$R$2:$R$366,ROW(INDEX(Jesper!AL$2:AL$366,ROUNDDOWN($C2425/24,0)+1,1))-1)+IF('Standard Profiles'!$G$22=$B$10,7,0)+IF('Standard Profiles'!$G$22=$B$17,14,0)+IF('Standard Profiles'!$G$22=$B$24,21,0),0)),0)</f>
        <v>0</v>
      </c>
      <c r="I2425">
        <f t="shared" si="279"/>
        <v>6.8257755334550927</v>
      </c>
      <c r="J2425">
        <f t="shared" si="280"/>
        <v>68.171818025080853</v>
      </c>
      <c r="K2425">
        <f t="shared" si="281"/>
        <v>3.8159321206382146</v>
      </c>
      <c r="L2425">
        <f t="shared" si="282"/>
        <v>1.9079660603191073</v>
      </c>
      <c r="M2425">
        <f t="shared" si="283"/>
        <v>0</v>
      </c>
      <c r="N2425" s="45">
        <f t="shared" si="284"/>
        <v>45026.624999994201</v>
      </c>
    </row>
    <row r="2426" spans="2:14" x14ac:dyDescent="0.25">
      <c r="B2426">
        <f t="shared" si="278"/>
        <v>1</v>
      </c>
      <c r="C2426" s="16">
        <v>2392</v>
      </c>
      <c r="D2426" cm="1">
        <f t="array" ref="D2426">IFERROR(INDEX(Jesper!AH$2:AH$366,ROUNDDOWN($C2426/24,0)+1,1)*INDEX($D$3:$AA$30,INDEX(Jesper!$R$2:$R$366,ROW(INDEX(Jesper!AH$2:AH$366,ROUNDDOWN($C2426/24,0)+1,1))-1)+IF('Standard Profiles'!$G$18=$B$10,7,0)+IF('Standard Profiles'!$G$18=$B$17,14,0)+IF('Standard Profiles'!$G$18=$B$24,21,0),MOD($C2426,24)+1)/SUM(INDEX($D$3:$AA$30,INDEX(Jesper!$R$2:$R$366,ROW(INDEX(Jesper!AH$2:AH$366,ROUNDDOWN($C2426/24,0)+1,1))-1)+IF('Standard Profiles'!$G$18=$B$10,7,0)+IF('Standard Profiles'!$G$18=$B$17,14,0)+IF('Standard Profiles'!$G$18=$B$24,21,0),0)),0)</f>
        <v>20.86837878474023</v>
      </c>
      <c r="E2426" cm="1">
        <f t="array" ref="E2426">IFERROR(INDEX(Jesper!AI$2:AI$366,ROUNDDOWN($C2426/24,0)+1,1)*INDEX($D$3:$AA$30,INDEX(Jesper!$R$2:$R$366,ROW(INDEX(Jesper!AI$2:AI$366,ROUNDDOWN($C2426/24,0)+1,1))-1)+IF('Standard Profiles'!$G$19=$B$10,7,0)+IF('Standard Profiles'!$G$19=$B$17,14,0)+IF('Standard Profiles'!$G$19=$B$24,21,0),MOD($C2426,24)+1)/SUM(INDEX($D$3:$AA$30,INDEX(Jesper!$R$2:$R$366,ROW(INDEX(Jesper!AI$2:AI$366,ROUNDDOWN($C2426/24,0)+1,1))-1)+IF('Standard Profiles'!$G$19=$B$10,7,0)+IF('Standard Profiles'!$G$19=$B$17,14,0)+IF('Standard Profiles'!$G$19=$B$24,21,0),0)),0)</f>
        <v>17.923944741390265</v>
      </c>
      <c r="F2426" cm="1">
        <f t="array" ref="F2426">IFERROR(INDEX(Jesper!AJ$2:AJ$366,ROUNDDOWN($C2426/24,0)+1,1)*INDEX($D$3:$AA$30,INDEX(Jesper!$R$2:$R$366,ROW(INDEX(Jesper!AJ$2:AJ$366,ROUNDDOWN($C2426/24,0)+1,1))-1)+IF('Standard Profiles'!$G$20=$B$10,7,0)+IF('Standard Profiles'!$G$20=$B$17,14,0)+IF('Standard Profiles'!$G$20=$B$24,21,0),MOD($C2426,24)+1)/SUM(INDEX($D$3:$AA$30,INDEX(Jesper!$R$2:$R$366,ROW(INDEX(Jesper!AJ$2:AJ$366,ROUNDDOWN($C2426/24,0)+1,1))-1)+IF('Standard Profiles'!$G$20=$B$10,7,0)+IF('Standard Profiles'!$G$20=$B$17,14,0)+IF('Standard Profiles'!$G$20=$B$24,21,0),0)),0)</f>
        <v>0</v>
      </c>
      <c r="G2426" cm="1">
        <f t="array" ref="G2426">IFERROR(INDEX(Jesper!AK$2:AK$366,ROUNDDOWN($C2426/24,0)+1,1)*INDEX($D$3:$AA$30,INDEX(Jesper!$R$2:$R$366,ROW(INDEX(Jesper!AK$2:AK$366,ROUNDDOWN($C2426/24,0)+1,1))-1)+IF('Standard Profiles'!$G$21=$B$10,7,0)+IF('Standard Profiles'!$G$21=$B$17,14,0)+IF('Standard Profiles'!$G$21=$B$24,21,0),MOD($C2426,24)+1)/SUM(INDEX($D$3:$AA$30,INDEX(Jesper!$R$2:$R$366,ROW(INDEX(Jesper!AK$2:AK$366,ROUNDDOWN($C2426/24,0)+1,1))-1)+IF('Standard Profiles'!$G$21=$B$10,7,0)+IF('Standard Profiles'!$G$21=$B$17,14,0)+IF('Standard Profiles'!$G$21=$B$24,21,0),0)),0)</f>
        <v>11.850304745581765</v>
      </c>
      <c r="H2426" cm="1">
        <f t="array" ref="H2426">IFERROR(INDEX(Jesper!AL$2:AL$366,ROUNDDOWN($C2426/24,0)+1,1)*INDEX($D$3:$AA$30,INDEX(Jesper!$R$2:$R$366,ROW(INDEX(Jesper!AL$2:AL$366,ROUNDDOWN($C2426/24,0)+1,1))-1)+IF('Standard Profiles'!$G$22=$B$10,7,0)+IF('Standard Profiles'!$G$22=$B$17,14,0)+IF('Standard Profiles'!$G$22=$B$24,21,0),MOD($C2426,24)+1)/SUM(INDEX($D$3:$AA$30,INDEX(Jesper!$R$2:$R$366,ROW(INDEX(Jesper!AL$2:AL$366,ROUNDDOWN($C2426/24,0)+1,1))-1)+IF('Standard Profiles'!$G$22=$B$10,7,0)+IF('Standard Profiles'!$G$22=$B$17,14,0)+IF('Standard Profiles'!$G$22=$B$24,21,0),0)),0)</f>
        <v>0</v>
      </c>
      <c r="I2426">
        <f t="shared" si="279"/>
        <v>5.6881462778792446</v>
      </c>
      <c r="J2426">
        <f t="shared" si="280"/>
        <v>41.615541388274572</v>
      </c>
      <c r="K2426">
        <f t="shared" si="281"/>
        <v>2.2259604037056246</v>
      </c>
      <c r="L2426">
        <f t="shared" si="282"/>
        <v>1.1129802018528123</v>
      </c>
      <c r="M2426">
        <f t="shared" si="283"/>
        <v>0</v>
      </c>
      <c r="N2426" s="45">
        <f t="shared" si="284"/>
        <v>45026.666666660865</v>
      </c>
    </row>
    <row r="2427" spans="2:14" x14ac:dyDescent="0.25">
      <c r="B2427">
        <f t="shared" si="278"/>
        <v>1</v>
      </c>
      <c r="C2427" s="16">
        <v>2393</v>
      </c>
      <c r="D2427" cm="1">
        <f t="array" ref="D2427">IFERROR(INDEX(Jesper!AH$2:AH$366,ROUNDDOWN($C2427/24,0)+1,1)*INDEX($D$3:$AA$30,INDEX(Jesper!$R$2:$R$366,ROW(INDEX(Jesper!AH$2:AH$366,ROUNDDOWN($C2427/24,0)+1,1))-1)+IF('Standard Profiles'!$G$18=$B$10,7,0)+IF('Standard Profiles'!$G$18=$B$17,14,0)+IF('Standard Profiles'!$G$18=$B$24,21,0),MOD($C2427,24)+1)/SUM(INDEX($D$3:$AA$30,INDEX(Jesper!$R$2:$R$366,ROW(INDEX(Jesper!AH$2:AH$366,ROUNDDOWN($C2427/24,0)+1,1))-1)+IF('Standard Profiles'!$G$18=$B$10,7,0)+IF('Standard Profiles'!$G$18=$B$17,14,0)+IF('Standard Profiles'!$G$18=$B$24,21,0),0)),0)</f>
        <v>5.9623939384972102</v>
      </c>
      <c r="E2427" cm="1">
        <f t="array" ref="E2427">IFERROR(INDEX(Jesper!AI$2:AI$366,ROUNDDOWN($C2427/24,0)+1,1)*INDEX($D$3:$AA$30,INDEX(Jesper!$R$2:$R$366,ROW(INDEX(Jesper!AI$2:AI$366,ROUNDDOWN($C2427/24,0)+1,1))-1)+IF('Standard Profiles'!$G$19=$B$10,7,0)+IF('Standard Profiles'!$G$19=$B$17,14,0)+IF('Standard Profiles'!$G$19=$B$24,21,0),MOD($C2427,24)+1)/SUM(INDEX($D$3:$AA$30,INDEX(Jesper!$R$2:$R$366,ROW(INDEX(Jesper!AI$2:AI$366,ROUNDDOWN($C2427/24,0)+1,1))-1)+IF('Standard Profiles'!$G$19=$B$10,7,0)+IF('Standard Profiles'!$G$19=$B$17,14,0)+IF('Standard Profiles'!$G$19=$B$24,21,0),0)),0)</f>
        <v>5.1211270689686472</v>
      </c>
      <c r="F2427" cm="1">
        <f t="array" ref="F2427">IFERROR(INDEX(Jesper!AJ$2:AJ$366,ROUNDDOWN($C2427/24,0)+1,1)*INDEX($D$3:$AA$30,INDEX(Jesper!$R$2:$R$366,ROW(INDEX(Jesper!AJ$2:AJ$366,ROUNDDOWN($C2427/24,0)+1,1))-1)+IF('Standard Profiles'!$G$20=$B$10,7,0)+IF('Standard Profiles'!$G$20=$B$17,14,0)+IF('Standard Profiles'!$G$20=$B$24,21,0),MOD($C2427,24)+1)/SUM(INDEX($D$3:$AA$30,INDEX(Jesper!$R$2:$R$366,ROW(INDEX(Jesper!AJ$2:AJ$366,ROUNDDOWN($C2427/24,0)+1,1))-1)+IF('Standard Profiles'!$G$20=$B$10,7,0)+IF('Standard Profiles'!$G$20=$B$17,14,0)+IF('Standard Profiles'!$G$20=$B$24,21,0),0)),0)</f>
        <v>0</v>
      </c>
      <c r="G2427" cm="1">
        <f t="array" ref="G2427">IFERROR(INDEX(Jesper!AK$2:AK$366,ROUNDDOWN($C2427/24,0)+1,1)*INDEX($D$3:$AA$30,INDEX(Jesper!$R$2:$R$366,ROW(INDEX(Jesper!AK$2:AK$366,ROUNDDOWN($C2427/24,0)+1,1))-1)+IF('Standard Profiles'!$G$21=$B$10,7,0)+IF('Standard Profiles'!$G$21=$B$17,14,0)+IF('Standard Profiles'!$G$21=$B$24,21,0),MOD($C2427,24)+1)/SUM(INDEX($D$3:$AA$30,INDEX(Jesper!$R$2:$R$366,ROW(INDEX(Jesper!AK$2:AK$366,ROUNDDOWN($C2427/24,0)+1,1))-1)+IF('Standard Profiles'!$G$21=$B$10,7,0)+IF('Standard Profiles'!$G$21=$B$17,14,0)+IF('Standard Profiles'!$G$21=$B$24,21,0),0)),0)</f>
        <v>9.5347279562152139</v>
      </c>
      <c r="H2427" cm="1">
        <f t="array" ref="H2427">IFERROR(INDEX(Jesper!AL$2:AL$366,ROUNDDOWN($C2427/24,0)+1,1)*INDEX($D$3:$AA$30,INDEX(Jesper!$R$2:$R$366,ROW(INDEX(Jesper!AL$2:AL$366,ROUNDDOWN($C2427/24,0)+1,1))-1)+IF('Standard Profiles'!$G$22=$B$10,7,0)+IF('Standard Profiles'!$G$22=$B$17,14,0)+IF('Standard Profiles'!$G$22=$B$24,21,0),MOD($C2427,24)+1)/SUM(INDEX($D$3:$AA$30,INDEX(Jesper!$R$2:$R$366,ROW(INDEX(Jesper!AL$2:AL$366,ROUNDDOWN($C2427/24,0)+1,1))-1)+IF('Standard Profiles'!$G$22=$B$10,7,0)+IF('Standard Profiles'!$G$22=$B$17,14,0)+IF('Standard Profiles'!$G$22=$B$24,21,0),0)),0)</f>
        <v>0</v>
      </c>
      <c r="I2427">
        <f t="shared" si="279"/>
        <v>4.5766694189833004</v>
      </c>
      <c r="J2427">
        <f t="shared" si="280"/>
        <v>15.087596514538216</v>
      </c>
      <c r="K2427">
        <f t="shared" si="281"/>
        <v>0.63598868677303577</v>
      </c>
      <c r="L2427">
        <f t="shared" si="282"/>
        <v>0.31799434338651789</v>
      </c>
      <c r="M2427">
        <f t="shared" si="283"/>
        <v>0</v>
      </c>
      <c r="N2427" s="45">
        <f t="shared" si="284"/>
        <v>45026.70833332753</v>
      </c>
    </row>
    <row r="2428" spans="2:14" x14ac:dyDescent="0.25">
      <c r="B2428">
        <f t="shared" si="278"/>
        <v>1</v>
      </c>
      <c r="C2428" s="16">
        <v>2394</v>
      </c>
      <c r="D2428" cm="1">
        <f t="array" ref="D2428">IFERROR(INDEX(Jesper!AH$2:AH$366,ROUNDDOWN($C2428/24,0)+1,1)*INDEX($D$3:$AA$30,INDEX(Jesper!$R$2:$R$366,ROW(INDEX(Jesper!AH$2:AH$366,ROUNDDOWN($C2428/24,0)+1,1))-1)+IF('Standard Profiles'!$G$18=$B$10,7,0)+IF('Standard Profiles'!$G$18=$B$17,14,0)+IF('Standard Profiles'!$G$18=$B$24,21,0),MOD($C2428,24)+1)/SUM(INDEX($D$3:$AA$30,INDEX(Jesper!$R$2:$R$366,ROW(INDEX(Jesper!AH$2:AH$366,ROUNDDOWN($C2428/24,0)+1,1))-1)+IF('Standard Profiles'!$G$18=$B$10,7,0)+IF('Standard Profiles'!$G$18=$B$17,14,0)+IF('Standard Profiles'!$G$18=$B$24,21,0),0)),0)</f>
        <v>5.8784165590817565</v>
      </c>
      <c r="E2428" cm="1">
        <f t="array" ref="E2428">IFERROR(INDEX(Jesper!AI$2:AI$366,ROUNDDOWN($C2428/24,0)+1,1)*INDEX($D$3:$AA$30,INDEX(Jesper!$R$2:$R$366,ROW(INDEX(Jesper!AI$2:AI$366,ROUNDDOWN($C2428/24,0)+1,1))-1)+IF('Standard Profiles'!$G$19=$B$10,7,0)+IF('Standard Profiles'!$G$19=$B$17,14,0)+IF('Standard Profiles'!$G$19=$B$24,21,0),MOD($C2428,24)+1)/SUM(INDEX($D$3:$AA$30,INDEX(Jesper!$R$2:$R$366,ROW(INDEX(Jesper!AI$2:AI$366,ROUNDDOWN($C2428/24,0)+1,1))-1)+IF('Standard Profiles'!$G$19=$B$10,7,0)+IF('Standard Profiles'!$G$19=$B$17,14,0)+IF('Standard Profiles'!$G$19=$B$24,21,0),0)),0)</f>
        <v>5.0489985187014836</v>
      </c>
      <c r="F2428" cm="1">
        <f t="array" ref="F2428">IFERROR(INDEX(Jesper!AJ$2:AJ$366,ROUNDDOWN($C2428/24,0)+1,1)*INDEX($D$3:$AA$30,INDEX(Jesper!$R$2:$R$366,ROW(INDEX(Jesper!AJ$2:AJ$366,ROUNDDOWN($C2428/24,0)+1,1))-1)+IF('Standard Profiles'!$G$20=$B$10,7,0)+IF('Standard Profiles'!$G$20=$B$17,14,0)+IF('Standard Profiles'!$G$20=$B$24,21,0),MOD($C2428,24)+1)/SUM(INDEX($D$3:$AA$30,INDEX(Jesper!$R$2:$R$366,ROW(INDEX(Jesper!AJ$2:AJ$366,ROUNDDOWN($C2428/24,0)+1,1))-1)+IF('Standard Profiles'!$G$20=$B$10,7,0)+IF('Standard Profiles'!$G$20=$B$17,14,0)+IF('Standard Profiles'!$G$20=$B$24,21,0),0)),0)</f>
        <v>0</v>
      </c>
      <c r="G2428" cm="1">
        <f t="array" ref="G2428">IFERROR(INDEX(Jesper!AK$2:AK$366,ROUNDDOWN($C2428/24,0)+1,1)*INDEX($D$3:$AA$30,INDEX(Jesper!$R$2:$R$366,ROW(INDEX(Jesper!AK$2:AK$366,ROUNDDOWN($C2428/24,0)+1,1))-1)+IF('Standard Profiles'!$G$21=$B$10,7,0)+IF('Standard Profiles'!$G$21=$B$17,14,0)+IF('Standard Profiles'!$G$21=$B$24,21,0),MOD($C2428,24)+1)/SUM(INDEX($D$3:$AA$30,INDEX(Jesper!$R$2:$R$366,ROW(INDEX(Jesper!AK$2:AK$366,ROUNDDOWN($C2428/24,0)+1,1))-1)+IF('Standard Profiles'!$G$21=$B$10,7,0)+IF('Standard Profiles'!$G$21=$B$17,14,0)+IF('Standard Profiles'!$G$21=$B$24,21,0),0)),0)</f>
        <v>3.4052599843625768</v>
      </c>
      <c r="H2428" cm="1">
        <f t="array" ref="H2428">IFERROR(INDEX(Jesper!AL$2:AL$366,ROUNDDOWN($C2428/24,0)+1,1)*INDEX($D$3:$AA$30,INDEX(Jesper!$R$2:$R$366,ROW(INDEX(Jesper!AL$2:AL$366,ROUNDDOWN($C2428/24,0)+1,1))-1)+IF('Standard Profiles'!$G$22=$B$10,7,0)+IF('Standard Profiles'!$G$22=$B$17,14,0)+IF('Standard Profiles'!$G$22=$B$24,21,0),MOD($C2428,24)+1)/SUM(INDEX($D$3:$AA$30,INDEX(Jesper!$R$2:$R$366,ROW(INDEX(Jesper!AL$2:AL$366,ROUNDDOWN($C2428/24,0)+1,1))-1)+IF('Standard Profiles'!$G$22=$B$10,7,0)+IF('Standard Profiles'!$G$22=$B$17,14,0)+IF('Standard Profiles'!$G$22=$B$24,21,0),0)),0)</f>
        <v>0</v>
      </c>
      <c r="I2428">
        <f t="shared" si="279"/>
        <v>1.634524792494036</v>
      </c>
      <c r="J2428">
        <f t="shared" si="280"/>
        <v>11.757603620198699</v>
      </c>
      <c r="K2428">
        <f t="shared" si="281"/>
        <v>0.62703109963538739</v>
      </c>
      <c r="L2428">
        <f t="shared" si="282"/>
        <v>0.3135155498176937</v>
      </c>
      <c r="M2428">
        <f t="shared" si="283"/>
        <v>0</v>
      </c>
      <c r="N2428" s="45">
        <f t="shared" si="284"/>
        <v>45026.749999994194</v>
      </c>
    </row>
    <row r="2429" spans="2:14" x14ac:dyDescent="0.25">
      <c r="B2429">
        <f t="shared" si="278"/>
        <v>1</v>
      </c>
      <c r="C2429" s="16">
        <v>2395</v>
      </c>
      <c r="D2429" cm="1">
        <f t="array" ref="D2429">IFERROR(INDEX(Jesper!AH$2:AH$366,ROUNDDOWN($C2429/24,0)+1,1)*INDEX($D$3:$AA$30,INDEX(Jesper!$R$2:$R$366,ROW(INDEX(Jesper!AH$2:AH$366,ROUNDDOWN($C2429/24,0)+1,1))-1)+IF('Standard Profiles'!$G$18=$B$10,7,0)+IF('Standard Profiles'!$G$18=$B$17,14,0)+IF('Standard Profiles'!$G$18=$B$24,21,0),MOD($C2429,24)+1)/SUM(INDEX($D$3:$AA$30,INDEX(Jesper!$R$2:$R$366,ROW(INDEX(Jesper!AH$2:AH$366,ROUNDDOWN($C2429/24,0)+1,1))-1)+IF('Standard Profiles'!$G$18=$B$10,7,0)+IF('Standard Profiles'!$G$18=$B$17,14,0)+IF('Standard Profiles'!$G$18=$B$24,21,0),0)),0)</f>
        <v>5.8784165590817565</v>
      </c>
      <c r="E2429" cm="1">
        <f t="array" ref="E2429">IFERROR(INDEX(Jesper!AI$2:AI$366,ROUNDDOWN($C2429/24,0)+1,1)*INDEX($D$3:$AA$30,INDEX(Jesper!$R$2:$R$366,ROW(INDEX(Jesper!AI$2:AI$366,ROUNDDOWN($C2429/24,0)+1,1))-1)+IF('Standard Profiles'!$G$19=$B$10,7,0)+IF('Standard Profiles'!$G$19=$B$17,14,0)+IF('Standard Profiles'!$G$19=$B$24,21,0),MOD($C2429,24)+1)/SUM(INDEX($D$3:$AA$30,INDEX(Jesper!$R$2:$R$366,ROW(INDEX(Jesper!AI$2:AI$366,ROUNDDOWN($C2429/24,0)+1,1))-1)+IF('Standard Profiles'!$G$19=$B$10,7,0)+IF('Standard Profiles'!$G$19=$B$17,14,0)+IF('Standard Profiles'!$G$19=$B$24,21,0),0)),0)</f>
        <v>5.0489985187014836</v>
      </c>
      <c r="F2429" cm="1">
        <f t="array" ref="F2429">IFERROR(INDEX(Jesper!AJ$2:AJ$366,ROUNDDOWN($C2429/24,0)+1,1)*INDEX($D$3:$AA$30,INDEX(Jesper!$R$2:$R$366,ROW(INDEX(Jesper!AJ$2:AJ$366,ROUNDDOWN($C2429/24,0)+1,1))-1)+IF('Standard Profiles'!$G$20=$B$10,7,0)+IF('Standard Profiles'!$G$20=$B$17,14,0)+IF('Standard Profiles'!$G$20=$B$24,21,0),MOD($C2429,24)+1)/SUM(INDEX($D$3:$AA$30,INDEX(Jesper!$R$2:$R$366,ROW(INDEX(Jesper!AJ$2:AJ$366,ROUNDDOWN($C2429/24,0)+1,1))-1)+IF('Standard Profiles'!$G$20=$B$10,7,0)+IF('Standard Profiles'!$G$20=$B$17,14,0)+IF('Standard Profiles'!$G$20=$B$24,21,0),0)),0)</f>
        <v>0</v>
      </c>
      <c r="G2429" cm="1">
        <f t="array" ref="G2429">IFERROR(INDEX(Jesper!AK$2:AK$366,ROUNDDOWN($C2429/24,0)+1,1)*INDEX($D$3:$AA$30,INDEX(Jesper!$R$2:$R$366,ROW(INDEX(Jesper!AK$2:AK$366,ROUNDDOWN($C2429/24,0)+1,1))-1)+IF('Standard Profiles'!$G$21=$B$10,7,0)+IF('Standard Profiles'!$G$21=$B$17,14,0)+IF('Standard Profiles'!$G$21=$B$24,21,0),MOD($C2429,24)+1)/SUM(INDEX($D$3:$AA$30,INDEX(Jesper!$R$2:$R$366,ROW(INDEX(Jesper!AK$2:AK$366,ROUNDDOWN($C2429/24,0)+1,1))-1)+IF('Standard Profiles'!$G$21=$B$10,7,0)+IF('Standard Profiles'!$G$21=$B$17,14,0)+IF('Standard Profiles'!$G$21=$B$24,21,0),0)),0)</f>
        <v>3.4052599843625768</v>
      </c>
      <c r="H2429" cm="1">
        <f t="array" ref="H2429">IFERROR(INDEX(Jesper!AL$2:AL$366,ROUNDDOWN($C2429/24,0)+1,1)*INDEX($D$3:$AA$30,INDEX(Jesper!$R$2:$R$366,ROW(INDEX(Jesper!AL$2:AL$366,ROUNDDOWN($C2429/24,0)+1,1))-1)+IF('Standard Profiles'!$G$22=$B$10,7,0)+IF('Standard Profiles'!$G$22=$B$17,14,0)+IF('Standard Profiles'!$G$22=$B$24,21,0),MOD($C2429,24)+1)/SUM(INDEX($D$3:$AA$30,INDEX(Jesper!$R$2:$R$366,ROW(INDEX(Jesper!AL$2:AL$366,ROUNDDOWN($C2429/24,0)+1,1))-1)+IF('Standard Profiles'!$G$22=$B$10,7,0)+IF('Standard Profiles'!$G$22=$B$17,14,0)+IF('Standard Profiles'!$G$22=$B$24,21,0),0)),0)</f>
        <v>0</v>
      </c>
      <c r="I2429">
        <f t="shared" si="279"/>
        <v>1.634524792494036</v>
      </c>
      <c r="J2429">
        <f t="shared" si="280"/>
        <v>11.757603620198699</v>
      </c>
      <c r="K2429">
        <f t="shared" si="281"/>
        <v>0.62703109963538739</v>
      </c>
      <c r="L2429">
        <f t="shared" si="282"/>
        <v>0.3135155498176937</v>
      </c>
      <c r="M2429">
        <f t="shared" si="283"/>
        <v>0</v>
      </c>
      <c r="N2429" s="45">
        <f t="shared" si="284"/>
        <v>45026.791666660858</v>
      </c>
    </row>
    <row r="2430" spans="2:14" x14ac:dyDescent="0.25">
      <c r="B2430">
        <f t="shared" si="278"/>
        <v>1</v>
      </c>
      <c r="C2430" s="16">
        <v>2396</v>
      </c>
      <c r="D2430" cm="1">
        <f t="array" ref="D2430">IFERROR(INDEX(Jesper!AH$2:AH$366,ROUNDDOWN($C2430/24,0)+1,1)*INDEX($D$3:$AA$30,INDEX(Jesper!$R$2:$R$366,ROW(INDEX(Jesper!AH$2:AH$366,ROUNDDOWN($C2430/24,0)+1,1))-1)+IF('Standard Profiles'!$G$18=$B$10,7,0)+IF('Standard Profiles'!$G$18=$B$17,14,0)+IF('Standard Profiles'!$G$18=$B$24,21,0),MOD($C2430,24)+1)/SUM(INDEX($D$3:$AA$30,INDEX(Jesper!$R$2:$R$366,ROW(INDEX(Jesper!AH$2:AH$366,ROUNDDOWN($C2430/24,0)+1,1))-1)+IF('Standard Profiles'!$G$18=$B$10,7,0)+IF('Standard Profiles'!$G$18=$B$17,14,0)+IF('Standard Profiles'!$G$18=$B$24,21,0),0)),0)</f>
        <v>5.8784165590817565</v>
      </c>
      <c r="E2430" cm="1">
        <f t="array" ref="E2430">IFERROR(INDEX(Jesper!AI$2:AI$366,ROUNDDOWN($C2430/24,0)+1,1)*INDEX($D$3:$AA$30,INDEX(Jesper!$R$2:$R$366,ROW(INDEX(Jesper!AI$2:AI$366,ROUNDDOWN($C2430/24,0)+1,1))-1)+IF('Standard Profiles'!$G$19=$B$10,7,0)+IF('Standard Profiles'!$G$19=$B$17,14,0)+IF('Standard Profiles'!$G$19=$B$24,21,0),MOD($C2430,24)+1)/SUM(INDEX($D$3:$AA$30,INDEX(Jesper!$R$2:$R$366,ROW(INDEX(Jesper!AI$2:AI$366,ROUNDDOWN($C2430/24,0)+1,1))-1)+IF('Standard Profiles'!$G$19=$B$10,7,0)+IF('Standard Profiles'!$G$19=$B$17,14,0)+IF('Standard Profiles'!$G$19=$B$24,21,0),0)),0)</f>
        <v>5.0489985187014836</v>
      </c>
      <c r="F2430" cm="1">
        <f t="array" ref="F2430">IFERROR(INDEX(Jesper!AJ$2:AJ$366,ROUNDDOWN($C2430/24,0)+1,1)*INDEX($D$3:$AA$30,INDEX(Jesper!$R$2:$R$366,ROW(INDEX(Jesper!AJ$2:AJ$366,ROUNDDOWN($C2430/24,0)+1,1))-1)+IF('Standard Profiles'!$G$20=$B$10,7,0)+IF('Standard Profiles'!$G$20=$B$17,14,0)+IF('Standard Profiles'!$G$20=$B$24,21,0),MOD($C2430,24)+1)/SUM(INDEX($D$3:$AA$30,INDEX(Jesper!$R$2:$R$366,ROW(INDEX(Jesper!AJ$2:AJ$366,ROUNDDOWN($C2430/24,0)+1,1))-1)+IF('Standard Profiles'!$G$20=$B$10,7,0)+IF('Standard Profiles'!$G$20=$B$17,14,0)+IF('Standard Profiles'!$G$20=$B$24,21,0),0)),0)</f>
        <v>0</v>
      </c>
      <c r="G2430" cm="1">
        <f t="array" ref="G2430">IFERROR(INDEX(Jesper!AK$2:AK$366,ROUNDDOWN($C2430/24,0)+1,1)*INDEX($D$3:$AA$30,INDEX(Jesper!$R$2:$R$366,ROW(INDEX(Jesper!AK$2:AK$366,ROUNDDOWN($C2430/24,0)+1,1))-1)+IF('Standard Profiles'!$G$21=$B$10,7,0)+IF('Standard Profiles'!$G$21=$B$17,14,0)+IF('Standard Profiles'!$G$21=$B$24,21,0),MOD($C2430,24)+1)/SUM(INDEX($D$3:$AA$30,INDEX(Jesper!$R$2:$R$366,ROW(INDEX(Jesper!AK$2:AK$366,ROUNDDOWN($C2430/24,0)+1,1))-1)+IF('Standard Profiles'!$G$21=$B$10,7,0)+IF('Standard Profiles'!$G$21=$B$17,14,0)+IF('Standard Profiles'!$G$21=$B$24,21,0),0)),0)</f>
        <v>3.4052599843625768</v>
      </c>
      <c r="H2430" cm="1">
        <f t="array" ref="H2430">IFERROR(INDEX(Jesper!AL$2:AL$366,ROUNDDOWN($C2430/24,0)+1,1)*INDEX($D$3:$AA$30,INDEX(Jesper!$R$2:$R$366,ROW(INDEX(Jesper!AL$2:AL$366,ROUNDDOWN($C2430/24,0)+1,1))-1)+IF('Standard Profiles'!$G$22=$B$10,7,0)+IF('Standard Profiles'!$G$22=$B$17,14,0)+IF('Standard Profiles'!$G$22=$B$24,21,0),MOD($C2430,24)+1)/SUM(INDEX($D$3:$AA$30,INDEX(Jesper!$R$2:$R$366,ROW(INDEX(Jesper!AL$2:AL$366,ROUNDDOWN($C2430/24,0)+1,1))-1)+IF('Standard Profiles'!$G$22=$B$10,7,0)+IF('Standard Profiles'!$G$22=$B$17,14,0)+IF('Standard Profiles'!$G$22=$B$24,21,0),0)),0)</f>
        <v>0</v>
      </c>
      <c r="I2430">
        <f t="shared" si="279"/>
        <v>1.634524792494036</v>
      </c>
      <c r="J2430">
        <f t="shared" si="280"/>
        <v>11.757603620198699</v>
      </c>
      <c r="K2430">
        <f t="shared" si="281"/>
        <v>0.62703109963538739</v>
      </c>
      <c r="L2430">
        <f t="shared" si="282"/>
        <v>0.3135155498176937</v>
      </c>
      <c r="M2430">
        <f t="shared" si="283"/>
        <v>0</v>
      </c>
      <c r="N2430" s="45">
        <f t="shared" si="284"/>
        <v>45026.833333327522</v>
      </c>
    </row>
    <row r="2431" spans="2:14" x14ac:dyDescent="0.25">
      <c r="B2431">
        <f t="shared" si="278"/>
        <v>1</v>
      </c>
      <c r="C2431" s="16">
        <v>2397</v>
      </c>
      <c r="D2431" cm="1">
        <f t="array" ref="D2431">IFERROR(INDEX(Jesper!AH$2:AH$366,ROUNDDOWN($C2431/24,0)+1,1)*INDEX($D$3:$AA$30,INDEX(Jesper!$R$2:$R$366,ROW(INDEX(Jesper!AH$2:AH$366,ROUNDDOWN($C2431/24,0)+1,1))-1)+IF('Standard Profiles'!$G$18=$B$10,7,0)+IF('Standard Profiles'!$G$18=$B$17,14,0)+IF('Standard Profiles'!$G$18=$B$24,21,0),MOD($C2431,24)+1)/SUM(INDEX($D$3:$AA$30,INDEX(Jesper!$R$2:$R$366,ROW(INDEX(Jesper!AH$2:AH$366,ROUNDDOWN($C2431/24,0)+1,1))-1)+IF('Standard Profiles'!$G$18=$B$10,7,0)+IF('Standard Profiles'!$G$18=$B$17,14,0)+IF('Standard Profiles'!$G$18=$B$24,21,0),0)),0)</f>
        <v>5.8784165590817565</v>
      </c>
      <c r="E2431" cm="1">
        <f t="array" ref="E2431">IFERROR(INDEX(Jesper!AI$2:AI$366,ROUNDDOWN($C2431/24,0)+1,1)*INDEX($D$3:$AA$30,INDEX(Jesper!$R$2:$R$366,ROW(INDEX(Jesper!AI$2:AI$366,ROUNDDOWN($C2431/24,0)+1,1))-1)+IF('Standard Profiles'!$G$19=$B$10,7,0)+IF('Standard Profiles'!$G$19=$B$17,14,0)+IF('Standard Profiles'!$G$19=$B$24,21,0),MOD($C2431,24)+1)/SUM(INDEX($D$3:$AA$30,INDEX(Jesper!$R$2:$R$366,ROW(INDEX(Jesper!AI$2:AI$366,ROUNDDOWN($C2431/24,0)+1,1))-1)+IF('Standard Profiles'!$G$19=$B$10,7,0)+IF('Standard Profiles'!$G$19=$B$17,14,0)+IF('Standard Profiles'!$G$19=$B$24,21,0),0)),0)</f>
        <v>5.0489985187014836</v>
      </c>
      <c r="F2431" cm="1">
        <f t="array" ref="F2431">IFERROR(INDEX(Jesper!AJ$2:AJ$366,ROUNDDOWN($C2431/24,0)+1,1)*INDEX($D$3:$AA$30,INDEX(Jesper!$R$2:$R$366,ROW(INDEX(Jesper!AJ$2:AJ$366,ROUNDDOWN($C2431/24,0)+1,1))-1)+IF('Standard Profiles'!$G$20=$B$10,7,0)+IF('Standard Profiles'!$G$20=$B$17,14,0)+IF('Standard Profiles'!$G$20=$B$24,21,0),MOD($C2431,24)+1)/SUM(INDEX($D$3:$AA$30,INDEX(Jesper!$R$2:$R$366,ROW(INDEX(Jesper!AJ$2:AJ$366,ROUNDDOWN($C2431/24,0)+1,1))-1)+IF('Standard Profiles'!$G$20=$B$10,7,0)+IF('Standard Profiles'!$G$20=$B$17,14,0)+IF('Standard Profiles'!$G$20=$B$24,21,0),0)),0)</f>
        <v>0</v>
      </c>
      <c r="G2431" cm="1">
        <f t="array" ref="G2431">IFERROR(INDEX(Jesper!AK$2:AK$366,ROUNDDOWN($C2431/24,0)+1,1)*INDEX($D$3:$AA$30,INDEX(Jesper!$R$2:$R$366,ROW(INDEX(Jesper!AK$2:AK$366,ROUNDDOWN($C2431/24,0)+1,1))-1)+IF('Standard Profiles'!$G$21=$B$10,7,0)+IF('Standard Profiles'!$G$21=$B$17,14,0)+IF('Standard Profiles'!$G$21=$B$24,21,0),MOD($C2431,24)+1)/SUM(INDEX($D$3:$AA$30,INDEX(Jesper!$R$2:$R$366,ROW(INDEX(Jesper!AK$2:AK$366,ROUNDDOWN($C2431/24,0)+1,1))-1)+IF('Standard Profiles'!$G$21=$B$10,7,0)+IF('Standard Profiles'!$G$21=$B$17,14,0)+IF('Standard Profiles'!$G$21=$B$24,21,0),0)),0)</f>
        <v>3.4052599843625768</v>
      </c>
      <c r="H2431" cm="1">
        <f t="array" ref="H2431">IFERROR(INDEX(Jesper!AL$2:AL$366,ROUNDDOWN($C2431/24,0)+1,1)*INDEX($D$3:$AA$30,INDEX(Jesper!$R$2:$R$366,ROW(INDEX(Jesper!AL$2:AL$366,ROUNDDOWN($C2431/24,0)+1,1))-1)+IF('Standard Profiles'!$G$22=$B$10,7,0)+IF('Standard Profiles'!$G$22=$B$17,14,0)+IF('Standard Profiles'!$G$22=$B$24,21,0),MOD($C2431,24)+1)/SUM(INDEX($D$3:$AA$30,INDEX(Jesper!$R$2:$R$366,ROW(INDEX(Jesper!AL$2:AL$366,ROUNDDOWN($C2431/24,0)+1,1))-1)+IF('Standard Profiles'!$G$22=$B$10,7,0)+IF('Standard Profiles'!$G$22=$B$17,14,0)+IF('Standard Profiles'!$G$22=$B$24,21,0),0)),0)</f>
        <v>0</v>
      </c>
      <c r="I2431">
        <f t="shared" si="279"/>
        <v>1.634524792494036</v>
      </c>
      <c r="J2431">
        <f t="shared" si="280"/>
        <v>11.757603620198699</v>
      </c>
      <c r="K2431">
        <f t="shared" si="281"/>
        <v>0.62703109963538739</v>
      </c>
      <c r="L2431">
        <f t="shared" si="282"/>
        <v>0.3135155498176937</v>
      </c>
      <c r="M2431">
        <f t="shared" si="283"/>
        <v>0</v>
      </c>
      <c r="N2431" s="45">
        <f t="shared" si="284"/>
        <v>45026.874999994187</v>
      </c>
    </row>
    <row r="2432" spans="2:14" x14ac:dyDescent="0.25">
      <c r="B2432">
        <f t="shared" si="278"/>
        <v>1</v>
      </c>
      <c r="C2432" s="16">
        <v>2398</v>
      </c>
      <c r="D2432" cm="1">
        <f t="array" ref="D2432">IFERROR(INDEX(Jesper!AH$2:AH$366,ROUNDDOWN($C2432/24,0)+1,1)*INDEX($D$3:$AA$30,INDEX(Jesper!$R$2:$R$366,ROW(INDEX(Jesper!AH$2:AH$366,ROUNDDOWN($C2432/24,0)+1,1))-1)+IF('Standard Profiles'!$G$18=$B$10,7,0)+IF('Standard Profiles'!$G$18=$B$17,14,0)+IF('Standard Profiles'!$G$18=$B$24,21,0),MOD($C2432,24)+1)/SUM(INDEX($D$3:$AA$30,INDEX(Jesper!$R$2:$R$366,ROW(INDEX(Jesper!AH$2:AH$366,ROUNDDOWN($C2432/24,0)+1,1))-1)+IF('Standard Profiles'!$G$18=$B$10,7,0)+IF('Standard Profiles'!$G$18=$B$17,14,0)+IF('Standard Profiles'!$G$18=$B$24,21,0),0)),0)</f>
        <v>5.8784165590817565</v>
      </c>
      <c r="E2432" cm="1">
        <f t="array" ref="E2432">IFERROR(INDEX(Jesper!AI$2:AI$366,ROUNDDOWN($C2432/24,0)+1,1)*INDEX($D$3:$AA$30,INDEX(Jesper!$R$2:$R$366,ROW(INDEX(Jesper!AI$2:AI$366,ROUNDDOWN($C2432/24,0)+1,1))-1)+IF('Standard Profiles'!$G$19=$B$10,7,0)+IF('Standard Profiles'!$G$19=$B$17,14,0)+IF('Standard Profiles'!$G$19=$B$24,21,0),MOD($C2432,24)+1)/SUM(INDEX($D$3:$AA$30,INDEX(Jesper!$R$2:$R$366,ROW(INDEX(Jesper!AI$2:AI$366,ROUNDDOWN($C2432/24,0)+1,1))-1)+IF('Standard Profiles'!$G$19=$B$10,7,0)+IF('Standard Profiles'!$G$19=$B$17,14,0)+IF('Standard Profiles'!$G$19=$B$24,21,0),0)),0)</f>
        <v>5.0489985187014836</v>
      </c>
      <c r="F2432" cm="1">
        <f t="array" ref="F2432">IFERROR(INDEX(Jesper!AJ$2:AJ$366,ROUNDDOWN($C2432/24,0)+1,1)*INDEX($D$3:$AA$30,INDEX(Jesper!$R$2:$R$366,ROW(INDEX(Jesper!AJ$2:AJ$366,ROUNDDOWN($C2432/24,0)+1,1))-1)+IF('Standard Profiles'!$G$20=$B$10,7,0)+IF('Standard Profiles'!$G$20=$B$17,14,0)+IF('Standard Profiles'!$G$20=$B$24,21,0),MOD($C2432,24)+1)/SUM(INDEX($D$3:$AA$30,INDEX(Jesper!$R$2:$R$366,ROW(INDEX(Jesper!AJ$2:AJ$366,ROUNDDOWN($C2432/24,0)+1,1))-1)+IF('Standard Profiles'!$G$20=$B$10,7,0)+IF('Standard Profiles'!$G$20=$B$17,14,0)+IF('Standard Profiles'!$G$20=$B$24,21,0),0)),0)</f>
        <v>0</v>
      </c>
      <c r="G2432" cm="1">
        <f t="array" ref="G2432">IFERROR(INDEX(Jesper!AK$2:AK$366,ROUNDDOWN($C2432/24,0)+1,1)*INDEX($D$3:$AA$30,INDEX(Jesper!$R$2:$R$366,ROW(INDEX(Jesper!AK$2:AK$366,ROUNDDOWN($C2432/24,0)+1,1))-1)+IF('Standard Profiles'!$G$21=$B$10,7,0)+IF('Standard Profiles'!$G$21=$B$17,14,0)+IF('Standard Profiles'!$G$21=$B$24,21,0),MOD($C2432,24)+1)/SUM(INDEX($D$3:$AA$30,INDEX(Jesper!$R$2:$R$366,ROW(INDEX(Jesper!AK$2:AK$366,ROUNDDOWN($C2432/24,0)+1,1))-1)+IF('Standard Profiles'!$G$21=$B$10,7,0)+IF('Standard Profiles'!$G$21=$B$17,14,0)+IF('Standard Profiles'!$G$21=$B$24,21,0),0)),0)</f>
        <v>3.4052599843625768</v>
      </c>
      <c r="H2432" cm="1">
        <f t="array" ref="H2432">IFERROR(INDEX(Jesper!AL$2:AL$366,ROUNDDOWN($C2432/24,0)+1,1)*INDEX($D$3:$AA$30,INDEX(Jesper!$R$2:$R$366,ROW(INDEX(Jesper!AL$2:AL$366,ROUNDDOWN($C2432/24,0)+1,1))-1)+IF('Standard Profiles'!$G$22=$B$10,7,0)+IF('Standard Profiles'!$G$22=$B$17,14,0)+IF('Standard Profiles'!$G$22=$B$24,21,0),MOD($C2432,24)+1)/SUM(INDEX($D$3:$AA$30,INDEX(Jesper!$R$2:$R$366,ROW(INDEX(Jesper!AL$2:AL$366,ROUNDDOWN($C2432/24,0)+1,1))-1)+IF('Standard Profiles'!$G$22=$B$10,7,0)+IF('Standard Profiles'!$G$22=$B$17,14,0)+IF('Standard Profiles'!$G$22=$B$24,21,0),0)),0)</f>
        <v>0</v>
      </c>
      <c r="I2432">
        <f t="shared" si="279"/>
        <v>1.634524792494036</v>
      </c>
      <c r="J2432">
        <f t="shared" si="280"/>
        <v>11.757603620198699</v>
      </c>
      <c r="K2432">
        <f t="shared" si="281"/>
        <v>0.62703109963538739</v>
      </c>
      <c r="L2432">
        <f t="shared" si="282"/>
        <v>0.3135155498176937</v>
      </c>
      <c r="M2432">
        <f t="shared" si="283"/>
        <v>0</v>
      </c>
      <c r="N2432" s="45">
        <f t="shared" si="284"/>
        <v>45026.916666660851</v>
      </c>
    </row>
    <row r="2433" spans="2:14" x14ac:dyDescent="0.25">
      <c r="B2433">
        <f t="shared" si="278"/>
        <v>1</v>
      </c>
      <c r="C2433" s="16">
        <v>2399</v>
      </c>
      <c r="D2433" cm="1">
        <f t="array" ref="D2433">IFERROR(INDEX(Jesper!AH$2:AH$366,ROUNDDOWN($C2433/24,0)+1,1)*INDEX($D$3:$AA$30,INDEX(Jesper!$R$2:$R$366,ROW(INDEX(Jesper!AH$2:AH$366,ROUNDDOWN($C2433/24,0)+1,1))-1)+IF('Standard Profiles'!$G$18=$B$10,7,0)+IF('Standard Profiles'!$G$18=$B$17,14,0)+IF('Standard Profiles'!$G$18=$B$24,21,0),MOD($C2433,24)+1)/SUM(INDEX($D$3:$AA$30,INDEX(Jesper!$R$2:$R$366,ROW(INDEX(Jesper!AH$2:AH$366,ROUNDDOWN($C2433/24,0)+1,1))-1)+IF('Standard Profiles'!$G$18=$B$10,7,0)+IF('Standard Profiles'!$G$18=$B$17,14,0)+IF('Standard Profiles'!$G$18=$B$24,21,0),0)),0)</f>
        <v>5.8784165590817565</v>
      </c>
      <c r="E2433" cm="1">
        <f t="array" ref="E2433">IFERROR(INDEX(Jesper!AI$2:AI$366,ROUNDDOWN($C2433/24,0)+1,1)*INDEX($D$3:$AA$30,INDEX(Jesper!$R$2:$R$366,ROW(INDEX(Jesper!AI$2:AI$366,ROUNDDOWN($C2433/24,0)+1,1))-1)+IF('Standard Profiles'!$G$19=$B$10,7,0)+IF('Standard Profiles'!$G$19=$B$17,14,0)+IF('Standard Profiles'!$G$19=$B$24,21,0),MOD($C2433,24)+1)/SUM(INDEX($D$3:$AA$30,INDEX(Jesper!$R$2:$R$366,ROW(INDEX(Jesper!AI$2:AI$366,ROUNDDOWN($C2433/24,0)+1,1))-1)+IF('Standard Profiles'!$G$19=$B$10,7,0)+IF('Standard Profiles'!$G$19=$B$17,14,0)+IF('Standard Profiles'!$G$19=$B$24,21,0),0)),0)</f>
        <v>5.0489985187014836</v>
      </c>
      <c r="F2433" cm="1">
        <f t="array" ref="F2433">IFERROR(INDEX(Jesper!AJ$2:AJ$366,ROUNDDOWN($C2433/24,0)+1,1)*INDEX($D$3:$AA$30,INDEX(Jesper!$R$2:$R$366,ROW(INDEX(Jesper!AJ$2:AJ$366,ROUNDDOWN($C2433/24,0)+1,1))-1)+IF('Standard Profiles'!$G$20=$B$10,7,0)+IF('Standard Profiles'!$G$20=$B$17,14,0)+IF('Standard Profiles'!$G$20=$B$24,21,0),MOD($C2433,24)+1)/SUM(INDEX($D$3:$AA$30,INDEX(Jesper!$R$2:$R$366,ROW(INDEX(Jesper!AJ$2:AJ$366,ROUNDDOWN($C2433/24,0)+1,1))-1)+IF('Standard Profiles'!$G$20=$B$10,7,0)+IF('Standard Profiles'!$G$20=$B$17,14,0)+IF('Standard Profiles'!$G$20=$B$24,21,0),0)),0)</f>
        <v>0</v>
      </c>
      <c r="G2433" cm="1">
        <f t="array" ref="G2433">IFERROR(INDEX(Jesper!AK$2:AK$366,ROUNDDOWN($C2433/24,0)+1,1)*INDEX($D$3:$AA$30,INDEX(Jesper!$R$2:$R$366,ROW(INDEX(Jesper!AK$2:AK$366,ROUNDDOWN($C2433/24,0)+1,1))-1)+IF('Standard Profiles'!$G$21=$B$10,7,0)+IF('Standard Profiles'!$G$21=$B$17,14,0)+IF('Standard Profiles'!$G$21=$B$24,21,0),MOD($C2433,24)+1)/SUM(INDEX($D$3:$AA$30,INDEX(Jesper!$R$2:$R$366,ROW(INDEX(Jesper!AK$2:AK$366,ROUNDDOWN($C2433/24,0)+1,1))-1)+IF('Standard Profiles'!$G$21=$B$10,7,0)+IF('Standard Profiles'!$G$21=$B$17,14,0)+IF('Standard Profiles'!$G$21=$B$24,21,0),0)),0)</f>
        <v>3.4052599843625768</v>
      </c>
      <c r="H2433" cm="1">
        <f t="array" ref="H2433">IFERROR(INDEX(Jesper!AL$2:AL$366,ROUNDDOWN($C2433/24,0)+1,1)*INDEX($D$3:$AA$30,INDEX(Jesper!$R$2:$R$366,ROW(INDEX(Jesper!AL$2:AL$366,ROUNDDOWN($C2433/24,0)+1,1))-1)+IF('Standard Profiles'!$G$22=$B$10,7,0)+IF('Standard Profiles'!$G$22=$B$17,14,0)+IF('Standard Profiles'!$G$22=$B$24,21,0),MOD($C2433,24)+1)/SUM(INDEX($D$3:$AA$30,INDEX(Jesper!$R$2:$R$366,ROW(INDEX(Jesper!AL$2:AL$366,ROUNDDOWN($C2433/24,0)+1,1))-1)+IF('Standard Profiles'!$G$22=$B$10,7,0)+IF('Standard Profiles'!$G$22=$B$17,14,0)+IF('Standard Profiles'!$G$22=$B$24,21,0),0)),0)</f>
        <v>0</v>
      </c>
      <c r="I2433">
        <f t="shared" si="279"/>
        <v>1.634524792494036</v>
      </c>
      <c r="J2433">
        <f t="shared" si="280"/>
        <v>11.757603620198699</v>
      </c>
      <c r="K2433">
        <f t="shared" si="281"/>
        <v>0.62703109963538739</v>
      </c>
      <c r="L2433">
        <f t="shared" si="282"/>
        <v>0.3135155498176937</v>
      </c>
      <c r="M2433">
        <f t="shared" si="283"/>
        <v>0</v>
      </c>
      <c r="N2433" s="45">
        <f t="shared" si="284"/>
        <v>45026.958333327515</v>
      </c>
    </row>
    <row r="2434" spans="2:14" x14ac:dyDescent="0.25">
      <c r="B2434">
        <f t="shared" si="278"/>
        <v>2</v>
      </c>
      <c r="C2434" s="16">
        <v>2400</v>
      </c>
      <c r="D2434" cm="1">
        <f t="array" ref="D2434">IFERROR(INDEX(Jesper!AH$2:AH$366,ROUNDDOWN($C2434/24,0)+1,1)*INDEX($D$3:$AA$30,INDEX(Jesper!$R$2:$R$366,ROW(INDEX(Jesper!AH$2:AH$366,ROUNDDOWN($C2434/24,0)+1,1))-1)+IF('Standard Profiles'!$G$18=$B$10,7,0)+IF('Standard Profiles'!$G$18=$B$17,14,0)+IF('Standard Profiles'!$G$18=$B$24,21,0),MOD($C2434,24)+1)/SUM(INDEX($D$3:$AA$30,INDEX(Jesper!$R$2:$R$366,ROW(INDEX(Jesper!AH$2:AH$366,ROUNDDOWN($C2434/24,0)+1,1))-1)+IF('Standard Profiles'!$G$18=$B$10,7,0)+IF('Standard Profiles'!$G$18=$B$17,14,0)+IF('Standard Profiles'!$G$18=$B$24,21,0),0)),0)</f>
        <v>3.781945845845708</v>
      </c>
      <c r="E2434" cm="1">
        <f t="array" ref="E2434">IFERROR(INDEX(Jesper!AI$2:AI$366,ROUNDDOWN($C2434/24,0)+1,1)*INDEX($D$3:$AA$30,INDEX(Jesper!$R$2:$R$366,ROW(INDEX(Jesper!AI$2:AI$366,ROUNDDOWN($C2434/24,0)+1,1))-1)+IF('Standard Profiles'!$G$19=$B$10,7,0)+IF('Standard Profiles'!$G$19=$B$17,14,0)+IF('Standard Profiles'!$G$19=$B$24,21,0),MOD($C2434,24)+1)/SUM(INDEX($D$3:$AA$30,INDEX(Jesper!$R$2:$R$366,ROW(INDEX(Jesper!AI$2:AI$366,ROUNDDOWN($C2434/24,0)+1,1))-1)+IF('Standard Profiles'!$G$19=$B$10,7,0)+IF('Standard Profiles'!$G$19=$B$17,14,0)+IF('Standard Profiles'!$G$19=$B$24,21,0),0)),0)</f>
        <v>3.5283788072139823</v>
      </c>
      <c r="F2434" cm="1">
        <f t="array" ref="F2434">IFERROR(INDEX(Jesper!AJ$2:AJ$366,ROUNDDOWN($C2434/24,0)+1,1)*INDEX($D$3:$AA$30,INDEX(Jesper!$R$2:$R$366,ROW(INDEX(Jesper!AJ$2:AJ$366,ROUNDDOWN($C2434/24,0)+1,1))-1)+IF('Standard Profiles'!$G$20=$B$10,7,0)+IF('Standard Profiles'!$G$20=$B$17,14,0)+IF('Standard Profiles'!$G$20=$B$24,21,0),MOD($C2434,24)+1)/SUM(INDEX($D$3:$AA$30,INDEX(Jesper!$R$2:$R$366,ROW(INDEX(Jesper!AJ$2:AJ$366,ROUNDDOWN($C2434/24,0)+1,1))-1)+IF('Standard Profiles'!$G$20=$B$10,7,0)+IF('Standard Profiles'!$G$20=$B$17,14,0)+IF('Standard Profiles'!$G$20=$B$24,21,0),0)),0)</f>
        <v>0</v>
      </c>
      <c r="G2434" cm="1">
        <f t="array" ref="G2434">IFERROR(INDEX(Jesper!AK$2:AK$366,ROUNDDOWN($C2434/24,0)+1,1)*INDEX($D$3:$AA$30,INDEX(Jesper!$R$2:$R$366,ROW(INDEX(Jesper!AK$2:AK$366,ROUNDDOWN($C2434/24,0)+1,1))-1)+IF('Standard Profiles'!$G$21=$B$10,7,0)+IF('Standard Profiles'!$G$21=$B$17,14,0)+IF('Standard Profiles'!$G$21=$B$24,21,0),MOD($C2434,24)+1)/SUM(INDEX($D$3:$AA$30,INDEX(Jesper!$R$2:$R$366,ROW(INDEX(Jesper!AK$2:AK$366,ROUNDDOWN($C2434/24,0)+1,1))-1)+IF('Standard Profiles'!$G$21=$B$10,7,0)+IF('Standard Profiles'!$G$21=$B$17,14,0)+IF('Standard Profiles'!$G$21=$B$24,21,0),0)),0)</f>
        <v>4.4134341775218422</v>
      </c>
      <c r="H2434" cm="1">
        <f t="array" ref="H2434">IFERROR(INDEX(Jesper!AL$2:AL$366,ROUNDDOWN($C2434/24,0)+1,1)*INDEX($D$3:$AA$30,INDEX(Jesper!$R$2:$R$366,ROW(INDEX(Jesper!AL$2:AL$366,ROUNDDOWN($C2434/24,0)+1,1))-1)+IF('Standard Profiles'!$G$22=$B$10,7,0)+IF('Standard Profiles'!$G$22=$B$17,14,0)+IF('Standard Profiles'!$G$22=$B$24,21,0),MOD($C2434,24)+1)/SUM(INDEX($D$3:$AA$30,INDEX(Jesper!$R$2:$R$366,ROW(INDEX(Jesper!AL$2:AL$366,ROUNDDOWN($C2434/24,0)+1,1))-1)+IF('Standard Profiles'!$G$22=$B$10,7,0)+IF('Standard Profiles'!$G$22=$B$17,14,0)+IF('Standard Profiles'!$G$22=$B$24,21,0),0)),0)</f>
        <v>0</v>
      </c>
      <c r="I2434">
        <f t="shared" si="279"/>
        <v>2.1184484052104833</v>
      </c>
      <c r="J2434">
        <f t="shared" si="280"/>
        <v>9.0001990900357356</v>
      </c>
      <c r="K2434">
        <f t="shared" si="281"/>
        <v>0.40340755689020891</v>
      </c>
      <c r="L2434">
        <f t="shared" si="282"/>
        <v>0.20170377844510445</v>
      </c>
      <c r="M2434">
        <f t="shared" si="283"/>
        <v>0</v>
      </c>
      <c r="N2434" s="45">
        <f t="shared" si="284"/>
        <v>45026.999999994179</v>
      </c>
    </row>
    <row r="2435" spans="2:14" x14ac:dyDescent="0.25">
      <c r="B2435">
        <f t="shared" si="278"/>
        <v>2</v>
      </c>
      <c r="C2435" s="16">
        <v>2401</v>
      </c>
      <c r="D2435" cm="1">
        <f t="array" ref="D2435">IFERROR(INDEX(Jesper!AH$2:AH$366,ROUNDDOWN($C2435/24,0)+1,1)*INDEX($D$3:$AA$30,INDEX(Jesper!$R$2:$R$366,ROW(INDEX(Jesper!AH$2:AH$366,ROUNDDOWN($C2435/24,0)+1,1))-1)+IF('Standard Profiles'!$G$18=$B$10,7,0)+IF('Standard Profiles'!$G$18=$B$17,14,0)+IF('Standard Profiles'!$G$18=$B$24,21,0),MOD($C2435,24)+1)/SUM(INDEX($D$3:$AA$30,INDEX(Jesper!$R$2:$R$366,ROW(INDEX(Jesper!AH$2:AH$366,ROUNDDOWN($C2435/24,0)+1,1))-1)+IF('Standard Profiles'!$G$18=$B$10,7,0)+IF('Standard Profiles'!$G$18=$B$17,14,0)+IF('Standard Profiles'!$G$18=$B$24,21,0),0)),0)</f>
        <v>5.7629650984315557</v>
      </c>
      <c r="E2435" cm="1">
        <f t="array" ref="E2435">IFERROR(INDEX(Jesper!AI$2:AI$366,ROUNDDOWN($C2435/24,0)+1,1)*INDEX($D$3:$AA$30,INDEX(Jesper!$R$2:$R$366,ROW(INDEX(Jesper!AI$2:AI$366,ROUNDDOWN($C2435/24,0)+1,1))-1)+IF('Standard Profiles'!$G$19=$B$10,7,0)+IF('Standard Profiles'!$G$19=$B$17,14,0)+IF('Standard Profiles'!$G$19=$B$24,21,0),MOD($C2435,24)+1)/SUM(INDEX($D$3:$AA$30,INDEX(Jesper!$R$2:$R$366,ROW(INDEX(Jesper!AI$2:AI$366,ROUNDDOWN($C2435/24,0)+1,1))-1)+IF('Standard Profiles'!$G$19=$B$10,7,0)+IF('Standard Profiles'!$G$19=$B$17,14,0)+IF('Standard Profiles'!$G$19=$B$24,21,0),0)),0)</f>
        <v>5.3765772300403549</v>
      </c>
      <c r="F2435" cm="1">
        <f t="array" ref="F2435">IFERROR(INDEX(Jesper!AJ$2:AJ$366,ROUNDDOWN($C2435/24,0)+1,1)*INDEX($D$3:$AA$30,INDEX(Jesper!$R$2:$R$366,ROW(INDEX(Jesper!AJ$2:AJ$366,ROUNDDOWN($C2435/24,0)+1,1))-1)+IF('Standard Profiles'!$G$20=$B$10,7,0)+IF('Standard Profiles'!$G$20=$B$17,14,0)+IF('Standard Profiles'!$G$20=$B$24,21,0),MOD($C2435,24)+1)/SUM(INDEX($D$3:$AA$30,INDEX(Jesper!$R$2:$R$366,ROW(INDEX(Jesper!AJ$2:AJ$366,ROUNDDOWN($C2435/24,0)+1,1))-1)+IF('Standard Profiles'!$G$20=$B$10,7,0)+IF('Standard Profiles'!$G$20=$B$17,14,0)+IF('Standard Profiles'!$G$20=$B$24,21,0),0)),0)</f>
        <v>0</v>
      </c>
      <c r="G2435" cm="1">
        <f t="array" ref="G2435">IFERROR(INDEX(Jesper!AK$2:AK$366,ROUNDDOWN($C2435/24,0)+1,1)*INDEX($D$3:$AA$30,INDEX(Jesper!$R$2:$R$366,ROW(INDEX(Jesper!AK$2:AK$366,ROUNDDOWN($C2435/24,0)+1,1))-1)+IF('Standard Profiles'!$G$21=$B$10,7,0)+IF('Standard Profiles'!$G$21=$B$17,14,0)+IF('Standard Profiles'!$G$21=$B$24,21,0),MOD($C2435,24)+1)/SUM(INDEX($D$3:$AA$30,INDEX(Jesper!$R$2:$R$366,ROW(INDEX(Jesper!AK$2:AK$366,ROUNDDOWN($C2435/24,0)+1,1))-1)+IF('Standard Profiles'!$G$21=$B$10,7,0)+IF('Standard Profiles'!$G$21=$B$17,14,0)+IF('Standard Profiles'!$G$21=$B$24,21,0),0)),0)</f>
        <v>4.4134341775218422</v>
      </c>
      <c r="H2435" cm="1">
        <f t="array" ref="H2435">IFERROR(INDEX(Jesper!AL$2:AL$366,ROUNDDOWN($C2435/24,0)+1,1)*INDEX($D$3:$AA$30,INDEX(Jesper!$R$2:$R$366,ROW(INDEX(Jesper!AL$2:AL$366,ROUNDDOWN($C2435/24,0)+1,1))-1)+IF('Standard Profiles'!$G$22=$B$10,7,0)+IF('Standard Profiles'!$G$22=$B$17,14,0)+IF('Standard Profiles'!$G$22=$B$24,21,0),MOD($C2435,24)+1)/SUM(INDEX($D$3:$AA$30,INDEX(Jesper!$R$2:$R$366,ROW(INDEX(Jesper!AL$2:AL$366,ROUNDDOWN($C2435/24,0)+1,1))-1)+IF('Standard Profiles'!$G$22=$B$10,7,0)+IF('Standard Profiles'!$G$22=$B$17,14,0)+IF('Standard Profiles'!$G$22=$B$24,21,0),0)),0)</f>
        <v>0</v>
      </c>
      <c r="I2435">
        <f t="shared" si="279"/>
        <v>2.1184484052104833</v>
      </c>
      <c r="J2435">
        <f t="shared" si="280"/>
        <v>12.51245368503422</v>
      </c>
      <c r="K2435">
        <f t="shared" si="281"/>
        <v>0.61471627716603261</v>
      </c>
      <c r="L2435">
        <f t="shared" si="282"/>
        <v>0.3073581385830163</v>
      </c>
      <c r="M2435">
        <f t="shared" si="283"/>
        <v>0</v>
      </c>
      <c r="N2435" s="45">
        <f t="shared" si="284"/>
        <v>45027.041666660843</v>
      </c>
    </row>
    <row r="2436" spans="2:14" x14ac:dyDescent="0.25">
      <c r="B2436">
        <f t="shared" si="278"/>
        <v>2</v>
      </c>
      <c r="C2436" s="16">
        <v>2402</v>
      </c>
      <c r="D2436" cm="1">
        <f t="array" ref="D2436">IFERROR(INDEX(Jesper!AH$2:AH$366,ROUNDDOWN($C2436/24,0)+1,1)*INDEX($D$3:$AA$30,INDEX(Jesper!$R$2:$R$366,ROW(INDEX(Jesper!AH$2:AH$366,ROUNDDOWN($C2436/24,0)+1,1))-1)+IF('Standard Profiles'!$G$18=$B$10,7,0)+IF('Standard Profiles'!$G$18=$B$17,14,0)+IF('Standard Profiles'!$G$18=$B$24,21,0),MOD($C2436,24)+1)/SUM(INDEX($D$3:$AA$30,INDEX(Jesper!$R$2:$R$366,ROW(INDEX(Jesper!AH$2:AH$366,ROUNDDOWN($C2436/24,0)+1,1))-1)+IF('Standard Profiles'!$G$18=$B$10,7,0)+IF('Standard Profiles'!$G$18=$B$17,14,0)+IF('Standard Profiles'!$G$18=$B$24,21,0),0)),0)</f>
        <v>5.7629650984315557</v>
      </c>
      <c r="E2436" cm="1">
        <f t="array" ref="E2436">IFERROR(INDEX(Jesper!AI$2:AI$366,ROUNDDOWN($C2436/24,0)+1,1)*INDEX($D$3:$AA$30,INDEX(Jesper!$R$2:$R$366,ROW(INDEX(Jesper!AI$2:AI$366,ROUNDDOWN($C2436/24,0)+1,1))-1)+IF('Standard Profiles'!$G$19=$B$10,7,0)+IF('Standard Profiles'!$G$19=$B$17,14,0)+IF('Standard Profiles'!$G$19=$B$24,21,0),MOD($C2436,24)+1)/SUM(INDEX($D$3:$AA$30,INDEX(Jesper!$R$2:$R$366,ROW(INDEX(Jesper!AI$2:AI$366,ROUNDDOWN($C2436/24,0)+1,1))-1)+IF('Standard Profiles'!$G$19=$B$10,7,0)+IF('Standard Profiles'!$G$19=$B$17,14,0)+IF('Standard Profiles'!$G$19=$B$24,21,0),0)),0)</f>
        <v>5.3765772300403549</v>
      </c>
      <c r="F2436" cm="1">
        <f t="array" ref="F2436">IFERROR(INDEX(Jesper!AJ$2:AJ$366,ROUNDDOWN($C2436/24,0)+1,1)*INDEX($D$3:$AA$30,INDEX(Jesper!$R$2:$R$366,ROW(INDEX(Jesper!AJ$2:AJ$366,ROUNDDOWN($C2436/24,0)+1,1))-1)+IF('Standard Profiles'!$G$20=$B$10,7,0)+IF('Standard Profiles'!$G$20=$B$17,14,0)+IF('Standard Profiles'!$G$20=$B$24,21,0),MOD($C2436,24)+1)/SUM(INDEX($D$3:$AA$30,INDEX(Jesper!$R$2:$R$366,ROW(INDEX(Jesper!AJ$2:AJ$366,ROUNDDOWN($C2436/24,0)+1,1))-1)+IF('Standard Profiles'!$G$20=$B$10,7,0)+IF('Standard Profiles'!$G$20=$B$17,14,0)+IF('Standard Profiles'!$G$20=$B$24,21,0),0)),0)</f>
        <v>0</v>
      </c>
      <c r="G2436" cm="1">
        <f t="array" ref="G2436">IFERROR(INDEX(Jesper!AK$2:AK$366,ROUNDDOWN($C2436/24,0)+1,1)*INDEX($D$3:$AA$30,INDEX(Jesper!$R$2:$R$366,ROW(INDEX(Jesper!AK$2:AK$366,ROUNDDOWN($C2436/24,0)+1,1))-1)+IF('Standard Profiles'!$G$21=$B$10,7,0)+IF('Standard Profiles'!$G$21=$B$17,14,0)+IF('Standard Profiles'!$G$21=$B$24,21,0),MOD($C2436,24)+1)/SUM(INDEX($D$3:$AA$30,INDEX(Jesper!$R$2:$R$366,ROW(INDEX(Jesper!AK$2:AK$366,ROUNDDOWN($C2436/24,0)+1,1))-1)+IF('Standard Profiles'!$G$21=$B$10,7,0)+IF('Standard Profiles'!$G$21=$B$17,14,0)+IF('Standard Profiles'!$G$21=$B$24,21,0),0)),0)</f>
        <v>4.4134341775218422</v>
      </c>
      <c r="H2436" cm="1">
        <f t="array" ref="H2436">IFERROR(INDEX(Jesper!AL$2:AL$366,ROUNDDOWN($C2436/24,0)+1,1)*INDEX($D$3:$AA$30,INDEX(Jesper!$R$2:$R$366,ROW(INDEX(Jesper!AL$2:AL$366,ROUNDDOWN($C2436/24,0)+1,1))-1)+IF('Standard Profiles'!$G$22=$B$10,7,0)+IF('Standard Profiles'!$G$22=$B$17,14,0)+IF('Standard Profiles'!$G$22=$B$24,21,0),MOD($C2436,24)+1)/SUM(INDEX($D$3:$AA$30,INDEX(Jesper!$R$2:$R$366,ROW(INDEX(Jesper!AL$2:AL$366,ROUNDDOWN($C2436/24,0)+1,1))-1)+IF('Standard Profiles'!$G$22=$B$10,7,0)+IF('Standard Profiles'!$G$22=$B$17,14,0)+IF('Standard Profiles'!$G$22=$B$24,21,0),0)),0)</f>
        <v>0</v>
      </c>
      <c r="I2436">
        <f t="shared" si="279"/>
        <v>2.1184484052104833</v>
      </c>
      <c r="J2436">
        <f t="shared" si="280"/>
        <v>12.51245368503422</v>
      </c>
      <c r="K2436">
        <f t="shared" si="281"/>
        <v>0.61471627716603261</v>
      </c>
      <c r="L2436">
        <f t="shared" si="282"/>
        <v>0.3073581385830163</v>
      </c>
      <c r="M2436">
        <f t="shared" si="283"/>
        <v>0</v>
      </c>
      <c r="N2436" s="45">
        <f t="shared" si="284"/>
        <v>45027.083333327508</v>
      </c>
    </row>
    <row r="2437" spans="2:14" x14ac:dyDescent="0.25">
      <c r="B2437">
        <f t="shared" si="278"/>
        <v>2</v>
      </c>
      <c r="C2437" s="16">
        <v>2403</v>
      </c>
      <c r="D2437" cm="1">
        <f t="array" ref="D2437">IFERROR(INDEX(Jesper!AH$2:AH$366,ROUNDDOWN($C2437/24,0)+1,1)*INDEX($D$3:$AA$30,INDEX(Jesper!$R$2:$R$366,ROW(INDEX(Jesper!AH$2:AH$366,ROUNDDOWN($C2437/24,0)+1,1))-1)+IF('Standard Profiles'!$G$18=$B$10,7,0)+IF('Standard Profiles'!$G$18=$B$17,14,0)+IF('Standard Profiles'!$G$18=$B$24,21,0),MOD($C2437,24)+1)/SUM(INDEX($D$3:$AA$30,INDEX(Jesper!$R$2:$R$366,ROW(INDEX(Jesper!AH$2:AH$366,ROUNDDOWN($C2437/24,0)+1,1))-1)+IF('Standard Profiles'!$G$18=$B$10,7,0)+IF('Standard Profiles'!$G$18=$B$17,14,0)+IF('Standard Profiles'!$G$18=$B$24,21,0),0)),0)</f>
        <v>5.7629650984315557</v>
      </c>
      <c r="E2437" cm="1">
        <f t="array" ref="E2437">IFERROR(INDEX(Jesper!AI$2:AI$366,ROUNDDOWN($C2437/24,0)+1,1)*INDEX($D$3:$AA$30,INDEX(Jesper!$R$2:$R$366,ROW(INDEX(Jesper!AI$2:AI$366,ROUNDDOWN($C2437/24,0)+1,1))-1)+IF('Standard Profiles'!$G$19=$B$10,7,0)+IF('Standard Profiles'!$G$19=$B$17,14,0)+IF('Standard Profiles'!$G$19=$B$24,21,0),MOD($C2437,24)+1)/SUM(INDEX($D$3:$AA$30,INDEX(Jesper!$R$2:$R$366,ROW(INDEX(Jesper!AI$2:AI$366,ROUNDDOWN($C2437/24,0)+1,1))-1)+IF('Standard Profiles'!$G$19=$B$10,7,0)+IF('Standard Profiles'!$G$19=$B$17,14,0)+IF('Standard Profiles'!$G$19=$B$24,21,0),0)),0)</f>
        <v>5.3765772300403549</v>
      </c>
      <c r="F2437" cm="1">
        <f t="array" ref="F2437">IFERROR(INDEX(Jesper!AJ$2:AJ$366,ROUNDDOWN($C2437/24,0)+1,1)*INDEX($D$3:$AA$30,INDEX(Jesper!$R$2:$R$366,ROW(INDEX(Jesper!AJ$2:AJ$366,ROUNDDOWN($C2437/24,0)+1,1))-1)+IF('Standard Profiles'!$G$20=$B$10,7,0)+IF('Standard Profiles'!$G$20=$B$17,14,0)+IF('Standard Profiles'!$G$20=$B$24,21,0),MOD($C2437,24)+1)/SUM(INDEX($D$3:$AA$30,INDEX(Jesper!$R$2:$R$366,ROW(INDEX(Jesper!AJ$2:AJ$366,ROUNDDOWN($C2437/24,0)+1,1))-1)+IF('Standard Profiles'!$G$20=$B$10,7,0)+IF('Standard Profiles'!$G$20=$B$17,14,0)+IF('Standard Profiles'!$G$20=$B$24,21,0),0)),0)</f>
        <v>0</v>
      </c>
      <c r="G2437" cm="1">
        <f t="array" ref="G2437">IFERROR(INDEX(Jesper!AK$2:AK$366,ROUNDDOWN($C2437/24,0)+1,1)*INDEX($D$3:$AA$30,INDEX(Jesper!$R$2:$R$366,ROW(INDEX(Jesper!AK$2:AK$366,ROUNDDOWN($C2437/24,0)+1,1))-1)+IF('Standard Profiles'!$G$21=$B$10,7,0)+IF('Standard Profiles'!$G$21=$B$17,14,0)+IF('Standard Profiles'!$G$21=$B$24,21,0),MOD($C2437,24)+1)/SUM(INDEX($D$3:$AA$30,INDEX(Jesper!$R$2:$R$366,ROW(INDEX(Jesper!AK$2:AK$366,ROUNDDOWN($C2437/24,0)+1,1))-1)+IF('Standard Profiles'!$G$21=$B$10,7,0)+IF('Standard Profiles'!$G$21=$B$17,14,0)+IF('Standard Profiles'!$G$21=$B$24,21,0),0)),0)</f>
        <v>4.4134341775218422</v>
      </c>
      <c r="H2437" cm="1">
        <f t="array" ref="H2437">IFERROR(INDEX(Jesper!AL$2:AL$366,ROUNDDOWN($C2437/24,0)+1,1)*INDEX($D$3:$AA$30,INDEX(Jesper!$R$2:$R$366,ROW(INDEX(Jesper!AL$2:AL$366,ROUNDDOWN($C2437/24,0)+1,1))-1)+IF('Standard Profiles'!$G$22=$B$10,7,0)+IF('Standard Profiles'!$G$22=$B$17,14,0)+IF('Standard Profiles'!$G$22=$B$24,21,0),MOD($C2437,24)+1)/SUM(INDEX($D$3:$AA$30,INDEX(Jesper!$R$2:$R$366,ROW(INDEX(Jesper!AL$2:AL$366,ROUNDDOWN($C2437/24,0)+1,1))-1)+IF('Standard Profiles'!$G$22=$B$10,7,0)+IF('Standard Profiles'!$G$22=$B$17,14,0)+IF('Standard Profiles'!$G$22=$B$24,21,0),0)),0)</f>
        <v>0</v>
      </c>
      <c r="I2437">
        <f t="shared" si="279"/>
        <v>2.1184484052104833</v>
      </c>
      <c r="J2437">
        <f t="shared" si="280"/>
        <v>12.51245368503422</v>
      </c>
      <c r="K2437">
        <f t="shared" si="281"/>
        <v>0.61471627716603261</v>
      </c>
      <c r="L2437">
        <f t="shared" si="282"/>
        <v>0.3073581385830163</v>
      </c>
      <c r="M2437">
        <f t="shared" si="283"/>
        <v>0</v>
      </c>
      <c r="N2437" s="45">
        <f t="shared" si="284"/>
        <v>45027.124999994172</v>
      </c>
    </row>
    <row r="2438" spans="2:14" x14ac:dyDescent="0.25">
      <c r="B2438">
        <f t="shared" si="278"/>
        <v>2</v>
      </c>
      <c r="C2438" s="16">
        <v>2404</v>
      </c>
      <c r="D2438" cm="1">
        <f t="array" ref="D2438">IFERROR(INDEX(Jesper!AH$2:AH$366,ROUNDDOWN($C2438/24,0)+1,1)*INDEX($D$3:$AA$30,INDEX(Jesper!$R$2:$R$366,ROW(INDEX(Jesper!AH$2:AH$366,ROUNDDOWN($C2438/24,0)+1,1))-1)+IF('Standard Profiles'!$G$18=$B$10,7,0)+IF('Standard Profiles'!$G$18=$B$17,14,0)+IF('Standard Profiles'!$G$18=$B$24,21,0),MOD($C2438,24)+1)/SUM(INDEX($D$3:$AA$30,INDEX(Jesper!$R$2:$R$366,ROW(INDEX(Jesper!AH$2:AH$366,ROUNDDOWN($C2438/24,0)+1,1))-1)+IF('Standard Profiles'!$G$18=$B$10,7,0)+IF('Standard Profiles'!$G$18=$B$17,14,0)+IF('Standard Profiles'!$G$18=$B$24,21,0),0)),0)</f>
        <v>5.7629650984315557</v>
      </c>
      <c r="E2438" cm="1">
        <f t="array" ref="E2438">IFERROR(INDEX(Jesper!AI$2:AI$366,ROUNDDOWN($C2438/24,0)+1,1)*INDEX($D$3:$AA$30,INDEX(Jesper!$R$2:$R$366,ROW(INDEX(Jesper!AI$2:AI$366,ROUNDDOWN($C2438/24,0)+1,1))-1)+IF('Standard Profiles'!$G$19=$B$10,7,0)+IF('Standard Profiles'!$G$19=$B$17,14,0)+IF('Standard Profiles'!$G$19=$B$24,21,0),MOD($C2438,24)+1)/SUM(INDEX($D$3:$AA$30,INDEX(Jesper!$R$2:$R$366,ROW(INDEX(Jesper!AI$2:AI$366,ROUNDDOWN($C2438/24,0)+1,1))-1)+IF('Standard Profiles'!$G$19=$B$10,7,0)+IF('Standard Profiles'!$G$19=$B$17,14,0)+IF('Standard Profiles'!$G$19=$B$24,21,0),0)),0)</f>
        <v>5.3765772300403549</v>
      </c>
      <c r="F2438" cm="1">
        <f t="array" ref="F2438">IFERROR(INDEX(Jesper!AJ$2:AJ$366,ROUNDDOWN($C2438/24,0)+1,1)*INDEX($D$3:$AA$30,INDEX(Jesper!$R$2:$R$366,ROW(INDEX(Jesper!AJ$2:AJ$366,ROUNDDOWN($C2438/24,0)+1,1))-1)+IF('Standard Profiles'!$G$20=$B$10,7,0)+IF('Standard Profiles'!$G$20=$B$17,14,0)+IF('Standard Profiles'!$G$20=$B$24,21,0),MOD($C2438,24)+1)/SUM(INDEX($D$3:$AA$30,INDEX(Jesper!$R$2:$R$366,ROW(INDEX(Jesper!AJ$2:AJ$366,ROUNDDOWN($C2438/24,0)+1,1))-1)+IF('Standard Profiles'!$G$20=$B$10,7,0)+IF('Standard Profiles'!$G$20=$B$17,14,0)+IF('Standard Profiles'!$G$20=$B$24,21,0),0)),0)</f>
        <v>0</v>
      </c>
      <c r="G2438" cm="1">
        <f t="array" ref="G2438">IFERROR(INDEX(Jesper!AK$2:AK$366,ROUNDDOWN($C2438/24,0)+1,1)*INDEX($D$3:$AA$30,INDEX(Jesper!$R$2:$R$366,ROW(INDEX(Jesper!AK$2:AK$366,ROUNDDOWN($C2438/24,0)+1,1))-1)+IF('Standard Profiles'!$G$21=$B$10,7,0)+IF('Standard Profiles'!$G$21=$B$17,14,0)+IF('Standard Profiles'!$G$21=$B$24,21,0),MOD($C2438,24)+1)/SUM(INDEX($D$3:$AA$30,INDEX(Jesper!$R$2:$R$366,ROW(INDEX(Jesper!AK$2:AK$366,ROUNDDOWN($C2438/24,0)+1,1))-1)+IF('Standard Profiles'!$G$21=$B$10,7,0)+IF('Standard Profiles'!$G$21=$B$17,14,0)+IF('Standard Profiles'!$G$21=$B$24,21,0),0)),0)</f>
        <v>4.4134341775218422</v>
      </c>
      <c r="H2438" cm="1">
        <f t="array" ref="H2438">IFERROR(INDEX(Jesper!AL$2:AL$366,ROUNDDOWN($C2438/24,0)+1,1)*INDEX($D$3:$AA$30,INDEX(Jesper!$R$2:$R$366,ROW(INDEX(Jesper!AL$2:AL$366,ROUNDDOWN($C2438/24,0)+1,1))-1)+IF('Standard Profiles'!$G$22=$B$10,7,0)+IF('Standard Profiles'!$G$22=$B$17,14,0)+IF('Standard Profiles'!$G$22=$B$24,21,0),MOD($C2438,24)+1)/SUM(INDEX($D$3:$AA$30,INDEX(Jesper!$R$2:$R$366,ROW(INDEX(Jesper!AL$2:AL$366,ROUNDDOWN($C2438/24,0)+1,1))-1)+IF('Standard Profiles'!$G$22=$B$10,7,0)+IF('Standard Profiles'!$G$22=$B$17,14,0)+IF('Standard Profiles'!$G$22=$B$24,21,0),0)),0)</f>
        <v>0</v>
      </c>
      <c r="I2438">
        <f t="shared" si="279"/>
        <v>2.1184484052104833</v>
      </c>
      <c r="J2438">
        <f t="shared" si="280"/>
        <v>12.51245368503422</v>
      </c>
      <c r="K2438">
        <f t="shared" si="281"/>
        <v>0.61471627716603261</v>
      </c>
      <c r="L2438">
        <f t="shared" si="282"/>
        <v>0.3073581385830163</v>
      </c>
      <c r="M2438">
        <f t="shared" si="283"/>
        <v>0</v>
      </c>
      <c r="N2438" s="45">
        <f t="shared" si="284"/>
        <v>45027.166666660836</v>
      </c>
    </row>
    <row r="2439" spans="2:14" x14ac:dyDescent="0.25">
      <c r="B2439">
        <f t="shared" si="278"/>
        <v>2</v>
      </c>
      <c r="C2439" s="16">
        <v>2405</v>
      </c>
      <c r="D2439" cm="1">
        <f t="array" ref="D2439">IFERROR(INDEX(Jesper!AH$2:AH$366,ROUNDDOWN($C2439/24,0)+1,1)*INDEX($D$3:$AA$30,INDEX(Jesper!$R$2:$R$366,ROW(INDEX(Jesper!AH$2:AH$366,ROUNDDOWN($C2439/24,0)+1,1))-1)+IF('Standard Profiles'!$G$18=$B$10,7,0)+IF('Standard Profiles'!$G$18=$B$17,14,0)+IF('Standard Profiles'!$G$18=$B$24,21,0),MOD($C2439,24)+1)/SUM(INDEX($D$3:$AA$30,INDEX(Jesper!$R$2:$R$366,ROW(INDEX(Jesper!AH$2:AH$366,ROUNDDOWN($C2439/24,0)+1,1))-1)+IF('Standard Profiles'!$G$18=$B$10,7,0)+IF('Standard Profiles'!$G$18=$B$17,14,0)+IF('Standard Profiles'!$G$18=$B$24,21,0),0)),0)</f>
        <v>5.7629650984315557</v>
      </c>
      <c r="E2439" cm="1">
        <f t="array" ref="E2439">IFERROR(INDEX(Jesper!AI$2:AI$366,ROUNDDOWN($C2439/24,0)+1,1)*INDEX($D$3:$AA$30,INDEX(Jesper!$R$2:$R$366,ROW(INDEX(Jesper!AI$2:AI$366,ROUNDDOWN($C2439/24,0)+1,1))-1)+IF('Standard Profiles'!$G$19=$B$10,7,0)+IF('Standard Profiles'!$G$19=$B$17,14,0)+IF('Standard Profiles'!$G$19=$B$24,21,0),MOD($C2439,24)+1)/SUM(INDEX($D$3:$AA$30,INDEX(Jesper!$R$2:$R$366,ROW(INDEX(Jesper!AI$2:AI$366,ROUNDDOWN($C2439/24,0)+1,1))-1)+IF('Standard Profiles'!$G$19=$B$10,7,0)+IF('Standard Profiles'!$G$19=$B$17,14,0)+IF('Standard Profiles'!$G$19=$B$24,21,0),0)),0)</f>
        <v>5.3765772300403549</v>
      </c>
      <c r="F2439" cm="1">
        <f t="array" ref="F2439">IFERROR(INDEX(Jesper!AJ$2:AJ$366,ROUNDDOWN($C2439/24,0)+1,1)*INDEX($D$3:$AA$30,INDEX(Jesper!$R$2:$R$366,ROW(INDEX(Jesper!AJ$2:AJ$366,ROUNDDOWN($C2439/24,0)+1,1))-1)+IF('Standard Profiles'!$G$20=$B$10,7,0)+IF('Standard Profiles'!$G$20=$B$17,14,0)+IF('Standard Profiles'!$G$20=$B$24,21,0),MOD($C2439,24)+1)/SUM(INDEX($D$3:$AA$30,INDEX(Jesper!$R$2:$R$366,ROW(INDEX(Jesper!AJ$2:AJ$366,ROUNDDOWN($C2439/24,0)+1,1))-1)+IF('Standard Profiles'!$G$20=$B$10,7,0)+IF('Standard Profiles'!$G$20=$B$17,14,0)+IF('Standard Profiles'!$G$20=$B$24,21,0),0)),0)</f>
        <v>0</v>
      </c>
      <c r="G2439" cm="1">
        <f t="array" ref="G2439">IFERROR(INDEX(Jesper!AK$2:AK$366,ROUNDDOWN($C2439/24,0)+1,1)*INDEX($D$3:$AA$30,INDEX(Jesper!$R$2:$R$366,ROW(INDEX(Jesper!AK$2:AK$366,ROUNDDOWN($C2439/24,0)+1,1))-1)+IF('Standard Profiles'!$G$21=$B$10,7,0)+IF('Standard Profiles'!$G$21=$B$17,14,0)+IF('Standard Profiles'!$G$21=$B$24,21,0),MOD($C2439,24)+1)/SUM(INDEX($D$3:$AA$30,INDEX(Jesper!$R$2:$R$366,ROW(INDEX(Jesper!AK$2:AK$366,ROUNDDOWN($C2439/24,0)+1,1))-1)+IF('Standard Profiles'!$G$21=$B$10,7,0)+IF('Standard Profiles'!$G$21=$B$17,14,0)+IF('Standard Profiles'!$G$21=$B$24,21,0),0)),0)</f>
        <v>4.4134341775218422</v>
      </c>
      <c r="H2439" cm="1">
        <f t="array" ref="H2439">IFERROR(INDEX(Jesper!AL$2:AL$366,ROUNDDOWN($C2439/24,0)+1,1)*INDEX($D$3:$AA$30,INDEX(Jesper!$R$2:$R$366,ROW(INDEX(Jesper!AL$2:AL$366,ROUNDDOWN($C2439/24,0)+1,1))-1)+IF('Standard Profiles'!$G$22=$B$10,7,0)+IF('Standard Profiles'!$G$22=$B$17,14,0)+IF('Standard Profiles'!$G$22=$B$24,21,0),MOD($C2439,24)+1)/SUM(INDEX($D$3:$AA$30,INDEX(Jesper!$R$2:$R$366,ROW(INDEX(Jesper!AL$2:AL$366,ROUNDDOWN($C2439/24,0)+1,1))-1)+IF('Standard Profiles'!$G$22=$B$10,7,0)+IF('Standard Profiles'!$G$22=$B$17,14,0)+IF('Standard Profiles'!$G$22=$B$24,21,0),0)),0)</f>
        <v>0</v>
      </c>
      <c r="I2439">
        <f t="shared" si="279"/>
        <v>2.1184484052104833</v>
      </c>
      <c r="J2439">
        <f t="shared" si="280"/>
        <v>12.51245368503422</v>
      </c>
      <c r="K2439">
        <f t="shared" si="281"/>
        <v>0.61471627716603261</v>
      </c>
      <c r="L2439">
        <f t="shared" si="282"/>
        <v>0.3073581385830163</v>
      </c>
      <c r="M2439">
        <f t="shared" si="283"/>
        <v>0</v>
      </c>
      <c r="N2439" s="45">
        <f t="shared" si="284"/>
        <v>45027.2083333275</v>
      </c>
    </row>
    <row r="2440" spans="2:14" x14ac:dyDescent="0.25">
      <c r="B2440">
        <f t="shared" si="278"/>
        <v>2</v>
      </c>
      <c r="C2440" s="16">
        <v>2406</v>
      </c>
      <c r="D2440" cm="1">
        <f t="array" ref="D2440">IFERROR(INDEX(Jesper!AH$2:AH$366,ROUNDDOWN($C2440/24,0)+1,1)*INDEX($D$3:$AA$30,INDEX(Jesper!$R$2:$R$366,ROW(INDEX(Jesper!AH$2:AH$366,ROUNDDOWN($C2440/24,0)+1,1))-1)+IF('Standard Profiles'!$G$18=$B$10,7,0)+IF('Standard Profiles'!$G$18=$B$17,14,0)+IF('Standard Profiles'!$G$18=$B$24,21,0),MOD($C2440,24)+1)/SUM(INDEX($D$3:$AA$30,INDEX(Jesper!$R$2:$R$366,ROW(INDEX(Jesper!AH$2:AH$366,ROUNDDOWN($C2440/24,0)+1,1))-1)+IF('Standard Profiles'!$G$18=$B$10,7,0)+IF('Standard Profiles'!$G$18=$B$17,14,0)+IF('Standard Profiles'!$G$18=$B$24,21,0),0)),0)</f>
        <v>5.7629650984315557</v>
      </c>
      <c r="E2440" cm="1">
        <f t="array" ref="E2440">IFERROR(INDEX(Jesper!AI$2:AI$366,ROUNDDOWN($C2440/24,0)+1,1)*INDEX($D$3:$AA$30,INDEX(Jesper!$R$2:$R$366,ROW(INDEX(Jesper!AI$2:AI$366,ROUNDDOWN($C2440/24,0)+1,1))-1)+IF('Standard Profiles'!$G$19=$B$10,7,0)+IF('Standard Profiles'!$G$19=$B$17,14,0)+IF('Standard Profiles'!$G$19=$B$24,21,0),MOD($C2440,24)+1)/SUM(INDEX($D$3:$AA$30,INDEX(Jesper!$R$2:$R$366,ROW(INDEX(Jesper!AI$2:AI$366,ROUNDDOWN($C2440/24,0)+1,1))-1)+IF('Standard Profiles'!$G$19=$B$10,7,0)+IF('Standard Profiles'!$G$19=$B$17,14,0)+IF('Standard Profiles'!$G$19=$B$24,21,0),0)),0)</f>
        <v>5.3765772300403549</v>
      </c>
      <c r="F2440" cm="1">
        <f t="array" ref="F2440">IFERROR(INDEX(Jesper!AJ$2:AJ$366,ROUNDDOWN($C2440/24,0)+1,1)*INDEX($D$3:$AA$30,INDEX(Jesper!$R$2:$R$366,ROW(INDEX(Jesper!AJ$2:AJ$366,ROUNDDOWN($C2440/24,0)+1,1))-1)+IF('Standard Profiles'!$G$20=$B$10,7,0)+IF('Standard Profiles'!$G$20=$B$17,14,0)+IF('Standard Profiles'!$G$20=$B$24,21,0),MOD($C2440,24)+1)/SUM(INDEX($D$3:$AA$30,INDEX(Jesper!$R$2:$R$366,ROW(INDEX(Jesper!AJ$2:AJ$366,ROUNDDOWN($C2440/24,0)+1,1))-1)+IF('Standard Profiles'!$G$20=$B$10,7,0)+IF('Standard Profiles'!$G$20=$B$17,14,0)+IF('Standard Profiles'!$G$20=$B$24,21,0),0)),0)</f>
        <v>0</v>
      </c>
      <c r="G2440" cm="1">
        <f t="array" ref="G2440">IFERROR(INDEX(Jesper!AK$2:AK$366,ROUNDDOWN($C2440/24,0)+1,1)*INDEX($D$3:$AA$30,INDEX(Jesper!$R$2:$R$366,ROW(INDEX(Jesper!AK$2:AK$366,ROUNDDOWN($C2440/24,0)+1,1))-1)+IF('Standard Profiles'!$G$21=$B$10,7,0)+IF('Standard Profiles'!$G$21=$B$17,14,0)+IF('Standard Profiles'!$G$21=$B$24,21,0),MOD($C2440,24)+1)/SUM(INDEX($D$3:$AA$30,INDEX(Jesper!$R$2:$R$366,ROW(INDEX(Jesper!AK$2:AK$366,ROUNDDOWN($C2440/24,0)+1,1))-1)+IF('Standard Profiles'!$G$21=$B$10,7,0)+IF('Standard Profiles'!$G$21=$B$17,14,0)+IF('Standard Profiles'!$G$21=$B$24,21,0),0)),0)</f>
        <v>4.4134341775218422</v>
      </c>
      <c r="H2440" cm="1">
        <f t="array" ref="H2440">IFERROR(INDEX(Jesper!AL$2:AL$366,ROUNDDOWN($C2440/24,0)+1,1)*INDEX($D$3:$AA$30,INDEX(Jesper!$R$2:$R$366,ROW(INDEX(Jesper!AL$2:AL$366,ROUNDDOWN($C2440/24,0)+1,1))-1)+IF('Standard Profiles'!$G$22=$B$10,7,0)+IF('Standard Profiles'!$G$22=$B$17,14,0)+IF('Standard Profiles'!$G$22=$B$24,21,0),MOD($C2440,24)+1)/SUM(INDEX($D$3:$AA$30,INDEX(Jesper!$R$2:$R$366,ROW(INDEX(Jesper!AL$2:AL$366,ROUNDDOWN($C2440/24,0)+1,1))-1)+IF('Standard Profiles'!$G$22=$B$10,7,0)+IF('Standard Profiles'!$G$22=$B$17,14,0)+IF('Standard Profiles'!$G$22=$B$24,21,0),0)),0)</f>
        <v>0</v>
      </c>
      <c r="I2440">
        <f t="shared" si="279"/>
        <v>2.1184484052104833</v>
      </c>
      <c r="J2440">
        <f t="shared" si="280"/>
        <v>12.51245368503422</v>
      </c>
      <c r="K2440">
        <f t="shared" si="281"/>
        <v>0.61471627716603261</v>
      </c>
      <c r="L2440">
        <f t="shared" si="282"/>
        <v>0.3073581385830163</v>
      </c>
      <c r="M2440">
        <f t="shared" si="283"/>
        <v>0</v>
      </c>
      <c r="N2440" s="45">
        <f t="shared" si="284"/>
        <v>45027.249999994165</v>
      </c>
    </row>
    <row r="2441" spans="2:14" x14ac:dyDescent="0.25">
      <c r="B2441">
        <f t="shared" si="278"/>
        <v>2</v>
      </c>
      <c r="C2441" s="16">
        <v>2407</v>
      </c>
      <c r="D2441" cm="1">
        <f t="array" ref="D2441">IFERROR(INDEX(Jesper!AH$2:AH$366,ROUNDDOWN($C2441/24,0)+1,1)*INDEX($D$3:$AA$30,INDEX(Jesper!$R$2:$R$366,ROW(INDEX(Jesper!AH$2:AH$366,ROUNDDOWN($C2441/24,0)+1,1))-1)+IF('Standard Profiles'!$G$18=$B$10,7,0)+IF('Standard Profiles'!$G$18=$B$17,14,0)+IF('Standard Profiles'!$G$18=$B$24,21,0),MOD($C2441,24)+1)/SUM(INDEX($D$3:$AA$30,INDEX(Jesper!$R$2:$R$366,ROW(INDEX(Jesper!AH$2:AH$366,ROUNDDOWN($C2441/24,0)+1,1))-1)+IF('Standard Profiles'!$G$18=$B$10,7,0)+IF('Standard Profiles'!$G$18=$B$17,14,0)+IF('Standard Profiles'!$G$18=$B$24,21,0),0)),0)</f>
        <v>24.294499743075527</v>
      </c>
      <c r="E2441" cm="1">
        <f t="array" ref="E2441">IFERROR(INDEX(Jesper!AI$2:AI$366,ROUNDDOWN($C2441/24,0)+1,1)*INDEX($D$3:$AA$30,INDEX(Jesper!$R$2:$R$366,ROW(INDEX(Jesper!AI$2:AI$366,ROUNDDOWN($C2441/24,0)+1,1))-1)+IF('Standard Profiles'!$G$19=$B$10,7,0)+IF('Standard Profiles'!$G$19=$B$17,14,0)+IF('Standard Profiles'!$G$19=$B$24,21,0),MOD($C2441,24)+1)/SUM(INDEX($D$3:$AA$30,INDEX(Jesper!$R$2:$R$366,ROW(INDEX(Jesper!AI$2:AI$366,ROUNDDOWN($C2441/24,0)+1,1))-1)+IF('Standard Profiles'!$G$19=$B$10,7,0)+IF('Standard Profiles'!$G$19=$B$17,14,0)+IF('Standard Profiles'!$G$19=$B$24,21,0),0)),0)</f>
        <v>22.665633385388865</v>
      </c>
      <c r="F2441" cm="1">
        <f t="array" ref="F2441">IFERROR(INDEX(Jesper!AJ$2:AJ$366,ROUNDDOWN($C2441/24,0)+1,1)*INDEX($D$3:$AA$30,INDEX(Jesper!$R$2:$R$366,ROW(INDEX(Jesper!AJ$2:AJ$366,ROUNDDOWN($C2441/24,0)+1,1))-1)+IF('Standard Profiles'!$G$20=$B$10,7,0)+IF('Standard Profiles'!$G$20=$B$17,14,0)+IF('Standard Profiles'!$G$20=$B$24,21,0),MOD($C2441,24)+1)/SUM(INDEX($D$3:$AA$30,INDEX(Jesper!$R$2:$R$366,ROW(INDEX(Jesper!AJ$2:AJ$366,ROUNDDOWN($C2441/24,0)+1,1))-1)+IF('Standard Profiles'!$G$20=$B$10,7,0)+IF('Standard Profiles'!$G$20=$B$17,14,0)+IF('Standard Profiles'!$G$20=$B$24,21,0),0)),0)</f>
        <v>0</v>
      </c>
      <c r="G2441" cm="1">
        <f t="array" ref="G2441">IFERROR(INDEX(Jesper!AK$2:AK$366,ROUNDDOWN($C2441/24,0)+1,1)*INDEX($D$3:$AA$30,INDEX(Jesper!$R$2:$R$366,ROW(INDEX(Jesper!AK$2:AK$366,ROUNDDOWN($C2441/24,0)+1,1))-1)+IF('Standard Profiles'!$G$21=$B$10,7,0)+IF('Standard Profiles'!$G$21=$B$17,14,0)+IF('Standard Profiles'!$G$21=$B$24,21,0),MOD($C2441,24)+1)/SUM(INDEX($D$3:$AA$30,INDEX(Jesper!$R$2:$R$366,ROW(INDEX(Jesper!AK$2:AK$366,ROUNDDOWN($C2441/24,0)+1,1))-1)+IF('Standard Profiles'!$G$21=$B$10,7,0)+IF('Standard Profiles'!$G$21=$B$17,14,0)+IF('Standard Profiles'!$G$21=$B$24,21,0),0)),0)</f>
        <v>12.713537808151628</v>
      </c>
      <c r="H2441" cm="1">
        <f t="array" ref="H2441">IFERROR(INDEX(Jesper!AL$2:AL$366,ROUNDDOWN($C2441/24,0)+1,1)*INDEX($D$3:$AA$30,INDEX(Jesper!$R$2:$R$366,ROW(INDEX(Jesper!AL$2:AL$366,ROUNDDOWN($C2441/24,0)+1,1))-1)+IF('Standard Profiles'!$G$22=$B$10,7,0)+IF('Standard Profiles'!$G$22=$B$17,14,0)+IF('Standard Profiles'!$G$22=$B$24,21,0),MOD($C2441,24)+1)/SUM(INDEX($D$3:$AA$30,INDEX(Jesper!$R$2:$R$366,ROW(INDEX(Jesper!AL$2:AL$366,ROUNDDOWN($C2441/24,0)+1,1))-1)+IF('Standard Profiles'!$G$22=$B$10,7,0)+IF('Standard Profiles'!$G$22=$B$17,14,0)+IF('Standard Profiles'!$G$22=$B$24,21,0),0)),0)</f>
        <v>0</v>
      </c>
      <c r="I2441">
        <f t="shared" si="279"/>
        <v>6.1024981479127787</v>
      </c>
      <c r="J2441">
        <f t="shared" si="280"/>
        <v>49.684052829811158</v>
      </c>
      <c r="K2441">
        <f t="shared" si="281"/>
        <v>2.5914133059280564</v>
      </c>
      <c r="L2441">
        <f t="shared" si="282"/>
        <v>1.2957066529640282</v>
      </c>
      <c r="M2441">
        <f t="shared" si="283"/>
        <v>0</v>
      </c>
      <c r="N2441" s="45">
        <f t="shared" si="284"/>
        <v>45027.291666660829</v>
      </c>
    </row>
    <row r="2442" spans="2:14" x14ac:dyDescent="0.25">
      <c r="B2442">
        <f t="shared" si="278"/>
        <v>2</v>
      </c>
      <c r="C2442" s="16">
        <v>2408</v>
      </c>
      <c r="D2442" cm="1">
        <f t="array" ref="D2442">IFERROR(INDEX(Jesper!AH$2:AH$366,ROUNDDOWN($C2442/24,0)+1,1)*INDEX($D$3:$AA$30,INDEX(Jesper!$R$2:$R$366,ROW(INDEX(Jesper!AH$2:AH$366,ROUNDDOWN($C2442/24,0)+1,1))-1)+IF('Standard Profiles'!$G$18=$B$10,7,0)+IF('Standard Profiles'!$G$18=$B$17,14,0)+IF('Standard Profiles'!$G$18=$B$24,21,0),MOD($C2442,24)+1)/SUM(INDEX($D$3:$AA$30,INDEX(Jesper!$R$2:$R$366,ROW(INDEX(Jesper!AH$2:AH$366,ROUNDDOWN($C2442/24,0)+1,1))-1)+IF('Standard Profiles'!$G$18=$B$10,7,0)+IF('Standard Profiles'!$G$18=$B$17,14,0)+IF('Standard Profiles'!$G$18=$B$24,21,0),0)),0)</f>
        <v>27.10754708174743</v>
      </c>
      <c r="E2442" cm="1">
        <f t="array" ref="E2442">IFERROR(INDEX(Jesper!AI$2:AI$366,ROUNDDOWN($C2442/24,0)+1,1)*INDEX($D$3:$AA$30,INDEX(Jesper!$R$2:$R$366,ROW(INDEX(Jesper!AI$2:AI$366,ROUNDDOWN($C2442/24,0)+1,1))-1)+IF('Standard Profiles'!$G$19=$B$10,7,0)+IF('Standard Profiles'!$G$19=$B$17,14,0)+IF('Standard Profiles'!$G$19=$B$24,21,0),MOD($C2442,24)+1)/SUM(INDEX($D$3:$AA$30,INDEX(Jesper!$R$2:$R$366,ROW(INDEX(Jesper!AI$2:AI$366,ROUNDDOWN($C2442/24,0)+1,1))-1)+IF('Standard Profiles'!$G$19=$B$10,7,0)+IF('Standard Profiles'!$G$19=$B$17,14,0)+IF('Standard Profiles'!$G$19=$B$24,21,0),0)),0)</f>
        <v>25.290075145802316</v>
      </c>
      <c r="F2442" cm="1">
        <f t="array" ref="F2442">IFERROR(INDEX(Jesper!AJ$2:AJ$366,ROUNDDOWN($C2442/24,0)+1,1)*INDEX($D$3:$AA$30,INDEX(Jesper!$R$2:$R$366,ROW(INDEX(Jesper!AJ$2:AJ$366,ROUNDDOWN($C2442/24,0)+1,1))-1)+IF('Standard Profiles'!$G$20=$B$10,7,0)+IF('Standard Profiles'!$G$20=$B$17,14,0)+IF('Standard Profiles'!$G$20=$B$24,21,0),MOD($C2442,24)+1)/SUM(INDEX($D$3:$AA$30,INDEX(Jesper!$R$2:$R$366,ROW(INDEX(Jesper!AJ$2:AJ$366,ROUNDDOWN($C2442/24,0)+1,1))-1)+IF('Standard Profiles'!$G$20=$B$10,7,0)+IF('Standard Profiles'!$G$20=$B$17,14,0)+IF('Standard Profiles'!$G$20=$B$24,21,0),0)),0)</f>
        <v>0</v>
      </c>
      <c r="G2442" cm="1">
        <f t="array" ref="G2442">IFERROR(INDEX(Jesper!AK$2:AK$366,ROUNDDOWN($C2442/24,0)+1,1)*INDEX($D$3:$AA$30,INDEX(Jesper!$R$2:$R$366,ROW(INDEX(Jesper!AK$2:AK$366,ROUNDDOWN($C2442/24,0)+1,1))-1)+IF('Standard Profiles'!$G$21=$B$10,7,0)+IF('Standard Profiles'!$G$21=$B$17,14,0)+IF('Standard Profiles'!$G$21=$B$24,21,0),MOD($C2442,24)+1)/SUM(INDEX($D$3:$AA$30,INDEX(Jesper!$R$2:$R$366,ROW(INDEX(Jesper!AK$2:AK$366,ROUNDDOWN($C2442/24,0)+1,1))-1)+IF('Standard Profiles'!$G$21=$B$10,7,0)+IF('Standard Profiles'!$G$21=$B$17,14,0)+IF('Standard Profiles'!$G$21=$B$24,21,0),0)),0)</f>
        <v>14.185631659621817</v>
      </c>
      <c r="H2442" cm="1">
        <f t="array" ref="H2442">IFERROR(INDEX(Jesper!AL$2:AL$366,ROUNDDOWN($C2442/24,0)+1,1)*INDEX($D$3:$AA$30,INDEX(Jesper!$R$2:$R$366,ROW(INDEX(Jesper!AL$2:AL$366,ROUNDDOWN($C2442/24,0)+1,1))-1)+IF('Standard Profiles'!$G$22=$B$10,7,0)+IF('Standard Profiles'!$G$22=$B$17,14,0)+IF('Standard Profiles'!$G$22=$B$24,21,0),MOD($C2442,24)+1)/SUM(INDEX($D$3:$AA$30,INDEX(Jesper!$R$2:$R$366,ROW(INDEX(Jesper!AL$2:AL$366,ROUNDDOWN($C2442/24,0)+1,1))-1)+IF('Standard Profiles'!$G$22=$B$10,7,0)+IF('Standard Profiles'!$G$22=$B$17,14,0)+IF('Standard Profiles'!$G$22=$B$24,21,0),0)),0)</f>
        <v>0</v>
      </c>
      <c r="I2442">
        <f t="shared" si="279"/>
        <v>6.8091031966184694</v>
      </c>
      <c r="J2442">
        <f t="shared" si="280"/>
        <v>55.4369431574735</v>
      </c>
      <c r="K2442">
        <f t="shared" si="281"/>
        <v>2.8914716887197263</v>
      </c>
      <c r="L2442">
        <f t="shared" si="282"/>
        <v>1.4457358443598631</v>
      </c>
      <c r="M2442">
        <f t="shared" si="283"/>
        <v>0</v>
      </c>
      <c r="N2442" s="45">
        <f t="shared" si="284"/>
        <v>45027.333333327493</v>
      </c>
    </row>
    <row r="2443" spans="2:14" x14ac:dyDescent="0.25">
      <c r="B2443">
        <f t="shared" si="278"/>
        <v>2</v>
      </c>
      <c r="C2443" s="16">
        <v>2409</v>
      </c>
      <c r="D2443" cm="1">
        <f t="array" ref="D2443">IFERROR(INDEX(Jesper!AH$2:AH$366,ROUNDDOWN($C2443/24,0)+1,1)*INDEX($D$3:$AA$30,INDEX(Jesper!$R$2:$R$366,ROW(INDEX(Jesper!AH$2:AH$366,ROUNDDOWN($C2443/24,0)+1,1))-1)+IF('Standard Profiles'!$G$18=$B$10,7,0)+IF('Standard Profiles'!$G$18=$B$17,14,0)+IF('Standard Profiles'!$G$18=$B$24,21,0),MOD($C2443,24)+1)/SUM(INDEX($D$3:$AA$30,INDEX(Jesper!$R$2:$R$366,ROW(INDEX(Jesper!AH$2:AH$366,ROUNDDOWN($C2443/24,0)+1,1))-1)+IF('Standard Profiles'!$G$18=$B$10,7,0)+IF('Standard Profiles'!$G$18=$B$17,14,0)+IF('Standard Profiles'!$G$18=$B$24,21,0),0)),0)</f>
        <v>29.920594420419334</v>
      </c>
      <c r="E2443" cm="1">
        <f t="array" ref="E2443">IFERROR(INDEX(Jesper!AI$2:AI$366,ROUNDDOWN($C2443/24,0)+1,1)*INDEX($D$3:$AA$30,INDEX(Jesper!$R$2:$R$366,ROW(INDEX(Jesper!AI$2:AI$366,ROUNDDOWN($C2443/24,0)+1,1))-1)+IF('Standard Profiles'!$G$19=$B$10,7,0)+IF('Standard Profiles'!$G$19=$B$17,14,0)+IF('Standard Profiles'!$G$19=$B$24,21,0),MOD($C2443,24)+1)/SUM(INDEX($D$3:$AA$30,INDEX(Jesper!$R$2:$R$366,ROW(INDEX(Jesper!AI$2:AI$366,ROUNDDOWN($C2443/24,0)+1,1))-1)+IF('Standard Profiles'!$G$19=$B$10,7,0)+IF('Standard Profiles'!$G$19=$B$17,14,0)+IF('Standard Profiles'!$G$19=$B$24,21,0),0)),0)</f>
        <v>27.914516906215763</v>
      </c>
      <c r="F2443" cm="1">
        <f t="array" ref="F2443">IFERROR(INDEX(Jesper!AJ$2:AJ$366,ROUNDDOWN($C2443/24,0)+1,1)*INDEX($D$3:$AA$30,INDEX(Jesper!$R$2:$R$366,ROW(INDEX(Jesper!AJ$2:AJ$366,ROUNDDOWN($C2443/24,0)+1,1))-1)+IF('Standard Profiles'!$G$20=$B$10,7,0)+IF('Standard Profiles'!$G$20=$B$17,14,0)+IF('Standard Profiles'!$G$20=$B$24,21,0),MOD($C2443,24)+1)/SUM(INDEX($D$3:$AA$30,INDEX(Jesper!$R$2:$R$366,ROW(INDEX(Jesper!AJ$2:AJ$366,ROUNDDOWN($C2443/24,0)+1,1))-1)+IF('Standard Profiles'!$G$20=$B$10,7,0)+IF('Standard Profiles'!$G$20=$B$17,14,0)+IF('Standard Profiles'!$G$20=$B$24,21,0),0)),0)</f>
        <v>0</v>
      </c>
      <c r="G2443" cm="1">
        <f t="array" ref="G2443">IFERROR(INDEX(Jesper!AK$2:AK$366,ROUNDDOWN($C2443/24,0)+1,1)*INDEX($D$3:$AA$30,INDEX(Jesper!$R$2:$R$366,ROW(INDEX(Jesper!AK$2:AK$366,ROUNDDOWN($C2443/24,0)+1,1))-1)+IF('Standard Profiles'!$G$21=$B$10,7,0)+IF('Standard Profiles'!$G$21=$B$17,14,0)+IF('Standard Profiles'!$G$21=$B$24,21,0),MOD($C2443,24)+1)/SUM(INDEX($D$3:$AA$30,INDEX(Jesper!$R$2:$R$366,ROW(INDEX(Jesper!AK$2:AK$366,ROUNDDOWN($C2443/24,0)+1,1))-1)+IF('Standard Profiles'!$G$21=$B$10,7,0)+IF('Standard Profiles'!$G$21=$B$17,14,0)+IF('Standard Profiles'!$G$21=$B$24,21,0),0)),0)</f>
        <v>15.657725511092009</v>
      </c>
      <c r="H2443" cm="1">
        <f t="array" ref="H2443">IFERROR(INDEX(Jesper!AL$2:AL$366,ROUNDDOWN($C2443/24,0)+1,1)*INDEX($D$3:$AA$30,INDEX(Jesper!$R$2:$R$366,ROW(INDEX(Jesper!AL$2:AL$366,ROUNDDOWN($C2443/24,0)+1,1))-1)+IF('Standard Profiles'!$G$22=$B$10,7,0)+IF('Standard Profiles'!$G$22=$B$17,14,0)+IF('Standard Profiles'!$G$22=$B$24,21,0),MOD($C2443,24)+1)/SUM(INDEX($D$3:$AA$30,INDEX(Jesper!$R$2:$R$366,ROW(INDEX(Jesper!AL$2:AL$366,ROUNDDOWN($C2443/24,0)+1,1))-1)+IF('Standard Profiles'!$G$22=$B$10,7,0)+IF('Standard Profiles'!$G$22=$B$17,14,0)+IF('Standard Profiles'!$G$22=$B$24,21,0),0)),0)</f>
        <v>0</v>
      </c>
      <c r="I2443">
        <f t="shared" si="279"/>
        <v>7.5157082453241602</v>
      </c>
      <c r="J2443">
        <f t="shared" si="280"/>
        <v>61.18983348513585</v>
      </c>
      <c r="K2443">
        <f t="shared" si="281"/>
        <v>3.1915300715113957</v>
      </c>
      <c r="L2443">
        <f t="shared" si="282"/>
        <v>1.5957650357556978</v>
      </c>
      <c r="M2443">
        <f t="shared" si="283"/>
        <v>0</v>
      </c>
      <c r="N2443" s="45">
        <f t="shared" si="284"/>
        <v>45027.374999994157</v>
      </c>
    </row>
    <row r="2444" spans="2:14" x14ac:dyDescent="0.25">
      <c r="B2444">
        <f t="shared" si="278"/>
        <v>2</v>
      </c>
      <c r="C2444" s="16">
        <v>2410</v>
      </c>
      <c r="D2444" cm="1">
        <f t="array" ref="D2444">IFERROR(INDEX(Jesper!AH$2:AH$366,ROUNDDOWN($C2444/24,0)+1,1)*INDEX($D$3:$AA$30,INDEX(Jesper!$R$2:$R$366,ROW(INDEX(Jesper!AH$2:AH$366,ROUNDDOWN($C2444/24,0)+1,1))-1)+IF('Standard Profiles'!$G$18=$B$10,7,0)+IF('Standard Profiles'!$G$18=$B$17,14,0)+IF('Standard Profiles'!$G$18=$B$24,21,0),MOD($C2444,24)+1)/SUM(INDEX($D$3:$AA$30,INDEX(Jesper!$R$2:$R$366,ROW(INDEX(Jesper!AH$2:AH$366,ROUNDDOWN($C2444/24,0)+1,1))-1)+IF('Standard Profiles'!$G$18=$B$10,7,0)+IF('Standard Profiles'!$G$18=$B$17,14,0)+IF('Standard Profiles'!$G$18=$B$24,21,0),0)),0)</f>
        <v>29.920594420419334</v>
      </c>
      <c r="E2444" cm="1">
        <f t="array" ref="E2444">IFERROR(INDEX(Jesper!AI$2:AI$366,ROUNDDOWN($C2444/24,0)+1,1)*INDEX($D$3:$AA$30,INDEX(Jesper!$R$2:$R$366,ROW(INDEX(Jesper!AI$2:AI$366,ROUNDDOWN($C2444/24,0)+1,1))-1)+IF('Standard Profiles'!$G$19=$B$10,7,0)+IF('Standard Profiles'!$G$19=$B$17,14,0)+IF('Standard Profiles'!$G$19=$B$24,21,0),MOD($C2444,24)+1)/SUM(INDEX($D$3:$AA$30,INDEX(Jesper!$R$2:$R$366,ROW(INDEX(Jesper!AI$2:AI$366,ROUNDDOWN($C2444/24,0)+1,1))-1)+IF('Standard Profiles'!$G$19=$B$10,7,0)+IF('Standard Profiles'!$G$19=$B$17,14,0)+IF('Standard Profiles'!$G$19=$B$24,21,0),0)),0)</f>
        <v>27.914516906215763</v>
      </c>
      <c r="F2444" cm="1">
        <f t="array" ref="F2444">IFERROR(INDEX(Jesper!AJ$2:AJ$366,ROUNDDOWN($C2444/24,0)+1,1)*INDEX($D$3:$AA$30,INDEX(Jesper!$R$2:$R$366,ROW(INDEX(Jesper!AJ$2:AJ$366,ROUNDDOWN($C2444/24,0)+1,1))-1)+IF('Standard Profiles'!$G$20=$B$10,7,0)+IF('Standard Profiles'!$G$20=$B$17,14,0)+IF('Standard Profiles'!$G$20=$B$24,21,0),MOD($C2444,24)+1)/SUM(INDEX($D$3:$AA$30,INDEX(Jesper!$R$2:$R$366,ROW(INDEX(Jesper!AJ$2:AJ$366,ROUNDDOWN($C2444/24,0)+1,1))-1)+IF('Standard Profiles'!$G$20=$B$10,7,0)+IF('Standard Profiles'!$G$20=$B$17,14,0)+IF('Standard Profiles'!$G$20=$B$24,21,0),0)),0)</f>
        <v>0</v>
      </c>
      <c r="G2444" cm="1">
        <f t="array" ref="G2444">IFERROR(INDEX(Jesper!AK$2:AK$366,ROUNDDOWN($C2444/24,0)+1,1)*INDEX($D$3:$AA$30,INDEX(Jesper!$R$2:$R$366,ROW(INDEX(Jesper!AK$2:AK$366,ROUNDDOWN($C2444/24,0)+1,1))-1)+IF('Standard Profiles'!$G$21=$B$10,7,0)+IF('Standard Profiles'!$G$21=$B$17,14,0)+IF('Standard Profiles'!$G$21=$B$24,21,0),MOD($C2444,24)+1)/SUM(INDEX($D$3:$AA$30,INDEX(Jesper!$R$2:$R$366,ROW(INDEX(Jesper!AK$2:AK$366,ROUNDDOWN($C2444/24,0)+1,1))-1)+IF('Standard Profiles'!$G$21=$B$10,7,0)+IF('Standard Profiles'!$G$21=$B$17,14,0)+IF('Standard Profiles'!$G$21=$B$24,21,0),0)),0)</f>
        <v>15.657725511092009</v>
      </c>
      <c r="H2444" cm="1">
        <f t="array" ref="H2444">IFERROR(INDEX(Jesper!AL$2:AL$366,ROUNDDOWN($C2444/24,0)+1,1)*INDEX($D$3:$AA$30,INDEX(Jesper!$R$2:$R$366,ROW(INDEX(Jesper!AL$2:AL$366,ROUNDDOWN($C2444/24,0)+1,1))-1)+IF('Standard Profiles'!$G$22=$B$10,7,0)+IF('Standard Profiles'!$G$22=$B$17,14,0)+IF('Standard Profiles'!$G$22=$B$24,21,0),MOD($C2444,24)+1)/SUM(INDEX($D$3:$AA$30,INDEX(Jesper!$R$2:$R$366,ROW(INDEX(Jesper!AL$2:AL$366,ROUNDDOWN($C2444/24,0)+1,1))-1)+IF('Standard Profiles'!$G$22=$B$10,7,0)+IF('Standard Profiles'!$G$22=$B$17,14,0)+IF('Standard Profiles'!$G$22=$B$24,21,0),0)),0)</f>
        <v>0</v>
      </c>
      <c r="I2444">
        <f t="shared" si="279"/>
        <v>7.5157082453241602</v>
      </c>
      <c r="J2444">
        <f t="shared" si="280"/>
        <v>61.18983348513585</v>
      </c>
      <c r="K2444">
        <f t="shared" si="281"/>
        <v>3.1915300715113957</v>
      </c>
      <c r="L2444">
        <f t="shared" si="282"/>
        <v>1.5957650357556978</v>
      </c>
      <c r="M2444">
        <f t="shared" si="283"/>
        <v>0</v>
      </c>
      <c r="N2444" s="45">
        <f t="shared" si="284"/>
        <v>45027.416666660822</v>
      </c>
    </row>
    <row r="2445" spans="2:14" x14ac:dyDescent="0.25">
      <c r="B2445">
        <f t="shared" si="278"/>
        <v>2</v>
      </c>
      <c r="C2445" s="16">
        <v>2411</v>
      </c>
      <c r="D2445" cm="1">
        <f t="array" ref="D2445">IFERROR(INDEX(Jesper!AH$2:AH$366,ROUNDDOWN($C2445/24,0)+1,1)*INDEX($D$3:$AA$30,INDEX(Jesper!$R$2:$R$366,ROW(INDEX(Jesper!AH$2:AH$366,ROUNDDOWN($C2445/24,0)+1,1))-1)+IF('Standard Profiles'!$G$18=$B$10,7,0)+IF('Standard Profiles'!$G$18=$B$17,14,0)+IF('Standard Profiles'!$G$18=$B$24,21,0),MOD($C2445,24)+1)/SUM(INDEX($D$3:$AA$30,INDEX(Jesper!$R$2:$R$366,ROW(INDEX(Jesper!AH$2:AH$366,ROUNDDOWN($C2445/24,0)+1,1))-1)+IF('Standard Profiles'!$G$18=$B$10,7,0)+IF('Standard Profiles'!$G$18=$B$17,14,0)+IF('Standard Profiles'!$G$18=$B$24,21,0),0)),0)</f>
        <v>35.802420674006036</v>
      </c>
      <c r="E2445" cm="1">
        <f t="array" ref="E2445">IFERROR(INDEX(Jesper!AI$2:AI$366,ROUNDDOWN($C2445/24,0)+1,1)*INDEX($D$3:$AA$30,INDEX(Jesper!$R$2:$R$366,ROW(INDEX(Jesper!AI$2:AI$366,ROUNDDOWN($C2445/24,0)+1,1))-1)+IF('Standard Profiles'!$G$19=$B$10,7,0)+IF('Standard Profiles'!$G$19=$B$17,14,0)+IF('Standard Profiles'!$G$19=$B$24,21,0),MOD($C2445,24)+1)/SUM(INDEX($D$3:$AA$30,INDEX(Jesper!$R$2:$R$366,ROW(INDEX(Jesper!AI$2:AI$366,ROUNDDOWN($C2445/24,0)+1,1))-1)+IF('Standard Profiles'!$G$19=$B$10,7,0)+IF('Standard Profiles'!$G$19=$B$17,14,0)+IF('Standard Profiles'!$G$19=$B$24,21,0),0)),0)</f>
        <v>33.401986041625698</v>
      </c>
      <c r="F2445" cm="1">
        <f t="array" ref="F2445">IFERROR(INDEX(Jesper!AJ$2:AJ$366,ROUNDDOWN($C2445/24,0)+1,1)*INDEX($D$3:$AA$30,INDEX(Jesper!$R$2:$R$366,ROW(INDEX(Jesper!AJ$2:AJ$366,ROUNDDOWN($C2445/24,0)+1,1))-1)+IF('Standard Profiles'!$G$20=$B$10,7,0)+IF('Standard Profiles'!$G$20=$B$17,14,0)+IF('Standard Profiles'!$G$20=$B$24,21,0),MOD($C2445,24)+1)/SUM(INDEX($D$3:$AA$30,INDEX(Jesper!$R$2:$R$366,ROW(INDEX(Jesper!AJ$2:AJ$366,ROUNDDOWN($C2445/24,0)+1,1))-1)+IF('Standard Profiles'!$G$20=$B$10,7,0)+IF('Standard Profiles'!$G$20=$B$17,14,0)+IF('Standard Profiles'!$G$20=$B$24,21,0),0)),0)</f>
        <v>0</v>
      </c>
      <c r="G2445" cm="1">
        <f t="array" ref="G2445">IFERROR(INDEX(Jesper!AK$2:AK$366,ROUNDDOWN($C2445/24,0)+1,1)*INDEX($D$3:$AA$30,INDEX(Jesper!$R$2:$R$366,ROW(INDEX(Jesper!AK$2:AK$366,ROUNDDOWN($C2445/24,0)+1,1))-1)+IF('Standard Profiles'!$G$21=$B$10,7,0)+IF('Standard Profiles'!$G$21=$B$17,14,0)+IF('Standard Profiles'!$G$21=$B$24,21,0),MOD($C2445,24)+1)/SUM(INDEX($D$3:$AA$30,INDEX(Jesper!$R$2:$R$366,ROW(INDEX(Jesper!AK$2:AK$366,ROUNDDOWN($C2445/24,0)+1,1))-1)+IF('Standard Profiles'!$G$21=$B$10,7,0)+IF('Standard Profiles'!$G$21=$B$17,14,0)+IF('Standard Profiles'!$G$21=$B$24,21,0),0)),0)</f>
        <v>18.735739927802403</v>
      </c>
      <c r="H2445" cm="1">
        <f t="array" ref="H2445">IFERROR(INDEX(Jesper!AL$2:AL$366,ROUNDDOWN($C2445/24,0)+1,1)*INDEX($D$3:$AA$30,INDEX(Jesper!$R$2:$R$366,ROW(INDEX(Jesper!AL$2:AL$366,ROUNDDOWN($C2445/24,0)+1,1))-1)+IF('Standard Profiles'!$G$22=$B$10,7,0)+IF('Standard Profiles'!$G$22=$B$17,14,0)+IF('Standard Profiles'!$G$22=$B$24,21,0),MOD($C2445,24)+1)/SUM(INDEX($D$3:$AA$30,INDEX(Jesper!$R$2:$R$366,ROW(INDEX(Jesper!AL$2:AL$366,ROUNDDOWN($C2445/24,0)+1,1))-1)+IF('Standard Profiles'!$G$22=$B$10,7,0)+IF('Standard Profiles'!$G$22=$B$17,14,0)+IF('Standard Profiles'!$G$22=$B$24,21,0),0)),0)</f>
        <v>0</v>
      </c>
      <c r="I2445">
        <f t="shared" si="279"/>
        <v>8.9931551653451489</v>
      </c>
      <c r="J2445">
        <f t="shared" si="280"/>
        <v>73.218604170248014</v>
      </c>
      <c r="K2445">
        <f t="shared" si="281"/>
        <v>3.8189248718939774</v>
      </c>
      <c r="L2445">
        <f t="shared" si="282"/>
        <v>1.9094624359469887</v>
      </c>
      <c r="M2445">
        <f t="shared" si="283"/>
        <v>0</v>
      </c>
      <c r="N2445" s="45">
        <f t="shared" si="284"/>
        <v>45027.458333327486</v>
      </c>
    </row>
    <row r="2446" spans="2:14" x14ac:dyDescent="0.25">
      <c r="B2446">
        <f t="shared" si="278"/>
        <v>2</v>
      </c>
      <c r="C2446" s="16">
        <v>2412</v>
      </c>
      <c r="D2446" cm="1">
        <f t="array" ref="D2446">IFERROR(INDEX(Jesper!AH$2:AH$366,ROUNDDOWN($C2446/24,0)+1,1)*INDEX($D$3:$AA$30,INDEX(Jesper!$R$2:$R$366,ROW(INDEX(Jesper!AH$2:AH$366,ROUNDDOWN($C2446/24,0)+1,1))-1)+IF('Standard Profiles'!$G$18=$B$10,7,0)+IF('Standard Profiles'!$G$18=$B$17,14,0)+IF('Standard Profiles'!$G$18=$B$24,21,0),MOD($C2446,24)+1)/SUM(INDEX($D$3:$AA$30,INDEX(Jesper!$R$2:$R$366,ROW(INDEX(Jesper!AH$2:AH$366,ROUNDDOWN($C2446/24,0)+1,1))-1)+IF('Standard Profiles'!$G$18=$B$10,7,0)+IF('Standard Profiles'!$G$18=$B$17,14,0)+IF('Standard Profiles'!$G$18=$B$24,21,0),0)),0)</f>
        <v>35.802420674006036</v>
      </c>
      <c r="E2446" cm="1">
        <f t="array" ref="E2446">IFERROR(INDEX(Jesper!AI$2:AI$366,ROUNDDOWN($C2446/24,0)+1,1)*INDEX($D$3:$AA$30,INDEX(Jesper!$R$2:$R$366,ROW(INDEX(Jesper!AI$2:AI$366,ROUNDDOWN($C2446/24,0)+1,1))-1)+IF('Standard Profiles'!$G$19=$B$10,7,0)+IF('Standard Profiles'!$G$19=$B$17,14,0)+IF('Standard Profiles'!$G$19=$B$24,21,0),MOD($C2446,24)+1)/SUM(INDEX($D$3:$AA$30,INDEX(Jesper!$R$2:$R$366,ROW(INDEX(Jesper!AI$2:AI$366,ROUNDDOWN($C2446/24,0)+1,1))-1)+IF('Standard Profiles'!$G$19=$B$10,7,0)+IF('Standard Profiles'!$G$19=$B$17,14,0)+IF('Standard Profiles'!$G$19=$B$24,21,0),0)),0)</f>
        <v>33.401986041625698</v>
      </c>
      <c r="F2446" cm="1">
        <f t="array" ref="F2446">IFERROR(INDEX(Jesper!AJ$2:AJ$366,ROUNDDOWN($C2446/24,0)+1,1)*INDEX($D$3:$AA$30,INDEX(Jesper!$R$2:$R$366,ROW(INDEX(Jesper!AJ$2:AJ$366,ROUNDDOWN($C2446/24,0)+1,1))-1)+IF('Standard Profiles'!$G$20=$B$10,7,0)+IF('Standard Profiles'!$G$20=$B$17,14,0)+IF('Standard Profiles'!$G$20=$B$24,21,0),MOD($C2446,24)+1)/SUM(INDEX($D$3:$AA$30,INDEX(Jesper!$R$2:$R$366,ROW(INDEX(Jesper!AJ$2:AJ$366,ROUNDDOWN($C2446/24,0)+1,1))-1)+IF('Standard Profiles'!$G$20=$B$10,7,0)+IF('Standard Profiles'!$G$20=$B$17,14,0)+IF('Standard Profiles'!$G$20=$B$24,21,0),0)),0)</f>
        <v>0</v>
      </c>
      <c r="G2446" cm="1">
        <f t="array" ref="G2446">IFERROR(INDEX(Jesper!AK$2:AK$366,ROUNDDOWN($C2446/24,0)+1,1)*INDEX($D$3:$AA$30,INDEX(Jesper!$R$2:$R$366,ROW(INDEX(Jesper!AK$2:AK$366,ROUNDDOWN($C2446/24,0)+1,1))-1)+IF('Standard Profiles'!$G$21=$B$10,7,0)+IF('Standard Profiles'!$G$21=$B$17,14,0)+IF('Standard Profiles'!$G$21=$B$24,21,0),MOD($C2446,24)+1)/SUM(INDEX($D$3:$AA$30,INDEX(Jesper!$R$2:$R$366,ROW(INDEX(Jesper!AK$2:AK$366,ROUNDDOWN($C2446/24,0)+1,1))-1)+IF('Standard Profiles'!$G$21=$B$10,7,0)+IF('Standard Profiles'!$G$21=$B$17,14,0)+IF('Standard Profiles'!$G$21=$B$24,21,0),0)),0)</f>
        <v>18.735739927802403</v>
      </c>
      <c r="H2446" cm="1">
        <f t="array" ref="H2446">IFERROR(INDEX(Jesper!AL$2:AL$366,ROUNDDOWN($C2446/24,0)+1,1)*INDEX($D$3:$AA$30,INDEX(Jesper!$R$2:$R$366,ROW(INDEX(Jesper!AL$2:AL$366,ROUNDDOWN($C2446/24,0)+1,1))-1)+IF('Standard Profiles'!$G$22=$B$10,7,0)+IF('Standard Profiles'!$G$22=$B$17,14,0)+IF('Standard Profiles'!$G$22=$B$24,21,0),MOD($C2446,24)+1)/SUM(INDEX($D$3:$AA$30,INDEX(Jesper!$R$2:$R$366,ROW(INDEX(Jesper!AL$2:AL$366,ROUNDDOWN($C2446/24,0)+1,1))-1)+IF('Standard Profiles'!$G$22=$B$10,7,0)+IF('Standard Profiles'!$G$22=$B$17,14,0)+IF('Standard Profiles'!$G$22=$B$24,21,0),0)),0)</f>
        <v>0</v>
      </c>
      <c r="I2446">
        <f t="shared" si="279"/>
        <v>8.9931551653451489</v>
      </c>
      <c r="J2446">
        <f t="shared" si="280"/>
        <v>73.218604170248014</v>
      </c>
      <c r="K2446">
        <f t="shared" si="281"/>
        <v>3.8189248718939774</v>
      </c>
      <c r="L2446">
        <f t="shared" si="282"/>
        <v>1.9094624359469887</v>
      </c>
      <c r="M2446">
        <f t="shared" si="283"/>
        <v>0</v>
      </c>
      <c r="N2446" s="45">
        <f t="shared" si="284"/>
        <v>45027.49999999415</v>
      </c>
    </row>
    <row r="2447" spans="2:14" x14ac:dyDescent="0.25">
      <c r="B2447">
        <f t="shared" si="278"/>
        <v>2</v>
      </c>
      <c r="C2447" s="16">
        <v>2413</v>
      </c>
      <c r="D2447" cm="1">
        <f t="array" ref="D2447">IFERROR(INDEX(Jesper!AH$2:AH$366,ROUNDDOWN($C2447/24,0)+1,1)*INDEX($D$3:$AA$30,INDEX(Jesper!$R$2:$R$366,ROW(INDEX(Jesper!AH$2:AH$366,ROUNDDOWN($C2447/24,0)+1,1))-1)+IF('Standard Profiles'!$G$18=$B$10,7,0)+IF('Standard Profiles'!$G$18=$B$17,14,0)+IF('Standard Profiles'!$G$18=$B$24,21,0),MOD($C2447,24)+1)/SUM(INDEX($D$3:$AA$30,INDEX(Jesper!$R$2:$R$366,ROW(INDEX(Jesper!AH$2:AH$366,ROUNDDOWN($C2447/24,0)+1,1))-1)+IF('Standard Profiles'!$G$18=$B$10,7,0)+IF('Standard Profiles'!$G$18=$B$17,14,0)+IF('Standard Profiles'!$G$18=$B$24,21,0),0)),0)</f>
        <v>23.783036590589727</v>
      </c>
      <c r="E2447" cm="1">
        <f t="array" ref="E2447">IFERROR(INDEX(Jesper!AI$2:AI$366,ROUNDDOWN($C2447/24,0)+1,1)*INDEX($D$3:$AA$30,INDEX(Jesper!$R$2:$R$366,ROW(INDEX(Jesper!AI$2:AI$366,ROUNDDOWN($C2447/24,0)+1,1))-1)+IF('Standard Profiles'!$G$19=$B$10,7,0)+IF('Standard Profiles'!$G$19=$B$17,14,0)+IF('Standard Profiles'!$G$19=$B$24,21,0),MOD($C2447,24)+1)/SUM(INDEX($D$3:$AA$30,INDEX(Jesper!$R$2:$R$366,ROW(INDEX(Jesper!AI$2:AI$366,ROUNDDOWN($C2447/24,0)+1,1))-1)+IF('Standard Profiles'!$G$19=$B$10,7,0)+IF('Standard Profiles'!$G$19=$B$17,14,0)+IF('Standard Profiles'!$G$19=$B$24,21,0),0)),0)</f>
        <v>22.188462156222784</v>
      </c>
      <c r="F2447" cm="1">
        <f t="array" ref="F2447">IFERROR(INDEX(Jesper!AJ$2:AJ$366,ROUNDDOWN($C2447/24,0)+1,1)*INDEX($D$3:$AA$30,INDEX(Jesper!$R$2:$R$366,ROW(INDEX(Jesper!AJ$2:AJ$366,ROUNDDOWN($C2447/24,0)+1,1))-1)+IF('Standard Profiles'!$G$20=$B$10,7,0)+IF('Standard Profiles'!$G$20=$B$17,14,0)+IF('Standard Profiles'!$G$20=$B$24,21,0),MOD($C2447,24)+1)/SUM(INDEX($D$3:$AA$30,INDEX(Jesper!$R$2:$R$366,ROW(INDEX(Jesper!AJ$2:AJ$366,ROUNDDOWN($C2447/24,0)+1,1))-1)+IF('Standard Profiles'!$G$20=$B$10,7,0)+IF('Standard Profiles'!$G$20=$B$17,14,0)+IF('Standard Profiles'!$G$20=$B$24,21,0),0)),0)</f>
        <v>0</v>
      </c>
      <c r="G2447" cm="1">
        <f t="array" ref="G2447">IFERROR(INDEX(Jesper!AK$2:AK$366,ROUNDDOWN($C2447/24,0)+1,1)*INDEX($D$3:$AA$30,INDEX(Jesper!$R$2:$R$366,ROW(INDEX(Jesper!AK$2:AK$366,ROUNDDOWN($C2447/24,0)+1,1))-1)+IF('Standard Profiles'!$G$21=$B$10,7,0)+IF('Standard Profiles'!$G$21=$B$17,14,0)+IF('Standard Profiles'!$G$21=$B$24,21,0),MOD($C2447,24)+1)/SUM(INDEX($D$3:$AA$30,INDEX(Jesper!$R$2:$R$366,ROW(INDEX(Jesper!AK$2:AK$366,ROUNDDOWN($C2447/24,0)+1,1))-1)+IF('Standard Profiles'!$G$21=$B$10,7,0)+IF('Standard Profiles'!$G$21=$B$17,14,0)+IF('Standard Profiles'!$G$21=$B$24,21,0),0)),0)</f>
        <v>12.445884380611593</v>
      </c>
      <c r="H2447" cm="1">
        <f t="array" ref="H2447">IFERROR(INDEX(Jesper!AL$2:AL$366,ROUNDDOWN($C2447/24,0)+1,1)*INDEX($D$3:$AA$30,INDEX(Jesper!$R$2:$R$366,ROW(INDEX(Jesper!AL$2:AL$366,ROUNDDOWN($C2447/24,0)+1,1))-1)+IF('Standard Profiles'!$G$22=$B$10,7,0)+IF('Standard Profiles'!$G$22=$B$17,14,0)+IF('Standard Profiles'!$G$22=$B$24,21,0),MOD($C2447,24)+1)/SUM(INDEX($D$3:$AA$30,INDEX(Jesper!$R$2:$R$366,ROW(INDEX(Jesper!AL$2:AL$366,ROUNDDOWN($C2447/24,0)+1,1))-1)+IF('Standard Profiles'!$G$22=$B$10,7,0)+IF('Standard Profiles'!$G$22=$B$17,14,0)+IF('Standard Profiles'!$G$22=$B$24,21,0),0)),0)</f>
        <v>0</v>
      </c>
      <c r="I2447">
        <f t="shared" si="279"/>
        <v>5.9740245026935614</v>
      </c>
      <c r="J2447">
        <f t="shared" si="280"/>
        <v>48.638072770236192</v>
      </c>
      <c r="K2447">
        <f t="shared" si="281"/>
        <v>2.5368572363295709</v>
      </c>
      <c r="L2447">
        <f t="shared" si="282"/>
        <v>1.2684286181647855</v>
      </c>
      <c r="M2447">
        <f t="shared" si="283"/>
        <v>0</v>
      </c>
      <c r="N2447" s="45">
        <f t="shared" si="284"/>
        <v>45027.541666660814</v>
      </c>
    </row>
    <row r="2448" spans="2:14" x14ac:dyDescent="0.25">
      <c r="B2448">
        <f t="shared" si="278"/>
        <v>2</v>
      </c>
      <c r="C2448" s="16">
        <v>2414</v>
      </c>
      <c r="D2448" cm="1">
        <f t="array" ref="D2448">IFERROR(INDEX(Jesper!AH$2:AH$366,ROUNDDOWN($C2448/24,0)+1,1)*INDEX($D$3:$AA$30,INDEX(Jesper!$R$2:$R$366,ROW(INDEX(Jesper!AH$2:AH$366,ROUNDDOWN($C2448/24,0)+1,1))-1)+IF('Standard Profiles'!$G$18=$B$10,7,0)+IF('Standard Profiles'!$G$18=$B$17,14,0)+IF('Standard Profiles'!$G$18=$B$24,21,0),MOD($C2448,24)+1)/SUM(INDEX($D$3:$AA$30,INDEX(Jesper!$R$2:$R$366,ROW(INDEX(Jesper!AH$2:AH$366,ROUNDDOWN($C2448/24,0)+1,1))-1)+IF('Standard Profiles'!$G$18=$B$10,7,0)+IF('Standard Profiles'!$G$18=$B$17,14,0)+IF('Standard Profiles'!$G$18=$B$24,21,0),0)),0)</f>
        <v>35.802420674006036</v>
      </c>
      <c r="E2448" cm="1">
        <f t="array" ref="E2448">IFERROR(INDEX(Jesper!AI$2:AI$366,ROUNDDOWN($C2448/24,0)+1,1)*INDEX($D$3:$AA$30,INDEX(Jesper!$R$2:$R$366,ROW(INDEX(Jesper!AI$2:AI$366,ROUNDDOWN($C2448/24,0)+1,1))-1)+IF('Standard Profiles'!$G$19=$B$10,7,0)+IF('Standard Profiles'!$G$19=$B$17,14,0)+IF('Standard Profiles'!$G$19=$B$24,21,0),MOD($C2448,24)+1)/SUM(INDEX($D$3:$AA$30,INDEX(Jesper!$R$2:$R$366,ROW(INDEX(Jesper!AI$2:AI$366,ROUNDDOWN($C2448/24,0)+1,1))-1)+IF('Standard Profiles'!$G$19=$B$10,7,0)+IF('Standard Profiles'!$G$19=$B$17,14,0)+IF('Standard Profiles'!$G$19=$B$24,21,0),0)),0)</f>
        <v>33.401986041625698</v>
      </c>
      <c r="F2448" cm="1">
        <f t="array" ref="F2448">IFERROR(INDEX(Jesper!AJ$2:AJ$366,ROUNDDOWN($C2448/24,0)+1,1)*INDEX($D$3:$AA$30,INDEX(Jesper!$R$2:$R$366,ROW(INDEX(Jesper!AJ$2:AJ$366,ROUNDDOWN($C2448/24,0)+1,1))-1)+IF('Standard Profiles'!$G$20=$B$10,7,0)+IF('Standard Profiles'!$G$20=$B$17,14,0)+IF('Standard Profiles'!$G$20=$B$24,21,0),MOD($C2448,24)+1)/SUM(INDEX($D$3:$AA$30,INDEX(Jesper!$R$2:$R$366,ROW(INDEX(Jesper!AJ$2:AJ$366,ROUNDDOWN($C2448/24,0)+1,1))-1)+IF('Standard Profiles'!$G$20=$B$10,7,0)+IF('Standard Profiles'!$G$20=$B$17,14,0)+IF('Standard Profiles'!$G$20=$B$24,21,0),0)),0)</f>
        <v>0</v>
      </c>
      <c r="G2448" cm="1">
        <f t="array" ref="G2448">IFERROR(INDEX(Jesper!AK$2:AK$366,ROUNDDOWN($C2448/24,0)+1,1)*INDEX($D$3:$AA$30,INDEX(Jesper!$R$2:$R$366,ROW(INDEX(Jesper!AK$2:AK$366,ROUNDDOWN($C2448/24,0)+1,1))-1)+IF('Standard Profiles'!$G$21=$B$10,7,0)+IF('Standard Profiles'!$G$21=$B$17,14,0)+IF('Standard Profiles'!$G$21=$B$24,21,0),MOD($C2448,24)+1)/SUM(INDEX($D$3:$AA$30,INDEX(Jesper!$R$2:$R$366,ROW(INDEX(Jesper!AK$2:AK$366,ROUNDDOWN($C2448/24,0)+1,1))-1)+IF('Standard Profiles'!$G$21=$B$10,7,0)+IF('Standard Profiles'!$G$21=$B$17,14,0)+IF('Standard Profiles'!$G$21=$B$24,21,0),0)),0)</f>
        <v>18.735739927802403</v>
      </c>
      <c r="H2448" cm="1">
        <f t="array" ref="H2448">IFERROR(INDEX(Jesper!AL$2:AL$366,ROUNDDOWN($C2448/24,0)+1,1)*INDEX($D$3:$AA$30,INDEX(Jesper!$R$2:$R$366,ROW(INDEX(Jesper!AL$2:AL$366,ROUNDDOWN($C2448/24,0)+1,1))-1)+IF('Standard Profiles'!$G$22=$B$10,7,0)+IF('Standard Profiles'!$G$22=$B$17,14,0)+IF('Standard Profiles'!$G$22=$B$24,21,0),MOD($C2448,24)+1)/SUM(INDEX($D$3:$AA$30,INDEX(Jesper!$R$2:$R$366,ROW(INDEX(Jesper!AL$2:AL$366,ROUNDDOWN($C2448/24,0)+1,1))-1)+IF('Standard Profiles'!$G$22=$B$10,7,0)+IF('Standard Profiles'!$G$22=$B$17,14,0)+IF('Standard Profiles'!$G$22=$B$24,21,0),0)),0)</f>
        <v>0</v>
      </c>
      <c r="I2448">
        <f t="shared" si="279"/>
        <v>8.9931551653451489</v>
      </c>
      <c r="J2448">
        <f t="shared" si="280"/>
        <v>73.218604170248014</v>
      </c>
      <c r="K2448">
        <f t="shared" si="281"/>
        <v>3.8189248718939774</v>
      </c>
      <c r="L2448">
        <f t="shared" si="282"/>
        <v>1.9094624359469887</v>
      </c>
      <c r="M2448">
        <f t="shared" si="283"/>
        <v>0</v>
      </c>
      <c r="N2448" s="45">
        <f t="shared" si="284"/>
        <v>45027.583333327479</v>
      </c>
    </row>
    <row r="2449" spans="2:14" x14ac:dyDescent="0.25">
      <c r="B2449">
        <f t="shared" si="278"/>
        <v>2</v>
      </c>
      <c r="C2449" s="16">
        <v>2415</v>
      </c>
      <c r="D2449" cm="1">
        <f t="array" ref="D2449">IFERROR(INDEX(Jesper!AH$2:AH$366,ROUNDDOWN($C2449/24,0)+1,1)*INDEX($D$3:$AA$30,INDEX(Jesper!$R$2:$R$366,ROW(INDEX(Jesper!AH$2:AH$366,ROUNDDOWN($C2449/24,0)+1,1))-1)+IF('Standard Profiles'!$G$18=$B$10,7,0)+IF('Standard Profiles'!$G$18=$B$17,14,0)+IF('Standard Profiles'!$G$18=$B$24,21,0),MOD($C2449,24)+1)/SUM(INDEX($D$3:$AA$30,INDEX(Jesper!$R$2:$R$366,ROW(INDEX(Jesper!AH$2:AH$366,ROUNDDOWN($C2449/24,0)+1,1))-1)+IF('Standard Profiles'!$G$18=$B$10,7,0)+IF('Standard Profiles'!$G$18=$B$17,14,0)+IF('Standard Profiles'!$G$18=$B$24,21,0),0)),0)</f>
        <v>35.802420674006036</v>
      </c>
      <c r="E2449" cm="1">
        <f t="array" ref="E2449">IFERROR(INDEX(Jesper!AI$2:AI$366,ROUNDDOWN($C2449/24,0)+1,1)*INDEX($D$3:$AA$30,INDEX(Jesper!$R$2:$R$366,ROW(INDEX(Jesper!AI$2:AI$366,ROUNDDOWN($C2449/24,0)+1,1))-1)+IF('Standard Profiles'!$G$19=$B$10,7,0)+IF('Standard Profiles'!$G$19=$B$17,14,0)+IF('Standard Profiles'!$G$19=$B$24,21,0),MOD($C2449,24)+1)/SUM(INDEX($D$3:$AA$30,INDEX(Jesper!$R$2:$R$366,ROW(INDEX(Jesper!AI$2:AI$366,ROUNDDOWN($C2449/24,0)+1,1))-1)+IF('Standard Profiles'!$G$19=$B$10,7,0)+IF('Standard Profiles'!$G$19=$B$17,14,0)+IF('Standard Profiles'!$G$19=$B$24,21,0),0)),0)</f>
        <v>33.401986041625698</v>
      </c>
      <c r="F2449" cm="1">
        <f t="array" ref="F2449">IFERROR(INDEX(Jesper!AJ$2:AJ$366,ROUNDDOWN($C2449/24,0)+1,1)*INDEX($D$3:$AA$30,INDEX(Jesper!$R$2:$R$366,ROW(INDEX(Jesper!AJ$2:AJ$366,ROUNDDOWN($C2449/24,0)+1,1))-1)+IF('Standard Profiles'!$G$20=$B$10,7,0)+IF('Standard Profiles'!$G$20=$B$17,14,0)+IF('Standard Profiles'!$G$20=$B$24,21,0),MOD($C2449,24)+1)/SUM(INDEX($D$3:$AA$30,INDEX(Jesper!$R$2:$R$366,ROW(INDEX(Jesper!AJ$2:AJ$366,ROUNDDOWN($C2449/24,0)+1,1))-1)+IF('Standard Profiles'!$G$20=$B$10,7,0)+IF('Standard Profiles'!$G$20=$B$17,14,0)+IF('Standard Profiles'!$G$20=$B$24,21,0),0)),0)</f>
        <v>0</v>
      </c>
      <c r="G2449" cm="1">
        <f t="array" ref="G2449">IFERROR(INDEX(Jesper!AK$2:AK$366,ROUNDDOWN($C2449/24,0)+1,1)*INDEX($D$3:$AA$30,INDEX(Jesper!$R$2:$R$366,ROW(INDEX(Jesper!AK$2:AK$366,ROUNDDOWN($C2449/24,0)+1,1))-1)+IF('Standard Profiles'!$G$21=$B$10,7,0)+IF('Standard Profiles'!$G$21=$B$17,14,0)+IF('Standard Profiles'!$G$21=$B$24,21,0),MOD($C2449,24)+1)/SUM(INDEX($D$3:$AA$30,INDEX(Jesper!$R$2:$R$366,ROW(INDEX(Jesper!AK$2:AK$366,ROUNDDOWN($C2449/24,0)+1,1))-1)+IF('Standard Profiles'!$G$21=$B$10,7,0)+IF('Standard Profiles'!$G$21=$B$17,14,0)+IF('Standard Profiles'!$G$21=$B$24,21,0),0)),0)</f>
        <v>18.735739927802403</v>
      </c>
      <c r="H2449" cm="1">
        <f t="array" ref="H2449">IFERROR(INDEX(Jesper!AL$2:AL$366,ROUNDDOWN($C2449/24,0)+1,1)*INDEX($D$3:$AA$30,INDEX(Jesper!$R$2:$R$366,ROW(INDEX(Jesper!AL$2:AL$366,ROUNDDOWN($C2449/24,0)+1,1))-1)+IF('Standard Profiles'!$G$22=$B$10,7,0)+IF('Standard Profiles'!$G$22=$B$17,14,0)+IF('Standard Profiles'!$G$22=$B$24,21,0),MOD($C2449,24)+1)/SUM(INDEX($D$3:$AA$30,INDEX(Jesper!$R$2:$R$366,ROW(INDEX(Jesper!AL$2:AL$366,ROUNDDOWN($C2449/24,0)+1,1))-1)+IF('Standard Profiles'!$G$22=$B$10,7,0)+IF('Standard Profiles'!$G$22=$B$17,14,0)+IF('Standard Profiles'!$G$22=$B$24,21,0),0)),0)</f>
        <v>0</v>
      </c>
      <c r="I2449">
        <f t="shared" si="279"/>
        <v>8.9931551653451489</v>
      </c>
      <c r="J2449">
        <f t="shared" si="280"/>
        <v>73.218604170248014</v>
      </c>
      <c r="K2449">
        <f t="shared" si="281"/>
        <v>3.8189248718939774</v>
      </c>
      <c r="L2449">
        <f t="shared" si="282"/>
        <v>1.9094624359469887</v>
      </c>
      <c r="M2449">
        <f t="shared" si="283"/>
        <v>0</v>
      </c>
      <c r="N2449" s="45">
        <f t="shared" si="284"/>
        <v>45027.624999994143</v>
      </c>
    </row>
    <row r="2450" spans="2:14" x14ac:dyDescent="0.25">
      <c r="B2450">
        <f t="shared" si="278"/>
        <v>2</v>
      </c>
      <c r="C2450" s="16">
        <v>2416</v>
      </c>
      <c r="D2450" cm="1">
        <f t="array" ref="D2450">IFERROR(INDEX(Jesper!AH$2:AH$366,ROUNDDOWN($C2450/24,0)+1,1)*INDEX($D$3:$AA$30,INDEX(Jesper!$R$2:$R$366,ROW(INDEX(Jesper!AH$2:AH$366,ROUNDDOWN($C2450/24,0)+1,1))-1)+IF('Standard Profiles'!$G$18=$B$10,7,0)+IF('Standard Profiles'!$G$18=$B$17,14,0)+IF('Standard Profiles'!$G$18=$B$24,21,0),MOD($C2450,24)+1)/SUM(INDEX($D$3:$AA$30,INDEX(Jesper!$R$2:$R$366,ROW(INDEX(Jesper!AH$2:AH$366,ROUNDDOWN($C2450/24,0)+1,1))-1)+IF('Standard Profiles'!$G$18=$B$10,7,0)+IF('Standard Profiles'!$G$18=$B$17,14,0)+IF('Standard Profiles'!$G$18=$B$24,21,0),0)),0)</f>
        <v>21.097855040039274</v>
      </c>
      <c r="E2450" cm="1">
        <f t="array" ref="E2450">IFERROR(INDEX(Jesper!AI$2:AI$366,ROUNDDOWN($C2450/24,0)+1,1)*INDEX($D$3:$AA$30,INDEX(Jesper!$R$2:$R$366,ROW(INDEX(Jesper!AI$2:AI$366,ROUNDDOWN($C2450/24,0)+1,1))-1)+IF('Standard Profiles'!$G$19=$B$10,7,0)+IF('Standard Profiles'!$G$19=$B$17,14,0)+IF('Standard Profiles'!$G$19=$B$24,21,0),MOD($C2450,24)+1)/SUM(INDEX($D$3:$AA$30,INDEX(Jesper!$R$2:$R$366,ROW(INDEX(Jesper!AI$2:AI$366,ROUNDDOWN($C2450/24,0)+1,1))-1)+IF('Standard Profiles'!$G$19=$B$10,7,0)+IF('Standard Profiles'!$G$19=$B$17,14,0)+IF('Standard Profiles'!$G$19=$B$24,21,0),0)),0)</f>
        <v>19.683313203100859</v>
      </c>
      <c r="F2450" cm="1">
        <f t="array" ref="F2450">IFERROR(INDEX(Jesper!AJ$2:AJ$366,ROUNDDOWN($C2450/24,0)+1,1)*INDEX($D$3:$AA$30,INDEX(Jesper!$R$2:$R$366,ROW(INDEX(Jesper!AJ$2:AJ$366,ROUNDDOWN($C2450/24,0)+1,1))-1)+IF('Standard Profiles'!$G$20=$B$10,7,0)+IF('Standard Profiles'!$G$20=$B$17,14,0)+IF('Standard Profiles'!$G$20=$B$24,21,0),MOD($C2450,24)+1)/SUM(INDEX($D$3:$AA$30,INDEX(Jesper!$R$2:$R$366,ROW(INDEX(Jesper!AJ$2:AJ$366,ROUNDDOWN($C2450/24,0)+1,1))-1)+IF('Standard Profiles'!$G$20=$B$10,7,0)+IF('Standard Profiles'!$G$20=$B$17,14,0)+IF('Standard Profiles'!$G$20=$B$24,21,0),0)),0)</f>
        <v>0</v>
      </c>
      <c r="G2450" cm="1">
        <f t="array" ref="G2450">IFERROR(INDEX(Jesper!AK$2:AK$366,ROUNDDOWN($C2450/24,0)+1,1)*INDEX($D$3:$AA$30,INDEX(Jesper!$R$2:$R$366,ROW(INDEX(Jesper!AK$2:AK$366,ROUNDDOWN($C2450/24,0)+1,1))-1)+IF('Standard Profiles'!$G$21=$B$10,7,0)+IF('Standard Profiles'!$G$21=$B$17,14,0)+IF('Standard Profiles'!$G$21=$B$24,21,0),MOD($C2450,24)+1)/SUM(INDEX($D$3:$AA$30,INDEX(Jesper!$R$2:$R$366,ROW(INDEX(Jesper!AK$2:AK$366,ROUNDDOWN($C2450/24,0)+1,1))-1)+IF('Standard Profiles'!$G$21=$B$10,7,0)+IF('Standard Profiles'!$G$21=$B$17,14,0)+IF('Standard Profiles'!$G$21=$B$24,21,0),0)),0)</f>
        <v>15.660572887980731</v>
      </c>
      <c r="H2450" cm="1">
        <f t="array" ref="H2450">IFERROR(INDEX(Jesper!AL$2:AL$366,ROUNDDOWN($C2450/24,0)+1,1)*INDEX($D$3:$AA$30,INDEX(Jesper!$R$2:$R$366,ROW(INDEX(Jesper!AL$2:AL$366,ROUNDDOWN($C2450/24,0)+1,1))-1)+IF('Standard Profiles'!$G$22=$B$10,7,0)+IF('Standard Profiles'!$G$22=$B$17,14,0)+IF('Standard Profiles'!$G$22=$B$24,21,0),MOD($C2450,24)+1)/SUM(INDEX($D$3:$AA$30,INDEX(Jesper!$R$2:$R$366,ROW(INDEX(Jesper!AL$2:AL$366,ROUNDDOWN($C2450/24,0)+1,1))-1)+IF('Standard Profiles'!$G$22=$B$10,7,0)+IF('Standard Profiles'!$G$22=$B$17,14,0)+IF('Standard Profiles'!$G$22=$B$24,21,0),0)),0)</f>
        <v>0</v>
      </c>
      <c r="I2450">
        <f t="shared" si="279"/>
        <v>7.5170749862307469</v>
      </c>
      <c r="J2450">
        <f t="shared" si="280"/>
        <v>45.549009338483827</v>
      </c>
      <c r="K2450">
        <f t="shared" si="281"/>
        <v>2.2504378709375228</v>
      </c>
      <c r="L2450">
        <f t="shared" si="282"/>
        <v>1.1252189354687614</v>
      </c>
      <c r="M2450">
        <f t="shared" si="283"/>
        <v>0</v>
      </c>
      <c r="N2450" s="45">
        <f t="shared" si="284"/>
        <v>45027.666666660807</v>
      </c>
    </row>
    <row r="2451" spans="2:14" x14ac:dyDescent="0.25">
      <c r="B2451">
        <f t="shared" si="278"/>
        <v>2</v>
      </c>
      <c r="C2451" s="16">
        <v>2417</v>
      </c>
      <c r="D2451" cm="1">
        <f t="array" ref="D2451">IFERROR(INDEX(Jesper!AH$2:AH$366,ROUNDDOWN($C2451/24,0)+1,1)*INDEX($D$3:$AA$30,INDEX(Jesper!$R$2:$R$366,ROW(INDEX(Jesper!AH$2:AH$366,ROUNDDOWN($C2451/24,0)+1,1))-1)+IF('Standard Profiles'!$G$18=$B$10,7,0)+IF('Standard Profiles'!$G$18=$B$17,14,0)+IF('Standard Profiles'!$G$18=$B$24,21,0),MOD($C2451,24)+1)/SUM(INDEX($D$3:$AA$30,INDEX(Jesper!$R$2:$R$366,ROW(INDEX(Jesper!AH$2:AH$366,ROUNDDOWN($C2451/24,0)+1,1))-1)+IF('Standard Profiles'!$G$18=$B$10,7,0)+IF('Standard Profiles'!$G$18=$B$17,14,0)+IF('Standard Profiles'!$G$18=$B$24,21,0),0)),0)</f>
        <v>9.0046329662993063</v>
      </c>
      <c r="E2451" cm="1">
        <f t="array" ref="E2451">IFERROR(INDEX(Jesper!AI$2:AI$366,ROUNDDOWN($C2451/24,0)+1,1)*INDEX($D$3:$AA$30,INDEX(Jesper!$R$2:$R$366,ROW(INDEX(Jesper!AI$2:AI$366,ROUNDDOWN($C2451/24,0)+1,1))-1)+IF('Standard Profiles'!$G$19=$B$10,7,0)+IF('Standard Profiles'!$G$19=$B$17,14,0)+IF('Standard Profiles'!$G$19=$B$24,21,0),MOD($C2451,24)+1)/SUM(INDEX($D$3:$AA$30,INDEX(Jesper!$R$2:$R$366,ROW(INDEX(Jesper!AI$2:AI$366,ROUNDDOWN($C2451/24,0)+1,1))-1)+IF('Standard Profiles'!$G$19=$B$10,7,0)+IF('Standard Profiles'!$G$19=$B$17,14,0)+IF('Standard Profiles'!$G$19=$B$24,21,0),0)),0)</f>
        <v>8.4009019219380541</v>
      </c>
      <c r="F2451" cm="1">
        <f t="array" ref="F2451">IFERROR(INDEX(Jesper!AJ$2:AJ$366,ROUNDDOWN($C2451/24,0)+1,1)*INDEX($D$3:$AA$30,INDEX(Jesper!$R$2:$R$366,ROW(INDEX(Jesper!AJ$2:AJ$366,ROUNDDOWN($C2451/24,0)+1,1))-1)+IF('Standard Profiles'!$G$20=$B$10,7,0)+IF('Standard Profiles'!$G$20=$B$17,14,0)+IF('Standard Profiles'!$G$20=$B$24,21,0),MOD($C2451,24)+1)/SUM(INDEX($D$3:$AA$30,INDEX(Jesper!$R$2:$R$366,ROW(INDEX(Jesper!AJ$2:AJ$366,ROUNDDOWN($C2451/24,0)+1,1))-1)+IF('Standard Profiles'!$G$20=$B$10,7,0)+IF('Standard Profiles'!$G$20=$B$17,14,0)+IF('Standard Profiles'!$G$20=$B$24,21,0),0)),0)</f>
        <v>0</v>
      </c>
      <c r="G2451" cm="1">
        <f t="array" ref="G2451">IFERROR(INDEX(Jesper!AK$2:AK$366,ROUNDDOWN($C2451/24,0)+1,1)*INDEX($D$3:$AA$30,INDEX(Jesper!$R$2:$R$366,ROW(INDEX(Jesper!AK$2:AK$366,ROUNDDOWN($C2451/24,0)+1,1))-1)+IF('Standard Profiles'!$G$21=$B$10,7,0)+IF('Standard Profiles'!$G$21=$B$17,14,0)+IF('Standard Profiles'!$G$21=$B$24,21,0),MOD($C2451,24)+1)/SUM(INDEX($D$3:$AA$30,INDEX(Jesper!$R$2:$R$366,ROW(INDEX(Jesper!AK$2:AK$366,ROUNDDOWN($C2451/24,0)+1,1))-1)+IF('Standard Profiles'!$G$21=$B$10,7,0)+IF('Standard Profiles'!$G$21=$B$17,14,0)+IF('Standard Profiles'!$G$21=$B$24,21,0),0)),0)</f>
        <v>12.443037003722871</v>
      </c>
      <c r="H2451" cm="1">
        <f t="array" ref="H2451">IFERROR(INDEX(Jesper!AL$2:AL$366,ROUNDDOWN($C2451/24,0)+1,1)*INDEX($D$3:$AA$30,INDEX(Jesper!$R$2:$R$366,ROW(INDEX(Jesper!AL$2:AL$366,ROUNDDOWN($C2451/24,0)+1,1))-1)+IF('Standard Profiles'!$G$22=$B$10,7,0)+IF('Standard Profiles'!$G$22=$B$17,14,0)+IF('Standard Profiles'!$G$22=$B$24,21,0),MOD($C2451,24)+1)/SUM(INDEX($D$3:$AA$30,INDEX(Jesper!$R$2:$R$366,ROW(INDEX(Jesper!AL$2:AL$366,ROUNDDOWN($C2451/24,0)+1,1))-1)+IF('Standard Profiles'!$G$22=$B$10,7,0)+IF('Standard Profiles'!$G$22=$B$17,14,0)+IF('Standard Profiles'!$G$22=$B$24,21,0),0)),0)</f>
        <v>0</v>
      </c>
      <c r="I2451">
        <f t="shared" si="279"/>
        <v>5.9726577617869756</v>
      </c>
      <c r="J2451">
        <f t="shared" si="280"/>
        <v>22.435172855565366</v>
      </c>
      <c r="K2451">
        <f t="shared" si="281"/>
        <v>0.96049418307192602</v>
      </c>
      <c r="L2451">
        <f t="shared" si="282"/>
        <v>0.48024709153596301</v>
      </c>
      <c r="M2451">
        <f t="shared" si="283"/>
        <v>0</v>
      </c>
      <c r="N2451" s="45">
        <f t="shared" si="284"/>
        <v>45027.708333327471</v>
      </c>
    </row>
    <row r="2452" spans="2:14" x14ac:dyDescent="0.25">
      <c r="B2452">
        <f t="shared" si="278"/>
        <v>2</v>
      </c>
      <c r="C2452" s="16">
        <v>2418</v>
      </c>
      <c r="D2452" cm="1">
        <f t="array" ref="D2452">IFERROR(INDEX(Jesper!AH$2:AH$366,ROUNDDOWN($C2452/24,0)+1,1)*INDEX($D$3:$AA$30,INDEX(Jesper!$R$2:$R$366,ROW(INDEX(Jesper!AH$2:AH$366,ROUNDDOWN($C2452/24,0)+1,1))-1)+IF('Standard Profiles'!$G$18=$B$10,7,0)+IF('Standard Profiles'!$G$18=$B$17,14,0)+IF('Standard Profiles'!$G$18=$B$24,21,0),MOD($C2452,24)+1)/SUM(INDEX($D$3:$AA$30,INDEX(Jesper!$R$2:$R$366,ROW(INDEX(Jesper!AH$2:AH$366,ROUNDDOWN($C2452/24,0)+1,1))-1)+IF('Standard Profiles'!$G$18=$B$10,7,0)+IF('Standard Profiles'!$G$18=$B$17,14,0)+IF('Standard Profiles'!$G$18=$B$24,21,0),0)),0)</f>
        <v>5.9430577577575416</v>
      </c>
      <c r="E2452" cm="1">
        <f t="array" ref="E2452">IFERROR(INDEX(Jesper!AI$2:AI$366,ROUNDDOWN($C2452/24,0)+1,1)*INDEX($D$3:$AA$30,INDEX(Jesper!$R$2:$R$366,ROW(INDEX(Jesper!AI$2:AI$366,ROUNDDOWN($C2452/24,0)+1,1))-1)+IF('Standard Profiles'!$G$19=$B$10,7,0)+IF('Standard Profiles'!$G$19=$B$17,14,0)+IF('Standard Profiles'!$G$19=$B$24,21,0),MOD($C2452,24)+1)/SUM(INDEX($D$3:$AA$30,INDEX(Jesper!$R$2:$R$366,ROW(INDEX(Jesper!AI$2:AI$366,ROUNDDOWN($C2452/24,0)+1,1))-1)+IF('Standard Profiles'!$G$19=$B$10,7,0)+IF('Standard Profiles'!$G$19=$B$17,14,0)+IF('Standard Profiles'!$G$19=$B$24,21,0),0)),0)</f>
        <v>5.5445952684791155</v>
      </c>
      <c r="F2452" cm="1">
        <f t="array" ref="F2452">IFERROR(INDEX(Jesper!AJ$2:AJ$366,ROUNDDOWN($C2452/24,0)+1,1)*INDEX($D$3:$AA$30,INDEX(Jesper!$R$2:$R$366,ROW(INDEX(Jesper!AJ$2:AJ$366,ROUNDDOWN($C2452/24,0)+1,1))-1)+IF('Standard Profiles'!$G$20=$B$10,7,0)+IF('Standard Profiles'!$G$20=$B$17,14,0)+IF('Standard Profiles'!$G$20=$B$24,21,0),MOD($C2452,24)+1)/SUM(INDEX($D$3:$AA$30,INDEX(Jesper!$R$2:$R$366,ROW(INDEX(Jesper!AJ$2:AJ$366,ROUNDDOWN($C2452/24,0)+1,1))-1)+IF('Standard Profiles'!$G$20=$B$10,7,0)+IF('Standard Profiles'!$G$20=$B$17,14,0)+IF('Standard Profiles'!$G$20=$B$24,21,0),0)),0)</f>
        <v>0</v>
      </c>
      <c r="G2452" cm="1">
        <f t="array" ref="G2452">IFERROR(INDEX(Jesper!AK$2:AK$366,ROUNDDOWN($C2452/24,0)+1,1)*INDEX($D$3:$AA$30,INDEX(Jesper!$R$2:$R$366,ROW(INDEX(Jesper!AK$2:AK$366,ROUNDDOWN($C2452/24,0)+1,1))-1)+IF('Standard Profiles'!$G$21=$B$10,7,0)+IF('Standard Profiles'!$G$21=$B$17,14,0)+IF('Standard Profiles'!$G$21=$B$24,21,0),MOD($C2452,24)+1)/SUM(INDEX($D$3:$AA$30,INDEX(Jesper!$R$2:$R$366,ROW(INDEX(Jesper!AK$2:AK$366,ROUNDDOWN($C2452/24,0)+1,1))-1)+IF('Standard Profiles'!$G$21=$B$10,7,0)+IF('Standard Profiles'!$G$21=$B$17,14,0)+IF('Standard Profiles'!$G$21=$B$24,21,0),0)),0)</f>
        <v>4.4134341775218422</v>
      </c>
      <c r="H2452" cm="1">
        <f t="array" ref="H2452">IFERROR(INDEX(Jesper!AL$2:AL$366,ROUNDDOWN($C2452/24,0)+1,1)*INDEX($D$3:$AA$30,INDEX(Jesper!$R$2:$R$366,ROW(INDEX(Jesper!AL$2:AL$366,ROUNDDOWN($C2452/24,0)+1,1))-1)+IF('Standard Profiles'!$G$22=$B$10,7,0)+IF('Standard Profiles'!$G$22=$B$17,14,0)+IF('Standard Profiles'!$G$22=$B$24,21,0),MOD($C2452,24)+1)/SUM(INDEX($D$3:$AA$30,INDEX(Jesper!$R$2:$R$366,ROW(INDEX(Jesper!AL$2:AL$366,ROUNDDOWN($C2452/24,0)+1,1))-1)+IF('Standard Profiles'!$G$22=$B$10,7,0)+IF('Standard Profiles'!$G$22=$B$17,14,0)+IF('Standard Profiles'!$G$22=$B$24,21,0),0)),0)</f>
        <v>0</v>
      </c>
      <c r="I2452">
        <f t="shared" si="279"/>
        <v>2.1184484052104833</v>
      </c>
      <c r="J2452">
        <f t="shared" si="280"/>
        <v>12.831749557306809</v>
      </c>
      <c r="K2452">
        <f t="shared" si="281"/>
        <v>0.63392616082747111</v>
      </c>
      <c r="L2452">
        <f t="shared" si="282"/>
        <v>0.31696308041373555</v>
      </c>
      <c r="M2452">
        <f t="shared" si="283"/>
        <v>0</v>
      </c>
      <c r="N2452" s="45">
        <f t="shared" si="284"/>
        <v>45027.749999994136</v>
      </c>
    </row>
    <row r="2453" spans="2:14" x14ac:dyDescent="0.25">
      <c r="B2453">
        <f t="shared" si="278"/>
        <v>2</v>
      </c>
      <c r="C2453" s="16">
        <v>2419</v>
      </c>
      <c r="D2453" cm="1">
        <f t="array" ref="D2453">IFERROR(INDEX(Jesper!AH$2:AH$366,ROUNDDOWN($C2453/24,0)+1,1)*INDEX($D$3:$AA$30,INDEX(Jesper!$R$2:$R$366,ROW(INDEX(Jesper!AH$2:AH$366,ROUNDDOWN($C2453/24,0)+1,1))-1)+IF('Standard Profiles'!$G$18=$B$10,7,0)+IF('Standard Profiles'!$G$18=$B$17,14,0)+IF('Standard Profiles'!$G$18=$B$24,21,0),MOD($C2453,24)+1)/SUM(INDEX($D$3:$AA$30,INDEX(Jesper!$R$2:$R$366,ROW(INDEX(Jesper!AH$2:AH$366,ROUNDDOWN($C2453/24,0)+1,1))-1)+IF('Standard Profiles'!$G$18=$B$10,7,0)+IF('Standard Profiles'!$G$18=$B$17,14,0)+IF('Standard Profiles'!$G$18=$B$24,21,0),0)),0)</f>
        <v>5.9430577577575416</v>
      </c>
      <c r="E2453" cm="1">
        <f t="array" ref="E2453">IFERROR(INDEX(Jesper!AI$2:AI$366,ROUNDDOWN($C2453/24,0)+1,1)*INDEX($D$3:$AA$30,INDEX(Jesper!$R$2:$R$366,ROW(INDEX(Jesper!AI$2:AI$366,ROUNDDOWN($C2453/24,0)+1,1))-1)+IF('Standard Profiles'!$G$19=$B$10,7,0)+IF('Standard Profiles'!$G$19=$B$17,14,0)+IF('Standard Profiles'!$G$19=$B$24,21,0),MOD($C2453,24)+1)/SUM(INDEX($D$3:$AA$30,INDEX(Jesper!$R$2:$R$366,ROW(INDEX(Jesper!AI$2:AI$366,ROUNDDOWN($C2453/24,0)+1,1))-1)+IF('Standard Profiles'!$G$19=$B$10,7,0)+IF('Standard Profiles'!$G$19=$B$17,14,0)+IF('Standard Profiles'!$G$19=$B$24,21,0),0)),0)</f>
        <v>5.5445952684791155</v>
      </c>
      <c r="F2453" cm="1">
        <f t="array" ref="F2453">IFERROR(INDEX(Jesper!AJ$2:AJ$366,ROUNDDOWN($C2453/24,0)+1,1)*INDEX($D$3:$AA$30,INDEX(Jesper!$R$2:$R$366,ROW(INDEX(Jesper!AJ$2:AJ$366,ROUNDDOWN($C2453/24,0)+1,1))-1)+IF('Standard Profiles'!$G$20=$B$10,7,0)+IF('Standard Profiles'!$G$20=$B$17,14,0)+IF('Standard Profiles'!$G$20=$B$24,21,0),MOD($C2453,24)+1)/SUM(INDEX($D$3:$AA$30,INDEX(Jesper!$R$2:$R$366,ROW(INDEX(Jesper!AJ$2:AJ$366,ROUNDDOWN($C2453/24,0)+1,1))-1)+IF('Standard Profiles'!$G$20=$B$10,7,0)+IF('Standard Profiles'!$G$20=$B$17,14,0)+IF('Standard Profiles'!$G$20=$B$24,21,0),0)),0)</f>
        <v>0</v>
      </c>
      <c r="G2453" cm="1">
        <f t="array" ref="G2453">IFERROR(INDEX(Jesper!AK$2:AK$366,ROUNDDOWN($C2453/24,0)+1,1)*INDEX($D$3:$AA$30,INDEX(Jesper!$R$2:$R$366,ROW(INDEX(Jesper!AK$2:AK$366,ROUNDDOWN($C2453/24,0)+1,1))-1)+IF('Standard Profiles'!$G$21=$B$10,7,0)+IF('Standard Profiles'!$G$21=$B$17,14,0)+IF('Standard Profiles'!$G$21=$B$24,21,0),MOD($C2453,24)+1)/SUM(INDEX($D$3:$AA$30,INDEX(Jesper!$R$2:$R$366,ROW(INDEX(Jesper!AK$2:AK$366,ROUNDDOWN($C2453/24,0)+1,1))-1)+IF('Standard Profiles'!$G$21=$B$10,7,0)+IF('Standard Profiles'!$G$21=$B$17,14,0)+IF('Standard Profiles'!$G$21=$B$24,21,0),0)),0)</f>
        <v>4.4134341775218422</v>
      </c>
      <c r="H2453" cm="1">
        <f t="array" ref="H2453">IFERROR(INDEX(Jesper!AL$2:AL$366,ROUNDDOWN($C2453/24,0)+1,1)*INDEX($D$3:$AA$30,INDEX(Jesper!$R$2:$R$366,ROW(INDEX(Jesper!AL$2:AL$366,ROUNDDOWN($C2453/24,0)+1,1))-1)+IF('Standard Profiles'!$G$22=$B$10,7,0)+IF('Standard Profiles'!$G$22=$B$17,14,0)+IF('Standard Profiles'!$G$22=$B$24,21,0),MOD($C2453,24)+1)/SUM(INDEX($D$3:$AA$30,INDEX(Jesper!$R$2:$R$366,ROW(INDEX(Jesper!AL$2:AL$366,ROUNDDOWN($C2453/24,0)+1,1))-1)+IF('Standard Profiles'!$G$22=$B$10,7,0)+IF('Standard Profiles'!$G$22=$B$17,14,0)+IF('Standard Profiles'!$G$22=$B$24,21,0),0)),0)</f>
        <v>0</v>
      </c>
      <c r="I2453">
        <f t="shared" si="279"/>
        <v>2.1184484052104833</v>
      </c>
      <c r="J2453">
        <f t="shared" si="280"/>
        <v>12.831749557306809</v>
      </c>
      <c r="K2453">
        <f t="shared" si="281"/>
        <v>0.63392616082747111</v>
      </c>
      <c r="L2453">
        <f t="shared" si="282"/>
        <v>0.31696308041373555</v>
      </c>
      <c r="M2453">
        <f t="shared" si="283"/>
        <v>0</v>
      </c>
      <c r="N2453" s="45">
        <f t="shared" si="284"/>
        <v>45027.7916666608</v>
      </c>
    </row>
    <row r="2454" spans="2:14" x14ac:dyDescent="0.25">
      <c r="B2454">
        <f t="shared" si="278"/>
        <v>2</v>
      </c>
      <c r="C2454" s="16">
        <v>2420</v>
      </c>
      <c r="D2454" cm="1">
        <f t="array" ref="D2454">IFERROR(INDEX(Jesper!AH$2:AH$366,ROUNDDOWN($C2454/24,0)+1,1)*INDEX($D$3:$AA$30,INDEX(Jesper!$R$2:$R$366,ROW(INDEX(Jesper!AH$2:AH$366,ROUNDDOWN($C2454/24,0)+1,1))-1)+IF('Standard Profiles'!$G$18=$B$10,7,0)+IF('Standard Profiles'!$G$18=$B$17,14,0)+IF('Standard Profiles'!$G$18=$B$24,21,0),MOD($C2454,24)+1)/SUM(INDEX($D$3:$AA$30,INDEX(Jesper!$R$2:$R$366,ROW(INDEX(Jesper!AH$2:AH$366,ROUNDDOWN($C2454/24,0)+1,1))-1)+IF('Standard Profiles'!$G$18=$B$10,7,0)+IF('Standard Profiles'!$G$18=$B$17,14,0)+IF('Standard Profiles'!$G$18=$B$24,21,0),0)),0)</f>
        <v>5.9430577577575416</v>
      </c>
      <c r="E2454" cm="1">
        <f t="array" ref="E2454">IFERROR(INDEX(Jesper!AI$2:AI$366,ROUNDDOWN($C2454/24,0)+1,1)*INDEX($D$3:$AA$30,INDEX(Jesper!$R$2:$R$366,ROW(INDEX(Jesper!AI$2:AI$366,ROUNDDOWN($C2454/24,0)+1,1))-1)+IF('Standard Profiles'!$G$19=$B$10,7,0)+IF('Standard Profiles'!$G$19=$B$17,14,0)+IF('Standard Profiles'!$G$19=$B$24,21,0),MOD($C2454,24)+1)/SUM(INDEX($D$3:$AA$30,INDEX(Jesper!$R$2:$R$366,ROW(INDEX(Jesper!AI$2:AI$366,ROUNDDOWN($C2454/24,0)+1,1))-1)+IF('Standard Profiles'!$G$19=$B$10,7,0)+IF('Standard Profiles'!$G$19=$B$17,14,0)+IF('Standard Profiles'!$G$19=$B$24,21,0),0)),0)</f>
        <v>5.5445952684791155</v>
      </c>
      <c r="F2454" cm="1">
        <f t="array" ref="F2454">IFERROR(INDEX(Jesper!AJ$2:AJ$366,ROUNDDOWN($C2454/24,0)+1,1)*INDEX($D$3:$AA$30,INDEX(Jesper!$R$2:$R$366,ROW(INDEX(Jesper!AJ$2:AJ$366,ROUNDDOWN($C2454/24,0)+1,1))-1)+IF('Standard Profiles'!$G$20=$B$10,7,0)+IF('Standard Profiles'!$G$20=$B$17,14,0)+IF('Standard Profiles'!$G$20=$B$24,21,0),MOD($C2454,24)+1)/SUM(INDEX($D$3:$AA$30,INDEX(Jesper!$R$2:$R$366,ROW(INDEX(Jesper!AJ$2:AJ$366,ROUNDDOWN($C2454/24,0)+1,1))-1)+IF('Standard Profiles'!$G$20=$B$10,7,0)+IF('Standard Profiles'!$G$20=$B$17,14,0)+IF('Standard Profiles'!$G$20=$B$24,21,0),0)),0)</f>
        <v>0</v>
      </c>
      <c r="G2454" cm="1">
        <f t="array" ref="G2454">IFERROR(INDEX(Jesper!AK$2:AK$366,ROUNDDOWN($C2454/24,0)+1,1)*INDEX($D$3:$AA$30,INDEX(Jesper!$R$2:$R$366,ROW(INDEX(Jesper!AK$2:AK$366,ROUNDDOWN($C2454/24,0)+1,1))-1)+IF('Standard Profiles'!$G$21=$B$10,7,0)+IF('Standard Profiles'!$G$21=$B$17,14,0)+IF('Standard Profiles'!$G$21=$B$24,21,0),MOD($C2454,24)+1)/SUM(INDEX($D$3:$AA$30,INDEX(Jesper!$R$2:$R$366,ROW(INDEX(Jesper!AK$2:AK$366,ROUNDDOWN($C2454/24,0)+1,1))-1)+IF('Standard Profiles'!$G$21=$B$10,7,0)+IF('Standard Profiles'!$G$21=$B$17,14,0)+IF('Standard Profiles'!$G$21=$B$24,21,0),0)),0)</f>
        <v>4.4134341775218422</v>
      </c>
      <c r="H2454" cm="1">
        <f t="array" ref="H2454">IFERROR(INDEX(Jesper!AL$2:AL$366,ROUNDDOWN($C2454/24,0)+1,1)*INDEX($D$3:$AA$30,INDEX(Jesper!$R$2:$R$366,ROW(INDEX(Jesper!AL$2:AL$366,ROUNDDOWN($C2454/24,0)+1,1))-1)+IF('Standard Profiles'!$G$22=$B$10,7,0)+IF('Standard Profiles'!$G$22=$B$17,14,0)+IF('Standard Profiles'!$G$22=$B$24,21,0),MOD($C2454,24)+1)/SUM(INDEX($D$3:$AA$30,INDEX(Jesper!$R$2:$R$366,ROW(INDEX(Jesper!AL$2:AL$366,ROUNDDOWN($C2454/24,0)+1,1))-1)+IF('Standard Profiles'!$G$22=$B$10,7,0)+IF('Standard Profiles'!$G$22=$B$17,14,0)+IF('Standard Profiles'!$G$22=$B$24,21,0),0)),0)</f>
        <v>0</v>
      </c>
      <c r="I2454">
        <f t="shared" si="279"/>
        <v>2.1184484052104833</v>
      </c>
      <c r="J2454">
        <f t="shared" si="280"/>
        <v>12.831749557306809</v>
      </c>
      <c r="K2454">
        <f t="shared" si="281"/>
        <v>0.63392616082747111</v>
      </c>
      <c r="L2454">
        <f t="shared" si="282"/>
        <v>0.31696308041373555</v>
      </c>
      <c r="M2454">
        <f t="shared" si="283"/>
        <v>0</v>
      </c>
      <c r="N2454" s="45">
        <f t="shared" si="284"/>
        <v>45027.833333327464</v>
      </c>
    </row>
    <row r="2455" spans="2:14" x14ac:dyDescent="0.25">
      <c r="B2455">
        <f t="shared" si="278"/>
        <v>2</v>
      </c>
      <c r="C2455" s="16">
        <v>2421</v>
      </c>
      <c r="D2455" cm="1">
        <f t="array" ref="D2455">IFERROR(INDEX(Jesper!AH$2:AH$366,ROUNDDOWN($C2455/24,0)+1,1)*INDEX($D$3:$AA$30,INDEX(Jesper!$R$2:$R$366,ROW(INDEX(Jesper!AH$2:AH$366,ROUNDDOWN($C2455/24,0)+1,1))-1)+IF('Standard Profiles'!$G$18=$B$10,7,0)+IF('Standard Profiles'!$G$18=$B$17,14,0)+IF('Standard Profiles'!$G$18=$B$24,21,0),MOD($C2455,24)+1)/SUM(INDEX($D$3:$AA$30,INDEX(Jesper!$R$2:$R$366,ROW(INDEX(Jesper!AH$2:AH$366,ROUNDDOWN($C2455/24,0)+1,1))-1)+IF('Standard Profiles'!$G$18=$B$10,7,0)+IF('Standard Profiles'!$G$18=$B$17,14,0)+IF('Standard Profiles'!$G$18=$B$24,21,0),0)),0)</f>
        <v>5.9430577577575416</v>
      </c>
      <c r="E2455" cm="1">
        <f t="array" ref="E2455">IFERROR(INDEX(Jesper!AI$2:AI$366,ROUNDDOWN($C2455/24,0)+1,1)*INDEX($D$3:$AA$30,INDEX(Jesper!$R$2:$R$366,ROW(INDEX(Jesper!AI$2:AI$366,ROUNDDOWN($C2455/24,0)+1,1))-1)+IF('Standard Profiles'!$G$19=$B$10,7,0)+IF('Standard Profiles'!$G$19=$B$17,14,0)+IF('Standard Profiles'!$G$19=$B$24,21,0),MOD($C2455,24)+1)/SUM(INDEX($D$3:$AA$30,INDEX(Jesper!$R$2:$R$366,ROW(INDEX(Jesper!AI$2:AI$366,ROUNDDOWN($C2455/24,0)+1,1))-1)+IF('Standard Profiles'!$G$19=$B$10,7,0)+IF('Standard Profiles'!$G$19=$B$17,14,0)+IF('Standard Profiles'!$G$19=$B$24,21,0),0)),0)</f>
        <v>5.5445952684791155</v>
      </c>
      <c r="F2455" cm="1">
        <f t="array" ref="F2455">IFERROR(INDEX(Jesper!AJ$2:AJ$366,ROUNDDOWN($C2455/24,0)+1,1)*INDEX($D$3:$AA$30,INDEX(Jesper!$R$2:$R$366,ROW(INDEX(Jesper!AJ$2:AJ$366,ROUNDDOWN($C2455/24,0)+1,1))-1)+IF('Standard Profiles'!$G$20=$B$10,7,0)+IF('Standard Profiles'!$G$20=$B$17,14,0)+IF('Standard Profiles'!$G$20=$B$24,21,0),MOD($C2455,24)+1)/SUM(INDEX($D$3:$AA$30,INDEX(Jesper!$R$2:$R$366,ROW(INDEX(Jesper!AJ$2:AJ$366,ROUNDDOWN($C2455/24,0)+1,1))-1)+IF('Standard Profiles'!$G$20=$B$10,7,0)+IF('Standard Profiles'!$G$20=$B$17,14,0)+IF('Standard Profiles'!$G$20=$B$24,21,0),0)),0)</f>
        <v>0</v>
      </c>
      <c r="G2455" cm="1">
        <f t="array" ref="G2455">IFERROR(INDEX(Jesper!AK$2:AK$366,ROUNDDOWN($C2455/24,0)+1,1)*INDEX($D$3:$AA$30,INDEX(Jesper!$R$2:$R$366,ROW(INDEX(Jesper!AK$2:AK$366,ROUNDDOWN($C2455/24,0)+1,1))-1)+IF('Standard Profiles'!$G$21=$B$10,7,0)+IF('Standard Profiles'!$G$21=$B$17,14,0)+IF('Standard Profiles'!$G$21=$B$24,21,0),MOD($C2455,24)+1)/SUM(INDEX($D$3:$AA$30,INDEX(Jesper!$R$2:$R$366,ROW(INDEX(Jesper!AK$2:AK$366,ROUNDDOWN($C2455/24,0)+1,1))-1)+IF('Standard Profiles'!$G$21=$B$10,7,0)+IF('Standard Profiles'!$G$21=$B$17,14,0)+IF('Standard Profiles'!$G$21=$B$24,21,0),0)),0)</f>
        <v>4.4134341775218422</v>
      </c>
      <c r="H2455" cm="1">
        <f t="array" ref="H2455">IFERROR(INDEX(Jesper!AL$2:AL$366,ROUNDDOWN($C2455/24,0)+1,1)*INDEX($D$3:$AA$30,INDEX(Jesper!$R$2:$R$366,ROW(INDEX(Jesper!AL$2:AL$366,ROUNDDOWN($C2455/24,0)+1,1))-1)+IF('Standard Profiles'!$G$22=$B$10,7,0)+IF('Standard Profiles'!$G$22=$B$17,14,0)+IF('Standard Profiles'!$G$22=$B$24,21,0),MOD($C2455,24)+1)/SUM(INDEX($D$3:$AA$30,INDEX(Jesper!$R$2:$R$366,ROW(INDEX(Jesper!AL$2:AL$366,ROUNDDOWN($C2455/24,0)+1,1))-1)+IF('Standard Profiles'!$G$22=$B$10,7,0)+IF('Standard Profiles'!$G$22=$B$17,14,0)+IF('Standard Profiles'!$G$22=$B$24,21,0),0)),0)</f>
        <v>0</v>
      </c>
      <c r="I2455">
        <f t="shared" si="279"/>
        <v>2.1184484052104833</v>
      </c>
      <c r="J2455">
        <f t="shared" si="280"/>
        <v>12.831749557306809</v>
      </c>
      <c r="K2455">
        <f t="shared" si="281"/>
        <v>0.63392616082747111</v>
      </c>
      <c r="L2455">
        <f t="shared" si="282"/>
        <v>0.31696308041373555</v>
      </c>
      <c r="M2455">
        <f t="shared" si="283"/>
        <v>0</v>
      </c>
      <c r="N2455" s="45">
        <f t="shared" si="284"/>
        <v>45027.874999994128</v>
      </c>
    </row>
    <row r="2456" spans="2:14" x14ac:dyDescent="0.25">
      <c r="B2456">
        <f t="shared" si="278"/>
        <v>2</v>
      </c>
      <c r="C2456" s="16">
        <v>2422</v>
      </c>
      <c r="D2456" cm="1">
        <f t="array" ref="D2456">IFERROR(INDEX(Jesper!AH$2:AH$366,ROUNDDOWN($C2456/24,0)+1,1)*INDEX($D$3:$AA$30,INDEX(Jesper!$R$2:$R$366,ROW(INDEX(Jesper!AH$2:AH$366,ROUNDDOWN($C2456/24,0)+1,1))-1)+IF('Standard Profiles'!$G$18=$B$10,7,0)+IF('Standard Profiles'!$G$18=$B$17,14,0)+IF('Standard Profiles'!$G$18=$B$24,21,0),MOD($C2456,24)+1)/SUM(INDEX($D$3:$AA$30,INDEX(Jesper!$R$2:$R$366,ROW(INDEX(Jesper!AH$2:AH$366,ROUNDDOWN($C2456/24,0)+1,1))-1)+IF('Standard Profiles'!$G$18=$B$10,7,0)+IF('Standard Profiles'!$G$18=$B$17,14,0)+IF('Standard Profiles'!$G$18=$B$24,21,0),0)),0)</f>
        <v>5.9430577577575416</v>
      </c>
      <c r="E2456" cm="1">
        <f t="array" ref="E2456">IFERROR(INDEX(Jesper!AI$2:AI$366,ROUNDDOWN($C2456/24,0)+1,1)*INDEX($D$3:$AA$30,INDEX(Jesper!$R$2:$R$366,ROW(INDEX(Jesper!AI$2:AI$366,ROUNDDOWN($C2456/24,0)+1,1))-1)+IF('Standard Profiles'!$G$19=$B$10,7,0)+IF('Standard Profiles'!$G$19=$B$17,14,0)+IF('Standard Profiles'!$G$19=$B$24,21,0),MOD($C2456,24)+1)/SUM(INDEX($D$3:$AA$30,INDEX(Jesper!$R$2:$R$366,ROW(INDEX(Jesper!AI$2:AI$366,ROUNDDOWN($C2456/24,0)+1,1))-1)+IF('Standard Profiles'!$G$19=$B$10,7,0)+IF('Standard Profiles'!$G$19=$B$17,14,0)+IF('Standard Profiles'!$G$19=$B$24,21,0),0)),0)</f>
        <v>5.5445952684791155</v>
      </c>
      <c r="F2456" cm="1">
        <f t="array" ref="F2456">IFERROR(INDEX(Jesper!AJ$2:AJ$366,ROUNDDOWN($C2456/24,0)+1,1)*INDEX($D$3:$AA$30,INDEX(Jesper!$R$2:$R$366,ROW(INDEX(Jesper!AJ$2:AJ$366,ROUNDDOWN($C2456/24,0)+1,1))-1)+IF('Standard Profiles'!$G$20=$B$10,7,0)+IF('Standard Profiles'!$G$20=$B$17,14,0)+IF('Standard Profiles'!$G$20=$B$24,21,0),MOD($C2456,24)+1)/SUM(INDEX($D$3:$AA$30,INDEX(Jesper!$R$2:$R$366,ROW(INDEX(Jesper!AJ$2:AJ$366,ROUNDDOWN($C2456/24,0)+1,1))-1)+IF('Standard Profiles'!$G$20=$B$10,7,0)+IF('Standard Profiles'!$G$20=$B$17,14,0)+IF('Standard Profiles'!$G$20=$B$24,21,0),0)),0)</f>
        <v>0</v>
      </c>
      <c r="G2456" cm="1">
        <f t="array" ref="G2456">IFERROR(INDEX(Jesper!AK$2:AK$366,ROUNDDOWN($C2456/24,0)+1,1)*INDEX($D$3:$AA$30,INDEX(Jesper!$R$2:$R$366,ROW(INDEX(Jesper!AK$2:AK$366,ROUNDDOWN($C2456/24,0)+1,1))-1)+IF('Standard Profiles'!$G$21=$B$10,7,0)+IF('Standard Profiles'!$G$21=$B$17,14,0)+IF('Standard Profiles'!$G$21=$B$24,21,0),MOD($C2456,24)+1)/SUM(INDEX($D$3:$AA$30,INDEX(Jesper!$R$2:$R$366,ROW(INDEX(Jesper!AK$2:AK$366,ROUNDDOWN($C2456/24,0)+1,1))-1)+IF('Standard Profiles'!$G$21=$B$10,7,0)+IF('Standard Profiles'!$G$21=$B$17,14,0)+IF('Standard Profiles'!$G$21=$B$24,21,0),0)),0)</f>
        <v>4.4134341775218422</v>
      </c>
      <c r="H2456" cm="1">
        <f t="array" ref="H2456">IFERROR(INDEX(Jesper!AL$2:AL$366,ROUNDDOWN($C2456/24,0)+1,1)*INDEX($D$3:$AA$30,INDEX(Jesper!$R$2:$R$366,ROW(INDEX(Jesper!AL$2:AL$366,ROUNDDOWN($C2456/24,0)+1,1))-1)+IF('Standard Profiles'!$G$22=$B$10,7,0)+IF('Standard Profiles'!$G$22=$B$17,14,0)+IF('Standard Profiles'!$G$22=$B$24,21,0),MOD($C2456,24)+1)/SUM(INDEX($D$3:$AA$30,INDEX(Jesper!$R$2:$R$366,ROW(INDEX(Jesper!AL$2:AL$366,ROUNDDOWN($C2456/24,0)+1,1))-1)+IF('Standard Profiles'!$G$22=$B$10,7,0)+IF('Standard Profiles'!$G$22=$B$17,14,0)+IF('Standard Profiles'!$G$22=$B$24,21,0),0)),0)</f>
        <v>0</v>
      </c>
      <c r="I2456">
        <f t="shared" si="279"/>
        <v>2.1184484052104833</v>
      </c>
      <c r="J2456">
        <f t="shared" si="280"/>
        <v>12.831749557306809</v>
      </c>
      <c r="K2456">
        <f t="shared" si="281"/>
        <v>0.63392616082747111</v>
      </c>
      <c r="L2456">
        <f t="shared" si="282"/>
        <v>0.31696308041373555</v>
      </c>
      <c r="M2456">
        <f t="shared" si="283"/>
        <v>0</v>
      </c>
      <c r="N2456" s="45">
        <f t="shared" si="284"/>
        <v>45027.916666660793</v>
      </c>
    </row>
    <row r="2457" spans="2:14" x14ac:dyDescent="0.25">
      <c r="B2457">
        <f t="shared" si="278"/>
        <v>2</v>
      </c>
      <c r="C2457" s="16">
        <v>2423</v>
      </c>
      <c r="D2457" cm="1">
        <f t="array" ref="D2457">IFERROR(INDEX(Jesper!AH$2:AH$366,ROUNDDOWN($C2457/24,0)+1,1)*INDEX($D$3:$AA$30,INDEX(Jesper!$R$2:$R$366,ROW(INDEX(Jesper!AH$2:AH$366,ROUNDDOWN($C2457/24,0)+1,1))-1)+IF('Standard Profiles'!$G$18=$B$10,7,0)+IF('Standard Profiles'!$G$18=$B$17,14,0)+IF('Standard Profiles'!$G$18=$B$24,21,0),MOD($C2457,24)+1)/SUM(INDEX($D$3:$AA$30,INDEX(Jesper!$R$2:$R$366,ROW(INDEX(Jesper!AH$2:AH$366,ROUNDDOWN($C2457/24,0)+1,1))-1)+IF('Standard Profiles'!$G$18=$B$10,7,0)+IF('Standard Profiles'!$G$18=$B$17,14,0)+IF('Standard Profiles'!$G$18=$B$24,21,0),0)),0)</f>
        <v>5.9430577577575416</v>
      </c>
      <c r="E2457" cm="1">
        <f t="array" ref="E2457">IFERROR(INDEX(Jesper!AI$2:AI$366,ROUNDDOWN($C2457/24,0)+1,1)*INDEX($D$3:$AA$30,INDEX(Jesper!$R$2:$R$366,ROW(INDEX(Jesper!AI$2:AI$366,ROUNDDOWN($C2457/24,0)+1,1))-1)+IF('Standard Profiles'!$G$19=$B$10,7,0)+IF('Standard Profiles'!$G$19=$B$17,14,0)+IF('Standard Profiles'!$G$19=$B$24,21,0),MOD($C2457,24)+1)/SUM(INDEX($D$3:$AA$30,INDEX(Jesper!$R$2:$R$366,ROW(INDEX(Jesper!AI$2:AI$366,ROUNDDOWN($C2457/24,0)+1,1))-1)+IF('Standard Profiles'!$G$19=$B$10,7,0)+IF('Standard Profiles'!$G$19=$B$17,14,0)+IF('Standard Profiles'!$G$19=$B$24,21,0),0)),0)</f>
        <v>5.5445952684791155</v>
      </c>
      <c r="F2457" cm="1">
        <f t="array" ref="F2457">IFERROR(INDEX(Jesper!AJ$2:AJ$366,ROUNDDOWN($C2457/24,0)+1,1)*INDEX($D$3:$AA$30,INDEX(Jesper!$R$2:$R$366,ROW(INDEX(Jesper!AJ$2:AJ$366,ROUNDDOWN($C2457/24,0)+1,1))-1)+IF('Standard Profiles'!$G$20=$B$10,7,0)+IF('Standard Profiles'!$G$20=$B$17,14,0)+IF('Standard Profiles'!$G$20=$B$24,21,0),MOD($C2457,24)+1)/SUM(INDEX($D$3:$AA$30,INDEX(Jesper!$R$2:$R$366,ROW(INDEX(Jesper!AJ$2:AJ$366,ROUNDDOWN($C2457/24,0)+1,1))-1)+IF('Standard Profiles'!$G$20=$B$10,7,0)+IF('Standard Profiles'!$G$20=$B$17,14,0)+IF('Standard Profiles'!$G$20=$B$24,21,0),0)),0)</f>
        <v>0</v>
      </c>
      <c r="G2457" cm="1">
        <f t="array" ref="G2457">IFERROR(INDEX(Jesper!AK$2:AK$366,ROUNDDOWN($C2457/24,0)+1,1)*INDEX($D$3:$AA$30,INDEX(Jesper!$R$2:$R$366,ROW(INDEX(Jesper!AK$2:AK$366,ROUNDDOWN($C2457/24,0)+1,1))-1)+IF('Standard Profiles'!$G$21=$B$10,7,0)+IF('Standard Profiles'!$G$21=$B$17,14,0)+IF('Standard Profiles'!$G$21=$B$24,21,0),MOD($C2457,24)+1)/SUM(INDEX($D$3:$AA$30,INDEX(Jesper!$R$2:$R$366,ROW(INDEX(Jesper!AK$2:AK$366,ROUNDDOWN($C2457/24,0)+1,1))-1)+IF('Standard Profiles'!$G$21=$B$10,7,0)+IF('Standard Profiles'!$G$21=$B$17,14,0)+IF('Standard Profiles'!$G$21=$B$24,21,0),0)),0)</f>
        <v>4.4134341775218422</v>
      </c>
      <c r="H2457" cm="1">
        <f t="array" ref="H2457">IFERROR(INDEX(Jesper!AL$2:AL$366,ROUNDDOWN($C2457/24,0)+1,1)*INDEX($D$3:$AA$30,INDEX(Jesper!$R$2:$R$366,ROW(INDEX(Jesper!AL$2:AL$366,ROUNDDOWN($C2457/24,0)+1,1))-1)+IF('Standard Profiles'!$G$22=$B$10,7,0)+IF('Standard Profiles'!$G$22=$B$17,14,0)+IF('Standard Profiles'!$G$22=$B$24,21,0),MOD($C2457,24)+1)/SUM(INDEX($D$3:$AA$30,INDEX(Jesper!$R$2:$R$366,ROW(INDEX(Jesper!AL$2:AL$366,ROUNDDOWN($C2457/24,0)+1,1))-1)+IF('Standard Profiles'!$G$22=$B$10,7,0)+IF('Standard Profiles'!$G$22=$B$17,14,0)+IF('Standard Profiles'!$G$22=$B$24,21,0),0)),0)</f>
        <v>0</v>
      </c>
      <c r="I2457">
        <f t="shared" si="279"/>
        <v>2.1184484052104833</v>
      </c>
      <c r="J2457">
        <f t="shared" si="280"/>
        <v>12.831749557306809</v>
      </c>
      <c r="K2457">
        <f t="shared" si="281"/>
        <v>0.63392616082747111</v>
      </c>
      <c r="L2457">
        <f t="shared" si="282"/>
        <v>0.31696308041373555</v>
      </c>
      <c r="M2457">
        <f t="shared" si="283"/>
        <v>0</v>
      </c>
      <c r="N2457" s="45">
        <f t="shared" si="284"/>
        <v>45027.958333327457</v>
      </c>
    </row>
    <row r="2458" spans="2:14" x14ac:dyDescent="0.25">
      <c r="B2458">
        <f t="shared" si="278"/>
        <v>3</v>
      </c>
      <c r="C2458" s="16">
        <v>2424</v>
      </c>
      <c r="D2458" cm="1">
        <f t="array" ref="D2458">IFERROR(INDEX(Jesper!AH$2:AH$366,ROUNDDOWN($C2458/24,0)+1,1)*INDEX($D$3:$AA$30,INDEX(Jesper!$R$2:$R$366,ROW(INDEX(Jesper!AH$2:AH$366,ROUNDDOWN($C2458/24,0)+1,1))-1)+IF('Standard Profiles'!$G$18=$B$10,7,0)+IF('Standard Profiles'!$G$18=$B$17,14,0)+IF('Standard Profiles'!$G$18=$B$24,21,0),MOD($C2458,24)+1)/SUM(INDEX($D$3:$AA$30,INDEX(Jesper!$R$2:$R$366,ROW(INDEX(Jesper!AH$2:AH$366,ROUNDDOWN($C2458/24,0)+1,1))-1)+IF('Standard Profiles'!$G$18=$B$10,7,0)+IF('Standard Profiles'!$G$18=$B$17,14,0)+IF('Standard Profiles'!$G$18=$B$24,21,0),0)),0)</f>
        <v>5.8259054953087199</v>
      </c>
      <c r="E2458" cm="1">
        <f t="array" ref="E2458">IFERROR(INDEX(Jesper!AI$2:AI$366,ROUNDDOWN($C2458/24,0)+1,1)*INDEX($D$3:$AA$30,INDEX(Jesper!$R$2:$R$366,ROW(INDEX(Jesper!AI$2:AI$366,ROUNDDOWN($C2458/24,0)+1,1))-1)+IF('Standard Profiles'!$G$19=$B$10,7,0)+IF('Standard Profiles'!$G$19=$B$17,14,0)+IF('Standard Profiles'!$G$19=$B$24,21,0),MOD($C2458,24)+1)/SUM(INDEX($D$3:$AA$30,INDEX(Jesper!$R$2:$R$366,ROW(INDEX(Jesper!AI$2:AI$366,ROUNDDOWN($C2458/24,0)+1,1))-1)+IF('Standard Profiles'!$G$19=$B$10,7,0)+IF('Standard Profiles'!$G$19=$B$17,14,0)+IF('Standard Profiles'!$G$19=$B$24,21,0),0)),0)</f>
        <v>4.9415570323451004</v>
      </c>
      <c r="F2458" cm="1">
        <f t="array" ref="F2458">IFERROR(INDEX(Jesper!AJ$2:AJ$366,ROUNDDOWN($C2458/24,0)+1,1)*INDEX($D$3:$AA$30,INDEX(Jesper!$R$2:$R$366,ROW(INDEX(Jesper!AJ$2:AJ$366,ROUNDDOWN($C2458/24,0)+1,1))-1)+IF('Standard Profiles'!$G$20=$B$10,7,0)+IF('Standard Profiles'!$G$20=$B$17,14,0)+IF('Standard Profiles'!$G$20=$B$24,21,0),MOD($C2458,24)+1)/SUM(INDEX($D$3:$AA$30,INDEX(Jesper!$R$2:$R$366,ROW(INDEX(Jesper!AJ$2:AJ$366,ROUNDDOWN($C2458/24,0)+1,1))-1)+IF('Standard Profiles'!$G$20=$B$10,7,0)+IF('Standard Profiles'!$G$20=$B$17,14,0)+IF('Standard Profiles'!$G$20=$B$24,21,0),0)),0)</f>
        <v>0</v>
      </c>
      <c r="G2458" cm="1">
        <f t="array" ref="G2458">IFERROR(INDEX(Jesper!AK$2:AK$366,ROUNDDOWN($C2458/24,0)+1,1)*INDEX($D$3:$AA$30,INDEX(Jesper!$R$2:$R$366,ROW(INDEX(Jesper!AK$2:AK$366,ROUNDDOWN($C2458/24,0)+1,1))-1)+IF('Standard Profiles'!$G$21=$B$10,7,0)+IF('Standard Profiles'!$G$21=$B$17,14,0)+IF('Standard Profiles'!$G$21=$B$24,21,0),MOD($C2458,24)+1)/SUM(INDEX($D$3:$AA$30,INDEX(Jesper!$R$2:$R$366,ROW(INDEX(Jesper!AK$2:AK$366,ROUNDDOWN($C2458/24,0)+1,1))-1)+IF('Standard Profiles'!$G$21=$B$10,7,0)+IF('Standard Profiles'!$G$21=$B$17,14,0)+IF('Standard Profiles'!$G$21=$B$24,21,0),0)),0)</f>
        <v>3.1232071995389239</v>
      </c>
      <c r="H2458" cm="1">
        <f t="array" ref="H2458">IFERROR(INDEX(Jesper!AL$2:AL$366,ROUNDDOWN($C2458/24,0)+1,1)*INDEX($D$3:$AA$30,INDEX(Jesper!$R$2:$R$366,ROW(INDEX(Jesper!AL$2:AL$366,ROUNDDOWN($C2458/24,0)+1,1))-1)+IF('Standard Profiles'!$G$22=$B$10,7,0)+IF('Standard Profiles'!$G$22=$B$17,14,0)+IF('Standard Profiles'!$G$22=$B$24,21,0),MOD($C2458,24)+1)/SUM(INDEX($D$3:$AA$30,INDEX(Jesper!$R$2:$R$366,ROW(INDEX(Jesper!AL$2:AL$366,ROUNDDOWN($C2458/24,0)+1,1))-1)+IF('Standard Profiles'!$G$22=$B$10,7,0)+IF('Standard Profiles'!$G$22=$B$17,14,0)+IF('Standard Profiles'!$G$22=$B$24,21,0),0)),0)</f>
        <v>0</v>
      </c>
      <c r="I2458">
        <f t="shared" si="279"/>
        <v>1.4991394557786828</v>
      </c>
      <c r="J2458">
        <f t="shared" si="280"/>
        <v>11.459385392164666</v>
      </c>
      <c r="K2458">
        <f t="shared" si="281"/>
        <v>0.62142991949959681</v>
      </c>
      <c r="L2458">
        <f t="shared" si="282"/>
        <v>0.3107149597497984</v>
      </c>
      <c r="M2458">
        <f t="shared" si="283"/>
        <v>0</v>
      </c>
      <c r="N2458" s="45">
        <f t="shared" si="284"/>
        <v>45027.999999994121</v>
      </c>
    </row>
    <row r="2459" spans="2:14" x14ac:dyDescent="0.25">
      <c r="B2459">
        <f t="shared" si="278"/>
        <v>3</v>
      </c>
      <c r="C2459" s="16">
        <v>2425</v>
      </c>
      <c r="D2459" cm="1">
        <f t="array" ref="D2459">IFERROR(INDEX(Jesper!AH$2:AH$366,ROUNDDOWN($C2459/24,0)+1,1)*INDEX($D$3:$AA$30,INDEX(Jesper!$R$2:$R$366,ROW(INDEX(Jesper!AH$2:AH$366,ROUNDDOWN($C2459/24,0)+1,1))-1)+IF('Standard Profiles'!$G$18=$B$10,7,0)+IF('Standard Profiles'!$G$18=$B$17,14,0)+IF('Standard Profiles'!$G$18=$B$24,21,0),MOD($C2459,24)+1)/SUM(INDEX($D$3:$AA$30,INDEX(Jesper!$R$2:$R$366,ROW(INDEX(Jesper!AH$2:AH$366,ROUNDDOWN($C2459/24,0)+1,1))-1)+IF('Standard Profiles'!$G$18=$B$10,7,0)+IF('Standard Profiles'!$G$18=$B$17,14,0)+IF('Standard Profiles'!$G$18=$B$24,21,0),0)),0)</f>
        <v>5.8259054953087199</v>
      </c>
      <c r="E2459" cm="1">
        <f t="array" ref="E2459">IFERROR(INDEX(Jesper!AI$2:AI$366,ROUNDDOWN($C2459/24,0)+1,1)*INDEX($D$3:$AA$30,INDEX(Jesper!$R$2:$R$366,ROW(INDEX(Jesper!AI$2:AI$366,ROUNDDOWN($C2459/24,0)+1,1))-1)+IF('Standard Profiles'!$G$19=$B$10,7,0)+IF('Standard Profiles'!$G$19=$B$17,14,0)+IF('Standard Profiles'!$G$19=$B$24,21,0),MOD($C2459,24)+1)/SUM(INDEX($D$3:$AA$30,INDEX(Jesper!$R$2:$R$366,ROW(INDEX(Jesper!AI$2:AI$366,ROUNDDOWN($C2459/24,0)+1,1))-1)+IF('Standard Profiles'!$G$19=$B$10,7,0)+IF('Standard Profiles'!$G$19=$B$17,14,0)+IF('Standard Profiles'!$G$19=$B$24,21,0),0)),0)</f>
        <v>4.9415570323451004</v>
      </c>
      <c r="F2459" cm="1">
        <f t="array" ref="F2459">IFERROR(INDEX(Jesper!AJ$2:AJ$366,ROUNDDOWN($C2459/24,0)+1,1)*INDEX($D$3:$AA$30,INDEX(Jesper!$R$2:$R$366,ROW(INDEX(Jesper!AJ$2:AJ$366,ROUNDDOWN($C2459/24,0)+1,1))-1)+IF('Standard Profiles'!$G$20=$B$10,7,0)+IF('Standard Profiles'!$G$20=$B$17,14,0)+IF('Standard Profiles'!$G$20=$B$24,21,0),MOD($C2459,24)+1)/SUM(INDEX($D$3:$AA$30,INDEX(Jesper!$R$2:$R$366,ROW(INDEX(Jesper!AJ$2:AJ$366,ROUNDDOWN($C2459/24,0)+1,1))-1)+IF('Standard Profiles'!$G$20=$B$10,7,0)+IF('Standard Profiles'!$G$20=$B$17,14,0)+IF('Standard Profiles'!$G$20=$B$24,21,0),0)),0)</f>
        <v>0</v>
      </c>
      <c r="G2459" cm="1">
        <f t="array" ref="G2459">IFERROR(INDEX(Jesper!AK$2:AK$366,ROUNDDOWN($C2459/24,0)+1,1)*INDEX($D$3:$AA$30,INDEX(Jesper!$R$2:$R$366,ROW(INDEX(Jesper!AK$2:AK$366,ROUNDDOWN($C2459/24,0)+1,1))-1)+IF('Standard Profiles'!$G$21=$B$10,7,0)+IF('Standard Profiles'!$G$21=$B$17,14,0)+IF('Standard Profiles'!$G$21=$B$24,21,0),MOD($C2459,24)+1)/SUM(INDEX($D$3:$AA$30,INDEX(Jesper!$R$2:$R$366,ROW(INDEX(Jesper!AK$2:AK$366,ROUNDDOWN($C2459/24,0)+1,1))-1)+IF('Standard Profiles'!$G$21=$B$10,7,0)+IF('Standard Profiles'!$G$21=$B$17,14,0)+IF('Standard Profiles'!$G$21=$B$24,21,0),0)),0)</f>
        <v>3.1232071995389239</v>
      </c>
      <c r="H2459" cm="1">
        <f t="array" ref="H2459">IFERROR(INDEX(Jesper!AL$2:AL$366,ROUNDDOWN($C2459/24,0)+1,1)*INDEX($D$3:$AA$30,INDEX(Jesper!$R$2:$R$366,ROW(INDEX(Jesper!AL$2:AL$366,ROUNDDOWN($C2459/24,0)+1,1))-1)+IF('Standard Profiles'!$G$22=$B$10,7,0)+IF('Standard Profiles'!$G$22=$B$17,14,0)+IF('Standard Profiles'!$G$22=$B$24,21,0),MOD($C2459,24)+1)/SUM(INDEX($D$3:$AA$30,INDEX(Jesper!$R$2:$R$366,ROW(INDEX(Jesper!AL$2:AL$366,ROUNDDOWN($C2459/24,0)+1,1))-1)+IF('Standard Profiles'!$G$22=$B$10,7,0)+IF('Standard Profiles'!$G$22=$B$17,14,0)+IF('Standard Profiles'!$G$22=$B$24,21,0),0)),0)</f>
        <v>0</v>
      </c>
      <c r="I2459">
        <f t="shared" si="279"/>
        <v>1.4991394557786828</v>
      </c>
      <c r="J2459">
        <f t="shared" si="280"/>
        <v>11.459385392164666</v>
      </c>
      <c r="K2459">
        <f t="shared" si="281"/>
        <v>0.62142991949959681</v>
      </c>
      <c r="L2459">
        <f t="shared" si="282"/>
        <v>0.3107149597497984</v>
      </c>
      <c r="M2459">
        <f t="shared" si="283"/>
        <v>0</v>
      </c>
      <c r="N2459" s="45">
        <f t="shared" si="284"/>
        <v>45028.041666660785</v>
      </c>
    </row>
    <row r="2460" spans="2:14" x14ac:dyDescent="0.25">
      <c r="B2460">
        <f t="shared" si="278"/>
        <v>3</v>
      </c>
      <c r="C2460" s="16">
        <v>2426</v>
      </c>
      <c r="D2460" cm="1">
        <f t="array" ref="D2460">IFERROR(INDEX(Jesper!AH$2:AH$366,ROUNDDOWN($C2460/24,0)+1,1)*INDEX($D$3:$AA$30,INDEX(Jesper!$R$2:$R$366,ROW(INDEX(Jesper!AH$2:AH$366,ROUNDDOWN($C2460/24,0)+1,1))-1)+IF('Standard Profiles'!$G$18=$B$10,7,0)+IF('Standard Profiles'!$G$18=$B$17,14,0)+IF('Standard Profiles'!$G$18=$B$24,21,0),MOD($C2460,24)+1)/SUM(INDEX($D$3:$AA$30,INDEX(Jesper!$R$2:$R$366,ROW(INDEX(Jesper!AH$2:AH$366,ROUNDDOWN($C2460/24,0)+1,1))-1)+IF('Standard Profiles'!$G$18=$B$10,7,0)+IF('Standard Profiles'!$G$18=$B$17,14,0)+IF('Standard Profiles'!$G$18=$B$24,21,0),0)),0)</f>
        <v>5.8259054953087199</v>
      </c>
      <c r="E2460" cm="1">
        <f t="array" ref="E2460">IFERROR(INDEX(Jesper!AI$2:AI$366,ROUNDDOWN($C2460/24,0)+1,1)*INDEX($D$3:$AA$30,INDEX(Jesper!$R$2:$R$366,ROW(INDEX(Jesper!AI$2:AI$366,ROUNDDOWN($C2460/24,0)+1,1))-1)+IF('Standard Profiles'!$G$19=$B$10,7,0)+IF('Standard Profiles'!$G$19=$B$17,14,0)+IF('Standard Profiles'!$G$19=$B$24,21,0),MOD($C2460,24)+1)/SUM(INDEX($D$3:$AA$30,INDEX(Jesper!$R$2:$R$366,ROW(INDEX(Jesper!AI$2:AI$366,ROUNDDOWN($C2460/24,0)+1,1))-1)+IF('Standard Profiles'!$G$19=$B$10,7,0)+IF('Standard Profiles'!$G$19=$B$17,14,0)+IF('Standard Profiles'!$G$19=$B$24,21,0),0)),0)</f>
        <v>4.9415570323451004</v>
      </c>
      <c r="F2460" cm="1">
        <f t="array" ref="F2460">IFERROR(INDEX(Jesper!AJ$2:AJ$366,ROUNDDOWN($C2460/24,0)+1,1)*INDEX($D$3:$AA$30,INDEX(Jesper!$R$2:$R$366,ROW(INDEX(Jesper!AJ$2:AJ$366,ROUNDDOWN($C2460/24,0)+1,1))-1)+IF('Standard Profiles'!$G$20=$B$10,7,0)+IF('Standard Profiles'!$G$20=$B$17,14,0)+IF('Standard Profiles'!$G$20=$B$24,21,0),MOD($C2460,24)+1)/SUM(INDEX($D$3:$AA$30,INDEX(Jesper!$R$2:$R$366,ROW(INDEX(Jesper!AJ$2:AJ$366,ROUNDDOWN($C2460/24,0)+1,1))-1)+IF('Standard Profiles'!$G$20=$B$10,7,0)+IF('Standard Profiles'!$G$20=$B$17,14,0)+IF('Standard Profiles'!$G$20=$B$24,21,0),0)),0)</f>
        <v>0</v>
      </c>
      <c r="G2460" cm="1">
        <f t="array" ref="G2460">IFERROR(INDEX(Jesper!AK$2:AK$366,ROUNDDOWN($C2460/24,0)+1,1)*INDEX($D$3:$AA$30,INDEX(Jesper!$R$2:$R$366,ROW(INDEX(Jesper!AK$2:AK$366,ROUNDDOWN($C2460/24,0)+1,1))-1)+IF('Standard Profiles'!$G$21=$B$10,7,0)+IF('Standard Profiles'!$G$21=$B$17,14,0)+IF('Standard Profiles'!$G$21=$B$24,21,0),MOD($C2460,24)+1)/SUM(INDEX($D$3:$AA$30,INDEX(Jesper!$R$2:$R$366,ROW(INDEX(Jesper!AK$2:AK$366,ROUNDDOWN($C2460/24,0)+1,1))-1)+IF('Standard Profiles'!$G$21=$B$10,7,0)+IF('Standard Profiles'!$G$21=$B$17,14,0)+IF('Standard Profiles'!$G$21=$B$24,21,0),0)),0)</f>
        <v>3.1232071995389239</v>
      </c>
      <c r="H2460" cm="1">
        <f t="array" ref="H2460">IFERROR(INDEX(Jesper!AL$2:AL$366,ROUNDDOWN($C2460/24,0)+1,1)*INDEX($D$3:$AA$30,INDEX(Jesper!$R$2:$R$366,ROW(INDEX(Jesper!AL$2:AL$366,ROUNDDOWN($C2460/24,0)+1,1))-1)+IF('Standard Profiles'!$G$22=$B$10,7,0)+IF('Standard Profiles'!$G$22=$B$17,14,0)+IF('Standard Profiles'!$G$22=$B$24,21,0),MOD($C2460,24)+1)/SUM(INDEX($D$3:$AA$30,INDEX(Jesper!$R$2:$R$366,ROW(INDEX(Jesper!AL$2:AL$366,ROUNDDOWN($C2460/24,0)+1,1))-1)+IF('Standard Profiles'!$G$22=$B$10,7,0)+IF('Standard Profiles'!$G$22=$B$17,14,0)+IF('Standard Profiles'!$G$22=$B$24,21,0),0)),0)</f>
        <v>0</v>
      </c>
      <c r="I2460">
        <f t="shared" si="279"/>
        <v>1.4991394557786828</v>
      </c>
      <c r="J2460">
        <f t="shared" si="280"/>
        <v>11.459385392164666</v>
      </c>
      <c r="K2460">
        <f t="shared" si="281"/>
        <v>0.62142991949959681</v>
      </c>
      <c r="L2460">
        <f t="shared" si="282"/>
        <v>0.3107149597497984</v>
      </c>
      <c r="M2460">
        <f t="shared" si="283"/>
        <v>0</v>
      </c>
      <c r="N2460" s="45">
        <f t="shared" si="284"/>
        <v>45028.08333332745</v>
      </c>
    </row>
    <row r="2461" spans="2:14" x14ac:dyDescent="0.25">
      <c r="B2461">
        <f t="shared" si="278"/>
        <v>3</v>
      </c>
      <c r="C2461" s="16">
        <v>2427</v>
      </c>
      <c r="D2461" cm="1">
        <f t="array" ref="D2461">IFERROR(INDEX(Jesper!AH$2:AH$366,ROUNDDOWN($C2461/24,0)+1,1)*INDEX($D$3:$AA$30,INDEX(Jesper!$R$2:$R$366,ROW(INDEX(Jesper!AH$2:AH$366,ROUNDDOWN($C2461/24,0)+1,1))-1)+IF('Standard Profiles'!$G$18=$B$10,7,0)+IF('Standard Profiles'!$G$18=$B$17,14,0)+IF('Standard Profiles'!$G$18=$B$24,21,0),MOD($C2461,24)+1)/SUM(INDEX($D$3:$AA$30,INDEX(Jesper!$R$2:$R$366,ROW(INDEX(Jesper!AH$2:AH$366,ROUNDDOWN($C2461/24,0)+1,1))-1)+IF('Standard Profiles'!$G$18=$B$10,7,0)+IF('Standard Profiles'!$G$18=$B$17,14,0)+IF('Standard Profiles'!$G$18=$B$24,21,0),0)),0)</f>
        <v>5.8259054953087199</v>
      </c>
      <c r="E2461" cm="1">
        <f t="array" ref="E2461">IFERROR(INDEX(Jesper!AI$2:AI$366,ROUNDDOWN($C2461/24,0)+1,1)*INDEX($D$3:$AA$30,INDEX(Jesper!$R$2:$R$366,ROW(INDEX(Jesper!AI$2:AI$366,ROUNDDOWN($C2461/24,0)+1,1))-1)+IF('Standard Profiles'!$G$19=$B$10,7,0)+IF('Standard Profiles'!$G$19=$B$17,14,0)+IF('Standard Profiles'!$G$19=$B$24,21,0),MOD($C2461,24)+1)/SUM(INDEX($D$3:$AA$30,INDEX(Jesper!$R$2:$R$366,ROW(INDEX(Jesper!AI$2:AI$366,ROUNDDOWN($C2461/24,0)+1,1))-1)+IF('Standard Profiles'!$G$19=$B$10,7,0)+IF('Standard Profiles'!$G$19=$B$17,14,0)+IF('Standard Profiles'!$G$19=$B$24,21,0),0)),0)</f>
        <v>4.9415570323451004</v>
      </c>
      <c r="F2461" cm="1">
        <f t="array" ref="F2461">IFERROR(INDEX(Jesper!AJ$2:AJ$366,ROUNDDOWN($C2461/24,0)+1,1)*INDEX($D$3:$AA$30,INDEX(Jesper!$R$2:$R$366,ROW(INDEX(Jesper!AJ$2:AJ$366,ROUNDDOWN($C2461/24,0)+1,1))-1)+IF('Standard Profiles'!$G$20=$B$10,7,0)+IF('Standard Profiles'!$G$20=$B$17,14,0)+IF('Standard Profiles'!$G$20=$B$24,21,0),MOD($C2461,24)+1)/SUM(INDEX($D$3:$AA$30,INDEX(Jesper!$R$2:$R$366,ROW(INDEX(Jesper!AJ$2:AJ$366,ROUNDDOWN($C2461/24,0)+1,1))-1)+IF('Standard Profiles'!$G$20=$B$10,7,0)+IF('Standard Profiles'!$G$20=$B$17,14,0)+IF('Standard Profiles'!$G$20=$B$24,21,0),0)),0)</f>
        <v>0</v>
      </c>
      <c r="G2461" cm="1">
        <f t="array" ref="G2461">IFERROR(INDEX(Jesper!AK$2:AK$366,ROUNDDOWN($C2461/24,0)+1,1)*INDEX($D$3:$AA$30,INDEX(Jesper!$R$2:$R$366,ROW(INDEX(Jesper!AK$2:AK$366,ROUNDDOWN($C2461/24,0)+1,1))-1)+IF('Standard Profiles'!$G$21=$B$10,7,0)+IF('Standard Profiles'!$G$21=$B$17,14,0)+IF('Standard Profiles'!$G$21=$B$24,21,0),MOD($C2461,24)+1)/SUM(INDEX($D$3:$AA$30,INDEX(Jesper!$R$2:$R$366,ROW(INDEX(Jesper!AK$2:AK$366,ROUNDDOWN($C2461/24,0)+1,1))-1)+IF('Standard Profiles'!$G$21=$B$10,7,0)+IF('Standard Profiles'!$G$21=$B$17,14,0)+IF('Standard Profiles'!$G$21=$B$24,21,0),0)),0)</f>
        <v>3.1232071995389239</v>
      </c>
      <c r="H2461" cm="1">
        <f t="array" ref="H2461">IFERROR(INDEX(Jesper!AL$2:AL$366,ROUNDDOWN($C2461/24,0)+1,1)*INDEX($D$3:$AA$30,INDEX(Jesper!$R$2:$R$366,ROW(INDEX(Jesper!AL$2:AL$366,ROUNDDOWN($C2461/24,0)+1,1))-1)+IF('Standard Profiles'!$G$22=$B$10,7,0)+IF('Standard Profiles'!$G$22=$B$17,14,0)+IF('Standard Profiles'!$G$22=$B$24,21,0),MOD($C2461,24)+1)/SUM(INDEX($D$3:$AA$30,INDEX(Jesper!$R$2:$R$366,ROW(INDEX(Jesper!AL$2:AL$366,ROUNDDOWN($C2461/24,0)+1,1))-1)+IF('Standard Profiles'!$G$22=$B$10,7,0)+IF('Standard Profiles'!$G$22=$B$17,14,0)+IF('Standard Profiles'!$G$22=$B$24,21,0),0)),0)</f>
        <v>0</v>
      </c>
      <c r="I2461">
        <f t="shared" si="279"/>
        <v>1.4991394557786828</v>
      </c>
      <c r="J2461">
        <f t="shared" si="280"/>
        <v>11.459385392164666</v>
      </c>
      <c r="K2461">
        <f t="shared" si="281"/>
        <v>0.62142991949959681</v>
      </c>
      <c r="L2461">
        <f t="shared" si="282"/>
        <v>0.3107149597497984</v>
      </c>
      <c r="M2461">
        <f t="shared" si="283"/>
        <v>0</v>
      </c>
      <c r="N2461" s="45">
        <f t="shared" si="284"/>
        <v>45028.124999994114</v>
      </c>
    </row>
    <row r="2462" spans="2:14" x14ac:dyDescent="0.25">
      <c r="B2462">
        <f t="shared" si="278"/>
        <v>3</v>
      </c>
      <c r="C2462" s="16">
        <v>2428</v>
      </c>
      <c r="D2462" cm="1">
        <f t="array" ref="D2462">IFERROR(INDEX(Jesper!AH$2:AH$366,ROUNDDOWN($C2462/24,0)+1,1)*INDEX($D$3:$AA$30,INDEX(Jesper!$R$2:$R$366,ROW(INDEX(Jesper!AH$2:AH$366,ROUNDDOWN($C2462/24,0)+1,1))-1)+IF('Standard Profiles'!$G$18=$B$10,7,0)+IF('Standard Profiles'!$G$18=$B$17,14,0)+IF('Standard Profiles'!$G$18=$B$24,21,0),MOD($C2462,24)+1)/SUM(INDEX($D$3:$AA$30,INDEX(Jesper!$R$2:$R$366,ROW(INDEX(Jesper!AH$2:AH$366,ROUNDDOWN($C2462/24,0)+1,1))-1)+IF('Standard Profiles'!$G$18=$B$10,7,0)+IF('Standard Profiles'!$G$18=$B$17,14,0)+IF('Standard Profiles'!$G$18=$B$24,21,0),0)),0)</f>
        <v>5.8259054953087199</v>
      </c>
      <c r="E2462" cm="1">
        <f t="array" ref="E2462">IFERROR(INDEX(Jesper!AI$2:AI$366,ROUNDDOWN($C2462/24,0)+1,1)*INDEX($D$3:$AA$30,INDEX(Jesper!$R$2:$R$366,ROW(INDEX(Jesper!AI$2:AI$366,ROUNDDOWN($C2462/24,0)+1,1))-1)+IF('Standard Profiles'!$G$19=$B$10,7,0)+IF('Standard Profiles'!$G$19=$B$17,14,0)+IF('Standard Profiles'!$G$19=$B$24,21,0),MOD($C2462,24)+1)/SUM(INDEX($D$3:$AA$30,INDEX(Jesper!$R$2:$R$366,ROW(INDEX(Jesper!AI$2:AI$366,ROUNDDOWN($C2462/24,0)+1,1))-1)+IF('Standard Profiles'!$G$19=$B$10,7,0)+IF('Standard Profiles'!$G$19=$B$17,14,0)+IF('Standard Profiles'!$G$19=$B$24,21,0),0)),0)</f>
        <v>4.9415570323451004</v>
      </c>
      <c r="F2462" cm="1">
        <f t="array" ref="F2462">IFERROR(INDEX(Jesper!AJ$2:AJ$366,ROUNDDOWN($C2462/24,0)+1,1)*INDEX($D$3:$AA$30,INDEX(Jesper!$R$2:$R$366,ROW(INDEX(Jesper!AJ$2:AJ$366,ROUNDDOWN($C2462/24,0)+1,1))-1)+IF('Standard Profiles'!$G$20=$B$10,7,0)+IF('Standard Profiles'!$G$20=$B$17,14,0)+IF('Standard Profiles'!$G$20=$B$24,21,0),MOD($C2462,24)+1)/SUM(INDEX($D$3:$AA$30,INDEX(Jesper!$R$2:$R$366,ROW(INDEX(Jesper!AJ$2:AJ$366,ROUNDDOWN($C2462/24,0)+1,1))-1)+IF('Standard Profiles'!$G$20=$B$10,7,0)+IF('Standard Profiles'!$G$20=$B$17,14,0)+IF('Standard Profiles'!$G$20=$B$24,21,0),0)),0)</f>
        <v>0</v>
      </c>
      <c r="G2462" cm="1">
        <f t="array" ref="G2462">IFERROR(INDEX(Jesper!AK$2:AK$366,ROUNDDOWN($C2462/24,0)+1,1)*INDEX($D$3:$AA$30,INDEX(Jesper!$R$2:$R$366,ROW(INDEX(Jesper!AK$2:AK$366,ROUNDDOWN($C2462/24,0)+1,1))-1)+IF('Standard Profiles'!$G$21=$B$10,7,0)+IF('Standard Profiles'!$G$21=$B$17,14,0)+IF('Standard Profiles'!$G$21=$B$24,21,0),MOD($C2462,24)+1)/SUM(INDEX($D$3:$AA$30,INDEX(Jesper!$R$2:$R$366,ROW(INDEX(Jesper!AK$2:AK$366,ROUNDDOWN($C2462/24,0)+1,1))-1)+IF('Standard Profiles'!$G$21=$B$10,7,0)+IF('Standard Profiles'!$G$21=$B$17,14,0)+IF('Standard Profiles'!$G$21=$B$24,21,0),0)),0)</f>
        <v>3.1232071995389239</v>
      </c>
      <c r="H2462" cm="1">
        <f t="array" ref="H2462">IFERROR(INDEX(Jesper!AL$2:AL$366,ROUNDDOWN($C2462/24,0)+1,1)*INDEX($D$3:$AA$30,INDEX(Jesper!$R$2:$R$366,ROW(INDEX(Jesper!AL$2:AL$366,ROUNDDOWN($C2462/24,0)+1,1))-1)+IF('Standard Profiles'!$G$22=$B$10,7,0)+IF('Standard Profiles'!$G$22=$B$17,14,0)+IF('Standard Profiles'!$G$22=$B$24,21,0),MOD($C2462,24)+1)/SUM(INDEX($D$3:$AA$30,INDEX(Jesper!$R$2:$R$366,ROW(INDEX(Jesper!AL$2:AL$366,ROUNDDOWN($C2462/24,0)+1,1))-1)+IF('Standard Profiles'!$G$22=$B$10,7,0)+IF('Standard Profiles'!$G$22=$B$17,14,0)+IF('Standard Profiles'!$G$22=$B$24,21,0),0)),0)</f>
        <v>0</v>
      </c>
      <c r="I2462">
        <f t="shared" si="279"/>
        <v>1.4991394557786828</v>
      </c>
      <c r="J2462">
        <f t="shared" si="280"/>
        <v>11.459385392164666</v>
      </c>
      <c r="K2462">
        <f t="shared" si="281"/>
        <v>0.62142991949959681</v>
      </c>
      <c r="L2462">
        <f t="shared" si="282"/>
        <v>0.3107149597497984</v>
      </c>
      <c r="M2462">
        <f t="shared" si="283"/>
        <v>0</v>
      </c>
      <c r="N2462" s="45">
        <f t="shared" si="284"/>
        <v>45028.166666660778</v>
      </c>
    </row>
    <row r="2463" spans="2:14" x14ac:dyDescent="0.25">
      <c r="B2463">
        <f t="shared" si="278"/>
        <v>3</v>
      </c>
      <c r="C2463" s="16">
        <v>2429</v>
      </c>
      <c r="D2463" cm="1">
        <f t="array" ref="D2463">IFERROR(INDEX(Jesper!AH$2:AH$366,ROUNDDOWN($C2463/24,0)+1,1)*INDEX($D$3:$AA$30,INDEX(Jesper!$R$2:$R$366,ROW(INDEX(Jesper!AH$2:AH$366,ROUNDDOWN($C2463/24,0)+1,1))-1)+IF('Standard Profiles'!$G$18=$B$10,7,0)+IF('Standard Profiles'!$G$18=$B$17,14,0)+IF('Standard Profiles'!$G$18=$B$24,21,0),MOD($C2463,24)+1)/SUM(INDEX($D$3:$AA$30,INDEX(Jesper!$R$2:$R$366,ROW(INDEX(Jesper!AH$2:AH$366,ROUNDDOWN($C2463/24,0)+1,1))-1)+IF('Standard Profiles'!$G$18=$B$10,7,0)+IF('Standard Profiles'!$G$18=$B$17,14,0)+IF('Standard Profiles'!$G$18=$B$24,21,0),0)),0)</f>
        <v>5.8259054953087199</v>
      </c>
      <c r="E2463" cm="1">
        <f t="array" ref="E2463">IFERROR(INDEX(Jesper!AI$2:AI$366,ROUNDDOWN($C2463/24,0)+1,1)*INDEX($D$3:$AA$30,INDEX(Jesper!$R$2:$R$366,ROW(INDEX(Jesper!AI$2:AI$366,ROUNDDOWN($C2463/24,0)+1,1))-1)+IF('Standard Profiles'!$G$19=$B$10,7,0)+IF('Standard Profiles'!$G$19=$B$17,14,0)+IF('Standard Profiles'!$G$19=$B$24,21,0),MOD($C2463,24)+1)/SUM(INDEX($D$3:$AA$30,INDEX(Jesper!$R$2:$R$366,ROW(INDEX(Jesper!AI$2:AI$366,ROUNDDOWN($C2463/24,0)+1,1))-1)+IF('Standard Profiles'!$G$19=$B$10,7,0)+IF('Standard Profiles'!$G$19=$B$17,14,0)+IF('Standard Profiles'!$G$19=$B$24,21,0),0)),0)</f>
        <v>4.9415570323451004</v>
      </c>
      <c r="F2463" cm="1">
        <f t="array" ref="F2463">IFERROR(INDEX(Jesper!AJ$2:AJ$366,ROUNDDOWN($C2463/24,0)+1,1)*INDEX($D$3:$AA$30,INDEX(Jesper!$R$2:$R$366,ROW(INDEX(Jesper!AJ$2:AJ$366,ROUNDDOWN($C2463/24,0)+1,1))-1)+IF('Standard Profiles'!$G$20=$B$10,7,0)+IF('Standard Profiles'!$G$20=$B$17,14,0)+IF('Standard Profiles'!$G$20=$B$24,21,0),MOD($C2463,24)+1)/SUM(INDEX($D$3:$AA$30,INDEX(Jesper!$R$2:$R$366,ROW(INDEX(Jesper!AJ$2:AJ$366,ROUNDDOWN($C2463/24,0)+1,1))-1)+IF('Standard Profiles'!$G$20=$B$10,7,0)+IF('Standard Profiles'!$G$20=$B$17,14,0)+IF('Standard Profiles'!$G$20=$B$24,21,0),0)),0)</f>
        <v>0</v>
      </c>
      <c r="G2463" cm="1">
        <f t="array" ref="G2463">IFERROR(INDEX(Jesper!AK$2:AK$366,ROUNDDOWN($C2463/24,0)+1,1)*INDEX($D$3:$AA$30,INDEX(Jesper!$R$2:$R$366,ROW(INDEX(Jesper!AK$2:AK$366,ROUNDDOWN($C2463/24,0)+1,1))-1)+IF('Standard Profiles'!$G$21=$B$10,7,0)+IF('Standard Profiles'!$G$21=$B$17,14,0)+IF('Standard Profiles'!$G$21=$B$24,21,0),MOD($C2463,24)+1)/SUM(INDEX($D$3:$AA$30,INDEX(Jesper!$R$2:$R$366,ROW(INDEX(Jesper!AK$2:AK$366,ROUNDDOWN($C2463/24,0)+1,1))-1)+IF('Standard Profiles'!$G$21=$B$10,7,0)+IF('Standard Profiles'!$G$21=$B$17,14,0)+IF('Standard Profiles'!$G$21=$B$24,21,0),0)),0)</f>
        <v>3.1232071995389239</v>
      </c>
      <c r="H2463" cm="1">
        <f t="array" ref="H2463">IFERROR(INDEX(Jesper!AL$2:AL$366,ROUNDDOWN($C2463/24,0)+1,1)*INDEX($D$3:$AA$30,INDEX(Jesper!$R$2:$R$366,ROW(INDEX(Jesper!AL$2:AL$366,ROUNDDOWN($C2463/24,0)+1,1))-1)+IF('Standard Profiles'!$G$22=$B$10,7,0)+IF('Standard Profiles'!$G$22=$B$17,14,0)+IF('Standard Profiles'!$G$22=$B$24,21,0),MOD($C2463,24)+1)/SUM(INDEX($D$3:$AA$30,INDEX(Jesper!$R$2:$R$366,ROW(INDEX(Jesper!AL$2:AL$366,ROUNDDOWN($C2463/24,0)+1,1))-1)+IF('Standard Profiles'!$G$22=$B$10,7,0)+IF('Standard Profiles'!$G$22=$B$17,14,0)+IF('Standard Profiles'!$G$22=$B$24,21,0),0)),0)</f>
        <v>0</v>
      </c>
      <c r="I2463">
        <f t="shared" si="279"/>
        <v>1.4991394557786828</v>
      </c>
      <c r="J2463">
        <f t="shared" si="280"/>
        <v>11.459385392164666</v>
      </c>
      <c r="K2463">
        <f t="shared" si="281"/>
        <v>0.62142991949959681</v>
      </c>
      <c r="L2463">
        <f t="shared" si="282"/>
        <v>0.3107149597497984</v>
      </c>
      <c r="M2463">
        <f t="shared" si="283"/>
        <v>0</v>
      </c>
      <c r="N2463" s="45">
        <f t="shared" si="284"/>
        <v>45028.208333327442</v>
      </c>
    </row>
    <row r="2464" spans="2:14" x14ac:dyDescent="0.25">
      <c r="B2464">
        <f t="shared" si="278"/>
        <v>3</v>
      </c>
      <c r="C2464" s="16">
        <v>2430</v>
      </c>
      <c r="D2464" cm="1">
        <f t="array" ref="D2464">IFERROR(INDEX(Jesper!AH$2:AH$366,ROUNDDOWN($C2464/24,0)+1,1)*INDEX($D$3:$AA$30,INDEX(Jesper!$R$2:$R$366,ROW(INDEX(Jesper!AH$2:AH$366,ROUNDDOWN($C2464/24,0)+1,1))-1)+IF('Standard Profiles'!$G$18=$B$10,7,0)+IF('Standard Profiles'!$G$18=$B$17,14,0)+IF('Standard Profiles'!$G$18=$B$24,21,0),MOD($C2464,24)+1)/SUM(INDEX($D$3:$AA$30,INDEX(Jesper!$R$2:$R$366,ROW(INDEX(Jesper!AH$2:AH$366,ROUNDDOWN($C2464/24,0)+1,1))-1)+IF('Standard Profiles'!$G$18=$B$10,7,0)+IF('Standard Profiles'!$G$18=$B$17,14,0)+IF('Standard Profiles'!$G$18=$B$24,21,0),0)),0)</f>
        <v>5.8259054953087199</v>
      </c>
      <c r="E2464" cm="1">
        <f t="array" ref="E2464">IFERROR(INDEX(Jesper!AI$2:AI$366,ROUNDDOWN($C2464/24,0)+1,1)*INDEX($D$3:$AA$30,INDEX(Jesper!$R$2:$R$366,ROW(INDEX(Jesper!AI$2:AI$366,ROUNDDOWN($C2464/24,0)+1,1))-1)+IF('Standard Profiles'!$G$19=$B$10,7,0)+IF('Standard Profiles'!$G$19=$B$17,14,0)+IF('Standard Profiles'!$G$19=$B$24,21,0),MOD($C2464,24)+1)/SUM(INDEX($D$3:$AA$30,INDEX(Jesper!$R$2:$R$366,ROW(INDEX(Jesper!AI$2:AI$366,ROUNDDOWN($C2464/24,0)+1,1))-1)+IF('Standard Profiles'!$G$19=$B$10,7,0)+IF('Standard Profiles'!$G$19=$B$17,14,0)+IF('Standard Profiles'!$G$19=$B$24,21,0),0)),0)</f>
        <v>4.9415570323451004</v>
      </c>
      <c r="F2464" cm="1">
        <f t="array" ref="F2464">IFERROR(INDEX(Jesper!AJ$2:AJ$366,ROUNDDOWN($C2464/24,0)+1,1)*INDEX($D$3:$AA$30,INDEX(Jesper!$R$2:$R$366,ROW(INDEX(Jesper!AJ$2:AJ$366,ROUNDDOWN($C2464/24,0)+1,1))-1)+IF('Standard Profiles'!$G$20=$B$10,7,0)+IF('Standard Profiles'!$G$20=$B$17,14,0)+IF('Standard Profiles'!$G$20=$B$24,21,0),MOD($C2464,24)+1)/SUM(INDEX($D$3:$AA$30,INDEX(Jesper!$R$2:$R$366,ROW(INDEX(Jesper!AJ$2:AJ$366,ROUNDDOWN($C2464/24,0)+1,1))-1)+IF('Standard Profiles'!$G$20=$B$10,7,0)+IF('Standard Profiles'!$G$20=$B$17,14,0)+IF('Standard Profiles'!$G$20=$B$24,21,0),0)),0)</f>
        <v>0</v>
      </c>
      <c r="G2464" cm="1">
        <f t="array" ref="G2464">IFERROR(INDEX(Jesper!AK$2:AK$366,ROUNDDOWN($C2464/24,0)+1,1)*INDEX($D$3:$AA$30,INDEX(Jesper!$R$2:$R$366,ROW(INDEX(Jesper!AK$2:AK$366,ROUNDDOWN($C2464/24,0)+1,1))-1)+IF('Standard Profiles'!$G$21=$B$10,7,0)+IF('Standard Profiles'!$G$21=$B$17,14,0)+IF('Standard Profiles'!$G$21=$B$24,21,0),MOD($C2464,24)+1)/SUM(INDEX($D$3:$AA$30,INDEX(Jesper!$R$2:$R$366,ROW(INDEX(Jesper!AK$2:AK$366,ROUNDDOWN($C2464/24,0)+1,1))-1)+IF('Standard Profiles'!$G$21=$B$10,7,0)+IF('Standard Profiles'!$G$21=$B$17,14,0)+IF('Standard Profiles'!$G$21=$B$24,21,0),0)),0)</f>
        <v>3.1232071995389239</v>
      </c>
      <c r="H2464" cm="1">
        <f t="array" ref="H2464">IFERROR(INDEX(Jesper!AL$2:AL$366,ROUNDDOWN($C2464/24,0)+1,1)*INDEX($D$3:$AA$30,INDEX(Jesper!$R$2:$R$366,ROW(INDEX(Jesper!AL$2:AL$366,ROUNDDOWN($C2464/24,0)+1,1))-1)+IF('Standard Profiles'!$G$22=$B$10,7,0)+IF('Standard Profiles'!$G$22=$B$17,14,0)+IF('Standard Profiles'!$G$22=$B$24,21,0),MOD($C2464,24)+1)/SUM(INDEX($D$3:$AA$30,INDEX(Jesper!$R$2:$R$366,ROW(INDEX(Jesper!AL$2:AL$366,ROUNDDOWN($C2464/24,0)+1,1))-1)+IF('Standard Profiles'!$G$22=$B$10,7,0)+IF('Standard Profiles'!$G$22=$B$17,14,0)+IF('Standard Profiles'!$G$22=$B$24,21,0),0)),0)</f>
        <v>0</v>
      </c>
      <c r="I2464">
        <f t="shared" si="279"/>
        <v>1.4991394557786828</v>
      </c>
      <c r="J2464">
        <f t="shared" si="280"/>
        <v>11.459385392164666</v>
      </c>
      <c r="K2464">
        <f t="shared" si="281"/>
        <v>0.62142991949959681</v>
      </c>
      <c r="L2464">
        <f t="shared" si="282"/>
        <v>0.3107149597497984</v>
      </c>
      <c r="M2464">
        <f t="shared" si="283"/>
        <v>0</v>
      </c>
      <c r="N2464" s="45">
        <f t="shared" si="284"/>
        <v>45028.249999994106</v>
      </c>
    </row>
    <row r="2465" spans="2:14" x14ac:dyDescent="0.25">
      <c r="B2465">
        <f t="shared" si="278"/>
        <v>3</v>
      </c>
      <c r="C2465" s="16">
        <v>2431</v>
      </c>
      <c r="D2465" cm="1">
        <f t="array" ref="D2465">IFERROR(INDEX(Jesper!AH$2:AH$366,ROUNDDOWN($C2465/24,0)+1,1)*INDEX($D$3:$AA$30,INDEX(Jesper!$R$2:$R$366,ROW(INDEX(Jesper!AH$2:AH$366,ROUNDDOWN($C2465/24,0)+1,1))-1)+IF('Standard Profiles'!$G$18=$B$10,7,0)+IF('Standard Profiles'!$G$18=$B$17,14,0)+IF('Standard Profiles'!$G$18=$B$24,21,0),MOD($C2465,24)+1)/SUM(INDEX($D$3:$AA$30,INDEX(Jesper!$R$2:$R$366,ROW(INDEX(Jesper!AH$2:AH$366,ROUNDDOWN($C2465/24,0)+1,1))-1)+IF('Standard Profiles'!$G$18=$B$10,7,0)+IF('Standard Profiles'!$G$18=$B$17,14,0)+IF('Standard Profiles'!$G$18=$B$24,21,0),0)),0)</f>
        <v>23.815595494458975</v>
      </c>
      <c r="E2465" cm="1">
        <f t="array" ref="E2465">IFERROR(INDEX(Jesper!AI$2:AI$366,ROUNDDOWN($C2465/24,0)+1,1)*INDEX($D$3:$AA$30,INDEX(Jesper!$R$2:$R$366,ROW(INDEX(Jesper!AI$2:AI$366,ROUNDDOWN($C2465/24,0)+1,1))-1)+IF('Standard Profiles'!$G$19=$B$10,7,0)+IF('Standard Profiles'!$G$19=$B$17,14,0)+IF('Standard Profiles'!$G$19=$B$24,21,0),MOD($C2465,24)+1)/SUM(INDEX($D$3:$AA$30,INDEX(Jesper!$R$2:$R$366,ROW(INDEX(Jesper!AI$2:AI$366,ROUNDDOWN($C2465/24,0)+1,1))-1)+IF('Standard Profiles'!$G$19=$B$10,7,0)+IF('Standard Profiles'!$G$19=$B$17,14,0)+IF('Standard Profiles'!$G$19=$B$24,21,0),0)),0)</f>
        <v>20.200486171616785</v>
      </c>
      <c r="F2465" cm="1">
        <f t="array" ref="F2465">IFERROR(INDEX(Jesper!AJ$2:AJ$366,ROUNDDOWN($C2465/24,0)+1,1)*INDEX($D$3:$AA$30,INDEX(Jesper!$R$2:$R$366,ROW(INDEX(Jesper!AJ$2:AJ$366,ROUNDDOWN($C2465/24,0)+1,1))-1)+IF('Standard Profiles'!$G$20=$B$10,7,0)+IF('Standard Profiles'!$G$20=$B$17,14,0)+IF('Standard Profiles'!$G$20=$B$24,21,0),MOD($C2465,24)+1)/SUM(INDEX($D$3:$AA$30,INDEX(Jesper!$R$2:$R$366,ROW(INDEX(Jesper!AJ$2:AJ$366,ROUNDDOWN($C2465/24,0)+1,1))-1)+IF('Standard Profiles'!$G$20=$B$10,7,0)+IF('Standard Profiles'!$G$20=$B$17,14,0)+IF('Standard Profiles'!$G$20=$B$24,21,0),0)),0)</f>
        <v>0</v>
      </c>
      <c r="G2465" cm="1">
        <f t="array" ref="G2465">IFERROR(INDEX(Jesper!AK$2:AK$366,ROUNDDOWN($C2465/24,0)+1,1)*INDEX($D$3:$AA$30,INDEX(Jesper!$R$2:$R$366,ROW(INDEX(Jesper!AK$2:AK$366,ROUNDDOWN($C2465/24,0)+1,1))-1)+IF('Standard Profiles'!$G$21=$B$10,7,0)+IF('Standard Profiles'!$G$21=$B$17,14,0)+IF('Standard Profiles'!$G$21=$B$24,21,0),MOD($C2465,24)+1)/SUM(INDEX($D$3:$AA$30,INDEX(Jesper!$R$2:$R$366,ROW(INDEX(Jesper!AK$2:AK$366,ROUNDDOWN($C2465/24,0)+1,1))-1)+IF('Standard Profiles'!$G$21=$B$10,7,0)+IF('Standard Profiles'!$G$21=$B$17,14,0)+IF('Standard Profiles'!$G$21=$B$24,21,0),0)),0)</f>
        <v>8.6044358347297347</v>
      </c>
      <c r="H2465" cm="1">
        <f t="array" ref="H2465">IFERROR(INDEX(Jesper!AL$2:AL$366,ROUNDDOWN($C2465/24,0)+1,1)*INDEX($D$3:$AA$30,INDEX(Jesper!$R$2:$R$366,ROW(INDEX(Jesper!AL$2:AL$366,ROUNDDOWN($C2465/24,0)+1,1))-1)+IF('Standard Profiles'!$G$22=$B$10,7,0)+IF('Standard Profiles'!$G$22=$B$17,14,0)+IF('Standard Profiles'!$G$22=$B$24,21,0),MOD($C2465,24)+1)/SUM(INDEX($D$3:$AA$30,INDEX(Jesper!$R$2:$R$366,ROW(INDEX(Jesper!AL$2:AL$366,ROUNDDOWN($C2465/24,0)+1,1))-1)+IF('Standard Profiles'!$G$22=$B$10,7,0)+IF('Standard Profiles'!$G$22=$B$17,14,0)+IF('Standard Profiles'!$G$22=$B$24,21,0),0)),0)</f>
        <v>0</v>
      </c>
      <c r="I2465">
        <f t="shared" si="279"/>
        <v>4.1301292006702708</v>
      </c>
      <c r="J2465">
        <f t="shared" si="280"/>
        <v>44.67989302102179</v>
      </c>
      <c r="K2465">
        <f t="shared" si="281"/>
        <v>2.5403301860756242</v>
      </c>
      <c r="L2465">
        <f t="shared" si="282"/>
        <v>1.2701650930378121</v>
      </c>
      <c r="M2465">
        <f t="shared" si="283"/>
        <v>0</v>
      </c>
      <c r="N2465" s="45">
        <f t="shared" si="284"/>
        <v>45028.291666660771</v>
      </c>
    </row>
    <row r="2466" spans="2:14" x14ac:dyDescent="0.25">
      <c r="B2466">
        <f t="shared" si="278"/>
        <v>3</v>
      </c>
      <c r="C2466" s="16">
        <v>2432</v>
      </c>
      <c r="D2466" cm="1">
        <f t="array" ref="D2466">IFERROR(INDEX(Jesper!AH$2:AH$366,ROUNDDOWN($C2466/24,0)+1,1)*INDEX($D$3:$AA$30,INDEX(Jesper!$R$2:$R$366,ROW(INDEX(Jesper!AH$2:AH$366,ROUNDDOWN($C2466/24,0)+1,1))-1)+IF('Standard Profiles'!$G$18=$B$10,7,0)+IF('Standard Profiles'!$G$18=$B$17,14,0)+IF('Standard Profiles'!$G$18=$B$24,21,0),MOD($C2466,24)+1)/SUM(INDEX($D$3:$AA$30,INDEX(Jesper!$R$2:$R$366,ROW(INDEX(Jesper!AH$2:AH$366,ROUNDDOWN($C2466/24,0)+1,1))-1)+IF('Standard Profiles'!$G$18=$B$10,7,0)+IF('Standard Profiles'!$G$18=$B$17,14,0)+IF('Standard Profiles'!$G$18=$B$24,21,0),0)),0)</f>
        <v>26.57319076223844</v>
      </c>
      <c r="E2466" cm="1">
        <f t="array" ref="E2466">IFERROR(INDEX(Jesper!AI$2:AI$366,ROUNDDOWN($C2466/24,0)+1,1)*INDEX($D$3:$AA$30,INDEX(Jesper!$R$2:$R$366,ROW(INDEX(Jesper!AI$2:AI$366,ROUNDDOWN($C2466/24,0)+1,1))-1)+IF('Standard Profiles'!$G$19=$B$10,7,0)+IF('Standard Profiles'!$G$19=$B$17,14,0)+IF('Standard Profiles'!$G$19=$B$24,21,0),MOD($C2466,24)+1)/SUM(INDEX($D$3:$AA$30,INDEX(Jesper!$R$2:$R$366,ROW(INDEX(Jesper!AI$2:AI$366,ROUNDDOWN($C2466/24,0)+1,1))-1)+IF('Standard Profiles'!$G$19=$B$10,7,0)+IF('Standard Profiles'!$G$19=$B$17,14,0)+IF('Standard Profiles'!$G$19=$B$24,21,0),0)),0)</f>
        <v>22.539489833593468</v>
      </c>
      <c r="F2466" cm="1">
        <f t="array" ref="F2466">IFERROR(INDEX(Jesper!AJ$2:AJ$366,ROUNDDOWN($C2466/24,0)+1,1)*INDEX($D$3:$AA$30,INDEX(Jesper!$R$2:$R$366,ROW(INDEX(Jesper!AJ$2:AJ$366,ROUNDDOWN($C2466/24,0)+1,1))-1)+IF('Standard Profiles'!$G$20=$B$10,7,0)+IF('Standard Profiles'!$G$20=$B$17,14,0)+IF('Standard Profiles'!$G$20=$B$24,21,0),MOD($C2466,24)+1)/SUM(INDEX($D$3:$AA$30,INDEX(Jesper!$R$2:$R$366,ROW(INDEX(Jesper!AJ$2:AJ$366,ROUNDDOWN($C2466/24,0)+1,1))-1)+IF('Standard Profiles'!$G$20=$B$10,7,0)+IF('Standard Profiles'!$G$20=$B$17,14,0)+IF('Standard Profiles'!$G$20=$B$24,21,0),0)),0)</f>
        <v>0</v>
      </c>
      <c r="G2466" cm="1">
        <f t="array" ref="G2466">IFERROR(INDEX(Jesper!AK$2:AK$366,ROUNDDOWN($C2466/24,0)+1,1)*INDEX($D$3:$AA$30,INDEX(Jesper!$R$2:$R$366,ROW(INDEX(Jesper!AK$2:AK$366,ROUNDDOWN($C2466/24,0)+1,1))-1)+IF('Standard Profiles'!$G$21=$B$10,7,0)+IF('Standard Profiles'!$G$21=$B$17,14,0)+IF('Standard Profiles'!$G$21=$B$24,21,0),MOD($C2466,24)+1)/SUM(INDEX($D$3:$AA$30,INDEX(Jesper!$R$2:$R$366,ROW(INDEX(Jesper!AK$2:AK$366,ROUNDDOWN($C2466/24,0)+1,1))-1)+IF('Standard Profiles'!$G$21=$B$10,7,0)+IF('Standard Profiles'!$G$21=$B$17,14,0)+IF('Standard Profiles'!$G$21=$B$24,21,0),0)),0)</f>
        <v>9.6007389313826526</v>
      </c>
      <c r="H2466" cm="1">
        <f t="array" ref="H2466">IFERROR(INDEX(Jesper!AL$2:AL$366,ROUNDDOWN($C2466/24,0)+1,1)*INDEX($D$3:$AA$30,INDEX(Jesper!$R$2:$R$366,ROW(INDEX(Jesper!AL$2:AL$366,ROUNDDOWN($C2466/24,0)+1,1))-1)+IF('Standard Profiles'!$G$22=$B$10,7,0)+IF('Standard Profiles'!$G$22=$B$17,14,0)+IF('Standard Profiles'!$G$22=$B$24,21,0),MOD($C2466,24)+1)/SUM(INDEX($D$3:$AA$30,INDEX(Jesper!$R$2:$R$366,ROW(INDEX(Jesper!AL$2:AL$366,ROUNDDOWN($C2466/24,0)+1,1))-1)+IF('Standard Profiles'!$G$22=$B$10,7,0)+IF('Standard Profiles'!$G$22=$B$17,14,0)+IF('Standard Profiles'!$G$22=$B$24,21,0),0)),0)</f>
        <v>0</v>
      </c>
      <c r="I2466">
        <f t="shared" si="279"/>
        <v>4.6083546870636711</v>
      </c>
      <c r="J2466">
        <f t="shared" si="280"/>
        <v>49.853354318192743</v>
      </c>
      <c r="K2466">
        <f t="shared" si="281"/>
        <v>2.8344736813054339</v>
      </c>
      <c r="L2466">
        <f t="shared" si="282"/>
        <v>1.4172368406527169</v>
      </c>
      <c r="M2466">
        <f t="shared" si="283"/>
        <v>0</v>
      </c>
      <c r="N2466" s="45">
        <f t="shared" si="284"/>
        <v>45028.333333327435</v>
      </c>
    </row>
    <row r="2467" spans="2:14" x14ac:dyDescent="0.25">
      <c r="B2467">
        <f t="shared" ref="B2467:B2530" si="285">WEEKDAY(N2467,2)</f>
        <v>3</v>
      </c>
      <c r="C2467" s="16">
        <v>2433</v>
      </c>
      <c r="D2467" cm="1">
        <f t="array" ref="D2467">IFERROR(INDEX(Jesper!AH$2:AH$366,ROUNDDOWN($C2467/24,0)+1,1)*INDEX($D$3:$AA$30,INDEX(Jesper!$R$2:$R$366,ROW(INDEX(Jesper!AH$2:AH$366,ROUNDDOWN($C2467/24,0)+1,1))-1)+IF('Standard Profiles'!$G$18=$B$10,7,0)+IF('Standard Profiles'!$G$18=$B$17,14,0)+IF('Standard Profiles'!$G$18=$B$24,21,0),MOD($C2467,24)+1)/SUM(INDEX($D$3:$AA$30,INDEX(Jesper!$R$2:$R$366,ROW(INDEX(Jesper!AH$2:AH$366,ROUNDDOWN($C2467/24,0)+1,1))-1)+IF('Standard Profiles'!$G$18=$B$10,7,0)+IF('Standard Profiles'!$G$18=$B$17,14,0)+IF('Standard Profiles'!$G$18=$B$24,21,0),0)),0)</f>
        <v>29.330786030017901</v>
      </c>
      <c r="E2467" cm="1">
        <f t="array" ref="E2467">IFERROR(INDEX(Jesper!AI$2:AI$366,ROUNDDOWN($C2467/24,0)+1,1)*INDEX($D$3:$AA$30,INDEX(Jesper!$R$2:$R$366,ROW(INDEX(Jesper!AI$2:AI$366,ROUNDDOWN($C2467/24,0)+1,1))-1)+IF('Standard Profiles'!$G$19=$B$10,7,0)+IF('Standard Profiles'!$G$19=$B$17,14,0)+IF('Standard Profiles'!$G$19=$B$24,21,0),MOD($C2467,24)+1)/SUM(INDEX($D$3:$AA$30,INDEX(Jesper!$R$2:$R$366,ROW(INDEX(Jesper!AI$2:AI$366,ROUNDDOWN($C2467/24,0)+1,1))-1)+IF('Standard Profiles'!$G$19=$B$10,7,0)+IF('Standard Profiles'!$G$19=$B$17,14,0)+IF('Standard Profiles'!$G$19=$B$24,21,0),0)),0)</f>
        <v>24.878493495570147</v>
      </c>
      <c r="F2467" cm="1">
        <f t="array" ref="F2467">IFERROR(INDEX(Jesper!AJ$2:AJ$366,ROUNDDOWN($C2467/24,0)+1,1)*INDEX($D$3:$AA$30,INDEX(Jesper!$R$2:$R$366,ROW(INDEX(Jesper!AJ$2:AJ$366,ROUNDDOWN($C2467/24,0)+1,1))-1)+IF('Standard Profiles'!$G$20=$B$10,7,0)+IF('Standard Profiles'!$G$20=$B$17,14,0)+IF('Standard Profiles'!$G$20=$B$24,21,0),MOD($C2467,24)+1)/SUM(INDEX($D$3:$AA$30,INDEX(Jesper!$R$2:$R$366,ROW(INDEX(Jesper!AJ$2:AJ$366,ROUNDDOWN($C2467/24,0)+1,1))-1)+IF('Standard Profiles'!$G$20=$B$10,7,0)+IF('Standard Profiles'!$G$20=$B$17,14,0)+IF('Standard Profiles'!$G$20=$B$24,21,0),0)),0)</f>
        <v>0</v>
      </c>
      <c r="G2467" cm="1">
        <f t="array" ref="G2467">IFERROR(INDEX(Jesper!AK$2:AK$366,ROUNDDOWN($C2467/24,0)+1,1)*INDEX($D$3:$AA$30,INDEX(Jesper!$R$2:$R$366,ROW(INDEX(Jesper!AK$2:AK$366,ROUNDDOWN($C2467/24,0)+1,1))-1)+IF('Standard Profiles'!$G$21=$B$10,7,0)+IF('Standard Profiles'!$G$21=$B$17,14,0)+IF('Standard Profiles'!$G$21=$B$24,21,0),MOD($C2467,24)+1)/SUM(INDEX($D$3:$AA$30,INDEX(Jesper!$R$2:$R$366,ROW(INDEX(Jesper!AK$2:AK$366,ROUNDDOWN($C2467/24,0)+1,1))-1)+IF('Standard Profiles'!$G$21=$B$10,7,0)+IF('Standard Profiles'!$G$21=$B$17,14,0)+IF('Standard Profiles'!$G$21=$B$24,21,0),0)),0)</f>
        <v>10.597042028035569</v>
      </c>
      <c r="H2467" cm="1">
        <f t="array" ref="H2467">IFERROR(INDEX(Jesper!AL$2:AL$366,ROUNDDOWN($C2467/24,0)+1,1)*INDEX($D$3:$AA$30,INDEX(Jesper!$R$2:$R$366,ROW(INDEX(Jesper!AL$2:AL$366,ROUNDDOWN($C2467/24,0)+1,1))-1)+IF('Standard Profiles'!$G$22=$B$10,7,0)+IF('Standard Profiles'!$G$22=$B$17,14,0)+IF('Standard Profiles'!$G$22=$B$24,21,0),MOD($C2467,24)+1)/SUM(INDEX($D$3:$AA$30,INDEX(Jesper!$R$2:$R$366,ROW(INDEX(Jesper!AL$2:AL$366,ROUNDDOWN($C2467/24,0)+1,1))-1)+IF('Standard Profiles'!$G$22=$B$10,7,0)+IF('Standard Profiles'!$G$22=$B$17,14,0)+IF('Standard Profiles'!$G$22=$B$24,21,0),0)),0)</f>
        <v>0</v>
      </c>
      <c r="I2467">
        <f t="shared" ref="I2467:I2530" si="286">IF($B2467&lt;6,AC$37*$D2467+AC$38*$E2467+AC$39*$F2467+AC$40*$G2467,AC$46*$D2467+AC$47*$E2467+AC$48*$F2467+AC$49*$G2467+AC$50*$H2467)</f>
        <v>5.0865801734570706</v>
      </c>
      <c r="J2467">
        <f t="shared" ref="J2467:J2530" si="287">IF($B2467&lt;6,AD$37*$D2467+AD$38*$E2467+AD$39*$F2467+AD$40*$G2467,AD$46*$D2467+AD$47*$E2467+AD$48*$F2467+AD$49*$G2467+AD$50*$H2467)</f>
        <v>55.026815615363674</v>
      </c>
      <c r="K2467">
        <f t="shared" ref="K2467:K2530" si="288">IF($B2467&lt;6,AE$37*$D2467+AE$38*$E2467+AE$39*$F2467+AE$40*$G2467,AE$46*$D2467+AE$47*$E2467+AE$48*$F2467+AE$49*$G2467+AE$50*$H2467)</f>
        <v>3.1286171765352431</v>
      </c>
      <c r="L2467">
        <f t="shared" ref="L2467:L2530" si="289">IF($B2467&lt;6,AF$37*$D2467+AF$38*$E2467+AF$39*$F2467+AF$40*$G2467,AF$46*$D2467+AF$47*$E2467+AF$48*$F2467+AF$49*$G2467+AF$50*$H2467)</f>
        <v>1.5643085882676215</v>
      </c>
      <c r="M2467">
        <f t="shared" ref="M2467:M2530" si="290">IF($B2467&lt;6,AG$37*$D2467+AG$38*$E2467+AG$39*$F2467+AG$40*$G2467,AG$46*$D2467+AG$47*$E2467+AG$48*$F2467+AG$49*$G2467+AG$50*$H2467)</f>
        <v>0</v>
      </c>
      <c r="N2467" s="45">
        <f t="shared" si="284"/>
        <v>45028.374999994099</v>
      </c>
    </row>
    <row r="2468" spans="2:14" x14ac:dyDescent="0.25">
      <c r="B2468">
        <f t="shared" si="285"/>
        <v>3</v>
      </c>
      <c r="C2468" s="16">
        <v>2434</v>
      </c>
      <c r="D2468" cm="1">
        <f t="array" ref="D2468">IFERROR(INDEX(Jesper!AH$2:AH$366,ROUNDDOWN($C2468/24,0)+1,1)*INDEX($D$3:$AA$30,INDEX(Jesper!$R$2:$R$366,ROW(INDEX(Jesper!AH$2:AH$366,ROUNDDOWN($C2468/24,0)+1,1))-1)+IF('Standard Profiles'!$G$18=$B$10,7,0)+IF('Standard Profiles'!$G$18=$B$17,14,0)+IF('Standard Profiles'!$G$18=$B$24,21,0),MOD($C2468,24)+1)/SUM(INDEX($D$3:$AA$30,INDEX(Jesper!$R$2:$R$366,ROW(INDEX(Jesper!AH$2:AH$366,ROUNDDOWN($C2468/24,0)+1,1))-1)+IF('Standard Profiles'!$G$18=$B$10,7,0)+IF('Standard Profiles'!$G$18=$B$17,14,0)+IF('Standard Profiles'!$G$18=$B$24,21,0),0)),0)</f>
        <v>29.330786030017901</v>
      </c>
      <c r="E2468" cm="1">
        <f t="array" ref="E2468">IFERROR(INDEX(Jesper!AI$2:AI$366,ROUNDDOWN($C2468/24,0)+1,1)*INDEX($D$3:$AA$30,INDEX(Jesper!$R$2:$R$366,ROW(INDEX(Jesper!AI$2:AI$366,ROUNDDOWN($C2468/24,0)+1,1))-1)+IF('Standard Profiles'!$G$19=$B$10,7,0)+IF('Standard Profiles'!$G$19=$B$17,14,0)+IF('Standard Profiles'!$G$19=$B$24,21,0),MOD($C2468,24)+1)/SUM(INDEX($D$3:$AA$30,INDEX(Jesper!$R$2:$R$366,ROW(INDEX(Jesper!AI$2:AI$366,ROUNDDOWN($C2468/24,0)+1,1))-1)+IF('Standard Profiles'!$G$19=$B$10,7,0)+IF('Standard Profiles'!$G$19=$B$17,14,0)+IF('Standard Profiles'!$G$19=$B$24,21,0),0)),0)</f>
        <v>24.878493495570147</v>
      </c>
      <c r="F2468" cm="1">
        <f t="array" ref="F2468">IFERROR(INDEX(Jesper!AJ$2:AJ$366,ROUNDDOWN($C2468/24,0)+1,1)*INDEX($D$3:$AA$30,INDEX(Jesper!$R$2:$R$366,ROW(INDEX(Jesper!AJ$2:AJ$366,ROUNDDOWN($C2468/24,0)+1,1))-1)+IF('Standard Profiles'!$G$20=$B$10,7,0)+IF('Standard Profiles'!$G$20=$B$17,14,0)+IF('Standard Profiles'!$G$20=$B$24,21,0),MOD($C2468,24)+1)/SUM(INDEX($D$3:$AA$30,INDEX(Jesper!$R$2:$R$366,ROW(INDEX(Jesper!AJ$2:AJ$366,ROUNDDOWN($C2468/24,0)+1,1))-1)+IF('Standard Profiles'!$G$20=$B$10,7,0)+IF('Standard Profiles'!$G$20=$B$17,14,0)+IF('Standard Profiles'!$G$20=$B$24,21,0),0)),0)</f>
        <v>0</v>
      </c>
      <c r="G2468" cm="1">
        <f t="array" ref="G2468">IFERROR(INDEX(Jesper!AK$2:AK$366,ROUNDDOWN($C2468/24,0)+1,1)*INDEX($D$3:$AA$30,INDEX(Jesper!$R$2:$R$366,ROW(INDEX(Jesper!AK$2:AK$366,ROUNDDOWN($C2468/24,0)+1,1))-1)+IF('Standard Profiles'!$G$21=$B$10,7,0)+IF('Standard Profiles'!$G$21=$B$17,14,0)+IF('Standard Profiles'!$G$21=$B$24,21,0),MOD($C2468,24)+1)/SUM(INDEX($D$3:$AA$30,INDEX(Jesper!$R$2:$R$366,ROW(INDEX(Jesper!AK$2:AK$366,ROUNDDOWN($C2468/24,0)+1,1))-1)+IF('Standard Profiles'!$G$21=$B$10,7,0)+IF('Standard Profiles'!$G$21=$B$17,14,0)+IF('Standard Profiles'!$G$21=$B$24,21,0),0)),0)</f>
        <v>10.597042028035569</v>
      </c>
      <c r="H2468" cm="1">
        <f t="array" ref="H2468">IFERROR(INDEX(Jesper!AL$2:AL$366,ROUNDDOWN($C2468/24,0)+1,1)*INDEX($D$3:$AA$30,INDEX(Jesper!$R$2:$R$366,ROW(INDEX(Jesper!AL$2:AL$366,ROUNDDOWN($C2468/24,0)+1,1))-1)+IF('Standard Profiles'!$G$22=$B$10,7,0)+IF('Standard Profiles'!$G$22=$B$17,14,0)+IF('Standard Profiles'!$G$22=$B$24,21,0),MOD($C2468,24)+1)/SUM(INDEX($D$3:$AA$30,INDEX(Jesper!$R$2:$R$366,ROW(INDEX(Jesper!AL$2:AL$366,ROUNDDOWN($C2468/24,0)+1,1))-1)+IF('Standard Profiles'!$G$22=$B$10,7,0)+IF('Standard Profiles'!$G$22=$B$17,14,0)+IF('Standard Profiles'!$G$22=$B$24,21,0),0)),0)</f>
        <v>0</v>
      </c>
      <c r="I2468">
        <f t="shared" si="286"/>
        <v>5.0865801734570706</v>
      </c>
      <c r="J2468">
        <f t="shared" si="287"/>
        <v>55.026815615363674</v>
      </c>
      <c r="K2468">
        <f t="shared" si="288"/>
        <v>3.1286171765352431</v>
      </c>
      <c r="L2468">
        <f t="shared" si="289"/>
        <v>1.5643085882676215</v>
      </c>
      <c r="M2468">
        <f t="shared" si="290"/>
        <v>0</v>
      </c>
      <c r="N2468" s="45">
        <f t="shared" ref="N2468:N2531" si="291">N2467+1/24</f>
        <v>45028.416666660763</v>
      </c>
    </row>
    <row r="2469" spans="2:14" x14ac:dyDescent="0.25">
      <c r="B2469">
        <f t="shared" si="285"/>
        <v>3</v>
      </c>
      <c r="C2469" s="16">
        <v>2435</v>
      </c>
      <c r="D2469" cm="1">
        <f t="array" ref="D2469">IFERROR(INDEX(Jesper!AH$2:AH$366,ROUNDDOWN($C2469/24,0)+1,1)*INDEX($D$3:$AA$30,INDEX(Jesper!$R$2:$R$366,ROW(INDEX(Jesper!AH$2:AH$366,ROUNDDOWN($C2469/24,0)+1,1))-1)+IF('Standard Profiles'!$G$18=$B$10,7,0)+IF('Standard Profiles'!$G$18=$B$17,14,0)+IF('Standard Profiles'!$G$18=$B$24,21,0),MOD($C2469,24)+1)/SUM(INDEX($D$3:$AA$30,INDEX(Jesper!$R$2:$R$366,ROW(INDEX(Jesper!AH$2:AH$366,ROUNDDOWN($C2469/24,0)+1,1))-1)+IF('Standard Profiles'!$G$18=$B$10,7,0)+IF('Standard Profiles'!$G$18=$B$17,14,0)+IF('Standard Profiles'!$G$18=$B$24,21,0),0)),0)</f>
        <v>35.09666704446586</v>
      </c>
      <c r="E2469" cm="1">
        <f t="array" ref="E2469">IFERROR(INDEX(Jesper!AI$2:AI$366,ROUNDDOWN($C2469/24,0)+1,1)*INDEX($D$3:$AA$30,INDEX(Jesper!$R$2:$R$366,ROW(INDEX(Jesper!AI$2:AI$366,ROUNDDOWN($C2469/24,0)+1,1))-1)+IF('Standard Profiles'!$G$19=$B$10,7,0)+IF('Standard Profiles'!$G$19=$B$17,14,0)+IF('Standard Profiles'!$G$19=$B$24,21,0),MOD($C2469,24)+1)/SUM(INDEX($D$3:$AA$30,INDEX(Jesper!$R$2:$R$366,ROW(INDEX(Jesper!AI$2:AI$366,ROUNDDOWN($C2469/24,0)+1,1))-1)+IF('Standard Profiles'!$G$19=$B$10,7,0)+IF('Standard Profiles'!$G$19=$B$17,14,0)+IF('Standard Profiles'!$G$19=$B$24,21,0),0)),0)</f>
        <v>29.769137516066841</v>
      </c>
      <c r="F2469" cm="1">
        <f t="array" ref="F2469">IFERROR(INDEX(Jesper!AJ$2:AJ$366,ROUNDDOWN($C2469/24,0)+1,1)*INDEX($D$3:$AA$30,INDEX(Jesper!$R$2:$R$366,ROW(INDEX(Jesper!AJ$2:AJ$366,ROUNDDOWN($C2469/24,0)+1,1))-1)+IF('Standard Profiles'!$G$20=$B$10,7,0)+IF('Standard Profiles'!$G$20=$B$17,14,0)+IF('Standard Profiles'!$G$20=$B$24,21,0),MOD($C2469,24)+1)/SUM(INDEX($D$3:$AA$30,INDEX(Jesper!$R$2:$R$366,ROW(INDEX(Jesper!AJ$2:AJ$366,ROUNDDOWN($C2469/24,0)+1,1))-1)+IF('Standard Profiles'!$G$20=$B$10,7,0)+IF('Standard Profiles'!$G$20=$B$17,14,0)+IF('Standard Profiles'!$G$20=$B$24,21,0),0)),0)</f>
        <v>0</v>
      </c>
      <c r="G2469" cm="1">
        <f t="array" ref="G2469">IFERROR(INDEX(Jesper!AK$2:AK$366,ROUNDDOWN($C2469/24,0)+1,1)*INDEX($D$3:$AA$30,INDEX(Jesper!$R$2:$R$366,ROW(INDEX(Jesper!AK$2:AK$366,ROUNDDOWN($C2469/24,0)+1,1))-1)+IF('Standard Profiles'!$G$21=$B$10,7,0)+IF('Standard Profiles'!$G$21=$B$17,14,0)+IF('Standard Profiles'!$G$21=$B$24,21,0),MOD($C2469,24)+1)/SUM(INDEX($D$3:$AA$30,INDEX(Jesper!$R$2:$R$366,ROW(INDEX(Jesper!AK$2:AK$366,ROUNDDOWN($C2469/24,0)+1,1))-1)+IF('Standard Profiles'!$G$21=$B$10,7,0)+IF('Standard Profiles'!$G$21=$B$17,14,0)+IF('Standard Profiles'!$G$21=$B$24,21,0),0)),0)</f>
        <v>12.680221230128028</v>
      </c>
      <c r="H2469" cm="1">
        <f t="array" ref="H2469">IFERROR(INDEX(Jesper!AL$2:AL$366,ROUNDDOWN($C2469/24,0)+1,1)*INDEX($D$3:$AA$30,INDEX(Jesper!$R$2:$R$366,ROW(INDEX(Jesper!AL$2:AL$366,ROUNDDOWN($C2469/24,0)+1,1))-1)+IF('Standard Profiles'!$G$22=$B$10,7,0)+IF('Standard Profiles'!$G$22=$B$17,14,0)+IF('Standard Profiles'!$G$22=$B$24,21,0),MOD($C2469,24)+1)/SUM(INDEX($D$3:$AA$30,INDEX(Jesper!$R$2:$R$366,ROW(INDEX(Jesper!AL$2:AL$366,ROUNDDOWN($C2469/24,0)+1,1))-1)+IF('Standard Profiles'!$G$22=$B$10,7,0)+IF('Standard Profiles'!$G$22=$B$17,14,0)+IF('Standard Profiles'!$G$22=$B$24,21,0),0)),0)</f>
        <v>0</v>
      </c>
      <c r="I2469">
        <f t="shared" si="286"/>
        <v>6.0865061904614501</v>
      </c>
      <c r="J2469">
        <f t="shared" si="287"/>
        <v>65.844052873084749</v>
      </c>
      <c r="K2469">
        <f t="shared" si="288"/>
        <v>3.7436444847430255</v>
      </c>
      <c r="L2469">
        <f t="shared" si="289"/>
        <v>1.8718222423715127</v>
      </c>
      <c r="M2469">
        <f t="shared" si="290"/>
        <v>0</v>
      </c>
      <c r="N2469" s="45">
        <f t="shared" si="291"/>
        <v>45028.458333327428</v>
      </c>
    </row>
    <row r="2470" spans="2:14" x14ac:dyDescent="0.25">
      <c r="B2470">
        <f t="shared" si="285"/>
        <v>3</v>
      </c>
      <c r="C2470" s="16">
        <v>2436</v>
      </c>
      <c r="D2470" cm="1">
        <f t="array" ref="D2470">IFERROR(INDEX(Jesper!AH$2:AH$366,ROUNDDOWN($C2470/24,0)+1,1)*INDEX($D$3:$AA$30,INDEX(Jesper!$R$2:$R$366,ROW(INDEX(Jesper!AH$2:AH$366,ROUNDDOWN($C2470/24,0)+1,1))-1)+IF('Standard Profiles'!$G$18=$B$10,7,0)+IF('Standard Profiles'!$G$18=$B$17,14,0)+IF('Standard Profiles'!$G$18=$B$24,21,0),MOD($C2470,24)+1)/SUM(INDEX($D$3:$AA$30,INDEX(Jesper!$R$2:$R$366,ROW(INDEX(Jesper!AH$2:AH$366,ROUNDDOWN($C2470/24,0)+1,1))-1)+IF('Standard Profiles'!$G$18=$B$10,7,0)+IF('Standard Profiles'!$G$18=$B$17,14,0)+IF('Standard Profiles'!$G$18=$B$24,21,0),0)),0)</f>
        <v>35.09666704446586</v>
      </c>
      <c r="E2470" cm="1">
        <f t="array" ref="E2470">IFERROR(INDEX(Jesper!AI$2:AI$366,ROUNDDOWN($C2470/24,0)+1,1)*INDEX($D$3:$AA$30,INDEX(Jesper!$R$2:$R$366,ROW(INDEX(Jesper!AI$2:AI$366,ROUNDDOWN($C2470/24,0)+1,1))-1)+IF('Standard Profiles'!$G$19=$B$10,7,0)+IF('Standard Profiles'!$G$19=$B$17,14,0)+IF('Standard Profiles'!$G$19=$B$24,21,0),MOD($C2470,24)+1)/SUM(INDEX($D$3:$AA$30,INDEX(Jesper!$R$2:$R$366,ROW(INDEX(Jesper!AI$2:AI$366,ROUNDDOWN($C2470/24,0)+1,1))-1)+IF('Standard Profiles'!$G$19=$B$10,7,0)+IF('Standard Profiles'!$G$19=$B$17,14,0)+IF('Standard Profiles'!$G$19=$B$24,21,0),0)),0)</f>
        <v>29.769137516066841</v>
      </c>
      <c r="F2470" cm="1">
        <f t="array" ref="F2470">IFERROR(INDEX(Jesper!AJ$2:AJ$366,ROUNDDOWN($C2470/24,0)+1,1)*INDEX($D$3:$AA$30,INDEX(Jesper!$R$2:$R$366,ROW(INDEX(Jesper!AJ$2:AJ$366,ROUNDDOWN($C2470/24,0)+1,1))-1)+IF('Standard Profiles'!$G$20=$B$10,7,0)+IF('Standard Profiles'!$G$20=$B$17,14,0)+IF('Standard Profiles'!$G$20=$B$24,21,0),MOD($C2470,24)+1)/SUM(INDEX($D$3:$AA$30,INDEX(Jesper!$R$2:$R$366,ROW(INDEX(Jesper!AJ$2:AJ$366,ROUNDDOWN($C2470/24,0)+1,1))-1)+IF('Standard Profiles'!$G$20=$B$10,7,0)+IF('Standard Profiles'!$G$20=$B$17,14,0)+IF('Standard Profiles'!$G$20=$B$24,21,0),0)),0)</f>
        <v>0</v>
      </c>
      <c r="G2470" cm="1">
        <f t="array" ref="G2470">IFERROR(INDEX(Jesper!AK$2:AK$366,ROUNDDOWN($C2470/24,0)+1,1)*INDEX($D$3:$AA$30,INDEX(Jesper!$R$2:$R$366,ROW(INDEX(Jesper!AK$2:AK$366,ROUNDDOWN($C2470/24,0)+1,1))-1)+IF('Standard Profiles'!$G$21=$B$10,7,0)+IF('Standard Profiles'!$G$21=$B$17,14,0)+IF('Standard Profiles'!$G$21=$B$24,21,0),MOD($C2470,24)+1)/SUM(INDEX($D$3:$AA$30,INDEX(Jesper!$R$2:$R$366,ROW(INDEX(Jesper!AK$2:AK$366,ROUNDDOWN($C2470/24,0)+1,1))-1)+IF('Standard Profiles'!$G$21=$B$10,7,0)+IF('Standard Profiles'!$G$21=$B$17,14,0)+IF('Standard Profiles'!$G$21=$B$24,21,0),0)),0)</f>
        <v>12.680221230128028</v>
      </c>
      <c r="H2470" cm="1">
        <f t="array" ref="H2470">IFERROR(INDEX(Jesper!AL$2:AL$366,ROUNDDOWN($C2470/24,0)+1,1)*INDEX($D$3:$AA$30,INDEX(Jesper!$R$2:$R$366,ROW(INDEX(Jesper!AL$2:AL$366,ROUNDDOWN($C2470/24,0)+1,1))-1)+IF('Standard Profiles'!$G$22=$B$10,7,0)+IF('Standard Profiles'!$G$22=$B$17,14,0)+IF('Standard Profiles'!$G$22=$B$24,21,0),MOD($C2470,24)+1)/SUM(INDEX($D$3:$AA$30,INDEX(Jesper!$R$2:$R$366,ROW(INDEX(Jesper!AL$2:AL$366,ROUNDDOWN($C2470/24,0)+1,1))-1)+IF('Standard Profiles'!$G$22=$B$10,7,0)+IF('Standard Profiles'!$G$22=$B$17,14,0)+IF('Standard Profiles'!$G$22=$B$24,21,0),0)),0)</f>
        <v>0</v>
      </c>
      <c r="I2470">
        <f t="shared" si="286"/>
        <v>6.0865061904614501</v>
      </c>
      <c r="J2470">
        <f t="shared" si="287"/>
        <v>65.844052873084749</v>
      </c>
      <c r="K2470">
        <f t="shared" si="288"/>
        <v>3.7436444847430255</v>
      </c>
      <c r="L2470">
        <f t="shared" si="289"/>
        <v>1.8718222423715127</v>
      </c>
      <c r="M2470">
        <f t="shared" si="290"/>
        <v>0</v>
      </c>
      <c r="N2470" s="45">
        <f t="shared" si="291"/>
        <v>45028.499999994092</v>
      </c>
    </row>
    <row r="2471" spans="2:14" x14ac:dyDescent="0.25">
      <c r="B2471">
        <f t="shared" si="285"/>
        <v>3</v>
      </c>
      <c r="C2471" s="16">
        <v>2437</v>
      </c>
      <c r="D2471" cm="1">
        <f t="array" ref="D2471">IFERROR(INDEX(Jesper!AH$2:AH$366,ROUNDDOWN($C2471/24,0)+1,1)*INDEX($D$3:$AA$30,INDEX(Jesper!$R$2:$R$366,ROW(INDEX(Jesper!AH$2:AH$366,ROUNDDOWN($C2471/24,0)+1,1))-1)+IF('Standard Profiles'!$G$18=$B$10,7,0)+IF('Standard Profiles'!$G$18=$B$17,14,0)+IF('Standard Profiles'!$G$18=$B$24,21,0),MOD($C2471,24)+1)/SUM(INDEX($D$3:$AA$30,INDEX(Jesper!$R$2:$R$366,ROW(INDEX(Jesper!AH$2:AH$366,ROUNDDOWN($C2471/24,0)+1,1))-1)+IF('Standard Profiles'!$G$18=$B$10,7,0)+IF('Standard Profiles'!$G$18=$B$17,14,0)+IF('Standard Profiles'!$G$18=$B$24,21,0),0)),0)</f>
        <v>23.314214536680893</v>
      </c>
      <c r="E2471" cm="1">
        <f t="array" ref="E2471">IFERROR(INDEX(Jesper!AI$2:AI$366,ROUNDDOWN($C2471/24,0)+1,1)*INDEX($D$3:$AA$30,INDEX(Jesper!$R$2:$R$366,ROW(INDEX(Jesper!AI$2:AI$366,ROUNDDOWN($C2471/24,0)+1,1))-1)+IF('Standard Profiles'!$G$19=$B$10,7,0)+IF('Standard Profiles'!$G$19=$B$17,14,0)+IF('Standard Profiles'!$G$19=$B$24,21,0),MOD($C2471,24)+1)/SUM(INDEX($D$3:$AA$30,INDEX(Jesper!$R$2:$R$366,ROW(INDEX(Jesper!AI$2:AI$366,ROUNDDOWN($C2471/24,0)+1,1))-1)+IF('Standard Profiles'!$G$19=$B$10,7,0)+IF('Standard Profiles'!$G$19=$B$17,14,0)+IF('Standard Profiles'!$G$19=$B$24,21,0),0)),0)</f>
        <v>19.775212778530115</v>
      </c>
      <c r="F2471" cm="1">
        <f t="array" ref="F2471">IFERROR(INDEX(Jesper!AJ$2:AJ$366,ROUNDDOWN($C2471/24,0)+1,1)*INDEX($D$3:$AA$30,INDEX(Jesper!$R$2:$R$366,ROW(INDEX(Jesper!AJ$2:AJ$366,ROUNDDOWN($C2471/24,0)+1,1))-1)+IF('Standard Profiles'!$G$20=$B$10,7,0)+IF('Standard Profiles'!$G$20=$B$17,14,0)+IF('Standard Profiles'!$G$20=$B$24,21,0),MOD($C2471,24)+1)/SUM(INDEX($D$3:$AA$30,INDEX(Jesper!$R$2:$R$366,ROW(INDEX(Jesper!AJ$2:AJ$366,ROUNDDOWN($C2471/24,0)+1,1))-1)+IF('Standard Profiles'!$G$20=$B$10,7,0)+IF('Standard Profiles'!$G$20=$B$17,14,0)+IF('Standard Profiles'!$G$20=$B$24,21,0),0)),0)</f>
        <v>0</v>
      </c>
      <c r="G2471" cm="1">
        <f t="array" ref="G2471">IFERROR(INDEX(Jesper!AK$2:AK$366,ROUNDDOWN($C2471/24,0)+1,1)*INDEX($D$3:$AA$30,INDEX(Jesper!$R$2:$R$366,ROW(INDEX(Jesper!AK$2:AK$366,ROUNDDOWN($C2471/24,0)+1,1))-1)+IF('Standard Profiles'!$G$21=$B$10,7,0)+IF('Standard Profiles'!$G$21=$B$17,14,0)+IF('Standard Profiles'!$G$21=$B$24,21,0),MOD($C2471,24)+1)/SUM(INDEX($D$3:$AA$30,INDEX(Jesper!$R$2:$R$366,ROW(INDEX(Jesper!AK$2:AK$366,ROUNDDOWN($C2471/24,0)+1,1))-1)+IF('Standard Profiles'!$G$21=$B$10,7,0)+IF('Standard Profiles'!$G$21=$B$17,14,0)+IF('Standard Profiles'!$G$21=$B$24,21,0),0)),0)</f>
        <v>8.4232898171564763</v>
      </c>
      <c r="H2471" cm="1">
        <f t="array" ref="H2471">IFERROR(INDEX(Jesper!AL$2:AL$366,ROUNDDOWN($C2471/24,0)+1,1)*INDEX($D$3:$AA$30,INDEX(Jesper!$R$2:$R$366,ROW(INDEX(Jesper!AL$2:AL$366,ROUNDDOWN($C2471/24,0)+1,1))-1)+IF('Standard Profiles'!$G$22=$B$10,7,0)+IF('Standard Profiles'!$G$22=$B$17,14,0)+IF('Standard Profiles'!$G$22=$B$24,21,0),MOD($C2471,24)+1)/SUM(INDEX($D$3:$AA$30,INDEX(Jesper!$R$2:$R$366,ROW(INDEX(Jesper!AL$2:AL$366,ROUNDDOWN($C2471/24,0)+1,1))-1)+IF('Standard Profiles'!$G$22=$B$10,7,0)+IF('Standard Profiles'!$G$22=$B$17,14,0)+IF('Standard Profiles'!$G$22=$B$24,21,0),0)),0)</f>
        <v>0</v>
      </c>
      <c r="I2471">
        <f t="shared" si="286"/>
        <v>4.0431791122351068</v>
      </c>
      <c r="J2471">
        <f t="shared" si="287"/>
        <v>43.739263694263435</v>
      </c>
      <c r="K2471">
        <f t="shared" si="288"/>
        <v>2.4868495505792954</v>
      </c>
      <c r="L2471">
        <f t="shared" si="289"/>
        <v>1.2434247752896477</v>
      </c>
      <c r="M2471">
        <f t="shared" si="290"/>
        <v>0</v>
      </c>
      <c r="N2471" s="45">
        <f t="shared" si="291"/>
        <v>45028.541666660756</v>
      </c>
    </row>
    <row r="2472" spans="2:14" x14ac:dyDescent="0.25">
      <c r="B2472">
        <f t="shared" si="285"/>
        <v>3</v>
      </c>
      <c r="C2472" s="16">
        <v>2438</v>
      </c>
      <c r="D2472" cm="1">
        <f t="array" ref="D2472">IFERROR(INDEX(Jesper!AH$2:AH$366,ROUNDDOWN($C2472/24,0)+1,1)*INDEX($D$3:$AA$30,INDEX(Jesper!$R$2:$R$366,ROW(INDEX(Jesper!AH$2:AH$366,ROUNDDOWN($C2472/24,0)+1,1))-1)+IF('Standard Profiles'!$G$18=$B$10,7,0)+IF('Standard Profiles'!$G$18=$B$17,14,0)+IF('Standard Profiles'!$G$18=$B$24,21,0),MOD($C2472,24)+1)/SUM(INDEX($D$3:$AA$30,INDEX(Jesper!$R$2:$R$366,ROW(INDEX(Jesper!AH$2:AH$366,ROUNDDOWN($C2472/24,0)+1,1))-1)+IF('Standard Profiles'!$G$18=$B$10,7,0)+IF('Standard Profiles'!$G$18=$B$17,14,0)+IF('Standard Profiles'!$G$18=$B$24,21,0),0)),0)</f>
        <v>35.09666704446586</v>
      </c>
      <c r="E2472" cm="1">
        <f t="array" ref="E2472">IFERROR(INDEX(Jesper!AI$2:AI$366,ROUNDDOWN($C2472/24,0)+1,1)*INDEX($D$3:$AA$30,INDEX(Jesper!$R$2:$R$366,ROW(INDEX(Jesper!AI$2:AI$366,ROUNDDOWN($C2472/24,0)+1,1))-1)+IF('Standard Profiles'!$G$19=$B$10,7,0)+IF('Standard Profiles'!$G$19=$B$17,14,0)+IF('Standard Profiles'!$G$19=$B$24,21,0),MOD($C2472,24)+1)/SUM(INDEX($D$3:$AA$30,INDEX(Jesper!$R$2:$R$366,ROW(INDEX(Jesper!AI$2:AI$366,ROUNDDOWN($C2472/24,0)+1,1))-1)+IF('Standard Profiles'!$G$19=$B$10,7,0)+IF('Standard Profiles'!$G$19=$B$17,14,0)+IF('Standard Profiles'!$G$19=$B$24,21,0),0)),0)</f>
        <v>29.769137516066841</v>
      </c>
      <c r="F2472" cm="1">
        <f t="array" ref="F2472">IFERROR(INDEX(Jesper!AJ$2:AJ$366,ROUNDDOWN($C2472/24,0)+1,1)*INDEX($D$3:$AA$30,INDEX(Jesper!$R$2:$R$366,ROW(INDEX(Jesper!AJ$2:AJ$366,ROUNDDOWN($C2472/24,0)+1,1))-1)+IF('Standard Profiles'!$G$20=$B$10,7,0)+IF('Standard Profiles'!$G$20=$B$17,14,0)+IF('Standard Profiles'!$G$20=$B$24,21,0),MOD($C2472,24)+1)/SUM(INDEX($D$3:$AA$30,INDEX(Jesper!$R$2:$R$366,ROW(INDEX(Jesper!AJ$2:AJ$366,ROUNDDOWN($C2472/24,0)+1,1))-1)+IF('Standard Profiles'!$G$20=$B$10,7,0)+IF('Standard Profiles'!$G$20=$B$17,14,0)+IF('Standard Profiles'!$G$20=$B$24,21,0),0)),0)</f>
        <v>0</v>
      </c>
      <c r="G2472" cm="1">
        <f t="array" ref="G2472">IFERROR(INDEX(Jesper!AK$2:AK$366,ROUNDDOWN($C2472/24,0)+1,1)*INDEX($D$3:$AA$30,INDEX(Jesper!$R$2:$R$366,ROW(INDEX(Jesper!AK$2:AK$366,ROUNDDOWN($C2472/24,0)+1,1))-1)+IF('Standard Profiles'!$G$21=$B$10,7,0)+IF('Standard Profiles'!$G$21=$B$17,14,0)+IF('Standard Profiles'!$G$21=$B$24,21,0),MOD($C2472,24)+1)/SUM(INDEX($D$3:$AA$30,INDEX(Jesper!$R$2:$R$366,ROW(INDEX(Jesper!AK$2:AK$366,ROUNDDOWN($C2472/24,0)+1,1))-1)+IF('Standard Profiles'!$G$21=$B$10,7,0)+IF('Standard Profiles'!$G$21=$B$17,14,0)+IF('Standard Profiles'!$G$21=$B$24,21,0),0)),0)</f>
        <v>12.680221230128028</v>
      </c>
      <c r="H2472" cm="1">
        <f t="array" ref="H2472">IFERROR(INDEX(Jesper!AL$2:AL$366,ROUNDDOWN($C2472/24,0)+1,1)*INDEX($D$3:$AA$30,INDEX(Jesper!$R$2:$R$366,ROW(INDEX(Jesper!AL$2:AL$366,ROUNDDOWN($C2472/24,0)+1,1))-1)+IF('Standard Profiles'!$G$22=$B$10,7,0)+IF('Standard Profiles'!$G$22=$B$17,14,0)+IF('Standard Profiles'!$G$22=$B$24,21,0),MOD($C2472,24)+1)/SUM(INDEX($D$3:$AA$30,INDEX(Jesper!$R$2:$R$366,ROW(INDEX(Jesper!AL$2:AL$366,ROUNDDOWN($C2472/24,0)+1,1))-1)+IF('Standard Profiles'!$G$22=$B$10,7,0)+IF('Standard Profiles'!$G$22=$B$17,14,0)+IF('Standard Profiles'!$G$22=$B$24,21,0),0)),0)</f>
        <v>0</v>
      </c>
      <c r="I2472">
        <f t="shared" si="286"/>
        <v>6.0865061904614501</v>
      </c>
      <c r="J2472">
        <f t="shared" si="287"/>
        <v>65.844052873084749</v>
      </c>
      <c r="K2472">
        <f t="shared" si="288"/>
        <v>3.7436444847430255</v>
      </c>
      <c r="L2472">
        <f t="shared" si="289"/>
        <v>1.8718222423715127</v>
      </c>
      <c r="M2472">
        <f t="shared" si="290"/>
        <v>0</v>
      </c>
      <c r="N2472" s="45">
        <f t="shared" si="291"/>
        <v>45028.58333332742</v>
      </c>
    </row>
    <row r="2473" spans="2:14" x14ac:dyDescent="0.25">
      <c r="B2473">
        <f t="shared" si="285"/>
        <v>3</v>
      </c>
      <c r="C2473" s="16">
        <v>2439</v>
      </c>
      <c r="D2473" cm="1">
        <f t="array" ref="D2473">IFERROR(INDEX(Jesper!AH$2:AH$366,ROUNDDOWN($C2473/24,0)+1,1)*INDEX($D$3:$AA$30,INDEX(Jesper!$R$2:$R$366,ROW(INDEX(Jesper!AH$2:AH$366,ROUNDDOWN($C2473/24,0)+1,1))-1)+IF('Standard Profiles'!$G$18=$B$10,7,0)+IF('Standard Profiles'!$G$18=$B$17,14,0)+IF('Standard Profiles'!$G$18=$B$24,21,0),MOD($C2473,24)+1)/SUM(INDEX($D$3:$AA$30,INDEX(Jesper!$R$2:$R$366,ROW(INDEX(Jesper!AH$2:AH$366,ROUNDDOWN($C2473/24,0)+1,1))-1)+IF('Standard Profiles'!$G$18=$B$10,7,0)+IF('Standard Profiles'!$G$18=$B$17,14,0)+IF('Standard Profiles'!$G$18=$B$24,21,0),0)),0)</f>
        <v>35.09666704446586</v>
      </c>
      <c r="E2473" cm="1">
        <f t="array" ref="E2473">IFERROR(INDEX(Jesper!AI$2:AI$366,ROUNDDOWN($C2473/24,0)+1,1)*INDEX($D$3:$AA$30,INDEX(Jesper!$R$2:$R$366,ROW(INDEX(Jesper!AI$2:AI$366,ROUNDDOWN($C2473/24,0)+1,1))-1)+IF('Standard Profiles'!$G$19=$B$10,7,0)+IF('Standard Profiles'!$G$19=$B$17,14,0)+IF('Standard Profiles'!$G$19=$B$24,21,0),MOD($C2473,24)+1)/SUM(INDEX($D$3:$AA$30,INDEX(Jesper!$R$2:$R$366,ROW(INDEX(Jesper!AI$2:AI$366,ROUNDDOWN($C2473/24,0)+1,1))-1)+IF('Standard Profiles'!$G$19=$B$10,7,0)+IF('Standard Profiles'!$G$19=$B$17,14,0)+IF('Standard Profiles'!$G$19=$B$24,21,0),0)),0)</f>
        <v>29.769137516066841</v>
      </c>
      <c r="F2473" cm="1">
        <f t="array" ref="F2473">IFERROR(INDEX(Jesper!AJ$2:AJ$366,ROUNDDOWN($C2473/24,0)+1,1)*INDEX($D$3:$AA$30,INDEX(Jesper!$R$2:$R$366,ROW(INDEX(Jesper!AJ$2:AJ$366,ROUNDDOWN($C2473/24,0)+1,1))-1)+IF('Standard Profiles'!$G$20=$B$10,7,0)+IF('Standard Profiles'!$G$20=$B$17,14,0)+IF('Standard Profiles'!$G$20=$B$24,21,0),MOD($C2473,24)+1)/SUM(INDEX($D$3:$AA$30,INDEX(Jesper!$R$2:$R$366,ROW(INDEX(Jesper!AJ$2:AJ$366,ROUNDDOWN($C2473/24,0)+1,1))-1)+IF('Standard Profiles'!$G$20=$B$10,7,0)+IF('Standard Profiles'!$G$20=$B$17,14,0)+IF('Standard Profiles'!$G$20=$B$24,21,0),0)),0)</f>
        <v>0</v>
      </c>
      <c r="G2473" cm="1">
        <f t="array" ref="G2473">IFERROR(INDEX(Jesper!AK$2:AK$366,ROUNDDOWN($C2473/24,0)+1,1)*INDEX($D$3:$AA$30,INDEX(Jesper!$R$2:$R$366,ROW(INDEX(Jesper!AK$2:AK$366,ROUNDDOWN($C2473/24,0)+1,1))-1)+IF('Standard Profiles'!$G$21=$B$10,7,0)+IF('Standard Profiles'!$G$21=$B$17,14,0)+IF('Standard Profiles'!$G$21=$B$24,21,0),MOD($C2473,24)+1)/SUM(INDEX($D$3:$AA$30,INDEX(Jesper!$R$2:$R$366,ROW(INDEX(Jesper!AK$2:AK$366,ROUNDDOWN($C2473/24,0)+1,1))-1)+IF('Standard Profiles'!$G$21=$B$10,7,0)+IF('Standard Profiles'!$G$21=$B$17,14,0)+IF('Standard Profiles'!$G$21=$B$24,21,0),0)),0)</f>
        <v>12.680221230128028</v>
      </c>
      <c r="H2473" cm="1">
        <f t="array" ref="H2473">IFERROR(INDEX(Jesper!AL$2:AL$366,ROUNDDOWN($C2473/24,0)+1,1)*INDEX($D$3:$AA$30,INDEX(Jesper!$R$2:$R$366,ROW(INDEX(Jesper!AL$2:AL$366,ROUNDDOWN($C2473/24,0)+1,1))-1)+IF('Standard Profiles'!$G$22=$B$10,7,0)+IF('Standard Profiles'!$G$22=$B$17,14,0)+IF('Standard Profiles'!$G$22=$B$24,21,0),MOD($C2473,24)+1)/SUM(INDEX($D$3:$AA$30,INDEX(Jesper!$R$2:$R$366,ROW(INDEX(Jesper!AL$2:AL$366,ROUNDDOWN($C2473/24,0)+1,1))-1)+IF('Standard Profiles'!$G$22=$B$10,7,0)+IF('Standard Profiles'!$G$22=$B$17,14,0)+IF('Standard Profiles'!$G$22=$B$24,21,0),0)),0)</f>
        <v>0</v>
      </c>
      <c r="I2473">
        <f t="shared" si="286"/>
        <v>6.0865061904614501</v>
      </c>
      <c r="J2473">
        <f t="shared" si="287"/>
        <v>65.844052873084749</v>
      </c>
      <c r="K2473">
        <f t="shared" si="288"/>
        <v>3.7436444847430255</v>
      </c>
      <c r="L2473">
        <f t="shared" si="289"/>
        <v>1.8718222423715127</v>
      </c>
      <c r="M2473">
        <f t="shared" si="290"/>
        <v>0</v>
      </c>
      <c r="N2473" s="45">
        <f t="shared" si="291"/>
        <v>45028.624999994085</v>
      </c>
    </row>
    <row r="2474" spans="2:14" x14ac:dyDescent="0.25">
      <c r="B2474">
        <f t="shared" si="285"/>
        <v>3</v>
      </c>
      <c r="C2474" s="16">
        <v>2440</v>
      </c>
      <c r="D2474" cm="1">
        <f t="array" ref="D2474">IFERROR(INDEX(Jesper!AH$2:AH$366,ROUNDDOWN($C2474/24,0)+1,1)*INDEX($D$3:$AA$30,INDEX(Jesper!$R$2:$R$366,ROW(INDEX(Jesper!AH$2:AH$366,ROUNDDOWN($C2474/24,0)+1,1))-1)+IF('Standard Profiles'!$G$18=$B$10,7,0)+IF('Standard Profiles'!$G$18=$B$17,14,0)+IF('Standard Profiles'!$G$18=$B$24,21,0),MOD($C2474,24)+1)/SUM(INDEX($D$3:$AA$30,INDEX(Jesper!$R$2:$R$366,ROW(INDEX(Jesper!AH$2:AH$366,ROUNDDOWN($C2474/24,0)+1,1))-1)+IF('Standard Profiles'!$G$18=$B$10,7,0)+IF('Standard Profiles'!$G$18=$B$17,14,0)+IF('Standard Profiles'!$G$18=$B$24,21,0),0)),0)</f>
        <v>20.681964508345953</v>
      </c>
      <c r="E2474" cm="1">
        <f t="array" ref="E2474">IFERROR(INDEX(Jesper!AI$2:AI$366,ROUNDDOWN($C2474/24,0)+1,1)*INDEX($D$3:$AA$30,INDEX(Jesper!$R$2:$R$366,ROW(INDEX(Jesper!AI$2:AI$366,ROUNDDOWN($C2474/24,0)+1,1))-1)+IF('Standard Profiles'!$G$19=$B$10,7,0)+IF('Standard Profiles'!$G$19=$B$17,14,0)+IF('Standard Profiles'!$G$19=$B$24,21,0),MOD($C2474,24)+1)/SUM(INDEX($D$3:$AA$30,INDEX(Jesper!$R$2:$R$366,ROW(INDEX(Jesper!AI$2:AI$366,ROUNDDOWN($C2474/24,0)+1,1))-1)+IF('Standard Profiles'!$G$19=$B$10,7,0)+IF('Standard Profiles'!$G$19=$B$17,14,0)+IF('Standard Profiles'!$G$19=$B$24,21,0),0)),0)</f>
        <v>17.542527464825106</v>
      </c>
      <c r="F2474" cm="1">
        <f t="array" ref="F2474">IFERROR(INDEX(Jesper!AJ$2:AJ$366,ROUNDDOWN($C2474/24,0)+1,1)*INDEX($D$3:$AA$30,INDEX(Jesper!$R$2:$R$366,ROW(INDEX(Jesper!AJ$2:AJ$366,ROUNDDOWN($C2474/24,0)+1,1))-1)+IF('Standard Profiles'!$G$20=$B$10,7,0)+IF('Standard Profiles'!$G$20=$B$17,14,0)+IF('Standard Profiles'!$G$20=$B$24,21,0),MOD($C2474,24)+1)/SUM(INDEX($D$3:$AA$30,INDEX(Jesper!$R$2:$R$366,ROW(INDEX(Jesper!AJ$2:AJ$366,ROUNDDOWN($C2474/24,0)+1,1))-1)+IF('Standard Profiles'!$G$20=$B$10,7,0)+IF('Standard Profiles'!$G$20=$B$17,14,0)+IF('Standard Profiles'!$G$20=$B$24,21,0),0)),0)</f>
        <v>0</v>
      </c>
      <c r="G2474" cm="1">
        <f t="array" ref="G2474">IFERROR(INDEX(Jesper!AK$2:AK$366,ROUNDDOWN($C2474/24,0)+1,1)*INDEX($D$3:$AA$30,INDEX(Jesper!$R$2:$R$366,ROW(INDEX(Jesper!AK$2:AK$366,ROUNDDOWN($C2474/24,0)+1,1))-1)+IF('Standard Profiles'!$G$21=$B$10,7,0)+IF('Standard Profiles'!$G$21=$B$17,14,0)+IF('Standard Profiles'!$G$21=$B$24,21,0),MOD($C2474,24)+1)/SUM(INDEX($D$3:$AA$30,INDEX(Jesper!$R$2:$R$366,ROW(INDEX(Jesper!AK$2:AK$366,ROUNDDOWN($C2474/24,0)+1,1))-1)+IF('Standard Profiles'!$G$21=$B$10,7,0)+IF('Standard Profiles'!$G$21=$B$17,14,0)+IF('Standard Profiles'!$G$21=$B$24,21,0),0)),0)</f>
        <v>10.595480424435801</v>
      </c>
      <c r="H2474" cm="1">
        <f t="array" ref="H2474">IFERROR(INDEX(Jesper!AL$2:AL$366,ROUNDDOWN($C2474/24,0)+1,1)*INDEX($D$3:$AA$30,INDEX(Jesper!$R$2:$R$366,ROW(INDEX(Jesper!AL$2:AL$366,ROUNDDOWN($C2474/24,0)+1,1))-1)+IF('Standard Profiles'!$G$22=$B$10,7,0)+IF('Standard Profiles'!$G$22=$B$17,14,0)+IF('Standard Profiles'!$G$22=$B$24,21,0),MOD($C2474,24)+1)/SUM(INDEX($D$3:$AA$30,INDEX(Jesper!$R$2:$R$366,ROW(INDEX(Jesper!AL$2:AL$366,ROUNDDOWN($C2474/24,0)+1,1))-1)+IF('Standard Profiles'!$G$22=$B$10,7,0)+IF('Standard Profiles'!$G$22=$B$17,14,0)+IF('Standard Profiles'!$G$22=$B$24,21,0),0)),0)</f>
        <v>0</v>
      </c>
      <c r="I2474">
        <f t="shared" si="286"/>
        <v>5.0858306037291818</v>
      </c>
      <c r="J2474">
        <f t="shared" si="287"/>
        <v>40.425027472542325</v>
      </c>
      <c r="K2474">
        <f t="shared" si="288"/>
        <v>2.2060762142235686</v>
      </c>
      <c r="L2474">
        <f t="shared" si="289"/>
        <v>1.1030381071117843</v>
      </c>
      <c r="M2474">
        <f t="shared" si="290"/>
        <v>0</v>
      </c>
      <c r="N2474" s="45">
        <f t="shared" si="291"/>
        <v>45028.666666660749</v>
      </c>
    </row>
    <row r="2475" spans="2:14" x14ac:dyDescent="0.25">
      <c r="B2475">
        <f t="shared" si="285"/>
        <v>3</v>
      </c>
      <c r="C2475" s="16">
        <v>2441</v>
      </c>
      <c r="D2475" cm="1">
        <f t="array" ref="D2475">IFERROR(INDEX(Jesper!AH$2:AH$366,ROUNDDOWN($C2475/24,0)+1,1)*INDEX($D$3:$AA$30,INDEX(Jesper!$R$2:$R$366,ROW(INDEX(Jesper!AH$2:AH$366,ROUNDDOWN($C2475/24,0)+1,1))-1)+IF('Standard Profiles'!$G$18=$B$10,7,0)+IF('Standard Profiles'!$G$18=$B$17,14,0)+IF('Standard Profiles'!$G$18=$B$24,21,0),MOD($C2475,24)+1)/SUM(INDEX($D$3:$AA$30,INDEX(Jesper!$R$2:$R$366,ROW(INDEX(Jesper!AH$2:AH$366,ROUNDDOWN($C2475/24,0)+1,1))-1)+IF('Standard Profiles'!$G$18=$B$10,7,0)+IF('Standard Profiles'!$G$18=$B$17,14,0)+IF('Standard Profiles'!$G$18=$B$24,21,0),0)),0)</f>
        <v>8.8271295383465453</v>
      </c>
      <c r="E2475" cm="1">
        <f t="array" ref="E2475">IFERROR(INDEX(Jesper!AI$2:AI$366,ROUNDDOWN($C2475/24,0)+1,1)*INDEX($D$3:$AA$30,INDEX(Jesper!$R$2:$R$366,ROW(INDEX(Jesper!AI$2:AI$366,ROUNDDOWN($C2475/24,0)+1,1))-1)+IF('Standard Profiles'!$G$19=$B$10,7,0)+IF('Standard Profiles'!$G$19=$B$17,14,0)+IF('Standard Profiles'!$G$19=$B$24,21,0),MOD($C2475,24)+1)/SUM(INDEX($D$3:$AA$30,INDEX(Jesper!$R$2:$R$366,ROW(INDEX(Jesper!AI$2:AI$366,ROUNDDOWN($C2475/24,0)+1,1))-1)+IF('Standard Profiles'!$G$19=$B$10,7,0)+IF('Standard Profiles'!$G$19=$B$17,14,0)+IF('Standard Profiles'!$G$19=$B$24,21,0),0)),0)</f>
        <v>7.4872076247653032</v>
      </c>
      <c r="F2475" cm="1">
        <f t="array" ref="F2475">IFERROR(INDEX(Jesper!AJ$2:AJ$366,ROUNDDOWN($C2475/24,0)+1,1)*INDEX($D$3:$AA$30,INDEX(Jesper!$R$2:$R$366,ROW(INDEX(Jesper!AJ$2:AJ$366,ROUNDDOWN($C2475/24,0)+1,1))-1)+IF('Standard Profiles'!$G$20=$B$10,7,0)+IF('Standard Profiles'!$G$20=$B$17,14,0)+IF('Standard Profiles'!$G$20=$B$24,21,0),MOD($C2475,24)+1)/SUM(INDEX($D$3:$AA$30,INDEX(Jesper!$R$2:$R$366,ROW(INDEX(Jesper!AJ$2:AJ$366,ROUNDDOWN($C2475/24,0)+1,1))-1)+IF('Standard Profiles'!$G$20=$B$10,7,0)+IF('Standard Profiles'!$G$20=$B$17,14,0)+IF('Standard Profiles'!$G$20=$B$24,21,0),0)),0)</f>
        <v>0</v>
      </c>
      <c r="G2475" cm="1">
        <f t="array" ref="G2475">IFERROR(INDEX(Jesper!AK$2:AK$366,ROUNDDOWN($C2475/24,0)+1,1)*INDEX($D$3:$AA$30,INDEX(Jesper!$R$2:$R$366,ROW(INDEX(Jesper!AK$2:AK$366,ROUNDDOWN($C2475/24,0)+1,1))-1)+IF('Standard Profiles'!$G$21=$B$10,7,0)+IF('Standard Profiles'!$G$21=$B$17,14,0)+IF('Standard Profiles'!$G$21=$B$24,21,0),MOD($C2475,24)+1)/SUM(INDEX($D$3:$AA$30,INDEX(Jesper!$R$2:$R$366,ROW(INDEX(Jesper!AK$2:AK$366,ROUNDDOWN($C2475/24,0)+1,1))-1)+IF('Standard Profiles'!$G$21=$B$10,7,0)+IF('Standard Profiles'!$G$21=$B$17,14,0)+IF('Standard Profiles'!$G$21=$B$24,21,0),0)),0)</f>
        <v>8.4248514207562462</v>
      </c>
      <c r="H2475" cm="1">
        <f t="array" ref="H2475">IFERROR(INDEX(Jesper!AL$2:AL$366,ROUNDDOWN($C2475/24,0)+1,1)*INDEX($D$3:$AA$30,INDEX(Jesper!$R$2:$R$366,ROW(INDEX(Jesper!AL$2:AL$366,ROUNDDOWN($C2475/24,0)+1,1))-1)+IF('Standard Profiles'!$G$22=$B$10,7,0)+IF('Standard Profiles'!$G$22=$B$17,14,0)+IF('Standard Profiles'!$G$22=$B$24,21,0),MOD($C2475,24)+1)/SUM(INDEX($D$3:$AA$30,INDEX(Jesper!$R$2:$R$366,ROW(INDEX(Jesper!AL$2:AL$366,ROUNDDOWN($C2475/24,0)+1,1))-1)+IF('Standard Profiles'!$G$22=$B$10,7,0)+IF('Standard Profiles'!$G$22=$B$17,14,0)+IF('Standard Profiles'!$G$22=$B$24,21,0),0)),0)</f>
        <v>0</v>
      </c>
      <c r="I2475">
        <f t="shared" si="286"/>
        <v>4.0439286819629965</v>
      </c>
      <c r="J2475">
        <f t="shared" si="287"/>
        <v>19.282919175769649</v>
      </c>
      <c r="K2475">
        <f t="shared" si="288"/>
        <v>0.94156048409029824</v>
      </c>
      <c r="L2475">
        <f t="shared" si="289"/>
        <v>0.47078024204514912</v>
      </c>
      <c r="M2475">
        <f t="shared" si="290"/>
        <v>0</v>
      </c>
      <c r="N2475" s="45">
        <f t="shared" si="291"/>
        <v>45028.708333327413</v>
      </c>
    </row>
    <row r="2476" spans="2:14" x14ac:dyDescent="0.25">
      <c r="B2476">
        <f t="shared" si="285"/>
        <v>3</v>
      </c>
      <c r="C2476" s="16">
        <v>2442</v>
      </c>
      <c r="D2476" cm="1">
        <f t="array" ref="D2476">IFERROR(INDEX(Jesper!AH$2:AH$366,ROUNDDOWN($C2476/24,0)+1,1)*INDEX($D$3:$AA$30,INDEX(Jesper!$R$2:$R$366,ROW(INDEX(Jesper!AH$2:AH$366,ROUNDDOWN($C2476/24,0)+1,1))-1)+IF('Standard Profiles'!$G$18=$B$10,7,0)+IF('Standard Profiles'!$G$18=$B$17,14,0)+IF('Standard Profiles'!$G$18=$B$24,21,0),MOD($C2476,24)+1)/SUM(INDEX($D$3:$AA$30,INDEX(Jesper!$R$2:$R$366,ROW(INDEX(Jesper!AH$2:AH$366,ROUNDDOWN($C2476/24,0)+1,1))-1)+IF('Standard Profiles'!$G$18=$B$10,7,0)+IF('Standard Profiles'!$G$18=$B$17,14,0)+IF('Standard Profiles'!$G$18=$B$24,21,0),0)),0)</f>
        <v>5.8259054953087199</v>
      </c>
      <c r="E2476" cm="1">
        <f t="array" ref="E2476">IFERROR(INDEX(Jesper!AI$2:AI$366,ROUNDDOWN($C2476/24,0)+1,1)*INDEX($D$3:$AA$30,INDEX(Jesper!$R$2:$R$366,ROW(INDEX(Jesper!AI$2:AI$366,ROUNDDOWN($C2476/24,0)+1,1))-1)+IF('Standard Profiles'!$G$19=$B$10,7,0)+IF('Standard Profiles'!$G$19=$B$17,14,0)+IF('Standard Profiles'!$G$19=$B$24,21,0),MOD($C2476,24)+1)/SUM(INDEX($D$3:$AA$30,INDEX(Jesper!$R$2:$R$366,ROW(INDEX(Jesper!AI$2:AI$366,ROUNDDOWN($C2476/24,0)+1,1))-1)+IF('Standard Profiles'!$G$19=$B$10,7,0)+IF('Standard Profiles'!$G$19=$B$17,14,0)+IF('Standard Profiles'!$G$19=$B$24,21,0),0)),0)</f>
        <v>4.9415570323451004</v>
      </c>
      <c r="F2476" cm="1">
        <f t="array" ref="F2476">IFERROR(INDEX(Jesper!AJ$2:AJ$366,ROUNDDOWN($C2476/24,0)+1,1)*INDEX($D$3:$AA$30,INDEX(Jesper!$R$2:$R$366,ROW(INDEX(Jesper!AJ$2:AJ$366,ROUNDDOWN($C2476/24,0)+1,1))-1)+IF('Standard Profiles'!$G$20=$B$10,7,0)+IF('Standard Profiles'!$G$20=$B$17,14,0)+IF('Standard Profiles'!$G$20=$B$24,21,0),MOD($C2476,24)+1)/SUM(INDEX($D$3:$AA$30,INDEX(Jesper!$R$2:$R$366,ROW(INDEX(Jesper!AJ$2:AJ$366,ROUNDDOWN($C2476/24,0)+1,1))-1)+IF('Standard Profiles'!$G$20=$B$10,7,0)+IF('Standard Profiles'!$G$20=$B$17,14,0)+IF('Standard Profiles'!$G$20=$B$24,21,0),0)),0)</f>
        <v>0</v>
      </c>
      <c r="G2476" cm="1">
        <f t="array" ref="G2476">IFERROR(INDEX(Jesper!AK$2:AK$366,ROUNDDOWN($C2476/24,0)+1,1)*INDEX($D$3:$AA$30,INDEX(Jesper!$R$2:$R$366,ROW(INDEX(Jesper!AK$2:AK$366,ROUNDDOWN($C2476/24,0)+1,1))-1)+IF('Standard Profiles'!$G$21=$B$10,7,0)+IF('Standard Profiles'!$G$21=$B$17,14,0)+IF('Standard Profiles'!$G$21=$B$24,21,0),MOD($C2476,24)+1)/SUM(INDEX($D$3:$AA$30,INDEX(Jesper!$R$2:$R$366,ROW(INDEX(Jesper!AK$2:AK$366,ROUNDDOWN($C2476/24,0)+1,1))-1)+IF('Standard Profiles'!$G$21=$B$10,7,0)+IF('Standard Profiles'!$G$21=$B$17,14,0)+IF('Standard Profiles'!$G$21=$B$24,21,0),0)),0)</f>
        <v>3.1232071995389239</v>
      </c>
      <c r="H2476" cm="1">
        <f t="array" ref="H2476">IFERROR(INDEX(Jesper!AL$2:AL$366,ROUNDDOWN($C2476/24,0)+1,1)*INDEX($D$3:$AA$30,INDEX(Jesper!$R$2:$R$366,ROW(INDEX(Jesper!AL$2:AL$366,ROUNDDOWN($C2476/24,0)+1,1))-1)+IF('Standard Profiles'!$G$22=$B$10,7,0)+IF('Standard Profiles'!$G$22=$B$17,14,0)+IF('Standard Profiles'!$G$22=$B$24,21,0),MOD($C2476,24)+1)/SUM(INDEX($D$3:$AA$30,INDEX(Jesper!$R$2:$R$366,ROW(INDEX(Jesper!AL$2:AL$366,ROUNDDOWN($C2476/24,0)+1,1))-1)+IF('Standard Profiles'!$G$22=$B$10,7,0)+IF('Standard Profiles'!$G$22=$B$17,14,0)+IF('Standard Profiles'!$G$22=$B$24,21,0),0)),0)</f>
        <v>0</v>
      </c>
      <c r="I2476">
        <f t="shared" si="286"/>
        <v>1.4991394557786828</v>
      </c>
      <c r="J2476">
        <f t="shared" si="287"/>
        <v>11.459385392164666</v>
      </c>
      <c r="K2476">
        <f t="shared" si="288"/>
        <v>0.62142991949959681</v>
      </c>
      <c r="L2476">
        <f t="shared" si="289"/>
        <v>0.3107149597497984</v>
      </c>
      <c r="M2476">
        <f t="shared" si="290"/>
        <v>0</v>
      </c>
      <c r="N2476" s="45">
        <f t="shared" si="291"/>
        <v>45028.749999994077</v>
      </c>
    </row>
    <row r="2477" spans="2:14" x14ac:dyDescent="0.25">
      <c r="B2477">
        <f t="shared" si="285"/>
        <v>3</v>
      </c>
      <c r="C2477" s="16">
        <v>2443</v>
      </c>
      <c r="D2477" cm="1">
        <f t="array" ref="D2477">IFERROR(INDEX(Jesper!AH$2:AH$366,ROUNDDOWN($C2477/24,0)+1,1)*INDEX($D$3:$AA$30,INDEX(Jesper!$R$2:$R$366,ROW(INDEX(Jesper!AH$2:AH$366,ROUNDDOWN($C2477/24,0)+1,1))-1)+IF('Standard Profiles'!$G$18=$B$10,7,0)+IF('Standard Profiles'!$G$18=$B$17,14,0)+IF('Standard Profiles'!$G$18=$B$24,21,0),MOD($C2477,24)+1)/SUM(INDEX($D$3:$AA$30,INDEX(Jesper!$R$2:$R$366,ROW(INDEX(Jesper!AH$2:AH$366,ROUNDDOWN($C2477/24,0)+1,1))-1)+IF('Standard Profiles'!$G$18=$B$10,7,0)+IF('Standard Profiles'!$G$18=$B$17,14,0)+IF('Standard Profiles'!$G$18=$B$24,21,0),0)),0)</f>
        <v>5.8259054953087199</v>
      </c>
      <c r="E2477" cm="1">
        <f t="array" ref="E2477">IFERROR(INDEX(Jesper!AI$2:AI$366,ROUNDDOWN($C2477/24,0)+1,1)*INDEX($D$3:$AA$30,INDEX(Jesper!$R$2:$R$366,ROW(INDEX(Jesper!AI$2:AI$366,ROUNDDOWN($C2477/24,0)+1,1))-1)+IF('Standard Profiles'!$G$19=$B$10,7,0)+IF('Standard Profiles'!$G$19=$B$17,14,0)+IF('Standard Profiles'!$G$19=$B$24,21,0),MOD($C2477,24)+1)/SUM(INDEX($D$3:$AA$30,INDEX(Jesper!$R$2:$R$366,ROW(INDEX(Jesper!AI$2:AI$366,ROUNDDOWN($C2477/24,0)+1,1))-1)+IF('Standard Profiles'!$G$19=$B$10,7,0)+IF('Standard Profiles'!$G$19=$B$17,14,0)+IF('Standard Profiles'!$G$19=$B$24,21,0),0)),0)</f>
        <v>4.9415570323451004</v>
      </c>
      <c r="F2477" cm="1">
        <f t="array" ref="F2477">IFERROR(INDEX(Jesper!AJ$2:AJ$366,ROUNDDOWN($C2477/24,0)+1,1)*INDEX($D$3:$AA$30,INDEX(Jesper!$R$2:$R$366,ROW(INDEX(Jesper!AJ$2:AJ$366,ROUNDDOWN($C2477/24,0)+1,1))-1)+IF('Standard Profiles'!$G$20=$B$10,7,0)+IF('Standard Profiles'!$G$20=$B$17,14,0)+IF('Standard Profiles'!$G$20=$B$24,21,0),MOD($C2477,24)+1)/SUM(INDEX($D$3:$AA$30,INDEX(Jesper!$R$2:$R$366,ROW(INDEX(Jesper!AJ$2:AJ$366,ROUNDDOWN($C2477/24,0)+1,1))-1)+IF('Standard Profiles'!$G$20=$B$10,7,0)+IF('Standard Profiles'!$G$20=$B$17,14,0)+IF('Standard Profiles'!$G$20=$B$24,21,0),0)),0)</f>
        <v>0</v>
      </c>
      <c r="G2477" cm="1">
        <f t="array" ref="G2477">IFERROR(INDEX(Jesper!AK$2:AK$366,ROUNDDOWN($C2477/24,0)+1,1)*INDEX($D$3:$AA$30,INDEX(Jesper!$R$2:$R$366,ROW(INDEX(Jesper!AK$2:AK$366,ROUNDDOWN($C2477/24,0)+1,1))-1)+IF('Standard Profiles'!$G$21=$B$10,7,0)+IF('Standard Profiles'!$G$21=$B$17,14,0)+IF('Standard Profiles'!$G$21=$B$24,21,0),MOD($C2477,24)+1)/SUM(INDEX($D$3:$AA$30,INDEX(Jesper!$R$2:$R$366,ROW(INDEX(Jesper!AK$2:AK$366,ROUNDDOWN($C2477/24,0)+1,1))-1)+IF('Standard Profiles'!$G$21=$B$10,7,0)+IF('Standard Profiles'!$G$21=$B$17,14,0)+IF('Standard Profiles'!$G$21=$B$24,21,0),0)),0)</f>
        <v>3.1232071995389239</v>
      </c>
      <c r="H2477" cm="1">
        <f t="array" ref="H2477">IFERROR(INDEX(Jesper!AL$2:AL$366,ROUNDDOWN($C2477/24,0)+1,1)*INDEX($D$3:$AA$30,INDEX(Jesper!$R$2:$R$366,ROW(INDEX(Jesper!AL$2:AL$366,ROUNDDOWN($C2477/24,0)+1,1))-1)+IF('Standard Profiles'!$G$22=$B$10,7,0)+IF('Standard Profiles'!$G$22=$B$17,14,0)+IF('Standard Profiles'!$G$22=$B$24,21,0),MOD($C2477,24)+1)/SUM(INDEX($D$3:$AA$30,INDEX(Jesper!$R$2:$R$366,ROW(INDEX(Jesper!AL$2:AL$366,ROUNDDOWN($C2477/24,0)+1,1))-1)+IF('Standard Profiles'!$G$22=$B$10,7,0)+IF('Standard Profiles'!$G$22=$B$17,14,0)+IF('Standard Profiles'!$G$22=$B$24,21,0),0)),0)</f>
        <v>0</v>
      </c>
      <c r="I2477">
        <f t="shared" si="286"/>
        <v>1.4991394557786828</v>
      </c>
      <c r="J2477">
        <f t="shared" si="287"/>
        <v>11.459385392164666</v>
      </c>
      <c r="K2477">
        <f t="shared" si="288"/>
        <v>0.62142991949959681</v>
      </c>
      <c r="L2477">
        <f t="shared" si="289"/>
        <v>0.3107149597497984</v>
      </c>
      <c r="M2477">
        <f t="shared" si="290"/>
        <v>0</v>
      </c>
      <c r="N2477" s="45">
        <f t="shared" si="291"/>
        <v>45028.791666660742</v>
      </c>
    </row>
    <row r="2478" spans="2:14" x14ac:dyDescent="0.25">
      <c r="B2478">
        <f t="shared" si="285"/>
        <v>3</v>
      </c>
      <c r="C2478" s="16">
        <v>2444</v>
      </c>
      <c r="D2478" cm="1">
        <f t="array" ref="D2478">IFERROR(INDEX(Jesper!AH$2:AH$366,ROUNDDOWN($C2478/24,0)+1,1)*INDEX($D$3:$AA$30,INDEX(Jesper!$R$2:$R$366,ROW(INDEX(Jesper!AH$2:AH$366,ROUNDDOWN($C2478/24,0)+1,1))-1)+IF('Standard Profiles'!$G$18=$B$10,7,0)+IF('Standard Profiles'!$G$18=$B$17,14,0)+IF('Standard Profiles'!$G$18=$B$24,21,0),MOD($C2478,24)+1)/SUM(INDEX($D$3:$AA$30,INDEX(Jesper!$R$2:$R$366,ROW(INDEX(Jesper!AH$2:AH$366,ROUNDDOWN($C2478/24,0)+1,1))-1)+IF('Standard Profiles'!$G$18=$B$10,7,0)+IF('Standard Profiles'!$G$18=$B$17,14,0)+IF('Standard Profiles'!$G$18=$B$24,21,0),0)),0)</f>
        <v>5.8259054953087199</v>
      </c>
      <c r="E2478" cm="1">
        <f t="array" ref="E2478">IFERROR(INDEX(Jesper!AI$2:AI$366,ROUNDDOWN($C2478/24,0)+1,1)*INDEX($D$3:$AA$30,INDEX(Jesper!$R$2:$R$366,ROW(INDEX(Jesper!AI$2:AI$366,ROUNDDOWN($C2478/24,0)+1,1))-1)+IF('Standard Profiles'!$G$19=$B$10,7,0)+IF('Standard Profiles'!$G$19=$B$17,14,0)+IF('Standard Profiles'!$G$19=$B$24,21,0),MOD($C2478,24)+1)/SUM(INDEX($D$3:$AA$30,INDEX(Jesper!$R$2:$R$366,ROW(INDEX(Jesper!AI$2:AI$366,ROUNDDOWN($C2478/24,0)+1,1))-1)+IF('Standard Profiles'!$G$19=$B$10,7,0)+IF('Standard Profiles'!$G$19=$B$17,14,0)+IF('Standard Profiles'!$G$19=$B$24,21,0),0)),0)</f>
        <v>4.9415570323451004</v>
      </c>
      <c r="F2478" cm="1">
        <f t="array" ref="F2478">IFERROR(INDEX(Jesper!AJ$2:AJ$366,ROUNDDOWN($C2478/24,0)+1,1)*INDEX($D$3:$AA$30,INDEX(Jesper!$R$2:$R$366,ROW(INDEX(Jesper!AJ$2:AJ$366,ROUNDDOWN($C2478/24,0)+1,1))-1)+IF('Standard Profiles'!$G$20=$B$10,7,0)+IF('Standard Profiles'!$G$20=$B$17,14,0)+IF('Standard Profiles'!$G$20=$B$24,21,0),MOD($C2478,24)+1)/SUM(INDEX($D$3:$AA$30,INDEX(Jesper!$R$2:$R$366,ROW(INDEX(Jesper!AJ$2:AJ$366,ROUNDDOWN($C2478/24,0)+1,1))-1)+IF('Standard Profiles'!$G$20=$B$10,7,0)+IF('Standard Profiles'!$G$20=$B$17,14,0)+IF('Standard Profiles'!$G$20=$B$24,21,0),0)),0)</f>
        <v>0</v>
      </c>
      <c r="G2478" cm="1">
        <f t="array" ref="G2478">IFERROR(INDEX(Jesper!AK$2:AK$366,ROUNDDOWN($C2478/24,0)+1,1)*INDEX($D$3:$AA$30,INDEX(Jesper!$R$2:$R$366,ROW(INDEX(Jesper!AK$2:AK$366,ROUNDDOWN($C2478/24,0)+1,1))-1)+IF('Standard Profiles'!$G$21=$B$10,7,0)+IF('Standard Profiles'!$G$21=$B$17,14,0)+IF('Standard Profiles'!$G$21=$B$24,21,0),MOD($C2478,24)+1)/SUM(INDEX($D$3:$AA$30,INDEX(Jesper!$R$2:$R$366,ROW(INDEX(Jesper!AK$2:AK$366,ROUNDDOWN($C2478/24,0)+1,1))-1)+IF('Standard Profiles'!$G$21=$B$10,7,0)+IF('Standard Profiles'!$G$21=$B$17,14,0)+IF('Standard Profiles'!$G$21=$B$24,21,0),0)),0)</f>
        <v>3.1232071995389239</v>
      </c>
      <c r="H2478" cm="1">
        <f t="array" ref="H2478">IFERROR(INDEX(Jesper!AL$2:AL$366,ROUNDDOWN($C2478/24,0)+1,1)*INDEX($D$3:$AA$30,INDEX(Jesper!$R$2:$R$366,ROW(INDEX(Jesper!AL$2:AL$366,ROUNDDOWN($C2478/24,0)+1,1))-1)+IF('Standard Profiles'!$G$22=$B$10,7,0)+IF('Standard Profiles'!$G$22=$B$17,14,0)+IF('Standard Profiles'!$G$22=$B$24,21,0),MOD($C2478,24)+1)/SUM(INDEX($D$3:$AA$30,INDEX(Jesper!$R$2:$R$366,ROW(INDEX(Jesper!AL$2:AL$366,ROUNDDOWN($C2478/24,0)+1,1))-1)+IF('Standard Profiles'!$G$22=$B$10,7,0)+IF('Standard Profiles'!$G$22=$B$17,14,0)+IF('Standard Profiles'!$G$22=$B$24,21,0),0)),0)</f>
        <v>0</v>
      </c>
      <c r="I2478">
        <f t="shared" si="286"/>
        <v>1.4991394557786828</v>
      </c>
      <c r="J2478">
        <f t="shared" si="287"/>
        <v>11.459385392164666</v>
      </c>
      <c r="K2478">
        <f t="shared" si="288"/>
        <v>0.62142991949959681</v>
      </c>
      <c r="L2478">
        <f t="shared" si="289"/>
        <v>0.3107149597497984</v>
      </c>
      <c r="M2478">
        <f t="shared" si="290"/>
        <v>0</v>
      </c>
      <c r="N2478" s="45">
        <f t="shared" si="291"/>
        <v>45028.833333327406</v>
      </c>
    </row>
    <row r="2479" spans="2:14" x14ac:dyDescent="0.25">
      <c r="B2479">
        <f t="shared" si="285"/>
        <v>3</v>
      </c>
      <c r="C2479" s="16">
        <v>2445</v>
      </c>
      <c r="D2479" cm="1">
        <f t="array" ref="D2479">IFERROR(INDEX(Jesper!AH$2:AH$366,ROUNDDOWN($C2479/24,0)+1,1)*INDEX($D$3:$AA$30,INDEX(Jesper!$R$2:$R$366,ROW(INDEX(Jesper!AH$2:AH$366,ROUNDDOWN($C2479/24,0)+1,1))-1)+IF('Standard Profiles'!$G$18=$B$10,7,0)+IF('Standard Profiles'!$G$18=$B$17,14,0)+IF('Standard Profiles'!$G$18=$B$24,21,0),MOD($C2479,24)+1)/SUM(INDEX($D$3:$AA$30,INDEX(Jesper!$R$2:$R$366,ROW(INDEX(Jesper!AH$2:AH$366,ROUNDDOWN($C2479/24,0)+1,1))-1)+IF('Standard Profiles'!$G$18=$B$10,7,0)+IF('Standard Profiles'!$G$18=$B$17,14,0)+IF('Standard Profiles'!$G$18=$B$24,21,0),0)),0)</f>
        <v>5.8259054953087199</v>
      </c>
      <c r="E2479" cm="1">
        <f t="array" ref="E2479">IFERROR(INDEX(Jesper!AI$2:AI$366,ROUNDDOWN($C2479/24,0)+1,1)*INDEX($D$3:$AA$30,INDEX(Jesper!$R$2:$R$366,ROW(INDEX(Jesper!AI$2:AI$366,ROUNDDOWN($C2479/24,0)+1,1))-1)+IF('Standard Profiles'!$G$19=$B$10,7,0)+IF('Standard Profiles'!$G$19=$B$17,14,0)+IF('Standard Profiles'!$G$19=$B$24,21,0),MOD($C2479,24)+1)/SUM(INDEX($D$3:$AA$30,INDEX(Jesper!$R$2:$R$366,ROW(INDEX(Jesper!AI$2:AI$366,ROUNDDOWN($C2479/24,0)+1,1))-1)+IF('Standard Profiles'!$G$19=$B$10,7,0)+IF('Standard Profiles'!$G$19=$B$17,14,0)+IF('Standard Profiles'!$G$19=$B$24,21,0),0)),0)</f>
        <v>4.9415570323451004</v>
      </c>
      <c r="F2479" cm="1">
        <f t="array" ref="F2479">IFERROR(INDEX(Jesper!AJ$2:AJ$366,ROUNDDOWN($C2479/24,0)+1,1)*INDEX($D$3:$AA$30,INDEX(Jesper!$R$2:$R$366,ROW(INDEX(Jesper!AJ$2:AJ$366,ROUNDDOWN($C2479/24,0)+1,1))-1)+IF('Standard Profiles'!$G$20=$B$10,7,0)+IF('Standard Profiles'!$G$20=$B$17,14,0)+IF('Standard Profiles'!$G$20=$B$24,21,0),MOD($C2479,24)+1)/SUM(INDEX($D$3:$AA$30,INDEX(Jesper!$R$2:$R$366,ROW(INDEX(Jesper!AJ$2:AJ$366,ROUNDDOWN($C2479/24,0)+1,1))-1)+IF('Standard Profiles'!$G$20=$B$10,7,0)+IF('Standard Profiles'!$G$20=$B$17,14,0)+IF('Standard Profiles'!$G$20=$B$24,21,0),0)),0)</f>
        <v>0</v>
      </c>
      <c r="G2479" cm="1">
        <f t="array" ref="G2479">IFERROR(INDEX(Jesper!AK$2:AK$366,ROUNDDOWN($C2479/24,0)+1,1)*INDEX($D$3:$AA$30,INDEX(Jesper!$R$2:$R$366,ROW(INDEX(Jesper!AK$2:AK$366,ROUNDDOWN($C2479/24,0)+1,1))-1)+IF('Standard Profiles'!$G$21=$B$10,7,0)+IF('Standard Profiles'!$G$21=$B$17,14,0)+IF('Standard Profiles'!$G$21=$B$24,21,0),MOD($C2479,24)+1)/SUM(INDEX($D$3:$AA$30,INDEX(Jesper!$R$2:$R$366,ROW(INDEX(Jesper!AK$2:AK$366,ROUNDDOWN($C2479/24,0)+1,1))-1)+IF('Standard Profiles'!$G$21=$B$10,7,0)+IF('Standard Profiles'!$G$21=$B$17,14,0)+IF('Standard Profiles'!$G$21=$B$24,21,0),0)),0)</f>
        <v>3.1232071995389239</v>
      </c>
      <c r="H2479" cm="1">
        <f t="array" ref="H2479">IFERROR(INDEX(Jesper!AL$2:AL$366,ROUNDDOWN($C2479/24,0)+1,1)*INDEX($D$3:$AA$30,INDEX(Jesper!$R$2:$R$366,ROW(INDEX(Jesper!AL$2:AL$366,ROUNDDOWN($C2479/24,0)+1,1))-1)+IF('Standard Profiles'!$G$22=$B$10,7,0)+IF('Standard Profiles'!$G$22=$B$17,14,0)+IF('Standard Profiles'!$G$22=$B$24,21,0),MOD($C2479,24)+1)/SUM(INDEX($D$3:$AA$30,INDEX(Jesper!$R$2:$R$366,ROW(INDEX(Jesper!AL$2:AL$366,ROUNDDOWN($C2479/24,0)+1,1))-1)+IF('Standard Profiles'!$G$22=$B$10,7,0)+IF('Standard Profiles'!$G$22=$B$17,14,0)+IF('Standard Profiles'!$G$22=$B$24,21,0),0)),0)</f>
        <v>0</v>
      </c>
      <c r="I2479">
        <f t="shared" si="286"/>
        <v>1.4991394557786828</v>
      </c>
      <c r="J2479">
        <f t="shared" si="287"/>
        <v>11.459385392164666</v>
      </c>
      <c r="K2479">
        <f t="shared" si="288"/>
        <v>0.62142991949959681</v>
      </c>
      <c r="L2479">
        <f t="shared" si="289"/>
        <v>0.3107149597497984</v>
      </c>
      <c r="M2479">
        <f t="shared" si="290"/>
        <v>0</v>
      </c>
      <c r="N2479" s="45">
        <f t="shared" si="291"/>
        <v>45028.87499999407</v>
      </c>
    </row>
    <row r="2480" spans="2:14" x14ac:dyDescent="0.25">
      <c r="B2480">
        <f t="shared" si="285"/>
        <v>3</v>
      </c>
      <c r="C2480" s="16">
        <v>2446</v>
      </c>
      <c r="D2480" cm="1">
        <f t="array" ref="D2480">IFERROR(INDEX(Jesper!AH$2:AH$366,ROUNDDOWN($C2480/24,0)+1,1)*INDEX($D$3:$AA$30,INDEX(Jesper!$R$2:$R$366,ROW(INDEX(Jesper!AH$2:AH$366,ROUNDDOWN($C2480/24,0)+1,1))-1)+IF('Standard Profiles'!$G$18=$B$10,7,0)+IF('Standard Profiles'!$G$18=$B$17,14,0)+IF('Standard Profiles'!$G$18=$B$24,21,0),MOD($C2480,24)+1)/SUM(INDEX($D$3:$AA$30,INDEX(Jesper!$R$2:$R$366,ROW(INDEX(Jesper!AH$2:AH$366,ROUNDDOWN($C2480/24,0)+1,1))-1)+IF('Standard Profiles'!$G$18=$B$10,7,0)+IF('Standard Profiles'!$G$18=$B$17,14,0)+IF('Standard Profiles'!$G$18=$B$24,21,0),0)),0)</f>
        <v>5.8259054953087199</v>
      </c>
      <c r="E2480" cm="1">
        <f t="array" ref="E2480">IFERROR(INDEX(Jesper!AI$2:AI$366,ROUNDDOWN($C2480/24,0)+1,1)*INDEX($D$3:$AA$30,INDEX(Jesper!$R$2:$R$366,ROW(INDEX(Jesper!AI$2:AI$366,ROUNDDOWN($C2480/24,0)+1,1))-1)+IF('Standard Profiles'!$G$19=$B$10,7,0)+IF('Standard Profiles'!$G$19=$B$17,14,0)+IF('Standard Profiles'!$G$19=$B$24,21,0),MOD($C2480,24)+1)/SUM(INDEX($D$3:$AA$30,INDEX(Jesper!$R$2:$R$366,ROW(INDEX(Jesper!AI$2:AI$366,ROUNDDOWN($C2480/24,0)+1,1))-1)+IF('Standard Profiles'!$G$19=$B$10,7,0)+IF('Standard Profiles'!$G$19=$B$17,14,0)+IF('Standard Profiles'!$G$19=$B$24,21,0),0)),0)</f>
        <v>4.9415570323451004</v>
      </c>
      <c r="F2480" cm="1">
        <f t="array" ref="F2480">IFERROR(INDEX(Jesper!AJ$2:AJ$366,ROUNDDOWN($C2480/24,0)+1,1)*INDEX($D$3:$AA$30,INDEX(Jesper!$R$2:$R$366,ROW(INDEX(Jesper!AJ$2:AJ$366,ROUNDDOWN($C2480/24,0)+1,1))-1)+IF('Standard Profiles'!$G$20=$B$10,7,0)+IF('Standard Profiles'!$G$20=$B$17,14,0)+IF('Standard Profiles'!$G$20=$B$24,21,0),MOD($C2480,24)+1)/SUM(INDEX($D$3:$AA$30,INDEX(Jesper!$R$2:$R$366,ROW(INDEX(Jesper!AJ$2:AJ$366,ROUNDDOWN($C2480/24,0)+1,1))-1)+IF('Standard Profiles'!$G$20=$B$10,7,0)+IF('Standard Profiles'!$G$20=$B$17,14,0)+IF('Standard Profiles'!$G$20=$B$24,21,0),0)),0)</f>
        <v>0</v>
      </c>
      <c r="G2480" cm="1">
        <f t="array" ref="G2480">IFERROR(INDEX(Jesper!AK$2:AK$366,ROUNDDOWN($C2480/24,0)+1,1)*INDEX($D$3:$AA$30,INDEX(Jesper!$R$2:$R$366,ROW(INDEX(Jesper!AK$2:AK$366,ROUNDDOWN($C2480/24,0)+1,1))-1)+IF('Standard Profiles'!$G$21=$B$10,7,0)+IF('Standard Profiles'!$G$21=$B$17,14,0)+IF('Standard Profiles'!$G$21=$B$24,21,0),MOD($C2480,24)+1)/SUM(INDEX($D$3:$AA$30,INDEX(Jesper!$R$2:$R$366,ROW(INDEX(Jesper!AK$2:AK$366,ROUNDDOWN($C2480/24,0)+1,1))-1)+IF('Standard Profiles'!$G$21=$B$10,7,0)+IF('Standard Profiles'!$G$21=$B$17,14,0)+IF('Standard Profiles'!$G$21=$B$24,21,0),0)),0)</f>
        <v>3.1232071995389239</v>
      </c>
      <c r="H2480" cm="1">
        <f t="array" ref="H2480">IFERROR(INDEX(Jesper!AL$2:AL$366,ROUNDDOWN($C2480/24,0)+1,1)*INDEX($D$3:$AA$30,INDEX(Jesper!$R$2:$R$366,ROW(INDEX(Jesper!AL$2:AL$366,ROUNDDOWN($C2480/24,0)+1,1))-1)+IF('Standard Profiles'!$G$22=$B$10,7,0)+IF('Standard Profiles'!$G$22=$B$17,14,0)+IF('Standard Profiles'!$G$22=$B$24,21,0),MOD($C2480,24)+1)/SUM(INDEX($D$3:$AA$30,INDEX(Jesper!$R$2:$R$366,ROW(INDEX(Jesper!AL$2:AL$366,ROUNDDOWN($C2480/24,0)+1,1))-1)+IF('Standard Profiles'!$G$22=$B$10,7,0)+IF('Standard Profiles'!$G$22=$B$17,14,0)+IF('Standard Profiles'!$G$22=$B$24,21,0),0)),0)</f>
        <v>0</v>
      </c>
      <c r="I2480">
        <f t="shared" si="286"/>
        <v>1.4991394557786828</v>
      </c>
      <c r="J2480">
        <f t="shared" si="287"/>
        <v>11.459385392164666</v>
      </c>
      <c r="K2480">
        <f t="shared" si="288"/>
        <v>0.62142991949959681</v>
      </c>
      <c r="L2480">
        <f t="shared" si="289"/>
        <v>0.3107149597497984</v>
      </c>
      <c r="M2480">
        <f t="shared" si="290"/>
        <v>0</v>
      </c>
      <c r="N2480" s="45">
        <f t="shared" si="291"/>
        <v>45028.916666660734</v>
      </c>
    </row>
    <row r="2481" spans="2:14" x14ac:dyDescent="0.25">
      <c r="B2481">
        <f t="shared" si="285"/>
        <v>3</v>
      </c>
      <c r="C2481" s="16">
        <v>2447</v>
      </c>
      <c r="D2481" cm="1">
        <f t="array" ref="D2481">IFERROR(INDEX(Jesper!AH$2:AH$366,ROUNDDOWN($C2481/24,0)+1,1)*INDEX($D$3:$AA$30,INDEX(Jesper!$R$2:$R$366,ROW(INDEX(Jesper!AH$2:AH$366,ROUNDDOWN($C2481/24,0)+1,1))-1)+IF('Standard Profiles'!$G$18=$B$10,7,0)+IF('Standard Profiles'!$G$18=$B$17,14,0)+IF('Standard Profiles'!$G$18=$B$24,21,0),MOD($C2481,24)+1)/SUM(INDEX($D$3:$AA$30,INDEX(Jesper!$R$2:$R$366,ROW(INDEX(Jesper!AH$2:AH$366,ROUNDDOWN($C2481/24,0)+1,1))-1)+IF('Standard Profiles'!$G$18=$B$10,7,0)+IF('Standard Profiles'!$G$18=$B$17,14,0)+IF('Standard Profiles'!$G$18=$B$24,21,0),0)),0)</f>
        <v>5.8259054953087199</v>
      </c>
      <c r="E2481" cm="1">
        <f t="array" ref="E2481">IFERROR(INDEX(Jesper!AI$2:AI$366,ROUNDDOWN($C2481/24,0)+1,1)*INDEX($D$3:$AA$30,INDEX(Jesper!$R$2:$R$366,ROW(INDEX(Jesper!AI$2:AI$366,ROUNDDOWN($C2481/24,0)+1,1))-1)+IF('Standard Profiles'!$G$19=$B$10,7,0)+IF('Standard Profiles'!$G$19=$B$17,14,0)+IF('Standard Profiles'!$G$19=$B$24,21,0),MOD($C2481,24)+1)/SUM(INDEX($D$3:$AA$30,INDEX(Jesper!$R$2:$R$366,ROW(INDEX(Jesper!AI$2:AI$366,ROUNDDOWN($C2481/24,0)+1,1))-1)+IF('Standard Profiles'!$G$19=$B$10,7,0)+IF('Standard Profiles'!$G$19=$B$17,14,0)+IF('Standard Profiles'!$G$19=$B$24,21,0),0)),0)</f>
        <v>4.9415570323451004</v>
      </c>
      <c r="F2481" cm="1">
        <f t="array" ref="F2481">IFERROR(INDEX(Jesper!AJ$2:AJ$366,ROUNDDOWN($C2481/24,0)+1,1)*INDEX($D$3:$AA$30,INDEX(Jesper!$R$2:$R$366,ROW(INDEX(Jesper!AJ$2:AJ$366,ROUNDDOWN($C2481/24,0)+1,1))-1)+IF('Standard Profiles'!$G$20=$B$10,7,0)+IF('Standard Profiles'!$G$20=$B$17,14,0)+IF('Standard Profiles'!$G$20=$B$24,21,0),MOD($C2481,24)+1)/SUM(INDEX($D$3:$AA$30,INDEX(Jesper!$R$2:$R$366,ROW(INDEX(Jesper!AJ$2:AJ$366,ROUNDDOWN($C2481/24,0)+1,1))-1)+IF('Standard Profiles'!$G$20=$B$10,7,0)+IF('Standard Profiles'!$G$20=$B$17,14,0)+IF('Standard Profiles'!$G$20=$B$24,21,0),0)),0)</f>
        <v>0</v>
      </c>
      <c r="G2481" cm="1">
        <f t="array" ref="G2481">IFERROR(INDEX(Jesper!AK$2:AK$366,ROUNDDOWN($C2481/24,0)+1,1)*INDEX($D$3:$AA$30,INDEX(Jesper!$R$2:$R$366,ROW(INDEX(Jesper!AK$2:AK$366,ROUNDDOWN($C2481/24,0)+1,1))-1)+IF('Standard Profiles'!$G$21=$B$10,7,0)+IF('Standard Profiles'!$G$21=$B$17,14,0)+IF('Standard Profiles'!$G$21=$B$24,21,0),MOD($C2481,24)+1)/SUM(INDEX($D$3:$AA$30,INDEX(Jesper!$R$2:$R$366,ROW(INDEX(Jesper!AK$2:AK$366,ROUNDDOWN($C2481/24,0)+1,1))-1)+IF('Standard Profiles'!$G$21=$B$10,7,0)+IF('Standard Profiles'!$G$21=$B$17,14,0)+IF('Standard Profiles'!$G$21=$B$24,21,0),0)),0)</f>
        <v>3.1232071995389239</v>
      </c>
      <c r="H2481" cm="1">
        <f t="array" ref="H2481">IFERROR(INDEX(Jesper!AL$2:AL$366,ROUNDDOWN($C2481/24,0)+1,1)*INDEX($D$3:$AA$30,INDEX(Jesper!$R$2:$R$366,ROW(INDEX(Jesper!AL$2:AL$366,ROUNDDOWN($C2481/24,0)+1,1))-1)+IF('Standard Profiles'!$G$22=$B$10,7,0)+IF('Standard Profiles'!$G$22=$B$17,14,0)+IF('Standard Profiles'!$G$22=$B$24,21,0),MOD($C2481,24)+1)/SUM(INDEX($D$3:$AA$30,INDEX(Jesper!$R$2:$R$366,ROW(INDEX(Jesper!AL$2:AL$366,ROUNDDOWN($C2481/24,0)+1,1))-1)+IF('Standard Profiles'!$G$22=$B$10,7,0)+IF('Standard Profiles'!$G$22=$B$17,14,0)+IF('Standard Profiles'!$G$22=$B$24,21,0),0)),0)</f>
        <v>0</v>
      </c>
      <c r="I2481">
        <f t="shared" si="286"/>
        <v>1.4991394557786828</v>
      </c>
      <c r="J2481">
        <f t="shared" si="287"/>
        <v>11.459385392164666</v>
      </c>
      <c r="K2481">
        <f t="shared" si="288"/>
        <v>0.62142991949959681</v>
      </c>
      <c r="L2481">
        <f t="shared" si="289"/>
        <v>0.3107149597497984</v>
      </c>
      <c r="M2481">
        <f t="shared" si="290"/>
        <v>0</v>
      </c>
      <c r="N2481" s="45">
        <f t="shared" si="291"/>
        <v>45028.958333327399</v>
      </c>
    </row>
    <row r="2482" spans="2:14" x14ac:dyDescent="0.25">
      <c r="B2482">
        <f t="shared" si="285"/>
        <v>4</v>
      </c>
      <c r="C2482" s="16">
        <v>2448</v>
      </c>
      <c r="D2482" cm="1">
        <f t="array" ref="D2482">IFERROR(INDEX(Jesper!AH$2:AH$366,ROUNDDOWN($C2482/24,0)+1,1)*INDEX($D$3:$AA$30,INDEX(Jesper!$R$2:$R$366,ROW(INDEX(Jesper!AH$2:AH$366,ROUNDDOWN($C2482/24,0)+1,1))-1)+IF('Standard Profiles'!$G$18=$B$10,7,0)+IF('Standard Profiles'!$G$18=$B$17,14,0)+IF('Standard Profiles'!$G$18=$B$24,21,0),MOD($C2482,24)+1)/SUM(INDEX($D$3:$AA$30,INDEX(Jesper!$R$2:$R$366,ROW(INDEX(Jesper!AH$2:AH$366,ROUNDDOWN($C2482/24,0)+1,1))-1)+IF('Standard Profiles'!$G$18=$B$10,7,0)+IF('Standard Profiles'!$G$18=$B$17,14,0)+IF('Standard Profiles'!$G$18=$B$24,21,0),0)),0)</f>
        <v>5.8049086699161432</v>
      </c>
      <c r="E2482" cm="1">
        <f t="array" ref="E2482">IFERROR(INDEX(Jesper!AI$2:AI$366,ROUNDDOWN($C2482/24,0)+1,1)*INDEX($D$3:$AA$30,INDEX(Jesper!$R$2:$R$366,ROW(INDEX(Jesper!AI$2:AI$366,ROUNDDOWN($C2482/24,0)+1,1))-1)+IF('Standard Profiles'!$G$19=$B$10,7,0)+IF('Standard Profiles'!$G$19=$B$17,14,0)+IF('Standard Profiles'!$G$19=$B$24,21,0),MOD($C2482,24)+1)/SUM(INDEX($D$3:$AA$30,INDEX(Jesper!$R$2:$R$366,ROW(INDEX(Jesper!AI$2:AI$366,ROUNDDOWN($C2482/24,0)+1,1))-1)+IF('Standard Profiles'!$G$19=$B$10,7,0)+IF('Standard Profiles'!$G$19=$B$17,14,0)+IF('Standard Profiles'!$G$19=$B$24,21,0),0)),0)</f>
        <v>4.7676740226363101</v>
      </c>
      <c r="F2482" cm="1">
        <f t="array" ref="F2482">IFERROR(INDEX(Jesper!AJ$2:AJ$366,ROUNDDOWN($C2482/24,0)+1,1)*INDEX($D$3:$AA$30,INDEX(Jesper!$R$2:$R$366,ROW(INDEX(Jesper!AJ$2:AJ$366,ROUNDDOWN($C2482/24,0)+1,1))-1)+IF('Standard Profiles'!$G$20=$B$10,7,0)+IF('Standard Profiles'!$G$20=$B$17,14,0)+IF('Standard Profiles'!$G$20=$B$24,21,0),MOD($C2482,24)+1)/SUM(INDEX($D$3:$AA$30,INDEX(Jesper!$R$2:$R$366,ROW(INDEX(Jesper!AJ$2:AJ$366,ROUNDDOWN($C2482/24,0)+1,1))-1)+IF('Standard Profiles'!$G$20=$B$10,7,0)+IF('Standard Profiles'!$G$20=$B$17,14,0)+IF('Standard Profiles'!$G$20=$B$24,21,0),0)),0)</f>
        <v>0</v>
      </c>
      <c r="G2482" cm="1">
        <f t="array" ref="G2482">IFERROR(INDEX(Jesper!AK$2:AK$366,ROUNDDOWN($C2482/24,0)+1,1)*INDEX($D$3:$AA$30,INDEX(Jesper!$R$2:$R$366,ROW(INDEX(Jesper!AK$2:AK$366,ROUNDDOWN($C2482/24,0)+1,1))-1)+IF('Standard Profiles'!$G$21=$B$10,7,0)+IF('Standard Profiles'!$G$21=$B$17,14,0)+IF('Standard Profiles'!$G$21=$B$24,21,0),MOD($C2482,24)+1)/SUM(INDEX($D$3:$AA$30,INDEX(Jesper!$R$2:$R$366,ROW(INDEX(Jesper!AK$2:AK$366,ROUNDDOWN($C2482/24,0)+1,1))-1)+IF('Standard Profiles'!$G$21=$B$10,7,0)+IF('Standard Profiles'!$G$21=$B$17,14,0)+IF('Standard Profiles'!$G$21=$B$24,21,0),0)),0)</f>
        <v>2.6732579245904136</v>
      </c>
      <c r="H2482" cm="1">
        <f t="array" ref="H2482">IFERROR(INDEX(Jesper!AL$2:AL$366,ROUNDDOWN($C2482/24,0)+1,1)*INDEX($D$3:$AA$30,INDEX(Jesper!$R$2:$R$366,ROW(INDEX(Jesper!AL$2:AL$366,ROUNDDOWN($C2482/24,0)+1,1))-1)+IF('Standard Profiles'!$G$22=$B$10,7,0)+IF('Standard Profiles'!$G$22=$B$17,14,0)+IF('Standard Profiles'!$G$22=$B$24,21,0),MOD($C2482,24)+1)/SUM(INDEX($D$3:$AA$30,INDEX(Jesper!$R$2:$R$366,ROW(INDEX(Jesper!AL$2:AL$366,ROUNDDOWN($C2482/24,0)+1,1))-1)+IF('Standard Profiles'!$G$22=$B$10,7,0)+IF('Standard Profiles'!$G$22=$B$17,14,0)+IF('Standard Profiles'!$G$22=$B$24,21,0),0)),0)</f>
        <v>0</v>
      </c>
      <c r="I2482">
        <f t="shared" si="286"/>
        <v>1.2831638038033979</v>
      </c>
      <c r="J2482">
        <f t="shared" si="287"/>
        <v>11.033891426152886</v>
      </c>
      <c r="K2482">
        <f t="shared" si="288"/>
        <v>0.61919025812438866</v>
      </c>
      <c r="L2482">
        <f t="shared" si="289"/>
        <v>0.30959512906219433</v>
      </c>
      <c r="M2482">
        <f t="shared" si="290"/>
        <v>0</v>
      </c>
      <c r="N2482" s="45">
        <f t="shared" si="291"/>
        <v>45028.999999994063</v>
      </c>
    </row>
    <row r="2483" spans="2:14" x14ac:dyDescent="0.25">
      <c r="B2483">
        <f t="shared" si="285"/>
        <v>4</v>
      </c>
      <c r="C2483" s="16">
        <v>2449</v>
      </c>
      <c r="D2483" cm="1">
        <f t="array" ref="D2483">IFERROR(INDEX(Jesper!AH$2:AH$366,ROUNDDOWN($C2483/24,0)+1,1)*INDEX($D$3:$AA$30,INDEX(Jesper!$R$2:$R$366,ROW(INDEX(Jesper!AH$2:AH$366,ROUNDDOWN($C2483/24,0)+1,1))-1)+IF('Standard Profiles'!$G$18=$B$10,7,0)+IF('Standard Profiles'!$G$18=$B$17,14,0)+IF('Standard Profiles'!$G$18=$B$24,21,0),MOD($C2483,24)+1)/SUM(INDEX($D$3:$AA$30,INDEX(Jesper!$R$2:$R$366,ROW(INDEX(Jesper!AH$2:AH$366,ROUNDDOWN($C2483/24,0)+1,1))-1)+IF('Standard Profiles'!$G$18=$B$10,7,0)+IF('Standard Profiles'!$G$18=$B$17,14,0)+IF('Standard Profiles'!$G$18=$B$24,21,0),0)),0)</f>
        <v>5.8049086699161432</v>
      </c>
      <c r="E2483" cm="1">
        <f t="array" ref="E2483">IFERROR(INDEX(Jesper!AI$2:AI$366,ROUNDDOWN($C2483/24,0)+1,1)*INDEX($D$3:$AA$30,INDEX(Jesper!$R$2:$R$366,ROW(INDEX(Jesper!AI$2:AI$366,ROUNDDOWN($C2483/24,0)+1,1))-1)+IF('Standard Profiles'!$G$19=$B$10,7,0)+IF('Standard Profiles'!$G$19=$B$17,14,0)+IF('Standard Profiles'!$G$19=$B$24,21,0),MOD($C2483,24)+1)/SUM(INDEX($D$3:$AA$30,INDEX(Jesper!$R$2:$R$366,ROW(INDEX(Jesper!AI$2:AI$366,ROUNDDOWN($C2483/24,0)+1,1))-1)+IF('Standard Profiles'!$G$19=$B$10,7,0)+IF('Standard Profiles'!$G$19=$B$17,14,0)+IF('Standard Profiles'!$G$19=$B$24,21,0),0)),0)</f>
        <v>4.7676740226363101</v>
      </c>
      <c r="F2483" cm="1">
        <f t="array" ref="F2483">IFERROR(INDEX(Jesper!AJ$2:AJ$366,ROUNDDOWN($C2483/24,0)+1,1)*INDEX($D$3:$AA$30,INDEX(Jesper!$R$2:$R$366,ROW(INDEX(Jesper!AJ$2:AJ$366,ROUNDDOWN($C2483/24,0)+1,1))-1)+IF('Standard Profiles'!$G$20=$B$10,7,0)+IF('Standard Profiles'!$G$20=$B$17,14,0)+IF('Standard Profiles'!$G$20=$B$24,21,0),MOD($C2483,24)+1)/SUM(INDEX($D$3:$AA$30,INDEX(Jesper!$R$2:$R$366,ROW(INDEX(Jesper!AJ$2:AJ$366,ROUNDDOWN($C2483/24,0)+1,1))-1)+IF('Standard Profiles'!$G$20=$B$10,7,0)+IF('Standard Profiles'!$G$20=$B$17,14,0)+IF('Standard Profiles'!$G$20=$B$24,21,0),0)),0)</f>
        <v>0</v>
      </c>
      <c r="G2483" cm="1">
        <f t="array" ref="G2483">IFERROR(INDEX(Jesper!AK$2:AK$366,ROUNDDOWN($C2483/24,0)+1,1)*INDEX($D$3:$AA$30,INDEX(Jesper!$R$2:$R$366,ROW(INDEX(Jesper!AK$2:AK$366,ROUNDDOWN($C2483/24,0)+1,1))-1)+IF('Standard Profiles'!$G$21=$B$10,7,0)+IF('Standard Profiles'!$G$21=$B$17,14,0)+IF('Standard Profiles'!$G$21=$B$24,21,0),MOD($C2483,24)+1)/SUM(INDEX($D$3:$AA$30,INDEX(Jesper!$R$2:$R$366,ROW(INDEX(Jesper!AK$2:AK$366,ROUNDDOWN($C2483/24,0)+1,1))-1)+IF('Standard Profiles'!$G$21=$B$10,7,0)+IF('Standard Profiles'!$G$21=$B$17,14,0)+IF('Standard Profiles'!$G$21=$B$24,21,0),0)),0)</f>
        <v>2.6732579245904136</v>
      </c>
      <c r="H2483" cm="1">
        <f t="array" ref="H2483">IFERROR(INDEX(Jesper!AL$2:AL$366,ROUNDDOWN($C2483/24,0)+1,1)*INDEX($D$3:$AA$30,INDEX(Jesper!$R$2:$R$366,ROW(INDEX(Jesper!AL$2:AL$366,ROUNDDOWN($C2483/24,0)+1,1))-1)+IF('Standard Profiles'!$G$22=$B$10,7,0)+IF('Standard Profiles'!$G$22=$B$17,14,0)+IF('Standard Profiles'!$G$22=$B$24,21,0),MOD($C2483,24)+1)/SUM(INDEX($D$3:$AA$30,INDEX(Jesper!$R$2:$R$366,ROW(INDEX(Jesper!AL$2:AL$366,ROUNDDOWN($C2483/24,0)+1,1))-1)+IF('Standard Profiles'!$G$22=$B$10,7,0)+IF('Standard Profiles'!$G$22=$B$17,14,0)+IF('Standard Profiles'!$G$22=$B$24,21,0),0)),0)</f>
        <v>0</v>
      </c>
      <c r="I2483">
        <f t="shared" si="286"/>
        <v>1.2831638038033979</v>
      </c>
      <c r="J2483">
        <f t="shared" si="287"/>
        <v>11.033891426152886</v>
      </c>
      <c r="K2483">
        <f t="shared" si="288"/>
        <v>0.61919025812438866</v>
      </c>
      <c r="L2483">
        <f t="shared" si="289"/>
        <v>0.30959512906219433</v>
      </c>
      <c r="M2483">
        <f t="shared" si="290"/>
        <v>0</v>
      </c>
      <c r="N2483" s="45">
        <f t="shared" si="291"/>
        <v>45029.041666660727</v>
      </c>
    </row>
    <row r="2484" spans="2:14" x14ac:dyDescent="0.25">
      <c r="B2484">
        <f t="shared" si="285"/>
        <v>4</v>
      </c>
      <c r="C2484" s="16">
        <v>2450</v>
      </c>
      <c r="D2484" cm="1">
        <f t="array" ref="D2484">IFERROR(INDEX(Jesper!AH$2:AH$366,ROUNDDOWN($C2484/24,0)+1,1)*INDEX($D$3:$AA$30,INDEX(Jesper!$R$2:$R$366,ROW(INDEX(Jesper!AH$2:AH$366,ROUNDDOWN($C2484/24,0)+1,1))-1)+IF('Standard Profiles'!$G$18=$B$10,7,0)+IF('Standard Profiles'!$G$18=$B$17,14,0)+IF('Standard Profiles'!$G$18=$B$24,21,0),MOD($C2484,24)+1)/SUM(INDEX($D$3:$AA$30,INDEX(Jesper!$R$2:$R$366,ROW(INDEX(Jesper!AH$2:AH$366,ROUNDDOWN($C2484/24,0)+1,1))-1)+IF('Standard Profiles'!$G$18=$B$10,7,0)+IF('Standard Profiles'!$G$18=$B$17,14,0)+IF('Standard Profiles'!$G$18=$B$24,21,0),0)),0)</f>
        <v>5.8049086699161432</v>
      </c>
      <c r="E2484" cm="1">
        <f t="array" ref="E2484">IFERROR(INDEX(Jesper!AI$2:AI$366,ROUNDDOWN($C2484/24,0)+1,1)*INDEX($D$3:$AA$30,INDEX(Jesper!$R$2:$R$366,ROW(INDEX(Jesper!AI$2:AI$366,ROUNDDOWN($C2484/24,0)+1,1))-1)+IF('Standard Profiles'!$G$19=$B$10,7,0)+IF('Standard Profiles'!$G$19=$B$17,14,0)+IF('Standard Profiles'!$G$19=$B$24,21,0),MOD($C2484,24)+1)/SUM(INDEX($D$3:$AA$30,INDEX(Jesper!$R$2:$R$366,ROW(INDEX(Jesper!AI$2:AI$366,ROUNDDOWN($C2484/24,0)+1,1))-1)+IF('Standard Profiles'!$G$19=$B$10,7,0)+IF('Standard Profiles'!$G$19=$B$17,14,0)+IF('Standard Profiles'!$G$19=$B$24,21,0),0)),0)</f>
        <v>4.7676740226363101</v>
      </c>
      <c r="F2484" cm="1">
        <f t="array" ref="F2484">IFERROR(INDEX(Jesper!AJ$2:AJ$366,ROUNDDOWN($C2484/24,0)+1,1)*INDEX($D$3:$AA$30,INDEX(Jesper!$R$2:$R$366,ROW(INDEX(Jesper!AJ$2:AJ$366,ROUNDDOWN($C2484/24,0)+1,1))-1)+IF('Standard Profiles'!$G$20=$B$10,7,0)+IF('Standard Profiles'!$G$20=$B$17,14,0)+IF('Standard Profiles'!$G$20=$B$24,21,0),MOD($C2484,24)+1)/SUM(INDEX($D$3:$AA$30,INDEX(Jesper!$R$2:$R$366,ROW(INDEX(Jesper!AJ$2:AJ$366,ROUNDDOWN($C2484/24,0)+1,1))-1)+IF('Standard Profiles'!$G$20=$B$10,7,0)+IF('Standard Profiles'!$G$20=$B$17,14,0)+IF('Standard Profiles'!$G$20=$B$24,21,0),0)),0)</f>
        <v>0</v>
      </c>
      <c r="G2484" cm="1">
        <f t="array" ref="G2484">IFERROR(INDEX(Jesper!AK$2:AK$366,ROUNDDOWN($C2484/24,0)+1,1)*INDEX($D$3:$AA$30,INDEX(Jesper!$R$2:$R$366,ROW(INDEX(Jesper!AK$2:AK$366,ROUNDDOWN($C2484/24,0)+1,1))-1)+IF('Standard Profiles'!$G$21=$B$10,7,0)+IF('Standard Profiles'!$G$21=$B$17,14,0)+IF('Standard Profiles'!$G$21=$B$24,21,0),MOD($C2484,24)+1)/SUM(INDEX($D$3:$AA$30,INDEX(Jesper!$R$2:$R$366,ROW(INDEX(Jesper!AK$2:AK$366,ROUNDDOWN($C2484/24,0)+1,1))-1)+IF('Standard Profiles'!$G$21=$B$10,7,0)+IF('Standard Profiles'!$G$21=$B$17,14,0)+IF('Standard Profiles'!$G$21=$B$24,21,0),0)),0)</f>
        <v>2.6732579245904136</v>
      </c>
      <c r="H2484" cm="1">
        <f t="array" ref="H2484">IFERROR(INDEX(Jesper!AL$2:AL$366,ROUNDDOWN($C2484/24,0)+1,1)*INDEX($D$3:$AA$30,INDEX(Jesper!$R$2:$R$366,ROW(INDEX(Jesper!AL$2:AL$366,ROUNDDOWN($C2484/24,0)+1,1))-1)+IF('Standard Profiles'!$G$22=$B$10,7,0)+IF('Standard Profiles'!$G$22=$B$17,14,0)+IF('Standard Profiles'!$G$22=$B$24,21,0),MOD($C2484,24)+1)/SUM(INDEX($D$3:$AA$30,INDEX(Jesper!$R$2:$R$366,ROW(INDEX(Jesper!AL$2:AL$366,ROUNDDOWN($C2484/24,0)+1,1))-1)+IF('Standard Profiles'!$G$22=$B$10,7,0)+IF('Standard Profiles'!$G$22=$B$17,14,0)+IF('Standard Profiles'!$G$22=$B$24,21,0),0)),0)</f>
        <v>0</v>
      </c>
      <c r="I2484">
        <f t="shared" si="286"/>
        <v>1.2831638038033979</v>
      </c>
      <c r="J2484">
        <f t="shared" si="287"/>
        <v>11.033891426152886</v>
      </c>
      <c r="K2484">
        <f t="shared" si="288"/>
        <v>0.61919025812438866</v>
      </c>
      <c r="L2484">
        <f t="shared" si="289"/>
        <v>0.30959512906219433</v>
      </c>
      <c r="M2484">
        <f t="shared" si="290"/>
        <v>0</v>
      </c>
      <c r="N2484" s="45">
        <f t="shared" si="291"/>
        <v>45029.083333327391</v>
      </c>
    </row>
    <row r="2485" spans="2:14" x14ac:dyDescent="0.25">
      <c r="B2485">
        <f t="shared" si="285"/>
        <v>4</v>
      </c>
      <c r="C2485" s="16">
        <v>2451</v>
      </c>
      <c r="D2485" cm="1">
        <f t="array" ref="D2485">IFERROR(INDEX(Jesper!AH$2:AH$366,ROUNDDOWN($C2485/24,0)+1,1)*INDEX($D$3:$AA$30,INDEX(Jesper!$R$2:$R$366,ROW(INDEX(Jesper!AH$2:AH$366,ROUNDDOWN($C2485/24,0)+1,1))-1)+IF('Standard Profiles'!$G$18=$B$10,7,0)+IF('Standard Profiles'!$G$18=$B$17,14,0)+IF('Standard Profiles'!$G$18=$B$24,21,0),MOD($C2485,24)+1)/SUM(INDEX($D$3:$AA$30,INDEX(Jesper!$R$2:$R$366,ROW(INDEX(Jesper!AH$2:AH$366,ROUNDDOWN($C2485/24,0)+1,1))-1)+IF('Standard Profiles'!$G$18=$B$10,7,0)+IF('Standard Profiles'!$G$18=$B$17,14,0)+IF('Standard Profiles'!$G$18=$B$24,21,0),0)),0)</f>
        <v>5.8049086699161432</v>
      </c>
      <c r="E2485" cm="1">
        <f t="array" ref="E2485">IFERROR(INDEX(Jesper!AI$2:AI$366,ROUNDDOWN($C2485/24,0)+1,1)*INDEX($D$3:$AA$30,INDEX(Jesper!$R$2:$R$366,ROW(INDEX(Jesper!AI$2:AI$366,ROUNDDOWN($C2485/24,0)+1,1))-1)+IF('Standard Profiles'!$G$19=$B$10,7,0)+IF('Standard Profiles'!$G$19=$B$17,14,0)+IF('Standard Profiles'!$G$19=$B$24,21,0),MOD($C2485,24)+1)/SUM(INDEX($D$3:$AA$30,INDEX(Jesper!$R$2:$R$366,ROW(INDEX(Jesper!AI$2:AI$366,ROUNDDOWN($C2485/24,0)+1,1))-1)+IF('Standard Profiles'!$G$19=$B$10,7,0)+IF('Standard Profiles'!$G$19=$B$17,14,0)+IF('Standard Profiles'!$G$19=$B$24,21,0),0)),0)</f>
        <v>4.7676740226363101</v>
      </c>
      <c r="F2485" cm="1">
        <f t="array" ref="F2485">IFERROR(INDEX(Jesper!AJ$2:AJ$366,ROUNDDOWN($C2485/24,0)+1,1)*INDEX($D$3:$AA$30,INDEX(Jesper!$R$2:$R$366,ROW(INDEX(Jesper!AJ$2:AJ$366,ROUNDDOWN($C2485/24,0)+1,1))-1)+IF('Standard Profiles'!$G$20=$B$10,7,0)+IF('Standard Profiles'!$G$20=$B$17,14,0)+IF('Standard Profiles'!$G$20=$B$24,21,0),MOD($C2485,24)+1)/SUM(INDEX($D$3:$AA$30,INDEX(Jesper!$R$2:$R$366,ROW(INDEX(Jesper!AJ$2:AJ$366,ROUNDDOWN($C2485/24,0)+1,1))-1)+IF('Standard Profiles'!$G$20=$B$10,7,0)+IF('Standard Profiles'!$G$20=$B$17,14,0)+IF('Standard Profiles'!$G$20=$B$24,21,0),0)),0)</f>
        <v>0</v>
      </c>
      <c r="G2485" cm="1">
        <f t="array" ref="G2485">IFERROR(INDEX(Jesper!AK$2:AK$366,ROUNDDOWN($C2485/24,0)+1,1)*INDEX($D$3:$AA$30,INDEX(Jesper!$R$2:$R$366,ROW(INDEX(Jesper!AK$2:AK$366,ROUNDDOWN($C2485/24,0)+1,1))-1)+IF('Standard Profiles'!$G$21=$B$10,7,0)+IF('Standard Profiles'!$G$21=$B$17,14,0)+IF('Standard Profiles'!$G$21=$B$24,21,0),MOD($C2485,24)+1)/SUM(INDEX($D$3:$AA$30,INDEX(Jesper!$R$2:$R$366,ROW(INDEX(Jesper!AK$2:AK$366,ROUNDDOWN($C2485/24,0)+1,1))-1)+IF('Standard Profiles'!$G$21=$B$10,7,0)+IF('Standard Profiles'!$G$21=$B$17,14,0)+IF('Standard Profiles'!$G$21=$B$24,21,0),0)),0)</f>
        <v>2.6732579245904136</v>
      </c>
      <c r="H2485" cm="1">
        <f t="array" ref="H2485">IFERROR(INDEX(Jesper!AL$2:AL$366,ROUNDDOWN($C2485/24,0)+1,1)*INDEX($D$3:$AA$30,INDEX(Jesper!$R$2:$R$366,ROW(INDEX(Jesper!AL$2:AL$366,ROUNDDOWN($C2485/24,0)+1,1))-1)+IF('Standard Profiles'!$G$22=$B$10,7,0)+IF('Standard Profiles'!$G$22=$B$17,14,0)+IF('Standard Profiles'!$G$22=$B$24,21,0),MOD($C2485,24)+1)/SUM(INDEX($D$3:$AA$30,INDEX(Jesper!$R$2:$R$366,ROW(INDEX(Jesper!AL$2:AL$366,ROUNDDOWN($C2485/24,0)+1,1))-1)+IF('Standard Profiles'!$G$22=$B$10,7,0)+IF('Standard Profiles'!$G$22=$B$17,14,0)+IF('Standard Profiles'!$G$22=$B$24,21,0),0)),0)</f>
        <v>0</v>
      </c>
      <c r="I2485">
        <f t="shared" si="286"/>
        <v>1.2831638038033979</v>
      </c>
      <c r="J2485">
        <f t="shared" si="287"/>
        <v>11.033891426152886</v>
      </c>
      <c r="K2485">
        <f t="shared" si="288"/>
        <v>0.61919025812438866</v>
      </c>
      <c r="L2485">
        <f t="shared" si="289"/>
        <v>0.30959512906219433</v>
      </c>
      <c r="M2485">
        <f t="shared" si="290"/>
        <v>0</v>
      </c>
      <c r="N2485" s="45">
        <f t="shared" si="291"/>
        <v>45029.124999994056</v>
      </c>
    </row>
    <row r="2486" spans="2:14" x14ac:dyDescent="0.25">
      <c r="B2486">
        <f t="shared" si="285"/>
        <v>4</v>
      </c>
      <c r="C2486" s="16">
        <v>2452</v>
      </c>
      <c r="D2486" cm="1">
        <f t="array" ref="D2486">IFERROR(INDEX(Jesper!AH$2:AH$366,ROUNDDOWN($C2486/24,0)+1,1)*INDEX($D$3:$AA$30,INDEX(Jesper!$R$2:$R$366,ROW(INDEX(Jesper!AH$2:AH$366,ROUNDDOWN($C2486/24,0)+1,1))-1)+IF('Standard Profiles'!$G$18=$B$10,7,0)+IF('Standard Profiles'!$G$18=$B$17,14,0)+IF('Standard Profiles'!$G$18=$B$24,21,0),MOD($C2486,24)+1)/SUM(INDEX($D$3:$AA$30,INDEX(Jesper!$R$2:$R$366,ROW(INDEX(Jesper!AH$2:AH$366,ROUNDDOWN($C2486/24,0)+1,1))-1)+IF('Standard Profiles'!$G$18=$B$10,7,0)+IF('Standard Profiles'!$G$18=$B$17,14,0)+IF('Standard Profiles'!$G$18=$B$24,21,0),0)),0)</f>
        <v>5.8049086699161432</v>
      </c>
      <c r="E2486" cm="1">
        <f t="array" ref="E2486">IFERROR(INDEX(Jesper!AI$2:AI$366,ROUNDDOWN($C2486/24,0)+1,1)*INDEX($D$3:$AA$30,INDEX(Jesper!$R$2:$R$366,ROW(INDEX(Jesper!AI$2:AI$366,ROUNDDOWN($C2486/24,0)+1,1))-1)+IF('Standard Profiles'!$G$19=$B$10,7,0)+IF('Standard Profiles'!$G$19=$B$17,14,0)+IF('Standard Profiles'!$G$19=$B$24,21,0),MOD($C2486,24)+1)/SUM(INDEX($D$3:$AA$30,INDEX(Jesper!$R$2:$R$366,ROW(INDEX(Jesper!AI$2:AI$366,ROUNDDOWN($C2486/24,0)+1,1))-1)+IF('Standard Profiles'!$G$19=$B$10,7,0)+IF('Standard Profiles'!$G$19=$B$17,14,0)+IF('Standard Profiles'!$G$19=$B$24,21,0),0)),0)</f>
        <v>4.7676740226363101</v>
      </c>
      <c r="F2486" cm="1">
        <f t="array" ref="F2486">IFERROR(INDEX(Jesper!AJ$2:AJ$366,ROUNDDOWN($C2486/24,0)+1,1)*INDEX($D$3:$AA$30,INDEX(Jesper!$R$2:$R$366,ROW(INDEX(Jesper!AJ$2:AJ$366,ROUNDDOWN($C2486/24,0)+1,1))-1)+IF('Standard Profiles'!$G$20=$B$10,7,0)+IF('Standard Profiles'!$G$20=$B$17,14,0)+IF('Standard Profiles'!$G$20=$B$24,21,0),MOD($C2486,24)+1)/SUM(INDEX($D$3:$AA$30,INDEX(Jesper!$R$2:$R$366,ROW(INDEX(Jesper!AJ$2:AJ$366,ROUNDDOWN($C2486/24,0)+1,1))-1)+IF('Standard Profiles'!$G$20=$B$10,7,0)+IF('Standard Profiles'!$G$20=$B$17,14,0)+IF('Standard Profiles'!$G$20=$B$24,21,0),0)),0)</f>
        <v>0</v>
      </c>
      <c r="G2486" cm="1">
        <f t="array" ref="G2486">IFERROR(INDEX(Jesper!AK$2:AK$366,ROUNDDOWN($C2486/24,0)+1,1)*INDEX($D$3:$AA$30,INDEX(Jesper!$R$2:$R$366,ROW(INDEX(Jesper!AK$2:AK$366,ROUNDDOWN($C2486/24,0)+1,1))-1)+IF('Standard Profiles'!$G$21=$B$10,7,0)+IF('Standard Profiles'!$G$21=$B$17,14,0)+IF('Standard Profiles'!$G$21=$B$24,21,0),MOD($C2486,24)+1)/SUM(INDEX($D$3:$AA$30,INDEX(Jesper!$R$2:$R$366,ROW(INDEX(Jesper!AK$2:AK$366,ROUNDDOWN($C2486/24,0)+1,1))-1)+IF('Standard Profiles'!$G$21=$B$10,7,0)+IF('Standard Profiles'!$G$21=$B$17,14,0)+IF('Standard Profiles'!$G$21=$B$24,21,0),0)),0)</f>
        <v>2.6732579245904136</v>
      </c>
      <c r="H2486" cm="1">
        <f t="array" ref="H2486">IFERROR(INDEX(Jesper!AL$2:AL$366,ROUNDDOWN($C2486/24,0)+1,1)*INDEX($D$3:$AA$30,INDEX(Jesper!$R$2:$R$366,ROW(INDEX(Jesper!AL$2:AL$366,ROUNDDOWN($C2486/24,0)+1,1))-1)+IF('Standard Profiles'!$G$22=$B$10,7,0)+IF('Standard Profiles'!$G$22=$B$17,14,0)+IF('Standard Profiles'!$G$22=$B$24,21,0),MOD($C2486,24)+1)/SUM(INDEX($D$3:$AA$30,INDEX(Jesper!$R$2:$R$366,ROW(INDEX(Jesper!AL$2:AL$366,ROUNDDOWN($C2486/24,0)+1,1))-1)+IF('Standard Profiles'!$G$22=$B$10,7,0)+IF('Standard Profiles'!$G$22=$B$17,14,0)+IF('Standard Profiles'!$G$22=$B$24,21,0),0)),0)</f>
        <v>0</v>
      </c>
      <c r="I2486">
        <f t="shared" si="286"/>
        <v>1.2831638038033979</v>
      </c>
      <c r="J2486">
        <f t="shared" si="287"/>
        <v>11.033891426152886</v>
      </c>
      <c r="K2486">
        <f t="shared" si="288"/>
        <v>0.61919025812438866</v>
      </c>
      <c r="L2486">
        <f t="shared" si="289"/>
        <v>0.30959512906219433</v>
      </c>
      <c r="M2486">
        <f t="shared" si="290"/>
        <v>0</v>
      </c>
      <c r="N2486" s="45">
        <f t="shared" si="291"/>
        <v>45029.16666666072</v>
      </c>
    </row>
    <row r="2487" spans="2:14" x14ac:dyDescent="0.25">
      <c r="B2487">
        <f t="shared" si="285"/>
        <v>4</v>
      </c>
      <c r="C2487" s="16">
        <v>2453</v>
      </c>
      <c r="D2487" cm="1">
        <f t="array" ref="D2487">IFERROR(INDEX(Jesper!AH$2:AH$366,ROUNDDOWN($C2487/24,0)+1,1)*INDEX($D$3:$AA$30,INDEX(Jesper!$R$2:$R$366,ROW(INDEX(Jesper!AH$2:AH$366,ROUNDDOWN($C2487/24,0)+1,1))-1)+IF('Standard Profiles'!$G$18=$B$10,7,0)+IF('Standard Profiles'!$G$18=$B$17,14,0)+IF('Standard Profiles'!$G$18=$B$24,21,0),MOD($C2487,24)+1)/SUM(INDEX($D$3:$AA$30,INDEX(Jesper!$R$2:$R$366,ROW(INDEX(Jesper!AH$2:AH$366,ROUNDDOWN($C2487/24,0)+1,1))-1)+IF('Standard Profiles'!$G$18=$B$10,7,0)+IF('Standard Profiles'!$G$18=$B$17,14,0)+IF('Standard Profiles'!$G$18=$B$24,21,0),0)),0)</f>
        <v>5.8049086699161432</v>
      </c>
      <c r="E2487" cm="1">
        <f t="array" ref="E2487">IFERROR(INDEX(Jesper!AI$2:AI$366,ROUNDDOWN($C2487/24,0)+1,1)*INDEX($D$3:$AA$30,INDEX(Jesper!$R$2:$R$366,ROW(INDEX(Jesper!AI$2:AI$366,ROUNDDOWN($C2487/24,0)+1,1))-1)+IF('Standard Profiles'!$G$19=$B$10,7,0)+IF('Standard Profiles'!$G$19=$B$17,14,0)+IF('Standard Profiles'!$G$19=$B$24,21,0),MOD($C2487,24)+1)/SUM(INDEX($D$3:$AA$30,INDEX(Jesper!$R$2:$R$366,ROW(INDEX(Jesper!AI$2:AI$366,ROUNDDOWN($C2487/24,0)+1,1))-1)+IF('Standard Profiles'!$G$19=$B$10,7,0)+IF('Standard Profiles'!$G$19=$B$17,14,0)+IF('Standard Profiles'!$G$19=$B$24,21,0),0)),0)</f>
        <v>4.7676740226363101</v>
      </c>
      <c r="F2487" cm="1">
        <f t="array" ref="F2487">IFERROR(INDEX(Jesper!AJ$2:AJ$366,ROUNDDOWN($C2487/24,0)+1,1)*INDEX($D$3:$AA$30,INDEX(Jesper!$R$2:$R$366,ROW(INDEX(Jesper!AJ$2:AJ$366,ROUNDDOWN($C2487/24,0)+1,1))-1)+IF('Standard Profiles'!$G$20=$B$10,7,0)+IF('Standard Profiles'!$G$20=$B$17,14,0)+IF('Standard Profiles'!$G$20=$B$24,21,0),MOD($C2487,24)+1)/SUM(INDEX($D$3:$AA$30,INDEX(Jesper!$R$2:$R$366,ROW(INDEX(Jesper!AJ$2:AJ$366,ROUNDDOWN($C2487/24,0)+1,1))-1)+IF('Standard Profiles'!$G$20=$B$10,7,0)+IF('Standard Profiles'!$G$20=$B$17,14,0)+IF('Standard Profiles'!$G$20=$B$24,21,0),0)),0)</f>
        <v>0</v>
      </c>
      <c r="G2487" cm="1">
        <f t="array" ref="G2487">IFERROR(INDEX(Jesper!AK$2:AK$366,ROUNDDOWN($C2487/24,0)+1,1)*INDEX($D$3:$AA$30,INDEX(Jesper!$R$2:$R$366,ROW(INDEX(Jesper!AK$2:AK$366,ROUNDDOWN($C2487/24,0)+1,1))-1)+IF('Standard Profiles'!$G$21=$B$10,7,0)+IF('Standard Profiles'!$G$21=$B$17,14,0)+IF('Standard Profiles'!$G$21=$B$24,21,0),MOD($C2487,24)+1)/SUM(INDEX($D$3:$AA$30,INDEX(Jesper!$R$2:$R$366,ROW(INDEX(Jesper!AK$2:AK$366,ROUNDDOWN($C2487/24,0)+1,1))-1)+IF('Standard Profiles'!$G$21=$B$10,7,0)+IF('Standard Profiles'!$G$21=$B$17,14,0)+IF('Standard Profiles'!$G$21=$B$24,21,0),0)),0)</f>
        <v>2.6732579245904136</v>
      </c>
      <c r="H2487" cm="1">
        <f t="array" ref="H2487">IFERROR(INDEX(Jesper!AL$2:AL$366,ROUNDDOWN($C2487/24,0)+1,1)*INDEX($D$3:$AA$30,INDEX(Jesper!$R$2:$R$366,ROW(INDEX(Jesper!AL$2:AL$366,ROUNDDOWN($C2487/24,0)+1,1))-1)+IF('Standard Profiles'!$G$22=$B$10,7,0)+IF('Standard Profiles'!$G$22=$B$17,14,0)+IF('Standard Profiles'!$G$22=$B$24,21,0),MOD($C2487,24)+1)/SUM(INDEX($D$3:$AA$30,INDEX(Jesper!$R$2:$R$366,ROW(INDEX(Jesper!AL$2:AL$366,ROUNDDOWN($C2487/24,0)+1,1))-1)+IF('Standard Profiles'!$G$22=$B$10,7,0)+IF('Standard Profiles'!$G$22=$B$17,14,0)+IF('Standard Profiles'!$G$22=$B$24,21,0),0)),0)</f>
        <v>0</v>
      </c>
      <c r="I2487">
        <f t="shared" si="286"/>
        <v>1.2831638038033979</v>
      </c>
      <c r="J2487">
        <f t="shared" si="287"/>
        <v>11.033891426152886</v>
      </c>
      <c r="K2487">
        <f t="shared" si="288"/>
        <v>0.61919025812438866</v>
      </c>
      <c r="L2487">
        <f t="shared" si="289"/>
        <v>0.30959512906219433</v>
      </c>
      <c r="M2487">
        <f t="shared" si="290"/>
        <v>0</v>
      </c>
      <c r="N2487" s="45">
        <f t="shared" si="291"/>
        <v>45029.208333327384</v>
      </c>
    </row>
    <row r="2488" spans="2:14" x14ac:dyDescent="0.25">
      <c r="B2488">
        <f t="shared" si="285"/>
        <v>4</v>
      </c>
      <c r="C2488" s="16">
        <v>2454</v>
      </c>
      <c r="D2488" cm="1">
        <f t="array" ref="D2488">IFERROR(INDEX(Jesper!AH$2:AH$366,ROUNDDOWN($C2488/24,0)+1,1)*INDEX($D$3:$AA$30,INDEX(Jesper!$R$2:$R$366,ROW(INDEX(Jesper!AH$2:AH$366,ROUNDDOWN($C2488/24,0)+1,1))-1)+IF('Standard Profiles'!$G$18=$B$10,7,0)+IF('Standard Profiles'!$G$18=$B$17,14,0)+IF('Standard Profiles'!$G$18=$B$24,21,0),MOD($C2488,24)+1)/SUM(INDEX($D$3:$AA$30,INDEX(Jesper!$R$2:$R$366,ROW(INDEX(Jesper!AH$2:AH$366,ROUNDDOWN($C2488/24,0)+1,1))-1)+IF('Standard Profiles'!$G$18=$B$10,7,0)+IF('Standard Profiles'!$G$18=$B$17,14,0)+IF('Standard Profiles'!$G$18=$B$24,21,0),0)),0)</f>
        <v>5.8049086699161432</v>
      </c>
      <c r="E2488" cm="1">
        <f t="array" ref="E2488">IFERROR(INDEX(Jesper!AI$2:AI$366,ROUNDDOWN($C2488/24,0)+1,1)*INDEX($D$3:$AA$30,INDEX(Jesper!$R$2:$R$366,ROW(INDEX(Jesper!AI$2:AI$366,ROUNDDOWN($C2488/24,0)+1,1))-1)+IF('Standard Profiles'!$G$19=$B$10,7,0)+IF('Standard Profiles'!$G$19=$B$17,14,0)+IF('Standard Profiles'!$G$19=$B$24,21,0),MOD($C2488,24)+1)/SUM(INDEX($D$3:$AA$30,INDEX(Jesper!$R$2:$R$366,ROW(INDEX(Jesper!AI$2:AI$366,ROUNDDOWN($C2488/24,0)+1,1))-1)+IF('Standard Profiles'!$G$19=$B$10,7,0)+IF('Standard Profiles'!$G$19=$B$17,14,0)+IF('Standard Profiles'!$G$19=$B$24,21,0),0)),0)</f>
        <v>4.7676740226363101</v>
      </c>
      <c r="F2488" cm="1">
        <f t="array" ref="F2488">IFERROR(INDEX(Jesper!AJ$2:AJ$366,ROUNDDOWN($C2488/24,0)+1,1)*INDEX($D$3:$AA$30,INDEX(Jesper!$R$2:$R$366,ROW(INDEX(Jesper!AJ$2:AJ$366,ROUNDDOWN($C2488/24,0)+1,1))-1)+IF('Standard Profiles'!$G$20=$B$10,7,0)+IF('Standard Profiles'!$G$20=$B$17,14,0)+IF('Standard Profiles'!$G$20=$B$24,21,0),MOD($C2488,24)+1)/SUM(INDEX($D$3:$AA$30,INDEX(Jesper!$R$2:$R$366,ROW(INDEX(Jesper!AJ$2:AJ$366,ROUNDDOWN($C2488/24,0)+1,1))-1)+IF('Standard Profiles'!$G$20=$B$10,7,0)+IF('Standard Profiles'!$G$20=$B$17,14,0)+IF('Standard Profiles'!$G$20=$B$24,21,0),0)),0)</f>
        <v>0</v>
      </c>
      <c r="G2488" cm="1">
        <f t="array" ref="G2488">IFERROR(INDEX(Jesper!AK$2:AK$366,ROUNDDOWN($C2488/24,0)+1,1)*INDEX($D$3:$AA$30,INDEX(Jesper!$R$2:$R$366,ROW(INDEX(Jesper!AK$2:AK$366,ROUNDDOWN($C2488/24,0)+1,1))-1)+IF('Standard Profiles'!$G$21=$B$10,7,0)+IF('Standard Profiles'!$G$21=$B$17,14,0)+IF('Standard Profiles'!$G$21=$B$24,21,0),MOD($C2488,24)+1)/SUM(INDEX($D$3:$AA$30,INDEX(Jesper!$R$2:$R$366,ROW(INDEX(Jesper!AK$2:AK$366,ROUNDDOWN($C2488/24,0)+1,1))-1)+IF('Standard Profiles'!$G$21=$B$10,7,0)+IF('Standard Profiles'!$G$21=$B$17,14,0)+IF('Standard Profiles'!$G$21=$B$24,21,0),0)),0)</f>
        <v>2.6732579245904136</v>
      </c>
      <c r="H2488" cm="1">
        <f t="array" ref="H2488">IFERROR(INDEX(Jesper!AL$2:AL$366,ROUNDDOWN($C2488/24,0)+1,1)*INDEX($D$3:$AA$30,INDEX(Jesper!$R$2:$R$366,ROW(INDEX(Jesper!AL$2:AL$366,ROUNDDOWN($C2488/24,0)+1,1))-1)+IF('Standard Profiles'!$G$22=$B$10,7,0)+IF('Standard Profiles'!$G$22=$B$17,14,0)+IF('Standard Profiles'!$G$22=$B$24,21,0),MOD($C2488,24)+1)/SUM(INDEX($D$3:$AA$30,INDEX(Jesper!$R$2:$R$366,ROW(INDEX(Jesper!AL$2:AL$366,ROUNDDOWN($C2488/24,0)+1,1))-1)+IF('Standard Profiles'!$G$22=$B$10,7,0)+IF('Standard Profiles'!$G$22=$B$17,14,0)+IF('Standard Profiles'!$G$22=$B$24,21,0),0)),0)</f>
        <v>0</v>
      </c>
      <c r="I2488">
        <f t="shared" si="286"/>
        <v>1.2831638038033979</v>
      </c>
      <c r="J2488">
        <f t="shared" si="287"/>
        <v>11.033891426152886</v>
      </c>
      <c r="K2488">
        <f t="shared" si="288"/>
        <v>0.61919025812438866</v>
      </c>
      <c r="L2488">
        <f t="shared" si="289"/>
        <v>0.30959512906219433</v>
      </c>
      <c r="M2488">
        <f t="shared" si="290"/>
        <v>0</v>
      </c>
      <c r="N2488" s="45">
        <f t="shared" si="291"/>
        <v>45029.249999994048</v>
      </c>
    </row>
    <row r="2489" spans="2:14" x14ac:dyDescent="0.25">
      <c r="B2489">
        <f t="shared" si="285"/>
        <v>4</v>
      </c>
      <c r="C2489" s="16">
        <v>2455</v>
      </c>
      <c r="D2489" cm="1">
        <f t="array" ref="D2489">IFERROR(INDEX(Jesper!AH$2:AH$366,ROUNDDOWN($C2489/24,0)+1,1)*INDEX($D$3:$AA$30,INDEX(Jesper!$R$2:$R$366,ROW(INDEX(Jesper!AH$2:AH$366,ROUNDDOWN($C2489/24,0)+1,1))-1)+IF('Standard Profiles'!$G$18=$B$10,7,0)+IF('Standard Profiles'!$G$18=$B$17,14,0)+IF('Standard Profiles'!$G$18=$B$24,21,0),MOD($C2489,24)+1)/SUM(INDEX($D$3:$AA$30,INDEX(Jesper!$R$2:$R$366,ROW(INDEX(Jesper!AH$2:AH$366,ROUNDDOWN($C2489/24,0)+1,1))-1)+IF('Standard Profiles'!$G$18=$B$10,7,0)+IF('Standard Profiles'!$G$18=$B$17,14,0)+IF('Standard Profiles'!$G$18=$B$24,21,0),0)),0)</f>
        <v>23.729763017323869</v>
      </c>
      <c r="E2489" cm="1">
        <f t="array" ref="E2489">IFERROR(INDEX(Jesper!AI$2:AI$366,ROUNDDOWN($C2489/24,0)+1,1)*INDEX($D$3:$AA$30,INDEX(Jesper!$R$2:$R$366,ROW(INDEX(Jesper!AI$2:AI$366,ROUNDDOWN($C2489/24,0)+1,1))-1)+IF('Standard Profiles'!$G$19=$B$10,7,0)+IF('Standard Profiles'!$G$19=$B$17,14,0)+IF('Standard Profiles'!$G$19=$B$24,21,0),MOD($C2489,24)+1)/SUM(INDEX($D$3:$AA$30,INDEX(Jesper!$R$2:$R$366,ROW(INDEX(Jesper!AI$2:AI$366,ROUNDDOWN($C2489/24,0)+1,1))-1)+IF('Standard Profiles'!$G$19=$B$10,7,0)+IF('Standard Profiles'!$G$19=$B$17,14,0)+IF('Standard Profiles'!$G$19=$B$24,21,0),0)),0)</f>
        <v>19.489673504655705</v>
      </c>
      <c r="F2489" cm="1">
        <f t="array" ref="F2489">IFERROR(INDEX(Jesper!AJ$2:AJ$366,ROUNDDOWN($C2489/24,0)+1,1)*INDEX($D$3:$AA$30,INDEX(Jesper!$R$2:$R$366,ROW(INDEX(Jesper!AJ$2:AJ$366,ROUNDDOWN($C2489/24,0)+1,1))-1)+IF('Standard Profiles'!$G$20=$B$10,7,0)+IF('Standard Profiles'!$G$20=$B$17,14,0)+IF('Standard Profiles'!$G$20=$B$24,21,0),MOD($C2489,24)+1)/SUM(INDEX($D$3:$AA$30,INDEX(Jesper!$R$2:$R$366,ROW(INDEX(Jesper!AJ$2:AJ$366,ROUNDDOWN($C2489/24,0)+1,1))-1)+IF('Standard Profiles'!$G$20=$B$10,7,0)+IF('Standard Profiles'!$G$20=$B$17,14,0)+IF('Standard Profiles'!$G$20=$B$24,21,0),0)),0)</f>
        <v>0</v>
      </c>
      <c r="G2489" cm="1">
        <f t="array" ref="G2489">IFERROR(INDEX(Jesper!AK$2:AK$366,ROUNDDOWN($C2489/24,0)+1,1)*INDEX($D$3:$AA$30,INDEX(Jesper!$R$2:$R$366,ROW(INDEX(Jesper!AK$2:AK$366,ROUNDDOWN($C2489/24,0)+1,1))-1)+IF('Standard Profiles'!$G$21=$B$10,7,0)+IF('Standard Profiles'!$G$21=$B$17,14,0)+IF('Standard Profiles'!$G$21=$B$24,21,0),MOD($C2489,24)+1)/SUM(INDEX($D$3:$AA$30,INDEX(Jesper!$R$2:$R$366,ROW(INDEX(Jesper!AK$2:AK$366,ROUNDDOWN($C2489/24,0)+1,1))-1)+IF('Standard Profiles'!$G$21=$B$10,7,0)+IF('Standard Profiles'!$G$21=$B$17,14,0)+IF('Standard Profiles'!$G$21=$B$24,21,0),0)),0)</f>
        <v>7.3648255822465876</v>
      </c>
      <c r="H2489" cm="1">
        <f t="array" ref="H2489">IFERROR(INDEX(Jesper!AL$2:AL$366,ROUNDDOWN($C2489/24,0)+1,1)*INDEX($D$3:$AA$30,INDEX(Jesper!$R$2:$R$366,ROW(INDEX(Jesper!AL$2:AL$366,ROUNDDOWN($C2489/24,0)+1,1))-1)+IF('Standard Profiles'!$G$22=$B$10,7,0)+IF('Standard Profiles'!$G$22=$B$17,14,0)+IF('Standard Profiles'!$G$22=$B$24,21,0),MOD($C2489,24)+1)/SUM(INDEX($D$3:$AA$30,INDEX(Jesper!$R$2:$R$366,ROW(INDEX(Jesper!AL$2:AL$366,ROUNDDOWN($C2489/24,0)+1,1))-1)+IF('Standard Profiles'!$G$22=$B$10,7,0)+IF('Standard Profiles'!$G$22=$B$17,14,0)+IF('Standard Profiles'!$G$22=$B$24,21,0),0)),0)</f>
        <v>0</v>
      </c>
      <c r="I2489">
        <f t="shared" si="286"/>
        <v>3.5351162794783604</v>
      </c>
      <c r="J2489">
        <f t="shared" si="287"/>
        <v>43.252383741975983</v>
      </c>
      <c r="K2489">
        <f t="shared" si="288"/>
        <v>2.5311747218478793</v>
      </c>
      <c r="L2489">
        <f t="shared" si="289"/>
        <v>1.2655873609239396</v>
      </c>
      <c r="M2489">
        <f t="shared" si="290"/>
        <v>0</v>
      </c>
      <c r="N2489" s="45">
        <f t="shared" si="291"/>
        <v>45029.291666660713</v>
      </c>
    </row>
    <row r="2490" spans="2:14" x14ac:dyDescent="0.25">
      <c r="B2490">
        <f t="shared" si="285"/>
        <v>4</v>
      </c>
      <c r="C2490" s="16">
        <v>2456</v>
      </c>
      <c r="D2490" cm="1">
        <f t="array" ref="D2490">IFERROR(INDEX(Jesper!AH$2:AH$366,ROUNDDOWN($C2490/24,0)+1,1)*INDEX($D$3:$AA$30,INDEX(Jesper!$R$2:$R$366,ROW(INDEX(Jesper!AH$2:AH$366,ROUNDDOWN($C2490/24,0)+1,1))-1)+IF('Standard Profiles'!$G$18=$B$10,7,0)+IF('Standard Profiles'!$G$18=$B$17,14,0)+IF('Standard Profiles'!$G$18=$B$24,21,0),MOD($C2490,24)+1)/SUM(INDEX($D$3:$AA$30,INDEX(Jesper!$R$2:$R$366,ROW(INDEX(Jesper!AH$2:AH$366,ROUNDDOWN($C2490/24,0)+1,1))-1)+IF('Standard Profiles'!$G$18=$B$10,7,0)+IF('Standard Profiles'!$G$18=$B$17,14,0)+IF('Standard Profiles'!$G$18=$B$24,21,0),0)),0)</f>
        <v>26.477419787750843</v>
      </c>
      <c r="E2490" cm="1">
        <f t="array" ref="E2490">IFERROR(INDEX(Jesper!AI$2:AI$366,ROUNDDOWN($C2490/24,0)+1,1)*INDEX($D$3:$AA$30,INDEX(Jesper!$R$2:$R$366,ROW(INDEX(Jesper!AI$2:AI$366,ROUNDDOWN($C2490/24,0)+1,1))-1)+IF('Standard Profiles'!$G$19=$B$10,7,0)+IF('Standard Profiles'!$G$19=$B$17,14,0)+IF('Standard Profiles'!$G$19=$B$24,21,0),MOD($C2490,24)+1)/SUM(INDEX($D$3:$AA$30,INDEX(Jesper!$R$2:$R$366,ROW(INDEX(Jesper!AI$2:AI$366,ROUNDDOWN($C2490/24,0)+1,1))-1)+IF('Standard Profiles'!$G$19=$B$10,7,0)+IF('Standard Profiles'!$G$19=$B$17,14,0)+IF('Standard Profiles'!$G$19=$B$24,21,0),0)),0)</f>
        <v>21.746372542036895</v>
      </c>
      <c r="F2490" cm="1">
        <f t="array" ref="F2490">IFERROR(INDEX(Jesper!AJ$2:AJ$366,ROUNDDOWN($C2490/24,0)+1,1)*INDEX($D$3:$AA$30,INDEX(Jesper!$R$2:$R$366,ROW(INDEX(Jesper!AJ$2:AJ$366,ROUNDDOWN($C2490/24,0)+1,1))-1)+IF('Standard Profiles'!$G$20=$B$10,7,0)+IF('Standard Profiles'!$G$20=$B$17,14,0)+IF('Standard Profiles'!$G$20=$B$24,21,0),MOD($C2490,24)+1)/SUM(INDEX($D$3:$AA$30,INDEX(Jesper!$R$2:$R$366,ROW(INDEX(Jesper!AJ$2:AJ$366,ROUNDDOWN($C2490/24,0)+1,1))-1)+IF('Standard Profiles'!$G$20=$B$10,7,0)+IF('Standard Profiles'!$G$20=$B$17,14,0)+IF('Standard Profiles'!$G$20=$B$24,21,0),0)),0)</f>
        <v>0</v>
      </c>
      <c r="G2490" cm="1">
        <f t="array" ref="G2490">IFERROR(INDEX(Jesper!AK$2:AK$366,ROUNDDOWN($C2490/24,0)+1,1)*INDEX($D$3:$AA$30,INDEX(Jesper!$R$2:$R$366,ROW(INDEX(Jesper!AK$2:AK$366,ROUNDDOWN($C2490/24,0)+1,1))-1)+IF('Standard Profiles'!$G$21=$B$10,7,0)+IF('Standard Profiles'!$G$21=$B$17,14,0)+IF('Standard Profiles'!$G$21=$B$24,21,0),MOD($C2490,24)+1)/SUM(INDEX($D$3:$AA$30,INDEX(Jesper!$R$2:$R$366,ROW(INDEX(Jesper!AK$2:AK$366,ROUNDDOWN($C2490/24,0)+1,1))-1)+IF('Standard Profiles'!$G$21=$B$10,7,0)+IF('Standard Profiles'!$G$21=$B$17,14,0)+IF('Standard Profiles'!$G$21=$B$24,21,0),0)),0)</f>
        <v>8.2175948601909301</v>
      </c>
      <c r="H2490" cm="1">
        <f t="array" ref="H2490">IFERROR(INDEX(Jesper!AL$2:AL$366,ROUNDDOWN($C2490/24,0)+1,1)*INDEX($D$3:$AA$30,INDEX(Jesper!$R$2:$R$366,ROW(INDEX(Jesper!AL$2:AL$366,ROUNDDOWN($C2490/24,0)+1,1))-1)+IF('Standard Profiles'!$G$22=$B$10,7,0)+IF('Standard Profiles'!$G$22=$B$17,14,0)+IF('Standard Profiles'!$G$22=$B$24,21,0),MOD($C2490,24)+1)/SUM(INDEX($D$3:$AA$30,INDEX(Jesper!$R$2:$R$366,ROW(INDEX(Jesper!AL$2:AL$366,ROUNDDOWN($C2490/24,0)+1,1))-1)+IF('Standard Profiles'!$G$22=$B$10,7,0)+IF('Standard Profiles'!$G$22=$B$17,14,0)+IF('Standard Profiles'!$G$22=$B$24,21,0),0)),0)</f>
        <v>0</v>
      </c>
      <c r="I2490">
        <f t="shared" si="286"/>
        <v>3.9444455328916446</v>
      </c>
      <c r="J2490">
        <f t="shared" si="287"/>
        <v>48.260554491046889</v>
      </c>
      <c r="K2490">
        <f t="shared" si="288"/>
        <v>2.8242581106934237</v>
      </c>
      <c r="L2490">
        <f t="shared" si="289"/>
        <v>1.4121290553467118</v>
      </c>
      <c r="M2490">
        <f t="shared" si="290"/>
        <v>0</v>
      </c>
      <c r="N2490" s="45">
        <f t="shared" si="291"/>
        <v>45029.333333327377</v>
      </c>
    </row>
    <row r="2491" spans="2:14" x14ac:dyDescent="0.25">
      <c r="B2491">
        <f t="shared" si="285"/>
        <v>4</v>
      </c>
      <c r="C2491" s="16">
        <v>2457</v>
      </c>
      <c r="D2491" cm="1">
        <f t="array" ref="D2491">IFERROR(INDEX(Jesper!AH$2:AH$366,ROUNDDOWN($C2491/24,0)+1,1)*INDEX($D$3:$AA$30,INDEX(Jesper!$R$2:$R$366,ROW(INDEX(Jesper!AH$2:AH$366,ROUNDDOWN($C2491/24,0)+1,1))-1)+IF('Standard Profiles'!$G$18=$B$10,7,0)+IF('Standard Profiles'!$G$18=$B$17,14,0)+IF('Standard Profiles'!$G$18=$B$24,21,0),MOD($C2491,24)+1)/SUM(INDEX($D$3:$AA$30,INDEX(Jesper!$R$2:$R$366,ROW(INDEX(Jesper!AH$2:AH$366,ROUNDDOWN($C2491/24,0)+1,1))-1)+IF('Standard Profiles'!$G$18=$B$10,7,0)+IF('Standard Profiles'!$G$18=$B$17,14,0)+IF('Standard Profiles'!$G$18=$B$24,21,0),0)),0)</f>
        <v>29.225076558177818</v>
      </c>
      <c r="E2491" cm="1">
        <f t="array" ref="E2491">IFERROR(INDEX(Jesper!AI$2:AI$366,ROUNDDOWN($C2491/24,0)+1,1)*INDEX($D$3:$AA$30,INDEX(Jesper!$R$2:$R$366,ROW(INDEX(Jesper!AI$2:AI$366,ROUNDDOWN($C2491/24,0)+1,1))-1)+IF('Standard Profiles'!$G$19=$B$10,7,0)+IF('Standard Profiles'!$G$19=$B$17,14,0)+IF('Standard Profiles'!$G$19=$B$24,21,0),MOD($C2491,24)+1)/SUM(INDEX($D$3:$AA$30,INDEX(Jesper!$R$2:$R$366,ROW(INDEX(Jesper!AI$2:AI$366,ROUNDDOWN($C2491/24,0)+1,1))-1)+IF('Standard Profiles'!$G$19=$B$10,7,0)+IF('Standard Profiles'!$G$19=$B$17,14,0)+IF('Standard Profiles'!$G$19=$B$24,21,0),0)),0)</f>
        <v>24.003071579418084</v>
      </c>
      <c r="F2491" cm="1">
        <f t="array" ref="F2491">IFERROR(INDEX(Jesper!AJ$2:AJ$366,ROUNDDOWN($C2491/24,0)+1,1)*INDEX($D$3:$AA$30,INDEX(Jesper!$R$2:$R$366,ROW(INDEX(Jesper!AJ$2:AJ$366,ROUNDDOWN($C2491/24,0)+1,1))-1)+IF('Standard Profiles'!$G$20=$B$10,7,0)+IF('Standard Profiles'!$G$20=$B$17,14,0)+IF('Standard Profiles'!$G$20=$B$24,21,0),MOD($C2491,24)+1)/SUM(INDEX($D$3:$AA$30,INDEX(Jesper!$R$2:$R$366,ROW(INDEX(Jesper!AJ$2:AJ$366,ROUNDDOWN($C2491/24,0)+1,1))-1)+IF('Standard Profiles'!$G$20=$B$10,7,0)+IF('Standard Profiles'!$G$20=$B$17,14,0)+IF('Standard Profiles'!$G$20=$B$24,21,0),0)),0)</f>
        <v>0</v>
      </c>
      <c r="G2491" cm="1">
        <f t="array" ref="G2491">IFERROR(INDEX(Jesper!AK$2:AK$366,ROUNDDOWN($C2491/24,0)+1,1)*INDEX($D$3:$AA$30,INDEX(Jesper!$R$2:$R$366,ROW(INDEX(Jesper!AK$2:AK$366,ROUNDDOWN($C2491/24,0)+1,1))-1)+IF('Standard Profiles'!$G$21=$B$10,7,0)+IF('Standard Profiles'!$G$21=$B$17,14,0)+IF('Standard Profiles'!$G$21=$B$24,21,0),MOD($C2491,24)+1)/SUM(INDEX($D$3:$AA$30,INDEX(Jesper!$R$2:$R$366,ROW(INDEX(Jesper!AK$2:AK$366,ROUNDDOWN($C2491/24,0)+1,1))-1)+IF('Standard Profiles'!$G$21=$B$10,7,0)+IF('Standard Profiles'!$G$21=$B$17,14,0)+IF('Standard Profiles'!$G$21=$B$24,21,0),0)),0)</f>
        <v>9.0703641381352718</v>
      </c>
      <c r="H2491" cm="1">
        <f t="array" ref="H2491">IFERROR(INDEX(Jesper!AL$2:AL$366,ROUNDDOWN($C2491/24,0)+1,1)*INDEX($D$3:$AA$30,INDEX(Jesper!$R$2:$R$366,ROW(INDEX(Jesper!AL$2:AL$366,ROUNDDOWN($C2491/24,0)+1,1))-1)+IF('Standard Profiles'!$G$22=$B$10,7,0)+IF('Standard Profiles'!$G$22=$B$17,14,0)+IF('Standard Profiles'!$G$22=$B$24,21,0),MOD($C2491,24)+1)/SUM(INDEX($D$3:$AA$30,INDEX(Jesper!$R$2:$R$366,ROW(INDEX(Jesper!AL$2:AL$366,ROUNDDOWN($C2491/24,0)+1,1))-1)+IF('Standard Profiles'!$G$22=$B$10,7,0)+IF('Standard Profiles'!$G$22=$B$17,14,0)+IF('Standard Profiles'!$G$22=$B$24,21,0),0)),0)</f>
        <v>0</v>
      </c>
      <c r="I2491">
        <f t="shared" si="286"/>
        <v>4.3537747863049283</v>
      </c>
      <c r="J2491">
        <f t="shared" si="287"/>
        <v>53.268725240117796</v>
      </c>
      <c r="K2491">
        <f t="shared" si="288"/>
        <v>3.1173414995389677</v>
      </c>
      <c r="L2491">
        <f t="shared" si="289"/>
        <v>1.5586707497694838</v>
      </c>
      <c r="M2491">
        <f t="shared" si="290"/>
        <v>0</v>
      </c>
      <c r="N2491" s="45">
        <f t="shared" si="291"/>
        <v>45029.374999994041</v>
      </c>
    </row>
    <row r="2492" spans="2:14" x14ac:dyDescent="0.25">
      <c r="B2492">
        <f t="shared" si="285"/>
        <v>4</v>
      </c>
      <c r="C2492" s="16">
        <v>2458</v>
      </c>
      <c r="D2492" cm="1">
        <f t="array" ref="D2492">IFERROR(INDEX(Jesper!AH$2:AH$366,ROUNDDOWN($C2492/24,0)+1,1)*INDEX($D$3:$AA$30,INDEX(Jesper!$R$2:$R$366,ROW(INDEX(Jesper!AH$2:AH$366,ROUNDDOWN($C2492/24,0)+1,1))-1)+IF('Standard Profiles'!$G$18=$B$10,7,0)+IF('Standard Profiles'!$G$18=$B$17,14,0)+IF('Standard Profiles'!$G$18=$B$24,21,0),MOD($C2492,24)+1)/SUM(INDEX($D$3:$AA$30,INDEX(Jesper!$R$2:$R$366,ROW(INDEX(Jesper!AH$2:AH$366,ROUNDDOWN($C2492/24,0)+1,1))-1)+IF('Standard Profiles'!$G$18=$B$10,7,0)+IF('Standard Profiles'!$G$18=$B$17,14,0)+IF('Standard Profiles'!$G$18=$B$24,21,0),0)),0)</f>
        <v>29.225076558177818</v>
      </c>
      <c r="E2492" cm="1">
        <f t="array" ref="E2492">IFERROR(INDEX(Jesper!AI$2:AI$366,ROUNDDOWN($C2492/24,0)+1,1)*INDEX($D$3:$AA$30,INDEX(Jesper!$R$2:$R$366,ROW(INDEX(Jesper!AI$2:AI$366,ROUNDDOWN($C2492/24,0)+1,1))-1)+IF('Standard Profiles'!$G$19=$B$10,7,0)+IF('Standard Profiles'!$G$19=$B$17,14,0)+IF('Standard Profiles'!$G$19=$B$24,21,0),MOD($C2492,24)+1)/SUM(INDEX($D$3:$AA$30,INDEX(Jesper!$R$2:$R$366,ROW(INDEX(Jesper!AI$2:AI$366,ROUNDDOWN($C2492/24,0)+1,1))-1)+IF('Standard Profiles'!$G$19=$B$10,7,0)+IF('Standard Profiles'!$G$19=$B$17,14,0)+IF('Standard Profiles'!$G$19=$B$24,21,0),0)),0)</f>
        <v>24.003071579418084</v>
      </c>
      <c r="F2492" cm="1">
        <f t="array" ref="F2492">IFERROR(INDEX(Jesper!AJ$2:AJ$366,ROUNDDOWN($C2492/24,0)+1,1)*INDEX($D$3:$AA$30,INDEX(Jesper!$R$2:$R$366,ROW(INDEX(Jesper!AJ$2:AJ$366,ROUNDDOWN($C2492/24,0)+1,1))-1)+IF('Standard Profiles'!$G$20=$B$10,7,0)+IF('Standard Profiles'!$G$20=$B$17,14,0)+IF('Standard Profiles'!$G$20=$B$24,21,0),MOD($C2492,24)+1)/SUM(INDEX($D$3:$AA$30,INDEX(Jesper!$R$2:$R$366,ROW(INDEX(Jesper!AJ$2:AJ$366,ROUNDDOWN($C2492/24,0)+1,1))-1)+IF('Standard Profiles'!$G$20=$B$10,7,0)+IF('Standard Profiles'!$G$20=$B$17,14,0)+IF('Standard Profiles'!$G$20=$B$24,21,0),0)),0)</f>
        <v>0</v>
      </c>
      <c r="G2492" cm="1">
        <f t="array" ref="G2492">IFERROR(INDEX(Jesper!AK$2:AK$366,ROUNDDOWN($C2492/24,0)+1,1)*INDEX($D$3:$AA$30,INDEX(Jesper!$R$2:$R$366,ROW(INDEX(Jesper!AK$2:AK$366,ROUNDDOWN($C2492/24,0)+1,1))-1)+IF('Standard Profiles'!$G$21=$B$10,7,0)+IF('Standard Profiles'!$G$21=$B$17,14,0)+IF('Standard Profiles'!$G$21=$B$24,21,0),MOD($C2492,24)+1)/SUM(INDEX($D$3:$AA$30,INDEX(Jesper!$R$2:$R$366,ROW(INDEX(Jesper!AK$2:AK$366,ROUNDDOWN($C2492/24,0)+1,1))-1)+IF('Standard Profiles'!$G$21=$B$10,7,0)+IF('Standard Profiles'!$G$21=$B$17,14,0)+IF('Standard Profiles'!$G$21=$B$24,21,0),0)),0)</f>
        <v>9.0703641381352718</v>
      </c>
      <c r="H2492" cm="1">
        <f t="array" ref="H2492">IFERROR(INDEX(Jesper!AL$2:AL$366,ROUNDDOWN($C2492/24,0)+1,1)*INDEX($D$3:$AA$30,INDEX(Jesper!$R$2:$R$366,ROW(INDEX(Jesper!AL$2:AL$366,ROUNDDOWN($C2492/24,0)+1,1))-1)+IF('Standard Profiles'!$G$22=$B$10,7,0)+IF('Standard Profiles'!$G$22=$B$17,14,0)+IF('Standard Profiles'!$G$22=$B$24,21,0),MOD($C2492,24)+1)/SUM(INDEX($D$3:$AA$30,INDEX(Jesper!$R$2:$R$366,ROW(INDEX(Jesper!AL$2:AL$366,ROUNDDOWN($C2492/24,0)+1,1))-1)+IF('Standard Profiles'!$G$22=$B$10,7,0)+IF('Standard Profiles'!$G$22=$B$17,14,0)+IF('Standard Profiles'!$G$22=$B$24,21,0),0)),0)</f>
        <v>0</v>
      </c>
      <c r="I2492">
        <f t="shared" si="286"/>
        <v>4.3537747863049283</v>
      </c>
      <c r="J2492">
        <f t="shared" si="287"/>
        <v>53.268725240117796</v>
      </c>
      <c r="K2492">
        <f t="shared" si="288"/>
        <v>3.1173414995389677</v>
      </c>
      <c r="L2492">
        <f t="shared" si="289"/>
        <v>1.5586707497694838</v>
      </c>
      <c r="M2492">
        <f t="shared" si="290"/>
        <v>0</v>
      </c>
      <c r="N2492" s="45">
        <f t="shared" si="291"/>
        <v>45029.416666660705</v>
      </c>
    </row>
    <row r="2493" spans="2:14" x14ac:dyDescent="0.25">
      <c r="B2493">
        <f t="shared" si="285"/>
        <v>4</v>
      </c>
      <c r="C2493" s="16">
        <v>2459</v>
      </c>
      <c r="D2493" cm="1">
        <f t="array" ref="D2493">IFERROR(INDEX(Jesper!AH$2:AH$366,ROUNDDOWN($C2493/24,0)+1,1)*INDEX($D$3:$AA$30,INDEX(Jesper!$R$2:$R$366,ROW(INDEX(Jesper!AH$2:AH$366,ROUNDDOWN($C2493/24,0)+1,1))-1)+IF('Standard Profiles'!$G$18=$B$10,7,0)+IF('Standard Profiles'!$G$18=$B$17,14,0)+IF('Standard Profiles'!$G$18=$B$24,21,0),MOD($C2493,24)+1)/SUM(INDEX($D$3:$AA$30,INDEX(Jesper!$R$2:$R$366,ROW(INDEX(Jesper!AH$2:AH$366,ROUNDDOWN($C2493/24,0)+1,1))-1)+IF('Standard Profiles'!$G$18=$B$10,7,0)+IF('Standard Profiles'!$G$18=$B$17,14,0)+IF('Standard Profiles'!$G$18=$B$24,21,0),0)),0)</f>
        <v>34.970177078161491</v>
      </c>
      <c r="E2493" cm="1">
        <f t="array" ref="E2493">IFERROR(INDEX(Jesper!AI$2:AI$366,ROUNDDOWN($C2493/24,0)+1,1)*INDEX($D$3:$AA$30,INDEX(Jesper!$R$2:$R$366,ROW(INDEX(Jesper!AI$2:AI$366,ROUNDDOWN($C2493/24,0)+1,1))-1)+IF('Standard Profiles'!$G$19=$B$10,7,0)+IF('Standard Profiles'!$G$19=$B$17,14,0)+IF('Standard Profiles'!$G$19=$B$24,21,0),MOD($C2493,24)+1)/SUM(INDEX($D$3:$AA$30,INDEX(Jesper!$R$2:$R$366,ROW(INDEX(Jesper!AI$2:AI$366,ROUNDDOWN($C2493/24,0)+1,1))-1)+IF('Standard Profiles'!$G$19=$B$10,7,0)+IF('Standard Profiles'!$G$19=$B$17,14,0)+IF('Standard Profiles'!$G$19=$B$24,21,0),0)),0)</f>
        <v>28.7216241121242</v>
      </c>
      <c r="F2493" cm="1">
        <f t="array" ref="F2493">IFERROR(INDEX(Jesper!AJ$2:AJ$366,ROUNDDOWN($C2493/24,0)+1,1)*INDEX($D$3:$AA$30,INDEX(Jesper!$R$2:$R$366,ROW(INDEX(Jesper!AJ$2:AJ$366,ROUNDDOWN($C2493/24,0)+1,1))-1)+IF('Standard Profiles'!$G$20=$B$10,7,0)+IF('Standard Profiles'!$G$20=$B$17,14,0)+IF('Standard Profiles'!$G$20=$B$24,21,0),MOD($C2493,24)+1)/SUM(INDEX($D$3:$AA$30,INDEX(Jesper!$R$2:$R$366,ROW(INDEX(Jesper!AJ$2:AJ$366,ROUNDDOWN($C2493/24,0)+1,1))-1)+IF('Standard Profiles'!$G$20=$B$10,7,0)+IF('Standard Profiles'!$G$20=$B$17,14,0)+IF('Standard Profiles'!$G$20=$B$24,21,0),0)),0)</f>
        <v>0</v>
      </c>
      <c r="G2493" cm="1">
        <f t="array" ref="G2493">IFERROR(INDEX(Jesper!AK$2:AK$366,ROUNDDOWN($C2493/24,0)+1,1)*INDEX($D$3:$AA$30,INDEX(Jesper!$R$2:$R$366,ROW(INDEX(Jesper!AK$2:AK$366,ROUNDDOWN($C2493/24,0)+1,1))-1)+IF('Standard Profiles'!$G$21=$B$10,7,0)+IF('Standard Profiles'!$G$21=$B$17,14,0)+IF('Standard Profiles'!$G$21=$B$24,21,0),MOD($C2493,24)+1)/SUM(INDEX($D$3:$AA$30,INDEX(Jesper!$R$2:$R$366,ROW(INDEX(Jesper!AK$2:AK$366,ROUNDDOWN($C2493/24,0)+1,1))-1)+IF('Standard Profiles'!$G$21=$B$10,7,0)+IF('Standard Profiles'!$G$21=$B$17,14,0)+IF('Standard Profiles'!$G$21=$B$24,21,0),0)),0)</f>
        <v>10.853427173837076</v>
      </c>
      <c r="H2493" cm="1">
        <f t="array" ref="H2493">IFERROR(INDEX(Jesper!AL$2:AL$366,ROUNDDOWN($C2493/24,0)+1,1)*INDEX($D$3:$AA$30,INDEX(Jesper!$R$2:$R$366,ROW(INDEX(Jesper!AL$2:AL$366,ROUNDDOWN($C2493/24,0)+1,1))-1)+IF('Standard Profiles'!$G$22=$B$10,7,0)+IF('Standard Profiles'!$G$22=$B$17,14,0)+IF('Standard Profiles'!$G$22=$B$24,21,0),MOD($C2493,24)+1)/SUM(INDEX($D$3:$AA$30,INDEX(Jesper!$R$2:$R$366,ROW(INDEX(Jesper!AL$2:AL$366,ROUNDDOWN($C2493/24,0)+1,1))-1)+IF('Standard Profiles'!$G$22=$B$10,7,0)+IF('Standard Profiles'!$G$22=$B$17,14,0)+IF('Standard Profiles'!$G$22=$B$24,21,0),0)),0)</f>
        <v>0</v>
      </c>
      <c r="I2493">
        <f t="shared" si="286"/>
        <v>5.2096450434417942</v>
      </c>
      <c r="J2493">
        <f t="shared" si="287"/>
        <v>63.740354988175127</v>
      </c>
      <c r="K2493">
        <f t="shared" si="288"/>
        <v>3.7301522216705592</v>
      </c>
      <c r="L2493">
        <f t="shared" si="289"/>
        <v>1.8650761108352796</v>
      </c>
      <c r="M2493">
        <f t="shared" si="290"/>
        <v>0</v>
      </c>
      <c r="N2493" s="45">
        <f t="shared" si="291"/>
        <v>45029.458333327369</v>
      </c>
    </row>
    <row r="2494" spans="2:14" x14ac:dyDescent="0.25">
      <c r="B2494">
        <f t="shared" si="285"/>
        <v>4</v>
      </c>
      <c r="C2494" s="16">
        <v>2460</v>
      </c>
      <c r="D2494" cm="1">
        <f t="array" ref="D2494">IFERROR(INDEX(Jesper!AH$2:AH$366,ROUNDDOWN($C2494/24,0)+1,1)*INDEX($D$3:$AA$30,INDEX(Jesper!$R$2:$R$366,ROW(INDEX(Jesper!AH$2:AH$366,ROUNDDOWN($C2494/24,0)+1,1))-1)+IF('Standard Profiles'!$G$18=$B$10,7,0)+IF('Standard Profiles'!$G$18=$B$17,14,0)+IF('Standard Profiles'!$G$18=$B$24,21,0),MOD($C2494,24)+1)/SUM(INDEX($D$3:$AA$30,INDEX(Jesper!$R$2:$R$366,ROW(INDEX(Jesper!AH$2:AH$366,ROUNDDOWN($C2494/24,0)+1,1))-1)+IF('Standard Profiles'!$G$18=$B$10,7,0)+IF('Standard Profiles'!$G$18=$B$17,14,0)+IF('Standard Profiles'!$G$18=$B$24,21,0),0)),0)</f>
        <v>34.970177078161491</v>
      </c>
      <c r="E2494" cm="1">
        <f t="array" ref="E2494">IFERROR(INDEX(Jesper!AI$2:AI$366,ROUNDDOWN($C2494/24,0)+1,1)*INDEX($D$3:$AA$30,INDEX(Jesper!$R$2:$R$366,ROW(INDEX(Jesper!AI$2:AI$366,ROUNDDOWN($C2494/24,0)+1,1))-1)+IF('Standard Profiles'!$G$19=$B$10,7,0)+IF('Standard Profiles'!$G$19=$B$17,14,0)+IF('Standard Profiles'!$G$19=$B$24,21,0),MOD($C2494,24)+1)/SUM(INDEX($D$3:$AA$30,INDEX(Jesper!$R$2:$R$366,ROW(INDEX(Jesper!AI$2:AI$366,ROUNDDOWN($C2494/24,0)+1,1))-1)+IF('Standard Profiles'!$G$19=$B$10,7,0)+IF('Standard Profiles'!$G$19=$B$17,14,0)+IF('Standard Profiles'!$G$19=$B$24,21,0),0)),0)</f>
        <v>28.7216241121242</v>
      </c>
      <c r="F2494" cm="1">
        <f t="array" ref="F2494">IFERROR(INDEX(Jesper!AJ$2:AJ$366,ROUNDDOWN($C2494/24,0)+1,1)*INDEX($D$3:$AA$30,INDEX(Jesper!$R$2:$R$366,ROW(INDEX(Jesper!AJ$2:AJ$366,ROUNDDOWN($C2494/24,0)+1,1))-1)+IF('Standard Profiles'!$G$20=$B$10,7,0)+IF('Standard Profiles'!$G$20=$B$17,14,0)+IF('Standard Profiles'!$G$20=$B$24,21,0),MOD($C2494,24)+1)/SUM(INDEX($D$3:$AA$30,INDEX(Jesper!$R$2:$R$366,ROW(INDEX(Jesper!AJ$2:AJ$366,ROUNDDOWN($C2494/24,0)+1,1))-1)+IF('Standard Profiles'!$G$20=$B$10,7,0)+IF('Standard Profiles'!$G$20=$B$17,14,0)+IF('Standard Profiles'!$G$20=$B$24,21,0),0)),0)</f>
        <v>0</v>
      </c>
      <c r="G2494" cm="1">
        <f t="array" ref="G2494">IFERROR(INDEX(Jesper!AK$2:AK$366,ROUNDDOWN($C2494/24,0)+1,1)*INDEX($D$3:$AA$30,INDEX(Jesper!$R$2:$R$366,ROW(INDEX(Jesper!AK$2:AK$366,ROUNDDOWN($C2494/24,0)+1,1))-1)+IF('Standard Profiles'!$G$21=$B$10,7,0)+IF('Standard Profiles'!$G$21=$B$17,14,0)+IF('Standard Profiles'!$G$21=$B$24,21,0),MOD($C2494,24)+1)/SUM(INDEX($D$3:$AA$30,INDEX(Jesper!$R$2:$R$366,ROW(INDEX(Jesper!AK$2:AK$366,ROUNDDOWN($C2494/24,0)+1,1))-1)+IF('Standard Profiles'!$G$21=$B$10,7,0)+IF('Standard Profiles'!$G$21=$B$17,14,0)+IF('Standard Profiles'!$G$21=$B$24,21,0),0)),0)</f>
        <v>10.853427173837076</v>
      </c>
      <c r="H2494" cm="1">
        <f t="array" ref="H2494">IFERROR(INDEX(Jesper!AL$2:AL$366,ROUNDDOWN($C2494/24,0)+1,1)*INDEX($D$3:$AA$30,INDEX(Jesper!$R$2:$R$366,ROW(INDEX(Jesper!AL$2:AL$366,ROUNDDOWN($C2494/24,0)+1,1))-1)+IF('Standard Profiles'!$G$22=$B$10,7,0)+IF('Standard Profiles'!$G$22=$B$17,14,0)+IF('Standard Profiles'!$G$22=$B$24,21,0),MOD($C2494,24)+1)/SUM(INDEX($D$3:$AA$30,INDEX(Jesper!$R$2:$R$366,ROW(INDEX(Jesper!AL$2:AL$366,ROUNDDOWN($C2494/24,0)+1,1))-1)+IF('Standard Profiles'!$G$22=$B$10,7,0)+IF('Standard Profiles'!$G$22=$B$17,14,0)+IF('Standard Profiles'!$G$22=$B$24,21,0),0)),0)</f>
        <v>0</v>
      </c>
      <c r="I2494">
        <f t="shared" si="286"/>
        <v>5.2096450434417942</v>
      </c>
      <c r="J2494">
        <f t="shared" si="287"/>
        <v>63.740354988175127</v>
      </c>
      <c r="K2494">
        <f t="shared" si="288"/>
        <v>3.7301522216705592</v>
      </c>
      <c r="L2494">
        <f t="shared" si="289"/>
        <v>1.8650761108352796</v>
      </c>
      <c r="M2494">
        <f t="shared" si="290"/>
        <v>0</v>
      </c>
      <c r="N2494" s="45">
        <f t="shared" si="291"/>
        <v>45029.499999994034</v>
      </c>
    </row>
    <row r="2495" spans="2:14" x14ac:dyDescent="0.25">
      <c r="B2495">
        <f t="shared" si="285"/>
        <v>4</v>
      </c>
      <c r="C2495" s="16">
        <v>2461</v>
      </c>
      <c r="D2495" cm="1">
        <f t="array" ref="D2495">IFERROR(INDEX(Jesper!AH$2:AH$366,ROUNDDOWN($C2495/24,0)+1,1)*INDEX($D$3:$AA$30,INDEX(Jesper!$R$2:$R$366,ROW(INDEX(Jesper!AH$2:AH$366,ROUNDDOWN($C2495/24,0)+1,1))-1)+IF('Standard Profiles'!$G$18=$B$10,7,0)+IF('Standard Profiles'!$G$18=$B$17,14,0)+IF('Standard Profiles'!$G$18=$B$24,21,0),MOD($C2495,24)+1)/SUM(INDEX($D$3:$AA$30,INDEX(Jesper!$R$2:$R$366,ROW(INDEX(Jesper!AH$2:AH$366,ROUNDDOWN($C2495/24,0)+1,1))-1)+IF('Standard Profiles'!$G$18=$B$10,7,0)+IF('Standard Profiles'!$G$18=$B$17,14,0)+IF('Standard Profiles'!$G$18=$B$24,21,0),0)),0)</f>
        <v>23.230189059064418</v>
      </c>
      <c r="E2495" cm="1">
        <f t="array" ref="E2495">IFERROR(INDEX(Jesper!AI$2:AI$366,ROUNDDOWN($C2495/24,0)+1,1)*INDEX($D$3:$AA$30,INDEX(Jesper!$R$2:$R$366,ROW(INDEX(Jesper!AI$2:AI$366,ROUNDDOWN($C2495/24,0)+1,1))-1)+IF('Standard Profiles'!$G$19=$B$10,7,0)+IF('Standard Profiles'!$G$19=$B$17,14,0)+IF('Standard Profiles'!$G$19=$B$24,21,0),MOD($C2495,24)+1)/SUM(INDEX($D$3:$AA$30,INDEX(Jesper!$R$2:$R$366,ROW(INDEX(Jesper!AI$2:AI$366,ROUNDDOWN($C2495/24,0)+1,1))-1)+IF('Standard Profiles'!$G$19=$B$10,7,0)+IF('Standard Profiles'!$G$19=$B$17,14,0)+IF('Standard Profiles'!$G$19=$B$24,21,0),0)),0)</f>
        <v>19.079364588768218</v>
      </c>
      <c r="F2495" cm="1">
        <f t="array" ref="F2495">IFERROR(INDEX(Jesper!AJ$2:AJ$366,ROUNDDOWN($C2495/24,0)+1,1)*INDEX($D$3:$AA$30,INDEX(Jesper!$R$2:$R$366,ROW(INDEX(Jesper!AJ$2:AJ$366,ROUNDDOWN($C2495/24,0)+1,1))-1)+IF('Standard Profiles'!$G$20=$B$10,7,0)+IF('Standard Profiles'!$G$20=$B$17,14,0)+IF('Standard Profiles'!$G$20=$B$24,21,0),MOD($C2495,24)+1)/SUM(INDEX($D$3:$AA$30,INDEX(Jesper!$R$2:$R$366,ROW(INDEX(Jesper!AJ$2:AJ$366,ROUNDDOWN($C2495/24,0)+1,1))-1)+IF('Standard Profiles'!$G$20=$B$10,7,0)+IF('Standard Profiles'!$G$20=$B$17,14,0)+IF('Standard Profiles'!$G$20=$B$24,21,0),0)),0)</f>
        <v>0</v>
      </c>
      <c r="G2495" cm="1">
        <f t="array" ref="G2495">IFERROR(INDEX(Jesper!AK$2:AK$366,ROUNDDOWN($C2495/24,0)+1,1)*INDEX($D$3:$AA$30,INDEX(Jesper!$R$2:$R$366,ROW(INDEX(Jesper!AK$2:AK$366,ROUNDDOWN($C2495/24,0)+1,1))-1)+IF('Standard Profiles'!$G$21=$B$10,7,0)+IF('Standard Profiles'!$G$21=$B$17,14,0)+IF('Standard Profiles'!$G$21=$B$24,21,0),MOD($C2495,24)+1)/SUM(INDEX($D$3:$AA$30,INDEX(Jesper!$R$2:$R$366,ROW(INDEX(Jesper!AK$2:AK$366,ROUNDDOWN($C2495/24,0)+1,1))-1)+IF('Standard Profiles'!$G$21=$B$10,7,0)+IF('Standard Profiles'!$G$21=$B$17,14,0)+IF('Standard Profiles'!$G$21=$B$24,21,0),0)),0)</f>
        <v>7.2097766226203435</v>
      </c>
      <c r="H2495" cm="1">
        <f t="array" ref="H2495">IFERROR(INDEX(Jesper!AL$2:AL$366,ROUNDDOWN($C2495/24,0)+1,1)*INDEX($D$3:$AA$30,INDEX(Jesper!$R$2:$R$366,ROW(INDEX(Jesper!AL$2:AL$366,ROUNDDOWN($C2495/24,0)+1,1))-1)+IF('Standard Profiles'!$G$22=$B$10,7,0)+IF('Standard Profiles'!$G$22=$B$17,14,0)+IF('Standard Profiles'!$G$22=$B$24,21,0),MOD($C2495,24)+1)/SUM(INDEX($D$3:$AA$30,INDEX(Jesper!$R$2:$R$366,ROW(INDEX(Jesper!AL$2:AL$366,ROUNDDOWN($C2495/24,0)+1,1))-1)+IF('Standard Profiles'!$G$22=$B$10,7,0)+IF('Standard Profiles'!$G$22=$B$17,14,0)+IF('Standard Profiles'!$G$22=$B$24,21,0),0)),0)</f>
        <v>0</v>
      </c>
      <c r="I2495">
        <f t="shared" si="286"/>
        <v>3.4606927788577631</v>
      </c>
      <c r="J2495">
        <f t="shared" si="287"/>
        <v>42.34180724214491</v>
      </c>
      <c r="K2495">
        <f t="shared" si="288"/>
        <v>2.4778868329668713</v>
      </c>
      <c r="L2495">
        <f t="shared" si="289"/>
        <v>1.2389434164834356</v>
      </c>
      <c r="M2495">
        <f t="shared" si="290"/>
        <v>0</v>
      </c>
      <c r="N2495" s="45">
        <f t="shared" si="291"/>
        <v>45029.541666660698</v>
      </c>
    </row>
    <row r="2496" spans="2:14" x14ac:dyDescent="0.25">
      <c r="B2496">
        <f t="shared" si="285"/>
        <v>4</v>
      </c>
      <c r="C2496" s="16">
        <v>2462</v>
      </c>
      <c r="D2496" cm="1">
        <f t="array" ref="D2496">IFERROR(INDEX(Jesper!AH$2:AH$366,ROUNDDOWN($C2496/24,0)+1,1)*INDEX($D$3:$AA$30,INDEX(Jesper!$R$2:$R$366,ROW(INDEX(Jesper!AH$2:AH$366,ROUNDDOWN($C2496/24,0)+1,1))-1)+IF('Standard Profiles'!$G$18=$B$10,7,0)+IF('Standard Profiles'!$G$18=$B$17,14,0)+IF('Standard Profiles'!$G$18=$B$24,21,0),MOD($C2496,24)+1)/SUM(INDEX($D$3:$AA$30,INDEX(Jesper!$R$2:$R$366,ROW(INDEX(Jesper!AH$2:AH$366,ROUNDDOWN($C2496/24,0)+1,1))-1)+IF('Standard Profiles'!$G$18=$B$10,7,0)+IF('Standard Profiles'!$G$18=$B$17,14,0)+IF('Standard Profiles'!$G$18=$B$24,21,0),0)),0)</f>
        <v>34.970177078161491</v>
      </c>
      <c r="E2496" cm="1">
        <f t="array" ref="E2496">IFERROR(INDEX(Jesper!AI$2:AI$366,ROUNDDOWN($C2496/24,0)+1,1)*INDEX($D$3:$AA$30,INDEX(Jesper!$R$2:$R$366,ROW(INDEX(Jesper!AI$2:AI$366,ROUNDDOWN($C2496/24,0)+1,1))-1)+IF('Standard Profiles'!$G$19=$B$10,7,0)+IF('Standard Profiles'!$G$19=$B$17,14,0)+IF('Standard Profiles'!$G$19=$B$24,21,0),MOD($C2496,24)+1)/SUM(INDEX($D$3:$AA$30,INDEX(Jesper!$R$2:$R$366,ROW(INDEX(Jesper!AI$2:AI$366,ROUNDDOWN($C2496/24,0)+1,1))-1)+IF('Standard Profiles'!$G$19=$B$10,7,0)+IF('Standard Profiles'!$G$19=$B$17,14,0)+IF('Standard Profiles'!$G$19=$B$24,21,0),0)),0)</f>
        <v>28.7216241121242</v>
      </c>
      <c r="F2496" cm="1">
        <f t="array" ref="F2496">IFERROR(INDEX(Jesper!AJ$2:AJ$366,ROUNDDOWN($C2496/24,0)+1,1)*INDEX($D$3:$AA$30,INDEX(Jesper!$R$2:$R$366,ROW(INDEX(Jesper!AJ$2:AJ$366,ROUNDDOWN($C2496/24,0)+1,1))-1)+IF('Standard Profiles'!$G$20=$B$10,7,0)+IF('Standard Profiles'!$G$20=$B$17,14,0)+IF('Standard Profiles'!$G$20=$B$24,21,0),MOD($C2496,24)+1)/SUM(INDEX($D$3:$AA$30,INDEX(Jesper!$R$2:$R$366,ROW(INDEX(Jesper!AJ$2:AJ$366,ROUNDDOWN($C2496/24,0)+1,1))-1)+IF('Standard Profiles'!$G$20=$B$10,7,0)+IF('Standard Profiles'!$G$20=$B$17,14,0)+IF('Standard Profiles'!$G$20=$B$24,21,0),0)),0)</f>
        <v>0</v>
      </c>
      <c r="G2496" cm="1">
        <f t="array" ref="G2496">IFERROR(INDEX(Jesper!AK$2:AK$366,ROUNDDOWN($C2496/24,0)+1,1)*INDEX($D$3:$AA$30,INDEX(Jesper!$R$2:$R$366,ROW(INDEX(Jesper!AK$2:AK$366,ROUNDDOWN($C2496/24,0)+1,1))-1)+IF('Standard Profiles'!$G$21=$B$10,7,0)+IF('Standard Profiles'!$G$21=$B$17,14,0)+IF('Standard Profiles'!$G$21=$B$24,21,0),MOD($C2496,24)+1)/SUM(INDEX($D$3:$AA$30,INDEX(Jesper!$R$2:$R$366,ROW(INDEX(Jesper!AK$2:AK$366,ROUNDDOWN($C2496/24,0)+1,1))-1)+IF('Standard Profiles'!$G$21=$B$10,7,0)+IF('Standard Profiles'!$G$21=$B$17,14,0)+IF('Standard Profiles'!$G$21=$B$24,21,0),0)),0)</f>
        <v>10.853427173837076</v>
      </c>
      <c r="H2496" cm="1">
        <f t="array" ref="H2496">IFERROR(INDEX(Jesper!AL$2:AL$366,ROUNDDOWN($C2496/24,0)+1,1)*INDEX($D$3:$AA$30,INDEX(Jesper!$R$2:$R$366,ROW(INDEX(Jesper!AL$2:AL$366,ROUNDDOWN($C2496/24,0)+1,1))-1)+IF('Standard Profiles'!$G$22=$B$10,7,0)+IF('Standard Profiles'!$G$22=$B$17,14,0)+IF('Standard Profiles'!$G$22=$B$24,21,0),MOD($C2496,24)+1)/SUM(INDEX($D$3:$AA$30,INDEX(Jesper!$R$2:$R$366,ROW(INDEX(Jesper!AL$2:AL$366,ROUNDDOWN($C2496/24,0)+1,1))-1)+IF('Standard Profiles'!$G$22=$B$10,7,0)+IF('Standard Profiles'!$G$22=$B$17,14,0)+IF('Standard Profiles'!$G$22=$B$24,21,0),0)),0)</f>
        <v>0</v>
      </c>
      <c r="I2496">
        <f t="shared" si="286"/>
        <v>5.2096450434417942</v>
      </c>
      <c r="J2496">
        <f t="shared" si="287"/>
        <v>63.740354988175127</v>
      </c>
      <c r="K2496">
        <f t="shared" si="288"/>
        <v>3.7301522216705592</v>
      </c>
      <c r="L2496">
        <f t="shared" si="289"/>
        <v>1.8650761108352796</v>
      </c>
      <c r="M2496">
        <f t="shared" si="290"/>
        <v>0</v>
      </c>
      <c r="N2496" s="45">
        <f t="shared" si="291"/>
        <v>45029.583333327362</v>
      </c>
    </row>
    <row r="2497" spans="2:14" x14ac:dyDescent="0.25">
      <c r="B2497">
        <f t="shared" si="285"/>
        <v>4</v>
      </c>
      <c r="C2497" s="16">
        <v>2463</v>
      </c>
      <c r="D2497" cm="1">
        <f t="array" ref="D2497">IFERROR(INDEX(Jesper!AH$2:AH$366,ROUNDDOWN($C2497/24,0)+1,1)*INDEX($D$3:$AA$30,INDEX(Jesper!$R$2:$R$366,ROW(INDEX(Jesper!AH$2:AH$366,ROUNDDOWN($C2497/24,0)+1,1))-1)+IF('Standard Profiles'!$G$18=$B$10,7,0)+IF('Standard Profiles'!$G$18=$B$17,14,0)+IF('Standard Profiles'!$G$18=$B$24,21,0),MOD($C2497,24)+1)/SUM(INDEX($D$3:$AA$30,INDEX(Jesper!$R$2:$R$366,ROW(INDEX(Jesper!AH$2:AH$366,ROUNDDOWN($C2497/24,0)+1,1))-1)+IF('Standard Profiles'!$G$18=$B$10,7,0)+IF('Standard Profiles'!$G$18=$B$17,14,0)+IF('Standard Profiles'!$G$18=$B$24,21,0),0)),0)</f>
        <v>34.970177078161491</v>
      </c>
      <c r="E2497" cm="1">
        <f t="array" ref="E2497">IFERROR(INDEX(Jesper!AI$2:AI$366,ROUNDDOWN($C2497/24,0)+1,1)*INDEX($D$3:$AA$30,INDEX(Jesper!$R$2:$R$366,ROW(INDEX(Jesper!AI$2:AI$366,ROUNDDOWN($C2497/24,0)+1,1))-1)+IF('Standard Profiles'!$G$19=$B$10,7,0)+IF('Standard Profiles'!$G$19=$B$17,14,0)+IF('Standard Profiles'!$G$19=$B$24,21,0),MOD($C2497,24)+1)/SUM(INDEX($D$3:$AA$30,INDEX(Jesper!$R$2:$R$366,ROW(INDEX(Jesper!AI$2:AI$366,ROUNDDOWN($C2497/24,0)+1,1))-1)+IF('Standard Profiles'!$G$19=$B$10,7,0)+IF('Standard Profiles'!$G$19=$B$17,14,0)+IF('Standard Profiles'!$G$19=$B$24,21,0),0)),0)</f>
        <v>28.7216241121242</v>
      </c>
      <c r="F2497" cm="1">
        <f t="array" ref="F2497">IFERROR(INDEX(Jesper!AJ$2:AJ$366,ROUNDDOWN($C2497/24,0)+1,1)*INDEX($D$3:$AA$30,INDEX(Jesper!$R$2:$R$366,ROW(INDEX(Jesper!AJ$2:AJ$366,ROUNDDOWN($C2497/24,0)+1,1))-1)+IF('Standard Profiles'!$G$20=$B$10,7,0)+IF('Standard Profiles'!$G$20=$B$17,14,0)+IF('Standard Profiles'!$G$20=$B$24,21,0),MOD($C2497,24)+1)/SUM(INDEX($D$3:$AA$30,INDEX(Jesper!$R$2:$R$366,ROW(INDEX(Jesper!AJ$2:AJ$366,ROUNDDOWN($C2497/24,0)+1,1))-1)+IF('Standard Profiles'!$G$20=$B$10,7,0)+IF('Standard Profiles'!$G$20=$B$17,14,0)+IF('Standard Profiles'!$G$20=$B$24,21,0),0)),0)</f>
        <v>0</v>
      </c>
      <c r="G2497" cm="1">
        <f t="array" ref="G2497">IFERROR(INDEX(Jesper!AK$2:AK$366,ROUNDDOWN($C2497/24,0)+1,1)*INDEX($D$3:$AA$30,INDEX(Jesper!$R$2:$R$366,ROW(INDEX(Jesper!AK$2:AK$366,ROUNDDOWN($C2497/24,0)+1,1))-1)+IF('Standard Profiles'!$G$21=$B$10,7,0)+IF('Standard Profiles'!$G$21=$B$17,14,0)+IF('Standard Profiles'!$G$21=$B$24,21,0),MOD($C2497,24)+1)/SUM(INDEX($D$3:$AA$30,INDEX(Jesper!$R$2:$R$366,ROW(INDEX(Jesper!AK$2:AK$366,ROUNDDOWN($C2497/24,0)+1,1))-1)+IF('Standard Profiles'!$G$21=$B$10,7,0)+IF('Standard Profiles'!$G$21=$B$17,14,0)+IF('Standard Profiles'!$G$21=$B$24,21,0),0)),0)</f>
        <v>10.853427173837076</v>
      </c>
      <c r="H2497" cm="1">
        <f t="array" ref="H2497">IFERROR(INDEX(Jesper!AL$2:AL$366,ROUNDDOWN($C2497/24,0)+1,1)*INDEX($D$3:$AA$30,INDEX(Jesper!$R$2:$R$366,ROW(INDEX(Jesper!AL$2:AL$366,ROUNDDOWN($C2497/24,0)+1,1))-1)+IF('Standard Profiles'!$G$22=$B$10,7,0)+IF('Standard Profiles'!$G$22=$B$17,14,0)+IF('Standard Profiles'!$G$22=$B$24,21,0),MOD($C2497,24)+1)/SUM(INDEX($D$3:$AA$30,INDEX(Jesper!$R$2:$R$366,ROW(INDEX(Jesper!AL$2:AL$366,ROUNDDOWN($C2497/24,0)+1,1))-1)+IF('Standard Profiles'!$G$22=$B$10,7,0)+IF('Standard Profiles'!$G$22=$B$17,14,0)+IF('Standard Profiles'!$G$22=$B$24,21,0),0)),0)</f>
        <v>0</v>
      </c>
      <c r="I2497">
        <f t="shared" si="286"/>
        <v>5.2096450434417942</v>
      </c>
      <c r="J2497">
        <f t="shared" si="287"/>
        <v>63.740354988175127</v>
      </c>
      <c r="K2497">
        <f t="shared" si="288"/>
        <v>3.7301522216705592</v>
      </c>
      <c r="L2497">
        <f t="shared" si="289"/>
        <v>1.8650761108352796</v>
      </c>
      <c r="M2497">
        <f t="shared" si="290"/>
        <v>0</v>
      </c>
      <c r="N2497" s="45">
        <f t="shared" si="291"/>
        <v>45029.624999994026</v>
      </c>
    </row>
    <row r="2498" spans="2:14" x14ac:dyDescent="0.25">
      <c r="B2498">
        <f t="shared" si="285"/>
        <v>4</v>
      </c>
      <c r="C2498" s="16">
        <v>2464</v>
      </c>
      <c r="D2498" cm="1">
        <f t="array" ref="D2498">IFERROR(INDEX(Jesper!AH$2:AH$366,ROUNDDOWN($C2498/24,0)+1,1)*INDEX($D$3:$AA$30,INDEX(Jesper!$R$2:$R$366,ROW(INDEX(Jesper!AH$2:AH$366,ROUNDDOWN($C2498/24,0)+1,1))-1)+IF('Standard Profiles'!$G$18=$B$10,7,0)+IF('Standard Profiles'!$G$18=$B$17,14,0)+IF('Standard Profiles'!$G$18=$B$24,21,0),MOD($C2498,24)+1)/SUM(INDEX($D$3:$AA$30,INDEX(Jesper!$R$2:$R$366,ROW(INDEX(Jesper!AH$2:AH$366,ROUNDDOWN($C2498/24,0)+1,1))-1)+IF('Standard Profiles'!$G$18=$B$10,7,0)+IF('Standard Profiles'!$G$18=$B$17,14,0)+IF('Standard Profiles'!$G$18=$B$24,21,0),0)),0)</f>
        <v>20.607425778202309</v>
      </c>
      <c r="E2498" cm="1">
        <f t="array" ref="E2498">IFERROR(INDEX(Jesper!AI$2:AI$366,ROUNDDOWN($C2498/24,0)+1,1)*INDEX($D$3:$AA$30,INDEX(Jesper!$R$2:$R$366,ROW(INDEX(Jesper!AI$2:AI$366,ROUNDDOWN($C2498/24,0)+1,1))-1)+IF('Standard Profiles'!$G$19=$B$10,7,0)+IF('Standard Profiles'!$G$19=$B$17,14,0)+IF('Standard Profiles'!$G$19=$B$24,21,0),MOD($C2498,24)+1)/SUM(INDEX($D$3:$AA$30,INDEX(Jesper!$R$2:$R$366,ROW(INDEX(Jesper!AI$2:AI$366,ROUNDDOWN($C2498/24,0)+1,1))-1)+IF('Standard Profiles'!$G$19=$B$10,7,0)+IF('Standard Profiles'!$G$19=$B$17,14,0)+IF('Standard Profiles'!$G$19=$B$24,21,0),0)),0)</f>
        <v>16.925242780358904</v>
      </c>
      <c r="F2498" cm="1">
        <f t="array" ref="F2498">IFERROR(INDEX(Jesper!AJ$2:AJ$366,ROUNDDOWN($C2498/24,0)+1,1)*INDEX($D$3:$AA$30,INDEX(Jesper!$R$2:$R$366,ROW(INDEX(Jesper!AJ$2:AJ$366,ROUNDDOWN($C2498/24,0)+1,1))-1)+IF('Standard Profiles'!$G$20=$B$10,7,0)+IF('Standard Profiles'!$G$20=$B$17,14,0)+IF('Standard Profiles'!$G$20=$B$24,21,0),MOD($C2498,24)+1)/SUM(INDEX($D$3:$AA$30,INDEX(Jesper!$R$2:$R$366,ROW(INDEX(Jesper!AJ$2:AJ$366,ROUNDDOWN($C2498/24,0)+1,1))-1)+IF('Standard Profiles'!$G$20=$B$10,7,0)+IF('Standard Profiles'!$G$20=$B$17,14,0)+IF('Standard Profiles'!$G$20=$B$24,21,0),0)),0)</f>
        <v>0</v>
      </c>
      <c r="G2498" cm="1">
        <f t="array" ref="G2498">IFERROR(INDEX(Jesper!AK$2:AK$366,ROUNDDOWN($C2498/24,0)+1,1)*INDEX($D$3:$AA$30,INDEX(Jesper!$R$2:$R$366,ROW(INDEX(Jesper!AK$2:AK$366,ROUNDDOWN($C2498/24,0)+1,1))-1)+IF('Standard Profiles'!$G$21=$B$10,7,0)+IF('Standard Profiles'!$G$21=$B$17,14,0)+IF('Standard Profiles'!$G$21=$B$24,21,0),MOD($C2498,24)+1)/SUM(INDEX($D$3:$AA$30,INDEX(Jesper!$R$2:$R$366,ROW(INDEX(Jesper!AK$2:AK$366,ROUNDDOWN($C2498/24,0)+1,1))-1)+IF('Standard Profiles'!$G$21=$B$10,7,0)+IF('Standard Profiles'!$G$21=$B$17,14,0)+IF('Standard Profiles'!$G$21=$B$24,21,0),0)),0)</f>
        <v>9.0690275091729777</v>
      </c>
      <c r="H2498" cm="1">
        <f t="array" ref="H2498">IFERROR(INDEX(Jesper!AL$2:AL$366,ROUNDDOWN($C2498/24,0)+1,1)*INDEX($D$3:$AA$30,INDEX(Jesper!$R$2:$R$366,ROW(INDEX(Jesper!AL$2:AL$366,ROUNDDOWN($C2498/24,0)+1,1))-1)+IF('Standard Profiles'!$G$22=$B$10,7,0)+IF('Standard Profiles'!$G$22=$B$17,14,0)+IF('Standard Profiles'!$G$22=$B$24,21,0),MOD($C2498,24)+1)/SUM(INDEX($D$3:$AA$30,INDEX(Jesper!$R$2:$R$366,ROW(INDEX(Jesper!AL$2:AL$366,ROUNDDOWN($C2498/24,0)+1,1))-1)+IF('Standard Profiles'!$G$22=$B$10,7,0)+IF('Standard Profiles'!$G$22=$B$17,14,0)+IF('Standard Profiles'!$G$22=$B$24,21,0),0)),0)</f>
        <v>0</v>
      </c>
      <c r="I2498">
        <f t="shared" si="286"/>
        <v>4.3531332044030275</v>
      </c>
      <c r="J2498">
        <f t="shared" si="287"/>
        <v>38.951374738818785</v>
      </c>
      <c r="K2498">
        <f t="shared" si="288"/>
        <v>2.1981254163415795</v>
      </c>
      <c r="L2498">
        <f t="shared" si="289"/>
        <v>1.0990627081707898</v>
      </c>
      <c r="M2498">
        <f t="shared" si="290"/>
        <v>0</v>
      </c>
      <c r="N2498" s="45">
        <f t="shared" si="291"/>
        <v>45029.666666660691</v>
      </c>
    </row>
    <row r="2499" spans="2:14" x14ac:dyDescent="0.25">
      <c r="B2499">
        <f t="shared" si="285"/>
        <v>4</v>
      </c>
      <c r="C2499" s="16">
        <v>2465</v>
      </c>
      <c r="D2499" cm="1">
        <f t="array" ref="D2499">IFERROR(INDEX(Jesper!AH$2:AH$366,ROUNDDOWN($C2499/24,0)+1,1)*INDEX($D$3:$AA$30,INDEX(Jesper!$R$2:$R$366,ROW(INDEX(Jesper!AH$2:AH$366,ROUNDDOWN($C2499/24,0)+1,1))-1)+IF('Standard Profiles'!$G$18=$B$10,7,0)+IF('Standard Profiles'!$G$18=$B$17,14,0)+IF('Standard Profiles'!$G$18=$B$24,21,0),MOD($C2499,24)+1)/SUM(INDEX($D$3:$AA$30,INDEX(Jesper!$R$2:$R$366,ROW(INDEX(Jesper!AH$2:AH$366,ROUNDDOWN($C2499/24,0)+1,1))-1)+IF('Standard Profiles'!$G$18=$B$10,7,0)+IF('Standard Profiles'!$G$18=$B$17,14,0)+IF('Standard Profiles'!$G$18=$B$24,21,0),0)),0)</f>
        <v>8.7953161665396102</v>
      </c>
      <c r="E2499" cm="1">
        <f t="array" ref="E2499">IFERROR(INDEX(Jesper!AI$2:AI$366,ROUNDDOWN($C2499/24,0)+1,1)*INDEX($D$3:$AA$30,INDEX(Jesper!$R$2:$R$366,ROW(INDEX(Jesper!AI$2:AI$366,ROUNDDOWN($C2499/24,0)+1,1))-1)+IF('Standard Profiles'!$G$19=$B$10,7,0)+IF('Standard Profiles'!$G$19=$B$17,14,0)+IF('Standard Profiles'!$G$19=$B$24,21,0),MOD($C2499,24)+1)/SUM(INDEX($D$3:$AA$30,INDEX(Jesper!$R$2:$R$366,ROW(INDEX(Jesper!AI$2:AI$366,ROUNDDOWN($C2499/24,0)+1,1))-1)+IF('Standard Profiles'!$G$19=$B$10,7,0)+IF('Standard Profiles'!$G$19=$B$17,14,0)+IF('Standard Profiles'!$G$19=$B$24,21,0),0)),0)</f>
        <v>7.2237485191459259</v>
      </c>
      <c r="F2499" cm="1">
        <f t="array" ref="F2499">IFERROR(INDEX(Jesper!AJ$2:AJ$366,ROUNDDOWN($C2499/24,0)+1,1)*INDEX($D$3:$AA$30,INDEX(Jesper!$R$2:$R$366,ROW(INDEX(Jesper!AJ$2:AJ$366,ROUNDDOWN($C2499/24,0)+1,1))-1)+IF('Standard Profiles'!$G$20=$B$10,7,0)+IF('Standard Profiles'!$G$20=$B$17,14,0)+IF('Standard Profiles'!$G$20=$B$24,21,0),MOD($C2499,24)+1)/SUM(INDEX($D$3:$AA$30,INDEX(Jesper!$R$2:$R$366,ROW(INDEX(Jesper!AJ$2:AJ$366,ROUNDDOWN($C2499/24,0)+1,1))-1)+IF('Standard Profiles'!$G$20=$B$10,7,0)+IF('Standard Profiles'!$G$20=$B$17,14,0)+IF('Standard Profiles'!$G$20=$B$24,21,0),0)),0)</f>
        <v>0</v>
      </c>
      <c r="G2499" cm="1">
        <f t="array" ref="G2499">IFERROR(INDEX(Jesper!AK$2:AK$366,ROUNDDOWN($C2499/24,0)+1,1)*INDEX($D$3:$AA$30,INDEX(Jesper!$R$2:$R$366,ROW(INDEX(Jesper!AK$2:AK$366,ROUNDDOWN($C2499/24,0)+1,1))-1)+IF('Standard Profiles'!$G$21=$B$10,7,0)+IF('Standard Profiles'!$G$21=$B$17,14,0)+IF('Standard Profiles'!$G$21=$B$24,21,0),MOD($C2499,24)+1)/SUM(INDEX($D$3:$AA$30,INDEX(Jesper!$R$2:$R$366,ROW(INDEX(Jesper!AK$2:AK$366,ROUNDDOWN($C2499/24,0)+1,1))-1)+IF('Standard Profiles'!$G$21=$B$10,7,0)+IF('Standard Profiles'!$G$21=$B$17,14,0)+IF('Standard Profiles'!$G$21=$B$24,21,0),0)),0)</f>
        <v>7.2111132515826393</v>
      </c>
      <c r="H2499" cm="1">
        <f t="array" ref="H2499">IFERROR(INDEX(Jesper!AL$2:AL$366,ROUNDDOWN($C2499/24,0)+1,1)*INDEX($D$3:$AA$30,INDEX(Jesper!$R$2:$R$366,ROW(INDEX(Jesper!AL$2:AL$366,ROUNDDOWN($C2499/24,0)+1,1))-1)+IF('Standard Profiles'!$G$22=$B$10,7,0)+IF('Standard Profiles'!$G$22=$B$17,14,0)+IF('Standard Profiles'!$G$22=$B$24,21,0),MOD($C2499,24)+1)/SUM(INDEX($D$3:$AA$30,INDEX(Jesper!$R$2:$R$366,ROW(INDEX(Jesper!AL$2:AL$366,ROUNDDOWN($C2499/24,0)+1,1))-1)+IF('Standard Profiles'!$G$22=$B$10,7,0)+IF('Standard Profiles'!$G$22=$B$17,14,0)+IF('Standard Profiles'!$G$22=$B$24,21,0),0)),0)</f>
        <v>0</v>
      </c>
      <c r="I2499">
        <f t="shared" si="286"/>
        <v>3.4613343607596652</v>
      </c>
      <c r="J2499">
        <f t="shared" si="287"/>
        <v>18.361592989862171</v>
      </c>
      <c r="K2499">
        <f t="shared" si="288"/>
        <v>0.93816705776422515</v>
      </c>
      <c r="L2499">
        <f t="shared" si="289"/>
        <v>0.46908352888211258</v>
      </c>
      <c r="M2499">
        <f t="shared" si="290"/>
        <v>0</v>
      </c>
      <c r="N2499" s="45">
        <f t="shared" si="291"/>
        <v>45029.708333327355</v>
      </c>
    </row>
    <row r="2500" spans="2:14" x14ac:dyDescent="0.25">
      <c r="B2500">
        <f t="shared" si="285"/>
        <v>4</v>
      </c>
      <c r="C2500" s="16">
        <v>2466</v>
      </c>
      <c r="D2500" cm="1">
        <f t="array" ref="D2500">IFERROR(INDEX(Jesper!AH$2:AH$366,ROUNDDOWN($C2500/24,0)+1,1)*INDEX($D$3:$AA$30,INDEX(Jesper!$R$2:$R$366,ROW(INDEX(Jesper!AH$2:AH$366,ROUNDDOWN($C2500/24,0)+1,1))-1)+IF('Standard Profiles'!$G$18=$B$10,7,0)+IF('Standard Profiles'!$G$18=$B$17,14,0)+IF('Standard Profiles'!$G$18=$B$24,21,0),MOD($C2500,24)+1)/SUM(INDEX($D$3:$AA$30,INDEX(Jesper!$R$2:$R$366,ROW(INDEX(Jesper!AH$2:AH$366,ROUNDDOWN($C2500/24,0)+1,1))-1)+IF('Standard Profiles'!$G$18=$B$10,7,0)+IF('Standard Profiles'!$G$18=$B$17,14,0)+IF('Standard Profiles'!$G$18=$B$24,21,0),0)),0)</f>
        <v>5.8049086699161432</v>
      </c>
      <c r="E2500" cm="1">
        <f t="array" ref="E2500">IFERROR(INDEX(Jesper!AI$2:AI$366,ROUNDDOWN($C2500/24,0)+1,1)*INDEX($D$3:$AA$30,INDEX(Jesper!$R$2:$R$366,ROW(INDEX(Jesper!AI$2:AI$366,ROUNDDOWN($C2500/24,0)+1,1))-1)+IF('Standard Profiles'!$G$19=$B$10,7,0)+IF('Standard Profiles'!$G$19=$B$17,14,0)+IF('Standard Profiles'!$G$19=$B$24,21,0),MOD($C2500,24)+1)/SUM(INDEX($D$3:$AA$30,INDEX(Jesper!$R$2:$R$366,ROW(INDEX(Jesper!AI$2:AI$366,ROUNDDOWN($C2500/24,0)+1,1))-1)+IF('Standard Profiles'!$G$19=$B$10,7,0)+IF('Standard Profiles'!$G$19=$B$17,14,0)+IF('Standard Profiles'!$G$19=$B$24,21,0),0)),0)</f>
        <v>4.7676740226363101</v>
      </c>
      <c r="F2500" cm="1">
        <f t="array" ref="F2500">IFERROR(INDEX(Jesper!AJ$2:AJ$366,ROUNDDOWN($C2500/24,0)+1,1)*INDEX($D$3:$AA$30,INDEX(Jesper!$R$2:$R$366,ROW(INDEX(Jesper!AJ$2:AJ$366,ROUNDDOWN($C2500/24,0)+1,1))-1)+IF('Standard Profiles'!$G$20=$B$10,7,0)+IF('Standard Profiles'!$G$20=$B$17,14,0)+IF('Standard Profiles'!$G$20=$B$24,21,0),MOD($C2500,24)+1)/SUM(INDEX($D$3:$AA$30,INDEX(Jesper!$R$2:$R$366,ROW(INDEX(Jesper!AJ$2:AJ$366,ROUNDDOWN($C2500/24,0)+1,1))-1)+IF('Standard Profiles'!$G$20=$B$10,7,0)+IF('Standard Profiles'!$G$20=$B$17,14,0)+IF('Standard Profiles'!$G$20=$B$24,21,0),0)),0)</f>
        <v>0</v>
      </c>
      <c r="G2500" cm="1">
        <f t="array" ref="G2500">IFERROR(INDEX(Jesper!AK$2:AK$366,ROUNDDOWN($C2500/24,0)+1,1)*INDEX($D$3:$AA$30,INDEX(Jesper!$R$2:$R$366,ROW(INDEX(Jesper!AK$2:AK$366,ROUNDDOWN($C2500/24,0)+1,1))-1)+IF('Standard Profiles'!$G$21=$B$10,7,0)+IF('Standard Profiles'!$G$21=$B$17,14,0)+IF('Standard Profiles'!$G$21=$B$24,21,0),MOD($C2500,24)+1)/SUM(INDEX($D$3:$AA$30,INDEX(Jesper!$R$2:$R$366,ROW(INDEX(Jesper!AK$2:AK$366,ROUNDDOWN($C2500/24,0)+1,1))-1)+IF('Standard Profiles'!$G$21=$B$10,7,0)+IF('Standard Profiles'!$G$21=$B$17,14,0)+IF('Standard Profiles'!$G$21=$B$24,21,0),0)),0)</f>
        <v>2.6732579245904136</v>
      </c>
      <c r="H2500" cm="1">
        <f t="array" ref="H2500">IFERROR(INDEX(Jesper!AL$2:AL$366,ROUNDDOWN($C2500/24,0)+1,1)*INDEX($D$3:$AA$30,INDEX(Jesper!$R$2:$R$366,ROW(INDEX(Jesper!AL$2:AL$366,ROUNDDOWN($C2500/24,0)+1,1))-1)+IF('Standard Profiles'!$G$22=$B$10,7,0)+IF('Standard Profiles'!$G$22=$B$17,14,0)+IF('Standard Profiles'!$G$22=$B$24,21,0),MOD($C2500,24)+1)/SUM(INDEX($D$3:$AA$30,INDEX(Jesper!$R$2:$R$366,ROW(INDEX(Jesper!AL$2:AL$366,ROUNDDOWN($C2500/24,0)+1,1))-1)+IF('Standard Profiles'!$G$22=$B$10,7,0)+IF('Standard Profiles'!$G$22=$B$17,14,0)+IF('Standard Profiles'!$G$22=$B$24,21,0),0)),0)</f>
        <v>0</v>
      </c>
      <c r="I2500">
        <f t="shared" si="286"/>
        <v>1.2831638038033979</v>
      </c>
      <c r="J2500">
        <f t="shared" si="287"/>
        <v>11.033891426152886</v>
      </c>
      <c r="K2500">
        <f t="shared" si="288"/>
        <v>0.61919025812438866</v>
      </c>
      <c r="L2500">
        <f t="shared" si="289"/>
        <v>0.30959512906219433</v>
      </c>
      <c r="M2500">
        <f t="shared" si="290"/>
        <v>0</v>
      </c>
      <c r="N2500" s="45">
        <f t="shared" si="291"/>
        <v>45029.749999994019</v>
      </c>
    </row>
    <row r="2501" spans="2:14" x14ac:dyDescent="0.25">
      <c r="B2501">
        <f t="shared" si="285"/>
        <v>4</v>
      </c>
      <c r="C2501" s="16">
        <v>2467</v>
      </c>
      <c r="D2501" cm="1">
        <f t="array" ref="D2501">IFERROR(INDEX(Jesper!AH$2:AH$366,ROUNDDOWN($C2501/24,0)+1,1)*INDEX($D$3:$AA$30,INDEX(Jesper!$R$2:$R$366,ROW(INDEX(Jesper!AH$2:AH$366,ROUNDDOWN($C2501/24,0)+1,1))-1)+IF('Standard Profiles'!$G$18=$B$10,7,0)+IF('Standard Profiles'!$G$18=$B$17,14,0)+IF('Standard Profiles'!$G$18=$B$24,21,0),MOD($C2501,24)+1)/SUM(INDEX($D$3:$AA$30,INDEX(Jesper!$R$2:$R$366,ROW(INDEX(Jesper!AH$2:AH$366,ROUNDDOWN($C2501/24,0)+1,1))-1)+IF('Standard Profiles'!$G$18=$B$10,7,0)+IF('Standard Profiles'!$G$18=$B$17,14,0)+IF('Standard Profiles'!$G$18=$B$24,21,0),0)),0)</f>
        <v>5.8049086699161432</v>
      </c>
      <c r="E2501" cm="1">
        <f t="array" ref="E2501">IFERROR(INDEX(Jesper!AI$2:AI$366,ROUNDDOWN($C2501/24,0)+1,1)*INDEX($D$3:$AA$30,INDEX(Jesper!$R$2:$R$366,ROW(INDEX(Jesper!AI$2:AI$366,ROUNDDOWN($C2501/24,0)+1,1))-1)+IF('Standard Profiles'!$G$19=$B$10,7,0)+IF('Standard Profiles'!$G$19=$B$17,14,0)+IF('Standard Profiles'!$G$19=$B$24,21,0),MOD($C2501,24)+1)/SUM(INDEX($D$3:$AA$30,INDEX(Jesper!$R$2:$R$366,ROW(INDEX(Jesper!AI$2:AI$366,ROUNDDOWN($C2501/24,0)+1,1))-1)+IF('Standard Profiles'!$G$19=$B$10,7,0)+IF('Standard Profiles'!$G$19=$B$17,14,0)+IF('Standard Profiles'!$G$19=$B$24,21,0),0)),0)</f>
        <v>4.7676740226363101</v>
      </c>
      <c r="F2501" cm="1">
        <f t="array" ref="F2501">IFERROR(INDEX(Jesper!AJ$2:AJ$366,ROUNDDOWN($C2501/24,0)+1,1)*INDEX($D$3:$AA$30,INDEX(Jesper!$R$2:$R$366,ROW(INDEX(Jesper!AJ$2:AJ$366,ROUNDDOWN($C2501/24,0)+1,1))-1)+IF('Standard Profiles'!$G$20=$B$10,7,0)+IF('Standard Profiles'!$G$20=$B$17,14,0)+IF('Standard Profiles'!$G$20=$B$24,21,0),MOD($C2501,24)+1)/SUM(INDEX($D$3:$AA$30,INDEX(Jesper!$R$2:$R$366,ROW(INDEX(Jesper!AJ$2:AJ$366,ROUNDDOWN($C2501/24,0)+1,1))-1)+IF('Standard Profiles'!$G$20=$B$10,7,0)+IF('Standard Profiles'!$G$20=$B$17,14,0)+IF('Standard Profiles'!$G$20=$B$24,21,0),0)),0)</f>
        <v>0</v>
      </c>
      <c r="G2501" cm="1">
        <f t="array" ref="G2501">IFERROR(INDEX(Jesper!AK$2:AK$366,ROUNDDOWN($C2501/24,0)+1,1)*INDEX($D$3:$AA$30,INDEX(Jesper!$R$2:$R$366,ROW(INDEX(Jesper!AK$2:AK$366,ROUNDDOWN($C2501/24,0)+1,1))-1)+IF('Standard Profiles'!$G$21=$B$10,7,0)+IF('Standard Profiles'!$G$21=$B$17,14,0)+IF('Standard Profiles'!$G$21=$B$24,21,0),MOD($C2501,24)+1)/SUM(INDEX($D$3:$AA$30,INDEX(Jesper!$R$2:$R$366,ROW(INDEX(Jesper!AK$2:AK$366,ROUNDDOWN($C2501/24,0)+1,1))-1)+IF('Standard Profiles'!$G$21=$B$10,7,0)+IF('Standard Profiles'!$G$21=$B$17,14,0)+IF('Standard Profiles'!$G$21=$B$24,21,0),0)),0)</f>
        <v>2.6732579245904136</v>
      </c>
      <c r="H2501" cm="1">
        <f t="array" ref="H2501">IFERROR(INDEX(Jesper!AL$2:AL$366,ROUNDDOWN($C2501/24,0)+1,1)*INDEX($D$3:$AA$30,INDEX(Jesper!$R$2:$R$366,ROW(INDEX(Jesper!AL$2:AL$366,ROUNDDOWN($C2501/24,0)+1,1))-1)+IF('Standard Profiles'!$G$22=$B$10,7,0)+IF('Standard Profiles'!$G$22=$B$17,14,0)+IF('Standard Profiles'!$G$22=$B$24,21,0),MOD($C2501,24)+1)/SUM(INDEX($D$3:$AA$30,INDEX(Jesper!$R$2:$R$366,ROW(INDEX(Jesper!AL$2:AL$366,ROUNDDOWN($C2501/24,0)+1,1))-1)+IF('Standard Profiles'!$G$22=$B$10,7,0)+IF('Standard Profiles'!$G$22=$B$17,14,0)+IF('Standard Profiles'!$G$22=$B$24,21,0),0)),0)</f>
        <v>0</v>
      </c>
      <c r="I2501">
        <f t="shared" si="286"/>
        <v>1.2831638038033979</v>
      </c>
      <c r="J2501">
        <f t="shared" si="287"/>
        <v>11.033891426152886</v>
      </c>
      <c r="K2501">
        <f t="shared" si="288"/>
        <v>0.61919025812438866</v>
      </c>
      <c r="L2501">
        <f t="shared" si="289"/>
        <v>0.30959512906219433</v>
      </c>
      <c r="M2501">
        <f t="shared" si="290"/>
        <v>0</v>
      </c>
      <c r="N2501" s="45">
        <f t="shared" si="291"/>
        <v>45029.791666660683</v>
      </c>
    </row>
    <row r="2502" spans="2:14" x14ac:dyDescent="0.25">
      <c r="B2502">
        <f t="shared" si="285"/>
        <v>4</v>
      </c>
      <c r="C2502" s="16">
        <v>2468</v>
      </c>
      <c r="D2502" cm="1">
        <f t="array" ref="D2502">IFERROR(INDEX(Jesper!AH$2:AH$366,ROUNDDOWN($C2502/24,0)+1,1)*INDEX($D$3:$AA$30,INDEX(Jesper!$R$2:$R$366,ROW(INDEX(Jesper!AH$2:AH$366,ROUNDDOWN($C2502/24,0)+1,1))-1)+IF('Standard Profiles'!$G$18=$B$10,7,0)+IF('Standard Profiles'!$G$18=$B$17,14,0)+IF('Standard Profiles'!$G$18=$B$24,21,0),MOD($C2502,24)+1)/SUM(INDEX($D$3:$AA$30,INDEX(Jesper!$R$2:$R$366,ROW(INDEX(Jesper!AH$2:AH$366,ROUNDDOWN($C2502/24,0)+1,1))-1)+IF('Standard Profiles'!$G$18=$B$10,7,0)+IF('Standard Profiles'!$G$18=$B$17,14,0)+IF('Standard Profiles'!$G$18=$B$24,21,0),0)),0)</f>
        <v>5.8049086699161432</v>
      </c>
      <c r="E2502" cm="1">
        <f t="array" ref="E2502">IFERROR(INDEX(Jesper!AI$2:AI$366,ROUNDDOWN($C2502/24,0)+1,1)*INDEX($D$3:$AA$30,INDEX(Jesper!$R$2:$R$366,ROW(INDEX(Jesper!AI$2:AI$366,ROUNDDOWN($C2502/24,0)+1,1))-1)+IF('Standard Profiles'!$G$19=$B$10,7,0)+IF('Standard Profiles'!$G$19=$B$17,14,0)+IF('Standard Profiles'!$G$19=$B$24,21,0),MOD($C2502,24)+1)/SUM(INDEX($D$3:$AA$30,INDEX(Jesper!$R$2:$R$366,ROW(INDEX(Jesper!AI$2:AI$366,ROUNDDOWN($C2502/24,0)+1,1))-1)+IF('Standard Profiles'!$G$19=$B$10,7,0)+IF('Standard Profiles'!$G$19=$B$17,14,0)+IF('Standard Profiles'!$G$19=$B$24,21,0),0)),0)</f>
        <v>4.7676740226363101</v>
      </c>
      <c r="F2502" cm="1">
        <f t="array" ref="F2502">IFERROR(INDEX(Jesper!AJ$2:AJ$366,ROUNDDOWN($C2502/24,0)+1,1)*INDEX($D$3:$AA$30,INDEX(Jesper!$R$2:$R$366,ROW(INDEX(Jesper!AJ$2:AJ$366,ROUNDDOWN($C2502/24,0)+1,1))-1)+IF('Standard Profiles'!$G$20=$B$10,7,0)+IF('Standard Profiles'!$G$20=$B$17,14,0)+IF('Standard Profiles'!$G$20=$B$24,21,0),MOD($C2502,24)+1)/SUM(INDEX($D$3:$AA$30,INDEX(Jesper!$R$2:$R$366,ROW(INDEX(Jesper!AJ$2:AJ$366,ROUNDDOWN($C2502/24,0)+1,1))-1)+IF('Standard Profiles'!$G$20=$B$10,7,0)+IF('Standard Profiles'!$G$20=$B$17,14,0)+IF('Standard Profiles'!$G$20=$B$24,21,0),0)),0)</f>
        <v>0</v>
      </c>
      <c r="G2502" cm="1">
        <f t="array" ref="G2502">IFERROR(INDEX(Jesper!AK$2:AK$366,ROUNDDOWN($C2502/24,0)+1,1)*INDEX($D$3:$AA$30,INDEX(Jesper!$R$2:$R$366,ROW(INDEX(Jesper!AK$2:AK$366,ROUNDDOWN($C2502/24,0)+1,1))-1)+IF('Standard Profiles'!$G$21=$B$10,7,0)+IF('Standard Profiles'!$G$21=$B$17,14,0)+IF('Standard Profiles'!$G$21=$B$24,21,0),MOD($C2502,24)+1)/SUM(INDEX($D$3:$AA$30,INDEX(Jesper!$R$2:$R$366,ROW(INDEX(Jesper!AK$2:AK$366,ROUNDDOWN($C2502/24,0)+1,1))-1)+IF('Standard Profiles'!$G$21=$B$10,7,0)+IF('Standard Profiles'!$G$21=$B$17,14,0)+IF('Standard Profiles'!$G$21=$B$24,21,0),0)),0)</f>
        <v>2.6732579245904136</v>
      </c>
      <c r="H2502" cm="1">
        <f t="array" ref="H2502">IFERROR(INDEX(Jesper!AL$2:AL$366,ROUNDDOWN($C2502/24,0)+1,1)*INDEX($D$3:$AA$30,INDEX(Jesper!$R$2:$R$366,ROW(INDEX(Jesper!AL$2:AL$366,ROUNDDOWN($C2502/24,0)+1,1))-1)+IF('Standard Profiles'!$G$22=$B$10,7,0)+IF('Standard Profiles'!$G$22=$B$17,14,0)+IF('Standard Profiles'!$G$22=$B$24,21,0),MOD($C2502,24)+1)/SUM(INDEX($D$3:$AA$30,INDEX(Jesper!$R$2:$R$366,ROW(INDEX(Jesper!AL$2:AL$366,ROUNDDOWN($C2502/24,0)+1,1))-1)+IF('Standard Profiles'!$G$22=$B$10,7,0)+IF('Standard Profiles'!$G$22=$B$17,14,0)+IF('Standard Profiles'!$G$22=$B$24,21,0),0)),0)</f>
        <v>0</v>
      </c>
      <c r="I2502">
        <f t="shared" si="286"/>
        <v>1.2831638038033979</v>
      </c>
      <c r="J2502">
        <f t="shared" si="287"/>
        <v>11.033891426152886</v>
      </c>
      <c r="K2502">
        <f t="shared" si="288"/>
        <v>0.61919025812438866</v>
      </c>
      <c r="L2502">
        <f t="shared" si="289"/>
        <v>0.30959512906219433</v>
      </c>
      <c r="M2502">
        <f t="shared" si="290"/>
        <v>0</v>
      </c>
      <c r="N2502" s="45">
        <f t="shared" si="291"/>
        <v>45029.833333327348</v>
      </c>
    </row>
    <row r="2503" spans="2:14" x14ac:dyDescent="0.25">
      <c r="B2503">
        <f t="shared" si="285"/>
        <v>4</v>
      </c>
      <c r="C2503" s="16">
        <v>2469</v>
      </c>
      <c r="D2503" cm="1">
        <f t="array" ref="D2503">IFERROR(INDEX(Jesper!AH$2:AH$366,ROUNDDOWN($C2503/24,0)+1,1)*INDEX($D$3:$AA$30,INDEX(Jesper!$R$2:$R$366,ROW(INDEX(Jesper!AH$2:AH$366,ROUNDDOWN($C2503/24,0)+1,1))-1)+IF('Standard Profiles'!$G$18=$B$10,7,0)+IF('Standard Profiles'!$G$18=$B$17,14,0)+IF('Standard Profiles'!$G$18=$B$24,21,0),MOD($C2503,24)+1)/SUM(INDEX($D$3:$AA$30,INDEX(Jesper!$R$2:$R$366,ROW(INDEX(Jesper!AH$2:AH$366,ROUNDDOWN($C2503/24,0)+1,1))-1)+IF('Standard Profiles'!$G$18=$B$10,7,0)+IF('Standard Profiles'!$G$18=$B$17,14,0)+IF('Standard Profiles'!$G$18=$B$24,21,0),0)),0)</f>
        <v>5.8049086699161432</v>
      </c>
      <c r="E2503" cm="1">
        <f t="array" ref="E2503">IFERROR(INDEX(Jesper!AI$2:AI$366,ROUNDDOWN($C2503/24,0)+1,1)*INDEX($D$3:$AA$30,INDEX(Jesper!$R$2:$R$366,ROW(INDEX(Jesper!AI$2:AI$366,ROUNDDOWN($C2503/24,0)+1,1))-1)+IF('Standard Profiles'!$G$19=$B$10,7,0)+IF('Standard Profiles'!$G$19=$B$17,14,0)+IF('Standard Profiles'!$G$19=$B$24,21,0),MOD($C2503,24)+1)/SUM(INDEX($D$3:$AA$30,INDEX(Jesper!$R$2:$R$366,ROW(INDEX(Jesper!AI$2:AI$366,ROUNDDOWN($C2503/24,0)+1,1))-1)+IF('Standard Profiles'!$G$19=$B$10,7,0)+IF('Standard Profiles'!$G$19=$B$17,14,0)+IF('Standard Profiles'!$G$19=$B$24,21,0),0)),0)</f>
        <v>4.7676740226363101</v>
      </c>
      <c r="F2503" cm="1">
        <f t="array" ref="F2503">IFERROR(INDEX(Jesper!AJ$2:AJ$366,ROUNDDOWN($C2503/24,0)+1,1)*INDEX($D$3:$AA$30,INDEX(Jesper!$R$2:$R$366,ROW(INDEX(Jesper!AJ$2:AJ$366,ROUNDDOWN($C2503/24,0)+1,1))-1)+IF('Standard Profiles'!$G$20=$B$10,7,0)+IF('Standard Profiles'!$G$20=$B$17,14,0)+IF('Standard Profiles'!$G$20=$B$24,21,0),MOD($C2503,24)+1)/SUM(INDEX($D$3:$AA$30,INDEX(Jesper!$R$2:$R$366,ROW(INDEX(Jesper!AJ$2:AJ$366,ROUNDDOWN($C2503/24,0)+1,1))-1)+IF('Standard Profiles'!$G$20=$B$10,7,0)+IF('Standard Profiles'!$G$20=$B$17,14,0)+IF('Standard Profiles'!$G$20=$B$24,21,0),0)),0)</f>
        <v>0</v>
      </c>
      <c r="G2503" cm="1">
        <f t="array" ref="G2503">IFERROR(INDEX(Jesper!AK$2:AK$366,ROUNDDOWN($C2503/24,0)+1,1)*INDEX($D$3:$AA$30,INDEX(Jesper!$R$2:$R$366,ROW(INDEX(Jesper!AK$2:AK$366,ROUNDDOWN($C2503/24,0)+1,1))-1)+IF('Standard Profiles'!$G$21=$B$10,7,0)+IF('Standard Profiles'!$G$21=$B$17,14,0)+IF('Standard Profiles'!$G$21=$B$24,21,0),MOD($C2503,24)+1)/SUM(INDEX($D$3:$AA$30,INDEX(Jesper!$R$2:$R$366,ROW(INDEX(Jesper!AK$2:AK$366,ROUNDDOWN($C2503/24,0)+1,1))-1)+IF('Standard Profiles'!$G$21=$B$10,7,0)+IF('Standard Profiles'!$G$21=$B$17,14,0)+IF('Standard Profiles'!$G$21=$B$24,21,0),0)),0)</f>
        <v>2.6732579245904136</v>
      </c>
      <c r="H2503" cm="1">
        <f t="array" ref="H2503">IFERROR(INDEX(Jesper!AL$2:AL$366,ROUNDDOWN($C2503/24,0)+1,1)*INDEX($D$3:$AA$30,INDEX(Jesper!$R$2:$R$366,ROW(INDEX(Jesper!AL$2:AL$366,ROUNDDOWN($C2503/24,0)+1,1))-1)+IF('Standard Profiles'!$G$22=$B$10,7,0)+IF('Standard Profiles'!$G$22=$B$17,14,0)+IF('Standard Profiles'!$G$22=$B$24,21,0),MOD($C2503,24)+1)/SUM(INDEX($D$3:$AA$30,INDEX(Jesper!$R$2:$R$366,ROW(INDEX(Jesper!AL$2:AL$366,ROUNDDOWN($C2503/24,0)+1,1))-1)+IF('Standard Profiles'!$G$22=$B$10,7,0)+IF('Standard Profiles'!$G$22=$B$17,14,0)+IF('Standard Profiles'!$G$22=$B$24,21,0),0)),0)</f>
        <v>0</v>
      </c>
      <c r="I2503">
        <f t="shared" si="286"/>
        <v>1.2831638038033979</v>
      </c>
      <c r="J2503">
        <f t="shared" si="287"/>
        <v>11.033891426152886</v>
      </c>
      <c r="K2503">
        <f t="shared" si="288"/>
        <v>0.61919025812438866</v>
      </c>
      <c r="L2503">
        <f t="shared" si="289"/>
        <v>0.30959512906219433</v>
      </c>
      <c r="M2503">
        <f t="shared" si="290"/>
        <v>0</v>
      </c>
      <c r="N2503" s="45">
        <f t="shared" si="291"/>
        <v>45029.874999994012</v>
      </c>
    </row>
    <row r="2504" spans="2:14" x14ac:dyDescent="0.25">
      <c r="B2504">
        <f t="shared" si="285"/>
        <v>4</v>
      </c>
      <c r="C2504" s="16">
        <v>2470</v>
      </c>
      <c r="D2504" cm="1">
        <f t="array" ref="D2504">IFERROR(INDEX(Jesper!AH$2:AH$366,ROUNDDOWN($C2504/24,0)+1,1)*INDEX($D$3:$AA$30,INDEX(Jesper!$R$2:$R$366,ROW(INDEX(Jesper!AH$2:AH$366,ROUNDDOWN($C2504/24,0)+1,1))-1)+IF('Standard Profiles'!$G$18=$B$10,7,0)+IF('Standard Profiles'!$G$18=$B$17,14,0)+IF('Standard Profiles'!$G$18=$B$24,21,0),MOD($C2504,24)+1)/SUM(INDEX($D$3:$AA$30,INDEX(Jesper!$R$2:$R$366,ROW(INDEX(Jesper!AH$2:AH$366,ROUNDDOWN($C2504/24,0)+1,1))-1)+IF('Standard Profiles'!$G$18=$B$10,7,0)+IF('Standard Profiles'!$G$18=$B$17,14,0)+IF('Standard Profiles'!$G$18=$B$24,21,0),0)),0)</f>
        <v>5.8049086699161432</v>
      </c>
      <c r="E2504" cm="1">
        <f t="array" ref="E2504">IFERROR(INDEX(Jesper!AI$2:AI$366,ROUNDDOWN($C2504/24,0)+1,1)*INDEX($D$3:$AA$30,INDEX(Jesper!$R$2:$R$366,ROW(INDEX(Jesper!AI$2:AI$366,ROUNDDOWN($C2504/24,0)+1,1))-1)+IF('Standard Profiles'!$G$19=$B$10,7,0)+IF('Standard Profiles'!$G$19=$B$17,14,0)+IF('Standard Profiles'!$G$19=$B$24,21,0),MOD($C2504,24)+1)/SUM(INDEX($D$3:$AA$30,INDEX(Jesper!$R$2:$R$366,ROW(INDEX(Jesper!AI$2:AI$366,ROUNDDOWN($C2504/24,0)+1,1))-1)+IF('Standard Profiles'!$G$19=$B$10,7,0)+IF('Standard Profiles'!$G$19=$B$17,14,0)+IF('Standard Profiles'!$G$19=$B$24,21,0),0)),0)</f>
        <v>4.7676740226363101</v>
      </c>
      <c r="F2504" cm="1">
        <f t="array" ref="F2504">IFERROR(INDEX(Jesper!AJ$2:AJ$366,ROUNDDOWN($C2504/24,0)+1,1)*INDEX($D$3:$AA$30,INDEX(Jesper!$R$2:$R$366,ROW(INDEX(Jesper!AJ$2:AJ$366,ROUNDDOWN($C2504/24,0)+1,1))-1)+IF('Standard Profiles'!$G$20=$B$10,7,0)+IF('Standard Profiles'!$G$20=$B$17,14,0)+IF('Standard Profiles'!$G$20=$B$24,21,0),MOD($C2504,24)+1)/SUM(INDEX($D$3:$AA$30,INDEX(Jesper!$R$2:$R$366,ROW(INDEX(Jesper!AJ$2:AJ$366,ROUNDDOWN($C2504/24,0)+1,1))-1)+IF('Standard Profiles'!$G$20=$B$10,7,0)+IF('Standard Profiles'!$G$20=$B$17,14,0)+IF('Standard Profiles'!$G$20=$B$24,21,0),0)),0)</f>
        <v>0</v>
      </c>
      <c r="G2504" cm="1">
        <f t="array" ref="G2504">IFERROR(INDEX(Jesper!AK$2:AK$366,ROUNDDOWN($C2504/24,0)+1,1)*INDEX($D$3:$AA$30,INDEX(Jesper!$R$2:$R$366,ROW(INDEX(Jesper!AK$2:AK$366,ROUNDDOWN($C2504/24,0)+1,1))-1)+IF('Standard Profiles'!$G$21=$B$10,7,0)+IF('Standard Profiles'!$G$21=$B$17,14,0)+IF('Standard Profiles'!$G$21=$B$24,21,0),MOD($C2504,24)+1)/SUM(INDEX($D$3:$AA$30,INDEX(Jesper!$R$2:$R$366,ROW(INDEX(Jesper!AK$2:AK$366,ROUNDDOWN($C2504/24,0)+1,1))-1)+IF('Standard Profiles'!$G$21=$B$10,7,0)+IF('Standard Profiles'!$G$21=$B$17,14,0)+IF('Standard Profiles'!$G$21=$B$24,21,0),0)),0)</f>
        <v>2.6732579245904136</v>
      </c>
      <c r="H2504" cm="1">
        <f t="array" ref="H2504">IFERROR(INDEX(Jesper!AL$2:AL$366,ROUNDDOWN($C2504/24,0)+1,1)*INDEX($D$3:$AA$30,INDEX(Jesper!$R$2:$R$366,ROW(INDEX(Jesper!AL$2:AL$366,ROUNDDOWN($C2504/24,0)+1,1))-1)+IF('Standard Profiles'!$G$22=$B$10,7,0)+IF('Standard Profiles'!$G$22=$B$17,14,0)+IF('Standard Profiles'!$G$22=$B$24,21,0),MOD($C2504,24)+1)/SUM(INDEX($D$3:$AA$30,INDEX(Jesper!$R$2:$R$366,ROW(INDEX(Jesper!AL$2:AL$366,ROUNDDOWN($C2504/24,0)+1,1))-1)+IF('Standard Profiles'!$G$22=$B$10,7,0)+IF('Standard Profiles'!$G$22=$B$17,14,0)+IF('Standard Profiles'!$G$22=$B$24,21,0),0)),0)</f>
        <v>0</v>
      </c>
      <c r="I2504">
        <f t="shared" si="286"/>
        <v>1.2831638038033979</v>
      </c>
      <c r="J2504">
        <f t="shared" si="287"/>
        <v>11.033891426152886</v>
      </c>
      <c r="K2504">
        <f t="shared" si="288"/>
        <v>0.61919025812438866</v>
      </c>
      <c r="L2504">
        <f t="shared" si="289"/>
        <v>0.30959512906219433</v>
      </c>
      <c r="M2504">
        <f t="shared" si="290"/>
        <v>0</v>
      </c>
      <c r="N2504" s="45">
        <f t="shared" si="291"/>
        <v>45029.916666660676</v>
      </c>
    </row>
    <row r="2505" spans="2:14" x14ac:dyDescent="0.25">
      <c r="B2505">
        <f t="shared" si="285"/>
        <v>4</v>
      </c>
      <c r="C2505" s="16">
        <v>2471</v>
      </c>
      <c r="D2505" cm="1">
        <f t="array" ref="D2505">IFERROR(INDEX(Jesper!AH$2:AH$366,ROUNDDOWN($C2505/24,0)+1,1)*INDEX($D$3:$AA$30,INDEX(Jesper!$R$2:$R$366,ROW(INDEX(Jesper!AH$2:AH$366,ROUNDDOWN($C2505/24,0)+1,1))-1)+IF('Standard Profiles'!$G$18=$B$10,7,0)+IF('Standard Profiles'!$G$18=$B$17,14,0)+IF('Standard Profiles'!$G$18=$B$24,21,0),MOD($C2505,24)+1)/SUM(INDEX($D$3:$AA$30,INDEX(Jesper!$R$2:$R$366,ROW(INDEX(Jesper!AH$2:AH$366,ROUNDDOWN($C2505/24,0)+1,1))-1)+IF('Standard Profiles'!$G$18=$B$10,7,0)+IF('Standard Profiles'!$G$18=$B$17,14,0)+IF('Standard Profiles'!$G$18=$B$24,21,0),0)),0)</f>
        <v>5.8049086699161432</v>
      </c>
      <c r="E2505" cm="1">
        <f t="array" ref="E2505">IFERROR(INDEX(Jesper!AI$2:AI$366,ROUNDDOWN($C2505/24,0)+1,1)*INDEX($D$3:$AA$30,INDEX(Jesper!$R$2:$R$366,ROW(INDEX(Jesper!AI$2:AI$366,ROUNDDOWN($C2505/24,0)+1,1))-1)+IF('Standard Profiles'!$G$19=$B$10,7,0)+IF('Standard Profiles'!$G$19=$B$17,14,0)+IF('Standard Profiles'!$G$19=$B$24,21,0),MOD($C2505,24)+1)/SUM(INDEX($D$3:$AA$30,INDEX(Jesper!$R$2:$R$366,ROW(INDEX(Jesper!AI$2:AI$366,ROUNDDOWN($C2505/24,0)+1,1))-1)+IF('Standard Profiles'!$G$19=$B$10,7,0)+IF('Standard Profiles'!$G$19=$B$17,14,0)+IF('Standard Profiles'!$G$19=$B$24,21,0),0)),0)</f>
        <v>4.7676740226363101</v>
      </c>
      <c r="F2505" cm="1">
        <f t="array" ref="F2505">IFERROR(INDEX(Jesper!AJ$2:AJ$366,ROUNDDOWN($C2505/24,0)+1,1)*INDEX($D$3:$AA$30,INDEX(Jesper!$R$2:$R$366,ROW(INDEX(Jesper!AJ$2:AJ$366,ROUNDDOWN($C2505/24,0)+1,1))-1)+IF('Standard Profiles'!$G$20=$B$10,7,0)+IF('Standard Profiles'!$G$20=$B$17,14,0)+IF('Standard Profiles'!$G$20=$B$24,21,0),MOD($C2505,24)+1)/SUM(INDEX($D$3:$AA$30,INDEX(Jesper!$R$2:$R$366,ROW(INDEX(Jesper!AJ$2:AJ$366,ROUNDDOWN($C2505/24,0)+1,1))-1)+IF('Standard Profiles'!$G$20=$B$10,7,0)+IF('Standard Profiles'!$G$20=$B$17,14,0)+IF('Standard Profiles'!$G$20=$B$24,21,0),0)),0)</f>
        <v>0</v>
      </c>
      <c r="G2505" cm="1">
        <f t="array" ref="G2505">IFERROR(INDEX(Jesper!AK$2:AK$366,ROUNDDOWN($C2505/24,0)+1,1)*INDEX($D$3:$AA$30,INDEX(Jesper!$R$2:$R$366,ROW(INDEX(Jesper!AK$2:AK$366,ROUNDDOWN($C2505/24,0)+1,1))-1)+IF('Standard Profiles'!$G$21=$B$10,7,0)+IF('Standard Profiles'!$G$21=$B$17,14,0)+IF('Standard Profiles'!$G$21=$B$24,21,0),MOD($C2505,24)+1)/SUM(INDEX($D$3:$AA$30,INDEX(Jesper!$R$2:$R$366,ROW(INDEX(Jesper!AK$2:AK$366,ROUNDDOWN($C2505/24,0)+1,1))-1)+IF('Standard Profiles'!$G$21=$B$10,7,0)+IF('Standard Profiles'!$G$21=$B$17,14,0)+IF('Standard Profiles'!$G$21=$B$24,21,0),0)),0)</f>
        <v>2.6732579245904136</v>
      </c>
      <c r="H2505" cm="1">
        <f t="array" ref="H2505">IFERROR(INDEX(Jesper!AL$2:AL$366,ROUNDDOWN($C2505/24,0)+1,1)*INDEX($D$3:$AA$30,INDEX(Jesper!$R$2:$R$366,ROW(INDEX(Jesper!AL$2:AL$366,ROUNDDOWN($C2505/24,0)+1,1))-1)+IF('Standard Profiles'!$G$22=$B$10,7,0)+IF('Standard Profiles'!$G$22=$B$17,14,0)+IF('Standard Profiles'!$G$22=$B$24,21,0),MOD($C2505,24)+1)/SUM(INDEX($D$3:$AA$30,INDEX(Jesper!$R$2:$R$366,ROW(INDEX(Jesper!AL$2:AL$366,ROUNDDOWN($C2505/24,0)+1,1))-1)+IF('Standard Profiles'!$G$22=$B$10,7,0)+IF('Standard Profiles'!$G$22=$B$17,14,0)+IF('Standard Profiles'!$G$22=$B$24,21,0),0)),0)</f>
        <v>0</v>
      </c>
      <c r="I2505">
        <f t="shared" si="286"/>
        <v>1.2831638038033979</v>
      </c>
      <c r="J2505">
        <f t="shared" si="287"/>
        <v>11.033891426152886</v>
      </c>
      <c r="K2505">
        <f t="shared" si="288"/>
        <v>0.61919025812438866</v>
      </c>
      <c r="L2505">
        <f t="shared" si="289"/>
        <v>0.30959512906219433</v>
      </c>
      <c r="M2505">
        <f t="shared" si="290"/>
        <v>0</v>
      </c>
      <c r="N2505" s="45">
        <f t="shared" si="291"/>
        <v>45029.95833332734</v>
      </c>
    </row>
    <row r="2506" spans="2:14" x14ac:dyDescent="0.25">
      <c r="B2506">
        <f t="shared" si="285"/>
        <v>5</v>
      </c>
      <c r="C2506" s="16">
        <v>2472</v>
      </c>
      <c r="D2506" cm="1">
        <f t="array" ref="D2506">IFERROR(INDEX(Jesper!AH$2:AH$366,ROUNDDOWN($C2506/24,0)+1,1)*INDEX($D$3:$AA$30,INDEX(Jesper!$R$2:$R$366,ROW(INDEX(Jesper!AH$2:AH$366,ROUNDDOWN($C2506/24,0)+1,1))-1)+IF('Standard Profiles'!$G$18=$B$10,7,0)+IF('Standard Profiles'!$G$18=$B$17,14,0)+IF('Standard Profiles'!$G$18=$B$24,21,0),MOD($C2506,24)+1)/SUM(INDEX($D$3:$AA$30,INDEX(Jesper!$R$2:$R$366,ROW(INDEX(Jesper!AH$2:AH$366,ROUNDDOWN($C2506/24,0)+1,1))-1)+IF('Standard Profiles'!$G$18=$B$10,7,0)+IF('Standard Profiles'!$G$18=$B$17,14,0)+IF('Standard Profiles'!$G$18=$B$24,21,0),0)),0)</f>
        <v>9.1943407799008749</v>
      </c>
      <c r="E2506" cm="1">
        <f t="array" ref="E2506">IFERROR(INDEX(Jesper!AI$2:AI$366,ROUNDDOWN($C2506/24,0)+1,1)*INDEX($D$3:$AA$30,INDEX(Jesper!$R$2:$R$366,ROW(INDEX(Jesper!AI$2:AI$366,ROUNDDOWN($C2506/24,0)+1,1))-1)+IF('Standard Profiles'!$G$19=$B$10,7,0)+IF('Standard Profiles'!$G$19=$B$17,14,0)+IF('Standard Profiles'!$G$19=$B$24,21,0),MOD($C2506,24)+1)/SUM(INDEX($D$3:$AA$30,INDEX(Jesper!$R$2:$R$366,ROW(INDEX(Jesper!AI$2:AI$366,ROUNDDOWN($C2506/24,0)+1,1))-1)+IF('Standard Profiles'!$G$19=$B$10,7,0)+IF('Standard Profiles'!$G$19=$B$17,14,0)+IF('Standard Profiles'!$G$19=$B$24,21,0),0)),0)</f>
        <v>9.9458421045068146</v>
      </c>
      <c r="F2506" cm="1">
        <f t="array" ref="F2506">IFERROR(INDEX(Jesper!AJ$2:AJ$366,ROUNDDOWN($C2506/24,0)+1,1)*INDEX($D$3:$AA$30,INDEX(Jesper!$R$2:$R$366,ROW(INDEX(Jesper!AJ$2:AJ$366,ROUNDDOWN($C2506/24,0)+1,1))-1)+IF('Standard Profiles'!$G$20=$B$10,7,0)+IF('Standard Profiles'!$G$20=$B$17,14,0)+IF('Standard Profiles'!$G$20=$B$24,21,0),MOD($C2506,24)+1)/SUM(INDEX($D$3:$AA$30,INDEX(Jesper!$R$2:$R$366,ROW(INDEX(Jesper!AJ$2:AJ$366,ROUNDDOWN($C2506/24,0)+1,1))-1)+IF('Standard Profiles'!$G$20=$B$10,7,0)+IF('Standard Profiles'!$G$20=$B$17,14,0)+IF('Standard Profiles'!$G$20=$B$24,21,0),0)),0)</f>
        <v>0</v>
      </c>
      <c r="G2506" cm="1">
        <f t="array" ref="G2506">IFERROR(INDEX(Jesper!AK$2:AK$366,ROUNDDOWN($C2506/24,0)+1,1)*INDEX($D$3:$AA$30,INDEX(Jesper!$R$2:$R$366,ROW(INDEX(Jesper!AK$2:AK$366,ROUNDDOWN($C2506/24,0)+1,1))-1)+IF('Standard Profiles'!$G$21=$B$10,7,0)+IF('Standard Profiles'!$G$21=$B$17,14,0)+IF('Standard Profiles'!$G$21=$B$24,21,0),MOD($C2506,24)+1)/SUM(INDEX($D$3:$AA$30,INDEX(Jesper!$R$2:$R$366,ROW(INDEX(Jesper!AK$2:AK$366,ROUNDDOWN($C2506/24,0)+1,1))-1)+IF('Standard Profiles'!$G$21=$B$10,7,0)+IF('Standard Profiles'!$G$21=$B$17,14,0)+IF('Standard Profiles'!$G$21=$B$24,21,0),0)),0)</f>
        <v>6.9231574723224769</v>
      </c>
      <c r="H2506" cm="1">
        <f t="array" ref="H2506">IFERROR(INDEX(Jesper!AL$2:AL$366,ROUNDDOWN($C2506/24,0)+1,1)*INDEX($D$3:$AA$30,INDEX(Jesper!$R$2:$R$366,ROW(INDEX(Jesper!AL$2:AL$366,ROUNDDOWN($C2506/24,0)+1,1))-1)+IF('Standard Profiles'!$G$22=$B$10,7,0)+IF('Standard Profiles'!$G$22=$B$17,14,0)+IF('Standard Profiles'!$G$22=$B$24,21,0),MOD($C2506,24)+1)/SUM(INDEX($D$3:$AA$30,INDEX(Jesper!$R$2:$R$366,ROW(INDEX(Jesper!AL$2:AL$366,ROUNDDOWN($C2506/24,0)+1,1))-1)+IF('Standard Profiles'!$G$22=$B$10,7,0)+IF('Standard Profiles'!$G$22=$B$17,14,0)+IF('Standard Profiles'!$G$22=$B$24,21,0),0)),0)</f>
        <v>0</v>
      </c>
      <c r="I2506">
        <f t="shared" si="286"/>
        <v>3.3231155867147875</v>
      </c>
      <c r="J2506">
        <f t="shared" si="287"/>
        <v>21.269130245231239</v>
      </c>
      <c r="K2506">
        <f t="shared" si="288"/>
        <v>0.98072968318942677</v>
      </c>
      <c r="L2506">
        <f t="shared" si="289"/>
        <v>0.49036484159471339</v>
      </c>
      <c r="M2506">
        <f t="shared" si="290"/>
        <v>0</v>
      </c>
      <c r="N2506" s="45">
        <f t="shared" si="291"/>
        <v>45029.999999994005</v>
      </c>
    </row>
    <row r="2507" spans="2:14" x14ac:dyDescent="0.25">
      <c r="B2507">
        <f t="shared" si="285"/>
        <v>5</v>
      </c>
      <c r="C2507" s="16">
        <v>2473</v>
      </c>
      <c r="D2507" cm="1">
        <f t="array" ref="D2507">IFERROR(INDEX(Jesper!AH$2:AH$366,ROUNDDOWN($C2507/24,0)+1,1)*INDEX($D$3:$AA$30,INDEX(Jesper!$R$2:$R$366,ROW(INDEX(Jesper!AH$2:AH$366,ROUNDDOWN($C2507/24,0)+1,1))-1)+IF('Standard Profiles'!$G$18=$B$10,7,0)+IF('Standard Profiles'!$G$18=$B$17,14,0)+IF('Standard Profiles'!$G$18=$B$24,21,0),MOD($C2507,24)+1)/SUM(INDEX($D$3:$AA$30,INDEX(Jesper!$R$2:$R$366,ROW(INDEX(Jesper!AH$2:AH$366,ROUNDDOWN($C2507/24,0)+1,1))-1)+IF('Standard Profiles'!$G$18=$B$10,7,0)+IF('Standard Profiles'!$G$18=$B$17,14,0)+IF('Standard Profiles'!$G$18=$B$24,21,0),0)),0)</f>
        <v>5.5723277453944693</v>
      </c>
      <c r="E2507" cm="1">
        <f t="array" ref="E2507">IFERROR(INDEX(Jesper!AI$2:AI$366,ROUNDDOWN($C2507/24,0)+1,1)*INDEX($D$3:$AA$30,INDEX(Jesper!$R$2:$R$366,ROW(INDEX(Jesper!AI$2:AI$366,ROUNDDOWN($C2507/24,0)+1,1))-1)+IF('Standard Profiles'!$G$19=$B$10,7,0)+IF('Standard Profiles'!$G$19=$B$17,14,0)+IF('Standard Profiles'!$G$19=$B$24,21,0),MOD($C2507,24)+1)/SUM(INDEX($D$3:$AA$30,INDEX(Jesper!$R$2:$R$366,ROW(INDEX(Jesper!AI$2:AI$366,ROUNDDOWN($C2507/24,0)+1,1))-1)+IF('Standard Profiles'!$G$19=$B$10,7,0)+IF('Standard Profiles'!$G$19=$B$17,14,0)+IF('Standard Profiles'!$G$19=$B$24,21,0),0)),0)</f>
        <v>6.027783093640493</v>
      </c>
      <c r="F2507" cm="1">
        <f t="array" ref="F2507">IFERROR(INDEX(Jesper!AJ$2:AJ$366,ROUNDDOWN($C2507/24,0)+1,1)*INDEX($D$3:$AA$30,INDEX(Jesper!$R$2:$R$366,ROW(INDEX(Jesper!AJ$2:AJ$366,ROUNDDOWN($C2507/24,0)+1,1))-1)+IF('Standard Profiles'!$G$20=$B$10,7,0)+IF('Standard Profiles'!$G$20=$B$17,14,0)+IF('Standard Profiles'!$G$20=$B$24,21,0),MOD($C2507,24)+1)/SUM(INDEX($D$3:$AA$30,INDEX(Jesper!$R$2:$R$366,ROW(INDEX(Jesper!AJ$2:AJ$366,ROUNDDOWN($C2507/24,0)+1,1))-1)+IF('Standard Profiles'!$G$20=$B$10,7,0)+IF('Standard Profiles'!$G$20=$B$17,14,0)+IF('Standard Profiles'!$G$20=$B$24,21,0),0)),0)</f>
        <v>0</v>
      </c>
      <c r="G2507" cm="1">
        <f t="array" ref="G2507">IFERROR(INDEX(Jesper!AK$2:AK$366,ROUNDDOWN($C2507/24,0)+1,1)*INDEX($D$3:$AA$30,INDEX(Jesper!$R$2:$R$366,ROW(INDEX(Jesper!AK$2:AK$366,ROUNDDOWN($C2507/24,0)+1,1))-1)+IF('Standard Profiles'!$G$21=$B$10,7,0)+IF('Standard Profiles'!$G$21=$B$17,14,0)+IF('Standard Profiles'!$G$21=$B$24,21,0),MOD($C2507,24)+1)/SUM(INDEX($D$3:$AA$30,INDEX(Jesper!$R$2:$R$366,ROW(INDEX(Jesper!AK$2:AK$366,ROUNDDOWN($C2507/24,0)+1,1))-1)+IF('Standard Profiles'!$G$21=$B$10,7,0)+IF('Standard Profiles'!$G$21=$B$17,14,0)+IF('Standard Profiles'!$G$21=$B$24,21,0),0)),0)</f>
        <v>6.9231574723224769</v>
      </c>
      <c r="H2507" cm="1">
        <f t="array" ref="H2507">IFERROR(INDEX(Jesper!AL$2:AL$366,ROUNDDOWN($C2507/24,0)+1,1)*INDEX($D$3:$AA$30,INDEX(Jesper!$R$2:$R$366,ROW(INDEX(Jesper!AL$2:AL$366,ROUNDDOWN($C2507/24,0)+1,1))-1)+IF('Standard Profiles'!$G$22=$B$10,7,0)+IF('Standard Profiles'!$G$22=$B$17,14,0)+IF('Standard Profiles'!$G$22=$B$24,21,0),MOD($C2507,24)+1)/SUM(INDEX($D$3:$AA$30,INDEX(Jesper!$R$2:$R$366,ROW(INDEX(Jesper!AL$2:AL$366,ROUNDDOWN($C2507/24,0)+1,1))-1)+IF('Standard Profiles'!$G$22=$B$10,7,0)+IF('Standard Profiles'!$G$22=$B$17,14,0)+IF('Standard Profiles'!$G$22=$B$24,21,0),0)),0)</f>
        <v>0</v>
      </c>
      <c r="I2507">
        <f t="shared" si="286"/>
        <v>3.3231155867147875</v>
      </c>
      <c r="J2507">
        <f t="shared" si="287"/>
        <v>14.308580285379536</v>
      </c>
      <c r="K2507">
        <f t="shared" si="288"/>
        <v>0.59438162617541013</v>
      </c>
      <c r="L2507">
        <f t="shared" si="289"/>
        <v>0.29719081308770506</v>
      </c>
      <c r="M2507">
        <f t="shared" si="290"/>
        <v>0</v>
      </c>
      <c r="N2507" s="45">
        <f t="shared" si="291"/>
        <v>45030.041666660669</v>
      </c>
    </row>
    <row r="2508" spans="2:14" x14ac:dyDescent="0.25">
      <c r="B2508">
        <f t="shared" si="285"/>
        <v>5</v>
      </c>
      <c r="C2508" s="16">
        <v>2474</v>
      </c>
      <c r="D2508" cm="1">
        <f t="array" ref="D2508">IFERROR(INDEX(Jesper!AH$2:AH$366,ROUNDDOWN($C2508/24,0)+1,1)*INDEX($D$3:$AA$30,INDEX(Jesper!$R$2:$R$366,ROW(INDEX(Jesper!AH$2:AH$366,ROUNDDOWN($C2508/24,0)+1,1))-1)+IF('Standard Profiles'!$G$18=$B$10,7,0)+IF('Standard Profiles'!$G$18=$B$17,14,0)+IF('Standard Profiles'!$G$18=$B$24,21,0),MOD($C2508,24)+1)/SUM(INDEX($D$3:$AA$30,INDEX(Jesper!$R$2:$R$366,ROW(INDEX(Jesper!AH$2:AH$366,ROUNDDOWN($C2508/24,0)+1,1))-1)+IF('Standard Profiles'!$G$18=$B$10,7,0)+IF('Standard Profiles'!$G$18=$B$17,14,0)+IF('Standard Profiles'!$G$18=$B$24,21,0),0)),0)</f>
        <v>5.5723277453944693</v>
      </c>
      <c r="E2508" cm="1">
        <f t="array" ref="E2508">IFERROR(INDEX(Jesper!AI$2:AI$366,ROUNDDOWN($C2508/24,0)+1,1)*INDEX($D$3:$AA$30,INDEX(Jesper!$R$2:$R$366,ROW(INDEX(Jesper!AI$2:AI$366,ROUNDDOWN($C2508/24,0)+1,1))-1)+IF('Standard Profiles'!$G$19=$B$10,7,0)+IF('Standard Profiles'!$G$19=$B$17,14,0)+IF('Standard Profiles'!$G$19=$B$24,21,0),MOD($C2508,24)+1)/SUM(INDEX($D$3:$AA$30,INDEX(Jesper!$R$2:$R$366,ROW(INDEX(Jesper!AI$2:AI$366,ROUNDDOWN($C2508/24,0)+1,1))-1)+IF('Standard Profiles'!$G$19=$B$10,7,0)+IF('Standard Profiles'!$G$19=$B$17,14,0)+IF('Standard Profiles'!$G$19=$B$24,21,0),0)),0)</f>
        <v>6.027783093640493</v>
      </c>
      <c r="F2508" cm="1">
        <f t="array" ref="F2508">IFERROR(INDEX(Jesper!AJ$2:AJ$366,ROUNDDOWN($C2508/24,0)+1,1)*INDEX($D$3:$AA$30,INDEX(Jesper!$R$2:$R$366,ROW(INDEX(Jesper!AJ$2:AJ$366,ROUNDDOWN($C2508/24,0)+1,1))-1)+IF('Standard Profiles'!$G$20=$B$10,7,0)+IF('Standard Profiles'!$G$20=$B$17,14,0)+IF('Standard Profiles'!$G$20=$B$24,21,0),MOD($C2508,24)+1)/SUM(INDEX($D$3:$AA$30,INDEX(Jesper!$R$2:$R$366,ROW(INDEX(Jesper!AJ$2:AJ$366,ROUNDDOWN($C2508/24,0)+1,1))-1)+IF('Standard Profiles'!$G$20=$B$10,7,0)+IF('Standard Profiles'!$G$20=$B$17,14,0)+IF('Standard Profiles'!$G$20=$B$24,21,0),0)),0)</f>
        <v>0</v>
      </c>
      <c r="G2508" cm="1">
        <f t="array" ref="G2508">IFERROR(INDEX(Jesper!AK$2:AK$366,ROUNDDOWN($C2508/24,0)+1,1)*INDEX($D$3:$AA$30,INDEX(Jesper!$R$2:$R$366,ROW(INDEX(Jesper!AK$2:AK$366,ROUNDDOWN($C2508/24,0)+1,1))-1)+IF('Standard Profiles'!$G$21=$B$10,7,0)+IF('Standard Profiles'!$G$21=$B$17,14,0)+IF('Standard Profiles'!$G$21=$B$24,21,0),MOD($C2508,24)+1)/SUM(INDEX($D$3:$AA$30,INDEX(Jesper!$R$2:$R$366,ROW(INDEX(Jesper!AK$2:AK$366,ROUNDDOWN($C2508/24,0)+1,1))-1)+IF('Standard Profiles'!$G$21=$B$10,7,0)+IF('Standard Profiles'!$G$21=$B$17,14,0)+IF('Standard Profiles'!$G$21=$B$24,21,0),0)),0)</f>
        <v>6.9231574723224769</v>
      </c>
      <c r="H2508" cm="1">
        <f t="array" ref="H2508">IFERROR(INDEX(Jesper!AL$2:AL$366,ROUNDDOWN($C2508/24,0)+1,1)*INDEX($D$3:$AA$30,INDEX(Jesper!$R$2:$R$366,ROW(INDEX(Jesper!AL$2:AL$366,ROUNDDOWN($C2508/24,0)+1,1))-1)+IF('Standard Profiles'!$G$22=$B$10,7,0)+IF('Standard Profiles'!$G$22=$B$17,14,0)+IF('Standard Profiles'!$G$22=$B$24,21,0),MOD($C2508,24)+1)/SUM(INDEX($D$3:$AA$30,INDEX(Jesper!$R$2:$R$366,ROW(INDEX(Jesper!AL$2:AL$366,ROUNDDOWN($C2508/24,0)+1,1))-1)+IF('Standard Profiles'!$G$22=$B$10,7,0)+IF('Standard Profiles'!$G$22=$B$17,14,0)+IF('Standard Profiles'!$G$22=$B$24,21,0),0)),0)</f>
        <v>0</v>
      </c>
      <c r="I2508">
        <f t="shared" si="286"/>
        <v>3.3231155867147875</v>
      </c>
      <c r="J2508">
        <f t="shared" si="287"/>
        <v>14.308580285379536</v>
      </c>
      <c r="K2508">
        <f t="shared" si="288"/>
        <v>0.59438162617541013</v>
      </c>
      <c r="L2508">
        <f t="shared" si="289"/>
        <v>0.29719081308770506</v>
      </c>
      <c r="M2508">
        <f t="shared" si="290"/>
        <v>0</v>
      </c>
      <c r="N2508" s="45">
        <f t="shared" si="291"/>
        <v>45030.083333327333</v>
      </c>
    </row>
    <row r="2509" spans="2:14" x14ac:dyDescent="0.25">
      <c r="B2509">
        <f t="shared" si="285"/>
        <v>5</v>
      </c>
      <c r="C2509" s="16">
        <v>2475</v>
      </c>
      <c r="D2509" cm="1">
        <f t="array" ref="D2509">IFERROR(INDEX(Jesper!AH$2:AH$366,ROUNDDOWN($C2509/24,0)+1,1)*INDEX($D$3:$AA$30,INDEX(Jesper!$R$2:$R$366,ROW(INDEX(Jesper!AH$2:AH$366,ROUNDDOWN($C2509/24,0)+1,1))-1)+IF('Standard Profiles'!$G$18=$B$10,7,0)+IF('Standard Profiles'!$G$18=$B$17,14,0)+IF('Standard Profiles'!$G$18=$B$24,21,0),MOD($C2509,24)+1)/SUM(INDEX($D$3:$AA$30,INDEX(Jesper!$R$2:$R$366,ROW(INDEX(Jesper!AH$2:AH$366,ROUNDDOWN($C2509/24,0)+1,1))-1)+IF('Standard Profiles'!$G$18=$B$10,7,0)+IF('Standard Profiles'!$G$18=$B$17,14,0)+IF('Standard Profiles'!$G$18=$B$24,21,0),0)),0)</f>
        <v>5.5723277453944693</v>
      </c>
      <c r="E2509" cm="1">
        <f t="array" ref="E2509">IFERROR(INDEX(Jesper!AI$2:AI$366,ROUNDDOWN($C2509/24,0)+1,1)*INDEX($D$3:$AA$30,INDEX(Jesper!$R$2:$R$366,ROW(INDEX(Jesper!AI$2:AI$366,ROUNDDOWN($C2509/24,0)+1,1))-1)+IF('Standard Profiles'!$G$19=$B$10,7,0)+IF('Standard Profiles'!$G$19=$B$17,14,0)+IF('Standard Profiles'!$G$19=$B$24,21,0),MOD($C2509,24)+1)/SUM(INDEX($D$3:$AA$30,INDEX(Jesper!$R$2:$R$366,ROW(INDEX(Jesper!AI$2:AI$366,ROUNDDOWN($C2509/24,0)+1,1))-1)+IF('Standard Profiles'!$G$19=$B$10,7,0)+IF('Standard Profiles'!$G$19=$B$17,14,0)+IF('Standard Profiles'!$G$19=$B$24,21,0),0)),0)</f>
        <v>6.027783093640493</v>
      </c>
      <c r="F2509" cm="1">
        <f t="array" ref="F2509">IFERROR(INDEX(Jesper!AJ$2:AJ$366,ROUNDDOWN($C2509/24,0)+1,1)*INDEX($D$3:$AA$30,INDEX(Jesper!$R$2:$R$366,ROW(INDEX(Jesper!AJ$2:AJ$366,ROUNDDOWN($C2509/24,0)+1,1))-1)+IF('Standard Profiles'!$G$20=$B$10,7,0)+IF('Standard Profiles'!$G$20=$B$17,14,0)+IF('Standard Profiles'!$G$20=$B$24,21,0),MOD($C2509,24)+1)/SUM(INDEX($D$3:$AA$30,INDEX(Jesper!$R$2:$R$366,ROW(INDEX(Jesper!AJ$2:AJ$366,ROUNDDOWN($C2509/24,0)+1,1))-1)+IF('Standard Profiles'!$G$20=$B$10,7,0)+IF('Standard Profiles'!$G$20=$B$17,14,0)+IF('Standard Profiles'!$G$20=$B$24,21,0),0)),0)</f>
        <v>0</v>
      </c>
      <c r="G2509" cm="1">
        <f t="array" ref="G2509">IFERROR(INDEX(Jesper!AK$2:AK$366,ROUNDDOWN($C2509/24,0)+1,1)*INDEX($D$3:$AA$30,INDEX(Jesper!$R$2:$R$366,ROW(INDEX(Jesper!AK$2:AK$366,ROUNDDOWN($C2509/24,0)+1,1))-1)+IF('Standard Profiles'!$G$21=$B$10,7,0)+IF('Standard Profiles'!$G$21=$B$17,14,0)+IF('Standard Profiles'!$G$21=$B$24,21,0),MOD($C2509,24)+1)/SUM(INDEX($D$3:$AA$30,INDEX(Jesper!$R$2:$R$366,ROW(INDEX(Jesper!AK$2:AK$366,ROUNDDOWN($C2509/24,0)+1,1))-1)+IF('Standard Profiles'!$G$21=$B$10,7,0)+IF('Standard Profiles'!$G$21=$B$17,14,0)+IF('Standard Profiles'!$G$21=$B$24,21,0),0)),0)</f>
        <v>6.9231574723224769</v>
      </c>
      <c r="H2509" cm="1">
        <f t="array" ref="H2509">IFERROR(INDEX(Jesper!AL$2:AL$366,ROUNDDOWN($C2509/24,0)+1,1)*INDEX($D$3:$AA$30,INDEX(Jesper!$R$2:$R$366,ROW(INDEX(Jesper!AL$2:AL$366,ROUNDDOWN($C2509/24,0)+1,1))-1)+IF('Standard Profiles'!$G$22=$B$10,7,0)+IF('Standard Profiles'!$G$22=$B$17,14,0)+IF('Standard Profiles'!$G$22=$B$24,21,0),MOD($C2509,24)+1)/SUM(INDEX($D$3:$AA$30,INDEX(Jesper!$R$2:$R$366,ROW(INDEX(Jesper!AL$2:AL$366,ROUNDDOWN($C2509/24,0)+1,1))-1)+IF('Standard Profiles'!$G$22=$B$10,7,0)+IF('Standard Profiles'!$G$22=$B$17,14,0)+IF('Standard Profiles'!$G$22=$B$24,21,0),0)),0)</f>
        <v>0</v>
      </c>
      <c r="I2509">
        <f t="shared" si="286"/>
        <v>3.3231155867147875</v>
      </c>
      <c r="J2509">
        <f t="shared" si="287"/>
        <v>14.308580285379536</v>
      </c>
      <c r="K2509">
        <f t="shared" si="288"/>
        <v>0.59438162617541013</v>
      </c>
      <c r="L2509">
        <f t="shared" si="289"/>
        <v>0.29719081308770506</v>
      </c>
      <c r="M2509">
        <f t="shared" si="290"/>
        <v>0</v>
      </c>
      <c r="N2509" s="45">
        <f t="shared" si="291"/>
        <v>45030.124999993997</v>
      </c>
    </row>
    <row r="2510" spans="2:14" x14ac:dyDescent="0.25">
      <c r="B2510">
        <f t="shared" si="285"/>
        <v>5</v>
      </c>
      <c r="C2510" s="16">
        <v>2476</v>
      </c>
      <c r="D2510" cm="1">
        <f t="array" ref="D2510">IFERROR(INDEX(Jesper!AH$2:AH$366,ROUNDDOWN($C2510/24,0)+1,1)*INDEX($D$3:$AA$30,INDEX(Jesper!$R$2:$R$366,ROW(INDEX(Jesper!AH$2:AH$366,ROUNDDOWN($C2510/24,0)+1,1))-1)+IF('Standard Profiles'!$G$18=$B$10,7,0)+IF('Standard Profiles'!$G$18=$B$17,14,0)+IF('Standard Profiles'!$G$18=$B$24,21,0),MOD($C2510,24)+1)/SUM(INDEX($D$3:$AA$30,INDEX(Jesper!$R$2:$R$366,ROW(INDEX(Jesper!AH$2:AH$366,ROUNDDOWN($C2510/24,0)+1,1))-1)+IF('Standard Profiles'!$G$18=$B$10,7,0)+IF('Standard Profiles'!$G$18=$B$17,14,0)+IF('Standard Profiles'!$G$18=$B$24,21,0),0)),0)</f>
        <v>5.5723277453944693</v>
      </c>
      <c r="E2510" cm="1">
        <f t="array" ref="E2510">IFERROR(INDEX(Jesper!AI$2:AI$366,ROUNDDOWN($C2510/24,0)+1,1)*INDEX($D$3:$AA$30,INDEX(Jesper!$R$2:$R$366,ROW(INDEX(Jesper!AI$2:AI$366,ROUNDDOWN($C2510/24,0)+1,1))-1)+IF('Standard Profiles'!$G$19=$B$10,7,0)+IF('Standard Profiles'!$G$19=$B$17,14,0)+IF('Standard Profiles'!$G$19=$B$24,21,0),MOD($C2510,24)+1)/SUM(INDEX($D$3:$AA$30,INDEX(Jesper!$R$2:$R$366,ROW(INDEX(Jesper!AI$2:AI$366,ROUNDDOWN($C2510/24,0)+1,1))-1)+IF('Standard Profiles'!$G$19=$B$10,7,0)+IF('Standard Profiles'!$G$19=$B$17,14,0)+IF('Standard Profiles'!$G$19=$B$24,21,0),0)),0)</f>
        <v>6.027783093640493</v>
      </c>
      <c r="F2510" cm="1">
        <f t="array" ref="F2510">IFERROR(INDEX(Jesper!AJ$2:AJ$366,ROUNDDOWN($C2510/24,0)+1,1)*INDEX($D$3:$AA$30,INDEX(Jesper!$R$2:$R$366,ROW(INDEX(Jesper!AJ$2:AJ$366,ROUNDDOWN($C2510/24,0)+1,1))-1)+IF('Standard Profiles'!$G$20=$B$10,7,0)+IF('Standard Profiles'!$G$20=$B$17,14,0)+IF('Standard Profiles'!$G$20=$B$24,21,0),MOD($C2510,24)+1)/SUM(INDEX($D$3:$AA$30,INDEX(Jesper!$R$2:$R$366,ROW(INDEX(Jesper!AJ$2:AJ$366,ROUNDDOWN($C2510/24,0)+1,1))-1)+IF('Standard Profiles'!$G$20=$B$10,7,0)+IF('Standard Profiles'!$G$20=$B$17,14,0)+IF('Standard Profiles'!$G$20=$B$24,21,0),0)),0)</f>
        <v>0</v>
      </c>
      <c r="G2510" cm="1">
        <f t="array" ref="G2510">IFERROR(INDEX(Jesper!AK$2:AK$366,ROUNDDOWN($C2510/24,0)+1,1)*INDEX($D$3:$AA$30,INDEX(Jesper!$R$2:$R$366,ROW(INDEX(Jesper!AK$2:AK$366,ROUNDDOWN($C2510/24,0)+1,1))-1)+IF('Standard Profiles'!$G$21=$B$10,7,0)+IF('Standard Profiles'!$G$21=$B$17,14,0)+IF('Standard Profiles'!$G$21=$B$24,21,0),MOD($C2510,24)+1)/SUM(INDEX($D$3:$AA$30,INDEX(Jesper!$R$2:$R$366,ROW(INDEX(Jesper!AK$2:AK$366,ROUNDDOWN($C2510/24,0)+1,1))-1)+IF('Standard Profiles'!$G$21=$B$10,7,0)+IF('Standard Profiles'!$G$21=$B$17,14,0)+IF('Standard Profiles'!$G$21=$B$24,21,0),0)),0)</f>
        <v>6.9231574723224769</v>
      </c>
      <c r="H2510" cm="1">
        <f t="array" ref="H2510">IFERROR(INDEX(Jesper!AL$2:AL$366,ROUNDDOWN($C2510/24,0)+1,1)*INDEX($D$3:$AA$30,INDEX(Jesper!$R$2:$R$366,ROW(INDEX(Jesper!AL$2:AL$366,ROUNDDOWN($C2510/24,0)+1,1))-1)+IF('Standard Profiles'!$G$22=$B$10,7,0)+IF('Standard Profiles'!$G$22=$B$17,14,0)+IF('Standard Profiles'!$G$22=$B$24,21,0),MOD($C2510,24)+1)/SUM(INDEX($D$3:$AA$30,INDEX(Jesper!$R$2:$R$366,ROW(INDEX(Jesper!AL$2:AL$366,ROUNDDOWN($C2510/24,0)+1,1))-1)+IF('Standard Profiles'!$G$22=$B$10,7,0)+IF('Standard Profiles'!$G$22=$B$17,14,0)+IF('Standard Profiles'!$G$22=$B$24,21,0),0)),0)</f>
        <v>0</v>
      </c>
      <c r="I2510">
        <f t="shared" si="286"/>
        <v>3.3231155867147875</v>
      </c>
      <c r="J2510">
        <f t="shared" si="287"/>
        <v>14.308580285379536</v>
      </c>
      <c r="K2510">
        <f t="shared" si="288"/>
        <v>0.59438162617541013</v>
      </c>
      <c r="L2510">
        <f t="shared" si="289"/>
        <v>0.29719081308770506</v>
      </c>
      <c r="M2510">
        <f t="shared" si="290"/>
        <v>0</v>
      </c>
      <c r="N2510" s="45">
        <f t="shared" si="291"/>
        <v>45030.166666660662</v>
      </c>
    </row>
    <row r="2511" spans="2:14" x14ac:dyDescent="0.25">
      <c r="B2511">
        <f t="shared" si="285"/>
        <v>5</v>
      </c>
      <c r="C2511" s="16">
        <v>2477</v>
      </c>
      <c r="D2511" cm="1">
        <f t="array" ref="D2511">IFERROR(INDEX(Jesper!AH$2:AH$366,ROUNDDOWN($C2511/24,0)+1,1)*INDEX($D$3:$AA$30,INDEX(Jesper!$R$2:$R$366,ROW(INDEX(Jesper!AH$2:AH$366,ROUNDDOWN($C2511/24,0)+1,1))-1)+IF('Standard Profiles'!$G$18=$B$10,7,0)+IF('Standard Profiles'!$G$18=$B$17,14,0)+IF('Standard Profiles'!$G$18=$B$24,21,0),MOD($C2511,24)+1)/SUM(INDEX($D$3:$AA$30,INDEX(Jesper!$R$2:$R$366,ROW(INDEX(Jesper!AH$2:AH$366,ROUNDDOWN($C2511/24,0)+1,1))-1)+IF('Standard Profiles'!$G$18=$B$10,7,0)+IF('Standard Profiles'!$G$18=$B$17,14,0)+IF('Standard Profiles'!$G$18=$B$24,21,0),0)),0)</f>
        <v>5.5723277453944693</v>
      </c>
      <c r="E2511" cm="1">
        <f t="array" ref="E2511">IFERROR(INDEX(Jesper!AI$2:AI$366,ROUNDDOWN($C2511/24,0)+1,1)*INDEX($D$3:$AA$30,INDEX(Jesper!$R$2:$R$366,ROW(INDEX(Jesper!AI$2:AI$366,ROUNDDOWN($C2511/24,0)+1,1))-1)+IF('Standard Profiles'!$G$19=$B$10,7,0)+IF('Standard Profiles'!$G$19=$B$17,14,0)+IF('Standard Profiles'!$G$19=$B$24,21,0),MOD($C2511,24)+1)/SUM(INDEX($D$3:$AA$30,INDEX(Jesper!$R$2:$R$366,ROW(INDEX(Jesper!AI$2:AI$366,ROUNDDOWN($C2511/24,0)+1,1))-1)+IF('Standard Profiles'!$G$19=$B$10,7,0)+IF('Standard Profiles'!$G$19=$B$17,14,0)+IF('Standard Profiles'!$G$19=$B$24,21,0),0)),0)</f>
        <v>6.027783093640493</v>
      </c>
      <c r="F2511" cm="1">
        <f t="array" ref="F2511">IFERROR(INDEX(Jesper!AJ$2:AJ$366,ROUNDDOWN($C2511/24,0)+1,1)*INDEX($D$3:$AA$30,INDEX(Jesper!$R$2:$R$366,ROW(INDEX(Jesper!AJ$2:AJ$366,ROUNDDOWN($C2511/24,0)+1,1))-1)+IF('Standard Profiles'!$G$20=$B$10,7,0)+IF('Standard Profiles'!$G$20=$B$17,14,0)+IF('Standard Profiles'!$G$20=$B$24,21,0),MOD($C2511,24)+1)/SUM(INDEX($D$3:$AA$30,INDEX(Jesper!$R$2:$R$366,ROW(INDEX(Jesper!AJ$2:AJ$366,ROUNDDOWN($C2511/24,0)+1,1))-1)+IF('Standard Profiles'!$G$20=$B$10,7,0)+IF('Standard Profiles'!$G$20=$B$17,14,0)+IF('Standard Profiles'!$G$20=$B$24,21,0),0)),0)</f>
        <v>0</v>
      </c>
      <c r="G2511" cm="1">
        <f t="array" ref="G2511">IFERROR(INDEX(Jesper!AK$2:AK$366,ROUNDDOWN($C2511/24,0)+1,1)*INDEX($D$3:$AA$30,INDEX(Jesper!$R$2:$R$366,ROW(INDEX(Jesper!AK$2:AK$366,ROUNDDOWN($C2511/24,0)+1,1))-1)+IF('Standard Profiles'!$G$21=$B$10,7,0)+IF('Standard Profiles'!$G$21=$B$17,14,0)+IF('Standard Profiles'!$G$21=$B$24,21,0),MOD($C2511,24)+1)/SUM(INDEX($D$3:$AA$30,INDEX(Jesper!$R$2:$R$366,ROW(INDEX(Jesper!AK$2:AK$366,ROUNDDOWN($C2511/24,0)+1,1))-1)+IF('Standard Profiles'!$G$21=$B$10,7,0)+IF('Standard Profiles'!$G$21=$B$17,14,0)+IF('Standard Profiles'!$G$21=$B$24,21,0),0)),0)</f>
        <v>6.9231574723224769</v>
      </c>
      <c r="H2511" cm="1">
        <f t="array" ref="H2511">IFERROR(INDEX(Jesper!AL$2:AL$366,ROUNDDOWN($C2511/24,0)+1,1)*INDEX($D$3:$AA$30,INDEX(Jesper!$R$2:$R$366,ROW(INDEX(Jesper!AL$2:AL$366,ROUNDDOWN($C2511/24,0)+1,1))-1)+IF('Standard Profiles'!$G$22=$B$10,7,0)+IF('Standard Profiles'!$G$22=$B$17,14,0)+IF('Standard Profiles'!$G$22=$B$24,21,0),MOD($C2511,24)+1)/SUM(INDEX($D$3:$AA$30,INDEX(Jesper!$R$2:$R$366,ROW(INDEX(Jesper!AL$2:AL$366,ROUNDDOWN($C2511/24,0)+1,1))-1)+IF('Standard Profiles'!$G$22=$B$10,7,0)+IF('Standard Profiles'!$G$22=$B$17,14,0)+IF('Standard Profiles'!$G$22=$B$24,21,0),0)),0)</f>
        <v>0</v>
      </c>
      <c r="I2511">
        <f t="shared" si="286"/>
        <v>3.3231155867147875</v>
      </c>
      <c r="J2511">
        <f t="shared" si="287"/>
        <v>14.308580285379536</v>
      </c>
      <c r="K2511">
        <f t="shared" si="288"/>
        <v>0.59438162617541013</v>
      </c>
      <c r="L2511">
        <f t="shared" si="289"/>
        <v>0.29719081308770506</v>
      </c>
      <c r="M2511">
        <f t="shared" si="290"/>
        <v>0</v>
      </c>
      <c r="N2511" s="45">
        <f t="shared" si="291"/>
        <v>45030.208333327326</v>
      </c>
    </row>
    <row r="2512" spans="2:14" x14ac:dyDescent="0.25">
      <c r="B2512">
        <f t="shared" si="285"/>
        <v>5</v>
      </c>
      <c r="C2512" s="16">
        <v>2478</v>
      </c>
      <c r="D2512" cm="1">
        <f t="array" ref="D2512">IFERROR(INDEX(Jesper!AH$2:AH$366,ROUNDDOWN($C2512/24,0)+1,1)*INDEX($D$3:$AA$30,INDEX(Jesper!$R$2:$R$366,ROW(INDEX(Jesper!AH$2:AH$366,ROUNDDOWN($C2512/24,0)+1,1))-1)+IF('Standard Profiles'!$G$18=$B$10,7,0)+IF('Standard Profiles'!$G$18=$B$17,14,0)+IF('Standard Profiles'!$G$18=$B$24,21,0),MOD($C2512,24)+1)/SUM(INDEX($D$3:$AA$30,INDEX(Jesper!$R$2:$R$366,ROW(INDEX(Jesper!AH$2:AH$366,ROUNDDOWN($C2512/24,0)+1,1))-1)+IF('Standard Profiles'!$G$18=$B$10,7,0)+IF('Standard Profiles'!$G$18=$B$17,14,0)+IF('Standard Profiles'!$G$18=$B$24,21,0),0)),0)</f>
        <v>5.5723277453944693</v>
      </c>
      <c r="E2512" cm="1">
        <f t="array" ref="E2512">IFERROR(INDEX(Jesper!AI$2:AI$366,ROUNDDOWN($C2512/24,0)+1,1)*INDEX($D$3:$AA$30,INDEX(Jesper!$R$2:$R$366,ROW(INDEX(Jesper!AI$2:AI$366,ROUNDDOWN($C2512/24,0)+1,1))-1)+IF('Standard Profiles'!$G$19=$B$10,7,0)+IF('Standard Profiles'!$G$19=$B$17,14,0)+IF('Standard Profiles'!$G$19=$B$24,21,0),MOD($C2512,24)+1)/SUM(INDEX($D$3:$AA$30,INDEX(Jesper!$R$2:$R$366,ROW(INDEX(Jesper!AI$2:AI$366,ROUNDDOWN($C2512/24,0)+1,1))-1)+IF('Standard Profiles'!$G$19=$B$10,7,0)+IF('Standard Profiles'!$G$19=$B$17,14,0)+IF('Standard Profiles'!$G$19=$B$24,21,0),0)),0)</f>
        <v>6.027783093640493</v>
      </c>
      <c r="F2512" cm="1">
        <f t="array" ref="F2512">IFERROR(INDEX(Jesper!AJ$2:AJ$366,ROUNDDOWN($C2512/24,0)+1,1)*INDEX($D$3:$AA$30,INDEX(Jesper!$R$2:$R$366,ROW(INDEX(Jesper!AJ$2:AJ$366,ROUNDDOWN($C2512/24,0)+1,1))-1)+IF('Standard Profiles'!$G$20=$B$10,7,0)+IF('Standard Profiles'!$G$20=$B$17,14,0)+IF('Standard Profiles'!$G$20=$B$24,21,0),MOD($C2512,24)+1)/SUM(INDEX($D$3:$AA$30,INDEX(Jesper!$R$2:$R$366,ROW(INDEX(Jesper!AJ$2:AJ$366,ROUNDDOWN($C2512/24,0)+1,1))-1)+IF('Standard Profiles'!$G$20=$B$10,7,0)+IF('Standard Profiles'!$G$20=$B$17,14,0)+IF('Standard Profiles'!$G$20=$B$24,21,0),0)),0)</f>
        <v>0</v>
      </c>
      <c r="G2512" cm="1">
        <f t="array" ref="G2512">IFERROR(INDEX(Jesper!AK$2:AK$366,ROUNDDOWN($C2512/24,0)+1,1)*INDEX($D$3:$AA$30,INDEX(Jesper!$R$2:$R$366,ROW(INDEX(Jesper!AK$2:AK$366,ROUNDDOWN($C2512/24,0)+1,1))-1)+IF('Standard Profiles'!$G$21=$B$10,7,0)+IF('Standard Profiles'!$G$21=$B$17,14,0)+IF('Standard Profiles'!$G$21=$B$24,21,0),MOD($C2512,24)+1)/SUM(INDEX($D$3:$AA$30,INDEX(Jesper!$R$2:$R$366,ROW(INDEX(Jesper!AK$2:AK$366,ROUNDDOWN($C2512/24,0)+1,1))-1)+IF('Standard Profiles'!$G$21=$B$10,7,0)+IF('Standard Profiles'!$G$21=$B$17,14,0)+IF('Standard Profiles'!$G$21=$B$24,21,0),0)),0)</f>
        <v>6.9231574723224769</v>
      </c>
      <c r="H2512" cm="1">
        <f t="array" ref="H2512">IFERROR(INDEX(Jesper!AL$2:AL$366,ROUNDDOWN($C2512/24,0)+1,1)*INDEX($D$3:$AA$30,INDEX(Jesper!$R$2:$R$366,ROW(INDEX(Jesper!AL$2:AL$366,ROUNDDOWN($C2512/24,0)+1,1))-1)+IF('Standard Profiles'!$G$22=$B$10,7,0)+IF('Standard Profiles'!$G$22=$B$17,14,0)+IF('Standard Profiles'!$G$22=$B$24,21,0),MOD($C2512,24)+1)/SUM(INDEX($D$3:$AA$30,INDEX(Jesper!$R$2:$R$366,ROW(INDEX(Jesper!AL$2:AL$366,ROUNDDOWN($C2512/24,0)+1,1))-1)+IF('Standard Profiles'!$G$22=$B$10,7,0)+IF('Standard Profiles'!$G$22=$B$17,14,0)+IF('Standard Profiles'!$G$22=$B$24,21,0),0)),0)</f>
        <v>0</v>
      </c>
      <c r="I2512">
        <f t="shared" si="286"/>
        <v>3.3231155867147875</v>
      </c>
      <c r="J2512">
        <f t="shared" si="287"/>
        <v>14.308580285379536</v>
      </c>
      <c r="K2512">
        <f t="shared" si="288"/>
        <v>0.59438162617541013</v>
      </c>
      <c r="L2512">
        <f t="shared" si="289"/>
        <v>0.29719081308770506</v>
      </c>
      <c r="M2512">
        <f t="shared" si="290"/>
        <v>0</v>
      </c>
      <c r="N2512" s="45">
        <f t="shared" si="291"/>
        <v>45030.24999999399</v>
      </c>
    </row>
    <row r="2513" spans="2:14" x14ac:dyDescent="0.25">
      <c r="B2513">
        <f t="shared" si="285"/>
        <v>5</v>
      </c>
      <c r="C2513" s="16">
        <v>2479</v>
      </c>
      <c r="D2513" cm="1">
        <f t="array" ref="D2513">IFERROR(INDEX(Jesper!AH$2:AH$366,ROUNDDOWN($C2513/24,0)+1,1)*INDEX($D$3:$AA$30,INDEX(Jesper!$R$2:$R$366,ROW(INDEX(Jesper!AH$2:AH$366,ROUNDDOWN($C2513/24,0)+1,1))-1)+IF('Standard Profiles'!$G$18=$B$10,7,0)+IF('Standard Profiles'!$G$18=$B$17,14,0)+IF('Standard Profiles'!$G$18=$B$24,21,0),MOD($C2513,24)+1)/SUM(INDEX($D$3:$AA$30,INDEX(Jesper!$R$2:$R$366,ROW(INDEX(Jesper!AH$2:AH$366,ROUNDDOWN($C2513/24,0)+1,1))-1)+IF('Standard Profiles'!$G$18=$B$10,7,0)+IF('Standard Profiles'!$G$18=$B$17,14,0)+IF('Standard Profiles'!$G$18=$B$24,21,0),0)),0)</f>
        <v>23.738116195380442</v>
      </c>
      <c r="E2513" cm="1">
        <f t="array" ref="E2513">IFERROR(INDEX(Jesper!AI$2:AI$366,ROUNDDOWN($C2513/24,0)+1,1)*INDEX($D$3:$AA$30,INDEX(Jesper!$R$2:$R$366,ROW(INDEX(Jesper!AI$2:AI$366,ROUNDDOWN($C2513/24,0)+1,1))-1)+IF('Standard Profiles'!$G$19=$B$10,7,0)+IF('Standard Profiles'!$G$19=$B$17,14,0)+IF('Standard Profiles'!$G$19=$B$24,21,0),MOD($C2513,24)+1)/SUM(INDEX($D$3:$AA$30,INDEX(Jesper!$R$2:$R$366,ROW(INDEX(Jesper!AI$2:AI$366,ROUNDDOWN($C2513/24,0)+1,1))-1)+IF('Standard Profiles'!$G$19=$B$10,7,0)+IF('Standard Profiles'!$G$19=$B$17,14,0)+IF('Standard Profiles'!$G$19=$B$24,21,0),0)),0)</f>
        <v>25.678355978908499</v>
      </c>
      <c r="F2513" cm="1">
        <f t="array" ref="F2513">IFERROR(INDEX(Jesper!AJ$2:AJ$366,ROUNDDOWN($C2513/24,0)+1,1)*INDEX($D$3:$AA$30,INDEX(Jesper!$R$2:$R$366,ROW(INDEX(Jesper!AJ$2:AJ$366,ROUNDDOWN($C2513/24,0)+1,1))-1)+IF('Standard Profiles'!$G$20=$B$10,7,0)+IF('Standard Profiles'!$G$20=$B$17,14,0)+IF('Standard Profiles'!$G$20=$B$24,21,0),MOD($C2513,24)+1)/SUM(INDEX($D$3:$AA$30,INDEX(Jesper!$R$2:$R$366,ROW(INDEX(Jesper!AJ$2:AJ$366,ROUNDDOWN($C2513/24,0)+1,1))-1)+IF('Standard Profiles'!$G$20=$B$10,7,0)+IF('Standard Profiles'!$G$20=$B$17,14,0)+IF('Standard Profiles'!$G$20=$B$24,21,0),0)),0)</f>
        <v>0</v>
      </c>
      <c r="G2513" cm="1">
        <f t="array" ref="G2513">IFERROR(INDEX(Jesper!AK$2:AK$366,ROUNDDOWN($C2513/24,0)+1,1)*INDEX($D$3:$AA$30,INDEX(Jesper!$R$2:$R$366,ROW(INDEX(Jesper!AK$2:AK$366,ROUNDDOWN($C2513/24,0)+1,1))-1)+IF('Standard Profiles'!$G$21=$B$10,7,0)+IF('Standard Profiles'!$G$21=$B$17,14,0)+IF('Standard Profiles'!$G$21=$B$24,21,0),MOD($C2513,24)+1)/SUM(INDEX($D$3:$AA$30,INDEX(Jesper!$R$2:$R$366,ROW(INDEX(Jesper!AK$2:AK$366,ROUNDDOWN($C2513/24,0)+1,1))-1)+IF('Standard Profiles'!$G$21=$B$10,7,0)+IF('Standard Profiles'!$G$21=$B$17,14,0)+IF('Standard Profiles'!$G$21=$B$24,21,0),0)),0)</f>
        <v>18.759523473389937</v>
      </c>
      <c r="H2513" cm="1">
        <f t="array" ref="H2513">IFERROR(INDEX(Jesper!AL$2:AL$366,ROUNDDOWN($C2513/24,0)+1,1)*INDEX($D$3:$AA$30,INDEX(Jesper!$R$2:$R$366,ROW(INDEX(Jesper!AL$2:AL$366,ROUNDDOWN($C2513/24,0)+1,1))-1)+IF('Standard Profiles'!$G$22=$B$10,7,0)+IF('Standard Profiles'!$G$22=$B$17,14,0)+IF('Standard Profiles'!$G$22=$B$24,21,0),MOD($C2513,24)+1)/SUM(INDEX($D$3:$AA$30,INDEX(Jesper!$R$2:$R$366,ROW(INDEX(Jesper!AL$2:AL$366,ROUNDDOWN($C2513/24,0)+1,1))-1)+IF('Standard Profiles'!$G$22=$B$10,7,0)+IF('Standard Profiles'!$G$22=$B$17,14,0)+IF('Standard Profiles'!$G$22=$B$24,21,0),0)),0)</f>
        <v>0</v>
      </c>
      <c r="I2513">
        <f t="shared" si="286"/>
        <v>9.0045712672271652</v>
      </c>
      <c r="J2513">
        <f t="shared" si="287"/>
        <v>55.373325789190844</v>
      </c>
      <c r="K2513">
        <f t="shared" si="288"/>
        <v>2.5320657275072471</v>
      </c>
      <c r="L2513">
        <f t="shared" si="289"/>
        <v>1.2660328637536236</v>
      </c>
      <c r="M2513">
        <f t="shared" si="290"/>
        <v>0</v>
      </c>
      <c r="N2513" s="45">
        <f t="shared" si="291"/>
        <v>45030.291666660654</v>
      </c>
    </row>
    <row r="2514" spans="2:14" x14ac:dyDescent="0.25">
      <c r="B2514">
        <f t="shared" si="285"/>
        <v>5</v>
      </c>
      <c r="C2514" s="16">
        <v>2480</v>
      </c>
      <c r="D2514" cm="1">
        <f t="array" ref="D2514">IFERROR(INDEX(Jesper!AH$2:AH$366,ROUNDDOWN($C2514/24,0)+1,1)*INDEX($D$3:$AA$30,INDEX(Jesper!$R$2:$R$366,ROW(INDEX(Jesper!AH$2:AH$366,ROUNDDOWN($C2514/24,0)+1,1))-1)+IF('Standard Profiles'!$G$18=$B$10,7,0)+IF('Standard Profiles'!$G$18=$B$17,14,0)+IF('Standard Profiles'!$G$18=$B$24,21,0),MOD($C2514,24)+1)/SUM(INDEX($D$3:$AA$30,INDEX(Jesper!$R$2:$R$366,ROW(INDEX(Jesper!AH$2:AH$366,ROUNDDOWN($C2514/24,0)+1,1))-1)+IF('Standard Profiles'!$G$18=$B$10,7,0)+IF('Standard Profiles'!$G$18=$B$17,14,0)+IF('Standard Profiles'!$G$18=$B$24,21,0),0)),0)</f>
        <v>29.672645244225549</v>
      </c>
      <c r="E2514" cm="1">
        <f t="array" ref="E2514">IFERROR(INDEX(Jesper!AI$2:AI$366,ROUNDDOWN($C2514/24,0)+1,1)*INDEX($D$3:$AA$30,INDEX(Jesper!$R$2:$R$366,ROW(INDEX(Jesper!AI$2:AI$366,ROUNDDOWN($C2514/24,0)+1,1))-1)+IF('Standard Profiles'!$G$19=$B$10,7,0)+IF('Standard Profiles'!$G$19=$B$17,14,0)+IF('Standard Profiles'!$G$19=$B$24,21,0),MOD($C2514,24)+1)/SUM(INDEX($D$3:$AA$30,INDEX(Jesper!$R$2:$R$366,ROW(INDEX(Jesper!AI$2:AI$366,ROUNDDOWN($C2514/24,0)+1,1))-1)+IF('Standard Profiles'!$G$19=$B$10,7,0)+IF('Standard Profiles'!$G$19=$B$17,14,0)+IF('Standard Profiles'!$G$19=$B$24,21,0),0)),0)</f>
        <v>32.097944973635627</v>
      </c>
      <c r="F2514" cm="1">
        <f t="array" ref="F2514">IFERROR(INDEX(Jesper!AJ$2:AJ$366,ROUNDDOWN($C2514/24,0)+1,1)*INDEX($D$3:$AA$30,INDEX(Jesper!$R$2:$R$366,ROW(INDEX(Jesper!AJ$2:AJ$366,ROUNDDOWN($C2514/24,0)+1,1))-1)+IF('Standard Profiles'!$G$20=$B$10,7,0)+IF('Standard Profiles'!$G$20=$B$17,14,0)+IF('Standard Profiles'!$G$20=$B$24,21,0),MOD($C2514,24)+1)/SUM(INDEX($D$3:$AA$30,INDEX(Jesper!$R$2:$R$366,ROW(INDEX(Jesper!AJ$2:AJ$366,ROUNDDOWN($C2514/24,0)+1,1))-1)+IF('Standard Profiles'!$G$20=$B$10,7,0)+IF('Standard Profiles'!$G$20=$B$17,14,0)+IF('Standard Profiles'!$G$20=$B$24,21,0),0)),0)</f>
        <v>0</v>
      </c>
      <c r="G2514" cm="1">
        <f t="array" ref="G2514">IFERROR(INDEX(Jesper!AK$2:AK$366,ROUNDDOWN($C2514/24,0)+1,1)*INDEX($D$3:$AA$30,INDEX(Jesper!$R$2:$R$366,ROW(INDEX(Jesper!AK$2:AK$366,ROUNDDOWN($C2514/24,0)+1,1))-1)+IF('Standard Profiles'!$G$21=$B$10,7,0)+IF('Standard Profiles'!$G$21=$B$17,14,0)+IF('Standard Profiles'!$G$21=$B$24,21,0),MOD($C2514,24)+1)/SUM(INDEX($D$3:$AA$30,INDEX(Jesper!$R$2:$R$366,ROW(INDEX(Jesper!AK$2:AK$366,ROUNDDOWN($C2514/24,0)+1,1))-1)+IF('Standard Profiles'!$G$21=$B$10,7,0)+IF('Standard Profiles'!$G$21=$B$17,14,0)+IF('Standard Profiles'!$G$21=$B$24,21,0),0)),0)</f>
        <v>23.44940434173742</v>
      </c>
      <c r="H2514" cm="1">
        <f t="array" ref="H2514">IFERROR(INDEX(Jesper!AL$2:AL$366,ROUNDDOWN($C2514/24,0)+1,1)*INDEX($D$3:$AA$30,INDEX(Jesper!$R$2:$R$366,ROW(INDEX(Jesper!AL$2:AL$366,ROUNDDOWN($C2514/24,0)+1,1))-1)+IF('Standard Profiles'!$G$22=$B$10,7,0)+IF('Standard Profiles'!$G$22=$B$17,14,0)+IF('Standard Profiles'!$G$22=$B$24,21,0),MOD($C2514,24)+1)/SUM(INDEX($D$3:$AA$30,INDEX(Jesper!$R$2:$R$366,ROW(INDEX(Jesper!AL$2:AL$366,ROUNDDOWN($C2514/24,0)+1,1))-1)+IF('Standard Profiles'!$G$22=$B$10,7,0)+IF('Standard Profiles'!$G$22=$B$17,14,0)+IF('Standard Profiles'!$G$22=$B$24,21,0),0)),0)</f>
        <v>0</v>
      </c>
      <c r="I2514">
        <f t="shared" si="286"/>
        <v>11.255714084033956</v>
      </c>
      <c r="J2514">
        <f t="shared" si="287"/>
        <v>69.216657236488558</v>
      </c>
      <c r="K2514">
        <f t="shared" si="288"/>
        <v>3.1650821593840588</v>
      </c>
      <c r="L2514">
        <f t="shared" si="289"/>
        <v>1.5825410796920294</v>
      </c>
      <c r="M2514">
        <f t="shared" si="290"/>
        <v>0</v>
      </c>
      <c r="N2514" s="45">
        <f t="shared" si="291"/>
        <v>45030.333333327319</v>
      </c>
    </row>
    <row r="2515" spans="2:14" x14ac:dyDescent="0.25">
      <c r="B2515">
        <f t="shared" si="285"/>
        <v>5</v>
      </c>
      <c r="C2515" s="16">
        <v>2481</v>
      </c>
      <c r="D2515" cm="1">
        <f t="array" ref="D2515">IFERROR(INDEX(Jesper!AH$2:AH$366,ROUNDDOWN($C2515/24,0)+1,1)*INDEX($D$3:$AA$30,INDEX(Jesper!$R$2:$R$366,ROW(INDEX(Jesper!AH$2:AH$366,ROUNDDOWN($C2515/24,0)+1,1))-1)+IF('Standard Profiles'!$G$18=$B$10,7,0)+IF('Standard Profiles'!$G$18=$B$17,14,0)+IF('Standard Profiles'!$G$18=$B$24,21,0),MOD($C2515,24)+1)/SUM(INDEX($D$3:$AA$30,INDEX(Jesper!$R$2:$R$366,ROW(INDEX(Jesper!AH$2:AH$366,ROUNDDOWN($C2515/24,0)+1,1))-1)+IF('Standard Profiles'!$G$18=$B$10,7,0)+IF('Standard Profiles'!$G$18=$B$17,14,0)+IF('Standard Profiles'!$G$18=$B$24,21,0),0)),0)</f>
        <v>32.63990976864811</v>
      </c>
      <c r="E2515" cm="1">
        <f t="array" ref="E2515">IFERROR(INDEX(Jesper!AI$2:AI$366,ROUNDDOWN($C2515/24,0)+1,1)*INDEX($D$3:$AA$30,INDEX(Jesper!$R$2:$R$366,ROW(INDEX(Jesper!AI$2:AI$366,ROUNDDOWN($C2515/24,0)+1,1))-1)+IF('Standard Profiles'!$G$19=$B$10,7,0)+IF('Standard Profiles'!$G$19=$B$17,14,0)+IF('Standard Profiles'!$G$19=$B$24,21,0),MOD($C2515,24)+1)/SUM(INDEX($D$3:$AA$30,INDEX(Jesper!$R$2:$R$366,ROW(INDEX(Jesper!AI$2:AI$366,ROUNDDOWN($C2515/24,0)+1,1))-1)+IF('Standard Profiles'!$G$19=$B$10,7,0)+IF('Standard Profiles'!$G$19=$B$17,14,0)+IF('Standard Profiles'!$G$19=$B$24,21,0),0)),0)</f>
        <v>35.307739470999188</v>
      </c>
      <c r="F2515" cm="1">
        <f t="array" ref="F2515">IFERROR(INDEX(Jesper!AJ$2:AJ$366,ROUNDDOWN($C2515/24,0)+1,1)*INDEX($D$3:$AA$30,INDEX(Jesper!$R$2:$R$366,ROW(INDEX(Jesper!AJ$2:AJ$366,ROUNDDOWN($C2515/24,0)+1,1))-1)+IF('Standard Profiles'!$G$20=$B$10,7,0)+IF('Standard Profiles'!$G$20=$B$17,14,0)+IF('Standard Profiles'!$G$20=$B$24,21,0),MOD($C2515,24)+1)/SUM(INDEX($D$3:$AA$30,INDEX(Jesper!$R$2:$R$366,ROW(INDEX(Jesper!AJ$2:AJ$366,ROUNDDOWN($C2515/24,0)+1,1))-1)+IF('Standard Profiles'!$G$20=$B$10,7,0)+IF('Standard Profiles'!$G$20=$B$17,14,0)+IF('Standard Profiles'!$G$20=$B$24,21,0),0)),0)</f>
        <v>0</v>
      </c>
      <c r="G2515" cm="1">
        <f t="array" ref="G2515">IFERROR(INDEX(Jesper!AK$2:AK$366,ROUNDDOWN($C2515/24,0)+1,1)*INDEX($D$3:$AA$30,INDEX(Jesper!$R$2:$R$366,ROW(INDEX(Jesper!AK$2:AK$366,ROUNDDOWN($C2515/24,0)+1,1))-1)+IF('Standard Profiles'!$G$21=$B$10,7,0)+IF('Standard Profiles'!$G$21=$B$17,14,0)+IF('Standard Profiles'!$G$21=$B$24,21,0),MOD($C2515,24)+1)/SUM(INDEX($D$3:$AA$30,INDEX(Jesper!$R$2:$R$366,ROW(INDEX(Jesper!AK$2:AK$366,ROUNDDOWN($C2515/24,0)+1,1))-1)+IF('Standard Profiles'!$G$21=$B$10,7,0)+IF('Standard Profiles'!$G$21=$B$17,14,0)+IF('Standard Profiles'!$G$21=$B$24,21,0),0)),0)</f>
        <v>25.794344775911163</v>
      </c>
      <c r="H2515" cm="1">
        <f t="array" ref="H2515">IFERROR(INDEX(Jesper!AL$2:AL$366,ROUNDDOWN($C2515/24,0)+1,1)*INDEX($D$3:$AA$30,INDEX(Jesper!$R$2:$R$366,ROW(INDEX(Jesper!AL$2:AL$366,ROUNDDOWN($C2515/24,0)+1,1))-1)+IF('Standard Profiles'!$G$22=$B$10,7,0)+IF('Standard Profiles'!$G$22=$B$17,14,0)+IF('Standard Profiles'!$G$22=$B$24,21,0),MOD($C2515,24)+1)/SUM(INDEX($D$3:$AA$30,INDEX(Jesper!$R$2:$R$366,ROW(INDEX(Jesper!AL$2:AL$366,ROUNDDOWN($C2515/24,0)+1,1))-1)+IF('Standard Profiles'!$G$22=$B$10,7,0)+IF('Standard Profiles'!$G$22=$B$17,14,0)+IF('Standard Profiles'!$G$22=$B$24,21,0),0)),0)</f>
        <v>0</v>
      </c>
      <c r="I2515">
        <f t="shared" si="286"/>
        <v>12.381285492437351</v>
      </c>
      <c r="J2515">
        <f t="shared" si="287"/>
        <v>76.138322960137415</v>
      </c>
      <c r="K2515">
        <f t="shared" si="288"/>
        <v>3.4815903753224653</v>
      </c>
      <c r="L2515">
        <f t="shared" si="289"/>
        <v>1.7407951876612326</v>
      </c>
      <c r="M2515">
        <f t="shared" si="290"/>
        <v>0</v>
      </c>
      <c r="N2515" s="45">
        <f t="shared" si="291"/>
        <v>45030.374999993983</v>
      </c>
    </row>
    <row r="2516" spans="2:14" x14ac:dyDescent="0.25">
      <c r="B2516">
        <f t="shared" si="285"/>
        <v>5</v>
      </c>
      <c r="C2516" s="16">
        <v>2482</v>
      </c>
      <c r="D2516" cm="1">
        <f t="array" ref="D2516">IFERROR(INDEX(Jesper!AH$2:AH$366,ROUNDDOWN($C2516/24,0)+1,1)*INDEX($D$3:$AA$30,INDEX(Jesper!$R$2:$R$366,ROW(INDEX(Jesper!AH$2:AH$366,ROUNDDOWN($C2516/24,0)+1,1))-1)+IF('Standard Profiles'!$G$18=$B$10,7,0)+IF('Standard Profiles'!$G$18=$B$17,14,0)+IF('Standard Profiles'!$G$18=$B$24,21,0),MOD($C2516,24)+1)/SUM(INDEX($D$3:$AA$30,INDEX(Jesper!$R$2:$R$366,ROW(INDEX(Jesper!AH$2:AH$366,ROUNDDOWN($C2516/24,0)+1,1))-1)+IF('Standard Profiles'!$G$18=$B$10,7,0)+IF('Standard Profiles'!$G$18=$B$17,14,0)+IF('Standard Profiles'!$G$18=$B$24,21,0),0)),0)</f>
        <v>32.63990976864811</v>
      </c>
      <c r="E2516" cm="1">
        <f t="array" ref="E2516">IFERROR(INDEX(Jesper!AI$2:AI$366,ROUNDDOWN($C2516/24,0)+1,1)*INDEX($D$3:$AA$30,INDEX(Jesper!$R$2:$R$366,ROW(INDEX(Jesper!AI$2:AI$366,ROUNDDOWN($C2516/24,0)+1,1))-1)+IF('Standard Profiles'!$G$19=$B$10,7,0)+IF('Standard Profiles'!$G$19=$B$17,14,0)+IF('Standard Profiles'!$G$19=$B$24,21,0),MOD($C2516,24)+1)/SUM(INDEX($D$3:$AA$30,INDEX(Jesper!$R$2:$R$366,ROW(INDEX(Jesper!AI$2:AI$366,ROUNDDOWN($C2516/24,0)+1,1))-1)+IF('Standard Profiles'!$G$19=$B$10,7,0)+IF('Standard Profiles'!$G$19=$B$17,14,0)+IF('Standard Profiles'!$G$19=$B$24,21,0),0)),0)</f>
        <v>35.307739470999188</v>
      </c>
      <c r="F2516" cm="1">
        <f t="array" ref="F2516">IFERROR(INDEX(Jesper!AJ$2:AJ$366,ROUNDDOWN($C2516/24,0)+1,1)*INDEX($D$3:$AA$30,INDEX(Jesper!$R$2:$R$366,ROW(INDEX(Jesper!AJ$2:AJ$366,ROUNDDOWN($C2516/24,0)+1,1))-1)+IF('Standard Profiles'!$G$20=$B$10,7,0)+IF('Standard Profiles'!$G$20=$B$17,14,0)+IF('Standard Profiles'!$G$20=$B$24,21,0),MOD($C2516,24)+1)/SUM(INDEX($D$3:$AA$30,INDEX(Jesper!$R$2:$R$366,ROW(INDEX(Jesper!AJ$2:AJ$366,ROUNDDOWN($C2516/24,0)+1,1))-1)+IF('Standard Profiles'!$G$20=$B$10,7,0)+IF('Standard Profiles'!$G$20=$B$17,14,0)+IF('Standard Profiles'!$G$20=$B$24,21,0),0)),0)</f>
        <v>0</v>
      </c>
      <c r="G2516" cm="1">
        <f t="array" ref="G2516">IFERROR(INDEX(Jesper!AK$2:AK$366,ROUNDDOWN($C2516/24,0)+1,1)*INDEX($D$3:$AA$30,INDEX(Jesper!$R$2:$R$366,ROW(INDEX(Jesper!AK$2:AK$366,ROUNDDOWN($C2516/24,0)+1,1))-1)+IF('Standard Profiles'!$G$21=$B$10,7,0)+IF('Standard Profiles'!$G$21=$B$17,14,0)+IF('Standard Profiles'!$G$21=$B$24,21,0),MOD($C2516,24)+1)/SUM(INDEX($D$3:$AA$30,INDEX(Jesper!$R$2:$R$366,ROW(INDEX(Jesper!AK$2:AK$366,ROUNDDOWN($C2516/24,0)+1,1))-1)+IF('Standard Profiles'!$G$21=$B$10,7,0)+IF('Standard Profiles'!$G$21=$B$17,14,0)+IF('Standard Profiles'!$G$21=$B$24,21,0),0)),0)</f>
        <v>25.794344775911163</v>
      </c>
      <c r="H2516" cm="1">
        <f t="array" ref="H2516">IFERROR(INDEX(Jesper!AL$2:AL$366,ROUNDDOWN($C2516/24,0)+1,1)*INDEX($D$3:$AA$30,INDEX(Jesper!$R$2:$R$366,ROW(INDEX(Jesper!AL$2:AL$366,ROUNDDOWN($C2516/24,0)+1,1))-1)+IF('Standard Profiles'!$G$22=$B$10,7,0)+IF('Standard Profiles'!$G$22=$B$17,14,0)+IF('Standard Profiles'!$G$22=$B$24,21,0),MOD($C2516,24)+1)/SUM(INDEX($D$3:$AA$30,INDEX(Jesper!$R$2:$R$366,ROW(INDEX(Jesper!AL$2:AL$366,ROUNDDOWN($C2516/24,0)+1,1))-1)+IF('Standard Profiles'!$G$22=$B$10,7,0)+IF('Standard Profiles'!$G$22=$B$17,14,0)+IF('Standard Profiles'!$G$22=$B$24,21,0),0)),0)</f>
        <v>0</v>
      </c>
      <c r="I2516">
        <f t="shared" si="286"/>
        <v>12.381285492437351</v>
      </c>
      <c r="J2516">
        <f t="shared" si="287"/>
        <v>76.138322960137415</v>
      </c>
      <c r="K2516">
        <f t="shared" si="288"/>
        <v>3.4815903753224653</v>
      </c>
      <c r="L2516">
        <f t="shared" si="289"/>
        <v>1.7407951876612326</v>
      </c>
      <c r="M2516">
        <f t="shared" si="290"/>
        <v>0</v>
      </c>
      <c r="N2516" s="45">
        <f t="shared" si="291"/>
        <v>45030.416666660647</v>
      </c>
    </row>
    <row r="2517" spans="2:14" x14ac:dyDescent="0.25">
      <c r="B2517">
        <f t="shared" si="285"/>
        <v>5</v>
      </c>
      <c r="C2517" s="16">
        <v>2483</v>
      </c>
      <c r="D2517" cm="1">
        <f t="array" ref="D2517">IFERROR(INDEX(Jesper!AH$2:AH$366,ROUNDDOWN($C2517/24,0)+1,1)*INDEX($D$3:$AA$30,INDEX(Jesper!$R$2:$R$366,ROW(INDEX(Jesper!AH$2:AH$366,ROUNDDOWN($C2517/24,0)+1,1))-1)+IF('Standard Profiles'!$G$18=$B$10,7,0)+IF('Standard Profiles'!$G$18=$B$17,14,0)+IF('Standard Profiles'!$G$18=$B$24,21,0),MOD($C2517,24)+1)/SUM(INDEX($D$3:$AA$30,INDEX(Jesper!$R$2:$R$366,ROW(INDEX(Jesper!AH$2:AH$366,ROUNDDOWN($C2517/24,0)+1,1))-1)+IF('Standard Profiles'!$G$18=$B$10,7,0)+IF('Standard Profiles'!$G$18=$B$17,14,0)+IF('Standard Profiles'!$G$18=$B$24,21,0),0)),0)</f>
        <v>38.574438817493217</v>
      </c>
      <c r="E2517" cm="1">
        <f t="array" ref="E2517">IFERROR(INDEX(Jesper!AI$2:AI$366,ROUNDDOWN($C2517/24,0)+1,1)*INDEX($D$3:$AA$30,INDEX(Jesper!$R$2:$R$366,ROW(INDEX(Jesper!AI$2:AI$366,ROUNDDOWN($C2517/24,0)+1,1))-1)+IF('Standard Profiles'!$G$19=$B$10,7,0)+IF('Standard Profiles'!$G$19=$B$17,14,0)+IF('Standard Profiles'!$G$19=$B$24,21,0),MOD($C2517,24)+1)/SUM(INDEX($D$3:$AA$30,INDEX(Jesper!$R$2:$R$366,ROW(INDEX(Jesper!AI$2:AI$366,ROUNDDOWN($C2517/24,0)+1,1))-1)+IF('Standard Profiles'!$G$19=$B$10,7,0)+IF('Standard Profiles'!$G$19=$B$17,14,0)+IF('Standard Profiles'!$G$19=$B$24,21,0),0)),0)</f>
        <v>41.727328465726316</v>
      </c>
      <c r="F2517" cm="1">
        <f t="array" ref="F2517">IFERROR(INDEX(Jesper!AJ$2:AJ$366,ROUNDDOWN($C2517/24,0)+1,1)*INDEX($D$3:$AA$30,INDEX(Jesper!$R$2:$R$366,ROW(INDEX(Jesper!AJ$2:AJ$366,ROUNDDOWN($C2517/24,0)+1,1))-1)+IF('Standard Profiles'!$G$20=$B$10,7,0)+IF('Standard Profiles'!$G$20=$B$17,14,0)+IF('Standard Profiles'!$G$20=$B$24,21,0),MOD($C2517,24)+1)/SUM(INDEX($D$3:$AA$30,INDEX(Jesper!$R$2:$R$366,ROW(INDEX(Jesper!AJ$2:AJ$366,ROUNDDOWN($C2517/24,0)+1,1))-1)+IF('Standard Profiles'!$G$20=$B$10,7,0)+IF('Standard Profiles'!$G$20=$B$17,14,0)+IF('Standard Profiles'!$G$20=$B$24,21,0),0)),0)</f>
        <v>0</v>
      </c>
      <c r="G2517" cm="1">
        <f t="array" ref="G2517">IFERROR(INDEX(Jesper!AK$2:AK$366,ROUNDDOWN($C2517/24,0)+1,1)*INDEX($D$3:$AA$30,INDEX(Jesper!$R$2:$R$366,ROW(INDEX(Jesper!AK$2:AK$366,ROUNDDOWN($C2517/24,0)+1,1))-1)+IF('Standard Profiles'!$G$21=$B$10,7,0)+IF('Standard Profiles'!$G$21=$B$17,14,0)+IF('Standard Profiles'!$G$21=$B$24,21,0),MOD($C2517,24)+1)/SUM(INDEX($D$3:$AA$30,INDEX(Jesper!$R$2:$R$366,ROW(INDEX(Jesper!AK$2:AK$366,ROUNDDOWN($C2517/24,0)+1,1))-1)+IF('Standard Profiles'!$G$21=$B$10,7,0)+IF('Standard Profiles'!$G$21=$B$17,14,0)+IF('Standard Profiles'!$G$21=$B$24,21,0),0)),0)</f>
        <v>30.484225644258647</v>
      </c>
      <c r="H2517" cm="1">
        <f t="array" ref="H2517">IFERROR(INDEX(Jesper!AL$2:AL$366,ROUNDDOWN($C2517/24,0)+1,1)*INDEX($D$3:$AA$30,INDEX(Jesper!$R$2:$R$366,ROW(INDEX(Jesper!AL$2:AL$366,ROUNDDOWN($C2517/24,0)+1,1))-1)+IF('Standard Profiles'!$G$22=$B$10,7,0)+IF('Standard Profiles'!$G$22=$B$17,14,0)+IF('Standard Profiles'!$G$22=$B$24,21,0),MOD($C2517,24)+1)/SUM(INDEX($D$3:$AA$30,INDEX(Jesper!$R$2:$R$366,ROW(INDEX(Jesper!AL$2:AL$366,ROUNDDOWN($C2517/24,0)+1,1))-1)+IF('Standard Profiles'!$G$22=$B$10,7,0)+IF('Standard Profiles'!$G$22=$B$17,14,0)+IF('Standard Profiles'!$G$22=$B$24,21,0),0)),0)</f>
        <v>0</v>
      </c>
      <c r="I2517">
        <f t="shared" si="286"/>
        <v>14.632428309244142</v>
      </c>
      <c r="J2517">
        <f t="shared" si="287"/>
        <v>89.98165440743513</v>
      </c>
      <c r="K2517">
        <f t="shared" si="288"/>
        <v>4.1146068071992765</v>
      </c>
      <c r="L2517">
        <f t="shared" si="289"/>
        <v>2.0573034035996383</v>
      </c>
      <c r="M2517">
        <f t="shared" si="290"/>
        <v>0</v>
      </c>
      <c r="N2517" s="45">
        <f t="shared" si="291"/>
        <v>45030.458333327311</v>
      </c>
    </row>
    <row r="2518" spans="2:14" x14ac:dyDescent="0.25">
      <c r="B2518">
        <f t="shared" si="285"/>
        <v>5</v>
      </c>
      <c r="C2518" s="16">
        <v>2484</v>
      </c>
      <c r="D2518" cm="1">
        <f t="array" ref="D2518">IFERROR(INDEX(Jesper!AH$2:AH$366,ROUNDDOWN($C2518/24,0)+1,1)*INDEX($D$3:$AA$30,INDEX(Jesper!$R$2:$R$366,ROW(INDEX(Jesper!AH$2:AH$366,ROUNDDOWN($C2518/24,0)+1,1))-1)+IF('Standard Profiles'!$G$18=$B$10,7,0)+IF('Standard Profiles'!$G$18=$B$17,14,0)+IF('Standard Profiles'!$G$18=$B$24,21,0),MOD($C2518,24)+1)/SUM(INDEX($D$3:$AA$30,INDEX(Jesper!$R$2:$R$366,ROW(INDEX(Jesper!AH$2:AH$366,ROUNDDOWN($C2518/24,0)+1,1))-1)+IF('Standard Profiles'!$G$18=$B$10,7,0)+IF('Standard Profiles'!$G$18=$B$17,14,0)+IF('Standard Profiles'!$G$18=$B$24,21,0),0)),0)</f>
        <v>38.574438817493217</v>
      </c>
      <c r="E2518" cm="1">
        <f t="array" ref="E2518">IFERROR(INDEX(Jesper!AI$2:AI$366,ROUNDDOWN($C2518/24,0)+1,1)*INDEX($D$3:$AA$30,INDEX(Jesper!$R$2:$R$366,ROW(INDEX(Jesper!AI$2:AI$366,ROUNDDOWN($C2518/24,0)+1,1))-1)+IF('Standard Profiles'!$G$19=$B$10,7,0)+IF('Standard Profiles'!$G$19=$B$17,14,0)+IF('Standard Profiles'!$G$19=$B$24,21,0),MOD($C2518,24)+1)/SUM(INDEX($D$3:$AA$30,INDEX(Jesper!$R$2:$R$366,ROW(INDEX(Jesper!AI$2:AI$366,ROUNDDOWN($C2518/24,0)+1,1))-1)+IF('Standard Profiles'!$G$19=$B$10,7,0)+IF('Standard Profiles'!$G$19=$B$17,14,0)+IF('Standard Profiles'!$G$19=$B$24,21,0),0)),0)</f>
        <v>41.727328465726316</v>
      </c>
      <c r="F2518" cm="1">
        <f t="array" ref="F2518">IFERROR(INDEX(Jesper!AJ$2:AJ$366,ROUNDDOWN($C2518/24,0)+1,1)*INDEX($D$3:$AA$30,INDEX(Jesper!$R$2:$R$366,ROW(INDEX(Jesper!AJ$2:AJ$366,ROUNDDOWN($C2518/24,0)+1,1))-1)+IF('Standard Profiles'!$G$20=$B$10,7,0)+IF('Standard Profiles'!$G$20=$B$17,14,0)+IF('Standard Profiles'!$G$20=$B$24,21,0),MOD($C2518,24)+1)/SUM(INDEX($D$3:$AA$30,INDEX(Jesper!$R$2:$R$366,ROW(INDEX(Jesper!AJ$2:AJ$366,ROUNDDOWN($C2518/24,0)+1,1))-1)+IF('Standard Profiles'!$G$20=$B$10,7,0)+IF('Standard Profiles'!$G$20=$B$17,14,0)+IF('Standard Profiles'!$G$20=$B$24,21,0),0)),0)</f>
        <v>0</v>
      </c>
      <c r="G2518" cm="1">
        <f t="array" ref="G2518">IFERROR(INDEX(Jesper!AK$2:AK$366,ROUNDDOWN($C2518/24,0)+1,1)*INDEX($D$3:$AA$30,INDEX(Jesper!$R$2:$R$366,ROW(INDEX(Jesper!AK$2:AK$366,ROUNDDOWN($C2518/24,0)+1,1))-1)+IF('Standard Profiles'!$G$21=$B$10,7,0)+IF('Standard Profiles'!$G$21=$B$17,14,0)+IF('Standard Profiles'!$G$21=$B$24,21,0),MOD($C2518,24)+1)/SUM(INDEX($D$3:$AA$30,INDEX(Jesper!$R$2:$R$366,ROW(INDEX(Jesper!AK$2:AK$366,ROUNDDOWN($C2518/24,0)+1,1))-1)+IF('Standard Profiles'!$G$21=$B$10,7,0)+IF('Standard Profiles'!$G$21=$B$17,14,0)+IF('Standard Profiles'!$G$21=$B$24,21,0),0)),0)</f>
        <v>30.484225644258647</v>
      </c>
      <c r="H2518" cm="1">
        <f t="array" ref="H2518">IFERROR(INDEX(Jesper!AL$2:AL$366,ROUNDDOWN($C2518/24,0)+1,1)*INDEX($D$3:$AA$30,INDEX(Jesper!$R$2:$R$366,ROW(INDEX(Jesper!AL$2:AL$366,ROUNDDOWN($C2518/24,0)+1,1))-1)+IF('Standard Profiles'!$G$22=$B$10,7,0)+IF('Standard Profiles'!$G$22=$B$17,14,0)+IF('Standard Profiles'!$G$22=$B$24,21,0),MOD($C2518,24)+1)/SUM(INDEX($D$3:$AA$30,INDEX(Jesper!$R$2:$R$366,ROW(INDEX(Jesper!AL$2:AL$366,ROUNDDOWN($C2518/24,0)+1,1))-1)+IF('Standard Profiles'!$G$22=$B$10,7,0)+IF('Standard Profiles'!$G$22=$B$17,14,0)+IF('Standard Profiles'!$G$22=$B$24,21,0),0)),0)</f>
        <v>0</v>
      </c>
      <c r="I2518">
        <f t="shared" si="286"/>
        <v>14.632428309244142</v>
      </c>
      <c r="J2518">
        <f t="shared" si="287"/>
        <v>89.98165440743513</v>
      </c>
      <c r="K2518">
        <f t="shared" si="288"/>
        <v>4.1146068071992765</v>
      </c>
      <c r="L2518">
        <f t="shared" si="289"/>
        <v>2.0573034035996383</v>
      </c>
      <c r="M2518">
        <f t="shared" si="290"/>
        <v>0</v>
      </c>
      <c r="N2518" s="45">
        <f t="shared" si="291"/>
        <v>45030.499999993976</v>
      </c>
    </row>
    <row r="2519" spans="2:14" x14ac:dyDescent="0.25">
      <c r="B2519">
        <f t="shared" si="285"/>
        <v>5</v>
      </c>
      <c r="C2519" s="16">
        <v>2485</v>
      </c>
      <c r="D2519" cm="1">
        <f t="array" ref="D2519">IFERROR(INDEX(Jesper!AH$2:AH$366,ROUNDDOWN($C2519/24,0)+1,1)*INDEX($D$3:$AA$30,INDEX(Jesper!$R$2:$R$366,ROW(INDEX(Jesper!AH$2:AH$366,ROUNDDOWN($C2519/24,0)+1,1))-1)+IF('Standard Profiles'!$G$18=$B$10,7,0)+IF('Standard Profiles'!$G$18=$B$17,14,0)+IF('Standard Profiles'!$G$18=$B$24,21,0),MOD($C2519,24)+1)/SUM(INDEX($D$3:$AA$30,INDEX(Jesper!$R$2:$R$366,ROW(INDEX(Jesper!AH$2:AH$366,ROUNDDOWN($C2519/24,0)+1,1))-1)+IF('Standard Profiles'!$G$18=$B$10,7,0)+IF('Standard Profiles'!$G$18=$B$17,14,0)+IF('Standard Profiles'!$G$18=$B$24,21,0),0)),0)</f>
        <v>26.705380719802996</v>
      </c>
      <c r="E2519" cm="1">
        <f t="array" ref="E2519">IFERROR(INDEX(Jesper!AI$2:AI$366,ROUNDDOWN($C2519/24,0)+1,1)*INDEX($D$3:$AA$30,INDEX(Jesper!$R$2:$R$366,ROW(INDEX(Jesper!AI$2:AI$366,ROUNDDOWN($C2519/24,0)+1,1))-1)+IF('Standard Profiles'!$G$19=$B$10,7,0)+IF('Standard Profiles'!$G$19=$B$17,14,0)+IF('Standard Profiles'!$G$19=$B$24,21,0),MOD($C2519,24)+1)/SUM(INDEX($D$3:$AA$30,INDEX(Jesper!$R$2:$R$366,ROW(INDEX(Jesper!AI$2:AI$366,ROUNDDOWN($C2519/24,0)+1,1))-1)+IF('Standard Profiles'!$G$19=$B$10,7,0)+IF('Standard Profiles'!$G$19=$B$17,14,0)+IF('Standard Profiles'!$G$19=$B$24,21,0),0)),0)</f>
        <v>28.888150476272063</v>
      </c>
      <c r="F2519" cm="1">
        <f t="array" ref="F2519">IFERROR(INDEX(Jesper!AJ$2:AJ$366,ROUNDDOWN($C2519/24,0)+1,1)*INDEX($D$3:$AA$30,INDEX(Jesper!$R$2:$R$366,ROW(INDEX(Jesper!AJ$2:AJ$366,ROUNDDOWN($C2519/24,0)+1,1))-1)+IF('Standard Profiles'!$G$20=$B$10,7,0)+IF('Standard Profiles'!$G$20=$B$17,14,0)+IF('Standard Profiles'!$G$20=$B$24,21,0),MOD($C2519,24)+1)/SUM(INDEX($D$3:$AA$30,INDEX(Jesper!$R$2:$R$366,ROW(INDEX(Jesper!AJ$2:AJ$366,ROUNDDOWN($C2519/24,0)+1,1))-1)+IF('Standard Profiles'!$G$20=$B$10,7,0)+IF('Standard Profiles'!$G$20=$B$17,14,0)+IF('Standard Profiles'!$G$20=$B$24,21,0),0)),0)</f>
        <v>0</v>
      </c>
      <c r="G2519" cm="1">
        <f t="array" ref="G2519">IFERROR(INDEX(Jesper!AK$2:AK$366,ROUNDDOWN($C2519/24,0)+1,1)*INDEX($D$3:$AA$30,INDEX(Jesper!$R$2:$R$366,ROW(INDEX(Jesper!AK$2:AK$366,ROUNDDOWN($C2519/24,0)+1,1))-1)+IF('Standard Profiles'!$G$21=$B$10,7,0)+IF('Standard Profiles'!$G$21=$B$17,14,0)+IF('Standard Profiles'!$G$21=$B$24,21,0),MOD($C2519,24)+1)/SUM(INDEX($D$3:$AA$30,INDEX(Jesper!$R$2:$R$366,ROW(INDEX(Jesper!AK$2:AK$366,ROUNDDOWN($C2519/24,0)+1,1))-1)+IF('Standard Profiles'!$G$21=$B$10,7,0)+IF('Standard Profiles'!$G$21=$B$17,14,0)+IF('Standard Profiles'!$G$21=$B$24,21,0),0)),0)</f>
        <v>21.10446390756368</v>
      </c>
      <c r="H2519" cm="1">
        <f t="array" ref="H2519">IFERROR(INDEX(Jesper!AL$2:AL$366,ROUNDDOWN($C2519/24,0)+1,1)*INDEX($D$3:$AA$30,INDEX(Jesper!$R$2:$R$366,ROW(INDEX(Jesper!AL$2:AL$366,ROUNDDOWN($C2519/24,0)+1,1))-1)+IF('Standard Profiles'!$G$22=$B$10,7,0)+IF('Standard Profiles'!$G$22=$B$17,14,0)+IF('Standard Profiles'!$G$22=$B$24,21,0),MOD($C2519,24)+1)/SUM(INDEX($D$3:$AA$30,INDEX(Jesper!$R$2:$R$366,ROW(INDEX(Jesper!AL$2:AL$366,ROUNDDOWN($C2519/24,0)+1,1))-1)+IF('Standard Profiles'!$G$22=$B$10,7,0)+IF('Standard Profiles'!$G$22=$B$17,14,0)+IF('Standard Profiles'!$G$22=$B$24,21,0),0)),0)</f>
        <v>0</v>
      </c>
      <c r="I2519">
        <f t="shared" si="286"/>
        <v>10.130142675630561</v>
      </c>
      <c r="J2519">
        <f t="shared" si="287"/>
        <v>62.294991512839701</v>
      </c>
      <c r="K2519">
        <f t="shared" si="288"/>
        <v>2.8485739434456532</v>
      </c>
      <c r="L2519">
        <f t="shared" si="289"/>
        <v>1.4242869717228266</v>
      </c>
      <c r="M2519">
        <f t="shared" si="290"/>
        <v>0</v>
      </c>
      <c r="N2519" s="45">
        <f t="shared" si="291"/>
        <v>45030.54166666064</v>
      </c>
    </row>
    <row r="2520" spans="2:14" x14ac:dyDescent="0.25">
      <c r="B2520">
        <f t="shared" si="285"/>
        <v>5</v>
      </c>
      <c r="C2520" s="16">
        <v>2486</v>
      </c>
      <c r="D2520" cm="1">
        <f t="array" ref="D2520">IFERROR(INDEX(Jesper!AH$2:AH$366,ROUNDDOWN($C2520/24,0)+1,1)*INDEX($D$3:$AA$30,INDEX(Jesper!$R$2:$R$366,ROW(INDEX(Jesper!AH$2:AH$366,ROUNDDOWN($C2520/24,0)+1,1))-1)+IF('Standard Profiles'!$G$18=$B$10,7,0)+IF('Standard Profiles'!$G$18=$B$17,14,0)+IF('Standard Profiles'!$G$18=$B$24,21,0),MOD($C2520,24)+1)/SUM(INDEX($D$3:$AA$30,INDEX(Jesper!$R$2:$R$366,ROW(INDEX(Jesper!AH$2:AH$366,ROUNDDOWN($C2520/24,0)+1,1))-1)+IF('Standard Profiles'!$G$18=$B$10,7,0)+IF('Standard Profiles'!$G$18=$B$17,14,0)+IF('Standard Profiles'!$G$18=$B$24,21,0),0)),0)</f>
        <v>38.574438817493217</v>
      </c>
      <c r="E2520" cm="1">
        <f t="array" ref="E2520">IFERROR(INDEX(Jesper!AI$2:AI$366,ROUNDDOWN($C2520/24,0)+1,1)*INDEX($D$3:$AA$30,INDEX(Jesper!$R$2:$R$366,ROW(INDEX(Jesper!AI$2:AI$366,ROUNDDOWN($C2520/24,0)+1,1))-1)+IF('Standard Profiles'!$G$19=$B$10,7,0)+IF('Standard Profiles'!$G$19=$B$17,14,0)+IF('Standard Profiles'!$G$19=$B$24,21,0),MOD($C2520,24)+1)/SUM(INDEX($D$3:$AA$30,INDEX(Jesper!$R$2:$R$366,ROW(INDEX(Jesper!AI$2:AI$366,ROUNDDOWN($C2520/24,0)+1,1))-1)+IF('Standard Profiles'!$G$19=$B$10,7,0)+IF('Standard Profiles'!$G$19=$B$17,14,0)+IF('Standard Profiles'!$G$19=$B$24,21,0),0)),0)</f>
        <v>41.727328465726316</v>
      </c>
      <c r="F2520" cm="1">
        <f t="array" ref="F2520">IFERROR(INDEX(Jesper!AJ$2:AJ$366,ROUNDDOWN($C2520/24,0)+1,1)*INDEX($D$3:$AA$30,INDEX(Jesper!$R$2:$R$366,ROW(INDEX(Jesper!AJ$2:AJ$366,ROUNDDOWN($C2520/24,0)+1,1))-1)+IF('Standard Profiles'!$G$20=$B$10,7,0)+IF('Standard Profiles'!$G$20=$B$17,14,0)+IF('Standard Profiles'!$G$20=$B$24,21,0),MOD($C2520,24)+1)/SUM(INDEX($D$3:$AA$30,INDEX(Jesper!$R$2:$R$366,ROW(INDEX(Jesper!AJ$2:AJ$366,ROUNDDOWN($C2520/24,0)+1,1))-1)+IF('Standard Profiles'!$G$20=$B$10,7,0)+IF('Standard Profiles'!$G$20=$B$17,14,0)+IF('Standard Profiles'!$G$20=$B$24,21,0),0)),0)</f>
        <v>0</v>
      </c>
      <c r="G2520" cm="1">
        <f t="array" ref="G2520">IFERROR(INDEX(Jesper!AK$2:AK$366,ROUNDDOWN($C2520/24,0)+1,1)*INDEX($D$3:$AA$30,INDEX(Jesper!$R$2:$R$366,ROW(INDEX(Jesper!AK$2:AK$366,ROUNDDOWN($C2520/24,0)+1,1))-1)+IF('Standard Profiles'!$G$21=$B$10,7,0)+IF('Standard Profiles'!$G$21=$B$17,14,0)+IF('Standard Profiles'!$G$21=$B$24,21,0),MOD($C2520,24)+1)/SUM(INDEX($D$3:$AA$30,INDEX(Jesper!$R$2:$R$366,ROW(INDEX(Jesper!AK$2:AK$366,ROUNDDOWN($C2520/24,0)+1,1))-1)+IF('Standard Profiles'!$G$21=$B$10,7,0)+IF('Standard Profiles'!$G$21=$B$17,14,0)+IF('Standard Profiles'!$G$21=$B$24,21,0),0)),0)</f>
        <v>30.484225644258647</v>
      </c>
      <c r="H2520" cm="1">
        <f t="array" ref="H2520">IFERROR(INDEX(Jesper!AL$2:AL$366,ROUNDDOWN($C2520/24,0)+1,1)*INDEX($D$3:$AA$30,INDEX(Jesper!$R$2:$R$366,ROW(INDEX(Jesper!AL$2:AL$366,ROUNDDOWN($C2520/24,0)+1,1))-1)+IF('Standard Profiles'!$G$22=$B$10,7,0)+IF('Standard Profiles'!$G$22=$B$17,14,0)+IF('Standard Profiles'!$G$22=$B$24,21,0),MOD($C2520,24)+1)/SUM(INDEX($D$3:$AA$30,INDEX(Jesper!$R$2:$R$366,ROW(INDEX(Jesper!AL$2:AL$366,ROUNDDOWN($C2520/24,0)+1,1))-1)+IF('Standard Profiles'!$G$22=$B$10,7,0)+IF('Standard Profiles'!$G$22=$B$17,14,0)+IF('Standard Profiles'!$G$22=$B$24,21,0),0)),0)</f>
        <v>0</v>
      </c>
      <c r="I2520">
        <f t="shared" si="286"/>
        <v>14.632428309244142</v>
      </c>
      <c r="J2520">
        <f t="shared" si="287"/>
        <v>89.98165440743513</v>
      </c>
      <c r="K2520">
        <f t="shared" si="288"/>
        <v>4.1146068071992765</v>
      </c>
      <c r="L2520">
        <f t="shared" si="289"/>
        <v>2.0573034035996383</v>
      </c>
      <c r="M2520">
        <f t="shared" si="290"/>
        <v>0</v>
      </c>
      <c r="N2520" s="45">
        <f t="shared" si="291"/>
        <v>45030.583333327304</v>
      </c>
    </row>
    <row r="2521" spans="2:14" x14ac:dyDescent="0.25">
      <c r="B2521">
        <f t="shared" si="285"/>
        <v>5</v>
      </c>
      <c r="C2521" s="16">
        <v>2487</v>
      </c>
      <c r="D2521" cm="1">
        <f t="array" ref="D2521">IFERROR(INDEX(Jesper!AH$2:AH$366,ROUNDDOWN($C2521/24,0)+1,1)*INDEX($D$3:$AA$30,INDEX(Jesper!$R$2:$R$366,ROW(INDEX(Jesper!AH$2:AH$366,ROUNDDOWN($C2521/24,0)+1,1))-1)+IF('Standard Profiles'!$G$18=$B$10,7,0)+IF('Standard Profiles'!$G$18=$B$17,14,0)+IF('Standard Profiles'!$G$18=$B$24,21,0),MOD($C2521,24)+1)/SUM(INDEX($D$3:$AA$30,INDEX(Jesper!$R$2:$R$366,ROW(INDEX(Jesper!AH$2:AH$366,ROUNDDOWN($C2521/24,0)+1,1))-1)+IF('Standard Profiles'!$G$18=$B$10,7,0)+IF('Standard Profiles'!$G$18=$B$17,14,0)+IF('Standard Profiles'!$G$18=$B$24,21,0),0)),0)</f>
        <v>29.672645244225549</v>
      </c>
      <c r="E2521" cm="1">
        <f t="array" ref="E2521">IFERROR(INDEX(Jesper!AI$2:AI$366,ROUNDDOWN($C2521/24,0)+1,1)*INDEX($D$3:$AA$30,INDEX(Jesper!$R$2:$R$366,ROW(INDEX(Jesper!AI$2:AI$366,ROUNDDOWN($C2521/24,0)+1,1))-1)+IF('Standard Profiles'!$G$19=$B$10,7,0)+IF('Standard Profiles'!$G$19=$B$17,14,0)+IF('Standard Profiles'!$G$19=$B$24,21,0),MOD($C2521,24)+1)/SUM(INDEX($D$3:$AA$30,INDEX(Jesper!$R$2:$R$366,ROW(INDEX(Jesper!AI$2:AI$366,ROUNDDOWN($C2521/24,0)+1,1))-1)+IF('Standard Profiles'!$G$19=$B$10,7,0)+IF('Standard Profiles'!$G$19=$B$17,14,0)+IF('Standard Profiles'!$G$19=$B$24,21,0),0)),0)</f>
        <v>32.097944973635627</v>
      </c>
      <c r="F2521" cm="1">
        <f t="array" ref="F2521">IFERROR(INDEX(Jesper!AJ$2:AJ$366,ROUNDDOWN($C2521/24,0)+1,1)*INDEX($D$3:$AA$30,INDEX(Jesper!$R$2:$R$366,ROW(INDEX(Jesper!AJ$2:AJ$366,ROUNDDOWN($C2521/24,0)+1,1))-1)+IF('Standard Profiles'!$G$20=$B$10,7,0)+IF('Standard Profiles'!$G$20=$B$17,14,0)+IF('Standard Profiles'!$G$20=$B$24,21,0),MOD($C2521,24)+1)/SUM(INDEX($D$3:$AA$30,INDEX(Jesper!$R$2:$R$366,ROW(INDEX(Jesper!AJ$2:AJ$366,ROUNDDOWN($C2521/24,0)+1,1))-1)+IF('Standard Profiles'!$G$20=$B$10,7,0)+IF('Standard Profiles'!$G$20=$B$17,14,0)+IF('Standard Profiles'!$G$20=$B$24,21,0),0)),0)</f>
        <v>0</v>
      </c>
      <c r="G2521" cm="1">
        <f t="array" ref="G2521">IFERROR(INDEX(Jesper!AK$2:AK$366,ROUNDDOWN($C2521/24,0)+1,1)*INDEX($D$3:$AA$30,INDEX(Jesper!$R$2:$R$366,ROW(INDEX(Jesper!AK$2:AK$366,ROUNDDOWN($C2521/24,0)+1,1))-1)+IF('Standard Profiles'!$G$21=$B$10,7,0)+IF('Standard Profiles'!$G$21=$B$17,14,0)+IF('Standard Profiles'!$G$21=$B$24,21,0),MOD($C2521,24)+1)/SUM(INDEX($D$3:$AA$30,INDEX(Jesper!$R$2:$R$366,ROW(INDEX(Jesper!AK$2:AK$366,ROUNDDOWN($C2521/24,0)+1,1))-1)+IF('Standard Profiles'!$G$21=$B$10,7,0)+IF('Standard Profiles'!$G$21=$B$17,14,0)+IF('Standard Profiles'!$G$21=$B$24,21,0),0)),0)</f>
        <v>25.794344775911163</v>
      </c>
      <c r="H2521" cm="1">
        <f t="array" ref="H2521">IFERROR(INDEX(Jesper!AL$2:AL$366,ROUNDDOWN($C2521/24,0)+1,1)*INDEX($D$3:$AA$30,INDEX(Jesper!$R$2:$R$366,ROW(INDEX(Jesper!AL$2:AL$366,ROUNDDOWN($C2521/24,0)+1,1))-1)+IF('Standard Profiles'!$G$22=$B$10,7,0)+IF('Standard Profiles'!$G$22=$B$17,14,0)+IF('Standard Profiles'!$G$22=$B$24,21,0),MOD($C2521,24)+1)/SUM(INDEX($D$3:$AA$30,INDEX(Jesper!$R$2:$R$366,ROW(INDEX(Jesper!AL$2:AL$366,ROUNDDOWN($C2521/24,0)+1,1))-1)+IF('Standard Profiles'!$G$22=$B$10,7,0)+IF('Standard Profiles'!$G$22=$B$17,14,0)+IF('Standard Profiles'!$G$22=$B$24,21,0),0)),0)</f>
        <v>0</v>
      </c>
      <c r="I2521">
        <f t="shared" si="286"/>
        <v>12.381285492437351</v>
      </c>
      <c r="J2521">
        <f t="shared" si="287"/>
        <v>70.436026262258906</v>
      </c>
      <c r="K2521">
        <f t="shared" si="288"/>
        <v>3.1650821593840588</v>
      </c>
      <c r="L2521">
        <f t="shared" si="289"/>
        <v>1.5825410796920294</v>
      </c>
      <c r="M2521">
        <f t="shared" si="290"/>
        <v>0</v>
      </c>
      <c r="N2521" s="45">
        <f t="shared" si="291"/>
        <v>45030.624999993968</v>
      </c>
    </row>
    <row r="2522" spans="2:14" x14ac:dyDescent="0.25">
      <c r="B2522">
        <f t="shared" si="285"/>
        <v>5</v>
      </c>
      <c r="C2522" s="16">
        <v>2488</v>
      </c>
      <c r="D2522" cm="1">
        <f t="array" ref="D2522">IFERROR(INDEX(Jesper!AH$2:AH$366,ROUNDDOWN($C2522/24,0)+1,1)*INDEX($D$3:$AA$30,INDEX(Jesper!$R$2:$R$366,ROW(INDEX(Jesper!AH$2:AH$366,ROUNDDOWN($C2522/24,0)+1,1))-1)+IF('Standard Profiles'!$G$18=$B$10,7,0)+IF('Standard Profiles'!$G$18=$B$17,14,0)+IF('Standard Profiles'!$G$18=$B$24,21,0),MOD($C2522,24)+1)/SUM(INDEX($D$3:$AA$30,INDEX(Jesper!$R$2:$R$366,ROW(INDEX(Jesper!AH$2:AH$366,ROUNDDOWN($C2522/24,0)+1,1))-1)+IF('Standard Profiles'!$G$18=$B$10,7,0)+IF('Standard Profiles'!$G$18=$B$17,14,0)+IF('Standard Profiles'!$G$18=$B$24,21,0),0)),0)</f>
        <v>13.930819363486174</v>
      </c>
      <c r="E2522" cm="1">
        <f t="array" ref="E2522">IFERROR(INDEX(Jesper!AI$2:AI$366,ROUNDDOWN($C2522/24,0)+1,1)*INDEX($D$3:$AA$30,INDEX(Jesper!$R$2:$R$366,ROW(INDEX(Jesper!AI$2:AI$366,ROUNDDOWN($C2522/24,0)+1,1))-1)+IF('Standard Profiles'!$G$19=$B$10,7,0)+IF('Standard Profiles'!$G$19=$B$17,14,0)+IF('Standard Profiles'!$G$19=$B$24,21,0),MOD($C2522,24)+1)/SUM(INDEX($D$3:$AA$30,INDEX(Jesper!$R$2:$R$366,ROW(INDEX(Jesper!AI$2:AI$366,ROUNDDOWN($C2522/24,0)+1,1))-1)+IF('Standard Profiles'!$G$19=$B$10,7,0)+IF('Standard Profiles'!$G$19=$B$17,14,0)+IF('Standard Profiles'!$G$19=$B$24,21,0),0)),0)</f>
        <v>15.069457734101233</v>
      </c>
      <c r="F2522" cm="1">
        <f t="array" ref="F2522">IFERROR(INDEX(Jesper!AJ$2:AJ$366,ROUNDDOWN($C2522/24,0)+1,1)*INDEX($D$3:$AA$30,INDEX(Jesper!$R$2:$R$366,ROW(INDEX(Jesper!AJ$2:AJ$366,ROUNDDOWN($C2522/24,0)+1,1))-1)+IF('Standard Profiles'!$G$20=$B$10,7,0)+IF('Standard Profiles'!$G$20=$B$17,14,0)+IF('Standard Profiles'!$G$20=$B$24,21,0),MOD($C2522,24)+1)/SUM(INDEX($D$3:$AA$30,INDEX(Jesper!$R$2:$R$366,ROW(INDEX(Jesper!AJ$2:AJ$366,ROUNDDOWN($C2522/24,0)+1,1))-1)+IF('Standard Profiles'!$G$20=$B$10,7,0)+IF('Standard Profiles'!$G$20=$B$17,14,0)+IF('Standard Profiles'!$G$20=$B$24,21,0),0)),0)</f>
        <v>0</v>
      </c>
      <c r="G2522" cm="1">
        <f t="array" ref="G2522">IFERROR(INDEX(Jesper!AK$2:AK$366,ROUNDDOWN($C2522/24,0)+1,1)*INDEX($D$3:$AA$30,INDEX(Jesper!$R$2:$R$366,ROW(INDEX(Jesper!AK$2:AK$366,ROUNDDOWN($C2522/24,0)+1,1))-1)+IF('Standard Profiles'!$G$21=$B$10,7,0)+IF('Standard Profiles'!$G$21=$B$17,14,0)+IF('Standard Profiles'!$G$21=$B$24,21,0),MOD($C2522,24)+1)/SUM(INDEX($D$3:$AA$30,INDEX(Jesper!$R$2:$R$366,ROW(INDEX(Jesper!AK$2:AK$366,ROUNDDOWN($C2522/24,0)+1,1))-1)+IF('Standard Profiles'!$G$21=$B$10,7,0)+IF('Standard Profiles'!$G$21=$B$17,14,0)+IF('Standard Profiles'!$G$21=$B$24,21,0),0)),0)</f>
        <v>22.332766039749927</v>
      </c>
      <c r="H2522" cm="1">
        <f t="array" ref="H2522">IFERROR(INDEX(Jesper!AL$2:AL$366,ROUNDDOWN($C2522/24,0)+1,1)*INDEX($D$3:$AA$30,INDEX(Jesper!$R$2:$R$366,ROW(INDEX(Jesper!AL$2:AL$366,ROUNDDOWN($C2522/24,0)+1,1))-1)+IF('Standard Profiles'!$G$22=$B$10,7,0)+IF('Standard Profiles'!$G$22=$B$17,14,0)+IF('Standard Profiles'!$G$22=$B$24,21,0),MOD($C2522,24)+1)/SUM(INDEX($D$3:$AA$30,INDEX(Jesper!$R$2:$R$366,ROW(INDEX(Jesper!AL$2:AL$366,ROUNDDOWN($C2522/24,0)+1,1))-1)+IF('Standard Profiles'!$G$22=$B$10,7,0)+IF('Standard Profiles'!$G$22=$B$17,14,0)+IF('Standard Profiles'!$G$22=$B$24,21,0),0)),0)</f>
        <v>0</v>
      </c>
      <c r="I2522">
        <f t="shared" si="286"/>
        <v>10.719727699079959</v>
      </c>
      <c r="J2522">
        <f t="shared" si="287"/>
        <v>38.384384340099587</v>
      </c>
      <c r="K2522">
        <f t="shared" si="288"/>
        <v>1.4859540654385253</v>
      </c>
      <c r="L2522">
        <f t="shared" si="289"/>
        <v>0.74297703271926263</v>
      </c>
      <c r="M2522">
        <f t="shared" si="290"/>
        <v>0</v>
      </c>
      <c r="N2522" s="45">
        <f t="shared" si="291"/>
        <v>45030.666666660632</v>
      </c>
    </row>
    <row r="2523" spans="2:14" x14ac:dyDescent="0.25">
      <c r="B2523">
        <f t="shared" si="285"/>
        <v>5</v>
      </c>
      <c r="C2523" s="16">
        <v>2489</v>
      </c>
      <c r="D2523" cm="1">
        <f t="array" ref="D2523">IFERROR(INDEX(Jesper!AH$2:AH$366,ROUNDDOWN($C2523/24,0)+1,1)*INDEX($D$3:$AA$30,INDEX(Jesper!$R$2:$R$366,ROW(INDEX(Jesper!AH$2:AH$366,ROUNDDOWN($C2523/24,0)+1,1))-1)+IF('Standard Profiles'!$G$18=$B$10,7,0)+IF('Standard Profiles'!$G$18=$B$17,14,0)+IF('Standard Profiles'!$G$18=$B$24,21,0),MOD($C2523,24)+1)/SUM(INDEX($D$3:$AA$30,INDEX(Jesper!$R$2:$R$366,ROW(INDEX(Jesper!AH$2:AH$366,ROUNDDOWN($C2523/24,0)+1,1))-1)+IF('Standard Profiles'!$G$18=$B$10,7,0)+IF('Standard Profiles'!$G$18=$B$17,14,0)+IF('Standard Profiles'!$G$18=$B$24,21,0),0)),0)</f>
        <v>9.1943407799008749</v>
      </c>
      <c r="E2523" cm="1">
        <f t="array" ref="E2523">IFERROR(INDEX(Jesper!AI$2:AI$366,ROUNDDOWN($C2523/24,0)+1,1)*INDEX($D$3:$AA$30,INDEX(Jesper!$R$2:$R$366,ROW(INDEX(Jesper!AI$2:AI$366,ROUNDDOWN($C2523/24,0)+1,1))-1)+IF('Standard Profiles'!$G$19=$B$10,7,0)+IF('Standard Profiles'!$G$19=$B$17,14,0)+IF('Standard Profiles'!$G$19=$B$24,21,0),MOD($C2523,24)+1)/SUM(INDEX($D$3:$AA$30,INDEX(Jesper!$R$2:$R$366,ROW(INDEX(Jesper!AI$2:AI$366,ROUNDDOWN($C2523/24,0)+1,1))-1)+IF('Standard Profiles'!$G$19=$B$10,7,0)+IF('Standard Profiles'!$G$19=$B$17,14,0)+IF('Standard Profiles'!$G$19=$B$24,21,0),0)),0)</f>
        <v>9.9458421045068146</v>
      </c>
      <c r="F2523" cm="1">
        <f t="array" ref="F2523">IFERROR(INDEX(Jesper!AJ$2:AJ$366,ROUNDDOWN($C2523/24,0)+1,1)*INDEX($D$3:$AA$30,INDEX(Jesper!$R$2:$R$366,ROW(INDEX(Jesper!AJ$2:AJ$366,ROUNDDOWN($C2523/24,0)+1,1))-1)+IF('Standard Profiles'!$G$20=$B$10,7,0)+IF('Standard Profiles'!$G$20=$B$17,14,0)+IF('Standard Profiles'!$G$20=$B$24,21,0),MOD($C2523,24)+1)/SUM(INDEX($D$3:$AA$30,INDEX(Jesper!$R$2:$R$366,ROW(INDEX(Jesper!AJ$2:AJ$366,ROUNDDOWN($C2523/24,0)+1,1))-1)+IF('Standard Profiles'!$G$20=$B$10,7,0)+IF('Standard Profiles'!$G$20=$B$17,14,0)+IF('Standard Profiles'!$G$20=$B$24,21,0),0)),0)</f>
        <v>0</v>
      </c>
      <c r="G2523" cm="1">
        <f t="array" ref="G2523">IFERROR(INDEX(Jesper!AK$2:AK$366,ROUNDDOWN($C2523/24,0)+1,1)*INDEX($D$3:$AA$30,INDEX(Jesper!$R$2:$R$366,ROW(INDEX(Jesper!AK$2:AK$366,ROUNDDOWN($C2523/24,0)+1,1))-1)+IF('Standard Profiles'!$G$21=$B$10,7,0)+IF('Standard Profiles'!$G$21=$B$17,14,0)+IF('Standard Profiles'!$G$21=$B$24,21,0),MOD($C2523,24)+1)/SUM(INDEX($D$3:$AA$30,INDEX(Jesper!$R$2:$R$366,ROW(INDEX(Jesper!AK$2:AK$366,ROUNDDOWN($C2523/24,0)+1,1))-1)+IF('Standard Profiles'!$G$21=$B$10,7,0)+IF('Standard Profiles'!$G$21=$B$17,14,0)+IF('Standard Profiles'!$G$21=$B$24,21,0),0)),0)</f>
        <v>18.759523473389937</v>
      </c>
      <c r="H2523" cm="1">
        <f t="array" ref="H2523">IFERROR(INDEX(Jesper!AL$2:AL$366,ROUNDDOWN($C2523/24,0)+1,1)*INDEX($D$3:$AA$30,INDEX(Jesper!$R$2:$R$366,ROW(INDEX(Jesper!AL$2:AL$366,ROUNDDOWN($C2523/24,0)+1,1))-1)+IF('Standard Profiles'!$G$22=$B$10,7,0)+IF('Standard Profiles'!$G$22=$B$17,14,0)+IF('Standard Profiles'!$G$22=$B$24,21,0),MOD($C2523,24)+1)/SUM(INDEX($D$3:$AA$30,INDEX(Jesper!$R$2:$R$366,ROW(INDEX(Jesper!AL$2:AL$366,ROUNDDOWN($C2523/24,0)+1,1))-1)+IF('Standard Profiles'!$G$22=$B$10,7,0)+IF('Standard Profiles'!$G$22=$B$17,14,0)+IF('Standard Profiles'!$G$22=$B$24,21,0),0)),0)</f>
        <v>0</v>
      </c>
      <c r="I2523">
        <f t="shared" si="286"/>
        <v>9.0045712672271652</v>
      </c>
      <c r="J2523">
        <f t="shared" si="287"/>
        <v>27.424040565786321</v>
      </c>
      <c r="K2523">
        <f t="shared" si="288"/>
        <v>0.98072968318942677</v>
      </c>
      <c r="L2523">
        <f t="shared" si="289"/>
        <v>0.49036484159471339</v>
      </c>
      <c r="M2523">
        <f t="shared" si="290"/>
        <v>0</v>
      </c>
      <c r="N2523" s="45">
        <f t="shared" si="291"/>
        <v>45030.708333327297</v>
      </c>
    </row>
    <row r="2524" spans="2:14" x14ac:dyDescent="0.25">
      <c r="B2524">
        <f t="shared" si="285"/>
        <v>5</v>
      </c>
      <c r="C2524" s="16">
        <v>2490</v>
      </c>
      <c r="D2524" cm="1">
        <f t="array" ref="D2524">IFERROR(INDEX(Jesper!AH$2:AH$366,ROUNDDOWN($C2524/24,0)+1,1)*INDEX($D$3:$AA$30,INDEX(Jesper!$R$2:$R$366,ROW(INDEX(Jesper!AH$2:AH$366,ROUNDDOWN($C2524/24,0)+1,1))-1)+IF('Standard Profiles'!$G$18=$B$10,7,0)+IF('Standard Profiles'!$G$18=$B$17,14,0)+IF('Standard Profiles'!$G$18=$B$24,21,0),MOD($C2524,24)+1)/SUM(INDEX($D$3:$AA$30,INDEX(Jesper!$R$2:$R$366,ROW(INDEX(Jesper!AH$2:AH$366,ROUNDDOWN($C2524/24,0)+1,1))-1)+IF('Standard Profiles'!$G$18=$B$10,7,0)+IF('Standard Profiles'!$G$18=$B$17,14,0)+IF('Standard Profiles'!$G$18=$B$24,21,0),0)),0)</f>
        <v>5.8509441326641927</v>
      </c>
      <c r="E2524" cm="1">
        <f t="array" ref="E2524">IFERROR(INDEX(Jesper!AI$2:AI$366,ROUNDDOWN($C2524/24,0)+1,1)*INDEX($D$3:$AA$30,INDEX(Jesper!$R$2:$R$366,ROW(INDEX(Jesper!AI$2:AI$366,ROUNDDOWN($C2524/24,0)+1,1))-1)+IF('Standard Profiles'!$G$19=$B$10,7,0)+IF('Standard Profiles'!$G$19=$B$17,14,0)+IF('Standard Profiles'!$G$19=$B$24,21,0),MOD($C2524,24)+1)/SUM(INDEX($D$3:$AA$30,INDEX(Jesper!$R$2:$R$366,ROW(INDEX(Jesper!AI$2:AI$366,ROUNDDOWN($C2524/24,0)+1,1))-1)+IF('Standard Profiles'!$G$19=$B$10,7,0)+IF('Standard Profiles'!$G$19=$B$17,14,0)+IF('Standard Profiles'!$G$19=$B$24,21,0),0)),0)</f>
        <v>6.3291722483225179</v>
      </c>
      <c r="F2524" cm="1">
        <f t="array" ref="F2524">IFERROR(INDEX(Jesper!AJ$2:AJ$366,ROUNDDOWN($C2524/24,0)+1,1)*INDEX($D$3:$AA$30,INDEX(Jesper!$R$2:$R$366,ROW(INDEX(Jesper!AJ$2:AJ$366,ROUNDDOWN($C2524/24,0)+1,1))-1)+IF('Standard Profiles'!$G$20=$B$10,7,0)+IF('Standard Profiles'!$G$20=$B$17,14,0)+IF('Standard Profiles'!$G$20=$B$24,21,0),MOD($C2524,24)+1)/SUM(INDEX($D$3:$AA$30,INDEX(Jesper!$R$2:$R$366,ROW(INDEX(Jesper!AJ$2:AJ$366,ROUNDDOWN($C2524/24,0)+1,1))-1)+IF('Standard Profiles'!$G$20=$B$10,7,0)+IF('Standard Profiles'!$G$20=$B$17,14,0)+IF('Standard Profiles'!$G$20=$B$24,21,0),0)),0)</f>
        <v>0</v>
      </c>
      <c r="G2524" cm="1">
        <f t="array" ref="G2524">IFERROR(INDEX(Jesper!AK$2:AK$366,ROUNDDOWN($C2524/24,0)+1,1)*INDEX($D$3:$AA$30,INDEX(Jesper!$R$2:$R$366,ROW(INDEX(Jesper!AK$2:AK$366,ROUNDDOWN($C2524/24,0)+1,1))-1)+IF('Standard Profiles'!$G$21=$B$10,7,0)+IF('Standard Profiles'!$G$21=$B$17,14,0)+IF('Standard Profiles'!$G$21=$B$24,21,0),MOD($C2524,24)+1)/SUM(INDEX($D$3:$AA$30,INDEX(Jesper!$R$2:$R$366,ROW(INDEX(Jesper!AK$2:AK$366,ROUNDDOWN($C2524/24,0)+1,1))-1)+IF('Standard Profiles'!$G$21=$B$10,7,0)+IF('Standard Profiles'!$G$21=$B$17,14,0)+IF('Standard Profiles'!$G$21=$B$24,21,0),0)),0)</f>
        <v>6.9231574723224769</v>
      </c>
      <c r="H2524" cm="1">
        <f t="array" ref="H2524">IFERROR(INDEX(Jesper!AL$2:AL$366,ROUNDDOWN($C2524/24,0)+1,1)*INDEX($D$3:$AA$30,INDEX(Jesper!$R$2:$R$366,ROW(INDEX(Jesper!AL$2:AL$366,ROUNDDOWN($C2524/24,0)+1,1))-1)+IF('Standard Profiles'!$G$22=$B$10,7,0)+IF('Standard Profiles'!$G$22=$B$17,14,0)+IF('Standard Profiles'!$G$22=$B$24,21,0),MOD($C2524,24)+1)/SUM(INDEX($D$3:$AA$30,INDEX(Jesper!$R$2:$R$366,ROW(INDEX(Jesper!AL$2:AL$366,ROUNDDOWN($C2524/24,0)+1,1))-1)+IF('Standard Profiles'!$G$22=$B$10,7,0)+IF('Standard Profiles'!$G$22=$B$17,14,0)+IF('Standard Profiles'!$G$22=$B$24,21,0),0)),0)</f>
        <v>0</v>
      </c>
      <c r="I2524">
        <f t="shared" si="286"/>
        <v>3.3231155867147875</v>
      </c>
      <c r="J2524">
        <f t="shared" si="287"/>
        <v>14.844007205368129</v>
      </c>
      <c r="K2524">
        <f t="shared" si="288"/>
        <v>0.62410070748418056</v>
      </c>
      <c r="L2524">
        <f t="shared" si="289"/>
        <v>0.31205035374209028</v>
      </c>
      <c r="M2524">
        <f t="shared" si="290"/>
        <v>0</v>
      </c>
      <c r="N2524" s="45">
        <f t="shared" si="291"/>
        <v>45030.749999993961</v>
      </c>
    </row>
    <row r="2525" spans="2:14" x14ac:dyDescent="0.25">
      <c r="B2525">
        <f t="shared" si="285"/>
        <v>5</v>
      </c>
      <c r="C2525" s="16">
        <v>2491</v>
      </c>
      <c r="D2525" cm="1">
        <f t="array" ref="D2525">IFERROR(INDEX(Jesper!AH$2:AH$366,ROUNDDOWN($C2525/24,0)+1,1)*INDEX($D$3:$AA$30,INDEX(Jesper!$R$2:$R$366,ROW(INDEX(Jesper!AH$2:AH$366,ROUNDDOWN($C2525/24,0)+1,1))-1)+IF('Standard Profiles'!$G$18=$B$10,7,0)+IF('Standard Profiles'!$G$18=$B$17,14,0)+IF('Standard Profiles'!$G$18=$B$24,21,0),MOD($C2525,24)+1)/SUM(INDEX($D$3:$AA$30,INDEX(Jesper!$R$2:$R$366,ROW(INDEX(Jesper!AH$2:AH$366,ROUNDDOWN($C2525/24,0)+1,1))-1)+IF('Standard Profiles'!$G$18=$B$10,7,0)+IF('Standard Profiles'!$G$18=$B$17,14,0)+IF('Standard Profiles'!$G$18=$B$24,21,0),0)),0)</f>
        <v>5.5723277453944693</v>
      </c>
      <c r="E2525" cm="1">
        <f t="array" ref="E2525">IFERROR(INDEX(Jesper!AI$2:AI$366,ROUNDDOWN($C2525/24,0)+1,1)*INDEX($D$3:$AA$30,INDEX(Jesper!$R$2:$R$366,ROW(INDEX(Jesper!AI$2:AI$366,ROUNDDOWN($C2525/24,0)+1,1))-1)+IF('Standard Profiles'!$G$19=$B$10,7,0)+IF('Standard Profiles'!$G$19=$B$17,14,0)+IF('Standard Profiles'!$G$19=$B$24,21,0),MOD($C2525,24)+1)/SUM(INDEX($D$3:$AA$30,INDEX(Jesper!$R$2:$R$366,ROW(INDEX(Jesper!AI$2:AI$366,ROUNDDOWN($C2525/24,0)+1,1))-1)+IF('Standard Profiles'!$G$19=$B$10,7,0)+IF('Standard Profiles'!$G$19=$B$17,14,0)+IF('Standard Profiles'!$G$19=$B$24,21,0),0)),0)</f>
        <v>6.027783093640493</v>
      </c>
      <c r="F2525" cm="1">
        <f t="array" ref="F2525">IFERROR(INDEX(Jesper!AJ$2:AJ$366,ROUNDDOWN($C2525/24,0)+1,1)*INDEX($D$3:$AA$30,INDEX(Jesper!$R$2:$R$366,ROW(INDEX(Jesper!AJ$2:AJ$366,ROUNDDOWN($C2525/24,0)+1,1))-1)+IF('Standard Profiles'!$G$20=$B$10,7,0)+IF('Standard Profiles'!$G$20=$B$17,14,0)+IF('Standard Profiles'!$G$20=$B$24,21,0),MOD($C2525,24)+1)/SUM(INDEX($D$3:$AA$30,INDEX(Jesper!$R$2:$R$366,ROW(INDEX(Jesper!AJ$2:AJ$366,ROUNDDOWN($C2525/24,0)+1,1))-1)+IF('Standard Profiles'!$G$20=$B$10,7,0)+IF('Standard Profiles'!$G$20=$B$17,14,0)+IF('Standard Profiles'!$G$20=$B$24,21,0),0)),0)</f>
        <v>0</v>
      </c>
      <c r="G2525" cm="1">
        <f t="array" ref="G2525">IFERROR(INDEX(Jesper!AK$2:AK$366,ROUNDDOWN($C2525/24,0)+1,1)*INDEX($D$3:$AA$30,INDEX(Jesper!$R$2:$R$366,ROW(INDEX(Jesper!AK$2:AK$366,ROUNDDOWN($C2525/24,0)+1,1))-1)+IF('Standard Profiles'!$G$21=$B$10,7,0)+IF('Standard Profiles'!$G$21=$B$17,14,0)+IF('Standard Profiles'!$G$21=$B$24,21,0),MOD($C2525,24)+1)/SUM(INDEX($D$3:$AA$30,INDEX(Jesper!$R$2:$R$366,ROW(INDEX(Jesper!AK$2:AK$366,ROUNDDOWN($C2525/24,0)+1,1))-1)+IF('Standard Profiles'!$G$21=$B$10,7,0)+IF('Standard Profiles'!$G$21=$B$17,14,0)+IF('Standard Profiles'!$G$21=$B$24,21,0),0)),0)</f>
        <v>6.9231574723224769</v>
      </c>
      <c r="H2525" cm="1">
        <f t="array" ref="H2525">IFERROR(INDEX(Jesper!AL$2:AL$366,ROUNDDOWN($C2525/24,0)+1,1)*INDEX($D$3:$AA$30,INDEX(Jesper!$R$2:$R$366,ROW(INDEX(Jesper!AL$2:AL$366,ROUNDDOWN($C2525/24,0)+1,1))-1)+IF('Standard Profiles'!$G$22=$B$10,7,0)+IF('Standard Profiles'!$G$22=$B$17,14,0)+IF('Standard Profiles'!$G$22=$B$24,21,0),MOD($C2525,24)+1)/SUM(INDEX($D$3:$AA$30,INDEX(Jesper!$R$2:$R$366,ROW(INDEX(Jesper!AL$2:AL$366,ROUNDDOWN($C2525/24,0)+1,1))-1)+IF('Standard Profiles'!$G$22=$B$10,7,0)+IF('Standard Profiles'!$G$22=$B$17,14,0)+IF('Standard Profiles'!$G$22=$B$24,21,0),0)),0)</f>
        <v>0</v>
      </c>
      <c r="I2525">
        <f t="shared" si="286"/>
        <v>3.3231155867147875</v>
      </c>
      <c r="J2525">
        <f t="shared" si="287"/>
        <v>14.308580285379536</v>
      </c>
      <c r="K2525">
        <f t="shared" si="288"/>
        <v>0.59438162617541013</v>
      </c>
      <c r="L2525">
        <f t="shared" si="289"/>
        <v>0.29719081308770506</v>
      </c>
      <c r="M2525">
        <f t="shared" si="290"/>
        <v>0</v>
      </c>
      <c r="N2525" s="45">
        <f t="shared" si="291"/>
        <v>45030.791666660625</v>
      </c>
    </row>
    <row r="2526" spans="2:14" x14ac:dyDescent="0.25">
      <c r="B2526">
        <f t="shared" si="285"/>
        <v>5</v>
      </c>
      <c r="C2526" s="16">
        <v>2492</v>
      </c>
      <c r="D2526" cm="1">
        <f t="array" ref="D2526">IFERROR(INDEX(Jesper!AH$2:AH$366,ROUNDDOWN($C2526/24,0)+1,1)*INDEX($D$3:$AA$30,INDEX(Jesper!$R$2:$R$366,ROW(INDEX(Jesper!AH$2:AH$366,ROUNDDOWN($C2526/24,0)+1,1))-1)+IF('Standard Profiles'!$G$18=$B$10,7,0)+IF('Standard Profiles'!$G$18=$B$17,14,0)+IF('Standard Profiles'!$G$18=$B$24,21,0),MOD($C2526,24)+1)/SUM(INDEX($D$3:$AA$30,INDEX(Jesper!$R$2:$R$366,ROW(INDEX(Jesper!AH$2:AH$366,ROUNDDOWN($C2526/24,0)+1,1))-1)+IF('Standard Profiles'!$G$18=$B$10,7,0)+IF('Standard Profiles'!$G$18=$B$17,14,0)+IF('Standard Profiles'!$G$18=$B$24,21,0),0)),0)</f>
        <v>5.5723277453944693</v>
      </c>
      <c r="E2526" cm="1">
        <f t="array" ref="E2526">IFERROR(INDEX(Jesper!AI$2:AI$366,ROUNDDOWN($C2526/24,0)+1,1)*INDEX($D$3:$AA$30,INDEX(Jesper!$R$2:$R$366,ROW(INDEX(Jesper!AI$2:AI$366,ROUNDDOWN($C2526/24,0)+1,1))-1)+IF('Standard Profiles'!$G$19=$B$10,7,0)+IF('Standard Profiles'!$G$19=$B$17,14,0)+IF('Standard Profiles'!$G$19=$B$24,21,0),MOD($C2526,24)+1)/SUM(INDEX($D$3:$AA$30,INDEX(Jesper!$R$2:$R$366,ROW(INDEX(Jesper!AI$2:AI$366,ROUNDDOWN($C2526/24,0)+1,1))-1)+IF('Standard Profiles'!$G$19=$B$10,7,0)+IF('Standard Profiles'!$G$19=$B$17,14,0)+IF('Standard Profiles'!$G$19=$B$24,21,0),0)),0)</f>
        <v>6.027783093640493</v>
      </c>
      <c r="F2526" cm="1">
        <f t="array" ref="F2526">IFERROR(INDEX(Jesper!AJ$2:AJ$366,ROUNDDOWN($C2526/24,0)+1,1)*INDEX($D$3:$AA$30,INDEX(Jesper!$R$2:$R$366,ROW(INDEX(Jesper!AJ$2:AJ$366,ROUNDDOWN($C2526/24,0)+1,1))-1)+IF('Standard Profiles'!$G$20=$B$10,7,0)+IF('Standard Profiles'!$G$20=$B$17,14,0)+IF('Standard Profiles'!$G$20=$B$24,21,0),MOD($C2526,24)+1)/SUM(INDEX($D$3:$AA$30,INDEX(Jesper!$R$2:$R$366,ROW(INDEX(Jesper!AJ$2:AJ$366,ROUNDDOWN($C2526/24,0)+1,1))-1)+IF('Standard Profiles'!$G$20=$B$10,7,0)+IF('Standard Profiles'!$G$20=$B$17,14,0)+IF('Standard Profiles'!$G$20=$B$24,21,0),0)),0)</f>
        <v>0</v>
      </c>
      <c r="G2526" cm="1">
        <f t="array" ref="G2526">IFERROR(INDEX(Jesper!AK$2:AK$366,ROUNDDOWN($C2526/24,0)+1,1)*INDEX($D$3:$AA$30,INDEX(Jesper!$R$2:$R$366,ROW(INDEX(Jesper!AK$2:AK$366,ROUNDDOWN($C2526/24,0)+1,1))-1)+IF('Standard Profiles'!$G$21=$B$10,7,0)+IF('Standard Profiles'!$G$21=$B$17,14,0)+IF('Standard Profiles'!$G$21=$B$24,21,0),MOD($C2526,24)+1)/SUM(INDEX($D$3:$AA$30,INDEX(Jesper!$R$2:$R$366,ROW(INDEX(Jesper!AK$2:AK$366,ROUNDDOWN($C2526/24,0)+1,1))-1)+IF('Standard Profiles'!$G$21=$B$10,7,0)+IF('Standard Profiles'!$G$21=$B$17,14,0)+IF('Standard Profiles'!$G$21=$B$24,21,0),0)),0)</f>
        <v>6.9231574723224769</v>
      </c>
      <c r="H2526" cm="1">
        <f t="array" ref="H2526">IFERROR(INDEX(Jesper!AL$2:AL$366,ROUNDDOWN($C2526/24,0)+1,1)*INDEX($D$3:$AA$30,INDEX(Jesper!$R$2:$R$366,ROW(INDEX(Jesper!AL$2:AL$366,ROUNDDOWN($C2526/24,0)+1,1))-1)+IF('Standard Profiles'!$G$22=$B$10,7,0)+IF('Standard Profiles'!$G$22=$B$17,14,0)+IF('Standard Profiles'!$G$22=$B$24,21,0),MOD($C2526,24)+1)/SUM(INDEX($D$3:$AA$30,INDEX(Jesper!$R$2:$R$366,ROW(INDEX(Jesper!AL$2:AL$366,ROUNDDOWN($C2526/24,0)+1,1))-1)+IF('Standard Profiles'!$G$22=$B$10,7,0)+IF('Standard Profiles'!$G$22=$B$17,14,0)+IF('Standard Profiles'!$G$22=$B$24,21,0),0)),0)</f>
        <v>0</v>
      </c>
      <c r="I2526">
        <f t="shared" si="286"/>
        <v>3.3231155867147875</v>
      </c>
      <c r="J2526">
        <f t="shared" si="287"/>
        <v>14.308580285379536</v>
      </c>
      <c r="K2526">
        <f t="shared" si="288"/>
        <v>0.59438162617541013</v>
      </c>
      <c r="L2526">
        <f t="shared" si="289"/>
        <v>0.29719081308770506</v>
      </c>
      <c r="M2526">
        <f t="shared" si="290"/>
        <v>0</v>
      </c>
      <c r="N2526" s="45">
        <f t="shared" si="291"/>
        <v>45030.833333327289</v>
      </c>
    </row>
    <row r="2527" spans="2:14" x14ac:dyDescent="0.25">
      <c r="B2527">
        <f t="shared" si="285"/>
        <v>5</v>
      </c>
      <c r="C2527" s="16">
        <v>2493</v>
      </c>
      <c r="D2527" cm="1">
        <f t="array" ref="D2527">IFERROR(INDEX(Jesper!AH$2:AH$366,ROUNDDOWN($C2527/24,0)+1,1)*INDEX($D$3:$AA$30,INDEX(Jesper!$R$2:$R$366,ROW(INDEX(Jesper!AH$2:AH$366,ROUNDDOWN($C2527/24,0)+1,1))-1)+IF('Standard Profiles'!$G$18=$B$10,7,0)+IF('Standard Profiles'!$G$18=$B$17,14,0)+IF('Standard Profiles'!$G$18=$B$24,21,0),MOD($C2527,24)+1)/SUM(INDEX($D$3:$AA$30,INDEX(Jesper!$R$2:$R$366,ROW(INDEX(Jesper!AH$2:AH$366,ROUNDDOWN($C2527/24,0)+1,1))-1)+IF('Standard Profiles'!$G$18=$B$10,7,0)+IF('Standard Profiles'!$G$18=$B$17,14,0)+IF('Standard Profiles'!$G$18=$B$24,21,0),0)),0)</f>
        <v>5.5723277453944693</v>
      </c>
      <c r="E2527" cm="1">
        <f t="array" ref="E2527">IFERROR(INDEX(Jesper!AI$2:AI$366,ROUNDDOWN($C2527/24,0)+1,1)*INDEX($D$3:$AA$30,INDEX(Jesper!$R$2:$R$366,ROW(INDEX(Jesper!AI$2:AI$366,ROUNDDOWN($C2527/24,0)+1,1))-1)+IF('Standard Profiles'!$G$19=$B$10,7,0)+IF('Standard Profiles'!$G$19=$B$17,14,0)+IF('Standard Profiles'!$G$19=$B$24,21,0),MOD($C2527,24)+1)/SUM(INDEX($D$3:$AA$30,INDEX(Jesper!$R$2:$R$366,ROW(INDEX(Jesper!AI$2:AI$366,ROUNDDOWN($C2527/24,0)+1,1))-1)+IF('Standard Profiles'!$G$19=$B$10,7,0)+IF('Standard Profiles'!$G$19=$B$17,14,0)+IF('Standard Profiles'!$G$19=$B$24,21,0),0)),0)</f>
        <v>6.027783093640493</v>
      </c>
      <c r="F2527" cm="1">
        <f t="array" ref="F2527">IFERROR(INDEX(Jesper!AJ$2:AJ$366,ROUNDDOWN($C2527/24,0)+1,1)*INDEX($D$3:$AA$30,INDEX(Jesper!$R$2:$R$366,ROW(INDEX(Jesper!AJ$2:AJ$366,ROUNDDOWN($C2527/24,0)+1,1))-1)+IF('Standard Profiles'!$G$20=$B$10,7,0)+IF('Standard Profiles'!$G$20=$B$17,14,0)+IF('Standard Profiles'!$G$20=$B$24,21,0),MOD($C2527,24)+1)/SUM(INDEX($D$3:$AA$30,INDEX(Jesper!$R$2:$R$366,ROW(INDEX(Jesper!AJ$2:AJ$366,ROUNDDOWN($C2527/24,0)+1,1))-1)+IF('Standard Profiles'!$G$20=$B$10,7,0)+IF('Standard Profiles'!$G$20=$B$17,14,0)+IF('Standard Profiles'!$G$20=$B$24,21,0),0)),0)</f>
        <v>0</v>
      </c>
      <c r="G2527" cm="1">
        <f t="array" ref="G2527">IFERROR(INDEX(Jesper!AK$2:AK$366,ROUNDDOWN($C2527/24,0)+1,1)*INDEX($D$3:$AA$30,INDEX(Jesper!$R$2:$R$366,ROW(INDEX(Jesper!AK$2:AK$366,ROUNDDOWN($C2527/24,0)+1,1))-1)+IF('Standard Profiles'!$G$21=$B$10,7,0)+IF('Standard Profiles'!$G$21=$B$17,14,0)+IF('Standard Profiles'!$G$21=$B$24,21,0),MOD($C2527,24)+1)/SUM(INDEX($D$3:$AA$30,INDEX(Jesper!$R$2:$R$366,ROW(INDEX(Jesper!AK$2:AK$366,ROUNDDOWN($C2527/24,0)+1,1))-1)+IF('Standard Profiles'!$G$21=$B$10,7,0)+IF('Standard Profiles'!$G$21=$B$17,14,0)+IF('Standard Profiles'!$G$21=$B$24,21,0),0)),0)</f>
        <v>6.9231574723224769</v>
      </c>
      <c r="H2527" cm="1">
        <f t="array" ref="H2527">IFERROR(INDEX(Jesper!AL$2:AL$366,ROUNDDOWN($C2527/24,0)+1,1)*INDEX($D$3:$AA$30,INDEX(Jesper!$R$2:$R$366,ROW(INDEX(Jesper!AL$2:AL$366,ROUNDDOWN($C2527/24,0)+1,1))-1)+IF('Standard Profiles'!$G$22=$B$10,7,0)+IF('Standard Profiles'!$G$22=$B$17,14,0)+IF('Standard Profiles'!$G$22=$B$24,21,0),MOD($C2527,24)+1)/SUM(INDEX($D$3:$AA$30,INDEX(Jesper!$R$2:$R$366,ROW(INDEX(Jesper!AL$2:AL$366,ROUNDDOWN($C2527/24,0)+1,1))-1)+IF('Standard Profiles'!$G$22=$B$10,7,0)+IF('Standard Profiles'!$G$22=$B$17,14,0)+IF('Standard Profiles'!$G$22=$B$24,21,0),0)),0)</f>
        <v>0</v>
      </c>
      <c r="I2527">
        <f t="shared" si="286"/>
        <v>3.3231155867147875</v>
      </c>
      <c r="J2527">
        <f t="shared" si="287"/>
        <v>14.308580285379536</v>
      </c>
      <c r="K2527">
        <f t="shared" si="288"/>
        <v>0.59438162617541013</v>
      </c>
      <c r="L2527">
        <f t="shared" si="289"/>
        <v>0.29719081308770506</v>
      </c>
      <c r="M2527">
        <f t="shared" si="290"/>
        <v>0</v>
      </c>
      <c r="N2527" s="45">
        <f t="shared" si="291"/>
        <v>45030.874999993954</v>
      </c>
    </row>
    <row r="2528" spans="2:14" x14ac:dyDescent="0.25">
      <c r="B2528">
        <f t="shared" si="285"/>
        <v>5</v>
      </c>
      <c r="C2528" s="16">
        <v>2494</v>
      </c>
      <c r="D2528" cm="1">
        <f t="array" ref="D2528">IFERROR(INDEX(Jesper!AH$2:AH$366,ROUNDDOWN($C2528/24,0)+1,1)*INDEX($D$3:$AA$30,INDEX(Jesper!$R$2:$R$366,ROW(INDEX(Jesper!AH$2:AH$366,ROUNDDOWN($C2528/24,0)+1,1))-1)+IF('Standard Profiles'!$G$18=$B$10,7,0)+IF('Standard Profiles'!$G$18=$B$17,14,0)+IF('Standard Profiles'!$G$18=$B$24,21,0),MOD($C2528,24)+1)/SUM(INDEX($D$3:$AA$30,INDEX(Jesper!$R$2:$R$366,ROW(INDEX(Jesper!AH$2:AH$366,ROUNDDOWN($C2528/24,0)+1,1))-1)+IF('Standard Profiles'!$G$18=$B$10,7,0)+IF('Standard Profiles'!$G$18=$B$17,14,0)+IF('Standard Profiles'!$G$18=$B$24,21,0),0)),0)</f>
        <v>5.5723277453944693</v>
      </c>
      <c r="E2528" cm="1">
        <f t="array" ref="E2528">IFERROR(INDEX(Jesper!AI$2:AI$366,ROUNDDOWN($C2528/24,0)+1,1)*INDEX($D$3:$AA$30,INDEX(Jesper!$R$2:$R$366,ROW(INDEX(Jesper!AI$2:AI$366,ROUNDDOWN($C2528/24,0)+1,1))-1)+IF('Standard Profiles'!$G$19=$B$10,7,0)+IF('Standard Profiles'!$G$19=$B$17,14,0)+IF('Standard Profiles'!$G$19=$B$24,21,0),MOD($C2528,24)+1)/SUM(INDEX($D$3:$AA$30,INDEX(Jesper!$R$2:$R$366,ROW(INDEX(Jesper!AI$2:AI$366,ROUNDDOWN($C2528/24,0)+1,1))-1)+IF('Standard Profiles'!$G$19=$B$10,7,0)+IF('Standard Profiles'!$G$19=$B$17,14,0)+IF('Standard Profiles'!$G$19=$B$24,21,0),0)),0)</f>
        <v>6.027783093640493</v>
      </c>
      <c r="F2528" cm="1">
        <f t="array" ref="F2528">IFERROR(INDEX(Jesper!AJ$2:AJ$366,ROUNDDOWN($C2528/24,0)+1,1)*INDEX($D$3:$AA$30,INDEX(Jesper!$R$2:$R$366,ROW(INDEX(Jesper!AJ$2:AJ$366,ROUNDDOWN($C2528/24,0)+1,1))-1)+IF('Standard Profiles'!$G$20=$B$10,7,0)+IF('Standard Profiles'!$G$20=$B$17,14,0)+IF('Standard Profiles'!$G$20=$B$24,21,0),MOD($C2528,24)+1)/SUM(INDEX($D$3:$AA$30,INDEX(Jesper!$R$2:$R$366,ROW(INDEX(Jesper!AJ$2:AJ$366,ROUNDDOWN($C2528/24,0)+1,1))-1)+IF('Standard Profiles'!$G$20=$B$10,7,0)+IF('Standard Profiles'!$G$20=$B$17,14,0)+IF('Standard Profiles'!$G$20=$B$24,21,0),0)),0)</f>
        <v>0</v>
      </c>
      <c r="G2528" cm="1">
        <f t="array" ref="G2528">IFERROR(INDEX(Jesper!AK$2:AK$366,ROUNDDOWN($C2528/24,0)+1,1)*INDEX($D$3:$AA$30,INDEX(Jesper!$R$2:$R$366,ROW(INDEX(Jesper!AK$2:AK$366,ROUNDDOWN($C2528/24,0)+1,1))-1)+IF('Standard Profiles'!$G$21=$B$10,7,0)+IF('Standard Profiles'!$G$21=$B$17,14,0)+IF('Standard Profiles'!$G$21=$B$24,21,0),MOD($C2528,24)+1)/SUM(INDEX($D$3:$AA$30,INDEX(Jesper!$R$2:$R$366,ROW(INDEX(Jesper!AK$2:AK$366,ROUNDDOWN($C2528/24,0)+1,1))-1)+IF('Standard Profiles'!$G$21=$B$10,7,0)+IF('Standard Profiles'!$G$21=$B$17,14,0)+IF('Standard Profiles'!$G$21=$B$24,21,0),0)),0)</f>
        <v>6.9231574723224769</v>
      </c>
      <c r="H2528" cm="1">
        <f t="array" ref="H2528">IFERROR(INDEX(Jesper!AL$2:AL$366,ROUNDDOWN($C2528/24,0)+1,1)*INDEX($D$3:$AA$30,INDEX(Jesper!$R$2:$R$366,ROW(INDEX(Jesper!AL$2:AL$366,ROUNDDOWN($C2528/24,0)+1,1))-1)+IF('Standard Profiles'!$G$22=$B$10,7,0)+IF('Standard Profiles'!$G$22=$B$17,14,0)+IF('Standard Profiles'!$G$22=$B$24,21,0),MOD($C2528,24)+1)/SUM(INDEX($D$3:$AA$30,INDEX(Jesper!$R$2:$R$366,ROW(INDEX(Jesper!AL$2:AL$366,ROUNDDOWN($C2528/24,0)+1,1))-1)+IF('Standard Profiles'!$G$22=$B$10,7,0)+IF('Standard Profiles'!$G$22=$B$17,14,0)+IF('Standard Profiles'!$G$22=$B$24,21,0),0)),0)</f>
        <v>0</v>
      </c>
      <c r="I2528">
        <f t="shared" si="286"/>
        <v>3.3231155867147875</v>
      </c>
      <c r="J2528">
        <f t="shared" si="287"/>
        <v>14.308580285379536</v>
      </c>
      <c r="K2528">
        <f t="shared" si="288"/>
        <v>0.59438162617541013</v>
      </c>
      <c r="L2528">
        <f t="shared" si="289"/>
        <v>0.29719081308770506</v>
      </c>
      <c r="M2528">
        <f t="shared" si="290"/>
        <v>0</v>
      </c>
      <c r="N2528" s="45">
        <f t="shared" si="291"/>
        <v>45030.916666660618</v>
      </c>
    </row>
    <row r="2529" spans="2:14" x14ac:dyDescent="0.25">
      <c r="B2529">
        <f t="shared" si="285"/>
        <v>5</v>
      </c>
      <c r="C2529" s="16">
        <v>2495</v>
      </c>
      <c r="D2529" cm="1">
        <f t="array" ref="D2529">IFERROR(INDEX(Jesper!AH$2:AH$366,ROUNDDOWN($C2529/24,0)+1,1)*INDEX($D$3:$AA$30,INDEX(Jesper!$R$2:$R$366,ROW(INDEX(Jesper!AH$2:AH$366,ROUNDDOWN($C2529/24,0)+1,1))-1)+IF('Standard Profiles'!$G$18=$B$10,7,0)+IF('Standard Profiles'!$G$18=$B$17,14,0)+IF('Standard Profiles'!$G$18=$B$24,21,0),MOD($C2529,24)+1)/SUM(INDEX($D$3:$AA$30,INDEX(Jesper!$R$2:$R$366,ROW(INDEX(Jesper!AH$2:AH$366,ROUNDDOWN($C2529/24,0)+1,1))-1)+IF('Standard Profiles'!$G$18=$B$10,7,0)+IF('Standard Profiles'!$G$18=$B$17,14,0)+IF('Standard Profiles'!$G$18=$B$24,21,0),0)),0)</f>
        <v>5.5723277453944693</v>
      </c>
      <c r="E2529" cm="1">
        <f t="array" ref="E2529">IFERROR(INDEX(Jesper!AI$2:AI$366,ROUNDDOWN($C2529/24,0)+1,1)*INDEX($D$3:$AA$30,INDEX(Jesper!$R$2:$R$366,ROW(INDEX(Jesper!AI$2:AI$366,ROUNDDOWN($C2529/24,0)+1,1))-1)+IF('Standard Profiles'!$G$19=$B$10,7,0)+IF('Standard Profiles'!$G$19=$B$17,14,0)+IF('Standard Profiles'!$G$19=$B$24,21,0),MOD($C2529,24)+1)/SUM(INDEX($D$3:$AA$30,INDEX(Jesper!$R$2:$R$366,ROW(INDEX(Jesper!AI$2:AI$366,ROUNDDOWN($C2529/24,0)+1,1))-1)+IF('Standard Profiles'!$G$19=$B$10,7,0)+IF('Standard Profiles'!$G$19=$B$17,14,0)+IF('Standard Profiles'!$G$19=$B$24,21,0),0)),0)</f>
        <v>6.027783093640493</v>
      </c>
      <c r="F2529" cm="1">
        <f t="array" ref="F2529">IFERROR(INDEX(Jesper!AJ$2:AJ$366,ROUNDDOWN($C2529/24,0)+1,1)*INDEX($D$3:$AA$30,INDEX(Jesper!$R$2:$R$366,ROW(INDEX(Jesper!AJ$2:AJ$366,ROUNDDOWN($C2529/24,0)+1,1))-1)+IF('Standard Profiles'!$G$20=$B$10,7,0)+IF('Standard Profiles'!$G$20=$B$17,14,0)+IF('Standard Profiles'!$G$20=$B$24,21,0),MOD($C2529,24)+1)/SUM(INDEX($D$3:$AA$30,INDEX(Jesper!$R$2:$R$366,ROW(INDEX(Jesper!AJ$2:AJ$366,ROUNDDOWN($C2529/24,0)+1,1))-1)+IF('Standard Profiles'!$G$20=$B$10,7,0)+IF('Standard Profiles'!$G$20=$B$17,14,0)+IF('Standard Profiles'!$G$20=$B$24,21,0),0)),0)</f>
        <v>0</v>
      </c>
      <c r="G2529" cm="1">
        <f t="array" ref="G2529">IFERROR(INDEX(Jesper!AK$2:AK$366,ROUNDDOWN($C2529/24,0)+1,1)*INDEX($D$3:$AA$30,INDEX(Jesper!$R$2:$R$366,ROW(INDEX(Jesper!AK$2:AK$366,ROUNDDOWN($C2529/24,0)+1,1))-1)+IF('Standard Profiles'!$G$21=$B$10,7,0)+IF('Standard Profiles'!$G$21=$B$17,14,0)+IF('Standard Profiles'!$G$21=$B$24,21,0),MOD($C2529,24)+1)/SUM(INDEX($D$3:$AA$30,INDEX(Jesper!$R$2:$R$366,ROW(INDEX(Jesper!AK$2:AK$366,ROUNDDOWN($C2529/24,0)+1,1))-1)+IF('Standard Profiles'!$G$21=$B$10,7,0)+IF('Standard Profiles'!$G$21=$B$17,14,0)+IF('Standard Profiles'!$G$21=$B$24,21,0),0)),0)</f>
        <v>6.9231574723224769</v>
      </c>
      <c r="H2529" cm="1">
        <f t="array" ref="H2529">IFERROR(INDEX(Jesper!AL$2:AL$366,ROUNDDOWN($C2529/24,0)+1,1)*INDEX($D$3:$AA$30,INDEX(Jesper!$R$2:$R$366,ROW(INDEX(Jesper!AL$2:AL$366,ROUNDDOWN($C2529/24,0)+1,1))-1)+IF('Standard Profiles'!$G$22=$B$10,7,0)+IF('Standard Profiles'!$G$22=$B$17,14,0)+IF('Standard Profiles'!$G$22=$B$24,21,0),MOD($C2529,24)+1)/SUM(INDEX($D$3:$AA$30,INDEX(Jesper!$R$2:$R$366,ROW(INDEX(Jesper!AL$2:AL$366,ROUNDDOWN($C2529/24,0)+1,1))-1)+IF('Standard Profiles'!$G$22=$B$10,7,0)+IF('Standard Profiles'!$G$22=$B$17,14,0)+IF('Standard Profiles'!$G$22=$B$24,21,0),0)),0)</f>
        <v>0</v>
      </c>
      <c r="I2529">
        <f t="shared" si="286"/>
        <v>3.3231155867147875</v>
      </c>
      <c r="J2529">
        <f t="shared" si="287"/>
        <v>14.308580285379536</v>
      </c>
      <c r="K2529">
        <f t="shared" si="288"/>
        <v>0.59438162617541013</v>
      </c>
      <c r="L2529">
        <f t="shared" si="289"/>
        <v>0.29719081308770506</v>
      </c>
      <c r="M2529">
        <f t="shared" si="290"/>
        <v>0</v>
      </c>
      <c r="N2529" s="45">
        <f t="shared" si="291"/>
        <v>45030.958333327282</v>
      </c>
    </row>
    <row r="2530" spans="2:14" x14ac:dyDescent="0.25">
      <c r="B2530">
        <f t="shared" si="285"/>
        <v>6</v>
      </c>
      <c r="C2530" s="16">
        <v>2496</v>
      </c>
      <c r="D2530" cm="1">
        <f t="array" ref="D2530">IFERROR(INDEX(Jesper!AH$2:AH$366,ROUNDDOWN($C2530/24,0)+1,1)*INDEX($D$3:$AA$30,INDEX(Jesper!$R$2:$R$366,ROW(INDEX(Jesper!AH$2:AH$366,ROUNDDOWN($C2530/24,0)+1,1))-1)+IF('Standard Profiles'!$G$18=$B$10,7,0)+IF('Standard Profiles'!$G$18=$B$17,14,0)+IF('Standard Profiles'!$G$18=$B$24,21,0),MOD($C2530,24)+1)/SUM(INDEX($D$3:$AA$30,INDEX(Jesper!$R$2:$R$366,ROW(INDEX(Jesper!AH$2:AH$366,ROUNDDOWN($C2530/24,0)+1,1))-1)+IF('Standard Profiles'!$G$18=$B$10,7,0)+IF('Standard Profiles'!$G$18=$B$17,14,0)+IF('Standard Profiles'!$G$18=$B$24,21,0),0)),0)</f>
        <v>0</v>
      </c>
      <c r="E2530" cm="1">
        <f t="array" ref="E2530">IFERROR(INDEX(Jesper!AI$2:AI$366,ROUNDDOWN($C2530/24,0)+1,1)*INDEX($D$3:$AA$30,INDEX(Jesper!$R$2:$R$366,ROW(INDEX(Jesper!AI$2:AI$366,ROUNDDOWN($C2530/24,0)+1,1))-1)+IF('Standard Profiles'!$G$19=$B$10,7,0)+IF('Standard Profiles'!$G$19=$B$17,14,0)+IF('Standard Profiles'!$G$19=$B$24,21,0),MOD($C2530,24)+1)/SUM(INDEX($D$3:$AA$30,INDEX(Jesper!$R$2:$R$366,ROW(INDEX(Jesper!AI$2:AI$366,ROUNDDOWN($C2530/24,0)+1,1))-1)+IF('Standard Profiles'!$G$19=$B$10,7,0)+IF('Standard Profiles'!$G$19=$B$17,14,0)+IF('Standard Profiles'!$G$19=$B$24,21,0),0)),0)</f>
        <v>5.2521438001682181</v>
      </c>
      <c r="F2530" cm="1">
        <f t="array" ref="F2530">IFERROR(INDEX(Jesper!AJ$2:AJ$366,ROUNDDOWN($C2530/24,0)+1,1)*INDEX($D$3:$AA$30,INDEX(Jesper!$R$2:$R$366,ROW(INDEX(Jesper!AJ$2:AJ$366,ROUNDDOWN($C2530/24,0)+1,1))-1)+IF('Standard Profiles'!$G$20=$B$10,7,0)+IF('Standard Profiles'!$G$20=$B$17,14,0)+IF('Standard Profiles'!$G$20=$B$24,21,0),MOD($C2530,24)+1)/SUM(INDEX($D$3:$AA$30,INDEX(Jesper!$R$2:$R$366,ROW(INDEX(Jesper!AJ$2:AJ$366,ROUNDDOWN($C2530/24,0)+1,1))-1)+IF('Standard Profiles'!$G$20=$B$10,7,0)+IF('Standard Profiles'!$G$20=$B$17,14,0)+IF('Standard Profiles'!$G$20=$B$24,21,0),0)),0)</f>
        <v>4.305659812031621</v>
      </c>
      <c r="G2530" cm="1">
        <f t="array" ref="G2530">IFERROR(INDEX(Jesper!AK$2:AK$366,ROUNDDOWN($C2530/24,0)+1,1)*INDEX($D$3:$AA$30,INDEX(Jesper!$R$2:$R$366,ROW(INDEX(Jesper!AK$2:AK$366,ROUNDDOWN($C2530/24,0)+1,1))-1)+IF('Standard Profiles'!$G$21=$B$10,7,0)+IF('Standard Profiles'!$G$21=$B$17,14,0)+IF('Standard Profiles'!$G$21=$B$24,21,0),MOD($C2530,24)+1)/SUM(INDEX($D$3:$AA$30,INDEX(Jesper!$R$2:$R$366,ROW(INDEX(Jesper!AK$2:AK$366,ROUNDDOWN($C2530/24,0)+1,1))-1)+IF('Standard Profiles'!$G$21=$B$10,7,0)+IF('Standard Profiles'!$G$21=$B$17,14,0)+IF('Standard Profiles'!$G$21=$B$24,21,0),0)),0)</f>
        <v>6.079400605110548</v>
      </c>
      <c r="H2530" cm="1">
        <f t="array" ref="H2530">IFERROR(INDEX(Jesper!AL$2:AL$366,ROUNDDOWN($C2530/24,0)+1,1)*INDEX($D$3:$AA$30,INDEX(Jesper!$R$2:$R$366,ROW(INDEX(Jesper!AL$2:AL$366,ROUNDDOWN($C2530/24,0)+1,1))-1)+IF('Standard Profiles'!$G$22=$B$10,7,0)+IF('Standard Profiles'!$G$22=$B$17,14,0)+IF('Standard Profiles'!$G$22=$B$24,21,0),MOD($C2530,24)+1)/SUM(INDEX($D$3:$AA$30,INDEX(Jesper!$R$2:$R$366,ROW(INDEX(Jesper!AL$2:AL$366,ROUNDDOWN($C2530/24,0)+1,1))-1)+IF('Standard Profiles'!$G$22=$B$10,7,0)+IF('Standard Profiles'!$G$22=$B$17,14,0)+IF('Standard Profiles'!$G$22=$B$24,21,0),0)),0)</f>
        <v>1.6880314293591665</v>
      </c>
      <c r="I2530">
        <f t="shared" si="286"/>
        <v>1.6205101721848008</v>
      </c>
      <c r="J2530">
        <f t="shared" si="287"/>
        <v>15.074468218464569</v>
      </c>
      <c r="K2530">
        <f t="shared" si="288"/>
        <v>0.42017150401345749</v>
      </c>
      <c r="L2530">
        <f t="shared" si="289"/>
        <v>0.21008575200672874</v>
      </c>
      <c r="M2530">
        <f t="shared" si="290"/>
        <v>0</v>
      </c>
      <c r="N2530" s="45">
        <f t="shared" si="291"/>
        <v>45030.999999993946</v>
      </c>
    </row>
    <row r="2531" spans="2:14" x14ac:dyDescent="0.25">
      <c r="B2531">
        <f t="shared" ref="B2531:B2594" si="292">WEEKDAY(N2531,2)</f>
        <v>6</v>
      </c>
      <c r="C2531" s="16">
        <v>2497</v>
      </c>
      <c r="D2531" cm="1">
        <f t="array" ref="D2531">IFERROR(INDEX(Jesper!AH$2:AH$366,ROUNDDOWN($C2531/24,0)+1,1)*INDEX($D$3:$AA$30,INDEX(Jesper!$R$2:$R$366,ROW(INDEX(Jesper!AH$2:AH$366,ROUNDDOWN($C2531/24,0)+1,1))-1)+IF('Standard Profiles'!$G$18=$B$10,7,0)+IF('Standard Profiles'!$G$18=$B$17,14,0)+IF('Standard Profiles'!$G$18=$B$24,21,0),MOD($C2531,24)+1)/SUM(INDEX($D$3:$AA$30,INDEX(Jesper!$R$2:$R$366,ROW(INDEX(Jesper!AH$2:AH$366,ROUNDDOWN($C2531/24,0)+1,1))-1)+IF('Standard Profiles'!$G$18=$B$10,7,0)+IF('Standard Profiles'!$G$18=$B$17,14,0)+IF('Standard Profiles'!$G$18=$B$24,21,0),0)),0)</f>
        <v>0</v>
      </c>
      <c r="E2531" cm="1">
        <f t="array" ref="E2531">IFERROR(INDEX(Jesper!AI$2:AI$366,ROUNDDOWN($C2531/24,0)+1,1)*INDEX($D$3:$AA$30,INDEX(Jesper!$R$2:$R$366,ROW(INDEX(Jesper!AI$2:AI$366,ROUNDDOWN($C2531/24,0)+1,1))-1)+IF('Standard Profiles'!$G$19=$B$10,7,0)+IF('Standard Profiles'!$G$19=$B$17,14,0)+IF('Standard Profiles'!$G$19=$B$24,21,0),MOD($C2531,24)+1)/SUM(INDEX($D$3:$AA$30,INDEX(Jesper!$R$2:$R$366,ROW(INDEX(Jesper!AI$2:AI$366,ROUNDDOWN($C2531/24,0)+1,1))-1)+IF('Standard Profiles'!$G$19=$B$10,7,0)+IF('Standard Profiles'!$G$19=$B$17,14,0)+IF('Standard Profiles'!$G$19=$B$24,21,0),0)),0)</f>
        <v>4.7269294201513965</v>
      </c>
      <c r="F2531" cm="1">
        <f t="array" ref="F2531">IFERROR(INDEX(Jesper!AJ$2:AJ$366,ROUNDDOWN($C2531/24,0)+1,1)*INDEX($D$3:$AA$30,INDEX(Jesper!$R$2:$R$366,ROW(INDEX(Jesper!AJ$2:AJ$366,ROUNDDOWN($C2531/24,0)+1,1))-1)+IF('Standard Profiles'!$G$20=$B$10,7,0)+IF('Standard Profiles'!$G$20=$B$17,14,0)+IF('Standard Profiles'!$G$20=$B$24,21,0),MOD($C2531,24)+1)/SUM(INDEX($D$3:$AA$30,INDEX(Jesper!$R$2:$R$366,ROW(INDEX(Jesper!AJ$2:AJ$366,ROUNDDOWN($C2531/24,0)+1,1))-1)+IF('Standard Profiles'!$G$20=$B$10,7,0)+IF('Standard Profiles'!$G$20=$B$17,14,0)+IF('Standard Profiles'!$G$20=$B$24,21,0),0)),0)</f>
        <v>3.8750938308284586</v>
      </c>
      <c r="G2531" cm="1">
        <f t="array" ref="G2531">IFERROR(INDEX(Jesper!AK$2:AK$366,ROUNDDOWN($C2531/24,0)+1,1)*INDEX($D$3:$AA$30,INDEX(Jesper!$R$2:$R$366,ROW(INDEX(Jesper!AK$2:AK$366,ROUNDDOWN($C2531/24,0)+1,1))-1)+IF('Standard Profiles'!$G$21=$B$10,7,0)+IF('Standard Profiles'!$G$21=$B$17,14,0)+IF('Standard Profiles'!$G$21=$B$24,21,0),MOD($C2531,24)+1)/SUM(INDEX($D$3:$AA$30,INDEX(Jesper!$R$2:$R$366,ROW(INDEX(Jesper!AK$2:AK$366,ROUNDDOWN($C2531/24,0)+1,1))-1)+IF('Standard Profiles'!$G$21=$B$10,7,0)+IF('Standard Profiles'!$G$21=$B$17,14,0)+IF('Standard Profiles'!$G$21=$B$24,21,0),0)),0)</f>
        <v>6.079400605110548</v>
      </c>
      <c r="H2531" cm="1">
        <f t="array" ref="H2531">IFERROR(INDEX(Jesper!AL$2:AL$366,ROUNDDOWN($C2531/24,0)+1,1)*INDEX($D$3:$AA$30,INDEX(Jesper!$R$2:$R$366,ROW(INDEX(Jesper!AL$2:AL$366,ROUNDDOWN($C2531/24,0)+1,1))-1)+IF('Standard Profiles'!$G$22=$B$10,7,0)+IF('Standard Profiles'!$G$22=$B$17,14,0)+IF('Standard Profiles'!$G$22=$B$24,21,0),MOD($C2531,24)+1)/SUM(INDEX($D$3:$AA$30,INDEX(Jesper!$R$2:$R$366,ROW(INDEX(Jesper!AL$2:AL$366,ROUNDDOWN($C2531/24,0)+1,1))-1)+IF('Standard Profiles'!$G$22=$B$10,7,0)+IF('Standard Profiles'!$G$22=$B$17,14,0)+IF('Standard Profiles'!$G$22=$B$24,21,0),0)),0)</f>
        <v>3.2956804097012302</v>
      </c>
      <c r="I2531">
        <f t="shared" ref="I2531:I2594" si="293">IF($B2531&lt;6,AC$37*$D2531+AC$38*$E2531+AC$39*$F2531+AC$40*$G2531,AC$46*$D2531+AC$47*$E2531+AC$48*$F2531+AC$49*$G2531+AC$50*$H2531)</f>
        <v>3.1638531933131828</v>
      </c>
      <c r="J2531">
        <f t="shared" ref="J2531:J2594" si="294">IF($B2531&lt;6,AD$37*$D2531+AD$38*$E2531+AD$39*$F2531+AD$40*$G2531,AD$46*$D2531+AD$47*$E2531+AD$48*$F2531+AD$49*$G2531+AD$50*$H2531)</f>
        <v>14.246019542060282</v>
      </c>
      <c r="K2531">
        <f t="shared" ref="K2531:K2594" si="295">IF($B2531&lt;6,AE$37*$D2531+AE$38*$E2531+AE$39*$F2531+AE$40*$G2531,AE$46*$D2531+AE$47*$E2531+AE$48*$F2531+AE$49*$G2531+AE$50*$H2531)</f>
        <v>0.37815435361211175</v>
      </c>
      <c r="L2531">
        <f t="shared" ref="L2531:L2594" si="296">IF($B2531&lt;6,AF$37*$D2531+AF$38*$E2531+AF$39*$F2531+AF$40*$G2531,AF$46*$D2531+AF$47*$E2531+AF$48*$F2531+AF$49*$G2531+AF$50*$H2531)</f>
        <v>0.18907717680605587</v>
      </c>
      <c r="M2531">
        <f t="shared" ref="M2531:M2594" si="297">IF($B2531&lt;6,AG$37*$D2531+AG$38*$E2531+AG$39*$F2531+AG$40*$G2531,AG$46*$D2531+AG$47*$E2531+AG$48*$F2531+AG$49*$G2531+AG$50*$H2531)</f>
        <v>0</v>
      </c>
      <c r="N2531" s="45">
        <f t="shared" si="291"/>
        <v>45031.041666660611</v>
      </c>
    </row>
    <row r="2532" spans="2:14" x14ac:dyDescent="0.25">
      <c r="B2532">
        <f t="shared" si="292"/>
        <v>6</v>
      </c>
      <c r="C2532" s="16">
        <v>2498</v>
      </c>
      <c r="D2532" cm="1">
        <f t="array" ref="D2532">IFERROR(INDEX(Jesper!AH$2:AH$366,ROUNDDOWN($C2532/24,0)+1,1)*INDEX($D$3:$AA$30,INDEX(Jesper!$R$2:$R$366,ROW(INDEX(Jesper!AH$2:AH$366,ROUNDDOWN($C2532/24,0)+1,1))-1)+IF('Standard Profiles'!$G$18=$B$10,7,0)+IF('Standard Profiles'!$G$18=$B$17,14,0)+IF('Standard Profiles'!$G$18=$B$24,21,0),MOD($C2532,24)+1)/SUM(INDEX($D$3:$AA$30,INDEX(Jesper!$R$2:$R$366,ROW(INDEX(Jesper!AH$2:AH$366,ROUNDDOWN($C2532/24,0)+1,1))-1)+IF('Standard Profiles'!$G$18=$B$10,7,0)+IF('Standard Profiles'!$G$18=$B$17,14,0)+IF('Standard Profiles'!$G$18=$B$24,21,0),0)),0)</f>
        <v>0</v>
      </c>
      <c r="E2532" cm="1">
        <f t="array" ref="E2532">IFERROR(INDEX(Jesper!AI$2:AI$366,ROUNDDOWN($C2532/24,0)+1,1)*INDEX($D$3:$AA$30,INDEX(Jesper!$R$2:$R$366,ROW(INDEX(Jesper!AI$2:AI$366,ROUNDDOWN($C2532/24,0)+1,1))-1)+IF('Standard Profiles'!$G$19=$B$10,7,0)+IF('Standard Profiles'!$G$19=$B$17,14,0)+IF('Standard Profiles'!$G$19=$B$24,21,0),MOD($C2532,24)+1)/SUM(INDEX($D$3:$AA$30,INDEX(Jesper!$R$2:$R$366,ROW(INDEX(Jesper!AI$2:AI$366,ROUNDDOWN($C2532/24,0)+1,1))-1)+IF('Standard Profiles'!$G$19=$B$10,7,0)+IF('Standard Profiles'!$G$19=$B$17,14,0)+IF('Standard Profiles'!$G$19=$B$24,21,0),0)),0)</f>
        <v>4.7269294201513965</v>
      </c>
      <c r="F2532" cm="1">
        <f t="array" ref="F2532">IFERROR(INDEX(Jesper!AJ$2:AJ$366,ROUNDDOWN($C2532/24,0)+1,1)*INDEX($D$3:$AA$30,INDEX(Jesper!$R$2:$R$366,ROW(INDEX(Jesper!AJ$2:AJ$366,ROUNDDOWN($C2532/24,0)+1,1))-1)+IF('Standard Profiles'!$G$20=$B$10,7,0)+IF('Standard Profiles'!$G$20=$B$17,14,0)+IF('Standard Profiles'!$G$20=$B$24,21,0),MOD($C2532,24)+1)/SUM(INDEX($D$3:$AA$30,INDEX(Jesper!$R$2:$R$366,ROW(INDEX(Jesper!AJ$2:AJ$366,ROUNDDOWN($C2532/24,0)+1,1))-1)+IF('Standard Profiles'!$G$20=$B$10,7,0)+IF('Standard Profiles'!$G$20=$B$17,14,0)+IF('Standard Profiles'!$G$20=$B$24,21,0),0)),0)</f>
        <v>3.8750938308284586</v>
      </c>
      <c r="G2532" cm="1">
        <f t="array" ref="G2532">IFERROR(INDEX(Jesper!AK$2:AK$366,ROUNDDOWN($C2532/24,0)+1,1)*INDEX($D$3:$AA$30,INDEX(Jesper!$R$2:$R$366,ROW(INDEX(Jesper!AK$2:AK$366,ROUNDDOWN($C2532/24,0)+1,1))-1)+IF('Standard Profiles'!$G$21=$B$10,7,0)+IF('Standard Profiles'!$G$21=$B$17,14,0)+IF('Standard Profiles'!$G$21=$B$24,21,0),MOD($C2532,24)+1)/SUM(INDEX($D$3:$AA$30,INDEX(Jesper!$R$2:$R$366,ROW(INDEX(Jesper!AK$2:AK$366,ROUNDDOWN($C2532/24,0)+1,1))-1)+IF('Standard Profiles'!$G$21=$B$10,7,0)+IF('Standard Profiles'!$G$21=$B$17,14,0)+IF('Standard Profiles'!$G$21=$B$24,21,0),0)),0)</f>
        <v>6.079400605110548</v>
      </c>
      <c r="H2532" cm="1">
        <f t="array" ref="H2532">IFERROR(INDEX(Jesper!AL$2:AL$366,ROUNDDOWN($C2532/24,0)+1,1)*INDEX($D$3:$AA$30,INDEX(Jesper!$R$2:$R$366,ROW(INDEX(Jesper!AL$2:AL$366,ROUNDDOWN($C2532/24,0)+1,1))-1)+IF('Standard Profiles'!$G$22=$B$10,7,0)+IF('Standard Profiles'!$G$22=$B$17,14,0)+IF('Standard Profiles'!$G$22=$B$24,21,0),MOD($C2532,24)+1)/SUM(INDEX($D$3:$AA$30,INDEX(Jesper!$R$2:$R$366,ROW(INDEX(Jesper!AL$2:AL$366,ROUNDDOWN($C2532/24,0)+1,1))-1)+IF('Standard Profiles'!$G$22=$B$10,7,0)+IF('Standard Profiles'!$G$22=$B$17,14,0)+IF('Standard Profiles'!$G$22=$B$24,21,0),0)),0)</f>
        <v>3.2956804097012302</v>
      </c>
      <c r="I2532">
        <f t="shared" si="293"/>
        <v>3.1638531933131828</v>
      </c>
      <c r="J2532">
        <f t="shared" si="294"/>
        <v>14.246019542060282</v>
      </c>
      <c r="K2532">
        <f t="shared" si="295"/>
        <v>0.37815435361211175</v>
      </c>
      <c r="L2532">
        <f t="shared" si="296"/>
        <v>0.18907717680605587</v>
      </c>
      <c r="M2532">
        <f t="shared" si="297"/>
        <v>0</v>
      </c>
      <c r="N2532" s="45">
        <f t="shared" ref="N2532:N2595" si="298">N2531+1/24</f>
        <v>45031.083333327275</v>
      </c>
    </row>
    <row r="2533" spans="2:14" x14ac:dyDescent="0.25">
      <c r="B2533">
        <f t="shared" si="292"/>
        <v>6</v>
      </c>
      <c r="C2533" s="16">
        <v>2499</v>
      </c>
      <c r="D2533" cm="1">
        <f t="array" ref="D2533">IFERROR(INDEX(Jesper!AH$2:AH$366,ROUNDDOWN($C2533/24,0)+1,1)*INDEX($D$3:$AA$30,INDEX(Jesper!$R$2:$R$366,ROW(INDEX(Jesper!AH$2:AH$366,ROUNDDOWN($C2533/24,0)+1,1))-1)+IF('Standard Profiles'!$G$18=$B$10,7,0)+IF('Standard Profiles'!$G$18=$B$17,14,0)+IF('Standard Profiles'!$G$18=$B$24,21,0),MOD($C2533,24)+1)/SUM(INDEX($D$3:$AA$30,INDEX(Jesper!$R$2:$R$366,ROW(INDEX(Jesper!AH$2:AH$366,ROUNDDOWN($C2533/24,0)+1,1))-1)+IF('Standard Profiles'!$G$18=$B$10,7,0)+IF('Standard Profiles'!$G$18=$B$17,14,0)+IF('Standard Profiles'!$G$18=$B$24,21,0),0)),0)</f>
        <v>0</v>
      </c>
      <c r="E2533" cm="1">
        <f t="array" ref="E2533">IFERROR(INDEX(Jesper!AI$2:AI$366,ROUNDDOWN($C2533/24,0)+1,1)*INDEX($D$3:$AA$30,INDEX(Jesper!$R$2:$R$366,ROW(INDEX(Jesper!AI$2:AI$366,ROUNDDOWN($C2533/24,0)+1,1))-1)+IF('Standard Profiles'!$G$19=$B$10,7,0)+IF('Standard Profiles'!$G$19=$B$17,14,0)+IF('Standard Profiles'!$G$19=$B$24,21,0),MOD($C2533,24)+1)/SUM(INDEX($D$3:$AA$30,INDEX(Jesper!$R$2:$R$366,ROW(INDEX(Jesper!AI$2:AI$366,ROUNDDOWN($C2533/24,0)+1,1))-1)+IF('Standard Profiles'!$G$19=$B$10,7,0)+IF('Standard Profiles'!$G$19=$B$17,14,0)+IF('Standard Profiles'!$G$19=$B$24,21,0),0)),0)</f>
        <v>4.7269294201513965</v>
      </c>
      <c r="F2533" cm="1">
        <f t="array" ref="F2533">IFERROR(INDEX(Jesper!AJ$2:AJ$366,ROUNDDOWN($C2533/24,0)+1,1)*INDEX($D$3:$AA$30,INDEX(Jesper!$R$2:$R$366,ROW(INDEX(Jesper!AJ$2:AJ$366,ROUNDDOWN($C2533/24,0)+1,1))-1)+IF('Standard Profiles'!$G$20=$B$10,7,0)+IF('Standard Profiles'!$G$20=$B$17,14,0)+IF('Standard Profiles'!$G$20=$B$24,21,0),MOD($C2533,24)+1)/SUM(INDEX($D$3:$AA$30,INDEX(Jesper!$R$2:$R$366,ROW(INDEX(Jesper!AJ$2:AJ$366,ROUNDDOWN($C2533/24,0)+1,1))-1)+IF('Standard Profiles'!$G$20=$B$10,7,0)+IF('Standard Profiles'!$G$20=$B$17,14,0)+IF('Standard Profiles'!$G$20=$B$24,21,0),0)),0)</f>
        <v>3.8750938308284586</v>
      </c>
      <c r="G2533" cm="1">
        <f t="array" ref="G2533">IFERROR(INDEX(Jesper!AK$2:AK$366,ROUNDDOWN($C2533/24,0)+1,1)*INDEX($D$3:$AA$30,INDEX(Jesper!$R$2:$R$366,ROW(INDEX(Jesper!AK$2:AK$366,ROUNDDOWN($C2533/24,0)+1,1))-1)+IF('Standard Profiles'!$G$21=$B$10,7,0)+IF('Standard Profiles'!$G$21=$B$17,14,0)+IF('Standard Profiles'!$G$21=$B$24,21,0),MOD($C2533,24)+1)/SUM(INDEX($D$3:$AA$30,INDEX(Jesper!$R$2:$R$366,ROW(INDEX(Jesper!AK$2:AK$366,ROUNDDOWN($C2533/24,0)+1,1))-1)+IF('Standard Profiles'!$G$21=$B$10,7,0)+IF('Standard Profiles'!$G$21=$B$17,14,0)+IF('Standard Profiles'!$G$21=$B$24,21,0),0)),0)</f>
        <v>6.079400605110548</v>
      </c>
      <c r="H2533" cm="1">
        <f t="array" ref="H2533">IFERROR(INDEX(Jesper!AL$2:AL$366,ROUNDDOWN($C2533/24,0)+1,1)*INDEX($D$3:$AA$30,INDEX(Jesper!$R$2:$R$366,ROW(INDEX(Jesper!AL$2:AL$366,ROUNDDOWN($C2533/24,0)+1,1))-1)+IF('Standard Profiles'!$G$22=$B$10,7,0)+IF('Standard Profiles'!$G$22=$B$17,14,0)+IF('Standard Profiles'!$G$22=$B$24,21,0),MOD($C2533,24)+1)/SUM(INDEX($D$3:$AA$30,INDEX(Jesper!$R$2:$R$366,ROW(INDEX(Jesper!AL$2:AL$366,ROUNDDOWN($C2533/24,0)+1,1))-1)+IF('Standard Profiles'!$G$22=$B$10,7,0)+IF('Standard Profiles'!$G$22=$B$17,14,0)+IF('Standard Profiles'!$G$22=$B$24,21,0),0)),0)</f>
        <v>3.2956804097012302</v>
      </c>
      <c r="I2533">
        <f t="shared" si="293"/>
        <v>3.1638531933131828</v>
      </c>
      <c r="J2533">
        <f t="shared" si="294"/>
        <v>14.246019542060282</v>
      </c>
      <c r="K2533">
        <f t="shared" si="295"/>
        <v>0.37815435361211175</v>
      </c>
      <c r="L2533">
        <f t="shared" si="296"/>
        <v>0.18907717680605587</v>
      </c>
      <c r="M2533">
        <f t="shared" si="297"/>
        <v>0</v>
      </c>
      <c r="N2533" s="45">
        <f t="shared" si="298"/>
        <v>45031.124999993939</v>
      </c>
    </row>
    <row r="2534" spans="2:14" x14ac:dyDescent="0.25">
      <c r="B2534">
        <f t="shared" si="292"/>
        <v>6</v>
      </c>
      <c r="C2534" s="16">
        <v>2500</v>
      </c>
      <c r="D2534" cm="1">
        <f t="array" ref="D2534">IFERROR(INDEX(Jesper!AH$2:AH$366,ROUNDDOWN($C2534/24,0)+1,1)*INDEX($D$3:$AA$30,INDEX(Jesper!$R$2:$R$366,ROW(INDEX(Jesper!AH$2:AH$366,ROUNDDOWN($C2534/24,0)+1,1))-1)+IF('Standard Profiles'!$G$18=$B$10,7,0)+IF('Standard Profiles'!$G$18=$B$17,14,0)+IF('Standard Profiles'!$G$18=$B$24,21,0),MOD($C2534,24)+1)/SUM(INDEX($D$3:$AA$30,INDEX(Jesper!$R$2:$R$366,ROW(INDEX(Jesper!AH$2:AH$366,ROUNDDOWN($C2534/24,0)+1,1))-1)+IF('Standard Profiles'!$G$18=$B$10,7,0)+IF('Standard Profiles'!$G$18=$B$17,14,0)+IF('Standard Profiles'!$G$18=$B$24,21,0),0)),0)</f>
        <v>0</v>
      </c>
      <c r="E2534" cm="1">
        <f t="array" ref="E2534">IFERROR(INDEX(Jesper!AI$2:AI$366,ROUNDDOWN($C2534/24,0)+1,1)*INDEX($D$3:$AA$30,INDEX(Jesper!$R$2:$R$366,ROW(INDEX(Jesper!AI$2:AI$366,ROUNDDOWN($C2534/24,0)+1,1))-1)+IF('Standard Profiles'!$G$19=$B$10,7,0)+IF('Standard Profiles'!$G$19=$B$17,14,0)+IF('Standard Profiles'!$G$19=$B$24,21,0),MOD($C2534,24)+1)/SUM(INDEX($D$3:$AA$30,INDEX(Jesper!$R$2:$R$366,ROW(INDEX(Jesper!AI$2:AI$366,ROUNDDOWN($C2534/24,0)+1,1))-1)+IF('Standard Profiles'!$G$19=$B$10,7,0)+IF('Standard Profiles'!$G$19=$B$17,14,0)+IF('Standard Profiles'!$G$19=$B$24,21,0),0)),0)</f>
        <v>4.7269294201513965</v>
      </c>
      <c r="F2534" cm="1">
        <f t="array" ref="F2534">IFERROR(INDEX(Jesper!AJ$2:AJ$366,ROUNDDOWN($C2534/24,0)+1,1)*INDEX($D$3:$AA$30,INDEX(Jesper!$R$2:$R$366,ROW(INDEX(Jesper!AJ$2:AJ$366,ROUNDDOWN($C2534/24,0)+1,1))-1)+IF('Standard Profiles'!$G$20=$B$10,7,0)+IF('Standard Profiles'!$G$20=$B$17,14,0)+IF('Standard Profiles'!$G$20=$B$24,21,0),MOD($C2534,24)+1)/SUM(INDEX($D$3:$AA$30,INDEX(Jesper!$R$2:$R$366,ROW(INDEX(Jesper!AJ$2:AJ$366,ROUNDDOWN($C2534/24,0)+1,1))-1)+IF('Standard Profiles'!$G$20=$B$10,7,0)+IF('Standard Profiles'!$G$20=$B$17,14,0)+IF('Standard Profiles'!$G$20=$B$24,21,0),0)),0)</f>
        <v>3.8750938308284586</v>
      </c>
      <c r="G2534" cm="1">
        <f t="array" ref="G2534">IFERROR(INDEX(Jesper!AK$2:AK$366,ROUNDDOWN($C2534/24,0)+1,1)*INDEX($D$3:$AA$30,INDEX(Jesper!$R$2:$R$366,ROW(INDEX(Jesper!AK$2:AK$366,ROUNDDOWN($C2534/24,0)+1,1))-1)+IF('Standard Profiles'!$G$21=$B$10,7,0)+IF('Standard Profiles'!$G$21=$B$17,14,0)+IF('Standard Profiles'!$G$21=$B$24,21,0),MOD($C2534,24)+1)/SUM(INDEX($D$3:$AA$30,INDEX(Jesper!$R$2:$R$366,ROW(INDEX(Jesper!AK$2:AK$366,ROUNDDOWN($C2534/24,0)+1,1))-1)+IF('Standard Profiles'!$G$21=$B$10,7,0)+IF('Standard Profiles'!$G$21=$B$17,14,0)+IF('Standard Profiles'!$G$21=$B$24,21,0),0)),0)</f>
        <v>6.079400605110548</v>
      </c>
      <c r="H2534" cm="1">
        <f t="array" ref="H2534">IFERROR(INDEX(Jesper!AL$2:AL$366,ROUNDDOWN($C2534/24,0)+1,1)*INDEX($D$3:$AA$30,INDEX(Jesper!$R$2:$R$366,ROW(INDEX(Jesper!AL$2:AL$366,ROUNDDOWN($C2534/24,0)+1,1))-1)+IF('Standard Profiles'!$G$22=$B$10,7,0)+IF('Standard Profiles'!$G$22=$B$17,14,0)+IF('Standard Profiles'!$G$22=$B$24,21,0),MOD($C2534,24)+1)/SUM(INDEX($D$3:$AA$30,INDEX(Jesper!$R$2:$R$366,ROW(INDEX(Jesper!AL$2:AL$366,ROUNDDOWN($C2534/24,0)+1,1))-1)+IF('Standard Profiles'!$G$22=$B$10,7,0)+IF('Standard Profiles'!$G$22=$B$17,14,0)+IF('Standard Profiles'!$G$22=$B$24,21,0),0)),0)</f>
        <v>3.2956804097012302</v>
      </c>
      <c r="I2534">
        <f t="shared" si="293"/>
        <v>3.1638531933131828</v>
      </c>
      <c r="J2534">
        <f t="shared" si="294"/>
        <v>14.246019542060282</v>
      </c>
      <c r="K2534">
        <f t="shared" si="295"/>
        <v>0.37815435361211175</v>
      </c>
      <c r="L2534">
        <f t="shared" si="296"/>
        <v>0.18907717680605587</v>
      </c>
      <c r="M2534">
        <f t="shared" si="297"/>
        <v>0</v>
      </c>
      <c r="N2534" s="45">
        <f t="shared" si="298"/>
        <v>45031.166666660603</v>
      </c>
    </row>
    <row r="2535" spans="2:14" x14ac:dyDescent="0.25">
      <c r="B2535">
        <f t="shared" si="292"/>
        <v>6</v>
      </c>
      <c r="C2535" s="16">
        <v>2501</v>
      </c>
      <c r="D2535" cm="1">
        <f t="array" ref="D2535">IFERROR(INDEX(Jesper!AH$2:AH$366,ROUNDDOWN($C2535/24,0)+1,1)*INDEX($D$3:$AA$30,INDEX(Jesper!$R$2:$R$366,ROW(INDEX(Jesper!AH$2:AH$366,ROUNDDOWN($C2535/24,0)+1,1))-1)+IF('Standard Profiles'!$G$18=$B$10,7,0)+IF('Standard Profiles'!$G$18=$B$17,14,0)+IF('Standard Profiles'!$G$18=$B$24,21,0),MOD($C2535,24)+1)/SUM(INDEX($D$3:$AA$30,INDEX(Jesper!$R$2:$R$366,ROW(INDEX(Jesper!AH$2:AH$366,ROUNDDOWN($C2535/24,0)+1,1))-1)+IF('Standard Profiles'!$G$18=$B$10,7,0)+IF('Standard Profiles'!$G$18=$B$17,14,0)+IF('Standard Profiles'!$G$18=$B$24,21,0),0)),0)</f>
        <v>0</v>
      </c>
      <c r="E2535" cm="1">
        <f t="array" ref="E2535">IFERROR(INDEX(Jesper!AI$2:AI$366,ROUNDDOWN($C2535/24,0)+1,1)*INDEX($D$3:$AA$30,INDEX(Jesper!$R$2:$R$366,ROW(INDEX(Jesper!AI$2:AI$366,ROUNDDOWN($C2535/24,0)+1,1))-1)+IF('Standard Profiles'!$G$19=$B$10,7,0)+IF('Standard Profiles'!$G$19=$B$17,14,0)+IF('Standard Profiles'!$G$19=$B$24,21,0),MOD($C2535,24)+1)/SUM(INDEX($D$3:$AA$30,INDEX(Jesper!$R$2:$R$366,ROW(INDEX(Jesper!AI$2:AI$366,ROUNDDOWN($C2535/24,0)+1,1))-1)+IF('Standard Profiles'!$G$19=$B$10,7,0)+IF('Standard Profiles'!$G$19=$B$17,14,0)+IF('Standard Profiles'!$G$19=$B$24,21,0),0)),0)</f>
        <v>4.7269294201513965</v>
      </c>
      <c r="F2535" cm="1">
        <f t="array" ref="F2535">IFERROR(INDEX(Jesper!AJ$2:AJ$366,ROUNDDOWN($C2535/24,0)+1,1)*INDEX($D$3:$AA$30,INDEX(Jesper!$R$2:$R$366,ROW(INDEX(Jesper!AJ$2:AJ$366,ROUNDDOWN($C2535/24,0)+1,1))-1)+IF('Standard Profiles'!$G$20=$B$10,7,0)+IF('Standard Profiles'!$G$20=$B$17,14,0)+IF('Standard Profiles'!$G$20=$B$24,21,0),MOD($C2535,24)+1)/SUM(INDEX($D$3:$AA$30,INDEX(Jesper!$R$2:$R$366,ROW(INDEX(Jesper!AJ$2:AJ$366,ROUNDDOWN($C2535/24,0)+1,1))-1)+IF('Standard Profiles'!$G$20=$B$10,7,0)+IF('Standard Profiles'!$G$20=$B$17,14,0)+IF('Standard Profiles'!$G$20=$B$24,21,0),0)),0)</f>
        <v>3.8750938308284586</v>
      </c>
      <c r="G2535" cm="1">
        <f t="array" ref="G2535">IFERROR(INDEX(Jesper!AK$2:AK$366,ROUNDDOWN($C2535/24,0)+1,1)*INDEX($D$3:$AA$30,INDEX(Jesper!$R$2:$R$366,ROW(INDEX(Jesper!AK$2:AK$366,ROUNDDOWN($C2535/24,0)+1,1))-1)+IF('Standard Profiles'!$G$21=$B$10,7,0)+IF('Standard Profiles'!$G$21=$B$17,14,0)+IF('Standard Profiles'!$G$21=$B$24,21,0),MOD($C2535,24)+1)/SUM(INDEX($D$3:$AA$30,INDEX(Jesper!$R$2:$R$366,ROW(INDEX(Jesper!AK$2:AK$366,ROUNDDOWN($C2535/24,0)+1,1))-1)+IF('Standard Profiles'!$G$21=$B$10,7,0)+IF('Standard Profiles'!$G$21=$B$17,14,0)+IF('Standard Profiles'!$G$21=$B$24,21,0),0)),0)</f>
        <v>6.079400605110548</v>
      </c>
      <c r="H2535" cm="1">
        <f t="array" ref="H2535">IFERROR(INDEX(Jesper!AL$2:AL$366,ROUNDDOWN($C2535/24,0)+1,1)*INDEX($D$3:$AA$30,INDEX(Jesper!$R$2:$R$366,ROW(INDEX(Jesper!AL$2:AL$366,ROUNDDOWN($C2535/24,0)+1,1))-1)+IF('Standard Profiles'!$G$22=$B$10,7,0)+IF('Standard Profiles'!$G$22=$B$17,14,0)+IF('Standard Profiles'!$G$22=$B$24,21,0),MOD($C2535,24)+1)/SUM(INDEX($D$3:$AA$30,INDEX(Jesper!$R$2:$R$366,ROW(INDEX(Jesper!AL$2:AL$366,ROUNDDOWN($C2535/24,0)+1,1))-1)+IF('Standard Profiles'!$G$22=$B$10,7,0)+IF('Standard Profiles'!$G$22=$B$17,14,0)+IF('Standard Profiles'!$G$22=$B$24,21,0),0)),0)</f>
        <v>4.0995048998722616</v>
      </c>
      <c r="I2535">
        <f t="shared" si="293"/>
        <v>3.9355247038773733</v>
      </c>
      <c r="J2535">
        <f t="shared" si="294"/>
        <v>14.278172521667123</v>
      </c>
      <c r="K2535">
        <f t="shared" si="295"/>
        <v>0.37815435361211175</v>
      </c>
      <c r="L2535">
        <f t="shared" si="296"/>
        <v>0.18907717680605587</v>
      </c>
      <c r="M2535">
        <f t="shared" si="297"/>
        <v>0</v>
      </c>
      <c r="N2535" s="45">
        <f t="shared" si="298"/>
        <v>45031.208333327268</v>
      </c>
    </row>
    <row r="2536" spans="2:14" x14ac:dyDescent="0.25">
      <c r="B2536">
        <f t="shared" si="292"/>
        <v>6</v>
      </c>
      <c r="C2536" s="16">
        <v>2502</v>
      </c>
      <c r="D2536" cm="1">
        <f t="array" ref="D2536">IFERROR(INDEX(Jesper!AH$2:AH$366,ROUNDDOWN($C2536/24,0)+1,1)*INDEX($D$3:$AA$30,INDEX(Jesper!$R$2:$R$366,ROW(INDEX(Jesper!AH$2:AH$366,ROUNDDOWN($C2536/24,0)+1,1))-1)+IF('Standard Profiles'!$G$18=$B$10,7,0)+IF('Standard Profiles'!$G$18=$B$17,14,0)+IF('Standard Profiles'!$G$18=$B$24,21,0),MOD($C2536,24)+1)/SUM(INDEX($D$3:$AA$30,INDEX(Jesper!$R$2:$R$366,ROW(INDEX(Jesper!AH$2:AH$366,ROUNDDOWN($C2536/24,0)+1,1))-1)+IF('Standard Profiles'!$G$18=$B$10,7,0)+IF('Standard Profiles'!$G$18=$B$17,14,0)+IF('Standard Profiles'!$G$18=$B$24,21,0),0)),0)</f>
        <v>0</v>
      </c>
      <c r="E2536" cm="1">
        <f t="array" ref="E2536">IFERROR(INDEX(Jesper!AI$2:AI$366,ROUNDDOWN($C2536/24,0)+1,1)*INDEX($D$3:$AA$30,INDEX(Jesper!$R$2:$R$366,ROW(INDEX(Jesper!AI$2:AI$366,ROUNDDOWN($C2536/24,0)+1,1))-1)+IF('Standard Profiles'!$G$19=$B$10,7,0)+IF('Standard Profiles'!$G$19=$B$17,14,0)+IF('Standard Profiles'!$G$19=$B$24,21,0),MOD($C2536,24)+1)/SUM(INDEX($D$3:$AA$30,INDEX(Jesper!$R$2:$R$366,ROW(INDEX(Jesper!AI$2:AI$366,ROUNDDOWN($C2536/24,0)+1,1))-1)+IF('Standard Profiles'!$G$19=$B$10,7,0)+IF('Standard Profiles'!$G$19=$B$17,14,0)+IF('Standard Profiles'!$G$19=$B$24,21,0),0)),0)</f>
        <v>4.7269294201513965</v>
      </c>
      <c r="F2536" cm="1">
        <f t="array" ref="F2536">IFERROR(INDEX(Jesper!AJ$2:AJ$366,ROUNDDOWN($C2536/24,0)+1,1)*INDEX($D$3:$AA$30,INDEX(Jesper!$R$2:$R$366,ROW(INDEX(Jesper!AJ$2:AJ$366,ROUNDDOWN($C2536/24,0)+1,1))-1)+IF('Standard Profiles'!$G$20=$B$10,7,0)+IF('Standard Profiles'!$G$20=$B$17,14,0)+IF('Standard Profiles'!$G$20=$B$24,21,0),MOD($C2536,24)+1)/SUM(INDEX($D$3:$AA$30,INDEX(Jesper!$R$2:$R$366,ROW(INDEX(Jesper!AJ$2:AJ$366,ROUNDDOWN($C2536/24,0)+1,1))-1)+IF('Standard Profiles'!$G$20=$B$10,7,0)+IF('Standard Profiles'!$G$20=$B$17,14,0)+IF('Standard Profiles'!$G$20=$B$24,21,0),0)),0)</f>
        <v>3.8750938308284586</v>
      </c>
      <c r="G2536" cm="1">
        <f t="array" ref="G2536">IFERROR(INDEX(Jesper!AK$2:AK$366,ROUNDDOWN($C2536/24,0)+1,1)*INDEX($D$3:$AA$30,INDEX(Jesper!$R$2:$R$366,ROW(INDEX(Jesper!AK$2:AK$366,ROUNDDOWN($C2536/24,0)+1,1))-1)+IF('Standard Profiles'!$G$21=$B$10,7,0)+IF('Standard Profiles'!$G$21=$B$17,14,0)+IF('Standard Profiles'!$G$21=$B$24,21,0),MOD($C2536,24)+1)/SUM(INDEX($D$3:$AA$30,INDEX(Jesper!$R$2:$R$366,ROW(INDEX(Jesper!AK$2:AK$366,ROUNDDOWN($C2536/24,0)+1,1))-1)+IF('Standard Profiles'!$G$21=$B$10,7,0)+IF('Standard Profiles'!$G$21=$B$17,14,0)+IF('Standard Profiles'!$G$21=$B$24,21,0),0)),0)</f>
        <v>6.079400605110548</v>
      </c>
      <c r="H2536" cm="1">
        <f t="array" ref="H2536">IFERROR(INDEX(Jesper!AL$2:AL$366,ROUNDDOWN($C2536/24,0)+1,1)*INDEX($D$3:$AA$30,INDEX(Jesper!$R$2:$R$366,ROW(INDEX(Jesper!AL$2:AL$366,ROUNDDOWN($C2536/24,0)+1,1))-1)+IF('Standard Profiles'!$G$22=$B$10,7,0)+IF('Standard Profiles'!$G$22=$B$17,14,0)+IF('Standard Profiles'!$G$22=$B$24,21,0),MOD($C2536,24)+1)/SUM(INDEX($D$3:$AA$30,INDEX(Jesper!$R$2:$R$366,ROW(INDEX(Jesper!AL$2:AL$366,ROUNDDOWN($C2536/24,0)+1,1))-1)+IF('Standard Profiles'!$G$22=$B$10,7,0)+IF('Standard Profiles'!$G$22=$B$17,14,0)+IF('Standard Profiles'!$G$22=$B$24,21,0),0)),0)</f>
        <v>5.1444767370946032</v>
      </c>
      <c r="I2536">
        <f t="shared" si="293"/>
        <v>4.9386976676108221</v>
      </c>
      <c r="J2536">
        <f t="shared" si="294"/>
        <v>14.319971395156017</v>
      </c>
      <c r="K2536">
        <f t="shared" si="295"/>
        <v>0.37815435361211175</v>
      </c>
      <c r="L2536">
        <f t="shared" si="296"/>
        <v>0.18907717680605587</v>
      </c>
      <c r="M2536">
        <f t="shared" si="297"/>
        <v>0</v>
      </c>
      <c r="N2536" s="45">
        <f t="shared" si="298"/>
        <v>45031.249999993932</v>
      </c>
    </row>
    <row r="2537" spans="2:14" x14ac:dyDescent="0.25">
      <c r="B2537">
        <f t="shared" si="292"/>
        <v>6</v>
      </c>
      <c r="C2537" s="16">
        <v>2503</v>
      </c>
      <c r="D2537" cm="1">
        <f t="array" ref="D2537">IFERROR(INDEX(Jesper!AH$2:AH$366,ROUNDDOWN($C2537/24,0)+1,1)*INDEX($D$3:$AA$30,INDEX(Jesper!$R$2:$R$366,ROW(INDEX(Jesper!AH$2:AH$366,ROUNDDOWN($C2537/24,0)+1,1))-1)+IF('Standard Profiles'!$G$18=$B$10,7,0)+IF('Standard Profiles'!$G$18=$B$17,14,0)+IF('Standard Profiles'!$G$18=$B$24,21,0),MOD($C2537,24)+1)/SUM(INDEX($D$3:$AA$30,INDEX(Jesper!$R$2:$R$366,ROW(INDEX(Jesper!AH$2:AH$366,ROUNDDOWN($C2537/24,0)+1,1))-1)+IF('Standard Profiles'!$G$18=$B$10,7,0)+IF('Standard Profiles'!$G$18=$B$17,14,0)+IF('Standard Profiles'!$G$18=$B$24,21,0),0)),0)</f>
        <v>0</v>
      </c>
      <c r="E2537" cm="1">
        <f t="array" ref="E2537">IFERROR(INDEX(Jesper!AI$2:AI$366,ROUNDDOWN($C2537/24,0)+1,1)*INDEX($D$3:$AA$30,INDEX(Jesper!$R$2:$R$366,ROW(INDEX(Jesper!AI$2:AI$366,ROUNDDOWN($C2537/24,0)+1,1))-1)+IF('Standard Profiles'!$G$19=$B$10,7,0)+IF('Standard Profiles'!$G$19=$B$17,14,0)+IF('Standard Profiles'!$G$19=$B$24,21,0),MOD($C2537,24)+1)/SUM(INDEX($D$3:$AA$30,INDEX(Jesper!$R$2:$R$366,ROW(INDEX(Jesper!AI$2:AI$366,ROUNDDOWN($C2537/24,0)+1,1))-1)+IF('Standard Profiles'!$G$19=$B$10,7,0)+IF('Standard Profiles'!$G$19=$B$17,14,0)+IF('Standard Profiles'!$G$19=$B$24,21,0),0)),0)</f>
        <v>4.7269294201513965</v>
      </c>
      <c r="F2537" cm="1">
        <f t="array" ref="F2537">IFERROR(INDEX(Jesper!AJ$2:AJ$366,ROUNDDOWN($C2537/24,0)+1,1)*INDEX($D$3:$AA$30,INDEX(Jesper!$R$2:$R$366,ROW(INDEX(Jesper!AJ$2:AJ$366,ROUNDDOWN($C2537/24,0)+1,1))-1)+IF('Standard Profiles'!$G$20=$B$10,7,0)+IF('Standard Profiles'!$G$20=$B$17,14,0)+IF('Standard Profiles'!$G$20=$B$24,21,0),MOD($C2537,24)+1)/SUM(INDEX($D$3:$AA$30,INDEX(Jesper!$R$2:$R$366,ROW(INDEX(Jesper!AJ$2:AJ$366,ROUNDDOWN($C2537/24,0)+1,1))-1)+IF('Standard Profiles'!$G$20=$B$10,7,0)+IF('Standard Profiles'!$G$20=$B$17,14,0)+IF('Standard Profiles'!$G$20=$B$24,21,0),0)),0)</f>
        <v>3.8750938308284586</v>
      </c>
      <c r="G2537" cm="1">
        <f t="array" ref="G2537">IFERROR(INDEX(Jesper!AK$2:AK$366,ROUNDDOWN($C2537/24,0)+1,1)*INDEX($D$3:$AA$30,INDEX(Jesper!$R$2:$R$366,ROW(INDEX(Jesper!AK$2:AK$366,ROUNDDOWN($C2537/24,0)+1,1))-1)+IF('Standard Profiles'!$G$21=$B$10,7,0)+IF('Standard Profiles'!$G$21=$B$17,14,0)+IF('Standard Profiles'!$G$21=$B$24,21,0),MOD($C2537,24)+1)/SUM(INDEX($D$3:$AA$30,INDEX(Jesper!$R$2:$R$366,ROW(INDEX(Jesper!AK$2:AK$366,ROUNDDOWN($C2537/24,0)+1,1))-1)+IF('Standard Profiles'!$G$21=$B$10,7,0)+IF('Standard Profiles'!$G$21=$B$17,14,0)+IF('Standard Profiles'!$G$21=$B$24,21,0),0)),0)</f>
        <v>6.079400605110548</v>
      </c>
      <c r="H2537" cm="1">
        <f t="array" ref="H2537">IFERROR(INDEX(Jesper!AL$2:AL$366,ROUNDDOWN($C2537/24,0)+1,1)*INDEX($D$3:$AA$30,INDEX(Jesper!$R$2:$R$366,ROW(INDEX(Jesper!AL$2:AL$366,ROUNDDOWN($C2537/24,0)+1,1))-1)+IF('Standard Profiles'!$G$22=$B$10,7,0)+IF('Standard Profiles'!$G$22=$B$17,14,0)+IF('Standard Profiles'!$G$22=$B$24,21,0),MOD($C2537,24)+1)/SUM(INDEX($D$3:$AA$30,INDEX(Jesper!$R$2:$R$366,ROW(INDEX(Jesper!AL$2:AL$366,ROUNDDOWN($C2537/24,0)+1,1))-1)+IF('Standard Profiles'!$G$22=$B$10,7,0)+IF('Standard Profiles'!$G$22=$B$17,14,0)+IF('Standard Profiles'!$G$22=$B$24,21,0),0)),0)</f>
        <v>5.8679187782485309</v>
      </c>
      <c r="I2537">
        <f t="shared" si="293"/>
        <v>5.6332020271185925</v>
      </c>
      <c r="J2537">
        <f t="shared" si="294"/>
        <v>14.348909076802173</v>
      </c>
      <c r="K2537">
        <f t="shared" si="295"/>
        <v>0.37815435361211175</v>
      </c>
      <c r="L2537">
        <f t="shared" si="296"/>
        <v>0.18907717680605587</v>
      </c>
      <c r="M2537">
        <f t="shared" si="297"/>
        <v>0</v>
      </c>
      <c r="N2537" s="45">
        <f t="shared" si="298"/>
        <v>45031.291666660596</v>
      </c>
    </row>
    <row r="2538" spans="2:14" x14ac:dyDescent="0.25">
      <c r="B2538">
        <f t="shared" si="292"/>
        <v>6</v>
      </c>
      <c r="C2538" s="16">
        <v>2504</v>
      </c>
      <c r="D2538" cm="1">
        <f t="array" ref="D2538">IFERROR(INDEX(Jesper!AH$2:AH$366,ROUNDDOWN($C2538/24,0)+1,1)*INDEX($D$3:$AA$30,INDEX(Jesper!$R$2:$R$366,ROW(INDEX(Jesper!AH$2:AH$366,ROUNDDOWN($C2538/24,0)+1,1))-1)+IF('Standard Profiles'!$G$18=$B$10,7,0)+IF('Standard Profiles'!$G$18=$B$17,14,0)+IF('Standard Profiles'!$G$18=$B$24,21,0),MOD($C2538,24)+1)/SUM(INDEX($D$3:$AA$30,INDEX(Jesper!$R$2:$R$366,ROW(INDEX(Jesper!AH$2:AH$366,ROUNDDOWN($C2538/24,0)+1,1))-1)+IF('Standard Profiles'!$G$18=$B$10,7,0)+IF('Standard Profiles'!$G$18=$B$17,14,0)+IF('Standard Profiles'!$G$18=$B$24,21,0),0)),0)</f>
        <v>0</v>
      </c>
      <c r="E2538" cm="1">
        <f t="array" ref="E2538">IFERROR(INDEX(Jesper!AI$2:AI$366,ROUNDDOWN($C2538/24,0)+1,1)*INDEX($D$3:$AA$30,INDEX(Jesper!$R$2:$R$366,ROW(INDEX(Jesper!AI$2:AI$366,ROUNDDOWN($C2538/24,0)+1,1))-1)+IF('Standard Profiles'!$G$19=$B$10,7,0)+IF('Standard Profiles'!$G$19=$B$17,14,0)+IF('Standard Profiles'!$G$19=$B$24,21,0),MOD($C2538,24)+1)/SUM(INDEX($D$3:$AA$30,INDEX(Jesper!$R$2:$R$366,ROW(INDEX(Jesper!AI$2:AI$366,ROUNDDOWN($C2538/24,0)+1,1))-1)+IF('Standard Profiles'!$G$19=$B$10,7,0)+IF('Standard Profiles'!$G$19=$B$17,14,0)+IF('Standard Profiles'!$G$19=$B$24,21,0),0)),0)</f>
        <v>4.7269294201513965</v>
      </c>
      <c r="F2538" cm="1">
        <f t="array" ref="F2538">IFERROR(INDEX(Jesper!AJ$2:AJ$366,ROUNDDOWN($C2538/24,0)+1,1)*INDEX($D$3:$AA$30,INDEX(Jesper!$R$2:$R$366,ROW(INDEX(Jesper!AJ$2:AJ$366,ROUNDDOWN($C2538/24,0)+1,1))-1)+IF('Standard Profiles'!$G$20=$B$10,7,0)+IF('Standard Profiles'!$G$20=$B$17,14,0)+IF('Standard Profiles'!$G$20=$B$24,21,0),MOD($C2538,24)+1)/SUM(INDEX($D$3:$AA$30,INDEX(Jesper!$R$2:$R$366,ROW(INDEX(Jesper!AJ$2:AJ$366,ROUNDDOWN($C2538/24,0)+1,1))-1)+IF('Standard Profiles'!$G$20=$B$10,7,0)+IF('Standard Profiles'!$G$20=$B$17,14,0)+IF('Standard Profiles'!$G$20=$B$24,21,0),0)),0)</f>
        <v>3.8750938308284586</v>
      </c>
      <c r="G2538" cm="1">
        <f t="array" ref="G2538">IFERROR(INDEX(Jesper!AK$2:AK$366,ROUNDDOWN($C2538/24,0)+1,1)*INDEX($D$3:$AA$30,INDEX(Jesper!$R$2:$R$366,ROW(INDEX(Jesper!AK$2:AK$366,ROUNDDOWN($C2538/24,0)+1,1))-1)+IF('Standard Profiles'!$G$21=$B$10,7,0)+IF('Standard Profiles'!$G$21=$B$17,14,0)+IF('Standard Profiles'!$G$21=$B$24,21,0),MOD($C2538,24)+1)/SUM(INDEX($D$3:$AA$30,INDEX(Jesper!$R$2:$R$366,ROW(INDEX(Jesper!AK$2:AK$366,ROUNDDOWN($C2538/24,0)+1,1))-1)+IF('Standard Profiles'!$G$21=$B$10,7,0)+IF('Standard Profiles'!$G$21=$B$17,14,0)+IF('Standard Profiles'!$G$21=$B$24,21,0),0)),0)</f>
        <v>6.079400605110548</v>
      </c>
      <c r="H2538" cm="1">
        <f t="array" ref="H2538">IFERROR(INDEX(Jesper!AL$2:AL$366,ROUNDDOWN($C2538/24,0)+1,1)*INDEX($D$3:$AA$30,INDEX(Jesper!$R$2:$R$366,ROW(INDEX(Jesper!AL$2:AL$366,ROUNDDOWN($C2538/24,0)+1,1))-1)+IF('Standard Profiles'!$G$22=$B$10,7,0)+IF('Standard Profiles'!$G$22=$B$17,14,0)+IF('Standard Profiles'!$G$22=$B$24,21,0),MOD($C2538,24)+1)/SUM(INDEX($D$3:$AA$30,INDEX(Jesper!$R$2:$R$366,ROW(INDEX(Jesper!AL$2:AL$366,ROUNDDOWN($C2538/24,0)+1,1))-1)+IF('Standard Profiles'!$G$22=$B$10,7,0)+IF('Standard Profiles'!$G$22=$B$17,14,0)+IF('Standard Profiles'!$G$22=$B$24,21,0),0)),0)</f>
        <v>5.8679187782485309</v>
      </c>
      <c r="I2538">
        <f t="shared" si="293"/>
        <v>5.6332020271185925</v>
      </c>
      <c r="J2538">
        <f t="shared" si="294"/>
        <v>14.348909076802173</v>
      </c>
      <c r="K2538">
        <f t="shared" si="295"/>
        <v>0.37815435361211175</v>
      </c>
      <c r="L2538">
        <f t="shared" si="296"/>
        <v>0.18907717680605587</v>
      </c>
      <c r="M2538">
        <f t="shared" si="297"/>
        <v>0</v>
      </c>
      <c r="N2538" s="45">
        <f t="shared" si="298"/>
        <v>45031.33333332726</v>
      </c>
    </row>
    <row r="2539" spans="2:14" x14ac:dyDescent="0.25">
      <c r="B2539">
        <f t="shared" si="292"/>
        <v>6</v>
      </c>
      <c r="C2539" s="16">
        <v>2505</v>
      </c>
      <c r="D2539" cm="1">
        <f t="array" ref="D2539">IFERROR(INDEX(Jesper!AH$2:AH$366,ROUNDDOWN($C2539/24,0)+1,1)*INDEX($D$3:$AA$30,INDEX(Jesper!$R$2:$R$366,ROW(INDEX(Jesper!AH$2:AH$366,ROUNDDOWN($C2539/24,0)+1,1))-1)+IF('Standard Profiles'!$G$18=$B$10,7,0)+IF('Standard Profiles'!$G$18=$B$17,14,0)+IF('Standard Profiles'!$G$18=$B$24,21,0),MOD($C2539,24)+1)/SUM(INDEX($D$3:$AA$30,INDEX(Jesper!$R$2:$R$366,ROW(INDEX(Jesper!AH$2:AH$366,ROUNDDOWN($C2539/24,0)+1,1))-1)+IF('Standard Profiles'!$G$18=$B$10,7,0)+IF('Standard Profiles'!$G$18=$B$17,14,0)+IF('Standard Profiles'!$G$18=$B$24,21,0),0)),0)</f>
        <v>0</v>
      </c>
      <c r="E2539" cm="1">
        <f t="array" ref="E2539">IFERROR(INDEX(Jesper!AI$2:AI$366,ROUNDDOWN($C2539/24,0)+1,1)*INDEX($D$3:$AA$30,INDEX(Jesper!$R$2:$R$366,ROW(INDEX(Jesper!AI$2:AI$366,ROUNDDOWN($C2539/24,0)+1,1))-1)+IF('Standard Profiles'!$G$19=$B$10,7,0)+IF('Standard Profiles'!$G$19=$B$17,14,0)+IF('Standard Profiles'!$G$19=$B$24,21,0),MOD($C2539,24)+1)/SUM(INDEX($D$3:$AA$30,INDEX(Jesper!$R$2:$R$366,ROW(INDEX(Jesper!AI$2:AI$366,ROUNDDOWN($C2539/24,0)+1,1))-1)+IF('Standard Profiles'!$G$19=$B$10,7,0)+IF('Standard Profiles'!$G$19=$B$17,14,0)+IF('Standard Profiles'!$G$19=$B$24,21,0),0)),0)</f>
        <v>4.7269294201513965</v>
      </c>
      <c r="F2539" cm="1">
        <f t="array" ref="F2539">IFERROR(INDEX(Jesper!AJ$2:AJ$366,ROUNDDOWN($C2539/24,0)+1,1)*INDEX($D$3:$AA$30,INDEX(Jesper!$R$2:$R$366,ROW(INDEX(Jesper!AJ$2:AJ$366,ROUNDDOWN($C2539/24,0)+1,1))-1)+IF('Standard Profiles'!$G$20=$B$10,7,0)+IF('Standard Profiles'!$G$20=$B$17,14,0)+IF('Standard Profiles'!$G$20=$B$24,21,0),MOD($C2539,24)+1)/SUM(INDEX($D$3:$AA$30,INDEX(Jesper!$R$2:$R$366,ROW(INDEX(Jesper!AJ$2:AJ$366,ROUNDDOWN($C2539/24,0)+1,1))-1)+IF('Standard Profiles'!$G$20=$B$10,7,0)+IF('Standard Profiles'!$G$20=$B$17,14,0)+IF('Standard Profiles'!$G$20=$B$24,21,0),0)),0)</f>
        <v>3.8750938308284586</v>
      </c>
      <c r="G2539" cm="1">
        <f t="array" ref="G2539">IFERROR(INDEX(Jesper!AK$2:AK$366,ROUNDDOWN($C2539/24,0)+1,1)*INDEX($D$3:$AA$30,INDEX(Jesper!$R$2:$R$366,ROW(INDEX(Jesper!AK$2:AK$366,ROUNDDOWN($C2539/24,0)+1,1))-1)+IF('Standard Profiles'!$G$21=$B$10,7,0)+IF('Standard Profiles'!$G$21=$B$17,14,0)+IF('Standard Profiles'!$G$21=$B$24,21,0),MOD($C2539,24)+1)/SUM(INDEX($D$3:$AA$30,INDEX(Jesper!$R$2:$R$366,ROW(INDEX(Jesper!AK$2:AK$366,ROUNDDOWN($C2539/24,0)+1,1))-1)+IF('Standard Profiles'!$G$21=$B$10,7,0)+IF('Standard Profiles'!$G$21=$B$17,14,0)+IF('Standard Profiles'!$G$21=$B$24,21,0),0)),0)</f>
        <v>6.079400605110548</v>
      </c>
      <c r="H2539" cm="1">
        <f t="array" ref="H2539">IFERROR(INDEX(Jesper!AL$2:AL$366,ROUNDDOWN($C2539/24,0)+1,1)*INDEX($D$3:$AA$30,INDEX(Jesper!$R$2:$R$366,ROW(INDEX(Jesper!AL$2:AL$366,ROUNDDOWN($C2539/24,0)+1,1))-1)+IF('Standard Profiles'!$G$22=$B$10,7,0)+IF('Standard Profiles'!$G$22=$B$17,14,0)+IF('Standard Profiles'!$G$22=$B$24,21,0),MOD($C2539,24)+1)/SUM(INDEX($D$3:$AA$30,INDEX(Jesper!$R$2:$R$366,ROW(INDEX(Jesper!AL$2:AL$366,ROUNDDOWN($C2539/24,0)+1,1))-1)+IF('Standard Profiles'!$G$22=$B$10,7,0)+IF('Standard Profiles'!$G$22=$B$17,14,0)+IF('Standard Profiles'!$G$22=$B$24,21,0),0)),0)</f>
        <v>5.8679187782485309</v>
      </c>
      <c r="I2539">
        <f t="shared" si="293"/>
        <v>5.6332020271185925</v>
      </c>
      <c r="J2539">
        <f t="shared" si="294"/>
        <v>14.348909076802173</v>
      </c>
      <c r="K2539">
        <f t="shared" si="295"/>
        <v>0.37815435361211175</v>
      </c>
      <c r="L2539">
        <f t="shared" si="296"/>
        <v>0.18907717680605587</v>
      </c>
      <c r="M2539">
        <f t="shared" si="297"/>
        <v>0</v>
      </c>
      <c r="N2539" s="45">
        <f t="shared" si="298"/>
        <v>45031.374999993925</v>
      </c>
    </row>
    <row r="2540" spans="2:14" x14ac:dyDescent="0.25">
      <c r="B2540">
        <f t="shared" si="292"/>
        <v>6</v>
      </c>
      <c r="C2540" s="16">
        <v>2506</v>
      </c>
      <c r="D2540" cm="1">
        <f t="array" ref="D2540">IFERROR(INDEX(Jesper!AH$2:AH$366,ROUNDDOWN($C2540/24,0)+1,1)*INDEX($D$3:$AA$30,INDEX(Jesper!$R$2:$R$366,ROW(INDEX(Jesper!AH$2:AH$366,ROUNDDOWN($C2540/24,0)+1,1))-1)+IF('Standard Profiles'!$G$18=$B$10,7,0)+IF('Standard Profiles'!$G$18=$B$17,14,0)+IF('Standard Profiles'!$G$18=$B$24,21,0),MOD($C2540,24)+1)/SUM(INDEX($D$3:$AA$30,INDEX(Jesper!$R$2:$R$366,ROW(INDEX(Jesper!AH$2:AH$366,ROUNDDOWN($C2540/24,0)+1,1))-1)+IF('Standard Profiles'!$G$18=$B$10,7,0)+IF('Standard Profiles'!$G$18=$B$17,14,0)+IF('Standard Profiles'!$G$18=$B$24,21,0),0)),0)</f>
        <v>0</v>
      </c>
      <c r="E2540" cm="1">
        <f t="array" ref="E2540">IFERROR(INDEX(Jesper!AI$2:AI$366,ROUNDDOWN($C2540/24,0)+1,1)*INDEX($D$3:$AA$30,INDEX(Jesper!$R$2:$R$366,ROW(INDEX(Jesper!AI$2:AI$366,ROUNDDOWN($C2540/24,0)+1,1))-1)+IF('Standard Profiles'!$G$19=$B$10,7,0)+IF('Standard Profiles'!$G$19=$B$17,14,0)+IF('Standard Profiles'!$G$19=$B$24,21,0),MOD($C2540,24)+1)/SUM(INDEX($D$3:$AA$30,INDEX(Jesper!$R$2:$R$366,ROW(INDEX(Jesper!AI$2:AI$366,ROUNDDOWN($C2540/24,0)+1,1))-1)+IF('Standard Profiles'!$G$19=$B$10,7,0)+IF('Standard Profiles'!$G$19=$B$17,14,0)+IF('Standard Profiles'!$G$19=$B$24,21,0),0)),0)</f>
        <v>4.7269294201513965</v>
      </c>
      <c r="F2540" cm="1">
        <f t="array" ref="F2540">IFERROR(INDEX(Jesper!AJ$2:AJ$366,ROUNDDOWN($C2540/24,0)+1,1)*INDEX($D$3:$AA$30,INDEX(Jesper!$R$2:$R$366,ROW(INDEX(Jesper!AJ$2:AJ$366,ROUNDDOWN($C2540/24,0)+1,1))-1)+IF('Standard Profiles'!$G$20=$B$10,7,0)+IF('Standard Profiles'!$G$20=$B$17,14,0)+IF('Standard Profiles'!$G$20=$B$24,21,0),MOD($C2540,24)+1)/SUM(INDEX($D$3:$AA$30,INDEX(Jesper!$R$2:$R$366,ROW(INDEX(Jesper!AJ$2:AJ$366,ROUNDDOWN($C2540/24,0)+1,1))-1)+IF('Standard Profiles'!$G$20=$B$10,7,0)+IF('Standard Profiles'!$G$20=$B$17,14,0)+IF('Standard Profiles'!$G$20=$B$24,21,0),0)),0)</f>
        <v>3.8750938308284586</v>
      </c>
      <c r="G2540" cm="1">
        <f t="array" ref="G2540">IFERROR(INDEX(Jesper!AK$2:AK$366,ROUNDDOWN($C2540/24,0)+1,1)*INDEX($D$3:$AA$30,INDEX(Jesper!$R$2:$R$366,ROW(INDEX(Jesper!AK$2:AK$366,ROUNDDOWN($C2540/24,0)+1,1))-1)+IF('Standard Profiles'!$G$21=$B$10,7,0)+IF('Standard Profiles'!$G$21=$B$17,14,0)+IF('Standard Profiles'!$G$21=$B$24,21,0),MOD($C2540,24)+1)/SUM(INDEX($D$3:$AA$30,INDEX(Jesper!$R$2:$R$366,ROW(INDEX(Jesper!AK$2:AK$366,ROUNDDOWN($C2540/24,0)+1,1))-1)+IF('Standard Profiles'!$G$21=$B$10,7,0)+IF('Standard Profiles'!$G$21=$B$17,14,0)+IF('Standard Profiles'!$G$21=$B$24,21,0),0)),0)</f>
        <v>6.079400605110548</v>
      </c>
      <c r="H2540" cm="1">
        <f t="array" ref="H2540">IFERROR(INDEX(Jesper!AL$2:AL$366,ROUNDDOWN($C2540/24,0)+1,1)*INDEX($D$3:$AA$30,INDEX(Jesper!$R$2:$R$366,ROW(INDEX(Jesper!AL$2:AL$366,ROUNDDOWN($C2540/24,0)+1,1))-1)+IF('Standard Profiles'!$G$22=$B$10,7,0)+IF('Standard Profiles'!$G$22=$B$17,14,0)+IF('Standard Profiles'!$G$22=$B$24,21,0),MOD($C2540,24)+1)/SUM(INDEX($D$3:$AA$30,INDEX(Jesper!$R$2:$R$366,ROW(INDEX(Jesper!AL$2:AL$366,ROUNDDOWN($C2540/24,0)+1,1))-1)+IF('Standard Profiles'!$G$22=$B$10,7,0)+IF('Standard Profiles'!$G$22=$B$17,14,0)+IF('Standard Profiles'!$G$22=$B$24,21,0),0)),0)</f>
        <v>5.8679187782485309</v>
      </c>
      <c r="I2540">
        <f t="shared" si="293"/>
        <v>5.6332020271185925</v>
      </c>
      <c r="J2540">
        <f t="shared" si="294"/>
        <v>14.348909076802173</v>
      </c>
      <c r="K2540">
        <f t="shared" si="295"/>
        <v>0.37815435361211175</v>
      </c>
      <c r="L2540">
        <f t="shared" si="296"/>
        <v>0.18907717680605587</v>
      </c>
      <c r="M2540">
        <f t="shared" si="297"/>
        <v>0</v>
      </c>
      <c r="N2540" s="45">
        <f t="shared" si="298"/>
        <v>45031.416666660589</v>
      </c>
    </row>
    <row r="2541" spans="2:14" x14ac:dyDescent="0.25">
      <c r="B2541">
        <f t="shared" si="292"/>
        <v>6</v>
      </c>
      <c r="C2541" s="16">
        <v>2507</v>
      </c>
      <c r="D2541" cm="1">
        <f t="array" ref="D2541">IFERROR(INDEX(Jesper!AH$2:AH$366,ROUNDDOWN($C2541/24,0)+1,1)*INDEX($D$3:$AA$30,INDEX(Jesper!$R$2:$R$366,ROW(INDEX(Jesper!AH$2:AH$366,ROUNDDOWN($C2541/24,0)+1,1))-1)+IF('Standard Profiles'!$G$18=$B$10,7,0)+IF('Standard Profiles'!$G$18=$B$17,14,0)+IF('Standard Profiles'!$G$18=$B$24,21,0),MOD($C2541,24)+1)/SUM(INDEX($D$3:$AA$30,INDEX(Jesper!$R$2:$R$366,ROW(INDEX(Jesper!AH$2:AH$366,ROUNDDOWN($C2541/24,0)+1,1))-1)+IF('Standard Profiles'!$G$18=$B$10,7,0)+IF('Standard Profiles'!$G$18=$B$17,14,0)+IF('Standard Profiles'!$G$18=$B$24,21,0),0)),0)</f>
        <v>0</v>
      </c>
      <c r="E2541" cm="1">
        <f t="array" ref="E2541">IFERROR(INDEX(Jesper!AI$2:AI$366,ROUNDDOWN($C2541/24,0)+1,1)*INDEX($D$3:$AA$30,INDEX(Jesper!$R$2:$R$366,ROW(INDEX(Jesper!AI$2:AI$366,ROUNDDOWN($C2541/24,0)+1,1))-1)+IF('Standard Profiles'!$G$19=$B$10,7,0)+IF('Standard Profiles'!$G$19=$B$17,14,0)+IF('Standard Profiles'!$G$19=$B$24,21,0),MOD($C2541,24)+1)/SUM(INDEX($D$3:$AA$30,INDEX(Jesper!$R$2:$R$366,ROW(INDEX(Jesper!AI$2:AI$366,ROUNDDOWN($C2541/24,0)+1,1))-1)+IF('Standard Profiles'!$G$19=$B$10,7,0)+IF('Standard Profiles'!$G$19=$B$17,14,0)+IF('Standard Profiles'!$G$19=$B$24,21,0),0)),0)</f>
        <v>4.7269294201513965</v>
      </c>
      <c r="F2541" cm="1">
        <f t="array" ref="F2541">IFERROR(INDEX(Jesper!AJ$2:AJ$366,ROUNDDOWN($C2541/24,0)+1,1)*INDEX($D$3:$AA$30,INDEX(Jesper!$R$2:$R$366,ROW(INDEX(Jesper!AJ$2:AJ$366,ROUNDDOWN($C2541/24,0)+1,1))-1)+IF('Standard Profiles'!$G$20=$B$10,7,0)+IF('Standard Profiles'!$G$20=$B$17,14,0)+IF('Standard Profiles'!$G$20=$B$24,21,0),MOD($C2541,24)+1)/SUM(INDEX($D$3:$AA$30,INDEX(Jesper!$R$2:$R$366,ROW(INDEX(Jesper!AJ$2:AJ$366,ROUNDDOWN($C2541/24,0)+1,1))-1)+IF('Standard Profiles'!$G$20=$B$10,7,0)+IF('Standard Profiles'!$G$20=$B$17,14,0)+IF('Standard Profiles'!$G$20=$B$24,21,0),0)),0)</f>
        <v>3.8750938308284586</v>
      </c>
      <c r="G2541" cm="1">
        <f t="array" ref="G2541">IFERROR(INDEX(Jesper!AK$2:AK$366,ROUNDDOWN($C2541/24,0)+1,1)*INDEX($D$3:$AA$30,INDEX(Jesper!$R$2:$R$366,ROW(INDEX(Jesper!AK$2:AK$366,ROUNDDOWN($C2541/24,0)+1,1))-1)+IF('Standard Profiles'!$G$21=$B$10,7,0)+IF('Standard Profiles'!$G$21=$B$17,14,0)+IF('Standard Profiles'!$G$21=$B$24,21,0),MOD($C2541,24)+1)/SUM(INDEX($D$3:$AA$30,INDEX(Jesper!$R$2:$R$366,ROW(INDEX(Jesper!AK$2:AK$366,ROUNDDOWN($C2541/24,0)+1,1))-1)+IF('Standard Profiles'!$G$21=$B$10,7,0)+IF('Standard Profiles'!$G$21=$B$17,14,0)+IF('Standard Profiles'!$G$21=$B$24,21,0),0)),0)</f>
        <v>6.079400605110548</v>
      </c>
      <c r="H2541" cm="1">
        <f t="array" ref="H2541">IFERROR(INDEX(Jesper!AL$2:AL$366,ROUNDDOWN($C2541/24,0)+1,1)*INDEX($D$3:$AA$30,INDEX(Jesper!$R$2:$R$366,ROW(INDEX(Jesper!AL$2:AL$366,ROUNDDOWN($C2541/24,0)+1,1))-1)+IF('Standard Profiles'!$G$22=$B$10,7,0)+IF('Standard Profiles'!$G$22=$B$17,14,0)+IF('Standard Profiles'!$G$22=$B$24,21,0),MOD($C2541,24)+1)/SUM(INDEX($D$3:$AA$30,INDEX(Jesper!$R$2:$R$366,ROW(INDEX(Jesper!AL$2:AL$366,ROUNDDOWN($C2541/24,0)+1,1))-1)+IF('Standard Profiles'!$G$22=$B$10,7,0)+IF('Standard Profiles'!$G$22=$B$17,14,0)+IF('Standard Profiles'!$G$22=$B$24,21,0),0)),0)</f>
        <v>5.8679187782485309</v>
      </c>
      <c r="I2541">
        <f t="shared" si="293"/>
        <v>5.6332020271185925</v>
      </c>
      <c r="J2541">
        <f t="shared" si="294"/>
        <v>14.348909076802173</v>
      </c>
      <c r="K2541">
        <f t="shared" si="295"/>
        <v>0.37815435361211175</v>
      </c>
      <c r="L2541">
        <f t="shared" si="296"/>
        <v>0.18907717680605587</v>
      </c>
      <c r="M2541">
        <f t="shared" si="297"/>
        <v>0</v>
      </c>
      <c r="N2541" s="45">
        <f t="shared" si="298"/>
        <v>45031.458333327253</v>
      </c>
    </row>
    <row r="2542" spans="2:14" x14ac:dyDescent="0.25">
      <c r="B2542">
        <f t="shared" si="292"/>
        <v>6</v>
      </c>
      <c r="C2542" s="16">
        <v>2508</v>
      </c>
      <c r="D2542" cm="1">
        <f t="array" ref="D2542">IFERROR(INDEX(Jesper!AH$2:AH$366,ROUNDDOWN($C2542/24,0)+1,1)*INDEX($D$3:$AA$30,INDEX(Jesper!$R$2:$R$366,ROW(INDEX(Jesper!AH$2:AH$366,ROUNDDOWN($C2542/24,0)+1,1))-1)+IF('Standard Profiles'!$G$18=$B$10,7,0)+IF('Standard Profiles'!$G$18=$B$17,14,0)+IF('Standard Profiles'!$G$18=$B$24,21,0),MOD($C2542,24)+1)/SUM(INDEX($D$3:$AA$30,INDEX(Jesper!$R$2:$R$366,ROW(INDEX(Jesper!AH$2:AH$366,ROUNDDOWN($C2542/24,0)+1,1))-1)+IF('Standard Profiles'!$G$18=$B$10,7,0)+IF('Standard Profiles'!$G$18=$B$17,14,0)+IF('Standard Profiles'!$G$18=$B$24,21,0),0)),0)</f>
        <v>0</v>
      </c>
      <c r="E2542" cm="1">
        <f t="array" ref="E2542">IFERROR(INDEX(Jesper!AI$2:AI$366,ROUNDDOWN($C2542/24,0)+1,1)*INDEX($D$3:$AA$30,INDEX(Jesper!$R$2:$R$366,ROW(INDEX(Jesper!AI$2:AI$366,ROUNDDOWN($C2542/24,0)+1,1))-1)+IF('Standard Profiles'!$G$19=$B$10,7,0)+IF('Standard Profiles'!$G$19=$B$17,14,0)+IF('Standard Profiles'!$G$19=$B$24,21,0),MOD($C2542,24)+1)/SUM(INDEX($D$3:$AA$30,INDEX(Jesper!$R$2:$R$366,ROW(INDEX(Jesper!AI$2:AI$366,ROUNDDOWN($C2542/24,0)+1,1))-1)+IF('Standard Profiles'!$G$19=$B$10,7,0)+IF('Standard Profiles'!$G$19=$B$17,14,0)+IF('Standard Profiles'!$G$19=$B$24,21,0),0)),0)</f>
        <v>4.7269294201513965</v>
      </c>
      <c r="F2542" cm="1">
        <f t="array" ref="F2542">IFERROR(INDEX(Jesper!AJ$2:AJ$366,ROUNDDOWN($C2542/24,0)+1,1)*INDEX($D$3:$AA$30,INDEX(Jesper!$R$2:$R$366,ROW(INDEX(Jesper!AJ$2:AJ$366,ROUNDDOWN($C2542/24,0)+1,1))-1)+IF('Standard Profiles'!$G$20=$B$10,7,0)+IF('Standard Profiles'!$G$20=$B$17,14,0)+IF('Standard Profiles'!$G$20=$B$24,21,0),MOD($C2542,24)+1)/SUM(INDEX($D$3:$AA$30,INDEX(Jesper!$R$2:$R$366,ROW(INDEX(Jesper!AJ$2:AJ$366,ROUNDDOWN($C2542/24,0)+1,1))-1)+IF('Standard Profiles'!$G$20=$B$10,7,0)+IF('Standard Profiles'!$G$20=$B$17,14,0)+IF('Standard Profiles'!$G$20=$B$24,21,0),0)),0)</f>
        <v>3.8750938308284586</v>
      </c>
      <c r="G2542" cm="1">
        <f t="array" ref="G2542">IFERROR(INDEX(Jesper!AK$2:AK$366,ROUNDDOWN($C2542/24,0)+1,1)*INDEX($D$3:$AA$30,INDEX(Jesper!$R$2:$R$366,ROW(INDEX(Jesper!AK$2:AK$366,ROUNDDOWN($C2542/24,0)+1,1))-1)+IF('Standard Profiles'!$G$21=$B$10,7,0)+IF('Standard Profiles'!$G$21=$B$17,14,0)+IF('Standard Profiles'!$G$21=$B$24,21,0),MOD($C2542,24)+1)/SUM(INDEX($D$3:$AA$30,INDEX(Jesper!$R$2:$R$366,ROW(INDEX(Jesper!AK$2:AK$366,ROUNDDOWN($C2542/24,0)+1,1))-1)+IF('Standard Profiles'!$G$21=$B$10,7,0)+IF('Standard Profiles'!$G$21=$B$17,14,0)+IF('Standard Profiles'!$G$21=$B$24,21,0),0)),0)</f>
        <v>6.079400605110548</v>
      </c>
      <c r="H2542" cm="1">
        <f t="array" ref="H2542">IFERROR(INDEX(Jesper!AL$2:AL$366,ROUNDDOWN($C2542/24,0)+1,1)*INDEX($D$3:$AA$30,INDEX(Jesper!$R$2:$R$366,ROW(INDEX(Jesper!AL$2:AL$366,ROUNDDOWN($C2542/24,0)+1,1))-1)+IF('Standard Profiles'!$G$22=$B$10,7,0)+IF('Standard Profiles'!$G$22=$B$17,14,0)+IF('Standard Profiles'!$G$22=$B$24,21,0),MOD($C2542,24)+1)/SUM(INDEX($D$3:$AA$30,INDEX(Jesper!$R$2:$R$366,ROW(INDEX(Jesper!AL$2:AL$366,ROUNDDOWN($C2542/24,0)+1,1))-1)+IF('Standard Profiles'!$G$22=$B$10,7,0)+IF('Standard Profiles'!$G$22=$B$17,14,0)+IF('Standard Profiles'!$G$22=$B$24,21,0),0)),0)</f>
        <v>5.8679187782485309</v>
      </c>
      <c r="I2542">
        <f t="shared" si="293"/>
        <v>5.6332020271185925</v>
      </c>
      <c r="J2542">
        <f t="shared" si="294"/>
        <v>14.348909076802173</v>
      </c>
      <c r="K2542">
        <f t="shared" si="295"/>
        <v>0.37815435361211175</v>
      </c>
      <c r="L2542">
        <f t="shared" si="296"/>
        <v>0.18907717680605587</v>
      </c>
      <c r="M2542">
        <f t="shared" si="297"/>
        <v>0</v>
      </c>
      <c r="N2542" s="45">
        <f t="shared" si="298"/>
        <v>45031.499999993917</v>
      </c>
    </row>
    <row r="2543" spans="2:14" x14ac:dyDescent="0.25">
      <c r="B2543">
        <f t="shared" si="292"/>
        <v>6</v>
      </c>
      <c r="C2543" s="16">
        <v>2509</v>
      </c>
      <c r="D2543" cm="1">
        <f t="array" ref="D2543">IFERROR(INDEX(Jesper!AH$2:AH$366,ROUNDDOWN($C2543/24,0)+1,1)*INDEX($D$3:$AA$30,INDEX(Jesper!$R$2:$R$366,ROW(INDEX(Jesper!AH$2:AH$366,ROUNDDOWN($C2543/24,0)+1,1))-1)+IF('Standard Profiles'!$G$18=$B$10,7,0)+IF('Standard Profiles'!$G$18=$B$17,14,0)+IF('Standard Profiles'!$G$18=$B$24,21,0),MOD($C2543,24)+1)/SUM(INDEX($D$3:$AA$30,INDEX(Jesper!$R$2:$R$366,ROW(INDEX(Jesper!AH$2:AH$366,ROUNDDOWN($C2543/24,0)+1,1))-1)+IF('Standard Profiles'!$G$18=$B$10,7,0)+IF('Standard Profiles'!$G$18=$B$17,14,0)+IF('Standard Profiles'!$G$18=$B$24,21,0),0)),0)</f>
        <v>0</v>
      </c>
      <c r="E2543" cm="1">
        <f t="array" ref="E2543">IFERROR(INDEX(Jesper!AI$2:AI$366,ROUNDDOWN($C2543/24,0)+1,1)*INDEX($D$3:$AA$30,INDEX(Jesper!$R$2:$R$366,ROW(INDEX(Jesper!AI$2:AI$366,ROUNDDOWN($C2543/24,0)+1,1))-1)+IF('Standard Profiles'!$G$19=$B$10,7,0)+IF('Standard Profiles'!$G$19=$B$17,14,0)+IF('Standard Profiles'!$G$19=$B$24,21,0),MOD($C2543,24)+1)/SUM(INDEX($D$3:$AA$30,INDEX(Jesper!$R$2:$R$366,ROW(INDEX(Jesper!AI$2:AI$366,ROUNDDOWN($C2543/24,0)+1,1))-1)+IF('Standard Profiles'!$G$19=$B$10,7,0)+IF('Standard Profiles'!$G$19=$B$17,14,0)+IF('Standard Profiles'!$G$19=$B$24,21,0),0)),0)</f>
        <v>4.7269294201513965</v>
      </c>
      <c r="F2543" cm="1">
        <f t="array" ref="F2543">IFERROR(INDEX(Jesper!AJ$2:AJ$366,ROUNDDOWN($C2543/24,0)+1,1)*INDEX($D$3:$AA$30,INDEX(Jesper!$R$2:$R$366,ROW(INDEX(Jesper!AJ$2:AJ$366,ROUNDDOWN($C2543/24,0)+1,1))-1)+IF('Standard Profiles'!$G$20=$B$10,7,0)+IF('Standard Profiles'!$G$20=$B$17,14,0)+IF('Standard Profiles'!$G$20=$B$24,21,0),MOD($C2543,24)+1)/SUM(INDEX($D$3:$AA$30,INDEX(Jesper!$R$2:$R$366,ROW(INDEX(Jesper!AJ$2:AJ$366,ROUNDDOWN($C2543/24,0)+1,1))-1)+IF('Standard Profiles'!$G$20=$B$10,7,0)+IF('Standard Profiles'!$G$20=$B$17,14,0)+IF('Standard Profiles'!$G$20=$B$24,21,0),0)),0)</f>
        <v>3.8750938308284586</v>
      </c>
      <c r="G2543" cm="1">
        <f t="array" ref="G2543">IFERROR(INDEX(Jesper!AK$2:AK$366,ROUNDDOWN($C2543/24,0)+1,1)*INDEX($D$3:$AA$30,INDEX(Jesper!$R$2:$R$366,ROW(INDEX(Jesper!AK$2:AK$366,ROUNDDOWN($C2543/24,0)+1,1))-1)+IF('Standard Profiles'!$G$21=$B$10,7,0)+IF('Standard Profiles'!$G$21=$B$17,14,0)+IF('Standard Profiles'!$G$21=$B$24,21,0),MOD($C2543,24)+1)/SUM(INDEX($D$3:$AA$30,INDEX(Jesper!$R$2:$R$366,ROW(INDEX(Jesper!AK$2:AK$366,ROUNDDOWN($C2543/24,0)+1,1))-1)+IF('Standard Profiles'!$G$21=$B$10,7,0)+IF('Standard Profiles'!$G$21=$B$17,14,0)+IF('Standard Profiles'!$G$21=$B$24,21,0),0)),0)</f>
        <v>6.079400605110548</v>
      </c>
      <c r="H2543" cm="1">
        <f t="array" ref="H2543">IFERROR(INDEX(Jesper!AL$2:AL$366,ROUNDDOWN($C2543/24,0)+1,1)*INDEX($D$3:$AA$30,INDEX(Jesper!$R$2:$R$366,ROW(INDEX(Jesper!AL$2:AL$366,ROUNDDOWN($C2543/24,0)+1,1))-1)+IF('Standard Profiles'!$G$22=$B$10,7,0)+IF('Standard Profiles'!$G$22=$B$17,14,0)+IF('Standard Profiles'!$G$22=$B$24,21,0),MOD($C2543,24)+1)/SUM(INDEX($D$3:$AA$30,INDEX(Jesper!$R$2:$R$366,ROW(INDEX(Jesper!AL$2:AL$366,ROUNDDOWN($C2543/24,0)+1,1))-1)+IF('Standard Profiles'!$G$22=$B$10,7,0)+IF('Standard Profiles'!$G$22=$B$17,14,0)+IF('Standard Profiles'!$G$22=$B$24,21,0),0)),0)</f>
        <v>5.8679187782485309</v>
      </c>
      <c r="I2543">
        <f t="shared" si="293"/>
        <v>5.6332020271185925</v>
      </c>
      <c r="J2543">
        <f t="shared" si="294"/>
        <v>14.348909076802173</v>
      </c>
      <c r="K2543">
        <f t="shared" si="295"/>
        <v>0.37815435361211175</v>
      </c>
      <c r="L2543">
        <f t="shared" si="296"/>
        <v>0.18907717680605587</v>
      </c>
      <c r="M2543">
        <f t="shared" si="297"/>
        <v>0</v>
      </c>
      <c r="N2543" s="45">
        <f t="shared" si="298"/>
        <v>45031.541666660582</v>
      </c>
    </row>
    <row r="2544" spans="2:14" x14ac:dyDescent="0.25">
      <c r="B2544">
        <f t="shared" si="292"/>
        <v>6</v>
      </c>
      <c r="C2544" s="16">
        <v>2510</v>
      </c>
      <c r="D2544" cm="1">
        <f t="array" ref="D2544">IFERROR(INDEX(Jesper!AH$2:AH$366,ROUNDDOWN($C2544/24,0)+1,1)*INDEX($D$3:$AA$30,INDEX(Jesper!$R$2:$R$366,ROW(INDEX(Jesper!AH$2:AH$366,ROUNDDOWN($C2544/24,0)+1,1))-1)+IF('Standard Profiles'!$G$18=$B$10,7,0)+IF('Standard Profiles'!$G$18=$B$17,14,0)+IF('Standard Profiles'!$G$18=$B$24,21,0),MOD($C2544,24)+1)/SUM(INDEX($D$3:$AA$30,INDEX(Jesper!$R$2:$R$366,ROW(INDEX(Jesper!AH$2:AH$366,ROUNDDOWN($C2544/24,0)+1,1))-1)+IF('Standard Profiles'!$G$18=$B$10,7,0)+IF('Standard Profiles'!$G$18=$B$17,14,0)+IF('Standard Profiles'!$G$18=$B$24,21,0),0)),0)</f>
        <v>0</v>
      </c>
      <c r="E2544" cm="1">
        <f t="array" ref="E2544">IFERROR(INDEX(Jesper!AI$2:AI$366,ROUNDDOWN($C2544/24,0)+1,1)*INDEX($D$3:$AA$30,INDEX(Jesper!$R$2:$R$366,ROW(INDEX(Jesper!AI$2:AI$366,ROUNDDOWN($C2544/24,0)+1,1))-1)+IF('Standard Profiles'!$G$19=$B$10,7,0)+IF('Standard Profiles'!$G$19=$B$17,14,0)+IF('Standard Profiles'!$G$19=$B$24,21,0),MOD($C2544,24)+1)/SUM(INDEX($D$3:$AA$30,INDEX(Jesper!$R$2:$R$366,ROW(INDEX(Jesper!AI$2:AI$366,ROUNDDOWN($C2544/24,0)+1,1))-1)+IF('Standard Profiles'!$G$19=$B$10,7,0)+IF('Standard Profiles'!$G$19=$B$17,14,0)+IF('Standard Profiles'!$G$19=$B$24,21,0),0)),0)</f>
        <v>4.7269294201513965</v>
      </c>
      <c r="F2544" cm="1">
        <f t="array" ref="F2544">IFERROR(INDEX(Jesper!AJ$2:AJ$366,ROUNDDOWN($C2544/24,0)+1,1)*INDEX($D$3:$AA$30,INDEX(Jesper!$R$2:$R$366,ROW(INDEX(Jesper!AJ$2:AJ$366,ROUNDDOWN($C2544/24,0)+1,1))-1)+IF('Standard Profiles'!$G$20=$B$10,7,0)+IF('Standard Profiles'!$G$20=$B$17,14,0)+IF('Standard Profiles'!$G$20=$B$24,21,0),MOD($C2544,24)+1)/SUM(INDEX($D$3:$AA$30,INDEX(Jesper!$R$2:$R$366,ROW(INDEX(Jesper!AJ$2:AJ$366,ROUNDDOWN($C2544/24,0)+1,1))-1)+IF('Standard Profiles'!$G$20=$B$10,7,0)+IF('Standard Profiles'!$G$20=$B$17,14,0)+IF('Standard Profiles'!$G$20=$B$24,21,0),0)),0)</f>
        <v>3.8750938308284586</v>
      </c>
      <c r="G2544" cm="1">
        <f t="array" ref="G2544">IFERROR(INDEX(Jesper!AK$2:AK$366,ROUNDDOWN($C2544/24,0)+1,1)*INDEX($D$3:$AA$30,INDEX(Jesper!$R$2:$R$366,ROW(INDEX(Jesper!AK$2:AK$366,ROUNDDOWN($C2544/24,0)+1,1))-1)+IF('Standard Profiles'!$G$21=$B$10,7,0)+IF('Standard Profiles'!$G$21=$B$17,14,0)+IF('Standard Profiles'!$G$21=$B$24,21,0),MOD($C2544,24)+1)/SUM(INDEX($D$3:$AA$30,INDEX(Jesper!$R$2:$R$366,ROW(INDEX(Jesper!AK$2:AK$366,ROUNDDOWN($C2544/24,0)+1,1))-1)+IF('Standard Profiles'!$G$21=$B$10,7,0)+IF('Standard Profiles'!$G$21=$B$17,14,0)+IF('Standard Profiles'!$G$21=$B$24,21,0),0)),0)</f>
        <v>6.079400605110548</v>
      </c>
      <c r="H2544" cm="1">
        <f t="array" ref="H2544">IFERROR(INDEX(Jesper!AL$2:AL$366,ROUNDDOWN($C2544/24,0)+1,1)*INDEX($D$3:$AA$30,INDEX(Jesper!$R$2:$R$366,ROW(INDEX(Jesper!AL$2:AL$366,ROUNDDOWN($C2544/24,0)+1,1))-1)+IF('Standard Profiles'!$G$22=$B$10,7,0)+IF('Standard Profiles'!$G$22=$B$17,14,0)+IF('Standard Profiles'!$G$22=$B$24,21,0),MOD($C2544,24)+1)/SUM(INDEX($D$3:$AA$30,INDEX(Jesper!$R$2:$R$366,ROW(INDEX(Jesper!AL$2:AL$366,ROUNDDOWN($C2544/24,0)+1,1))-1)+IF('Standard Profiles'!$G$22=$B$10,7,0)+IF('Standard Profiles'!$G$22=$B$17,14,0)+IF('Standard Profiles'!$G$22=$B$24,21,0),0)),0)</f>
        <v>5.8679187782485309</v>
      </c>
      <c r="I2544">
        <f t="shared" si="293"/>
        <v>5.6332020271185925</v>
      </c>
      <c r="J2544">
        <f t="shared" si="294"/>
        <v>14.348909076802173</v>
      </c>
      <c r="K2544">
        <f t="shared" si="295"/>
        <v>0.37815435361211175</v>
      </c>
      <c r="L2544">
        <f t="shared" si="296"/>
        <v>0.18907717680605587</v>
      </c>
      <c r="M2544">
        <f t="shared" si="297"/>
        <v>0</v>
      </c>
      <c r="N2544" s="45">
        <f t="shared" si="298"/>
        <v>45031.583333327246</v>
      </c>
    </row>
    <row r="2545" spans="2:14" x14ac:dyDescent="0.25">
      <c r="B2545">
        <f t="shared" si="292"/>
        <v>6</v>
      </c>
      <c r="C2545" s="16">
        <v>2511</v>
      </c>
      <c r="D2545" cm="1">
        <f t="array" ref="D2545">IFERROR(INDEX(Jesper!AH$2:AH$366,ROUNDDOWN($C2545/24,0)+1,1)*INDEX($D$3:$AA$30,INDEX(Jesper!$R$2:$R$366,ROW(INDEX(Jesper!AH$2:AH$366,ROUNDDOWN($C2545/24,0)+1,1))-1)+IF('Standard Profiles'!$G$18=$B$10,7,0)+IF('Standard Profiles'!$G$18=$B$17,14,0)+IF('Standard Profiles'!$G$18=$B$24,21,0),MOD($C2545,24)+1)/SUM(INDEX($D$3:$AA$30,INDEX(Jesper!$R$2:$R$366,ROW(INDEX(Jesper!AH$2:AH$366,ROUNDDOWN($C2545/24,0)+1,1))-1)+IF('Standard Profiles'!$G$18=$B$10,7,0)+IF('Standard Profiles'!$G$18=$B$17,14,0)+IF('Standard Profiles'!$G$18=$B$24,21,0),0)),0)</f>
        <v>0</v>
      </c>
      <c r="E2545" cm="1">
        <f t="array" ref="E2545">IFERROR(INDEX(Jesper!AI$2:AI$366,ROUNDDOWN($C2545/24,0)+1,1)*INDEX($D$3:$AA$30,INDEX(Jesper!$R$2:$R$366,ROW(INDEX(Jesper!AI$2:AI$366,ROUNDDOWN($C2545/24,0)+1,1))-1)+IF('Standard Profiles'!$G$19=$B$10,7,0)+IF('Standard Profiles'!$G$19=$B$17,14,0)+IF('Standard Profiles'!$G$19=$B$24,21,0),MOD($C2545,24)+1)/SUM(INDEX($D$3:$AA$30,INDEX(Jesper!$R$2:$R$366,ROW(INDEX(Jesper!AI$2:AI$366,ROUNDDOWN($C2545/24,0)+1,1))-1)+IF('Standard Profiles'!$G$19=$B$10,7,0)+IF('Standard Profiles'!$G$19=$B$17,14,0)+IF('Standard Profiles'!$G$19=$B$24,21,0),0)),0)</f>
        <v>4.7269294201513965</v>
      </c>
      <c r="F2545" cm="1">
        <f t="array" ref="F2545">IFERROR(INDEX(Jesper!AJ$2:AJ$366,ROUNDDOWN($C2545/24,0)+1,1)*INDEX($D$3:$AA$30,INDEX(Jesper!$R$2:$R$366,ROW(INDEX(Jesper!AJ$2:AJ$366,ROUNDDOWN($C2545/24,0)+1,1))-1)+IF('Standard Profiles'!$G$20=$B$10,7,0)+IF('Standard Profiles'!$G$20=$B$17,14,0)+IF('Standard Profiles'!$G$20=$B$24,21,0),MOD($C2545,24)+1)/SUM(INDEX($D$3:$AA$30,INDEX(Jesper!$R$2:$R$366,ROW(INDEX(Jesper!AJ$2:AJ$366,ROUNDDOWN($C2545/24,0)+1,1))-1)+IF('Standard Profiles'!$G$20=$B$10,7,0)+IF('Standard Profiles'!$G$20=$B$17,14,0)+IF('Standard Profiles'!$G$20=$B$24,21,0),0)),0)</f>
        <v>3.8750938308284586</v>
      </c>
      <c r="G2545" cm="1">
        <f t="array" ref="G2545">IFERROR(INDEX(Jesper!AK$2:AK$366,ROUNDDOWN($C2545/24,0)+1,1)*INDEX($D$3:$AA$30,INDEX(Jesper!$R$2:$R$366,ROW(INDEX(Jesper!AK$2:AK$366,ROUNDDOWN($C2545/24,0)+1,1))-1)+IF('Standard Profiles'!$G$21=$B$10,7,0)+IF('Standard Profiles'!$G$21=$B$17,14,0)+IF('Standard Profiles'!$G$21=$B$24,21,0),MOD($C2545,24)+1)/SUM(INDEX($D$3:$AA$30,INDEX(Jesper!$R$2:$R$366,ROW(INDEX(Jesper!AK$2:AK$366,ROUNDDOWN($C2545/24,0)+1,1))-1)+IF('Standard Profiles'!$G$21=$B$10,7,0)+IF('Standard Profiles'!$G$21=$B$17,14,0)+IF('Standard Profiles'!$G$21=$B$24,21,0),0)),0)</f>
        <v>6.079400605110548</v>
      </c>
      <c r="H2545" cm="1">
        <f t="array" ref="H2545">IFERROR(INDEX(Jesper!AL$2:AL$366,ROUNDDOWN($C2545/24,0)+1,1)*INDEX($D$3:$AA$30,INDEX(Jesper!$R$2:$R$366,ROW(INDEX(Jesper!AL$2:AL$366,ROUNDDOWN($C2545/24,0)+1,1))-1)+IF('Standard Profiles'!$G$22=$B$10,7,0)+IF('Standard Profiles'!$G$22=$B$17,14,0)+IF('Standard Profiles'!$G$22=$B$24,21,0),MOD($C2545,24)+1)/SUM(INDEX($D$3:$AA$30,INDEX(Jesper!$R$2:$R$366,ROW(INDEX(Jesper!AL$2:AL$366,ROUNDDOWN($C2545/24,0)+1,1))-1)+IF('Standard Profiles'!$G$22=$B$10,7,0)+IF('Standard Profiles'!$G$22=$B$17,14,0)+IF('Standard Profiles'!$G$22=$B$24,21,0),0)),0)</f>
        <v>5.3052416351288088</v>
      </c>
      <c r="I2545">
        <f t="shared" si="293"/>
        <v>5.0930319697236595</v>
      </c>
      <c r="J2545">
        <f t="shared" si="294"/>
        <v>14.326401991077384</v>
      </c>
      <c r="K2545">
        <f t="shared" si="295"/>
        <v>0.37815435361211175</v>
      </c>
      <c r="L2545">
        <f t="shared" si="296"/>
        <v>0.18907717680605587</v>
      </c>
      <c r="M2545">
        <f t="shared" si="297"/>
        <v>0</v>
      </c>
      <c r="N2545" s="45">
        <f t="shared" si="298"/>
        <v>45031.62499999391</v>
      </c>
    </row>
    <row r="2546" spans="2:14" x14ac:dyDescent="0.25">
      <c r="B2546">
        <f t="shared" si="292"/>
        <v>6</v>
      </c>
      <c r="C2546" s="16">
        <v>2512</v>
      </c>
      <c r="D2546" cm="1">
        <f t="array" ref="D2546">IFERROR(INDEX(Jesper!AH$2:AH$366,ROUNDDOWN($C2546/24,0)+1,1)*INDEX($D$3:$AA$30,INDEX(Jesper!$R$2:$R$366,ROW(INDEX(Jesper!AH$2:AH$366,ROUNDDOWN($C2546/24,0)+1,1))-1)+IF('Standard Profiles'!$G$18=$B$10,7,0)+IF('Standard Profiles'!$G$18=$B$17,14,0)+IF('Standard Profiles'!$G$18=$B$24,21,0),MOD($C2546,24)+1)/SUM(INDEX($D$3:$AA$30,INDEX(Jesper!$R$2:$R$366,ROW(INDEX(Jesper!AH$2:AH$366,ROUNDDOWN($C2546/24,0)+1,1))-1)+IF('Standard Profiles'!$G$18=$B$10,7,0)+IF('Standard Profiles'!$G$18=$B$17,14,0)+IF('Standard Profiles'!$G$18=$B$24,21,0),0)),0)</f>
        <v>0</v>
      </c>
      <c r="E2546" cm="1">
        <f t="array" ref="E2546">IFERROR(INDEX(Jesper!AI$2:AI$366,ROUNDDOWN($C2546/24,0)+1,1)*INDEX($D$3:$AA$30,INDEX(Jesper!$R$2:$R$366,ROW(INDEX(Jesper!AI$2:AI$366,ROUNDDOWN($C2546/24,0)+1,1))-1)+IF('Standard Profiles'!$G$19=$B$10,7,0)+IF('Standard Profiles'!$G$19=$B$17,14,0)+IF('Standard Profiles'!$G$19=$B$24,21,0),MOD($C2546,24)+1)/SUM(INDEX($D$3:$AA$30,INDEX(Jesper!$R$2:$R$366,ROW(INDEX(Jesper!AI$2:AI$366,ROUNDDOWN($C2546/24,0)+1,1))-1)+IF('Standard Profiles'!$G$19=$B$10,7,0)+IF('Standard Profiles'!$G$19=$B$17,14,0)+IF('Standard Profiles'!$G$19=$B$24,21,0),0)),0)</f>
        <v>4.7269294201513965</v>
      </c>
      <c r="F2546" cm="1">
        <f t="array" ref="F2546">IFERROR(INDEX(Jesper!AJ$2:AJ$366,ROUNDDOWN($C2546/24,0)+1,1)*INDEX($D$3:$AA$30,INDEX(Jesper!$R$2:$R$366,ROW(INDEX(Jesper!AJ$2:AJ$366,ROUNDDOWN($C2546/24,0)+1,1))-1)+IF('Standard Profiles'!$G$20=$B$10,7,0)+IF('Standard Profiles'!$G$20=$B$17,14,0)+IF('Standard Profiles'!$G$20=$B$24,21,0),MOD($C2546,24)+1)/SUM(INDEX($D$3:$AA$30,INDEX(Jesper!$R$2:$R$366,ROW(INDEX(Jesper!AJ$2:AJ$366,ROUNDDOWN($C2546/24,0)+1,1))-1)+IF('Standard Profiles'!$G$20=$B$10,7,0)+IF('Standard Profiles'!$G$20=$B$17,14,0)+IF('Standard Profiles'!$G$20=$B$24,21,0),0)),0)</f>
        <v>3.8750938308284586</v>
      </c>
      <c r="G2546" cm="1">
        <f t="array" ref="G2546">IFERROR(INDEX(Jesper!AK$2:AK$366,ROUNDDOWN($C2546/24,0)+1,1)*INDEX($D$3:$AA$30,INDEX(Jesper!$R$2:$R$366,ROW(INDEX(Jesper!AK$2:AK$366,ROUNDDOWN($C2546/24,0)+1,1))-1)+IF('Standard Profiles'!$G$21=$B$10,7,0)+IF('Standard Profiles'!$G$21=$B$17,14,0)+IF('Standard Profiles'!$G$21=$B$24,21,0),MOD($C2546,24)+1)/SUM(INDEX($D$3:$AA$30,INDEX(Jesper!$R$2:$R$366,ROW(INDEX(Jesper!AK$2:AK$366,ROUNDDOWN($C2546/24,0)+1,1))-1)+IF('Standard Profiles'!$G$21=$B$10,7,0)+IF('Standard Profiles'!$G$21=$B$17,14,0)+IF('Standard Profiles'!$G$21=$B$24,21,0),0)),0)</f>
        <v>6.079400605110548</v>
      </c>
      <c r="H2546" cm="1">
        <f t="array" ref="H2546">IFERROR(INDEX(Jesper!AL$2:AL$366,ROUNDDOWN($C2546/24,0)+1,1)*INDEX($D$3:$AA$30,INDEX(Jesper!$R$2:$R$366,ROW(INDEX(Jesper!AL$2:AL$366,ROUNDDOWN($C2546/24,0)+1,1))-1)+IF('Standard Profiles'!$G$22=$B$10,7,0)+IF('Standard Profiles'!$G$22=$B$17,14,0)+IF('Standard Profiles'!$G$22=$B$24,21,0),MOD($C2546,24)+1)/SUM(INDEX($D$3:$AA$30,INDEX(Jesper!$R$2:$R$366,ROW(INDEX(Jesper!AL$2:AL$366,ROUNDDOWN($C2546/24,0)+1,1))-1)+IF('Standard Profiles'!$G$22=$B$10,7,0)+IF('Standard Profiles'!$G$22=$B$17,14,0)+IF('Standard Profiles'!$G$22=$B$24,21,0),0)),0)</f>
        <v>4.8229469410261903</v>
      </c>
      <c r="I2546">
        <f t="shared" si="293"/>
        <v>4.6300290633851455</v>
      </c>
      <c r="J2546">
        <f t="shared" si="294"/>
        <v>14.307110203313281</v>
      </c>
      <c r="K2546">
        <f t="shared" si="295"/>
        <v>0.37815435361211175</v>
      </c>
      <c r="L2546">
        <f t="shared" si="296"/>
        <v>0.18907717680605587</v>
      </c>
      <c r="M2546">
        <f t="shared" si="297"/>
        <v>0</v>
      </c>
      <c r="N2546" s="45">
        <f t="shared" si="298"/>
        <v>45031.666666660574</v>
      </c>
    </row>
    <row r="2547" spans="2:14" x14ac:dyDescent="0.25">
      <c r="B2547">
        <f t="shared" si="292"/>
        <v>6</v>
      </c>
      <c r="C2547" s="16">
        <v>2513</v>
      </c>
      <c r="D2547" cm="1">
        <f t="array" ref="D2547">IFERROR(INDEX(Jesper!AH$2:AH$366,ROUNDDOWN($C2547/24,0)+1,1)*INDEX($D$3:$AA$30,INDEX(Jesper!$R$2:$R$366,ROW(INDEX(Jesper!AH$2:AH$366,ROUNDDOWN($C2547/24,0)+1,1))-1)+IF('Standard Profiles'!$G$18=$B$10,7,0)+IF('Standard Profiles'!$G$18=$B$17,14,0)+IF('Standard Profiles'!$G$18=$B$24,21,0),MOD($C2547,24)+1)/SUM(INDEX($D$3:$AA$30,INDEX(Jesper!$R$2:$R$366,ROW(INDEX(Jesper!AH$2:AH$366,ROUNDDOWN($C2547/24,0)+1,1))-1)+IF('Standard Profiles'!$G$18=$B$10,7,0)+IF('Standard Profiles'!$G$18=$B$17,14,0)+IF('Standard Profiles'!$G$18=$B$24,21,0),0)),0)</f>
        <v>0</v>
      </c>
      <c r="E2547" cm="1">
        <f t="array" ref="E2547">IFERROR(INDEX(Jesper!AI$2:AI$366,ROUNDDOWN($C2547/24,0)+1,1)*INDEX($D$3:$AA$30,INDEX(Jesper!$R$2:$R$366,ROW(INDEX(Jesper!AI$2:AI$366,ROUNDDOWN($C2547/24,0)+1,1))-1)+IF('Standard Profiles'!$G$19=$B$10,7,0)+IF('Standard Profiles'!$G$19=$B$17,14,0)+IF('Standard Profiles'!$G$19=$B$24,21,0),MOD($C2547,24)+1)/SUM(INDEX($D$3:$AA$30,INDEX(Jesper!$R$2:$R$366,ROW(INDEX(Jesper!AI$2:AI$366,ROUNDDOWN($C2547/24,0)+1,1))-1)+IF('Standard Profiles'!$G$19=$B$10,7,0)+IF('Standard Profiles'!$G$19=$B$17,14,0)+IF('Standard Profiles'!$G$19=$B$24,21,0),0)),0)</f>
        <v>4.7269294201513965</v>
      </c>
      <c r="F2547" cm="1">
        <f t="array" ref="F2547">IFERROR(INDEX(Jesper!AJ$2:AJ$366,ROUNDDOWN($C2547/24,0)+1,1)*INDEX($D$3:$AA$30,INDEX(Jesper!$R$2:$R$366,ROW(INDEX(Jesper!AJ$2:AJ$366,ROUNDDOWN($C2547/24,0)+1,1))-1)+IF('Standard Profiles'!$G$20=$B$10,7,0)+IF('Standard Profiles'!$G$20=$B$17,14,0)+IF('Standard Profiles'!$G$20=$B$24,21,0),MOD($C2547,24)+1)/SUM(INDEX($D$3:$AA$30,INDEX(Jesper!$R$2:$R$366,ROW(INDEX(Jesper!AJ$2:AJ$366,ROUNDDOWN($C2547/24,0)+1,1))-1)+IF('Standard Profiles'!$G$20=$B$10,7,0)+IF('Standard Profiles'!$G$20=$B$17,14,0)+IF('Standard Profiles'!$G$20=$B$24,21,0),0)),0)</f>
        <v>3.8750938308284586</v>
      </c>
      <c r="G2547" cm="1">
        <f t="array" ref="G2547">IFERROR(INDEX(Jesper!AK$2:AK$366,ROUNDDOWN($C2547/24,0)+1,1)*INDEX($D$3:$AA$30,INDEX(Jesper!$R$2:$R$366,ROW(INDEX(Jesper!AK$2:AK$366,ROUNDDOWN($C2547/24,0)+1,1))-1)+IF('Standard Profiles'!$G$21=$B$10,7,0)+IF('Standard Profiles'!$G$21=$B$17,14,0)+IF('Standard Profiles'!$G$21=$B$24,21,0),MOD($C2547,24)+1)/SUM(INDEX($D$3:$AA$30,INDEX(Jesper!$R$2:$R$366,ROW(INDEX(Jesper!AK$2:AK$366,ROUNDDOWN($C2547/24,0)+1,1))-1)+IF('Standard Profiles'!$G$21=$B$10,7,0)+IF('Standard Profiles'!$G$21=$B$17,14,0)+IF('Standard Profiles'!$G$21=$B$24,21,0),0)),0)</f>
        <v>6.079400605110548</v>
      </c>
      <c r="H2547" cm="1">
        <f t="array" ref="H2547">IFERROR(INDEX(Jesper!AL$2:AL$366,ROUNDDOWN($C2547/24,0)+1,1)*INDEX($D$3:$AA$30,INDEX(Jesper!$R$2:$R$366,ROW(INDEX(Jesper!AL$2:AL$366,ROUNDDOWN($C2547/24,0)+1,1))-1)+IF('Standard Profiles'!$G$22=$B$10,7,0)+IF('Standard Profiles'!$G$22=$B$17,14,0)+IF('Standard Profiles'!$G$22=$B$24,21,0),MOD($C2547,24)+1)/SUM(INDEX($D$3:$AA$30,INDEX(Jesper!$R$2:$R$366,ROW(INDEX(Jesper!AL$2:AL$366,ROUNDDOWN($C2547/24,0)+1,1))-1)+IF('Standard Profiles'!$G$22=$B$10,7,0)+IF('Standard Profiles'!$G$22=$B$17,14,0)+IF('Standard Profiles'!$G$22=$B$24,21,0),0)),0)</f>
        <v>4.3406522469235709</v>
      </c>
      <c r="I2547">
        <f t="shared" si="293"/>
        <v>4.1670261570466307</v>
      </c>
      <c r="J2547">
        <f t="shared" si="294"/>
        <v>14.287818415549175</v>
      </c>
      <c r="K2547">
        <f t="shared" si="295"/>
        <v>0.37815435361211175</v>
      </c>
      <c r="L2547">
        <f t="shared" si="296"/>
        <v>0.18907717680605587</v>
      </c>
      <c r="M2547">
        <f t="shared" si="297"/>
        <v>0</v>
      </c>
      <c r="N2547" s="45">
        <f t="shared" si="298"/>
        <v>45031.708333327239</v>
      </c>
    </row>
    <row r="2548" spans="2:14" x14ac:dyDescent="0.25">
      <c r="B2548">
        <f t="shared" si="292"/>
        <v>6</v>
      </c>
      <c r="C2548" s="16">
        <v>2514</v>
      </c>
      <c r="D2548" cm="1">
        <f t="array" ref="D2548">IFERROR(INDEX(Jesper!AH$2:AH$366,ROUNDDOWN($C2548/24,0)+1,1)*INDEX($D$3:$AA$30,INDEX(Jesper!$R$2:$R$366,ROW(INDEX(Jesper!AH$2:AH$366,ROUNDDOWN($C2548/24,0)+1,1))-1)+IF('Standard Profiles'!$G$18=$B$10,7,0)+IF('Standard Profiles'!$G$18=$B$17,14,0)+IF('Standard Profiles'!$G$18=$B$24,21,0),MOD($C2548,24)+1)/SUM(INDEX($D$3:$AA$30,INDEX(Jesper!$R$2:$R$366,ROW(INDEX(Jesper!AH$2:AH$366,ROUNDDOWN($C2548/24,0)+1,1))-1)+IF('Standard Profiles'!$G$18=$B$10,7,0)+IF('Standard Profiles'!$G$18=$B$17,14,0)+IF('Standard Profiles'!$G$18=$B$24,21,0),0)),0)</f>
        <v>0</v>
      </c>
      <c r="E2548" cm="1">
        <f t="array" ref="E2548">IFERROR(INDEX(Jesper!AI$2:AI$366,ROUNDDOWN($C2548/24,0)+1,1)*INDEX($D$3:$AA$30,INDEX(Jesper!$R$2:$R$366,ROW(INDEX(Jesper!AI$2:AI$366,ROUNDDOWN($C2548/24,0)+1,1))-1)+IF('Standard Profiles'!$G$19=$B$10,7,0)+IF('Standard Profiles'!$G$19=$B$17,14,0)+IF('Standard Profiles'!$G$19=$B$24,21,0),MOD($C2548,24)+1)/SUM(INDEX($D$3:$AA$30,INDEX(Jesper!$R$2:$R$366,ROW(INDEX(Jesper!AI$2:AI$366,ROUNDDOWN($C2548/24,0)+1,1))-1)+IF('Standard Profiles'!$G$19=$B$10,7,0)+IF('Standard Profiles'!$G$19=$B$17,14,0)+IF('Standard Profiles'!$G$19=$B$24,21,0),0)),0)</f>
        <v>4.7269294201513965</v>
      </c>
      <c r="F2548" cm="1">
        <f t="array" ref="F2548">IFERROR(INDEX(Jesper!AJ$2:AJ$366,ROUNDDOWN($C2548/24,0)+1,1)*INDEX($D$3:$AA$30,INDEX(Jesper!$R$2:$R$366,ROW(INDEX(Jesper!AJ$2:AJ$366,ROUNDDOWN($C2548/24,0)+1,1))-1)+IF('Standard Profiles'!$G$20=$B$10,7,0)+IF('Standard Profiles'!$G$20=$B$17,14,0)+IF('Standard Profiles'!$G$20=$B$24,21,0),MOD($C2548,24)+1)/SUM(INDEX($D$3:$AA$30,INDEX(Jesper!$R$2:$R$366,ROW(INDEX(Jesper!AJ$2:AJ$366,ROUNDDOWN($C2548/24,0)+1,1))-1)+IF('Standard Profiles'!$G$20=$B$10,7,0)+IF('Standard Profiles'!$G$20=$B$17,14,0)+IF('Standard Profiles'!$G$20=$B$24,21,0),0)),0)</f>
        <v>3.8750938308284586</v>
      </c>
      <c r="G2548" cm="1">
        <f t="array" ref="G2548">IFERROR(INDEX(Jesper!AK$2:AK$366,ROUNDDOWN($C2548/24,0)+1,1)*INDEX($D$3:$AA$30,INDEX(Jesper!$R$2:$R$366,ROW(INDEX(Jesper!AK$2:AK$366,ROUNDDOWN($C2548/24,0)+1,1))-1)+IF('Standard Profiles'!$G$21=$B$10,7,0)+IF('Standard Profiles'!$G$21=$B$17,14,0)+IF('Standard Profiles'!$G$21=$B$24,21,0),MOD($C2548,24)+1)/SUM(INDEX($D$3:$AA$30,INDEX(Jesper!$R$2:$R$366,ROW(INDEX(Jesper!AK$2:AK$366,ROUNDDOWN($C2548/24,0)+1,1))-1)+IF('Standard Profiles'!$G$21=$B$10,7,0)+IF('Standard Profiles'!$G$21=$B$17,14,0)+IF('Standard Profiles'!$G$21=$B$24,21,0),0)),0)</f>
        <v>6.079400605110548</v>
      </c>
      <c r="H2548" cm="1">
        <f t="array" ref="H2548">IFERROR(INDEX(Jesper!AL$2:AL$366,ROUNDDOWN($C2548/24,0)+1,1)*INDEX($D$3:$AA$30,INDEX(Jesper!$R$2:$R$366,ROW(INDEX(Jesper!AL$2:AL$366,ROUNDDOWN($C2548/24,0)+1,1))-1)+IF('Standard Profiles'!$G$22=$B$10,7,0)+IF('Standard Profiles'!$G$22=$B$17,14,0)+IF('Standard Profiles'!$G$22=$B$24,21,0),MOD($C2548,24)+1)/SUM(INDEX($D$3:$AA$30,INDEX(Jesper!$R$2:$R$366,ROW(INDEX(Jesper!AL$2:AL$366,ROUNDDOWN($C2548/24,0)+1,1))-1)+IF('Standard Profiles'!$G$22=$B$10,7,0)+IF('Standard Profiles'!$G$22=$B$17,14,0)+IF('Standard Profiles'!$G$22=$B$24,21,0),0)),0)</f>
        <v>4.1798873488893644</v>
      </c>
      <c r="I2548">
        <f t="shared" si="293"/>
        <v>4.0126918549337924</v>
      </c>
      <c r="J2548">
        <f t="shared" si="294"/>
        <v>14.281387819627808</v>
      </c>
      <c r="K2548">
        <f t="shared" si="295"/>
        <v>0.37815435361211175</v>
      </c>
      <c r="L2548">
        <f t="shared" si="296"/>
        <v>0.18907717680605587</v>
      </c>
      <c r="M2548">
        <f t="shared" si="297"/>
        <v>0</v>
      </c>
      <c r="N2548" s="45">
        <f t="shared" si="298"/>
        <v>45031.749999993903</v>
      </c>
    </row>
    <row r="2549" spans="2:14" x14ac:dyDescent="0.25">
      <c r="B2549">
        <f t="shared" si="292"/>
        <v>6</v>
      </c>
      <c r="C2549" s="16">
        <v>2515</v>
      </c>
      <c r="D2549" cm="1">
        <f t="array" ref="D2549">IFERROR(INDEX(Jesper!AH$2:AH$366,ROUNDDOWN($C2549/24,0)+1,1)*INDEX($D$3:$AA$30,INDEX(Jesper!$R$2:$R$366,ROW(INDEX(Jesper!AH$2:AH$366,ROUNDDOWN($C2549/24,0)+1,1))-1)+IF('Standard Profiles'!$G$18=$B$10,7,0)+IF('Standard Profiles'!$G$18=$B$17,14,0)+IF('Standard Profiles'!$G$18=$B$24,21,0),MOD($C2549,24)+1)/SUM(INDEX($D$3:$AA$30,INDEX(Jesper!$R$2:$R$366,ROW(INDEX(Jesper!AH$2:AH$366,ROUNDDOWN($C2549/24,0)+1,1))-1)+IF('Standard Profiles'!$G$18=$B$10,7,0)+IF('Standard Profiles'!$G$18=$B$17,14,0)+IF('Standard Profiles'!$G$18=$B$24,21,0),0)),0)</f>
        <v>0</v>
      </c>
      <c r="E2549" cm="1">
        <f t="array" ref="E2549">IFERROR(INDEX(Jesper!AI$2:AI$366,ROUNDDOWN($C2549/24,0)+1,1)*INDEX($D$3:$AA$30,INDEX(Jesper!$R$2:$R$366,ROW(INDEX(Jesper!AI$2:AI$366,ROUNDDOWN($C2549/24,0)+1,1))-1)+IF('Standard Profiles'!$G$19=$B$10,7,0)+IF('Standard Profiles'!$G$19=$B$17,14,0)+IF('Standard Profiles'!$G$19=$B$24,21,0),MOD($C2549,24)+1)/SUM(INDEX($D$3:$AA$30,INDEX(Jesper!$R$2:$R$366,ROW(INDEX(Jesper!AI$2:AI$366,ROUNDDOWN($C2549/24,0)+1,1))-1)+IF('Standard Profiles'!$G$19=$B$10,7,0)+IF('Standard Profiles'!$G$19=$B$17,14,0)+IF('Standard Profiles'!$G$19=$B$24,21,0),0)),0)</f>
        <v>4.7269294201513965</v>
      </c>
      <c r="F2549" cm="1">
        <f t="array" ref="F2549">IFERROR(INDEX(Jesper!AJ$2:AJ$366,ROUNDDOWN($C2549/24,0)+1,1)*INDEX($D$3:$AA$30,INDEX(Jesper!$R$2:$R$366,ROW(INDEX(Jesper!AJ$2:AJ$366,ROUNDDOWN($C2549/24,0)+1,1))-1)+IF('Standard Profiles'!$G$20=$B$10,7,0)+IF('Standard Profiles'!$G$20=$B$17,14,0)+IF('Standard Profiles'!$G$20=$B$24,21,0),MOD($C2549,24)+1)/SUM(INDEX($D$3:$AA$30,INDEX(Jesper!$R$2:$R$366,ROW(INDEX(Jesper!AJ$2:AJ$366,ROUNDDOWN($C2549/24,0)+1,1))-1)+IF('Standard Profiles'!$G$20=$B$10,7,0)+IF('Standard Profiles'!$G$20=$B$17,14,0)+IF('Standard Profiles'!$G$20=$B$24,21,0),0)),0)</f>
        <v>3.8750938308284586</v>
      </c>
      <c r="G2549" cm="1">
        <f t="array" ref="G2549">IFERROR(INDEX(Jesper!AK$2:AK$366,ROUNDDOWN($C2549/24,0)+1,1)*INDEX($D$3:$AA$30,INDEX(Jesper!$R$2:$R$366,ROW(INDEX(Jesper!AK$2:AK$366,ROUNDDOWN($C2549/24,0)+1,1))-1)+IF('Standard Profiles'!$G$21=$B$10,7,0)+IF('Standard Profiles'!$G$21=$B$17,14,0)+IF('Standard Profiles'!$G$21=$B$24,21,0),MOD($C2549,24)+1)/SUM(INDEX($D$3:$AA$30,INDEX(Jesper!$R$2:$R$366,ROW(INDEX(Jesper!AK$2:AK$366,ROUNDDOWN($C2549/24,0)+1,1))-1)+IF('Standard Profiles'!$G$21=$B$10,7,0)+IF('Standard Profiles'!$G$21=$B$17,14,0)+IF('Standard Profiles'!$G$21=$B$24,21,0),0)),0)</f>
        <v>6.079400605110548</v>
      </c>
      <c r="H2549" cm="1">
        <f t="array" ref="H2549">IFERROR(INDEX(Jesper!AL$2:AL$366,ROUNDDOWN($C2549/24,0)+1,1)*INDEX($D$3:$AA$30,INDEX(Jesper!$R$2:$R$366,ROW(INDEX(Jesper!AL$2:AL$366,ROUNDDOWN($C2549/24,0)+1,1))-1)+IF('Standard Profiles'!$G$22=$B$10,7,0)+IF('Standard Profiles'!$G$22=$B$17,14,0)+IF('Standard Profiles'!$G$22=$B$24,21,0),MOD($C2549,24)+1)/SUM(INDEX($D$3:$AA$30,INDEX(Jesper!$R$2:$R$366,ROW(INDEX(Jesper!AL$2:AL$366,ROUNDDOWN($C2549/24,0)+1,1))-1)+IF('Standard Profiles'!$G$22=$B$10,7,0)+IF('Standard Profiles'!$G$22=$B$17,14,0)+IF('Standard Profiles'!$G$22=$B$24,21,0),0)),0)</f>
        <v>3.376062858718333</v>
      </c>
      <c r="I2549">
        <f t="shared" si="293"/>
        <v>3.2410203443696015</v>
      </c>
      <c r="J2549">
        <f t="shared" si="294"/>
        <v>14.249234840020966</v>
      </c>
      <c r="K2549">
        <f t="shared" si="295"/>
        <v>0.37815435361211175</v>
      </c>
      <c r="L2549">
        <f t="shared" si="296"/>
        <v>0.18907717680605587</v>
      </c>
      <c r="M2549">
        <f t="shared" si="297"/>
        <v>0</v>
      </c>
      <c r="N2549" s="45">
        <f t="shared" si="298"/>
        <v>45031.791666660567</v>
      </c>
    </row>
    <row r="2550" spans="2:14" x14ac:dyDescent="0.25">
      <c r="B2550">
        <f t="shared" si="292"/>
        <v>6</v>
      </c>
      <c r="C2550" s="16">
        <v>2516</v>
      </c>
      <c r="D2550" cm="1">
        <f t="array" ref="D2550">IFERROR(INDEX(Jesper!AH$2:AH$366,ROUNDDOWN($C2550/24,0)+1,1)*INDEX($D$3:$AA$30,INDEX(Jesper!$R$2:$R$366,ROW(INDEX(Jesper!AH$2:AH$366,ROUNDDOWN($C2550/24,0)+1,1))-1)+IF('Standard Profiles'!$G$18=$B$10,7,0)+IF('Standard Profiles'!$G$18=$B$17,14,0)+IF('Standard Profiles'!$G$18=$B$24,21,0),MOD($C2550,24)+1)/SUM(INDEX($D$3:$AA$30,INDEX(Jesper!$R$2:$R$366,ROW(INDEX(Jesper!AH$2:AH$366,ROUNDDOWN($C2550/24,0)+1,1))-1)+IF('Standard Profiles'!$G$18=$B$10,7,0)+IF('Standard Profiles'!$G$18=$B$17,14,0)+IF('Standard Profiles'!$G$18=$B$24,21,0),0)),0)</f>
        <v>0</v>
      </c>
      <c r="E2550" cm="1">
        <f t="array" ref="E2550">IFERROR(INDEX(Jesper!AI$2:AI$366,ROUNDDOWN($C2550/24,0)+1,1)*INDEX($D$3:$AA$30,INDEX(Jesper!$R$2:$R$366,ROW(INDEX(Jesper!AI$2:AI$366,ROUNDDOWN($C2550/24,0)+1,1))-1)+IF('Standard Profiles'!$G$19=$B$10,7,0)+IF('Standard Profiles'!$G$19=$B$17,14,0)+IF('Standard Profiles'!$G$19=$B$24,21,0),MOD($C2550,24)+1)/SUM(INDEX($D$3:$AA$30,INDEX(Jesper!$R$2:$R$366,ROW(INDEX(Jesper!AI$2:AI$366,ROUNDDOWN($C2550/24,0)+1,1))-1)+IF('Standard Profiles'!$G$19=$B$10,7,0)+IF('Standard Profiles'!$G$19=$B$17,14,0)+IF('Standard Profiles'!$G$19=$B$24,21,0),0)),0)</f>
        <v>4.7269294201513965</v>
      </c>
      <c r="F2550" cm="1">
        <f t="array" ref="F2550">IFERROR(INDEX(Jesper!AJ$2:AJ$366,ROUNDDOWN($C2550/24,0)+1,1)*INDEX($D$3:$AA$30,INDEX(Jesper!$R$2:$R$366,ROW(INDEX(Jesper!AJ$2:AJ$366,ROUNDDOWN($C2550/24,0)+1,1))-1)+IF('Standard Profiles'!$G$20=$B$10,7,0)+IF('Standard Profiles'!$G$20=$B$17,14,0)+IF('Standard Profiles'!$G$20=$B$24,21,0),MOD($C2550,24)+1)/SUM(INDEX($D$3:$AA$30,INDEX(Jesper!$R$2:$R$366,ROW(INDEX(Jesper!AJ$2:AJ$366,ROUNDDOWN($C2550/24,0)+1,1))-1)+IF('Standard Profiles'!$G$20=$B$10,7,0)+IF('Standard Profiles'!$G$20=$B$17,14,0)+IF('Standard Profiles'!$G$20=$B$24,21,0),0)),0)</f>
        <v>3.8750938308284586</v>
      </c>
      <c r="G2550" cm="1">
        <f t="array" ref="G2550">IFERROR(INDEX(Jesper!AK$2:AK$366,ROUNDDOWN($C2550/24,0)+1,1)*INDEX($D$3:$AA$30,INDEX(Jesper!$R$2:$R$366,ROW(INDEX(Jesper!AK$2:AK$366,ROUNDDOWN($C2550/24,0)+1,1))-1)+IF('Standard Profiles'!$G$21=$B$10,7,0)+IF('Standard Profiles'!$G$21=$B$17,14,0)+IF('Standard Profiles'!$G$21=$B$24,21,0),MOD($C2550,24)+1)/SUM(INDEX($D$3:$AA$30,INDEX(Jesper!$R$2:$R$366,ROW(INDEX(Jesper!AK$2:AK$366,ROUNDDOWN($C2550/24,0)+1,1))-1)+IF('Standard Profiles'!$G$21=$B$10,7,0)+IF('Standard Profiles'!$G$21=$B$17,14,0)+IF('Standard Profiles'!$G$21=$B$24,21,0),0)),0)</f>
        <v>6.079400605110548</v>
      </c>
      <c r="H2550" cm="1">
        <f t="array" ref="H2550">IFERROR(INDEX(Jesper!AL$2:AL$366,ROUNDDOWN($C2550/24,0)+1,1)*INDEX($D$3:$AA$30,INDEX(Jesper!$R$2:$R$366,ROW(INDEX(Jesper!AL$2:AL$366,ROUNDDOWN($C2550/24,0)+1,1))-1)+IF('Standard Profiles'!$G$22=$B$10,7,0)+IF('Standard Profiles'!$G$22=$B$17,14,0)+IF('Standard Profiles'!$G$22=$B$24,21,0),MOD($C2550,24)+1)/SUM(INDEX($D$3:$AA$30,INDEX(Jesper!$R$2:$R$366,ROW(INDEX(Jesper!AL$2:AL$366,ROUNDDOWN($C2550/24,0)+1,1))-1)+IF('Standard Profiles'!$G$22=$B$10,7,0)+IF('Standard Profiles'!$G$22=$B$17,14,0)+IF('Standard Profiles'!$G$22=$B$24,21,0),0)),0)</f>
        <v>2.4918559195301979</v>
      </c>
      <c r="I2550">
        <f t="shared" si="293"/>
        <v>2.3921816827489915</v>
      </c>
      <c r="J2550">
        <f t="shared" si="294"/>
        <v>14.213866562453441</v>
      </c>
      <c r="K2550">
        <f t="shared" si="295"/>
        <v>0.37815435361211175</v>
      </c>
      <c r="L2550">
        <f t="shared" si="296"/>
        <v>0.18907717680605587</v>
      </c>
      <c r="M2550">
        <f t="shared" si="297"/>
        <v>0</v>
      </c>
      <c r="N2550" s="45">
        <f t="shared" si="298"/>
        <v>45031.833333327231</v>
      </c>
    </row>
    <row r="2551" spans="2:14" x14ac:dyDescent="0.25">
      <c r="B2551">
        <f t="shared" si="292"/>
        <v>6</v>
      </c>
      <c r="C2551" s="16">
        <v>2517</v>
      </c>
      <c r="D2551" cm="1">
        <f t="array" ref="D2551">IFERROR(INDEX(Jesper!AH$2:AH$366,ROUNDDOWN($C2551/24,0)+1,1)*INDEX($D$3:$AA$30,INDEX(Jesper!$R$2:$R$366,ROW(INDEX(Jesper!AH$2:AH$366,ROUNDDOWN($C2551/24,0)+1,1))-1)+IF('Standard Profiles'!$G$18=$B$10,7,0)+IF('Standard Profiles'!$G$18=$B$17,14,0)+IF('Standard Profiles'!$G$18=$B$24,21,0),MOD($C2551,24)+1)/SUM(INDEX($D$3:$AA$30,INDEX(Jesper!$R$2:$R$366,ROW(INDEX(Jesper!AH$2:AH$366,ROUNDDOWN($C2551/24,0)+1,1))-1)+IF('Standard Profiles'!$G$18=$B$10,7,0)+IF('Standard Profiles'!$G$18=$B$17,14,0)+IF('Standard Profiles'!$G$18=$B$24,21,0),0)),0)</f>
        <v>0</v>
      </c>
      <c r="E2551" cm="1">
        <f t="array" ref="E2551">IFERROR(INDEX(Jesper!AI$2:AI$366,ROUNDDOWN($C2551/24,0)+1,1)*INDEX($D$3:$AA$30,INDEX(Jesper!$R$2:$R$366,ROW(INDEX(Jesper!AI$2:AI$366,ROUNDDOWN($C2551/24,0)+1,1))-1)+IF('Standard Profiles'!$G$19=$B$10,7,0)+IF('Standard Profiles'!$G$19=$B$17,14,0)+IF('Standard Profiles'!$G$19=$B$24,21,0),MOD($C2551,24)+1)/SUM(INDEX($D$3:$AA$30,INDEX(Jesper!$R$2:$R$366,ROW(INDEX(Jesper!AI$2:AI$366,ROUNDDOWN($C2551/24,0)+1,1))-1)+IF('Standard Profiles'!$G$19=$B$10,7,0)+IF('Standard Profiles'!$G$19=$B$17,14,0)+IF('Standard Profiles'!$G$19=$B$24,21,0),0)),0)</f>
        <v>4.7269294201513965</v>
      </c>
      <c r="F2551" cm="1">
        <f t="array" ref="F2551">IFERROR(INDEX(Jesper!AJ$2:AJ$366,ROUNDDOWN($C2551/24,0)+1,1)*INDEX($D$3:$AA$30,INDEX(Jesper!$R$2:$R$366,ROW(INDEX(Jesper!AJ$2:AJ$366,ROUNDDOWN($C2551/24,0)+1,1))-1)+IF('Standard Profiles'!$G$20=$B$10,7,0)+IF('Standard Profiles'!$G$20=$B$17,14,0)+IF('Standard Profiles'!$G$20=$B$24,21,0),MOD($C2551,24)+1)/SUM(INDEX($D$3:$AA$30,INDEX(Jesper!$R$2:$R$366,ROW(INDEX(Jesper!AJ$2:AJ$366,ROUNDDOWN($C2551/24,0)+1,1))-1)+IF('Standard Profiles'!$G$20=$B$10,7,0)+IF('Standard Profiles'!$G$20=$B$17,14,0)+IF('Standard Profiles'!$G$20=$B$24,21,0),0)),0)</f>
        <v>3.8750938308284586</v>
      </c>
      <c r="G2551" cm="1">
        <f t="array" ref="G2551">IFERROR(INDEX(Jesper!AK$2:AK$366,ROUNDDOWN($C2551/24,0)+1,1)*INDEX($D$3:$AA$30,INDEX(Jesper!$R$2:$R$366,ROW(INDEX(Jesper!AK$2:AK$366,ROUNDDOWN($C2551/24,0)+1,1))-1)+IF('Standard Profiles'!$G$21=$B$10,7,0)+IF('Standard Profiles'!$G$21=$B$17,14,0)+IF('Standard Profiles'!$G$21=$B$24,21,0),MOD($C2551,24)+1)/SUM(INDEX($D$3:$AA$30,INDEX(Jesper!$R$2:$R$366,ROW(INDEX(Jesper!AK$2:AK$366,ROUNDDOWN($C2551/24,0)+1,1))-1)+IF('Standard Profiles'!$G$21=$B$10,7,0)+IF('Standard Profiles'!$G$21=$B$17,14,0)+IF('Standard Profiles'!$G$21=$B$24,21,0),0)),0)</f>
        <v>6.079400605110548</v>
      </c>
      <c r="H2551" cm="1">
        <f t="array" ref="H2551">IFERROR(INDEX(Jesper!AL$2:AL$366,ROUNDDOWN($C2551/24,0)+1,1)*INDEX($D$3:$AA$30,INDEX(Jesper!$R$2:$R$366,ROW(INDEX(Jesper!AL$2:AL$366,ROUNDDOWN($C2551/24,0)+1,1))-1)+IF('Standard Profiles'!$G$22=$B$10,7,0)+IF('Standard Profiles'!$G$22=$B$17,14,0)+IF('Standard Profiles'!$G$22=$B$24,21,0),MOD($C2551,24)+1)/SUM(INDEX($D$3:$AA$30,INDEX(Jesper!$R$2:$R$366,ROW(INDEX(Jesper!AL$2:AL$366,ROUNDDOWN($C2551/24,0)+1,1))-1)+IF('Standard Profiles'!$G$22=$B$10,7,0)+IF('Standard Profiles'!$G$22=$B$17,14,0)+IF('Standard Profiles'!$G$22=$B$24,21,0),0)),0)</f>
        <v>2.4918559195301979</v>
      </c>
      <c r="I2551">
        <f t="shared" si="293"/>
        <v>2.3921816827489915</v>
      </c>
      <c r="J2551">
        <f t="shared" si="294"/>
        <v>14.213866562453441</v>
      </c>
      <c r="K2551">
        <f t="shared" si="295"/>
        <v>0.37815435361211175</v>
      </c>
      <c r="L2551">
        <f t="shared" si="296"/>
        <v>0.18907717680605587</v>
      </c>
      <c r="M2551">
        <f t="shared" si="297"/>
        <v>0</v>
      </c>
      <c r="N2551" s="45">
        <f t="shared" si="298"/>
        <v>45031.874999993895</v>
      </c>
    </row>
    <row r="2552" spans="2:14" x14ac:dyDescent="0.25">
      <c r="B2552">
        <f t="shared" si="292"/>
        <v>6</v>
      </c>
      <c r="C2552" s="16">
        <v>2518</v>
      </c>
      <c r="D2552" cm="1">
        <f t="array" ref="D2552">IFERROR(INDEX(Jesper!AH$2:AH$366,ROUNDDOWN($C2552/24,0)+1,1)*INDEX($D$3:$AA$30,INDEX(Jesper!$R$2:$R$366,ROW(INDEX(Jesper!AH$2:AH$366,ROUNDDOWN($C2552/24,0)+1,1))-1)+IF('Standard Profiles'!$G$18=$B$10,7,0)+IF('Standard Profiles'!$G$18=$B$17,14,0)+IF('Standard Profiles'!$G$18=$B$24,21,0),MOD($C2552,24)+1)/SUM(INDEX($D$3:$AA$30,INDEX(Jesper!$R$2:$R$366,ROW(INDEX(Jesper!AH$2:AH$366,ROUNDDOWN($C2552/24,0)+1,1))-1)+IF('Standard Profiles'!$G$18=$B$10,7,0)+IF('Standard Profiles'!$G$18=$B$17,14,0)+IF('Standard Profiles'!$G$18=$B$24,21,0),0)),0)</f>
        <v>0</v>
      </c>
      <c r="E2552" cm="1">
        <f t="array" ref="E2552">IFERROR(INDEX(Jesper!AI$2:AI$366,ROUNDDOWN($C2552/24,0)+1,1)*INDEX($D$3:$AA$30,INDEX(Jesper!$R$2:$R$366,ROW(INDEX(Jesper!AI$2:AI$366,ROUNDDOWN($C2552/24,0)+1,1))-1)+IF('Standard Profiles'!$G$19=$B$10,7,0)+IF('Standard Profiles'!$G$19=$B$17,14,0)+IF('Standard Profiles'!$G$19=$B$24,21,0),MOD($C2552,24)+1)/SUM(INDEX($D$3:$AA$30,INDEX(Jesper!$R$2:$R$366,ROW(INDEX(Jesper!AI$2:AI$366,ROUNDDOWN($C2552/24,0)+1,1))-1)+IF('Standard Profiles'!$G$19=$B$10,7,0)+IF('Standard Profiles'!$G$19=$B$17,14,0)+IF('Standard Profiles'!$G$19=$B$24,21,0),0)),0)</f>
        <v>4.7269294201513965</v>
      </c>
      <c r="F2552" cm="1">
        <f t="array" ref="F2552">IFERROR(INDEX(Jesper!AJ$2:AJ$366,ROUNDDOWN($C2552/24,0)+1,1)*INDEX($D$3:$AA$30,INDEX(Jesper!$R$2:$R$366,ROW(INDEX(Jesper!AJ$2:AJ$366,ROUNDDOWN($C2552/24,0)+1,1))-1)+IF('Standard Profiles'!$G$20=$B$10,7,0)+IF('Standard Profiles'!$G$20=$B$17,14,0)+IF('Standard Profiles'!$G$20=$B$24,21,0),MOD($C2552,24)+1)/SUM(INDEX($D$3:$AA$30,INDEX(Jesper!$R$2:$R$366,ROW(INDEX(Jesper!AJ$2:AJ$366,ROUNDDOWN($C2552/24,0)+1,1))-1)+IF('Standard Profiles'!$G$20=$B$10,7,0)+IF('Standard Profiles'!$G$20=$B$17,14,0)+IF('Standard Profiles'!$G$20=$B$24,21,0),0)),0)</f>
        <v>3.8750938308284586</v>
      </c>
      <c r="G2552" cm="1">
        <f t="array" ref="G2552">IFERROR(INDEX(Jesper!AK$2:AK$366,ROUNDDOWN($C2552/24,0)+1,1)*INDEX($D$3:$AA$30,INDEX(Jesper!$R$2:$R$366,ROW(INDEX(Jesper!AK$2:AK$366,ROUNDDOWN($C2552/24,0)+1,1))-1)+IF('Standard Profiles'!$G$21=$B$10,7,0)+IF('Standard Profiles'!$G$21=$B$17,14,0)+IF('Standard Profiles'!$G$21=$B$24,21,0),MOD($C2552,24)+1)/SUM(INDEX($D$3:$AA$30,INDEX(Jesper!$R$2:$R$366,ROW(INDEX(Jesper!AK$2:AK$366,ROUNDDOWN($C2552/24,0)+1,1))-1)+IF('Standard Profiles'!$G$21=$B$10,7,0)+IF('Standard Profiles'!$G$21=$B$17,14,0)+IF('Standard Profiles'!$G$21=$B$24,21,0),0)),0)</f>
        <v>6.079400605110548</v>
      </c>
      <c r="H2552" cm="1">
        <f t="array" ref="H2552">IFERROR(INDEX(Jesper!AL$2:AL$366,ROUNDDOWN($C2552/24,0)+1,1)*INDEX($D$3:$AA$30,INDEX(Jesper!$R$2:$R$366,ROW(INDEX(Jesper!AL$2:AL$366,ROUNDDOWN($C2552/24,0)+1,1))-1)+IF('Standard Profiles'!$G$22=$B$10,7,0)+IF('Standard Profiles'!$G$22=$B$17,14,0)+IF('Standard Profiles'!$G$22=$B$24,21,0),MOD($C2552,24)+1)/SUM(INDEX($D$3:$AA$30,INDEX(Jesper!$R$2:$R$366,ROW(INDEX(Jesper!AL$2:AL$366,ROUNDDOWN($C2552/24,0)+1,1))-1)+IF('Standard Profiles'!$G$22=$B$10,7,0)+IF('Standard Profiles'!$G$22=$B$17,14,0)+IF('Standard Profiles'!$G$22=$B$24,21,0),0)),0)</f>
        <v>2.4918559195301979</v>
      </c>
      <c r="I2552">
        <f t="shared" si="293"/>
        <v>2.3921816827489915</v>
      </c>
      <c r="J2552">
        <f t="shared" si="294"/>
        <v>14.213866562453441</v>
      </c>
      <c r="K2552">
        <f t="shared" si="295"/>
        <v>0.37815435361211175</v>
      </c>
      <c r="L2552">
        <f t="shared" si="296"/>
        <v>0.18907717680605587</v>
      </c>
      <c r="M2552">
        <f t="shared" si="297"/>
        <v>0</v>
      </c>
      <c r="N2552" s="45">
        <f t="shared" si="298"/>
        <v>45031.91666666056</v>
      </c>
    </row>
    <row r="2553" spans="2:14" x14ac:dyDescent="0.25">
      <c r="B2553">
        <f t="shared" si="292"/>
        <v>6</v>
      </c>
      <c r="C2553" s="16">
        <v>2519</v>
      </c>
      <c r="D2553" cm="1">
        <f t="array" ref="D2553">IFERROR(INDEX(Jesper!AH$2:AH$366,ROUNDDOWN($C2553/24,0)+1,1)*INDEX($D$3:$AA$30,INDEX(Jesper!$R$2:$R$366,ROW(INDEX(Jesper!AH$2:AH$366,ROUNDDOWN($C2553/24,0)+1,1))-1)+IF('Standard Profiles'!$G$18=$B$10,7,0)+IF('Standard Profiles'!$G$18=$B$17,14,0)+IF('Standard Profiles'!$G$18=$B$24,21,0),MOD($C2553,24)+1)/SUM(INDEX($D$3:$AA$30,INDEX(Jesper!$R$2:$R$366,ROW(INDEX(Jesper!AH$2:AH$366,ROUNDDOWN($C2553/24,0)+1,1))-1)+IF('Standard Profiles'!$G$18=$B$10,7,0)+IF('Standard Profiles'!$G$18=$B$17,14,0)+IF('Standard Profiles'!$G$18=$B$24,21,0),0)),0)</f>
        <v>0</v>
      </c>
      <c r="E2553" cm="1">
        <f t="array" ref="E2553">IFERROR(INDEX(Jesper!AI$2:AI$366,ROUNDDOWN($C2553/24,0)+1,1)*INDEX($D$3:$AA$30,INDEX(Jesper!$R$2:$R$366,ROW(INDEX(Jesper!AI$2:AI$366,ROUNDDOWN($C2553/24,0)+1,1))-1)+IF('Standard Profiles'!$G$19=$B$10,7,0)+IF('Standard Profiles'!$G$19=$B$17,14,0)+IF('Standard Profiles'!$G$19=$B$24,21,0),MOD($C2553,24)+1)/SUM(INDEX($D$3:$AA$30,INDEX(Jesper!$R$2:$R$366,ROW(INDEX(Jesper!AI$2:AI$366,ROUNDDOWN($C2553/24,0)+1,1))-1)+IF('Standard Profiles'!$G$19=$B$10,7,0)+IF('Standard Profiles'!$G$19=$B$17,14,0)+IF('Standard Profiles'!$G$19=$B$24,21,0),0)),0)</f>
        <v>4.7269294201513965</v>
      </c>
      <c r="F2553" cm="1">
        <f t="array" ref="F2553">IFERROR(INDEX(Jesper!AJ$2:AJ$366,ROUNDDOWN($C2553/24,0)+1,1)*INDEX($D$3:$AA$30,INDEX(Jesper!$R$2:$R$366,ROW(INDEX(Jesper!AJ$2:AJ$366,ROUNDDOWN($C2553/24,0)+1,1))-1)+IF('Standard Profiles'!$G$20=$B$10,7,0)+IF('Standard Profiles'!$G$20=$B$17,14,0)+IF('Standard Profiles'!$G$20=$B$24,21,0),MOD($C2553,24)+1)/SUM(INDEX($D$3:$AA$30,INDEX(Jesper!$R$2:$R$366,ROW(INDEX(Jesper!AJ$2:AJ$366,ROUNDDOWN($C2553/24,0)+1,1))-1)+IF('Standard Profiles'!$G$20=$B$10,7,0)+IF('Standard Profiles'!$G$20=$B$17,14,0)+IF('Standard Profiles'!$G$20=$B$24,21,0),0)),0)</f>
        <v>3.8750938308284586</v>
      </c>
      <c r="G2553" cm="1">
        <f t="array" ref="G2553">IFERROR(INDEX(Jesper!AK$2:AK$366,ROUNDDOWN($C2553/24,0)+1,1)*INDEX($D$3:$AA$30,INDEX(Jesper!$R$2:$R$366,ROW(INDEX(Jesper!AK$2:AK$366,ROUNDDOWN($C2553/24,0)+1,1))-1)+IF('Standard Profiles'!$G$21=$B$10,7,0)+IF('Standard Profiles'!$G$21=$B$17,14,0)+IF('Standard Profiles'!$G$21=$B$24,21,0),MOD($C2553,24)+1)/SUM(INDEX($D$3:$AA$30,INDEX(Jesper!$R$2:$R$366,ROW(INDEX(Jesper!AK$2:AK$366,ROUNDDOWN($C2553/24,0)+1,1))-1)+IF('Standard Profiles'!$G$21=$B$10,7,0)+IF('Standard Profiles'!$G$21=$B$17,14,0)+IF('Standard Profiles'!$G$21=$B$24,21,0),0)),0)</f>
        <v>6.079400605110548</v>
      </c>
      <c r="H2553" cm="1">
        <f t="array" ref="H2553">IFERROR(INDEX(Jesper!AL$2:AL$366,ROUNDDOWN($C2553/24,0)+1,1)*INDEX($D$3:$AA$30,INDEX(Jesper!$R$2:$R$366,ROW(INDEX(Jesper!AL$2:AL$366,ROUNDDOWN($C2553/24,0)+1,1))-1)+IF('Standard Profiles'!$G$22=$B$10,7,0)+IF('Standard Profiles'!$G$22=$B$17,14,0)+IF('Standard Profiles'!$G$22=$B$24,21,0),MOD($C2553,24)+1)/SUM(INDEX($D$3:$AA$30,INDEX(Jesper!$R$2:$R$366,ROW(INDEX(Jesper!AL$2:AL$366,ROUNDDOWN($C2553/24,0)+1,1))-1)+IF('Standard Profiles'!$G$22=$B$10,7,0)+IF('Standard Profiles'!$G$22=$B$17,14,0)+IF('Standard Profiles'!$G$22=$B$24,21,0),0)),0)</f>
        <v>2.4918559195301979</v>
      </c>
      <c r="I2553">
        <f t="shared" si="293"/>
        <v>2.3921816827489915</v>
      </c>
      <c r="J2553">
        <f t="shared" si="294"/>
        <v>14.213866562453441</v>
      </c>
      <c r="K2553">
        <f t="shared" si="295"/>
        <v>0.37815435361211175</v>
      </c>
      <c r="L2553">
        <f t="shared" si="296"/>
        <v>0.18907717680605587</v>
      </c>
      <c r="M2553">
        <f t="shared" si="297"/>
        <v>0</v>
      </c>
      <c r="N2553" s="45">
        <f t="shared" si="298"/>
        <v>45031.958333327224</v>
      </c>
    </row>
    <row r="2554" spans="2:14" x14ac:dyDescent="0.25">
      <c r="B2554">
        <f t="shared" si="292"/>
        <v>7</v>
      </c>
      <c r="C2554" s="16">
        <v>2520</v>
      </c>
      <c r="D2554" cm="1">
        <f t="array" ref="D2554">IFERROR(INDEX(Jesper!AH$2:AH$366,ROUNDDOWN($C2554/24,0)+1,1)*INDEX($D$3:$AA$30,INDEX(Jesper!$R$2:$R$366,ROW(INDEX(Jesper!AH$2:AH$366,ROUNDDOWN($C2554/24,0)+1,1))-1)+IF('Standard Profiles'!$G$18=$B$10,7,0)+IF('Standard Profiles'!$G$18=$B$17,14,0)+IF('Standard Profiles'!$G$18=$B$24,21,0),MOD($C2554,24)+1)/SUM(INDEX($D$3:$AA$30,INDEX(Jesper!$R$2:$R$366,ROW(INDEX(Jesper!AH$2:AH$366,ROUNDDOWN($C2554/24,0)+1,1))-1)+IF('Standard Profiles'!$G$18=$B$10,7,0)+IF('Standard Profiles'!$G$18=$B$17,14,0)+IF('Standard Profiles'!$G$18=$B$24,21,0),0)),0)</f>
        <v>0</v>
      </c>
      <c r="E2554" cm="1">
        <f t="array" ref="E2554">IFERROR(INDEX(Jesper!AI$2:AI$366,ROUNDDOWN($C2554/24,0)+1,1)*INDEX($D$3:$AA$30,INDEX(Jesper!$R$2:$R$366,ROW(INDEX(Jesper!AI$2:AI$366,ROUNDDOWN($C2554/24,0)+1,1))-1)+IF('Standard Profiles'!$G$19=$B$10,7,0)+IF('Standard Profiles'!$G$19=$B$17,14,0)+IF('Standard Profiles'!$G$19=$B$24,21,0),MOD($C2554,24)+1)/SUM(INDEX($D$3:$AA$30,INDEX(Jesper!$R$2:$R$366,ROW(INDEX(Jesper!AI$2:AI$366,ROUNDDOWN($C2554/24,0)+1,1))-1)+IF('Standard Profiles'!$G$19=$B$10,7,0)+IF('Standard Profiles'!$G$19=$B$17,14,0)+IF('Standard Profiles'!$G$19=$B$24,21,0),0)),0)</f>
        <v>4.1957706025289978</v>
      </c>
      <c r="F2554" cm="1">
        <f t="array" ref="F2554">IFERROR(INDEX(Jesper!AJ$2:AJ$366,ROUNDDOWN($C2554/24,0)+1,1)*INDEX($D$3:$AA$30,INDEX(Jesper!$R$2:$R$366,ROW(INDEX(Jesper!AJ$2:AJ$366,ROUNDDOWN($C2554/24,0)+1,1))-1)+IF('Standard Profiles'!$G$20=$B$10,7,0)+IF('Standard Profiles'!$G$20=$B$17,14,0)+IF('Standard Profiles'!$G$20=$B$24,21,0),MOD($C2554,24)+1)/SUM(INDEX($D$3:$AA$30,INDEX(Jesper!$R$2:$R$366,ROW(INDEX(Jesper!AJ$2:AJ$366,ROUNDDOWN($C2554/24,0)+1,1))-1)+IF('Standard Profiles'!$G$20=$B$10,7,0)+IF('Standard Profiles'!$G$20=$B$17,14,0)+IF('Standard Profiles'!$G$20=$B$24,21,0),0)),0)</f>
        <v>3.2018528871387479</v>
      </c>
      <c r="G2554" cm="1">
        <f t="array" ref="G2554">IFERROR(INDEX(Jesper!AK$2:AK$366,ROUNDDOWN($C2554/24,0)+1,1)*INDEX($D$3:$AA$30,INDEX(Jesper!$R$2:$R$366,ROW(INDEX(Jesper!AK$2:AK$366,ROUNDDOWN($C2554/24,0)+1,1))-1)+IF('Standard Profiles'!$G$21=$B$10,7,0)+IF('Standard Profiles'!$G$21=$B$17,14,0)+IF('Standard Profiles'!$G$21=$B$24,21,0),MOD($C2554,24)+1)/SUM(INDEX($D$3:$AA$30,INDEX(Jesper!$R$2:$R$366,ROW(INDEX(Jesper!AK$2:AK$366,ROUNDDOWN($C2554/24,0)+1,1))-1)+IF('Standard Profiles'!$G$21=$B$10,7,0)+IF('Standard Profiles'!$G$21=$B$17,14,0)+IF('Standard Profiles'!$G$21=$B$24,21,0),0)),0)</f>
        <v>4.5048861778007652</v>
      </c>
      <c r="H2554" cm="1">
        <f t="array" ref="H2554">IFERROR(INDEX(Jesper!AL$2:AL$366,ROUNDDOWN($C2554/24,0)+1,1)*INDEX($D$3:$AA$30,INDEX(Jesper!$R$2:$R$366,ROW(INDEX(Jesper!AL$2:AL$366,ROUNDDOWN($C2554/24,0)+1,1))-1)+IF('Standard Profiles'!$G$22=$B$10,7,0)+IF('Standard Profiles'!$G$22=$B$17,14,0)+IF('Standard Profiles'!$G$22=$B$24,21,0),MOD($C2554,24)+1)/SUM(INDEX($D$3:$AA$30,INDEX(Jesper!$R$2:$R$366,ROW(INDEX(Jesper!AL$2:AL$366,ROUNDDOWN($C2554/24,0)+1,1))-1)+IF('Standard Profiles'!$G$22=$B$10,7,0)+IF('Standard Profiles'!$G$22=$B$17,14,0)+IF('Standard Profiles'!$G$22=$B$24,21,0),0)),0)</f>
        <v>2.0042658227462464</v>
      </c>
      <c r="I2554">
        <f t="shared" si="293"/>
        <v>1.9240951898363976</v>
      </c>
      <c r="J2554">
        <f t="shared" si="294"/>
        <v>11.479187828074879</v>
      </c>
      <c r="K2554">
        <f t="shared" si="295"/>
        <v>0.33566164820231981</v>
      </c>
      <c r="L2554">
        <f t="shared" si="296"/>
        <v>0.1678308241011599</v>
      </c>
      <c r="M2554">
        <f t="shared" si="297"/>
        <v>0</v>
      </c>
      <c r="N2554" s="45">
        <f t="shared" si="298"/>
        <v>45031.999999993888</v>
      </c>
    </row>
    <row r="2555" spans="2:14" x14ac:dyDescent="0.25">
      <c r="B2555">
        <f t="shared" si="292"/>
        <v>7</v>
      </c>
      <c r="C2555" s="16">
        <v>2521</v>
      </c>
      <c r="D2555" cm="1">
        <f t="array" ref="D2555">IFERROR(INDEX(Jesper!AH$2:AH$366,ROUNDDOWN($C2555/24,0)+1,1)*INDEX($D$3:$AA$30,INDEX(Jesper!$R$2:$R$366,ROW(INDEX(Jesper!AH$2:AH$366,ROUNDDOWN($C2555/24,0)+1,1))-1)+IF('Standard Profiles'!$G$18=$B$10,7,0)+IF('Standard Profiles'!$G$18=$B$17,14,0)+IF('Standard Profiles'!$G$18=$B$24,21,0),MOD($C2555,24)+1)/SUM(INDEX($D$3:$AA$30,INDEX(Jesper!$R$2:$R$366,ROW(INDEX(Jesper!AH$2:AH$366,ROUNDDOWN($C2555/24,0)+1,1))-1)+IF('Standard Profiles'!$G$18=$B$10,7,0)+IF('Standard Profiles'!$G$18=$B$17,14,0)+IF('Standard Profiles'!$G$18=$B$24,21,0),0)),0)</f>
        <v>0</v>
      </c>
      <c r="E2555" cm="1">
        <f t="array" ref="E2555">IFERROR(INDEX(Jesper!AI$2:AI$366,ROUNDDOWN($C2555/24,0)+1,1)*INDEX($D$3:$AA$30,INDEX(Jesper!$R$2:$R$366,ROW(INDEX(Jesper!AI$2:AI$366,ROUNDDOWN($C2555/24,0)+1,1))-1)+IF('Standard Profiles'!$G$19=$B$10,7,0)+IF('Standard Profiles'!$G$19=$B$17,14,0)+IF('Standard Profiles'!$G$19=$B$24,21,0),MOD($C2555,24)+1)/SUM(INDEX($D$3:$AA$30,INDEX(Jesper!$R$2:$R$366,ROW(INDEX(Jesper!AI$2:AI$366,ROUNDDOWN($C2555/24,0)+1,1))-1)+IF('Standard Profiles'!$G$19=$B$10,7,0)+IF('Standard Profiles'!$G$19=$B$17,14,0)+IF('Standard Profiles'!$G$19=$B$24,21,0),0)),0)</f>
        <v>4.1957706025289978</v>
      </c>
      <c r="F2555" cm="1">
        <f t="array" ref="F2555">IFERROR(INDEX(Jesper!AJ$2:AJ$366,ROUNDDOWN($C2555/24,0)+1,1)*INDEX($D$3:$AA$30,INDEX(Jesper!$R$2:$R$366,ROW(INDEX(Jesper!AJ$2:AJ$366,ROUNDDOWN($C2555/24,0)+1,1))-1)+IF('Standard Profiles'!$G$20=$B$10,7,0)+IF('Standard Profiles'!$G$20=$B$17,14,0)+IF('Standard Profiles'!$G$20=$B$24,21,0),MOD($C2555,24)+1)/SUM(INDEX($D$3:$AA$30,INDEX(Jesper!$R$2:$R$366,ROW(INDEX(Jesper!AJ$2:AJ$366,ROUNDDOWN($C2555/24,0)+1,1))-1)+IF('Standard Profiles'!$G$20=$B$10,7,0)+IF('Standard Profiles'!$G$20=$B$17,14,0)+IF('Standard Profiles'!$G$20=$B$24,21,0),0)),0)</f>
        <v>3.2018528871387479</v>
      </c>
      <c r="G2555" cm="1">
        <f t="array" ref="G2555">IFERROR(INDEX(Jesper!AK$2:AK$366,ROUNDDOWN($C2555/24,0)+1,1)*INDEX($D$3:$AA$30,INDEX(Jesper!$R$2:$R$366,ROW(INDEX(Jesper!AK$2:AK$366,ROUNDDOWN($C2555/24,0)+1,1))-1)+IF('Standard Profiles'!$G$21=$B$10,7,0)+IF('Standard Profiles'!$G$21=$B$17,14,0)+IF('Standard Profiles'!$G$21=$B$24,21,0),MOD($C2555,24)+1)/SUM(INDEX($D$3:$AA$30,INDEX(Jesper!$R$2:$R$366,ROW(INDEX(Jesper!AK$2:AK$366,ROUNDDOWN($C2555/24,0)+1,1))-1)+IF('Standard Profiles'!$G$21=$B$10,7,0)+IF('Standard Profiles'!$G$21=$B$17,14,0)+IF('Standard Profiles'!$G$21=$B$24,21,0),0)),0)</f>
        <v>4.5048861778007652</v>
      </c>
      <c r="H2555" cm="1">
        <f t="array" ref="H2555">IFERROR(INDEX(Jesper!AL$2:AL$366,ROUNDDOWN($C2555/24,0)+1,1)*INDEX($D$3:$AA$30,INDEX(Jesper!$R$2:$R$366,ROW(INDEX(Jesper!AL$2:AL$366,ROUNDDOWN($C2555/24,0)+1,1))-1)+IF('Standard Profiles'!$G$22=$B$10,7,0)+IF('Standard Profiles'!$G$22=$B$17,14,0)+IF('Standard Profiles'!$G$22=$B$24,21,0),MOD($C2555,24)+1)/SUM(INDEX($D$3:$AA$30,INDEX(Jesper!$R$2:$R$366,ROW(INDEX(Jesper!AL$2:AL$366,ROUNDDOWN($C2555/24,0)+1,1))-1)+IF('Standard Profiles'!$G$22=$B$10,7,0)+IF('Standard Profiles'!$G$22=$B$17,14,0)+IF('Standard Profiles'!$G$22=$B$24,21,0),0)),0)</f>
        <v>2.3275345038343511</v>
      </c>
      <c r="I2555">
        <f t="shared" si="293"/>
        <v>2.2344331236809785</v>
      </c>
      <c r="J2555">
        <f t="shared" si="294"/>
        <v>11.492118575318404</v>
      </c>
      <c r="K2555">
        <f t="shared" si="295"/>
        <v>0.33566164820231981</v>
      </c>
      <c r="L2555">
        <f t="shared" si="296"/>
        <v>0.1678308241011599</v>
      </c>
      <c r="M2555">
        <f t="shared" si="297"/>
        <v>0</v>
      </c>
      <c r="N2555" s="45">
        <f t="shared" si="298"/>
        <v>45032.041666660552</v>
      </c>
    </row>
    <row r="2556" spans="2:14" x14ac:dyDescent="0.25">
      <c r="B2556">
        <f t="shared" si="292"/>
        <v>7</v>
      </c>
      <c r="C2556" s="16">
        <v>2522</v>
      </c>
      <c r="D2556" cm="1">
        <f t="array" ref="D2556">IFERROR(INDEX(Jesper!AH$2:AH$366,ROUNDDOWN($C2556/24,0)+1,1)*INDEX($D$3:$AA$30,INDEX(Jesper!$R$2:$R$366,ROW(INDEX(Jesper!AH$2:AH$366,ROUNDDOWN($C2556/24,0)+1,1))-1)+IF('Standard Profiles'!$G$18=$B$10,7,0)+IF('Standard Profiles'!$G$18=$B$17,14,0)+IF('Standard Profiles'!$G$18=$B$24,21,0),MOD($C2556,24)+1)/SUM(INDEX($D$3:$AA$30,INDEX(Jesper!$R$2:$R$366,ROW(INDEX(Jesper!AH$2:AH$366,ROUNDDOWN($C2556/24,0)+1,1))-1)+IF('Standard Profiles'!$G$18=$B$10,7,0)+IF('Standard Profiles'!$G$18=$B$17,14,0)+IF('Standard Profiles'!$G$18=$B$24,21,0),0)),0)</f>
        <v>0</v>
      </c>
      <c r="E2556" cm="1">
        <f t="array" ref="E2556">IFERROR(INDEX(Jesper!AI$2:AI$366,ROUNDDOWN($C2556/24,0)+1,1)*INDEX($D$3:$AA$30,INDEX(Jesper!$R$2:$R$366,ROW(INDEX(Jesper!AI$2:AI$366,ROUNDDOWN($C2556/24,0)+1,1))-1)+IF('Standard Profiles'!$G$19=$B$10,7,0)+IF('Standard Profiles'!$G$19=$B$17,14,0)+IF('Standard Profiles'!$G$19=$B$24,21,0),MOD($C2556,24)+1)/SUM(INDEX($D$3:$AA$30,INDEX(Jesper!$R$2:$R$366,ROW(INDEX(Jesper!AI$2:AI$366,ROUNDDOWN($C2556/24,0)+1,1))-1)+IF('Standard Profiles'!$G$19=$B$10,7,0)+IF('Standard Profiles'!$G$19=$B$17,14,0)+IF('Standard Profiles'!$G$19=$B$24,21,0),0)),0)</f>
        <v>4.1957706025289978</v>
      </c>
      <c r="F2556" cm="1">
        <f t="array" ref="F2556">IFERROR(INDEX(Jesper!AJ$2:AJ$366,ROUNDDOWN($C2556/24,0)+1,1)*INDEX($D$3:$AA$30,INDEX(Jesper!$R$2:$R$366,ROW(INDEX(Jesper!AJ$2:AJ$366,ROUNDDOWN($C2556/24,0)+1,1))-1)+IF('Standard Profiles'!$G$20=$B$10,7,0)+IF('Standard Profiles'!$G$20=$B$17,14,0)+IF('Standard Profiles'!$G$20=$B$24,21,0),MOD($C2556,24)+1)/SUM(INDEX($D$3:$AA$30,INDEX(Jesper!$R$2:$R$366,ROW(INDEX(Jesper!AJ$2:AJ$366,ROUNDDOWN($C2556/24,0)+1,1))-1)+IF('Standard Profiles'!$G$20=$B$10,7,0)+IF('Standard Profiles'!$G$20=$B$17,14,0)+IF('Standard Profiles'!$G$20=$B$24,21,0),0)),0)</f>
        <v>3.2018528871387479</v>
      </c>
      <c r="G2556" cm="1">
        <f t="array" ref="G2556">IFERROR(INDEX(Jesper!AK$2:AK$366,ROUNDDOWN($C2556/24,0)+1,1)*INDEX($D$3:$AA$30,INDEX(Jesper!$R$2:$R$366,ROW(INDEX(Jesper!AK$2:AK$366,ROUNDDOWN($C2556/24,0)+1,1))-1)+IF('Standard Profiles'!$G$21=$B$10,7,0)+IF('Standard Profiles'!$G$21=$B$17,14,0)+IF('Standard Profiles'!$G$21=$B$24,21,0),MOD($C2556,24)+1)/SUM(INDEX($D$3:$AA$30,INDEX(Jesper!$R$2:$R$366,ROW(INDEX(Jesper!AK$2:AK$366,ROUNDDOWN($C2556/24,0)+1,1))-1)+IF('Standard Profiles'!$G$21=$B$10,7,0)+IF('Standard Profiles'!$G$21=$B$17,14,0)+IF('Standard Profiles'!$G$21=$B$24,21,0),0)),0)</f>
        <v>4.5048861778007652</v>
      </c>
      <c r="H2556" cm="1">
        <f t="array" ref="H2556">IFERROR(INDEX(Jesper!AL$2:AL$366,ROUNDDOWN($C2556/24,0)+1,1)*INDEX($D$3:$AA$30,INDEX(Jesper!$R$2:$R$366,ROW(INDEX(Jesper!AL$2:AL$366,ROUNDDOWN($C2556/24,0)+1,1))-1)+IF('Standard Profiles'!$G$22=$B$10,7,0)+IF('Standard Profiles'!$G$22=$B$17,14,0)+IF('Standard Profiles'!$G$22=$B$24,21,0),MOD($C2556,24)+1)/SUM(INDEX($D$3:$AA$30,INDEX(Jesper!$R$2:$R$366,ROW(INDEX(Jesper!AL$2:AL$366,ROUNDDOWN($C2556/24,0)+1,1))-1)+IF('Standard Profiles'!$G$22=$B$10,7,0)+IF('Standard Profiles'!$G$22=$B$17,14,0)+IF('Standard Profiles'!$G$22=$B$24,21,0),0)),0)</f>
        <v>2.3275345038343511</v>
      </c>
      <c r="I2556">
        <f t="shared" si="293"/>
        <v>2.2344331236809785</v>
      </c>
      <c r="J2556">
        <f t="shared" si="294"/>
        <v>11.492118575318404</v>
      </c>
      <c r="K2556">
        <f t="shared" si="295"/>
        <v>0.33566164820231981</v>
      </c>
      <c r="L2556">
        <f t="shared" si="296"/>
        <v>0.1678308241011599</v>
      </c>
      <c r="M2556">
        <f t="shared" si="297"/>
        <v>0</v>
      </c>
      <c r="N2556" s="45">
        <f t="shared" si="298"/>
        <v>45032.083333327217</v>
      </c>
    </row>
    <row r="2557" spans="2:14" x14ac:dyDescent="0.25">
      <c r="B2557">
        <f t="shared" si="292"/>
        <v>7</v>
      </c>
      <c r="C2557" s="16">
        <v>2523</v>
      </c>
      <c r="D2557" cm="1">
        <f t="array" ref="D2557">IFERROR(INDEX(Jesper!AH$2:AH$366,ROUNDDOWN($C2557/24,0)+1,1)*INDEX($D$3:$AA$30,INDEX(Jesper!$R$2:$R$366,ROW(INDEX(Jesper!AH$2:AH$366,ROUNDDOWN($C2557/24,0)+1,1))-1)+IF('Standard Profiles'!$G$18=$B$10,7,0)+IF('Standard Profiles'!$G$18=$B$17,14,0)+IF('Standard Profiles'!$G$18=$B$24,21,0),MOD($C2557,24)+1)/SUM(INDEX($D$3:$AA$30,INDEX(Jesper!$R$2:$R$366,ROW(INDEX(Jesper!AH$2:AH$366,ROUNDDOWN($C2557/24,0)+1,1))-1)+IF('Standard Profiles'!$G$18=$B$10,7,0)+IF('Standard Profiles'!$G$18=$B$17,14,0)+IF('Standard Profiles'!$G$18=$B$24,21,0),0)),0)</f>
        <v>0</v>
      </c>
      <c r="E2557" cm="1">
        <f t="array" ref="E2557">IFERROR(INDEX(Jesper!AI$2:AI$366,ROUNDDOWN($C2557/24,0)+1,1)*INDEX($D$3:$AA$30,INDEX(Jesper!$R$2:$R$366,ROW(INDEX(Jesper!AI$2:AI$366,ROUNDDOWN($C2557/24,0)+1,1))-1)+IF('Standard Profiles'!$G$19=$B$10,7,0)+IF('Standard Profiles'!$G$19=$B$17,14,0)+IF('Standard Profiles'!$G$19=$B$24,21,0),MOD($C2557,24)+1)/SUM(INDEX($D$3:$AA$30,INDEX(Jesper!$R$2:$R$366,ROW(INDEX(Jesper!AI$2:AI$366,ROUNDDOWN($C2557/24,0)+1,1))-1)+IF('Standard Profiles'!$G$19=$B$10,7,0)+IF('Standard Profiles'!$G$19=$B$17,14,0)+IF('Standard Profiles'!$G$19=$B$24,21,0),0)),0)</f>
        <v>4.1957706025289978</v>
      </c>
      <c r="F2557" cm="1">
        <f t="array" ref="F2557">IFERROR(INDEX(Jesper!AJ$2:AJ$366,ROUNDDOWN($C2557/24,0)+1,1)*INDEX($D$3:$AA$30,INDEX(Jesper!$R$2:$R$366,ROW(INDEX(Jesper!AJ$2:AJ$366,ROUNDDOWN($C2557/24,0)+1,1))-1)+IF('Standard Profiles'!$G$20=$B$10,7,0)+IF('Standard Profiles'!$G$20=$B$17,14,0)+IF('Standard Profiles'!$G$20=$B$24,21,0),MOD($C2557,24)+1)/SUM(INDEX($D$3:$AA$30,INDEX(Jesper!$R$2:$R$366,ROW(INDEX(Jesper!AJ$2:AJ$366,ROUNDDOWN($C2557/24,0)+1,1))-1)+IF('Standard Profiles'!$G$20=$B$10,7,0)+IF('Standard Profiles'!$G$20=$B$17,14,0)+IF('Standard Profiles'!$G$20=$B$24,21,0),0)),0)</f>
        <v>3.2018528871387479</v>
      </c>
      <c r="G2557" cm="1">
        <f t="array" ref="G2557">IFERROR(INDEX(Jesper!AK$2:AK$366,ROUNDDOWN($C2557/24,0)+1,1)*INDEX($D$3:$AA$30,INDEX(Jesper!$R$2:$R$366,ROW(INDEX(Jesper!AK$2:AK$366,ROUNDDOWN($C2557/24,0)+1,1))-1)+IF('Standard Profiles'!$G$21=$B$10,7,0)+IF('Standard Profiles'!$G$21=$B$17,14,0)+IF('Standard Profiles'!$G$21=$B$24,21,0),MOD($C2557,24)+1)/SUM(INDEX($D$3:$AA$30,INDEX(Jesper!$R$2:$R$366,ROW(INDEX(Jesper!AK$2:AK$366,ROUNDDOWN($C2557/24,0)+1,1))-1)+IF('Standard Profiles'!$G$21=$B$10,7,0)+IF('Standard Profiles'!$G$21=$B$17,14,0)+IF('Standard Profiles'!$G$21=$B$24,21,0),0)),0)</f>
        <v>4.5048861778007652</v>
      </c>
      <c r="H2557" cm="1">
        <f t="array" ref="H2557">IFERROR(INDEX(Jesper!AL$2:AL$366,ROUNDDOWN($C2557/24,0)+1,1)*INDEX($D$3:$AA$30,INDEX(Jesper!$R$2:$R$366,ROW(INDEX(Jesper!AL$2:AL$366,ROUNDDOWN($C2557/24,0)+1,1))-1)+IF('Standard Profiles'!$G$22=$B$10,7,0)+IF('Standard Profiles'!$G$22=$B$17,14,0)+IF('Standard Profiles'!$G$22=$B$24,21,0),MOD($C2557,24)+1)/SUM(INDEX($D$3:$AA$30,INDEX(Jesper!$R$2:$R$366,ROW(INDEX(Jesper!AL$2:AL$366,ROUNDDOWN($C2557/24,0)+1,1))-1)+IF('Standard Profiles'!$G$22=$B$10,7,0)+IF('Standard Profiles'!$G$22=$B$17,14,0)+IF('Standard Profiles'!$G$22=$B$24,21,0),0)),0)</f>
        <v>2.3275345038343511</v>
      </c>
      <c r="I2557">
        <f t="shared" si="293"/>
        <v>2.2344331236809785</v>
      </c>
      <c r="J2557">
        <f t="shared" si="294"/>
        <v>11.492118575318404</v>
      </c>
      <c r="K2557">
        <f t="shared" si="295"/>
        <v>0.33566164820231981</v>
      </c>
      <c r="L2557">
        <f t="shared" si="296"/>
        <v>0.1678308241011599</v>
      </c>
      <c r="M2557">
        <f t="shared" si="297"/>
        <v>0</v>
      </c>
      <c r="N2557" s="45">
        <f t="shared" si="298"/>
        <v>45032.124999993881</v>
      </c>
    </row>
    <row r="2558" spans="2:14" x14ac:dyDescent="0.25">
      <c r="B2558">
        <f t="shared" si="292"/>
        <v>7</v>
      </c>
      <c r="C2558" s="16">
        <v>2524</v>
      </c>
      <c r="D2558" cm="1">
        <f t="array" ref="D2558">IFERROR(INDEX(Jesper!AH$2:AH$366,ROUNDDOWN($C2558/24,0)+1,1)*INDEX($D$3:$AA$30,INDEX(Jesper!$R$2:$R$366,ROW(INDEX(Jesper!AH$2:AH$366,ROUNDDOWN($C2558/24,0)+1,1))-1)+IF('Standard Profiles'!$G$18=$B$10,7,0)+IF('Standard Profiles'!$G$18=$B$17,14,0)+IF('Standard Profiles'!$G$18=$B$24,21,0),MOD($C2558,24)+1)/SUM(INDEX($D$3:$AA$30,INDEX(Jesper!$R$2:$R$366,ROW(INDEX(Jesper!AH$2:AH$366,ROUNDDOWN($C2558/24,0)+1,1))-1)+IF('Standard Profiles'!$G$18=$B$10,7,0)+IF('Standard Profiles'!$G$18=$B$17,14,0)+IF('Standard Profiles'!$G$18=$B$24,21,0),0)),0)</f>
        <v>0</v>
      </c>
      <c r="E2558" cm="1">
        <f t="array" ref="E2558">IFERROR(INDEX(Jesper!AI$2:AI$366,ROUNDDOWN($C2558/24,0)+1,1)*INDEX($D$3:$AA$30,INDEX(Jesper!$R$2:$R$366,ROW(INDEX(Jesper!AI$2:AI$366,ROUNDDOWN($C2558/24,0)+1,1))-1)+IF('Standard Profiles'!$G$19=$B$10,7,0)+IF('Standard Profiles'!$G$19=$B$17,14,0)+IF('Standard Profiles'!$G$19=$B$24,21,0),MOD($C2558,24)+1)/SUM(INDEX($D$3:$AA$30,INDEX(Jesper!$R$2:$R$366,ROW(INDEX(Jesper!AI$2:AI$366,ROUNDDOWN($C2558/24,0)+1,1))-1)+IF('Standard Profiles'!$G$19=$B$10,7,0)+IF('Standard Profiles'!$G$19=$B$17,14,0)+IF('Standard Profiles'!$G$19=$B$24,21,0),0)),0)</f>
        <v>4.1957706025289978</v>
      </c>
      <c r="F2558" cm="1">
        <f t="array" ref="F2558">IFERROR(INDEX(Jesper!AJ$2:AJ$366,ROUNDDOWN($C2558/24,0)+1,1)*INDEX($D$3:$AA$30,INDEX(Jesper!$R$2:$R$366,ROW(INDEX(Jesper!AJ$2:AJ$366,ROUNDDOWN($C2558/24,0)+1,1))-1)+IF('Standard Profiles'!$G$20=$B$10,7,0)+IF('Standard Profiles'!$G$20=$B$17,14,0)+IF('Standard Profiles'!$G$20=$B$24,21,0),MOD($C2558,24)+1)/SUM(INDEX($D$3:$AA$30,INDEX(Jesper!$R$2:$R$366,ROW(INDEX(Jesper!AJ$2:AJ$366,ROUNDDOWN($C2558/24,0)+1,1))-1)+IF('Standard Profiles'!$G$20=$B$10,7,0)+IF('Standard Profiles'!$G$20=$B$17,14,0)+IF('Standard Profiles'!$G$20=$B$24,21,0),0)),0)</f>
        <v>3.2018528871387479</v>
      </c>
      <c r="G2558" cm="1">
        <f t="array" ref="G2558">IFERROR(INDEX(Jesper!AK$2:AK$366,ROUNDDOWN($C2558/24,0)+1,1)*INDEX($D$3:$AA$30,INDEX(Jesper!$R$2:$R$366,ROW(INDEX(Jesper!AK$2:AK$366,ROUNDDOWN($C2558/24,0)+1,1))-1)+IF('Standard Profiles'!$G$21=$B$10,7,0)+IF('Standard Profiles'!$G$21=$B$17,14,0)+IF('Standard Profiles'!$G$21=$B$24,21,0),MOD($C2558,24)+1)/SUM(INDEX($D$3:$AA$30,INDEX(Jesper!$R$2:$R$366,ROW(INDEX(Jesper!AK$2:AK$366,ROUNDDOWN($C2558/24,0)+1,1))-1)+IF('Standard Profiles'!$G$21=$B$10,7,0)+IF('Standard Profiles'!$G$21=$B$17,14,0)+IF('Standard Profiles'!$G$21=$B$24,21,0),0)),0)</f>
        <v>4.5048861778007652</v>
      </c>
      <c r="H2558" cm="1">
        <f t="array" ref="H2558">IFERROR(INDEX(Jesper!AL$2:AL$366,ROUNDDOWN($C2558/24,0)+1,1)*INDEX($D$3:$AA$30,INDEX(Jesper!$R$2:$R$366,ROW(INDEX(Jesper!AL$2:AL$366,ROUNDDOWN($C2558/24,0)+1,1))-1)+IF('Standard Profiles'!$G$22=$B$10,7,0)+IF('Standard Profiles'!$G$22=$B$17,14,0)+IF('Standard Profiles'!$G$22=$B$24,21,0),MOD($C2558,24)+1)/SUM(INDEX($D$3:$AA$30,INDEX(Jesper!$R$2:$R$366,ROW(INDEX(Jesper!AL$2:AL$366,ROUNDDOWN($C2558/24,0)+1,1))-1)+IF('Standard Profiles'!$G$22=$B$10,7,0)+IF('Standard Profiles'!$G$22=$B$17,14,0)+IF('Standard Profiles'!$G$22=$B$24,21,0),0)),0)</f>
        <v>2.3275345038343511</v>
      </c>
      <c r="I2558">
        <f t="shared" si="293"/>
        <v>2.2344331236809785</v>
      </c>
      <c r="J2558">
        <f t="shared" si="294"/>
        <v>11.492118575318404</v>
      </c>
      <c r="K2558">
        <f t="shared" si="295"/>
        <v>0.33566164820231981</v>
      </c>
      <c r="L2558">
        <f t="shared" si="296"/>
        <v>0.1678308241011599</v>
      </c>
      <c r="M2558">
        <f t="shared" si="297"/>
        <v>0</v>
      </c>
      <c r="N2558" s="45">
        <f t="shared" si="298"/>
        <v>45032.166666660545</v>
      </c>
    </row>
    <row r="2559" spans="2:14" x14ac:dyDescent="0.25">
      <c r="B2559">
        <f t="shared" si="292"/>
        <v>7</v>
      </c>
      <c r="C2559" s="16">
        <v>2525</v>
      </c>
      <c r="D2559" cm="1">
        <f t="array" ref="D2559">IFERROR(INDEX(Jesper!AH$2:AH$366,ROUNDDOWN($C2559/24,0)+1,1)*INDEX($D$3:$AA$30,INDEX(Jesper!$R$2:$R$366,ROW(INDEX(Jesper!AH$2:AH$366,ROUNDDOWN($C2559/24,0)+1,1))-1)+IF('Standard Profiles'!$G$18=$B$10,7,0)+IF('Standard Profiles'!$G$18=$B$17,14,0)+IF('Standard Profiles'!$G$18=$B$24,21,0),MOD($C2559,24)+1)/SUM(INDEX($D$3:$AA$30,INDEX(Jesper!$R$2:$R$366,ROW(INDEX(Jesper!AH$2:AH$366,ROUNDDOWN($C2559/24,0)+1,1))-1)+IF('Standard Profiles'!$G$18=$B$10,7,0)+IF('Standard Profiles'!$G$18=$B$17,14,0)+IF('Standard Profiles'!$G$18=$B$24,21,0),0)),0)</f>
        <v>0</v>
      </c>
      <c r="E2559" cm="1">
        <f t="array" ref="E2559">IFERROR(INDEX(Jesper!AI$2:AI$366,ROUNDDOWN($C2559/24,0)+1,1)*INDEX($D$3:$AA$30,INDEX(Jesper!$R$2:$R$366,ROW(INDEX(Jesper!AI$2:AI$366,ROUNDDOWN($C2559/24,0)+1,1))-1)+IF('Standard Profiles'!$G$19=$B$10,7,0)+IF('Standard Profiles'!$G$19=$B$17,14,0)+IF('Standard Profiles'!$G$19=$B$24,21,0),MOD($C2559,24)+1)/SUM(INDEX($D$3:$AA$30,INDEX(Jesper!$R$2:$R$366,ROW(INDEX(Jesper!AI$2:AI$366,ROUNDDOWN($C2559/24,0)+1,1))-1)+IF('Standard Profiles'!$G$19=$B$10,7,0)+IF('Standard Profiles'!$G$19=$B$17,14,0)+IF('Standard Profiles'!$G$19=$B$24,21,0),0)),0)</f>
        <v>4.1957706025289978</v>
      </c>
      <c r="F2559" cm="1">
        <f t="array" ref="F2559">IFERROR(INDEX(Jesper!AJ$2:AJ$366,ROUNDDOWN($C2559/24,0)+1,1)*INDEX($D$3:$AA$30,INDEX(Jesper!$R$2:$R$366,ROW(INDEX(Jesper!AJ$2:AJ$366,ROUNDDOWN($C2559/24,0)+1,1))-1)+IF('Standard Profiles'!$G$20=$B$10,7,0)+IF('Standard Profiles'!$G$20=$B$17,14,0)+IF('Standard Profiles'!$G$20=$B$24,21,0),MOD($C2559,24)+1)/SUM(INDEX($D$3:$AA$30,INDEX(Jesper!$R$2:$R$366,ROW(INDEX(Jesper!AJ$2:AJ$366,ROUNDDOWN($C2559/24,0)+1,1))-1)+IF('Standard Profiles'!$G$20=$B$10,7,0)+IF('Standard Profiles'!$G$20=$B$17,14,0)+IF('Standard Profiles'!$G$20=$B$24,21,0),0)),0)</f>
        <v>3.2018528871387479</v>
      </c>
      <c r="G2559" cm="1">
        <f t="array" ref="G2559">IFERROR(INDEX(Jesper!AK$2:AK$366,ROUNDDOWN($C2559/24,0)+1,1)*INDEX($D$3:$AA$30,INDEX(Jesper!$R$2:$R$366,ROW(INDEX(Jesper!AK$2:AK$366,ROUNDDOWN($C2559/24,0)+1,1))-1)+IF('Standard Profiles'!$G$21=$B$10,7,0)+IF('Standard Profiles'!$G$21=$B$17,14,0)+IF('Standard Profiles'!$G$21=$B$24,21,0),MOD($C2559,24)+1)/SUM(INDEX($D$3:$AA$30,INDEX(Jesper!$R$2:$R$366,ROW(INDEX(Jesper!AK$2:AK$366,ROUNDDOWN($C2559/24,0)+1,1))-1)+IF('Standard Profiles'!$G$21=$B$10,7,0)+IF('Standard Profiles'!$G$21=$B$17,14,0)+IF('Standard Profiles'!$G$21=$B$24,21,0),0)),0)</f>
        <v>4.5048861778007652</v>
      </c>
      <c r="H2559" cm="1">
        <f t="array" ref="H2559">IFERROR(INDEX(Jesper!AL$2:AL$366,ROUNDDOWN($C2559/24,0)+1,1)*INDEX($D$3:$AA$30,INDEX(Jesper!$R$2:$R$366,ROW(INDEX(Jesper!AL$2:AL$366,ROUNDDOWN($C2559/24,0)+1,1))-1)+IF('Standard Profiles'!$G$22=$B$10,7,0)+IF('Standard Profiles'!$G$22=$B$17,14,0)+IF('Standard Profiles'!$G$22=$B$24,21,0),MOD($C2559,24)+1)/SUM(INDEX($D$3:$AA$30,INDEX(Jesper!$R$2:$R$366,ROW(INDEX(Jesper!AL$2:AL$366,ROUNDDOWN($C2559/24,0)+1,1))-1)+IF('Standard Profiles'!$G$22=$B$10,7,0)+IF('Standard Profiles'!$G$22=$B$17,14,0)+IF('Standard Profiles'!$G$22=$B$24,21,0),0)),0)</f>
        <v>2.9094181297929382</v>
      </c>
      <c r="I2559">
        <f t="shared" si="293"/>
        <v>2.7930414046012224</v>
      </c>
      <c r="J2559">
        <f t="shared" si="294"/>
        <v>11.515393920356747</v>
      </c>
      <c r="K2559">
        <f t="shared" si="295"/>
        <v>0.33566164820231981</v>
      </c>
      <c r="L2559">
        <f t="shared" si="296"/>
        <v>0.1678308241011599</v>
      </c>
      <c r="M2559">
        <f t="shared" si="297"/>
        <v>0</v>
      </c>
      <c r="N2559" s="45">
        <f t="shared" si="298"/>
        <v>45032.208333327209</v>
      </c>
    </row>
    <row r="2560" spans="2:14" x14ac:dyDescent="0.25">
      <c r="B2560">
        <f t="shared" si="292"/>
        <v>7</v>
      </c>
      <c r="C2560" s="16">
        <v>2526</v>
      </c>
      <c r="D2560" cm="1">
        <f t="array" ref="D2560">IFERROR(INDEX(Jesper!AH$2:AH$366,ROUNDDOWN($C2560/24,0)+1,1)*INDEX($D$3:$AA$30,INDEX(Jesper!$R$2:$R$366,ROW(INDEX(Jesper!AH$2:AH$366,ROUNDDOWN($C2560/24,0)+1,1))-1)+IF('Standard Profiles'!$G$18=$B$10,7,0)+IF('Standard Profiles'!$G$18=$B$17,14,0)+IF('Standard Profiles'!$G$18=$B$24,21,0),MOD($C2560,24)+1)/SUM(INDEX($D$3:$AA$30,INDEX(Jesper!$R$2:$R$366,ROW(INDEX(Jesper!AH$2:AH$366,ROUNDDOWN($C2560/24,0)+1,1))-1)+IF('Standard Profiles'!$G$18=$B$10,7,0)+IF('Standard Profiles'!$G$18=$B$17,14,0)+IF('Standard Profiles'!$G$18=$B$24,21,0),0)),0)</f>
        <v>0</v>
      </c>
      <c r="E2560" cm="1">
        <f t="array" ref="E2560">IFERROR(INDEX(Jesper!AI$2:AI$366,ROUNDDOWN($C2560/24,0)+1,1)*INDEX($D$3:$AA$30,INDEX(Jesper!$R$2:$R$366,ROW(INDEX(Jesper!AI$2:AI$366,ROUNDDOWN($C2560/24,0)+1,1))-1)+IF('Standard Profiles'!$G$19=$B$10,7,0)+IF('Standard Profiles'!$G$19=$B$17,14,0)+IF('Standard Profiles'!$G$19=$B$24,21,0),MOD($C2560,24)+1)/SUM(INDEX($D$3:$AA$30,INDEX(Jesper!$R$2:$R$366,ROW(INDEX(Jesper!AI$2:AI$366,ROUNDDOWN($C2560/24,0)+1,1))-1)+IF('Standard Profiles'!$G$19=$B$10,7,0)+IF('Standard Profiles'!$G$19=$B$17,14,0)+IF('Standard Profiles'!$G$19=$B$24,21,0),0)),0)</f>
        <v>4.1957706025289978</v>
      </c>
      <c r="F2560" cm="1">
        <f t="array" ref="F2560">IFERROR(INDEX(Jesper!AJ$2:AJ$366,ROUNDDOWN($C2560/24,0)+1,1)*INDEX($D$3:$AA$30,INDEX(Jesper!$R$2:$R$366,ROW(INDEX(Jesper!AJ$2:AJ$366,ROUNDDOWN($C2560/24,0)+1,1))-1)+IF('Standard Profiles'!$G$20=$B$10,7,0)+IF('Standard Profiles'!$G$20=$B$17,14,0)+IF('Standard Profiles'!$G$20=$B$24,21,0),MOD($C2560,24)+1)/SUM(INDEX($D$3:$AA$30,INDEX(Jesper!$R$2:$R$366,ROW(INDEX(Jesper!AJ$2:AJ$366,ROUNDDOWN($C2560/24,0)+1,1))-1)+IF('Standard Profiles'!$G$20=$B$10,7,0)+IF('Standard Profiles'!$G$20=$B$17,14,0)+IF('Standard Profiles'!$G$20=$B$24,21,0),0)),0)</f>
        <v>3.2018528871387479</v>
      </c>
      <c r="G2560" cm="1">
        <f t="array" ref="G2560">IFERROR(INDEX(Jesper!AK$2:AK$366,ROUNDDOWN($C2560/24,0)+1,1)*INDEX($D$3:$AA$30,INDEX(Jesper!$R$2:$R$366,ROW(INDEX(Jesper!AK$2:AK$366,ROUNDDOWN($C2560/24,0)+1,1))-1)+IF('Standard Profiles'!$G$21=$B$10,7,0)+IF('Standard Profiles'!$G$21=$B$17,14,0)+IF('Standard Profiles'!$G$21=$B$24,21,0),MOD($C2560,24)+1)/SUM(INDEX($D$3:$AA$30,INDEX(Jesper!$R$2:$R$366,ROW(INDEX(Jesper!AK$2:AK$366,ROUNDDOWN($C2560/24,0)+1,1))-1)+IF('Standard Profiles'!$G$21=$B$10,7,0)+IF('Standard Profiles'!$G$21=$B$17,14,0)+IF('Standard Profiles'!$G$21=$B$24,21,0),0)),0)</f>
        <v>4.5048861778007652</v>
      </c>
      <c r="H2560" cm="1">
        <f t="array" ref="H2560">IFERROR(INDEX(Jesper!AL$2:AL$366,ROUNDDOWN($C2560/24,0)+1,1)*INDEX($D$3:$AA$30,INDEX(Jesper!$R$2:$R$366,ROW(INDEX(Jesper!AL$2:AL$366,ROUNDDOWN($C2560/24,0)+1,1))-1)+IF('Standard Profiles'!$G$22=$B$10,7,0)+IF('Standard Profiles'!$G$22=$B$17,14,0)+IF('Standard Profiles'!$G$22=$B$24,21,0),MOD($C2560,24)+1)/SUM(INDEX($D$3:$AA$30,INDEX(Jesper!$R$2:$R$366,ROW(INDEX(Jesper!AL$2:AL$366,ROUNDDOWN($C2560/24,0)+1,1))-1)+IF('Standard Profiles'!$G$22=$B$10,7,0)+IF('Standard Profiles'!$G$22=$B$17,14,0)+IF('Standard Profiles'!$G$22=$B$24,21,0),0)),0)</f>
        <v>3.4266480195339057</v>
      </c>
      <c r="I2560">
        <f t="shared" si="293"/>
        <v>3.2895820987525513</v>
      </c>
      <c r="J2560">
        <f t="shared" si="294"/>
        <v>11.536083115946386</v>
      </c>
      <c r="K2560">
        <f t="shared" si="295"/>
        <v>0.33566164820231981</v>
      </c>
      <c r="L2560">
        <f t="shared" si="296"/>
        <v>0.1678308241011599</v>
      </c>
      <c r="M2560">
        <f t="shared" si="297"/>
        <v>0</v>
      </c>
      <c r="N2560" s="45">
        <f t="shared" si="298"/>
        <v>45032.249999993874</v>
      </c>
    </row>
    <row r="2561" spans="2:14" x14ac:dyDescent="0.25">
      <c r="B2561">
        <f t="shared" si="292"/>
        <v>7</v>
      </c>
      <c r="C2561" s="16">
        <v>2527</v>
      </c>
      <c r="D2561" cm="1">
        <f t="array" ref="D2561">IFERROR(INDEX(Jesper!AH$2:AH$366,ROUNDDOWN($C2561/24,0)+1,1)*INDEX($D$3:$AA$30,INDEX(Jesper!$R$2:$R$366,ROW(INDEX(Jesper!AH$2:AH$366,ROUNDDOWN($C2561/24,0)+1,1))-1)+IF('Standard Profiles'!$G$18=$B$10,7,0)+IF('Standard Profiles'!$G$18=$B$17,14,0)+IF('Standard Profiles'!$G$18=$B$24,21,0),MOD($C2561,24)+1)/SUM(INDEX($D$3:$AA$30,INDEX(Jesper!$R$2:$R$366,ROW(INDEX(Jesper!AH$2:AH$366,ROUNDDOWN($C2561/24,0)+1,1))-1)+IF('Standard Profiles'!$G$18=$B$10,7,0)+IF('Standard Profiles'!$G$18=$B$17,14,0)+IF('Standard Profiles'!$G$18=$B$24,21,0),0)),0)</f>
        <v>0</v>
      </c>
      <c r="E2561" cm="1">
        <f t="array" ref="E2561">IFERROR(INDEX(Jesper!AI$2:AI$366,ROUNDDOWN($C2561/24,0)+1,1)*INDEX($D$3:$AA$30,INDEX(Jesper!$R$2:$R$366,ROW(INDEX(Jesper!AI$2:AI$366,ROUNDDOWN($C2561/24,0)+1,1))-1)+IF('Standard Profiles'!$G$19=$B$10,7,0)+IF('Standard Profiles'!$G$19=$B$17,14,0)+IF('Standard Profiles'!$G$19=$B$24,21,0),MOD($C2561,24)+1)/SUM(INDEX($D$3:$AA$30,INDEX(Jesper!$R$2:$R$366,ROW(INDEX(Jesper!AI$2:AI$366,ROUNDDOWN($C2561/24,0)+1,1))-1)+IF('Standard Profiles'!$G$19=$B$10,7,0)+IF('Standard Profiles'!$G$19=$B$17,14,0)+IF('Standard Profiles'!$G$19=$B$24,21,0),0)),0)</f>
        <v>4.1957706025289978</v>
      </c>
      <c r="F2561" cm="1">
        <f t="array" ref="F2561">IFERROR(INDEX(Jesper!AJ$2:AJ$366,ROUNDDOWN($C2561/24,0)+1,1)*INDEX($D$3:$AA$30,INDEX(Jesper!$R$2:$R$366,ROW(INDEX(Jesper!AJ$2:AJ$366,ROUNDDOWN($C2561/24,0)+1,1))-1)+IF('Standard Profiles'!$G$20=$B$10,7,0)+IF('Standard Profiles'!$G$20=$B$17,14,0)+IF('Standard Profiles'!$G$20=$B$24,21,0),MOD($C2561,24)+1)/SUM(INDEX($D$3:$AA$30,INDEX(Jesper!$R$2:$R$366,ROW(INDEX(Jesper!AJ$2:AJ$366,ROUNDDOWN($C2561/24,0)+1,1))-1)+IF('Standard Profiles'!$G$20=$B$10,7,0)+IF('Standard Profiles'!$G$20=$B$17,14,0)+IF('Standard Profiles'!$G$20=$B$24,21,0),0)),0)</f>
        <v>3.2018528871387479</v>
      </c>
      <c r="G2561" cm="1">
        <f t="array" ref="G2561">IFERROR(INDEX(Jesper!AK$2:AK$366,ROUNDDOWN($C2561/24,0)+1,1)*INDEX($D$3:$AA$30,INDEX(Jesper!$R$2:$R$366,ROW(INDEX(Jesper!AK$2:AK$366,ROUNDDOWN($C2561/24,0)+1,1))-1)+IF('Standard Profiles'!$G$21=$B$10,7,0)+IF('Standard Profiles'!$G$21=$B$17,14,0)+IF('Standard Profiles'!$G$21=$B$24,21,0),MOD($C2561,24)+1)/SUM(INDEX($D$3:$AA$30,INDEX(Jesper!$R$2:$R$366,ROW(INDEX(Jesper!AK$2:AK$366,ROUNDDOWN($C2561/24,0)+1,1))-1)+IF('Standard Profiles'!$G$21=$B$10,7,0)+IF('Standard Profiles'!$G$21=$B$17,14,0)+IF('Standard Profiles'!$G$21=$B$24,21,0),0)),0)</f>
        <v>4.5048861778007652</v>
      </c>
      <c r="H2561" cm="1">
        <f t="array" ref="H2561">IFERROR(INDEX(Jesper!AL$2:AL$366,ROUNDDOWN($C2561/24,0)+1,1)*INDEX($D$3:$AA$30,INDEX(Jesper!$R$2:$R$366,ROW(INDEX(Jesper!AL$2:AL$366,ROUNDDOWN($C2561/24,0)+1,1))-1)+IF('Standard Profiles'!$G$22=$B$10,7,0)+IF('Standard Profiles'!$G$22=$B$17,14,0)+IF('Standard Profiles'!$G$22=$B$24,21,0),MOD($C2561,24)+1)/SUM(INDEX($D$3:$AA$30,INDEX(Jesper!$R$2:$R$366,ROW(INDEX(Jesper!AL$2:AL$366,ROUNDDOWN($C2561/24,0)+1,1))-1)+IF('Standard Profiles'!$G$22=$B$10,7,0)+IF('Standard Profiles'!$G$22=$B$17,14,0)+IF('Standard Profiles'!$G$22=$B$24,21,0),0)),0)</f>
        <v>4.0731853817101147</v>
      </c>
      <c r="I2561">
        <f t="shared" si="293"/>
        <v>3.9102579664417121</v>
      </c>
      <c r="J2561">
        <f t="shared" si="294"/>
        <v>11.561944610433434</v>
      </c>
      <c r="K2561">
        <f t="shared" si="295"/>
        <v>0.33566164820231981</v>
      </c>
      <c r="L2561">
        <f t="shared" si="296"/>
        <v>0.1678308241011599</v>
      </c>
      <c r="M2561">
        <f t="shared" si="297"/>
        <v>0</v>
      </c>
      <c r="N2561" s="45">
        <f t="shared" si="298"/>
        <v>45032.291666660538</v>
      </c>
    </row>
    <row r="2562" spans="2:14" x14ac:dyDescent="0.25">
      <c r="B2562">
        <f t="shared" si="292"/>
        <v>7</v>
      </c>
      <c r="C2562" s="16">
        <v>2528</v>
      </c>
      <c r="D2562" cm="1">
        <f t="array" ref="D2562">IFERROR(INDEX(Jesper!AH$2:AH$366,ROUNDDOWN($C2562/24,0)+1,1)*INDEX($D$3:$AA$30,INDEX(Jesper!$R$2:$R$366,ROW(INDEX(Jesper!AH$2:AH$366,ROUNDDOWN($C2562/24,0)+1,1))-1)+IF('Standard Profiles'!$G$18=$B$10,7,0)+IF('Standard Profiles'!$G$18=$B$17,14,0)+IF('Standard Profiles'!$G$18=$B$24,21,0),MOD($C2562,24)+1)/SUM(INDEX($D$3:$AA$30,INDEX(Jesper!$R$2:$R$366,ROW(INDEX(Jesper!AH$2:AH$366,ROUNDDOWN($C2562/24,0)+1,1))-1)+IF('Standard Profiles'!$G$18=$B$10,7,0)+IF('Standard Profiles'!$G$18=$B$17,14,0)+IF('Standard Profiles'!$G$18=$B$24,21,0),0)),0)</f>
        <v>0</v>
      </c>
      <c r="E2562" cm="1">
        <f t="array" ref="E2562">IFERROR(INDEX(Jesper!AI$2:AI$366,ROUNDDOWN($C2562/24,0)+1,1)*INDEX($D$3:$AA$30,INDEX(Jesper!$R$2:$R$366,ROW(INDEX(Jesper!AI$2:AI$366,ROUNDDOWN($C2562/24,0)+1,1))-1)+IF('Standard Profiles'!$G$19=$B$10,7,0)+IF('Standard Profiles'!$G$19=$B$17,14,0)+IF('Standard Profiles'!$G$19=$B$24,21,0),MOD($C2562,24)+1)/SUM(INDEX($D$3:$AA$30,INDEX(Jesper!$R$2:$R$366,ROW(INDEX(Jesper!AI$2:AI$366,ROUNDDOWN($C2562/24,0)+1,1))-1)+IF('Standard Profiles'!$G$19=$B$10,7,0)+IF('Standard Profiles'!$G$19=$B$17,14,0)+IF('Standard Profiles'!$G$19=$B$24,21,0),0)),0)</f>
        <v>4.1957706025289978</v>
      </c>
      <c r="F2562" cm="1">
        <f t="array" ref="F2562">IFERROR(INDEX(Jesper!AJ$2:AJ$366,ROUNDDOWN($C2562/24,0)+1,1)*INDEX($D$3:$AA$30,INDEX(Jesper!$R$2:$R$366,ROW(INDEX(Jesper!AJ$2:AJ$366,ROUNDDOWN($C2562/24,0)+1,1))-1)+IF('Standard Profiles'!$G$20=$B$10,7,0)+IF('Standard Profiles'!$G$20=$B$17,14,0)+IF('Standard Profiles'!$G$20=$B$24,21,0),MOD($C2562,24)+1)/SUM(INDEX($D$3:$AA$30,INDEX(Jesper!$R$2:$R$366,ROW(INDEX(Jesper!AJ$2:AJ$366,ROUNDDOWN($C2562/24,0)+1,1))-1)+IF('Standard Profiles'!$G$20=$B$10,7,0)+IF('Standard Profiles'!$G$20=$B$17,14,0)+IF('Standard Profiles'!$G$20=$B$24,21,0),0)),0)</f>
        <v>3.2018528871387479</v>
      </c>
      <c r="G2562" cm="1">
        <f t="array" ref="G2562">IFERROR(INDEX(Jesper!AK$2:AK$366,ROUNDDOWN($C2562/24,0)+1,1)*INDEX($D$3:$AA$30,INDEX(Jesper!$R$2:$R$366,ROW(INDEX(Jesper!AK$2:AK$366,ROUNDDOWN($C2562/24,0)+1,1))-1)+IF('Standard Profiles'!$G$21=$B$10,7,0)+IF('Standard Profiles'!$G$21=$B$17,14,0)+IF('Standard Profiles'!$G$21=$B$24,21,0),MOD($C2562,24)+1)/SUM(INDEX($D$3:$AA$30,INDEX(Jesper!$R$2:$R$366,ROW(INDEX(Jesper!AK$2:AK$366,ROUNDDOWN($C2562/24,0)+1,1))-1)+IF('Standard Profiles'!$G$21=$B$10,7,0)+IF('Standard Profiles'!$G$21=$B$17,14,0)+IF('Standard Profiles'!$G$21=$B$24,21,0),0)),0)</f>
        <v>4.5048861778007652</v>
      </c>
      <c r="H2562" cm="1">
        <f t="array" ref="H2562">IFERROR(INDEX(Jesper!AL$2:AL$366,ROUNDDOWN($C2562/24,0)+1,1)*INDEX($D$3:$AA$30,INDEX(Jesper!$R$2:$R$366,ROW(INDEX(Jesper!AL$2:AL$366,ROUNDDOWN($C2562/24,0)+1,1))-1)+IF('Standard Profiles'!$G$22=$B$10,7,0)+IF('Standard Profiles'!$G$22=$B$17,14,0)+IF('Standard Profiles'!$G$22=$B$24,21,0),MOD($C2562,24)+1)/SUM(INDEX($D$3:$AA$30,INDEX(Jesper!$R$2:$R$366,ROW(INDEX(Jesper!AL$2:AL$366,ROUNDDOWN($C2562/24,0)+1,1))-1)+IF('Standard Profiles'!$G$22=$B$10,7,0)+IF('Standard Profiles'!$G$22=$B$17,14,0)+IF('Standard Profiles'!$G$22=$B$24,21,0),0)),0)</f>
        <v>4.0731853817101147</v>
      </c>
      <c r="I2562">
        <f t="shared" si="293"/>
        <v>3.9102579664417121</v>
      </c>
      <c r="J2562">
        <f t="shared" si="294"/>
        <v>11.561944610433434</v>
      </c>
      <c r="K2562">
        <f t="shared" si="295"/>
        <v>0.33566164820231981</v>
      </c>
      <c r="L2562">
        <f t="shared" si="296"/>
        <v>0.1678308241011599</v>
      </c>
      <c r="M2562">
        <f t="shared" si="297"/>
        <v>0</v>
      </c>
      <c r="N2562" s="45">
        <f t="shared" si="298"/>
        <v>45032.333333327202</v>
      </c>
    </row>
    <row r="2563" spans="2:14" x14ac:dyDescent="0.25">
      <c r="B2563">
        <f t="shared" si="292"/>
        <v>7</v>
      </c>
      <c r="C2563" s="16">
        <v>2529</v>
      </c>
      <c r="D2563" cm="1">
        <f t="array" ref="D2563">IFERROR(INDEX(Jesper!AH$2:AH$366,ROUNDDOWN($C2563/24,0)+1,1)*INDEX($D$3:$AA$30,INDEX(Jesper!$R$2:$R$366,ROW(INDEX(Jesper!AH$2:AH$366,ROUNDDOWN($C2563/24,0)+1,1))-1)+IF('Standard Profiles'!$G$18=$B$10,7,0)+IF('Standard Profiles'!$G$18=$B$17,14,0)+IF('Standard Profiles'!$G$18=$B$24,21,0),MOD($C2563,24)+1)/SUM(INDEX($D$3:$AA$30,INDEX(Jesper!$R$2:$R$366,ROW(INDEX(Jesper!AH$2:AH$366,ROUNDDOWN($C2563/24,0)+1,1))-1)+IF('Standard Profiles'!$G$18=$B$10,7,0)+IF('Standard Profiles'!$G$18=$B$17,14,0)+IF('Standard Profiles'!$G$18=$B$24,21,0),0)),0)</f>
        <v>0</v>
      </c>
      <c r="E2563" cm="1">
        <f t="array" ref="E2563">IFERROR(INDEX(Jesper!AI$2:AI$366,ROUNDDOWN($C2563/24,0)+1,1)*INDEX($D$3:$AA$30,INDEX(Jesper!$R$2:$R$366,ROW(INDEX(Jesper!AI$2:AI$366,ROUNDDOWN($C2563/24,0)+1,1))-1)+IF('Standard Profiles'!$G$19=$B$10,7,0)+IF('Standard Profiles'!$G$19=$B$17,14,0)+IF('Standard Profiles'!$G$19=$B$24,21,0),MOD($C2563,24)+1)/SUM(INDEX($D$3:$AA$30,INDEX(Jesper!$R$2:$R$366,ROW(INDEX(Jesper!AI$2:AI$366,ROUNDDOWN($C2563/24,0)+1,1))-1)+IF('Standard Profiles'!$G$19=$B$10,7,0)+IF('Standard Profiles'!$G$19=$B$17,14,0)+IF('Standard Profiles'!$G$19=$B$24,21,0),0)),0)</f>
        <v>4.1957706025289978</v>
      </c>
      <c r="F2563" cm="1">
        <f t="array" ref="F2563">IFERROR(INDEX(Jesper!AJ$2:AJ$366,ROUNDDOWN($C2563/24,0)+1,1)*INDEX($D$3:$AA$30,INDEX(Jesper!$R$2:$R$366,ROW(INDEX(Jesper!AJ$2:AJ$366,ROUNDDOWN($C2563/24,0)+1,1))-1)+IF('Standard Profiles'!$G$20=$B$10,7,0)+IF('Standard Profiles'!$G$20=$B$17,14,0)+IF('Standard Profiles'!$G$20=$B$24,21,0),MOD($C2563,24)+1)/SUM(INDEX($D$3:$AA$30,INDEX(Jesper!$R$2:$R$366,ROW(INDEX(Jesper!AJ$2:AJ$366,ROUNDDOWN($C2563/24,0)+1,1))-1)+IF('Standard Profiles'!$G$20=$B$10,7,0)+IF('Standard Profiles'!$G$20=$B$17,14,0)+IF('Standard Profiles'!$G$20=$B$24,21,0),0)),0)</f>
        <v>3.2018528871387479</v>
      </c>
      <c r="G2563" cm="1">
        <f t="array" ref="G2563">IFERROR(INDEX(Jesper!AK$2:AK$366,ROUNDDOWN($C2563/24,0)+1,1)*INDEX($D$3:$AA$30,INDEX(Jesper!$R$2:$R$366,ROW(INDEX(Jesper!AK$2:AK$366,ROUNDDOWN($C2563/24,0)+1,1))-1)+IF('Standard Profiles'!$G$21=$B$10,7,0)+IF('Standard Profiles'!$G$21=$B$17,14,0)+IF('Standard Profiles'!$G$21=$B$24,21,0),MOD($C2563,24)+1)/SUM(INDEX($D$3:$AA$30,INDEX(Jesper!$R$2:$R$366,ROW(INDEX(Jesper!AK$2:AK$366,ROUNDDOWN($C2563/24,0)+1,1))-1)+IF('Standard Profiles'!$G$21=$B$10,7,0)+IF('Standard Profiles'!$G$21=$B$17,14,0)+IF('Standard Profiles'!$G$21=$B$24,21,0),0)),0)</f>
        <v>4.5048861778007652</v>
      </c>
      <c r="H2563" cm="1">
        <f t="array" ref="H2563">IFERROR(INDEX(Jesper!AL$2:AL$366,ROUNDDOWN($C2563/24,0)+1,1)*INDEX($D$3:$AA$30,INDEX(Jesper!$R$2:$R$366,ROW(INDEX(Jesper!AL$2:AL$366,ROUNDDOWN($C2563/24,0)+1,1))-1)+IF('Standard Profiles'!$G$22=$B$10,7,0)+IF('Standard Profiles'!$G$22=$B$17,14,0)+IF('Standard Profiles'!$G$22=$B$24,21,0),MOD($C2563,24)+1)/SUM(INDEX($D$3:$AA$30,INDEX(Jesper!$R$2:$R$366,ROW(INDEX(Jesper!AL$2:AL$366,ROUNDDOWN($C2563/24,0)+1,1))-1)+IF('Standard Profiles'!$G$22=$B$10,7,0)+IF('Standard Profiles'!$G$22=$B$17,14,0)+IF('Standard Profiles'!$G$22=$B$24,21,0),0)),0)</f>
        <v>4.0731853817101147</v>
      </c>
      <c r="I2563">
        <f t="shared" si="293"/>
        <v>3.9102579664417121</v>
      </c>
      <c r="J2563">
        <f t="shared" si="294"/>
        <v>11.561944610433434</v>
      </c>
      <c r="K2563">
        <f t="shared" si="295"/>
        <v>0.33566164820231981</v>
      </c>
      <c r="L2563">
        <f t="shared" si="296"/>
        <v>0.1678308241011599</v>
      </c>
      <c r="M2563">
        <f t="shared" si="297"/>
        <v>0</v>
      </c>
      <c r="N2563" s="45">
        <f t="shared" si="298"/>
        <v>45032.374999993866</v>
      </c>
    </row>
    <row r="2564" spans="2:14" x14ac:dyDescent="0.25">
      <c r="B2564">
        <f t="shared" si="292"/>
        <v>7</v>
      </c>
      <c r="C2564" s="16">
        <v>2530</v>
      </c>
      <c r="D2564" cm="1">
        <f t="array" ref="D2564">IFERROR(INDEX(Jesper!AH$2:AH$366,ROUNDDOWN($C2564/24,0)+1,1)*INDEX($D$3:$AA$30,INDEX(Jesper!$R$2:$R$366,ROW(INDEX(Jesper!AH$2:AH$366,ROUNDDOWN($C2564/24,0)+1,1))-1)+IF('Standard Profiles'!$G$18=$B$10,7,0)+IF('Standard Profiles'!$G$18=$B$17,14,0)+IF('Standard Profiles'!$G$18=$B$24,21,0),MOD($C2564,24)+1)/SUM(INDEX($D$3:$AA$30,INDEX(Jesper!$R$2:$R$366,ROW(INDEX(Jesper!AH$2:AH$366,ROUNDDOWN($C2564/24,0)+1,1))-1)+IF('Standard Profiles'!$G$18=$B$10,7,0)+IF('Standard Profiles'!$G$18=$B$17,14,0)+IF('Standard Profiles'!$G$18=$B$24,21,0),0)),0)</f>
        <v>0</v>
      </c>
      <c r="E2564" cm="1">
        <f t="array" ref="E2564">IFERROR(INDEX(Jesper!AI$2:AI$366,ROUNDDOWN($C2564/24,0)+1,1)*INDEX($D$3:$AA$30,INDEX(Jesper!$R$2:$R$366,ROW(INDEX(Jesper!AI$2:AI$366,ROUNDDOWN($C2564/24,0)+1,1))-1)+IF('Standard Profiles'!$G$19=$B$10,7,0)+IF('Standard Profiles'!$G$19=$B$17,14,0)+IF('Standard Profiles'!$G$19=$B$24,21,0),MOD($C2564,24)+1)/SUM(INDEX($D$3:$AA$30,INDEX(Jesper!$R$2:$R$366,ROW(INDEX(Jesper!AI$2:AI$366,ROUNDDOWN($C2564/24,0)+1,1))-1)+IF('Standard Profiles'!$G$19=$B$10,7,0)+IF('Standard Profiles'!$G$19=$B$17,14,0)+IF('Standard Profiles'!$G$19=$B$24,21,0),0)),0)</f>
        <v>4.1957706025289978</v>
      </c>
      <c r="F2564" cm="1">
        <f t="array" ref="F2564">IFERROR(INDEX(Jesper!AJ$2:AJ$366,ROUNDDOWN($C2564/24,0)+1,1)*INDEX($D$3:$AA$30,INDEX(Jesper!$R$2:$R$366,ROW(INDEX(Jesper!AJ$2:AJ$366,ROUNDDOWN($C2564/24,0)+1,1))-1)+IF('Standard Profiles'!$G$20=$B$10,7,0)+IF('Standard Profiles'!$G$20=$B$17,14,0)+IF('Standard Profiles'!$G$20=$B$24,21,0),MOD($C2564,24)+1)/SUM(INDEX($D$3:$AA$30,INDEX(Jesper!$R$2:$R$366,ROW(INDEX(Jesper!AJ$2:AJ$366,ROUNDDOWN($C2564/24,0)+1,1))-1)+IF('Standard Profiles'!$G$20=$B$10,7,0)+IF('Standard Profiles'!$G$20=$B$17,14,0)+IF('Standard Profiles'!$G$20=$B$24,21,0),0)),0)</f>
        <v>3.2018528871387479</v>
      </c>
      <c r="G2564" cm="1">
        <f t="array" ref="G2564">IFERROR(INDEX(Jesper!AK$2:AK$366,ROUNDDOWN($C2564/24,0)+1,1)*INDEX($D$3:$AA$30,INDEX(Jesper!$R$2:$R$366,ROW(INDEX(Jesper!AK$2:AK$366,ROUNDDOWN($C2564/24,0)+1,1))-1)+IF('Standard Profiles'!$G$21=$B$10,7,0)+IF('Standard Profiles'!$G$21=$B$17,14,0)+IF('Standard Profiles'!$G$21=$B$24,21,0),MOD($C2564,24)+1)/SUM(INDEX($D$3:$AA$30,INDEX(Jesper!$R$2:$R$366,ROW(INDEX(Jesper!AK$2:AK$366,ROUNDDOWN($C2564/24,0)+1,1))-1)+IF('Standard Profiles'!$G$21=$B$10,7,0)+IF('Standard Profiles'!$G$21=$B$17,14,0)+IF('Standard Profiles'!$G$21=$B$24,21,0),0)),0)</f>
        <v>4.5048861778007652</v>
      </c>
      <c r="H2564" cm="1">
        <f t="array" ref="H2564">IFERROR(INDEX(Jesper!AL$2:AL$366,ROUNDDOWN($C2564/24,0)+1,1)*INDEX($D$3:$AA$30,INDEX(Jesper!$R$2:$R$366,ROW(INDEX(Jesper!AL$2:AL$366,ROUNDDOWN($C2564/24,0)+1,1))-1)+IF('Standard Profiles'!$G$22=$B$10,7,0)+IF('Standard Profiles'!$G$22=$B$17,14,0)+IF('Standard Profiles'!$G$22=$B$24,21,0),MOD($C2564,24)+1)/SUM(INDEX($D$3:$AA$30,INDEX(Jesper!$R$2:$R$366,ROW(INDEX(Jesper!AL$2:AL$366,ROUNDDOWN($C2564/24,0)+1,1))-1)+IF('Standard Profiles'!$G$22=$B$10,7,0)+IF('Standard Profiles'!$G$22=$B$17,14,0)+IF('Standard Profiles'!$G$22=$B$24,21,0),0)),0)</f>
        <v>4.0731853817101147</v>
      </c>
      <c r="I2564">
        <f t="shared" si="293"/>
        <v>3.9102579664417121</v>
      </c>
      <c r="J2564">
        <f t="shared" si="294"/>
        <v>11.561944610433434</v>
      </c>
      <c r="K2564">
        <f t="shared" si="295"/>
        <v>0.33566164820231981</v>
      </c>
      <c r="L2564">
        <f t="shared" si="296"/>
        <v>0.1678308241011599</v>
      </c>
      <c r="M2564">
        <f t="shared" si="297"/>
        <v>0</v>
      </c>
      <c r="N2564" s="45">
        <f t="shared" si="298"/>
        <v>45032.416666660531</v>
      </c>
    </row>
    <row r="2565" spans="2:14" x14ac:dyDescent="0.25">
      <c r="B2565">
        <f t="shared" si="292"/>
        <v>7</v>
      </c>
      <c r="C2565" s="16">
        <v>2531</v>
      </c>
      <c r="D2565" cm="1">
        <f t="array" ref="D2565">IFERROR(INDEX(Jesper!AH$2:AH$366,ROUNDDOWN($C2565/24,0)+1,1)*INDEX($D$3:$AA$30,INDEX(Jesper!$R$2:$R$366,ROW(INDEX(Jesper!AH$2:AH$366,ROUNDDOWN($C2565/24,0)+1,1))-1)+IF('Standard Profiles'!$G$18=$B$10,7,0)+IF('Standard Profiles'!$G$18=$B$17,14,0)+IF('Standard Profiles'!$G$18=$B$24,21,0),MOD($C2565,24)+1)/SUM(INDEX($D$3:$AA$30,INDEX(Jesper!$R$2:$R$366,ROW(INDEX(Jesper!AH$2:AH$366,ROUNDDOWN($C2565/24,0)+1,1))-1)+IF('Standard Profiles'!$G$18=$B$10,7,0)+IF('Standard Profiles'!$G$18=$B$17,14,0)+IF('Standard Profiles'!$G$18=$B$24,21,0),0)),0)</f>
        <v>0</v>
      </c>
      <c r="E2565" cm="1">
        <f t="array" ref="E2565">IFERROR(INDEX(Jesper!AI$2:AI$366,ROUNDDOWN($C2565/24,0)+1,1)*INDEX($D$3:$AA$30,INDEX(Jesper!$R$2:$R$366,ROW(INDEX(Jesper!AI$2:AI$366,ROUNDDOWN($C2565/24,0)+1,1))-1)+IF('Standard Profiles'!$G$19=$B$10,7,0)+IF('Standard Profiles'!$G$19=$B$17,14,0)+IF('Standard Profiles'!$G$19=$B$24,21,0),MOD($C2565,24)+1)/SUM(INDEX($D$3:$AA$30,INDEX(Jesper!$R$2:$R$366,ROW(INDEX(Jesper!AI$2:AI$366,ROUNDDOWN($C2565/24,0)+1,1))-1)+IF('Standard Profiles'!$G$19=$B$10,7,0)+IF('Standard Profiles'!$G$19=$B$17,14,0)+IF('Standard Profiles'!$G$19=$B$24,21,0),0)),0)</f>
        <v>4.1957706025289978</v>
      </c>
      <c r="F2565" cm="1">
        <f t="array" ref="F2565">IFERROR(INDEX(Jesper!AJ$2:AJ$366,ROUNDDOWN($C2565/24,0)+1,1)*INDEX($D$3:$AA$30,INDEX(Jesper!$R$2:$R$366,ROW(INDEX(Jesper!AJ$2:AJ$366,ROUNDDOWN($C2565/24,0)+1,1))-1)+IF('Standard Profiles'!$G$20=$B$10,7,0)+IF('Standard Profiles'!$G$20=$B$17,14,0)+IF('Standard Profiles'!$G$20=$B$24,21,0),MOD($C2565,24)+1)/SUM(INDEX($D$3:$AA$30,INDEX(Jesper!$R$2:$R$366,ROW(INDEX(Jesper!AJ$2:AJ$366,ROUNDDOWN($C2565/24,0)+1,1))-1)+IF('Standard Profiles'!$G$20=$B$10,7,0)+IF('Standard Profiles'!$G$20=$B$17,14,0)+IF('Standard Profiles'!$G$20=$B$24,21,0),0)),0)</f>
        <v>3.2018528871387479</v>
      </c>
      <c r="G2565" cm="1">
        <f t="array" ref="G2565">IFERROR(INDEX(Jesper!AK$2:AK$366,ROUNDDOWN($C2565/24,0)+1,1)*INDEX($D$3:$AA$30,INDEX(Jesper!$R$2:$R$366,ROW(INDEX(Jesper!AK$2:AK$366,ROUNDDOWN($C2565/24,0)+1,1))-1)+IF('Standard Profiles'!$G$21=$B$10,7,0)+IF('Standard Profiles'!$G$21=$B$17,14,0)+IF('Standard Profiles'!$G$21=$B$24,21,0),MOD($C2565,24)+1)/SUM(INDEX($D$3:$AA$30,INDEX(Jesper!$R$2:$R$366,ROW(INDEX(Jesper!AK$2:AK$366,ROUNDDOWN($C2565/24,0)+1,1))-1)+IF('Standard Profiles'!$G$21=$B$10,7,0)+IF('Standard Profiles'!$G$21=$B$17,14,0)+IF('Standard Profiles'!$G$21=$B$24,21,0),0)),0)</f>
        <v>4.5048861778007652</v>
      </c>
      <c r="H2565" cm="1">
        <f t="array" ref="H2565">IFERROR(INDEX(Jesper!AL$2:AL$366,ROUNDDOWN($C2565/24,0)+1,1)*INDEX($D$3:$AA$30,INDEX(Jesper!$R$2:$R$366,ROW(INDEX(Jesper!AL$2:AL$366,ROUNDDOWN($C2565/24,0)+1,1))-1)+IF('Standard Profiles'!$G$22=$B$10,7,0)+IF('Standard Profiles'!$G$22=$B$17,14,0)+IF('Standard Profiles'!$G$22=$B$24,21,0),MOD($C2565,24)+1)/SUM(INDEX($D$3:$AA$30,INDEX(Jesper!$R$2:$R$366,ROW(INDEX(Jesper!AL$2:AL$366,ROUNDDOWN($C2565/24,0)+1,1))-1)+IF('Standard Profiles'!$G$22=$B$10,7,0)+IF('Standard Profiles'!$G$22=$B$17,14,0)+IF('Standard Profiles'!$G$22=$B$24,21,0),0)),0)</f>
        <v>4.0731853817101147</v>
      </c>
      <c r="I2565">
        <f t="shared" si="293"/>
        <v>3.9102579664417121</v>
      </c>
      <c r="J2565">
        <f t="shared" si="294"/>
        <v>11.561944610433434</v>
      </c>
      <c r="K2565">
        <f t="shared" si="295"/>
        <v>0.33566164820231981</v>
      </c>
      <c r="L2565">
        <f t="shared" si="296"/>
        <v>0.1678308241011599</v>
      </c>
      <c r="M2565">
        <f t="shared" si="297"/>
        <v>0</v>
      </c>
      <c r="N2565" s="45">
        <f t="shared" si="298"/>
        <v>45032.458333327195</v>
      </c>
    </row>
    <row r="2566" spans="2:14" x14ac:dyDescent="0.25">
      <c r="B2566">
        <f t="shared" si="292"/>
        <v>7</v>
      </c>
      <c r="C2566" s="16">
        <v>2532</v>
      </c>
      <c r="D2566" cm="1">
        <f t="array" ref="D2566">IFERROR(INDEX(Jesper!AH$2:AH$366,ROUNDDOWN($C2566/24,0)+1,1)*INDEX($D$3:$AA$30,INDEX(Jesper!$R$2:$R$366,ROW(INDEX(Jesper!AH$2:AH$366,ROUNDDOWN($C2566/24,0)+1,1))-1)+IF('Standard Profiles'!$G$18=$B$10,7,0)+IF('Standard Profiles'!$G$18=$B$17,14,0)+IF('Standard Profiles'!$G$18=$B$24,21,0),MOD($C2566,24)+1)/SUM(INDEX($D$3:$AA$30,INDEX(Jesper!$R$2:$R$366,ROW(INDEX(Jesper!AH$2:AH$366,ROUNDDOWN($C2566/24,0)+1,1))-1)+IF('Standard Profiles'!$G$18=$B$10,7,0)+IF('Standard Profiles'!$G$18=$B$17,14,0)+IF('Standard Profiles'!$G$18=$B$24,21,0),0)),0)</f>
        <v>0</v>
      </c>
      <c r="E2566" cm="1">
        <f t="array" ref="E2566">IFERROR(INDEX(Jesper!AI$2:AI$366,ROUNDDOWN($C2566/24,0)+1,1)*INDEX($D$3:$AA$30,INDEX(Jesper!$R$2:$R$366,ROW(INDEX(Jesper!AI$2:AI$366,ROUNDDOWN($C2566/24,0)+1,1))-1)+IF('Standard Profiles'!$G$19=$B$10,7,0)+IF('Standard Profiles'!$G$19=$B$17,14,0)+IF('Standard Profiles'!$G$19=$B$24,21,0),MOD($C2566,24)+1)/SUM(INDEX($D$3:$AA$30,INDEX(Jesper!$R$2:$R$366,ROW(INDEX(Jesper!AI$2:AI$366,ROUNDDOWN($C2566/24,0)+1,1))-1)+IF('Standard Profiles'!$G$19=$B$10,7,0)+IF('Standard Profiles'!$G$19=$B$17,14,0)+IF('Standard Profiles'!$G$19=$B$24,21,0),0)),0)</f>
        <v>4.1957706025289978</v>
      </c>
      <c r="F2566" cm="1">
        <f t="array" ref="F2566">IFERROR(INDEX(Jesper!AJ$2:AJ$366,ROUNDDOWN($C2566/24,0)+1,1)*INDEX($D$3:$AA$30,INDEX(Jesper!$R$2:$R$366,ROW(INDEX(Jesper!AJ$2:AJ$366,ROUNDDOWN($C2566/24,0)+1,1))-1)+IF('Standard Profiles'!$G$20=$B$10,7,0)+IF('Standard Profiles'!$G$20=$B$17,14,0)+IF('Standard Profiles'!$G$20=$B$24,21,0),MOD($C2566,24)+1)/SUM(INDEX($D$3:$AA$30,INDEX(Jesper!$R$2:$R$366,ROW(INDEX(Jesper!AJ$2:AJ$366,ROUNDDOWN($C2566/24,0)+1,1))-1)+IF('Standard Profiles'!$G$20=$B$10,7,0)+IF('Standard Profiles'!$G$20=$B$17,14,0)+IF('Standard Profiles'!$G$20=$B$24,21,0),0)),0)</f>
        <v>3.2018528871387479</v>
      </c>
      <c r="G2566" cm="1">
        <f t="array" ref="G2566">IFERROR(INDEX(Jesper!AK$2:AK$366,ROUNDDOWN($C2566/24,0)+1,1)*INDEX($D$3:$AA$30,INDEX(Jesper!$R$2:$R$366,ROW(INDEX(Jesper!AK$2:AK$366,ROUNDDOWN($C2566/24,0)+1,1))-1)+IF('Standard Profiles'!$G$21=$B$10,7,0)+IF('Standard Profiles'!$G$21=$B$17,14,0)+IF('Standard Profiles'!$G$21=$B$24,21,0),MOD($C2566,24)+1)/SUM(INDEX($D$3:$AA$30,INDEX(Jesper!$R$2:$R$366,ROW(INDEX(Jesper!AK$2:AK$366,ROUNDDOWN($C2566/24,0)+1,1))-1)+IF('Standard Profiles'!$G$21=$B$10,7,0)+IF('Standard Profiles'!$G$21=$B$17,14,0)+IF('Standard Profiles'!$G$21=$B$24,21,0),0)),0)</f>
        <v>4.5048861778007652</v>
      </c>
      <c r="H2566" cm="1">
        <f t="array" ref="H2566">IFERROR(INDEX(Jesper!AL$2:AL$366,ROUNDDOWN($C2566/24,0)+1,1)*INDEX($D$3:$AA$30,INDEX(Jesper!$R$2:$R$366,ROW(INDEX(Jesper!AL$2:AL$366,ROUNDDOWN($C2566/24,0)+1,1))-1)+IF('Standard Profiles'!$G$22=$B$10,7,0)+IF('Standard Profiles'!$G$22=$B$17,14,0)+IF('Standard Profiles'!$G$22=$B$24,21,0),MOD($C2566,24)+1)/SUM(INDEX($D$3:$AA$30,INDEX(Jesper!$R$2:$R$366,ROW(INDEX(Jesper!AL$2:AL$366,ROUNDDOWN($C2566/24,0)+1,1))-1)+IF('Standard Profiles'!$G$22=$B$10,7,0)+IF('Standard Profiles'!$G$22=$B$17,14,0)+IF('Standard Profiles'!$G$22=$B$24,21,0),0)),0)</f>
        <v>4.0731853817101147</v>
      </c>
      <c r="I2566">
        <f t="shared" si="293"/>
        <v>3.9102579664417121</v>
      </c>
      <c r="J2566">
        <f t="shared" si="294"/>
        <v>11.561944610433434</v>
      </c>
      <c r="K2566">
        <f t="shared" si="295"/>
        <v>0.33566164820231981</v>
      </c>
      <c r="L2566">
        <f t="shared" si="296"/>
        <v>0.1678308241011599</v>
      </c>
      <c r="M2566">
        <f t="shared" si="297"/>
        <v>0</v>
      </c>
      <c r="N2566" s="45">
        <f t="shared" si="298"/>
        <v>45032.499999993859</v>
      </c>
    </row>
    <row r="2567" spans="2:14" x14ac:dyDescent="0.25">
      <c r="B2567">
        <f t="shared" si="292"/>
        <v>7</v>
      </c>
      <c r="C2567" s="16">
        <v>2533</v>
      </c>
      <c r="D2567" cm="1">
        <f t="array" ref="D2567">IFERROR(INDEX(Jesper!AH$2:AH$366,ROUNDDOWN($C2567/24,0)+1,1)*INDEX($D$3:$AA$30,INDEX(Jesper!$R$2:$R$366,ROW(INDEX(Jesper!AH$2:AH$366,ROUNDDOWN($C2567/24,0)+1,1))-1)+IF('Standard Profiles'!$G$18=$B$10,7,0)+IF('Standard Profiles'!$G$18=$B$17,14,0)+IF('Standard Profiles'!$G$18=$B$24,21,0),MOD($C2567,24)+1)/SUM(INDEX($D$3:$AA$30,INDEX(Jesper!$R$2:$R$366,ROW(INDEX(Jesper!AH$2:AH$366,ROUNDDOWN($C2567/24,0)+1,1))-1)+IF('Standard Profiles'!$G$18=$B$10,7,0)+IF('Standard Profiles'!$G$18=$B$17,14,0)+IF('Standard Profiles'!$G$18=$B$24,21,0),0)),0)</f>
        <v>0</v>
      </c>
      <c r="E2567" cm="1">
        <f t="array" ref="E2567">IFERROR(INDEX(Jesper!AI$2:AI$366,ROUNDDOWN($C2567/24,0)+1,1)*INDEX($D$3:$AA$30,INDEX(Jesper!$R$2:$R$366,ROW(INDEX(Jesper!AI$2:AI$366,ROUNDDOWN($C2567/24,0)+1,1))-1)+IF('Standard Profiles'!$G$19=$B$10,7,0)+IF('Standard Profiles'!$G$19=$B$17,14,0)+IF('Standard Profiles'!$G$19=$B$24,21,0),MOD($C2567,24)+1)/SUM(INDEX($D$3:$AA$30,INDEX(Jesper!$R$2:$R$366,ROW(INDEX(Jesper!AI$2:AI$366,ROUNDDOWN($C2567/24,0)+1,1))-1)+IF('Standard Profiles'!$G$19=$B$10,7,0)+IF('Standard Profiles'!$G$19=$B$17,14,0)+IF('Standard Profiles'!$G$19=$B$24,21,0),0)),0)</f>
        <v>4.1957706025289978</v>
      </c>
      <c r="F2567" cm="1">
        <f t="array" ref="F2567">IFERROR(INDEX(Jesper!AJ$2:AJ$366,ROUNDDOWN($C2567/24,0)+1,1)*INDEX($D$3:$AA$30,INDEX(Jesper!$R$2:$R$366,ROW(INDEX(Jesper!AJ$2:AJ$366,ROUNDDOWN($C2567/24,0)+1,1))-1)+IF('Standard Profiles'!$G$20=$B$10,7,0)+IF('Standard Profiles'!$G$20=$B$17,14,0)+IF('Standard Profiles'!$G$20=$B$24,21,0),MOD($C2567,24)+1)/SUM(INDEX($D$3:$AA$30,INDEX(Jesper!$R$2:$R$366,ROW(INDEX(Jesper!AJ$2:AJ$366,ROUNDDOWN($C2567/24,0)+1,1))-1)+IF('Standard Profiles'!$G$20=$B$10,7,0)+IF('Standard Profiles'!$G$20=$B$17,14,0)+IF('Standard Profiles'!$G$20=$B$24,21,0),0)),0)</f>
        <v>3.2018528871387479</v>
      </c>
      <c r="G2567" cm="1">
        <f t="array" ref="G2567">IFERROR(INDEX(Jesper!AK$2:AK$366,ROUNDDOWN($C2567/24,0)+1,1)*INDEX($D$3:$AA$30,INDEX(Jesper!$R$2:$R$366,ROW(INDEX(Jesper!AK$2:AK$366,ROUNDDOWN($C2567/24,0)+1,1))-1)+IF('Standard Profiles'!$G$21=$B$10,7,0)+IF('Standard Profiles'!$G$21=$B$17,14,0)+IF('Standard Profiles'!$G$21=$B$24,21,0),MOD($C2567,24)+1)/SUM(INDEX($D$3:$AA$30,INDEX(Jesper!$R$2:$R$366,ROW(INDEX(Jesper!AK$2:AK$366,ROUNDDOWN($C2567/24,0)+1,1))-1)+IF('Standard Profiles'!$G$21=$B$10,7,0)+IF('Standard Profiles'!$G$21=$B$17,14,0)+IF('Standard Profiles'!$G$21=$B$24,21,0),0)),0)</f>
        <v>4.5048861778007652</v>
      </c>
      <c r="H2567" cm="1">
        <f t="array" ref="H2567">IFERROR(INDEX(Jesper!AL$2:AL$366,ROUNDDOWN($C2567/24,0)+1,1)*INDEX($D$3:$AA$30,INDEX(Jesper!$R$2:$R$366,ROW(INDEX(Jesper!AL$2:AL$366,ROUNDDOWN($C2567/24,0)+1,1))-1)+IF('Standard Profiles'!$G$22=$B$10,7,0)+IF('Standard Profiles'!$G$22=$B$17,14,0)+IF('Standard Profiles'!$G$22=$B$24,21,0),MOD($C2567,24)+1)/SUM(INDEX($D$3:$AA$30,INDEX(Jesper!$R$2:$R$366,ROW(INDEX(Jesper!AL$2:AL$366,ROUNDDOWN($C2567/24,0)+1,1))-1)+IF('Standard Profiles'!$G$22=$B$10,7,0)+IF('Standard Profiles'!$G$22=$B$17,14,0)+IF('Standard Profiles'!$G$22=$B$24,21,0),0)),0)</f>
        <v>4.0731853817101147</v>
      </c>
      <c r="I2567">
        <f t="shared" si="293"/>
        <v>3.9102579664417121</v>
      </c>
      <c r="J2567">
        <f t="shared" si="294"/>
        <v>11.561944610433434</v>
      </c>
      <c r="K2567">
        <f t="shared" si="295"/>
        <v>0.33566164820231981</v>
      </c>
      <c r="L2567">
        <f t="shared" si="296"/>
        <v>0.1678308241011599</v>
      </c>
      <c r="M2567">
        <f t="shared" si="297"/>
        <v>0</v>
      </c>
      <c r="N2567" s="45">
        <f t="shared" si="298"/>
        <v>45032.541666660523</v>
      </c>
    </row>
    <row r="2568" spans="2:14" x14ac:dyDescent="0.25">
      <c r="B2568">
        <f t="shared" si="292"/>
        <v>7</v>
      </c>
      <c r="C2568" s="16">
        <v>2534</v>
      </c>
      <c r="D2568" cm="1">
        <f t="array" ref="D2568">IFERROR(INDEX(Jesper!AH$2:AH$366,ROUNDDOWN($C2568/24,0)+1,1)*INDEX($D$3:$AA$30,INDEX(Jesper!$R$2:$R$366,ROW(INDEX(Jesper!AH$2:AH$366,ROUNDDOWN($C2568/24,0)+1,1))-1)+IF('Standard Profiles'!$G$18=$B$10,7,0)+IF('Standard Profiles'!$G$18=$B$17,14,0)+IF('Standard Profiles'!$G$18=$B$24,21,0),MOD($C2568,24)+1)/SUM(INDEX($D$3:$AA$30,INDEX(Jesper!$R$2:$R$366,ROW(INDEX(Jesper!AH$2:AH$366,ROUNDDOWN($C2568/24,0)+1,1))-1)+IF('Standard Profiles'!$G$18=$B$10,7,0)+IF('Standard Profiles'!$G$18=$B$17,14,0)+IF('Standard Profiles'!$G$18=$B$24,21,0),0)),0)</f>
        <v>0</v>
      </c>
      <c r="E2568" cm="1">
        <f t="array" ref="E2568">IFERROR(INDEX(Jesper!AI$2:AI$366,ROUNDDOWN($C2568/24,0)+1,1)*INDEX($D$3:$AA$30,INDEX(Jesper!$R$2:$R$366,ROW(INDEX(Jesper!AI$2:AI$366,ROUNDDOWN($C2568/24,0)+1,1))-1)+IF('Standard Profiles'!$G$19=$B$10,7,0)+IF('Standard Profiles'!$G$19=$B$17,14,0)+IF('Standard Profiles'!$G$19=$B$24,21,0),MOD($C2568,24)+1)/SUM(INDEX($D$3:$AA$30,INDEX(Jesper!$R$2:$R$366,ROW(INDEX(Jesper!AI$2:AI$366,ROUNDDOWN($C2568/24,0)+1,1))-1)+IF('Standard Profiles'!$G$19=$B$10,7,0)+IF('Standard Profiles'!$G$19=$B$17,14,0)+IF('Standard Profiles'!$G$19=$B$24,21,0),0)),0)</f>
        <v>4.1957706025289978</v>
      </c>
      <c r="F2568" cm="1">
        <f t="array" ref="F2568">IFERROR(INDEX(Jesper!AJ$2:AJ$366,ROUNDDOWN($C2568/24,0)+1,1)*INDEX($D$3:$AA$30,INDEX(Jesper!$R$2:$R$366,ROW(INDEX(Jesper!AJ$2:AJ$366,ROUNDDOWN($C2568/24,0)+1,1))-1)+IF('Standard Profiles'!$G$20=$B$10,7,0)+IF('Standard Profiles'!$G$20=$B$17,14,0)+IF('Standard Profiles'!$G$20=$B$24,21,0),MOD($C2568,24)+1)/SUM(INDEX($D$3:$AA$30,INDEX(Jesper!$R$2:$R$366,ROW(INDEX(Jesper!AJ$2:AJ$366,ROUNDDOWN($C2568/24,0)+1,1))-1)+IF('Standard Profiles'!$G$20=$B$10,7,0)+IF('Standard Profiles'!$G$20=$B$17,14,0)+IF('Standard Profiles'!$G$20=$B$24,21,0),0)),0)</f>
        <v>3.2018528871387479</v>
      </c>
      <c r="G2568" cm="1">
        <f t="array" ref="G2568">IFERROR(INDEX(Jesper!AK$2:AK$366,ROUNDDOWN($C2568/24,0)+1,1)*INDEX($D$3:$AA$30,INDEX(Jesper!$R$2:$R$366,ROW(INDEX(Jesper!AK$2:AK$366,ROUNDDOWN($C2568/24,0)+1,1))-1)+IF('Standard Profiles'!$G$21=$B$10,7,0)+IF('Standard Profiles'!$G$21=$B$17,14,0)+IF('Standard Profiles'!$G$21=$B$24,21,0),MOD($C2568,24)+1)/SUM(INDEX($D$3:$AA$30,INDEX(Jesper!$R$2:$R$366,ROW(INDEX(Jesper!AK$2:AK$366,ROUNDDOWN($C2568/24,0)+1,1))-1)+IF('Standard Profiles'!$G$21=$B$10,7,0)+IF('Standard Profiles'!$G$21=$B$17,14,0)+IF('Standard Profiles'!$G$21=$B$24,21,0),0)),0)</f>
        <v>4.5048861778007652</v>
      </c>
      <c r="H2568" cm="1">
        <f t="array" ref="H2568">IFERROR(INDEX(Jesper!AL$2:AL$366,ROUNDDOWN($C2568/24,0)+1,1)*INDEX($D$3:$AA$30,INDEX(Jesper!$R$2:$R$366,ROW(INDEX(Jesper!AL$2:AL$366,ROUNDDOWN($C2568/24,0)+1,1))-1)+IF('Standard Profiles'!$G$22=$B$10,7,0)+IF('Standard Profiles'!$G$22=$B$17,14,0)+IF('Standard Profiles'!$G$22=$B$24,21,0),MOD($C2568,24)+1)/SUM(INDEX($D$3:$AA$30,INDEX(Jesper!$R$2:$R$366,ROW(INDEX(Jesper!AL$2:AL$366,ROUNDDOWN($C2568/24,0)+1,1))-1)+IF('Standard Profiles'!$G$22=$B$10,7,0)+IF('Standard Profiles'!$G$22=$B$17,14,0)+IF('Standard Profiles'!$G$22=$B$24,21,0),0)),0)</f>
        <v>4.0731853817101147</v>
      </c>
      <c r="I2568">
        <f t="shared" si="293"/>
        <v>3.9102579664417121</v>
      </c>
      <c r="J2568">
        <f t="shared" si="294"/>
        <v>11.561944610433434</v>
      </c>
      <c r="K2568">
        <f t="shared" si="295"/>
        <v>0.33566164820231981</v>
      </c>
      <c r="L2568">
        <f t="shared" si="296"/>
        <v>0.1678308241011599</v>
      </c>
      <c r="M2568">
        <f t="shared" si="297"/>
        <v>0</v>
      </c>
      <c r="N2568" s="45">
        <f t="shared" si="298"/>
        <v>45032.583333327188</v>
      </c>
    </row>
    <row r="2569" spans="2:14" x14ac:dyDescent="0.25">
      <c r="B2569">
        <f t="shared" si="292"/>
        <v>7</v>
      </c>
      <c r="C2569" s="16">
        <v>2535</v>
      </c>
      <c r="D2569" cm="1">
        <f t="array" ref="D2569">IFERROR(INDEX(Jesper!AH$2:AH$366,ROUNDDOWN($C2569/24,0)+1,1)*INDEX($D$3:$AA$30,INDEX(Jesper!$R$2:$R$366,ROW(INDEX(Jesper!AH$2:AH$366,ROUNDDOWN($C2569/24,0)+1,1))-1)+IF('Standard Profiles'!$G$18=$B$10,7,0)+IF('Standard Profiles'!$G$18=$B$17,14,0)+IF('Standard Profiles'!$G$18=$B$24,21,0),MOD($C2569,24)+1)/SUM(INDEX($D$3:$AA$30,INDEX(Jesper!$R$2:$R$366,ROW(INDEX(Jesper!AH$2:AH$366,ROUNDDOWN($C2569/24,0)+1,1))-1)+IF('Standard Profiles'!$G$18=$B$10,7,0)+IF('Standard Profiles'!$G$18=$B$17,14,0)+IF('Standard Profiles'!$G$18=$B$24,21,0),0)),0)</f>
        <v>0</v>
      </c>
      <c r="E2569" cm="1">
        <f t="array" ref="E2569">IFERROR(INDEX(Jesper!AI$2:AI$366,ROUNDDOWN($C2569/24,0)+1,1)*INDEX($D$3:$AA$30,INDEX(Jesper!$R$2:$R$366,ROW(INDEX(Jesper!AI$2:AI$366,ROUNDDOWN($C2569/24,0)+1,1))-1)+IF('Standard Profiles'!$G$19=$B$10,7,0)+IF('Standard Profiles'!$G$19=$B$17,14,0)+IF('Standard Profiles'!$G$19=$B$24,21,0),MOD($C2569,24)+1)/SUM(INDEX($D$3:$AA$30,INDEX(Jesper!$R$2:$R$366,ROW(INDEX(Jesper!AI$2:AI$366,ROUNDDOWN($C2569/24,0)+1,1))-1)+IF('Standard Profiles'!$G$19=$B$10,7,0)+IF('Standard Profiles'!$G$19=$B$17,14,0)+IF('Standard Profiles'!$G$19=$B$24,21,0),0)),0)</f>
        <v>4.1957706025289978</v>
      </c>
      <c r="F2569" cm="1">
        <f t="array" ref="F2569">IFERROR(INDEX(Jesper!AJ$2:AJ$366,ROUNDDOWN($C2569/24,0)+1,1)*INDEX($D$3:$AA$30,INDEX(Jesper!$R$2:$R$366,ROW(INDEX(Jesper!AJ$2:AJ$366,ROUNDDOWN($C2569/24,0)+1,1))-1)+IF('Standard Profiles'!$G$20=$B$10,7,0)+IF('Standard Profiles'!$G$20=$B$17,14,0)+IF('Standard Profiles'!$G$20=$B$24,21,0),MOD($C2569,24)+1)/SUM(INDEX($D$3:$AA$30,INDEX(Jesper!$R$2:$R$366,ROW(INDEX(Jesper!AJ$2:AJ$366,ROUNDDOWN($C2569/24,0)+1,1))-1)+IF('Standard Profiles'!$G$20=$B$10,7,0)+IF('Standard Profiles'!$G$20=$B$17,14,0)+IF('Standard Profiles'!$G$20=$B$24,21,0),0)),0)</f>
        <v>3.2018528871387479</v>
      </c>
      <c r="G2569" cm="1">
        <f t="array" ref="G2569">IFERROR(INDEX(Jesper!AK$2:AK$366,ROUNDDOWN($C2569/24,0)+1,1)*INDEX($D$3:$AA$30,INDEX(Jesper!$R$2:$R$366,ROW(INDEX(Jesper!AK$2:AK$366,ROUNDDOWN($C2569/24,0)+1,1))-1)+IF('Standard Profiles'!$G$21=$B$10,7,0)+IF('Standard Profiles'!$G$21=$B$17,14,0)+IF('Standard Profiles'!$G$21=$B$24,21,0),MOD($C2569,24)+1)/SUM(INDEX($D$3:$AA$30,INDEX(Jesper!$R$2:$R$366,ROW(INDEX(Jesper!AK$2:AK$366,ROUNDDOWN($C2569/24,0)+1,1))-1)+IF('Standard Profiles'!$G$21=$B$10,7,0)+IF('Standard Profiles'!$G$21=$B$17,14,0)+IF('Standard Profiles'!$G$21=$B$24,21,0),0)),0)</f>
        <v>4.5048861778007652</v>
      </c>
      <c r="H2569" cm="1">
        <f t="array" ref="H2569">IFERROR(INDEX(Jesper!AL$2:AL$366,ROUNDDOWN($C2569/24,0)+1,1)*INDEX($D$3:$AA$30,INDEX(Jesper!$R$2:$R$366,ROW(INDEX(Jesper!AL$2:AL$366,ROUNDDOWN($C2569/24,0)+1,1))-1)+IF('Standard Profiles'!$G$22=$B$10,7,0)+IF('Standard Profiles'!$G$22=$B$17,14,0)+IF('Standard Profiles'!$G$22=$B$24,21,0),MOD($C2569,24)+1)/SUM(INDEX($D$3:$AA$30,INDEX(Jesper!$R$2:$R$366,ROW(INDEX(Jesper!AL$2:AL$366,ROUNDDOWN($C2569/24,0)+1,1))-1)+IF('Standard Profiles'!$G$22=$B$10,7,0)+IF('Standard Profiles'!$G$22=$B$17,14,0)+IF('Standard Profiles'!$G$22=$B$24,21,0),0)),0)</f>
        <v>3.6206092281867681</v>
      </c>
      <c r="I2569">
        <f t="shared" si="293"/>
        <v>3.4757848590592992</v>
      </c>
      <c r="J2569">
        <f t="shared" si="294"/>
        <v>11.543841564292499</v>
      </c>
      <c r="K2569">
        <f t="shared" si="295"/>
        <v>0.33566164820231981</v>
      </c>
      <c r="L2569">
        <f t="shared" si="296"/>
        <v>0.1678308241011599</v>
      </c>
      <c r="M2569">
        <f t="shared" si="297"/>
        <v>0</v>
      </c>
      <c r="N2569" s="45">
        <f t="shared" si="298"/>
        <v>45032.624999993852</v>
      </c>
    </row>
    <row r="2570" spans="2:14" x14ac:dyDescent="0.25">
      <c r="B2570">
        <f t="shared" si="292"/>
        <v>7</v>
      </c>
      <c r="C2570" s="16">
        <v>2536</v>
      </c>
      <c r="D2570" cm="1">
        <f t="array" ref="D2570">IFERROR(INDEX(Jesper!AH$2:AH$366,ROUNDDOWN($C2570/24,0)+1,1)*INDEX($D$3:$AA$30,INDEX(Jesper!$R$2:$R$366,ROW(INDEX(Jesper!AH$2:AH$366,ROUNDDOWN($C2570/24,0)+1,1))-1)+IF('Standard Profiles'!$G$18=$B$10,7,0)+IF('Standard Profiles'!$G$18=$B$17,14,0)+IF('Standard Profiles'!$G$18=$B$24,21,0),MOD($C2570,24)+1)/SUM(INDEX($D$3:$AA$30,INDEX(Jesper!$R$2:$R$366,ROW(INDEX(Jesper!AH$2:AH$366,ROUNDDOWN($C2570/24,0)+1,1))-1)+IF('Standard Profiles'!$G$18=$B$10,7,0)+IF('Standard Profiles'!$G$18=$B$17,14,0)+IF('Standard Profiles'!$G$18=$B$24,21,0),0)),0)</f>
        <v>0</v>
      </c>
      <c r="E2570" cm="1">
        <f t="array" ref="E2570">IFERROR(INDEX(Jesper!AI$2:AI$366,ROUNDDOWN($C2570/24,0)+1,1)*INDEX($D$3:$AA$30,INDEX(Jesper!$R$2:$R$366,ROW(INDEX(Jesper!AI$2:AI$366,ROUNDDOWN($C2570/24,0)+1,1))-1)+IF('Standard Profiles'!$G$19=$B$10,7,0)+IF('Standard Profiles'!$G$19=$B$17,14,0)+IF('Standard Profiles'!$G$19=$B$24,21,0),MOD($C2570,24)+1)/SUM(INDEX($D$3:$AA$30,INDEX(Jesper!$R$2:$R$366,ROW(INDEX(Jesper!AI$2:AI$366,ROUNDDOWN($C2570/24,0)+1,1))-1)+IF('Standard Profiles'!$G$19=$B$10,7,0)+IF('Standard Profiles'!$G$19=$B$17,14,0)+IF('Standard Profiles'!$G$19=$B$24,21,0),0)),0)</f>
        <v>4.1957706025289978</v>
      </c>
      <c r="F2570" cm="1">
        <f t="array" ref="F2570">IFERROR(INDEX(Jesper!AJ$2:AJ$366,ROUNDDOWN($C2570/24,0)+1,1)*INDEX($D$3:$AA$30,INDEX(Jesper!$R$2:$R$366,ROW(INDEX(Jesper!AJ$2:AJ$366,ROUNDDOWN($C2570/24,0)+1,1))-1)+IF('Standard Profiles'!$G$20=$B$10,7,0)+IF('Standard Profiles'!$G$20=$B$17,14,0)+IF('Standard Profiles'!$G$20=$B$24,21,0),MOD($C2570,24)+1)/SUM(INDEX($D$3:$AA$30,INDEX(Jesper!$R$2:$R$366,ROW(INDEX(Jesper!AJ$2:AJ$366,ROUNDDOWN($C2570/24,0)+1,1))-1)+IF('Standard Profiles'!$G$20=$B$10,7,0)+IF('Standard Profiles'!$G$20=$B$17,14,0)+IF('Standard Profiles'!$G$20=$B$24,21,0),0)),0)</f>
        <v>3.2018528871387479</v>
      </c>
      <c r="G2570" cm="1">
        <f t="array" ref="G2570">IFERROR(INDEX(Jesper!AK$2:AK$366,ROUNDDOWN($C2570/24,0)+1,1)*INDEX($D$3:$AA$30,INDEX(Jesper!$R$2:$R$366,ROW(INDEX(Jesper!AK$2:AK$366,ROUNDDOWN($C2570/24,0)+1,1))-1)+IF('Standard Profiles'!$G$21=$B$10,7,0)+IF('Standard Profiles'!$G$21=$B$17,14,0)+IF('Standard Profiles'!$G$21=$B$24,21,0),MOD($C2570,24)+1)/SUM(INDEX($D$3:$AA$30,INDEX(Jesper!$R$2:$R$366,ROW(INDEX(Jesper!AK$2:AK$366,ROUNDDOWN($C2570/24,0)+1,1))-1)+IF('Standard Profiles'!$G$21=$B$10,7,0)+IF('Standard Profiles'!$G$21=$B$17,14,0)+IF('Standard Profiles'!$G$21=$B$24,21,0),0)),0)</f>
        <v>4.5048861778007652</v>
      </c>
      <c r="H2570" cm="1">
        <f t="array" ref="H2570">IFERROR(INDEX(Jesper!AL$2:AL$366,ROUNDDOWN($C2570/24,0)+1,1)*INDEX($D$3:$AA$30,INDEX(Jesper!$R$2:$R$366,ROW(INDEX(Jesper!AL$2:AL$366,ROUNDDOWN($C2570/24,0)+1,1))-1)+IF('Standard Profiles'!$G$22=$B$10,7,0)+IF('Standard Profiles'!$G$22=$B$17,14,0)+IF('Standard Profiles'!$G$22=$B$24,21,0),MOD($C2570,24)+1)/SUM(INDEX($D$3:$AA$30,INDEX(Jesper!$R$2:$R$366,ROW(INDEX(Jesper!AL$2:AL$366,ROUNDDOWN($C2570/24,0)+1,1))-1)+IF('Standard Profiles'!$G$22=$B$10,7,0)+IF('Standard Profiles'!$G$22=$B$17,14,0)+IF('Standard Profiles'!$G$22=$B$24,21,0),0)),0)</f>
        <v>3.5559554919691472</v>
      </c>
      <c r="I2570">
        <f t="shared" si="293"/>
        <v>3.4137172722903832</v>
      </c>
      <c r="J2570">
        <f t="shared" si="294"/>
        <v>11.541255414843794</v>
      </c>
      <c r="K2570">
        <f t="shared" si="295"/>
        <v>0.33566164820231981</v>
      </c>
      <c r="L2570">
        <f t="shared" si="296"/>
        <v>0.1678308241011599</v>
      </c>
      <c r="M2570">
        <f t="shared" si="297"/>
        <v>0</v>
      </c>
      <c r="N2570" s="45">
        <f t="shared" si="298"/>
        <v>45032.666666660516</v>
      </c>
    </row>
    <row r="2571" spans="2:14" x14ac:dyDescent="0.25">
      <c r="B2571">
        <f t="shared" si="292"/>
        <v>7</v>
      </c>
      <c r="C2571" s="16">
        <v>2537</v>
      </c>
      <c r="D2571" cm="1">
        <f t="array" ref="D2571">IFERROR(INDEX(Jesper!AH$2:AH$366,ROUNDDOWN($C2571/24,0)+1,1)*INDEX($D$3:$AA$30,INDEX(Jesper!$R$2:$R$366,ROW(INDEX(Jesper!AH$2:AH$366,ROUNDDOWN($C2571/24,0)+1,1))-1)+IF('Standard Profiles'!$G$18=$B$10,7,0)+IF('Standard Profiles'!$G$18=$B$17,14,0)+IF('Standard Profiles'!$G$18=$B$24,21,0),MOD($C2571,24)+1)/SUM(INDEX($D$3:$AA$30,INDEX(Jesper!$R$2:$R$366,ROW(INDEX(Jesper!AH$2:AH$366,ROUNDDOWN($C2571/24,0)+1,1))-1)+IF('Standard Profiles'!$G$18=$B$10,7,0)+IF('Standard Profiles'!$G$18=$B$17,14,0)+IF('Standard Profiles'!$G$18=$B$24,21,0),0)),0)</f>
        <v>0</v>
      </c>
      <c r="E2571" cm="1">
        <f t="array" ref="E2571">IFERROR(INDEX(Jesper!AI$2:AI$366,ROUNDDOWN($C2571/24,0)+1,1)*INDEX($D$3:$AA$30,INDEX(Jesper!$R$2:$R$366,ROW(INDEX(Jesper!AI$2:AI$366,ROUNDDOWN($C2571/24,0)+1,1))-1)+IF('Standard Profiles'!$G$19=$B$10,7,0)+IF('Standard Profiles'!$G$19=$B$17,14,0)+IF('Standard Profiles'!$G$19=$B$24,21,0),MOD($C2571,24)+1)/SUM(INDEX($D$3:$AA$30,INDEX(Jesper!$R$2:$R$366,ROW(INDEX(Jesper!AI$2:AI$366,ROUNDDOWN($C2571/24,0)+1,1))-1)+IF('Standard Profiles'!$G$19=$B$10,7,0)+IF('Standard Profiles'!$G$19=$B$17,14,0)+IF('Standard Profiles'!$G$19=$B$24,21,0),0)),0)</f>
        <v>4.1957706025289978</v>
      </c>
      <c r="F2571" cm="1">
        <f t="array" ref="F2571">IFERROR(INDEX(Jesper!AJ$2:AJ$366,ROUNDDOWN($C2571/24,0)+1,1)*INDEX($D$3:$AA$30,INDEX(Jesper!$R$2:$R$366,ROW(INDEX(Jesper!AJ$2:AJ$366,ROUNDDOWN($C2571/24,0)+1,1))-1)+IF('Standard Profiles'!$G$20=$B$10,7,0)+IF('Standard Profiles'!$G$20=$B$17,14,0)+IF('Standard Profiles'!$G$20=$B$24,21,0),MOD($C2571,24)+1)/SUM(INDEX($D$3:$AA$30,INDEX(Jesper!$R$2:$R$366,ROW(INDEX(Jesper!AJ$2:AJ$366,ROUNDDOWN($C2571/24,0)+1,1))-1)+IF('Standard Profiles'!$G$20=$B$10,7,0)+IF('Standard Profiles'!$G$20=$B$17,14,0)+IF('Standard Profiles'!$G$20=$B$24,21,0),0)),0)</f>
        <v>3.2018528871387479</v>
      </c>
      <c r="G2571" cm="1">
        <f t="array" ref="G2571">IFERROR(INDEX(Jesper!AK$2:AK$366,ROUNDDOWN($C2571/24,0)+1,1)*INDEX($D$3:$AA$30,INDEX(Jesper!$R$2:$R$366,ROW(INDEX(Jesper!AK$2:AK$366,ROUNDDOWN($C2571/24,0)+1,1))-1)+IF('Standard Profiles'!$G$21=$B$10,7,0)+IF('Standard Profiles'!$G$21=$B$17,14,0)+IF('Standard Profiles'!$G$21=$B$24,21,0),MOD($C2571,24)+1)/SUM(INDEX($D$3:$AA$30,INDEX(Jesper!$R$2:$R$366,ROW(INDEX(Jesper!AK$2:AK$366,ROUNDDOWN($C2571/24,0)+1,1))-1)+IF('Standard Profiles'!$G$21=$B$10,7,0)+IF('Standard Profiles'!$G$21=$B$17,14,0)+IF('Standard Profiles'!$G$21=$B$24,21,0),0)),0)</f>
        <v>4.5048861778007652</v>
      </c>
      <c r="H2571" cm="1">
        <f t="array" ref="H2571">IFERROR(INDEX(Jesper!AL$2:AL$366,ROUNDDOWN($C2571/24,0)+1,1)*INDEX($D$3:$AA$30,INDEX(Jesper!$R$2:$R$366,ROW(INDEX(Jesper!AL$2:AL$366,ROUNDDOWN($C2571/24,0)+1,1))-1)+IF('Standard Profiles'!$G$22=$B$10,7,0)+IF('Standard Profiles'!$G$22=$B$17,14,0)+IF('Standard Profiles'!$G$22=$B$24,21,0),MOD($C2571,24)+1)/SUM(INDEX($D$3:$AA$30,INDEX(Jesper!$R$2:$R$366,ROW(INDEX(Jesper!AL$2:AL$366,ROUNDDOWN($C2571/24,0)+1,1))-1)+IF('Standard Profiles'!$G$22=$B$10,7,0)+IF('Standard Profiles'!$G$22=$B$17,14,0)+IF('Standard Profiles'!$G$22=$B$24,21,0),0)),0)</f>
        <v>3.0387256022281806</v>
      </c>
      <c r="I2571">
        <f t="shared" si="293"/>
        <v>2.9171765781390548</v>
      </c>
      <c r="J2571">
        <f t="shared" si="294"/>
        <v>11.520566219254157</v>
      </c>
      <c r="K2571">
        <f t="shared" si="295"/>
        <v>0.33566164820231981</v>
      </c>
      <c r="L2571">
        <f t="shared" si="296"/>
        <v>0.1678308241011599</v>
      </c>
      <c r="M2571">
        <f t="shared" si="297"/>
        <v>0</v>
      </c>
      <c r="N2571" s="45">
        <f t="shared" si="298"/>
        <v>45032.70833332718</v>
      </c>
    </row>
    <row r="2572" spans="2:14" x14ac:dyDescent="0.25">
      <c r="B2572">
        <f t="shared" si="292"/>
        <v>7</v>
      </c>
      <c r="C2572" s="16">
        <v>2538</v>
      </c>
      <c r="D2572" cm="1">
        <f t="array" ref="D2572">IFERROR(INDEX(Jesper!AH$2:AH$366,ROUNDDOWN($C2572/24,0)+1,1)*INDEX($D$3:$AA$30,INDEX(Jesper!$R$2:$R$366,ROW(INDEX(Jesper!AH$2:AH$366,ROUNDDOWN($C2572/24,0)+1,1))-1)+IF('Standard Profiles'!$G$18=$B$10,7,0)+IF('Standard Profiles'!$G$18=$B$17,14,0)+IF('Standard Profiles'!$G$18=$B$24,21,0),MOD($C2572,24)+1)/SUM(INDEX($D$3:$AA$30,INDEX(Jesper!$R$2:$R$366,ROW(INDEX(Jesper!AH$2:AH$366,ROUNDDOWN($C2572/24,0)+1,1))-1)+IF('Standard Profiles'!$G$18=$B$10,7,0)+IF('Standard Profiles'!$G$18=$B$17,14,0)+IF('Standard Profiles'!$G$18=$B$24,21,0),0)),0)</f>
        <v>0</v>
      </c>
      <c r="E2572" cm="1">
        <f t="array" ref="E2572">IFERROR(INDEX(Jesper!AI$2:AI$366,ROUNDDOWN($C2572/24,0)+1,1)*INDEX($D$3:$AA$30,INDEX(Jesper!$R$2:$R$366,ROW(INDEX(Jesper!AI$2:AI$366,ROUNDDOWN($C2572/24,0)+1,1))-1)+IF('Standard Profiles'!$G$19=$B$10,7,0)+IF('Standard Profiles'!$G$19=$B$17,14,0)+IF('Standard Profiles'!$G$19=$B$24,21,0),MOD($C2572,24)+1)/SUM(INDEX($D$3:$AA$30,INDEX(Jesper!$R$2:$R$366,ROW(INDEX(Jesper!AI$2:AI$366,ROUNDDOWN($C2572/24,0)+1,1))-1)+IF('Standard Profiles'!$G$19=$B$10,7,0)+IF('Standard Profiles'!$G$19=$B$17,14,0)+IF('Standard Profiles'!$G$19=$B$24,21,0),0)),0)</f>
        <v>4.1957706025289978</v>
      </c>
      <c r="F2572" cm="1">
        <f t="array" ref="F2572">IFERROR(INDEX(Jesper!AJ$2:AJ$366,ROUNDDOWN($C2572/24,0)+1,1)*INDEX($D$3:$AA$30,INDEX(Jesper!$R$2:$R$366,ROW(INDEX(Jesper!AJ$2:AJ$366,ROUNDDOWN($C2572/24,0)+1,1))-1)+IF('Standard Profiles'!$G$20=$B$10,7,0)+IF('Standard Profiles'!$G$20=$B$17,14,0)+IF('Standard Profiles'!$G$20=$B$24,21,0),MOD($C2572,24)+1)/SUM(INDEX($D$3:$AA$30,INDEX(Jesper!$R$2:$R$366,ROW(INDEX(Jesper!AJ$2:AJ$366,ROUNDDOWN($C2572/24,0)+1,1))-1)+IF('Standard Profiles'!$G$20=$B$10,7,0)+IF('Standard Profiles'!$G$20=$B$17,14,0)+IF('Standard Profiles'!$G$20=$B$24,21,0),0)),0)</f>
        <v>3.2018528871387479</v>
      </c>
      <c r="G2572" cm="1">
        <f t="array" ref="G2572">IFERROR(INDEX(Jesper!AK$2:AK$366,ROUNDDOWN($C2572/24,0)+1,1)*INDEX($D$3:$AA$30,INDEX(Jesper!$R$2:$R$366,ROW(INDEX(Jesper!AK$2:AK$366,ROUNDDOWN($C2572/24,0)+1,1))-1)+IF('Standard Profiles'!$G$21=$B$10,7,0)+IF('Standard Profiles'!$G$21=$B$17,14,0)+IF('Standard Profiles'!$G$21=$B$24,21,0),MOD($C2572,24)+1)/SUM(INDEX($D$3:$AA$30,INDEX(Jesper!$R$2:$R$366,ROW(INDEX(Jesper!AK$2:AK$366,ROUNDDOWN($C2572/24,0)+1,1))-1)+IF('Standard Profiles'!$G$21=$B$10,7,0)+IF('Standard Profiles'!$G$21=$B$17,14,0)+IF('Standard Profiles'!$G$21=$B$24,21,0),0)),0)</f>
        <v>4.5048861778007652</v>
      </c>
      <c r="H2572" cm="1">
        <f t="array" ref="H2572">IFERROR(INDEX(Jesper!AL$2:AL$366,ROUNDDOWN($C2572/24,0)+1,1)*INDEX($D$3:$AA$30,INDEX(Jesper!$R$2:$R$366,ROW(INDEX(Jesper!AL$2:AL$366,ROUNDDOWN($C2572/24,0)+1,1))-1)+IF('Standard Profiles'!$G$22=$B$10,7,0)+IF('Standard Profiles'!$G$22=$B$17,14,0)+IF('Standard Profiles'!$G$22=$B$24,21,0),MOD($C2572,24)+1)/SUM(INDEX($D$3:$AA$30,INDEX(Jesper!$R$2:$R$366,ROW(INDEX(Jesper!AL$2:AL$366,ROUNDDOWN($C2572/24,0)+1,1))-1)+IF('Standard Profiles'!$G$22=$B$10,7,0)+IF('Standard Profiles'!$G$22=$B$17,14,0)+IF('Standard Profiles'!$G$22=$B$24,21,0),0)),0)</f>
        <v>2.8447643935753182</v>
      </c>
      <c r="I2572">
        <f t="shared" si="293"/>
        <v>2.7309738178323069</v>
      </c>
      <c r="J2572">
        <f t="shared" si="294"/>
        <v>11.512807770908042</v>
      </c>
      <c r="K2572">
        <f t="shared" si="295"/>
        <v>0.33566164820231981</v>
      </c>
      <c r="L2572">
        <f t="shared" si="296"/>
        <v>0.1678308241011599</v>
      </c>
      <c r="M2572">
        <f t="shared" si="297"/>
        <v>0</v>
      </c>
      <c r="N2572" s="45">
        <f t="shared" si="298"/>
        <v>45032.749999993845</v>
      </c>
    </row>
    <row r="2573" spans="2:14" x14ac:dyDescent="0.25">
      <c r="B2573">
        <f t="shared" si="292"/>
        <v>7</v>
      </c>
      <c r="C2573" s="16">
        <v>2539</v>
      </c>
      <c r="D2573" cm="1">
        <f t="array" ref="D2573">IFERROR(INDEX(Jesper!AH$2:AH$366,ROUNDDOWN($C2573/24,0)+1,1)*INDEX($D$3:$AA$30,INDEX(Jesper!$R$2:$R$366,ROW(INDEX(Jesper!AH$2:AH$366,ROUNDDOWN($C2573/24,0)+1,1))-1)+IF('Standard Profiles'!$G$18=$B$10,7,0)+IF('Standard Profiles'!$G$18=$B$17,14,0)+IF('Standard Profiles'!$G$18=$B$24,21,0),MOD($C2573,24)+1)/SUM(INDEX($D$3:$AA$30,INDEX(Jesper!$R$2:$R$366,ROW(INDEX(Jesper!AH$2:AH$366,ROUNDDOWN($C2573/24,0)+1,1))-1)+IF('Standard Profiles'!$G$18=$B$10,7,0)+IF('Standard Profiles'!$G$18=$B$17,14,0)+IF('Standard Profiles'!$G$18=$B$24,21,0),0)),0)</f>
        <v>0</v>
      </c>
      <c r="E2573" cm="1">
        <f t="array" ref="E2573">IFERROR(INDEX(Jesper!AI$2:AI$366,ROUNDDOWN($C2573/24,0)+1,1)*INDEX($D$3:$AA$30,INDEX(Jesper!$R$2:$R$366,ROW(INDEX(Jesper!AI$2:AI$366,ROUNDDOWN($C2573/24,0)+1,1))-1)+IF('Standard Profiles'!$G$19=$B$10,7,0)+IF('Standard Profiles'!$G$19=$B$17,14,0)+IF('Standard Profiles'!$G$19=$B$24,21,0),MOD($C2573,24)+1)/SUM(INDEX($D$3:$AA$30,INDEX(Jesper!$R$2:$R$366,ROW(INDEX(Jesper!AI$2:AI$366,ROUNDDOWN($C2573/24,0)+1,1))-1)+IF('Standard Profiles'!$G$19=$B$10,7,0)+IF('Standard Profiles'!$G$19=$B$17,14,0)+IF('Standard Profiles'!$G$19=$B$24,21,0),0)),0)</f>
        <v>4.1957706025289978</v>
      </c>
      <c r="F2573" cm="1">
        <f t="array" ref="F2573">IFERROR(INDEX(Jesper!AJ$2:AJ$366,ROUNDDOWN($C2573/24,0)+1,1)*INDEX($D$3:$AA$30,INDEX(Jesper!$R$2:$R$366,ROW(INDEX(Jesper!AJ$2:AJ$366,ROUNDDOWN($C2573/24,0)+1,1))-1)+IF('Standard Profiles'!$G$20=$B$10,7,0)+IF('Standard Profiles'!$G$20=$B$17,14,0)+IF('Standard Profiles'!$G$20=$B$24,21,0),MOD($C2573,24)+1)/SUM(INDEX($D$3:$AA$30,INDEX(Jesper!$R$2:$R$366,ROW(INDEX(Jesper!AJ$2:AJ$366,ROUNDDOWN($C2573/24,0)+1,1))-1)+IF('Standard Profiles'!$G$20=$B$10,7,0)+IF('Standard Profiles'!$G$20=$B$17,14,0)+IF('Standard Profiles'!$G$20=$B$24,21,0),0)),0)</f>
        <v>3.2018528871387479</v>
      </c>
      <c r="G2573" cm="1">
        <f t="array" ref="G2573">IFERROR(INDEX(Jesper!AK$2:AK$366,ROUNDDOWN($C2573/24,0)+1,1)*INDEX($D$3:$AA$30,INDEX(Jesper!$R$2:$R$366,ROW(INDEX(Jesper!AK$2:AK$366,ROUNDDOWN($C2573/24,0)+1,1))-1)+IF('Standard Profiles'!$G$21=$B$10,7,0)+IF('Standard Profiles'!$G$21=$B$17,14,0)+IF('Standard Profiles'!$G$21=$B$24,21,0),MOD($C2573,24)+1)/SUM(INDEX($D$3:$AA$30,INDEX(Jesper!$R$2:$R$366,ROW(INDEX(Jesper!AK$2:AK$366,ROUNDDOWN($C2573/24,0)+1,1))-1)+IF('Standard Profiles'!$G$21=$B$10,7,0)+IF('Standard Profiles'!$G$21=$B$17,14,0)+IF('Standard Profiles'!$G$21=$B$24,21,0),0)),0)</f>
        <v>4.5048861778007652</v>
      </c>
      <c r="H2573" cm="1">
        <f t="array" ref="H2573">IFERROR(INDEX(Jesper!AL$2:AL$366,ROUNDDOWN($C2573/24,0)+1,1)*INDEX($D$3:$AA$30,INDEX(Jesper!$R$2:$R$366,ROW(INDEX(Jesper!AL$2:AL$366,ROUNDDOWN($C2573/24,0)+1,1))-1)+IF('Standard Profiles'!$G$22=$B$10,7,0)+IF('Standard Profiles'!$G$22=$B$17,14,0)+IF('Standard Profiles'!$G$22=$B$24,21,0),MOD($C2573,24)+1)/SUM(INDEX($D$3:$AA$30,INDEX(Jesper!$R$2:$R$366,ROW(INDEX(Jesper!AL$2:AL$366,ROUNDDOWN($C2573/24,0)+1,1))-1)+IF('Standard Profiles'!$G$22=$B$10,7,0)+IF('Standard Profiles'!$G$22=$B$17,14,0)+IF('Standard Profiles'!$G$22=$B$24,21,0),0)),0)</f>
        <v>2.3921882400519721</v>
      </c>
      <c r="I2573">
        <f t="shared" si="293"/>
        <v>2.2965007104498945</v>
      </c>
      <c r="J2573">
        <f t="shared" si="294"/>
        <v>11.494704724767109</v>
      </c>
      <c r="K2573">
        <f t="shared" si="295"/>
        <v>0.33566164820231981</v>
      </c>
      <c r="L2573">
        <f t="shared" si="296"/>
        <v>0.1678308241011599</v>
      </c>
      <c r="M2573">
        <f t="shared" si="297"/>
        <v>0</v>
      </c>
      <c r="N2573" s="45">
        <f t="shared" si="298"/>
        <v>45032.791666660509</v>
      </c>
    </row>
    <row r="2574" spans="2:14" x14ac:dyDescent="0.25">
      <c r="B2574">
        <f t="shared" si="292"/>
        <v>7</v>
      </c>
      <c r="C2574" s="16">
        <v>2540</v>
      </c>
      <c r="D2574" cm="1">
        <f t="array" ref="D2574">IFERROR(INDEX(Jesper!AH$2:AH$366,ROUNDDOWN($C2574/24,0)+1,1)*INDEX($D$3:$AA$30,INDEX(Jesper!$R$2:$R$366,ROW(INDEX(Jesper!AH$2:AH$366,ROUNDDOWN($C2574/24,0)+1,1))-1)+IF('Standard Profiles'!$G$18=$B$10,7,0)+IF('Standard Profiles'!$G$18=$B$17,14,0)+IF('Standard Profiles'!$G$18=$B$24,21,0),MOD($C2574,24)+1)/SUM(INDEX($D$3:$AA$30,INDEX(Jesper!$R$2:$R$366,ROW(INDEX(Jesper!AH$2:AH$366,ROUNDDOWN($C2574/24,0)+1,1))-1)+IF('Standard Profiles'!$G$18=$B$10,7,0)+IF('Standard Profiles'!$G$18=$B$17,14,0)+IF('Standard Profiles'!$G$18=$B$24,21,0),0)),0)</f>
        <v>0</v>
      </c>
      <c r="E2574" cm="1">
        <f t="array" ref="E2574">IFERROR(INDEX(Jesper!AI$2:AI$366,ROUNDDOWN($C2574/24,0)+1,1)*INDEX($D$3:$AA$30,INDEX(Jesper!$R$2:$R$366,ROW(INDEX(Jesper!AI$2:AI$366,ROUNDDOWN($C2574/24,0)+1,1))-1)+IF('Standard Profiles'!$G$19=$B$10,7,0)+IF('Standard Profiles'!$G$19=$B$17,14,0)+IF('Standard Profiles'!$G$19=$B$24,21,0),MOD($C2574,24)+1)/SUM(INDEX($D$3:$AA$30,INDEX(Jesper!$R$2:$R$366,ROW(INDEX(Jesper!AI$2:AI$366,ROUNDDOWN($C2574/24,0)+1,1))-1)+IF('Standard Profiles'!$G$19=$B$10,7,0)+IF('Standard Profiles'!$G$19=$B$17,14,0)+IF('Standard Profiles'!$G$19=$B$24,21,0),0)),0)</f>
        <v>4.1957706025289978</v>
      </c>
      <c r="F2574" cm="1">
        <f t="array" ref="F2574">IFERROR(INDEX(Jesper!AJ$2:AJ$366,ROUNDDOWN($C2574/24,0)+1,1)*INDEX($D$3:$AA$30,INDEX(Jesper!$R$2:$R$366,ROW(INDEX(Jesper!AJ$2:AJ$366,ROUNDDOWN($C2574/24,0)+1,1))-1)+IF('Standard Profiles'!$G$20=$B$10,7,0)+IF('Standard Profiles'!$G$20=$B$17,14,0)+IF('Standard Profiles'!$G$20=$B$24,21,0),MOD($C2574,24)+1)/SUM(INDEX($D$3:$AA$30,INDEX(Jesper!$R$2:$R$366,ROW(INDEX(Jesper!AJ$2:AJ$366,ROUNDDOWN($C2574/24,0)+1,1))-1)+IF('Standard Profiles'!$G$20=$B$10,7,0)+IF('Standard Profiles'!$G$20=$B$17,14,0)+IF('Standard Profiles'!$G$20=$B$24,21,0),0)),0)</f>
        <v>3.2018528871387479</v>
      </c>
      <c r="G2574" cm="1">
        <f t="array" ref="G2574">IFERROR(INDEX(Jesper!AK$2:AK$366,ROUNDDOWN($C2574/24,0)+1,1)*INDEX($D$3:$AA$30,INDEX(Jesper!$R$2:$R$366,ROW(INDEX(Jesper!AK$2:AK$366,ROUNDDOWN($C2574/24,0)+1,1))-1)+IF('Standard Profiles'!$G$21=$B$10,7,0)+IF('Standard Profiles'!$G$21=$B$17,14,0)+IF('Standard Profiles'!$G$21=$B$24,21,0),MOD($C2574,24)+1)/SUM(INDEX($D$3:$AA$30,INDEX(Jesper!$R$2:$R$366,ROW(INDEX(Jesper!AK$2:AK$366,ROUNDDOWN($C2574/24,0)+1,1))-1)+IF('Standard Profiles'!$G$21=$B$10,7,0)+IF('Standard Profiles'!$G$21=$B$17,14,0)+IF('Standard Profiles'!$G$21=$B$24,21,0),0)),0)</f>
        <v>4.5048861778007652</v>
      </c>
      <c r="H2574" cm="1">
        <f t="array" ref="H2574">IFERROR(INDEX(Jesper!AL$2:AL$366,ROUNDDOWN($C2574/24,0)+1,1)*INDEX($D$3:$AA$30,INDEX(Jesper!$R$2:$R$366,ROW(INDEX(Jesper!AL$2:AL$366,ROUNDDOWN($C2574/24,0)+1,1))-1)+IF('Standard Profiles'!$G$22=$B$10,7,0)+IF('Standard Profiles'!$G$22=$B$17,14,0)+IF('Standard Profiles'!$G$22=$B$24,21,0),MOD($C2574,24)+1)/SUM(INDEX($D$3:$AA$30,INDEX(Jesper!$R$2:$R$366,ROW(INDEX(Jesper!AL$2:AL$366,ROUNDDOWN($C2574/24,0)+1,1))-1)+IF('Standard Profiles'!$G$22=$B$10,7,0)+IF('Standard Profiles'!$G$22=$B$17,14,0)+IF('Standard Profiles'!$G$22=$B$24,21,0),0)),0)</f>
        <v>2.0042658227462464</v>
      </c>
      <c r="I2574">
        <f t="shared" si="293"/>
        <v>1.9240951898363976</v>
      </c>
      <c r="J2574">
        <f t="shared" si="294"/>
        <v>11.479187828074879</v>
      </c>
      <c r="K2574">
        <f t="shared" si="295"/>
        <v>0.33566164820231981</v>
      </c>
      <c r="L2574">
        <f t="shared" si="296"/>
        <v>0.1678308241011599</v>
      </c>
      <c r="M2574">
        <f t="shared" si="297"/>
        <v>0</v>
      </c>
      <c r="N2574" s="45">
        <f t="shared" si="298"/>
        <v>45032.833333327173</v>
      </c>
    </row>
    <row r="2575" spans="2:14" x14ac:dyDescent="0.25">
      <c r="B2575">
        <f t="shared" si="292"/>
        <v>7</v>
      </c>
      <c r="C2575" s="16">
        <v>2541</v>
      </c>
      <c r="D2575" cm="1">
        <f t="array" ref="D2575">IFERROR(INDEX(Jesper!AH$2:AH$366,ROUNDDOWN($C2575/24,0)+1,1)*INDEX($D$3:$AA$30,INDEX(Jesper!$R$2:$R$366,ROW(INDEX(Jesper!AH$2:AH$366,ROUNDDOWN($C2575/24,0)+1,1))-1)+IF('Standard Profiles'!$G$18=$B$10,7,0)+IF('Standard Profiles'!$G$18=$B$17,14,0)+IF('Standard Profiles'!$G$18=$B$24,21,0),MOD($C2575,24)+1)/SUM(INDEX($D$3:$AA$30,INDEX(Jesper!$R$2:$R$366,ROW(INDEX(Jesper!AH$2:AH$366,ROUNDDOWN($C2575/24,0)+1,1))-1)+IF('Standard Profiles'!$G$18=$B$10,7,0)+IF('Standard Profiles'!$G$18=$B$17,14,0)+IF('Standard Profiles'!$G$18=$B$24,21,0),0)),0)</f>
        <v>0</v>
      </c>
      <c r="E2575" cm="1">
        <f t="array" ref="E2575">IFERROR(INDEX(Jesper!AI$2:AI$366,ROUNDDOWN($C2575/24,0)+1,1)*INDEX($D$3:$AA$30,INDEX(Jesper!$R$2:$R$366,ROW(INDEX(Jesper!AI$2:AI$366,ROUNDDOWN($C2575/24,0)+1,1))-1)+IF('Standard Profiles'!$G$19=$B$10,7,0)+IF('Standard Profiles'!$G$19=$B$17,14,0)+IF('Standard Profiles'!$G$19=$B$24,21,0),MOD($C2575,24)+1)/SUM(INDEX($D$3:$AA$30,INDEX(Jesper!$R$2:$R$366,ROW(INDEX(Jesper!AI$2:AI$366,ROUNDDOWN($C2575/24,0)+1,1))-1)+IF('Standard Profiles'!$G$19=$B$10,7,0)+IF('Standard Profiles'!$G$19=$B$17,14,0)+IF('Standard Profiles'!$G$19=$B$24,21,0),0)),0)</f>
        <v>4.1957706025289978</v>
      </c>
      <c r="F2575" cm="1">
        <f t="array" ref="F2575">IFERROR(INDEX(Jesper!AJ$2:AJ$366,ROUNDDOWN($C2575/24,0)+1,1)*INDEX($D$3:$AA$30,INDEX(Jesper!$R$2:$R$366,ROW(INDEX(Jesper!AJ$2:AJ$366,ROUNDDOWN($C2575/24,0)+1,1))-1)+IF('Standard Profiles'!$G$20=$B$10,7,0)+IF('Standard Profiles'!$G$20=$B$17,14,0)+IF('Standard Profiles'!$G$20=$B$24,21,0),MOD($C2575,24)+1)/SUM(INDEX($D$3:$AA$30,INDEX(Jesper!$R$2:$R$366,ROW(INDEX(Jesper!AJ$2:AJ$366,ROUNDDOWN($C2575/24,0)+1,1))-1)+IF('Standard Profiles'!$G$20=$B$10,7,0)+IF('Standard Profiles'!$G$20=$B$17,14,0)+IF('Standard Profiles'!$G$20=$B$24,21,0),0)),0)</f>
        <v>3.2018528871387479</v>
      </c>
      <c r="G2575" cm="1">
        <f t="array" ref="G2575">IFERROR(INDEX(Jesper!AK$2:AK$366,ROUNDDOWN($C2575/24,0)+1,1)*INDEX($D$3:$AA$30,INDEX(Jesper!$R$2:$R$366,ROW(INDEX(Jesper!AK$2:AK$366,ROUNDDOWN($C2575/24,0)+1,1))-1)+IF('Standard Profiles'!$G$21=$B$10,7,0)+IF('Standard Profiles'!$G$21=$B$17,14,0)+IF('Standard Profiles'!$G$21=$B$24,21,0),MOD($C2575,24)+1)/SUM(INDEX($D$3:$AA$30,INDEX(Jesper!$R$2:$R$366,ROW(INDEX(Jesper!AK$2:AK$366,ROUNDDOWN($C2575/24,0)+1,1))-1)+IF('Standard Profiles'!$G$21=$B$10,7,0)+IF('Standard Profiles'!$G$21=$B$17,14,0)+IF('Standard Profiles'!$G$21=$B$24,21,0),0)),0)</f>
        <v>4.5048861778007652</v>
      </c>
      <c r="H2575" cm="1">
        <f t="array" ref="H2575">IFERROR(INDEX(Jesper!AL$2:AL$366,ROUNDDOWN($C2575/24,0)+1,1)*INDEX($D$3:$AA$30,INDEX(Jesper!$R$2:$R$366,ROW(INDEX(Jesper!AL$2:AL$366,ROUNDDOWN($C2575/24,0)+1,1))-1)+IF('Standard Profiles'!$G$22=$B$10,7,0)+IF('Standard Profiles'!$G$22=$B$17,14,0)+IF('Standard Profiles'!$G$22=$B$24,21,0),MOD($C2575,24)+1)/SUM(INDEX($D$3:$AA$30,INDEX(Jesper!$R$2:$R$366,ROW(INDEX(Jesper!AL$2:AL$366,ROUNDDOWN($C2575/24,0)+1,1))-1)+IF('Standard Profiles'!$G$22=$B$10,7,0)+IF('Standard Profiles'!$G$22=$B$17,14,0)+IF('Standard Profiles'!$G$22=$B$24,21,0),0)),0)</f>
        <v>1.7456508778757633</v>
      </c>
      <c r="I2575">
        <f t="shared" si="293"/>
        <v>1.6758248427607336</v>
      </c>
      <c r="J2575">
        <f t="shared" si="294"/>
        <v>11.468843230280061</v>
      </c>
      <c r="K2575">
        <f t="shared" si="295"/>
        <v>0.33566164820231981</v>
      </c>
      <c r="L2575">
        <f t="shared" si="296"/>
        <v>0.1678308241011599</v>
      </c>
      <c r="M2575">
        <f t="shared" si="297"/>
        <v>0</v>
      </c>
      <c r="N2575" s="45">
        <f t="shared" si="298"/>
        <v>45032.874999993837</v>
      </c>
    </row>
    <row r="2576" spans="2:14" x14ac:dyDescent="0.25">
      <c r="B2576">
        <f t="shared" si="292"/>
        <v>7</v>
      </c>
      <c r="C2576" s="16">
        <v>2542</v>
      </c>
      <c r="D2576" cm="1">
        <f t="array" ref="D2576">IFERROR(INDEX(Jesper!AH$2:AH$366,ROUNDDOWN($C2576/24,0)+1,1)*INDEX($D$3:$AA$30,INDEX(Jesper!$R$2:$R$366,ROW(INDEX(Jesper!AH$2:AH$366,ROUNDDOWN($C2576/24,0)+1,1))-1)+IF('Standard Profiles'!$G$18=$B$10,7,0)+IF('Standard Profiles'!$G$18=$B$17,14,0)+IF('Standard Profiles'!$G$18=$B$24,21,0),MOD($C2576,24)+1)/SUM(INDEX($D$3:$AA$30,INDEX(Jesper!$R$2:$R$366,ROW(INDEX(Jesper!AH$2:AH$366,ROUNDDOWN($C2576/24,0)+1,1))-1)+IF('Standard Profiles'!$G$18=$B$10,7,0)+IF('Standard Profiles'!$G$18=$B$17,14,0)+IF('Standard Profiles'!$G$18=$B$24,21,0),0)),0)</f>
        <v>0</v>
      </c>
      <c r="E2576" cm="1">
        <f t="array" ref="E2576">IFERROR(INDEX(Jesper!AI$2:AI$366,ROUNDDOWN($C2576/24,0)+1,1)*INDEX($D$3:$AA$30,INDEX(Jesper!$R$2:$R$366,ROW(INDEX(Jesper!AI$2:AI$366,ROUNDDOWN($C2576/24,0)+1,1))-1)+IF('Standard Profiles'!$G$19=$B$10,7,0)+IF('Standard Profiles'!$G$19=$B$17,14,0)+IF('Standard Profiles'!$G$19=$B$24,21,0),MOD($C2576,24)+1)/SUM(INDEX($D$3:$AA$30,INDEX(Jesper!$R$2:$R$366,ROW(INDEX(Jesper!AI$2:AI$366,ROUNDDOWN($C2576/24,0)+1,1))-1)+IF('Standard Profiles'!$G$19=$B$10,7,0)+IF('Standard Profiles'!$G$19=$B$17,14,0)+IF('Standard Profiles'!$G$19=$B$24,21,0),0)),0)</f>
        <v>4.1957706025289978</v>
      </c>
      <c r="F2576" cm="1">
        <f t="array" ref="F2576">IFERROR(INDEX(Jesper!AJ$2:AJ$366,ROUNDDOWN($C2576/24,0)+1,1)*INDEX($D$3:$AA$30,INDEX(Jesper!$R$2:$R$366,ROW(INDEX(Jesper!AJ$2:AJ$366,ROUNDDOWN($C2576/24,0)+1,1))-1)+IF('Standard Profiles'!$G$20=$B$10,7,0)+IF('Standard Profiles'!$G$20=$B$17,14,0)+IF('Standard Profiles'!$G$20=$B$24,21,0),MOD($C2576,24)+1)/SUM(INDEX($D$3:$AA$30,INDEX(Jesper!$R$2:$R$366,ROW(INDEX(Jesper!AJ$2:AJ$366,ROUNDDOWN($C2576/24,0)+1,1))-1)+IF('Standard Profiles'!$G$20=$B$10,7,0)+IF('Standard Profiles'!$G$20=$B$17,14,0)+IF('Standard Profiles'!$G$20=$B$24,21,0),0)),0)</f>
        <v>3.2018528871387479</v>
      </c>
      <c r="G2576" cm="1">
        <f t="array" ref="G2576">IFERROR(INDEX(Jesper!AK$2:AK$366,ROUNDDOWN($C2576/24,0)+1,1)*INDEX($D$3:$AA$30,INDEX(Jesper!$R$2:$R$366,ROW(INDEX(Jesper!AK$2:AK$366,ROUNDDOWN($C2576/24,0)+1,1))-1)+IF('Standard Profiles'!$G$21=$B$10,7,0)+IF('Standard Profiles'!$G$21=$B$17,14,0)+IF('Standard Profiles'!$G$21=$B$24,21,0),MOD($C2576,24)+1)/SUM(INDEX($D$3:$AA$30,INDEX(Jesper!$R$2:$R$366,ROW(INDEX(Jesper!AK$2:AK$366,ROUNDDOWN($C2576/24,0)+1,1))-1)+IF('Standard Profiles'!$G$21=$B$10,7,0)+IF('Standard Profiles'!$G$21=$B$17,14,0)+IF('Standard Profiles'!$G$21=$B$24,21,0),0)),0)</f>
        <v>4.5048861778007652</v>
      </c>
      <c r="H2576" cm="1">
        <f t="array" ref="H2576">IFERROR(INDEX(Jesper!AL$2:AL$366,ROUNDDOWN($C2576/24,0)+1,1)*INDEX($D$3:$AA$30,INDEX(Jesper!$R$2:$R$366,ROW(INDEX(Jesper!AL$2:AL$366,ROUNDDOWN($C2576/24,0)+1,1))-1)+IF('Standard Profiles'!$G$22=$B$10,7,0)+IF('Standard Profiles'!$G$22=$B$17,14,0)+IF('Standard Profiles'!$G$22=$B$24,21,0),MOD($C2576,24)+1)/SUM(INDEX($D$3:$AA$30,INDEX(Jesper!$R$2:$R$366,ROW(INDEX(Jesper!AL$2:AL$366,ROUNDDOWN($C2576/24,0)+1,1))-1)+IF('Standard Profiles'!$G$22=$B$10,7,0)+IF('Standard Profiles'!$G$22=$B$17,14,0)+IF('Standard Profiles'!$G$22=$B$24,21,0),0)),0)</f>
        <v>1.7456508778757633</v>
      </c>
      <c r="I2576">
        <f t="shared" si="293"/>
        <v>1.6758248427607336</v>
      </c>
      <c r="J2576">
        <f t="shared" si="294"/>
        <v>11.468843230280061</v>
      </c>
      <c r="K2576">
        <f t="shared" si="295"/>
        <v>0.33566164820231981</v>
      </c>
      <c r="L2576">
        <f t="shared" si="296"/>
        <v>0.1678308241011599</v>
      </c>
      <c r="M2576">
        <f t="shared" si="297"/>
        <v>0</v>
      </c>
      <c r="N2576" s="45">
        <f t="shared" si="298"/>
        <v>45032.916666660502</v>
      </c>
    </row>
    <row r="2577" spans="2:14" x14ac:dyDescent="0.25">
      <c r="B2577">
        <f t="shared" si="292"/>
        <v>7</v>
      </c>
      <c r="C2577" s="16">
        <v>2543</v>
      </c>
      <c r="D2577" cm="1">
        <f t="array" ref="D2577">IFERROR(INDEX(Jesper!AH$2:AH$366,ROUNDDOWN($C2577/24,0)+1,1)*INDEX($D$3:$AA$30,INDEX(Jesper!$R$2:$R$366,ROW(INDEX(Jesper!AH$2:AH$366,ROUNDDOWN($C2577/24,0)+1,1))-1)+IF('Standard Profiles'!$G$18=$B$10,7,0)+IF('Standard Profiles'!$G$18=$B$17,14,0)+IF('Standard Profiles'!$G$18=$B$24,21,0),MOD($C2577,24)+1)/SUM(INDEX($D$3:$AA$30,INDEX(Jesper!$R$2:$R$366,ROW(INDEX(Jesper!AH$2:AH$366,ROUNDDOWN($C2577/24,0)+1,1))-1)+IF('Standard Profiles'!$G$18=$B$10,7,0)+IF('Standard Profiles'!$G$18=$B$17,14,0)+IF('Standard Profiles'!$G$18=$B$24,21,0),0)),0)</f>
        <v>0</v>
      </c>
      <c r="E2577" cm="1">
        <f t="array" ref="E2577">IFERROR(INDEX(Jesper!AI$2:AI$366,ROUNDDOWN($C2577/24,0)+1,1)*INDEX($D$3:$AA$30,INDEX(Jesper!$R$2:$R$366,ROW(INDEX(Jesper!AI$2:AI$366,ROUNDDOWN($C2577/24,0)+1,1))-1)+IF('Standard Profiles'!$G$19=$B$10,7,0)+IF('Standard Profiles'!$G$19=$B$17,14,0)+IF('Standard Profiles'!$G$19=$B$24,21,0),MOD($C2577,24)+1)/SUM(INDEX($D$3:$AA$30,INDEX(Jesper!$R$2:$R$366,ROW(INDEX(Jesper!AI$2:AI$366,ROUNDDOWN($C2577/24,0)+1,1))-1)+IF('Standard Profiles'!$G$19=$B$10,7,0)+IF('Standard Profiles'!$G$19=$B$17,14,0)+IF('Standard Profiles'!$G$19=$B$24,21,0),0)),0)</f>
        <v>4.1957706025289978</v>
      </c>
      <c r="F2577" cm="1">
        <f t="array" ref="F2577">IFERROR(INDEX(Jesper!AJ$2:AJ$366,ROUNDDOWN($C2577/24,0)+1,1)*INDEX($D$3:$AA$30,INDEX(Jesper!$R$2:$R$366,ROW(INDEX(Jesper!AJ$2:AJ$366,ROUNDDOWN($C2577/24,0)+1,1))-1)+IF('Standard Profiles'!$G$20=$B$10,7,0)+IF('Standard Profiles'!$G$20=$B$17,14,0)+IF('Standard Profiles'!$G$20=$B$24,21,0),MOD($C2577,24)+1)/SUM(INDEX($D$3:$AA$30,INDEX(Jesper!$R$2:$R$366,ROW(INDEX(Jesper!AJ$2:AJ$366,ROUNDDOWN($C2577/24,0)+1,1))-1)+IF('Standard Profiles'!$G$20=$B$10,7,0)+IF('Standard Profiles'!$G$20=$B$17,14,0)+IF('Standard Profiles'!$G$20=$B$24,21,0),0)),0)</f>
        <v>3.2018528871387479</v>
      </c>
      <c r="G2577" cm="1">
        <f t="array" ref="G2577">IFERROR(INDEX(Jesper!AK$2:AK$366,ROUNDDOWN($C2577/24,0)+1,1)*INDEX($D$3:$AA$30,INDEX(Jesper!$R$2:$R$366,ROW(INDEX(Jesper!AK$2:AK$366,ROUNDDOWN($C2577/24,0)+1,1))-1)+IF('Standard Profiles'!$G$21=$B$10,7,0)+IF('Standard Profiles'!$G$21=$B$17,14,0)+IF('Standard Profiles'!$G$21=$B$24,21,0),MOD($C2577,24)+1)/SUM(INDEX($D$3:$AA$30,INDEX(Jesper!$R$2:$R$366,ROW(INDEX(Jesper!AK$2:AK$366,ROUNDDOWN($C2577/24,0)+1,1))-1)+IF('Standard Profiles'!$G$21=$B$10,7,0)+IF('Standard Profiles'!$G$21=$B$17,14,0)+IF('Standard Profiles'!$G$21=$B$24,21,0),0)),0)</f>
        <v>4.5048861778007652</v>
      </c>
      <c r="H2577" cm="1">
        <f t="array" ref="H2577">IFERROR(INDEX(Jesper!AL$2:AL$366,ROUNDDOWN($C2577/24,0)+1,1)*INDEX($D$3:$AA$30,INDEX(Jesper!$R$2:$R$366,ROW(INDEX(Jesper!AL$2:AL$366,ROUNDDOWN($C2577/24,0)+1,1))-1)+IF('Standard Profiles'!$G$22=$B$10,7,0)+IF('Standard Profiles'!$G$22=$B$17,14,0)+IF('Standard Profiles'!$G$22=$B$24,21,0),MOD($C2577,24)+1)/SUM(INDEX($D$3:$AA$30,INDEX(Jesper!$R$2:$R$366,ROW(INDEX(Jesper!AL$2:AL$366,ROUNDDOWN($C2577/24,0)+1,1))-1)+IF('Standard Profiles'!$G$22=$B$10,7,0)+IF('Standard Profiles'!$G$22=$B$17,14,0)+IF('Standard Profiles'!$G$22=$B$24,21,0),0)),0)</f>
        <v>1.7456508778757633</v>
      </c>
      <c r="I2577">
        <f t="shared" si="293"/>
        <v>1.6758248427607336</v>
      </c>
      <c r="J2577">
        <f t="shared" si="294"/>
        <v>11.468843230280061</v>
      </c>
      <c r="K2577">
        <f t="shared" si="295"/>
        <v>0.33566164820231981</v>
      </c>
      <c r="L2577">
        <f t="shared" si="296"/>
        <v>0.1678308241011599</v>
      </c>
      <c r="M2577">
        <f t="shared" si="297"/>
        <v>0</v>
      </c>
      <c r="N2577" s="45">
        <f t="shared" si="298"/>
        <v>45032.958333327166</v>
      </c>
    </row>
    <row r="2578" spans="2:14" x14ac:dyDescent="0.25">
      <c r="B2578">
        <f t="shared" si="292"/>
        <v>1</v>
      </c>
      <c r="C2578" s="16">
        <v>2544</v>
      </c>
      <c r="D2578" cm="1">
        <f t="array" ref="D2578">IFERROR(INDEX(Jesper!AH$2:AH$366,ROUNDDOWN($C2578/24,0)+1,1)*INDEX($D$3:$AA$30,INDEX(Jesper!$R$2:$R$366,ROW(INDEX(Jesper!AH$2:AH$366,ROUNDDOWN($C2578/24,0)+1,1))-1)+IF('Standard Profiles'!$G$18=$B$10,7,0)+IF('Standard Profiles'!$G$18=$B$17,14,0)+IF('Standard Profiles'!$G$18=$B$24,21,0),MOD($C2578,24)+1)/SUM(INDEX($D$3:$AA$30,INDEX(Jesper!$R$2:$R$366,ROW(INDEX(Jesper!AH$2:AH$366,ROUNDDOWN($C2578/24,0)+1,1))-1)+IF('Standard Profiles'!$G$18=$B$10,7,0)+IF('Standard Profiles'!$G$18=$B$17,14,0)+IF('Standard Profiles'!$G$18=$B$24,21,0),0)),0)</f>
        <v>5.4937214727511234</v>
      </c>
      <c r="E2578" cm="1">
        <f t="array" ref="E2578">IFERROR(INDEX(Jesper!AI$2:AI$366,ROUNDDOWN($C2578/24,0)+1,1)*INDEX($D$3:$AA$30,INDEX(Jesper!$R$2:$R$366,ROW(INDEX(Jesper!AI$2:AI$366,ROUNDDOWN($C2578/24,0)+1,1))-1)+IF('Standard Profiles'!$G$19=$B$10,7,0)+IF('Standard Profiles'!$G$19=$B$17,14,0)+IF('Standard Profiles'!$G$19=$B$24,21,0),MOD($C2578,24)+1)/SUM(INDEX($D$3:$AA$30,INDEX(Jesper!$R$2:$R$366,ROW(INDEX(Jesper!AI$2:AI$366,ROUNDDOWN($C2578/24,0)+1,1))-1)+IF('Standard Profiles'!$G$19=$B$10,7,0)+IF('Standard Profiles'!$G$19=$B$17,14,0)+IF('Standard Profiles'!$G$19=$B$24,21,0),0)),0)</f>
        <v>3.9409241956442376</v>
      </c>
      <c r="F2578" cm="1">
        <f t="array" ref="F2578">IFERROR(INDEX(Jesper!AJ$2:AJ$366,ROUNDDOWN($C2578/24,0)+1,1)*INDEX($D$3:$AA$30,INDEX(Jesper!$R$2:$R$366,ROW(INDEX(Jesper!AJ$2:AJ$366,ROUNDDOWN($C2578/24,0)+1,1))-1)+IF('Standard Profiles'!$G$20=$B$10,7,0)+IF('Standard Profiles'!$G$20=$B$17,14,0)+IF('Standard Profiles'!$G$20=$B$24,21,0),MOD($C2578,24)+1)/SUM(INDEX($D$3:$AA$30,INDEX(Jesper!$R$2:$R$366,ROW(INDEX(Jesper!AJ$2:AJ$366,ROUNDDOWN($C2578/24,0)+1,1))-1)+IF('Standard Profiles'!$G$20=$B$10,7,0)+IF('Standard Profiles'!$G$20=$B$17,14,0)+IF('Standard Profiles'!$G$20=$B$24,21,0),0)),0)</f>
        <v>0</v>
      </c>
      <c r="G2578" cm="1">
        <f t="array" ref="G2578">IFERROR(INDEX(Jesper!AK$2:AK$366,ROUNDDOWN($C2578/24,0)+1,1)*INDEX($D$3:$AA$30,INDEX(Jesper!$R$2:$R$366,ROW(INDEX(Jesper!AK$2:AK$366,ROUNDDOWN($C2578/24,0)+1,1))-1)+IF('Standard Profiles'!$G$21=$B$10,7,0)+IF('Standard Profiles'!$G$21=$B$17,14,0)+IF('Standard Profiles'!$G$21=$B$24,21,0),MOD($C2578,24)+1)/SUM(INDEX($D$3:$AA$30,INDEX(Jesper!$R$2:$R$366,ROW(INDEX(Jesper!AK$2:AK$366,ROUNDDOWN($C2578/24,0)+1,1))-1)+IF('Standard Profiles'!$G$21=$B$10,7,0)+IF('Standard Profiles'!$G$21=$B$17,14,0)+IF('Standard Profiles'!$G$21=$B$24,21,0),0)),0)</f>
        <v>0.79229309620536625</v>
      </c>
      <c r="H2578" cm="1">
        <f t="array" ref="H2578">IFERROR(INDEX(Jesper!AL$2:AL$366,ROUNDDOWN($C2578/24,0)+1,1)*INDEX($D$3:$AA$30,INDEX(Jesper!$R$2:$R$366,ROW(INDEX(Jesper!AL$2:AL$366,ROUNDDOWN($C2578/24,0)+1,1))-1)+IF('Standard Profiles'!$G$22=$B$10,7,0)+IF('Standard Profiles'!$G$22=$B$17,14,0)+IF('Standard Profiles'!$G$22=$B$24,21,0),MOD($C2578,24)+1)/SUM(INDEX($D$3:$AA$30,INDEX(Jesper!$R$2:$R$366,ROW(INDEX(Jesper!AL$2:AL$366,ROUNDDOWN($C2578/24,0)+1,1))-1)+IF('Standard Profiles'!$G$22=$B$10,7,0)+IF('Standard Profiles'!$G$22=$B$17,14,0)+IF('Standard Profiles'!$G$22=$B$24,21,0),0)),0)</f>
        <v>0</v>
      </c>
      <c r="I2578">
        <f t="shared" si="293"/>
        <v>0.3803006861785756</v>
      </c>
      <c r="J2578">
        <f t="shared" si="294"/>
        <v>8.9676426427819713</v>
      </c>
      <c r="K2578">
        <f t="shared" si="295"/>
        <v>0.58599695709345323</v>
      </c>
      <c r="L2578">
        <f t="shared" si="296"/>
        <v>0.29299847854672662</v>
      </c>
      <c r="M2578">
        <f t="shared" si="297"/>
        <v>0</v>
      </c>
      <c r="N2578" s="45">
        <f t="shared" si="298"/>
        <v>45032.99999999383</v>
      </c>
    </row>
    <row r="2579" spans="2:14" x14ac:dyDescent="0.25">
      <c r="B2579">
        <f t="shared" si="292"/>
        <v>1</v>
      </c>
      <c r="C2579" s="16">
        <v>2545</v>
      </c>
      <c r="D2579" cm="1">
        <f t="array" ref="D2579">IFERROR(INDEX(Jesper!AH$2:AH$366,ROUNDDOWN($C2579/24,0)+1,1)*INDEX($D$3:$AA$30,INDEX(Jesper!$R$2:$R$366,ROW(INDEX(Jesper!AH$2:AH$366,ROUNDDOWN($C2579/24,0)+1,1))-1)+IF('Standard Profiles'!$G$18=$B$10,7,0)+IF('Standard Profiles'!$G$18=$B$17,14,0)+IF('Standard Profiles'!$G$18=$B$24,21,0),MOD($C2579,24)+1)/SUM(INDEX($D$3:$AA$30,INDEX(Jesper!$R$2:$R$366,ROW(INDEX(Jesper!AH$2:AH$366,ROUNDDOWN($C2579/24,0)+1,1))-1)+IF('Standard Profiles'!$G$18=$B$10,7,0)+IF('Standard Profiles'!$G$18=$B$17,14,0)+IF('Standard Profiles'!$G$18=$B$24,21,0),0)),0)</f>
        <v>5.4937214727511234</v>
      </c>
      <c r="E2579" cm="1">
        <f t="array" ref="E2579">IFERROR(INDEX(Jesper!AI$2:AI$366,ROUNDDOWN($C2579/24,0)+1,1)*INDEX($D$3:$AA$30,INDEX(Jesper!$R$2:$R$366,ROW(INDEX(Jesper!AI$2:AI$366,ROUNDDOWN($C2579/24,0)+1,1))-1)+IF('Standard Profiles'!$G$19=$B$10,7,0)+IF('Standard Profiles'!$G$19=$B$17,14,0)+IF('Standard Profiles'!$G$19=$B$24,21,0),MOD($C2579,24)+1)/SUM(INDEX($D$3:$AA$30,INDEX(Jesper!$R$2:$R$366,ROW(INDEX(Jesper!AI$2:AI$366,ROUNDDOWN($C2579/24,0)+1,1))-1)+IF('Standard Profiles'!$G$19=$B$10,7,0)+IF('Standard Profiles'!$G$19=$B$17,14,0)+IF('Standard Profiles'!$G$19=$B$24,21,0),0)),0)</f>
        <v>3.9409241956442376</v>
      </c>
      <c r="F2579" cm="1">
        <f t="array" ref="F2579">IFERROR(INDEX(Jesper!AJ$2:AJ$366,ROUNDDOWN($C2579/24,0)+1,1)*INDEX($D$3:$AA$30,INDEX(Jesper!$R$2:$R$366,ROW(INDEX(Jesper!AJ$2:AJ$366,ROUNDDOWN($C2579/24,0)+1,1))-1)+IF('Standard Profiles'!$G$20=$B$10,7,0)+IF('Standard Profiles'!$G$20=$B$17,14,0)+IF('Standard Profiles'!$G$20=$B$24,21,0),MOD($C2579,24)+1)/SUM(INDEX($D$3:$AA$30,INDEX(Jesper!$R$2:$R$366,ROW(INDEX(Jesper!AJ$2:AJ$366,ROUNDDOWN($C2579/24,0)+1,1))-1)+IF('Standard Profiles'!$G$20=$B$10,7,0)+IF('Standard Profiles'!$G$20=$B$17,14,0)+IF('Standard Profiles'!$G$20=$B$24,21,0),0)),0)</f>
        <v>0</v>
      </c>
      <c r="G2579" cm="1">
        <f t="array" ref="G2579">IFERROR(INDEX(Jesper!AK$2:AK$366,ROUNDDOWN($C2579/24,0)+1,1)*INDEX($D$3:$AA$30,INDEX(Jesper!$R$2:$R$366,ROW(INDEX(Jesper!AK$2:AK$366,ROUNDDOWN($C2579/24,0)+1,1))-1)+IF('Standard Profiles'!$G$21=$B$10,7,0)+IF('Standard Profiles'!$G$21=$B$17,14,0)+IF('Standard Profiles'!$G$21=$B$24,21,0),MOD($C2579,24)+1)/SUM(INDEX($D$3:$AA$30,INDEX(Jesper!$R$2:$R$366,ROW(INDEX(Jesper!AK$2:AK$366,ROUNDDOWN($C2579/24,0)+1,1))-1)+IF('Standard Profiles'!$G$21=$B$10,7,0)+IF('Standard Profiles'!$G$21=$B$17,14,0)+IF('Standard Profiles'!$G$21=$B$24,21,0),0)),0)</f>
        <v>0.79229309620536625</v>
      </c>
      <c r="H2579" cm="1">
        <f t="array" ref="H2579">IFERROR(INDEX(Jesper!AL$2:AL$366,ROUNDDOWN($C2579/24,0)+1,1)*INDEX($D$3:$AA$30,INDEX(Jesper!$R$2:$R$366,ROW(INDEX(Jesper!AL$2:AL$366,ROUNDDOWN($C2579/24,0)+1,1))-1)+IF('Standard Profiles'!$G$22=$B$10,7,0)+IF('Standard Profiles'!$G$22=$B$17,14,0)+IF('Standard Profiles'!$G$22=$B$24,21,0),MOD($C2579,24)+1)/SUM(INDEX($D$3:$AA$30,INDEX(Jesper!$R$2:$R$366,ROW(INDEX(Jesper!AL$2:AL$366,ROUNDDOWN($C2579/24,0)+1,1))-1)+IF('Standard Profiles'!$G$22=$B$10,7,0)+IF('Standard Profiles'!$G$22=$B$17,14,0)+IF('Standard Profiles'!$G$22=$B$24,21,0),0)),0)</f>
        <v>0</v>
      </c>
      <c r="I2579">
        <f t="shared" si="293"/>
        <v>0.3803006861785756</v>
      </c>
      <c r="J2579">
        <f t="shared" si="294"/>
        <v>8.9676426427819713</v>
      </c>
      <c r="K2579">
        <f t="shared" si="295"/>
        <v>0.58599695709345323</v>
      </c>
      <c r="L2579">
        <f t="shared" si="296"/>
        <v>0.29299847854672662</v>
      </c>
      <c r="M2579">
        <f t="shared" si="297"/>
        <v>0</v>
      </c>
      <c r="N2579" s="45">
        <f t="shared" si="298"/>
        <v>45033.041666660494</v>
      </c>
    </row>
    <row r="2580" spans="2:14" x14ac:dyDescent="0.25">
      <c r="B2580">
        <f t="shared" si="292"/>
        <v>1</v>
      </c>
      <c r="C2580" s="16">
        <v>2546</v>
      </c>
      <c r="D2580" cm="1">
        <f t="array" ref="D2580">IFERROR(INDEX(Jesper!AH$2:AH$366,ROUNDDOWN($C2580/24,0)+1,1)*INDEX($D$3:$AA$30,INDEX(Jesper!$R$2:$R$366,ROW(INDEX(Jesper!AH$2:AH$366,ROUNDDOWN($C2580/24,0)+1,1))-1)+IF('Standard Profiles'!$G$18=$B$10,7,0)+IF('Standard Profiles'!$G$18=$B$17,14,0)+IF('Standard Profiles'!$G$18=$B$24,21,0),MOD($C2580,24)+1)/SUM(INDEX($D$3:$AA$30,INDEX(Jesper!$R$2:$R$366,ROW(INDEX(Jesper!AH$2:AH$366,ROUNDDOWN($C2580/24,0)+1,1))-1)+IF('Standard Profiles'!$G$18=$B$10,7,0)+IF('Standard Profiles'!$G$18=$B$17,14,0)+IF('Standard Profiles'!$G$18=$B$24,21,0),0)),0)</f>
        <v>5.4937214727511234</v>
      </c>
      <c r="E2580" cm="1">
        <f t="array" ref="E2580">IFERROR(INDEX(Jesper!AI$2:AI$366,ROUNDDOWN($C2580/24,0)+1,1)*INDEX($D$3:$AA$30,INDEX(Jesper!$R$2:$R$366,ROW(INDEX(Jesper!AI$2:AI$366,ROUNDDOWN($C2580/24,0)+1,1))-1)+IF('Standard Profiles'!$G$19=$B$10,7,0)+IF('Standard Profiles'!$G$19=$B$17,14,0)+IF('Standard Profiles'!$G$19=$B$24,21,0),MOD($C2580,24)+1)/SUM(INDEX($D$3:$AA$30,INDEX(Jesper!$R$2:$R$366,ROW(INDEX(Jesper!AI$2:AI$366,ROUNDDOWN($C2580/24,0)+1,1))-1)+IF('Standard Profiles'!$G$19=$B$10,7,0)+IF('Standard Profiles'!$G$19=$B$17,14,0)+IF('Standard Profiles'!$G$19=$B$24,21,0),0)),0)</f>
        <v>3.9409241956442376</v>
      </c>
      <c r="F2580" cm="1">
        <f t="array" ref="F2580">IFERROR(INDEX(Jesper!AJ$2:AJ$366,ROUNDDOWN($C2580/24,0)+1,1)*INDEX($D$3:$AA$30,INDEX(Jesper!$R$2:$R$366,ROW(INDEX(Jesper!AJ$2:AJ$366,ROUNDDOWN($C2580/24,0)+1,1))-1)+IF('Standard Profiles'!$G$20=$B$10,7,0)+IF('Standard Profiles'!$G$20=$B$17,14,0)+IF('Standard Profiles'!$G$20=$B$24,21,0),MOD($C2580,24)+1)/SUM(INDEX($D$3:$AA$30,INDEX(Jesper!$R$2:$R$366,ROW(INDEX(Jesper!AJ$2:AJ$366,ROUNDDOWN($C2580/24,0)+1,1))-1)+IF('Standard Profiles'!$G$20=$B$10,7,0)+IF('Standard Profiles'!$G$20=$B$17,14,0)+IF('Standard Profiles'!$G$20=$B$24,21,0),0)),0)</f>
        <v>0</v>
      </c>
      <c r="G2580" cm="1">
        <f t="array" ref="G2580">IFERROR(INDEX(Jesper!AK$2:AK$366,ROUNDDOWN($C2580/24,0)+1,1)*INDEX($D$3:$AA$30,INDEX(Jesper!$R$2:$R$366,ROW(INDEX(Jesper!AK$2:AK$366,ROUNDDOWN($C2580/24,0)+1,1))-1)+IF('Standard Profiles'!$G$21=$B$10,7,0)+IF('Standard Profiles'!$G$21=$B$17,14,0)+IF('Standard Profiles'!$G$21=$B$24,21,0),MOD($C2580,24)+1)/SUM(INDEX($D$3:$AA$30,INDEX(Jesper!$R$2:$R$366,ROW(INDEX(Jesper!AK$2:AK$366,ROUNDDOWN($C2580/24,0)+1,1))-1)+IF('Standard Profiles'!$G$21=$B$10,7,0)+IF('Standard Profiles'!$G$21=$B$17,14,0)+IF('Standard Profiles'!$G$21=$B$24,21,0),0)),0)</f>
        <v>0.79229309620536625</v>
      </c>
      <c r="H2580" cm="1">
        <f t="array" ref="H2580">IFERROR(INDEX(Jesper!AL$2:AL$366,ROUNDDOWN($C2580/24,0)+1,1)*INDEX($D$3:$AA$30,INDEX(Jesper!$R$2:$R$366,ROW(INDEX(Jesper!AL$2:AL$366,ROUNDDOWN($C2580/24,0)+1,1))-1)+IF('Standard Profiles'!$G$22=$B$10,7,0)+IF('Standard Profiles'!$G$22=$B$17,14,0)+IF('Standard Profiles'!$G$22=$B$24,21,0),MOD($C2580,24)+1)/SUM(INDEX($D$3:$AA$30,INDEX(Jesper!$R$2:$R$366,ROW(INDEX(Jesper!AL$2:AL$366,ROUNDDOWN($C2580/24,0)+1,1))-1)+IF('Standard Profiles'!$G$22=$B$10,7,0)+IF('Standard Profiles'!$G$22=$B$17,14,0)+IF('Standard Profiles'!$G$22=$B$24,21,0),0)),0)</f>
        <v>0</v>
      </c>
      <c r="I2580">
        <f t="shared" si="293"/>
        <v>0.3803006861785756</v>
      </c>
      <c r="J2580">
        <f t="shared" si="294"/>
        <v>8.9676426427819713</v>
      </c>
      <c r="K2580">
        <f t="shared" si="295"/>
        <v>0.58599695709345323</v>
      </c>
      <c r="L2580">
        <f t="shared" si="296"/>
        <v>0.29299847854672662</v>
      </c>
      <c r="M2580">
        <f t="shared" si="297"/>
        <v>0</v>
      </c>
      <c r="N2580" s="45">
        <f t="shared" si="298"/>
        <v>45033.083333327158</v>
      </c>
    </row>
    <row r="2581" spans="2:14" x14ac:dyDescent="0.25">
      <c r="B2581">
        <f t="shared" si="292"/>
        <v>1</v>
      </c>
      <c r="C2581" s="16">
        <v>2547</v>
      </c>
      <c r="D2581" cm="1">
        <f t="array" ref="D2581">IFERROR(INDEX(Jesper!AH$2:AH$366,ROUNDDOWN($C2581/24,0)+1,1)*INDEX($D$3:$AA$30,INDEX(Jesper!$R$2:$R$366,ROW(INDEX(Jesper!AH$2:AH$366,ROUNDDOWN($C2581/24,0)+1,1))-1)+IF('Standard Profiles'!$G$18=$B$10,7,0)+IF('Standard Profiles'!$G$18=$B$17,14,0)+IF('Standard Profiles'!$G$18=$B$24,21,0),MOD($C2581,24)+1)/SUM(INDEX($D$3:$AA$30,INDEX(Jesper!$R$2:$R$366,ROW(INDEX(Jesper!AH$2:AH$366,ROUNDDOWN($C2581/24,0)+1,1))-1)+IF('Standard Profiles'!$G$18=$B$10,7,0)+IF('Standard Profiles'!$G$18=$B$17,14,0)+IF('Standard Profiles'!$G$18=$B$24,21,0),0)),0)</f>
        <v>5.4937214727511234</v>
      </c>
      <c r="E2581" cm="1">
        <f t="array" ref="E2581">IFERROR(INDEX(Jesper!AI$2:AI$366,ROUNDDOWN($C2581/24,0)+1,1)*INDEX($D$3:$AA$30,INDEX(Jesper!$R$2:$R$366,ROW(INDEX(Jesper!AI$2:AI$366,ROUNDDOWN($C2581/24,0)+1,1))-1)+IF('Standard Profiles'!$G$19=$B$10,7,0)+IF('Standard Profiles'!$G$19=$B$17,14,0)+IF('Standard Profiles'!$G$19=$B$24,21,0),MOD($C2581,24)+1)/SUM(INDEX($D$3:$AA$30,INDEX(Jesper!$R$2:$R$366,ROW(INDEX(Jesper!AI$2:AI$366,ROUNDDOWN($C2581/24,0)+1,1))-1)+IF('Standard Profiles'!$G$19=$B$10,7,0)+IF('Standard Profiles'!$G$19=$B$17,14,0)+IF('Standard Profiles'!$G$19=$B$24,21,0),0)),0)</f>
        <v>3.9409241956442376</v>
      </c>
      <c r="F2581" cm="1">
        <f t="array" ref="F2581">IFERROR(INDEX(Jesper!AJ$2:AJ$366,ROUNDDOWN($C2581/24,0)+1,1)*INDEX($D$3:$AA$30,INDEX(Jesper!$R$2:$R$366,ROW(INDEX(Jesper!AJ$2:AJ$366,ROUNDDOWN($C2581/24,0)+1,1))-1)+IF('Standard Profiles'!$G$20=$B$10,7,0)+IF('Standard Profiles'!$G$20=$B$17,14,0)+IF('Standard Profiles'!$G$20=$B$24,21,0),MOD($C2581,24)+1)/SUM(INDEX($D$3:$AA$30,INDEX(Jesper!$R$2:$R$366,ROW(INDEX(Jesper!AJ$2:AJ$366,ROUNDDOWN($C2581/24,0)+1,1))-1)+IF('Standard Profiles'!$G$20=$B$10,7,0)+IF('Standard Profiles'!$G$20=$B$17,14,0)+IF('Standard Profiles'!$G$20=$B$24,21,0),0)),0)</f>
        <v>0</v>
      </c>
      <c r="G2581" cm="1">
        <f t="array" ref="G2581">IFERROR(INDEX(Jesper!AK$2:AK$366,ROUNDDOWN($C2581/24,0)+1,1)*INDEX($D$3:$AA$30,INDEX(Jesper!$R$2:$R$366,ROW(INDEX(Jesper!AK$2:AK$366,ROUNDDOWN($C2581/24,0)+1,1))-1)+IF('Standard Profiles'!$G$21=$B$10,7,0)+IF('Standard Profiles'!$G$21=$B$17,14,0)+IF('Standard Profiles'!$G$21=$B$24,21,0),MOD($C2581,24)+1)/SUM(INDEX($D$3:$AA$30,INDEX(Jesper!$R$2:$R$366,ROW(INDEX(Jesper!AK$2:AK$366,ROUNDDOWN($C2581/24,0)+1,1))-1)+IF('Standard Profiles'!$G$21=$B$10,7,0)+IF('Standard Profiles'!$G$21=$B$17,14,0)+IF('Standard Profiles'!$G$21=$B$24,21,0),0)),0)</f>
        <v>0.79229309620536625</v>
      </c>
      <c r="H2581" cm="1">
        <f t="array" ref="H2581">IFERROR(INDEX(Jesper!AL$2:AL$366,ROUNDDOWN($C2581/24,0)+1,1)*INDEX($D$3:$AA$30,INDEX(Jesper!$R$2:$R$366,ROW(INDEX(Jesper!AL$2:AL$366,ROUNDDOWN($C2581/24,0)+1,1))-1)+IF('Standard Profiles'!$G$22=$B$10,7,0)+IF('Standard Profiles'!$G$22=$B$17,14,0)+IF('Standard Profiles'!$G$22=$B$24,21,0),MOD($C2581,24)+1)/SUM(INDEX($D$3:$AA$30,INDEX(Jesper!$R$2:$R$366,ROW(INDEX(Jesper!AL$2:AL$366,ROUNDDOWN($C2581/24,0)+1,1))-1)+IF('Standard Profiles'!$G$22=$B$10,7,0)+IF('Standard Profiles'!$G$22=$B$17,14,0)+IF('Standard Profiles'!$G$22=$B$24,21,0),0)),0)</f>
        <v>0</v>
      </c>
      <c r="I2581">
        <f t="shared" si="293"/>
        <v>0.3803006861785756</v>
      </c>
      <c r="J2581">
        <f t="shared" si="294"/>
        <v>8.9676426427819713</v>
      </c>
      <c r="K2581">
        <f t="shared" si="295"/>
        <v>0.58599695709345323</v>
      </c>
      <c r="L2581">
        <f t="shared" si="296"/>
        <v>0.29299847854672662</v>
      </c>
      <c r="M2581">
        <f t="shared" si="297"/>
        <v>0</v>
      </c>
      <c r="N2581" s="45">
        <f t="shared" si="298"/>
        <v>45033.124999993823</v>
      </c>
    </row>
    <row r="2582" spans="2:14" x14ac:dyDescent="0.25">
      <c r="B2582">
        <f t="shared" si="292"/>
        <v>1</v>
      </c>
      <c r="C2582" s="16">
        <v>2548</v>
      </c>
      <c r="D2582" cm="1">
        <f t="array" ref="D2582">IFERROR(INDEX(Jesper!AH$2:AH$366,ROUNDDOWN($C2582/24,0)+1,1)*INDEX($D$3:$AA$30,INDEX(Jesper!$R$2:$R$366,ROW(INDEX(Jesper!AH$2:AH$366,ROUNDDOWN($C2582/24,0)+1,1))-1)+IF('Standard Profiles'!$G$18=$B$10,7,0)+IF('Standard Profiles'!$G$18=$B$17,14,0)+IF('Standard Profiles'!$G$18=$B$24,21,0),MOD($C2582,24)+1)/SUM(INDEX($D$3:$AA$30,INDEX(Jesper!$R$2:$R$366,ROW(INDEX(Jesper!AH$2:AH$366,ROUNDDOWN($C2582/24,0)+1,1))-1)+IF('Standard Profiles'!$G$18=$B$10,7,0)+IF('Standard Profiles'!$G$18=$B$17,14,0)+IF('Standard Profiles'!$G$18=$B$24,21,0),0)),0)</f>
        <v>5.4937214727511234</v>
      </c>
      <c r="E2582" cm="1">
        <f t="array" ref="E2582">IFERROR(INDEX(Jesper!AI$2:AI$366,ROUNDDOWN($C2582/24,0)+1,1)*INDEX($D$3:$AA$30,INDEX(Jesper!$R$2:$R$366,ROW(INDEX(Jesper!AI$2:AI$366,ROUNDDOWN($C2582/24,0)+1,1))-1)+IF('Standard Profiles'!$G$19=$B$10,7,0)+IF('Standard Profiles'!$G$19=$B$17,14,0)+IF('Standard Profiles'!$G$19=$B$24,21,0),MOD($C2582,24)+1)/SUM(INDEX($D$3:$AA$30,INDEX(Jesper!$R$2:$R$366,ROW(INDEX(Jesper!AI$2:AI$366,ROUNDDOWN($C2582/24,0)+1,1))-1)+IF('Standard Profiles'!$G$19=$B$10,7,0)+IF('Standard Profiles'!$G$19=$B$17,14,0)+IF('Standard Profiles'!$G$19=$B$24,21,0),0)),0)</f>
        <v>3.9409241956442376</v>
      </c>
      <c r="F2582" cm="1">
        <f t="array" ref="F2582">IFERROR(INDEX(Jesper!AJ$2:AJ$366,ROUNDDOWN($C2582/24,0)+1,1)*INDEX($D$3:$AA$30,INDEX(Jesper!$R$2:$R$366,ROW(INDEX(Jesper!AJ$2:AJ$366,ROUNDDOWN($C2582/24,0)+1,1))-1)+IF('Standard Profiles'!$G$20=$B$10,7,0)+IF('Standard Profiles'!$G$20=$B$17,14,0)+IF('Standard Profiles'!$G$20=$B$24,21,0),MOD($C2582,24)+1)/SUM(INDEX($D$3:$AA$30,INDEX(Jesper!$R$2:$R$366,ROW(INDEX(Jesper!AJ$2:AJ$366,ROUNDDOWN($C2582/24,0)+1,1))-1)+IF('Standard Profiles'!$G$20=$B$10,7,0)+IF('Standard Profiles'!$G$20=$B$17,14,0)+IF('Standard Profiles'!$G$20=$B$24,21,0),0)),0)</f>
        <v>0</v>
      </c>
      <c r="G2582" cm="1">
        <f t="array" ref="G2582">IFERROR(INDEX(Jesper!AK$2:AK$366,ROUNDDOWN($C2582/24,0)+1,1)*INDEX($D$3:$AA$30,INDEX(Jesper!$R$2:$R$366,ROW(INDEX(Jesper!AK$2:AK$366,ROUNDDOWN($C2582/24,0)+1,1))-1)+IF('Standard Profiles'!$G$21=$B$10,7,0)+IF('Standard Profiles'!$G$21=$B$17,14,0)+IF('Standard Profiles'!$G$21=$B$24,21,0),MOD($C2582,24)+1)/SUM(INDEX($D$3:$AA$30,INDEX(Jesper!$R$2:$R$366,ROW(INDEX(Jesper!AK$2:AK$366,ROUNDDOWN($C2582/24,0)+1,1))-1)+IF('Standard Profiles'!$G$21=$B$10,7,0)+IF('Standard Profiles'!$G$21=$B$17,14,0)+IF('Standard Profiles'!$G$21=$B$24,21,0),0)),0)</f>
        <v>0.79229309620536625</v>
      </c>
      <c r="H2582" cm="1">
        <f t="array" ref="H2582">IFERROR(INDEX(Jesper!AL$2:AL$366,ROUNDDOWN($C2582/24,0)+1,1)*INDEX($D$3:$AA$30,INDEX(Jesper!$R$2:$R$366,ROW(INDEX(Jesper!AL$2:AL$366,ROUNDDOWN($C2582/24,0)+1,1))-1)+IF('Standard Profiles'!$G$22=$B$10,7,0)+IF('Standard Profiles'!$G$22=$B$17,14,0)+IF('Standard Profiles'!$G$22=$B$24,21,0),MOD($C2582,24)+1)/SUM(INDEX($D$3:$AA$30,INDEX(Jesper!$R$2:$R$366,ROW(INDEX(Jesper!AL$2:AL$366,ROUNDDOWN($C2582/24,0)+1,1))-1)+IF('Standard Profiles'!$G$22=$B$10,7,0)+IF('Standard Profiles'!$G$22=$B$17,14,0)+IF('Standard Profiles'!$G$22=$B$24,21,0),0)),0)</f>
        <v>0</v>
      </c>
      <c r="I2582">
        <f t="shared" si="293"/>
        <v>0.3803006861785756</v>
      </c>
      <c r="J2582">
        <f t="shared" si="294"/>
        <v>8.9676426427819713</v>
      </c>
      <c r="K2582">
        <f t="shared" si="295"/>
        <v>0.58599695709345323</v>
      </c>
      <c r="L2582">
        <f t="shared" si="296"/>
        <v>0.29299847854672662</v>
      </c>
      <c r="M2582">
        <f t="shared" si="297"/>
        <v>0</v>
      </c>
      <c r="N2582" s="45">
        <f t="shared" si="298"/>
        <v>45033.166666660487</v>
      </c>
    </row>
    <row r="2583" spans="2:14" x14ac:dyDescent="0.25">
      <c r="B2583">
        <f t="shared" si="292"/>
        <v>1</v>
      </c>
      <c r="C2583" s="16">
        <v>2549</v>
      </c>
      <c r="D2583" cm="1">
        <f t="array" ref="D2583">IFERROR(INDEX(Jesper!AH$2:AH$366,ROUNDDOWN($C2583/24,0)+1,1)*INDEX($D$3:$AA$30,INDEX(Jesper!$R$2:$R$366,ROW(INDEX(Jesper!AH$2:AH$366,ROUNDDOWN($C2583/24,0)+1,1))-1)+IF('Standard Profiles'!$G$18=$B$10,7,0)+IF('Standard Profiles'!$G$18=$B$17,14,0)+IF('Standard Profiles'!$G$18=$B$24,21,0),MOD($C2583,24)+1)/SUM(INDEX($D$3:$AA$30,INDEX(Jesper!$R$2:$R$366,ROW(INDEX(Jesper!AH$2:AH$366,ROUNDDOWN($C2583/24,0)+1,1))-1)+IF('Standard Profiles'!$G$18=$B$10,7,0)+IF('Standard Profiles'!$G$18=$B$17,14,0)+IF('Standard Profiles'!$G$18=$B$24,21,0),0)),0)</f>
        <v>5.4937214727511234</v>
      </c>
      <c r="E2583" cm="1">
        <f t="array" ref="E2583">IFERROR(INDEX(Jesper!AI$2:AI$366,ROUNDDOWN($C2583/24,0)+1,1)*INDEX($D$3:$AA$30,INDEX(Jesper!$R$2:$R$366,ROW(INDEX(Jesper!AI$2:AI$366,ROUNDDOWN($C2583/24,0)+1,1))-1)+IF('Standard Profiles'!$G$19=$B$10,7,0)+IF('Standard Profiles'!$G$19=$B$17,14,0)+IF('Standard Profiles'!$G$19=$B$24,21,0),MOD($C2583,24)+1)/SUM(INDEX($D$3:$AA$30,INDEX(Jesper!$R$2:$R$366,ROW(INDEX(Jesper!AI$2:AI$366,ROUNDDOWN($C2583/24,0)+1,1))-1)+IF('Standard Profiles'!$G$19=$B$10,7,0)+IF('Standard Profiles'!$G$19=$B$17,14,0)+IF('Standard Profiles'!$G$19=$B$24,21,0),0)),0)</f>
        <v>3.9409241956442376</v>
      </c>
      <c r="F2583" cm="1">
        <f t="array" ref="F2583">IFERROR(INDEX(Jesper!AJ$2:AJ$366,ROUNDDOWN($C2583/24,0)+1,1)*INDEX($D$3:$AA$30,INDEX(Jesper!$R$2:$R$366,ROW(INDEX(Jesper!AJ$2:AJ$366,ROUNDDOWN($C2583/24,0)+1,1))-1)+IF('Standard Profiles'!$G$20=$B$10,7,0)+IF('Standard Profiles'!$G$20=$B$17,14,0)+IF('Standard Profiles'!$G$20=$B$24,21,0),MOD($C2583,24)+1)/SUM(INDEX($D$3:$AA$30,INDEX(Jesper!$R$2:$R$366,ROW(INDEX(Jesper!AJ$2:AJ$366,ROUNDDOWN($C2583/24,0)+1,1))-1)+IF('Standard Profiles'!$G$20=$B$10,7,0)+IF('Standard Profiles'!$G$20=$B$17,14,0)+IF('Standard Profiles'!$G$20=$B$24,21,0),0)),0)</f>
        <v>0</v>
      </c>
      <c r="G2583" cm="1">
        <f t="array" ref="G2583">IFERROR(INDEX(Jesper!AK$2:AK$366,ROUNDDOWN($C2583/24,0)+1,1)*INDEX($D$3:$AA$30,INDEX(Jesper!$R$2:$R$366,ROW(INDEX(Jesper!AK$2:AK$366,ROUNDDOWN($C2583/24,0)+1,1))-1)+IF('Standard Profiles'!$G$21=$B$10,7,0)+IF('Standard Profiles'!$G$21=$B$17,14,0)+IF('Standard Profiles'!$G$21=$B$24,21,0),MOD($C2583,24)+1)/SUM(INDEX($D$3:$AA$30,INDEX(Jesper!$R$2:$R$366,ROW(INDEX(Jesper!AK$2:AK$366,ROUNDDOWN($C2583/24,0)+1,1))-1)+IF('Standard Profiles'!$G$21=$B$10,7,0)+IF('Standard Profiles'!$G$21=$B$17,14,0)+IF('Standard Profiles'!$G$21=$B$24,21,0),0)),0)</f>
        <v>0.79229309620536625</v>
      </c>
      <c r="H2583" cm="1">
        <f t="array" ref="H2583">IFERROR(INDEX(Jesper!AL$2:AL$366,ROUNDDOWN($C2583/24,0)+1,1)*INDEX($D$3:$AA$30,INDEX(Jesper!$R$2:$R$366,ROW(INDEX(Jesper!AL$2:AL$366,ROUNDDOWN($C2583/24,0)+1,1))-1)+IF('Standard Profiles'!$G$22=$B$10,7,0)+IF('Standard Profiles'!$G$22=$B$17,14,0)+IF('Standard Profiles'!$G$22=$B$24,21,0),MOD($C2583,24)+1)/SUM(INDEX($D$3:$AA$30,INDEX(Jesper!$R$2:$R$366,ROW(INDEX(Jesper!AL$2:AL$366,ROUNDDOWN($C2583/24,0)+1,1))-1)+IF('Standard Profiles'!$G$22=$B$10,7,0)+IF('Standard Profiles'!$G$22=$B$17,14,0)+IF('Standard Profiles'!$G$22=$B$24,21,0),0)),0)</f>
        <v>0</v>
      </c>
      <c r="I2583">
        <f t="shared" si="293"/>
        <v>0.3803006861785756</v>
      </c>
      <c r="J2583">
        <f t="shared" si="294"/>
        <v>8.9676426427819713</v>
      </c>
      <c r="K2583">
        <f t="shared" si="295"/>
        <v>0.58599695709345323</v>
      </c>
      <c r="L2583">
        <f t="shared" si="296"/>
        <v>0.29299847854672662</v>
      </c>
      <c r="M2583">
        <f t="shared" si="297"/>
        <v>0</v>
      </c>
      <c r="N2583" s="45">
        <f t="shared" si="298"/>
        <v>45033.208333327151</v>
      </c>
    </row>
    <row r="2584" spans="2:14" x14ac:dyDescent="0.25">
      <c r="B2584">
        <f t="shared" si="292"/>
        <v>1</v>
      </c>
      <c r="C2584" s="16">
        <v>2550</v>
      </c>
      <c r="D2584" cm="1">
        <f t="array" ref="D2584">IFERROR(INDEX(Jesper!AH$2:AH$366,ROUNDDOWN($C2584/24,0)+1,1)*INDEX($D$3:$AA$30,INDEX(Jesper!$R$2:$R$366,ROW(INDEX(Jesper!AH$2:AH$366,ROUNDDOWN($C2584/24,0)+1,1))-1)+IF('Standard Profiles'!$G$18=$B$10,7,0)+IF('Standard Profiles'!$G$18=$B$17,14,0)+IF('Standard Profiles'!$G$18=$B$24,21,0),MOD($C2584,24)+1)/SUM(INDEX($D$3:$AA$30,INDEX(Jesper!$R$2:$R$366,ROW(INDEX(Jesper!AH$2:AH$366,ROUNDDOWN($C2584/24,0)+1,1))-1)+IF('Standard Profiles'!$G$18=$B$10,7,0)+IF('Standard Profiles'!$G$18=$B$17,14,0)+IF('Standard Profiles'!$G$18=$B$24,21,0),0)),0)</f>
        <v>5.4937214727511234</v>
      </c>
      <c r="E2584" cm="1">
        <f t="array" ref="E2584">IFERROR(INDEX(Jesper!AI$2:AI$366,ROUNDDOWN($C2584/24,0)+1,1)*INDEX($D$3:$AA$30,INDEX(Jesper!$R$2:$R$366,ROW(INDEX(Jesper!AI$2:AI$366,ROUNDDOWN($C2584/24,0)+1,1))-1)+IF('Standard Profiles'!$G$19=$B$10,7,0)+IF('Standard Profiles'!$G$19=$B$17,14,0)+IF('Standard Profiles'!$G$19=$B$24,21,0),MOD($C2584,24)+1)/SUM(INDEX($D$3:$AA$30,INDEX(Jesper!$R$2:$R$366,ROW(INDEX(Jesper!AI$2:AI$366,ROUNDDOWN($C2584/24,0)+1,1))-1)+IF('Standard Profiles'!$G$19=$B$10,7,0)+IF('Standard Profiles'!$G$19=$B$17,14,0)+IF('Standard Profiles'!$G$19=$B$24,21,0),0)),0)</f>
        <v>3.9409241956442376</v>
      </c>
      <c r="F2584" cm="1">
        <f t="array" ref="F2584">IFERROR(INDEX(Jesper!AJ$2:AJ$366,ROUNDDOWN($C2584/24,0)+1,1)*INDEX($D$3:$AA$30,INDEX(Jesper!$R$2:$R$366,ROW(INDEX(Jesper!AJ$2:AJ$366,ROUNDDOWN($C2584/24,0)+1,1))-1)+IF('Standard Profiles'!$G$20=$B$10,7,0)+IF('Standard Profiles'!$G$20=$B$17,14,0)+IF('Standard Profiles'!$G$20=$B$24,21,0),MOD($C2584,24)+1)/SUM(INDEX($D$3:$AA$30,INDEX(Jesper!$R$2:$R$366,ROW(INDEX(Jesper!AJ$2:AJ$366,ROUNDDOWN($C2584/24,0)+1,1))-1)+IF('Standard Profiles'!$G$20=$B$10,7,0)+IF('Standard Profiles'!$G$20=$B$17,14,0)+IF('Standard Profiles'!$G$20=$B$24,21,0),0)),0)</f>
        <v>0</v>
      </c>
      <c r="G2584" cm="1">
        <f t="array" ref="G2584">IFERROR(INDEX(Jesper!AK$2:AK$366,ROUNDDOWN($C2584/24,0)+1,1)*INDEX($D$3:$AA$30,INDEX(Jesper!$R$2:$R$366,ROW(INDEX(Jesper!AK$2:AK$366,ROUNDDOWN($C2584/24,0)+1,1))-1)+IF('Standard Profiles'!$G$21=$B$10,7,0)+IF('Standard Profiles'!$G$21=$B$17,14,0)+IF('Standard Profiles'!$G$21=$B$24,21,0),MOD($C2584,24)+1)/SUM(INDEX($D$3:$AA$30,INDEX(Jesper!$R$2:$R$366,ROW(INDEX(Jesper!AK$2:AK$366,ROUNDDOWN($C2584/24,0)+1,1))-1)+IF('Standard Profiles'!$G$21=$B$10,7,0)+IF('Standard Profiles'!$G$21=$B$17,14,0)+IF('Standard Profiles'!$G$21=$B$24,21,0),0)),0)</f>
        <v>0.79229309620536625</v>
      </c>
      <c r="H2584" cm="1">
        <f t="array" ref="H2584">IFERROR(INDEX(Jesper!AL$2:AL$366,ROUNDDOWN($C2584/24,0)+1,1)*INDEX($D$3:$AA$30,INDEX(Jesper!$R$2:$R$366,ROW(INDEX(Jesper!AL$2:AL$366,ROUNDDOWN($C2584/24,0)+1,1))-1)+IF('Standard Profiles'!$G$22=$B$10,7,0)+IF('Standard Profiles'!$G$22=$B$17,14,0)+IF('Standard Profiles'!$G$22=$B$24,21,0),MOD($C2584,24)+1)/SUM(INDEX($D$3:$AA$30,INDEX(Jesper!$R$2:$R$366,ROW(INDEX(Jesper!AL$2:AL$366,ROUNDDOWN($C2584/24,0)+1,1))-1)+IF('Standard Profiles'!$G$22=$B$10,7,0)+IF('Standard Profiles'!$G$22=$B$17,14,0)+IF('Standard Profiles'!$G$22=$B$24,21,0),0)),0)</f>
        <v>0</v>
      </c>
      <c r="I2584">
        <f t="shared" si="293"/>
        <v>0.3803006861785756</v>
      </c>
      <c r="J2584">
        <f t="shared" si="294"/>
        <v>8.9676426427819713</v>
      </c>
      <c r="K2584">
        <f t="shared" si="295"/>
        <v>0.58599695709345323</v>
      </c>
      <c r="L2584">
        <f t="shared" si="296"/>
        <v>0.29299847854672662</v>
      </c>
      <c r="M2584">
        <f t="shared" si="297"/>
        <v>0</v>
      </c>
      <c r="N2584" s="45">
        <f t="shared" si="298"/>
        <v>45033.249999993815</v>
      </c>
    </row>
    <row r="2585" spans="2:14" x14ac:dyDescent="0.25">
      <c r="B2585">
        <f t="shared" si="292"/>
        <v>1</v>
      </c>
      <c r="C2585" s="16">
        <v>2551</v>
      </c>
      <c r="D2585" cm="1">
        <f t="array" ref="D2585">IFERROR(INDEX(Jesper!AH$2:AH$366,ROUNDDOWN($C2585/24,0)+1,1)*INDEX($D$3:$AA$30,INDEX(Jesper!$R$2:$R$366,ROW(INDEX(Jesper!AH$2:AH$366,ROUNDDOWN($C2585/24,0)+1,1))-1)+IF('Standard Profiles'!$G$18=$B$10,7,0)+IF('Standard Profiles'!$G$18=$B$17,14,0)+IF('Standard Profiles'!$G$18=$B$24,21,0),MOD($C2585,24)+1)/SUM(INDEX($D$3:$AA$30,INDEX(Jesper!$R$2:$R$366,ROW(INDEX(Jesper!AH$2:AH$366,ROUNDDOWN($C2585/24,0)+1,1))-1)+IF('Standard Profiles'!$G$18=$B$10,7,0)+IF('Standard Profiles'!$G$18=$B$17,14,0)+IF('Standard Profiles'!$G$18=$B$24,21,0),0)),0)</f>
        <v>23.403253473919783</v>
      </c>
      <c r="E2585" cm="1">
        <f t="array" ref="E2585">IFERROR(INDEX(Jesper!AI$2:AI$366,ROUNDDOWN($C2585/24,0)+1,1)*INDEX($D$3:$AA$30,INDEX(Jesper!$R$2:$R$366,ROW(INDEX(Jesper!AI$2:AI$366,ROUNDDOWN($C2585/24,0)+1,1))-1)+IF('Standard Profiles'!$G$19=$B$10,7,0)+IF('Standard Profiles'!$G$19=$B$17,14,0)+IF('Standard Profiles'!$G$19=$B$24,21,0),MOD($C2585,24)+1)/SUM(INDEX($D$3:$AA$30,INDEX(Jesper!$R$2:$R$366,ROW(INDEX(Jesper!AI$2:AI$366,ROUNDDOWN($C2585/24,0)+1,1))-1)+IF('Standard Profiles'!$G$19=$B$10,7,0)+IF('Standard Profiles'!$G$19=$B$17,14,0)+IF('Standard Profiles'!$G$19=$B$24,21,0),0)),0)</f>
        <v>16.788337073444449</v>
      </c>
      <c r="F2585" cm="1">
        <f t="array" ref="F2585">IFERROR(INDEX(Jesper!AJ$2:AJ$366,ROUNDDOWN($C2585/24,0)+1,1)*INDEX($D$3:$AA$30,INDEX(Jesper!$R$2:$R$366,ROW(INDEX(Jesper!AJ$2:AJ$366,ROUNDDOWN($C2585/24,0)+1,1))-1)+IF('Standard Profiles'!$G$20=$B$10,7,0)+IF('Standard Profiles'!$G$20=$B$17,14,0)+IF('Standard Profiles'!$G$20=$B$24,21,0),MOD($C2585,24)+1)/SUM(INDEX($D$3:$AA$30,INDEX(Jesper!$R$2:$R$366,ROW(INDEX(Jesper!AJ$2:AJ$366,ROUNDDOWN($C2585/24,0)+1,1))-1)+IF('Standard Profiles'!$G$20=$B$10,7,0)+IF('Standard Profiles'!$G$20=$B$17,14,0)+IF('Standard Profiles'!$G$20=$B$24,21,0),0)),0)</f>
        <v>0</v>
      </c>
      <c r="G2585" cm="1">
        <f t="array" ref="G2585">IFERROR(INDEX(Jesper!AK$2:AK$366,ROUNDDOWN($C2585/24,0)+1,1)*INDEX($D$3:$AA$30,INDEX(Jesper!$R$2:$R$366,ROW(INDEX(Jesper!AK$2:AK$366,ROUNDDOWN($C2585/24,0)+1,1))-1)+IF('Standard Profiles'!$G$21=$B$10,7,0)+IF('Standard Profiles'!$G$21=$B$17,14,0)+IF('Standard Profiles'!$G$21=$B$24,21,0),MOD($C2585,24)+1)/SUM(INDEX($D$3:$AA$30,INDEX(Jesper!$R$2:$R$366,ROW(INDEX(Jesper!AK$2:AK$366,ROUNDDOWN($C2585/24,0)+1,1))-1)+IF('Standard Profiles'!$G$21=$B$10,7,0)+IF('Standard Profiles'!$G$21=$B$17,14,0)+IF('Standard Profiles'!$G$21=$B$24,21,0),0)),0)</f>
        <v>3.4464749684933436</v>
      </c>
      <c r="H2585" cm="1">
        <f t="array" ref="H2585">IFERROR(INDEX(Jesper!AL$2:AL$366,ROUNDDOWN($C2585/24,0)+1,1)*INDEX($D$3:$AA$30,INDEX(Jesper!$R$2:$R$366,ROW(INDEX(Jesper!AL$2:AL$366,ROUNDDOWN($C2585/24,0)+1,1))-1)+IF('Standard Profiles'!$G$22=$B$10,7,0)+IF('Standard Profiles'!$G$22=$B$17,14,0)+IF('Standard Profiles'!$G$22=$B$24,21,0),MOD($C2585,24)+1)/SUM(INDEX($D$3:$AA$30,INDEX(Jesper!$R$2:$R$366,ROW(INDEX(Jesper!AL$2:AL$366,ROUNDDOWN($C2585/24,0)+1,1))-1)+IF('Standard Profiles'!$G$22=$B$10,7,0)+IF('Standard Profiles'!$G$22=$B$17,14,0)+IF('Standard Profiles'!$G$22=$B$24,21,0),0)),0)</f>
        <v>0</v>
      </c>
      <c r="I2585">
        <f t="shared" si="293"/>
        <v>1.6543079848768041</v>
      </c>
      <c r="J2585">
        <f t="shared" si="294"/>
        <v>38.239236975153602</v>
      </c>
      <c r="K2585">
        <f t="shared" si="295"/>
        <v>2.4963470372181105</v>
      </c>
      <c r="L2585">
        <f t="shared" si="296"/>
        <v>1.2481735186090552</v>
      </c>
      <c r="M2585">
        <f t="shared" si="297"/>
        <v>0</v>
      </c>
      <c r="N2585" s="45">
        <f t="shared" si="298"/>
        <v>45033.29166666048</v>
      </c>
    </row>
    <row r="2586" spans="2:14" x14ac:dyDescent="0.25">
      <c r="B2586">
        <f t="shared" si="292"/>
        <v>1</v>
      </c>
      <c r="C2586" s="16">
        <v>2552</v>
      </c>
      <c r="D2586" cm="1">
        <f t="array" ref="D2586">IFERROR(INDEX(Jesper!AH$2:AH$366,ROUNDDOWN($C2586/24,0)+1,1)*INDEX($D$3:$AA$30,INDEX(Jesper!$R$2:$R$366,ROW(INDEX(Jesper!AH$2:AH$366,ROUNDDOWN($C2586/24,0)+1,1))-1)+IF('Standard Profiles'!$G$18=$B$10,7,0)+IF('Standard Profiles'!$G$18=$B$17,14,0)+IF('Standard Profiles'!$G$18=$B$24,21,0),MOD($C2586,24)+1)/SUM(INDEX($D$3:$AA$30,INDEX(Jesper!$R$2:$R$366,ROW(INDEX(Jesper!AH$2:AH$366,ROUNDDOWN($C2586/24,0)+1,1))-1)+IF('Standard Profiles'!$G$18=$B$10,7,0)+IF('Standard Profiles'!$G$18=$B$17,14,0)+IF('Standard Profiles'!$G$18=$B$24,21,0),0)),0)</f>
        <v>26.328660158159757</v>
      </c>
      <c r="E2586" cm="1">
        <f t="array" ref="E2586">IFERROR(INDEX(Jesper!AI$2:AI$366,ROUNDDOWN($C2586/24,0)+1,1)*INDEX($D$3:$AA$30,INDEX(Jesper!$R$2:$R$366,ROW(INDEX(Jesper!AI$2:AI$366,ROUNDDOWN($C2586/24,0)+1,1))-1)+IF('Standard Profiles'!$G$19=$B$10,7,0)+IF('Standard Profiles'!$G$19=$B$17,14,0)+IF('Standard Profiles'!$G$19=$B$24,21,0),MOD($C2586,24)+1)/SUM(INDEX($D$3:$AA$30,INDEX(Jesper!$R$2:$R$366,ROW(INDEX(Jesper!AI$2:AI$366,ROUNDDOWN($C2586/24,0)+1,1))-1)+IF('Standard Profiles'!$G$19=$B$10,7,0)+IF('Standard Profiles'!$G$19=$B$17,14,0)+IF('Standard Profiles'!$G$19=$B$24,21,0),0)),0)</f>
        <v>18.886879207625007</v>
      </c>
      <c r="F2586" cm="1">
        <f t="array" ref="F2586">IFERROR(INDEX(Jesper!AJ$2:AJ$366,ROUNDDOWN($C2586/24,0)+1,1)*INDEX($D$3:$AA$30,INDEX(Jesper!$R$2:$R$366,ROW(INDEX(Jesper!AJ$2:AJ$366,ROUNDDOWN($C2586/24,0)+1,1))-1)+IF('Standard Profiles'!$G$20=$B$10,7,0)+IF('Standard Profiles'!$G$20=$B$17,14,0)+IF('Standard Profiles'!$G$20=$B$24,21,0),MOD($C2586,24)+1)/SUM(INDEX($D$3:$AA$30,INDEX(Jesper!$R$2:$R$366,ROW(INDEX(Jesper!AJ$2:AJ$366,ROUNDDOWN($C2586/24,0)+1,1))-1)+IF('Standard Profiles'!$G$20=$B$10,7,0)+IF('Standard Profiles'!$G$20=$B$17,14,0)+IF('Standard Profiles'!$G$20=$B$24,21,0),0)),0)</f>
        <v>0</v>
      </c>
      <c r="G2586" cm="1">
        <f t="array" ref="G2586">IFERROR(INDEX(Jesper!AK$2:AK$366,ROUNDDOWN($C2586/24,0)+1,1)*INDEX($D$3:$AA$30,INDEX(Jesper!$R$2:$R$366,ROW(INDEX(Jesper!AK$2:AK$366,ROUNDDOWN($C2586/24,0)+1,1))-1)+IF('Standard Profiles'!$G$21=$B$10,7,0)+IF('Standard Profiles'!$G$21=$B$17,14,0)+IF('Standard Profiles'!$G$21=$B$24,21,0),MOD($C2586,24)+1)/SUM(INDEX($D$3:$AA$30,INDEX(Jesper!$R$2:$R$366,ROW(INDEX(Jesper!AK$2:AK$366,ROUNDDOWN($C2586/24,0)+1,1))-1)+IF('Standard Profiles'!$G$21=$B$10,7,0)+IF('Standard Profiles'!$G$21=$B$17,14,0)+IF('Standard Profiles'!$G$21=$B$24,21,0),0)),0)</f>
        <v>3.8772843395550112</v>
      </c>
      <c r="H2586" cm="1">
        <f t="array" ref="H2586">IFERROR(INDEX(Jesper!AL$2:AL$366,ROUNDDOWN($C2586/24,0)+1,1)*INDEX($D$3:$AA$30,INDEX(Jesper!$R$2:$R$366,ROW(INDEX(Jesper!AL$2:AL$366,ROUNDDOWN($C2586/24,0)+1,1))-1)+IF('Standard Profiles'!$G$22=$B$10,7,0)+IF('Standard Profiles'!$G$22=$B$17,14,0)+IF('Standard Profiles'!$G$22=$B$24,21,0),MOD($C2586,24)+1)/SUM(INDEX($D$3:$AA$30,INDEX(Jesper!$R$2:$R$366,ROW(INDEX(Jesper!AL$2:AL$366,ROUNDDOWN($C2586/24,0)+1,1))-1)+IF('Standard Profiles'!$G$22=$B$10,7,0)+IF('Standard Profiles'!$G$22=$B$17,14,0)+IF('Standard Profiles'!$G$22=$B$24,21,0),0)),0)</f>
        <v>0</v>
      </c>
      <c r="I2586">
        <f t="shared" si="293"/>
        <v>1.8610964829864045</v>
      </c>
      <c r="J2586">
        <f t="shared" si="294"/>
        <v>43.019141597047806</v>
      </c>
      <c r="K2586">
        <f t="shared" si="295"/>
        <v>2.8083904168703744</v>
      </c>
      <c r="L2586">
        <f t="shared" si="296"/>
        <v>1.4041952084351872</v>
      </c>
      <c r="M2586">
        <f t="shared" si="297"/>
        <v>0</v>
      </c>
      <c r="N2586" s="45">
        <f t="shared" si="298"/>
        <v>45033.333333327144</v>
      </c>
    </row>
    <row r="2587" spans="2:14" x14ac:dyDescent="0.25">
      <c r="B2587">
        <f t="shared" si="292"/>
        <v>1</v>
      </c>
      <c r="C2587" s="16">
        <v>2553</v>
      </c>
      <c r="D2587" cm="1">
        <f t="array" ref="D2587">IFERROR(INDEX(Jesper!AH$2:AH$366,ROUNDDOWN($C2587/24,0)+1,1)*INDEX($D$3:$AA$30,INDEX(Jesper!$R$2:$R$366,ROW(INDEX(Jesper!AH$2:AH$366,ROUNDDOWN($C2587/24,0)+1,1))-1)+IF('Standard Profiles'!$G$18=$B$10,7,0)+IF('Standard Profiles'!$G$18=$B$17,14,0)+IF('Standard Profiles'!$G$18=$B$24,21,0),MOD($C2587,24)+1)/SUM(INDEX($D$3:$AA$30,INDEX(Jesper!$R$2:$R$366,ROW(INDEX(Jesper!AH$2:AH$366,ROUNDDOWN($C2587/24,0)+1,1))-1)+IF('Standard Profiles'!$G$18=$B$10,7,0)+IF('Standard Profiles'!$G$18=$B$17,14,0)+IF('Standard Profiles'!$G$18=$B$24,21,0),0)),0)</f>
        <v>29.25406684239973</v>
      </c>
      <c r="E2587" cm="1">
        <f t="array" ref="E2587">IFERROR(INDEX(Jesper!AI$2:AI$366,ROUNDDOWN($C2587/24,0)+1,1)*INDEX($D$3:$AA$30,INDEX(Jesper!$R$2:$R$366,ROW(INDEX(Jesper!AI$2:AI$366,ROUNDDOWN($C2587/24,0)+1,1))-1)+IF('Standard Profiles'!$G$19=$B$10,7,0)+IF('Standard Profiles'!$G$19=$B$17,14,0)+IF('Standard Profiles'!$G$19=$B$24,21,0),MOD($C2587,24)+1)/SUM(INDEX($D$3:$AA$30,INDEX(Jesper!$R$2:$R$366,ROW(INDEX(Jesper!AI$2:AI$366,ROUNDDOWN($C2587/24,0)+1,1))-1)+IF('Standard Profiles'!$G$19=$B$10,7,0)+IF('Standard Profiles'!$G$19=$B$17,14,0)+IF('Standard Profiles'!$G$19=$B$24,21,0),0)),0)</f>
        <v>20.985421341805566</v>
      </c>
      <c r="F2587" cm="1">
        <f t="array" ref="F2587">IFERROR(INDEX(Jesper!AJ$2:AJ$366,ROUNDDOWN($C2587/24,0)+1,1)*INDEX($D$3:$AA$30,INDEX(Jesper!$R$2:$R$366,ROW(INDEX(Jesper!AJ$2:AJ$366,ROUNDDOWN($C2587/24,0)+1,1))-1)+IF('Standard Profiles'!$G$20=$B$10,7,0)+IF('Standard Profiles'!$G$20=$B$17,14,0)+IF('Standard Profiles'!$G$20=$B$24,21,0),MOD($C2587,24)+1)/SUM(INDEX($D$3:$AA$30,INDEX(Jesper!$R$2:$R$366,ROW(INDEX(Jesper!AJ$2:AJ$366,ROUNDDOWN($C2587/24,0)+1,1))-1)+IF('Standard Profiles'!$G$20=$B$10,7,0)+IF('Standard Profiles'!$G$20=$B$17,14,0)+IF('Standard Profiles'!$G$20=$B$24,21,0),0)),0)</f>
        <v>0</v>
      </c>
      <c r="G2587" cm="1">
        <f t="array" ref="G2587">IFERROR(INDEX(Jesper!AK$2:AK$366,ROUNDDOWN($C2587/24,0)+1,1)*INDEX($D$3:$AA$30,INDEX(Jesper!$R$2:$R$366,ROW(INDEX(Jesper!AK$2:AK$366,ROUNDDOWN($C2587/24,0)+1,1))-1)+IF('Standard Profiles'!$G$21=$B$10,7,0)+IF('Standard Profiles'!$G$21=$B$17,14,0)+IF('Standard Profiles'!$G$21=$B$24,21,0),MOD($C2587,24)+1)/SUM(INDEX($D$3:$AA$30,INDEX(Jesper!$R$2:$R$366,ROW(INDEX(Jesper!AK$2:AK$366,ROUNDDOWN($C2587/24,0)+1,1))-1)+IF('Standard Profiles'!$G$21=$B$10,7,0)+IF('Standard Profiles'!$G$21=$B$17,14,0)+IF('Standard Profiles'!$G$21=$B$24,21,0),0)),0)</f>
        <v>4.3080937106166788</v>
      </c>
      <c r="H2587" cm="1">
        <f t="array" ref="H2587">IFERROR(INDEX(Jesper!AL$2:AL$366,ROUNDDOWN($C2587/24,0)+1,1)*INDEX($D$3:$AA$30,INDEX(Jesper!$R$2:$R$366,ROW(INDEX(Jesper!AL$2:AL$366,ROUNDDOWN($C2587/24,0)+1,1))-1)+IF('Standard Profiles'!$G$22=$B$10,7,0)+IF('Standard Profiles'!$G$22=$B$17,14,0)+IF('Standard Profiles'!$G$22=$B$24,21,0),MOD($C2587,24)+1)/SUM(INDEX($D$3:$AA$30,INDEX(Jesper!$R$2:$R$366,ROW(INDEX(Jesper!AL$2:AL$366,ROUNDDOWN($C2587/24,0)+1,1))-1)+IF('Standard Profiles'!$G$22=$B$10,7,0)+IF('Standard Profiles'!$G$22=$B$17,14,0)+IF('Standard Profiles'!$G$22=$B$24,21,0),0)),0)</f>
        <v>0</v>
      </c>
      <c r="I2587">
        <f t="shared" si="293"/>
        <v>2.0678849810960047</v>
      </c>
      <c r="J2587">
        <f t="shared" si="294"/>
        <v>47.79904621894201</v>
      </c>
      <c r="K2587">
        <f t="shared" si="295"/>
        <v>3.1204337965226383</v>
      </c>
      <c r="L2587">
        <f t="shared" si="296"/>
        <v>1.5602168982613192</v>
      </c>
      <c r="M2587">
        <f t="shared" si="297"/>
        <v>0</v>
      </c>
      <c r="N2587" s="45">
        <f t="shared" si="298"/>
        <v>45033.374999993808</v>
      </c>
    </row>
    <row r="2588" spans="2:14" x14ac:dyDescent="0.25">
      <c r="B2588">
        <f t="shared" si="292"/>
        <v>1</v>
      </c>
      <c r="C2588" s="16">
        <v>2554</v>
      </c>
      <c r="D2588" cm="1">
        <f t="array" ref="D2588">IFERROR(INDEX(Jesper!AH$2:AH$366,ROUNDDOWN($C2588/24,0)+1,1)*INDEX($D$3:$AA$30,INDEX(Jesper!$R$2:$R$366,ROW(INDEX(Jesper!AH$2:AH$366,ROUNDDOWN($C2588/24,0)+1,1))-1)+IF('Standard Profiles'!$G$18=$B$10,7,0)+IF('Standard Profiles'!$G$18=$B$17,14,0)+IF('Standard Profiles'!$G$18=$B$24,21,0),MOD($C2588,24)+1)/SUM(INDEX($D$3:$AA$30,INDEX(Jesper!$R$2:$R$366,ROW(INDEX(Jesper!AH$2:AH$366,ROUNDDOWN($C2588/24,0)+1,1))-1)+IF('Standard Profiles'!$G$18=$B$10,7,0)+IF('Standard Profiles'!$G$18=$B$17,14,0)+IF('Standard Profiles'!$G$18=$B$24,21,0),0)),0)</f>
        <v>29.25406684239973</v>
      </c>
      <c r="E2588" cm="1">
        <f t="array" ref="E2588">IFERROR(INDEX(Jesper!AI$2:AI$366,ROUNDDOWN($C2588/24,0)+1,1)*INDEX($D$3:$AA$30,INDEX(Jesper!$R$2:$R$366,ROW(INDEX(Jesper!AI$2:AI$366,ROUNDDOWN($C2588/24,0)+1,1))-1)+IF('Standard Profiles'!$G$19=$B$10,7,0)+IF('Standard Profiles'!$G$19=$B$17,14,0)+IF('Standard Profiles'!$G$19=$B$24,21,0),MOD($C2588,24)+1)/SUM(INDEX($D$3:$AA$30,INDEX(Jesper!$R$2:$R$366,ROW(INDEX(Jesper!AI$2:AI$366,ROUNDDOWN($C2588/24,0)+1,1))-1)+IF('Standard Profiles'!$G$19=$B$10,7,0)+IF('Standard Profiles'!$G$19=$B$17,14,0)+IF('Standard Profiles'!$G$19=$B$24,21,0),0)),0)</f>
        <v>20.985421341805566</v>
      </c>
      <c r="F2588" cm="1">
        <f t="array" ref="F2588">IFERROR(INDEX(Jesper!AJ$2:AJ$366,ROUNDDOWN($C2588/24,0)+1,1)*INDEX($D$3:$AA$30,INDEX(Jesper!$R$2:$R$366,ROW(INDEX(Jesper!AJ$2:AJ$366,ROUNDDOWN($C2588/24,0)+1,1))-1)+IF('Standard Profiles'!$G$20=$B$10,7,0)+IF('Standard Profiles'!$G$20=$B$17,14,0)+IF('Standard Profiles'!$G$20=$B$24,21,0),MOD($C2588,24)+1)/SUM(INDEX($D$3:$AA$30,INDEX(Jesper!$R$2:$R$366,ROW(INDEX(Jesper!AJ$2:AJ$366,ROUNDDOWN($C2588/24,0)+1,1))-1)+IF('Standard Profiles'!$G$20=$B$10,7,0)+IF('Standard Profiles'!$G$20=$B$17,14,0)+IF('Standard Profiles'!$G$20=$B$24,21,0),0)),0)</f>
        <v>0</v>
      </c>
      <c r="G2588" cm="1">
        <f t="array" ref="G2588">IFERROR(INDEX(Jesper!AK$2:AK$366,ROUNDDOWN($C2588/24,0)+1,1)*INDEX($D$3:$AA$30,INDEX(Jesper!$R$2:$R$366,ROW(INDEX(Jesper!AK$2:AK$366,ROUNDDOWN($C2588/24,0)+1,1))-1)+IF('Standard Profiles'!$G$21=$B$10,7,0)+IF('Standard Profiles'!$G$21=$B$17,14,0)+IF('Standard Profiles'!$G$21=$B$24,21,0),MOD($C2588,24)+1)/SUM(INDEX($D$3:$AA$30,INDEX(Jesper!$R$2:$R$366,ROW(INDEX(Jesper!AK$2:AK$366,ROUNDDOWN($C2588/24,0)+1,1))-1)+IF('Standard Profiles'!$G$21=$B$10,7,0)+IF('Standard Profiles'!$G$21=$B$17,14,0)+IF('Standard Profiles'!$G$21=$B$24,21,0),0)),0)</f>
        <v>4.3080937106166788</v>
      </c>
      <c r="H2588" cm="1">
        <f t="array" ref="H2588">IFERROR(INDEX(Jesper!AL$2:AL$366,ROUNDDOWN($C2588/24,0)+1,1)*INDEX($D$3:$AA$30,INDEX(Jesper!$R$2:$R$366,ROW(INDEX(Jesper!AL$2:AL$366,ROUNDDOWN($C2588/24,0)+1,1))-1)+IF('Standard Profiles'!$G$22=$B$10,7,0)+IF('Standard Profiles'!$G$22=$B$17,14,0)+IF('Standard Profiles'!$G$22=$B$24,21,0),MOD($C2588,24)+1)/SUM(INDEX($D$3:$AA$30,INDEX(Jesper!$R$2:$R$366,ROW(INDEX(Jesper!AL$2:AL$366,ROUNDDOWN($C2588/24,0)+1,1))-1)+IF('Standard Profiles'!$G$22=$B$10,7,0)+IF('Standard Profiles'!$G$22=$B$17,14,0)+IF('Standard Profiles'!$G$22=$B$24,21,0),0)),0)</f>
        <v>0</v>
      </c>
      <c r="I2588">
        <f t="shared" si="293"/>
        <v>2.0678849810960047</v>
      </c>
      <c r="J2588">
        <f t="shared" si="294"/>
        <v>47.79904621894201</v>
      </c>
      <c r="K2588">
        <f t="shared" si="295"/>
        <v>3.1204337965226383</v>
      </c>
      <c r="L2588">
        <f t="shared" si="296"/>
        <v>1.5602168982613192</v>
      </c>
      <c r="M2588">
        <f t="shared" si="297"/>
        <v>0</v>
      </c>
      <c r="N2588" s="45">
        <f t="shared" si="298"/>
        <v>45033.416666660472</v>
      </c>
    </row>
    <row r="2589" spans="2:14" x14ac:dyDescent="0.25">
      <c r="B2589">
        <f t="shared" si="292"/>
        <v>1</v>
      </c>
      <c r="C2589" s="16">
        <v>2555</v>
      </c>
      <c r="D2589" cm="1">
        <f t="array" ref="D2589">IFERROR(INDEX(Jesper!AH$2:AH$366,ROUNDDOWN($C2589/24,0)+1,1)*INDEX($D$3:$AA$30,INDEX(Jesper!$R$2:$R$366,ROW(INDEX(Jesper!AH$2:AH$366,ROUNDDOWN($C2589/24,0)+1,1))-1)+IF('Standard Profiles'!$G$18=$B$10,7,0)+IF('Standard Profiles'!$G$18=$B$17,14,0)+IF('Standard Profiles'!$G$18=$B$24,21,0),MOD($C2589,24)+1)/SUM(INDEX($D$3:$AA$30,INDEX(Jesper!$R$2:$R$366,ROW(INDEX(Jesper!AH$2:AH$366,ROUNDDOWN($C2589/24,0)+1,1))-1)+IF('Standard Profiles'!$G$18=$B$10,7,0)+IF('Standard Profiles'!$G$18=$B$17,14,0)+IF('Standard Profiles'!$G$18=$B$24,21,0),0)),0)</f>
        <v>35.104880210879671</v>
      </c>
      <c r="E2589" cm="1">
        <f t="array" ref="E2589">IFERROR(INDEX(Jesper!AI$2:AI$366,ROUNDDOWN($C2589/24,0)+1,1)*INDEX($D$3:$AA$30,INDEX(Jesper!$R$2:$R$366,ROW(INDEX(Jesper!AI$2:AI$366,ROUNDDOWN($C2589/24,0)+1,1))-1)+IF('Standard Profiles'!$G$19=$B$10,7,0)+IF('Standard Profiles'!$G$19=$B$17,14,0)+IF('Standard Profiles'!$G$19=$B$24,21,0),MOD($C2589,24)+1)/SUM(INDEX($D$3:$AA$30,INDEX(Jesper!$R$2:$R$366,ROW(INDEX(Jesper!AI$2:AI$366,ROUNDDOWN($C2589/24,0)+1,1))-1)+IF('Standard Profiles'!$G$19=$B$10,7,0)+IF('Standard Profiles'!$G$19=$B$17,14,0)+IF('Standard Profiles'!$G$19=$B$24,21,0),0)),0)</f>
        <v>25.182505610166672</v>
      </c>
      <c r="F2589" cm="1">
        <f t="array" ref="F2589">IFERROR(INDEX(Jesper!AJ$2:AJ$366,ROUNDDOWN($C2589/24,0)+1,1)*INDEX($D$3:$AA$30,INDEX(Jesper!$R$2:$R$366,ROW(INDEX(Jesper!AJ$2:AJ$366,ROUNDDOWN($C2589/24,0)+1,1))-1)+IF('Standard Profiles'!$G$20=$B$10,7,0)+IF('Standard Profiles'!$G$20=$B$17,14,0)+IF('Standard Profiles'!$G$20=$B$24,21,0),MOD($C2589,24)+1)/SUM(INDEX($D$3:$AA$30,INDEX(Jesper!$R$2:$R$366,ROW(INDEX(Jesper!AJ$2:AJ$366,ROUNDDOWN($C2589/24,0)+1,1))-1)+IF('Standard Profiles'!$G$20=$B$10,7,0)+IF('Standard Profiles'!$G$20=$B$17,14,0)+IF('Standard Profiles'!$G$20=$B$24,21,0),0)),0)</f>
        <v>0</v>
      </c>
      <c r="G2589" cm="1">
        <f t="array" ref="G2589">IFERROR(INDEX(Jesper!AK$2:AK$366,ROUNDDOWN($C2589/24,0)+1,1)*INDEX($D$3:$AA$30,INDEX(Jesper!$R$2:$R$366,ROW(INDEX(Jesper!AK$2:AK$366,ROUNDDOWN($C2589/24,0)+1,1))-1)+IF('Standard Profiles'!$G$21=$B$10,7,0)+IF('Standard Profiles'!$G$21=$B$17,14,0)+IF('Standard Profiles'!$G$21=$B$24,21,0),MOD($C2589,24)+1)/SUM(INDEX($D$3:$AA$30,INDEX(Jesper!$R$2:$R$366,ROW(INDEX(Jesper!AK$2:AK$366,ROUNDDOWN($C2589/24,0)+1,1))-1)+IF('Standard Profiles'!$G$21=$B$10,7,0)+IF('Standard Profiles'!$G$21=$B$17,14,0)+IF('Standard Profiles'!$G$21=$B$24,21,0),0)),0)</f>
        <v>5.169712452740014</v>
      </c>
      <c r="H2589" cm="1">
        <f t="array" ref="H2589">IFERROR(INDEX(Jesper!AL$2:AL$366,ROUNDDOWN($C2589/24,0)+1,1)*INDEX($D$3:$AA$30,INDEX(Jesper!$R$2:$R$366,ROW(INDEX(Jesper!AL$2:AL$366,ROUNDDOWN($C2589/24,0)+1,1))-1)+IF('Standard Profiles'!$G$22=$B$10,7,0)+IF('Standard Profiles'!$G$22=$B$17,14,0)+IF('Standard Profiles'!$G$22=$B$24,21,0),MOD($C2589,24)+1)/SUM(INDEX($D$3:$AA$30,INDEX(Jesper!$R$2:$R$366,ROW(INDEX(Jesper!AL$2:AL$366,ROUNDDOWN($C2589/24,0)+1,1))-1)+IF('Standard Profiles'!$G$22=$B$10,7,0)+IF('Standard Profiles'!$G$22=$B$17,14,0)+IF('Standard Profiles'!$G$22=$B$24,21,0),0)),0)</f>
        <v>0</v>
      </c>
      <c r="I2589">
        <f t="shared" si="293"/>
        <v>2.4814619773152056</v>
      </c>
      <c r="J2589">
        <f t="shared" si="294"/>
        <v>57.358855462730403</v>
      </c>
      <c r="K2589">
        <f t="shared" si="295"/>
        <v>3.7445205558271653</v>
      </c>
      <c r="L2589">
        <f t="shared" si="296"/>
        <v>1.8722602779135826</v>
      </c>
      <c r="M2589">
        <f t="shared" si="297"/>
        <v>0</v>
      </c>
      <c r="N2589" s="45">
        <f t="shared" si="298"/>
        <v>45033.458333327137</v>
      </c>
    </row>
    <row r="2590" spans="2:14" x14ac:dyDescent="0.25">
      <c r="B2590">
        <f t="shared" si="292"/>
        <v>1</v>
      </c>
      <c r="C2590" s="16">
        <v>2556</v>
      </c>
      <c r="D2590" cm="1">
        <f t="array" ref="D2590">IFERROR(INDEX(Jesper!AH$2:AH$366,ROUNDDOWN($C2590/24,0)+1,1)*INDEX($D$3:$AA$30,INDEX(Jesper!$R$2:$R$366,ROW(INDEX(Jesper!AH$2:AH$366,ROUNDDOWN($C2590/24,0)+1,1))-1)+IF('Standard Profiles'!$G$18=$B$10,7,0)+IF('Standard Profiles'!$G$18=$B$17,14,0)+IF('Standard Profiles'!$G$18=$B$24,21,0),MOD($C2590,24)+1)/SUM(INDEX($D$3:$AA$30,INDEX(Jesper!$R$2:$R$366,ROW(INDEX(Jesper!AH$2:AH$366,ROUNDDOWN($C2590/24,0)+1,1))-1)+IF('Standard Profiles'!$G$18=$B$10,7,0)+IF('Standard Profiles'!$G$18=$B$17,14,0)+IF('Standard Profiles'!$G$18=$B$24,21,0),0)),0)</f>
        <v>35.104880210879671</v>
      </c>
      <c r="E2590" cm="1">
        <f t="array" ref="E2590">IFERROR(INDEX(Jesper!AI$2:AI$366,ROUNDDOWN($C2590/24,0)+1,1)*INDEX($D$3:$AA$30,INDEX(Jesper!$R$2:$R$366,ROW(INDEX(Jesper!AI$2:AI$366,ROUNDDOWN($C2590/24,0)+1,1))-1)+IF('Standard Profiles'!$G$19=$B$10,7,0)+IF('Standard Profiles'!$G$19=$B$17,14,0)+IF('Standard Profiles'!$G$19=$B$24,21,0),MOD($C2590,24)+1)/SUM(INDEX($D$3:$AA$30,INDEX(Jesper!$R$2:$R$366,ROW(INDEX(Jesper!AI$2:AI$366,ROUNDDOWN($C2590/24,0)+1,1))-1)+IF('Standard Profiles'!$G$19=$B$10,7,0)+IF('Standard Profiles'!$G$19=$B$17,14,0)+IF('Standard Profiles'!$G$19=$B$24,21,0),0)),0)</f>
        <v>25.182505610166672</v>
      </c>
      <c r="F2590" cm="1">
        <f t="array" ref="F2590">IFERROR(INDEX(Jesper!AJ$2:AJ$366,ROUNDDOWN($C2590/24,0)+1,1)*INDEX($D$3:$AA$30,INDEX(Jesper!$R$2:$R$366,ROW(INDEX(Jesper!AJ$2:AJ$366,ROUNDDOWN($C2590/24,0)+1,1))-1)+IF('Standard Profiles'!$G$20=$B$10,7,0)+IF('Standard Profiles'!$G$20=$B$17,14,0)+IF('Standard Profiles'!$G$20=$B$24,21,0),MOD($C2590,24)+1)/SUM(INDEX($D$3:$AA$30,INDEX(Jesper!$R$2:$R$366,ROW(INDEX(Jesper!AJ$2:AJ$366,ROUNDDOWN($C2590/24,0)+1,1))-1)+IF('Standard Profiles'!$G$20=$B$10,7,0)+IF('Standard Profiles'!$G$20=$B$17,14,0)+IF('Standard Profiles'!$G$20=$B$24,21,0),0)),0)</f>
        <v>0</v>
      </c>
      <c r="G2590" cm="1">
        <f t="array" ref="G2590">IFERROR(INDEX(Jesper!AK$2:AK$366,ROUNDDOWN($C2590/24,0)+1,1)*INDEX($D$3:$AA$30,INDEX(Jesper!$R$2:$R$366,ROW(INDEX(Jesper!AK$2:AK$366,ROUNDDOWN($C2590/24,0)+1,1))-1)+IF('Standard Profiles'!$G$21=$B$10,7,0)+IF('Standard Profiles'!$G$21=$B$17,14,0)+IF('Standard Profiles'!$G$21=$B$24,21,0),MOD($C2590,24)+1)/SUM(INDEX($D$3:$AA$30,INDEX(Jesper!$R$2:$R$366,ROW(INDEX(Jesper!AK$2:AK$366,ROUNDDOWN($C2590/24,0)+1,1))-1)+IF('Standard Profiles'!$G$21=$B$10,7,0)+IF('Standard Profiles'!$G$21=$B$17,14,0)+IF('Standard Profiles'!$G$21=$B$24,21,0),0)),0)</f>
        <v>5.169712452740014</v>
      </c>
      <c r="H2590" cm="1">
        <f t="array" ref="H2590">IFERROR(INDEX(Jesper!AL$2:AL$366,ROUNDDOWN($C2590/24,0)+1,1)*INDEX($D$3:$AA$30,INDEX(Jesper!$R$2:$R$366,ROW(INDEX(Jesper!AL$2:AL$366,ROUNDDOWN($C2590/24,0)+1,1))-1)+IF('Standard Profiles'!$G$22=$B$10,7,0)+IF('Standard Profiles'!$G$22=$B$17,14,0)+IF('Standard Profiles'!$G$22=$B$24,21,0),MOD($C2590,24)+1)/SUM(INDEX($D$3:$AA$30,INDEX(Jesper!$R$2:$R$366,ROW(INDEX(Jesper!AL$2:AL$366,ROUNDDOWN($C2590/24,0)+1,1))-1)+IF('Standard Profiles'!$G$22=$B$10,7,0)+IF('Standard Profiles'!$G$22=$B$17,14,0)+IF('Standard Profiles'!$G$22=$B$24,21,0),0)),0)</f>
        <v>0</v>
      </c>
      <c r="I2590">
        <f t="shared" si="293"/>
        <v>2.4814619773152056</v>
      </c>
      <c r="J2590">
        <f t="shared" si="294"/>
        <v>57.358855462730403</v>
      </c>
      <c r="K2590">
        <f t="shared" si="295"/>
        <v>3.7445205558271653</v>
      </c>
      <c r="L2590">
        <f t="shared" si="296"/>
        <v>1.8722602779135826</v>
      </c>
      <c r="M2590">
        <f t="shared" si="297"/>
        <v>0</v>
      </c>
      <c r="N2590" s="45">
        <f t="shared" si="298"/>
        <v>45033.499999993801</v>
      </c>
    </row>
    <row r="2591" spans="2:14" x14ac:dyDescent="0.25">
      <c r="B2591">
        <f t="shared" si="292"/>
        <v>1</v>
      </c>
      <c r="C2591" s="16">
        <v>2557</v>
      </c>
      <c r="D2591" cm="1">
        <f t="array" ref="D2591">IFERROR(INDEX(Jesper!AH$2:AH$366,ROUNDDOWN($C2591/24,0)+1,1)*INDEX($D$3:$AA$30,INDEX(Jesper!$R$2:$R$366,ROW(INDEX(Jesper!AH$2:AH$366,ROUNDDOWN($C2591/24,0)+1,1))-1)+IF('Standard Profiles'!$G$18=$B$10,7,0)+IF('Standard Profiles'!$G$18=$B$17,14,0)+IF('Standard Profiles'!$G$18=$B$24,21,0),MOD($C2591,24)+1)/SUM(INDEX($D$3:$AA$30,INDEX(Jesper!$R$2:$R$366,ROW(INDEX(Jesper!AH$2:AH$366,ROUNDDOWN($C2591/24,0)+1,1))-1)+IF('Standard Profiles'!$G$18=$B$10,7,0)+IF('Standard Profiles'!$G$18=$B$17,14,0)+IF('Standard Profiles'!$G$18=$B$24,21,0),0)),0)</f>
        <v>23.403253473919783</v>
      </c>
      <c r="E2591" cm="1">
        <f t="array" ref="E2591">IFERROR(INDEX(Jesper!AI$2:AI$366,ROUNDDOWN($C2591/24,0)+1,1)*INDEX($D$3:$AA$30,INDEX(Jesper!$R$2:$R$366,ROW(INDEX(Jesper!AI$2:AI$366,ROUNDDOWN($C2591/24,0)+1,1))-1)+IF('Standard Profiles'!$G$19=$B$10,7,0)+IF('Standard Profiles'!$G$19=$B$17,14,0)+IF('Standard Profiles'!$G$19=$B$24,21,0),MOD($C2591,24)+1)/SUM(INDEX($D$3:$AA$30,INDEX(Jesper!$R$2:$R$366,ROW(INDEX(Jesper!AI$2:AI$366,ROUNDDOWN($C2591/24,0)+1,1))-1)+IF('Standard Profiles'!$G$19=$B$10,7,0)+IF('Standard Profiles'!$G$19=$B$17,14,0)+IF('Standard Profiles'!$G$19=$B$24,21,0),0)),0)</f>
        <v>16.788337073444449</v>
      </c>
      <c r="F2591" cm="1">
        <f t="array" ref="F2591">IFERROR(INDEX(Jesper!AJ$2:AJ$366,ROUNDDOWN($C2591/24,0)+1,1)*INDEX($D$3:$AA$30,INDEX(Jesper!$R$2:$R$366,ROW(INDEX(Jesper!AJ$2:AJ$366,ROUNDDOWN($C2591/24,0)+1,1))-1)+IF('Standard Profiles'!$G$20=$B$10,7,0)+IF('Standard Profiles'!$G$20=$B$17,14,0)+IF('Standard Profiles'!$G$20=$B$24,21,0),MOD($C2591,24)+1)/SUM(INDEX($D$3:$AA$30,INDEX(Jesper!$R$2:$R$366,ROW(INDEX(Jesper!AJ$2:AJ$366,ROUNDDOWN($C2591/24,0)+1,1))-1)+IF('Standard Profiles'!$G$20=$B$10,7,0)+IF('Standard Profiles'!$G$20=$B$17,14,0)+IF('Standard Profiles'!$G$20=$B$24,21,0),0)),0)</f>
        <v>0</v>
      </c>
      <c r="G2591" cm="1">
        <f t="array" ref="G2591">IFERROR(INDEX(Jesper!AK$2:AK$366,ROUNDDOWN($C2591/24,0)+1,1)*INDEX($D$3:$AA$30,INDEX(Jesper!$R$2:$R$366,ROW(INDEX(Jesper!AK$2:AK$366,ROUNDDOWN($C2591/24,0)+1,1))-1)+IF('Standard Profiles'!$G$21=$B$10,7,0)+IF('Standard Profiles'!$G$21=$B$17,14,0)+IF('Standard Profiles'!$G$21=$B$24,21,0),MOD($C2591,24)+1)/SUM(INDEX($D$3:$AA$30,INDEX(Jesper!$R$2:$R$366,ROW(INDEX(Jesper!AK$2:AK$366,ROUNDDOWN($C2591/24,0)+1,1))-1)+IF('Standard Profiles'!$G$21=$B$10,7,0)+IF('Standard Profiles'!$G$21=$B$17,14,0)+IF('Standard Profiles'!$G$21=$B$24,21,0),0)),0)</f>
        <v>3.4464749684933436</v>
      </c>
      <c r="H2591" cm="1">
        <f t="array" ref="H2591">IFERROR(INDEX(Jesper!AL$2:AL$366,ROUNDDOWN($C2591/24,0)+1,1)*INDEX($D$3:$AA$30,INDEX(Jesper!$R$2:$R$366,ROW(INDEX(Jesper!AL$2:AL$366,ROUNDDOWN($C2591/24,0)+1,1))-1)+IF('Standard Profiles'!$G$22=$B$10,7,0)+IF('Standard Profiles'!$G$22=$B$17,14,0)+IF('Standard Profiles'!$G$22=$B$24,21,0),MOD($C2591,24)+1)/SUM(INDEX($D$3:$AA$30,INDEX(Jesper!$R$2:$R$366,ROW(INDEX(Jesper!AL$2:AL$366,ROUNDDOWN($C2591/24,0)+1,1))-1)+IF('Standard Profiles'!$G$22=$B$10,7,0)+IF('Standard Profiles'!$G$22=$B$17,14,0)+IF('Standard Profiles'!$G$22=$B$24,21,0),0)),0)</f>
        <v>0</v>
      </c>
      <c r="I2591">
        <f t="shared" si="293"/>
        <v>1.6543079848768041</v>
      </c>
      <c r="J2591">
        <f t="shared" si="294"/>
        <v>38.239236975153602</v>
      </c>
      <c r="K2591">
        <f t="shared" si="295"/>
        <v>2.4963470372181105</v>
      </c>
      <c r="L2591">
        <f t="shared" si="296"/>
        <v>1.2481735186090552</v>
      </c>
      <c r="M2591">
        <f t="shared" si="297"/>
        <v>0</v>
      </c>
      <c r="N2591" s="45">
        <f t="shared" si="298"/>
        <v>45033.541666660465</v>
      </c>
    </row>
    <row r="2592" spans="2:14" x14ac:dyDescent="0.25">
      <c r="B2592">
        <f t="shared" si="292"/>
        <v>1</v>
      </c>
      <c r="C2592" s="16">
        <v>2558</v>
      </c>
      <c r="D2592" cm="1">
        <f t="array" ref="D2592">IFERROR(INDEX(Jesper!AH$2:AH$366,ROUNDDOWN($C2592/24,0)+1,1)*INDEX($D$3:$AA$30,INDEX(Jesper!$R$2:$R$366,ROW(INDEX(Jesper!AH$2:AH$366,ROUNDDOWN($C2592/24,0)+1,1))-1)+IF('Standard Profiles'!$G$18=$B$10,7,0)+IF('Standard Profiles'!$G$18=$B$17,14,0)+IF('Standard Profiles'!$G$18=$B$24,21,0),MOD($C2592,24)+1)/SUM(INDEX($D$3:$AA$30,INDEX(Jesper!$R$2:$R$366,ROW(INDEX(Jesper!AH$2:AH$366,ROUNDDOWN($C2592/24,0)+1,1))-1)+IF('Standard Profiles'!$G$18=$B$10,7,0)+IF('Standard Profiles'!$G$18=$B$17,14,0)+IF('Standard Profiles'!$G$18=$B$24,21,0),0)),0)</f>
        <v>35.104880210879671</v>
      </c>
      <c r="E2592" cm="1">
        <f t="array" ref="E2592">IFERROR(INDEX(Jesper!AI$2:AI$366,ROUNDDOWN($C2592/24,0)+1,1)*INDEX($D$3:$AA$30,INDEX(Jesper!$R$2:$R$366,ROW(INDEX(Jesper!AI$2:AI$366,ROUNDDOWN($C2592/24,0)+1,1))-1)+IF('Standard Profiles'!$G$19=$B$10,7,0)+IF('Standard Profiles'!$G$19=$B$17,14,0)+IF('Standard Profiles'!$G$19=$B$24,21,0),MOD($C2592,24)+1)/SUM(INDEX($D$3:$AA$30,INDEX(Jesper!$R$2:$R$366,ROW(INDEX(Jesper!AI$2:AI$366,ROUNDDOWN($C2592/24,0)+1,1))-1)+IF('Standard Profiles'!$G$19=$B$10,7,0)+IF('Standard Profiles'!$G$19=$B$17,14,0)+IF('Standard Profiles'!$G$19=$B$24,21,0),0)),0)</f>
        <v>25.182505610166672</v>
      </c>
      <c r="F2592" cm="1">
        <f t="array" ref="F2592">IFERROR(INDEX(Jesper!AJ$2:AJ$366,ROUNDDOWN($C2592/24,0)+1,1)*INDEX($D$3:$AA$30,INDEX(Jesper!$R$2:$R$366,ROW(INDEX(Jesper!AJ$2:AJ$366,ROUNDDOWN($C2592/24,0)+1,1))-1)+IF('Standard Profiles'!$G$20=$B$10,7,0)+IF('Standard Profiles'!$G$20=$B$17,14,0)+IF('Standard Profiles'!$G$20=$B$24,21,0),MOD($C2592,24)+1)/SUM(INDEX($D$3:$AA$30,INDEX(Jesper!$R$2:$R$366,ROW(INDEX(Jesper!AJ$2:AJ$366,ROUNDDOWN($C2592/24,0)+1,1))-1)+IF('Standard Profiles'!$G$20=$B$10,7,0)+IF('Standard Profiles'!$G$20=$B$17,14,0)+IF('Standard Profiles'!$G$20=$B$24,21,0),0)),0)</f>
        <v>0</v>
      </c>
      <c r="G2592" cm="1">
        <f t="array" ref="G2592">IFERROR(INDEX(Jesper!AK$2:AK$366,ROUNDDOWN($C2592/24,0)+1,1)*INDEX($D$3:$AA$30,INDEX(Jesper!$R$2:$R$366,ROW(INDEX(Jesper!AK$2:AK$366,ROUNDDOWN($C2592/24,0)+1,1))-1)+IF('Standard Profiles'!$G$21=$B$10,7,0)+IF('Standard Profiles'!$G$21=$B$17,14,0)+IF('Standard Profiles'!$G$21=$B$24,21,0),MOD($C2592,24)+1)/SUM(INDEX($D$3:$AA$30,INDEX(Jesper!$R$2:$R$366,ROW(INDEX(Jesper!AK$2:AK$366,ROUNDDOWN($C2592/24,0)+1,1))-1)+IF('Standard Profiles'!$G$21=$B$10,7,0)+IF('Standard Profiles'!$G$21=$B$17,14,0)+IF('Standard Profiles'!$G$21=$B$24,21,0),0)),0)</f>
        <v>5.169712452740014</v>
      </c>
      <c r="H2592" cm="1">
        <f t="array" ref="H2592">IFERROR(INDEX(Jesper!AL$2:AL$366,ROUNDDOWN($C2592/24,0)+1,1)*INDEX($D$3:$AA$30,INDEX(Jesper!$R$2:$R$366,ROW(INDEX(Jesper!AL$2:AL$366,ROUNDDOWN($C2592/24,0)+1,1))-1)+IF('Standard Profiles'!$G$22=$B$10,7,0)+IF('Standard Profiles'!$G$22=$B$17,14,0)+IF('Standard Profiles'!$G$22=$B$24,21,0),MOD($C2592,24)+1)/SUM(INDEX($D$3:$AA$30,INDEX(Jesper!$R$2:$R$366,ROW(INDEX(Jesper!AL$2:AL$366,ROUNDDOWN($C2592/24,0)+1,1))-1)+IF('Standard Profiles'!$G$22=$B$10,7,0)+IF('Standard Profiles'!$G$22=$B$17,14,0)+IF('Standard Profiles'!$G$22=$B$24,21,0),0)),0)</f>
        <v>0</v>
      </c>
      <c r="I2592">
        <f t="shared" si="293"/>
        <v>2.4814619773152056</v>
      </c>
      <c r="J2592">
        <f t="shared" si="294"/>
        <v>57.358855462730403</v>
      </c>
      <c r="K2592">
        <f t="shared" si="295"/>
        <v>3.7445205558271653</v>
      </c>
      <c r="L2592">
        <f t="shared" si="296"/>
        <v>1.8722602779135826</v>
      </c>
      <c r="M2592">
        <f t="shared" si="297"/>
        <v>0</v>
      </c>
      <c r="N2592" s="45">
        <f t="shared" si="298"/>
        <v>45033.583333327129</v>
      </c>
    </row>
    <row r="2593" spans="2:14" x14ac:dyDescent="0.25">
      <c r="B2593">
        <f t="shared" si="292"/>
        <v>1</v>
      </c>
      <c r="C2593" s="16">
        <v>2559</v>
      </c>
      <c r="D2593" cm="1">
        <f t="array" ref="D2593">IFERROR(INDEX(Jesper!AH$2:AH$366,ROUNDDOWN($C2593/24,0)+1,1)*INDEX($D$3:$AA$30,INDEX(Jesper!$R$2:$R$366,ROW(INDEX(Jesper!AH$2:AH$366,ROUNDDOWN($C2593/24,0)+1,1))-1)+IF('Standard Profiles'!$G$18=$B$10,7,0)+IF('Standard Profiles'!$G$18=$B$17,14,0)+IF('Standard Profiles'!$G$18=$B$24,21,0),MOD($C2593,24)+1)/SUM(INDEX($D$3:$AA$30,INDEX(Jesper!$R$2:$R$366,ROW(INDEX(Jesper!AH$2:AH$366,ROUNDDOWN($C2593/24,0)+1,1))-1)+IF('Standard Profiles'!$G$18=$B$10,7,0)+IF('Standard Profiles'!$G$18=$B$17,14,0)+IF('Standard Profiles'!$G$18=$B$24,21,0),0)),0)</f>
        <v>35.104880210879671</v>
      </c>
      <c r="E2593" cm="1">
        <f t="array" ref="E2593">IFERROR(INDEX(Jesper!AI$2:AI$366,ROUNDDOWN($C2593/24,0)+1,1)*INDEX($D$3:$AA$30,INDEX(Jesper!$R$2:$R$366,ROW(INDEX(Jesper!AI$2:AI$366,ROUNDDOWN($C2593/24,0)+1,1))-1)+IF('Standard Profiles'!$G$19=$B$10,7,0)+IF('Standard Profiles'!$G$19=$B$17,14,0)+IF('Standard Profiles'!$G$19=$B$24,21,0),MOD($C2593,24)+1)/SUM(INDEX($D$3:$AA$30,INDEX(Jesper!$R$2:$R$366,ROW(INDEX(Jesper!AI$2:AI$366,ROUNDDOWN($C2593/24,0)+1,1))-1)+IF('Standard Profiles'!$G$19=$B$10,7,0)+IF('Standard Profiles'!$G$19=$B$17,14,0)+IF('Standard Profiles'!$G$19=$B$24,21,0),0)),0)</f>
        <v>25.182505610166672</v>
      </c>
      <c r="F2593" cm="1">
        <f t="array" ref="F2593">IFERROR(INDEX(Jesper!AJ$2:AJ$366,ROUNDDOWN($C2593/24,0)+1,1)*INDEX($D$3:$AA$30,INDEX(Jesper!$R$2:$R$366,ROW(INDEX(Jesper!AJ$2:AJ$366,ROUNDDOWN($C2593/24,0)+1,1))-1)+IF('Standard Profiles'!$G$20=$B$10,7,0)+IF('Standard Profiles'!$G$20=$B$17,14,0)+IF('Standard Profiles'!$G$20=$B$24,21,0),MOD($C2593,24)+1)/SUM(INDEX($D$3:$AA$30,INDEX(Jesper!$R$2:$R$366,ROW(INDEX(Jesper!AJ$2:AJ$366,ROUNDDOWN($C2593/24,0)+1,1))-1)+IF('Standard Profiles'!$G$20=$B$10,7,0)+IF('Standard Profiles'!$G$20=$B$17,14,0)+IF('Standard Profiles'!$G$20=$B$24,21,0),0)),0)</f>
        <v>0</v>
      </c>
      <c r="G2593" cm="1">
        <f t="array" ref="G2593">IFERROR(INDEX(Jesper!AK$2:AK$366,ROUNDDOWN($C2593/24,0)+1,1)*INDEX($D$3:$AA$30,INDEX(Jesper!$R$2:$R$366,ROW(INDEX(Jesper!AK$2:AK$366,ROUNDDOWN($C2593/24,0)+1,1))-1)+IF('Standard Profiles'!$G$21=$B$10,7,0)+IF('Standard Profiles'!$G$21=$B$17,14,0)+IF('Standard Profiles'!$G$21=$B$24,21,0),MOD($C2593,24)+1)/SUM(INDEX($D$3:$AA$30,INDEX(Jesper!$R$2:$R$366,ROW(INDEX(Jesper!AK$2:AK$366,ROUNDDOWN($C2593/24,0)+1,1))-1)+IF('Standard Profiles'!$G$21=$B$10,7,0)+IF('Standard Profiles'!$G$21=$B$17,14,0)+IF('Standard Profiles'!$G$21=$B$24,21,0),0)),0)</f>
        <v>5.169712452740014</v>
      </c>
      <c r="H2593" cm="1">
        <f t="array" ref="H2593">IFERROR(INDEX(Jesper!AL$2:AL$366,ROUNDDOWN($C2593/24,0)+1,1)*INDEX($D$3:$AA$30,INDEX(Jesper!$R$2:$R$366,ROW(INDEX(Jesper!AL$2:AL$366,ROUNDDOWN($C2593/24,0)+1,1))-1)+IF('Standard Profiles'!$G$22=$B$10,7,0)+IF('Standard Profiles'!$G$22=$B$17,14,0)+IF('Standard Profiles'!$G$22=$B$24,21,0),MOD($C2593,24)+1)/SUM(INDEX($D$3:$AA$30,INDEX(Jesper!$R$2:$R$366,ROW(INDEX(Jesper!AL$2:AL$366,ROUNDDOWN($C2593/24,0)+1,1))-1)+IF('Standard Profiles'!$G$22=$B$10,7,0)+IF('Standard Profiles'!$G$22=$B$17,14,0)+IF('Standard Profiles'!$G$22=$B$24,21,0),0)),0)</f>
        <v>0</v>
      </c>
      <c r="I2593">
        <f t="shared" si="293"/>
        <v>2.4814619773152056</v>
      </c>
      <c r="J2593">
        <f t="shared" si="294"/>
        <v>57.358855462730403</v>
      </c>
      <c r="K2593">
        <f t="shared" si="295"/>
        <v>3.7445205558271653</v>
      </c>
      <c r="L2593">
        <f t="shared" si="296"/>
        <v>1.8722602779135826</v>
      </c>
      <c r="M2593">
        <f t="shared" si="297"/>
        <v>0</v>
      </c>
      <c r="N2593" s="45">
        <f t="shared" si="298"/>
        <v>45033.624999993794</v>
      </c>
    </row>
    <row r="2594" spans="2:14" x14ac:dyDescent="0.25">
      <c r="B2594">
        <f t="shared" si="292"/>
        <v>1</v>
      </c>
      <c r="C2594" s="16">
        <v>2560</v>
      </c>
      <c r="D2594" cm="1">
        <f t="array" ref="D2594">IFERROR(INDEX(Jesper!AH$2:AH$366,ROUNDDOWN($C2594/24,0)+1,1)*INDEX($D$3:$AA$30,INDEX(Jesper!$R$2:$R$366,ROW(INDEX(Jesper!AH$2:AH$366,ROUNDDOWN($C2594/24,0)+1,1))-1)+IF('Standard Profiles'!$G$18=$B$10,7,0)+IF('Standard Profiles'!$G$18=$B$17,14,0)+IF('Standard Profiles'!$G$18=$B$24,21,0),MOD($C2594,24)+1)/SUM(INDEX($D$3:$AA$30,INDEX(Jesper!$R$2:$R$366,ROW(INDEX(Jesper!AH$2:AH$366,ROUNDDOWN($C2594/24,0)+1,1))-1)+IF('Standard Profiles'!$G$18=$B$10,7,0)+IF('Standard Profiles'!$G$18=$B$17,14,0)+IF('Standard Profiles'!$G$18=$B$24,21,0),0)),0)</f>
        <v>20.477846789679809</v>
      </c>
      <c r="E2594" cm="1">
        <f t="array" ref="E2594">IFERROR(INDEX(Jesper!AI$2:AI$366,ROUNDDOWN($C2594/24,0)+1,1)*INDEX($D$3:$AA$30,INDEX(Jesper!$R$2:$R$366,ROW(INDEX(Jesper!AI$2:AI$366,ROUNDDOWN($C2594/24,0)+1,1))-1)+IF('Standard Profiles'!$G$19=$B$10,7,0)+IF('Standard Profiles'!$G$19=$B$17,14,0)+IF('Standard Profiles'!$G$19=$B$24,21,0),MOD($C2594,24)+1)/SUM(INDEX($D$3:$AA$30,INDEX(Jesper!$R$2:$R$366,ROW(INDEX(Jesper!AI$2:AI$366,ROUNDDOWN($C2594/24,0)+1,1))-1)+IF('Standard Profiles'!$G$19=$B$10,7,0)+IF('Standard Profiles'!$G$19=$B$17,14,0)+IF('Standard Profiles'!$G$19=$B$24,21,0),0)),0)</f>
        <v>14.689794939263892</v>
      </c>
      <c r="F2594" cm="1">
        <f t="array" ref="F2594">IFERROR(INDEX(Jesper!AJ$2:AJ$366,ROUNDDOWN($C2594/24,0)+1,1)*INDEX($D$3:$AA$30,INDEX(Jesper!$R$2:$R$366,ROW(INDEX(Jesper!AJ$2:AJ$366,ROUNDDOWN($C2594/24,0)+1,1))-1)+IF('Standard Profiles'!$G$20=$B$10,7,0)+IF('Standard Profiles'!$G$20=$B$17,14,0)+IF('Standard Profiles'!$G$20=$B$24,21,0),MOD($C2594,24)+1)/SUM(INDEX($D$3:$AA$30,INDEX(Jesper!$R$2:$R$366,ROW(INDEX(Jesper!AJ$2:AJ$366,ROUNDDOWN($C2594/24,0)+1,1))-1)+IF('Standard Profiles'!$G$20=$B$10,7,0)+IF('Standard Profiles'!$G$20=$B$17,14,0)+IF('Standard Profiles'!$G$20=$B$24,21,0),0)),0)</f>
        <v>0</v>
      </c>
      <c r="G2594" cm="1">
        <f t="array" ref="G2594">IFERROR(INDEX(Jesper!AK$2:AK$366,ROUNDDOWN($C2594/24,0)+1,1)*INDEX($D$3:$AA$30,INDEX(Jesper!$R$2:$R$366,ROW(INDEX(Jesper!AK$2:AK$366,ROUNDDOWN($C2594/24,0)+1,1))-1)+IF('Standard Profiles'!$G$21=$B$10,7,0)+IF('Standard Profiles'!$G$21=$B$17,14,0)+IF('Standard Profiles'!$G$21=$B$24,21,0),MOD($C2594,24)+1)/SUM(INDEX($D$3:$AA$30,INDEX(Jesper!$R$2:$R$366,ROW(INDEX(Jesper!AK$2:AK$366,ROUNDDOWN($C2594/24,0)+1,1))-1)+IF('Standard Profiles'!$G$21=$B$10,7,0)+IF('Standard Profiles'!$G$21=$B$17,14,0)+IF('Standard Profiles'!$G$21=$B$24,21,0),0)),0)</f>
        <v>4.3080937106166788</v>
      </c>
      <c r="H2594" cm="1">
        <f t="array" ref="H2594">IFERROR(INDEX(Jesper!AL$2:AL$366,ROUNDDOWN($C2594/24,0)+1,1)*INDEX($D$3:$AA$30,INDEX(Jesper!$R$2:$R$366,ROW(INDEX(Jesper!AL$2:AL$366,ROUNDDOWN($C2594/24,0)+1,1))-1)+IF('Standard Profiles'!$G$22=$B$10,7,0)+IF('Standard Profiles'!$G$22=$B$17,14,0)+IF('Standard Profiles'!$G$22=$B$24,21,0),MOD($C2594,24)+1)/SUM(INDEX($D$3:$AA$30,INDEX(Jesper!$R$2:$R$366,ROW(INDEX(Jesper!AL$2:AL$366,ROUNDDOWN($C2594/24,0)+1,1))-1)+IF('Standard Profiles'!$G$22=$B$10,7,0)+IF('Standard Profiles'!$G$22=$B$17,14,0)+IF('Standard Profiles'!$G$22=$B$24,21,0),0)),0)</f>
        <v>0</v>
      </c>
      <c r="I2594">
        <f t="shared" si="293"/>
        <v>2.0678849810960047</v>
      </c>
      <c r="J2594">
        <f t="shared" si="294"/>
        <v>34.131394972115608</v>
      </c>
      <c r="K2594">
        <f t="shared" si="295"/>
        <v>2.1843036575658465</v>
      </c>
      <c r="L2594">
        <f t="shared" si="296"/>
        <v>1.0921518287829233</v>
      </c>
      <c r="M2594">
        <f t="shared" si="297"/>
        <v>0</v>
      </c>
      <c r="N2594" s="45">
        <f t="shared" si="298"/>
        <v>45033.666666660458</v>
      </c>
    </row>
    <row r="2595" spans="2:14" x14ac:dyDescent="0.25">
      <c r="B2595">
        <f t="shared" ref="B2595:B2658" si="299">WEEKDAY(N2595,2)</f>
        <v>1</v>
      </c>
      <c r="C2595" s="16">
        <v>2561</v>
      </c>
      <c r="D2595" cm="1">
        <f t="array" ref="D2595">IFERROR(INDEX(Jesper!AH$2:AH$366,ROUNDDOWN($C2595/24,0)+1,1)*INDEX($D$3:$AA$30,INDEX(Jesper!$R$2:$R$366,ROW(INDEX(Jesper!AH$2:AH$366,ROUNDDOWN($C2595/24,0)+1,1))-1)+IF('Standard Profiles'!$G$18=$B$10,7,0)+IF('Standard Profiles'!$G$18=$B$17,14,0)+IF('Standard Profiles'!$G$18=$B$24,21,0),MOD($C2595,24)+1)/SUM(INDEX($D$3:$AA$30,INDEX(Jesper!$R$2:$R$366,ROW(INDEX(Jesper!AH$2:AH$366,ROUNDDOWN($C2595/24,0)+1,1))-1)+IF('Standard Profiles'!$G$18=$B$10,7,0)+IF('Standard Profiles'!$G$18=$B$17,14,0)+IF('Standard Profiles'!$G$18=$B$24,21,0),0)),0)</f>
        <v>5.8508133684799457</v>
      </c>
      <c r="E2595" cm="1">
        <f t="array" ref="E2595">IFERROR(INDEX(Jesper!AI$2:AI$366,ROUNDDOWN($C2595/24,0)+1,1)*INDEX($D$3:$AA$30,INDEX(Jesper!$R$2:$R$366,ROW(INDEX(Jesper!AI$2:AI$366,ROUNDDOWN($C2595/24,0)+1,1))-1)+IF('Standard Profiles'!$G$19=$B$10,7,0)+IF('Standard Profiles'!$G$19=$B$17,14,0)+IF('Standard Profiles'!$G$19=$B$24,21,0),MOD($C2595,24)+1)/SUM(INDEX($D$3:$AA$30,INDEX(Jesper!$R$2:$R$366,ROW(INDEX(Jesper!AI$2:AI$366,ROUNDDOWN($C2595/24,0)+1,1))-1)+IF('Standard Profiles'!$G$19=$B$10,7,0)+IF('Standard Profiles'!$G$19=$B$17,14,0)+IF('Standard Profiles'!$G$19=$B$24,21,0),0)),0)</f>
        <v>4.1970842683611123</v>
      </c>
      <c r="F2595" cm="1">
        <f t="array" ref="F2595">IFERROR(INDEX(Jesper!AJ$2:AJ$366,ROUNDDOWN($C2595/24,0)+1,1)*INDEX($D$3:$AA$30,INDEX(Jesper!$R$2:$R$366,ROW(INDEX(Jesper!AJ$2:AJ$366,ROUNDDOWN($C2595/24,0)+1,1))-1)+IF('Standard Profiles'!$G$20=$B$10,7,0)+IF('Standard Profiles'!$G$20=$B$17,14,0)+IF('Standard Profiles'!$G$20=$B$24,21,0),MOD($C2595,24)+1)/SUM(INDEX($D$3:$AA$30,INDEX(Jesper!$R$2:$R$366,ROW(INDEX(Jesper!AJ$2:AJ$366,ROUNDDOWN($C2595/24,0)+1,1))-1)+IF('Standard Profiles'!$G$20=$B$10,7,0)+IF('Standard Profiles'!$G$20=$B$17,14,0)+IF('Standard Profiles'!$G$20=$B$24,21,0),0)),0)</f>
        <v>0</v>
      </c>
      <c r="G2595" cm="1">
        <f t="array" ref="G2595">IFERROR(INDEX(Jesper!AK$2:AK$366,ROUNDDOWN($C2595/24,0)+1,1)*INDEX($D$3:$AA$30,INDEX(Jesper!$R$2:$R$366,ROW(INDEX(Jesper!AK$2:AK$366,ROUNDDOWN($C2595/24,0)+1,1))-1)+IF('Standard Profiles'!$G$21=$B$10,7,0)+IF('Standard Profiles'!$G$21=$B$17,14,0)+IF('Standard Profiles'!$G$21=$B$24,21,0),MOD($C2595,24)+1)/SUM(INDEX($D$3:$AA$30,INDEX(Jesper!$R$2:$R$366,ROW(INDEX(Jesper!AK$2:AK$366,ROUNDDOWN($C2595/24,0)+1,1))-1)+IF('Standard Profiles'!$G$21=$B$10,7,0)+IF('Standard Profiles'!$G$21=$B$17,14,0)+IF('Standard Profiles'!$G$21=$B$24,21,0),0)),0)</f>
        <v>3.4662822958984774</v>
      </c>
      <c r="H2595" cm="1">
        <f t="array" ref="H2595">IFERROR(INDEX(Jesper!AL$2:AL$366,ROUNDDOWN($C2595/24,0)+1,1)*INDEX($D$3:$AA$30,INDEX(Jesper!$R$2:$R$366,ROW(INDEX(Jesper!AL$2:AL$366,ROUNDDOWN($C2595/24,0)+1,1))-1)+IF('Standard Profiles'!$G$22=$B$10,7,0)+IF('Standard Profiles'!$G$22=$B$17,14,0)+IF('Standard Profiles'!$G$22=$B$24,21,0),MOD($C2595,24)+1)/SUM(INDEX($D$3:$AA$30,INDEX(Jesper!$R$2:$R$366,ROW(INDEX(Jesper!AL$2:AL$366,ROUNDDOWN($C2595/24,0)+1,1))-1)+IF('Standard Profiles'!$G$22=$B$10,7,0)+IF('Standard Profiles'!$G$22=$B$17,14,0)+IF('Standard Profiles'!$G$22=$B$24,21,0),0)),0)</f>
        <v>0</v>
      </c>
      <c r="I2595">
        <f t="shared" ref="I2595:I2658" si="300">IF($B2595&lt;6,AC$37*$D2595+AC$38*$E2595+AC$39*$F2595+AC$40*$G2595,AC$46*$D2595+AC$47*$E2595+AC$48*$F2595+AC$49*$G2595+AC$50*$H2595)</f>
        <v>1.6638155020312684</v>
      </c>
      <c r="J2595">
        <f t="shared" ref="J2595:J2658" si="301">IF($B2595&lt;6,AD$37*$D2595+AD$38*$E2595+AD$39*$F2595+AD$40*$G2595,AD$46*$D2595+AD$47*$E2595+AD$48*$F2595+AD$49*$G2595+AD$50*$H2595)</f>
        <v>10.914234291751475</v>
      </c>
      <c r="K2595">
        <f t="shared" ref="K2595:K2658" si="302">IF($B2595&lt;6,AE$37*$D2595+AE$38*$E2595+AE$39*$F2595+AE$40*$G2595,AE$46*$D2595+AE$47*$E2595+AE$48*$F2595+AE$49*$G2595+AE$50*$H2595)</f>
        <v>0.62408675930452762</v>
      </c>
      <c r="L2595">
        <f t="shared" ref="L2595:L2658" si="303">IF($B2595&lt;6,AF$37*$D2595+AF$38*$E2595+AF$39*$F2595+AF$40*$G2595,AF$46*$D2595+AF$47*$E2595+AF$48*$F2595+AF$49*$G2595+AF$50*$H2595)</f>
        <v>0.31204337965226381</v>
      </c>
      <c r="M2595">
        <f t="shared" ref="M2595:M2658" si="304">IF($B2595&lt;6,AG$37*$D2595+AG$38*$E2595+AG$39*$F2595+AG$40*$G2595,AG$46*$D2595+AG$47*$E2595+AG$48*$F2595+AG$49*$G2595+AG$50*$H2595)</f>
        <v>0</v>
      </c>
      <c r="N2595" s="45">
        <f t="shared" si="298"/>
        <v>45033.708333327122</v>
      </c>
    </row>
    <row r="2596" spans="2:14" x14ac:dyDescent="0.25">
      <c r="B2596">
        <f t="shared" si="299"/>
        <v>1</v>
      </c>
      <c r="C2596" s="16">
        <v>2562</v>
      </c>
      <c r="D2596" cm="1">
        <f t="array" ref="D2596">IFERROR(INDEX(Jesper!AH$2:AH$366,ROUNDDOWN($C2596/24,0)+1,1)*INDEX($D$3:$AA$30,INDEX(Jesper!$R$2:$R$366,ROW(INDEX(Jesper!AH$2:AH$366,ROUNDDOWN($C2596/24,0)+1,1))-1)+IF('Standard Profiles'!$G$18=$B$10,7,0)+IF('Standard Profiles'!$G$18=$B$17,14,0)+IF('Standard Profiles'!$G$18=$B$24,21,0),MOD($C2596,24)+1)/SUM(INDEX($D$3:$AA$30,INDEX(Jesper!$R$2:$R$366,ROW(INDEX(Jesper!AH$2:AH$366,ROUNDDOWN($C2596/24,0)+1,1))-1)+IF('Standard Profiles'!$G$18=$B$10,7,0)+IF('Standard Profiles'!$G$18=$B$17,14,0)+IF('Standard Profiles'!$G$18=$B$24,21,0),0)),0)</f>
        <v>5.768407546388679</v>
      </c>
      <c r="E2596" cm="1">
        <f t="array" ref="E2596">IFERROR(INDEX(Jesper!AI$2:AI$366,ROUNDDOWN($C2596/24,0)+1,1)*INDEX($D$3:$AA$30,INDEX(Jesper!$R$2:$R$366,ROW(INDEX(Jesper!AI$2:AI$366,ROUNDDOWN($C2596/24,0)+1,1))-1)+IF('Standard Profiles'!$G$19=$B$10,7,0)+IF('Standard Profiles'!$G$19=$B$17,14,0)+IF('Standard Profiles'!$G$19=$B$24,21,0),MOD($C2596,24)+1)/SUM(INDEX($D$3:$AA$30,INDEX(Jesper!$R$2:$R$366,ROW(INDEX(Jesper!AI$2:AI$366,ROUNDDOWN($C2596/24,0)+1,1))-1)+IF('Standard Profiles'!$G$19=$B$10,7,0)+IF('Standard Profiles'!$G$19=$B$17,14,0)+IF('Standard Profiles'!$G$19=$B$24,21,0),0)),0)</f>
        <v>4.137970405426449</v>
      </c>
      <c r="F2596" cm="1">
        <f t="array" ref="F2596">IFERROR(INDEX(Jesper!AJ$2:AJ$366,ROUNDDOWN($C2596/24,0)+1,1)*INDEX($D$3:$AA$30,INDEX(Jesper!$R$2:$R$366,ROW(INDEX(Jesper!AJ$2:AJ$366,ROUNDDOWN($C2596/24,0)+1,1))-1)+IF('Standard Profiles'!$G$20=$B$10,7,0)+IF('Standard Profiles'!$G$20=$B$17,14,0)+IF('Standard Profiles'!$G$20=$B$24,21,0),MOD($C2596,24)+1)/SUM(INDEX($D$3:$AA$30,INDEX(Jesper!$R$2:$R$366,ROW(INDEX(Jesper!AJ$2:AJ$366,ROUNDDOWN($C2596/24,0)+1,1))-1)+IF('Standard Profiles'!$G$20=$B$10,7,0)+IF('Standard Profiles'!$G$20=$B$17,14,0)+IF('Standard Profiles'!$G$20=$B$24,21,0),0)),0)</f>
        <v>0</v>
      </c>
      <c r="G2596" cm="1">
        <f t="array" ref="G2596">IFERROR(INDEX(Jesper!AK$2:AK$366,ROUNDDOWN($C2596/24,0)+1,1)*INDEX($D$3:$AA$30,INDEX(Jesper!$R$2:$R$366,ROW(INDEX(Jesper!AK$2:AK$366,ROUNDDOWN($C2596/24,0)+1,1))-1)+IF('Standard Profiles'!$G$21=$B$10,7,0)+IF('Standard Profiles'!$G$21=$B$17,14,0)+IF('Standard Profiles'!$G$21=$B$24,21,0),MOD($C2596,24)+1)/SUM(INDEX($D$3:$AA$30,INDEX(Jesper!$R$2:$R$366,ROW(INDEX(Jesper!AK$2:AK$366,ROUNDDOWN($C2596/24,0)+1,1))-1)+IF('Standard Profiles'!$G$21=$B$10,7,0)+IF('Standard Profiles'!$G$21=$B$17,14,0)+IF('Standard Profiles'!$G$21=$B$24,21,0),0)),0)</f>
        <v>1.2379579628208848</v>
      </c>
      <c r="H2596" cm="1">
        <f t="array" ref="H2596">IFERROR(INDEX(Jesper!AL$2:AL$366,ROUNDDOWN($C2596/24,0)+1,1)*INDEX($D$3:$AA$30,INDEX(Jesper!$R$2:$R$366,ROW(INDEX(Jesper!AL$2:AL$366,ROUNDDOWN($C2596/24,0)+1,1))-1)+IF('Standard Profiles'!$G$22=$B$10,7,0)+IF('Standard Profiles'!$G$22=$B$17,14,0)+IF('Standard Profiles'!$G$22=$B$24,21,0),MOD($C2596,24)+1)/SUM(INDEX($D$3:$AA$30,INDEX(Jesper!$R$2:$R$366,ROW(INDEX(Jesper!AL$2:AL$366,ROUNDDOWN($C2596/24,0)+1,1))-1)+IF('Standard Profiles'!$G$22=$B$10,7,0)+IF('Standard Profiles'!$G$22=$B$17,14,0)+IF('Standard Profiles'!$G$22=$B$24,21,0),0)),0)</f>
        <v>0</v>
      </c>
      <c r="I2596">
        <f t="shared" si="300"/>
        <v>0.59421982215402436</v>
      </c>
      <c r="J2596">
        <f t="shared" si="301"/>
        <v>9.6271708850597992</v>
      </c>
      <c r="K2596">
        <f t="shared" si="302"/>
        <v>0.61529680494812578</v>
      </c>
      <c r="L2596">
        <f t="shared" si="303"/>
        <v>0.30764840247406289</v>
      </c>
      <c r="M2596">
        <f t="shared" si="304"/>
        <v>0</v>
      </c>
      <c r="N2596" s="45">
        <f t="shared" ref="N2596:N2659" si="305">N2595+1/24</f>
        <v>45033.749999993786</v>
      </c>
    </row>
    <row r="2597" spans="2:14" x14ac:dyDescent="0.25">
      <c r="B2597">
        <f t="shared" si="299"/>
        <v>1</v>
      </c>
      <c r="C2597" s="16">
        <v>2563</v>
      </c>
      <c r="D2597" cm="1">
        <f t="array" ref="D2597">IFERROR(INDEX(Jesper!AH$2:AH$366,ROUNDDOWN($C2597/24,0)+1,1)*INDEX($D$3:$AA$30,INDEX(Jesper!$R$2:$R$366,ROW(INDEX(Jesper!AH$2:AH$366,ROUNDDOWN($C2597/24,0)+1,1))-1)+IF('Standard Profiles'!$G$18=$B$10,7,0)+IF('Standard Profiles'!$G$18=$B$17,14,0)+IF('Standard Profiles'!$G$18=$B$24,21,0),MOD($C2597,24)+1)/SUM(INDEX($D$3:$AA$30,INDEX(Jesper!$R$2:$R$366,ROW(INDEX(Jesper!AH$2:AH$366,ROUNDDOWN($C2597/24,0)+1,1))-1)+IF('Standard Profiles'!$G$18=$B$10,7,0)+IF('Standard Profiles'!$G$18=$B$17,14,0)+IF('Standard Profiles'!$G$18=$B$24,21,0),0)),0)</f>
        <v>5.768407546388679</v>
      </c>
      <c r="E2597" cm="1">
        <f t="array" ref="E2597">IFERROR(INDEX(Jesper!AI$2:AI$366,ROUNDDOWN($C2597/24,0)+1,1)*INDEX($D$3:$AA$30,INDEX(Jesper!$R$2:$R$366,ROW(INDEX(Jesper!AI$2:AI$366,ROUNDDOWN($C2597/24,0)+1,1))-1)+IF('Standard Profiles'!$G$19=$B$10,7,0)+IF('Standard Profiles'!$G$19=$B$17,14,0)+IF('Standard Profiles'!$G$19=$B$24,21,0),MOD($C2597,24)+1)/SUM(INDEX($D$3:$AA$30,INDEX(Jesper!$R$2:$R$366,ROW(INDEX(Jesper!AI$2:AI$366,ROUNDDOWN($C2597/24,0)+1,1))-1)+IF('Standard Profiles'!$G$19=$B$10,7,0)+IF('Standard Profiles'!$G$19=$B$17,14,0)+IF('Standard Profiles'!$G$19=$B$24,21,0),0)),0)</f>
        <v>4.137970405426449</v>
      </c>
      <c r="F2597" cm="1">
        <f t="array" ref="F2597">IFERROR(INDEX(Jesper!AJ$2:AJ$366,ROUNDDOWN($C2597/24,0)+1,1)*INDEX($D$3:$AA$30,INDEX(Jesper!$R$2:$R$366,ROW(INDEX(Jesper!AJ$2:AJ$366,ROUNDDOWN($C2597/24,0)+1,1))-1)+IF('Standard Profiles'!$G$20=$B$10,7,0)+IF('Standard Profiles'!$G$20=$B$17,14,0)+IF('Standard Profiles'!$G$20=$B$24,21,0),MOD($C2597,24)+1)/SUM(INDEX($D$3:$AA$30,INDEX(Jesper!$R$2:$R$366,ROW(INDEX(Jesper!AJ$2:AJ$366,ROUNDDOWN($C2597/24,0)+1,1))-1)+IF('Standard Profiles'!$G$20=$B$10,7,0)+IF('Standard Profiles'!$G$20=$B$17,14,0)+IF('Standard Profiles'!$G$20=$B$24,21,0),0)),0)</f>
        <v>0</v>
      </c>
      <c r="G2597" cm="1">
        <f t="array" ref="G2597">IFERROR(INDEX(Jesper!AK$2:AK$366,ROUNDDOWN($C2597/24,0)+1,1)*INDEX($D$3:$AA$30,INDEX(Jesper!$R$2:$R$366,ROW(INDEX(Jesper!AK$2:AK$366,ROUNDDOWN($C2597/24,0)+1,1))-1)+IF('Standard Profiles'!$G$21=$B$10,7,0)+IF('Standard Profiles'!$G$21=$B$17,14,0)+IF('Standard Profiles'!$G$21=$B$24,21,0),MOD($C2597,24)+1)/SUM(INDEX($D$3:$AA$30,INDEX(Jesper!$R$2:$R$366,ROW(INDEX(Jesper!AK$2:AK$366,ROUNDDOWN($C2597/24,0)+1,1))-1)+IF('Standard Profiles'!$G$21=$B$10,7,0)+IF('Standard Profiles'!$G$21=$B$17,14,0)+IF('Standard Profiles'!$G$21=$B$24,21,0),0)),0)</f>
        <v>1.2379579628208848</v>
      </c>
      <c r="H2597" cm="1">
        <f t="array" ref="H2597">IFERROR(INDEX(Jesper!AL$2:AL$366,ROUNDDOWN($C2597/24,0)+1,1)*INDEX($D$3:$AA$30,INDEX(Jesper!$R$2:$R$366,ROW(INDEX(Jesper!AL$2:AL$366,ROUNDDOWN($C2597/24,0)+1,1))-1)+IF('Standard Profiles'!$G$22=$B$10,7,0)+IF('Standard Profiles'!$G$22=$B$17,14,0)+IF('Standard Profiles'!$G$22=$B$24,21,0),MOD($C2597,24)+1)/SUM(INDEX($D$3:$AA$30,INDEX(Jesper!$R$2:$R$366,ROW(INDEX(Jesper!AL$2:AL$366,ROUNDDOWN($C2597/24,0)+1,1))-1)+IF('Standard Profiles'!$G$22=$B$10,7,0)+IF('Standard Profiles'!$G$22=$B$17,14,0)+IF('Standard Profiles'!$G$22=$B$24,21,0),0)),0)</f>
        <v>0</v>
      </c>
      <c r="I2597">
        <f t="shared" si="300"/>
        <v>0.59421982215402436</v>
      </c>
      <c r="J2597">
        <f t="shared" si="301"/>
        <v>9.6271708850597992</v>
      </c>
      <c r="K2597">
        <f t="shared" si="302"/>
        <v>0.61529680494812578</v>
      </c>
      <c r="L2597">
        <f t="shared" si="303"/>
        <v>0.30764840247406289</v>
      </c>
      <c r="M2597">
        <f t="shared" si="304"/>
        <v>0</v>
      </c>
      <c r="N2597" s="45">
        <f t="shared" si="305"/>
        <v>45033.791666660451</v>
      </c>
    </row>
    <row r="2598" spans="2:14" x14ac:dyDescent="0.25">
      <c r="B2598">
        <f t="shared" si="299"/>
        <v>1</v>
      </c>
      <c r="C2598" s="16">
        <v>2564</v>
      </c>
      <c r="D2598" cm="1">
        <f t="array" ref="D2598">IFERROR(INDEX(Jesper!AH$2:AH$366,ROUNDDOWN($C2598/24,0)+1,1)*INDEX($D$3:$AA$30,INDEX(Jesper!$R$2:$R$366,ROW(INDEX(Jesper!AH$2:AH$366,ROUNDDOWN($C2598/24,0)+1,1))-1)+IF('Standard Profiles'!$G$18=$B$10,7,0)+IF('Standard Profiles'!$G$18=$B$17,14,0)+IF('Standard Profiles'!$G$18=$B$24,21,0),MOD($C2598,24)+1)/SUM(INDEX($D$3:$AA$30,INDEX(Jesper!$R$2:$R$366,ROW(INDEX(Jesper!AH$2:AH$366,ROUNDDOWN($C2598/24,0)+1,1))-1)+IF('Standard Profiles'!$G$18=$B$10,7,0)+IF('Standard Profiles'!$G$18=$B$17,14,0)+IF('Standard Profiles'!$G$18=$B$24,21,0),0)),0)</f>
        <v>5.768407546388679</v>
      </c>
      <c r="E2598" cm="1">
        <f t="array" ref="E2598">IFERROR(INDEX(Jesper!AI$2:AI$366,ROUNDDOWN($C2598/24,0)+1,1)*INDEX($D$3:$AA$30,INDEX(Jesper!$R$2:$R$366,ROW(INDEX(Jesper!AI$2:AI$366,ROUNDDOWN($C2598/24,0)+1,1))-1)+IF('Standard Profiles'!$G$19=$B$10,7,0)+IF('Standard Profiles'!$G$19=$B$17,14,0)+IF('Standard Profiles'!$G$19=$B$24,21,0),MOD($C2598,24)+1)/SUM(INDEX($D$3:$AA$30,INDEX(Jesper!$R$2:$R$366,ROW(INDEX(Jesper!AI$2:AI$366,ROUNDDOWN($C2598/24,0)+1,1))-1)+IF('Standard Profiles'!$G$19=$B$10,7,0)+IF('Standard Profiles'!$G$19=$B$17,14,0)+IF('Standard Profiles'!$G$19=$B$24,21,0),0)),0)</f>
        <v>4.137970405426449</v>
      </c>
      <c r="F2598" cm="1">
        <f t="array" ref="F2598">IFERROR(INDEX(Jesper!AJ$2:AJ$366,ROUNDDOWN($C2598/24,0)+1,1)*INDEX($D$3:$AA$30,INDEX(Jesper!$R$2:$R$366,ROW(INDEX(Jesper!AJ$2:AJ$366,ROUNDDOWN($C2598/24,0)+1,1))-1)+IF('Standard Profiles'!$G$20=$B$10,7,0)+IF('Standard Profiles'!$G$20=$B$17,14,0)+IF('Standard Profiles'!$G$20=$B$24,21,0),MOD($C2598,24)+1)/SUM(INDEX($D$3:$AA$30,INDEX(Jesper!$R$2:$R$366,ROW(INDEX(Jesper!AJ$2:AJ$366,ROUNDDOWN($C2598/24,0)+1,1))-1)+IF('Standard Profiles'!$G$20=$B$10,7,0)+IF('Standard Profiles'!$G$20=$B$17,14,0)+IF('Standard Profiles'!$G$20=$B$24,21,0),0)),0)</f>
        <v>0</v>
      </c>
      <c r="G2598" cm="1">
        <f t="array" ref="G2598">IFERROR(INDEX(Jesper!AK$2:AK$366,ROUNDDOWN($C2598/24,0)+1,1)*INDEX($D$3:$AA$30,INDEX(Jesper!$R$2:$R$366,ROW(INDEX(Jesper!AK$2:AK$366,ROUNDDOWN($C2598/24,0)+1,1))-1)+IF('Standard Profiles'!$G$21=$B$10,7,0)+IF('Standard Profiles'!$G$21=$B$17,14,0)+IF('Standard Profiles'!$G$21=$B$24,21,0),MOD($C2598,24)+1)/SUM(INDEX($D$3:$AA$30,INDEX(Jesper!$R$2:$R$366,ROW(INDEX(Jesper!AK$2:AK$366,ROUNDDOWN($C2598/24,0)+1,1))-1)+IF('Standard Profiles'!$G$21=$B$10,7,0)+IF('Standard Profiles'!$G$21=$B$17,14,0)+IF('Standard Profiles'!$G$21=$B$24,21,0),0)),0)</f>
        <v>1.2379579628208848</v>
      </c>
      <c r="H2598" cm="1">
        <f t="array" ref="H2598">IFERROR(INDEX(Jesper!AL$2:AL$366,ROUNDDOWN($C2598/24,0)+1,1)*INDEX($D$3:$AA$30,INDEX(Jesper!$R$2:$R$366,ROW(INDEX(Jesper!AL$2:AL$366,ROUNDDOWN($C2598/24,0)+1,1))-1)+IF('Standard Profiles'!$G$22=$B$10,7,0)+IF('Standard Profiles'!$G$22=$B$17,14,0)+IF('Standard Profiles'!$G$22=$B$24,21,0),MOD($C2598,24)+1)/SUM(INDEX($D$3:$AA$30,INDEX(Jesper!$R$2:$R$366,ROW(INDEX(Jesper!AL$2:AL$366,ROUNDDOWN($C2598/24,0)+1,1))-1)+IF('Standard Profiles'!$G$22=$B$10,7,0)+IF('Standard Profiles'!$G$22=$B$17,14,0)+IF('Standard Profiles'!$G$22=$B$24,21,0),0)),0)</f>
        <v>0</v>
      </c>
      <c r="I2598">
        <f t="shared" si="300"/>
        <v>0.59421982215402436</v>
      </c>
      <c r="J2598">
        <f t="shared" si="301"/>
        <v>9.6271708850597992</v>
      </c>
      <c r="K2598">
        <f t="shared" si="302"/>
        <v>0.61529680494812578</v>
      </c>
      <c r="L2598">
        <f t="shared" si="303"/>
        <v>0.30764840247406289</v>
      </c>
      <c r="M2598">
        <f t="shared" si="304"/>
        <v>0</v>
      </c>
      <c r="N2598" s="45">
        <f t="shared" si="305"/>
        <v>45033.833333327115</v>
      </c>
    </row>
    <row r="2599" spans="2:14" x14ac:dyDescent="0.25">
      <c r="B2599">
        <f t="shared" si="299"/>
        <v>1</v>
      </c>
      <c r="C2599" s="16">
        <v>2565</v>
      </c>
      <c r="D2599" cm="1">
        <f t="array" ref="D2599">IFERROR(INDEX(Jesper!AH$2:AH$366,ROUNDDOWN($C2599/24,0)+1,1)*INDEX($D$3:$AA$30,INDEX(Jesper!$R$2:$R$366,ROW(INDEX(Jesper!AH$2:AH$366,ROUNDDOWN($C2599/24,0)+1,1))-1)+IF('Standard Profiles'!$G$18=$B$10,7,0)+IF('Standard Profiles'!$G$18=$B$17,14,0)+IF('Standard Profiles'!$G$18=$B$24,21,0),MOD($C2599,24)+1)/SUM(INDEX($D$3:$AA$30,INDEX(Jesper!$R$2:$R$366,ROW(INDEX(Jesper!AH$2:AH$366,ROUNDDOWN($C2599/24,0)+1,1))-1)+IF('Standard Profiles'!$G$18=$B$10,7,0)+IF('Standard Profiles'!$G$18=$B$17,14,0)+IF('Standard Profiles'!$G$18=$B$24,21,0),0)),0)</f>
        <v>5.768407546388679</v>
      </c>
      <c r="E2599" cm="1">
        <f t="array" ref="E2599">IFERROR(INDEX(Jesper!AI$2:AI$366,ROUNDDOWN($C2599/24,0)+1,1)*INDEX($D$3:$AA$30,INDEX(Jesper!$R$2:$R$366,ROW(INDEX(Jesper!AI$2:AI$366,ROUNDDOWN($C2599/24,0)+1,1))-1)+IF('Standard Profiles'!$G$19=$B$10,7,0)+IF('Standard Profiles'!$G$19=$B$17,14,0)+IF('Standard Profiles'!$G$19=$B$24,21,0),MOD($C2599,24)+1)/SUM(INDEX($D$3:$AA$30,INDEX(Jesper!$R$2:$R$366,ROW(INDEX(Jesper!AI$2:AI$366,ROUNDDOWN($C2599/24,0)+1,1))-1)+IF('Standard Profiles'!$G$19=$B$10,7,0)+IF('Standard Profiles'!$G$19=$B$17,14,0)+IF('Standard Profiles'!$G$19=$B$24,21,0),0)),0)</f>
        <v>4.137970405426449</v>
      </c>
      <c r="F2599" cm="1">
        <f t="array" ref="F2599">IFERROR(INDEX(Jesper!AJ$2:AJ$366,ROUNDDOWN($C2599/24,0)+1,1)*INDEX($D$3:$AA$30,INDEX(Jesper!$R$2:$R$366,ROW(INDEX(Jesper!AJ$2:AJ$366,ROUNDDOWN($C2599/24,0)+1,1))-1)+IF('Standard Profiles'!$G$20=$B$10,7,0)+IF('Standard Profiles'!$G$20=$B$17,14,0)+IF('Standard Profiles'!$G$20=$B$24,21,0),MOD($C2599,24)+1)/SUM(INDEX($D$3:$AA$30,INDEX(Jesper!$R$2:$R$366,ROW(INDEX(Jesper!AJ$2:AJ$366,ROUNDDOWN($C2599/24,0)+1,1))-1)+IF('Standard Profiles'!$G$20=$B$10,7,0)+IF('Standard Profiles'!$G$20=$B$17,14,0)+IF('Standard Profiles'!$G$20=$B$24,21,0),0)),0)</f>
        <v>0</v>
      </c>
      <c r="G2599" cm="1">
        <f t="array" ref="G2599">IFERROR(INDEX(Jesper!AK$2:AK$366,ROUNDDOWN($C2599/24,0)+1,1)*INDEX($D$3:$AA$30,INDEX(Jesper!$R$2:$R$366,ROW(INDEX(Jesper!AK$2:AK$366,ROUNDDOWN($C2599/24,0)+1,1))-1)+IF('Standard Profiles'!$G$21=$B$10,7,0)+IF('Standard Profiles'!$G$21=$B$17,14,0)+IF('Standard Profiles'!$G$21=$B$24,21,0),MOD($C2599,24)+1)/SUM(INDEX($D$3:$AA$30,INDEX(Jesper!$R$2:$R$366,ROW(INDEX(Jesper!AK$2:AK$366,ROUNDDOWN($C2599/24,0)+1,1))-1)+IF('Standard Profiles'!$G$21=$B$10,7,0)+IF('Standard Profiles'!$G$21=$B$17,14,0)+IF('Standard Profiles'!$G$21=$B$24,21,0),0)),0)</f>
        <v>1.2379579628208848</v>
      </c>
      <c r="H2599" cm="1">
        <f t="array" ref="H2599">IFERROR(INDEX(Jesper!AL$2:AL$366,ROUNDDOWN($C2599/24,0)+1,1)*INDEX($D$3:$AA$30,INDEX(Jesper!$R$2:$R$366,ROW(INDEX(Jesper!AL$2:AL$366,ROUNDDOWN($C2599/24,0)+1,1))-1)+IF('Standard Profiles'!$G$22=$B$10,7,0)+IF('Standard Profiles'!$G$22=$B$17,14,0)+IF('Standard Profiles'!$G$22=$B$24,21,0),MOD($C2599,24)+1)/SUM(INDEX($D$3:$AA$30,INDEX(Jesper!$R$2:$R$366,ROW(INDEX(Jesper!AL$2:AL$366,ROUNDDOWN($C2599/24,0)+1,1))-1)+IF('Standard Profiles'!$G$22=$B$10,7,0)+IF('Standard Profiles'!$G$22=$B$17,14,0)+IF('Standard Profiles'!$G$22=$B$24,21,0),0)),0)</f>
        <v>0</v>
      </c>
      <c r="I2599">
        <f t="shared" si="300"/>
        <v>0.59421982215402436</v>
      </c>
      <c r="J2599">
        <f t="shared" si="301"/>
        <v>9.6271708850597992</v>
      </c>
      <c r="K2599">
        <f t="shared" si="302"/>
        <v>0.61529680494812578</v>
      </c>
      <c r="L2599">
        <f t="shared" si="303"/>
        <v>0.30764840247406289</v>
      </c>
      <c r="M2599">
        <f t="shared" si="304"/>
        <v>0</v>
      </c>
      <c r="N2599" s="45">
        <f t="shared" si="305"/>
        <v>45033.874999993779</v>
      </c>
    </row>
    <row r="2600" spans="2:14" x14ac:dyDescent="0.25">
      <c r="B2600">
        <f t="shared" si="299"/>
        <v>1</v>
      </c>
      <c r="C2600" s="16">
        <v>2566</v>
      </c>
      <c r="D2600" cm="1">
        <f t="array" ref="D2600">IFERROR(INDEX(Jesper!AH$2:AH$366,ROUNDDOWN($C2600/24,0)+1,1)*INDEX($D$3:$AA$30,INDEX(Jesper!$R$2:$R$366,ROW(INDEX(Jesper!AH$2:AH$366,ROUNDDOWN($C2600/24,0)+1,1))-1)+IF('Standard Profiles'!$G$18=$B$10,7,0)+IF('Standard Profiles'!$G$18=$B$17,14,0)+IF('Standard Profiles'!$G$18=$B$24,21,0),MOD($C2600,24)+1)/SUM(INDEX($D$3:$AA$30,INDEX(Jesper!$R$2:$R$366,ROW(INDEX(Jesper!AH$2:AH$366,ROUNDDOWN($C2600/24,0)+1,1))-1)+IF('Standard Profiles'!$G$18=$B$10,7,0)+IF('Standard Profiles'!$G$18=$B$17,14,0)+IF('Standard Profiles'!$G$18=$B$24,21,0),0)),0)</f>
        <v>5.768407546388679</v>
      </c>
      <c r="E2600" cm="1">
        <f t="array" ref="E2600">IFERROR(INDEX(Jesper!AI$2:AI$366,ROUNDDOWN($C2600/24,0)+1,1)*INDEX($D$3:$AA$30,INDEX(Jesper!$R$2:$R$366,ROW(INDEX(Jesper!AI$2:AI$366,ROUNDDOWN($C2600/24,0)+1,1))-1)+IF('Standard Profiles'!$G$19=$B$10,7,0)+IF('Standard Profiles'!$G$19=$B$17,14,0)+IF('Standard Profiles'!$G$19=$B$24,21,0),MOD($C2600,24)+1)/SUM(INDEX($D$3:$AA$30,INDEX(Jesper!$R$2:$R$366,ROW(INDEX(Jesper!AI$2:AI$366,ROUNDDOWN($C2600/24,0)+1,1))-1)+IF('Standard Profiles'!$G$19=$B$10,7,0)+IF('Standard Profiles'!$G$19=$B$17,14,0)+IF('Standard Profiles'!$G$19=$B$24,21,0),0)),0)</f>
        <v>4.137970405426449</v>
      </c>
      <c r="F2600" cm="1">
        <f t="array" ref="F2600">IFERROR(INDEX(Jesper!AJ$2:AJ$366,ROUNDDOWN($C2600/24,0)+1,1)*INDEX($D$3:$AA$30,INDEX(Jesper!$R$2:$R$366,ROW(INDEX(Jesper!AJ$2:AJ$366,ROUNDDOWN($C2600/24,0)+1,1))-1)+IF('Standard Profiles'!$G$20=$B$10,7,0)+IF('Standard Profiles'!$G$20=$B$17,14,0)+IF('Standard Profiles'!$G$20=$B$24,21,0),MOD($C2600,24)+1)/SUM(INDEX($D$3:$AA$30,INDEX(Jesper!$R$2:$R$366,ROW(INDEX(Jesper!AJ$2:AJ$366,ROUNDDOWN($C2600/24,0)+1,1))-1)+IF('Standard Profiles'!$G$20=$B$10,7,0)+IF('Standard Profiles'!$G$20=$B$17,14,0)+IF('Standard Profiles'!$G$20=$B$24,21,0),0)),0)</f>
        <v>0</v>
      </c>
      <c r="G2600" cm="1">
        <f t="array" ref="G2600">IFERROR(INDEX(Jesper!AK$2:AK$366,ROUNDDOWN($C2600/24,0)+1,1)*INDEX($D$3:$AA$30,INDEX(Jesper!$R$2:$R$366,ROW(INDEX(Jesper!AK$2:AK$366,ROUNDDOWN($C2600/24,0)+1,1))-1)+IF('Standard Profiles'!$G$21=$B$10,7,0)+IF('Standard Profiles'!$G$21=$B$17,14,0)+IF('Standard Profiles'!$G$21=$B$24,21,0),MOD($C2600,24)+1)/SUM(INDEX($D$3:$AA$30,INDEX(Jesper!$R$2:$R$366,ROW(INDEX(Jesper!AK$2:AK$366,ROUNDDOWN($C2600/24,0)+1,1))-1)+IF('Standard Profiles'!$G$21=$B$10,7,0)+IF('Standard Profiles'!$G$21=$B$17,14,0)+IF('Standard Profiles'!$G$21=$B$24,21,0),0)),0)</f>
        <v>1.2379579628208848</v>
      </c>
      <c r="H2600" cm="1">
        <f t="array" ref="H2600">IFERROR(INDEX(Jesper!AL$2:AL$366,ROUNDDOWN($C2600/24,0)+1,1)*INDEX($D$3:$AA$30,INDEX(Jesper!$R$2:$R$366,ROW(INDEX(Jesper!AL$2:AL$366,ROUNDDOWN($C2600/24,0)+1,1))-1)+IF('Standard Profiles'!$G$22=$B$10,7,0)+IF('Standard Profiles'!$G$22=$B$17,14,0)+IF('Standard Profiles'!$G$22=$B$24,21,0),MOD($C2600,24)+1)/SUM(INDEX($D$3:$AA$30,INDEX(Jesper!$R$2:$R$366,ROW(INDEX(Jesper!AL$2:AL$366,ROUNDDOWN($C2600/24,0)+1,1))-1)+IF('Standard Profiles'!$G$22=$B$10,7,0)+IF('Standard Profiles'!$G$22=$B$17,14,0)+IF('Standard Profiles'!$G$22=$B$24,21,0),0)),0)</f>
        <v>0</v>
      </c>
      <c r="I2600">
        <f t="shared" si="300"/>
        <v>0.59421982215402436</v>
      </c>
      <c r="J2600">
        <f t="shared" si="301"/>
        <v>9.6271708850597992</v>
      </c>
      <c r="K2600">
        <f t="shared" si="302"/>
        <v>0.61529680494812578</v>
      </c>
      <c r="L2600">
        <f t="shared" si="303"/>
        <v>0.30764840247406289</v>
      </c>
      <c r="M2600">
        <f t="shared" si="304"/>
        <v>0</v>
      </c>
      <c r="N2600" s="45">
        <f t="shared" si="305"/>
        <v>45033.916666660443</v>
      </c>
    </row>
    <row r="2601" spans="2:14" x14ac:dyDescent="0.25">
      <c r="B2601">
        <f t="shared" si="299"/>
        <v>1</v>
      </c>
      <c r="C2601" s="16">
        <v>2567</v>
      </c>
      <c r="D2601" cm="1">
        <f t="array" ref="D2601">IFERROR(INDEX(Jesper!AH$2:AH$366,ROUNDDOWN($C2601/24,0)+1,1)*INDEX($D$3:$AA$30,INDEX(Jesper!$R$2:$R$366,ROW(INDEX(Jesper!AH$2:AH$366,ROUNDDOWN($C2601/24,0)+1,1))-1)+IF('Standard Profiles'!$G$18=$B$10,7,0)+IF('Standard Profiles'!$G$18=$B$17,14,0)+IF('Standard Profiles'!$G$18=$B$24,21,0),MOD($C2601,24)+1)/SUM(INDEX($D$3:$AA$30,INDEX(Jesper!$R$2:$R$366,ROW(INDEX(Jesper!AH$2:AH$366,ROUNDDOWN($C2601/24,0)+1,1))-1)+IF('Standard Profiles'!$G$18=$B$10,7,0)+IF('Standard Profiles'!$G$18=$B$17,14,0)+IF('Standard Profiles'!$G$18=$B$24,21,0),0)),0)</f>
        <v>5.768407546388679</v>
      </c>
      <c r="E2601" cm="1">
        <f t="array" ref="E2601">IFERROR(INDEX(Jesper!AI$2:AI$366,ROUNDDOWN($C2601/24,0)+1,1)*INDEX($D$3:$AA$30,INDEX(Jesper!$R$2:$R$366,ROW(INDEX(Jesper!AI$2:AI$366,ROUNDDOWN($C2601/24,0)+1,1))-1)+IF('Standard Profiles'!$G$19=$B$10,7,0)+IF('Standard Profiles'!$G$19=$B$17,14,0)+IF('Standard Profiles'!$G$19=$B$24,21,0),MOD($C2601,24)+1)/SUM(INDEX($D$3:$AA$30,INDEX(Jesper!$R$2:$R$366,ROW(INDEX(Jesper!AI$2:AI$366,ROUNDDOWN($C2601/24,0)+1,1))-1)+IF('Standard Profiles'!$G$19=$B$10,7,0)+IF('Standard Profiles'!$G$19=$B$17,14,0)+IF('Standard Profiles'!$G$19=$B$24,21,0),0)),0)</f>
        <v>4.137970405426449</v>
      </c>
      <c r="F2601" cm="1">
        <f t="array" ref="F2601">IFERROR(INDEX(Jesper!AJ$2:AJ$366,ROUNDDOWN($C2601/24,0)+1,1)*INDEX($D$3:$AA$30,INDEX(Jesper!$R$2:$R$366,ROW(INDEX(Jesper!AJ$2:AJ$366,ROUNDDOWN($C2601/24,0)+1,1))-1)+IF('Standard Profiles'!$G$20=$B$10,7,0)+IF('Standard Profiles'!$G$20=$B$17,14,0)+IF('Standard Profiles'!$G$20=$B$24,21,0),MOD($C2601,24)+1)/SUM(INDEX($D$3:$AA$30,INDEX(Jesper!$R$2:$R$366,ROW(INDEX(Jesper!AJ$2:AJ$366,ROUNDDOWN($C2601/24,0)+1,1))-1)+IF('Standard Profiles'!$G$20=$B$10,7,0)+IF('Standard Profiles'!$G$20=$B$17,14,0)+IF('Standard Profiles'!$G$20=$B$24,21,0),0)),0)</f>
        <v>0</v>
      </c>
      <c r="G2601" cm="1">
        <f t="array" ref="G2601">IFERROR(INDEX(Jesper!AK$2:AK$366,ROUNDDOWN($C2601/24,0)+1,1)*INDEX($D$3:$AA$30,INDEX(Jesper!$R$2:$R$366,ROW(INDEX(Jesper!AK$2:AK$366,ROUNDDOWN($C2601/24,0)+1,1))-1)+IF('Standard Profiles'!$G$21=$B$10,7,0)+IF('Standard Profiles'!$G$21=$B$17,14,0)+IF('Standard Profiles'!$G$21=$B$24,21,0),MOD($C2601,24)+1)/SUM(INDEX($D$3:$AA$30,INDEX(Jesper!$R$2:$R$366,ROW(INDEX(Jesper!AK$2:AK$366,ROUNDDOWN($C2601/24,0)+1,1))-1)+IF('Standard Profiles'!$G$21=$B$10,7,0)+IF('Standard Profiles'!$G$21=$B$17,14,0)+IF('Standard Profiles'!$G$21=$B$24,21,0),0)),0)</f>
        <v>1.2379579628208848</v>
      </c>
      <c r="H2601" cm="1">
        <f t="array" ref="H2601">IFERROR(INDEX(Jesper!AL$2:AL$366,ROUNDDOWN($C2601/24,0)+1,1)*INDEX($D$3:$AA$30,INDEX(Jesper!$R$2:$R$366,ROW(INDEX(Jesper!AL$2:AL$366,ROUNDDOWN($C2601/24,0)+1,1))-1)+IF('Standard Profiles'!$G$22=$B$10,7,0)+IF('Standard Profiles'!$G$22=$B$17,14,0)+IF('Standard Profiles'!$G$22=$B$24,21,0),MOD($C2601,24)+1)/SUM(INDEX($D$3:$AA$30,INDEX(Jesper!$R$2:$R$366,ROW(INDEX(Jesper!AL$2:AL$366,ROUNDDOWN($C2601/24,0)+1,1))-1)+IF('Standard Profiles'!$G$22=$B$10,7,0)+IF('Standard Profiles'!$G$22=$B$17,14,0)+IF('Standard Profiles'!$G$22=$B$24,21,0),0)),0)</f>
        <v>0</v>
      </c>
      <c r="I2601">
        <f t="shared" si="300"/>
        <v>0.59421982215402436</v>
      </c>
      <c r="J2601">
        <f t="shared" si="301"/>
        <v>9.6271708850597992</v>
      </c>
      <c r="K2601">
        <f t="shared" si="302"/>
        <v>0.61529680494812578</v>
      </c>
      <c r="L2601">
        <f t="shared" si="303"/>
        <v>0.30764840247406289</v>
      </c>
      <c r="M2601">
        <f t="shared" si="304"/>
        <v>0</v>
      </c>
      <c r="N2601" s="45">
        <f t="shared" si="305"/>
        <v>45033.958333327108</v>
      </c>
    </row>
    <row r="2602" spans="2:14" x14ac:dyDescent="0.25">
      <c r="B2602">
        <f t="shared" si="299"/>
        <v>2</v>
      </c>
      <c r="C2602" s="16">
        <v>2568</v>
      </c>
      <c r="D2602" cm="1">
        <f t="array" ref="D2602">IFERROR(INDEX(Jesper!AH$2:AH$366,ROUNDDOWN($C2602/24,0)+1,1)*INDEX($D$3:$AA$30,INDEX(Jesper!$R$2:$R$366,ROW(INDEX(Jesper!AH$2:AH$366,ROUNDDOWN($C2602/24,0)+1,1))-1)+IF('Standard Profiles'!$G$18=$B$10,7,0)+IF('Standard Profiles'!$G$18=$B$17,14,0)+IF('Standard Profiles'!$G$18=$B$24,21,0),MOD($C2602,24)+1)/SUM(INDEX($D$3:$AA$30,INDEX(Jesper!$R$2:$R$366,ROW(INDEX(Jesper!AH$2:AH$366,ROUNDDOWN($C2602/24,0)+1,1))-1)+IF('Standard Profiles'!$G$18=$B$10,7,0)+IF('Standard Profiles'!$G$18=$B$17,14,0)+IF('Standard Profiles'!$G$18=$B$24,21,0),0)),0)</f>
        <v>3.6822316031509503</v>
      </c>
      <c r="E2602" cm="1">
        <f t="array" ref="E2602">IFERROR(INDEX(Jesper!AI$2:AI$366,ROUNDDOWN($C2602/24,0)+1,1)*INDEX($D$3:$AA$30,INDEX(Jesper!$R$2:$R$366,ROW(INDEX(Jesper!AI$2:AI$366,ROUNDDOWN($C2602/24,0)+1,1))-1)+IF('Standard Profiles'!$G$19=$B$10,7,0)+IF('Standard Profiles'!$G$19=$B$17,14,0)+IF('Standard Profiles'!$G$19=$B$24,21,0),MOD($C2602,24)+1)/SUM(INDEX($D$3:$AA$30,INDEX(Jesper!$R$2:$R$366,ROW(INDEX(Jesper!AI$2:AI$366,ROUNDDOWN($C2602/24,0)+1,1))-1)+IF('Standard Profiles'!$G$19=$B$10,7,0)+IF('Standard Profiles'!$G$19=$B$17,14,0)+IF('Standard Profiles'!$G$19=$B$24,21,0),0)),0)</f>
        <v>2.7026057531251917</v>
      </c>
      <c r="F2602" cm="1">
        <f t="array" ref="F2602">IFERROR(INDEX(Jesper!AJ$2:AJ$366,ROUNDDOWN($C2602/24,0)+1,1)*INDEX($D$3:$AA$30,INDEX(Jesper!$R$2:$R$366,ROW(INDEX(Jesper!AJ$2:AJ$366,ROUNDDOWN($C2602/24,0)+1,1))-1)+IF('Standard Profiles'!$G$20=$B$10,7,0)+IF('Standard Profiles'!$G$20=$B$17,14,0)+IF('Standard Profiles'!$G$20=$B$24,21,0),MOD($C2602,24)+1)/SUM(INDEX($D$3:$AA$30,INDEX(Jesper!$R$2:$R$366,ROW(INDEX(Jesper!AJ$2:AJ$366,ROUNDDOWN($C2602/24,0)+1,1))-1)+IF('Standard Profiles'!$G$20=$B$10,7,0)+IF('Standard Profiles'!$G$20=$B$17,14,0)+IF('Standard Profiles'!$G$20=$B$24,21,0),0)),0)</f>
        <v>0</v>
      </c>
      <c r="G2602" cm="1">
        <f t="array" ref="G2602">IFERROR(INDEX(Jesper!AK$2:AK$366,ROUNDDOWN($C2602/24,0)+1,1)*INDEX($D$3:$AA$30,INDEX(Jesper!$R$2:$R$366,ROW(INDEX(Jesper!AK$2:AK$366,ROUNDDOWN($C2602/24,0)+1,1))-1)+IF('Standard Profiles'!$G$21=$B$10,7,0)+IF('Standard Profiles'!$G$21=$B$17,14,0)+IF('Standard Profiles'!$G$21=$B$24,21,0),MOD($C2602,24)+1)/SUM(INDEX($D$3:$AA$30,INDEX(Jesper!$R$2:$R$366,ROW(INDEX(Jesper!AK$2:AK$366,ROUNDDOWN($C2602/24,0)+1,1))-1)+IF('Standard Profiles'!$G$21=$B$10,7,0)+IF('Standard Profiles'!$G$21=$B$17,14,0)+IF('Standard Profiles'!$G$21=$B$24,21,0),0)),0)</f>
        <v>1.1929795141958977</v>
      </c>
      <c r="H2602" cm="1">
        <f t="array" ref="H2602">IFERROR(INDEX(Jesper!AL$2:AL$366,ROUNDDOWN($C2602/24,0)+1,1)*INDEX($D$3:$AA$30,INDEX(Jesper!$R$2:$R$366,ROW(INDEX(Jesper!AL$2:AL$366,ROUNDDOWN($C2602/24,0)+1,1))-1)+IF('Standard Profiles'!$G$22=$B$10,7,0)+IF('Standard Profiles'!$G$22=$B$17,14,0)+IF('Standard Profiles'!$G$22=$B$24,21,0),MOD($C2602,24)+1)/SUM(INDEX($D$3:$AA$30,INDEX(Jesper!$R$2:$R$366,ROW(INDEX(Jesper!AL$2:AL$366,ROUNDDOWN($C2602/24,0)+1,1))-1)+IF('Standard Profiles'!$G$22=$B$10,7,0)+IF('Standard Profiles'!$G$22=$B$17,14,0)+IF('Standard Profiles'!$G$22=$B$24,21,0),0)),0)</f>
        <v>0</v>
      </c>
      <c r="I2602">
        <f t="shared" si="300"/>
        <v>0.57263016681403056</v>
      </c>
      <c r="J2602">
        <f t="shared" si="301"/>
        <v>6.4160296471538567</v>
      </c>
      <c r="K2602">
        <f t="shared" si="302"/>
        <v>0.39277137100276804</v>
      </c>
      <c r="L2602">
        <f t="shared" si="303"/>
        <v>0.19638568550138402</v>
      </c>
      <c r="M2602">
        <f t="shared" si="304"/>
        <v>0</v>
      </c>
      <c r="N2602" s="45">
        <f t="shared" si="305"/>
        <v>45033.999999993772</v>
      </c>
    </row>
    <row r="2603" spans="2:14" x14ac:dyDescent="0.25">
      <c r="B2603">
        <f t="shared" si="299"/>
        <v>2</v>
      </c>
      <c r="C2603" s="16">
        <v>2569</v>
      </c>
      <c r="D2603" cm="1">
        <f t="array" ref="D2603">IFERROR(INDEX(Jesper!AH$2:AH$366,ROUNDDOWN($C2603/24,0)+1,1)*INDEX($D$3:$AA$30,INDEX(Jesper!$R$2:$R$366,ROW(INDEX(Jesper!AH$2:AH$366,ROUNDDOWN($C2603/24,0)+1,1))-1)+IF('Standard Profiles'!$G$18=$B$10,7,0)+IF('Standard Profiles'!$G$18=$B$17,14,0)+IF('Standard Profiles'!$G$18=$B$24,21,0),MOD($C2603,24)+1)/SUM(INDEX($D$3:$AA$30,INDEX(Jesper!$R$2:$R$366,ROW(INDEX(Jesper!AH$2:AH$366,ROUNDDOWN($C2603/24,0)+1,1))-1)+IF('Standard Profiles'!$G$18=$B$10,7,0)+IF('Standard Profiles'!$G$18=$B$17,14,0)+IF('Standard Profiles'!$G$18=$B$24,21,0),0)),0)</f>
        <v>5.6110195857538292</v>
      </c>
      <c r="E2603" cm="1">
        <f t="array" ref="E2603">IFERROR(INDEX(Jesper!AI$2:AI$366,ROUNDDOWN($C2603/24,0)+1,1)*INDEX($D$3:$AA$30,INDEX(Jesper!$R$2:$R$366,ROW(INDEX(Jesper!AI$2:AI$366,ROUNDDOWN($C2603/24,0)+1,1))-1)+IF('Standard Profiles'!$G$19=$B$10,7,0)+IF('Standard Profiles'!$G$19=$B$17,14,0)+IF('Standard Profiles'!$G$19=$B$24,21,0),MOD($C2603,24)+1)/SUM(INDEX($D$3:$AA$30,INDEX(Jesper!$R$2:$R$366,ROW(INDEX(Jesper!AI$2:AI$366,ROUNDDOWN($C2603/24,0)+1,1))-1)+IF('Standard Profiles'!$G$19=$B$10,7,0)+IF('Standard Profiles'!$G$19=$B$17,14,0)+IF('Standard Profiles'!$G$19=$B$24,21,0),0)),0)</f>
        <v>4.1182563857145791</v>
      </c>
      <c r="F2603" cm="1">
        <f t="array" ref="F2603">IFERROR(INDEX(Jesper!AJ$2:AJ$366,ROUNDDOWN($C2603/24,0)+1,1)*INDEX($D$3:$AA$30,INDEX(Jesper!$R$2:$R$366,ROW(INDEX(Jesper!AJ$2:AJ$366,ROUNDDOWN($C2603/24,0)+1,1))-1)+IF('Standard Profiles'!$G$20=$B$10,7,0)+IF('Standard Profiles'!$G$20=$B$17,14,0)+IF('Standard Profiles'!$G$20=$B$24,21,0),MOD($C2603,24)+1)/SUM(INDEX($D$3:$AA$30,INDEX(Jesper!$R$2:$R$366,ROW(INDEX(Jesper!AJ$2:AJ$366,ROUNDDOWN($C2603/24,0)+1,1))-1)+IF('Standard Profiles'!$G$20=$B$10,7,0)+IF('Standard Profiles'!$G$20=$B$17,14,0)+IF('Standard Profiles'!$G$20=$B$24,21,0),0)),0)</f>
        <v>0</v>
      </c>
      <c r="G2603" cm="1">
        <f t="array" ref="G2603">IFERROR(INDEX(Jesper!AK$2:AK$366,ROUNDDOWN($C2603/24,0)+1,1)*INDEX($D$3:$AA$30,INDEX(Jesper!$R$2:$R$366,ROW(INDEX(Jesper!AK$2:AK$366,ROUNDDOWN($C2603/24,0)+1,1))-1)+IF('Standard Profiles'!$G$21=$B$10,7,0)+IF('Standard Profiles'!$G$21=$B$17,14,0)+IF('Standard Profiles'!$G$21=$B$24,21,0),MOD($C2603,24)+1)/SUM(INDEX($D$3:$AA$30,INDEX(Jesper!$R$2:$R$366,ROW(INDEX(Jesper!AK$2:AK$366,ROUNDDOWN($C2603/24,0)+1,1))-1)+IF('Standard Profiles'!$G$21=$B$10,7,0)+IF('Standard Profiles'!$G$21=$B$17,14,0)+IF('Standard Profiles'!$G$21=$B$24,21,0),0)),0)</f>
        <v>1.1929795141958977</v>
      </c>
      <c r="H2603" cm="1">
        <f t="array" ref="H2603">IFERROR(INDEX(Jesper!AL$2:AL$366,ROUNDDOWN($C2603/24,0)+1,1)*INDEX($D$3:$AA$30,INDEX(Jesper!$R$2:$R$366,ROW(INDEX(Jesper!AL$2:AL$366,ROUNDDOWN($C2603/24,0)+1,1))-1)+IF('Standard Profiles'!$G$22=$B$10,7,0)+IF('Standard Profiles'!$G$22=$B$17,14,0)+IF('Standard Profiles'!$G$22=$B$24,21,0),MOD($C2603,24)+1)/SUM(INDEX($D$3:$AA$30,INDEX(Jesper!$R$2:$R$366,ROW(INDEX(Jesper!AL$2:AL$366,ROUNDDOWN($C2603/24,0)+1,1))-1)+IF('Standard Profiles'!$G$22=$B$10,7,0)+IF('Standard Profiles'!$G$22=$B$17,14,0)+IF('Standard Profiles'!$G$22=$B$24,21,0),0)),0)</f>
        <v>0</v>
      </c>
      <c r="I2603">
        <f t="shared" si="300"/>
        <v>0.57263016681403056</v>
      </c>
      <c r="J2603">
        <f t="shared" si="301"/>
        <v>9.4518621851296611</v>
      </c>
      <c r="K2603">
        <f t="shared" si="302"/>
        <v>0.59850875581374186</v>
      </c>
      <c r="L2603">
        <f t="shared" si="303"/>
        <v>0.29925437790687093</v>
      </c>
      <c r="M2603">
        <f t="shared" si="304"/>
        <v>0</v>
      </c>
      <c r="N2603" s="45">
        <f t="shared" si="305"/>
        <v>45034.041666660436</v>
      </c>
    </row>
    <row r="2604" spans="2:14" x14ac:dyDescent="0.25">
      <c r="B2604">
        <f t="shared" si="299"/>
        <v>2</v>
      </c>
      <c r="C2604" s="16">
        <v>2570</v>
      </c>
      <c r="D2604" cm="1">
        <f t="array" ref="D2604">IFERROR(INDEX(Jesper!AH$2:AH$366,ROUNDDOWN($C2604/24,0)+1,1)*INDEX($D$3:$AA$30,INDEX(Jesper!$R$2:$R$366,ROW(INDEX(Jesper!AH$2:AH$366,ROUNDDOWN($C2604/24,0)+1,1))-1)+IF('Standard Profiles'!$G$18=$B$10,7,0)+IF('Standard Profiles'!$G$18=$B$17,14,0)+IF('Standard Profiles'!$G$18=$B$24,21,0),MOD($C2604,24)+1)/SUM(INDEX($D$3:$AA$30,INDEX(Jesper!$R$2:$R$366,ROW(INDEX(Jesper!AH$2:AH$366,ROUNDDOWN($C2604/24,0)+1,1))-1)+IF('Standard Profiles'!$G$18=$B$10,7,0)+IF('Standard Profiles'!$G$18=$B$17,14,0)+IF('Standard Profiles'!$G$18=$B$24,21,0),0)),0)</f>
        <v>5.6110195857538292</v>
      </c>
      <c r="E2604" cm="1">
        <f t="array" ref="E2604">IFERROR(INDEX(Jesper!AI$2:AI$366,ROUNDDOWN($C2604/24,0)+1,1)*INDEX($D$3:$AA$30,INDEX(Jesper!$R$2:$R$366,ROW(INDEX(Jesper!AI$2:AI$366,ROUNDDOWN($C2604/24,0)+1,1))-1)+IF('Standard Profiles'!$G$19=$B$10,7,0)+IF('Standard Profiles'!$G$19=$B$17,14,0)+IF('Standard Profiles'!$G$19=$B$24,21,0),MOD($C2604,24)+1)/SUM(INDEX($D$3:$AA$30,INDEX(Jesper!$R$2:$R$366,ROW(INDEX(Jesper!AI$2:AI$366,ROUNDDOWN($C2604/24,0)+1,1))-1)+IF('Standard Profiles'!$G$19=$B$10,7,0)+IF('Standard Profiles'!$G$19=$B$17,14,0)+IF('Standard Profiles'!$G$19=$B$24,21,0),0)),0)</f>
        <v>4.1182563857145791</v>
      </c>
      <c r="F2604" cm="1">
        <f t="array" ref="F2604">IFERROR(INDEX(Jesper!AJ$2:AJ$366,ROUNDDOWN($C2604/24,0)+1,1)*INDEX($D$3:$AA$30,INDEX(Jesper!$R$2:$R$366,ROW(INDEX(Jesper!AJ$2:AJ$366,ROUNDDOWN($C2604/24,0)+1,1))-1)+IF('Standard Profiles'!$G$20=$B$10,7,0)+IF('Standard Profiles'!$G$20=$B$17,14,0)+IF('Standard Profiles'!$G$20=$B$24,21,0),MOD($C2604,24)+1)/SUM(INDEX($D$3:$AA$30,INDEX(Jesper!$R$2:$R$366,ROW(INDEX(Jesper!AJ$2:AJ$366,ROUNDDOWN($C2604/24,0)+1,1))-1)+IF('Standard Profiles'!$G$20=$B$10,7,0)+IF('Standard Profiles'!$G$20=$B$17,14,0)+IF('Standard Profiles'!$G$20=$B$24,21,0),0)),0)</f>
        <v>0</v>
      </c>
      <c r="G2604" cm="1">
        <f t="array" ref="G2604">IFERROR(INDEX(Jesper!AK$2:AK$366,ROUNDDOWN($C2604/24,0)+1,1)*INDEX($D$3:$AA$30,INDEX(Jesper!$R$2:$R$366,ROW(INDEX(Jesper!AK$2:AK$366,ROUNDDOWN($C2604/24,0)+1,1))-1)+IF('Standard Profiles'!$G$21=$B$10,7,0)+IF('Standard Profiles'!$G$21=$B$17,14,0)+IF('Standard Profiles'!$G$21=$B$24,21,0),MOD($C2604,24)+1)/SUM(INDEX($D$3:$AA$30,INDEX(Jesper!$R$2:$R$366,ROW(INDEX(Jesper!AK$2:AK$366,ROUNDDOWN($C2604/24,0)+1,1))-1)+IF('Standard Profiles'!$G$21=$B$10,7,0)+IF('Standard Profiles'!$G$21=$B$17,14,0)+IF('Standard Profiles'!$G$21=$B$24,21,0),0)),0)</f>
        <v>1.1929795141958977</v>
      </c>
      <c r="H2604" cm="1">
        <f t="array" ref="H2604">IFERROR(INDEX(Jesper!AL$2:AL$366,ROUNDDOWN($C2604/24,0)+1,1)*INDEX($D$3:$AA$30,INDEX(Jesper!$R$2:$R$366,ROW(INDEX(Jesper!AL$2:AL$366,ROUNDDOWN($C2604/24,0)+1,1))-1)+IF('Standard Profiles'!$G$22=$B$10,7,0)+IF('Standard Profiles'!$G$22=$B$17,14,0)+IF('Standard Profiles'!$G$22=$B$24,21,0),MOD($C2604,24)+1)/SUM(INDEX($D$3:$AA$30,INDEX(Jesper!$R$2:$R$366,ROW(INDEX(Jesper!AL$2:AL$366,ROUNDDOWN($C2604/24,0)+1,1))-1)+IF('Standard Profiles'!$G$22=$B$10,7,0)+IF('Standard Profiles'!$G$22=$B$17,14,0)+IF('Standard Profiles'!$G$22=$B$24,21,0),0)),0)</f>
        <v>0</v>
      </c>
      <c r="I2604">
        <f t="shared" si="300"/>
        <v>0.57263016681403056</v>
      </c>
      <c r="J2604">
        <f t="shared" si="301"/>
        <v>9.4518621851296611</v>
      </c>
      <c r="K2604">
        <f t="shared" si="302"/>
        <v>0.59850875581374186</v>
      </c>
      <c r="L2604">
        <f t="shared" si="303"/>
        <v>0.29925437790687093</v>
      </c>
      <c r="M2604">
        <f t="shared" si="304"/>
        <v>0</v>
      </c>
      <c r="N2604" s="45">
        <f t="shared" si="305"/>
        <v>45034.0833333271</v>
      </c>
    </row>
    <row r="2605" spans="2:14" x14ac:dyDescent="0.25">
      <c r="B2605">
        <f t="shared" si="299"/>
        <v>2</v>
      </c>
      <c r="C2605" s="16">
        <v>2571</v>
      </c>
      <c r="D2605" cm="1">
        <f t="array" ref="D2605">IFERROR(INDEX(Jesper!AH$2:AH$366,ROUNDDOWN($C2605/24,0)+1,1)*INDEX($D$3:$AA$30,INDEX(Jesper!$R$2:$R$366,ROW(INDEX(Jesper!AH$2:AH$366,ROUNDDOWN($C2605/24,0)+1,1))-1)+IF('Standard Profiles'!$G$18=$B$10,7,0)+IF('Standard Profiles'!$G$18=$B$17,14,0)+IF('Standard Profiles'!$G$18=$B$24,21,0),MOD($C2605,24)+1)/SUM(INDEX($D$3:$AA$30,INDEX(Jesper!$R$2:$R$366,ROW(INDEX(Jesper!AH$2:AH$366,ROUNDDOWN($C2605/24,0)+1,1))-1)+IF('Standard Profiles'!$G$18=$B$10,7,0)+IF('Standard Profiles'!$G$18=$B$17,14,0)+IF('Standard Profiles'!$G$18=$B$24,21,0),0)),0)</f>
        <v>5.6110195857538292</v>
      </c>
      <c r="E2605" cm="1">
        <f t="array" ref="E2605">IFERROR(INDEX(Jesper!AI$2:AI$366,ROUNDDOWN($C2605/24,0)+1,1)*INDEX($D$3:$AA$30,INDEX(Jesper!$R$2:$R$366,ROW(INDEX(Jesper!AI$2:AI$366,ROUNDDOWN($C2605/24,0)+1,1))-1)+IF('Standard Profiles'!$G$19=$B$10,7,0)+IF('Standard Profiles'!$G$19=$B$17,14,0)+IF('Standard Profiles'!$G$19=$B$24,21,0),MOD($C2605,24)+1)/SUM(INDEX($D$3:$AA$30,INDEX(Jesper!$R$2:$R$366,ROW(INDEX(Jesper!AI$2:AI$366,ROUNDDOWN($C2605/24,0)+1,1))-1)+IF('Standard Profiles'!$G$19=$B$10,7,0)+IF('Standard Profiles'!$G$19=$B$17,14,0)+IF('Standard Profiles'!$G$19=$B$24,21,0),0)),0)</f>
        <v>4.1182563857145791</v>
      </c>
      <c r="F2605" cm="1">
        <f t="array" ref="F2605">IFERROR(INDEX(Jesper!AJ$2:AJ$366,ROUNDDOWN($C2605/24,0)+1,1)*INDEX($D$3:$AA$30,INDEX(Jesper!$R$2:$R$366,ROW(INDEX(Jesper!AJ$2:AJ$366,ROUNDDOWN($C2605/24,0)+1,1))-1)+IF('Standard Profiles'!$G$20=$B$10,7,0)+IF('Standard Profiles'!$G$20=$B$17,14,0)+IF('Standard Profiles'!$G$20=$B$24,21,0),MOD($C2605,24)+1)/SUM(INDEX($D$3:$AA$30,INDEX(Jesper!$R$2:$R$366,ROW(INDEX(Jesper!AJ$2:AJ$366,ROUNDDOWN($C2605/24,0)+1,1))-1)+IF('Standard Profiles'!$G$20=$B$10,7,0)+IF('Standard Profiles'!$G$20=$B$17,14,0)+IF('Standard Profiles'!$G$20=$B$24,21,0),0)),0)</f>
        <v>0</v>
      </c>
      <c r="G2605" cm="1">
        <f t="array" ref="G2605">IFERROR(INDEX(Jesper!AK$2:AK$366,ROUNDDOWN($C2605/24,0)+1,1)*INDEX($D$3:$AA$30,INDEX(Jesper!$R$2:$R$366,ROW(INDEX(Jesper!AK$2:AK$366,ROUNDDOWN($C2605/24,0)+1,1))-1)+IF('Standard Profiles'!$G$21=$B$10,7,0)+IF('Standard Profiles'!$G$21=$B$17,14,0)+IF('Standard Profiles'!$G$21=$B$24,21,0),MOD($C2605,24)+1)/SUM(INDEX($D$3:$AA$30,INDEX(Jesper!$R$2:$R$366,ROW(INDEX(Jesper!AK$2:AK$366,ROUNDDOWN($C2605/24,0)+1,1))-1)+IF('Standard Profiles'!$G$21=$B$10,7,0)+IF('Standard Profiles'!$G$21=$B$17,14,0)+IF('Standard Profiles'!$G$21=$B$24,21,0),0)),0)</f>
        <v>1.1929795141958977</v>
      </c>
      <c r="H2605" cm="1">
        <f t="array" ref="H2605">IFERROR(INDEX(Jesper!AL$2:AL$366,ROUNDDOWN($C2605/24,0)+1,1)*INDEX($D$3:$AA$30,INDEX(Jesper!$R$2:$R$366,ROW(INDEX(Jesper!AL$2:AL$366,ROUNDDOWN($C2605/24,0)+1,1))-1)+IF('Standard Profiles'!$G$22=$B$10,7,0)+IF('Standard Profiles'!$G$22=$B$17,14,0)+IF('Standard Profiles'!$G$22=$B$24,21,0),MOD($C2605,24)+1)/SUM(INDEX($D$3:$AA$30,INDEX(Jesper!$R$2:$R$366,ROW(INDEX(Jesper!AL$2:AL$366,ROUNDDOWN($C2605/24,0)+1,1))-1)+IF('Standard Profiles'!$G$22=$B$10,7,0)+IF('Standard Profiles'!$G$22=$B$17,14,0)+IF('Standard Profiles'!$G$22=$B$24,21,0),0)),0)</f>
        <v>0</v>
      </c>
      <c r="I2605">
        <f t="shared" si="300"/>
        <v>0.57263016681403056</v>
      </c>
      <c r="J2605">
        <f t="shared" si="301"/>
        <v>9.4518621851296611</v>
      </c>
      <c r="K2605">
        <f t="shared" si="302"/>
        <v>0.59850875581374186</v>
      </c>
      <c r="L2605">
        <f t="shared" si="303"/>
        <v>0.29925437790687093</v>
      </c>
      <c r="M2605">
        <f t="shared" si="304"/>
        <v>0</v>
      </c>
      <c r="N2605" s="45">
        <f t="shared" si="305"/>
        <v>45034.124999993765</v>
      </c>
    </row>
    <row r="2606" spans="2:14" x14ac:dyDescent="0.25">
      <c r="B2606">
        <f t="shared" si="299"/>
        <v>2</v>
      </c>
      <c r="C2606" s="16">
        <v>2572</v>
      </c>
      <c r="D2606" cm="1">
        <f t="array" ref="D2606">IFERROR(INDEX(Jesper!AH$2:AH$366,ROUNDDOWN($C2606/24,0)+1,1)*INDEX($D$3:$AA$30,INDEX(Jesper!$R$2:$R$366,ROW(INDEX(Jesper!AH$2:AH$366,ROUNDDOWN($C2606/24,0)+1,1))-1)+IF('Standard Profiles'!$G$18=$B$10,7,0)+IF('Standard Profiles'!$G$18=$B$17,14,0)+IF('Standard Profiles'!$G$18=$B$24,21,0),MOD($C2606,24)+1)/SUM(INDEX($D$3:$AA$30,INDEX(Jesper!$R$2:$R$366,ROW(INDEX(Jesper!AH$2:AH$366,ROUNDDOWN($C2606/24,0)+1,1))-1)+IF('Standard Profiles'!$G$18=$B$10,7,0)+IF('Standard Profiles'!$G$18=$B$17,14,0)+IF('Standard Profiles'!$G$18=$B$24,21,0),0)),0)</f>
        <v>5.6110195857538292</v>
      </c>
      <c r="E2606" cm="1">
        <f t="array" ref="E2606">IFERROR(INDEX(Jesper!AI$2:AI$366,ROUNDDOWN($C2606/24,0)+1,1)*INDEX($D$3:$AA$30,INDEX(Jesper!$R$2:$R$366,ROW(INDEX(Jesper!AI$2:AI$366,ROUNDDOWN($C2606/24,0)+1,1))-1)+IF('Standard Profiles'!$G$19=$B$10,7,0)+IF('Standard Profiles'!$G$19=$B$17,14,0)+IF('Standard Profiles'!$G$19=$B$24,21,0),MOD($C2606,24)+1)/SUM(INDEX($D$3:$AA$30,INDEX(Jesper!$R$2:$R$366,ROW(INDEX(Jesper!AI$2:AI$366,ROUNDDOWN($C2606/24,0)+1,1))-1)+IF('Standard Profiles'!$G$19=$B$10,7,0)+IF('Standard Profiles'!$G$19=$B$17,14,0)+IF('Standard Profiles'!$G$19=$B$24,21,0),0)),0)</f>
        <v>4.1182563857145791</v>
      </c>
      <c r="F2606" cm="1">
        <f t="array" ref="F2606">IFERROR(INDEX(Jesper!AJ$2:AJ$366,ROUNDDOWN($C2606/24,0)+1,1)*INDEX($D$3:$AA$30,INDEX(Jesper!$R$2:$R$366,ROW(INDEX(Jesper!AJ$2:AJ$366,ROUNDDOWN($C2606/24,0)+1,1))-1)+IF('Standard Profiles'!$G$20=$B$10,7,0)+IF('Standard Profiles'!$G$20=$B$17,14,0)+IF('Standard Profiles'!$G$20=$B$24,21,0),MOD($C2606,24)+1)/SUM(INDEX($D$3:$AA$30,INDEX(Jesper!$R$2:$R$366,ROW(INDEX(Jesper!AJ$2:AJ$366,ROUNDDOWN($C2606/24,0)+1,1))-1)+IF('Standard Profiles'!$G$20=$B$10,7,0)+IF('Standard Profiles'!$G$20=$B$17,14,0)+IF('Standard Profiles'!$G$20=$B$24,21,0),0)),0)</f>
        <v>0</v>
      </c>
      <c r="G2606" cm="1">
        <f t="array" ref="G2606">IFERROR(INDEX(Jesper!AK$2:AK$366,ROUNDDOWN($C2606/24,0)+1,1)*INDEX($D$3:$AA$30,INDEX(Jesper!$R$2:$R$366,ROW(INDEX(Jesper!AK$2:AK$366,ROUNDDOWN($C2606/24,0)+1,1))-1)+IF('Standard Profiles'!$G$21=$B$10,7,0)+IF('Standard Profiles'!$G$21=$B$17,14,0)+IF('Standard Profiles'!$G$21=$B$24,21,0),MOD($C2606,24)+1)/SUM(INDEX($D$3:$AA$30,INDEX(Jesper!$R$2:$R$366,ROW(INDEX(Jesper!AK$2:AK$366,ROUNDDOWN($C2606/24,0)+1,1))-1)+IF('Standard Profiles'!$G$21=$B$10,7,0)+IF('Standard Profiles'!$G$21=$B$17,14,0)+IF('Standard Profiles'!$G$21=$B$24,21,0),0)),0)</f>
        <v>1.1929795141958977</v>
      </c>
      <c r="H2606" cm="1">
        <f t="array" ref="H2606">IFERROR(INDEX(Jesper!AL$2:AL$366,ROUNDDOWN($C2606/24,0)+1,1)*INDEX($D$3:$AA$30,INDEX(Jesper!$R$2:$R$366,ROW(INDEX(Jesper!AL$2:AL$366,ROUNDDOWN($C2606/24,0)+1,1))-1)+IF('Standard Profiles'!$G$22=$B$10,7,0)+IF('Standard Profiles'!$G$22=$B$17,14,0)+IF('Standard Profiles'!$G$22=$B$24,21,0),MOD($C2606,24)+1)/SUM(INDEX($D$3:$AA$30,INDEX(Jesper!$R$2:$R$366,ROW(INDEX(Jesper!AL$2:AL$366,ROUNDDOWN($C2606/24,0)+1,1))-1)+IF('Standard Profiles'!$G$22=$B$10,7,0)+IF('Standard Profiles'!$G$22=$B$17,14,0)+IF('Standard Profiles'!$G$22=$B$24,21,0),0)),0)</f>
        <v>0</v>
      </c>
      <c r="I2606">
        <f t="shared" si="300"/>
        <v>0.57263016681403056</v>
      </c>
      <c r="J2606">
        <f t="shared" si="301"/>
        <v>9.4518621851296611</v>
      </c>
      <c r="K2606">
        <f t="shared" si="302"/>
        <v>0.59850875581374186</v>
      </c>
      <c r="L2606">
        <f t="shared" si="303"/>
        <v>0.29925437790687093</v>
      </c>
      <c r="M2606">
        <f t="shared" si="304"/>
        <v>0</v>
      </c>
      <c r="N2606" s="45">
        <f t="shared" si="305"/>
        <v>45034.166666660429</v>
      </c>
    </row>
    <row r="2607" spans="2:14" x14ac:dyDescent="0.25">
      <c r="B2607">
        <f t="shared" si="299"/>
        <v>2</v>
      </c>
      <c r="C2607" s="16">
        <v>2573</v>
      </c>
      <c r="D2607" cm="1">
        <f t="array" ref="D2607">IFERROR(INDEX(Jesper!AH$2:AH$366,ROUNDDOWN($C2607/24,0)+1,1)*INDEX($D$3:$AA$30,INDEX(Jesper!$R$2:$R$366,ROW(INDEX(Jesper!AH$2:AH$366,ROUNDDOWN($C2607/24,0)+1,1))-1)+IF('Standard Profiles'!$G$18=$B$10,7,0)+IF('Standard Profiles'!$G$18=$B$17,14,0)+IF('Standard Profiles'!$G$18=$B$24,21,0),MOD($C2607,24)+1)/SUM(INDEX($D$3:$AA$30,INDEX(Jesper!$R$2:$R$366,ROW(INDEX(Jesper!AH$2:AH$366,ROUNDDOWN($C2607/24,0)+1,1))-1)+IF('Standard Profiles'!$G$18=$B$10,7,0)+IF('Standard Profiles'!$G$18=$B$17,14,0)+IF('Standard Profiles'!$G$18=$B$24,21,0),0)),0)</f>
        <v>5.6110195857538292</v>
      </c>
      <c r="E2607" cm="1">
        <f t="array" ref="E2607">IFERROR(INDEX(Jesper!AI$2:AI$366,ROUNDDOWN($C2607/24,0)+1,1)*INDEX($D$3:$AA$30,INDEX(Jesper!$R$2:$R$366,ROW(INDEX(Jesper!AI$2:AI$366,ROUNDDOWN($C2607/24,0)+1,1))-1)+IF('Standard Profiles'!$G$19=$B$10,7,0)+IF('Standard Profiles'!$G$19=$B$17,14,0)+IF('Standard Profiles'!$G$19=$B$24,21,0),MOD($C2607,24)+1)/SUM(INDEX($D$3:$AA$30,INDEX(Jesper!$R$2:$R$366,ROW(INDEX(Jesper!AI$2:AI$366,ROUNDDOWN($C2607/24,0)+1,1))-1)+IF('Standard Profiles'!$G$19=$B$10,7,0)+IF('Standard Profiles'!$G$19=$B$17,14,0)+IF('Standard Profiles'!$G$19=$B$24,21,0),0)),0)</f>
        <v>4.1182563857145791</v>
      </c>
      <c r="F2607" cm="1">
        <f t="array" ref="F2607">IFERROR(INDEX(Jesper!AJ$2:AJ$366,ROUNDDOWN($C2607/24,0)+1,1)*INDEX($D$3:$AA$30,INDEX(Jesper!$R$2:$R$366,ROW(INDEX(Jesper!AJ$2:AJ$366,ROUNDDOWN($C2607/24,0)+1,1))-1)+IF('Standard Profiles'!$G$20=$B$10,7,0)+IF('Standard Profiles'!$G$20=$B$17,14,0)+IF('Standard Profiles'!$G$20=$B$24,21,0),MOD($C2607,24)+1)/SUM(INDEX($D$3:$AA$30,INDEX(Jesper!$R$2:$R$366,ROW(INDEX(Jesper!AJ$2:AJ$366,ROUNDDOWN($C2607/24,0)+1,1))-1)+IF('Standard Profiles'!$G$20=$B$10,7,0)+IF('Standard Profiles'!$G$20=$B$17,14,0)+IF('Standard Profiles'!$G$20=$B$24,21,0),0)),0)</f>
        <v>0</v>
      </c>
      <c r="G2607" cm="1">
        <f t="array" ref="G2607">IFERROR(INDEX(Jesper!AK$2:AK$366,ROUNDDOWN($C2607/24,0)+1,1)*INDEX($D$3:$AA$30,INDEX(Jesper!$R$2:$R$366,ROW(INDEX(Jesper!AK$2:AK$366,ROUNDDOWN($C2607/24,0)+1,1))-1)+IF('Standard Profiles'!$G$21=$B$10,7,0)+IF('Standard Profiles'!$G$21=$B$17,14,0)+IF('Standard Profiles'!$G$21=$B$24,21,0),MOD($C2607,24)+1)/SUM(INDEX($D$3:$AA$30,INDEX(Jesper!$R$2:$R$366,ROW(INDEX(Jesper!AK$2:AK$366,ROUNDDOWN($C2607/24,0)+1,1))-1)+IF('Standard Profiles'!$G$21=$B$10,7,0)+IF('Standard Profiles'!$G$21=$B$17,14,0)+IF('Standard Profiles'!$G$21=$B$24,21,0),0)),0)</f>
        <v>1.1929795141958977</v>
      </c>
      <c r="H2607" cm="1">
        <f t="array" ref="H2607">IFERROR(INDEX(Jesper!AL$2:AL$366,ROUNDDOWN($C2607/24,0)+1,1)*INDEX($D$3:$AA$30,INDEX(Jesper!$R$2:$R$366,ROW(INDEX(Jesper!AL$2:AL$366,ROUNDDOWN($C2607/24,0)+1,1))-1)+IF('Standard Profiles'!$G$22=$B$10,7,0)+IF('Standard Profiles'!$G$22=$B$17,14,0)+IF('Standard Profiles'!$G$22=$B$24,21,0),MOD($C2607,24)+1)/SUM(INDEX($D$3:$AA$30,INDEX(Jesper!$R$2:$R$366,ROW(INDEX(Jesper!AL$2:AL$366,ROUNDDOWN($C2607/24,0)+1,1))-1)+IF('Standard Profiles'!$G$22=$B$10,7,0)+IF('Standard Profiles'!$G$22=$B$17,14,0)+IF('Standard Profiles'!$G$22=$B$24,21,0),0)),0)</f>
        <v>0</v>
      </c>
      <c r="I2607">
        <f t="shared" si="300"/>
        <v>0.57263016681403056</v>
      </c>
      <c r="J2607">
        <f t="shared" si="301"/>
        <v>9.4518621851296611</v>
      </c>
      <c r="K2607">
        <f t="shared" si="302"/>
        <v>0.59850875581374186</v>
      </c>
      <c r="L2607">
        <f t="shared" si="303"/>
        <v>0.29925437790687093</v>
      </c>
      <c r="M2607">
        <f t="shared" si="304"/>
        <v>0</v>
      </c>
      <c r="N2607" s="45">
        <f t="shared" si="305"/>
        <v>45034.208333327093</v>
      </c>
    </row>
    <row r="2608" spans="2:14" x14ac:dyDescent="0.25">
      <c r="B2608">
        <f t="shared" si="299"/>
        <v>2</v>
      </c>
      <c r="C2608" s="16">
        <v>2574</v>
      </c>
      <c r="D2608" cm="1">
        <f t="array" ref="D2608">IFERROR(INDEX(Jesper!AH$2:AH$366,ROUNDDOWN($C2608/24,0)+1,1)*INDEX($D$3:$AA$30,INDEX(Jesper!$R$2:$R$366,ROW(INDEX(Jesper!AH$2:AH$366,ROUNDDOWN($C2608/24,0)+1,1))-1)+IF('Standard Profiles'!$G$18=$B$10,7,0)+IF('Standard Profiles'!$G$18=$B$17,14,0)+IF('Standard Profiles'!$G$18=$B$24,21,0),MOD($C2608,24)+1)/SUM(INDEX($D$3:$AA$30,INDEX(Jesper!$R$2:$R$366,ROW(INDEX(Jesper!AH$2:AH$366,ROUNDDOWN($C2608/24,0)+1,1))-1)+IF('Standard Profiles'!$G$18=$B$10,7,0)+IF('Standard Profiles'!$G$18=$B$17,14,0)+IF('Standard Profiles'!$G$18=$B$24,21,0),0)),0)</f>
        <v>5.6110195857538292</v>
      </c>
      <c r="E2608" cm="1">
        <f t="array" ref="E2608">IFERROR(INDEX(Jesper!AI$2:AI$366,ROUNDDOWN($C2608/24,0)+1,1)*INDEX($D$3:$AA$30,INDEX(Jesper!$R$2:$R$366,ROW(INDEX(Jesper!AI$2:AI$366,ROUNDDOWN($C2608/24,0)+1,1))-1)+IF('Standard Profiles'!$G$19=$B$10,7,0)+IF('Standard Profiles'!$G$19=$B$17,14,0)+IF('Standard Profiles'!$G$19=$B$24,21,0),MOD($C2608,24)+1)/SUM(INDEX($D$3:$AA$30,INDEX(Jesper!$R$2:$R$366,ROW(INDEX(Jesper!AI$2:AI$366,ROUNDDOWN($C2608/24,0)+1,1))-1)+IF('Standard Profiles'!$G$19=$B$10,7,0)+IF('Standard Profiles'!$G$19=$B$17,14,0)+IF('Standard Profiles'!$G$19=$B$24,21,0),0)),0)</f>
        <v>4.1182563857145791</v>
      </c>
      <c r="F2608" cm="1">
        <f t="array" ref="F2608">IFERROR(INDEX(Jesper!AJ$2:AJ$366,ROUNDDOWN($C2608/24,0)+1,1)*INDEX($D$3:$AA$30,INDEX(Jesper!$R$2:$R$366,ROW(INDEX(Jesper!AJ$2:AJ$366,ROUNDDOWN($C2608/24,0)+1,1))-1)+IF('Standard Profiles'!$G$20=$B$10,7,0)+IF('Standard Profiles'!$G$20=$B$17,14,0)+IF('Standard Profiles'!$G$20=$B$24,21,0),MOD($C2608,24)+1)/SUM(INDEX($D$3:$AA$30,INDEX(Jesper!$R$2:$R$366,ROW(INDEX(Jesper!AJ$2:AJ$366,ROUNDDOWN($C2608/24,0)+1,1))-1)+IF('Standard Profiles'!$G$20=$B$10,7,0)+IF('Standard Profiles'!$G$20=$B$17,14,0)+IF('Standard Profiles'!$G$20=$B$24,21,0),0)),0)</f>
        <v>0</v>
      </c>
      <c r="G2608" cm="1">
        <f t="array" ref="G2608">IFERROR(INDEX(Jesper!AK$2:AK$366,ROUNDDOWN($C2608/24,0)+1,1)*INDEX($D$3:$AA$30,INDEX(Jesper!$R$2:$R$366,ROW(INDEX(Jesper!AK$2:AK$366,ROUNDDOWN($C2608/24,0)+1,1))-1)+IF('Standard Profiles'!$G$21=$B$10,7,0)+IF('Standard Profiles'!$G$21=$B$17,14,0)+IF('Standard Profiles'!$G$21=$B$24,21,0),MOD($C2608,24)+1)/SUM(INDEX($D$3:$AA$30,INDEX(Jesper!$R$2:$R$366,ROW(INDEX(Jesper!AK$2:AK$366,ROUNDDOWN($C2608/24,0)+1,1))-1)+IF('Standard Profiles'!$G$21=$B$10,7,0)+IF('Standard Profiles'!$G$21=$B$17,14,0)+IF('Standard Profiles'!$G$21=$B$24,21,0),0)),0)</f>
        <v>1.1929795141958977</v>
      </c>
      <c r="H2608" cm="1">
        <f t="array" ref="H2608">IFERROR(INDEX(Jesper!AL$2:AL$366,ROUNDDOWN($C2608/24,0)+1,1)*INDEX($D$3:$AA$30,INDEX(Jesper!$R$2:$R$366,ROW(INDEX(Jesper!AL$2:AL$366,ROUNDDOWN($C2608/24,0)+1,1))-1)+IF('Standard Profiles'!$G$22=$B$10,7,0)+IF('Standard Profiles'!$G$22=$B$17,14,0)+IF('Standard Profiles'!$G$22=$B$24,21,0),MOD($C2608,24)+1)/SUM(INDEX($D$3:$AA$30,INDEX(Jesper!$R$2:$R$366,ROW(INDEX(Jesper!AL$2:AL$366,ROUNDDOWN($C2608/24,0)+1,1))-1)+IF('Standard Profiles'!$G$22=$B$10,7,0)+IF('Standard Profiles'!$G$22=$B$17,14,0)+IF('Standard Profiles'!$G$22=$B$24,21,0),0)),0)</f>
        <v>0</v>
      </c>
      <c r="I2608">
        <f t="shared" si="300"/>
        <v>0.57263016681403056</v>
      </c>
      <c r="J2608">
        <f t="shared" si="301"/>
        <v>9.4518621851296611</v>
      </c>
      <c r="K2608">
        <f t="shared" si="302"/>
        <v>0.59850875581374186</v>
      </c>
      <c r="L2608">
        <f t="shared" si="303"/>
        <v>0.29925437790687093</v>
      </c>
      <c r="M2608">
        <f t="shared" si="304"/>
        <v>0</v>
      </c>
      <c r="N2608" s="45">
        <f t="shared" si="305"/>
        <v>45034.249999993757</v>
      </c>
    </row>
    <row r="2609" spans="2:14" x14ac:dyDescent="0.25">
      <c r="B2609">
        <f t="shared" si="299"/>
        <v>2</v>
      </c>
      <c r="C2609" s="16">
        <v>2575</v>
      </c>
      <c r="D2609" cm="1">
        <f t="array" ref="D2609">IFERROR(INDEX(Jesper!AH$2:AH$366,ROUNDDOWN($C2609/24,0)+1,1)*INDEX($D$3:$AA$30,INDEX(Jesper!$R$2:$R$366,ROW(INDEX(Jesper!AH$2:AH$366,ROUNDDOWN($C2609/24,0)+1,1))-1)+IF('Standard Profiles'!$G$18=$B$10,7,0)+IF('Standard Profiles'!$G$18=$B$17,14,0)+IF('Standard Profiles'!$G$18=$B$24,21,0),MOD($C2609,24)+1)/SUM(INDEX($D$3:$AA$30,INDEX(Jesper!$R$2:$R$366,ROW(INDEX(Jesper!AH$2:AH$366,ROUNDDOWN($C2609/24,0)+1,1))-1)+IF('Standard Profiles'!$G$18=$B$10,7,0)+IF('Standard Profiles'!$G$18=$B$17,14,0)+IF('Standard Profiles'!$G$18=$B$24,21,0),0)),0)</f>
        <v>23.653954441193484</v>
      </c>
      <c r="E2609" cm="1">
        <f t="array" ref="E2609">IFERROR(INDEX(Jesper!AI$2:AI$366,ROUNDDOWN($C2609/24,0)+1,1)*INDEX($D$3:$AA$30,INDEX(Jesper!$R$2:$R$366,ROW(INDEX(Jesper!AI$2:AI$366,ROUNDDOWN($C2609/24,0)+1,1))-1)+IF('Standard Profiles'!$G$19=$B$10,7,0)+IF('Standard Profiles'!$G$19=$B$17,14,0)+IF('Standard Profiles'!$G$19=$B$24,21,0),MOD($C2609,24)+1)/SUM(INDEX($D$3:$AA$30,INDEX(Jesper!$R$2:$R$366,ROW(INDEX(Jesper!AI$2:AI$366,ROUNDDOWN($C2609/24,0)+1,1))-1)+IF('Standard Profiles'!$G$19=$B$10,7,0)+IF('Standard Profiles'!$G$19=$B$17,14,0)+IF('Standard Profiles'!$G$19=$B$24,21,0),0)),0)</f>
        <v>17.361024576028019</v>
      </c>
      <c r="F2609" cm="1">
        <f t="array" ref="F2609">IFERROR(INDEX(Jesper!AJ$2:AJ$366,ROUNDDOWN($C2609/24,0)+1,1)*INDEX($D$3:$AA$30,INDEX(Jesper!$R$2:$R$366,ROW(INDEX(Jesper!AJ$2:AJ$366,ROUNDDOWN($C2609/24,0)+1,1))-1)+IF('Standard Profiles'!$G$20=$B$10,7,0)+IF('Standard Profiles'!$G$20=$B$17,14,0)+IF('Standard Profiles'!$G$20=$B$24,21,0),MOD($C2609,24)+1)/SUM(INDEX($D$3:$AA$30,INDEX(Jesper!$R$2:$R$366,ROW(INDEX(Jesper!AJ$2:AJ$366,ROUNDDOWN($C2609/24,0)+1,1))-1)+IF('Standard Profiles'!$G$20=$B$10,7,0)+IF('Standard Profiles'!$G$20=$B$17,14,0)+IF('Standard Profiles'!$G$20=$B$24,21,0),0)),0)</f>
        <v>0</v>
      </c>
      <c r="G2609" cm="1">
        <f t="array" ref="G2609">IFERROR(INDEX(Jesper!AK$2:AK$366,ROUNDDOWN($C2609/24,0)+1,1)*INDEX($D$3:$AA$30,INDEX(Jesper!$R$2:$R$366,ROW(INDEX(Jesper!AK$2:AK$366,ROUNDDOWN($C2609/24,0)+1,1))-1)+IF('Standard Profiles'!$G$21=$B$10,7,0)+IF('Standard Profiles'!$G$21=$B$17,14,0)+IF('Standard Profiles'!$G$21=$B$24,21,0),MOD($C2609,24)+1)/SUM(INDEX($D$3:$AA$30,INDEX(Jesper!$R$2:$R$366,ROW(INDEX(Jesper!AK$2:AK$366,ROUNDDOWN($C2609/24,0)+1,1))-1)+IF('Standard Profiles'!$G$21=$B$10,7,0)+IF('Standard Profiles'!$G$21=$B$17,14,0)+IF('Standard Profiles'!$G$21=$B$24,21,0),0)),0)</f>
        <v>3.4365506650868918</v>
      </c>
      <c r="H2609" cm="1">
        <f t="array" ref="H2609">IFERROR(INDEX(Jesper!AL$2:AL$366,ROUNDDOWN($C2609/24,0)+1,1)*INDEX($D$3:$AA$30,INDEX(Jesper!$R$2:$R$366,ROW(INDEX(Jesper!AL$2:AL$366,ROUNDDOWN($C2609/24,0)+1,1))-1)+IF('Standard Profiles'!$G$22=$B$10,7,0)+IF('Standard Profiles'!$G$22=$B$17,14,0)+IF('Standard Profiles'!$G$22=$B$24,21,0),MOD($C2609,24)+1)/SUM(INDEX($D$3:$AA$30,INDEX(Jesper!$R$2:$R$366,ROW(INDEX(Jesper!AL$2:AL$366,ROUNDDOWN($C2609/24,0)+1,1))-1)+IF('Standard Profiles'!$G$22=$B$10,7,0)+IF('Standard Profiles'!$G$22=$B$17,14,0)+IF('Standard Profiles'!$G$22=$B$24,21,0),0)),0)</f>
        <v>0</v>
      </c>
      <c r="I2609">
        <f t="shared" si="300"/>
        <v>1.6495443192417072</v>
      </c>
      <c r="J2609">
        <f t="shared" si="301"/>
        <v>39.017352652475729</v>
      </c>
      <c r="K2609">
        <f t="shared" si="302"/>
        <v>2.5230884737273049</v>
      </c>
      <c r="L2609">
        <f t="shared" si="303"/>
        <v>1.2615442368636525</v>
      </c>
      <c r="M2609">
        <f t="shared" si="304"/>
        <v>0</v>
      </c>
      <c r="N2609" s="45">
        <f t="shared" si="305"/>
        <v>45034.291666660421</v>
      </c>
    </row>
    <row r="2610" spans="2:14" x14ac:dyDescent="0.25">
      <c r="B2610">
        <f t="shared" si="299"/>
        <v>2</v>
      </c>
      <c r="C2610" s="16">
        <v>2576</v>
      </c>
      <c r="D2610" cm="1">
        <f t="array" ref="D2610">IFERROR(INDEX(Jesper!AH$2:AH$366,ROUNDDOWN($C2610/24,0)+1,1)*INDEX($D$3:$AA$30,INDEX(Jesper!$R$2:$R$366,ROW(INDEX(Jesper!AH$2:AH$366,ROUNDDOWN($C2610/24,0)+1,1))-1)+IF('Standard Profiles'!$G$18=$B$10,7,0)+IF('Standard Profiles'!$G$18=$B$17,14,0)+IF('Standard Profiles'!$G$18=$B$24,21,0),MOD($C2610,24)+1)/SUM(INDEX($D$3:$AA$30,INDEX(Jesper!$R$2:$R$366,ROW(INDEX(Jesper!AH$2:AH$366,ROUNDDOWN($C2610/24,0)+1,1))-1)+IF('Standard Profiles'!$G$18=$B$10,7,0)+IF('Standard Profiles'!$G$18=$B$17,14,0)+IF('Standard Profiles'!$G$18=$B$24,21,0),0)),0)</f>
        <v>26.392833376489573</v>
      </c>
      <c r="E2610" cm="1">
        <f t="array" ref="E2610">IFERROR(INDEX(Jesper!AI$2:AI$366,ROUNDDOWN($C2610/24,0)+1,1)*INDEX($D$3:$AA$30,INDEX(Jesper!$R$2:$R$366,ROW(INDEX(Jesper!AI$2:AI$366,ROUNDDOWN($C2610/24,0)+1,1))-1)+IF('Standard Profiles'!$G$19=$B$10,7,0)+IF('Standard Profiles'!$G$19=$B$17,14,0)+IF('Standard Profiles'!$G$19=$B$24,21,0),MOD($C2610,24)+1)/SUM(INDEX($D$3:$AA$30,INDEX(Jesper!$R$2:$R$366,ROW(INDEX(Jesper!AI$2:AI$366,ROUNDDOWN($C2610/24,0)+1,1))-1)+IF('Standard Profiles'!$G$19=$B$10,7,0)+IF('Standard Profiles'!$G$19=$B$17,14,0)+IF('Standard Profiles'!$G$19=$B$24,21,0),0)),0)</f>
        <v>19.371248474304945</v>
      </c>
      <c r="F2610" cm="1">
        <f t="array" ref="F2610">IFERROR(INDEX(Jesper!AJ$2:AJ$366,ROUNDDOWN($C2610/24,0)+1,1)*INDEX($D$3:$AA$30,INDEX(Jesper!$R$2:$R$366,ROW(INDEX(Jesper!AJ$2:AJ$366,ROUNDDOWN($C2610/24,0)+1,1))-1)+IF('Standard Profiles'!$G$20=$B$10,7,0)+IF('Standard Profiles'!$G$20=$B$17,14,0)+IF('Standard Profiles'!$G$20=$B$24,21,0),MOD($C2610,24)+1)/SUM(INDEX($D$3:$AA$30,INDEX(Jesper!$R$2:$R$366,ROW(INDEX(Jesper!AJ$2:AJ$366,ROUNDDOWN($C2610/24,0)+1,1))-1)+IF('Standard Profiles'!$G$20=$B$10,7,0)+IF('Standard Profiles'!$G$20=$B$17,14,0)+IF('Standard Profiles'!$G$20=$B$24,21,0),0)),0)</f>
        <v>0</v>
      </c>
      <c r="G2610" cm="1">
        <f t="array" ref="G2610">IFERROR(INDEX(Jesper!AK$2:AK$366,ROUNDDOWN($C2610/24,0)+1,1)*INDEX($D$3:$AA$30,INDEX(Jesper!$R$2:$R$366,ROW(INDEX(Jesper!AK$2:AK$366,ROUNDDOWN($C2610/24,0)+1,1))-1)+IF('Standard Profiles'!$G$21=$B$10,7,0)+IF('Standard Profiles'!$G$21=$B$17,14,0)+IF('Standard Profiles'!$G$21=$B$24,21,0),MOD($C2610,24)+1)/SUM(INDEX($D$3:$AA$30,INDEX(Jesper!$R$2:$R$366,ROW(INDEX(Jesper!AK$2:AK$366,ROUNDDOWN($C2610/24,0)+1,1))-1)+IF('Standard Profiles'!$G$21=$B$10,7,0)+IF('Standard Profiles'!$G$21=$B$17,14,0)+IF('Standard Profiles'!$G$21=$B$24,21,0),0)),0)</f>
        <v>3.8344670578864268</v>
      </c>
      <c r="H2610" cm="1">
        <f t="array" ref="H2610">IFERROR(INDEX(Jesper!AL$2:AL$366,ROUNDDOWN($C2610/24,0)+1,1)*INDEX($D$3:$AA$30,INDEX(Jesper!$R$2:$R$366,ROW(INDEX(Jesper!AL$2:AL$366,ROUNDDOWN($C2610/24,0)+1,1))-1)+IF('Standard Profiles'!$G$22=$B$10,7,0)+IF('Standard Profiles'!$G$22=$B$17,14,0)+IF('Standard Profiles'!$G$22=$B$24,21,0),MOD($C2610,24)+1)/SUM(INDEX($D$3:$AA$30,INDEX(Jesper!$R$2:$R$366,ROW(INDEX(Jesper!AL$2:AL$366,ROUNDDOWN($C2610/24,0)+1,1))-1)+IF('Standard Profiles'!$G$22=$B$10,7,0)+IF('Standard Profiles'!$G$22=$B$17,14,0)+IF('Standard Profiles'!$G$22=$B$24,21,0),0)),0)</f>
        <v>0</v>
      </c>
      <c r="I2610">
        <f t="shared" si="300"/>
        <v>1.840544187785484</v>
      </c>
      <c r="J2610">
        <f t="shared" si="301"/>
        <v>43.535151380657126</v>
      </c>
      <c r="K2610">
        <f t="shared" si="302"/>
        <v>2.8152355601588881</v>
      </c>
      <c r="L2610">
        <f t="shared" si="303"/>
        <v>1.407617780079444</v>
      </c>
      <c r="M2610">
        <f t="shared" si="304"/>
        <v>0</v>
      </c>
      <c r="N2610" s="45">
        <f t="shared" si="305"/>
        <v>45034.333333327086</v>
      </c>
    </row>
    <row r="2611" spans="2:14" x14ac:dyDescent="0.25">
      <c r="B2611">
        <f t="shared" si="299"/>
        <v>2</v>
      </c>
      <c r="C2611" s="16">
        <v>2577</v>
      </c>
      <c r="D2611" cm="1">
        <f t="array" ref="D2611">IFERROR(INDEX(Jesper!AH$2:AH$366,ROUNDDOWN($C2611/24,0)+1,1)*INDEX($D$3:$AA$30,INDEX(Jesper!$R$2:$R$366,ROW(INDEX(Jesper!AH$2:AH$366,ROUNDDOWN($C2611/24,0)+1,1))-1)+IF('Standard Profiles'!$G$18=$B$10,7,0)+IF('Standard Profiles'!$G$18=$B$17,14,0)+IF('Standard Profiles'!$G$18=$B$24,21,0),MOD($C2611,24)+1)/SUM(INDEX($D$3:$AA$30,INDEX(Jesper!$R$2:$R$366,ROW(INDEX(Jesper!AH$2:AH$366,ROUNDDOWN($C2611/24,0)+1,1))-1)+IF('Standard Profiles'!$G$18=$B$10,7,0)+IF('Standard Profiles'!$G$18=$B$17,14,0)+IF('Standard Profiles'!$G$18=$B$24,21,0),0)),0)</f>
        <v>29.131712311785662</v>
      </c>
      <c r="E2611" cm="1">
        <f t="array" ref="E2611">IFERROR(INDEX(Jesper!AI$2:AI$366,ROUNDDOWN($C2611/24,0)+1,1)*INDEX($D$3:$AA$30,INDEX(Jesper!$R$2:$R$366,ROW(INDEX(Jesper!AI$2:AI$366,ROUNDDOWN($C2611/24,0)+1,1))-1)+IF('Standard Profiles'!$G$19=$B$10,7,0)+IF('Standard Profiles'!$G$19=$B$17,14,0)+IF('Standard Profiles'!$G$19=$B$24,21,0),MOD($C2611,24)+1)/SUM(INDEX($D$3:$AA$30,INDEX(Jesper!$R$2:$R$366,ROW(INDEX(Jesper!AI$2:AI$366,ROUNDDOWN($C2611/24,0)+1,1))-1)+IF('Standard Profiles'!$G$19=$B$10,7,0)+IF('Standard Profiles'!$G$19=$B$17,14,0)+IF('Standard Profiles'!$G$19=$B$24,21,0),0)),0)</f>
        <v>21.381472372581875</v>
      </c>
      <c r="F2611" cm="1">
        <f t="array" ref="F2611">IFERROR(INDEX(Jesper!AJ$2:AJ$366,ROUNDDOWN($C2611/24,0)+1,1)*INDEX($D$3:$AA$30,INDEX(Jesper!$R$2:$R$366,ROW(INDEX(Jesper!AJ$2:AJ$366,ROUNDDOWN($C2611/24,0)+1,1))-1)+IF('Standard Profiles'!$G$20=$B$10,7,0)+IF('Standard Profiles'!$G$20=$B$17,14,0)+IF('Standard Profiles'!$G$20=$B$24,21,0),MOD($C2611,24)+1)/SUM(INDEX($D$3:$AA$30,INDEX(Jesper!$R$2:$R$366,ROW(INDEX(Jesper!AJ$2:AJ$366,ROUNDDOWN($C2611/24,0)+1,1))-1)+IF('Standard Profiles'!$G$20=$B$10,7,0)+IF('Standard Profiles'!$G$20=$B$17,14,0)+IF('Standard Profiles'!$G$20=$B$24,21,0),0)),0)</f>
        <v>0</v>
      </c>
      <c r="G2611" cm="1">
        <f t="array" ref="G2611">IFERROR(INDEX(Jesper!AK$2:AK$366,ROUNDDOWN($C2611/24,0)+1,1)*INDEX($D$3:$AA$30,INDEX(Jesper!$R$2:$R$366,ROW(INDEX(Jesper!AK$2:AK$366,ROUNDDOWN($C2611/24,0)+1,1))-1)+IF('Standard Profiles'!$G$21=$B$10,7,0)+IF('Standard Profiles'!$G$21=$B$17,14,0)+IF('Standard Profiles'!$G$21=$B$24,21,0),MOD($C2611,24)+1)/SUM(INDEX($D$3:$AA$30,INDEX(Jesper!$R$2:$R$366,ROW(INDEX(Jesper!AK$2:AK$366,ROUNDDOWN($C2611/24,0)+1,1))-1)+IF('Standard Profiles'!$G$21=$B$10,7,0)+IF('Standard Profiles'!$G$21=$B$17,14,0)+IF('Standard Profiles'!$G$21=$B$24,21,0),0)),0)</f>
        <v>4.2323834506859619</v>
      </c>
      <c r="H2611" cm="1">
        <f t="array" ref="H2611">IFERROR(INDEX(Jesper!AL$2:AL$366,ROUNDDOWN($C2611/24,0)+1,1)*INDEX($D$3:$AA$30,INDEX(Jesper!$R$2:$R$366,ROW(INDEX(Jesper!AL$2:AL$366,ROUNDDOWN($C2611/24,0)+1,1))-1)+IF('Standard Profiles'!$G$22=$B$10,7,0)+IF('Standard Profiles'!$G$22=$B$17,14,0)+IF('Standard Profiles'!$G$22=$B$24,21,0),MOD($C2611,24)+1)/SUM(INDEX($D$3:$AA$30,INDEX(Jesper!$R$2:$R$366,ROW(INDEX(Jesper!AL$2:AL$366,ROUNDDOWN($C2611/24,0)+1,1))-1)+IF('Standard Profiles'!$G$22=$B$10,7,0)+IF('Standard Profiles'!$G$22=$B$17,14,0)+IF('Standard Profiles'!$G$22=$B$24,21,0),0)),0)</f>
        <v>0</v>
      </c>
      <c r="I2611">
        <f t="shared" si="300"/>
        <v>2.0315440563292606</v>
      </c>
      <c r="J2611">
        <f t="shared" si="301"/>
        <v>48.05295010883853</v>
      </c>
      <c r="K2611">
        <f t="shared" si="302"/>
        <v>3.1073826465904708</v>
      </c>
      <c r="L2611">
        <f t="shared" si="303"/>
        <v>1.5536913232952354</v>
      </c>
      <c r="M2611">
        <f t="shared" si="304"/>
        <v>0</v>
      </c>
      <c r="N2611" s="45">
        <f t="shared" si="305"/>
        <v>45034.37499999375</v>
      </c>
    </row>
    <row r="2612" spans="2:14" x14ac:dyDescent="0.25">
      <c r="B2612">
        <f t="shared" si="299"/>
        <v>2</v>
      </c>
      <c r="C2612" s="16">
        <v>2578</v>
      </c>
      <c r="D2612" cm="1">
        <f t="array" ref="D2612">IFERROR(INDEX(Jesper!AH$2:AH$366,ROUNDDOWN($C2612/24,0)+1,1)*INDEX($D$3:$AA$30,INDEX(Jesper!$R$2:$R$366,ROW(INDEX(Jesper!AH$2:AH$366,ROUNDDOWN($C2612/24,0)+1,1))-1)+IF('Standard Profiles'!$G$18=$B$10,7,0)+IF('Standard Profiles'!$G$18=$B$17,14,0)+IF('Standard Profiles'!$G$18=$B$24,21,0),MOD($C2612,24)+1)/SUM(INDEX($D$3:$AA$30,INDEX(Jesper!$R$2:$R$366,ROW(INDEX(Jesper!AH$2:AH$366,ROUNDDOWN($C2612/24,0)+1,1))-1)+IF('Standard Profiles'!$G$18=$B$10,7,0)+IF('Standard Profiles'!$G$18=$B$17,14,0)+IF('Standard Profiles'!$G$18=$B$24,21,0),0)),0)</f>
        <v>29.131712311785662</v>
      </c>
      <c r="E2612" cm="1">
        <f t="array" ref="E2612">IFERROR(INDEX(Jesper!AI$2:AI$366,ROUNDDOWN($C2612/24,0)+1,1)*INDEX($D$3:$AA$30,INDEX(Jesper!$R$2:$R$366,ROW(INDEX(Jesper!AI$2:AI$366,ROUNDDOWN($C2612/24,0)+1,1))-1)+IF('Standard Profiles'!$G$19=$B$10,7,0)+IF('Standard Profiles'!$G$19=$B$17,14,0)+IF('Standard Profiles'!$G$19=$B$24,21,0),MOD($C2612,24)+1)/SUM(INDEX($D$3:$AA$30,INDEX(Jesper!$R$2:$R$366,ROW(INDEX(Jesper!AI$2:AI$366,ROUNDDOWN($C2612/24,0)+1,1))-1)+IF('Standard Profiles'!$G$19=$B$10,7,0)+IF('Standard Profiles'!$G$19=$B$17,14,0)+IF('Standard Profiles'!$G$19=$B$24,21,0),0)),0)</f>
        <v>21.381472372581875</v>
      </c>
      <c r="F2612" cm="1">
        <f t="array" ref="F2612">IFERROR(INDEX(Jesper!AJ$2:AJ$366,ROUNDDOWN($C2612/24,0)+1,1)*INDEX($D$3:$AA$30,INDEX(Jesper!$R$2:$R$366,ROW(INDEX(Jesper!AJ$2:AJ$366,ROUNDDOWN($C2612/24,0)+1,1))-1)+IF('Standard Profiles'!$G$20=$B$10,7,0)+IF('Standard Profiles'!$G$20=$B$17,14,0)+IF('Standard Profiles'!$G$20=$B$24,21,0),MOD($C2612,24)+1)/SUM(INDEX($D$3:$AA$30,INDEX(Jesper!$R$2:$R$366,ROW(INDEX(Jesper!AJ$2:AJ$366,ROUNDDOWN($C2612/24,0)+1,1))-1)+IF('Standard Profiles'!$G$20=$B$10,7,0)+IF('Standard Profiles'!$G$20=$B$17,14,0)+IF('Standard Profiles'!$G$20=$B$24,21,0),0)),0)</f>
        <v>0</v>
      </c>
      <c r="G2612" cm="1">
        <f t="array" ref="G2612">IFERROR(INDEX(Jesper!AK$2:AK$366,ROUNDDOWN($C2612/24,0)+1,1)*INDEX($D$3:$AA$30,INDEX(Jesper!$R$2:$R$366,ROW(INDEX(Jesper!AK$2:AK$366,ROUNDDOWN($C2612/24,0)+1,1))-1)+IF('Standard Profiles'!$G$21=$B$10,7,0)+IF('Standard Profiles'!$G$21=$B$17,14,0)+IF('Standard Profiles'!$G$21=$B$24,21,0),MOD($C2612,24)+1)/SUM(INDEX($D$3:$AA$30,INDEX(Jesper!$R$2:$R$366,ROW(INDEX(Jesper!AK$2:AK$366,ROUNDDOWN($C2612/24,0)+1,1))-1)+IF('Standard Profiles'!$G$21=$B$10,7,0)+IF('Standard Profiles'!$G$21=$B$17,14,0)+IF('Standard Profiles'!$G$21=$B$24,21,0),0)),0)</f>
        <v>4.2323834506859619</v>
      </c>
      <c r="H2612" cm="1">
        <f t="array" ref="H2612">IFERROR(INDEX(Jesper!AL$2:AL$366,ROUNDDOWN($C2612/24,0)+1,1)*INDEX($D$3:$AA$30,INDEX(Jesper!$R$2:$R$366,ROW(INDEX(Jesper!AL$2:AL$366,ROUNDDOWN($C2612/24,0)+1,1))-1)+IF('Standard Profiles'!$G$22=$B$10,7,0)+IF('Standard Profiles'!$G$22=$B$17,14,0)+IF('Standard Profiles'!$G$22=$B$24,21,0),MOD($C2612,24)+1)/SUM(INDEX($D$3:$AA$30,INDEX(Jesper!$R$2:$R$366,ROW(INDEX(Jesper!AL$2:AL$366,ROUNDDOWN($C2612/24,0)+1,1))-1)+IF('Standard Profiles'!$G$22=$B$10,7,0)+IF('Standard Profiles'!$G$22=$B$17,14,0)+IF('Standard Profiles'!$G$22=$B$24,21,0),0)),0)</f>
        <v>0</v>
      </c>
      <c r="I2612">
        <f t="shared" si="300"/>
        <v>2.0315440563292606</v>
      </c>
      <c r="J2612">
        <f t="shared" si="301"/>
        <v>48.05295010883853</v>
      </c>
      <c r="K2612">
        <f t="shared" si="302"/>
        <v>3.1073826465904708</v>
      </c>
      <c r="L2612">
        <f t="shared" si="303"/>
        <v>1.5536913232952354</v>
      </c>
      <c r="M2612">
        <f t="shared" si="304"/>
        <v>0</v>
      </c>
      <c r="N2612" s="45">
        <f t="shared" si="305"/>
        <v>45034.416666660414</v>
      </c>
    </row>
    <row r="2613" spans="2:14" x14ac:dyDescent="0.25">
      <c r="B2613">
        <f t="shared" si="299"/>
        <v>2</v>
      </c>
      <c r="C2613" s="16">
        <v>2579</v>
      </c>
      <c r="D2613" cm="1">
        <f t="array" ref="D2613">IFERROR(INDEX(Jesper!AH$2:AH$366,ROUNDDOWN($C2613/24,0)+1,1)*INDEX($D$3:$AA$30,INDEX(Jesper!$R$2:$R$366,ROW(INDEX(Jesper!AH$2:AH$366,ROUNDDOWN($C2613/24,0)+1,1))-1)+IF('Standard Profiles'!$G$18=$B$10,7,0)+IF('Standard Profiles'!$G$18=$B$17,14,0)+IF('Standard Profiles'!$G$18=$B$24,21,0),MOD($C2613,24)+1)/SUM(INDEX($D$3:$AA$30,INDEX(Jesper!$R$2:$R$366,ROW(INDEX(Jesper!AH$2:AH$366,ROUNDDOWN($C2613/24,0)+1,1))-1)+IF('Standard Profiles'!$G$18=$B$10,7,0)+IF('Standard Profiles'!$G$18=$B$17,14,0)+IF('Standard Profiles'!$G$18=$B$24,21,0),0)),0)</f>
        <v>34.858459176495657</v>
      </c>
      <c r="E2613" cm="1">
        <f t="array" ref="E2613">IFERROR(INDEX(Jesper!AI$2:AI$366,ROUNDDOWN($C2613/24,0)+1,1)*INDEX($D$3:$AA$30,INDEX(Jesper!$R$2:$R$366,ROW(INDEX(Jesper!AI$2:AI$366,ROUNDDOWN($C2613/24,0)+1,1))-1)+IF('Standard Profiles'!$G$19=$B$10,7,0)+IF('Standard Profiles'!$G$19=$B$17,14,0)+IF('Standard Profiles'!$G$19=$B$24,21,0),MOD($C2613,24)+1)/SUM(INDEX($D$3:$AA$30,INDEX(Jesper!$R$2:$R$366,ROW(INDEX(Jesper!AI$2:AI$366,ROUNDDOWN($C2613/24,0)+1,1))-1)+IF('Standard Profiles'!$G$19=$B$10,7,0)+IF('Standard Profiles'!$G$19=$B$17,14,0)+IF('Standard Profiles'!$G$19=$B$24,21,0),0)),0)</f>
        <v>25.584667796251814</v>
      </c>
      <c r="F2613" cm="1">
        <f t="array" ref="F2613">IFERROR(INDEX(Jesper!AJ$2:AJ$366,ROUNDDOWN($C2613/24,0)+1,1)*INDEX($D$3:$AA$30,INDEX(Jesper!$R$2:$R$366,ROW(INDEX(Jesper!AJ$2:AJ$366,ROUNDDOWN($C2613/24,0)+1,1))-1)+IF('Standard Profiles'!$G$20=$B$10,7,0)+IF('Standard Profiles'!$G$20=$B$17,14,0)+IF('Standard Profiles'!$G$20=$B$24,21,0),MOD($C2613,24)+1)/SUM(INDEX($D$3:$AA$30,INDEX(Jesper!$R$2:$R$366,ROW(INDEX(Jesper!AJ$2:AJ$366,ROUNDDOWN($C2613/24,0)+1,1))-1)+IF('Standard Profiles'!$G$20=$B$10,7,0)+IF('Standard Profiles'!$G$20=$B$17,14,0)+IF('Standard Profiles'!$G$20=$B$24,21,0),0)),0)</f>
        <v>0</v>
      </c>
      <c r="G2613" cm="1">
        <f t="array" ref="G2613">IFERROR(INDEX(Jesper!AK$2:AK$366,ROUNDDOWN($C2613/24,0)+1,1)*INDEX($D$3:$AA$30,INDEX(Jesper!$R$2:$R$366,ROW(INDEX(Jesper!AK$2:AK$366,ROUNDDOWN($C2613/24,0)+1,1))-1)+IF('Standard Profiles'!$G$21=$B$10,7,0)+IF('Standard Profiles'!$G$21=$B$17,14,0)+IF('Standard Profiles'!$G$21=$B$24,21,0),MOD($C2613,24)+1)/SUM(INDEX($D$3:$AA$30,INDEX(Jesper!$R$2:$R$366,ROW(INDEX(Jesper!AK$2:AK$366,ROUNDDOWN($C2613/24,0)+1,1))-1)+IF('Standard Profiles'!$G$21=$B$10,7,0)+IF('Standard Profiles'!$G$21=$B$17,14,0)+IF('Standard Profiles'!$G$21=$B$24,21,0),0)),0)</f>
        <v>5.0643904538122619</v>
      </c>
      <c r="H2613" cm="1">
        <f t="array" ref="H2613">IFERROR(INDEX(Jesper!AL$2:AL$366,ROUNDDOWN($C2613/24,0)+1,1)*INDEX($D$3:$AA$30,INDEX(Jesper!$R$2:$R$366,ROW(INDEX(Jesper!AL$2:AL$366,ROUNDDOWN($C2613/24,0)+1,1))-1)+IF('Standard Profiles'!$G$22=$B$10,7,0)+IF('Standard Profiles'!$G$22=$B$17,14,0)+IF('Standard Profiles'!$G$22=$B$24,21,0),MOD($C2613,24)+1)/SUM(INDEX($D$3:$AA$30,INDEX(Jesper!$R$2:$R$366,ROW(INDEX(Jesper!AL$2:AL$366,ROUNDDOWN($C2613/24,0)+1,1))-1)+IF('Standard Profiles'!$G$22=$B$10,7,0)+IF('Standard Profiles'!$G$22=$B$17,14,0)+IF('Standard Profiles'!$G$22=$B$24,21,0),0)),0)</f>
        <v>0</v>
      </c>
      <c r="I2613">
        <f t="shared" si="300"/>
        <v>2.4309074178298844</v>
      </c>
      <c r="J2613">
        <f t="shared" si="301"/>
        <v>57.499256540490549</v>
      </c>
      <c r="K2613">
        <f t="shared" si="302"/>
        <v>3.7182356454928702</v>
      </c>
      <c r="L2613">
        <f t="shared" si="303"/>
        <v>1.8591178227464351</v>
      </c>
      <c r="M2613">
        <f t="shared" si="304"/>
        <v>0</v>
      </c>
      <c r="N2613" s="45">
        <f t="shared" si="305"/>
        <v>45034.458333327078</v>
      </c>
    </row>
    <row r="2614" spans="2:14" x14ac:dyDescent="0.25">
      <c r="B2614">
        <f t="shared" si="299"/>
        <v>2</v>
      </c>
      <c r="C2614" s="16">
        <v>2580</v>
      </c>
      <c r="D2614" cm="1">
        <f t="array" ref="D2614">IFERROR(INDEX(Jesper!AH$2:AH$366,ROUNDDOWN($C2614/24,0)+1,1)*INDEX($D$3:$AA$30,INDEX(Jesper!$R$2:$R$366,ROW(INDEX(Jesper!AH$2:AH$366,ROUNDDOWN($C2614/24,0)+1,1))-1)+IF('Standard Profiles'!$G$18=$B$10,7,0)+IF('Standard Profiles'!$G$18=$B$17,14,0)+IF('Standard Profiles'!$G$18=$B$24,21,0),MOD($C2614,24)+1)/SUM(INDEX($D$3:$AA$30,INDEX(Jesper!$R$2:$R$366,ROW(INDEX(Jesper!AH$2:AH$366,ROUNDDOWN($C2614/24,0)+1,1))-1)+IF('Standard Profiles'!$G$18=$B$10,7,0)+IF('Standard Profiles'!$G$18=$B$17,14,0)+IF('Standard Profiles'!$G$18=$B$24,21,0),0)),0)</f>
        <v>34.858459176495657</v>
      </c>
      <c r="E2614" cm="1">
        <f t="array" ref="E2614">IFERROR(INDEX(Jesper!AI$2:AI$366,ROUNDDOWN($C2614/24,0)+1,1)*INDEX($D$3:$AA$30,INDEX(Jesper!$R$2:$R$366,ROW(INDEX(Jesper!AI$2:AI$366,ROUNDDOWN($C2614/24,0)+1,1))-1)+IF('Standard Profiles'!$G$19=$B$10,7,0)+IF('Standard Profiles'!$G$19=$B$17,14,0)+IF('Standard Profiles'!$G$19=$B$24,21,0),MOD($C2614,24)+1)/SUM(INDEX($D$3:$AA$30,INDEX(Jesper!$R$2:$R$366,ROW(INDEX(Jesper!AI$2:AI$366,ROUNDDOWN($C2614/24,0)+1,1))-1)+IF('Standard Profiles'!$G$19=$B$10,7,0)+IF('Standard Profiles'!$G$19=$B$17,14,0)+IF('Standard Profiles'!$G$19=$B$24,21,0),0)),0)</f>
        <v>25.584667796251814</v>
      </c>
      <c r="F2614" cm="1">
        <f t="array" ref="F2614">IFERROR(INDEX(Jesper!AJ$2:AJ$366,ROUNDDOWN($C2614/24,0)+1,1)*INDEX($D$3:$AA$30,INDEX(Jesper!$R$2:$R$366,ROW(INDEX(Jesper!AJ$2:AJ$366,ROUNDDOWN($C2614/24,0)+1,1))-1)+IF('Standard Profiles'!$G$20=$B$10,7,0)+IF('Standard Profiles'!$G$20=$B$17,14,0)+IF('Standard Profiles'!$G$20=$B$24,21,0),MOD($C2614,24)+1)/SUM(INDEX($D$3:$AA$30,INDEX(Jesper!$R$2:$R$366,ROW(INDEX(Jesper!AJ$2:AJ$366,ROUNDDOWN($C2614/24,0)+1,1))-1)+IF('Standard Profiles'!$G$20=$B$10,7,0)+IF('Standard Profiles'!$G$20=$B$17,14,0)+IF('Standard Profiles'!$G$20=$B$24,21,0),0)),0)</f>
        <v>0</v>
      </c>
      <c r="G2614" cm="1">
        <f t="array" ref="G2614">IFERROR(INDEX(Jesper!AK$2:AK$366,ROUNDDOWN($C2614/24,0)+1,1)*INDEX($D$3:$AA$30,INDEX(Jesper!$R$2:$R$366,ROW(INDEX(Jesper!AK$2:AK$366,ROUNDDOWN($C2614/24,0)+1,1))-1)+IF('Standard Profiles'!$G$21=$B$10,7,0)+IF('Standard Profiles'!$G$21=$B$17,14,0)+IF('Standard Profiles'!$G$21=$B$24,21,0),MOD($C2614,24)+1)/SUM(INDEX($D$3:$AA$30,INDEX(Jesper!$R$2:$R$366,ROW(INDEX(Jesper!AK$2:AK$366,ROUNDDOWN($C2614/24,0)+1,1))-1)+IF('Standard Profiles'!$G$21=$B$10,7,0)+IF('Standard Profiles'!$G$21=$B$17,14,0)+IF('Standard Profiles'!$G$21=$B$24,21,0),0)),0)</f>
        <v>5.0643904538122619</v>
      </c>
      <c r="H2614" cm="1">
        <f t="array" ref="H2614">IFERROR(INDEX(Jesper!AL$2:AL$366,ROUNDDOWN($C2614/24,0)+1,1)*INDEX($D$3:$AA$30,INDEX(Jesper!$R$2:$R$366,ROW(INDEX(Jesper!AL$2:AL$366,ROUNDDOWN($C2614/24,0)+1,1))-1)+IF('Standard Profiles'!$G$22=$B$10,7,0)+IF('Standard Profiles'!$G$22=$B$17,14,0)+IF('Standard Profiles'!$G$22=$B$24,21,0),MOD($C2614,24)+1)/SUM(INDEX($D$3:$AA$30,INDEX(Jesper!$R$2:$R$366,ROW(INDEX(Jesper!AL$2:AL$366,ROUNDDOWN($C2614/24,0)+1,1))-1)+IF('Standard Profiles'!$G$22=$B$10,7,0)+IF('Standard Profiles'!$G$22=$B$17,14,0)+IF('Standard Profiles'!$G$22=$B$24,21,0),0)),0)</f>
        <v>0</v>
      </c>
      <c r="I2614">
        <f t="shared" si="300"/>
        <v>2.4309074178298844</v>
      </c>
      <c r="J2614">
        <f t="shared" si="301"/>
        <v>57.499256540490549</v>
      </c>
      <c r="K2614">
        <f t="shared" si="302"/>
        <v>3.7182356454928702</v>
      </c>
      <c r="L2614">
        <f t="shared" si="303"/>
        <v>1.8591178227464351</v>
      </c>
      <c r="M2614">
        <f t="shared" si="304"/>
        <v>0</v>
      </c>
      <c r="N2614" s="45">
        <f t="shared" si="305"/>
        <v>45034.499999993743</v>
      </c>
    </row>
    <row r="2615" spans="2:14" x14ac:dyDescent="0.25">
      <c r="B2615">
        <f t="shared" si="299"/>
        <v>2</v>
      </c>
      <c r="C2615" s="16">
        <v>2581</v>
      </c>
      <c r="D2615" cm="1">
        <f t="array" ref="D2615">IFERROR(INDEX(Jesper!AH$2:AH$366,ROUNDDOWN($C2615/24,0)+1,1)*INDEX($D$3:$AA$30,INDEX(Jesper!$R$2:$R$366,ROW(INDEX(Jesper!AH$2:AH$366,ROUNDDOWN($C2615/24,0)+1,1))-1)+IF('Standard Profiles'!$G$18=$B$10,7,0)+IF('Standard Profiles'!$G$18=$B$17,14,0)+IF('Standard Profiles'!$G$18=$B$24,21,0),MOD($C2615,24)+1)/SUM(INDEX($D$3:$AA$30,INDEX(Jesper!$R$2:$R$366,ROW(INDEX(Jesper!AH$2:AH$366,ROUNDDOWN($C2615/24,0)+1,1))-1)+IF('Standard Profiles'!$G$18=$B$10,7,0)+IF('Standard Profiles'!$G$18=$B$17,14,0)+IF('Standard Profiles'!$G$18=$B$24,21,0),0)),0)</f>
        <v>23.15597645295783</v>
      </c>
      <c r="E2615" cm="1">
        <f t="array" ref="E2615">IFERROR(INDEX(Jesper!AI$2:AI$366,ROUNDDOWN($C2615/24,0)+1,1)*INDEX($D$3:$AA$30,INDEX(Jesper!$R$2:$R$366,ROW(INDEX(Jesper!AI$2:AI$366,ROUNDDOWN($C2615/24,0)+1,1))-1)+IF('Standard Profiles'!$G$19=$B$10,7,0)+IF('Standard Profiles'!$G$19=$B$17,14,0)+IF('Standard Profiles'!$G$19=$B$24,21,0),MOD($C2615,24)+1)/SUM(INDEX($D$3:$AA$30,INDEX(Jesper!$R$2:$R$366,ROW(INDEX(Jesper!AI$2:AI$366,ROUNDDOWN($C2615/24,0)+1,1))-1)+IF('Standard Profiles'!$G$19=$B$10,7,0)+IF('Standard Profiles'!$G$19=$B$17,14,0)+IF('Standard Profiles'!$G$19=$B$24,21,0),0)),0)</f>
        <v>16.99552932179585</v>
      </c>
      <c r="F2615" cm="1">
        <f t="array" ref="F2615">IFERROR(INDEX(Jesper!AJ$2:AJ$366,ROUNDDOWN($C2615/24,0)+1,1)*INDEX($D$3:$AA$30,INDEX(Jesper!$R$2:$R$366,ROW(INDEX(Jesper!AJ$2:AJ$366,ROUNDDOWN($C2615/24,0)+1,1))-1)+IF('Standard Profiles'!$G$20=$B$10,7,0)+IF('Standard Profiles'!$G$20=$B$17,14,0)+IF('Standard Profiles'!$G$20=$B$24,21,0),MOD($C2615,24)+1)/SUM(INDEX($D$3:$AA$30,INDEX(Jesper!$R$2:$R$366,ROW(INDEX(Jesper!AJ$2:AJ$366,ROUNDDOWN($C2615/24,0)+1,1))-1)+IF('Standard Profiles'!$G$20=$B$10,7,0)+IF('Standard Profiles'!$G$20=$B$17,14,0)+IF('Standard Profiles'!$G$20=$B$24,21,0),0)),0)</f>
        <v>0</v>
      </c>
      <c r="G2615" cm="1">
        <f t="array" ref="G2615">IFERROR(INDEX(Jesper!AK$2:AK$366,ROUNDDOWN($C2615/24,0)+1,1)*INDEX($D$3:$AA$30,INDEX(Jesper!$R$2:$R$366,ROW(INDEX(Jesper!AK$2:AK$366,ROUNDDOWN($C2615/24,0)+1,1))-1)+IF('Standard Profiles'!$G$21=$B$10,7,0)+IF('Standard Profiles'!$G$21=$B$17,14,0)+IF('Standard Profiles'!$G$21=$B$24,21,0),MOD($C2615,24)+1)/SUM(INDEX($D$3:$AA$30,INDEX(Jesper!$R$2:$R$366,ROW(INDEX(Jesper!AK$2:AK$366,ROUNDDOWN($C2615/24,0)+1,1))-1)+IF('Standard Profiles'!$G$21=$B$10,7,0)+IF('Standard Profiles'!$G$21=$B$17,14,0)+IF('Standard Profiles'!$G$21=$B$24,21,0),0)),0)</f>
        <v>3.3642022300324306</v>
      </c>
      <c r="H2615" cm="1">
        <f t="array" ref="H2615">IFERROR(INDEX(Jesper!AL$2:AL$366,ROUNDDOWN($C2615/24,0)+1,1)*INDEX($D$3:$AA$30,INDEX(Jesper!$R$2:$R$366,ROW(INDEX(Jesper!AL$2:AL$366,ROUNDDOWN($C2615/24,0)+1,1))-1)+IF('Standard Profiles'!$G$22=$B$10,7,0)+IF('Standard Profiles'!$G$22=$B$17,14,0)+IF('Standard Profiles'!$G$22=$B$24,21,0),MOD($C2615,24)+1)/SUM(INDEX($D$3:$AA$30,INDEX(Jesper!$R$2:$R$366,ROW(INDEX(Jesper!AL$2:AL$366,ROUNDDOWN($C2615/24,0)+1,1))-1)+IF('Standard Profiles'!$G$22=$B$10,7,0)+IF('Standard Profiles'!$G$22=$B$17,14,0)+IF('Standard Profiles'!$G$22=$B$24,21,0),0)),0)</f>
        <v>0</v>
      </c>
      <c r="I2615">
        <f t="shared" si="300"/>
        <v>1.6148170704155658</v>
      </c>
      <c r="J2615">
        <f t="shared" si="301"/>
        <v>38.195934701897286</v>
      </c>
      <c r="K2615">
        <f t="shared" si="302"/>
        <v>2.4699708216488352</v>
      </c>
      <c r="L2615">
        <f t="shared" si="303"/>
        <v>1.2349854108244176</v>
      </c>
      <c r="M2615">
        <f t="shared" si="304"/>
        <v>0</v>
      </c>
      <c r="N2615" s="45">
        <f t="shared" si="305"/>
        <v>45034.541666660407</v>
      </c>
    </row>
    <row r="2616" spans="2:14" x14ac:dyDescent="0.25">
      <c r="B2616">
        <f t="shared" si="299"/>
        <v>2</v>
      </c>
      <c r="C2616" s="16">
        <v>2582</v>
      </c>
      <c r="D2616" cm="1">
        <f t="array" ref="D2616">IFERROR(INDEX(Jesper!AH$2:AH$366,ROUNDDOWN($C2616/24,0)+1,1)*INDEX($D$3:$AA$30,INDEX(Jesper!$R$2:$R$366,ROW(INDEX(Jesper!AH$2:AH$366,ROUNDDOWN($C2616/24,0)+1,1))-1)+IF('Standard Profiles'!$G$18=$B$10,7,0)+IF('Standard Profiles'!$G$18=$B$17,14,0)+IF('Standard Profiles'!$G$18=$B$24,21,0),MOD($C2616,24)+1)/SUM(INDEX($D$3:$AA$30,INDEX(Jesper!$R$2:$R$366,ROW(INDEX(Jesper!AH$2:AH$366,ROUNDDOWN($C2616/24,0)+1,1))-1)+IF('Standard Profiles'!$G$18=$B$10,7,0)+IF('Standard Profiles'!$G$18=$B$17,14,0)+IF('Standard Profiles'!$G$18=$B$24,21,0),0)),0)</f>
        <v>34.858459176495657</v>
      </c>
      <c r="E2616" cm="1">
        <f t="array" ref="E2616">IFERROR(INDEX(Jesper!AI$2:AI$366,ROUNDDOWN($C2616/24,0)+1,1)*INDEX($D$3:$AA$30,INDEX(Jesper!$R$2:$R$366,ROW(INDEX(Jesper!AI$2:AI$366,ROUNDDOWN($C2616/24,0)+1,1))-1)+IF('Standard Profiles'!$G$19=$B$10,7,0)+IF('Standard Profiles'!$G$19=$B$17,14,0)+IF('Standard Profiles'!$G$19=$B$24,21,0),MOD($C2616,24)+1)/SUM(INDEX($D$3:$AA$30,INDEX(Jesper!$R$2:$R$366,ROW(INDEX(Jesper!AI$2:AI$366,ROUNDDOWN($C2616/24,0)+1,1))-1)+IF('Standard Profiles'!$G$19=$B$10,7,0)+IF('Standard Profiles'!$G$19=$B$17,14,0)+IF('Standard Profiles'!$G$19=$B$24,21,0),0)),0)</f>
        <v>25.584667796251814</v>
      </c>
      <c r="F2616" cm="1">
        <f t="array" ref="F2616">IFERROR(INDEX(Jesper!AJ$2:AJ$366,ROUNDDOWN($C2616/24,0)+1,1)*INDEX($D$3:$AA$30,INDEX(Jesper!$R$2:$R$366,ROW(INDEX(Jesper!AJ$2:AJ$366,ROUNDDOWN($C2616/24,0)+1,1))-1)+IF('Standard Profiles'!$G$20=$B$10,7,0)+IF('Standard Profiles'!$G$20=$B$17,14,0)+IF('Standard Profiles'!$G$20=$B$24,21,0),MOD($C2616,24)+1)/SUM(INDEX($D$3:$AA$30,INDEX(Jesper!$R$2:$R$366,ROW(INDEX(Jesper!AJ$2:AJ$366,ROUNDDOWN($C2616/24,0)+1,1))-1)+IF('Standard Profiles'!$G$20=$B$10,7,0)+IF('Standard Profiles'!$G$20=$B$17,14,0)+IF('Standard Profiles'!$G$20=$B$24,21,0),0)),0)</f>
        <v>0</v>
      </c>
      <c r="G2616" cm="1">
        <f t="array" ref="G2616">IFERROR(INDEX(Jesper!AK$2:AK$366,ROUNDDOWN($C2616/24,0)+1,1)*INDEX($D$3:$AA$30,INDEX(Jesper!$R$2:$R$366,ROW(INDEX(Jesper!AK$2:AK$366,ROUNDDOWN($C2616/24,0)+1,1))-1)+IF('Standard Profiles'!$G$21=$B$10,7,0)+IF('Standard Profiles'!$G$21=$B$17,14,0)+IF('Standard Profiles'!$G$21=$B$24,21,0),MOD($C2616,24)+1)/SUM(INDEX($D$3:$AA$30,INDEX(Jesper!$R$2:$R$366,ROW(INDEX(Jesper!AK$2:AK$366,ROUNDDOWN($C2616/24,0)+1,1))-1)+IF('Standard Profiles'!$G$21=$B$10,7,0)+IF('Standard Profiles'!$G$21=$B$17,14,0)+IF('Standard Profiles'!$G$21=$B$24,21,0),0)),0)</f>
        <v>5.0643904538122619</v>
      </c>
      <c r="H2616" cm="1">
        <f t="array" ref="H2616">IFERROR(INDEX(Jesper!AL$2:AL$366,ROUNDDOWN($C2616/24,0)+1,1)*INDEX($D$3:$AA$30,INDEX(Jesper!$R$2:$R$366,ROW(INDEX(Jesper!AL$2:AL$366,ROUNDDOWN($C2616/24,0)+1,1))-1)+IF('Standard Profiles'!$G$22=$B$10,7,0)+IF('Standard Profiles'!$G$22=$B$17,14,0)+IF('Standard Profiles'!$G$22=$B$24,21,0),MOD($C2616,24)+1)/SUM(INDEX($D$3:$AA$30,INDEX(Jesper!$R$2:$R$366,ROW(INDEX(Jesper!AL$2:AL$366,ROUNDDOWN($C2616/24,0)+1,1))-1)+IF('Standard Profiles'!$G$22=$B$10,7,0)+IF('Standard Profiles'!$G$22=$B$17,14,0)+IF('Standard Profiles'!$G$22=$B$24,21,0),0)),0)</f>
        <v>0</v>
      </c>
      <c r="I2616">
        <f t="shared" si="300"/>
        <v>2.4309074178298844</v>
      </c>
      <c r="J2616">
        <f t="shared" si="301"/>
        <v>57.499256540490549</v>
      </c>
      <c r="K2616">
        <f t="shared" si="302"/>
        <v>3.7182356454928702</v>
      </c>
      <c r="L2616">
        <f t="shared" si="303"/>
        <v>1.8591178227464351</v>
      </c>
      <c r="M2616">
        <f t="shared" si="304"/>
        <v>0</v>
      </c>
      <c r="N2616" s="45">
        <f t="shared" si="305"/>
        <v>45034.583333327071</v>
      </c>
    </row>
    <row r="2617" spans="2:14" x14ac:dyDescent="0.25">
      <c r="B2617">
        <f t="shared" si="299"/>
        <v>2</v>
      </c>
      <c r="C2617" s="16">
        <v>2583</v>
      </c>
      <c r="D2617" cm="1">
        <f t="array" ref="D2617">IFERROR(INDEX(Jesper!AH$2:AH$366,ROUNDDOWN($C2617/24,0)+1,1)*INDEX($D$3:$AA$30,INDEX(Jesper!$R$2:$R$366,ROW(INDEX(Jesper!AH$2:AH$366,ROUNDDOWN($C2617/24,0)+1,1))-1)+IF('Standard Profiles'!$G$18=$B$10,7,0)+IF('Standard Profiles'!$G$18=$B$17,14,0)+IF('Standard Profiles'!$G$18=$B$24,21,0),MOD($C2617,24)+1)/SUM(INDEX($D$3:$AA$30,INDEX(Jesper!$R$2:$R$366,ROW(INDEX(Jesper!AH$2:AH$366,ROUNDDOWN($C2617/24,0)+1,1))-1)+IF('Standard Profiles'!$G$18=$B$10,7,0)+IF('Standard Profiles'!$G$18=$B$17,14,0)+IF('Standard Profiles'!$G$18=$B$24,21,0),0)),0)</f>
        <v>34.858459176495657</v>
      </c>
      <c r="E2617" cm="1">
        <f t="array" ref="E2617">IFERROR(INDEX(Jesper!AI$2:AI$366,ROUNDDOWN($C2617/24,0)+1,1)*INDEX($D$3:$AA$30,INDEX(Jesper!$R$2:$R$366,ROW(INDEX(Jesper!AI$2:AI$366,ROUNDDOWN($C2617/24,0)+1,1))-1)+IF('Standard Profiles'!$G$19=$B$10,7,0)+IF('Standard Profiles'!$G$19=$B$17,14,0)+IF('Standard Profiles'!$G$19=$B$24,21,0),MOD($C2617,24)+1)/SUM(INDEX($D$3:$AA$30,INDEX(Jesper!$R$2:$R$366,ROW(INDEX(Jesper!AI$2:AI$366,ROUNDDOWN($C2617/24,0)+1,1))-1)+IF('Standard Profiles'!$G$19=$B$10,7,0)+IF('Standard Profiles'!$G$19=$B$17,14,0)+IF('Standard Profiles'!$G$19=$B$24,21,0),0)),0)</f>
        <v>25.584667796251814</v>
      </c>
      <c r="F2617" cm="1">
        <f t="array" ref="F2617">IFERROR(INDEX(Jesper!AJ$2:AJ$366,ROUNDDOWN($C2617/24,0)+1,1)*INDEX($D$3:$AA$30,INDEX(Jesper!$R$2:$R$366,ROW(INDEX(Jesper!AJ$2:AJ$366,ROUNDDOWN($C2617/24,0)+1,1))-1)+IF('Standard Profiles'!$G$20=$B$10,7,0)+IF('Standard Profiles'!$G$20=$B$17,14,0)+IF('Standard Profiles'!$G$20=$B$24,21,0),MOD($C2617,24)+1)/SUM(INDEX($D$3:$AA$30,INDEX(Jesper!$R$2:$R$366,ROW(INDEX(Jesper!AJ$2:AJ$366,ROUNDDOWN($C2617/24,0)+1,1))-1)+IF('Standard Profiles'!$G$20=$B$10,7,0)+IF('Standard Profiles'!$G$20=$B$17,14,0)+IF('Standard Profiles'!$G$20=$B$24,21,0),0)),0)</f>
        <v>0</v>
      </c>
      <c r="G2617" cm="1">
        <f t="array" ref="G2617">IFERROR(INDEX(Jesper!AK$2:AK$366,ROUNDDOWN($C2617/24,0)+1,1)*INDEX($D$3:$AA$30,INDEX(Jesper!$R$2:$R$366,ROW(INDEX(Jesper!AK$2:AK$366,ROUNDDOWN($C2617/24,0)+1,1))-1)+IF('Standard Profiles'!$G$21=$B$10,7,0)+IF('Standard Profiles'!$G$21=$B$17,14,0)+IF('Standard Profiles'!$G$21=$B$24,21,0),MOD($C2617,24)+1)/SUM(INDEX($D$3:$AA$30,INDEX(Jesper!$R$2:$R$366,ROW(INDEX(Jesper!AK$2:AK$366,ROUNDDOWN($C2617/24,0)+1,1))-1)+IF('Standard Profiles'!$G$21=$B$10,7,0)+IF('Standard Profiles'!$G$21=$B$17,14,0)+IF('Standard Profiles'!$G$21=$B$24,21,0),0)),0)</f>
        <v>5.0643904538122619</v>
      </c>
      <c r="H2617" cm="1">
        <f t="array" ref="H2617">IFERROR(INDEX(Jesper!AL$2:AL$366,ROUNDDOWN($C2617/24,0)+1,1)*INDEX($D$3:$AA$30,INDEX(Jesper!$R$2:$R$366,ROW(INDEX(Jesper!AL$2:AL$366,ROUNDDOWN($C2617/24,0)+1,1))-1)+IF('Standard Profiles'!$G$22=$B$10,7,0)+IF('Standard Profiles'!$G$22=$B$17,14,0)+IF('Standard Profiles'!$G$22=$B$24,21,0),MOD($C2617,24)+1)/SUM(INDEX($D$3:$AA$30,INDEX(Jesper!$R$2:$R$366,ROW(INDEX(Jesper!AL$2:AL$366,ROUNDDOWN($C2617/24,0)+1,1))-1)+IF('Standard Profiles'!$G$22=$B$10,7,0)+IF('Standard Profiles'!$G$22=$B$17,14,0)+IF('Standard Profiles'!$G$22=$B$24,21,0),0)),0)</f>
        <v>0</v>
      </c>
      <c r="I2617">
        <f t="shared" si="300"/>
        <v>2.4309074178298844</v>
      </c>
      <c r="J2617">
        <f t="shared" si="301"/>
        <v>57.499256540490549</v>
      </c>
      <c r="K2617">
        <f t="shared" si="302"/>
        <v>3.7182356454928702</v>
      </c>
      <c r="L2617">
        <f t="shared" si="303"/>
        <v>1.8591178227464351</v>
      </c>
      <c r="M2617">
        <f t="shared" si="304"/>
        <v>0</v>
      </c>
      <c r="N2617" s="45">
        <f t="shared" si="305"/>
        <v>45034.624999993735</v>
      </c>
    </row>
    <row r="2618" spans="2:14" x14ac:dyDescent="0.25">
      <c r="B2618">
        <f t="shared" si="299"/>
        <v>2</v>
      </c>
      <c r="C2618" s="16">
        <v>2584</v>
      </c>
      <c r="D2618" cm="1">
        <f t="array" ref="D2618">IFERROR(INDEX(Jesper!AH$2:AH$366,ROUNDDOWN($C2618/24,0)+1,1)*INDEX($D$3:$AA$30,INDEX(Jesper!$R$2:$R$366,ROW(INDEX(Jesper!AH$2:AH$366,ROUNDDOWN($C2618/24,0)+1,1))-1)+IF('Standard Profiles'!$G$18=$B$10,7,0)+IF('Standard Profiles'!$G$18=$B$17,14,0)+IF('Standard Profiles'!$G$18=$B$24,21,0),MOD($C2618,24)+1)/SUM(INDEX($D$3:$AA$30,INDEX(Jesper!$R$2:$R$366,ROW(INDEX(Jesper!AH$2:AH$366,ROUNDDOWN($C2618/24,0)+1,1))-1)+IF('Standard Profiles'!$G$18=$B$10,7,0)+IF('Standard Profiles'!$G$18=$B$17,14,0)+IF('Standard Profiles'!$G$18=$B$24,21,0),0)),0)</f>
        <v>20.541592014720656</v>
      </c>
      <c r="E2618" cm="1">
        <f t="array" ref="E2618">IFERROR(INDEX(Jesper!AI$2:AI$366,ROUNDDOWN($C2618/24,0)+1,1)*INDEX($D$3:$AA$30,INDEX(Jesper!$R$2:$R$366,ROW(INDEX(Jesper!AI$2:AI$366,ROUNDDOWN($C2618/24,0)+1,1))-1)+IF('Standard Profiles'!$G$19=$B$10,7,0)+IF('Standard Profiles'!$G$19=$B$17,14,0)+IF('Standard Profiles'!$G$19=$B$24,21,0),MOD($C2618,24)+1)/SUM(INDEX($D$3:$AA$30,INDEX(Jesper!$R$2:$R$366,ROW(INDEX(Jesper!AI$2:AI$366,ROUNDDOWN($C2618/24,0)+1,1))-1)+IF('Standard Profiles'!$G$19=$B$10,7,0)+IF('Standard Profiles'!$G$19=$B$17,14,0)+IF('Standard Profiles'!$G$19=$B$24,21,0),0)),0)</f>
        <v>15.076679237076965</v>
      </c>
      <c r="F2618" cm="1">
        <f t="array" ref="F2618">IFERROR(INDEX(Jesper!AJ$2:AJ$366,ROUNDDOWN($C2618/24,0)+1,1)*INDEX($D$3:$AA$30,INDEX(Jesper!$R$2:$R$366,ROW(INDEX(Jesper!AJ$2:AJ$366,ROUNDDOWN($C2618/24,0)+1,1))-1)+IF('Standard Profiles'!$G$20=$B$10,7,0)+IF('Standard Profiles'!$G$20=$B$17,14,0)+IF('Standard Profiles'!$G$20=$B$24,21,0),MOD($C2618,24)+1)/SUM(INDEX($D$3:$AA$30,INDEX(Jesper!$R$2:$R$366,ROW(INDEX(Jesper!AJ$2:AJ$366,ROUNDDOWN($C2618/24,0)+1,1))-1)+IF('Standard Profiles'!$G$20=$B$10,7,0)+IF('Standard Profiles'!$G$20=$B$17,14,0)+IF('Standard Profiles'!$G$20=$B$24,21,0),0)),0)</f>
        <v>0</v>
      </c>
      <c r="G2618" cm="1">
        <f t="array" ref="G2618">IFERROR(INDEX(Jesper!AK$2:AK$366,ROUNDDOWN($C2618/24,0)+1,1)*INDEX($D$3:$AA$30,INDEX(Jesper!$R$2:$R$366,ROW(INDEX(Jesper!AK$2:AK$366,ROUNDDOWN($C2618/24,0)+1,1))-1)+IF('Standard Profiles'!$G$21=$B$10,7,0)+IF('Standard Profiles'!$G$21=$B$17,14,0)+IF('Standard Profiles'!$G$21=$B$24,21,0),MOD($C2618,24)+1)/SUM(INDEX($D$3:$AA$30,INDEX(Jesper!$R$2:$R$366,ROW(INDEX(Jesper!AK$2:AK$366,ROUNDDOWN($C2618/24,0)+1,1))-1)+IF('Standard Profiles'!$G$21=$B$10,7,0)+IF('Standard Profiles'!$G$21=$B$17,14,0)+IF('Standard Profiles'!$G$21=$B$24,21,0),0)),0)</f>
        <v>4.233153114888669</v>
      </c>
      <c r="H2618" cm="1">
        <f t="array" ref="H2618">IFERROR(INDEX(Jesper!AL$2:AL$366,ROUNDDOWN($C2618/24,0)+1,1)*INDEX($D$3:$AA$30,INDEX(Jesper!$R$2:$R$366,ROW(INDEX(Jesper!AL$2:AL$366,ROUNDDOWN($C2618/24,0)+1,1))-1)+IF('Standard Profiles'!$G$22=$B$10,7,0)+IF('Standard Profiles'!$G$22=$B$17,14,0)+IF('Standard Profiles'!$G$22=$B$24,21,0),MOD($C2618,24)+1)/SUM(INDEX($D$3:$AA$30,INDEX(Jesper!$R$2:$R$366,ROW(INDEX(Jesper!AL$2:AL$366,ROUNDDOWN($C2618/24,0)+1,1))-1)+IF('Standard Profiles'!$G$22=$B$10,7,0)+IF('Standard Profiles'!$G$22=$B$17,14,0)+IF('Standard Profiles'!$G$22=$B$24,21,0),0)),0)</f>
        <v>0</v>
      </c>
      <c r="I2618">
        <f t="shared" si="300"/>
        <v>2.0319134951465601</v>
      </c>
      <c r="J2618">
        <f t="shared" si="301"/>
        <v>34.532856149184425</v>
      </c>
      <c r="K2618">
        <f t="shared" si="302"/>
        <v>2.1911031482368704</v>
      </c>
      <c r="L2618">
        <f t="shared" si="303"/>
        <v>1.0955515741184352</v>
      </c>
      <c r="M2618">
        <f t="shared" si="304"/>
        <v>0</v>
      </c>
      <c r="N2618" s="45">
        <f t="shared" si="305"/>
        <v>45034.6666666604</v>
      </c>
    </row>
    <row r="2619" spans="2:14" x14ac:dyDescent="0.25">
      <c r="B2619">
        <f t="shared" si="299"/>
        <v>2</v>
      </c>
      <c r="C2619" s="16">
        <v>2585</v>
      </c>
      <c r="D2619" cm="1">
        <f t="array" ref="D2619">IFERROR(INDEX(Jesper!AH$2:AH$366,ROUNDDOWN($C2619/24,0)+1,1)*INDEX($D$3:$AA$30,INDEX(Jesper!$R$2:$R$366,ROW(INDEX(Jesper!AH$2:AH$366,ROUNDDOWN($C2619/24,0)+1,1))-1)+IF('Standard Profiles'!$G$18=$B$10,7,0)+IF('Standard Profiles'!$G$18=$B$17,14,0)+IF('Standard Profiles'!$G$18=$B$24,21,0),MOD($C2619,24)+1)/SUM(INDEX($D$3:$AA$30,INDEX(Jesper!$R$2:$R$366,ROW(INDEX(Jesper!AH$2:AH$366,ROUNDDOWN($C2619/24,0)+1,1))-1)+IF('Standard Profiles'!$G$18=$B$10,7,0)+IF('Standard Profiles'!$G$18=$B$17,14,0)+IF('Standard Profiles'!$G$18=$B$24,21,0),0)),0)</f>
        <v>8.7672181027403582</v>
      </c>
      <c r="E2619" cm="1">
        <f t="array" ref="E2619">IFERROR(INDEX(Jesper!AI$2:AI$366,ROUNDDOWN($C2619/24,0)+1,1)*INDEX($D$3:$AA$30,INDEX(Jesper!$R$2:$R$366,ROW(INDEX(Jesper!AI$2:AI$366,ROUNDDOWN($C2619/24,0)+1,1))-1)+IF('Standard Profiles'!$G$19=$B$10,7,0)+IF('Standard Profiles'!$G$19=$B$17,14,0)+IF('Standard Profiles'!$G$19=$B$24,21,0),MOD($C2619,24)+1)/SUM(INDEX($D$3:$AA$30,INDEX(Jesper!$R$2:$R$366,ROW(INDEX(Jesper!AI$2:AI$366,ROUNDDOWN($C2619/24,0)+1,1))-1)+IF('Standard Profiles'!$G$19=$B$10,7,0)+IF('Standard Profiles'!$G$19=$B$17,14,0)+IF('Standard Profiles'!$G$19=$B$24,21,0),0)),0)</f>
        <v>6.4347756026790286</v>
      </c>
      <c r="F2619" cm="1">
        <f t="array" ref="F2619">IFERROR(INDEX(Jesper!AJ$2:AJ$366,ROUNDDOWN($C2619/24,0)+1,1)*INDEX($D$3:$AA$30,INDEX(Jesper!$R$2:$R$366,ROW(INDEX(Jesper!AJ$2:AJ$366,ROUNDDOWN($C2619/24,0)+1,1))-1)+IF('Standard Profiles'!$G$20=$B$10,7,0)+IF('Standard Profiles'!$G$20=$B$17,14,0)+IF('Standard Profiles'!$G$20=$B$24,21,0),MOD($C2619,24)+1)/SUM(INDEX($D$3:$AA$30,INDEX(Jesper!$R$2:$R$366,ROW(INDEX(Jesper!AJ$2:AJ$366,ROUNDDOWN($C2619/24,0)+1,1))-1)+IF('Standard Profiles'!$G$20=$B$10,7,0)+IF('Standard Profiles'!$G$20=$B$17,14,0)+IF('Standard Profiles'!$G$20=$B$24,21,0),0)),0)</f>
        <v>0</v>
      </c>
      <c r="G2619" cm="1">
        <f t="array" ref="G2619">IFERROR(INDEX(Jesper!AK$2:AK$366,ROUNDDOWN($C2619/24,0)+1,1)*INDEX($D$3:$AA$30,INDEX(Jesper!$R$2:$R$366,ROW(INDEX(Jesper!AK$2:AK$366,ROUNDDOWN($C2619/24,0)+1,1))-1)+IF('Standard Profiles'!$G$21=$B$10,7,0)+IF('Standard Profiles'!$G$21=$B$17,14,0)+IF('Standard Profiles'!$G$21=$B$24,21,0),MOD($C2619,24)+1)/SUM(INDEX($D$3:$AA$30,INDEX(Jesper!$R$2:$R$366,ROW(INDEX(Jesper!AK$2:AK$366,ROUNDDOWN($C2619/24,0)+1,1))-1)+IF('Standard Profiles'!$G$21=$B$10,7,0)+IF('Standard Profiles'!$G$21=$B$17,14,0)+IF('Standard Profiles'!$G$21=$B$24,21,0),0)),0)</f>
        <v>3.3634325658297239</v>
      </c>
      <c r="H2619" cm="1">
        <f t="array" ref="H2619">IFERROR(INDEX(Jesper!AL$2:AL$366,ROUNDDOWN($C2619/24,0)+1,1)*INDEX($D$3:$AA$30,INDEX(Jesper!$R$2:$R$366,ROW(INDEX(Jesper!AL$2:AL$366,ROUNDDOWN($C2619/24,0)+1,1))-1)+IF('Standard Profiles'!$G$22=$B$10,7,0)+IF('Standard Profiles'!$G$22=$B$17,14,0)+IF('Standard Profiles'!$G$22=$B$24,21,0),MOD($C2619,24)+1)/SUM(INDEX($D$3:$AA$30,INDEX(Jesper!$R$2:$R$366,ROW(INDEX(Jesper!AL$2:AL$366,ROUNDDOWN($C2619/24,0)+1,1))-1)+IF('Standard Profiles'!$G$22=$B$10,7,0)+IF('Standard Profiles'!$G$22=$B$17,14,0)+IF('Standard Profiles'!$G$22=$B$24,21,0),0)),0)</f>
        <v>0</v>
      </c>
      <c r="I2619">
        <f t="shared" si="300"/>
        <v>1.6144476315982668</v>
      </c>
      <c r="J2619">
        <f t="shared" si="301"/>
        <v>15.548223743212386</v>
      </c>
      <c r="K2619">
        <f t="shared" si="302"/>
        <v>0.93516993095897161</v>
      </c>
      <c r="L2619">
        <f t="shared" si="303"/>
        <v>0.4675849654794858</v>
      </c>
      <c r="M2619">
        <f t="shared" si="304"/>
        <v>0</v>
      </c>
      <c r="N2619" s="45">
        <f t="shared" si="305"/>
        <v>45034.708333327064</v>
      </c>
    </row>
    <row r="2620" spans="2:14" x14ac:dyDescent="0.25">
      <c r="B2620">
        <f t="shared" si="299"/>
        <v>2</v>
      </c>
      <c r="C2620" s="16">
        <v>2586</v>
      </c>
      <c r="D2620" cm="1">
        <f t="array" ref="D2620">IFERROR(INDEX(Jesper!AH$2:AH$366,ROUNDDOWN($C2620/24,0)+1,1)*INDEX($D$3:$AA$30,INDEX(Jesper!$R$2:$R$366,ROW(INDEX(Jesper!AH$2:AH$366,ROUNDDOWN($C2620/24,0)+1,1))-1)+IF('Standard Profiles'!$G$18=$B$10,7,0)+IF('Standard Profiles'!$G$18=$B$17,14,0)+IF('Standard Profiles'!$G$18=$B$24,21,0),MOD($C2620,24)+1)/SUM(INDEX($D$3:$AA$30,INDEX(Jesper!$R$2:$R$366,ROW(INDEX(Jesper!AH$2:AH$366,ROUNDDOWN($C2620/24,0)+1,1))-1)+IF('Standard Profiles'!$G$18=$B$10,7,0)+IF('Standard Profiles'!$G$18=$B$17,14,0)+IF('Standard Profiles'!$G$18=$B$24,21,0),0)),0)</f>
        <v>5.7863639478086357</v>
      </c>
      <c r="E2620" cm="1">
        <f t="array" ref="E2620">IFERROR(INDEX(Jesper!AI$2:AI$366,ROUNDDOWN($C2620/24,0)+1,1)*INDEX($D$3:$AA$30,INDEX(Jesper!$R$2:$R$366,ROW(INDEX(Jesper!AI$2:AI$366,ROUNDDOWN($C2620/24,0)+1,1))-1)+IF('Standard Profiles'!$G$19=$B$10,7,0)+IF('Standard Profiles'!$G$19=$B$17,14,0)+IF('Standard Profiles'!$G$19=$B$24,21,0),MOD($C2620,24)+1)/SUM(INDEX($D$3:$AA$30,INDEX(Jesper!$R$2:$R$366,ROW(INDEX(Jesper!AI$2:AI$366,ROUNDDOWN($C2620/24,0)+1,1))-1)+IF('Standard Profiles'!$G$19=$B$10,7,0)+IF('Standard Profiles'!$G$19=$B$17,14,0)+IF('Standard Profiles'!$G$19=$B$24,21,0),0)),0)</f>
        <v>4.2469518977681586</v>
      </c>
      <c r="F2620" cm="1">
        <f t="array" ref="F2620">IFERROR(INDEX(Jesper!AJ$2:AJ$366,ROUNDDOWN($C2620/24,0)+1,1)*INDEX($D$3:$AA$30,INDEX(Jesper!$R$2:$R$366,ROW(INDEX(Jesper!AJ$2:AJ$366,ROUNDDOWN($C2620/24,0)+1,1))-1)+IF('Standard Profiles'!$G$20=$B$10,7,0)+IF('Standard Profiles'!$G$20=$B$17,14,0)+IF('Standard Profiles'!$G$20=$B$24,21,0),MOD($C2620,24)+1)/SUM(INDEX($D$3:$AA$30,INDEX(Jesper!$R$2:$R$366,ROW(INDEX(Jesper!AJ$2:AJ$366,ROUNDDOWN($C2620/24,0)+1,1))-1)+IF('Standard Profiles'!$G$20=$B$10,7,0)+IF('Standard Profiles'!$G$20=$B$17,14,0)+IF('Standard Profiles'!$G$20=$B$24,21,0),0)),0)</f>
        <v>0</v>
      </c>
      <c r="G2620" cm="1">
        <f t="array" ref="G2620">IFERROR(INDEX(Jesper!AK$2:AK$366,ROUNDDOWN($C2620/24,0)+1,1)*INDEX($D$3:$AA$30,INDEX(Jesper!$R$2:$R$366,ROW(INDEX(Jesper!AK$2:AK$366,ROUNDDOWN($C2620/24,0)+1,1))-1)+IF('Standard Profiles'!$G$21=$B$10,7,0)+IF('Standard Profiles'!$G$21=$B$17,14,0)+IF('Standard Profiles'!$G$21=$B$24,21,0),MOD($C2620,24)+1)/SUM(INDEX($D$3:$AA$30,INDEX(Jesper!$R$2:$R$366,ROW(INDEX(Jesper!AK$2:AK$366,ROUNDDOWN($C2620/24,0)+1,1))-1)+IF('Standard Profiles'!$G$21=$B$10,7,0)+IF('Standard Profiles'!$G$21=$B$17,14,0)+IF('Standard Profiles'!$G$21=$B$24,21,0),0)),0)</f>
        <v>1.1929795141958977</v>
      </c>
      <c r="H2620" cm="1">
        <f t="array" ref="H2620">IFERROR(INDEX(Jesper!AL$2:AL$366,ROUNDDOWN($C2620/24,0)+1,1)*INDEX($D$3:$AA$30,INDEX(Jesper!$R$2:$R$366,ROW(INDEX(Jesper!AL$2:AL$366,ROUNDDOWN($C2620/24,0)+1,1))-1)+IF('Standard Profiles'!$G$22=$B$10,7,0)+IF('Standard Profiles'!$G$22=$B$17,14,0)+IF('Standard Profiles'!$G$22=$B$24,21,0),MOD($C2620,24)+1)/SUM(INDEX($D$3:$AA$30,INDEX(Jesper!$R$2:$R$366,ROW(INDEX(Jesper!AL$2:AL$366,ROUNDDOWN($C2620/24,0)+1,1))-1)+IF('Standard Profiles'!$G$22=$B$10,7,0)+IF('Standard Profiles'!$G$22=$B$17,14,0)+IF('Standard Profiles'!$G$22=$B$24,21,0),0)),0)</f>
        <v>0</v>
      </c>
      <c r="I2620">
        <f t="shared" si="300"/>
        <v>0.57263016681403056</v>
      </c>
      <c r="J2620">
        <f t="shared" si="301"/>
        <v>9.7278469613092788</v>
      </c>
      <c r="K2620">
        <f t="shared" si="302"/>
        <v>0.61721215443292121</v>
      </c>
      <c r="L2620">
        <f t="shared" si="303"/>
        <v>0.30860607721646061</v>
      </c>
      <c r="M2620">
        <f t="shared" si="304"/>
        <v>0</v>
      </c>
      <c r="N2620" s="45">
        <f t="shared" si="305"/>
        <v>45034.749999993728</v>
      </c>
    </row>
    <row r="2621" spans="2:14" x14ac:dyDescent="0.25">
      <c r="B2621">
        <f t="shared" si="299"/>
        <v>2</v>
      </c>
      <c r="C2621" s="16">
        <v>2587</v>
      </c>
      <c r="D2621" cm="1">
        <f t="array" ref="D2621">IFERROR(INDEX(Jesper!AH$2:AH$366,ROUNDDOWN($C2621/24,0)+1,1)*INDEX($D$3:$AA$30,INDEX(Jesper!$R$2:$R$366,ROW(INDEX(Jesper!AH$2:AH$366,ROUNDDOWN($C2621/24,0)+1,1))-1)+IF('Standard Profiles'!$G$18=$B$10,7,0)+IF('Standard Profiles'!$G$18=$B$17,14,0)+IF('Standard Profiles'!$G$18=$B$24,21,0),MOD($C2621,24)+1)/SUM(INDEX($D$3:$AA$30,INDEX(Jesper!$R$2:$R$366,ROW(INDEX(Jesper!AH$2:AH$366,ROUNDDOWN($C2621/24,0)+1,1))-1)+IF('Standard Profiles'!$G$18=$B$10,7,0)+IF('Standard Profiles'!$G$18=$B$17,14,0)+IF('Standard Profiles'!$G$18=$B$24,21,0),0)),0)</f>
        <v>5.7863639478086357</v>
      </c>
      <c r="E2621" cm="1">
        <f t="array" ref="E2621">IFERROR(INDEX(Jesper!AI$2:AI$366,ROUNDDOWN($C2621/24,0)+1,1)*INDEX($D$3:$AA$30,INDEX(Jesper!$R$2:$R$366,ROW(INDEX(Jesper!AI$2:AI$366,ROUNDDOWN($C2621/24,0)+1,1))-1)+IF('Standard Profiles'!$G$19=$B$10,7,0)+IF('Standard Profiles'!$G$19=$B$17,14,0)+IF('Standard Profiles'!$G$19=$B$24,21,0),MOD($C2621,24)+1)/SUM(INDEX($D$3:$AA$30,INDEX(Jesper!$R$2:$R$366,ROW(INDEX(Jesper!AI$2:AI$366,ROUNDDOWN($C2621/24,0)+1,1))-1)+IF('Standard Profiles'!$G$19=$B$10,7,0)+IF('Standard Profiles'!$G$19=$B$17,14,0)+IF('Standard Profiles'!$G$19=$B$24,21,0),0)),0)</f>
        <v>4.2469518977681586</v>
      </c>
      <c r="F2621" cm="1">
        <f t="array" ref="F2621">IFERROR(INDEX(Jesper!AJ$2:AJ$366,ROUNDDOWN($C2621/24,0)+1,1)*INDEX($D$3:$AA$30,INDEX(Jesper!$R$2:$R$366,ROW(INDEX(Jesper!AJ$2:AJ$366,ROUNDDOWN($C2621/24,0)+1,1))-1)+IF('Standard Profiles'!$G$20=$B$10,7,0)+IF('Standard Profiles'!$G$20=$B$17,14,0)+IF('Standard Profiles'!$G$20=$B$24,21,0),MOD($C2621,24)+1)/SUM(INDEX($D$3:$AA$30,INDEX(Jesper!$R$2:$R$366,ROW(INDEX(Jesper!AJ$2:AJ$366,ROUNDDOWN($C2621/24,0)+1,1))-1)+IF('Standard Profiles'!$G$20=$B$10,7,0)+IF('Standard Profiles'!$G$20=$B$17,14,0)+IF('Standard Profiles'!$G$20=$B$24,21,0),0)),0)</f>
        <v>0</v>
      </c>
      <c r="G2621" cm="1">
        <f t="array" ref="G2621">IFERROR(INDEX(Jesper!AK$2:AK$366,ROUNDDOWN($C2621/24,0)+1,1)*INDEX($D$3:$AA$30,INDEX(Jesper!$R$2:$R$366,ROW(INDEX(Jesper!AK$2:AK$366,ROUNDDOWN($C2621/24,0)+1,1))-1)+IF('Standard Profiles'!$G$21=$B$10,7,0)+IF('Standard Profiles'!$G$21=$B$17,14,0)+IF('Standard Profiles'!$G$21=$B$24,21,0),MOD($C2621,24)+1)/SUM(INDEX($D$3:$AA$30,INDEX(Jesper!$R$2:$R$366,ROW(INDEX(Jesper!AK$2:AK$366,ROUNDDOWN($C2621/24,0)+1,1))-1)+IF('Standard Profiles'!$G$21=$B$10,7,0)+IF('Standard Profiles'!$G$21=$B$17,14,0)+IF('Standard Profiles'!$G$21=$B$24,21,0),0)),0)</f>
        <v>1.1929795141958977</v>
      </c>
      <c r="H2621" cm="1">
        <f t="array" ref="H2621">IFERROR(INDEX(Jesper!AL$2:AL$366,ROUNDDOWN($C2621/24,0)+1,1)*INDEX($D$3:$AA$30,INDEX(Jesper!$R$2:$R$366,ROW(INDEX(Jesper!AL$2:AL$366,ROUNDDOWN($C2621/24,0)+1,1))-1)+IF('Standard Profiles'!$G$22=$B$10,7,0)+IF('Standard Profiles'!$G$22=$B$17,14,0)+IF('Standard Profiles'!$G$22=$B$24,21,0),MOD($C2621,24)+1)/SUM(INDEX($D$3:$AA$30,INDEX(Jesper!$R$2:$R$366,ROW(INDEX(Jesper!AL$2:AL$366,ROUNDDOWN($C2621/24,0)+1,1))-1)+IF('Standard Profiles'!$G$22=$B$10,7,0)+IF('Standard Profiles'!$G$22=$B$17,14,0)+IF('Standard Profiles'!$G$22=$B$24,21,0),0)),0)</f>
        <v>0</v>
      </c>
      <c r="I2621">
        <f t="shared" si="300"/>
        <v>0.57263016681403056</v>
      </c>
      <c r="J2621">
        <f t="shared" si="301"/>
        <v>9.7278469613092788</v>
      </c>
      <c r="K2621">
        <f t="shared" si="302"/>
        <v>0.61721215443292121</v>
      </c>
      <c r="L2621">
        <f t="shared" si="303"/>
        <v>0.30860607721646061</v>
      </c>
      <c r="M2621">
        <f t="shared" si="304"/>
        <v>0</v>
      </c>
      <c r="N2621" s="45">
        <f t="shared" si="305"/>
        <v>45034.791666660392</v>
      </c>
    </row>
    <row r="2622" spans="2:14" x14ac:dyDescent="0.25">
      <c r="B2622">
        <f t="shared" si="299"/>
        <v>2</v>
      </c>
      <c r="C2622" s="16">
        <v>2588</v>
      </c>
      <c r="D2622" cm="1">
        <f t="array" ref="D2622">IFERROR(INDEX(Jesper!AH$2:AH$366,ROUNDDOWN($C2622/24,0)+1,1)*INDEX($D$3:$AA$30,INDEX(Jesper!$R$2:$R$366,ROW(INDEX(Jesper!AH$2:AH$366,ROUNDDOWN($C2622/24,0)+1,1))-1)+IF('Standard Profiles'!$G$18=$B$10,7,0)+IF('Standard Profiles'!$G$18=$B$17,14,0)+IF('Standard Profiles'!$G$18=$B$24,21,0),MOD($C2622,24)+1)/SUM(INDEX($D$3:$AA$30,INDEX(Jesper!$R$2:$R$366,ROW(INDEX(Jesper!AH$2:AH$366,ROUNDDOWN($C2622/24,0)+1,1))-1)+IF('Standard Profiles'!$G$18=$B$10,7,0)+IF('Standard Profiles'!$G$18=$B$17,14,0)+IF('Standard Profiles'!$G$18=$B$24,21,0),0)),0)</f>
        <v>5.7863639478086357</v>
      </c>
      <c r="E2622" cm="1">
        <f t="array" ref="E2622">IFERROR(INDEX(Jesper!AI$2:AI$366,ROUNDDOWN($C2622/24,0)+1,1)*INDEX($D$3:$AA$30,INDEX(Jesper!$R$2:$R$366,ROW(INDEX(Jesper!AI$2:AI$366,ROUNDDOWN($C2622/24,0)+1,1))-1)+IF('Standard Profiles'!$G$19=$B$10,7,0)+IF('Standard Profiles'!$G$19=$B$17,14,0)+IF('Standard Profiles'!$G$19=$B$24,21,0),MOD($C2622,24)+1)/SUM(INDEX($D$3:$AA$30,INDEX(Jesper!$R$2:$R$366,ROW(INDEX(Jesper!AI$2:AI$366,ROUNDDOWN($C2622/24,0)+1,1))-1)+IF('Standard Profiles'!$G$19=$B$10,7,0)+IF('Standard Profiles'!$G$19=$B$17,14,0)+IF('Standard Profiles'!$G$19=$B$24,21,0),0)),0)</f>
        <v>4.2469518977681586</v>
      </c>
      <c r="F2622" cm="1">
        <f t="array" ref="F2622">IFERROR(INDEX(Jesper!AJ$2:AJ$366,ROUNDDOWN($C2622/24,0)+1,1)*INDEX($D$3:$AA$30,INDEX(Jesper!$R$2:$R$366,ROW(INDEX(Jesper!AJ$2:AJ$366,ROUNDDOWN($C2622/24,0)+1,1))-1)+IF('Standard Profiles'!$G$20=$B$10,7,0)+IF('Standard Profiles'!$G$20=$B$17,14,0)+IF('Standard Profiles'!$G$20=$B$24,21,0),MOD($C2622,24)+1)/SUM(INDEX($D$3:$AA$30,INDEX(Jesper!$R$2:$R$366,ROW(INDEX(Jesper!AJ$2:AJ$366,ROUNDDOWN($C2622/24,0)+1,1))-1)+IF('Standard Profiles'!$G$20=$B$10,7,0)+IF('Standard Profiles'!$G$20=$B$17,14,0)+IF('Standard Profiles'!$G$20=$B$24,21,0),0)),0)</f>
        <v>0</v>
      </c>
      <c r="G2622" cm="1">
        <f t="array" ref="G2622">IFERROR(INDEX(Jesper!AK$2:AK$366,ROUNDDOWN($C2622/24,0)+1,1)*INDEX($D$3:$AA$30,INDEX(Jesper!$R$2:$R$366,ROW(INDEX(Jesper!AK$2:AK$366,ROUNDDOWN($C2622/24,0)+1,1))-1)+IF('Standard Profiles'!$G$21=$B$10,7,0)+IF('Standard Profiles'!$G$21=$B$17,14,0)+IF('Standard Profiles'!$G$21=$B$24,21,0),MOD($C2622,24)+1)/SUM(INDEX($D$3:$AA$30,INDEX(Jesper!$R$2:$R$366,ROW(INDEX(Jesper!AK$2:AK$366,ROUNDDOWN($C2622/24,0)+1,1))-1)+IF('Standard Profiles'!$G$21=$B$10,7,0)+IF('Standard Profiles'!$G$21=$B$17,14,0)+IF('Standard Profiles'!$G$21=$B$24,21,0),0)),0)</f>
        <v>1.1929795141958977</v>
      </c>
      <c r="H2622" cm="1">
        <f t="array" ref="H2622">IFERROR(INDEX(Jesper!AL$2:AL$366,ROUNDDOWN($C2622/24,0)+1,1)*INDEX($D$3:$AA$30,INDEX(Jesper!$R$2:$R$366,ROW(INDEX(Jesper!AL$2:AL$366,ROUNDDOWN($C2622/24,0)+1,1))-1)+IF('Standard Profiles'!$G$22=$B$10,7,0)+IF('Standard Profiles'!$G$22=$B$17,14,0)+IF('Standard Profiles'!$G$22=$B$24,21,0),MOD($C2622,24)+1)/SUM(INDEX($D$3:$AA$30,INDEX(Jesper!$R$2:$R$366,ROW(INDEX(Jesper!AL$2:AL$366,ROUNDDOWN($C2622/24,0)+1,1))-1)+IF('Standard Profiles'!$G$22=$B$10,7,0)+IF('Standard Profiles'!$G$22=$B$17,14,0)+IF('Standard Profiles'!$G$22=$B$24,21,0),0)),0)</f>
        <v>0</v>
      </c>
      <c r="I2622">
        <f t="shared" si="300"/>
        <v>0.57263016681403056</v>
      </c>
      <c r="J2622">
        <f t="shared" si="301"/>
        <v>9.7278469613092788</v>
      </c>
      <c r="K2622">
        <f t="shared" si="302"/>
        <v>0.61721215443292121</v>
      </c>
      <c r="L2622">
        <f t="shared" si="303"/>
        <v>0.30860607721646061</v>
      </c>
      <c r="M2622">
        <f t="shared" si="304"/>
        <v>0</v>
      </c>
      <c r="N2622" s="45">
        <f t="shared" si="305"/>
        <v>45034.833333327057</v>
      </c>
    </row>
    <row r="2623" spans="2:14" x14ac:dyDescent="0.25">
      <c r="B2623">
        <f t="shared" si="299"/>
        <v>2</v>
      </c>
      <c r="C2623" s="16">
        <v>2589</v>
      </c>
      <c r="D2623" cm="1">
        <f t="array" ref="D2623">IFERROR(INDEX(Jesper!AH$2:AH$366,ROUNDDOWN($C2623/24,0)+1,1)*INDEX($D$3:$AA$30,INDEX(Jesper!$R$2:$R$366,ROW(INDEX(Jesper!AH$2:AH$366,ROUNDDOWN($C2623/24,0)+1,1))-1)+IF('Standard Profiles'!$G$18=$B$10,7,0)+IF('Standard Profiles'!$G$18=$B$17,14,0)+IF('Standard Profiles'!$G$18=$B$24,21,0),MOD($C2623,24)+1)/SUM(INDEX($D$3:$AA$30,INDEX(Jesper!$R$2:$R$366,ROW(INDEX(Jesper!AH$2:AH$366,ROUNDDOWN($C2623/24,0)+1,1))-1)+IF('Standard Profiles'!$G$18=$B$10,7,0)+IF('Standard Profiles'!$G$18=$B$17,14,0)+IF('Standard Profiles'!$G$18=$B$24,21,0),0)),0)</f>
        <v>5.7863639478086357</v>
      </c>
      <c r="E2623" cm="1">
        <f t="array" ref="E2623">IFERROR(INDEX(Jesper!AI$2:AI$366,ROUNDDOWN($C2623/24,0)+1,1)*INDEX($D$3:$AA$30,INDEX(Jesper!$R$2:$R$366,ROW(INDEX(Jesper!AI$2:AI$366,ROUNDDOWN($C2623/24,0)+1,1))-1)+IF('Standard Profiles'!$G$19=$B$10,7,0)+IF('Standard Profiles'!$G$19=$B$17,14,0)+IF('Standard Profiles'!$G$19=$B$24,21,0),MOD($C2623,24)+1)/SUM(INDEX($D$3:$AA$30,INDEX(Jesper!$R$2:$R$366,ROW(INDEX(Jesper!AI$2:AI$366,ROUNDDOWN($C2623/24,0)+1,1))-1)+IF('Standard Profiles'!$G$19=$B$10,7,0)+IF('Standard Profiles'!$G$19=$B$17,14,0)+IF('Standard Profiles'!$G$19=$B$24,21,0),0)),0)</f>
        <v>4.2469518977681586</v>
      </c>
      <c r="F2623" cm="1">
        <f t="array" ref="F2623">IFERROR(INDEX(Jesper!AJ$2:AJ$366,ROUNDDOWN($C2623/24,0)+1,1)*INDEX($D$3:$AA$30,INDEX(Jesper!$R$2:$R$366,ROW(INDEX(Jesper!AJ$2:AJ$366,ROUNDDOWN($C2623/24,0)+1,1))-1)+IF('Standard Profiles'!$G$20=$B$10,7,0)+IF('Standard Profiles'!$G$20=$B$17,14,0)+IF('Standard Profiles'!$G$20=$B$24,21,0),MOD($C2623,24)+1)/SUM(INDEX($D$3:$AA$30,INDEX(Jesper!$R$2:$R$366,ROW(INDEX(Jesper!AJ$2:AJ$366,ROUNDDOWN($C2623/24,0)+1,1))-1)+IF('Standard Profiles'!$G$20=$B$10,7,0)+IF('Standard Profiles'!$G$20=$B$17,14,0)+IF('Standard Profiles'!$G$20=$B$24,21,0),0)),0)</f>
        <v>0</v>
      </c>
      <c r="G2623" cm="1">
        <f t="array" ref="G2623">IFERROR(INDEX(Jesper!AK$2:AK$366,ROUNDDOWN($C2623/24,0)+1,1)*INDEX($D$3:$AA$30,INDEX(Jesper!$R$2:$R$366,ROW(INDEX(Jesper!AK$2:AK$366,ROUNDDOWN($C2623/24,0)+1,1))-1)+IF('Standard Profiles'!$G$21=$B$10,7,0)+IF('Standard Profiles'!$G$21=$B$17,14,0)+IF('Standard Profiles'!$G$21=$B$24,21,0),MOD($C2623,24)+1)/SUM(INDEX($D$3:$AA$30,INDEX(Jesper!$R$2:$R$366,ROW(INDEX(Jesper!AK$2:AK$366,ROUNDDOWN($C2623/24,0)+1,1))-1)+IF('Standard Profiles'!$G$21=$B$10,7,0)+IF('Standard Profiles'!$G$21=$B$17,14,0)+IF('Standard Profiles'!$G$21=$B$24,21,0),0)),0)</f>
        <v>1.1929795141958977</v>
      </c>
      <c r="H2623" cm="1">
        <f t="array" ref="H2623">IFERROR(INDEX(Jesper!AL$2:AL$366,ROUNDDOWN($C2623/24,0)+1,1)*INDEX($D$3:$AA$30,INDEX(Jesper!$R$2:$R$366,ROW(INDEX(Jesper!AL$2:AL$366,ROUNDDOWN($C2623/24,0)+1,1))-1)+IF('Standard Profiles'!$G$22=$B$10,7,0)+IF('Standard Profiles'!$G$22=$B$17,14,0)+IF('Standard Profiles'!$G$22=$B$24,21,0),MOD($C2623,24)+1)/SUM(INDEX($D$3:$AA$30,INDEX(Jesper!$R$2:$R$366,ROW(INDEX(Jesper!AL$2:AL$366,ROUNDDOWN($C2623/24,0)+1,1))-1)+IF('Standard Profiles'!$G$22=$B$10,7,0)+IF('Standard Profiles'!$G$22=$B$17,14,0)+IF('Standard Profiles'!$G$22=$B$24,21,0),0)),0)</f>
        <v>0</v>
      </c>
      <c r="I2623">
        <f t="shared" si="300"/>
        <v>0.57263016681403056</v>
      </c>
      <c r="J2623">
        <f t="shared" si="301"/>
        <v>9.7278469613092788</v>
      </c>
      <c r="K2623">
        <f t="shared" si="302"/>
        <v>0.61721215443292121</v>
      </c>
      <c r="L2623">
        <f t="shared" si="303"/>
        <v>0.30860607721646061</v>
      </c>
      <c r="M2623">
        <f t="shared" si="304"/>
        <v>0</v>
      </c>
      <c r="N2623" s="45">
        <f t="shared" si="305"/>
        <v>45034.874999993721</v>
      </c>
    </row>
    <row r="2624" spans="2:14" x14ac:dyDescent="0.25">
      <c r="B2624">
        <f t="shared" si="299"/>
        <v>2</v>
      </c>
      <c r="C2624" s="16">
        <v>2590</v>
      </c>
      <c r="D2624" cm="1">
        <f t="array" ref="D2624">IFERROR(INDEX(Jesper!AH$2:AH$366,ROUNDDOWN($C2624/24,0)+1,1)*INDEX($D$3:$AA$30,INDEX(Jesper!$R$2:$R$366,ROW(INDEX(Jesper!AH$2:AH$366,ROUNDDOWN($C2624/24,0)+1,1))-1)+IF('Standard Profiles'!$G$18=$B$10,7,0)+IF('Standard Profiles'!$G$18=$B$17,14,0)+IF('Standard Profiles'!$G$18=$B$24,21,0),MOD($C2624,24)+1)/SUM(INDEX($D$3:$AA$30,INDEX(Jesper!$R$2:$R$366,ROW(INDEX(Jesper!AH$2:AH$366,ROUNDDOWN($C2624/24,0)+1,1))-1)+IF('Standard Profiles'!$G$18=$B$10,7,0)+IF('Standard Profiles'!$G$18=$B$17,14,0)+IF('Standard Profiles'!$G$18=$B$24,21,0),0)),0)</f>
        <v>5.7863639478086357</v>
      </c>
      <c r="E2624" cm="1">
        <f t="array" ref="E2624">IFERROR(INDEX(Jesper!AI$2:AI$366,ROUNDDOWN($C2624/24,0)+1,1)*INDEX($D$3:$AA$30,INDEX(Jesper!$R$2:$R$366,ROW(INDEX(Jesper!AI$2:AI$366,ROUNDDOWN($C2624/24,0)+1,1))-1)+IF('Standard Profiles'!$G$19=$B$10,7,0)+IF('Standard Profiles'!$G$19=$B$17,14,0)+IF('Standard Profiles'!$G$19=$B$24,21,0),MOD($C2624,24)+1)/SUM(INDEX($D$3:$AA$30,INDEX(Jesper!$R$2:$R$366,ROW(INDEX(Jesper!AI$2:AI$366,ROUNDDOWN($C2624/24,0)+1,1))-1)+IF('Standard Profiles'!$G$19=$B$10,7,0)+IF('Standard Profiles'!$G$19=$B$17,14,0)+IF('Standard Profiles'!$G$19=$B$24,21,0),0)),0)</f>
        <v>4.2469518977681586</v>
      </c>
      <c r="F2624" cm="1">
        <f t="array" ref="F2624">IFERROR(INDEX(Jesper!AJ$2:AJ$366,ROUNDDOWN($C2624/24,0)+1,1)*INDEX($D$3:$AA$30,INDEX(Jesper!$R$2:$R$366,ROW(INDEX(Jesper!AJ$2:AJ$366,ROUNDDOWN($C2624/24,0)+1,1))-1)+IF('Standard Profiles'!$G$20=$B$10,7,0)+IF('Standard Profiles'!$G$20=$B$17,14,0)+IF('Standard Profiles'!$G$20=$B$24,21,0),MOD($C2624,24)+1)/SUM(INDEX($D$3:$AA$30,INDEX(Jesper!$R$2:$R$366,ROW(INDEX(Jesper!AJ$2:AJ$366,ROUNDDOWN($C2624/24,0)+1,1))-1)+IF('Standard Profiles'!$G$20=$B$10,7,0)+IF('Standard Profiles'!$G$20=$B$17,14,0)+IF('Standard Profiles'!$G$20=$B$24,21,0),0)),0)</f>
        <v>0</v>
      </c>
      <c r="G2624" cm="1">
        <f t="array" ref="G2624">IFERROR(INDEX(Jesper!AK$2:AK$366,ROUNDDOWN($C2624/24,0)+1,1)*INDEX($D$3:$AA$30,INDEX(Jesper!$R$2:$R$366,ROW(INDEX(Jesper!AK$2:AK$366,ROUNDDOWN($C2624/24,0)+1,1))-1)+IF('Standard Profiles'!$G$21=$B$10,7,0)+IF('Standard Profiles'!$G$21=$B$17,14,0)+IF('Standard Profiles'!$G$21=$B$24,21,0),MOD($C2624,24)+1)/SUM(INDEX($D$3:$AA$30,INDEX(Jesper!$R$2:$R$366,ROW(INDEX(Jesper!AK$2:AK$366,ROUNDDOWN($C2624/24,0)+1,1))-1)+IF('Standard Profiles'!$G$21=$B$10,7,0)+IF('Standard Profiles'!$G$21=$B$17,14,0)+IF('Standard Profiles'!$G$21=$B$24,21,0),0)),0)</f>
        <v>1.1929795141958977</v>
      </c>
      <c r="H2624" cm="1">
        <f t="array" ref="H2624">IFERROR(INDEX(Jesper!AL$2:AL$366,ROUNDDOWN($C2624/24,0)+1,1)*INDEX($D$3:$AA$30,INDEX(Jesper!$R$2:$R$366,ROW(INDEX(Jesper!AL$2:AL$366,ROUNDDOWN($C2624/24,0)+1,1))-1)+IF('Standard Profiles'!$G$22=$B$10,7,0)+IF('Standard Profiles'!$G$22=$B$17,14,0)+IF('Standard Profiles'!$G$22=$B$24,21,0),MOD($C2624,24)+1)/SUM(INDEX($D$3:$AA$30,INDEX(Jesper!$R$2:$R$366,ROW(INDEX(Jesper!AL$2:AL$366,ROUNDDOWN($C2624/24,0)+1,1))-1)+IF('Standard Profiles'!$G$22=$B$10,7,0)+IF('Standard Profiles'!$G$22=$B$17,14,0)+IF('Standard Profiles'!$G$22=$B$24,21,0),0)),0)</f>
        <v>0</v>
      </c>
      <c r="I2624">
        <f t="shared" si="300"/>
        <v>0.57263016681403056</v>
      </c>
      <c r="J2624">
        <f t="shared" si="301"/>
        <v>9.7278469613092788</v>
      </c>
      <c r="K2624">
        <f t="shared" si="302"/>
        <v>0.61721215443292121</v>
      </c>
      <c r="L2624">
        <f t="shared" si="303"/>
        <v>0.30860607721646061</v>
      </c>
      <c r="M2624">
        <f t="shared" si="304"/>
        <v>0</v>
      </c>
      <c r="N2624" s="45">
        <f t="shared" si="305"/>
        <v>45034.916666660385</v>
      </c>
    </row>
    <row r="2625" spans="2:14" x14ac:dyDescent="0.25">
      <c r="B2625">
        <f t="shared" si="299"/>
        <v>2</v>
      </c>
      <c r="C2625" s="16">
        <v>2591</v>
      </c>
      <c r="D2625" cm="1">
        <f t="array" ref="D2625">IFERROR(INDEX(Jesper!AH$2:AH$366,ROUNDDOWN($C2625/24,0)+1,1)*INDEX($D$3:$AA$30,INDEX(Jesper!$R$2:$R$366,ROW(INDEX(Jesper!AH$2:AH$366,ROUNDDOWN($C2625/24,0)+1,1))-1)+IF('Standard Profiles'!$G$18=$B$10,7,0)+IF('Standard Profiles'!$G$18=$B$17,14,0)+IF('Standard Profiles'!$G$18=$B$24,21,0),MOD($C2625,24)+1)/SUM(INDEX($D$3:$AA$30,INDEX(Jesper!$R$2:$R$366,ROW(INDEX(Jesper!AH$2:AH$366,ROUNDDOWN($C2625/24,0)+1,1))-1)+IF('Standard Profiles'!$G$18=$B$10,7,0)+IF('Standard Profiles'!$G$18=$B$17,14,0)+IF('Standard Profiles'!$G$18=$B$24,21,0),0)),0)</f>
        <v>5.7863639478086357</v>
      </c>
      <c r="E2625" cm="1">
        <f t="array" ref="E2625">IFERROR(INDEX(Jesper!AI$2:AI$366,ROUNDDOWN($C2625/24,0)+1,1)*INDEX($D$3:$AA$30,INDEX(Jesper!$R$2:$R$366,ROW(INDEX(Jesper!AI$2:AI$366,ROUNDDOWN($C2625/24,0)+1,1))-1)+IF('Standard Profiles'!$G$19=$B$10,7,0)+IF('Standard Profiles'!$G$19=$B$17,14,0)+IF('Standard Profiles'!$G$19=$B$24,21,0),MOD($C2625,24)+1)/SUM(INDEX($D$3:$AA$30,INDEX(Jesper!$R$2:$R$366,ROW(INDEX(Jesper!AI$2:AI$366,ROUNDDOWN($C2625/24,0)+1,1))-1)+IF('Standard Profiles'!$G$19=$B$10,7,0)+IF('Standard Profiles'!$G$19=$B$17,14,0)+IF('Standard Profiles'!$G$19=$B$24,21,0),0)),0)</f>
        <v>4.2469518977681586</v>
      </c>
      <c r="F2625" cm="1">
        <f t="array" ref="F2625">IFERROR(INDEX(Jesper!AJ$2:AJ$366,ROUNDDOWN($C2625/24,0)+1,1)*INDEX($D$3:$AA$30,INDEX(Jesper!$R$2:$R$366,ROW(INDEX(Jesper!AJ$2:AJ$366,ROUNDDOWN($C2625/24,0)+1,1))-1)+IF('Standard Profiles'!$G$20=$B$10,7,0)+IF('Standard Profiles'!$G$20=$B$17,14,0)+IF('Standard Profiles'!$G$20=$B$24,21,0),MOD($C2625,24)+1)/SUM(INDEX($D$3:$AA$30,INDEX(Jesper!$R$2:$R$366,ROW(INDEX(Jesper!AJ$2:AJ$366,ROUNDDOWN($C2625/24,0)+1,1))-1)+IF('Standard Profiles'!$G$20=$B$10,7,0)+IF('Standard Profiles'!$G$20=$B$17,14,0)+IF('Standard Profiles'!$G$20=$B$24,21,0),0)),0)</f>
        <v>0</v>
      </c>
      <c r="G2625" cm="1">
        <f t="array" ref="G2625">IFERROR(INDEX(Jesper!AK$2:AK$366,ROUNDDOWN($C2625/24,0)+1,1)*INDEX($D$3:$AA$30,INDEX(Jesper!$R$2:$R$366,ROW(INDEX(Jesper!AK$2:AK$366,ROUNDDOWN($C2625/24,0)+1,1))-1)+IF('Standard Profiles'!$G$21=$B$10,7,0)+IF('Standard Profiles'!$G$21=$B$17,14,0)+IF('Standard Profiles'!$G$21=$B$24,21,0),MOD($C2625,24)+1)/SUM(INDEX($D$3:$AA$30,INDEX(Jesper!$R$2:$R$366,ROW(INDEX(Jesper!AK$2:AK$366,ROUNDDOWN($C2625/24,0)+1,1))-1)+IF('Standard Profiles'!$G$21=$B$10,7,0)+IF('Standard Profiles'!$G$21=$B$17,14,0)+IF('Standard Profiles'!$G$21=$B$24,21,0),0)),0)</f>
        <v>1.1929795141958977</v>
      </c>
      <c r="H2625" cm="1">
        <f t="array" ref="H2625">IFERROR(INDEX(Jesper!AL$2:AL$366,ROUNDDOWN($C2625/24,0)+1,1)*INDEX($D$3:$AA$30,INDEX(Jesper!$R$2:$R$366,ROW(INDEX(Jesper!AL$2:AL$366,ROUNDDOWN($C2625/24,0)+1,1))-1)+IF('Standard Profiles'!$G$22=$B$10,7,0)+IF('Standard Profiles'!$G$22=$B$17,14,0)+IF('Standard Profiles'!$G$22=$B$24,21,0),MOD($C2625,24)+1)/SUM(INDEX($D$3:$AA$30,INDEX(Jesper!$R$2:$R$366,ROW(INDEX(Jesper!AL$2:AL$366,ROUNDDOWN($C2625/24,0)+1,1))-1)+IF('Standard Profiles'!$G$22=$B$10,7,0)+IF('Standard Profiles'!$G$22=$B$17,14,0)+IF('Standard Profiles'!$G$22=$B$24,21,0),0)),0)</f>
        <v>0</v>
      </c>
      <c r="I2625">
        <f t="shared" si="300"/>
        <v>0.57263016681403056</v>
      </c>
      <c r="J2625">
        <f t="shared" si="301"/>
        <v>9.7278469613092788</v>
      </c>
      <c r="K2625">
        <f t="shared" si="302"/>
        <v>0.61721215443292121</v>
      </c>
      <c r="L2625">
        <f t="shared" si="303"/>
        <v>0.30860607721646061</v>
      </c>
      <c r="M2625">
        <f t="shared" si="304"/>
        <v>0</v>
      </c>
      <c r="N2625" s="45">
        <f t="shared" si="305"/>
        <v>45034.958333327049</v>
      </c>
    </row>
    <row r="2626" spans="2:14" x14ac:dyDescent="0.25">
      <c r="B2626">
        <f t="shared" si="299"/>
        <v>3</v>
      </c>
      <c r="C2626" s="16">
        <v>2592</v>
      </c>
      <c r="D2626" cm="1">
        <f t="array" ref="D2626">IFERROR(INDEX(Jesper!AH$2:AH$366,ROUNDDOWN($C2626/24,0)+1,1)*INDEX($D$3:$AA$30,INDEX(Jesper!$R$2:$R$366,ROW(INDEX(Jesper!AH$2:AH$366,ROUNDDOWN($C2626/24,0)+1,1))-1)+IF('Standard Profiles'!$G$18=$B$10,7,0)+IF('Standard Profiles'!$G$18=$B$17,14,0)+IF('Standard Profiles'!$G$18=$B$24,21,0),MOD($C2626,24)+1)/SUM(INDEX($D$3:$AA$30,INDEX(Jesper!$R$2:$R$366,ROW(INDEX(Jesper!AH$2:AH$366,ROUNDDOWN($C2626/24,0)+1,1))-1)+IF('Standard Profiles'!$G$18=$B$10,7,0)+IF('Standard Profiles'!$G$18=$B$17,14,0)+IF('Standard Profiles'!$G$18=$B$24,21,0),0)),0)</f>
        <v>5.8133074000731746</v>
      </c>
      <c r="E2626" cm="1">
        <f t="array" ref="E2626">IFERROR(INDEX(Jesper!AI$2:AI$366,ROUNDDOWN($C2626/24,0)+1,1)*INDEX($D$3:$AA$30,INDEX(Jesper!$R$2:$R$366,ROW(INDEX(Jesper!AI$2:AI$366,ROUNDDOWN($C2626/24,0)+1,1))-1)+IF('Standard Profiles'!$G$19=$B$10,7,0)+IF('Standard Profiles'!$G$19=$B$17,14,0)+IF('Standard Profiles'!$G$19=$B$24,21,0),MOD($C2626,24)+1)/SUM(INDEX($D$3:$AA$30,INDEX(Jesper!$R$2:$R$366,ROW(INDEX(Jesper!AI$2:AI$366,ROUNDDOWN($C2626/24,0)+1,1))-1)+IF('Standard Profiles'!$G$19=$B$10,7,0)+IF('Standard Profiles'!$G$19=$B$17,14,0)+IF('Standard Profiles'!$G$19=$B$24,21,0),0)),0)</f>
        <v>4.8372272265198264</v>
      </c>
      <c r="F2626" cm="1">
        <f t="array" ref="F2626">IFERROR(INDEX(Jesper!AJ$2:AJ$366,ROUNDDOWN($C2626/24,0)+1,1)*INDEX($D$3:$AA$30,INDEX(Jesper!$R$2:$R$366,ROW(INDEX(Jesper!AJ$2:AJ$366,ROUNDDOWN($C2626/24,0)+1,1))-1)+IF('Standard Profiles'!$G$20=$B$10,7,0)+IF('Standard Profiles'!$G$20=$B$17,14,0)+IF('Standard Profiles'!$G$20=$B$24,21,0),MOD($C2626,24)+1)/SUM(INDEX($D$3:$AA$30,INDEX(Jesper!$R$2:$R$366,ROW(INDEX(Jesper!AJ$2:AJ$366,ROUNDDOWN($C2626/24,0)+1,1))-1)+IF('Standard Profiles'!$G$20=$B$10,7,0)+IF('Standard Profiles'!$G$20=$B$17,14,0)+IF('Standard Profiles'!$G$20=$B$24,21,0),0)),0)</f>
        <v>0</v>
      </c>
      <c r="G2626" cm="1">
        <f t="array" ref="G2626">IFERROR(INDEX(Jesper!AK$2:AK$366,ROUNDDOWN($C2626/24,0)+1,1)*INDEX($D$3:$AA$30,INDEX(Jesper!$R$2:$R$366,ROW(INDEX(Jesper!AK$2:AK$366,ROUNDDOWN($C2626/24,0)+1,1))-1)+IF('Standard Profiles'!$G$21=$B$10,7,0)+IF('Standard Profiles'!$G$21=$B$17,14,0)+IF('Standard Profiles'!$G$21=$B$24,21,0),MOD($C2626,24)+1)/SUM(INDEX($D$3:$AA$30,INDEX(Jesper!$R$2:$R$366,ROW(INDEX(Jesper!AK$2:AK$366,ROUNDDOWN($C2626/24,0)+1,1))-1)+IF('Standard Profiles'!$G$21=$B$10,7,0)+IF('Standard Profiles'!$G$21=$B$17,14,0)+IF('Standard Profiles'!$G$21=$B$24,21,0),0)),0)</f>
        <v>2.8532376345698189</v>
      </c>
      <c r="H2626" cm="1">
        <f t="array" ref="H2626">IFERROR(INDEX(Jesper!AL$2:AL$366,ROUNDDOWN($C2626/24,0)+1,1)*INDEX($D$3:$AA$30,INDEX(Jesper!$R$2:$R$366,ROW(INDEX(Jesper!AL$2:AL$366,ROUNDDOWN($C2626/24,0)+1,1))-1)+IF('Standard Profiles'!$G$22=$B$10,7,0)+IF('Standard Profiles'!$G$22=$B$17,14,0)+IF('Standard Profiles'!$G$22=$B$24,21,0),MOD($C2626,24)+1)/SUM(INDEX($D$3:$AA$30,INDEX(Jesper!$R$2:$R$366,ROW(INDEX(Jesper!AL$2:AL$366,ROUNDDOWN($C2626/24,0)+1,1))-1)+IF('Standard Profiles'!$G$22=$B$10,7,0)+IF('Standard Profiles'!$G$22=$B$17,14,0)+IF('Standard Profiles'!$G$22=$B$24,21,0),0)),0)</f>
        <v>0</v>
      </c>
      <c r="I2626">
        <f t="shared" si="300"/>
        <v>1.3695540645935125</v>
      </c>
      <c r="J2626">
        <f t="shared" si="301"/>
        <v>11.204089012557599</v>
      </c>
      <c r="K2626">
        <f t="shared" si="302"/>
        <v>0.62008612267447205</v>
      </c>
      <c r="L2626">
        <f t="shared" si="303"/>
        <v>0.31004306133723603</v>
      </c>
      <c r="M2626">
        <f t="shared" si="304"/>
        <v>0</v>
      </c>
      <c r="N2626" s="45">
        <f t="shared" si="305"/>
        <v>45034.999999993714</v>
      </c>
    </row>
    <row r="2627" spans="2:14" x14ac:dyDescent="0.25">
      <c r="B2627">
        <f t="shared" si="299"/>
        <v>3</v>
      </c>
      <c r="C2627" s="16">
        <v>2593</v>
      </c>
      <c r="D2627" cm="1">
        <f t="array" ref="D2627">IFERROR(INDEX(Jesper!AH$2:AH$366,ROUNDDOWN($C2627/24,0)+1,1)*INDEX($D$3:$AA$30,INDEX(Jesper!$R$2:$R$366,ROW(INDEX(Jesper!AH$2:AH$366,ROUNDDOWN($C2627/24,0)+1,1))-1)+IF('Standard Profiles'!$G$18=$B$10,7,0)+IF('Standard Profiles'!$G$18=$B$17,14,0)+IF('Standard Profiles'!$G$18=$B$24,21,0),MOD($C2627,24)+1)/SUM(INDEX($D$3:$AA$30,INDEX(Jesper!$R$2:$R$366,ROW(INDEX(Jesper!AH$2:AH$366,ROUNDDOWN($C2627/24,0)+1,1))-1)+IF('Standard Profiles'!$G$18=$B$10,7,0)+IF('Standard Profiles'!$G$18=$B$17,14,0)+IF('Standard Profiles'!$G$18=$B$24,21,0),0)),0)</f>
        <v>5.8133074000731746</v>
      </c>
      <c r="E2627" cm="1">
        <f t="array" ref="E2627">IFERROR(INDEX(Jesper!AI$2:AI$366,ROUNDDOWN($C2627/24,0)+1,1)*INDEX($D$3:$AA$30,INDEX(Jesper!$R$2:$R$366,ROW(INDEX(Jesper!AI$2:AI$366,ROUNDDOWN($C2627/24,0)+1,1))-1)+IF('Standard Profiles'!$G$19=$B$10,7,0)+IF('Standard Profiles'!$G$19=$B$17,14,0)+IF('Standard Profiles'!$G$19=$B$24,21,0),MOD($C2627,24)+1)/SUM(INDEX($D$3:$AA$30,INDEX(Jesper!$R$2:$R$366,ROW(INDEX(Jesper!AI$2:AI$366,ROUNDDOWN($C2627/24,0)+1,1))-1)+IF('Standard Profiles'!$G$19=$B$10,7,0)+IF('Standard Profiles'!$G$19=$B$17,14,0)+IF('Standard Profiles'!$G$19=$B$24,21,0),0)),0)</f>
        <v>4.8372272265198264</v>
      </c>
      <c r="F2627" cm="1">
        <f t="array" ref="F2627">IFERROR(INDEX(Jesper!AJ$2:AJ$366,ROUNDDOWN($C2627/24,0)+1,1)*INDEX($D$3:$AA$30,INDEX(Jesper!$R$2:$R$366,ROW(INDEX(Jesper!AJ$2:AJ$366,ROUNDDOWN($C2627/24,0)+1,1))-1)+IF('Standard Profiles'!$G$20=$B$10,7,0)+IF('Standard Profiles'!$G$20=$B$17,14,0)+IF('Standard Profiles'!$G$20=$B$24,21,0),MOD($C2627,24)+1)/SUM(INDEX($D$3:$AA$30,INDEX(Jesper!$R$2:$R$366,ROW(INDEX(Jesper!AJ$2:AJ$366,ROUNDDOWN($C2627/24,0)+1,1))-1)+IF('Standard Profiles'!$G$20=$B$10,7,0)+IF('Standard Profiles'!$G$20=$B$17,14,0)+IF('Standard Profiles'!$G$20=$B$24,21,0),0)),0)</f>
        <v>0</v>
      </c>
      <c r="G2627" cm="1">
        <f t="array" ref="G2627">IFERROR(INDEX(Jesper!AK$2:AK$366,ROUNDDOWN($C2627/24,0)+1,1)*INDEX($D$3:$AA$30,INDEX(Jesper!$R$2:$R$366,ROW(INDEX(Jesper!AK$2:AK$366,ROUNDDOWN($C2627/24,0)+1,1))-1)+IF('Standard Profiles'!$G$21=$B$10,7,0)+IF('Standard Profiles'!$G$21=$B$17,14,0)+IF('Standard Profiles'!$G$21=$B$24,21,0),MOD($C2627,24)+1)/SUM(INDEX($D$3:$AA$30,INDEX(Jesper!$R$2:$R$366,ROW(INDEX(Jesper!AK$2:AK$366,ROUNDDOWN($C2627/24,0)+1,1))-1)+IF('Standard Profiles'!$G$21=$B$10,7,0)+IF('Standard Profiles'!$G$21=$B$17,14,0)+IF('Standard Profiles'!$G$21=$B$24,21,0),0)),0)</f>
        <v>2.8532376345698189</v>
      </c>
      <c r="H2627" cm="1">
        <f t="array" ref="H2627">IFERROR(INDEX(Jesper!AL$2:AL$366,ROUNDDOWN($C2627/24,0)+1,1)*INDEX($D$3:$AA$30,INDEX(Jesper!$R$2:$R$366,ROW(INDEX(Jesper!AL$2:AL$366,ROUNDDOWN($C2627/24,0)+1,1))-1)+IF('Standard Profiles'!$G$22=$B$10,7,0)+IF('Standard Profiles'!$G$22=$B$17,14,0)+IF('Standard Profiles'!$G$22=$B$24,21,0),MOD($C2627,24)+1)/SUM(INDEX($D$3:$AA$30,INDEX(Jesper!$R$2:$R$366,ROW(INDEX(Jesper!AL$2:AL$366,ROUNDDOWN($C2627/24,0)+1,1))-1)+IF('Standard Profiles'!$G$22=$B$10,7,0)+IF('Standard Profiles'!$G$22=$B$17,14,0)+IF('Standard Profiles'!$G$22=$B$24,21,0),0)),0)</f>
        <v>0</v>
      </c>
      <c r="I2627">
        <f t="shared" si="300"/>
        <v>1.3695540645935125</v>
      </c>
      <c r="J2627">
        <f t="shared" si="301"/>
        <v>11.204089012557599</v>
      </c>
      <c r="K2627">
        <f t="shared" si="302"/>
        <v>0.62008612267447205</v>
      </c>
      <c r="L2627">
        <f t="shared" si="303"/>
        <v>0.31004306133723603</v>
      </c>
      <c r="M2627">
        <f t="shared" si="304"/>
        <v>0</v>
      </c>
      <c r="N2627" s="45">
        <f t="shared" si="305"/>
        <v>45035.041666660378</v>
      </c>
    </row>
    <row r="2628" spans="2:14" x14ac:dyDescent="0.25">
      <c r="B2628">
        <f t="shared" si="299"/>
        <v>3</v>
      </c>
      <c r="C2628" s="16">
        <v>2594</v>
      </c>
      <c r="D2628" cm="1">
        <f t="array" ref="D2628">IFERROR(INDEX(Jesper!AH$2:AH$366,ROUNDDOWN($C2628/24,0)+1,1)*INDEX($D$3:$AA$30,INDEX(Jesper!$R$2:$R$366,ROW(INDEX(Jesper!AH$2:AH$366,ROUNDDOWN($C2628/24,0)+1,1))-1)+IF('Standard Profiles'!$G$18=$B$10,7,0)+IF('Standard Profiles'!$G$18=$B$17,14,0)+IF('Standard Profiles'!$G$18=$B$24,21,0),MOD($C2628,24)+1)/SUM(INDEX($D$3:$AA$30,INDEX(Jesper!$R$2:$R$366,ROW(INDEX(Jesper!AH$2:AH$366,ROUNDDOWN($C2628/24,0)+1,1))-1)+IF('Standard Profiles'!$G$18=$B$10,7,0)+IF('Standard Profiles'!$G$18=$B$17,14,0)+IF('Standard Profiles'!$G$18=$B$24,21,0),0)),0)</f>
        <v>5.8133074000731746</v>
      </c>
      <c r="E2628" cm="1">
        <f t="array" ref="E2628">IFERROR(INDEX(Jesper!AI$2:AI$366,ROUNDDOWN($C2628/24,0)+1,1)*INDEX($D$3:$AA$30,INDEX(Jesper!$R$2:$R$366,ROW(INDEX(Jesper!AI$2:AI$366,ROUNDDOWN($C2628/24,0)+1,1))-1)+IF('Standard Profiles'!$G$19=$B$10,7,0)+IF('Standard Profiles'!$G$19=$B$17,14,0)+IF('Standard Profiles'!$G$19=$B$24,21,0),MOD($C2628,24)+1)/SUM(INDEX($D$3:$AA$30,INDEX(Jesper!$R$2:$R$366,ROW(INDEX(Jesper!AI$2:AI$366,ROUNDDOWN($C2628/24,0)+1,1))-1)+IF('Standard Profiles'!$G$19=$B$10,7,0)+IF('Standard Profiles'!$G$19=$B$17,14,0)+IF('Standard Profiles'!$G$19=$B$24,21,0),0)),0)</f>
        <v>4.8372272265198264</v>
      </c>
      <c r="F2628" cm="1">
        <f t="array" ref="F2628">IFERROR(INDEX(Jesper!AJ$2:AJ$366,ROUNDDOWN($C2628/24,0)+1,1)*INDEX($D$3:$AA$30,INDEX(Jesper!$R$2:$R$366,ROW(INDEX(Jesper!AJ$2:AJ$366,ROUNDDOWN($C2628/24,0)+1,1))-1)+IF('Standard Profiles'!$G$20=$B$10,7,0)+IF('Standard Profiles'!$G$20=$B$17,14,0)+IF('Standard Profiles'!$G$20=$B$24,21,0),MOD($C2628,24)+1)/SUM(INDEX($D$3:$AA$30,INDEX(Jesper!$R$2:$R$366,ROW(INDEX(Jesper!AJ$2:AJ$366,ROUNDDOWN($C2628/24,0)+1,1))-1)+IF('Standard Profiles'!$G$20=$B$10,7,0)+IF('Standard Profiles'!$G$20=$B$17,14,0)+IF('Standard Profiles'!$G$20=$B$24,21,0),0)),0)</f>
        <v>0</v>
      </c>
      <c r="G2628" cm="1">
        <f t="array" ref="G2628">IFERROR(INDEX(Jesper!AK$2:AK$366,ROUNDDOWN($C2628/24,0)+1,1)*INDEX($D$3:$AA$30,INDEX(Jesper!$R$2:$R$366,ROW(INDEX(Jesper!AK$2:AK$366,ROUNDDOWN($C2628/24,0)+1,1))-1)+IF('Standard Profiles'!$G$21=$B$10,7,0)+IF('Standard Profiles'!$G$21=$B$17,14,0)+IF('Standard Profiles'!$G$21=$B$24,21,0),MOD($C2628,24)+1)/SUM(INDEX($D$3:$AA$30,INDEX(Jesper!$R$2:$R$366,ROW(INDEX(Jesper!AK$2:AK$366,ROUNDDOWN($C2628/24,0)+1,1))-1)+IF('Standard Profiles'!$G$21=$B$10,7,0)+IF('Standard Profiles'!$G$21=$B$17,14,0)+IF('Standard Profiles'!$G$21=$B$24,21,0),0)),0)</f>
        <v>2.8532376345698189</v>
      </c>
      <c r="H2628" cm="1">
        <f t="array" ref="H2628">IFERROR(INDEX(Jesper!AL$2:AL$366,ROUNDDOWN($C2628/24,0)+1,1)*INDEX($D$3:$AA$30,INDEX(Jesper!$R$2:$R$366,ROW(INDEX(Jesper!AL$2:AL$366,ROUNDDOWN($C2628/24,0)+1,1))-1)+IF('Standard Profiles'!$G$22=$B$10,7,0)+IF('Standard Profiles'!$G$22=$B$17,14,0)+IF('Standard Profiles'!$G$22=$B$24,21,0),MOD($C2628,24)+1)/SUM(INDEX($D$3:$AA$30,INDEX(Jesper!$R$2:$R$366,ROW(INDEX(Jesper!AL$2:AL$366,ROUNDDOWN($C2628/24,0)+1,1))-1)+IF('Standard Profiles'!$G$22=$B$10,7,0)+IF('Standard Profiles'!$G$22=$B$17,14,0)+IF('Standard Profiles'!$G$22=$B$24,21,0),0)),0)</f>
        <v>0</v>
      </c>
      <c r="I2628">
        <f t="shared" si="300"/>
        <v>1.3695540645935125</v>
      </c>
      <c r="J2628">
        <f t="shared" si="301"/>
        <v>11.204089012557599</v>
      </c>
      <c r="K2628">
        <f t="shared" si="302"/>
        <v>0.62008612267447205</v>
      </c>
      <c r="L2628">
        <f t="shared" si="303"/>
        <v>0.31004306133723603</v>
      </c>
      <c r="M2628">
        <f t="shared" si="304"/>
        <v>0</v>
      </c>
      <c r="N2628" s="45">
        <f t="shared" si="305"/>
        <v>45035.083333327042</v>
      </c>
    </row>
    <row r="2629" spans="2:14" x14ac:dyDescent="0.25">
      <c r="B2629">
        <f t="shared" si="299"/>
        <v>3</v>
      </c>
      <c r="C2629" s="16">
        <v>2595</v>
      </c>
      <c r="D2629" cm="1">
        <f t="array" ref="D2629">IFERROR(INDEX(Jesper!AH$2:AH$366,ROUNDDOWN($C2629/24,0)+1,1)*INDEX($D$3:$AA$30,INDEX(Jesper!$R$2:$R$366,ROW(INDEX(Jesper!AH$2:AH$366,ROUNDDOWN($C2629/24,0)+1,1))-1)+IF('Standard Profiles'!$G$18=$B$10,7,0)+IF('Standard Profiles'!$G$18=$B$17,14,0)+IF('Standard Profiles'!$G$18=$B$24,21,0),MOD($C2629,24)+1)/SUM(INDEX($D$3:$AA$30,INDEX(Jesper!$R$2:$R$366,ROW(INDEX(Jesper!AH$2:AH$366,ROUNDDOWN($C2629/24,0)+1,1))-1)+IF('Standard Profiles'!$G$18=$B$10,7,0)+IF('Standard Profiles'!$G$18=$B$17,14,0)+IF('Standard Profiles'!$G$18=$B$24,21,0),0)),0)</f>
        <v>5.8133074000731746</v>
      </c>
      <c r="E2629" cm="1">
        <f t="array" ref="E2629">IFERROR(INDEX(Jesper!AI$2:AI$366,ROUNDDOWN($C2629/24,0)+1,1)*INDEX($D$3:$AA$30,INDEX(Jesper!$R$2:$R$366,ROW(INDEX(Jesper!AI$2:AI$366,ROUNDDOWN($C2629/24,0)+1,1))-1)+IF('Standard Profiles'!$G$19=$B$10,7,0)+IF('Standard Profiles'!$G$19=$B$17,14,0)+IF('Standard Profiles'!$G$19=$B$24,21,0),MOD($C2629,24)+1)/SUM(INDEX($D$3:$AA$30,INDEX(Jesper!$R$2:$R$366,ROW(INDEX(Jesper!AI$2:AI$366,ROUNDDOWN($C2629/24,0)+1,1))-1)+IF('Standard Profiles'!$G$19=$B$10,7,0)+IF('Standard Profiles'!$G$19=$B$17,14,0)+IF('Standard Profiles'!$G$19=$B$24,21,0),0)),0)</f>
        <v>4.8372272265198264</v>
      </c>
      <c r="F2629" cm="1">
        <f t="array" ref="F2629">IFERROR(INDEX(Jesper!AJ$2:AJ$366,ROUNDDOWN($C2629/24,0)+1,1)*INDEX($D$3:$AA$30,INDEX(Jesper!$R$2:$R$366,ROW(INDEX(Jesper!AJ$2:AJ$366,ROUNDDOWN($C2629/24,0)+1,1))-1)+IF('Standard Profiles'!$G$20=$B$10,7,0)+IF('Standard Profiles'!$G$20=$B$17,14,0)+IF('Standard Profiles'!$G$20=$B$24,21,0),MOD($C2629,24)+1)/SUM(INDEX($D$3:$AA$30,INDEX(Jesper!$R$2:$R$366,ROW(INDEX(Jesper!AJ$2:AJ$366,ROUNDDOWN($C2629/24,0)+1,1))-1)+IF('Standard Profiles'!$G$20=$B$10,7,0)+IF('Standard Profiles'!$G$20=$B$17,14,0)+IF('Standard Profiles'!$G$20=$B$24,21,0),0)),0)</f>
        <v>0</v>
      </c>
      <c r="G2629" cm="1">
        <f t="array" ref="G2629">IFERROR(INDEX(Jesper!AK$2:AK$366,ROUNDDOWN($C2629/24,0)+1,1)*INDEX($D$3:$AA$30,INDEX(Jesper!$R$2:$R$366,ROW(INDEX(Jesper!AK$2:AK$366,ROUNDDOWN($C2629/24,0)+1,1))-1)+IF('Standard Profiles'!$G$21=$B$10,7,0)+IF('Standard Profiles'!$G$21=$B$17,14,0)+IF('Standard Profiles'!$G$21=$B$24,21,0),MOD($C2629,24)+1)/SUM(INDEX($D$3:$AA$30,INDEX(Jesper!$R$2:$R$366,ROW(INDEX(Jesper!AK$2:AK$366,ROUNDDOWN($C2629/24,0)+1,1))-1)+IF('Standard Profiles'!$G$21=$B$10,7,0)+IF('Standard Profiles'!$G$21=$B$17,14,0)+IF('Standard Profiles'!$G$21=$B$24,21,0),0)),0)</f>
        <v>2.8532376345698189</v>
      </c>
      <c r="H2629" cm="1">
        <f t="array" ref="H2629">IFERROR(INDEX(Jesper!AL$2:AL$366,ROUNDDOWN($C2629/24,0)+1,1)*INDEX($D$3:$AA$30,INDEX(Jesper!$R$2:$R$366,ROW(INDEX(Jesper!AL$2:AL$366,ROUNDDOWN($C2629/24,0)+1,1))-1)+IF('Standard Profiles'!$G$22=$B$10,7,0)+IF('Standard Profiles'!$G$22=$B$17,14,0)+IF('Standard Profiles'!$G$22=$B$24,21,0),MOD($C2629,24)+1)/SUM(INDEX($D$3:$AA$30,INDEX(Jesper!$R$2:$R$366,ROW(INDEX(Jesper!AL$2:AL$366,ROUNDDOWN($C2629/24,0)+1,1))-1)+IF('Standard Profiles'!$G$22=$B$10,7,0)+IF('Standard Profiles'!$G$22=$B$17,14,0)+IF('Standard Profiles'!$G$22=$B$24,21,0),0)),0)</f>
        <v>0</v>
      </c>
      <c r="I2629">
        <f t="shared" si="300"/>
        <v>1.3695540645935125</v>
      </c>
      <c r="J2629">
        <f t="shared" si="301"/>
        <v>11.204089012557599</v>
      </c>
      <c r="K2629">
        <f t="shared" si="302"/>
        <v>0.62008612267447205</v>
      </c>
      <c r="L2629">
        <f t="shared" si="303"/>
        <v>0.31004306133723603</v>
      </c>
      <c r="M2629">
        <f t="shared" si="304"/>
        <v>0</v>
      </c>
      <c r="N2629" s="45">
        <f t="shared" si="305"/>
        <v>45035.124999993706</v>
      </c>
    </row>
    <row r="2630" spans="2:14" x14ac:dyDescent="0.25">
      <c r="B2630">
        <f t="shared" si="299"/>
        <v>3</v>
      </c>
      <c r="C2630" s="16">
        <v>2596</v>
      </c>
      <c r="D2630" cm="1">
        <f t="array" ref="D2630">IFERROR(INDEX(Jesper!AH$2:AH$366,ROUNDDOWN($C2630/24,0)+1,1)*INDEX($D$3:$AA$30,INDEX(Jesper!$R$2:$R$366,ROW(INDEX(Jesper!AH$2:AH$366,ROUNDDOWN($C2630/24,0)+1,1))-1)+IF('Standard Profiles'!$G$18=$B$10,7,0)+IF('Standard Profiles'!$G$18=$B$17,14,0)+IF('Standard Profiles'!$G$18=$B$24,21,0),MOD($C2630,24)+1)/SUM(INDEX($D$3:$AA$30,INDEX(Jesper!$R$2:$R$366,ROW(INDEX(Jesper!AH$2:AH$366,ROUNDDOWN($C2630/24,0)+1,1))-1)+IF('Standard Profiles'!$G$18=$B$10,7,0)+IF('Standard Profiles'!$G$18=$B$17,14,0)+IF('Standard Profiles'!$G$18=$B$24,21,0),0)),0)</f>
        <v>5.8133074000731746</v>
      </c>
      <c r="E2630" cm="1">
        <f t="array" ref="E2630">IFERROR(INDEX(Jesper!AI$2:AI$366,ROUNDDOWN($C2630/24,0)+1,1)*INDEX($D$3:$AA$30,INDEX(Jesper!$R$2:$R$366,ROW(INDEX(Jesper!AI$2:AI$366,ROUNDDOWN($C2630/24,0)+1,1))-1)+IF('Standard Profiles'!$G$19=$B$10,7,0)+IF('Standard Profiles'!$G$19=$B$17,14,0)+IF('Standard Profiles'!$G$19=$B$24,21,0),MOD($C2630,24)+1)/SUM(INDEX($D$3:$AA$30,INDEX(Jesper!$R$2:$R$366,ROW(INDEX(Jesper!AI$2:AI$366,ROUNDDOWN($C2630/24,0)+1,1))-1)+IF('Standard Profiles'!$G$19=$B$10,7,0)+IF('Standard Profiles'!$G$19=$B$17,14,0)+IF('Standard Profiles'!$G$19=$B$24,21,0),0)),0)</f>
        <v>4.8372272265198264</v>
      </c>
      <c r="F2630" cm="1">
        <f t="array" ref="F2630">IFERROR(INDEX(Jesper!AJ$2:AJ$366,ROUNDDOWN($C2630/24,0)+1,1)*INDEX($D$3:$AA$30,INDEX(Jesper!$R$2:$R$366,ROW(INDEX(Jesper!AJ$2:AJ$366,ROUNDDOWN($C2630/24,0)+1,1))-1)+IF('Standard Profiles'!$G$20=$B$10,7,0)+IF('Standard Profiles'!$G$20=$B$17,14,0)+IF('Standard Profiles'!$G$20=$B$24,21,0),MOD($C2630,24)+1)/SUM(INDEX($D$3:$AA$30,INDEX(Jesper!$R$2:$R$366,ROW(INDEX(Jesper!AJ$2:AJ$366,ROUNDDOWN($C2630/24,0)+1,1))-1)+IF('Standard Profiles'!$G$20=$B$10,7,0)+IF('Standard Profiles'!$G$20=$B$17,14,0)+IF('Standard Profiles'!$G$20=$B$24,21,0),0)),0)</f>
        <v>0</v>
      </c>
      <c r="G2630" cm="1">
        <f t="array" ref="G2630">IFERROR(INDEX(Jesper!AK$2:AK$366,ROUNDDOWN($C2630/24,0)+1,1)*INDEX($D$3:$AA$30,INDEX(Jesper!$R$2:$R$366,ROW(INDEX(Jesper!AK$2:AK$366,ROUNDDOWN($C2630/24,0)+1,1))-1)+IF('Standard Profiles'!$G$21=$B$10,7,0)+IF('Standard Profiles'!$G$21=$B$17,14,0)+IF('Standard Profiles'!$G$21=$B$24,21,0),MOD($C2630,24)+1)/SUM(INDEX($D$3:$AA$30,INDEX(Jesper!$R$2:$R$366,ROW(INDEX(Jesper!AK$2:AK$366,ROUNDDOWN($C2630/24,0)+1,1))-1)+IF('Standard Profiles'!$G$21=$B$10,7,0)+IF('Standard Profiles'!$G$21=$B$17,14,0)+IF('Standard Profiles'!$G$21=$B$24,21,0),0)),0)</f>
        <v>2.8532376345698189</v>
      </c>
      <c r="H2630" cm="1">
        <f t="array" ref="H2630">IFERROR(INDEX(Jesper!AL$2:AL$366,ROUNDDOWN($C2630/24,0)+1,1)*INDEX($D$3:$AA$30,INDEX(Jesper!$R$2:$R$366,ROW(INDEX(Jesper!AL$2:AL$366,ROUNDDOWN($C2630/24,0)+1,1))-1)+IF('Standard Profiles'!$G$22=$B$10,7,0)+IF('Standard Profiles'!$G$22=$B$17,14,0)+IF('Standard Profiles'!$G$22=$B$24,21,0),MOD($C2630,24)+1)/SUM(INDEX($D$3:$AA$30,INDEX(Jesper!$R$2:$R$366,ROW(INDEX(Jesper!AL$2:AL$366,ROUNDDOWN($C2630/24,0)+1,1))-1)+IF('Standard Profiles'!$G$22=$B$10,7,0)+IF('Standard Profiles'!$G$22=$B$17,14,0)+IF('Standard Profiles'!$G$22=$B$24,21,0),0)),0)</f>
        <v>0</v>
      </c>
      <c r="I2630">
        <f t="shared" si="300"/>
        <v>1.3695540645935125</v>
      </c>
      <c r="J2630">
        <f t="shared" si="301"/>
        <v>11.204089012557599</v>
      </c>
      <c r="K2630">
        <f t="shared" si="302"/>
        <v>0.62008612267447205</v>
      </c>
      <c r="L2630">
        <f t="shared" si="303"/>
        <v>0.31004306133723603</v>
      </c>
      <c r="M2630">
        <f t="shared" si="304"/>
        <v>0</v>
      </c>
      <c r="N2630" s="45">
        <f t="shared" si="305"/>
        <v>45035.166666660371</v>
      </c>
    </row>
    <row r="2631" spans="2:14" x14ac:dyDescent="0.25">
      <c r="B2631">
        <f t="shared" si="299"/>
        <v>3</v>
      </c>
      <c r="C2631" s="16">
        <v>2597</v>
      </c>
      <c r="D2631" cm="1">
        <f t="array" ref="D2631">IFERROR(INDEX(Jesper!AH$2:AH$366,ROUNDDOWN($C2631/24,0)+1,1)*INDEX($D$3:$AA$30,INDEX(Jesper!$R$2:$R$366,ROW(INDEX(Jesper!AH$2:AH$366,ROUNDDOWN($C2631/24,0)+1,1))-1)+IF('Standard Profiles'!$G$18=$B$10,7,0)+IF('Standard Profiles'!$G$18=$B$17,14,0)+IF('Standard Profiles'!$G$18=$B$24,21,0),MOD($C2631,24)+1)/SUM(INDEX($D$3:$AA$30,INDEX(Jesper!$R$2:$R$366,ROW(INDEX(Jesper!AH$2:AH$366,ROUNDDOWN($C2631/24,0)+1,1))-1)+IF('Standard Profiles'!$G$18=$B$10,7,0)+IF('Standard Profiles'!$G$18=$B$17,14,0)+IF('Standard Profiles'!$G$18=$B$24,21,0),0)),0)</f>
        <v>5.8133074000731746</v>
      </c>
      <c r="E2631" cm="1">
        <f t="array" ref="E2631">IFERROR(INDEX(Jesper!AI$2:AI$366,ROUNDDOWN($C2631/24,0)+1,1)*INDEX($D$3:$AA$30,INDEX(Jesper!$R$2:$R$366,ROW(INDEX(Jesper!AI$2:AI$366,ROUNDDOWN($C2631/24,0)+1,1))-1)+IF('Standard Profiles'!$G$19=$B$10,7,0)+IF('Standard Profiles'!$G$19=$B$17,14,0)+IF('Standard Profiles'!$G$19=$B$24,21,0),MOD($C2631,24)+1)/SUM(INDEX($D$3:$AA$30,INDEX(Jesper!$R$2:$R$366,ROW(INDEX(Jesper!AI$2:AI$366,ROUNDDOWN($C2631/24,0)+1,1))-1)+IF('Standard Profiles'!$G$19=$B$10,7,0)+IF('Standard Profiles'!$G$19=$B$17,14,0)+IF('Standard Profiles'!$G$19=$B$24,21,0),0)),0)</f>
        <v>4.8372272265198264</v>
      </c>
      <c r="F2631" cm="1">
        <f t="array" ref="F2631">IFERROR(INDEX(Jesper!AJ$2:AJ$366,ROUNDDOWN($C2631/24,0)+1,1)*INDEX($D$3:$AA$30,INDEX(Jesper!$R$2:$R$366,ROW(INDEX(Jesper!AJ$2:AJ$366,ROUNDDOWN($C2631/24,0)+1,1))-1)+IF('Standard Profiles'!$G$20=$B$10,7,0)+IF('Standard Profiles'!$G$20=$B$17,14,0)+IF('Standard Profiles'!$G$20=$B$24,21,0),MOD($C2631,24)+1)/SUM(INDEX($D$3:$AA$30,INDEX(Jesper!$R$2:$R$366,ROW(INDEX(Jesper!AJ$2:AJ$366,ROUNDDOWN($C2631/24,0)+1,1))-1)+IF('Standard Profiles'!$G$20=$B$10,7,0)+IF('Standard Profiles'!$G$20=$B$17,14,0)+IF('Standard Profiles'!$G$20=$B$24,21,0),0)),0)</f>
        <v>0</v>
      </c>
      <c r="G2631" cm="1">
        <f t="array" ref="G2631">IFERROR(INDEX(Jesper!AK$2:AK$366,ROUNDDOWN($C2631/24,0)+1,1)*INDEX($D$3:$AA$30,INDEX(Jesper!$R$2:$R$366,ROW(INDEX(Jesper!AK$2:AK$366,ROUNDDOWN($C2631/24,0)+1,1))-1)+IF('Standard Profiles'!$G$21=$B$10,7,0)+IF('Standard Profiles'!$G$21=$B$17,14,0)+IF('Standard Profiles'!$G$21=$B$24,21,0),MOD($C2631,24)+1)/SUM(INDEX($D$3:$AA$30,INDEX(Jesper!$R$2:$R$366,ROW(INDEX(Jesper!AK$2:AK$366,ROUNDDOWN($C2631/24,0)+1,1))-1)+IF('Standard Profiles'!$G$21=$B$10,7,0)+IF('Standard Profiles'!$G$21=$B$17,14,0)+IF('Standard Profiles'!$G$21=$B$24,21,0),0)),0)</f>
        <v>2.8532376345698189</v>
      </c>
      <c r="H2631" cm="1">
        <f t="array" ref="H2631">IFERROR(INDEX(Jesper!AL$2:AL$366,ROUNDDOWN($C2631/24,0)+1,1)*INDEX($D$3:$AA$30,INDEX(Jesper!$R$2:$R$366,ROW(INDEX(Jesper!AL$2:AL$366,ROUNDDOWN($C2631/24,0)+1,1))-1)+IF('Standard Profiles'!$G$22=$B$10,7,0)+IF('Standard Profiles'!$G$22=$B$17,14,0)+IF('Standard Profiles'!$G$22=$B$24,21,0),MOD($C2631,24)+1)/SUM(INDEX($D$3:$AA$30,INDEX(Jesper!$R$2:$R$366,ROW(INDEX(Jesper!AL$2:AL$366,ROUNDDOWN($C2631/24,0)+1,1))-1)+IF('Standard Profiles'!$G$22=$B$10,7,0)+IF('Standard Profiles'!$G$22=$B$17,14,0)+IF('Standard Profiles'!$G$22=$B$24,21,0),0)),0)</f>
        <v>0</v>
      </c>
      <c r="I2631">
        <f t="shared" si="300"/>
        <v>1.3695540645935125</v>
      </c>
      <c r="J2631">
        <f t="shared" si="301"/>
        <v>11.204089012557599</v>
      </c>
      <c r="K2631">
        <f t="shared" si="302"/>
        <v>0.62008612267447205</v>
      </c>
      <c r="L2631">
        <f t="shared" si="303"/>
        <v>0.31004306133723603</v>
      </c>
      <c r="M2631">
        <f t="shared" si="304"/>
        <v>0</v>
      </c>
      <c r="N2631" s="45">
        <f t="shared" si="305"/>
        <v>45035.208333327035</v>
      </c>
    </row>
    <row r="2632" spans="2:14" x14ac:dyDescent="0.25">
      <c r="B2632">
        <f t="shared" si="299"/>
        <v>3</v>
      </c>
      <c r="C2632" s="16">
        <v>2598</v>
      </c>
      <c r="D2632" cm="1">
        <f t="array" ref="D2632">IFERROR(INDEX(Jesper!AH$2:AH$366,ROUNDDOWN($C2632/24,0)+1,1)*INDEX($D$3:$AA$30,INDEX(Jesper!$R$2:$R$366,ROW(INDEX(Jesper!AH$2:AH$366,ROUNDDOWN($C2632/24,0)+1,1))-1)+IF('Standard Profiles'!$G$18=$B$10,7,0)+IF('Standard Profiles'!$G$18=$B$17,14,0)+IF('Standard Profiles'!$G$18=$B$24,21,0),MOD($C2632,24)+1)/SUM(INDEX($D$3:$AA$30,INDEX(Jesper!$R$2:$R$366,ROW(INDEX(Jesper!AH$2:AH$366,ROUNDDOWN($C2632/24,0)+1,1))-1)+IF('Standard Profiles'!$G$18=$B$10,7,0)+IF('Standard Profiles'!$G$18=$B$17,14,0)+IF('Standard Profiles'!$G$18=$B$24,21,0),0)),0)</f>
        <v>5.8133074000731746</v>
      </c>
      <c r="E2632" cm="1">
        <f t="array" ref="E2632">IFERROR(INDEX(Jesper!AI$2:AI$366,ROUNDDOWN($C2632/24,0)+1,1)*INDEX($D$3:$AA$30,INDEX(Jesper!$R$2:$R$366,ROW(INDEX(Jesper!AI$2:AI$366,ROUNDDOWN($C2632/24,0)+1,1))-1)+IF('Standard Profiles'!$G$19=$B$10,7,0)+IF('Standard Profiles'!$G$19=$B$17,14,0)+IF('Standard Profiles'!$G$19=$B$24,21,0),MOD($C2632,24)+1)/SUM(INDEX($D$3:$AA$30,INDEX(Jesper!$R$2:$R$366,ROW(INDEX(Jesper!AI$2:AI$366,ROUNDDOWN($C2632/24,0)+1,1))-1)+IF('Standard Profiles'!$G$19=$B$10,7,0)+IF('Standard Profiles'!$G$19=$B$17,14,0)+IF('Standard Profiles'!$G$19=$B$24,21,0),0)),0)</f>
        <v>4.8372272265198264</v>
      </c>
      <c r="F2632" cm="1">
        <f t="array" ref="F2632">IFERROR(INDEX(Jesper!AJ$2:AJ$366,ROUNDDOWN($C2632/24,0)+1,1)*INDEX($D$3:$AA$30,INDEX(Jesper!$R$2:$R$366,ROW(INDEX(Jesper!AJ$2:AJ$366,ROUNDDOWN($C2632/24,0)+1,1))-1)+IF('Standard Profiles'!$G$20=$B$10,7,0)+IF('Standard Profiles'!$G$20=$B$17,14,0)+IF('Standard Profiles'!$G$20=$B$24,21,0),MOD($C2632,24)+1)/SUM(INDEX($D$3:$AA$30,INDEX(Jesper!$R$2:$R$366,ROW(INDEX(Jesper!AJ$2:AJ$366,ROUNDDOWN($C2632/24,0)+1,1))-1)+IF('Standard Profiles'!$G$20=$B$10,7,0)+IF('Standard Profiles'!$G$20=$B$17,14,0)+IF('Standard Profiles'!$G$20=$B$24,21,0),0)),0)</f>
        <v>0</v>
      </c>
      <c r="G2632" cm="1">
        <f t="array" ref="G2632">IFERROR(INDEX(Jesper!AK$2:AK$366,ROUNDDOWN($C2632/24,0)+1,1)*INDEX($D$3:$AA$30,INDEX(Jesper!$R$2:$R$366,ROW(INDEX(Jesper!AK$2:AK$366,ROUNDDOWN($C2632/24,0)+1,1))-1)+IF('Standard Profiles'!$G$21=$B$10,7,0)+IF('Standard Profiles'!$G$21=$B$17,14,0)+IF('Standard Profiles'!$G$21=$B$24,21,0),MOD($C2632,24)+1)/SUM(INDEX($D$3:$AA$30,INDEX(Jesper!$R$2:$R$366,ROW(INDEX(Jesper!AK$2:AK$366,ROUNDDOWN($C2632/24,0)+1,1))-1)+IF('Standard Profiles'!$G$21=$B$10,7,0)+IF('Standard Profiles'!$G$21=$B$17,14,0)+IF('Standard Profiles'!$G$21=$B$24,21,0),0)),0)</f>
        <v>2.8532376345698189</v>
      </c>
      <c r="H2632" cm="1">
        <f t="array" ref="H2632">IFERROR(INDEX(Jesper!AL$2:AL$366,ROUNDDOWN($C2632/24,0)+1,1)*INDEX($D$3:$AA$30,INDEX(Jesper!$R$2:$R$366,ROW(INDEX(Jesper!AL$2:AL$366,ROUNDDOWN($C2632/24,0)+1,1))-1)+IF('Standard Profiles'!$G$22=$B$10,7,0)+IF('Standard Profiles'!$G$22=$B$17,14,0)+IF('Standard Profiles'!$G$22=$B$24,21,0),MOD($C2632,24)+1)/SUM(INDEX($D$3:$AA$30,INDEX(Jesper!$R$2:$R$366,ROW(INDEX(Jesper!AL$2:AL$366,ROUNDDOWN($C2632/24,0)+1,1))-1)+IF('Standard Profiles'!$G$22=$B$10,7,0)+IF('Standard Profiles'!$G$22=$B$17,14,0)+IF('Standard Profiles'!$G$22=$B$24,21,0),0)),0)</f>
        <v>0</v>
      </c>
      <c r="I2632">
        <f t="shared" si="300"/>
        <v>1.3695540645935125</v>
      </c>
      <c r="J2632">
        <f t="shared" si="301"/>
        <v>11.204089012557599</v>
      </c>
      <c r="K2632">
        <f t="shared" si="302"/>
        <v>0.62008612267447205</v>
      </c>
      <c r="L2632">
        <f t="shared" si="303"/>
        <v>0.31004306133723603</v>
      </c>
      <c r="M2632">
        <f t="shared" si="304"/>
        <v>0</v>
      </c>
      <c r="N2632" s="45">
        <f t="shared" si="305"/>
        <v>45035.249999993699</v>
      </c>
    </row>
    <row r="2633" spans="2:14" x14ac:dyDescent="0.25">
      <c r="B2633">
        <f t="shared" si="299"/>
        <v>3</v>
      </c>
      <c r="C2633" s="16">
        <v>2599</v>
      </c>
      <c r="D2633" cm="1">
        <f t="array" ref="D2633">IFERROR(INDEX(Jesper!AH$2:AH$366,ROUNDDOWN($C2633/24,0)+1,1)*INDEX($D$3:$AA$30,INDEX(Jesper!$R$2:$R$366,ROW(INDEX(Jesper!AH$2:AH$366,ROUNDDOWN($C2633/24,0)+1,1))-1)+IF('Standard Profiles'!$G$18=$B$10,7,0)+IF('Standard Profiles'!$G$18=$B$17,14,0)+IF('Standard Profiles'!$G$18=$B$24,21,0),MOD($C2633,24)+1)/SUM(INDEX($D$3:$AA$30,INDEX(Jesper!$R$2:$R$366,ROW(INDEX(Jesper!AH$2:AH$366,ROUNDDOWN($C2633/24,0)+1,1))-1)+IF('Standard Profiles'!$G$18=$B$10,7,0)+IF('Standard Profiles'!$G$18=$B$17,14,0)+IF('Standard Profiles'!$G$18=$B$24,21,0),0)),0)</f>
        <v>23.764096008177912</v>
      </c>
      <c r="E2633" cm="1">
        <f t="array" ref="E2633">IFERROR(INDEX(Jesper!AI$2:AI$366,ROUNDDOWN($C2633/24,0)+1,1)*INDEX($D$3:$AA$30,INDEX(Jesper!$R$2:$R$366,ROW(INDEX(Jesper!AI$2:AI$366,ROUNDDOWN($C2633/24,0)+1,1))-1)+IF('Standard Profiles'!$G$19=$B$10,7,0)+IF('Standard Profiles'!$G$19=$B$17,14,0)+IF('Standard Profiles'!$G$19=$B$24,21,0),MOD($C2633,24)+1)/SUM(INDEX($D$3:$AA$30,INDEX(Jesper!$R$2:$R$366,ROW(INDEX(Jesper!AI$2:AI$366,ROUNDDOWN($C2633/24,0)+1,1))-1)+IF('Standard Profiles'!$G$19=$B$10,7,0)+IF('Standard Profiles'!$G$19=$B$17,14,0)+IF('Standard Profiles'!$G$19=$B$24,21,0),0)),0)</f>
        <v>19.773998571440139</v>
      </c>
      <c r="F2633" cm="1">
        <f t="array" ref="F2633">IFERROR(INDEX(Jesper!AJ$2:AJ$366,ROUNDDOWN($C2633/24,0)+1,1)*INDEX($D$3:$AA$30,INDEX(Jesper!$R$2:$R$366,ROW(INDEX(Jesper!AJ$2:AJ$366,ROUNDDOWN($C2633/24,0)+1,1))-1)+IF('Standard Profiles'!$G$20=$B$10,7,0)+IF('Standard Profiles'!$G$20=$B$17,14,0)+IF('Standard Profiles'!$G$20=$B$24,21,0),MOD($C2633,24)+1)/SUM(INDEX($D$3:$AA$30,INDEX(Jesper!$R$2:$R$366,ROW(INDEX(Jesper!AJ$2:AJ$366,ROUNDDOWN($C2633/24,0)+1,1))-1)+IF('Standard Profiles'!$G$20=$B$10,7,0)+IF('Standard Profiles'!$G$20=$B$17,14,0)+IF('Standard Profiles'!$G$20=$B$24,21,0),0)),0)</f>
        <v>0</v>
      </c>
      <c r="G2633" cm="1">
        <f t="array" ref="G2633">IFERROR(INDEX(Jesper!AK$2:AK$366,ROUNDDOWN($C2633/24,0)+1,1)*INDEX($D$3:$AA$30,INDEX(Jesper!$R$2:$R$366,ROW(INDEX(Jesper!AK$2:AK$366,ROUNDDOWN($C2633/24,0)+1,1))-1)+IF('Standard Profiles'!$G$21=$B$10,7,0)+IF('Standard Profiles'!$G$21=$B$17,14,0)+IF('Standard Profiles'!$G$21=$B$24,21,0),MOD($C2633,24)+1)/SUM(INDEX($D$3:$AA$30,INDEX(Jesper!$R$2:$R$366,ROW(INDEX(Jesper!AK$2:AK$366,ROUNDDOWN($C2633/24,0)+1,1))-1)+IF('Standard Profiles'!$G$21=$B$10,7,0)+IF('Standard Profiles'!$G$21=$B$17,14,0)+IF('Standard Profiles'!$G$21=$B$24,21,0),0)),0)</f>
        <v>7.8606696832398493</v>
      </c>
      <c r="H2633" cm="1">
        <f t="array" ref="H2633">IFERROR(INDEX(Jesper!AL$2:AL$366,ROUNDDOWN($C2633/24,0)+1,1)*INDEX($D$3:$AA$30,INDEX(Jesper!$R$2:$R$366,ROW(INDEX(Jesper!AL$2:AL$366,ROUNDDOWN($C2633/24,0)+1,1))-1)+IF('Standard Profiles'!$G$22=$B$10,7,0)+IF('Standard Profiles'!$G$22=$B$17,14,0)+IF('Standard Profiles'!$G$22=$B$24,21,0),MOD($C2633,24)+1)/SUM(INDEX($D$3:$AA$30,INDEX(Jesper!$R$2:$R$366,ROW(INDEX(Jesper!AL$2:AL$366,ROUNDDOWN($C2633/24,0)+1,1))-1)+IF('Standard Profiles'!$G$22=$B$10,7,0)+IF('Standard Profiles'!$G$22=$B$17,14,0)+IF('Standard Profiles'!$G$22=$B$24,21,0),0)),0)</f>
        <v>0</v>
      </c>
      <c r="I2633">
        <f t="shared" si="300"/>
        <v>3.7731214479551256</v>
      </c>
      <c r="J2633">
        <f t="shared" si="301"/>
        <v>43.8233874535943</v>
      </c>
      <c r="K2633">
        <f t="shared" si="302"/>
        <v>2.5348369075389776</v>
      </c>
      <c r="L2633">
        <f t="shared" si="303"/>
        <v>1.2674184537694888</v>
      </c>
      <c r="M2633">
        <f t="shared" si="304"/>
        <v>0</v>
      </c>
      <c r="N2633" s="45">
        <f t="shared" si="305"/>
        <v>45035.291666660363</v>
      </c>
    </row>
    <row r="2634" spans="2:14" x14ac:dyDescent="0.25">
      <c r="B2634">
        <f t="shared" si="299"/>
        <v>3</v>
      </c>
      <c r="C2634" s="16">
        <v>2600</v>
      </c>
      <c r="D2634" cm="1">
        <f t="array" ref="D2634">IFERROR(INDEX(Jesper!AH$2:AH$366,ROUNDDOWN($C2634/24,0)+1,1)*INDEX($D$3:$AA$30,INDEX(Jesper!$R$2:$R$366,ROW(INDEX(Jesper!AH$2:AH$366,ROUNDDOWN($C2634/24,0)+1,1))-1)+IF('Standard Profiles'!$G$18=$B$10,7,0)+IF('Standard Profiles'!$G$18=$B$17,14,0)+IF('Standard Profiles'!$G$18=$B$24,21,0),MOD($C2634,24)+1)/SUM(INDEX($D$3:$AA$30,INDEX(Jesper!$R$2:$R$366,ROW(INDEX(Jesper!AH$2:AH$366,ROUNDDOWN($C2634/24,0)+1,1))-1)+IF('Standard Profiles'!$G$18=$B$10,7,0)+IF('Standard Profiles'!$G$18=$B$17,14,0)+IF('Standard Profiles'!$G$18=$B$24,21,0),0)),0)</f>
        <v>26.515728177545885</v>
      </c>
      <c r="E2634" cm="1">
        <f t="array" ref="E2634">IFERROR(INDEX(Jesper!AI$2:AI$366,ROUNDDOWN($C2634/24,0)+1,1)*INDEX($D$3:$AA$30,INDEX(Jesper!$R$2:$R$366,ROW(INDEX(Jesper!AI$2:AI$366,ROUNDDOWN($C2634/24,0)+1,1))-1)+IF('Standard Profiles'!$G$19=$B$10,7,0)+IF('Standard Profiles'!$G$19=$B$17,14,0)+IF('Standard Profiles'!$G$19=$B$24,21,0),MOD($C2634,24)+1)/SUM(INDEX($D$3:$AA$30,INDEX(Jesper!$R$2:$R$366,ROW(INDEX(Jesper!AI$2:AI$366,ROUNDDOWN($C2634/24,0)+1,1))-1)+IF('Standard Profiles'!$G$19=$B$10,7,0)+IF('Standard Profiles'!$G$19=$B$17,14,0)+IF('Standard Profiles'!$G$19=$B$24,21,0),0)),0)</f>
        <v>22.063619458659524</v>
      </c>
      <c r="F2634" cm="1">
        <f t="array" ref="F2634">IFERROR(INDEX(Jesper!AJ$2:AJ$366,ROUNDDOWN($C2634/24,0)+1,1)*INDEX($D$3:$AA$30,INDEX(Jesper!$R$2:$R$366,ROW(INDEX(Jesper!AJ$2:AJ$366,ROUNDDOWN($C2634/24,0)+1,1))-1)+IF('Standard Profiles'!$G$20=$B$10,7,0)+IF('Standard Profiles'!$G$20=$B$17,14,0)+IF('Standard Profiles'!$G$20=$B$24,21,0),MOD($C2634,24)+1)/SUM(INDEX($D$3:$AA$30,INDEX(Jesper!$R$2:$R$366,ROW(INDEX(Jesper!AJ$2:AJ$366,ROUNDDOWN($C2634/24,0)+1,1))-1)+IF('Standard Profiles'!$G$20=$B$10,7,0)+IF('Standard Profiles'!$G$20=$B$17,14,0)+IF('Standard Profiles'!$G$20=$B$24,21,0),0)),0)</f>
        <v>0</v>
      </c>
      <c r="G2634" cm="1">
        <f t="array" ref="G2634">IFERROR(INDEX(Jesper!AK$2:AK$366,ROUNDDOWN($C2634/24,0)+1,1)*INDEX($D$3:$AA$30,INDEX(Jesper!$R$2:$R$366,ROW(INDEX(Jesper!AK$2:AK$366,ROUNDDOWN($C2634/24,0)+1,1))-1)+IF('Standard Profiles'!$G$21=$B$10,7,0)+IF('Standard Profiles'!$G$21=$B$17,14,0)+IF('Standard Profiles'!$G$21=$B$24,21,0),MOD($C2634,24)+1)/SUM(INDEX($D$3:$AA$30,INDEX(Jesper!$R$2:$R$366,ROW(INDEX(Jesper!AK$2:AK$366,ROUNDDOWN($C2634/24,0)+1,1))-1)+IF('Standard Profiles'!$G$21=$B$10,7,0)+IF('Standard Profiles'!$G$21=$B$17,14,0)+IF('Standard Profiles'!$G$21=$B$24,21,0),0)),0)</f>
        <v>8.7708524886676233</v>
      </c>
      <c r="H2634" cm="1">
        <f t="array" ref="H2634">IFERROR(INDEX(Jesper!AL$2:AL$366,ROUNDDOWN($C2634/24,0)+1,1)*INDEX($D$3:$AA$30,INDEX(Jesper!$R$2:$R$366,ROW(INDEX(Jesper!AL$2:AL$366,ROUNDDOWN($C2634/24,0)+1,1))-1)+IF('Standard Profiles'!$G$22=$B$10,7,0)+IF('Standard Profiles'!$G$22=$B$17,14,0)+IF('Standard Profiles'!$G$22=$B$24,21,0),MOD($C2634,24)+1)/SUM(INDEX($D$3:$AA$30,INDEX(Jesper!$R$2:$R$366,ROW(INDEX(Jesper!AL$2:AL$366,ROUNDDOWN($C2634/24,0)+1,1))-1)+IF('Standard Profiles'!$G$22=$B$10,7,0)+IF('Standard Profiles'!$G$22=$B$17,14,0)+IF('Standard Profiles'!$G$22=$B$24,21,0),0)),0)</f>
        <v>0</v>
      </c>
      <c r="I2634">
        <f t="shared" si="300"/>
        <v>4.210009194560457</v>
      </c>
      <c r="J2634">
        <f t="shared" si="301"/>
        <v>48.897674421905229</v>
      </c>
      <c r="K2634">
        <f t="shared" si="302"/>
        <v>2.8283443389382281</v>
      </c>
      <c r="L2634">
        <f t="shared" si="303"/>
        <v>1.4141721694691141</v>
      </c>
      <c r="M2634">
        <f t="shared" si="304"/>
        <v>0</v>
      </c>
      <c r="N2634" s="45">
        <f t="shared" si="305"/>
        <v>45035.333333327028</v>
      </c>
    </row>
    <row r="2635" spans="2:14" x14ac:dyDescent="0.25">
      <c r="B2635">
        <f t="shared" si="299"/>
        <v>3</v>
      </c>
      <c r="C2635" s="16">
        <v>2601</v>
      </c>
      <c r="D2635" cm="1">
        <f t="array" ref="D2635">IFERROR(INDEX(Jesper!AH$2:AH$366,ROUNDDOWN($C2635/24,0)+1,1)*INDEX($D$3:$AA$30,INDEX(Jesper!$R$2:$R$366,ROW(INDEX(Jesper!AH$2:AH$366,ROUNDDOWN($C2635/24,0)+1,1))-1)+IF('Standard Profiles'!$G$18=$B$10,7,0)+IF('Standard Profiles'!$G$18=$B$17,14,0)+IF('Standard Profiles'!$G$18=$B$24,21,0),MOD($C2635,24)+1)/SUM(INDEX($D$3:$AA$30,INDEX(Jesper!$R$2:$R$366,ROW(INDEX(Jesper!AH$2:AH$366,ROUNDDOWN($C2635/24,0)+1,1))-1)+IF('Standard Profiles'!$G$18=$B$10,7,0)+IF('Standard Profiles'!$G$18=$B$17,14,0)+IF('Standard Profiles'!$G$18=$B$24,21,0),0)),0)</f>
        <v>29.267360346913854</v>
      </c>
      <c r="E2635" cm="1">
        <f t="array" ref="E2635">IFERROR(INDEX(Jesper!AI$2:AI$366,ROUNDDOWN($C2635/24,0)+1,1)*INDEX($D$3:$AA$30,INDEX(Jesper!$R$2:$R$366,ROW(INDEX(Jesper!AI$2:AI$366,ROUNDDOWN($C2635/24,0)+1,1))-1)+IF('Standard Profiles'!$G$19=$B$10,7,0)+IF('Standard Profiles'!$G$19=$B$17,14,0)+IF('Standard Profiles'!$G$19=$B$24,21,0),MOD($C2635,24)+1)/SUM(INDEX($D$3:$AA$30,INDEX(Jesper!$R$2:$R$366,ROW(INDEX(Jesper!AI$2:AI$366,ROUNDDOWN($C2635/24,0)+1,1))-1)+IF('Standard Profiles'!$G$19=$B$10,7,0)+IF('Standard Profiles'!$G$19=$B$17,14,0)+IF('Standard Profiles'!$G$19=$B$24,21,0),0)),0)</f>
        <v>24.353240345878909</v>
      </c>
      <c r="F2635" cm="1">
        <f t="array" ref="F2635">IFERROR(INDEX(Jesper!AJ$2:AJ$366,ROUNDDOWN($C2635/24,0)+1,1)*INDEX($D$3:$AA$30,INDEX(Jesper!$R$2:$R$366,ROW(INDEX(Jesper!AJ$2:AJ$366,ROUNDDOWN($C2635/24,0)+1,1))-1)+IF('Standard Profiles'!$G$20=$B$10,7,0)+IF('Standard Profiles'!$G$20=$B$17,14,0)+IF('Standard Profiles'!$G$20=$B$24,21,0),MOD($C2635,24)+1)/SUM(INDEX($D$3:$AA$30,INDEX(Jesper!$R$2:$R$366,ROW(INDEX(Jesper!AJ$2:AJ$366,ROUNDDOWN($C2635/24,0)+1,1))-1)+IF('Standard Profiles'!$G$20=$B$10,7,0)+IF('Standard Profiles'!$G$20=$B$17,14,0)+IF('Standard Profiles'!$G$20=$B$24,21,0),0)),0)</f>
        <v>0</v>
      </c>
      <c r="G2635" cm="1">
        <f t="array" ref="G2635">IFERROR(INDEX(Jesper!AK$2:AK$366,ROUNDDOWN($C2635/24,0)+1,1)*INDEX($D$3:$AA$30,INDEX(Jesper!$R$2:$R$366,ROW(INDEX(Jesper!AK$2:AK$366,ROUNDDOWN($C2635/24,0)+1,1))-1)+IF('Standard Profiles'!$G$21=$B$10,7,0)+IF('Standard Profiles'!$G$21=$B$17,14,0)+IF('Standard Profiles'!$G$21=$B$24,21,0),MOD($C2635,24)+1)/SUM(INDEX($D$3:$AA$30,INDEX(Jesper!$R$2:$R$366,ROW(INDEX(Jesper!AK$2:AK$366,ROUNDDOWN($C2635/24,0)+1,1))-1)+IF('Standard Profiles'!$G$21=$B$10,7,0)+IF('Standard Profiles'!$G$21=$B$17,14,0)+IF('Standard Profiles'!$G$21=$B$24,21,0),0)),0)</f>
        <v>9.6810352940953948</v>
      </c>
      <c r="H2635" cm="1">
        <f t="array" ref="H2635">IFERROR(INDEX(Jesper!AL$2:AL$366,ROUNDDOWN($C2635/24,0)+1,1)*INDEX($D$3:$AA$30,INDEX(Jesper!$R$2:$R$366,ROW(INDEX(Jesper!AL$2:AL$366,ROUNDDOWN($C2635/24,0)+1,1))-1)+IF('Standard Profiles'!$G$22=$B$10,7,0)+IF('Standard Profiles'!$G$22=$B$17,14,0)+IF('Standard Profiles'!$G$22=$B$24,21,0),MOD($C2635,24)+1)/SUM(INDEX($D$3:$AA$30,INDEX(Jesper!$R$2:$R$366,ROW(INDEX(Jesper!AL$2:AL$366,ROUNDDOWN($C2635/24,0)+1,1))-1)+IF('Standard Profiles'!$G$22=$B$10,7,0)+IF('Standard Profiles'!$G$22=$B$17,14,0)+IF('Standard Profiles'!$G$22=$B$24,21,0),0)),0)</f>
        <v>0</v>
      </c>
      <c r="I2635">
        <f t="shared" si="300"/>
        <v>4.646896941165787</v>
      </c>
      <c r="J2635">
        <f t="shared" si="301"/>
        <v>53.971961390216158</v>
      </c>
      <c r="K2635">
        <f t="shared" si="302"/>
        <v>3.1218517703374782</v>
      </c>
      <c r="L2635">
        <f t="shared" si="303"/>
        <v>1.5609258851687391</v>
      </c>
      <c r="M2635">
        <f t="shared" si="304"/>
        <v>0</v>
      </c>
      <c r="N2635" s="45">
        <f t="shared" si="305"/>
        <v>45035.374999993692</v>
      </c>
    </row>
    <row r="2636" spans="2:14" x14ac:dyDescent="0.25">
      <c r="B2636">
        <f t="shared" si="299"/>
        <v>3</v>
      </c>
      <c r="C2636" s="16">
        <v>2602</v>
      </c>
      <c r="D2636" cm="1">
        <f t="array" ref="D2636">IFERROR(INDEX(Jesper!AH$2:AH$366,ROUNDDOWN($C2636/24,0)+1,1)*INDEX($D$3:$AA$30,INDEX(Jesper!$R$2:$R$366,ROW(INDEX(Jesper!AH$2:AH$366,ROUNDDOWN($C2636/24,0)+1,1))-1)+IF('Standard Profiles'!$G$18=$B$10,7,0)+IF('Standard Profiles'!$G$18=$B$17,14,0)+IF('Standard Profiles'!$G$18=$B$24,21,0),MOD($C2636,24)+1)/SUM(INDEX($D$3:$AA$30,INDEX(Jesper!$R$2:$R$366,ROW(INDEX(Jesper!AH$2:AH$366,ROUNDDOWN($C2636/24,0)+1,1))-1)+IF('Standard Profiles'!$G$18=$B$10,7,0)+IF('Standard Profiles'!$G$18=$B$17,14,0)+IF('Standard Profiles'!$G$18=$B$24,21,0),0)),0)</f>
        <v>29.267360346913854</v>
      </c>
      <c r="E2636" cm="1">
        <f t="array" ref="E2636">IFERROR(INDEX(Jesper!AI$2:AI$366,ROUNDDOWN($C2636/24,0)+1,1)*INDEX($D$3:$AA$30,INDEX(Jesper!$R$2:$R$366,ROW(INDEX(Jesper!AI$2:AI$366,ROUNDDOWN($C2636/24,0)+1,1))-1)+IF('Standard Profiles'!$G$19=$B$10,7,0)+IF('Standard Profiles'!$G$19=$B$17,14,0)+IF('Standard Profiles'!$G$19=$B$24,21,0),MOD($C2636,24)+1)/SUM(INDEX($D$3:$AA$30,INDEX(Jesper!$R$2:$R$366,ROW(INDEX(Jesper!AI$2:AI$366,ROUNDDOWN($C2636/24,0)+1,1))-1)+IF('Standard Profiles'!$G$19=$B$10,7,0)+IF('Standard Profiles'!$G$19=$B$17,14,0)+IF('Standard Profiles'!$G$19=$B$24,21,0),0)),0)</f>
        <v>24.353240345878909</v>
      </c>
      <c r="F2636" cm="1">
        <f t="array" ref="F2636">IFERROR(INDEX(Jesper!AJ$2:AJ$366,ROUNDDOWN($C2636/24,0)+1,1)*INDEX($D$3:$AA$30,INDEX(Jesper!$R$2:$R$366,ROW(INDEX(Jesper!AJ$2:AJ$366,ROUNDDOWN($C2636/24,0)+1,1))-1)+IF('Standard Profiles'!$G$20=$B$10,7,0)+IF('Standard Profiles'!$G$20=$B$17,14,0)+IF('Standard Profiles'!$G$20=$B$24,21,0),MOD($C2636,24)+1)/SUM(INDEX($D$3:$AA$30,INDEX(Jesper!$R$2:$R$366,ROW(INDEX(Jesper!AJ$2:AJ$366,ROUNDDOWN($C2636/24,0)+1,1))-1)+IF('Standard Profiles'!$G$20=$B$10,7,0)+IF('Standard Profiles'!$G$20=$B$17,14,0)+IF('Standard Profiles'!$G$20=$B$24,21,0),0)),0)</f>
        <v>0</v>
      </c>
      <c r="G2636" cm="1">
        <f t="array" ref="G2636">IFERROR(INDEX(Jesper!AK$2:AK$366,ROUNDDOWN($C2636/24,0)+1,1)*INDEX($D$3:$AA$30,INDEX(Jesper!$R$2:$R$366,ROW(INDEX(Jesper!AK$2:AK$366,ROUNDDOWN($C2636/24,0)+1,1))-1)+IF('Standard Profiles'!$G$21=$B$10,7,0)+IF('Standard Profiles'!$G$21=$B$17,14,0)+IF('Standard Profiles'!$G$21=$B$24,21,0),MOD($C2636,24)+1)/SUM(INDEX($D$3:$AA$30,INDEX(Jesper!$R$2:$R$366,ROW(INDEX(Jesper!AK$2:AK$366,ROUNDDOWN($C2636/24,0)+1,1))-1)+IF('Standard Profiles'!$G$21=$B$10,7,0)+IF('Standard Profiles'!$G$21=$B$17,14,0)+IF('Standard Profiles'!$G$21=$B$24,21,0),0)),0)</f>
        <v>9.6810352940953948</v>
      </c>
      <c r="H2636" cm="1">
        <f t="array" ref="H2636">IFERROR(INDEX(Jesper!AL$2:AL$366,ROUNDDOWN($C2636/24,0)+1,1)*INDEX($D$3:$AA$30,INDEX(Jesper!$R$2:$R$366,ROW(INDEX(Jesper!AL$2:AL$366,ROUNDDOWN($C2636/24,0)+1,1))-1)+IF('Standard Profiles'!$G$22=$B$10,7,0)+IF('Standard Profiles'!$G$22=$B$17,14,0)+IF('Standard Profiles'!$G$22=$B$24,21,0),MOD($C2636,24)+1)/SUM(INDEX($D$3:$AA$30,INDEX(Jesper!$R$2:$R$366,ROW(INDEX(Jesper!AL$2:AL$366,ROUNDDOWN($C2636/24,0)+1,1))-1)+IF('Standard Profiles'!$G$22=$B$10,7,0)+IF('Standard Profiles'!$G$22=$B$17,14,0)+IF('Standard Profiles'!$G$22=$B$24,21,0),0)),0)</f>
        <v>0</v>
      </c>
      <c r="I2636">
        <f t="shared" si="300"/>
        <v>4.646896941165787</v>
      </c>
      <c r="J2636">
        <f t="shared" si="301"/>
        <v>53.971961390216158</v>
      </c>
      <c r="K2636">
        <f t="shared" si="302"/>
        <v>3.1218517703374782</v>
      </c>
      <c r="L2636">
        <f t="shared" si="303"/>
        <v>1.5609258851687391</v>
      </c>
      <c r="M2636">
        <f t="shared" si="304"/>
        <v>0</v>
      </c>
      <c r="N2636" s="45">
        <f t="shared" si="305"/>
        <v>45035.416666660356</v>
      </c>
    </row>
    <row r="2637" spans="2:14" x14ac:dyDescent="0.25">
      <c r="B2637">
        <f t="shared" si="299"/>
        <v>3</v>
      </c>
      <c r="C2637" s="16">
        <v>2603</v>
      </c>
      <c r="D2637" cm="1">
        <f t="array" ref="D2637">IFERROR(INDEX(Jesper!AH$2:AH$366,ROUNDDOWN($C2637/24,0)+1,1)*INDEX($D$3:$AA$30,INDEX(Jesper!$R$2:$R$366,ROW(INDEX(Jesper!AH$2:AH$366,ROUNDDOWN($C2637/24,0)+1,1))-1)+IF('Standard Profiles'!$G$18=$B$10,7,0)+IF('Standard Profiles'!$G$18=$B$17,14,0)+IF('Standard Profiles'!$G$18=$B$24,21,0),MOD($C2637,24)+1)/SUM(INDEX($D$3:$AA$30,INDEX(Jesper!$R$2:$R$366,ROW(INDEX(Jesper!AH$2:AH$366,ROUNDDOWN($C2637/24,0)+1,1))-1)+IF('Standard Profiles'!$G$18=$B$10,7,0)+IF('Standard Profiles'!$G$18=$B$17,14,0)+IF('Standard Profiles'!$G$18=$B$24,21,0),0)),0)</f>
        <v>35.02077306468324</v>
      </c>
      <c r="E2637" cm="1">
        <f t="array" ref="E2637">IFERROR(INDEX(Jesper!AI$2:AI$366,ROUNDDOWN($C2637/24,0)+1,1)*INDEX($D$3:$AA$30,INDEX(Jesper!$R$2:$R$366,ROW(INDEX(Jesper!AI$2:AI$366,ROUNDDOWN($C2637/24,0)+1,1))-1)+IF('Standard Profiles'!$G$19=$B$10,7,0)+IF('Standard Profiles'!$G$19=$B$17,14,0)+IF('Standard Profiles'!$G$19=$B$24,21,0),MOD($C2637,24)+1)/SUM(INDEX($D$3:$AA$30,INDEX(Jesper!$R$2:$R$366,ROW(INDEX(Jesper!AI$2:AI$366,ROUNDDOWN($C2637/24,0)+1,1))-1)+IF('Standard Profiles'!$G$19=$B$10,7,0)+IF('Standard Profiles'!$G$19=$B$17,14,0)+IF('Standard Profiles'!$G$19=$B$24,21,0),0)),0)</f>
        <v>29.140629473701257</v>
      </c>
      <c r="F2637" cm="1">
        <f t="array" ref="F2637">IFERROR(INDEX(Jesper!AJ$2:AJ$366,ROUNDDOWN($C2637/24,0)+1,1)*INDEX($D$3:$AA$30,INDEX(Jesper!$R$2:$R$366,ROW(INDEX(Jesper!AJ$2:AJ$366,ROUNDDOWN($C2637/24,0)+1,1))-1)+IF('Standard Profiles'!$G$20=$B$10,7,0)+IF('Standard Profiles'!$G$20=$B$17,14,0)+IF('Standard Profiles'!$G$20=$B$24,21,0),MOD($C2637,24)+1)/SUM(INDEX($D$3:$AA$30,INDEX(Jesper!$R$2:$R$366,ROW(INDEX(Jesper!AJ$2:AJ$366,ROUNDDOWN($C2637/24,0)+1,1))-1)+IF('Standard Profiles'!$G$20=$B$10,7,0)+IF('Standard Profiles'!$G$20=$B$17,14,0)+IF('Standard Profiles'!$G$20=$B$24,21,0),0)),0)</f>
        <v>0</v>
      </c>
      <c r="G2637" cm="1">
        <f t="array" ref="G2637">IFERROR(INDEX(Jesper!AK$2:AK$366,ROUNDDOWN($C2637/24,0)+1,1)*INDEX($D$3:$AA$30,INDEX(Jesper!$R$2:$R$366,ROW(INDEX(Jesper!AK$2:AK$366,ROUNDDOWN($C2637/24,0)+1,1))-1)+IF('Standard Profiles'!$G$21=$B$10,7,0)+IF('Standard Profiles'!$G$21=$B$17,14,0)+IF('Standard Profiles'!$G$21=$B$24,21,0),MOD($C2637,24)+1)/SUM(INDEX($D$3:$AA$30,INDEX(Jesper!$R$2:$R$366,ROW(INDEX(Jesper!AK$2:AK$366,ROUNDDOWN($C2637/24,0)+1,1))-1)+IF('Standard Profiles'!$G$21=$B$10,7,0)+IF('Standard Profiles'!$G$21=$B$17,14,0)+IF('Standard Profiles'!$G$21=$B$24,21,0),0)),0)</f>
        <v>11.584144796353462</v>
      </c>
      <c r="H2637" cm="1">
        <f t="array" ref="H2637">IFERROR(INDEX(Jesper!AL$2:AL$366,ROUNDDOWN($C2637/24,0)+1,1)*INDEX($D$3:$AA$30,INDEX(Jesper!$R$2:$R$366,ROW(INDEX(Jesper!AL$2:AL$366,ROUNDDOWN($C2637/24,0)+1,1))-1)+IF('Standard Profiles'!$G$22=$B$10,7,0)+IF('Standard Profiles'!$G$22=$B$17,14,0)+IF('Standard Profiles'!$G$22=$B$24,21,0),MOD($C2637,24)+1)/SUM(INDEX($D$3:$AA$30,INDEX(Jesper!$R$2:$R$366,ROW(INDEX(Jesper!AL$2:AL$366,ROUNDDOWN($C2637/24,0)+1,1))-1)+IF('Standard Profiles'!$G$22=$B$10,7,0)+IF('Standard Profiles'!$G$22=$B$17,14,0)+IF('Standard Profiles'!$G$22=$B$24,21,0),0)),0)</f>
        <v>0</v>
      </c>
      <c r="I2637">
        <f t="shared" si="300"/>
        <v>5.5603895022496586</v>
      </c>
      <c r="J2637">
        <f t="shared" si="301"/>
        <v>64.581834142138987</v>
      </c>
      <c r="K2637">
        <f t="shared" si="302"/>
        <v>3.7355491268995458</v>
      </c>
      <c r="L2637">
        <f t="shared" si="303"/>
        <v>1.8677745634497729</v>
      </c>
      <c r="M2637">
        <f t="shared" si="304"/>
        <v>0</v>
      </c>
      <c r="N2637" s="45">
        <f t="shared" si="305"/>
        <v>45035.45833332702</v>
      </c>
    </row>
    <row r="2638" spans="2:14" x14ac:dyDescent="0.25">
      <c r="B2638">
        <f t="shared" si="299"/>
        <v>3</v>
      </c>
      <c r="C2638" s="16">
        <v>2604</v>
      </c>
      <c r="D2638" cm="1">
        <f t="array" ref="D2638">IFERROR(INDEX(Jesper!AH$2:AH$366,ROUNDDOWN($C2638/24,0)+1,1)*INDEX($D$3:$AA$30,INDEX(Jesper!$R$2:$R$366,ROW(INDEX(Jesper!AH$2:AH$366,ROUNDDOWN($C2638/24,0)+1,1))-1)+IF('Standard Profiles'!$G$18=$B$10,7,0)+IF('Standard Profiles'!$G$18=$B$17,14,0)+IF('Standard Profiles'!$G$18=$B$24,21,0),MOD($C2638,24)+1)/SUM(INDEX($D$3:$AA$30,INDEX(Jesper!$R$2:$R$366,ROW(INDEX(Jesper!AH$2:AH$366,ROUNDDOWN($C2638/24,0)+1,1))-1)+IF('Standard Profiles'!$G$18=$B$10,7,0)+IF('Standard Profiles'!$G$18=$B$17,14,0)+IF('Standard Profiles'!$G$18=$B$24,21,0),0)),0)</f>
        <v>35.02077306468324</v>
      </c>
      <c r="E2638" cm="1">
        <f t="array" ref="E2638">IFERROR(INDEX(Jesper!AI$2:AI$366,ROUNDDOWN($C2638/24,0)+1,1)*INDEX($D$3:$AA$30,INDEX(Jesper!$R$2:$R$366,ROW(INDEX(Jesper!AI$2:AI$366,ROUNDDOWN($C2638/24,0)+1,1))-1)+IF('Standard Profiles'!$G$19=$B$10,7,0)+IF('Standard Profiles'!$G$19=$B$17,14,0)+IF('Standard Profiles'!$G$19=$B$24,21,0),MOD($C2638,24)+1)/SUM(INDEX($D$3:$AA$30,INDEX(Jesper!$R$2:$R$366,ROW(INDEX(Jesper!AI$2:AI$366,ROUNDDOWN($C2638/24,0)+1,1))-1)+IF('Standard Profiles'!$G$19=$B$10,7,0)+IF('Standard Profiles'!$G$19=$B$17,14,0)+IF('Standard Profiles'!$G$19=$B$24,21,0),0)),0)</f>
        <v>29.140629473701257</v>
      </c>
      <c r="F2638" cm="1">
        <f t="array" ref="F2638">IFERROR(INDEX(Jesper!AJ$2:AJ$366,ROUNDDOWN($C2638/24,0)+1,1)*INDEX($D$3:$AA$30,INDEX(Jesper!$R$2:$R$366,ROW(INDEX(Jesper!AJ$2:AJ$366,ROUNDDOWN($C2638/24,0)+1,1))-1)+IF('Standard Profiles'!$G$20=$B$10,7,0)+IF('Standard Profiles'!$G$20=$B$17,14,0)+IF('Standard Profiles'!$G$20=$B$24,21,0),MOD($C2638,24)+1)/SUM(INDEX($D$3:$AA$30,INDEX(Jesper!$R$2:$R$366,ROW(INDEX(Jesper!AJ$2:AJ$366,ROUNDDOWN($C2638/24,0)+1,1))-1)+IF('Standard Profiles'!$G$20=$B$10,7,0)+IF('Standard Profiles'!$G$20=$B$17,14,0)+IF('Standard Profiles'!$G$20=$B$24,21,0),0)),0)</f>
        <v>0</v>
      </c>
      <c r="G2638" cm="1">
        <f t="array" ref="G2638">IFERROR(INDEX(Jesper!AK$2:AK$366,ROUNDDOWN($C2638/24,0)+1,1)*INDEX($D$3:$AA$30,INDEX(Jesper!$R$2:$R$366,ROW(INDEX(Jesper!AK$2:AK$366,ROUNDDOWN($C2638/24,0)+1,1))-1)+IF('Standard Profiles'!$G$21=$B$10,7,0)+IF('Standard Profiles'!$G$21=$B$17,14,0)+IF('Standard Profiles'!$G$21=$B$24,21,0),MOD($C2638,24)+1)/SUM(INDEX($D$3:$AA$30,INDEX(Jesper!$R$2:$R$366,ROW(INDEX(Jesper!AK$2:AK$366,ROUNDDOWN($C2638/24,0)+1,1))-1)+IF('Standard Profiles'!$G$21=$B$10,7,0)+IF('Standard Profiles'!$G$21=$B$17,14,0)+IF('Standard Profiles'!$G$21=$B$24,21,0),0)),0)</f>
        <v>11.584144796353462</v>
      </c>
      <c r="H2638" cm="1">
        <f t="array" ref="H2638">IFERROR(INDEX(Jesper!AL$2:AL$366,ROUNDDOWN($C2638/24,0)+1,1)*INDEX($D$3:$AA$30,INDEX(Jesper!$R$2:$R$366,ROW(INDEX(Jesper!AL$2:AL$366,ROUNDDOWN($C2638/24,0)+1,1))-1)+IF('Standard Profiles'!$G$22=$B$10,7,0)+IF('Standard Profiles'!$G$22=$B$17,14,0)+IF('Standard Profiles'!$G$22=$B$24,21,0),MOD($C2638,24)+1)/SUM(INDEX($D$3:$AA$30,INDEX(Jesper!$R$2:$R$366,ROW(INDEX(Jesper!AL$2:AL$366,ROUNDDOWN($C2638/24,0)+1,1))-1)+IF('Standard Profiles'!$G$22=$B$10,7,0)+IF('Standard Profiles'!$G$22=$B$17,14,0)+IF('Standard Profiles'!$G$22=$B$24,21,0),0)),0)</f>
        <v>0</v>
      </c>
      <c r="I2638">
        <f t="shared" si="300"/>
        <v>5.5603895022496586</v>
      </c>
      <c r="J2638">
        <f t="shared" si="301"/>
        <v>64.581834142138987</v>
      </c>
      <c r="K2638">
        <f t="shared" si="302"/>
        <v>3.7355491268995458</v>
      </c>
      <c r="L2638">
        <f t="shared" si="303"/>
        <v>1.8677745634497729</v>
      </c>
      <c r="M2638">
        <f t="shared" si="304"/>
        <v>0</v>
      </c>
      <c r="N2638" s="45">
        <f t="shared" si="305"/>
        <v>45035.499999993684</v>
      </c>
    </row>
    <row r="2639" spans="2:14" x14ac:dyDescent="0.25">
      <c r="B2639">
        <f t="shared" si="299"/>
        <v>3</v>
      </c>
      <c r="C2639" s="16">
        <v>2605</v>
      </c>
      <c r="D2639" cm="1">
        <f t="array" ref="D2639">IFERROR(INDEX(Jesper!AH$2:AH$366,ROUNDDOWN($C2639/24,0)+1,1)*INDEX($D$3:$AA$30,INDEX(Jesper!$R$2:$R$366,ROW(INDEX(Jesper!AH$2:AH$366,ROUNDDOWN($C2639/24,0)+1,1))-1)+IF('Standard Profiles'!$G$18=$B$10,7,0)+IF('Standard Profiles'!$G$18=$B$17,14,0)+IF('Standard Profiles'!$G$18=$B$24,21,0),MOD($C2639,24)+1)/SUM(INDEX($D$3:$AA$30,INDEX(Jesper!$R$2:$R$366,ROW(INDEX(Jesper!AH$2:AH$366,ROUNDDOWN($C2639/24,0)+1,1))-1)+IF('Standard Profiles'!$G$18=$B$10,7,0)+IF('Standard Profiles'!$G$18=$B$17,14,0)+IF('Standard Profiles'!$G$18=$B$24,21,0),0)),0)</f>
        <v>23.263799250111013</v>
      </c>
      <c r="E2639" cm="1">
        <f t="array" ref="E2639">IFERROR(INDEX(Jesper!AI$2:AI$366,ROUNDDOWN($C2639/24,0)+1,1)*INDEX($D$3:$AA$30,INDEX(Jesper!$R$2:$R$366,ROW(INDEX(Jesper!AI$2:AI$366,ROUNDDOWN($C2639/24,0)+1,1))-1)+IF('Standard Profiles'!$G$19=$B$10,7,0)+IF('Standard Profiles'!$G$19=$B$17,14,0)+IF('Standard Profiles'!$G$19=$B$24,21,0),MOD($C2639,24)+1)/SUM(INDEX($D$3:$AA$30,INDEX(Jesper!$R$2:$R$366,ROW(INDEX(Jesper!AI$2:AI$366,ROUNDDOWN($C2639/24,0)+1,1))-1)+IF('Standard Profiles'!$G$19=$B$10,7,0)+IF('Standard Profiles'!$G$19=$B$17,14,0)+IF('Standard Profiles'!$G$19=$B$24,21,0),0)),0)</f>
        <v>19.357703864672978</v>
      </c>
      <c r="F2639" cm="1">
        <f t="array" ref="F2639">IFERROR(INDEX(Jesper!AJ$2:AJ$366,ROUNDDOWN($C2639/24,0)+1,1)*INDEX($D$3:$AA$30,INDEX(Jesper!$R$2:$R$366,ROW(INDEX(Jesper!AJ$2:AJ$366,ROUNDDOWN($C2639/24,0)+1,1))-1)+IF('Standard Profiles'!$G$20=$B$10,7,0)+IF('Standard Profiles'!$G$20=$B$17,14,0)+IF('Standard Profiles'!$G$20=$B$24,21,0),MOD($C2639,24)+1)/SUM(INDEX($D$3:$AA$30,INDEX(Jesper!$R$2:$R$366,ROW(INDEX(Jesper!AJ$2:AJ$366,ROUNDDOWN($C2639/24,0)+1,1))-1)+IF('Standard Profiles'!$G$20=$B$10,7,0)+IF('Standard Profiles'!$G$20=$B$17,14,0)+IF('Standard Profiles'!$G$20=$B$24,21,0),0)),0)</f>
        <v>0</v>
      </c>
      <c r="G2639" cm="1">
        <f t="array" ref="G2639">IFERROR(INDEX(Jesper!AK$2:AK$366,ROUNDDOWN($C2639/24,0)+1,1)*INDEX($D$3:$AA$30,INDEX(Jesper!$R$2:$R$366,ROW(INDEX(Jesper!AK$2:AK$366,ROUNDDOWN($C2639/24,0)+1,1))-1)+IF('Standard Profiles'!$G$21=$B$10,7,0)+IF('Standard Profiles'!$G$21=$B$17,14,0)+IF('Standard Profiles'!$G$21=$B$24,21,0),MOD($C2639,24)+1)/SUM(INDEX($D$3:$AA$30,INDEX(Jesper!$R$2:$R$366,ROW(INDEX(Jesper!AK$2:AK$366,ROUNDDOWN($C2639/24,0)+1,1))-1)+IF('Standard Profiles'!$G$21=$B$10,7,0)+IF('Standard Profiles'!$G$21=$B$17,14,0)+IF('Standard Profiles'!$G$21=$B$24,21,0),0)),0)</f>
        <v>7.6951819004348003</v>
      </c>
      <c r="H2639" cm="1">
        <f t="array" ref="H2639">IFERROR(INDEX(Jesper!AL$2:AL$366,ROUNDDOWN($C2639/24,0)+1,1)*INDEX($D$3:$AA$30,INDEX(Jesper!$R$2:$R$366,ROW(INDEX(Jesper!AL$2:AL$366,ROUNDDOWN($C2639/24,0)+1,1))-1)+IF('Standard Profiles'!$G$22=$B$10,7,0)+IF('Standard Profiles'!$G$22=$B$17,14,0)+IF('Standard Profiles'!$G$22=$B$24,21,0),MOD($C2639,24)+1)/SUM(INDEX($D$3:$AA$30,INDEX(Jesper!$R$2:$R$366,ROW(INDEX(Jesper!AL$2:AL$366,ROUNDDOWN($C2639/24,0)+1,1))-1)+IF('Standard Profiles'!$G$22=$B$10,7,0)+IF('Standard Profiles'!$G$22=$B$17,14,0)+IF('Standard Profiles'!$G$22=$B$24,21,0),0)),0)</f>
        <v>0</v>
      </c>
      <c r="I2639">
        <f t="shared" si="300"/>
        <v>3.6936873122087022</v>
      </c>
      <c r="J2639">
        <f t="shared" si="301"/>
        <v>42.900789822992323</v>
      </c>
      <c r="K2639">
        <f t="shared" si="302"/>
        <v>2.4814719200118418</v>
      </c>
      <c r="L2639">
        <f t="shared" si="303"/>
        <v>1.2407359600059209</v>
      </c>
      <c r="M2639">
        <f t="shared" si="304"/>
        <v>0</v>
      </c>
      <c r="N2639" s="45">
        <f t="shared" si="305"/>
        <v>45035.541666660349</v>
      </c>
    </row>
    <row r="2640" spans="2:14" x14ac:dyDescent="0.25">
      <c r="B2640">
        <f t="shared" si="299"/>
        <v>3</v>
      </c>
      <c r="C2640" s="16">
        <v>2606</v>
      </c>
      <c r="D2640" cm="1">
        <f t="array" ref="D2640">IFERROR(INDEX(Jesper!AH$2:AH$366,ROUNDDOWN($C2640/24,0)+1,1)*INDEX($D$3:$AA$30,INDEX(Jesper!$R$2:$R$366,ROW(INDEX(Jesper!AH$2:AH$366,ROUNDDOWN($C2640/24,0)+1,1))-1)+IF('Standard Profiles'!$G$18=$B$10,7,0)+IF('Standard Profiles'!$G$18=$B$17,14,0)+IF('Standard Profiles'!$G$18=$B$24,21,0),MOD($C2640,24)+1)/SUM(INDEX($D$3:$AA$30,INDEX(Jesper!$R$2:$R$366,ROW(INDEX(Jesper!AH$2:AH$366,ROUNDDOWN($C2640/24,0)+1,1))-1)+IF('Standard Profiles'!$G$18=$B$10,7,0)+IF('Standard Profiles'!$G$18=$B$17,14,0)+IF('Standard Profiles'!$G$18=$B$24,21,0),0)),0)</f>
        <v>35.02077306468324</v>
      </c>
      <c r="E2640" cm="1">
        <f t="array" ref="E2640">IFERROR(INDEX(Jesper!AI$2:AI$366,ROUNDDOWN($C2640/24,0)+1,1)*INDEX($D$3:$AA$30,INDEX(Jesper!$R$2:$R$366,ROW(INDEX(Jesper!AI$2:AI$366,ROUNDDOWN($C2640/24,0)+1,1))-1)+IF('Standard Profiles'!$G$19=$B$10,7,0)+IF('Standard Profiles'!$G$19=$B$17,14,0)+IF('Standard Profiles'!$G$19=$B$24,21,0),MOD($C2640,24)+1)/SUM(INDEX($D$3:$AA$30,INDEX(Jesper!$R$2:$R$366,ROW(INDEX(Jesper!AI$2:AI$366,ROUNDDOWN($C2640/24,0)+1,1))-1)+IF('Standard Profiles'!$G$19=$B$10,7,0)+IF('Standard Profiles'!$G$19=$B$17,14,0)+IF('Standard Profiles'!$G$19=$B$24,21,0),0)),0)</f>
        <v>29.140629473701257</v>
      </c>
      <c r="F2640" cm="1">
        <f t="array" ref="F2640">IFERROR(INDEX(Jesper!AJ$2:AJ$366,ROUNDDOWN($C2640/24,0)+1,1)*INDEX($D$3:$AA$30,INDEX(Jesper!$R$2:$R$366,ROW(INDEX(Jesper!AJ$2:AJ$366,ROUNDDOWN($C2640/24,0)+1,1))-1)+IF('Standard Profiles'!$G$20=$B$10,7,0)+IF('Standard Profiles'!$G$20=$B$17,14,0)+IF('Standard Profiles'!$G$20=$B$24,21,0),MOD($C2640,24)+1)/SUM(INDEX($D$3:$AA$30,INDEX(Jesper!$R$2:$R$366,ROW(INDEX(Jesper!AJ$2:AJ$366,ROUNDDOWN($C2640/24,0)+1,1))-1)+IF('Standard Profiles'!$G$20=$B$10,7,0)+IF('Standard Profiles'!$G$20=$B$17,14,0)+IF('Standard Profiles'!$G$20=$B$24,21,0),0)),0)</f>
        <v>0</v>
      </c>
      <c r="G2640" cm="1">
        <f t="array" ref="G2640">IFERROR(INDEX(Jesper!AK$2:AK$366,ROUNDDOWN($C2640/24,0)+1,1)*INDEX($D$3:$AA$30,INDEX(Jesper!$R$2:$R$366,ROW(INDEX(Jesper!AK$2:AK$366,ROUNDDOWN($C2640/24,0)+1,1))-1)+IF('Standard Profiles'!$G$21=$B$10,7,0)+IF('Standard Profiles'!$G$21=$B$17,14,0)+IF('Standard Profiles'!$G$21=$B$24,21,0),MOD($C2640,24)+1)/SUM(INDEX($D$3:$AA$30,INDEX(Jesper!$R$2:$R$366,ROW(INDEX(Jesper!AK$2:AK$366,ROUNDDOWN($C2640/24,0)+1,1))-1)+IF('Standard Profiles'!$G$21=$B$10,7,0)+IF('Standard Profiles'!$G$21=$B$17,14,0)+IF('Standard Profiles'!$G$21=$B$24,21,0),0)),0)</f>
        <v>11.584144796353462</v>
      </c>
      <c r="H2640" cm="1">
        <f t="array" ref="H2640">IFERROR(INDEX(Jesper!AL$2:AL$366,ROUNDDOWN($C2640/24,0)+1,1)*INDEX($D$3:$AA$30,INDEX(Jesper!$R$2:$R$366,ROW(INDEX(Jesper!AL$2:AL$366,ROUNDDOWN($C2640/24,0)+1,1))-1)+IF('Standard Profiles'!$G$22=$B$10,7,0)+IF('Standard Profiles'!$G$22=$B$17,14,0)+IF('Standard Profiles'!$G$22=$B$24,21,0),MOD($C2640,24)+1)/SUM(INDEX($D$3:$AA$30,INDEX(Jesper!$R$2:$R$366,ROW(INDEX(Jesper!AL$2:AL$366,ROUNDDOWN($C2640/24,0)+1,1))-1)+IF('Standard Profiles'!$G$22=$B$10,7,0)+IF('Standard Profiles'!$G$22=$B$17,14,0)+IF('Standard Profiles'!$G$22=$B$24,21,0),0)),0)</f>
        <v>0</v>
      </c>
      <c r="I2640">
        <f t="shared" si="300"/>
        <v>5.5603895022496586</v>
      </c>
      <c r="J2640">
        <f t="shared" si="301"/>
        <v>64.581834142138987</v>
      </c>
      <c r="K2640">
        <f t="shared" si="302"/>
        <v>3.7355491268995458</v>
      </c>
      <c r="L2640">
        <f t="shared" si="303"/>
        <v>1.8677745634497729</v>
      </c>
      <c r="M2640">
        <f t="shared" si="304"/>
        <v>0</v>
      </c>
      <c r="N2640" s="45">
        <f t="shared" si="305"/>
        <v>45035.583333327013</v>
      </c>
    </row>
    <row r="2641" spans="2:14" x14ac:dyDescent="0.25">
      <c r="B2641">
        <f t="shared" si="299"/>
        <v>3</v>
      </c>
      <c r="C2641" s="16">
        <v>2607</v>
      </c>
      <c r="D2641" cm="1">
        <f t="array" ref="D2641">IFERROR(INDEX(Jesper!AH$2:AH$366,ROUNDDOWN($C2641/24,0)+1,1)*INDEX($D$3:$AA$30,INDEX(Jesper!$R$2:$R$366,ROW(INDEX(Jesper!AH$2:AH$366,ROUNDDOWN($C2641/24,0)+1,1))-1)+IF('Standard Profiles'!$G$18=$B$10,7,0)+IF('Standard Profiles'!$G$18=$B$17,14,0)+IF('Standard Profiles'!$G$18=$B$24,21,0),MOD($C2641,24)+1)/SUM(INDEX($D$3:$AA$30,INDEX(Jesper!$R$2:$R$366,ROW(INDEX(Jesper!AH$2:AH$366,ROUNDDOWN($C2641/24,0)+1,1))-1)+IF('Standard Profiles'!$G$18=$B$10,7,0)+IF('Standard Profiles'!$G$18=$B$17,14,0)+IF('Standard Profiles'!$G$18=$B$24,21,0),0)),0)</f>
        <v>35.02077306468324</v>
      </c>
      <c r="E2641" cm="1">
        <f t="array" ref="E2641">IFERROR(INDEX(Jesper!AI$2:AI$366,ROUNDDOWN($C2641/24,0)+1,1)*INDEX($D$3:$AA$30,INDEX(Jesper!$R$2:$R$366,ROW(INDEX(Jesper!AI$2:AI$366,ROUNDDOWN($C2641/24,0)+1,1))-1)+IF('Standard Profiles'!$G$19=$B$10,7,0)+IF('Standard Profiles'!$G$19=$B$17,14,0)+IF('Standard Profiles'!$G$19=$B$24,21,0),MOD($C2641,24)+1)/SUM(INDEX($D$3:$AA$30,INDEX(Jesper!$R$2:$R$366,ROW(INDEX(Jesper!AI$2:AI$366,ROUNDDOWN($C2641/24,0)+1,1))-1)+IF('Standard Profiles'!$G$19=$B$10,7,0)+IF('Standard Profiles'!$G$19=$B$17,14,0)+IF('Standard Profiles'!$G$19=$B$24,21,0),0)),0)</f>
        <v>29.140629473701257</v>
      </c>
      <c r="F2641" cm="1">
        <f t="array" ref="F2641">IFERROR(INDEX(Jesper!AJ$2:AJ$366,ROUNDDOWN($C2641/24,0)+1,1)*INDEX($D$3:$AA$30,INDEX(Jesper!$R$2:$R$366,ROW(INDEX(Jesper!AJ$2:AJ$366,ROUNDDOWN($C2641/24,0)+1,1))-1)+IF('Standard Profiles'!$G$20=$B$10,7,0)+IF('Standard Profiles'!$G$20=$B$17,14,0)+IF('Standard Profiles'!$G$20=$B$24,21,0),MOD($C2641,24)+1)/SUM(INDEX($D$3:$AA$30,INDEX(Jesper!$R$2:$R$366,ROW(INDEX(Jesper!AJ$2:AJ$366,ROUNDDOWN($C2641/24,0)+1,1))-1)+IF('Standard Profiles'!$G$20=$B$10,7,0)+IF('Standard Profiles'!$G$20=$B$17,14,0)+IF('Standard Profiles'!$G$20=$B$24,21,0),0)),0)</f>
        <v>0</v>
      </c>
      <c r="G2641" cm="1">
        <f t="array" ref="G2641">IFERROR(INDEX(Jesper!AK$2:AK$366,ROUNDDOWN($C2641/24,0)+1,1)*INDEX($D$3:$AA$30,INDEX(Jesper!$R$2:$R$366,ROW(INDEX(Jesper!AK$2:AK$366,ROUNDDOWN($C2641/24,0)+1,1))-1)+IF('Standard Profiles'!$G$21=$B$10,7,0)+IF('Standard Profiles'!$G$21=$B$17,14,0)+IF('Standard Profiles'!$G$21=$B$24,21,0),MOD($C2641,24)+1)/SUM(INDEX($D$3:$AA$30,INDEX(Jesper!$R$2:$R$366,ROW(INDEX(Jesper!AK$2:AK$366,ROUNDDOWN($C2641/24,0)+1,1))-1)+IF('Standard Profiles'!$G$21=$B$10,7,0)+IF('Standard Profiles'!$G$21=$B$17,14,0)+IF('Standard Profiles'!$G$21=$B$24,21,0),0)),0)</f>
        <v>11.584144796353462</v>
      </c>
      <c r="H2641" cm="1">
        <f t="array" ref="H2641">IFERROR(INDEX(Jesper!AL$2:AL$366,ROUNDDOWN($C2641/24,0)+1,1)*INDEX($D$3:$AA$30,INDEX(Jesper!$R$2:$R$366,ROW(INDEX(Jesper!AL$2:AL$366,ROUNDDOWN($C2641/24,0)+1,1))-1)+IF('Standard Profiles'!$G$22=$B$10,7,0)+IF('Standard Profiles'!$G$22=$B$17,14,0)+IF('Standard Profiles'!$G$22=$B$24,21,0),MOD($C2641,24)+1)/SUM(INDEX($D$3:$AA$30,INDEX(Jesper!$R$2:$R$366,ROW(INDEX(Jesper!AL$2:AL$366,ROUNDDOWN($C2641/24,0)+1,1))-1)+IF('Standard Profiles'!$G$22=$B$10,7,0)+IF('Standard Profiles'!$G$22=$B$17,14,0)+IF('Standard Profiles'!$G$22=$B$24,21,0),0)),0)</f>
        <v>0</v>
      </c>
      <c r="I2641">
        <f t="shared" si="300"/>
        <v>5.5603895022496586</v>
      </c>
      <c r="J2641">
        <f t="shared" si="301"/>
        <v>64.581834142138987</v>
      </c>
      <c r="K2641">
        <f t="shared" si="302"/>
        <v>3.7355491268995458</v>
      </c>
      <c r="L2641">
        <f t="shared" si="303"/>
        <v>1.8677745634497729</v>
      </c>
      <c r="M2641">
        <f t="shared" si="304"/>
        <v>0</v>
      </c>
      <c r="N2641" s="45">
        <f t="shared" si="305"/>
        <v>45035.624999993677</v>
      </c>
    </row>
    <row r="2642" spans="2:14" x14ac:dyDescent="0.25">
      <c r="B2642">
        <f t="shared" si="299"/>
        <v>3</v>
      </c>
      <c r="C2642" s="16">
        <v>2608</v>
      </c>
      <c r="D2642" cm="1">
        <f t="array" ref="D2642">IFERROR(INDEX(Jesper!AH$2:AH$366,ROUNDDOWN($C2642/24,0)+1,1)*INDEX($D$3:$AA$30,INDEX(Jesper!$R$2:$R$366,ROW(INDEX(Jesper!AH$2:AH$366,ROUNDDOWN($C2642/24,0)+1,1))-1)+IF('Standard Profiles'!$G$18=$B$10,7,0)+IF('Standard Profiles'!$G$18=$B$17,14,0)+IF('Standard Profiles'!$G$18=$B$24,21,0),MOD($C2642,24)+1)/SUM(INDEX($D$3:$AA$30,INDEX(Jesper!$R$2:$R$366,ROW(INDEX(Jesper!AH$2:AH$366,ROUNDDOWN($C2642/24,0)+1,1))-1)+IF('Standard Profiles'!$G$18=$B$10,7,0)+IF('Standard Profiles'!$G$18=$B$17,14,0)+IF('Standard Profiles'!$G$18=$B$24,21,0),0)),0)</f>
        <v>20.637241270259771</v>
      </c>
      <c r="E2642" cm="1">
        <f t="array" ref="E2642">IFERROR(INDEX(Jesper!AI$2:AI$366,ROUNDDOWN($C2642/24,0)+1,1)*INDEX($D$3:$AA$30,INDEX(Jesper!$R$2:$R$366,ROW(INDEX(Jesper!AI$2:AI$366,ROUNDDOWN($C2642/24,0)+1,1))-1)+IF('Standard Profiles'!$G$19=$B$10,7,0)+IF('Standard Profiles'!$G$19=$B$17,14,0)+IF('Standard Profiles'!$G$19=$B$24,21,0),MOD($C2642,24)+1)/SUM(INDEX($D$3:$AA$30,INDEX(Jesper!$R$2:$R$366,ROW(INDEX(Jesper!AI$2:AI$366,ROUNDDOWN($C2642/24,0)+1,1))-1)+IF('Standard Profiles'!$G$19=$B$10,7,0)+IF('Standard Profiles'!$G$19=$B$17,14,0)+IF('Standard Profiles'!$G$19=$B$24,21,0),0)),0)</f>
        <v>17.172156654145386</v>
      </c>
      <c r="F2642" cm="1">
        <f t="array" ref="F2642">IFERROR(INDEX(Jesper!AJ$2:AJ$366,ROUNDDOWN($C2642/24,0)+1,1)*INDEX($D$3:$AA$30,INDEX(Jesper!$R$2:$R$366,ROW(INDEX(Jesper!AJ$2:AJ$366,ROUNDDOWN($C2642/24,0)+1,1))-1)+IF('Standard Profiles'!$G$20=$B$10,7,0)+IF('Standard Profiles'!$G$20=$B$17,14,0)+IF('Standard Profiles'!$G$20=$B$24,21,0),MOD($C2642,24)+1)/SUM(INDEX($D$3:$AA$30,INDEX(Jesper!$R$2:$R$366,ROW(INDEX(Jesper!AJ$2:AJ$366,ROUNDDOWN($C2642/24,0)+1,1))-1)+IF('Standard Profiles'!$G$20=$B$10,7,0)+IF('Standard Profiles'!$G$20=$B$17,14,0)+IF('Standard Profiles'!$G$20=$B$24,21,0),0)),0)</f>
        <v>0</v>
      </c>
      <c r="G2642" cm="1">
        <f t="array" ref="G2642">IFERROR(INDEX(Jesper!AK$2:AK$366,ROUNDDOWN($C2642/24,0)+1,1)*INDEX($D$3:$AA$30,INDEX(Jesper!$R$2:$R$366,ROW(INDEX(Jesper!AK$2:AK$366,ROUNDDOWN($C2642/24,0)+1,1))-1)+IF('Standard Profiles'!$G$21=$B$10,7,0)+IF('Standard Profiles'!$G$21=$B$17,14,0)+IF('Standard Profiles'!$G$21=$B$24,21,0),MOD($C2642,24)+1)/SUM(INDEX($D$3:$AA$30,INDEX(Jesper!$R$2:$R$366,ROW(INDEX(Jesper!AK$2:AK$366,ROUNDDOWN($C2642/24,0)+1,1))-1)+IF('Standard Profiles'!$G$21=$B$10,7,0)+IF('Standard Profiles'!$G$21=$B$17,14,0)+IF('Standard Profiles'!$G$21=$B$24,21,0),0)),0)</f>
        <v>9.6796086752781108</v>
      </c>
      <c r="H2642" cm="1">
        <f t="array" ref="H2642">IFERROR(INDEX(Jesper!AL$2:AL$366,ROUNDDOWN($C2642/24,0)+1,1)*INDEX($D$3:$AA$30,INDEX(Jesper!$R$2:$R$366,ROW(INDEX(Jesper!AL$2:AL$366,ROUNDDOWN($C2642/24,0)+1,1))-1)+IF('Standard Profiles'!$G$22=$B$10,7,0)+IF('Standard Profiles'!$G$22=$B$17,14,0)+IF('Standard Profiles'!$G$22=$B$24,21,0),MOD($C2642,24)+1)/SUM(INDEX($D$3:$AA$30,INDEX(Jesper!$R$2:$R$366,ROW(INDEX(Jesper!AL$2:AL$366,ROUNDDOWN($C2642/24,0)+1,1))-1)+IF('Standard Profiles'!$G$22=$B$10,7,0)+IF('Standard Profiles'!$G$22=$B$17,14,0)+IF('Standard Profiles'!$G$22=$B$24,21,0),0)),0)</f>
        <v>0</v>
      </c>
      <c r="I2642">
        <f t="shared" si="300"/>
        <v>4.646212164133491</v>
      </c>
      <c r="J2642">
        <f t="shared" si="301"/>
        <v>39.540835832308218</v>
      </c>
      <c r="K2642">
        <f t="shared" si="302"/>
        <v>2.2013057354943757</v>
      </c>
      <c r="L2642">
        <f t="shared" si="303"/>
        <v>1.1006528677471878</v>
      </c>
      <c r="M2642">
        <f t="shared" si="304"/>
        <v>0</v>
      </c>
      <c r="N2642" s="45">
        <f t="shared" si="305"/>
        <v>45035.666666660341</v>
      </c>
    </row>
    <row r="2643" spans="2:14" x14ac:dyDescent="0.25">
      <c r="B2643">
        <f t="shared" si="299"/>
        <v>3</v>
      </c>
      <c r="C2643" s="16">
        <v>2609</v>
      </c>
      <c r="D2643" cm="1">
        <f t="array" ref="D2643">IFERROR(INDEX(Jesper!AH$2:AH$366,ROUNDDOWN($C2643/24,0)+1,1)*INDEX($D$3:$AA$30,INDEX(Jesper!$R$2:$R$366,ROW(INDEX(Jesper!AH$2:AH$366,ROUNDDOWN($C2643/24,0)+1,1))-1)+IF('Standard Profiles'!$G$18=$B$10,7,0)+IF('Standard Profiles'!$G$18=$B$17,14,0)+IF('Standard Profiles'!$G$18=$B$24,21,0),MOD($C2643,24)+1)/SUM(INDEX($D$3:$AA$30,INDEX(Jesper!$R$2:$R$366,ROW(INDEX(Jesper!AH$2:AH$366,ROUNDDOWN($C2643/24,0)+1,1))-1)+IF('Standard Profiles'!$G$18=$B$10,7,0)+IF('Standard Profiles'!$G$18=$B$17,14,0)+IF('Standard Profiles'!$G$18=$B$24,21,0),0)),0)</f>
        <v>8.808041515262385</v>
      </c>
      <c r="E2643" cm="1">
        <f t="array" ref="E2643">IFERROR(INDEX(Jesper!AI$2:AI$366,ROUNDDOWN($C2643/24,0)+1,1)*INDEX($D$3:$AA$30,INDEX(Jesper!$R$2:$R$366,ROW(INDEX(Jesper!AI$2:AI$366,ROUNDDOWN($C2643/24,0)+1,1))-1)+IF('Standard Profiles'!$G$19=$B$10,7,0)+IF('Standard Profiles'!$G$19=$B$17,14,0)+IF('Standard Profiles'!$G$19=$B$24,21,0),MOD($C2643,24)+1)/SUM(INDEX($D$3:$AA$30,INDEX(Jesper!$R$2:$R$366,ROW(INDEX(Jesper!AI$2:AI$366,ROUNDDOWN($C2643/24,0)+1,1))-1)+IF('Standard Profiles'!$G$19=$B$10,7,0)+IF('Standard Profiles'!$G$19=$B$17,14,0)+IF('Standard Profiles'!$G$19=$B$24,21,0),0)),0)</f>
        <v>7.3291321613936775</v>
      </c>
      <c r="F2643" cm="1">
        <f t="array" ref="F2643">IFERROR(INDEX(Jesper!AJ$2:AJ$366,ROUNDDOWN($C2643/24,0)+1,1)*INDEX($D$3:$AA$30,INDEX(Jesper!$R$2:$R$366,ROW(INDEX(Jesper!AJ$2:AJ$366,ROUNDDOWN($C2643/24,0)+1,1))-1)+IF('Standard Profiles'!$G$20=$B$10,7,0)+IF('Standard Profiles'!$G$20=$B$17,14,0)+IF('Standard Profiles'!$G$20=$B$24,21,0),MOD($C2643,24)+1)/SUM(INDEX($D$3:$AA$30,INDEX(Jesper!$R$2:$R$366,ROW(INDEX(Jesper!AJ$2:AJ$366,ROUNDDOWN($C2643/24,0)+1,1))-1)+IF('Standard Profiles'!$G$20=$B$10,7,0)+IF('Standard Profiles'!$G$20=$B$17,14,0)+IF('Standard Profiles'!$G$20=$B$24,21,0),0)),0)</f>
        <v>0</v>
      </c>
      <c r="G2643" cm="1">
        <f t="array" ref="G2643">IFERROR(INDEX(Jesper!AK$2:AK$366,ROUNDDOWN($C2643/24,0)+1,1)*INDEX($D$3:$AA$30,INDEX(Jesper!$R$2:$R$366,ROW(INDEX(Jesper!AK$2:AK$366,ROUNDDOWN($C2643/24,0)+1,1))-1)+IF('Standard Profiles'!$G$21=$B$10,7,0)+IF('Standard Profiles'!$G$21=$B$17,14,0)+IF('Standard Profiles'!$G$21=$B$24,21,0),MOD($C2643,24)+1)/SUM(INDEX($D$3:$AA$30,INDEX(Jesper!$R$2:$R$366,ROW(INDEX(Jesper!AK$2:AK$366,ROUNDDOWN($C2643/24,0)+1,1))-1)+IF('Standard Profiles'!$G$21=$B$10,7,0)+IF('Standard Profiles'!$G$21=$B$17,14,0)+IF('Standard Profiles'!$G$21=$B$24,21,0),0)),0)</f>
        <v>7.6966085192520861</v>
      </c>
      <c r="H2643" cm="1">
        <f t="array" ref="H2643">IFERROR(INDEX(Jesper!AL$2:AL$366,ROUNDDOWN($C2643/24,0)+1,1)*INDEX($D$3:$AA$30,INDEX(Jesper!$R$2:$R$366,ROW(INDEX(Jesper!AL$2:AL$366,ROUNDDOWN($C2643/24,0)+1,1))-1)+IF('Standard Profiles'!$G$22=$B$10,7,0)+IF('Standard Profiles'!$G$22=$B$17,14,0)+IF('Standard Profiles'!$G$22=$B$24,21,0),MOD($C2643,24)+1)/SUM(INDEX($D$3:$AA$30,INDEX(Jesper!$R$2:$R$366,ROW(INDEX(Jesper!AL$2:AL$366,ROUNDDOWN($C2643/24,0)+1,1))-1)+IF('Standard Profiles'!$G$22=$B$10,7,0)+IF('Standard Profiles'!$G$22=$B$17,14,0)+IF('Standard Profiles'!$G$22=$B$24,21,0),0)),0)</f>
        <v>0</v>
      </c>
      <c r="I2643">
        <f t="shared" si="300"/>
        <v>3.6943720892409995</v>
      </c>
      <c r="J2643">
        <f t="shared" si="301"/>
        <v>18.730123464225166</v>
      </c>
      <c r="K2643">
        <f t="shared" si="302"/>
        <v>0.93952442829465443</v>
      </c>
      <c r="L2643">
        <f t="shared" si="303"/>
        <v>0.46976221414732722</v>
      </c>
      <c r="M2643">
        <f t="shared" si="304"/>
        <v>0</v>
      </c>
      <c r="N2643" s="45">
        <f t="shared" si="305"/>
        <v>45035.708333327006</v>
      </c>
    </row>
    <row r="2644" spans="2:14" x14ac:dyDescent="0.25">
      <c r="B2644">
        <f t="shared" si="299"/>
        <v>3</v>
      </c>
      <c r="C2644" s="16">
        <v>2610</v>
      </c>
      <c r="D2644" cm="1">
        <f t="array" ref="D2644">IFERROR(INDEX(Jesper!AH$2:AH$366,ROUNDDOWN($C2644/24,0)+1,1)*INDEX($D$3:$AA$30,INDEX(Jesper!$R$2:$R$366,ROW(INDEX(Jesper!AH$2:AH$366,ROUNDDOWN($C2644/24,0)+1,1))-1)+IF('Standard Profiles'!$G$18=$B$10,7,0)+IF('Standard Profiles'!$G$18=$B$17,14,0)+IF('Standard Profiles'!$G$18=$B$24,21,0),MOD($C2644,24)+1)/SUM(INDEX($D$3:$AA$30,INDEX(Jesper!$R$2:$R$366,ROW(INDEX(Jesper!AH$2:AH$366,ROUNDDOWN($C2644/24,0)+1,1))-1)+IF('Standard Profiles'!$G$18=$B$10,7,0)+IF('Standard Profiles'!$G$18=$B$17,14,0)+IF('Standard Profiles'!$G$18=$B$24,21,0),0)),0)</f>
        <v>5.8133074000731746</v>
      </c>
      <c r="E2644" cm="1">
        <f t="array" ref="E2644">IFERROR(INDEX(Jesper!AI$2:AI$366,ROUNDDOWN($C2644/24,0)+1,1)*INDEX($D$3:$AA$30,INDEX(Jesper!$R$2:$R$366,ROW(INDEX(Jesper!AI$2:AI$366,ROUNDDOWN($C2644/24,0)+1,1))-1)+IF('Standard Profiles'!$G$19=$B$10,7,0)+IF('Standard Profiles'!$G$19=$B$17,14,0)+IF('Standard Profiles'!$G$19=$B$24,21,0),MOD($C2644,24)+1)/SUM(INDEX($D$3:$AA$30,INDEX(Jesper!$R$2:$R$366,ROW(INDEX(Jesper!AI$2:AI$366,ROUNDDOWN($C2644/24,0)+1,1))-1)+IF('Standard Profiles'!$G$19=$B$10,7,0)+IF('Standard Profiles'!$G$19=$B$17,14,0)+IF('Standard Profiles'!$G$19=$B$24,21,0),0)),0)</f>
        <v>4.8372272265198264</v>
      </c>
      <c r="F2644" cm="1">
        <f t="array" ref="F2644">IFERROR(INDEX(Jesper!AJ$2:AJ$366,ROUNDDOWN($C2644/24,0)+1,1)*INDEX($D$3:$AA$30,INDEX(Jesper!$R$2:$R$366,ROW(INDEX(Jesper!AJ$2:AJ$366,ROUNDDOWN($C2644/24,0)+1,1))-1)+IF('Standard Profiles'!$G$20=$B$10,7,0)+IF('Standard Profiles'!$G$20=$B$17,14,0)+IF('Standard Profiles'!$G$20=$B$24,21,0),MOD($C2644,24)+1)/SUM(INDEX($D$3:$AA$30,INDEX(Jesper!$R$2:$R$366,ROW(INDEX(Jesper!AJ$2:AJ$366,ROUNDDOWN($C2644/24,0)+1,1))-1)+IF('Standard Profiles'!$G$20=$B$10,7,0)+IF('Standard Profiles'!$G$20=$B$17,14,0)+IF('Standard Profiles'!$G$20=$B$24,21,0),0)),0)</f>
        <v>0</v>
      </c>
      <c r="G2644" cm="1">
        <f t="array" ref="G2644">IFERROR(INDEX(Jesper!AK$2:AK$366,ROUNDDOWN($C2644/24,0)+1,1)*INDEX($D$3:$AA$30,INDEX(Jesper!$R$2:$R$366,ROW(INDEX(Jesper!AK$2:AK$366,ROUNDDOWN($C2644/24,0)+1,1))-1)+IF('Standard Profiles'!$G$21=$B$10,7,0)+IF('Standard Profiles'!$G$21=$B$17,14,0)+IF('Standard Profiles'!$G$21=$B$24,21,0),MOD($C2644,24)+1)/SUM(INDEX($D$3:$AA$30,INDEX(Jesper!$R$2:$R$366,ROW(INDEX(Jesper!AK$2:AK$366,ROUNDDOWN($C2644/24,0)+1,1))-1)+IF('Standard Profiles'!$G$21=$B$10,7,0)+IF('Standard Profiles'!$G$21=$B$17,14,0)+IF('Standard Profiles'!$G$21=$B$24,21,0),0)),0)</f>
        <v>2.8532376345698189</v>
      </c>
      <c r="H2644" cm="1">
        <f t="array" ref="H2644">IFERROR(INDEX(Jesper!AL$2:AL$366,ROUNDDOWN($C2644/24,0)+1,1)*INDEX($D$3:$AA$30,INDEX(Jesper!$R$2:$R$366,ROW(INDEX(Jesper!AL$2:AL$366,ROUNDDOWN($C2644/24,0)+1,1))-1)+IF('Standard Profiles'!$G$22=$B$10,7,0)+IF('Standard Profiles'!$G$22=$B$17,14,0)+IF('Standard Profiles'!$G$22=$B$24,21,0),MOD($C2644,24)+1)/SUM(INDEX($D$3:$AA$30,INDEX(Jesper!$R$2:$R$366,ROW(INDEX(Jesper!AL$2:AL$366,ROUNDDOWN($C2644/24,0)+1,1))-1)+IF('Standard Profiles'!$G$22=$B$10,7,0)+IF('Standard Profiles'!$G$22=$B$17,14,0)+IF('Standard Profiles'!$G$22=$B$24,21,0),0)),0)</f>
        <v>0</v>
      </c>
      <c r="I2644">
        <f t="shared" si="300"/>
        <v>1.3695540645935125</v>
      </c>
      <c r="J2644">
        <f t="shared" si="301"/>
        <v>11.204089012557599</v>
      </c>
      <c r="K2644">
        <f t="shared" si="302"/>
        <v>0.62008612267447205</v>
      </c>
      <c r="L2644">
        <f t="shared" si="303"/>
        <v>0.31004306133723603</v>
      </c>
      <c r="M2644">
        <f t="shared" si="304"/>
        <v>0</v>
      </c>
      <c r="N2644" s="45">
        <f t="shared" si="305"/>
        <v>45035.74999999367</v>
      </c>
    </row>
    <row r="2645" spans="2:14" x14ac:dyDescent="0.25">
      <c r="B2645">
        <f t="shared" si="299"/>
        <v>3</v>
      </c>
      <c r="C2645" s="16">
        <v>2611</v>
      </c>
      <c r="D2645" cm="1">
        <f t="array" ref="D2645">IFERROR(INDEX(Jesper!AH$2:AH$366,ROUNDDOWN($C2645/24,0)+1,1)*INDEX($D$3:$AA$30,INDEX(Jesper!$R$2:$R$366,ROW(INDEX(Jesper!AH$2:AH$366,ROUNDDOWN($C2645/24,0)+1,1))-1)+IF('Standard Profiles'!$G$18=$B$10,7,0)+IF('Standard Profiles'!$G$18=$B$17,14,0)+IF('Standard Profiles'!$G$18=$B$24,21,0),MOD($C2645,24)+1)/SUM(INDEX($D$3:$AA$30,INDEX(Jesper!$R$2:$R$366,ROW(INDEX(Jesper!AH$2:AH$366,ROUNDDOWN($C2645/24,0)+1,1))-1)+IF('Standard Profiles'!$G$18=$B$10,7,0)+IF('Standard Profiles'!$G$18=$B$17,14,0)+IF('Standard Profiles'!$G$18=$B$24,21,0),0)),0)</f>
        <v>5.8133074000731746</v>
      </c>
      <c r="E2645" cm="1">
        <f t="array" ref="E2645">IFERROR(INDEX(Jesper!AI$2:AI$366,ROUNDDOWN($C2645/24,0)+1,1)*INDEX($D$3:$AA$30,INDEX(Jesper!$R$2:$R$366,ROW(INDEX(Jesper!AI$2:AI$366,ROUNDDOWN($C2645/24,0)+1,1))-1)+IF('Standard Profiles'!$G$19=$B$10,7,0)+IF('Standard Profiles'!$G$19=$B$17,14,0)+IF('Standard Profiles'!$G$19=$B$24,21,0),MOD($C2645,24)+1)/SUM(INDEX($D$3:$AA$30,INDEX(Jesper!$R$2:$R$366,ROW(INDEX(Jesper!AI$2:AI$366,ROUNDDOWN($C2645/24,0)+1,1))-1)+IF('Standard Profiles'!$G$19=$B$10,7,0)+IF('Standard Profiles'!$G$19=$B$17,14,0)+IF('Standard Profiles'!$G$19=$B$24,21,0),0)),0)</f>
        <v>4.8372272265198264</v>
      </c>
      <c r="F2645" cm="1">
        <f t="array" ref="F2645">IFERROR(INDEX(Jesper!AJ$2:AJ$366,ROUNDDOWN($C2645/24,0)+1,1)*INDEX($D$3:$AA$30,INDEX(Jesper!$R$2:$R$366,ROW(INDEX(Jesper!AJ$2:AJ$366,ROUNDDOWN($C2645/24,0)+1,1))-1)+IF('Standard Profiles'!$G$20=$B$10,7,0)+IF('Standard Profiles'!$G$20=$B$17,14,0)+IF('Standard Profiles'!$G$20=$B$24,21,0),MOD($C2645,24)+1)/SUM(INDEX($D$3:$AA$30,INDEX(Jesper!$R$2:$R$366,ROW(INDEX(Jesper!AJ$2:AJ$366,ROUNDDOWN($C2645/24,0)+1,1))-1)+IF('Standard Profiles'!$G$20=$B$10,7,0)+IF('Standard Profiles'!$G$20=$B$17,14,0)+IF('Standard Profiles'!$G$20=$B$24,21,0),0)),0)</f>
        <v>0</v>
      </c>
      <c r="G2645" cm="1">
        <f t="array" ref="G2645">IFERROR(INDEX(Jesper!AK$2:AK$366,ROUNDDOWN($C2645/24,0)+1,1)*INDEX($D$3:$AA$30,INDEX(Jesper!$R$2:$R$366,ROW(INDEX(Jesper!AK$2:AK$366,ROUNDDOWN($C2645/24,0)+1,1))-1)+IF('Standard Profiles'!$G$21=$B$10,7,0)+IF('Standard Profiles'!$G$21=$B$17,14,0)+IF('Standard Profiles'!$G$21=$B$24,21,0),MOD($C2645,24)+1)/SUM(INDEX($D$3:$AA$30,INDEX(Jesper!$R$2:$R$366,ROW(INDEX(Jesper!AK$2:AK$366,ROUNDDOWN($C2645/24,0)+1,1))-1)+IF('Standard Profiles'!$G$21=$B$10,7,0)+IF('Standard Profiles'!$G$21=$B$17,14,0)+IF('Standard Profiles'!$G$21=$B$24,21,0),0)),0)</f>
        <v>2.8532376345698189</v>
      </c>
      <c r="H2645" cm="1">
        <f t="array" ref="H2645">IFERROR(INDEX(Jesper!AL$2:AL$366,ROUNDDOWN($C2645/24,0)+1,1)*INDEX($D$3:$AA$30,INDEX(Jesper!$R$2:$R$366,ROW(INDEX(Jesper!AL$2:AL$366,ROUNDDOWN($C2645/24,0)+1,1))-1)+IF('Standard Profiles'!$G$22=$B$10,7,0)+IF('Standard Profiles'!$G$22=$B$17,14,0)+IF('Standard Profiles'!$G$22=$B$24,21,0),MOD($C2645,24)+1)/SUM(INDEX($D$3:$AA$30,INDEX(Jesper!$R$2:$R$366,ROW(INDEX(Jesper!AL$2:AL$366,ROUNDDOWN($C2645/24,0)+1,1))-1)+IF('Standard Profiles'!$G$22=$B$10,7,0)+IF('Standard Profiles'!$G$22=$B$17,14,0)+IF('Standard Profiles'!$G$22=$B$24,21,0),0)),0)</f>
        <v>0</v>
      </c>
      <c r="I2645">
        <f t="shared" si="300"/>
        <v>1.3695540645935125</v>
      </c>
      <c r="J2645">
        <f t="shared" si="301"/>
        <v>11.204089012557599</v>
      </c>
      <c r="K2645">
        <f t="shared" si="302"/>
        <v>0.62008612267447205</v>
      </c>
      <c r="L2645">
        <f t="shared" si="303"/>
        <v>0.31004306133723603</v>
      </c>
      <c r="M2645">
        <f t="shared" si="304"/>
        <v>0</v>
      </c>
      <c r="N2645" s="45">
        <f t="shared" si="305"/>
        <v>45035.791666660334</v>
      </c>
    </row>
    <row r="2646" spans="2:14" x14ac:dyDescent="0.25">
      <c r="B2646">
        <f t="shared" si="299"/>
        <v>3</v>
      </c>
      <c r="C2646" s="16">
        <v>2612</v>
      </c>
      <c r="D2646" cm="1">
        <f t="array" ref="D2646">IFERROR(INDEX(Jesper!AH$2:AH$366,ROUNDDOWN($C2646/24,0)+1,1)*INDEX($D$3:$AA$30,INDEX(Jesper!$R$2:$R$366,ROW(INDEX(Jesper!AH$2:AH$366,ROUNDDOWN($C2646/24,0)+1,1))-1)+IF('Standard Profiles'!$G$18=$B$10,7,0)+IF('Standard Profiles'!$G$18=$B$17,14,0)+IF('Standard Profiles'!$G$18=$B$24,21,0),MOD($C2646,24)+1)/SUM(INDEX($D$3:$AA$30,INDEX(Jesper!$R$2:$R$366,ROW(INDEX(Jesper!AH$2:AH$366,ROUNDDOWN($C2646/24,0)+1,1))-1)+IF('Standard Profiles'!$G$18=$B$10,7,0)+IF('Standard Profiles'!$G$18=$B$17,14,0)+IF('Standard Profiles'!$G$18=$B$24,21,0),0)),0)</f>
        <v>5.8133074000731746</v>
      </c>
      <c r="E2646" cm="1">
        <f t="array" ref="E2646">IFERROR(INDEX(Jesper!AI$2:AI$366,ROUNDDOWN($C2646/24,0)+1,1)*INDEX($D$3:$AA$30,INDEX(Jesper!$R$2:$R$366,ROW(INDEX(Jesper!AI$2:AI$366,ROUNDDOWN($C2646/24,0)+1,1))-1)+IF('Standard Profiles'!$G$19=$B$10,7,0)+IF('Standard Profiles'!$G$19=$B$17,14,0)+IF('Standard Profiles'!$G$19=$B$24,21,0),MOD($C2646,24)+1)/SUM(INDEX($D$3:$AA$30,INDEX(Jesper!$R$2:$R$366,ROW(INDEX(Jesper!AI$2:AI$366,ROUNDDOWN($C2646/24,0)+1,1))-1)+IF('Standard Profiles'!$G$19=$B$10,7,0)+IF('Standard Profiles'!$G$19=$B$17,14,0)+IF('Standard Profiles'!$G$19=$B$24,21,0),0)),0)</f>
        <v>4.8372272265198264</v>
      </c>
      <c r="F2646" cm="1">
        <f t="array" ref="F2646">IFERROR(INDEX(Jesper!AJ$2:AJ$366,ROUNDDOWN($C2646/24,0)+1,1)*INDEX($D$3:$AA$30,INDEX(Jesper!$R$2:$R$366,ROW(INDEX(Jesper!AJ$2:AJ$366,ROUNDDOWN($C2646/24,0)+1,1))-1)+IF('Standard Profiles'!$G$20=$B$10,7,0)+IF('Standard Profiles'!$G$20=$B$17,14,0)+IF('Standard Profiles'!$G$20=$B$24,21,0),MOD($C2646,24)+1)/SUM(INDEX($D$3:$AA$30,INDEX(Jesper!$R$2:$R$366,ROW(INDEX(Jesper!AJ$2:AJ$366,ROUNDDOWN($C2646/24,0)+1,1))-1)+IF('Standard Profiles'!$G$20=$B$10,7,0)+IF('Standard Profiles'!$G$20=$B$17,14,0)+IF('Standard Profiles'!$G$20=$B$24,21,0),0)),0)</f>
        <v>0</v>
      </c>
      <c r="G2646" cm="1">
        <f t="array" ref="G2646">IFERROR(INDEX(Jesper!AK$2:AK$366,ROUNDDOWN($C2646/24,0)+1,1)*INDEX($D$3:$AA$30,INDEX(Jesper!$R$2:$R$366,ROW(INDEX(Jesper!AK$2:AK$366,ROUNDDOWN($C2646/24,0)+1,1))-1)+IF('Standard Profiles'!$G$21=$B$10,7,0)+IF('Standard Profiles'!$G$21=$B$17,14,0)+IF('Standard Profiles'!$G$21=$B$24,21,0),MOD($C2646,24)+1)/SUM(INDEX($D$3:$AA$30,INDEX(Jesper!$R$2:$R$366,ROW(INDEX(Jesper!AK$2:AK$366,ROUNDDOWN($C2646/24,0)+1,1))-1)+IF('Standard Profiles'!$G$21=$B$10,7,0)+IF('Standard Profiles'!$G$21=$B$17,14,0)+IF('Standard Profiles'!$G$21=$B$24,21,0),0)),0)</f>
        <v>2.8532376345698189</v>
      </c>
      <c r="H2646" cm="1">
        <f t="array" ref="H2646">IFERROR(INDEX(Jesper!AL$2:AL$366,ROUNDDOWN($C2646/24,0)+1,1)*INDEX($D$3:$AA$30,INDEX(Jesper!$R$2:$R$366,ROW(INDEX(Jesper!AL$2:AL$366,ROUNDDOWN($C2646/24,0)+1,1))-1)+IF('Standard Profiles'!$G$22=$B$10,7,0)+IF('Standard Profiles'!$G$22=$B$17,14,0)+IF('Standard Profiles'!$G$22=$B$24,21,0),MOD($C2646,24)+1)/SUM(INDEX($D$3:$AA$30,INDEX(Jesper!$R$2:$R$366,ROW(INDEX(Jesper!AL$2:AL$366,ROUNDDOWN($C2646/24,0)+1,1))-1)+IF('Standard Profiles'!$G$22=$B$10,7,0)+IF('Standard Profiles'!$G$22=$B$17,14,0)+IF('Standard Profiles'!$G$22=$B$24,21,0),0)),0)</f>
        <v>0</v>
      </c>
      <c r="I2646">
        <f t="shared" si="300"/>
        <v>1.3695540645935125</v>
      </c>
      <c r="J2646">
        <f t="shared" si="301"/>
        <v>11.204089012557599</v>
      </c>
      <c r="K2646">
        <f t="shared" si="302"/>
        <v>0.62008612267447205</v>
      </c>
      <c r="L2646">
        <f t="shared" si="303"/>
        <v>0.31004306133723603</v>
      </c>
      <c r="M2646">
        <f t="shared" si="304"/>
        <v>0</v>
      </c>
      <c r="N2646" s="45">
        <f t="shared" si="305"/>
        <v>45035.833333326998</v>
      </c>
    </row>
    <row r="2647" spans="2:14" x14ac:dyDescent="0.25">
      <c r="B2647">
        <f t="shared" si="299"/>
        <v>3</v>
      </c>
      <c r="C2647" s="16">
        <v>2613</v>
      </c>
      <c r="D2647" cm="1">
        <f t="array" ref="D2647">IFERROR(INDEX(Jesper!AH$2:AH$366,ROUNDDOWN($C2647/24,0)+1,1)*INDEX($D$3:$AA$30,INDEX(Jesper!$R$2:$R$366,ROW(INDEX(Jesper!AH$2:AH$366,ROUNDDOWN($C2647/24,0)+1,1))-1)+IF('Standard Profiles'!$G$18=$B$10,7,0)+IF('Standard Profiles'!$G$18=$B$17,14,0)+IF('Standard Profiles'!$G$18=$B$24,21,0),MOD($C2647,24)+1)/SUM(INDEX($D$3:$AA$30,INDEX(Jesper!$R$2:$R$366,ROW(INDEX(Jesper!AH$2:AH$366,ROUNDDOWN($C2647/24,0)+1,1))-1)+IF('Standard Profiles'!$G$18=$B$10,7,0)+IF('Standard Profiles'!$G$18=$B$17,14,0)+IF('Standard Profiles'!$G$18=$B$24,21,0),0)),0)</f>
        <v>5.8133074000731746</v>
      </c>
      <c r="E2647" cm="1">
        <f t="array" ref="E2647">IFERROR(INDEX(Jesper!AI$2:AI$366,ROUNDDOWN($C2647/24,0)+1,1)*INDEX($D$3:$AA$30,INDEX(Jesper!$R$2:$R$366,ROW(INDEX(Jesper!AI$2:AI$366,ROUNDDOWN($C2647/24,0)+1,1))-1)+IF('Standard Profiles'!$G$19=$B$10,7,0)+IF('Standard Profiles'!$G$19=$B$17,14,0)+IF('Standard Profiles'!$G$19=$B$24,21,0),MOD($C2647,24)+1)/SUM(INDEX($D$3:$AA$30,INDEX(Jesper!$R$2:$R$366,ROW(INDEX(Jesper!AI$2:AI$366,ROUNDDOWN($C2647/24,0)+1,1))-1)+IF('Standard Profiles'!$G$19=$B$10,7,0)+IF('Standard Profiles'!$G$19=$B$17,14,0)+IF('Standard Profiles'!$G$19=$B$24,21,0),0)),0)</f>
        <v>4.8372272265198264</v>
      </c>
      <c r="F2647" cm="1">
        <f t="array" ref="F2647">IFERROR(INDEX(Jesper!AJ$2:AJ$366,ROUNDDOWN($C2647/24,0)+1,1)*INDEX($D$3:$AA$30,INDEX(Jesper!$R$2:$R$366,ROW(INDEX(Jesper!AJ$2:AJ$366,ROUNDDOWN($C2647/24,0)+1,1))-1)+IF('Standard Profiles'!$G$20=$B$10,7,0)+IF('Standard Profiles'!$G$20=$B$17,14,0)+IF('Standard Profiles'!$G$20=$B$24,21,0),MOD($C2647,24)+1)/SUM(INDEX($D$3:$AA$30,INDEX(Jesper!$R$2:$R$366,ROW(INDEX(Jesper!AJ$2:AJ$366,ROUNDDOWN($C2647/24,0)+1,1))-1)+IF('Standard Profiles'!$G$20=$B$10,7,0)+IF('Standard Profiles'!$G$20=$B$17,14,0)+IF('Standard Profiles'!$G$20=$B$24,21,0),0)),0)</f>
        <v>0</v>
      </c>
      <c r="G2647" cm="1">
        <f t="array" ref="G2647">IFERROR(INDEX(Jesper!AK$2:AK$366,ROUNDDOWN($C2647/24,0)+1,1)*INDEX($D$3:$AA$30,INDEX(Jesper!$R$2:$R$366,ROW(INDEX(Jesper!AK$2:AK$366,ROUNDDOWN($C2647/24,0)+1,1))-1)+IF('Standard Profiles'!$G$21=$B$10,7,0)+IF('Standard Profiles'!$G$21=$B$17,14,0)+IF('Standard Profiles'!$G$21=$B$24,21,0),MOD($C2647,24)+1)/SUM(INDEX($D$3:$AA$30,INDEX(Jesper!$R$2:$R$366,ROW(INDEX(Jesper!AK$2:AK$366,ROUNDDOWN($C2647/24,0)+1,1))-1)+IF('Standard Profiles'!$G$21=$B$10,7,0)+IF('Standard Profiles'!$G$21=$B$17,14,0)+IF('Standard Profiles'!$G$21=$B$24,21,0),0)),0)</f>
        <v>2.8532376345698189</v>
      </c>
      <c r="H2647" cm="1">
        <f t="array" ref="H2647">IFERROR(INDEX(Jesper!AL$2:AL$366,ROUNDDOWN($C2647/24,0)+1,1)*INDEX($D$3:$AA$30,INDEX(Jesper!$R$2:$R$366,ROW(INDEX(Jesper!AL$2:AL$366,ROUNDDOWN($C2647/24,0)+1,1))-1)+IF('Standard Profiles'!$G$22=$B$10,7,0)+IF('Standard Profiles'!$G$22=$B$17,14,0)+IF('Standard Profiles'!$G$22=$B$24,21,0),MOD($C2647,24)+1)/SUM(INDEX($D$3:$AA$30,INDEX(Jesper!$R$2:$R$366,ROW(INDEX(Jesper!AL$2:AL$366,ROUNDDOWN($C2647/24,0)+1,1))-1)+IF('Standard Profiles'!$G$22=$B$10,7,0)+IF('Standard Profiles'!$G$22=$B$17,14,0)+IF('Standard Profiles'!$G$22=$B$24,21,0),0)),0)</f>
        <v>0</v>
      </c>
      <c r="I2647">
        <f t="shared" si="300"/>
        <v>1.3695540645935125</v>
      </c>
      <c r="J2647">
        <f t="shared" si="301"/>
        <v>11.204089012557599</v>
      </c>
      <c r="K2647">
        <f t="shared" si="302"/>
        <v>0.62008612267447205</v>
      </c>
      <c r="L2647">
        <f t="shared" si="303"/>
        <v>0.31004306133723603</v>
      </c>
      <c r="M2647">
        <f t="shared" si="304"/>
        <v>0</v>
      </c>
      <c r="N2647" s="45">
        <f t="shared" si="305"/>
        <v>45035.874999993663</v>
      </c>
    </row>
    <row r="2648" spans="2:14" x14ac:dyDescent="0.25">
      <c r="B2648">
        <f t="shared" si="299"/>
        <v>3</v>
      </c>
      <c r="C2648" s="16">
        <v>2614</v>
      </c>
      <c r="D2648" cm="1">
        <f t="array" ref="D2648">IFERROR(INDEX(Jesper!AH$2:AH$366,ROUNDDOWN($C2648/24,0)+1,1)*INDEX($D$3:$AA$30,INDEX(Jesper!$R$2:$R$366,ROW(INDEX(Jesper!AH$2:AH$366,ROUNDDOWN($C2648/24,0)+1,1))-1)+IF('Standard Profiles'!$G$18=$B$10,7,0)+IF('Standard Profiles'!$G$18=$B$17,14,0)+IF('Standard Profiles'!$G$18=$B$24,21,0),MOD($C2648,24)+1)/SUM(INDEX($D$3:$AA$30,INDEX(Jesper!$R$2:$R$366,ROW(INDEX(Jesper!AH$2:AH$366,ROUNDDOWN($C2648/24,0)+1,1))-1)+IF('Standard Profiles'!$G$18=$B$10,7,0)+IF('Standard Profiles'!$G$18=$B$17,14,0)+IF('Standard Profiles'!$G$18=$B$24,21,0),0)),0)</f>
        <v>5.8133074000731746</v>
      </c>
      <c r="E2648" cm="1">
        <f t="array" ref="E2648">IFERROR(INDEX(Jesper!AI$2:AI$366,ROUNDDOWN($C2648/24,0)+1,1)*INDEX($D$3:$AA$30,INDEX(Jesper!$R$2:$R$366,ROW(INDEX(Jesper!AI$2:AI$366,ROUNDDOWN($C2648/24,0)+1,1))-1)+IF('Standard Profiles'!$G$19=$B$10,7,0)+IF('Standard Profiles'!$G$19=$B$17,14,0)+IF('Standard Profiles'!$G$19=$B$24,21,0),MOD($C2648,24)+1)/SUM(INDEX($D$3:$AA$30,INDEX(Jesper!$R$2:$R$366,ROW(INDEX(Jesper!AI$2:AI$366,ROUNDDOWN($C2648/24,0)+1,1))-1)+IF('Standard Profiles'!$G$19=$B$10,7,0)+IF('Standard Profiles'!$G$19=$B$17,14,0)+IF('Standard Profiles'!$G$19=$B$24,21,0),0)),0)</f>
        <v>4.8372272265198264</v>
      </c>
      <c r="F2648" cm="1">
        <f t="array" ref="F2648">IFERROR(INDEX(Jesper!AJ$2:AJ$366,ROUNDDOWN($C2648/24,0)+1,1)*INDEX($D$3:$AA$30,INDEX(Jesper!$R$2:$R$366,ROW(INDEX(Jesper!AJ$2:AJ$366,ROUNDDOWN($C2648/24,0)+1,1))-1)+IF('Standard Profiles'!$G$20=$B$10,7,0)+IF('Standard Profiles'!$G$20=$B$17,14,0)+IF('Standard Profiles'!$G$20=$B$24,21,0),MOD($C2648,24)+1)/SUM(INDEX($D$3:$AA$30,INDEX(Jesper!$R$2:$R$366,ROW(INDEX(Jesper!AJ$2:AJ$366,ROUNDDOWN($C2648/24,0)+1,1))-1)+IF('Standard Profiles'!$G$20=$B$10,7,0)+IF('Standard Profiles'!$G$20=$B$17,14,0)+IF('Standard Profiles'!$G$20=$B$24,21,0),0)),0)</f>
        <v>0</v>
      </c>
      <c r="G2648" cm="1">
        <f t="array" ref="G2648">IFERROR(INDEX(Jesper!AK$2:AK$366,ROUNDDOWN($C2648/24,0)+1,1)*INDEX($D$3:$AA$30,INDEX(Jesper!$R$2:$R$366,ROW(INDEX(Jesper!AK$2:AK$366,ROUNDDOWN($C2648/24,0)+1,1))-1)+IF('Standard Profiles'!$G$21=$B$10,7,0)+IF('Standard Profiles'!$G$21=$B$17,14,0)+IF('Standard Profiles'!$G$21=$B$24,21,0),MOD($C2648,24)+1)/SUM(INDEX($D$3:$AA$30,INDEX(Jesper!$R$2:$R$366,ROW(INDEX(Jesper!AK$2:AK$366,ROUNDDOWN($C2648/24,0)+1,1))-1)+IF('Standard Profiles'!$G$21=$B$10,7,0)+IF('Standard Profiles'!$G$21=$B$17,14,0)+IF('Standard Profiles'!$G$21=$B$24,21,0),0)),0)</f>
        <v>2.8532376345698189</v>
      </c>
      <c r="H2648" cm="1">
        <f t="array" ref="H2648">IFERROR(INDEX(Jesper!AL$2:AL$366,ROUNDDOWN($C2648/24,0)+1,1)*INDEX($D$3:$AA$30,INDEX(Jesper!$R$2:$R$366,ROW(INDEX(Jesper!AL$2:AL$366,ROUNDDOWN($C2648/24,0)+1,1))-1)+IF('Standard Profiles'!$G$22=$B$10,7,0)+IF('Standard Profiles'!$G$22=$B$17,14,0)+IF('Standard Profiles'!$G$22=$B$24,21,0),MOD($C2648,24)+1)/SUM(INDEX($D$3:$AA$30,INDEX(Jesper!$R$2:$R$366,ROW(INDEX(Jesper!AL$2:AL$366,ROUNDDOWN($C2648/24,0)+1,1))-1)+IF('Standard Profiles'!$G$22=$B$10,7,0)+IF('Standard Profiles'!$G$22=$B$17,14,0)+IF('Standard Profiles'!$G$22=$B$24,21,0),0)),0)</f>
        <v>0</v>
      </c>
      <c r="I2648">
        <f t="shared" si="300"/>
        <v>1.3695540645935125</v>
      </c>
      <c r="J2648">
        <f t="shared" si="301"/>
        <v>11.204089012557599</v>
      </c>
      <c r="K2648">
        <f t="shared" si="302"/>
        <v>0.62008612267447205</v>
      </c>
      <c r="L2648">
        <f t="shared" si="303"/>
        <v>0.31004306133723603</v>
      </c>
      <c r="M2648">
        <f t="shared" si="304"/>
        <v>0</v>
      </c>
      <c r="N2648" s="45">
        <f t="shared" si="305"/>
        <v>45035.916666660327</v>
      </c>
    </row>
    <row r="2649" spans="2:14" x14ac:dyDescent="0.25">
      <c r="B2649">
        <f t="shared" si="299"/>
        <v>3</v>
      </c>
      <c r="C2649" s="16">
        <v>2615</v>
      </c>
      <c r="D2649" cm="1">
        <f t="array" ref="D2649">IFERROR(INDEX(Jesper!AH$2:AH$366,ROUNDDOWN($C2649/24,0)+1,1)*INDEX($D$3:$AA$30,INDEX(Jesper!$R$2:$R$366,ROW(INDEX(Jesper!AH$2:AH$366,ROUNDDOWN($C2649/24,0)+1,1))-1)+IF('Standard Profiles'!$G$18=$B$10,7,0)+IF('Standard Profiles'!$G$18=$B$17,14,0)+IF('Standard Profiles'!$G$18=$B$24,21,0),MOD($C2649,24)+1)/SUM(INDEX($D$3:$AA$30,INDEX(Jesper!$R$2:$R$366,ROW(INDEX(Jesper!AH$2:AH$366,ROUNDDOWN($C2649/24,0)+1,1))-1)+IF('Standard Profiles'!$G$18=$B$10,7,0)+IF('Standard Profiles'!$G$18=$B$17,14,0)+IF('Standard Profiles'!$G$18=$B$24,21,0),0)),0)</f>
        <v>5.8133074000731746</v>
      </c>
      <c r="E2649" cm="1">
        <f t="array" ref="E2649">IFERROR(INDEX(Jesper!AI$2:AI$366,ROUNDDOWN($C2649/24,0)+1,1)*INDEX($D$3:$AA$30,INDEX(Jesper!$R$2:$R$366,ROW(INDEX(Jesper!AI$2:AI$366,ROUNDDOWN($C2649/24,0)+1,1))-1)+IF('Standard Profiles'!$G$19=$B$10,7,0)+IF('Standard Profiles'!$G$19=$B$17,14,0)+IF('Standard Profiles'!$G$19=$B$24,21,0),MOD($C2649,24)+1)/SUM(INDEX($D$3:$AA$30,INDEX(Jesper!$R$2:$R$366,ROW(INDEX(Jesper!AI$2:AI$366,ROUNDDOWN($C2649/24,0)+1,1))-1)+IF('Standard Profiles'!$G$19=$B$10,7,0)+IF('Standard Profiles'!$G$19=$B$17,14,0)+IF('Standard Profiles'!$G$19=$B$24,21,0),0)),0)</f>
        <v>4.8372272265198264</v>
      </c>
      <c r="F2649" cm="1">
        <f t="array" ref="F2649">IFERROR(INDEX(Jesper!AJ$2:AJ$366,ROUNDDOWN($C2649/24,0)+1,1)*INDEX($D$3:$AA$30,INDEX(Jesper!$R$2:$R$366,ROW(INDEX(Jesper!AJ$2:AJ$366,ROUNDDOWN($C2649/24,0)+1,1))-1)+IF('Standard Profiles'!$G$20=$B$10,7,0)+IF('Standard Profiles'!$G$20=$B$17,14,0)+IF('Standard Profiles'!$G$20=$B$24,21,0),MOD($C2649,24)+1)/SUM(INDEX($D$3:$AA$30,INDEX(Jesper!$R$2:$R$366,ROW(INDEX(Jesper!AJ$2:AJ$366,ROUNDDOWN($C2649/24,0)+1,1))-1)+IF('Standard Profiles'!$G$20=$B$10,7,0)+IF('Standard Profiles'!$G$20=$B$17,14,0)+IF('Standard Profiles'!$G$20=$B$24,21,0),0)),0)</f>
        <v>0</v>
      </c>
      <c r="G2649" cm="1">
        <f t="array" ref="G2649">IFERROR(INDEX(Jesper!AK$2:AK$366,ROUNDDOWN($C2649/24,0)+1,1)*INDEX($D$3:$AA$30,INDEX(Jesper!$R$2:$R$366,ROW(INDEX(Jesper!AK$2:AK$366,ROUNDDOWN($C2649/24,0)+1,1))-1)+IF('Standard Profiles'!$G$21=$B$10,7,0)+IF('Standard Profiles'!$G$21=$B$17,14,0)+IF('Standard Profiles'!$G$21=$B$24,21,0),MOD($C2649,24)+1)/SUM(INDEX($D$3:$AA$30,INDEX(Jesper!$R$2:$R$366,ROW(INDEX(Jesper!AK$2:AK$366,ROUNDDOWN($C2649/24,0)+1,1))-1)+IF('Standard Profiles'!$G$21=$B$10,7,0)+IF('Standard Profiles'!$G$21=$B$17,14,0)+IF('Standard Profiles'!$G$21=$B$24,21,0),0)),0)</f>
        <v>2.8532376345698189</v>
      </c>
      <c r="H2649" cm="1">
        <f t="array" ref="H2649">IFERROR(INDEX(Jesper!AL$2:AL$366,ROUNDDOWN($C2649/24,0)+1,1)*INDEX($D$3:$AA$30,INDEX(Jesper!$R$2:$R$366,ROW(INDEX(Jesper!AL$2:AL$366,ROUNDDOWN($C2649/24,0)+1,1))-1)+IF('Standard Profiles'!$G$22=$B$10,7,0)+IF('Standard Profiles'!$G$22=$B$17,14,0)+IF('Standard Profiles'!$G$22=$B$24,21,0),MOD($C2649,24)+1)/SUM(INDEX($D$3:$AA$30,INDEX(Jesper!$R$2:$R$366,ROW(INDEX(Jesper!AL$2:AL$366,ROUNDDOWN($C2649/24,0)+1,1))-1)+IF('Standard Profiles'!$G$22=$B$10,7,0)+IF('Standard Profiles'!$G$22=$B$17,14,0)+IF('Standard Profiles'!$G$22=$B$24,21,0),0)),0)</f>
        <v>0</v>
      </c>
      <c r="I2649">
        <f t="shared" si="300"/>
        <v>1.3695540645935125</v>
      </c>
      <c r="J2649">
        <f t="shared" si="301"/>
        <v>11.204089012557599</v>
      </c>
      <c r="K2649">
        <f t="shared" si="302"/>
        <v>0.62008612267447205</v>
      </c>
      <c r="L2649">
        <f t="shared" si="303"/>
        <v>0.31004306133723603</v>
      </c>
      <c r="M2649">
        <f t="shared" si="304"/>
        <v>0</v>
      </c>
      <c r="N2649" s="45">
        <f t="shared" si="305"/>
        <v>45035.958333326991</v>
      </c>
    </row>
    <row r="2650" spans="2:14" x14ac:dyDescent="0.25">
      <c r="B2650">
        <f t="shared" si="299"/>
        <v>4</v>
      </c>
      <c r="C2650" s="16">
        <v>2616</v>
      </c>
      <c r="D2650" cm="1">
        <f t="array" ref="D2650">IFERROR(INDEX(Jesper!AH$2:AH$366,ROUNDDOWN($C2650/24,0)+1,1)*INDEX($D$3:$AA$30,INDEX(Jesper!$R$2:$R$366,ROW(INDEX(Jesper!AH$2:AH$366,ROUNDDOWN($C2650/24,0)+1,1))-1)+IF('Standard Profiles'!$G$18=$B$10,7,0)+IF('Standard Profiles'!$G$18=$B$17,14,0)+IF('Standard Profiles'!$G$18=$B$24,21,0),MOD($C2650,24)+1)/SUM(INDEX($D$3:$AA$30,INDEX(Jesper!$R$2:$R$366,ROW(INDEX(Jesper!AH$2:AH$366,ROUNDDOWN($C2650/24,0)+1,1))-1)+IF('Standard Profiles'!$G$18=$B$10,7,0)+IF('Standard Profiles'!$G$18=$B$17,14,0)+IF('Standard Profiles'!$G$18=$B$24,21,0),0)),0)</f>
        <v>5.7671143842095054</v>
      </c>
      <c r="E2650" cm="1">
        <f t="array" ref="E2650">IFERROR(INDEX(Jesper!AI$2:AI$366,ROUNDDOWN($C2650/24,0)+1,1)*INDEX($D$3:$AA$30,INDEX(Jesper!$R$2:$R$366,ROW(INDEX(Jesper!AI$2:AI$366,ROUNDDOWN($C2650/24,0)+1,1))-1)+IF('Standard Profiles'!$G$19=$B$10,7,0)+IF('Standard Profiles'!$G$19=$B$17,14,0)+IF('Standard Profiles'!$G$19=$B$24,21,0),MOD($C2650,24)+1)/SUM(INDEX($D$3:$AA$30,INDEX(Jesper!$R$2:$R$366,ROW(INDEX(Jesper!AI$2:AI$366,ROUNDDOWN($C2650/24,0)+1,1))-1)+IF('Standard Profiles'!$G$19=$B$10,7,0)+IF('Standard Profiles'!$G$19=$B$17,14,0)+IF('Standard Profiles'!$G$19=$B$24,21,0),0)),0)</f>
        <v>4.4546846051604909</v>
      </c>
      <c r="F2650" cm="1">
        <f t="array" ref="F2650">IFERROR(INDEX(Jesper!AJ$2:AJ$366,ROUNDDOWN($C2650/24,0)+1,1)*INDEX($D$3:$AA$30,INDEX(Jesper!$R$2:$R$366,ROW(INDEX(Jesper!AJ$2:AJ$366,ROUNDDOWN($C2650/24,0)+1,1))-1)+IF('Standard Profiles'!$G$20=$B$10,7,0)+IF('Standard Profiles'!$G$20=$B$17,14,0)+IF('Standard Profiles'!$G$20=$B$24,21,0),MOD($C2650,24)+1)/SUM(INDEX($D$3:$AA$30,INDEX(Jesper!$R$2:$R$366,ROW(INDEX(Jesper!AJ$2:AJ$366,ROUNDDOWN($C2650/24,0)+1,1))-1)+IF('Standard Profiles'!$G$20=$B$10,7,0)+IF('Standard Profiles'!$G$20=$B$17,14,0)+IF('Standard Profiles'!$G$20=$B$24,21,0),0)),0)</f>
        <v>0</v>
      </c>
      <c r="G2650" cm="1">
        <f t="array" ref="G2650">IFERROR(INDEX(Jesper!AK$2:AK$366,ROUNDDOWN($C2650/24,0)+1,1)*INDEX($D$3:$AA$30,INDEX(Jesper!$R$2:$R$366,ROW(INDEX(Jesper!AK$2:AK$366,ROUNDDOWN($C2650/24,0)+1,1))-1)+IF('Standard Profiles'!$G$21=$B$10,7,0)+IF('Standard Profiles'!$G$21=$B$17,14,0)+IF('Standard Profiles'!$G$21=$B$24,21,0),MOD($C2650,24)+1)/SUM(INDEX($D$3:$AA$30,INDEX(Jesper!$R$2:$R$366,ROW(INDEX(Jesper!AK$2:AK$366,ROUNDDOWN($C2650/24,0)+1,1))-1)+IF('Standard Profiles'!$G$21=$B$10,7,0)+IF('Standard Profiles'!$G$21=$B$17,14,0)+IF('Standard Profiles'!$G$21=$B$24,21,0),0)),0)</f>
        <v>1.8633492296830969</v>
      </c>
      <c r="H2650" cm="1">
        <f t="array" ref="H2650">IFERROR(INDEX(Jesper!AL$2:AL$366,ROUNDDOWN($C2650/24,0)+1,1)*INDEX($D$3:$AA$30,INDEX(Jesper!$R$2:$R$366,ROW(INDEX(Jesper!AL$2:AL$366,ROUNDDOWN($C2650/24,0)+1,1))-1)+IF('Standard Profiles'!$G$22=$B$10,7,0)+IF('Standard Profiles'!$G$22=$B$17,14,0)+IF('Standard Profiles'!$G$22=$B$24,21,0),MOD($C2650,24)+1)/SUM(INDEX($D$3:$AA$30,INDEX(Jesper!$R$2:$R$366,ROW(INDEX(Jesper!AL$2:AL$366,ROUNDDOWN($C2650/24,0)+1,1))-1)+IF('Standard Profiles'!$G$22=$B$10,7,0)+IF('Standard Profiles'!$G$22=$B$17,14,0)+IF('Standard Profiles'!$G$22=$B$24,21,0),0)),0)</f>
        <v>0</v>
      </c>
      <c r="I2650">
        <f t="shared" si="300"/>
        <v>0.89440763024788605</v>
      </c>
      <c r="J2650">
        <f t="shared" si="301"/>
        <v>10.268002287331687</v>
      </c>
      <c r="K2650">
        <f t="shared" si="302"/>
        <v>0.61515886764901395</v>
      </c>
      <c r="L2650">
        <f t="shared" si="303"/>
        <v>0.30757943382450698</v>
      </c>
      <c r="M2650">
        <f t="shared" si="304"/>
        <v>0</v>
      </c>
      <c r="N2650" s="45">
        <f t="shared" si="305"/>
        <v>45035.999999993655</v>
      </c>
    </row>
    <row r="2651" spans="2:14" x14ac:dyDescent="0.25">
      <c r="B2651">
        <f t="shared" si="299"/>
        <v>4</v>
      </c>
      <c r="C2651" s="16">
        <v>2617</v>
      </c>
      <c r="D2651" cm="1">
        <f t="array" ref="D2651">IFERROR(INDEX(Jesper!AH$2:AH$366,ROUNDDOWN($C2651/24,0)+1,1)*INDEX($D$3:$AA$30,INDEX(Jesper!$R$2:$R$366,ROW(INDEX(Jesper!AH$2:AH$366,ROUNDDOWN($C2651/24,0)+1,1))-1)+IF('Standard Profiles'!$G$18=$B$10,7,0)+IF('Standard Profiles'!$G$18=$B$17,14,0)+IF('Standard Profiles'!$G$18=$B$24,21,0),MOD($C2651,24)+1)/SUM(INDEX($D$3:$AA$30,INDEX(Jesper!$R$2:$R$366,ROW(INDEX(Jesper!AH$2:AH$366,ROUNDDOWN($C2651/24,0)+1,1))-1)+IF('Standard Profiles'!$G$18=$B$10,7,0)+IF('Standard Profiles'!$G$18=$B$17,14,0)+IF('Standard Profiles'!$G$18=$B$24,21,0),0)),0)</f>
        <v>5.7671143842095054</v>
      </c>
      <c r="E2651" cm="1">
        <f t="array" ref="E2651">IFERROR(INDEX(Jesper!AI$2:AI$366,ROUNDDOWN($C2651/24,0)+1,1)*INDEX($D$3:$AA$30,INDEX(Jesper!$R$2:$R$366,ROW(INDEX(Jesper!AI$2:AI$366,ROUNDDOWN($C2651/24,0)+1,1))-1)+IF('Standard Profiles'!$G$19=$B$10,7,0)+IF('Standard Profiles'!$G$19=$B$17,14,0)+IF('Standard Profiles'!$G$19=$B$24,21,0),MOD($C2651,24)+1)/SUM(INDEX($D$3:$AA$30,INDEX(Jesper!$R$2:$R$366,ROW(INDEX(Jesper!AI$2:AI$366,ROUNDDOWN($C2651/24,0)+1,1))-1)+IF('Standard Profiles'!$G$19=$B$10,7,0)+IF('Standard Profiles'!$G$19=$B$17,14,0)+IF('Standard Profiles'!$G$19=$B$24,21,0),0)),0)</f>
        <v>4.4546846051604909</v>
      </c>
      <c r="F2651" cm="1">
        <f t="array" ref="F2651">IFERROR(INDEX(Jesper!AJ$2:AJ$366,ROUNDDOWN($C2651/24,0)+1,1)*INDEX($D$3:$AA$30,INDEX(Jesper!$R$2:$R$366,ROW(INDEX(Jesper!AJ$2:AJ$366,ROUNDDOWN($C2651/24,0)+1,1))-1)+IF('Standard Profiles'!$G$20=$B$10,7,0)+IF('Standard Profiles'!$G$20=$B$17,14,0)+IF('Standard Profiles'!$G$20=$B$24,21,0),MOD($C2651,24)+1)/SUM(INDEX($D$3:$AA$30,INDEX(Jesper!$R$2:$R$366,ROW(INDEX(Jesper!AJ$2:AJ$366,ROUNDDOWN($C2651/24,0)+1,1))-1)+IF('Standard Profiles'!$G$20=$B$10,7,0)+IF('Standard Profiles'!$G$20=$B$17,14,0)+IF('Standard Profiles'!$G$20=$B$24,21,0),0)),0)</f>
        <v>0</v>
      </c>
      <c r="G2651" cm="1">
        <f t="array" ref="G2651">IFERROR(INDEX(Jesper!AK$2:AK$366,ROUNDDOWN($C2651/24,0)+1,1)*INDEX($D$3:$AA$30,INDEX(Jesper!$R$2:$R$366,ROW(INDEX(Jesper!AK$2:AK$366,ROUNDDOWN($C2651/24,0)+1,1))-1)+IF('Standard Profiles'!$G$21=$B$10,7,0)+IF('Standard Profiles'!$G$21=$B$17,14,0)+IF('Standard Profiles'!$G$21=$B$24,21,0),MOD($C2651,24)+1)/SUM(INDEX($D$3:$AA$30,INDEX(Jesper!$R$2:$R$366,ROW(INDEX(Jesper!AK$2:AK$366,ROUNDDOWN($C2651/24,0)+1,1))-1)+IF('Standard Profiles'!$G$21=$B$10,7,0)+IF('Standard Profiles'!$G$21=$B$17,14,0)+IF('Standard Profiles'!$G$21=$B$24,21,0),0)),0)</f>
        <v>1.8633492296830969</v>
      </c>
      <c r="H2651" cm="1">
        <f t="array" ref="H2651">IFERROR(INDEX(Jesper!AL$2:AL$366,ROUNDDOWN($C2651/24,0)+1,1)*INDEX($D$3:$AA$30,INDEX(Jesper!$R$2:$R$366,ROW(INDEX(Jesper!AL$2:AL$366,ROUNDDOWN($C2651/24,0)+1,1))-1)+IF('Standard Profiles'!$G$22=$B$10,7,0)+IF('Standard Profiles'!$G$22=$B$17,14,0)+IF('Standard Profiles'!$G$22=$B$24,21,0),MOD($C2651,24)+1)/SUM(INDEX($D$3:$AA$30,INDEX(Jesper!$R$2:$R$366,ROW(INDEX(Jesper!AL$2:AL$366,ROUNDDOWN($C2651/24,0)+1,1))-1)+IF('Standard Profiles'!$G$22=$B$10,7,0)+IF('Standard Profiles'!$G$22=$B$17,14,0)+IF('Standard Profiles'!$G$22=$B$24,21,0),0)),0)</f>
        <v>0</v>
      </c>
      <c r="I2651">
        <f t="shared" si="300"/>
        <v>0.89440763024788605</v>
      </c>
      <c r="J2651">
        <f t="shared" si="301"/>
        <v>10.268002287331687</v>
      </c>
      <c r="K2651">
        <f t="shared" si="302"/>
        <v>0.61515886764901395</v>
      </c>
      <c r="L2651">
        <f t="shared" si="303"/>
        <v>0.30757943382450698</v>
      </c>
      <c r="M2651">
        <f t="shared" si="304"/>
        <v>0</v>
      </c>
      <c r="N2651" s="45">
        <f t="shared" si="305"/>
        <v>45036.04166666032</v>
      </c>
    </row>
    <row r="2652" spans="2:14" x14ac:dyDescent="0.25">
      <c r="B2652">
        <f t="shared" si="299"/>
        <v>4</v>
      </c>
      <c r="C2652" s="16">
        <v>2618</v>
      </c>
      <c r="D2652" cm="1">
        <f t="array" ref="D2652">IFERROR(INDEX(Jesper!AH$2:AH$366,ROUNDDOWN($C2652/24,0)+1,1)*INDEX($D$3:$AA$30,INDEX(Jesper!$R$2:$R$366,ROW(INDEX(Jesper!AH$2:AH$366,ROUNDDOWN($C2652/24,0)+1,1))-1)+IF('Standard Profiles'!$G$18=$B$10,7,0)+IF('Standard Profiles'!$G$18=$B$17,14,0)+IF('Standard Profiles'!$G$18=$B$24,21,0),MOD($C2652,24)+1)/SUM(INDEX($D$3:$AA$30,INDEX(Jesper!$R$2:$R$366,ROW(INDEX(Jesper!AH$2:AH$366,ROUNDDOWN($C2652/24,0)+1,1))-1)+IF('Standard Profiles'!$G$18=$B$10,7,0)+IF('Standard Profiles'!$G$18=$B$17,14,0)+IF('Standard Profiles'!$G$18=$B$24,21,0),0)),0)</f>
        <v>5.7671143842095054</v>
      </c>
      <c r="E2652" cm="1">
        <f t="array" ref="E2652">IFERROR(INDEX(Jesper!AI$2:AI$366,ROUNDDOWN($C2652/24,0)+1,1)*INDEX($D$3:$AA$30,INDEX(Jesper!$R$2:$R$366,ROW(INDEX(Jesper!AI$2:AI$366,ROUNDDOWN($C2652/24,0)+1,1))-1)+IF('Standard Profiles'!$G$19=$B$10,7,0)+IF('Standard Profiles'!$G$19=$B$17,14,0)+IF('Standard Profiles'!$G$19=$B$24,21,0),MOD($C2652,24)+1)/SUM(INDEX($D$3:$AA$30,INDEX(Jesper!$R$2:$R$366,ROW(INDEX(Jesper!AI$2:AI$366,ROUNDDOWN($C2652/24,0)+1,1))-1)+IF('Standard Profiles'!$G$19=$B$10,7,0)+IF('Standard Profiles'!$G$19=$B$17,14,0)+IF('Standard Profiles'!$G$19=$B$24,21,0),0)),0)</f>
        <v>4.4546846051604909</v>
      </c>
      <c r="F2652" cm="1">
        <f t="array" ref="F2652">IFERROR(INDEX(Jesper!AJ$2:AJ$366,ROUNDDOWN($C2652/24,0)+1,1)*INDEX($D$3:$AA$30,INDEX(Jesper!$R$2:$R$366,ROW(INDEX(Jesper!AJ$2:AJ$366,ROUNDDOWN($C2652/24,0)+1,1))-1)+IF('Standard Profiles'!$G$20=$B$10,7,0)+IF('Standard Profiles'!$G$20=$B$17,14,0)+IF('Standard Profiles'!$G$20=$B$24,21,0),MOD($C2652,24)+1)/SUM(INDEX($D$3:$AA$30,INDEX(Jesper!$R$2:$R$366,ROW(INDEX(Jesper!AJ$2:AJ$366,ROUNDDOWN($C2652/24,0)+1,1))-1)+IF('Standard Profiles'!$G$20=$B$10,7,0)+IF('Standard Profiles'!$G$20=$B$17,14,0)+IF('Standard Profiles'!$G$20=$B$24,21,0),0)),0)</f>
        <v>0</v>
      </c>
      <c r="G2652" cm="1">
        <f t="array" ref="G2652">IFERROR(INDEX(Jesper!AK$2:AK$366,ROUNDDOWN($C2652/24,0)+1,1)*INDEX($D$3:$AA$30,INDEX(Jesper!$R$2:$R$366,ROW(INDEX(Jesper!AK$2:AK$366,ROUNDDOWN($C2652/24,0)+1,1))-1)+IF('Standard Profiles'!$G$21=$B$10,7,0)+IF('Standard Profiles'!$G$21=$B$17,14,0)+IF('Standard Profiles'!$G$21=$B$24,21,0),MOD($C2652,24)+1)/SUM(INDEX($D$3:$AA$30,INDEX(Jesper!$R$2:$R$366,ROW(INDEX(Jesper!AK$2:AK$366,ROUNDDOWN($C2652/24,0)+1,1))-1)+IF('Standard Profiles'!$G$21=$B$10,7,0)+IF('Standard Profiles'!$G$21=$B$17,14,0)+IF('Standard Profiles'!$G$21=$B$24,21,0),0)),0)</f>
        <v>1.8633492296830969</v>
      </c>
      <c r="H2652" cm="1">
        <f t="array" ref="H2652">IFERROR(INDEX(Jesper!AL$2:AL$366,ROUNDDOWN($C2652/24,0)+1,1)*INDEX($D$3:$AA$30,INDEX(Jesper!$R$2:$R$366,ROW(INDEX(Jesper!AL$2:AL$366,ROUNDDOWN($C2652/24,0)+1,1))-1)+IF('Standard Profiles'!$G$22=$B$10,7,0)+IF('Standard Profiles'!$G$22=$B$17,14,0)+IF('Standard Profiles'!$G$22=$B$24,21,0),MOD($C2652,24)+1)/SUM(INDEX($D$3:$AA$30,INDEX(Jesper!$R$2:$R$366,ROW(INDEX(Jesper!AL$2:AL$366,ROUNDDOWN($C2652/24,0)+1,1))-1)+IF('Standard Profiles'!$G$22=$B$10,7,0)+IF('Standard Profiles'!$G$22=$B$17,14,0)+IF('Standard Profiles'!$G$22=$B$24,21,0),0)),0)</f>
        <v>0</v>
      </c>
      <c r="I2652">
        <f t="shared" si="300"/>
        <v>0.89440763024788605</v>
      </c>
      <c r="J2652">
        <f t="shared" si="301"/>
        <v>10.268002287331687</v>
      </c>
      <c r="K2652">
        <f t="shared" si="302"/>
        <v>0.61515886764901395</v>
      </c>
      <c r="L2652">
        <f t="shared" si="303"/>
        <v>0.30757943382450698</v>
      </c>
      <c r="M2652">
        <f t="shared" si="304"/>
        <v>0</v>
      </c>
      <c r="N2652" s="45">
        <f t="shared" si="305"/>
        <v>45036.083333326984</v>
      </c>
    </row>
    <row r="2653" spans="2:14" x14ac:dyDescent="0.25">
      <c r="B2653">
        <f t="shared" si="299"/>
        <v>4</v>
      </c>
      <c r="C2653" s="16">
        <v>2619</v>
      </c>
      <c r="D2653" cm="1">
        <f t="array" ref="D2653">IFERROR(INDEX(Jesper!AH$2:AH$366,ROUNDDOWN($C2653/24,0)+1,1)*INDEX($D$3:$AA$30,INDEX(Jesper!$R$2:$R$366,ROW(INDEX(Jesper!AH$2:AH$366,ROUNDDOWN($C2653/24,0)+1,1))-1)+IF('Standard Profiles'!$G$18=$B$10,7,0)+IF('Standard Profiles'!$G$18=$B$17,14,0)+IF('Standard Profiles'!$G$18=$B$24,21,0),MOD($C2653,24)+1)/SUM(INDEX($D$3:$AA$30,INDEX(Jesper!$R$2:$R$366,ROW(INDEX(Jesper!AH$2:AH$366,ROUNDDOWN($C2653/24,0)+1,1))-1)+IF('Standard Profiles'!$G$18=$B$10,7,0)+IF('Standard Profiles'!$G$18=$B$17,14,0)+IF('Standard Profiles'!$G$18=$B$24,21,0),0)),0)</f>
        <v>5.7671143842095054</v>
      </c>
      <c r="E2653" cm="1">
        <f t="array" ref="E2653">IFERROR(INDEX(Jesper!AI$2:AI$366,ROUNDDOWN($C2653/24,0)+1,1)*INDEX($D$3:$AA$30,INDEX(Jesper!$R$2:$R$366,ROW(INDEX(Jesper!AI$2:AI$366,ROUNDDOWN($C2653/24,0)+1,1))-1)+IF('Standard Profiles'!$G$19=$B$10,7,0)+IF('Standard Profiles'!$G$19=$B$17,14,0)+IF('Standard Profiles'!$G$19=$B$24,21,0),MOD($C2653,24)+1)/SUM(INDEX($D$3:$AA$30,INDEX(Jesper!$R$2:$R$366,ROW(INDEX(Jesper!AI$2:AI$366,ROUNDDOWN($C2653/24,0)+1,1))-1)+IF('Standard Profiles'!$G$19=$B$10,7,0)+IF('Standard Profiles'!$G$19=$B$17,14,0)+IF('Standard Profiles'!$G$19=$B$24,21,0),0)),0)</f>
        <v>4.4546846051604909</v>
      </c>
      <c r="F2653" cm="1">
        <f t="array" ref="F2653">IFERROR(INDEX(Jesper!AJ$2:AJ$366,ROUNDDOWN($C2653/24,0)+1,1)*INDEX($D$3:$AA$30,INDEX(Jesper!$R$2:$R$366,ROW(INDEX(Jesper!AJ$2:AJ$366,ROUNDDOWN($C2653/24,0)+1,1))-1)+IF('Standard Profiles'!$G$20=$B$10,7,0)+IF('Standard Profiles'!$G$20=$B$17,14,0)+IF('Standard Profiles'!$G$20=$B$24,21,0),MOD($C2653,24)+1)/SUM(INDEX($D$3:$AA$30,INDEX(Jesper!$R$2:$R$366,ROW(INDEX(Jesper!AJ$2:AJ$366,ROUNDDOWN($C2653/24,0)+1,1))-1)+IF('Standard Profiles'!$G$20=$B$10,7,0)+IF('Standard Profiles'!$G$20=$B$17,14,0)+IF('Standard Profiles'!$G$20=$B$24,21,0),0)),0)</f>
        <v>0</v>
      </c>
      <c r="G2653" cm="1">
        <f t="array" ref="G2653">IFERROR(INDEX(Jesper!AK$2:AK$366,ROUNDDOWN($C2653/24,0)+1,1)*INDEX($D$3:$AA$30,INDEX(Jesper!$R$2:$R$366,ROW(INDEX(Jesper!AK$2:AK$366,ROUNDDOWN($C2653/24,0)+1,1))-1)+IF('Standard Profiles'!$G$21=$B$10,7,0)+IF('Standard Profiles'!$G$21=$B$17,14,0)+IF('Standard Profiles'!$G$21=$B$24,21,0),MOD($C2653,24)+1)/SUM(INDEX($D$3:$AA$30,INDEX(Jesper!$R$2:$R$366,ROW(INDEX(Jesper!AK$2:AK$366,ROUNDDOWN($C2653/24,0)+1,1))-1)+IF('Standard Profiles'!$G$21=$B$10,7,0)+IF('Standard Profiles'!$G$21=$B$17,14,0)+IF('Standard Profiles'!$G$21=$B$24,21,0),0)),0)</f>
        <v>1.8633492296830969</v>
      </c>
      <c r="H2653" cm="1">
        <f t="array" ref="H2653">IFERROR(INDEX(Jesper!AL$2:AL$366,ROUNDDOWN($C2653/24,0)+1,1)*INDEX($D$3:$AA$30,INDEX(Jesper!$R$2:$R$366,ROW(INDEX(Jesper!AL$2:AL$366,ROUNDDOWN($C2653/24,0)+1,1))-1)+IF('Standard Profiles'!$G$22=$B$10,7,0)+IF('Standard Profiles'!$G$22=$B$17,14,0)+IF('Standard Profiles'!$G$22=$B$24,21,0),MOD($C2653,24)+1)/SUM(INDEX($D$3:$AA$30,INDEX(Jesper!$R$2:$R$366,ROW(INDEX(Jesper!AL$2:AL$366,ROUNDDOWN($C2653/24,0)+1,1))-1)+IF('Standard Profiles'!$G$22=$B$10,7,0)+IF('Standard Profiles'!$G$22=$B$17,14,0)+IF('Standard Profiles'!$G$22=$B$24,21,0),0)),0)</f>
        <v>0</v>
      </c>
      <c r="I2653">
        <f t="shared" si="300"/>
        <v>0.89440763024788605</v>
      </c>
      <c r="J2653">
        <f t="shared" si="301"/>
        <v>10.268002287331687</v>
      </c>
      <c r="K2653">
        <f t="shared" si="302"/>
        <v>0.61515886764901395</v>
      </c>
      <c r="L2653">
        <f t="shared" si="303"/>
        <v>0.30757943382450698</v>
      </c>
      <c r="M2653">
        <f t="shared" si="304"/>
        <v>0</v>
      </c>
      <c r="N2653" s="45">
        <f t="shared" si="305"/>
        <v>45036.124999993648</v>
      </c>
    </row>
    <row r="2654" spans="2:14" x14ac:dyDescent="0.25">
      <c r="B2654">
        <f t="shared" si="299"/>
        <v>4</v>
      </c>
      <c r="C2654" s="16">
        <v>2620</v>
      </c>
      <c r="D2654" cm="1">
        <f t="array" ref="D2654">IFERROR(INDEX(Jesper!AH$2:AH$366,ROUNDDOWN($C2654/24,0)+1,1)*INDEX($D$3:$AA$30,INDEX(Jesper!$R$2:$R$366,ROW(INDEX(Jesper!AH$2:AH$366,ROUNDDOWN($C2654/24,0)+1,1))-1)+IF('Standard Profiles'!$G$18=$B$10,7,0)+IF('Standard Profiles'!$G$18=$B$17,14,0)+IF('Standard Profiles'!$G$18=$B$24,21,0),MOD($C2654,24)+1)/SUM(INDEX($D$3:$AA$30,INDEX(Jesper!$R$2:$R$366,ROW(INDEX(Jesper!AH$2:AH$366,ROUNDDOWN($C2654/24,0)+1,1))-1)+IF('Standard Profiles'!$G$18=$B$10,7,0)+IF('Standard Profiles'!$G$18=$B$17,14,0)+IF('Standard Profiles'!$G$18=$B$24,21,0),0)),0)</f>
        <v>5.7671143842095054</v>
      </c>
      <c r="E2654" cm="1">
        <f t="array" ref="E2654">IFERROR(INDEX(Jesper!AI$2:AI$366,ROUNDDOWN($C2654/24,0)+1,1)*INDEX($D$3:$AA$30,INDEX(Jesper!$R$2:$R$366,ROW(INDEX(Jesper!AI$2:AI$366,ROUNDDOWN($C2654/24,0)+1,1))-1)+IF('Standard Profiles'!$G$19=$B$10,7,0)+IF('Standard Profiles'!$G$19=$B$17,14,0)+IF('Standard Profiles'!$G$19=$B$24,21,0),MOD($C2654,24)+1)/SUM(INDEX($D$3:$AA$30,INDEX(Jesper!$R$2:$R$366,ROW(INDEX(Jesper!AI$2:AI$366,ROUNDDOWN($C2654/24,0)+1,1))-1)+IF('Standard Profiles'!$G$19=$B$10,7,0)+IF('Standard Profiles'!$G$19=$B$17,14,0)+IF('Standard Profiles'!$G$19=$B$24,21,0),0)),0)</f>
        <v>4.4546846051604909</v>
      </c>
      <c r="F2654" cm="1">
        <f t="array" ref="F2654">IFERROR(INDEX(Jesper!AJ$2:AJ$366,ROUNDDOWN($C2654/24,0)+1,1)*INDEX($D$3:$AA$30,INDEX(Jesper!$R$2:$R$366,ROW(INDEX(Jesper!AJ$2:AJ$366,ROUNDDOWN($C2654/24,0)+1,1))-1)+IF('Standard Profiles'!$G$20=$B$10,7,0)+IF('Standard Profiles'!$G$20=$B$17,14,0)+IF('Standard Profiles'!$G$20=$B$24,21,0),MOD($C2654,24)+1)/SUM(INDEX($D$3:$AA$30,INDEX(Jesper!$R$2:$R$366,ROW(INDEX(Jesper!AJ$2:AJ$366,ROUNDDOWN($C2654/24,0)+1,1))-1)+IF('Standard Profiles'!$G$20=$B$10,7,0)+IF('Standard Profiles'!$G$20=$B$17,14,0)+IF('Standard Profiles'!$G$20=$B$24,21,0),0)),0)</f>
        <v>0</v>
      </c>
      <c r="G2654" cm="1">
        <f t="array" ref="G2654">IFERROR(INDEX(Jesper!AK$2:AK$366,ROUNDDOWN($C2654/24,0)+1,1)*INDEX($D$3:$AA$30,INDEX(Jesper!$R$2:$R$366,ROW(INDEX(Jesper!AK$2:AK$366,ROUNDDOWN($C2654/24,0)+1,1))-1)+IF('Standard Profiles'!$G$21=$B$10,7,0)+IF('Standard Profiles'!$G$21=$B$17,14,0)+IF('Standard Profiles'!$G$21=$B$24,21,0),MOD($C2654,24)+1)/SUM(INDEX($D$3:$AA$30,INDEX(Jesper!$R$2:$R$366,ROW(INDEX(Jesper!AK$2:AK$366,ROUNDDOWN($C2654/24,0)+1,1))-1)+IF('Standard Profiles'!$G$21=$B$10,7,0)+IF('Standard Profiles'!$G$21=$B$17,14,0)+IF('Standard Profiles'!$G$21=$B$24,21,0),0)),0)</f>
        <v>1.8633492296830969</v>
      </c>
      <c r="H2654" cm="1">
        <f t="array" ref="H2654">IFERROR(INDEX(Jesper!AL$2:AL$366,ROUNDDOWN($C2654/24,0)+1,1)*INDEX($D$3:$AA$30,INDEX(Jesper!$R$2:$R$366,ROW(INDEX(Jesper!AL$2:AL$366,ROUNDDOWN($C2654/24,0)+1,1))-1)+IF('Standard Profiles'!$G$22=$B$10,7,0)+IF('Standard Profiles'!$G$22=$B$17,14,0)+IF('Standard Profiles'!$G$22=$B$24,21,0),MOD($C2654,24)+1)/SUM(INDEX($D$3:$AA$30,INDEX(Jesper!$R$2:$R$366,ROW(INDEX(Jesper!AL$2:AL$366,ROUNDDOWN($C2654/24,0)+1,1))-1)+IF('Standard Profiles'!$G$22=$B$10,7,0)+IF('Standard Profiles'!$G$22=$B$17,14,0)+IF('Standard Profiles'!$G$22=$B$24,21,0),0)),0)</f>
        <v>0</v>
      </c>
      <c r="I2654">
        <f t="shared" si="300"/>
        <v>0.89440763024788605</v>
      </c>
      <c r="J2654">
        <f t="shared" si="301"/>
        <v>10.268002287331687</v>
      </c>
      <c r="K2654">
        <f t="shared" si="302"/>
        <v>0.61515886764901395</v>
      </c>
      <c r="L2654">
        <f t="shared" si="303"/>
        <v>0.30757943382450698</v>
      </c>
      <c r="M2654">
        <f t="shared" si="304"/>
        <v>0</v>
      </c>
      <c r="N2654" s="45">
        <f t="shared" si="305"/>
        <v>45036.166666660312</v>
      </c>
    </row>
    <row r="2655" spans="2:14" x14ac:dyDescent="0.25">
      <c r="B2655">
        <f t="shared" si="299"/>
        <v>4</v>
      </c>
      <c r="C2655" s="16">
        <v>2621</v>
      </c>
      <c r="D2655" cm="1">
        <f t="array" ref="D2655">IFERROR(INDEX(Jesper!AH$2:AH$366,ROUNDDOWN($C2655/24,0)+1,1)*INDEX($D$3:$AA$30,INDEX(Jesper!$R$2:$R$366,ROW(INDEX(Jesper!AH$2:AH$366,ROUNDDOWN($C2655/24,0)+1,1))-1)+IF('Standard Profiles'!$G$18=$B$10,7,0)+IF('Standard Profiles'!$G$18=$B$17,14,0)+IF('Standard Profiles'!$G$18=$B$24,21,0),MOD($C2655,24)+1)/SUM(INDEX($D$3:$AA$30,INDEX(Jesper!$R$2:$R$366,ROW(INDEX(Jesper!AH$2:AH$366,ROUNDDOWN($C2655/24,0)+1,1))-1)+IF('Standard Profiles'!$G$18=$B$10,7,0)+IF('Standard Profiles'!$G$18=$B$17,14,0)+IF('Standard Profiles'!$G$18=$B$24,21,0),0)),0)</f>
        <v>5.7671143842095054</v>
      </c>
      <c r="E2655" cm="1">
        <f t="array" ref="E2655">IFERROR(INDEX(Jesper!AI$2:AI$366,ROUNDDOWN($C2655/24,0)+1,1)*INDEX($D$3:$AA$30,INDEX(Jesper!$R$2:$R$366,ROW(INDEX(Jesper!AI$2:AI$366,ROUNDDOWN($C2655/24,0)+1,1))-1)+IF('Standard Profiles'!$G$19=$B$10,7,0)+IF('Standard Profiles'!$G$19=$B$17,14,0)+IF('Standard Profiles'!$G$19=$B$24,21,0),MOD($C2655,24)+1)/SUM(INDEX($D$3:$AA$30,INDEX(Jesper!$R$2:$R$366,ROW(INDEX(Jesper!AI$2:AI$366,ROUNDDOWN($C2655/24,0)+1,1))-1)+IF('Standard Profiles'!$G$19=$B$10,7,0)+IF('Standard Profiles'!$G$19=$B$17,14,0)+IF('Standard Profiles'!$G$19=$B$24,21,0),0)),0)</f>
        <v>4.4546846051604909</v>
      </c>
      <c r="F2655" cm="1">
        <f t="array" ref="F2655">IFERROR(INDEX(Jesper!AJ$2:AJ$366,ROUNDDOWN($C2655/24,0)+1,1)*INDEX($D$3:$AA$30,INDEX(Jesper!$R$2:$R$366,ROW(INDEX(Jesper!AJ$2:AJ$366,ROUNDDOWN($C2655/24,0)+1,1))-1)+IF('Standard Profiles'!$G$20=$B$10,7,0)+IF('Standard Profiles'!$G$20=$B$17,14,0)+IF('Standard Profiles'!$G$20=$B$24,21,0),MOD($C2655,24)+1)/SUM(INDEX($D$3:$AA$30,INDEX(Jesper!$R$2:$R$366,ROW(INDEX(Jesper!AJ$2:AJ$366,ROUNDDOWN($C2655/24,0)+1,1))-1)+IF('Standard Profiles'!$G$20=$B$10,7,0)+IF('Standard Profiles'!$G$20=$B$17,14,0)+IF('Standard Profiles'!$G$20=$B$24,21,0),0)),0)</f>
        <v>0</v>
      </c>
      <c r="G2655" cm="1">
        <f t="array" ref="G2655">IFERROR(INDEX(Jesper!AK$2:AK$366,ROUNDDOWN($C2655/24,0)+1,1)*INDEX($D$3:$AA$30,INDEX(Jesper!$R$2:$R$366,ROW(INDEX(Jesper!AK$2:AK$366,ROUNDDOWN($C2655/24,0)+1,1))-1)+IF('Standard Profiles'!$G$21=$B$10,7,0)+IF('Standard Profiles'!$G$21=$B$17,14,0)+IF('Standard Profiles'!$G$21=$B$24,21,0),MOD($C2655,24)+1)/SUM(INDEX($D$3:$AA$30,INDEX(Jesper!$R$2:$R$366,ROW(INDEX(Jesper!AK$2:AK$366,ROUNDDOWN($C2655/24,0)+1,1))-1)+IF('Standard Profiles'!$G$21=$B$10,7,0)+IF('Standard Profiles'!$G$21=$B$17,14,0)+IF('Standard Profiles'!$G$21=$B$24,21,0),0)),0)</f>
        <v>1.8633492296830969</v>
      </c>
      <c r="H2655" cm="1">
        <f t="array" ref="H2655">IFERROR(INDEX(Jesper!AL$2:AL$366,ROUNDDOWN($C2655/24,0)+1,1)*INDEX($D$3:$AA$30,INDEX(Jesper!$R$2:$R$366,ROW(INDEX(Jesper!AL$2:AL$366,ROUNDDOWN($C2655/24,0)+1,1))-1)+IF('Standard Profiles'!$G$22=$B$10,7,0)+IF('Standard Profiles'!$G$22=$B$17,14,0)+IF('Standard Profiles'!$G$22=$B$24,21,0),MOD($C2655,24)+1)/SUM(INDEX($D$3:$AA$30,INDEX(Jesper!$R$2:$R$366,ROW(INDEX(Jesper!AL$2:AL$366,ROUNDDOWN($C2655/24,0)+1,1))-1)+IF('Standard Profiles'!$G$22=$B$10,7,0)+IF('Standard Profiles'!$G$22=$B$17,14,0)+IF('Standard Profiles'!$G$22=$B$24,21,0),0)),0)</f>
        <v>0</v>
      </c>
      <c r="I2655">
        <f t="shared" si="300"/>
        <v>0.89440763024788605</v>
      </c>
      <c r="J2655">
        <f t="shared" si="301"/>
        <v>10.268002287331687</v>
      </c>
      <c r="K2655">
        <f t="shared" si="302"/>
        <v>0.61515886764901395</v>
      </c>
      <c r="L2655">
        <f t="shared" si="303"/>
        <v>0.30757943382450698</v>
      </c>
      <c r="M2655">
        <f t="shared" si="304"/>
        <v>0</v>
      </c>
      <c r="N2655" s="45">
        <f t="shared" si="305"/>
        <v>45036.208333326977</v>
      </c>
    </row>
    <row r="2656" spans="2:14" x14ac:dyDescent="0.25">
      <c r="B2656">
        <f t="shared" si="299"/>
        <v>4</v>
      </c>
      <c r="C2656" s="16">
        <v>2622</v>
      </c>
      <c r="D2656" cm="1">
        <f t="array" ref="D2656">IFERROR(INDEX(Jesper!AH$2:AH$366,ROUNDDOWN($C2656/24,0)+1,1)*INDEX($D$3:$AA$30,INDEX(Jesper!$R$2:$R$366,ROW(INDEX(Jesper!AH$2:AH$366,ROUNDDOWN($C2656/24,0)+1,1))-1)+IF('Standard Profiles'!$G$18=$B$10,7,0)+IF('Standard Profiles'!$G$18=$B$17,14,0)+IF('Standard Profiles'!$G$18=$B$24,21,0),MOD($C2656,24)+1)/SUM(INDEX($D$3:$AA$30,INDEX(Jesper!$R$2:$R$366,ROW(INDEX(Jesper!AH$2:AH$366,ROUNDDOWN($C2656/24,0)+1,1))-1)+IF('Standard Profiles'!$G$18=$B$10,7,0)+IF('Standard Profiles'!$G$18=$B$17,14,0)+IF('Standard Profiles'!$G$18=$B$24,21,0),0)),0)</f>
        <v>5.7671143842095054</v>
      </c>
      <c r="E2656" cm="1">
        <f t="array" ref="E2656">IFERROR(INDEX(Jesper!AI$2:AI$366,ROUNDDOWN($C2656/24,0)+1,1)*INDEX($D$3:$AA$30,INDEX(Jesper!$R$2:$R$366,ROW(INDEX(Jesper!AI$2:AI$366,ROUNDDOWN($C2656/24,0)+1,1))-1)+IF('Standard Profiles'!$G$19=$B$10,7,0)+IF('Standard Profiles'!$G$19=$B$17,14,0)+IF('Standard Profiles'!$G$19=$B$24,21,0),MOD($C2656,24)+1)/SUM(INDEX($D$3:$AA$30,INDEX(Jesper!$R$2:$R$366,ROW(INDEX(Jesper!AI$2:AI$366,ROUNDDOWN($C2656/24,0)+1,1))-1)+IF('Standard Profiles'!$G$19=$B$10,7,0)+IF('Standard Profiles'!$G$19=$B$17,14,0)+IF('Standard Profiles'!$G$19=$B$24,21,0),0)),0)</f>
        <v>4.4546846051604909</v>
      </c>
      <c r="F2656" cm="1">
        <f t="array" ref="F2656">IFERROR(INDEX(Jesper!AJ$2:AJ$366,ROUNDDOWN($C2656/24,0)+1,1)*INDEX($D$3:$AA$30,INDEX(Jesper!$R$2:$R$366,ROW(INDEX(Jesper!AJ$2:AJ$366,ROUNDDOWN($C2656/24,0)+1,1))-1)+IF('Standard Profiles'!$G$20=$B$10,7,0)+IF('Standard Profiles'!$G$20=$B$17,14,0)+IF('Standard Profiles'!$G$20=$B$24,21,0),MOD($C2656,24)+1)/SUM(INDEX($D$3:$AA$30,INDEX(Jesper!$R$2:$R$366,ROW(INDEX(Jesper!AJ$2:AJ$366,ROUNDDOWN($C2656/24,0)+1,1))-1)+IF('Standard Profiles'!$G$20=$B$10,7,0)+IF('Standard Profiles'!$G$20=$B$17,14,0)+IF('Standard Profiles'!$G$20=$B$24,21,0),0)),0)</f>
        <v>0</v>
      </c>
      <c r="G2656" cm="1">
        <f t="array" ref="G2656">IFERROR(INDEX(Jesper!AK$2:AK$366,ROUNDDOWN($C2656/24,0)+1,1)*INDEX($D$3:$AA$30,INDEX(Jesper!$R$2:$R$366,ROW(INDEX(Jesper!AK$2:AK$366,ROUNDDOWN($C2656/24,0)+1,1))-1)+IF('Standard Profiles'!$G$21=$B$10,7,0)+IF('Standard Profiles'!$G$21=$B$17,14,0)+IF('Standard Profiles'!$G$21=$B$24,21,0),MOD($C2656,24)+1)/SUM(INDEX($D$3:$AA$30,INDEX(Jesper!$R$2:$R$366,ROW(INDEX(Jesper!AK$2:AK$366,ROUNDDOWN($C2656/24,0)+1,1))-1)+IF('Standard Profiles'!$G$21=$B$10,7,0)+IF('Standard Profiles'!$G$21=$B$17,14,0)+IF('Standard Profiles'!$G$21=$B$24,21,0),0)),0)</f>
        <v>1.8633492296830969</v>
      </c>
      <c r="H2656" cm="1">
        <f t="array" ref="H2656">IFERROR(INDEX(Jesper!AL$2:AL$366,ROUNDDOWN($C2656/24,0)+1,1)*INDEX($D$3:$AA$30,INDEX(Jesper!$R$2:$R$366,ROW(INDEX(Jesper!AL$2:AL$366,ROUNDDOWN($C2656/24,0)+1,1))-1)+IF('Standard Profiles'!$G$22=$B$10,7,0)+IF('Standard Profiles'!$G$22=$B$17,14,0)+IF('Standard Profiles'!$G$22=$B$24,21,0),MOD($C2656,24)+1)/SUM(INDEX($D$3:$AA$30,INDEX(Jesper!$R$2:$R$366,ROW(INDEX(Jesper!AL$2:AL$366,ROUNDDOWN($C2656/24,0)+1,1))-1)+IF('Standard Profiles'!$G$22=$B$10,7,0)+IF('Standard Profiles'!$G$22=$B$17,14,0)+IF('Standard Profiles'!$G$22=$B$24,21,0),0)),0)</f>
        <v>0</v>
      </c>
      <c r="I2656">
        <f t="shared" si="300"/>
        <v>0.89440763024788605</v>
      </c>
      <c r="J2656">
        <f t="shared" si="301"/>
        <v>10.268002287331687</v>
      </c>
      <c r="K2656">
        <f t="shared" si="302"/>
        <v>0.61515886764901395</v>
      </c>
      <c r="L2656">
        <f t="shared" si="303"/>
        <v>0.30757943382450698</v>
      </c>
      <c r="M2656">
        <f t="shared" si="304"/>
        <v>0</v>
      </c>
      <c r="N2656" s="45">
        <f t="shared" si="305"/>
        <v>45036.249999993641</v>
      </c>
    </row>
    <row r="2657" spans="2:14" x14ac:dyDescent="0.25">
      <c r="B2657">
        <f t="shared" si="299"/>
        <v>4</v>
      </c>
      <c r="C2657" s="16">
        <v>2623</v>
      </c>
      <c r="D2657" cm="1">
        <f t="array" ref="D2657">IFERROR(INDEX(Jesper!AH$2:AH$366,ROUNDDOWN($C2657/24,0)+1,1)*INDEX($D$3:$AA$30,INDEX(Jesper!$R$2:$R$366,ROW(INDEX(Jesper!AH$2:AH$366,ROUNDDOWN($C2657/24,0)+1,1))-1)+IF('Standard Profiles'!$G$18=$B$10,7,0)+IF('Standard Profiles'!$G$18=$B$17,14,0)+IF('Standard Profiles'!$G$18=$B$24,21,0),MOD($C2657,24)+1)/SUM(INDEX($D$3:$AA$30,INDEX(Jesper!$R$2:$R$366,ROW(INDEX(Jesper!AH$2:AH$366,ROUNDDOWN($C2657/24,0)+1,1))-1)+IF('Standard Profiles'!$G$18=$B$10,7,0)+IF('Standard Profiles'!$G$18=$B$17,14,0)+IF('Standard Profiles'!$G$18=$B$24,21,0),0)),0)</f>
        <v>23.575264558480676</v>
      </c>
      <c r="E2657" cm="1">
        <f t="array" ref="E2657">IFERROR(INDEX(Jesper!AI$2:AI$366,ROUNDDOWN($C2657/24,0)+1,1)*INDEX($D$3:$AA$30,INDEX(Jesper!$R$2:$R$366,ROW(INDEX(Jesper!AI$2:AI$366,ROUNDDOWN($C2657/24,0)+1,1))-1)+IF('Standard Profiles'!$G$19=$B$10,7,0)+IF('Standard Profiles'!$G$19=$B$17,14,0)+IF('Standard Profiles'!$G$19=$B$24,21,0),MOD($C2657,24)+1)/SUM(INDEX($D$3:$AA$30,INDEX(Jesper!$R$2:$R$366,ROW(INDEX(Jesper!AI$2:AI$366,ROUNDDOWN($C2657/24,0)+1,1))-1)+IF('Standard Profiles'!$G$19=$B$10,7,0)+IF('Standard Profiles'!$G$19=$B$17,14,0)+IF('Standard Profiles'!$G$19=$B$24,21,0),0)),0)</f>
        <v>18.21021070412576</v>
      </c>
      <c r="F2657" cm="1">
        <f t="array" ref="F2657">IFERROR(INDEX(Jesper!AJ$2:AJ$366,ROUNDDOWN($C2657/24,0)+1,1)*INDEX($D$3:$AA$30,INDEX(Jesper!$R$2:$R$366,ROW(INDEX(Jesper!AJ$2:AJ$366,ROUNDDOWN($C2657/24,0)+1,1))-1)+IF('Standard Profiles'!$G$20=$B$10,7,0)+IF('Standard Profiles'!$G$20=$B$17,14,0)+IF('Standard Profiles'!$G$20=$B$24,21,0),MOD($C2657,24)+1)/SUM(INDEX($D$3:$AA$30,INDEX(Jesper!$R$2:$R$366,ROW(INDEX(Jesper!AJ$2:AJ$366,ROUNDDOWN($C2657/24,0)+1,1))-1)+IF('Standard Profiles'!$G$20=$B$10,7,0)+IF('Standard Profiles'!$G$20=$B$17,14,0)+IF('Standard Profiles'!$G$20=$B$24,21,0),0)),0)</f>
        <v>0</v>
      </c>
      <c r="G2657" cm="1">
        <f t="array" ref="G2657">IFERROR(INDEX(Jesper!AK$2:AK$366,ROUNDDOWN($C2657/24,0)+1,1)*INDEX($D$3:$AA$30,INDEX(Jesper!$R$2:$R$366,ROW(INDEX(Jesper!AK$2:AK$366,ROUNDDOWN($C2657/24,0)+1,1))-1)+IF('Standard Profiles'!$G$21=$B$10,7,0)+IF('Standard Profiles'!$G$21=$B$17,14,0)+IF('Standard Profiles'!$G$21=$B$24,21,0),MOD($C2657,24)+1)/SUM(INDEX($D$3:$AA$30,INDEX(Jesper!$R$2:$R$366,ROW(INDEX(Jesper!AK$2:AK$366,ROUNDDOWN($C2657/24,0)+1,1))-1)+IF('Standard Profiles'!$G$21=$B$10,7,0)+IF('Standard Profiles'!$G$21=$B$17,14,0)+IF('Standard Profiles'!$G$21=$B$24,21,0),0)),0)</f>
        <v>5.1335271277769312</v>
      </c>
      <c r="H2657" cm="1">
        <f t="array" ref="H2657">IFERROR(INDEX(Jesper!AL$2:AL$366,ROUNDDOWN($C2657/24,0)+1,1)*INDEX($D$3:$AA$30,INDEX(Jesper!$R$2:$R$366,ROW(INDEX(Jesper!AL$2:AL$366,ROUNDDOWN($C2657/24,0)+1,1))-1)+IF('Standard Profiles'!$G$22=$B$10,7,0)+IF('Standard Profiles'!$G$22=$B$17,14,0)+IF('Standard Profiles'!$G$22=$B$24,21,0),MOD($C2657,24)+1)/SUM(INDEX($D$3:$AA$30,INDEX(Jesper!$R$2:$R$366,ROW(INDEX(Jesper!AL$2:AL$366,ROUNDDOWN($C2657/24,0)+1,1))-1)+IF('Standard Profiles'!$G$22=$B$10,7,0)+IF('Standard Profiles'!$G$22=$B$17,14,0)+IF('Standard Profiles'!$G$22=$B$24,21,0),0)),0)</f>
        <v>0</v>
      </c>
      <c r="I2657">
        <f t="shared" si="300"/>
        <v>2.4640930213329257</v>
      </c>
      <c r="J2657">
        <f t="shared" si="301"/>
        <v>40.682867039693534</v>
      </c>
      <c r="K2657">
        <f t="shared" si="302"/>
        <v>2.514694886237939</v>
      </c>
      <c r="L2657">
        <f t="shared" si="303"/>
        <v>1.2573474431189695</v>
      </c>
      <c r="M2657">
        <f t="shared" si="304"/>
        <v>0</v>
      </c>
      <c r="N2657" s="45">
        <f t="shared" si="305"/>
        <v>45036.291666660305</v>
      </c>
    </row>
    <row r="2658" spans="2:14" x14ac:dyDescent="0.25">
      <c r="B2658">
        <f t="shared" si="299"/>
        <v>4</v>
      </c>
      <c r="C2658" s="16">
        <v>2624</v>
      </c>
      <c r="D2658" cm="1">
        <f t="array" ref="D2658">IFERROR(INDEX(Jesper!AH$2:AH$366,ROUNDDOWN($C2658/24,0)+1,1)*INDEX($D$3:$AA$30,INDEX(Jesper!$R$2:$R$366,ROW(INDEX(Jesper!AH$2:AH$366,ROUNDDOWN($C2658/24,0)+1,1))-1)+IF('Standard Profiles'!$G$18=$B$10,7,0)+IF('Standard Profiles'!$G$18=$B$17,14,0)+IF('Standard Profiles'!$G$18=$B$24,21,0),MOD($C2658,24)+1)/SUM(INDEX($D$3:$AA$30,INDEX(Jesper!$R$2:$R$366,ROW(INDEX(Jesper!AH$2:AH$366,ROUNDDOWN($C2658/24,0)+1,1))-1)+IF('Standard Profiles'!$G$18=$B$10,7,0)+IF('Standard Profiles'!$G$18=$B$17,14,0)+IF('Standard Profiles'!$G$18=$B$24,21,0),0)),0)</f>
        <v>26.305032033673175</v>
      </c>
      <c r="E2658" cm="1">
        <f t="array" ref="E2658">IFERROR(INDEX(Jesper!AI$2:AI$366,ROUNDDOWN($C2658/24,0)+1,1)*INDEX($D$3:$AA$30,INDEX(Jesper!$R$2:$R$366,ROW(INDEX(Jesper!AI$2:AI$366,ROUNDDOWN($C2658/24,0)+1,1))-1)+IF('Standard Profiles'!$G$19=$B$10,7,0)+IF('Standard Profiles'!$G$19=$B$17,14,0)+IF('Standard Profiles'!$G$19=$B$24,21,0),MOD($C2658,24)+1)/SUM(INDEX($D$3:$AA$30,INDEX(Jesper!$R$2:$R$366,ROW(INDEX(Jesper!AI$2:AI$366,ROUNDDOWN($C2658/24,0)+1,1))-1)+IF('Standard Profiles'!$G$19=$B$10,7,0)+IF('Standard Profiles'!$G$19=$B$17,14,0)+IF('Standard Profiles'!$G$19=$B$24,21,0),0)),0)</f>
        <v>20.318761417235059</v>
      </c>
      <c r="F2658" cm="1">
        <f t="array" ref="F2658">IFERROR(INDEX(Jesper!AJ$2:AJ$366,ROUNDDOWN($C2658/24,0)+1,1)*INDEX($D$3:$AA$30,INDEX(Jesper!$R$2:$R$366,ROW(INDEX(Jesper!AJ$2:AJ$366,ROUNDDOWN($C2658/24,0)+1,1))-1)+IF('Standard Profiles'!$G$20=$B$10,7,0)+IF('Standard Profiles'!$G$20=$B$17,14,0)+IF('Standard Profiles'!$G$20=$B$24,21,0),MOD($C2658,24)+1)/SUM(INDEX($D$3:$AA$30,INDEX(Jesper!$R$2:$R$366,ROW(INDEX(Jesper!AJ$2:AJ$366,ROUNDDOWN($C2658/24,0)+1,1))-1)+IF('Standard Profiles'!$G$20=$B$10,7,0)+IF('Standard Profiles'!$G$20=$B$17,14,0)+IF('Standard Profiles'!$G$20=$B$24,21,0),0)),0)</f>
        <v>0</v>
      </c>
      <c r="G2658" cm="1">
        <f t="array" ref="G2658">IFERROR(INDEX(Jesper!AK$2:AK$366,ROUNDDOWN($C2658/24,0)+1,1)*INDEX($D$3:$AA$30,INDEX(Jesper!$R$2:$R$366,ROW(INDEX(Jesper!AK$2:AK$366,ROUNDDOWN($C2658/24,0)+1,1))-1)+IF('Standard Profiles'!$G$21=$B$10,7,0)+IF('Standard Profiles'!$G$21=$B$17,14,0)+IF('Standard Profiles'!$G$21=$B$24,21,0),MOD($C2658,24)+1)/SUM(INDEX($D$3:$AA$30,INDEX(Jesper!$R$2:$R$366,ROW(INDEX(Jesper!AK$2:AK$366,ROUNDDOWN($C2658/24,0)+1,1))-1)+IF('Standard Profiles'!$G$21=$B$10,7,0)+IF('Standard Profiles'!$G$21=$B$17,14,0)+IF('Standard Profiles'!$G$21=$B$24,21,0),0)),0)</f>
        <v>5.7279355320458398</v>
      </c>
      <c r="H2658" cm="1">
        <f t="array" ref="H2658">IFERROR(INDEX(Jesper!AL$2:AL$366,ROUNDDOWN($C2658/24,0)+1,1)*INDEX($D$3:$AA$30,INDEX(Jesper!$R$2:$R$366,ROW(INDEX(Jesper!AL$2:AL$366,ROUNDDOWN($C2658/24,0)+1,1))-1)+IF('Standard Profiles'!$G$22=$B$10,7,0)+IF('Standard Profiles'!$G$22=$B$17,14,0)+IF('Standard Profiles'!$G$22=$B$24,21,0),MOD($C2658,24)+1)/SUM(INDEX($D$3:$AA$30,INDEX(Jesper!$R$2:$R$366,ROW(INDEX(Jesper!AL$2:AL$366,ROUNDDOWN($C2658/24,0)+1,1))-1)+IF('Standard Profiles'!$G$22=$B$10,7,0)+IF('Standard Profiles'!$G$22=$B$17,14,0)+IF('Standard Profiles'!$G$22=$B$24,21,0),0)),0)</f>
        <v>0</v>
      </c>
      <c r="I2658">
        <f t="shared" si="300"/>
        <v>2.7494090553820016</v>
      </c>
      <c r="J2658">
        <f t="shared" si="301"/>
        <v>45.393514802184363</v>
      </c>
      <c r="K2658">
        <f t="shared" si="302"/>
        <v>2.8058700835918056</v>
      </c>
      <c r="L2658">
        <f t="shared" si="303"/>
        <v>1.4029350417959028</v>
      </c>
      <c r="M2658">
        <f t="shared" si="304"/>
        <v>0</v>
      </c>
      <c r="N2658" s="45">
        <f t="shared" si="305"/>
        <v>45036.333333326969</v>
      </c>
    </row>
    <row r="2659" spans="2:14" x14ac:dyDescent="0.25">
      <c r="B2659">
        <f t="shared" ref="B2659:B2722" si="306">WEEKDAY(N2659,2)</f>
        <v>4</v>
      </c>
      <c r="C2659" s="16">
        <v>2625</v>
      </c>
      <c r="D2659" cm="1">
        <f t="array" ref="D2659">IFERROR(INDEX(Jesper!AH$2:AH$366,ROUNDDOWN($C2659/24,0)+1,1)*INDEX($D$3:$AA$30,INDEX(Jesper!$R$2:$R$366,ROW(INDEX(Jesper!AH$2:AH$366,ROUNDDOWN($C2659/24,0)+1,1))-1)+IF('Standard Profiles'!$G$18=$B$10,7,0)+IF('Standard Profiles'!$G$18=$B$17,14,0)+IF('Standard Profiles'!$G$18=$B$24,21,0),MOD($C2659,24)+1)/SUM(INDEX($D$3:$AA$30,INDEX(Jesper!$R$2:$R$366,ROW(INDEX(Jesper!AH$2:AH$366,ROUNDDOWN($C2659/24,0)+1,1))-1)+IF('Standard Profiles'!$G$18=$B$10,7,0)+IF('Standard Profiles'!$G$18=$B$17,14,0)+IF('Standard Profiles'!$G$18=$B$24,21,0),0)),0)</f>
        <v>29.034799508865675</v>
      </c>
      <c r="E2659" cm="1">
        <f t="array" ref="E2659">IFERROR(INDEX(Jesper!AI$2:AI$366,ROUNDDOWN($C2659/24,0)+1,1)*INDEX($D$3:$AA$30,INDEX(Jesper!$R$2:$R$366,ROW(INDEX(Jesper!AI$2:AI$366,ROUNDDOWN($C2659/24,0)+1,1))-1)+IF('Standard Profiles'!$G$19=$B$10,7,0)+IF('Standard Profiles'!$G$19=$B$17,14,0)+IF('Standard Profiles'!$G$19=$B$24,21,0),MOD($C2659,24)+1)/SUM(INDEX($D$3:$AA$30,INDEX(Jesper!$R$2:$R$366,ROW(INDEX(Jesper!AI$2:AI$366,ROUNDDOWN($C2659/24,0)+1,1))-1)+IF('Standard Profiles'!$G$19=$B$10,7,0)+IF('Standard Profiles'!$G$19=$B$17,14,0)+IF('Standard Profiles'!$G$19=$B$24,21,0),0)),0)</f>
        <v>22.427312130344358</v>
      </c>
      <c r="F2659" cm="1">
        <f t="array" ref="F2659">IFERROR(INDEX(Jesper!AJ$2:AJ$366,ROUNDDOWN($C2659/24,0)+1,1)*INDEX($D$3:$AA$30,INDEX(Jesper!$R$2:$R$366,ROW(INDEX(Jesper!AJ$2:AJ$366,ROUNDDOWN($C2659/24,0)+1,1))-1)+IF('Standard Profiles'!$G$20=$B$10,7,0)+IF('Standard Profiles'!$G$20=$B$17,14,0)+IF('Standard Profiles'!$G$20=$B$24,21,0),MOD($C2659,24)+1)/SUM(INDEX($D$3:$AA$30,INDEX(Jesper!$R$2:$R$366,ROW(INDEX(Jesper!AJ$2:AJ$366,ROUNDDOWN($C2659/24,0)+1,1))-1)+IF('Standard Profiles'!$G$20=$B$10,7,0)+IF('Standard Profiles'!$G$20=$B$17,14,0)+IF('Standard Profiles'!$G$20=$B$24,21,0),0)),0)</f>
        <v>0</v>
      </c>
      <c r="G2659" cm="1">
        <f t="array" ref="G2659">IFERROR(INDEX(Jesper!AK$2:AK$366,ROUNDDOWN($C2659/24,0)+1,1)*INDEX($D$3:$AA$30,INDEX(Jesper!$R$2:$R$366,ROW(INDEX(Jesper!AK$2:AK$366,ROUNDDOWN($C2659/24,0)+1,1))-1)+IF('Standard Profiles'!$G$21=$B$10,7,0)+IF('Standard Profiles'!$G$21=$B$17,14,0)+IF('Standard Profiles'!$G$21=$B$24,21,0),MOD($C2659,24)+1)/SUM(INDEX($D$3:$AA$30,INDEX(Jesper!$R$2:$R$366,ROW(INDEX(Jesper!AK$2:AK$366,ROUNDDOWN($C2659/24,0)+1,1))-1)+IF('Standard Profiles'!$G$21=$B$10,7,0)+IF('Standard Profiles'!$G$21=$B$17,14,0)+IF('Standard Profiles'!$G$21=$B$24,21,0),0)),0)</f>
        <v>6.3223439363147467</v>
      </c>
      <c r="H2659" cm="1">
        <f t="array" ref="H2659">IFERROR(INDEX(Jesper!AL$2:AL$366,ROUNDDOWN($C2659/24,0)+1,1)*INDEX($D$3:$AA$30,INDEX(Jesper!$R$2:$R$366,ROW(INDEX(Jesper!AL$2:AL$366,ROUNDDOWN($C2659/24,0)+1,1))-1)+IF('Standard Profiles'!$G$22=$B$10,7,0)+IF('Standard Profiles'!$G$22=$B$17,14,0)+IF('Standard Profiles'!$G$22=$B$24,21,0),MOD($C2659,24)+1)/SUM(INDEX($D$3:$AA$30,INDEX(Jesper!$R$2:$R$366,ROW(INDEX(Jesper!AL$2:AL$366,ROUNDDOWN($C2659/24,0)+1,1))-1)+IF('Standard Profiles'!$G$22=$B$10,7,0)+IF('Standard Profiles'!$G$22=$B$17,14,0)+IF('Standard Profiles'!$G$22=$B$24,21,0),0)),0)</f>
        <v>0</v>
      </c>
      <c r="I2659">
        <f t="shared" ref="I2659:I2722" si="307">IF($B2659&lt;6,AC$37*$D2659+AC$38*$E2659+AC$39*$F2659+AC$40*$G2659,AC$46*$D2659+AC$47*$E2659+AC$48*$F2659+AC$49*$G2659+AC$50*$H2659)</f>
        <v>3.0347250894310771</v>
      </c>
      <c r="J2659">
        <f t="shared" ref="J2659:J2722" si="308">IF($B2659&lt;6,AD$37*$D2659+AD$38*$E2659+AD$39*$F2659+AD$40*$G2659,AD$46*$D2659+AD$47*$E2659+AD$48*$F2659+AD$49*$G2659+AD$50*$H2659)</f>
        <v>50.104162564675192</v>
      </c>
      <c r="K2659">
        <f t="shared" ref="K2659:K2722" si="309">IF($B2659&lt;6,AE$37*$D2659+AE$38*$E2659+AE$39*$F2659+AE$40*$G2659,AE$46*$D2659+AE$47*$E2659+AE$48*$F2659+AE$49*$G2659+AE$50*$H2659)</f>
        <v>3.0970452809456721</v>
      </c>
      <c r="L2659">
        <f t="shared" ref="L2659:L2722" si="310">IF($B2659&lt;6,AF$37*$D2659+AF$38*$E2659+AF$39*$F2659+AF$40*$G2659,AF$46*$D2659+AF$47*$E2659+AF$48*$F2659+AF$49*$G2659+AF$50*$H2659)</f>
        <v>1.5485226404728361</v>
      </c>
      <c r="M2659">
        <f t="shared" ref="M2659:M2722" si="311">IF($B2659&lt;6,AG$37*$D2659+AG$38*$E2659+AG$39*$F2659+AG$40*$G2659,AG$46*$D2659+AG$47*$E2659+AG$48*$F2659+AG$49*$G2659+AG$50*$H2659)</f>
        <v>0</v>
      </c>
      <c r="N2659" s="45">
        <f t="shared" si="305"/>
        <v>45036.374999993634</v>
      </c>
    </row>
    <row r="2660" spans="2:14" x14ac:dyDescent="0.25">
      <c r="B2660">
        <f t="shared" si="306"/>
        <v>4</v>
      </c>
      <c r="C2660" s="16">
        <v>2626</v>
      </c>
      <c r="D2660" cm="1">
        <f t="array" ref="D2660">IFERROR(INDEX(Jesper!AH$2:AH$366,ROUNDDOWN($C2660/24,0)+1,1)*INDEX($D$3:$AA$30,INDEX(Jesper!$R$2:$R$366,ROW(INDEX(Jesper!AH$2:AH$366,ROUNDDOWN($C2660/24,0)+1,1))-1)+IF('Standard Profiles'!$G$18=$B$10,7,0)+IF('Standard Profiles'!$G$18=$B$17,14,0)+IF('Standard Profiles'!$G$18=$B$24,21,0),MOD($C2660,24)+1)/SUM(INDEX($D$3:$AA$30,INDEX(Jesper!$R$2:$R$366,ROW(INDEX(Jesper!AH$2:AH$366,ROUNDDOWN($C2660/24,0)+1,1))-1)+IF('Standard Profiles'!$G$18=$B$10,7,0)+IF('Standard Profiles'!$G$18=$B$17,14,0)+IF('Standard Profiles'!$G$18=$B$24,21,0),0)),0)</f>
        <v>29.034799508865675</v>
      </c>
      <c r="E2660" cm="1">
        <f t="array" ref="E2660">IFERROR(INDEX(Jesper!AI$2:AI$366,ROUNDDOWN($C2660/24,0)+1,1)*INDEX($D$3:$AA$30,INDEX(Jesper!$R$2:$R$366,ROW(INDEX(Jesper!AI$2:AI$366,ROUNDDOWN($C2660/24,0)+1,1))-1)+IF('Standard Profiles'!$G$19=$B$10,7,0)+IF('Standard Profiles'!$G$19=$B$17,14,0)+IF('Standard Profiles'!$G$19=$B$24,21,0),MOD($C2660,24)+1)/SUM(INDEX($D$3:$AA$30,INDEX(Jesper!$R$2:$R$366,ROW(INDEX(Jesper!AI$2:AI$366,ROUNDDOWN($C2660/24,0)+1,1))-1)+IF('Standard Profiles'!$G$19=$B$10,7,0)+IF('Standard Profiles'!$G$19=$B$17,14,0)+IF('Standard Profiles'!$G$19=$B$24,21,0),0)),0)</f>
        <v>22.427312130344358</v>
      </c>
      <c r="F2660" cm="1">
        <f t="array" ref="F2660">IFERROR(INDEX(Jesper!AJ$2:AJ$366,ROUNDDOWN($C2660/24,0)+1,1)*INDEX($D$3:$AA$30,INDEX(Jesper!$R$2:$R$366,ROW(INDEX(Jesper!AJ$2:AJ$366,ROUNDDOWN($C2660/24,0)+1,1))-1)+IF('Standard Profiles'!$G$20=$B$10,7,0)+IF('Standard Profiles'!$G$20=$B$17,14,0)+IF('Standard Profiles'!$G$20=$B$24,21,0),MOD($C2660,24)+1)/SUM(INDEX($D$3:$AA$30,INDEX(Jesper!$R$2:$R$366,ROW(INDEX(Jesper!AJ$2:AJ$366,ROUNDDOWN($C2660/24,0)+1,1))-1)+IF('Standard Profiles'!$G$20=$B$10,7,0)+IF('Standard Profiles'!$G$20=$B$17,14,0)+IF('Standard Profiles'!$G$20=$B$24,21,0),0)),0)</f>
        <v>0</v>
      </c>
      <c r="G2660" cm="1">
        <f t="array" ref="G2660">IFERROR(INDEX(Jesper!AK$2:AK$366,ROUNDDOWN($C2660/24,0)+1,1)*INDEX($D$3:$AA$30,INDEX(Jesper!$R$2:$R$366,ROW(INDEX(Jesper!AK$2:AK$366,ROUNDDOWN($C2660/24,0)+1,1))-1)+IF('Standard Profiles'!$G$21=$B$10,7,0)+IF('Standard Profiles'!$G$21=$B$17,14,0)+IF('Standard Profiles'!$G$21=$B$24,21,0),MOD($C2660,24)+1)/SUM(INDEX($D$3:$AA$30,INDEX(Jesper!$R$2:$R$366,ROW(INDEX(Jesper!AK$2:AK$366,ROUNDDOWN($C2660/24,0)+1,1))-1)+IF('Standard Profiles'!$G$21=$B$10,7,0)+IF('Standard Profiles'!$G$21=$B$17,14,0)+IF('Standard Profiles'!$G$21=$B$24,21,0),0)),0)</f>
        <v>6.3223439363147467</v>
      </c>
      <c r="H2660" cm="1">
        <f t="array" ref="H2660">IFERROR(INDEX(Jesper!AL$2:AL$366,ROUNDDOWN($C2660/24,0)+1,1)*INDEX($D$3:$AA$30,INDEX(Jesper!$R$2:$R$366,ROW(INDEX(Jesper!AL$2:AL$366,ROUNDDOWN($C2660/24,0)+1,1))-1)+IF('Standard Profiles'!$G$22=$B$10,7,0)+IF('Standard Profiles'!$G$22=$B$17,14,0)+IF('Standard Profiles'!$G$22=$B$24,21,0),MOD($C2660,24)+1)/SUM(INDEX($D$3:$AA$30,INDEX(Jesper!$R$2:$R$366,ROW(INDEX(Jesper!AL$2:AL$366,ROUNDDOWN($C2660/24,0)+1,1))-1)+IF('Standard Profiles'!$G$22=$B$10,7,0)+IF('Standard Profiles'!$G$22=$B$17,14,0)+IF('Standard Profiles'!$G$22=$B$24,21,0),0)),0)</f>
        <v>0</v>
      </c>
      <c r="I2660">
        <f t="shared" si="307"/>
        <v>3.0347250894310771</v>
      </c>
      <c r="J2660">
        <f t="shared" si="308"/>
        <v>50.104162564675192</v>
      </c>
      <c r="K2660">
        <f t="shared" si="309"/>
        <v>3.0970452809456721</v>
      </c>
      <c r="L2660">
        <f t="shared" si="310"/>
        <v>1.5485226404728361</v>
      </c>
      <c r="M2660">
        <f t="shared" si="311"/>
        <v>0</v>
      </c>
      <c r="N2660" s="45">
        <f t="shared" ref="N2660:N2723" si="312">N2659+1/24</f>
        <v>45036.416666660298</v>
      </c>
    </row>
    <row r="2661" spans="2:14" x14ac:dyDescent="0.25">
      <c r="B2661">
        <f t="shared" si="306"/>
        <v>4</v>
      </c>
      <c r="C2661" s="16">
        <v>2627</v>
      </c>
      <c r="D2661" cm="1">
        <f t="array" ref="D2661">IFERROR(INDEX(Jesper!AH$2:AH$366,ROUNDDOWN($C2661/24,0)+1,1)*INDEX($D$3:$AA$30,INDEX(Jesper!$R$2:$R$366,ROW(INDEX(Jesper!AH$2:AH$366,ROUNDDOWN($C2661/24,0)+1,1))-1)+IF('Standard Profiles'!$G$18=$B$10,7,0)+IF('Standard Profiles'!$G$18=$B$17,14,0)+IF('Standard Profiles'!$G$18=$B$24,21,0),MOD($C2661,24)+1)/SUM(INDEX($D$3:$AA$30,INDEX(Jesper!$R$2:$R$366,ROW(INDEX(Jesper!AH$2:AH$366,ROUNDDOWN($C2661/24,0)+1,1))-1)+IF('Standard Profiles'!$G$18=$B$10,7,0)+IF('Standard Profiles'!$G$18=$B$17,14,0)+IF('Standard Profiles'!$G$18=$B$24,21,0),0)),0)</f>
        <v>34.742495138813624</v>
      </c>
      <c r="E2661" cm="1">
        <f t="array" ref="E2661">IFERROR(INDEX(Jesper!AI$2:AI$366,ROUNDDOWN($C2661/24,0)+1,1)*INDEX($D$3:$AA$30,INDEX(Jesper!$R$2:$R$366,ROW(INDEX(Jesper!AI$2:AI$366,ROUNDDOWN($C2661/24,0)+1,1))-1)+IF('Standard Profiles'!$G$19=$B$10,7,0)+IF('Standard Profiles'!$G$19=$B$17,14,0)+IF('Standard Profiles'!$G$19=$B$24,21,0),MOD($C2661,24)+1)/SUM(INDEX($D$3:$AA$30,INDEX(Jesper!$R$2:$R$366,ROW(INDEX(Jesper!AI$2:AI$366,ROUNDDOWN($C2661/24,0)+1,1))-1)+IF('Standard Profiles'!$G$19=$B$10,7,0)+IF('Standard Profiles'!$G$19=$B$17,14,0)+IF('Standard Profiles'!$G$19=$B$24,21,0),0)),0)</f>
        <v>26.836099985027438</v>
      </c>
      <c r="F2661" cm="1">
        <f t="array" ref="F2661">IFERROR(INDEX(Jesper!AJ$2:AJ$366,ROUNDDOWN($C2661/24,0)+1,1)*INDEX($D$3:$AA$30,INDEX(Jesper!$R$2:$R$366,ROW(INDEX(Jesper!AJ$2:AJ$366,ROUNDDOWN($C2661/24,0)+1,1))-1)+IF('Standard Profiles'!$G$20=$B$10,7,0)+IF('Standard Profiles'!$G$20=$B$17,14,0)+IF('Standard Profiles'!$G$20=$B$24,21,0),MOD($C2661,24)+1)/SUM(INDEX($D$3:$AA$30,INDEX(Jesper!$R$2:$R$366,ROW(INDEX(Jesper!AJ$2:AJ$366,ROUNDDOWN($C2661/24,0)+1,1))-1)+IF('Standard Profiles'!$G$20=$B$10,7,0)+IF('Standard Profiles'!$G$20=$B$17,14,0)+IF('Standard Profiles'!$G$20=$B$24,21,0),0)),0)</f>
        <v>0</v>
      </c>
      <c r="G2661" cm="1">
        <f t="array" ref="G2661">IFERROR(INDEX(Jesper!AK$2:AK$366,ROUNDDOWN($C2661/24,0)+1,1)*INDEX($D$3:$AA$30,INDEX(Jesper!$R$2:$R$366,ROW(INDEX(Jesper!AK$2:AK$366,ROUNDDOWN($C2661/24,0)+1,1))-1)+IF('Standard Profiles'!$G$21=$B$10,7,0)+IF('Standard Profiles'!$G$21=$B$17,14,0)+IF('Standard Profiles'!$G$21=$B$24,21,0),MOD($C2661,24)+1)/SUM(INDEX($D$3:$AA$30,INDEX(Jesper!$R$2:$R$366,ROW(INDEX(Jesper!AK$2:AK$366,ROUNDDOWN($C2661/24,0)+1,1))-1)+IF('Standard Profiles'!$G$21=$B$10,7,0)+IF('Standard Profiles'!$G$21=$B$17,14,0)+IF('Standard Profiles'!$G$21=$B$24,21,0),0)),0)</f>
        <v>7.5651978725133713</v>
      </c>
      <c r="H2661" cm="1">
        <f t="array" ref="H2661">IFERROR(INDEX(Jesper!AL$2:AL$366,ROUNDDOWN($C2661/24,0)+1,1)*INDEX($D$3:$AA$30,INDEX(Jesper!$R$2:$R$366,ROW(INDEX(Jesper!AL$2:AL$366,ROUNDDOWN($C2661/24,0)+1,1))-1)+IF('Standard Profiles'!$G$22=$B$10,7,0)+IF('Standard Profiles'!$G$22=$B$17,14,0)+IF('Standard Profiles'!$G$22=$B$24,21,0),MOD($C2661,24)+1)/SUM(INDEX($D$3:$AA$30,INDEX(Jesper!$R$2:$R$366,ROW(INDEX(Jesper!AL$2:AL$366,ROUNDDOWN($C2661/24,0)+1,1))-1)+IF('Standard Profiles'!$G$22=$B$10,7,0)+IF('Standard Profiles'!$G$22=$B$17,14,0)+IF('Standard Profiles'!$G$22=$B$24,21,0),0)),0)</f>
        <v>0</v>
      </c>
      <c r="I2661">
        <f t="shared" si="307"/>
        <v>3.6312949788064164</v>
      </c>
      <c r="J2661">
        <f t="shared" si="308"/>
        <v>59.953698795337843</v>
      </c>
      <c r="K2661">
        <f t="shared" si="309"/>
        <v>3.7058661481401201</v>
      </c>
      <c r="L2661">
        <f t="shared" si="310"/>
        <v>1.85293307407006</v>
      </c>
      <c r="M2661">
        <f t="shared" si="311"/>
        <v>0</v>
      </c>
      <c r="N2661" s="45">
        <f t="shared" si="312"/>
        <v>45036.458333326962</v>
      </c>
    </row>
    <row r="2662" spans="2:14" x14ac:dyDescent="0.25">
      <c r="B2662">
        <f t="shared" si="306"/>
        <v>4</v>
      </c>
      <c r="C2662" s="16">
        <v>2628</v>
      </c>
      <c r="D2662" cm="1">
        <f t="array" ref="D2662">IFERROR(INDEX(Jesper!AH$2:AH$366,ROUNDDOWN($C2662/24,0)+1,1)*INDEX($D$3:$AA$30,INDEX(Jesper!$R$2:$R$366,ROW(INDEX(Jesper!AH$2:AH$366,ROUNDDOWN($C2662/24,0)+1,1))-1)+IF('Standard Profiles'!$G$18=$B$10,7,0)+IF('Standard Profiles'!$G$18=$B$17,14,0)+IF('Standard Profiles'!$G$18=$B$24,21,0),MOD($C2662,24)+1)/SUM(INDEX($D$3:$AA$30,INDEX(Jesper!$R$2:$R$366,ROW(INDEX(Jesper!AH$2:AH$366,ROUNDDOWN($C2662/24,0)+1,1))-1)+IF('Standard Profiles'!$G$18=$B$10,7,0)+IF('Standard Profiles'!$G$18=$B$17,14,0)+IF('Standard Profiles'!$G$18=$B$24,21,0),0)),0)</f>
        <v>34.742495138813624</v>
      </c>
      <c r="E2662" cm="1">
        <f t="array" ref="E2662">IFERROR(INDEX(Jesper!AI$2:AI$366,ROUNDDOWN($C2662/24,0)+1,1)*INDEX($D$3:$AA$30,INDEX(Jesper!$R$2:$R$366,ROW(INDEX(Jesper!AI$2:AI$366,ROUNDDOWN($C2662/24,0)+1,1))-1)+IF('Standard Profiles'!$G$19=$B$10,7,0)+IF('Standard Profiles'!$G$19=$B$17,14,0)+IF('Standard Profiles'!$G$19=$B$24,21,0),MOD($C2662,24)+1)/SUM(INDEX($D$3:$AA$30,INDEX(Jesper!$R$2:$R$366,ROW(INDEX(Jesper!AI$2:AI$366,ROUNDDOWN($C2662/24,0)+1,1))-1)+IF('Standard Profiles'!$G$19=$B$10,7,0)+IF('Standard Profiles'!$G$19=$B$17,14,0)+IF('Standard Profiles'!$G$19=$B$24,21,0),0)),0)</f>
        <v>26.836099985027438</v>
      </c>
      <c r="F2662" cm="1">
        <f t="array" ref="F2662">IFERROR(INDEX(Jesper!AJ$2:AJ$366,ROUNDDOWN($C2662/24,0)+1,1)*INDEX($D$3:$AA$30,INDEX(Jesper!$R$2:$R$366,ROW(INDEX(Jesper!AJ$2:AJ$366,ROUNDDOWN($C2662/24,0)+1,1))-1)+IF('Standard Profiles'!$G$20=$B$10,7,0)+IF('Standard Profiles'!$G$20=$B$17,14,0)+IF('Standard Profiles'!$G$20=$B$24,21,0),MOD($C2662,24)+1)/SUM(INDEX($D$3:$AA$30,INDEX(Jesper!$R$2:$R$366,ROW(INDEX(Jesper!AJ$2:AJ$366,ROUNDDOWN($C2662/24,0)+1,1))-1)+IF('Standard Profiles'!$G$20=$B$10,7,0)+IF('Standard Profiles'!$G$20=$B$17,14,0)+IF('Standard Profiles'!$G$20=$B$24,21,0),0)),0)</f>
        <v>0</v>
      </c>
      <c r="G2662" cm="1">
        <f t="array" ref="G2662">IFERROR(INDEX(Jesper!AK$2:AK$366,ROUNDDOWN($C2662/24,0)+1,1)*INDEX($D$3:$AA$30,INDEX(Jesper!$R$2:$R$366,ROW(INDEX(Jesper!AK$2:AK$366,ROUNDDOWN($C2662/24,0)+1,1))-1)+IF('Standard Profiles'!$G$21=$B$10,7,0)+IF('Standard Profiles'!$G$21=$B$17,14,0)+IF('Standard Profiles'!$G$21=$B$24,21,0),MOD($C2662,24)+1)/SUM(INDEX($D$3:$AA$30,INDEX(Jesper!$R$2:$R$366,ROW(INDEX(Jesper!AK$2:AK$366,ROUNDDOWN($C2662/24,0)+1,1))-1)+IF('Standard Profiles'!$G$21=$B$10,7,0)+IF('Standard Profiles'!$G$21=$B$17,14,0)+IF('Standard Profiles'!$G$21=$B$24,21,0),0)),0)</f>
        <v>7.5651978725133713</v>
      </c>
      <c r="H2662" cm="1">
        <f t="array" ref="H2662">IFERROR(INDEX(Jesper!AL$2:AL$366,ROUNDDOWN($C2662/24,0)+1,1)*INDEX($D$3:$AA$30,INDEX(Jesper!$R$2:$R$366,ROW(INDEX(Jesper!AL$2:AL$366,ROUNDDOWN($C2662/24,0)+1,1))-1)+IF('Standard Profiles'!$G$22=$B$10,7,0)+IF('Standard Profiles'!$G$22=$B$17,14,0)+IF('Standard Profiles'!$G$22=$B$24,21,0),MOD($C2662,24)+1)/SUM(INDEX($D$3:$AA$30,INDEX(Jesper!$R$2:$R$366,ROW(INDEX(Jesper!AL$2:AL$366,ROUNDDOWN($C2662/24,0)+1,1))-1)+IF('Standard Profiles'!$G$22=$B$10,7,0)+IF('Standard Profiles'!$G$22=$B$17,14,0)+IF('Standard Profiles'!$G$22=$B$24,21,0),0)),0)</f>
        <v>0</v>
      </c>
      <c r="I2662">
        <f t="shared" si="307"/>
        <v>3.6312949788064164</v>
      </c>
      <c r="J2662">
        <f t="shared" si="308"/>
        <v>59.953698795337843</v>
      </c>
      <c r="K2662">
        <f t="shared" si="309"/>
        <v>3.7058661481401201</v>
      </c>
      <c r="L2662">
        <f t="shared" si="310"/>
        <v>1.85293307407006</v>
      </c>
      <c r="M2662">
        <f t="shared" si="311"/>
        <v>0</v>
      </c>
      <c r="N2662" s="45">
        <f t="shared" si="312"/>
        <v>45036.499999993626</v>
      </c>
    </row>
    <row r="2663" spans="2:14" x14ac:dyDescent="0.25">
      <c r="B2663">
        <f t="shared" si="306"/>
        <v>4</v>
      </c>
      <c r="C2663" s="16">
        <v>2629</v>
      </c>
      <c r="D2663" cm="1">
        <f t="array" ref="D2663">IFERROR(INDEX(Jesper!AH$2:AH$366,ROUNDDOWN($C2663/24,0)+1,1)*INDEX($D$3:$AA$30,INDEX(Jesper!$R$2:$R$366,ROW(INDEX(Jesper!AH$2:AH$366,ROUNDDOWN($C2663/24,0)+1,1))-1)+IF('Standard Profiles'!$G$18=$B$10,7,0)+IF('Standard Profiles'!$G$18=$B$17,14,0)+IF('Standard Profiles'!$G$18=$B$24,21,0),MOD($C2663,24)+1)/SUM(INDEX($D$3:$AA$30,INDEX(Jesper!$R$2:$R$366,ROW(INDEX(Jesper!AH$2:AH$366,ROUNDDOWN($C2663/24,0)+1,1))-1)+IF('Standard Profiles'!$G$18=$B$10,7,0)+IF('Standard Profiles'!$G$18=$B$17,14,0)+IF('Standard Profiles'!$G$18=$B$24,21,0),0)),0)</f>
        <v>23.078943199354764</v>
      </c>
      <c r="E2663" cm="1">
        <f t="array" ref="E2663">IFERROR(INDEX(Jesper!AI$2:AI$366,ROUNDDOWN($C2663/24,0)+1,1)*INDEX($D$3:$AA$30,INDEX(Jesper!$R$2:$R$366,ROW(INDEX(Jesper!AI$2:AI$366,ROUNDDOWN($C2663/24,0)+1,1))-1)+IF('Standard Profiles'!$G$19=$B$10,7,0)+IF('Standard Profiles'!$G$19=$B$17,14,0)+IF('Standard Profiles'!$G$19=$B$24,21,0),MOD($C2663,24)+1)/SUM(INDEX($D$3:$AA$30,INDEX(Jesper!$R$2:$R$366,ROW(INDEX(Jesper!AI$2:AI$366,ROUNDDOWN($C2663/24,0)+1,1))-1)+IF('Standard Profiles'!$G$19=$B$10,7,0)+IF('Standard Profiles'!$G$19=$B$17,14,0)+IF('Standard Profiles'!$G$19=$B$24,21,0),0)),0)</f>
        <v>17.826837847196799</v>
      </c>
      <c r="F2663" cm="1">
        <f t="array" ref="F2663">IFERROR(INDEX(Jesper!AJ$2:AJ$366,ROUNDDOWN($C2663/24,0)+1,1)*INDEX($D$3:$AA$30,INDEX(Jesper!$R$2:$R$366,ROW(INDEX(Jesper!AJ$2:AJ$366,ROUNDDOWN($C2663/24,0)+1,1))-1)+IF('Standard Profiles'!$G$20=$B$10,7,0)+IF('Standard Profiles'!$G$20=$B$17,14,0)+IF('Standard Profiles'!$G$20=$B$24,21,0),MOD($C2663,24)+1)/SUM(INDEX($D$3:$AA$30,INDEX(Jesper!$R$2:$R$366,ROW(INDEX(Jesper!AJ$2:AJ$366,ROUNDDOWN($C2663/24,0)+1,1))-1)+IF('Standard Profiles'!$G$20=$B$10,7,0)+IF('Standard Profiles'!$G$20=$B$17,14,0)+IF('Standard Profiles'!$G$20=$B$24,21,0),0)),0)</f>
        <v>0</v>
      </c>
      <c r="G2663" cm="1">
        <f t="array" ref="G2663">IFERROR(INDEX(Jesper!AK$2:AK$366,ROUNDDOWN($C2663/24,0)+1,1)*INDEX($D$3:$AA$30,INDEX(Jesper!$R$2:$R$366,ROW(INDEX(Jesper!AK$2:AK$366,ROUNDDOWN($C2663/24,0)+1,1))-1)+IF('Standard Profiles'!$G$21=$B$10,7,0)+IF('Standard Profiles'!$G$21=$B$17,14,0)+IF('Standard Profiles'!$G$21=$B$24,21,0),MOD($C2663,24)+1)/SUM(INDEX($D$3:$AA$30,INDEX(Jesper!$R$2:$R$366,ROW(INDEX(Jesper!AK$2:AK$366,ROUNDDOWN($C2663/24,0)+1,1))-1)+IF('Standard Profiles'!$G$21=$B$10,7,0)+IF('Standard Profiles'!$G$21=$B$17,14,0)+IF('Standard Profiles'!$G$21=$B$24,21,0),0)),0)</f>
        <v>5.0254528724553111</v>
      </c>
      <c r="H2663" cm="1">
        <f t="array" ref="H2663">IFERROR(INDEX(Jesper!AL$2:AL$366,ROUNDDOWN($C2663/24,0)+1,1)*INDEX($D$3:$AA$30,INDEX(Jesper!$R$2:$R$366,ROW(INDEX(Jesper!AL$2:AL$366,ROUNDDOWN($C2663/24,0)+1,1))-1)+IF('Standard Profiles'!$G$22=$B$10,7,0)+IF('Standard Profiles'!$G$22=$B$17,14,0)+IF('Standard Profiles'!$G$22=$B$24,21,0),MOD($C2663,24)+1)/SUM(INDEX($D$3:$AA$30,INDEX(Jesper!$R$2:$R$366,ROW(INDEX(Jesper!AL$2:AL$366,ROUNDDOWN($C2663/24,0)+1,1))-1)+IF('Standard Profiles'!$G$22=$B$10,7,0)+IF('Standard Profiles'!$G$22=$B$17,14,0)+IF('Standard Profiles'!$G$22=$B$24,21,0),0)),0)</f>
        <v>0</v>
      </c>
      <c r="I2663">
        <f t="shared" si="307"/>
        <v>2.4122173787785481</v>
      </c>
      <c r="J2663">
        <f t="shared" si="308"/>
        <v>39.826385628331558</v>
      </c>
      <c r="K2663">
        <f t="shared" si="309"/>
        <v>2.4617539412645084</v>
      </c>
      <c r="L2663">
        <f t="shared" si="310"/>
        <v>1.2308769706322542</v>
      </c>
      <c r="M2663">
        <f t="shared" si="311"/>
        <v>0</v>
      </c>
      <c r="N2663" s="45">
        <f t="shared" si="312"/>
        <v>45036.541666660291</v>
      </c>
    </row>
    <row r="2664" spans="2:14" x14ac:dyDescent="0.25">
      <c r="B2664">
        <f t="shared" si="306"/>
        <v>4</v>
      </c>
      <c r="C2664" s="16">
        <v>2630</v>
      </c>
      <c r="D2664" cm="1">
        <f t="array" ref="D2664">IFERROR(INDEX(Jesper!AH$2:AH$366,ROUNDDOWN($C2664/24,0)+1,1)*INDEX($D$3:$AA$30,INDEX(Jesper!$R$2:$R$366,ROW(INDEX(Jesper!AH$2:AH$366,ROUNDDOWN($C2664/24,0)+1,1))-1)+IF('Standard Profiles'!$G$18=$B$10,7,0)+IF('Standard Profiles'!$G$18=$B$17,14,0)+IF('Standard Profiles'!$G$18=$B$24,21,0),MOD($C2664,24)+1)/SUM(INDEX($D$3:$AA$30,INDEX(Jesper!$R$2:$R$366,ROW(INDEX(Jesper!AH$2:AH$366,ROUNDDOWN($C2664/24,0)+1,1))-1)+IF('Standard Profiles'!$G$18=$B$10,7,0)+IF('Standard Profiles'!$G$18=$B$17,14,0)+IF('Standard Profiles'!$G$18=$B$24,21,0),0)),0)</f>
        <v>34.742495138813624</v>
      </c>
      <c r="E2664" cm="1">
        <f t="array" ref="E2664">IFERROR(INDEX(Jesper!AI$2:AI$366,ROUNDDOWN($C2664/24,0)+1,1)*INDEX($D$3:$AA$30,INDEX(Jesper!$R$2:$R$366,ROW(INDEX(Jesper!AI$2:AI$366,ROUNDDOWN($C2664/24,0)+1,1))-1)+IF('Standard Profiles'!$G$19=$B$10,7,0)+IF('Standard Profiles'!$G$19=$B$17,14,0)+IF('Standard Profiles'!$G$19=$B$24,21,0),MOD($C2664,24)+1)/SUM(INDEX($D$3:$AA$30,INDEX(Jesper!$R$2:$R$366,ROW(INDEX(Jesper!AI$2:AI$366,ROUNDDOWN($C2664/24,0)+1,1))-1)+IF('Standard Profiles'!$G$19=$B$10,7,0)+IF('Standard Profiles'!$G$19=$B$17,14,0)+IF('Standard Profiles'!$G$19=$B$24,21,0),0)),0)</f>
        <v>26.836099985027438</v>
      </c>
      <c r="F2664" cm="1">
        <f t="array" ref="F2664">IFERROR(INDEX(Jesper!AJ$2:AJ$366,ROUNDDOWN($C2664/24,0)+1,1)*INDEX($D$3:$AA$30,INDEX(Jesper!$R$2:$R$366,ROW(INDEX(Jesper!AJ$2:AJ$366,ROUNDDOWN($C2664/24,0)+1,1))-1)+IF('Standard Profiles'!$G$20=$B$10,7,0)+IF('Standard Profiles'!$G$20=$B$17,14,0)+IF('Standard Profiles'!$G$20=$B$24,21,0),MOD($C2664,24)+1)/SUM(INDEX($D$3:$AA$30,INDEX(Jesper!$R$2:$R$366,ROW(INDEX(Jesper!AJ$2:AJ$366,ROUNDDOWN($C2664/24,0)+1,1))-1)+IF('Standard Profiles'!$G$20=$B$10,7,0)+IF('Standard Profiles'!$G$20=$B$17,14,0)+IF('Standard Profiles'!$G$20=$B$24,21,0),0)),0)</f>
        <v>0</v>
      </c>
      <c r="G2664" cm="1">
        <f t="array" ref="G2664">IFERROR(INDEX(Jesper!AK$2:AK$366,ROUNDDOWN($C2664/24,0)+1,1)*INDEX($D$3:$AA$30,INDEX(Jesper!$R$2:$R$366,ROW(INDEX(Jesper!AK$2:AK$366,ROUNDDOWN($C2664/24,0)+1,1))-1)+IF('Standard Profiles'!$G$21=$B$10,7,0)+IF('Standard Profiles'!$G$21=$B$17,14,0)+IF('Standard Profiles'!$G$21=$B$24,21,0),MOD($C2664,24)+1)/SUM(INDEX($D$3:$AA$30,INDEX(Jesper!$R$2:$R$366,ROW(INDEX(Jesper!AK$2:AK$366,ROUNDDOWN($C2664/24,0)+1,1))-1)+IF('Standard Profiles'!$G$21=$B$10,7,0)+IF('Standard Profiles'!$G$21=$B$17,14,0)+IF('Standard Profiles'!$G$21=$B$24,21,0),0)),0)</f>
        <v>7.5651978725133713</v>
      </c>
      <c r="H2664" cm="1">
        <f t="array" ref="H2664">IFERROR(INDEX(Jesper!AL$2:AL$366,ROUNDDOWN($C2664/24,0)+1,1)*INDEX($D$3:$AA$30,INDEX(Jesper!$R$2:$R$366,ROW(INDEX(Jesper!AL$2:AL$366,ROUNDDOWN($C2664/24,0)+1,1))-1)+IF('Standard Profiles'!$G$22=$B$10,7,0)+IF('Standard Profiles'!$G$22=$B$17,14,0)+IF('Standard Profiles'!$G$22=$B$24,21,0),MOD($C2664,24)+1)/SUM(INDEX($D$3:$AA$30,INDEX(Jesper!$R$2:$R$366,ROW(INDEX(Jesper!AL$2:AL$366,ROUNDDOWN($C2664/24,0)+1,1))-1)+IF('Standard Profiles'!$G$22=$B$10,7,0)+IF('Standard Profiles'!$G$22=$B$17,14,0)+IF('Standard Profiles'!$G$22=$B$24,21,0),0)),0)</f>
        <v>0</v>
      </c>
      <c r="I2664">
        <f t="shared" si="307"/>
        <v>3.6312949788064164</v>
      </c>
      <c r="J2664">
        <f t="shared" si="308"/>
        <v>59.953698795337843</v>
      </c>
      <c r="K2664">
        <f t="shared" si="309"/>
        <v>3.7058661481401201</v>
      </c>
      <c r="L2664">
        <f t="shared" si="310"/>
        <v>1.85293307407006</v>
      </c>
      <c r="M2664">
        <f t="shared" si="311"/>
        <v>0</v>
      </c>
      <c r="N2664" s="45">
        <f t="shared" si="312"/>
        <v>45036.583333326955</v>
      </c>
    </row>
    <row r="2665" spans="2:14" x14ac:dyDescent="0.25">
      <c r="B2665">
        <f t="shared" si="306"/>
        <v>4</v>
      </c>
      <c r="C2665" s="16">
        <v>2631</v>
      </c>
      <c r="D2665" cm="1">
        <f t="array" ref="D2665">IFERROR(INDEX(Jesper!AH$2:AH$366,ROUNDDOWN($C2665/24,0)+1,1)*INDEX($D$3:$AA$30,INDEX(Jesper!$R$2:$R$366,ROW(INDEX(Jesper!AH$2:AH$366,ROUNDDOWN($C2665/24,0)+1,1))-1)+IF('Standard Profiles'!$G$18=$B$10,7,0)+IF('Standard Profiles'!$G$18=$B$17,14,0)+IF('Standard Profiles'!$G$18=$B$24,21,0),MOD($C2665,24)+1)/SUM(INDEX($D$3:$AA$30,INDEX(Jesper!$R$2:$R$366,ROW(INDEX(Jesper!AH$2:AH$366,ROUNDDOWN($C2665/24,0)+1,1))-1)+IF('Standard Profiles'!$G$18=$B$10,7,0)+IF('Standard Profiles'!$G$18=$B$17,14,0)+IF('Standard Profiles'!$G$18=$B$24,21,0),0)),0)</f>
        <v>34.742495138813624</v>
      </c>
      <c r="E2665" cm="1">
        <f t="array" ref="E2665">IFERROR(INDEX(Jesper!AI$2:AI$366,ROUNDDOWN($C2665/24,0)+1,1)*INDEX($D$3:$AA$30,INDEX(Jesper!$R$2:$R$366,ROW(INDEX(Jesper!AI$2:AI$366,ROUNDDOWN($C2665/24,0)+1,1))-1)+IF('Standard Profiles'!$G$19=$B$10,7,0)+IF('Standard Profiles'!$G$19=$B$17,14,0)+IF('Standard Profiles'!$G$19=$B$24,21,0),MOD($C2665,24)+1)/SUM(INDEX($D$3:$AA$30,INDEX(Jesper!$R$2:$R$366,ROW(INDEX(Jesper!AI$2:AI$366,ROUNDDOWN($C2665/24,0)+1,1))-1)+IF('Standard Profiles'!$G$19=$B$10,7,0)+IF('Standard Profiles'!$G$19=$B$17,14,0)+IF('Standard Profiles'!$G$19=$B$24,21,0),0)),0)</f>
        <v>26.836099985027438</v>
      </c>
      <c r="F2665" cm="1">
        <f t="array" ref="F2665">IFERROR(INDEX(Jesper!AJ$2:AJ$366,ROUNDDOWN($C2665/24,0)+1,1)*INDEX($D$3:$AA$30,INDEX(Jesper!$R$2:$R$366,ROW(INDEX(Jesper!AJ$2:AJ$366,ROUNDDOWN($C2665/24,0)+1,1))-1)+IF('Standard Profiles'!$G$20=$B$10,7,0)+IF('Standard Profiles'!$G$20=$B$17,14,0)+IF('Standard Profiles'!$G$20=$B$24,21,0),MOD($C2665,24)+1)/SUM(INDEX($D$3:$AA$30,INDEX(Jesper!$R$2:$R$366,ROW(INDEX(Jesper!AJ$2:AJ$366,ROUNDDOWN($C2665/24,0)+1,1))-1)+IF('Standard Profiles'!$G$20=$B$10,7,0)+IF('Standard Profiles'!$G$20=$B$17,14,0)+IF('Standard Profiles'!$G$20=$B$24,21,0),0)),0)</f>
        <v>0</v>
      </c>
      <c r="G2665" cm="1">
        <f t="array" ref="G2665">IFERROR(INDEX(Jesper!AK$2:AK$366,ROUNDDOWN($C2665/24,0)+1,1)*INDEX($D$3:$AA$30,INDEX(Jesper!$R$2:$R$366,ROW(INDEX(Jesper!AK$2:AK$366,ROUNDDOWN($C2665/24,0)+1,1))-1)+IF('Standard Profiles'!$G$21=$B$10,7,0)+IF('Standard Profiles'!$G$21=$B$17,14,0)+IF('Standard Profiles'!$G$21=$B$24,21,0),MOD($C2665,24)+1)/SUM(INDEX($D$3:$AA$30,INDEX(Jesper!$R$2:$R$366,ROW(INDEX(Jesper!AK$2:AK$366,ROUNDDOWN($C2665/24,0)+1,1))-1)+IF('Standard Profiles'!$G$21=$B$10,7,0)+IF('Standard Profiles'!$G$21=$B$17,14,0)+IF('Standard Profiles'!$G$21=$B$24,21,0),0)),0)</f>
        <v>7.5651978725133713</v>
      </c>
      <c r="H2665" cm="1">
        <f t="array" ref="H2665">IFERROR(INDEX(Jesper!AL$2:AL$366,ROUNDDOWN($C2665/24,0)+1,1)*INDEX($D$3:$AA$30,INDEX(Jesper!$R$2:$R$366,ROW(INDEX(Jesper!AL$2:AL$366,ROUNDDOWN($C2665/24,0)+1,1))-1)+IF('Standard Profiles'!$G$22=$B$10,7,0)+IF('Standard Profiles'!$G$22=$B$17,14,0)+IF('Standard Profiles'!$G$22=$B$24,21,0),MOD($C2665,24)+1)/SUM(INDEX($D$3:$AA$30,INDEX(Jesper!$R$2:$R$366,ROW(INDEX(Jesper!AL$2:AL$366,ROUNDDOWN($C2665/24,0)+1,1))-1)+IF('Standard Profiles'!$G$22=$B$10,7,0)+IF('Standard Profiles'!$G$22=$B$17,14,0)+IF('Standard Profiles'!$G$22=$B$24,21,0),0)),0)</f>
        <v>0</v>
      </c>
      <c r="I2665">
        <f t="shared" si="307"/>
        <v>3.6312949788064164</v>
      </c>
      <c r="J2665">
        <f t="shared" si="308"/>
        <v>59.953698795337843</v>
      </c>
      <c r="K2665">
        <f t="shared" si="309"/>
        <v>3.7058661481401201</v>
      </c>
      <c r="L2665">
        <f t="shared" si="310"/>
        <v>1.85293307407006</v>
      </c>
      <c r="M2665">
        <f t="shared" si="311"/>
        <v>0</v>
      </c>
      <c r="N2665" s="45">
        <f t="shared" si="312"/>
        <v>45036.624999993619</v>
      </c>
    </row>
    <row r="2666" spans="2:14" x14ac:dyDescent="0.25">
      <c r="B2666">
        <f t="shared" si="306"/>
        <v>4</v>
      </c>
      <c r="C2666" s="16">
        <v>2632</v>
      </c>
      <c r="D2666" cm="1">
        <f t="array" ref="D2666">IFERROR(INDEX(Jesper!AH$2:AH$366,ROUNDDOWN($C2666/24,0)+1,1)*INDEX($D$3:$AA$30,INDEX(Jesper!$R$2:$R$366,ROW(INDEX(Jesper!AH$2:AH$366,ROUNDDOWN($C2666/24,0)+1,1))-1)+IF('Standard Profiles'!$G$18=$B$10,7,0)+IF('Standard Profiles'!$G$18=$B$17,14,0)+IF('Standard Profiles'!$G$18=$B$24,21,0),MOD($C2666,24)+1)/SUM(INDEX($D$3:$AA$30,INDEX(Jesper!$R$2:$R$366,ROW(INDEX(Jesper!AH$2:AH$366,ROUNDDOWN($C2666/24,0)+1,1))-1)+IF('Standard Profiles'!$G$18=$B$10,7,0)+IF('Standard Profiles'!$G$18=$B$17,14,0)+IF('Standard Profiles'!$G$18=$B$24,21,0),0)),0)</f>
        <v>20.47325606394374</v>
      </c>
      <c r="E2666" cm="1">
        <f t="array" ref="E2666">IFERROR(INDEX(Jesper!AI$2:AI$366,ROUNDDOWN($C2666/24,0)+1,1)*INDEX($D$3:$AA$30,INDEX(Jesper!$R$2:$R$366,ROW(INDEX(Jesper!AI$2:AI$366,ROUNDDOWN($C2666/24,0)+1,1))-1)+IF('Standard Profiles'!$G$19=$B$10,7,0)+IF('Standard Profiles'!$G$19=$B$17,14,0)+IF('Standard Profiles'!$G$19=$B$24,21,0),MOD($C2666,24)+1)/SUM(INDEX($D$3:$AA$30,INDEX(Jesper!$R$2:$R$366,ROW(INDEX(Jesper!AI$2:AI$366,ROUNDDOWN($C2666/24,0)+1,1))-1)+IF('Standard Profiles'!$G$19=$B$10,7,0)+IF('Standard Profiles'!$G$19=$B$17,14,0)+IF('Standard Profiles'!$G$19=$B$24,21,0),0)),0)</f>
        <v>15.814130348319742</v>
      </c>
      <c r="F2666" cm="1">
        <f t="array" ref="F2666">IFERROR(INDEX(Jesper!AJ$2:AJ$366,ROUNDDOWN($C2666/24,0)+1,1)*INDEX($D$3:$AA$30,INDEX(Jesper!$R$2:$R$366,ROW(INDEX(Jesper!AJ$2:AJ$366,ROUNDDOWN($C2666/24,0)+1,1))-1)+IF('Standard Profiles'!$G$20=$B$10,7,0)+IF('Standard Profiles'!$G$20=$B$17,14,0)+IF('Standard Profiles'!$G$20=$B$24,21,0),MOD($C2666,24)+1)/SUM(INDEX($D$3:$AA$30,INDEX(Jesper!$R$2:$R$366,ROW(INDEX(Jesper!AJ$2:AJ$366,ROUNDDOWN($C2666/24,0)+1,1))-1)+IF('Standard Profiles'!$G$20=$B$10,7,0)+IF('Standard Profiles'!$G$20=$B$17,14,0)+IF('Standard Profiles'!$G$20=$B$24,21,0),0)),0)</f>
        <v>0</v>
      </c>
      <c r="G2666" cm="1">
        <f t="array" ref="G2666">IFERROR(INDEX(Jesper!AK$2:AK$366,ROUNDDOWN($C2666/24,0)+1,1)*INDEX($D$3:$AA$30,INDEX(Jesper!$R$2:$R$366,ROW(INDEX(Jesper!AK$2:AK$366,ROUNDDOWN($C2666/24,0)+1,1))-1)+IF('Standard Profiles'!$G$21=$B$10,7,0)+IF('Standard Profiles'!$G$21=$B$17,14,0)+IF('Standard Profiles'!$G$21=$B$24,21,0),MOD($C2666,24)+1)/SUM(INDEX($D$3:$AA$30,INDEX(Jesper!$R$2:$R$366,ROW(INDEX(Jesper!AK$2:AK$366,ROUNDDOWN($C2666/24,0)+1,1))-1)+IF('Standard Profiles'!$G$21=$B$10,7,0)+IF('Standard Profiles'!$G$21=$B$17,14,0)+IF('Standard Profiles'!$G$21=$B$24,21,0),0)),0)</f>
        <v>6.3214122616999058</v>
      </c>
      <c r="H2666" cm="1">
        <f t="array" ref="H2666">IFERROR(INDEX(Jesper!AL$2:AL$366,ROUNDDOWN($C2666/24,0)+1,1)*INDEX($D$3:$AA$30,INDEX(Jesper!$R$2:$R$366,ROW(INDEX(Jesper!AL$2:AL$366,ROUNDDOWN($C2666/24,0)+1,1))-1)+IF('Standard Profiles'!$G$22=$B$10,7,0)+IF('Standard Profiles'!$G$22=$B$17,14,0)+IF('Standard Profiles'!$G$22=$B$24,21,0),MOD($C2666,24)+1)/SUM(INDEX($D$3:$AA$30,INDEX(Jesper!$R$2:$R$366,ROW(INDEX(Jesper!AL$2:AL$366,ROUNDDOWN($C2666/24,0)+1,1))-1)+IF('Standard Profiles'!$G$22=$B$10,7,0)+IF('Standard Profiles'!$G$22=$B$17,14,0)+IF('Standard Profiles'!$G$22=$B$24,21,0),0)),0)</f>
        <v>0</v>
      </c>
      <c r="I2666">
        <f t="shared" si="307"/>
        <v>3.0342778856159534</v>
      </c>
      <c r="J2666">
        <f t="shared" si="308"/>
        <v>36.298799818116436</v>
      </c>
      <c r="K2666">
        <f t="shared" si="309"/>
        <v>2.1838139801539991</v>
      </c>
      <c r="L2666">
        <f t="shared" si="310"/>
        <v>1.0919069900769995</v>
      </c>
      <c r="M2666">
        <f t="shared" si="311"/>
        <v>0</v>
      </c>
      <c r="N2666" s="45">
        <f t="shared" si="312"/>
        <v>45036.666666660283</v>
      </c>
    </row>
    <row r="2667" spans="2:14" x14ac:dyDescent="0.25">
      <c r="B2667">
        <f t="shared" si="306"/>
        <v>4</v>
      </c>
      <c r="C2667" s="16">
        <v>2633</v>
      </c>
      <c r="D2667" cm="1">
        <f t="array" ref="D2667">IFERROR(INDEX(Jesper!AH$2:AH$366,ROUNDDOWN($C2667/24,0)+1,1)*INDEX($D$3:$AA$30,INDEX(Jesper!$R$2:$R$366,ROW(INDEX(Jesper!AH$2:AH$366,ROUNDDOWN($C2667/24,0)+1,1))-1)+IF('Standard Profiles'!$G$18=$B$10,7,0)+IF('Standard Profiles'!$G$18=$B$17,14,0)+IF('Standard Profiles'!$G$18=$B$24,21,0),MOD($C2667,24)+1)/SUM(INDEX($D$3:$AA$30,INDEX(Jesper!$R$2:$R$366,ROW(INDEX(Jesper!AH$2:AH$366,ROUNDDOWN($C2667/24,0)+1,1))-1)+IF('Standard Profiles'!$G$18=$B$10,7,0)+IF('Standard Profiles'!$G$18=$B$17,14,0)+IF('Standard Profiles'!$G$18=$B$24,21,0),0)),0)</f>
        <v>8.7380520972871292</v>
      </c>
      <c r="E2667" cm="1">
        <f t="array" ref="E2667">IFERROR(INDEX(Jesper!AI$2:AI$366,ROUNDDOWN($C2667/24,0)+1,1)*INDEX($D$3:$AA$30,INDEX(Jesper!$R$2:$R$366,ROW(INDEX(Jesper!AI$2:AI$366,ROUNDDOWN($C2667/24,0)+1,1))-1)+IF('Standard Profiles'!$G$19=$B$10,7,0)+IF('Standard Profiles'!$G$19=$B$17,14,0)+IF('Standard Profiles'!$G$19=$B$24,21,0),MOD($C2667,24)+1)/SUM(INDEX($D$3:$AA$30,INDEX(Jesper!$R$2:$R$366,ROW(INDEX(Jesper!AI$2:AI$366,ROUNDDOWN($C2667/24,0)+1,1))-1)+IF('Standard Profiles'!$G$19=$B$10,7,0)+IF('Standard Profiles'!$G$19=$B$17,14,0)+IF('Standard Profiles'!$G$19=$B$24,21,0),0)),0)</f>
        <v>6.7495221290310461</v>
      </c>
      <c r="F2667" cm="1">
        <f t="array" ref="F2667">IFERROR(INDEX(Jesper!AJ$2:AJ$366,ROUNDDOWN($C2667/24,0)+1,1)*INDEX($D$3:$AA$30,INDEX(Jesper!$R$2:$R$366,ROW(INDEX(Jesper!AJ$2:AJ$366,ROUNDDOWN($C2667/24,0)+1,1))-1)+IF('Standard Profiles'!$G$20=$B$10,7,0)+IF('Standard Profiles'!$G$20=$B$17,14,0)+IF('Standard Profiles'!$G$20=$B$24,21,0),MOD($C2667,24)+1)/SUM(INDEX($D$3:$AA$30,INDEX(Jesper!$R$2:$R$366,ROW(INDEX(Jesper!AJ$2:AJ$366,ROUNDDOWN($C2667/24,0)+1,1))-1)+IF('Standard Profiles'!$G$20=$B$10,7,0)+IF('Standard Profiles'!$G$20=$B$17,14,0)+IF('Standard Profiles'!$G$20=$B$24,21,0),0)),0)</f>
        <v>0</v>
      </c>
      <c r="G2667" cm="1">
        <f t="array" ref="G2667">IFERROR(INDEX(Jesper!AK$2:AK$366,ROUNDDOWN($C2667/24,0)+1,1)*INDEX($D$3:$AA$30,INDEX(Jesper!$R$2:$R$366,ROW(INDEX(Jesper!AK$2:AK$366,ROUNDDOWN($C2667/24,0)+1,1))-1)+IF('Standard Profiles'!$G$21=$B$10,7,0)+IF('Standard Profiles'!$G$21=$B$17,14,0)+IF('Standard Profiles'!$G$21=$B$24,21,0),MOD($C2667,24)+1)/SUM(INDEX($D$3:$AA$30,INDEX(Jesper!$R$2:$R$366,ROW(INDEX(Jesper!AK$2:AK$366,ROUNDDOWN($C2667/24,0)+1,1))-1)+IF('Standard Profiles'!$G$21=$B$10,7,0)+IF('Standard Profiles'!$G$21=$B$17,14,0)+IF('Standard Profiles'!$G$21=$B$24,21,0),0)),0)</f>
        <v>5.0263845470701538</v>
      </c>
      <c r="H2667" cm="1">
        <f t="array" ref="H2667">IFERROR(INDEX(Jesper!AL$2:AL$366,ROUNDDOWN($C2667/24,0)+1,1)*INDEX($D$3:$AA$30,INDEX(Jesper!$R$2:$R$366,ROW(INDEX(Jesper!AL$2:AL$366,ROUNDDOWN($C2667/24,0)+1,1))-1)+IF('Standard Profiles'!$G$22=$B$10,7,0)+IF('Standard Profiles'!$G$22=$B$17,14,0)+IF('Standard Profiles'!$G$22=$B$24,21,0),MOD($C2667,24)+1)/SUM(INDEX($D$3:$AA$30,INDEX(Jesper!$R$2:$R$366,ROW(INDEX(Jesper!AL$2:AL$366,ROUNDDOWN($C2667/24,0)+1,1))-1)+IF('Standard Profiles'!$G$22=$B$10,7,0)+IF('Standard Profiles'!$G$22=$B$17,14,0)+IF('Standard Profiles'!$G$22=$B$24,21,0),0)),0)</f>
        <v>0</v>
      </c>
      <c r="I2667">
        <f t="shared" si="307"/>
        <v>2.4126645825936728</v>
      </c>
      <c r="J2667">
        <f t="shared" si="308"/>
        <v>16.703205855228717</v>
      </c>
      <c r="K2667">
        <f t="shared" si="309"/>
        <v>0.93205889037729384</v>
      </c>
      <c r="L2667">
        <f t="shared" si="310"/>
        <v>0.46602944518864692</v>
      </c>
      <c r="M2667">
        <f t="shared" si="311"/>
        <v>0</v>
      </c>
      <c r="N2667" s="45">
        <f t="shared" si="312"/>
        <v>45036.708333326947</v>
      </c>
    </row>
    <row r="2668" spans="2:14" x14ac:dyDescent="0.25">
      <c r="B2668">
        <f t="shared" si="306"/>
        <v>4</v>
      </c>
      <c r="C2668" s="16">
        <v>2634</v>
      </c>
      <c r="D2668" cm="1">
        <f t="array" ref="D2668">IFERROR(INDEX(Jesper!AH$2:AH$366,ROUNDDOWN($C2668/24,0)+1,1)*INDEX($D$3:$AA$30,INDEX(Jesper!$R$2:$R$366,ROW(INDEX(Jesper!AH$2:AH$366,ROUNDDOWN($C2668/24,0)+1,1))-1)+IF('Standard Profiles'!$G$18=$B$10,7,0)+IF('Standard Profiles'!$G$18=$B$17,14,0)+IF('Standard Profiles'!$G$18=$B$24,21,0),MOD($C2668,24)+1)/SUM(INDEX($D$3:$AA$30,INDEX(Jesper!$R$2:$R$366,ROW(INDEX(Jesper!AH$2:AH$366,ROUNDDOWN($C2668/24,0)+1,1))-1)+IF('Standard Profiles'!$G$18=$B$10,7,0)+IF('Standard Profiles'!$G$18=$B$17,14,0)+IF('Standard Profiles'!$G$18=$B$24,21,0),0)),0)</f>
        <v>5.7671143842095054</v>
      </c>
      <c r="E2668" cm="1">
        <f t="array" ref="E2668">IFERROR(INDEX(Jesper!AI$2:AI$366,ROUNDDOWN($C2668/24,0)+1,1)*INDEX($D$3:$AA$30,INDEX(Jesper!$R$2:$R$366,ROW(INDEX(Jesper!AI$2:AI$366,ROUNDDOWN($C2668/24,0)+1,1))-1)+IF('Standard Profiles'!$G$19=$B$10,7,0)+IF('Standard Profiles'!$G$19=$B$17,14,0)+IF('Standard Profiles'!$G$19=$B$24,21,0),MOD($C2668,24)+1)/SUM(INDEX($D$3:$AA$30,INDEX(Jesper!$R$2:$R$366,ROW(INDEX(Jesper!AI$2:AI$366,ROUNDDOWN($C2668/24,0)+1,1))-1)+IF('Standard Profiles'!$G$19=$B$10,7,0)+IF('Standard Profiles'!$G$19=$B$17,14,0)+IF('Standard Profiles'!$G$19=$B$24,21,0),0)),0)</f>
        <v>4.4546846051604909</v>
      </c>
      <c r="F2668" cm="1">
        <f t="array" ref="F2668">IFERROR(INDEX(Jesper!AJ$2:AJ$366,ROUNDDOWN($C2668/24,0)+1,1)*INDEX($D$3:$AA$30,INDEX(Jesper!$R$2:$R$366,ROW(INDEX(Jesper!AJ$2:AJ$366,ROUNDDOWN($C2668/24,0)+1,1))-1)+IF('Standard Profiles'!$G$20=$B$10,7,0)+IF('Standard Profiles'!$G$20=$B$17,14,0)+IF('Standard Profiles'!$G$20=$B$24,21,0),MOD($C2668,24)+1)/SUM(INDEX($D$3:$AA$30,INDEX(Jesper!$R$2:$R$366,ROW(INDEX(Jesper!AJ$2:AJ$366,ROUNDDOWN($C2668/24,0)+1,1))-1)+IF('Standard Profiles'!$G$20=$B$10,7,0)+IF('Standard Profiles'!$G$20=$B$17,14,0)+IF('Standard Profiles'!$G$20=$B$24,21,0),0)),0)</f>
        <v>0</v>
      </c>
      <c r="G2668" cm="1">
        <f t="array" ref="G2668">IFERROR(INDEX(Jesper!AK$2:AK$366,ROUNDDOWN($C2668/24,0)+1,1)*INDEX($D$3:$AA$30,INDEX(Jesper!$R$2:$R$366,ROW(INDEX(Jesper!AK$2:AK$366,ROUNDDOWN($C2668/24,0)+1,1))-1)+IF('Standard Profiles'!$G$21=$B$10,7,0)+IF('Standard Profiles'!$G$21=$B$17,14,0)+IF('Standard Profiles'!$G$21=$B$24,21,0),MOD($C2668,24)+1)/SUM(INDEX($D$3:$AA$30,INDEX(Jesper!$R$2:$R$366,ROW(INDEX(Jesper!AK$2:AK$366,ROUNDDOWN($C2668/24,0)+1,1))-1)+IF('Standard Profiles'!$G$21=$B$10,7,0)+IF('Standard Profiles'!$G$21=$B$17,14,0)+IF('Standard Profiles'!$G$21=$B$24,21,0),0)),0)</f>
        <v>1.8633492296830969</v>
      </c>
      <c r="H2668" cm="1">
        <f t="array" ref="H2668">IFERROR(INDEX(Jesper!AL$2:AL$366,ROUNDDOWN($C2668/24,0)+1,1)*INDEX($D$3:$AA$30,INDEX(Jesper!$R$2:$R$366,ROW(INDEX(Jesper!AL$2:AL$366,ROUNDDOWN($C2668/24,0)+1,1))-1)+IF('Standard Profiles'!$G$22=$B$10,7,0)+IF('Standard Profiles'!$G$22=$B$17,14,0)+IF('Standard Profiles'!$G$22=$B$24,21,0),MOD($C2668,24)+1)/SUM(INDEX($D$3:$AA$30,INDEX(Jesper!$R$2:$R$366,ROW(INDEX(Jesper!AL$2:AL$366,ROUNDDOWN($C2668/24,0)+1,1))-1)+IF('Standard Profiles'!$G$22=$B$10,7,0)+IF('Standard Profiles'!$G$22=$B$17,14,0)+IF('Standard Profiles'!$G$22=$B$24,21,0),0)),0)</f>
        <v>0</v>
      </c>
      <c r="I2668">
        <f t="shared" si="307"/>
        <v>0.89440763024788605</v>
      </c>
      <c r="J2668">
        <f t="shared" si="308"/>
        <v>10.268002287331687</v>
      </c>
      <c r="K2668">
        <f t="shared" si="309"/>
        <v>0.61515886764901395</v>
      </c>
      <c r="L2668">
        <f t="shared" si="310"/>
        <v>0.30757943382450698</v>
      </c>
      <c r="M2668">
        <f t="shared" si="311"/>
        <v>0</v>
      </c>
      <c r="N2668" s="45">
        <f t="shared" si="312"/>
        <v>45036.749999993612</v>
      </c>
    </row>
    <row r="2669" spans="2:14" x14ac:dyDescent="0.25">
      <c r="B2669">
        <f t="shared" si="306"/>
        <v>4</v>
      </c>
      <c r="C2669" s="16">
        <v>2635</v>
      </c>
      <c r="D2669" cm="1">
        <f t="array" ref="D2669">IFERROR(INDEX(Jesper!AH$2:AH$366,ROUNDDOWN($C2669/24,0)+1,1)*INDEX($D$3:$AA$30,INDEX(Jesper!$R$2:$R$366,ROW(INDEX(Jesper!AH$2:AH$366,ROUNDDOWN($C2669/24,0)+1,1))-1)+IF('Standard Profiles'!$G$18=$B$10,7,0)+IF('Standard Profiles'!$G$18=$B$17,14,0)+IF('Standard Profiles'!$G$18=$B$24,21,0),MOD($C2669,24)+1)/SUM(INDEX($D$3:$AA$30,INDEX(Jesper!$R$2:$R$366,ROW(INDEX(Jesper!AH$2:AH$366,ROUNDDOWN($C2669/24,0)+1,1))-1)+IF('Standard Profiles'!$G$18=$B$10,7,0)+IF('Standard Profiles'!$G$18=$B$17,14,0)+IF('Standard Profiles'!$G$18=$B$24,21,0),0)),0)</f>
        <v>5.7671143842095054</v>
      </c>
      <c r="E2669" cm="1">
        <f t="array" ref="E2669">IFERROR(INDEX(Jesper!AI$2:AI$366,ROUNDDOWN($C2669/24,0)+1,1)*INDEX($D$3:$AA$30,INDEX(Jesper!$R$2:$R$366,ROW(INDEX(Jesper!AI$2:AI$366,ROUNDDOWN($C2669/24,0)+1,1))-1)+IF('Standard Profiles'!$G$19=$B$10,7,0)+IF('Standard Profiles'!$G$19=$B$17,14,0)+IF('Standard Profiles'!$G$19=$B$24,21,0),MOD($C2669,24)+1)/SUM(INDEX($D$3:$AA$30,INDEX(Jesper!$R$2:$R$366,ROW(INDEX(Jesper!AI$2:AI$366,ROUNDDOWN($C2669/24,0)+1,1))-1)+IF('Standard Profiles'!$G$19=$B$10,7,0)+IF('Standard Profiles'!$G$19=$B$17,14,0)+IF('Standard Profiles'!$G$19=$B$24,21,0),0)),0)</f>
        <v>4.4546846051604909</v>
      </c>
      <c r="F2669" cm="1">
        <f t="array" ref="F2669">IFERROR(INDEX(Jesper!AJ$2:AJ$366,ROUNDDOWN($C2669/24,0)+1,1)*INDEX($D$3:$AA$30,INDEX(Jesper!$R$2:$R$366,ROW(INDEX(Jesper!AJ$2:AJ$366,ROUNDDOWN($C2669/24,0)+1,1))-1)+IF('Standard Profiles'!$G$20=$B$10,7,0)+IF('Standard Profiles'!$G$20=$B$17,14,0)+IF('Standard Profiles'!$G$20=$B$24,21,0),MOD($C2669,24)+1)/SUM(INDEX($D$3:$AA$30,INDEX(Jesper!$R$2:$R$366,ROW(INDEX(Jesper!AJ$2:AJ$366,ROUNDDOWN($C2669/24,0)+1,1))-1)+IF('Standard Profiles'!$G$20=$B$10,7,0)+IF('Standard Profiles'!$G$20=$B$17,14,0)+IF('Standard Profiles'!$G$20=$B$24,21,0),0)),0)</f>
        <v>0</v>
      </c>
      <c r="G2669" cm="1">
        <f t="array" ref="G2669">IFERROR(INDEX(Jesper!AK$2:AK$366,ROUNDDOWN($C2669/24,0)+1,1)*INDEX($D$3:$AA$30,INDEX(Jesper!$R$2:$R$366,ROW(INDEX(Jesper!AK$2:AK$366,ROUNDDOWN($C2669/24,0)+1,1))-1)+IF('Standard Profiles'!$G$21=$B$10,7,0)+IF('Standard Profiles'!$G$21=$B$17,14,0)+IF('Standard Profiles'!$G$21=$B$24,21,0),MOD($C2669,24)+1)/SUM(INDEX($D$3:$AA$30,INDEX(Jesper!$R$2:$R$366,ROW(INDEX(Jesper!AK$2:AK$366,ROUNDDOWN($C2669/24,0)+1,1))-1)+IF('Standard Profiles'!$G$21=$B$10,7,0)+IF('Standard Profiles'!$G$21=$B$17,14,0)+IF('Standard Profiles'!$G$21=$B$24,21,0),0)),0)</f>
        <v>1.8633492296830969</v>
      </c>
      <c r="H2669" cm="1">
        <f t="array" ref="H2669">IFERROR(INDEX(Jesper!AL$2:AL$366,ROUNDDOWN($C2669/24,0)+1,1)*INDEX($D$3:$AA$30,INDEX(Jesper!$R$2:$R$366,ROW(INDEX(Jesper!AL$2:AL$366,ROUNDDOWN($C2669/24,0)+1,1))-1)+IF('Standard Profiles'!$G$22=$B$10,7,0)+IF('Standard Profiles'!$G$22=$B$17,14,0)+IF('Standard Profiles'!$G$22=$B$24,21,0),MOD($C2669,24)+1)/SUM(INDEX($D$3:$AA$30,INDEX(Jesper!$R$2:$R$366,ROW(INDEX(Jesper!AL$2:AL$366,ROUNDDOWN($C2669/24,0)+1,1))-1)+IF('Standard Profiles'!$G$22=$B$10,7,0)+IF('Standard Profiles'!$G$22=$B$17,14,0)+IF('Standard Profiles'!$G$22=$B$24,21,0),0)),0)</f>
        <v>0</v>
      </c>
      <c r="I2669">
        <f t="shared" si="307"/>
        <v>0.89440763024788605</v>
      </c>
      <c r="J2669">
        <f t="shared" si="308"/>
        <v>10.268002287331687</v>
      </c>
      <c r="K2669">
        <f t="shared" si="309"/>
        <v>0.61515886764901395</v>
      </c>
      <c r="L2669">
        <f t="shared" si="310"/>
        <v>0.30757943382450698</v>
      </c>
      <c r="M2669">
        <f t="shared" si="311"/>
        <v>0</v>
      </c>
      <c r="N2669" s="45">
        <f t="shared" si="312"/>
        <v>45036.791666660276</v>
      </c>
    </row>
    <row r="2670" spans="2:14" x14ac:dyDescent="0.25">
      <c r="B2670">
        <f t="shared" si="306"/>
        <v>4</v>
      </c>
      <c r="C2670" s="16">
        <v>2636</v>
      </c>
      <c r="D2670" cm="1">
        <f t="array" ref="D2670">IFERROR(INDEX(Jesper!AH$2:AH$366,ROUNDDOWN($C2670/24,0)+1,1)*INDEX($D$3:$AA$30,INDEX(Jesper!$R$2:$R$366,ROW(INDEX(Jesper!AH$2:AH$366,ROUNDDOWN($C2670/24,0)+1,1))-1)+IF('Standard Profiles'!$G$18=$B$10,7,0)+IF('Standard Profiles'!$G$18=$B$17,14,0)+IF('Standard Profiles'!$G$18=$B$24,21,0),MOD($C2670,24)+1)/SUM(INDEX($D$3:$AA$30,INDEX(Jesper!$R$2:$R$366,ROW(INDEX(Jesper!AH$2:AH$366,ROUNDDOWN($C2670/24,0)+1,1))-1)+IF('Standard Profiles'!$G$18=$B$10,7,0)+IF('Standard Profiles'!$G$18=$B$17,14,0)+IF('Standard Profiles'!$G$18=$B$24,21,0),0)),0)</f>
        <v>5.7671143842095054</v>
      </c>
      <c r="E2670" cm="1">
        <f t="array" ref="E2670">IFERROR(INDEX(Jesper!AI$2:AI$366,ROUNDDOWN($C2670/24,0)+1,1)*INDEX($D$3:$AA$30,INDEX(Jesper!$R$2:$R$366,ROW(INDEX(Jesper!AI$2:AI$366,ROUNDDOWN($C2670/24,0)+1,1))-1)+IF('Standard Profiles'!$G$19=$B$10,7,0)+IF('Standard Profiles'!$G$19=$B$17,14,0)+IF('Standard Profiles'!$G$19=$B$24,21,0),MOD($C2670,24)+1)/SUM(INDEX($D$3:$AA$30,INDEX(Jesper!$R$2:$R$366,ROW(INDEX(Jesper!AI$2:AI$366,ROUNDDOWN($C2670/24,0)+1,1))-1)+IF('Standard Profiles'!$G$19=$B$10,7,0)+IF('Standard Profiles'!$G$19=$B$17,14,0)+IF('Standard Profiles'!$G$19=$B$24,21,0),0)),0)</f>
        <v>4.4546846051604909</v>
      </c>
      <c r="F2670" cm="1">
        <f t="array" ref="F2670">IFERROR(INDEX(Jesper!AJ$2:AJ$366,ROUNDDOWN($C2670/24,0)+1,1)*INDEX($D$3:$AA$30,INDEX(Jesper!$R$2:$R$366,ROW(INDEX(Jesper!AJ$2:AJ$366,ROUNDDOWN($C2670/24,0)+1,1))-1)+IF('Standard Profiles'!$G$20=$B$10,7,0)+IF('Standard Profiles'!$G$20=$B$17,14,0)+IF('Standard Profiles'!$G$20=$B$24,21,0),MOD($C2670,24)+1)/SUM(INDEX($D$3:$AA$30,INDEX(Jesper!$R$2:$R$366,ROW(INDEX(Jesper!AJ$2:AJ$366,ROUNDDOWN($C2670/24,0)+1,1))-1)+IF('Standard Profiles'!$G$20=$B$10,7,0)+IF('Standard Profiles'!$G$20=$B$17,14,0)+IF('Standard Profiles'!$G$20=$B$24,21,0),0)),0)</f>
        <v>0</v>
      </c>
      <c r="G2670" cm="1">
        <f t="array" ref="G2670">IFERROR(INDEX(Jesper!AK$2:AK$366,ROUNDDOWN($C2670/24,0)+1,1)*INDEX($D$3:$AA$30,INDEX(Jesper!$R$2:$R$366,ROW(INDEX(Jesper!AK$2:AK$366,ROUNDDOWN($C2670/24,0)+1,1))-1)+IF('Standard Profiles'!$G$21=$B$10,7,0)+IF('Standard Profiles'!$G$21=$B$17,14,0)+IF('Standard Profiles'!$G$21=$B$24,21,0),MOD($C2670,24)+1)/SUM(INDEX($D$3:$AA$30,INDEX(Jesper!$R$2:$R$366,ROW(INDEX(Jesper!AK$2:AK$366,ROUNDDOWN($C2670/24,0)+1,1))-1)+IF('Standard Profiles'!$G$21=$B$10,7,0)+IF('Standard Profiles'!$G$21=$B$17,14,0)+IF('Standard Profiles'!$G$21=$B$24,21,0),0)),0)</f>
        <v>1.8633492296830969</v>
      </c>
      <c r="H2670" cm="1">
        <f t="array" ref="H2670">IFERROR(INDEX(Jesper!AL$2:AL$366,ROUNDDOWN($C2670/24,0)+1,1)*INDEX($D$3:$AA$30,INDEX(Jesper!$R$2:$R$366,ROW(INDEX(Jesper!AL$2:AL$366,ROUNDDOWN($C2670/24,0)+1,1))-1)+IF('Standard Profiles'!$G$22=$B$10,7,0)+IF('Standard Profiles'!$G$22=$B$17,14,0)+IF('Standard Profiles'!$G$22=$B$24,21,0),MOD($C2670,24)+1)/SUM(INDEX($D$3:$AA$30,INDEX(Jesper!$R$2:$R$366,ROW(INDEX(Jesper!AL$2:AL$366,ROUNDDOWN($C2670/24,0)+1,1))-1)+IF('Standard Profiles'!$G$22=$B$10,7,0)+IF('Standard Profiles'!$G$22=$B$17,14,0)+IF('Standard Profiles'!$G$22=$B$24,21,0),0)),0)</f>
        <v>0</v>
      </c>
      <c r="I2670">
        <f t="shared" si="307"/>
        <v>0.89440763024788605</v>
      </c>
      <c r="J2670">
        <f t="shared" si="308"/>
        <v>10.268002287331687</v>
      </c>
      <c r="K2670">
        <f t="shared" si="309"/>
        <v>0.61515886764901395</v>
      </c>
      <c r="L2670">
        <f t="shared" si="310"/>
        <v>0.30757943382450698</v>
      </c>
      <c r="M2670">
        <f t="shared" si="311"/>
        <v>0</v>
      </c>
      <c r="N2670" s="45">
        <f t="shared" si="312"/>
        <v>45036.83333332694</v>
      </c>
    </row>
    <row r="2671" spans="2:14" x14ac:dyDescent="0.25">
      <c r="B2671">
        <f t="shared" si="306"/>
        <v>4</v>
      </c>
      <c r="C2671" s="16">
        <v>2637</v>
      </c>
      <c r="D2671" cm="1">
        <f t="array" ref="D2671">IFERROR(INDEX(Jesper!AH$2:AH$366,ROUNDDOWN($C2671/24,0)+1,1)*INDEX($D$3:$AA$30,INDEX(Jesper!$R$2:$R$366,ROW(INDEX(Jesper!AH$2:AH$366,ROUNDDOWN($C2671/24,0)+1,1))-1)+IF('Standard Profiles'!$G$18=$B$10,7,0)+IF('Standard Profiles'!$G$18=$B$17,14,0)+IF('Standard Profiles'!$G$18=$B$24,21,0),MOD($C2671,24)+1)/SUM(INDEX($D$3:$AA$30,INDEX(Jesper!$R$2:$R$366,ROW(INDEX(Jesper!AH$2:AH$366,ROUNDDOWN($C2671/24,0)+1,1))-1)+IF('Standard Profiles'!$G$18=$B$10,7,0)+IF('Standard Profiles'!$G$18=$B$17,14,0)+IF('Standard Profiles'!$G$18=$B$24,21,0),0)),0)</f>
        <v>5.7671143842095054</v>
      </c>
      <c r="E2671" cm="1">
        <f t="array" ref="E2671">IFERROR(INDEX(Jesper!AI$2:AI$366,ROUNDDOWN($C2671/24,0)+1,1)*INDEX($D$3:$AA$30,INDEX(Jesper!$R$2:$R$366,ROW(INDEX(Jesper!AI$2:AI$366,ROUNDDOWN($C2671/24,0)+1,1))-1)+IF('Standard Profiles'!$G$19=$B$10,7,0)+IF('Standard Profiles'!$G$19=$B$17,14,0)+IF('Standard Profiles'!$G$19=$B$24,21,0),MOD($C2671,24)+1)/SUM(INDEX($D$3:$AA$30,INDEX(Jesper!$R$2:$R$366,ROW(INDEX(Jesper!AI$2:AI$366,ROUNDDOWN($C2671/24,0)+1,1))-1)+IF('Standard Profiles'!$G$19=$B$10,7,0)+IF('Standard Profiles'!$G$19=$B$17,14,0)+IF('Standard Profiles'!$G$19=$B$24,21,0),0)),0)</f>
        <v>4.4546846051604909</v>
      </c>
      <c r="F2671" cm="1">
        <f t="array" ref="F2671">IFERROR(INDEX(Jesper!AJ$2:AJ$366,ROUNDDOWN($C2671/24,0)+1,1)*INDEX($D$3:$AA$30,INDEX(Jesper!$R$2:$R$366,ROW(INDEX(Jesper!AJ$2:AJ$366,ROUNDDOWN($C2671/24,0)+1,1))-1)+IF('Standard Profiles'!$G$20=$B$10,7,0)+IF('Standard Profiles'!$G$20=$B$17,14,0)+IF('Standard Profiles'!$G$20=$B$24,21,0),MOD($C2671,24)+1)/SUM(INDEX($D$3:$AA$30,INDEX(Jesper!$R$2:$R$366,ROW(INDEX(Jesper!AJ$2:AJ$366,ROUNDDOWN($C2671/24,0)+1,1))-1)+IF('Standard Profiles'!$G$20=$B$10,7,0)+IF('Standard Profiles'!$G$20=$B$17,14,0)+IF('Standard Profiles'!$G$20=$B$24,21,0),0)),0)</f>
        <v>0</v>
      </c>
      <c r="G2671" cm="1">
        <f t="array" ref="G2671">IFERROR(INDEX(Jesper!AK$2:AK$366,ROUNDDOWN($C2671/24,0)+1,1)*INDEX($D$3:$AA$30,INDEX(Jesper!$R$2:$R$366,ROW(INDEX(Jesper!AK$2:AK$366,ROUNDDOWN($C2671/24,0)+1,1))-1)+IF('Standard Profiles'!$G$21=$B$10,7,0)+IF('Standard Profiles'!$G$21=$B$17,14,0)+IF('Standard Profiles'!$G$21=$B$24,21,0),MOD($C2671,24)+1)/SUM(INDEX($D$3:$AA$30,INDEX(Jesper!$R$2:$R$366,ROW(INDEX(Jesper!AK$2:AK$366,ROUNDDOWN($C2671/24,0)+1,1))-1)+IF('Standard Profiles'!$G$21=$B$10,7,0)+IF('Standard Profiles'!$G$21=$B$17,14,0)+IF('Standard Profiles'!$G$21=$B$24,21,0),0)),0)</f>
        <v>1.8633492296830969</v>
      </c>
      <c r="H2671" cm="1">
        <f t="array" ref="H2671">IFERROR(INDEX(Jesper!AL$2:AL$366,ROUNDDOWN($C2671/24,0)+1,1)*INDEX($D$3:$AA$30,INDEX(Jesper!$R$2:$R$366,ROW(INDEX(Jesper!AL$2:AL$366,ROUNDDOWN($C2671/24,0)+1,1))-1)+IF('Standard Profiles'!$G$22=$B$10,7,0)+IF('Standard Profiles'!$G$22=$B$17,14,0)+IF('Standard Profiles'!$G$22=$B$24,21,0),MOD($C2671,24)+1)/SUM(INDEX($D$3:$AA$30,INDEX(Jesper!$R$2:$R$366,ROW(INDEX(Jesper!AL$2:AL$366,ROUNDDOWN($C2671/24,0)+1,1))-1)+IF('Standard Profiles'!$G$22=$B$10,7,0)+IF('Standard Profiles'!$G$22=$B$17,14,0)+IF('Standard Profiles'!$G$22=$B$24,21,0),0)),0)</f>
        <v>0</v>
      </c>
      <c r="I2671">
        <f t="shared" si="307"/>
        <v>0.89440763024788605</v>
      </c>
      <c r="J2671">
        <f t="shared" si="308"/>
        <v>10.268002287331687</v>
      </c>
      <c r="K2671">
        <f t="shared" si="309"/>
        <v>0.61515886764901395</v>
      </c>
      <c r="L2671">
        <f t="shared" si="310"/>
        <v>0.30757943382450698</v>
      </c>
      <c r="M2671">
        <f t="shared" si="311"/>
        <v>0</v>
      </c>
      <c r="N2671" s="45">
        <f t="shared" si="312"/>
        <v>45036.874999993604</v>
      </c>
    </row>
    <row r="2672" spans="2:14" x14ac:dyDescent="0.25">
      <c r="B2672">
        <f t="shared" si="306"/>
        <v>4</v>
      </c>
      <c r="C2672" s="16">
        <v>2638</v>
      </c>
      <c r="D2672" cm="1">
        <f t="array" ref="D2672">IFERROR(INDEX(Jesper!AH$2:AH$366,ROUNDDOWN($C2672/24,0)+1,1)*INDEX($D$3:$AA$30,INDEX(Jesper!$R$2:$R$366,ROW(INDEX(Jesper!AH$2:AH$366,ROUNDDOWN($C2672/24,0)+1,1))-1)+IF('Standard Profiles'!$G$18=$B$10,7,0)+IF('Standard Profiles'!$G$18=$B$17,14,0)+IF('Standard Profiles'!$G$18=$B$24,21,0),MOD($C2672,24)+1)/SUM(INDEX($D$3:$AA$30,INDEX(Jesper!$R$2:$R$366,ROW(INDEX(Jesper!AH$2:AH$366,ROUNDDOWN($C2672/24,0)+1,1))-1)+IF('Standard Profiles'!$G$18=$B$10,7,0)+IF('Standard Profiles'!$G$18=$B$17,14,0)+IF('Standard Profiles'!$G$18=$B$24,21,0),0)),0)</f>
        <v>5.7671143842095054</v>
      </c>
      <c r="E2672" cm="1">
        <f t="array" ref="E2672">IFERROR(INDEX(Jesper!AI$2:AI$366,ROUNDDOWN($C2672/24,0)+1,1)*INDEX($D$3:$AA$30,INDEX(Jesper!$R$2:$R$366,ROW(INDEX(Jesper!AI$2:AI$366,ROUNDDOWN($C2672/24,0)+1,1))-1)+IF('Standard Profiles'!$G$19=$B$10,7,0)+IF('Standard Profiles'!$G$19=$B$17,14,0)+IF('Standard Profiles'!$G$19=$B$24,21,0),MOD($C2672,24)+1)/SUM(INDEX($D$3:$AA$30,INDEX(Jesper!$R$2:$R$366,ROW(INDEX(Jesper!AI$2:AI$366,ROUNDDOWN($C2672/24,0)+1,1))-1)+IF('Standard Profiles'!$G$19=$B$10,7,0)+IF('Standard Profiles'!$G$19=$B$17,14,0)+IF('Standard Profiles'!$G$19=$B$24,21,0),0)),0)</f>
        <v>4.4546846051604909</v>
      </c>
      <c r="F2672" cm="1">
        <f t="array" ref="F2672">IFERROR(INDEX(Jesper!AJ$2:AJ$366,ROUNDDOWN($C2672/24,0)+1,1)*INDEX($D$3:$AA$30,INDEX(Jesper!$R$2:$R$366,ROW(INDEX(Jesper!AJ$2:AJ$366,ROUNDDOWN($C2672/24,0)+1,1))-1)+IF('Standard Profiles'!$G$20=$B$10,7,0)+IF('Standard Profiles'!$G$20=$B$17,14,0)+IF('Standard Profiles'!$G$20=$B$24,21,0),MOD($C2672,24)+1)/SUM(INDEX($D$3:$AA$30,INDEX(Jesper!$R$2:$R$366,ROW(INDEX(Jesper!AJ$2:AJ$366,ROUNDDOWN($C2672/24,0)+1,1))-1)+IF('Standard Profiles'!$G$20=$B$10,7,0)+IF('Standard Profiles'!$G$20=$B$17,14,0)+IF('Standard Profiles'!$G$20=$B$24,21,0),0)),0)</f>
        <v>0</v>
      </c>
      <c r="G2672" cm="1">
        <f t="array" ref="G2672">IFERROR(INDEX(Jesper!AK$2:AK$366,ROUNDDOWN($C2672/24,0)+1,1)*INDEX($D$3:$AA$30,INDEX(Jesper!$R$2:$R$366,ROW(INDEX(Jesper!AK$2:AK$366,ROUNDDOWN($C2672/24,0)+1,1))-1)+IF('Standard Profiles'!$G$21=$B$10,7,0)+IF('Standard Profiles'!$G$21=$B$17,14,0)+IF('Standard Profiles'!$G$21=$B$24,21,0),MOD($C2672,24)+1)/SUM(INDEX($D$3:$AA$30,INDEX(Jesper!$R$2:$R$366,ROW(INDEX(Jesper!AK$2:AK$366,ROUNDDOWN($C2672/24,0)+1,1))-1)+IF('Standard Profiles'!$G$21=$B$10,7,0)+IF('Standard Profiles'!$G$21=$B$17,14,0)+IF('Standard Profiles'!$G$21=$B$24,21,0),0)),0)</f>
        <v>1.8633492296830969</v>
      </c>
      <c r="H2672" cm="1">
        <f t="array" ref="H2672">IFERROR(INDEX(Jesper!AL$2:AL$366,ROUNDDOWN($C2672/24,0)+1,1)*INDEX($D$3:$AA$30,INDEX(Jesper!$R$2:$R$366,ROW(INDEX(Jesper!AL$2:AL$366,ROUNDDOWN($C2672/24,0)+1,1))-1)+IF('Standard Profiles'!$G$22=$B$10,7,0)+IF('Standard Profiles'!$G$22=$B$17,14,0)+IF('Standard Profiles'!$G$22=$B$24,21,0),MOD($C2672,24)+1)/SUM(INDEX($D$3:$AA$30,INDEX(Jesper!$R$2:$R$366,ROW(INDEX(Jesper!AL$2:AL$366,ROUNDDOWN($C2672/24,0)+1,1))-1)+IF('Standard Profiles'!$G$22=$B$10,7,0)+IF('Standard Profiles'!$G$22=$B$17,14,0)+IF('Standard Profiles'!$G$22=$B$24,21,0),0)),0)</f>
        <v>0</v>
      </c>
      <c r="I2672">
        <f t="shared" si="307"/>
        <v>0.89440763024788605</v>
      </c>
      <c r="J2672">
        <f t="shared" si="308"/>
        <v>10.268002287331687</v>
      </c>
      <c r="K2672">
        <f t="shared" si="309"/>
        <v>0.61515886764901395</v>
      </c>
      <c r="L2672">
        <f t="shared" si="310"/>
        <v>0.30757943382450698</v>
      </c>
      <c r="M2672">
        <f t="shared" si="311"/>
        <v>0</v>
      </c>
      <c r="N2672" s="45">
        <f t="shared" si="312"/>
        <v>45036.916666660269</v>
      </c>
    </row>
    <row r="2673" spans="2:14" x14ac:dyDescent="0.25">
      <c r="B2673">
        <f t="shared" si="306"/>
        <v>4</v>
      </c>
      <c r="C2673" s="16">
        <v>2639</v>
      </c>
      <c r="D2673" cm="1">
        <f t="array" ref="D2673">IFERROR(INDEX(Jesper!AH$2:AH$366,ROUNDDOWN($C2673/24,0)+1,1)*INDEX($D$3:$AA$30,INDEX(Jesper!$R$2:$R$366,ROW(INDEX(Jesper!AH$2:AH$366,ROUNDDOWN($C2673/24,0)+1,1))-1)+IF('Standard Profiles'!$G$18=$B$10,7,0)+IF('Standard Profiles'!$G$18=$B$17,14,0)+IF('Standard Profiles'!$G$18=$B$24,21,0),MOD($C2673,24)+1)/SUM(INDEX($D$3:$AA$30,INDEX(Jesper!$R$2:$R$366,ROW(INDEX(Jesper!AH$2:AH$366,ROUNDDOWN($C2673/24,0)+1,1))-1)+IF('Standard Profiles'!$G$18=$B$10,7,0)+IF('Standard Profiles'!$G$18=$B$17,14,0)+IF('Standard Profiles'!$G$18=$B$24,21,0),0)),0)</f>
        <v>5.7671143842095054</v>
      </c>
      <c r="E2673" cm="1">
        <f t="array" ref="E2673">IFERROR(INDEX(Jesper!AI$2:AI$366,ROUNDDOWN($C2673/24,0)+1,1)*INDEX($D$3:$AA$30,INDEX(Jesper!$R$2:$R$366,ROW(INDEX(Jesper!AI$2:AI$366,ROUNDDOWN($C2673/24,0)+1,1))-1)+IF('Standard Profiles'!$G$19=$B$10,7,0)+IF('Standard Profiles'!$G$19=$B$17,14,0)+IF('Standard Profiles'!$G$19=$B$24,21,0),MOD($C2673,24)+1)/SUM(INDEX($D$3:$AA$30,INDEX(Jesper!$R$2:$R$366,ROW(INDEX(Jesper!AI$2:AI$366,ROUNDDOWN($C2673/24,0)+1,1))-1)+IF('Standard Profiles'!$G$19=$B$10,7,0)+IF('Standard Profiles'!$G$19=$B$17,14,0)+IF('Standard Profiles'!$G$19=$B$24,21,0),0)),0)</f>
        <v>4.4546846051604909</v>
      </c>
      <c r="F2673" cm="1">
        <f t="array" ref="F2673">IFERROR(INDEX(Jesper!AJ$2:AJ$366,ROUNDDOWN($C2673/24,0)+1,1)*INDEX($D$3:$AA$30,INDEX(Jesper!$R$2:$R$366,ROW(INDEX(Jesper!AJ$2:AJ$366,ROUNDDOWN($C2673/24,0)+1,1))-1)+IF('Standard Profiles'!$G$20=$B$10,7,0)+IF('Standard Profiles'!$G$20=$B$17,14,0)+IF('Standard Profiles'!$G$20=$B$24,21,0),MOD($C2673,24)+1)/SUM(INDEX($D$3:$AA$30,INDEX(Jesper!$R$2:$R$366,ROW(INDEX(Jesper!AJ$2:AJ$366,ROUNDDOWN($C2673/24,0)+1,1))-1)+IF('Standard Profiles'!$G$20=$B$10,7,0)+IF('Standard Profiles'!$G$20=$B$17,14,0)+IF('Standard Profiles'!$G$20=$B$24,21,0),0)),0)</f>
        <v>0</v>
      </c>
      <c r="G2673" cm="1">
        <f t="array" ref="G2673">IFERROR(INDEX(Jesper!AK$2:AK$366,ROUNDDOWN($C2673/24,0)+1,1)*INDEX($D$3:$AA$30,INDEX(Jesper!$R$2:$R$366,ROW(INDEX(Jesper!AK$2:AK$366,ROUNDDOWN($C2673/24,0)+1,1))-1)+IF('Standard Profiles'!$G$21=$B$10,7,0)+IF('Standard Profiles'!$G$21=$B$17,14,0)+IF('Standard Profiles'!$G$21=$B$24,21,0),MOD($C2673,24)+1)/SUM(INDEX($D$3:$AA$30,INDEX(Jesper!$R$2:$R$366,ROW(INDEX(Jesper!AK$2:AK$366,ROUNDDOWN($C2673/24,0)+1,1))-1)+IF('Standard Profiles'!$G$21=$B$10,7,0)+IF('Standard Profiles'!$G$21=$B$17,14,0)+IF('Standard Profiles'!$G$21=$B$24,21,0),0)),0)</f>
        <v>1.8633492296830969</v>
      </c>
      <c r="H2673" cm="1">
        <f t="array" ref="H2673">IFERROR(INDEX(Jesper!AL$2:AL$366,ROUNDDOWN($C2673/24,0)+1,1)*INDEX($D$3:$AA$30,INDEX(Jesper!$R$2:$R$366,ROW(INDEX(Jesper!AL$2:AL$366,ROUNDDOWN($C2673/24,0)+1,1))-1)+IF('Standard Profiles'!$G$22=$B$10,7,0)+IF('Standard Profiles'!$G$22=$B$17,14,0)+IF('Standard Profiles'!$G$22=$B$24,21,0),MOD($C2673,24)+1)/SUM(INDEX($D$3:$AA$30,INDEX(Jesper!$R$2:$R$366,ROW(INDEX(Jesper!AL$2:AL$366,ROUNDDOWN($C2673/24,0)+1,1))-1)+IF('Standard Profiles'!$G$22=$B$10,7,0)+IF('Standard Profiles'!$G$22=$B$17,14,0)+IF('Standard Profiles'!$G$22=$B$24,21,0),0)),0)</f>
        <v>0</v>
      </c>
      <c r="I2673">
        <f t="shared" si="307"/>
        <v>0.89440763024788605</v>
      </c>
      <c r="J2673">
        <f t="shared" si="308"/>
        <v>10.268002287331687</v>
      </c>
      <c r="K2673">
        <f t="shared" si="309"/>
        <v>0.61515886764901395</v>
      </c>
      <c r="L2673">
        <f t="shared" si="310"/>
        <v>0.30757943382450698</v>
      </c>
      <c r="M2673">
        <f t="shared" si="311"/>
        <v>0</v>
      </c>
      <c r="N2673" s="45">
        <f t="shared" si="312"/>
        <v>45036.958333326933</v>
      </c>
    </row>
    <row r="2674" spans="2:14" x14ac:dyDescent="0.25">
      <c r="B2674">
        <f t="shared" si="306"/>
        <v>5</v>
      </c>
      <c r="C2674" s="16">
        <v>2640</v>
      </c>
      <c r="D2674" cm="1">
        <f t="array" ref="D2674">IFERROR(INDEX(Jesper!AH$2:AH$366,ROUNDDOWN($C2674/24,0)+1,1)*INDEX($D$3:$AA$30,INDEX(Jesper!$R$2:$R$366,ROW(INDEX(Jesper!AH$2:AH$366,ROUNDDOWN($C2674/24,0)+1,1))-1)+IF('Standard Profiles'!$G$18=$B$10,7,0)+IF('Standard Profiles'!$G$18=$B$17,14,0)+IF('Standard Profiles'!$G$18=$B$24,21,0),MOD($C2674,24)+1)/SUM(INDEX($D$3:$AA$30,INDEX(Jesper!$R$2:$R$366,ROW(INDEX(Jesper!AH$2:AH$366,ROUNDDOWN($C2674/24,0)+1,1))-1)+IF('Standard Profiles'!$G$18=$B$10,7,0)+IF('Standard Profiles'!$G$18=$B$17,14,0)+IF('Standard Profiles'!$G$18=$B$24,21,0),0)),0)</f>
        <v>8.6743896785772066</v>
      </c>
      <c r="E2674" cm="1">
        <f t="array" ref="E2674">IFERROR(INDEX(Jesper!AI$2:AI$366,ROUNDDOWN($C2674/24,0)+1,1)*INDEX($D$3:$AA$30,INDEX(Jesper!$R$2:$R$366,ROW(INDEX(Jesper!AI$2:AI$366,ROUNDDOWN($C2674/24,0)+1,1))-1)+IF('Standard Profiles'!$G$19=$B$10,7,0)+IF('Standard Profiles'!$G$19=$B$17,14,0)+IF('Standard Profiles'!$G$19=$B$24,21,0),MOD($C2674,24)+1)/SUM(INDEX($D$3:$AA$30,INDEX(Jesper!$R$2:$R$366,ROW(INDEX(Jesper!AI$2:AI$366,ROUNDDOWN($C2674/24,0)+1,1))-1)+IF('Standard Profiles'!$G$19=$B$10,7,0)+IF('Standard Profiles'!$G$19=$B$17,14,0)+IF('Standard Profiles'!$G$19=$B$24,21,0),0)),0)</f>
        <v>5.6399215327463388</v>
      </c>
      <c r="F2674" cm="1">
        <f t="array" ref="F2674">IFERROR(INDEX(Jesper!AJ$2:AJ$366,ROUNDDOWN($C2674/24,0)+1,1)*INDEX($D$3:$AA$30,INDEX(Jesper!$R$2:$R$366,ROW(INDEX(Jesper!AJ$2:AJ$366,ROUNDDOWN($C2674/24,0)+1,1))-1)+IF('Standard Profiles'!$G$20=$B$10,7,0)+IF('Standard Profiles'!$G$20=$B$17,14,0)+IF('Standard Profiles'!$G$20=$B$24,21,0),MOD($C2674,24)+1)/SUM(INDEX($D$3:$AA$30,INDEX(Jesper!$R$2:$R$366,ROW(INDEX(Jesper!AJ$2:AJ$366,ROUNDDOWN($C2674/24,0)+1,1))-1)+IF('Standard Profiles'!$G$20=$B$10,7,0)+IF('Standard Profiles'!$G$20=$B$17,14,0)+IF('Standard Profiles'!$G$20=$B$24,21,0),0)),0)</f>
        <v>0</v>
      </c>
      <c r="G2674" cm="1">
        <f t="array" ref="G2674">IFERROR(INDEX(Jesper!AK$2:AK$366,ROUNDDOWN($C2674/24,0)+1,1)*INDEX($D$3:$AA$30,INDEX(Jesper!$R$2:$R$366,ROW(INDEX(Jesper!AK$2:AK$366,ROUNDDOWN($C2674/24,0)+1,1))-1)+IF('Standard Profiles'!$G$21=$B$10,7,0)+IF('Standard Profiles'!$G$21=$B$17,14,0)+IF('Standard Profiles'!$G$21=$B$24,21,0),MOD($C2674,24)+1)/SUM(INDEX($D$3:$AA$30,INDEX(Jesper!$R$2:$R$366,ROW(INDEX(Jesper!AK$2:AK$366,ROUNDDOWN($C2674/24,0)+1,1))-1)+IF('Standard Profiles'!$G$21=$B$10,7,0)+IF('Standard Profiles'!$G$21=$B$17,14,0)+IF('Standard Profiles'!$G$21=$B$24,21,0),0)),0)</f>
        <v>1.0333161041152519</v>
      </c>
      <c r="H2674" cm="1">
        <f t="array" ref="H2674">IFERROR(INDEX(Jesper!AL$2:AL$366,ROUNDDOWN($C2674/24,0)+1,1)*INDEX($D$3:$AA$30,INDEX(Jesper!$R$2:$R$366,ROW(INDEX(Jesper!AL$2:AL$366,ROUNDDOWN($C2674/24,0)+1,1))-1)+IF('Standard Profiles'!$G$22=$B$10,7,0)+IF('Standard Profiles'!$G$22=$B$17,14,0)+IF('Standard Profiles'!$G$22=$B$24,21,0),MOD($C2674,24)+1)/SUM(INDEX($D$3:$AA$30,INDEX(Jesper!$R$2:$R$366,ROW(INDEX(Jesper!AL$2:AL$366,ROUNDDOWN($C2674/24,0)+1,1))-1)+IF('Standard Profiles'!$G$22=$B$10,7,0)+IF('Standard Profiles'!$G$22=$B$17,14,0)+IF('Standard Profiles'!$G$22=$B$24,21,0),0)),0)</f>
        <v>0</v>
      </c>
      <c r="I2674">
        <f t="shared" si="307"/>
        <v>0.49599172997532065</v>
      </c>
      <c r="J2674">
        <f t="shared" si="308"/>
        <v>13.463733236891123</v>
      </c>
      <c r="K2674">
        <f t="shared" si="309"/>
        <v>0.92526823238156874</v>
      </c>
      <c r="L2674">
        <f t="shared" si="310"/>
        <v>0.46263411619078437</v>
      </c>
      <c r="M2674">
        <f t="shared" si="311"/>
        <v>0</v>
      </c>
      <c r="N2674" s="45">
        <f t="shared" si="312"/>
        <v>45036.999999993597</v>
      </c>
    </row>
    <row r="2675" spans="2:14" x14ac:dyDescent="0.25">
      <c r="B2675">
        <f t="shared" si="306"/>
        <v>5</v>
      </c>
      <c r="C2675" s="16">
        <v>2641</v>
      </c>
      <c r="D2675" cm="1">
        <f t="array" ref="D2675">IFERROR(INDEX(Jesper!AH$2:AH$366,ROUNDDOWN($C2675/24,0)+1,1)*INDEX($D$3:$AA$30,INDEX(Jesper!$R$2:$R$366,ROW(INDEX(Jesper!AH$2:AH$366,ROUNDDOWN($C2675/24,0)+1,1))-1)+IF('Standard Profiles'!$G$18=$B$10,7,0)+IF('Standard Profiles'!$G$18=$B$17,14,0)+IF('Standard Profiles'!$G$18=$B$24,21,0),MOD($C2675,24)+1)/SUM(INDEX($D$3:$AA$30,INDEX(Jesper!$R$2:$R$366,ROW(INDEX(Jesper!AH$2:AH$366,ROUNDDOWN($C2675/24,0)+1,1))-1)+IF('Standard Profiles'!$G$18=$B$10,7,0)+IF('Standard Profiles'!$G$18=$B$17,14,0)+IF('Standard Profiles'!$G$18=$B$24,21,0),0)),0)</f>
        <v>5.2572058658043677</v>
      </c>
      <c r="E2675" cm="1">
        <f t="array" ref="E2675">IFERROR(INDEX(Jesper!AI$2:AI$366,ROUNDDOWN($C2675/24,0)+1,1)*INDEX($D$3:$AA$30,INDEX(Jesper!$R$2:$R$366,ROW(INDEX(Jesper!AI$2:AI$366,ROUNDDOWN($C2675/24,0)+1,1))-1)+IF('Standard Profiles'!$G$19=$B$10,7,0)+IF('Standard Profiles'!$G$19=$B$17,14,0)+IF('Standard Profiles'!$G$19=$B$24,21,0),MOD($C2675,24)+1)/SUM(INDEX($D$3:$AA$30,INDEX(Jesper!$R$2:$R$366,ROW(INDEX(Jesper!AI$2:AI$366,ROUNDDOWN($C2675/24,0)+1,1))-1)+IF('Standard Profiles'!$G$19=$B$10,7,0)+IF('Standard Profiles'!$G$19=$B$17,14,0)+IF('Standard Profiles'!$G$19=$B$24,21,0),0)),0)</f>
        <v>3.4181342622705082</v>
      </c>
      <c r="F2675" cm="1">
        <f t="array" ref="F2675">IFERROR(INDEX(Jesper!AJ$2:AJ$366,ROUNDDOWN($C2675/24,0)+1,1)*INDEX($D$3:$AA$30,INDEX(Jesper!$R$2:$R$366,ROW(INDEX(Jesper!AJ$2:AJ$366,ROUNDDOWN($C2675/24,0)+1,1))-1)+IF('Standard Profiles'!$G$20=$B$10,7,0)+IF('Standard Profiles'!$G$20=$B$17,14,0)+IF('Standard Profiles'!$G$20=$B$24,21,0),MOD($C2675,24)+1)/SUM(INDEX($D$3:$AA$30,INDEX(Jesper!$R$2:$R$366,ROW(INDEX(Jesper!AJ$2:AJ$366,ROUNDDOWN($C2675/24,0)+1,1))-1)+IF('Standard Profiles'!$G$20=$B$10,7,0)+IF('Standard Profiles'!$G$20=$B$17,14,0)+IF('Standard Profiles'!$G$20=$B$24,21,0),0)),0)</f>
        <v>0</v>
      </c>
      <c r="G2675" cm="1">
        <f t="array" ref="G2675">IFERROR(INDEX(Jesper!AK$2:AK$366,ROUNDDOWN($C2675/24,0)+1,1)*INDEX($D$3:$AA$30,INDEX(Jesper!$R$2:$R$366,ROW(INDEX(Jesper!AK$2:AK$366,ROUNDDOWN($C2675/24,0)+1,1))-1)+IF('Standard Profiles'!$G$21=$B$10,7,0)+IF('Standard Profiles'!$G$21=$B$17,14,0)+IF('Standard Profiles'!$G$21=$B$24,21,0),MOD($C2675,24)+1)/SUM(INDEX($D$3:$AA$30,INDEX(Jesper!$R$2:$R$366,ROW(INDEX(Jesper!AK$2:AK$366,ROUNDDOWN($C2675/24,0)+1,1))-1)+IF('Standard Profiles'!$G$21=$B$10,7,0)+IF('Standard Profiles'!$G$21=$B$17,14,0)+IF('Standard Profiles'!$G$21=$B$24,21,0),0)),0)</f>
        <v>1.0333161041152519</v>
      </c>
      <c r="H2675" cm="1">
        <f t="array" ref="H2675">IFERROR(INDEX(Jesper!AL$2:AL$366,ROUNDDOWN($C2675/24,0)+1,1)*INDEX($D$3:$AA$30,INDEX(Jesper!$R$2:$R$366,ROW(INDEX(Jesper!AL$2:AL$366,ROUNDDOWN($C2675/24,0)+1,1))-1)+IF('Standard Profiles'!$G$22=$B$10,7,0)+IF('Standard Profiles'!$G$22=$B$17,14,0)+IF('Standard Profiles'!$G$22=$B$24,21,0),MOD($C2675,24)+1)/SUM(INDEX($D$3:$AA$30,INDEX(Jesper!$R$2:$R$366,ROW(INDEX(Jesper!AL$2:AL$366,ROUNDDOWN($C2675/24,0)+1,1))-1)+IF('Standard Profiles'!$G$22=$B$10,7,0)+IF('Standard Profiles'!$G$22=$B$17,14,0)+IF('Standard Profiles'!$G$22=$B$24,21,0),0)),0)</f>
        <v>0</v>
      </c>
      <c r="I2675">
        <f t="shared" si="307"/>
        <v>0.49599172997532065</v>
      </c>
      <c r="J2675">
        <f t="shared" si="308"/>
        <v>8.3715115636861075</v>
      </c>
      <c r="K2675">
        <f t="shared" si="309"/>
        <v>0.56076862568579922</v>
      </c>
      <c r="L2675">
        <f t="shared" si="310"/>
        <v>0.28038431284289961</v>
      </c>
      <c r="M2675">
        <f t="shared" si="311"/>
        <v>0</v>
      </c>
      <c r="N2675" s="45">
        <f t="shared" si="312"/>
        <v>45037.041666660261</v>
      </c>
    </row>
    <row r="2676" spans="2:14" x14ac:dyDescent="0.25">
      <c r="B2676">
        <f t="shared" si="306"/>
        <v>5</v>
      </c>
      <c r="C2676" s="16">
        <v>2642</v>
      </c>
      <c r="D2676" cm="1">
        <f t="array" ref="D2676">IFERROR(INDEX(Jesper!AH$2:AH$366,ROUNDDOWN($C2676/24,0)+1,1)*INDEX($D$3:$AA$30,INDEX(Jesper!$R$2:$R$366,ROW(INDEX(Jesper!AH$2:AH$366,ROUNDDOWN($C2676/24,0)+1,1))-1)+IF('Standard Profiles'!$G$18=$B$10,7,0)+IF('Standard Profiles'!$G$18=$B$17,14,0)+IF('Standard Profiles'!$G$18=$B$24,21,0),MOD($C2676,24)+1)/SUM(INDEX($D$3:$AA$30,INDEX(Jesper!$R$2:$R$366,ROW(INDEX(Jesper!AH$2:AH$366,ROUNDDOWN($C2676/24,0)+1,1))-1)+IF('Standard Profiles'!$G$18=$B$10,7,0)+IF('Standard Profiles'!$G$18=$B$17,14,0)+IF('Standard Profiles'!$G$18=$B$24,21,0),0)),0)</f>
        <v>5.2572058658043677</v>
      </c>
      <c r="E2676" cm="1">
        <f t="array" ref="E2676">IFERROR(INDEX(Jesper!AI$2:AI$366,ROUNDDOWN($C2676/24,0)+1,1)*INDEX($D$3:$AA$30,INDEX(Jesper!$R$2:$R$366,ROW(INDEX(Jesper!AI$2:AI$366,ROUNDDOWN($C2676/24,0)+1,1))-1)+IF('Standard Profiles'!$G$19=$B$10,7,0)+IF('Standard Profiles'!$G$19=$B$17,14,0)+IF('Standard Profiles'!$G$19=$B$24,21,0),MOD($C2676,24)+1)/SUM(INDEX($D$3:$AA$30,INDEX(Jesper!$R$2:$R$366,ROW(INDEX(Jesper!AI$2:AI$366,ROUNDDOWN($C2676/24,0)+1,1))-1)+IF('Standard Profiles'!$G$19=$B$10,7,0)+IF('Standard Profiles'!$G$19=$B$17,14,0)+IF('Standard Profiles'!$G$19=$B$24,21,0),0)),0)</f>
        <v>3.4181342622705082</v>
      </c>
      <c r="F2676" cm="1">
        <f t="array" ref="F2676">IFERROR(INDEX(Jesper!AJ$2:AJ$366,ROUNDDOWN($C2676/24,0)+1,1)*INDEX($D$3:$AA$30,INDEX(Jesper!$R$2:$R$366,ROW(INDEX(Jesper!AJ$2:AJ$366,ROUNDDOWN($C2676/24,0)+1,1))-1)+IF('Standard Profiles'!$G$20=$B$10,7,0)+IF('Standard Profiles'!$G$20=$B$17,14,0)+IF('Standard Profiles'!$G$20=$B$24,21,0),MOD($C2676,24)+1)/SUM(INDEX($D$3:$AA$30,INDEX(Jesper!$R$2:$R$366,ROW(INDEX(Jesper!AJ$2:AJ$366,ROUNDDOWN($C2676/24,0)+1,1))-1)+IF('Standard Profiles'!$G$20=$B$10,7,0)+IF('Standard Profiles'!$G$20=$B$17,14,0)+IF('Standard Profiles'!$G$20=$B$24,21,0),0)),0)</f>
        <v>0</v>
      </c>
      <c r="G2676" cm="1">
        <f t="array" ref="G2676">IFERROR(INDEX(Jesper!AK$2:AK$366,ROUNDDOWN($C2676/24,0)+1,1)*INDEX($D$3:$AA$30,INDEX(Jesper!$R$2:$R$366,ROW(INDEX(Jesper!AK$2:AK$366,ROUNDDOWN($C2676/24,0)+1,1))-1)+IF('Standard Profiles'!$G$21=$B$10,7,0)+IF('Standard Profiles'!$G$21=$B$17,14,0)+IF('Standard Profiles'!$G$21=$B$24,21,0),MOD($C2676,24)+1)/SUM(INDEX($D$3:$AA$30,INDEX(Jesper!$R$2:$R$366,ROW(INDEX(Jesper!AK$2:AK$366,ROUNDDOWN($C2676/24,0)+1,1))-1)+IF('Standard Profiles'!$G$21=$B$10,7,0)+IF('Standard Profiles'!$G$21=$B$17,14,0)+IF('Standard Profiles'!$G$21=$B$24,21,0),0)),0)</f>
        <v>1.0333161041152519</v>
      </c>
      <c r="H2676" cm="1">
        <f t="array" ref="H2676">IFERROR(INDEX(Jesper!AL$2:AL$366,ROUNDDOWN($C2676/24,0)+1,1)*INDEX($D$3:$AA$30,INDEX(Jesper!$R$2:$R$366,ROW(INDEX(Jesper!AL$2:AL$366,ROUNDDOWN($C2676/24,0)+1,1))-1)+IF('Standard Profiles'!$G$22=$B$10,7,0)+IF('Standard Profiles'!$G$22=$B$17,14,0)+IF('Standard Profiles'!$G$22=$B$24,21,0),MOD($C2676,24)+1)/SUM(INDEX($D$3:$AA$30,INDEX(Jesper!$R$2:$R$366,ROW(INDEX(Jesper!AL$2:AL$366,ROUNDDOWN($C2676/24,0)+1,1))-1)+IF('Standard Profiles'!$G$22=$B$10,7,0)+IF('Standard Profiles'!$G$22=$B$17,14,0)+IF('Standard Profiles'!$G$22=$B$24,21,0),0)),0)</f>
        <v>0</v>
      </c>
      <c r="I2676">
        <f t="shared" si="307"/>
        <v>0.49599172997532065</v>
      </c>
      <c r="J2676">
        <f t="shared" si="308"/>
        <v>8.3715115636861075</v>
      </c>
      <c r="K2676">
        <f t="shared" si="309"/>
        <v>0.56076862568579922</v>
      </c>
      <c r="L2676">
        <f t="shared" si="310"/>
        <v>0.28038431284289961</v>
      </c>
      <c r="M2676">
        <f t="shared" si="311"/>
        <v>0</v>
      </c>
      <c r="N2676" s="45">
        <f t="shared" si="312"/>
        <v>45037.083333326926</v>
      </c>
    </row>
    <row r="2677" spans="2:14" x14ac:dyDescent="0.25">
      <c r="B2677">
        <f t="shared" si="306"/>
        <v>5</v>
      </c>
      <c r="C2677" s="16">
        <v>2643</v>
      </c>
      <c r="D2677" cm="1">
        <f t="array" ref="D2677">IFERROR(INDEX(Jesper!AH$2:AH$366,ROUNDDOWN($C2677/24,0)+1,1)*INDEX($D$3:$AA$30,INDEX(Jesper!$R$2:$R$366,ROW(INDEX(Jesper!AH$2:AH$366,ROUNDDOWN($C2677/24,0)+1,1))-1)+IF('Standard Profiles'!$G$18=$B$10,7,0)+IF('Standard Profiles'!$G$18=$B$17,14,0)+IF('Standard Profiles'!$G$18=$B$24,21,0),MOD($C2677,24)+1)/SUM(INDEX($D$3:$AA$30,INDEX(Jesper!$R$2:$R$366,ROW(INDEX(Jesper!AH$2:AH$366,ROUNDDOWN($C2677/24,0)+1,1))-1)+IF('Standard Profiles'!$G$18=$B$10,7,0)+IF('Standard Profiles'!$G$18=$B$17,14,0)+IF('Standard Profiles'!$G$18=$B$24,21,0),0)),0)</f>
        <v>5.2572058658043677</v>
      </c>
      <c r="E2677" cm="1">
        <f t="array" ref="E2677">IFERROR(INDEX(Jesper!AI$2:AI$366,ROUNDDOWN($C2677/24,0)+1,1)*INDEX($D$3:$AA$30,INDEX(Jesper!$R$2:$R$366,ROW(INDEX(Jesper!AI$2:AI$366,ROUNDDOWN($C2677/24,0)+1,1))-1)+IF('Standard Profiles'!$G$19=$B$10,7,0)+IF('Standard Profiles'!$G$19=$B$17,14,0)+IF('Standard Profiles'!$G$19=$B$24,21,0),MOD($C2677,24)+1)/SUM(INDEX($D$3:$AA$30,INDEX(Jesper!$R$2:$R$366,ROW(INDEX(Jesper!AI$2:AI$366,ROUNDDOWN($C2677/24,0)+1,1))-1)+IF('Standard Profiles'!$G$19=$B$10,7,0)+IF('Standard Profiles'!$G$19=$B$17,14,0)+IF('Standard Profiles'!$G$19=$B$24,21,0),0)),0)</f>
        <v>3.4181342622705082</v>
      </c>
      <c r="F2677" cm="1">
        <f t="array" ref="F2677">IFERROR(INDEX(Jesper!AJ$2:AJ$366,ROUNDDOWN($C2677/24,0)+1,1)*INDEX($D$3:$AA$30,INDEX(Jesper!$R$2:$R$366,ROW(INDEX(Jesper!AJ$2:AJ$366,ROUNDDOWN($C2677/24,0)+1,1))-1)+IF('Standard Profiles'!$G$20=$B$10,7,0)+IF('Standard Profiles'!$G$20=$B$17,14,0)+IF('Standard Profiles'!$G$20=$B$24,21,0),MOD($C2677,24)+1)/SUM(INDEX($D$3:$AA$30,INDEX(Jesper!$R$2:$R$366,ROW(INDEX(Jesper!AJ$2:AJ$366,ROUNDDOWN($C2677/24,0)+1,1))-1)+IF('Standard Profiles'!$G$20=$B$10,7,0)+IF('Standard Profiles'!$G$20=$B$17,14,0)+IF('Standard Profiles'!$G$20=$B$24,21,0),0)),0)</f>
        <v>0</v>
      </c>
      <c r="G2677" cm="1">
        <f t="array" ref="G2677">IFERROR(INDEX(Jesper!AK$2:AK$366,ROUNDDOWN($C2677/24,0)+1,1)*INDEX($D$3:$AA$30,INDEX(Jesper!$R$2:$R$366,ROW(INDEX(Jesper!AK$2:AK$366,ROUNDDOWN($C2677/24,0)+1,1))-1)+IF('Standard Profiles'!$G$21=$B$10,7,0)+IF('Standard Profiles'!$G$21=$B$17,14,0)+IF('Standard Profiles'!$G$21=$B$24,21,0),MOD($C2677,24)+1)/SUM(INDEX($D$3:$AA$30,INDEX(Jesper!$R$2:$R$366,ROW(INDEX(Jesper!AK$2:AK$366,ROUNDDOWN($C2677/24,0)+1,1))-1)+IF('Standard Profiles'!$G$21=$B$10,7,0)+IF('Standard Profiles'!$G$21=$B$17,14,0)+IF('Standard Profiles'!$G$21=$B$24,21,0),0)),0)</f>
        <v>1.0333161041152519</v>
      </c>
      <c r="H2677" cm="1">
        <f t="array" ref="H2677">IFERROR(INDEX(Jesper!AL$2:AL$366,ROUNDDOWN($C2677/24,0)+1,1)*INDEX($D$3:$AA$30,INDEX(Jesper!$R$2:$R$366,ROW(INDEX(Jesper!AL$2:AL$366,ROUNDDOWN($C2677/24,0)+1,1))-1)+IF('Standard Profiles'!$G$22=$B$10,7,0)+IF('Standard Profiles'!$G$22=$B$17,14,0)+IF('Standard Profiles'!$G$22=$B$24,21,0),MOD($C2677,24)+1)/SUM(INDEX($D$3:$AA$30,INDEX(Jesper!$R$2:$R$366,ROW(INDEX(Jesper!AL$2:AL$366,ROUNDDOWN($C2677/24,0)+1,1))-1)+IF('Standard Profiles'!$G$22=$B$10,7,0)+IF('Standard Profiles'!$G$22=$B$17,14,0)+IF('Standard Profiles'!$G$22=$B$24,21,0),0)),0)</f>
        <v>0</v>
      </c>
      <c r="I2677">
        <f t="shared" si="307"/>
        <v>0.49599172997532065</v>
      </c>
      <c r="J2677">
        <f t="shared" si="308"/>
        <v>8.3715115636861075</v>
      </c>
      <c r="K2677">
        <f t="shared" si="309"/>
        <v>0.56076862568579922</v>
      </c>
      <c r="L2677">
        <f t="shared" si="310"/>
        <v>0.28038431284289961</v>
      </c>
      <c r="M2677">
        <f t="shared" si="311"/>
        <v>0</v>
      </c>
      <c r="N2677" s="45">
        <f t="shared" si="312"/>
        <v>45037.12499999359</v>
      </c>
    </row>
    <row r="2678" spans="2:14" x14ac:dyDescent="0.25">
      <c r="B2678">
        <f t="shared" si="306"/>
        <v>5</v>
      </c>
      <c r="C2678" s="16">
        <v>2644</v>
      </c>
      <c r="D2678" cm="1">
        <f t="array" ref="D2678">IFERROR(INDEX(Jesper!AH$2:AH$366,ROUNDDOWN($C2678/24,0)+1,1)*INDEX($D$3:$AA$30,INDEX(Jesper!$R$2:$R$366,ROW(INDEX(Jesper!AH$2:AH$366,ROUNDDOWN($C2678/24,0)+1,1))-1)+IF('Standard Profiles'!$G$18=$B$10,7,0)+IF('Standard Profiles'!$G$18=$B$17,14,0)+IF('Standard Profiles'!$G$18=$B$24,21,0),MOD($C2678,24)+1)/SUM(INDEX($D$3:$AA$30,INDEX(Jesper!$R$2:$R$366,ROW(INDEX(Jesper!AH$2:AH$366,ROUNDDOWN($C2678/24,0)+1,1))-1)+IF('Standard Profiles'!$G$18=$B$10,7,0)+IF('Standard Profiles'!$G$18=$B$17,14,0)+IF('Standard Profiles'!$G$18=$B$24,21,0),0)),0)</f>
        <v>5.2572058658043677</v>
      </c>
      <c r="E2678" cm="1">
        <f t="array" ref="E2678">IFERROR(INDEX(Jesper!AI$2:AI$366,ROUNDDOWN($C2678/24,0)+1,1)*INDEX($D$3:$AA$30,INDEX(Jesper!$R$2:$R$366,ROW(INDEX(Jesper!AI$2:AI$366,ROUNDDOWN($C2678/24,0)+1,1))-1)+IF('Standard Profiles'!$G$19=$B$10,7,0)+IF('Standard Profiles'!$G$19=$B$17,14,0)+IF('Standard Profiles'!$G$19=$B$24,21,0),MOD($C2678,24)+1)/SUM(INDEX($D$3:$AA$30,INDEX(Jesper!$R$2:$R$366,ROW(INDEX(Jesper!AI$2:AI$366,ROUNDDOWN($C2678/24,0)+1,1))-1)+IF('Standard Profiles'!$G$19=$B$10,7,0)+IF('Standard Profiles'!$G$19=$B$17,14,0)+IF('Standard Profiles'!$G$19=$B$24,21,0),0)),0)</f>
        <v>3.4181342622705082</v>
      </c>
      <c r="F2678" cm="1">
        <f t="array" ref="F2678">IFERROR(INDEX(Jesper!AJ$2:AJ$366,ROUNDDOWN($C2678/24,0)+1,1)*INDEX($D$3:$AA$30,INDEX(Jesper!$R$2:$R$366,ROW(INDEX(Jesper!AJ$2:AJ$366,ROUNDDOWN($C2678/24,0)+1,1))-1)+IF('Standard Profiles'!$G$20=$B$10,7,0)+IF('Standard Profiles'!$G$20=$B$17,14,0)+IF('Standard Profiles'!$G$20=$B$24,21,0),MOD($C2678,24)+1)/SUM(INDEX($D$3:$AA$30,INDEX(Jesper!$R$2:$R$366,ROW(INDEX(Jesper!AJ$2:AJ$366,ROUNDDOWN($C2678/24,0)+1,1))-1)+IF('Standard Profiles'!$G$20=$B$10,7,0)+IF('Standard Profiles'!$G$20=$B$17,14,0)+IF('Standard Profiles'!$G$20=$B$24,21,0),0)),0)</f>
        <v>0</v>
      </c>
      <c r="G2678" cm="1">
        <f t="array" ref="G2678">IFERROR(INDEX(Jesper!AK$2:AK$366,ROUNDDOWN($C2678/24,0)+1,1)*INDEX($D$3:$AA$30,INDEX(Jesper!$R$2:$R$366,ROW(INDEX(Jesper!AK$2:AK$366,ROUNDDOWN($C2678/24,0)+1,1))-1)+IF('Standard Profiles'!$G$21=$B$10,7,0)+IF('Standard Profiles'!$G$21=$B$17,14,0)+IF('Standard Profiles'!$G$21=$B$24,21,0),MOD($C2678,24)+1)/SUM(INDEX($D$3:$AA$30,INDEX(Jesper!$R$2:$R$366,ROW(INDEX(Jesper!AK$2:AK$366,ROUNDDOWN($C2678/24,0)+1,1))-1)+IF('Standard Profiles'!$G$21=$B$10,7,0)+IF('Standard Profiles'!$G$21=$B$17,14,0)+IF('Standard Profiles'!$G$21=$B$24,21,0),0)),0)</f>
        <v>1.0333161041152519</v>
      </c>
      <c r="H2678" cm="1">
        <f t="array" ref="H2678">IFERROR(INDEX(Jesper!AL$2:AL$366,ROUNDDOWN($C2678/24,0)+1,1)*INDEX($D$3:$AA$30,INDEX(Jesper!$R$2:$R$366,ROW(INDEX(Jesper!AL$2:AL$366,ROUNDDOWN($C2678/24,0)+1,1))-1)+IF('Standard Profiles'!$G$22=$B$10,7,0)+IF('Standard Profiles'!$G$22=$B$17,14,0)+IF('Standard Profiles'!$G$22=$B$24,21,0),MOD($C2678,24)+1)/SUM(INDEX($D$3:$AA$30,INDEX(Jesper!$R$2:$R$366,ROW(INDEX(Jesper!AL$2:AL$366,ROUNDDOWN($C2678/24,0)+1,1))-1)+IF('Standard Profiles'!$G$22=$B$10,7,0)+IF('Standard Profiles'!$G$22=$B$17,14,0)+IF('Standard Profiles'!$G$22=$B$24,21,0),0)),0)</f>
        <v>0</v>
      </c>
      <c r="I2678">
        <f t="shared" si="307"/>
        <v>0.49599172997532065</v>
      </c>
      <c r="J2678">
        <f t="shared" si="308"/>
        <v>8.3715115636861075</v>
      </c>
      <c r="K2678">
        <f t="shared" si="309"/>
        <v>0.56076862568579922</v>
      </c>
      <c r="L2678">
        <f t="shared" si="310"/>
        <v>0.28038431284289961</v>
      </c>
      <c r="M2678">
        <f t="shared" si="311"/>
        <v>0</v>
      </c>
      <c r="N2678" s="45">
        <f t="shared" si="312"/>
        <v>45037.166666660254</v>
      </c>
    </row>
    <row r="2679" spans="2:14" x14ac:dyDescent="0.25">
      <c r="B2679">
        <f t="shared" si="306"/>
        <v>5</v>
      </c>
      <c r="C2679" s="16">
        <v>2645</v>
      </c>
      <c r="D2679" cm="1">
        <f t="array" ref="D2679">IFERROR(INDEX(Jesper!AH$2:AH$366,ROUNDDOWN($C2679/24,0)+1,1)*INDEX($D$3:$AA$30,INDEX(Jesper!$R$2:$R$366,ROW(INDEX(Jesper!AH$2:AH$366,ROUNDDOWN($C2679/24,0)+1,1))-1)+IF('Standard Profiles'!$G$18=$B$10,7,0)+IF('Standard Profiles'!$G$18=$B$17,14,0)+IF('Standard Profiles'!$G$18=$B$24,21,0),MOD($C2679,24)+1)/SUM(INDEX($D$3:$AA$30,INDEX(Jesper!$R$2:$R$366,ROW(INDEX(Jesper!AH$2:AH$366,ROUNDDOWN($C2679/24,0)+1,1))-1)+IF('Standard Profiles'!$G$18=$B$10,7,0)+IF('Standard Profiles'!$G$18=$B$17,14,0)+IF('Standard Profiles'!$G$18=$B$24,21,0),0)),0)</f>
        <v>5.2572058658043677</v>
      </c>
      <c r="E2679" cm="1">
        <f t="array" ref="E2679">IFERROR(INDEX(Jesper!AI$2:AI$366,ROUNDDOWN($C2679/24,0)+1,1)*INDEX($D$3:$AA$30,INDEX(Jesper!$R$2:$R$366,ROW(INDEX(Jesper!AI$2:AI$366,ROUNDDOWN($C2679/24,0)+1,1))-1)+IF('Standard Profiles'!$G$19=$B$10,7,0)+IF('Standard Profiles'!$G$19=$B$17,14,0)+IF('Standard Profiles'!$G$19=$B$24,21,0),MOD($C2679,24)+1)/SUM(INDEX($D$3:$AA$30,INDEX(Jesper!$R$2:$R$366,ROW(INDEX(Jesper!AI$2:AI$366,ROUNDDOWN($C2679/24,0)+1,1))-1)+IF('Standard Profiles'!$G$19=$B$10,7,0)+IF('Standard Profiles'!$G$19=$B$17,14,0)+IF('Standard Profiles'!$G$19=$B$24,21,0),0)),0)</f>
        <v>3.4181342622705082</v>
      </c>
      <c r="F2679" cm="1">
        <f t="array" ref="F2679">IFERROR(INDEX(Jesper!AJ$2:AJ$366,ROUNDDOWN($C2679/24,0)+1,1)*INDEX($D$3:$AA$30,INDEX(Jesper!$R$2:$R$366,ROW(INDEX(Jesper!AJ$2:AJ$366,ROUNDDOWN($C2679/24,0)+1,1))-1)+IF('Standard Profiles'!$G$20=$B$10,7,0)+IF('Standard Profiles'!$G$20=$B$17,14,0)+IF('Standard Profiles'!$G$20=$B$24,21,0),MOD($C2679,24)+1)/SUM(INDEX($D$3:$AA$30,INDEX(Jesper!$R$2:$R$366,ROW(INDEX(Jesper!AJ$2:AJ$366,ROUNDDOWN($C2679/24,0)+1,1))-1)+IF('Standard Profiles'!$G$20=$B$10,7,0)+IF('Standard Profiles'!$G$20=$B$17,14,0)+IF('Standard Profiles'!$G$20=$B$24,21,0),0)),0)</f>
        <v>0</v>
      </c>
      <c r="G2679" cm="1">
        <f t="array" ref="G2679">IFERROR(INDEX(Jesper!AK$2:AK$366,ROUNDDOWN($C2679/24,0)+1,1)*INDEX($D$3:$AA$30,INDEX(Jesper!$R$2:$R$366,ROW(INDEX(Jesper!AK$2:AK$366,ROUNDDOWN($C2679/24,0)+1,1))-1)+IF('Standard Profiles'!$G$21=$B$10,7,0)+IF('Standard Profiles'!$G$21=$B$17,14,0)+IF('Standard Profiles'!$G$21=$B$24,21,0),MOD($C2679,24)+1)/SUM(INDEX($D$3:$AA$30,INDEX(Jesper!$R$2:$R$366,ROW(INDEX(Jesper!AK$2:AK$366,ROUNDDOWN($C2679/24,0)+1,1))-1)+IF('Standard Profiles'!$G$21=$B$10,7,0)+IF('Standard Profiles'!$G$21=$B$17,14,0)+IF('Standard Profiles'!$G$21=$B$24,21,0),0)),0)</f>
        <v>1.0333161041152519</v>
      </c>
      <c r="H2679" cm="1">
        <f t="array" ref="H2679">IFERROR(INDEX(Jesper!AL$2:AL$366,ROUNDDOWN($C2679/24,0)+1,1)*INDEX($D$3:$AA$30,INDEX(Jesper!$R$2:$R$366,ROW(INDEX(Jesper!AL$2:AL$366,ROUNDDOWN($C2679/24,0)+1,1))-1)+IF('Standard Profiles'!$G$22=$B$10,7,0)+IF('Standard Profiles'!$G$22=$B$17,14,0)+IF('Standard Profiles'!$G$22=$B$24,21,0),MOD($C2679,24)+1)/SUM(INDEX($D$3:$AA$30,INDEX(Jesper!$R$2:$R$366,ROW(INDEX(Jesper!AL$2:AL$366,ROUNDDOWN($C2679/24,0)+1,1))-1)+IF('Standard Profiles'!$G$22=$B$10,7,0)+IF('Standard Profiles'!$G$22=$B$17,14,0)+IF('Standard Profiles'!$G$22=$B$24,21,0),0)),0)</f>
        <v>0</v>
      </c>
      <c r="I2679">
        <f t="shared" si="307"/>
        <v>0.49599172997532065</v>
      </c>
      <c r="J2679">
        <f t="shared" si="308"/>
        <v>8.3715115636861075</v>
      </c>
      <c r="K2679">
        <f t="shared" si="309"/>
        <v>0.56076862568579922</v>
      </c>
      <c r="L2679">
        <f t="shared" si="310"/>
        <v>0.28038431284289961</v>
      </c>
      <c r="M2679">
        <f t="shared" si="311"/>
        <v>0</v>
      </c>
      <c r="N2679" s="45">
        <f t="shared" si="312"/>
        <v>45037.208333326918</v>
      </c>
    </row>
    <row r="2680" spans="2:14" x14ac:dyDescent="0.25">
      <c r="B2680">
        <f t="shared" si="306"/>
        <v>5</v>
      </c>
      <c r="C2680" s="16">
        <v>2646</v>
      </c>
      <c r="D2680" cm="1">
        <f t="array" ref="D2680">IFERROR(INDEX(Jesper!AH$2:AH$366,ROUNDDOWN($C2680/24,0)+1,1)*INDEX($D$3:$AA$30,INDEX(Jesper!$R$2:$R$366,ROW(INDEX(Jesper!AH$2:AH$366,ROUNDDOWN($C2680/24,0)+1,1))-1)+IF('Standard Profiles'!$G$18=$B$10,7,0)+IF('Standard Profiles'!$G$18=$B$17,14,0)+IF('Standard Profiles'!$G$18=$B$24,21,0),MOD($C2680,24)+1)/SUM(INDEX($D$3:$AA$30,INDEX(Jesper!$R$2:$R$366,ROW(INDEX(Jesper!AH$2:AH$366,ROUNDDOWN($C2680/24,0)+1,1))-1)+IF('Standard Profiles'!$G$18=$B$10,7,0)+IF('Standard Profiles'!$G$18=$B$17,14,0)+IF('Standard Profiles'!$G$18=$B$24,21,0),0)),0)</f>
        <v>5.2572058658043677</v>
      </c>
      <c r="E2680" cm="1">
        <f t="array" ref="E2680">IFERROR(INDEX(Jesper!AI$2:AI$366,ROUNDDOWN($C2680/24,0)+1,1)*INDEX($D$3:$AA$30,INDEX(Jesper!$R$2:$R$366,ROW(INDEX(Jesper!AI$2:AI$366,ROUNDDOWN($C2680/24,0)+1,1))-1)+IF('Standard Profiles'!$G$19=$B$10,7,0)+IF('Standard Profiles'!$G$19=$B$17,14,0)+IF('Standard Profiles'!$G$19=$B$24,21,0),MOD($C2680,24)+1)/SUM(INDEX($D$3:$AA$30,INDEX(Jesper!$R$2:$R$366,ROW(INDEX(Jesper!AI$2:AI$366,ROUNDDOWN($C2680/24,0)+1,1))-1)+IF('Standard Profiles'!$G$19=$B$10,7,0)+IF('Standard Profiles'!$G$19=$B$17,14,0)+IF('Standard Profiles'!$G$19=$B$24,21,0),0)),0)</f>
        <v>3.4181342622705082</v>
      </c>
      <c r="F2680" cm="1">
        <f t="array" ref="F2680">IFERROR(INDEX(Jesper!AJ$2:AJ$366,ROUNDDOWN($C2680/24,0)+1,1)*INDEX($D$3:$AA$30,INDEX(Jesper!$R$2:$R$366,ROW(INDEX(Jesper!AJ$2:AJ$366,ROUNDDOWN($C2680/24,0)+1,1))-1)+IF('Standard Profiles'!$G$20=$B$10,7,0)+IF('Standard Profiles'!$G$20=$B$17,14,0)+IF('Standard Profiles'!$G$20=$B$24,21,0),MOD($C2680,24)+1)/SUM(INDEX($D$3:$AA$30,INDEX(Jesper!$R$2:$R$366,ROW(INDEX(Jesper!AJ$2:AJ$366,ROUNDDOWN($C2680/24,0)+1,1))-1)+IF('Standard Profiles'!$G$20=$B$10,7,0)+IF('Standard Profiles'!$G$20=$B$17,14,0)+IF('Standard Profiles'!$G$20=$B$24,21,0),0)),0)</f>
        <v>0</v>
      </c>
      <c r="G2680" cm="1">
        <f t="array" ref="G2680">IFERROR(INDEX(Jesper!AK$2:AK$366,ROUNDDOWN($C2680/24,0)+1,1)*INDEX($D$3:$AA$30,INDEX(Jesper!$R$2:$R$366,ROW(INDEX(Jesper!AK$2:AK$366,ROUNDDOWN($C2680/24,0)+1,1))-1)+IF('Standard Profiles'!$G$21=$B$10,7,0)+IF('Standard Profiles'!$G$21=$B$17,14,0)+IF('Standard Profiles'!$G$21=$B$24,21,0),MOD($C2680,24)+1)/SUM(INDEX($D$3:$AA$30,INDEX(Jesper!$R$2:$R$366,ROW(INDEX(Jesper!AK$2:AK$366,ROUNDDOWN($C2680/24,0)+1,1))-1)+IF('Standard Profiles'!$G$21=$B$10,7,0)+IF('Standard Profiles'!$G$21=$B$17,14,0)+IF('Standard Profiles'!$G$21=$B$24,21,0),0)),0)</f>
        <v>1.0333161041152519</v>
      </c>
      <c r="H2680" cm="1">
        <f t="array" ref="H2680">IFERROR(INDEX(Jesper!AL$2:AL$366,ROUNDDOWN($C2680/24,0)+1,1)*INDEX($D$3:$AA$30,INDEX(Jesper!$R$2:$R$366,ROW(INDEX(Jesper!AL$2:AL$366,ROUNDDOWN($C2680/24,0)+1,1))-1)+IF('Standard Profiles'!$G$22=$B$10,7,0)+IF('Standard Profiles'!$G$22=$B$17,14,0)+IF('Standard Profiles'!$G$22=$B$24,21,0),MOD($C2680,24)+1)/SUM(INDEX($D$3:$AA$30,INDEX(Jesper!$R$2:$R$366,ROW(INDEX(Jesper!AL$2:AL$366,ROUNDDOWN($C2680/24,0)+1,1))-1)+IF('Standard Profiles'!$G$22=$B$10,7,0)+IF('Standard Profiles'!$G$22=$B$17,14,0)+IF('Standard Profiles'!$G$22=$B$24,21,0),0)),0)</f>
        <v>0</v>
      </c>
      <c r="I2680">
        <f t="shared" si="307"/>
        <v>0.49599172997532065</v>
      </c>
      <c r="J2680">
        <f t="shared" si="308"/>
        <v>8.3715115636861075</v>
      </c>
      <c r="K2680">
        <f t="shared" si="309"/>
        <v>0.56076862568579922</v>
      </c>
      <c r="L2680">
        <f t="shared" si="310"/>
        <v>0.28038431284289961</v>
      </c>
      <c r="M2680">
        <f t="shared" si="311"/>
        <v>0</v>
      </c>
      <c r="N2680" s="45">
        <f t="shared" si="312"/>
        <v>45037.249999993583</v>
      </c>
    </row>
    <row r="2681" spans="2:14" x14ac:dyDescent="0.25">
      <c r="B2681">
        <f t="shared" si="306"/>
        <v>5</v>
      </c>
      <c r="C2681" s="16">
        <v>2647</v>
      </c>
      <c r="D2681" cm="1">
        <f t="array" ref="D2681">IFERROR(INDEX(Jesper!AH$2:AH$366,ROUNDDOWN($C2681/24,0)+1,1)*INDEX($D$3:$AA$30,INDEX(Jesper!$R$2:$R$366,ROW(INDEX(Jesper!AH$2:AH$366,ROUNDDOWN($C2681/24,0)+1,1))-1)+IF('Standard Profiles'!$G$18=$B$10,7,0)+IF('Standard Profiles'!$G$18=$B$17,14,0)+IF('Standard Profiles'!$G$18=$B$24,21,0),MOD($C2681,24)+1)/SUM(INDEX($D$3:$AA$30,INDEX(Jesper!$R$2:$R$366,ROW(INDEX(Jesper!AH$2:AH$366,ROUNDDOWN($C2681/24,0)+1,1))-1)+IF('Standard Profiles'!$G$18=$B$10,7,0)+IF('Standard Profiles'!$G$18=$B$17,14,0)+IF('Standard Profiles'!$G$18=$B$24,21,0),0)),0)</f>
        <v>22.395696988326605</v>
      </c>
      <c r="E2681" cm="1">
        <f t="array" ref="E2681">IFERROR(INDEX(Jesper!AI$2:AI$366,ROUNDDOWN($C2681/24,0)+1,1)*INDEX($D$3:$AA$30,INDEX(Jesper!$R$2:$R$366,ROW(INDEX(Jesper!AI$2:AI$366,ROUNDDOWN($C2681/24,0)+1,1))-1)+IF('Standard Profiles'!$G$19=$B$10,7,0)+IF('Standard Profiles'!$G$19=$B$17,14,0)+IF('Standard Profiles'!$G$19=$B$24,21,0),MOD($C2681,24)+1)/SUM(INDEX($D$3:$AA$30,INDEX(Jesper!$R$2:$R$366,ROW(INDEX(Jesper!AI$2:AI$366,ROUNDDOWN($C2681/24,0)+1,1))-1)+IF('Standard Profiles'!$G$19=$B$10,7,0)+IF('Standard Profiles'!$G$19=$B$17,14,0)+IF('Standard Profiles'!$G$19=$B$24,21,0),0)),0)</f>
        <v>14.561251957272367</v>
      </c>
      <c r="F2681" cm="1">
        <f t="array" ref="F2681">IFERROR(INDEX(Jesper!AJ$2:AJ$366,ROUNDDOWN($C2681/24,0)+1,1)*INDEX($D$3:$AA$30,INDEX(Jesper!$R$2:$R$366,ROW(INDEX(Jesper!AJ$2:AJ$366,ROUNDDOWN($C2681/24,0)+1,1))-1)+IF('Standard Profiles'!$G$20=$B$10,7,0)+IF('Standard Profiles'!$G$20=$B$17,14,0)+IF('Standard Profiles'!$G$20=$B$24,21,0),MOD($C2681,24)+1)/SUM(INDEX($D$3:$AA$30,INDEX(Jesper!$R$2:$R$366,ROW(INDEX(Jesper!AJ$2:AJ$366,ROUNDDOWN($C2681/24,0)+1,1))-1)+IF('Standard Profiles'!$G$20=$B$10,7,0)+IF('Standard Profiles'!$G$20=$B$17,14,0)+IF('Standard Profiles'!$G$20=$B$24,21,0),0)),0)</f>
        <v>0</v>
      </c>
      <c r="G2681" cm="1">
        <f t="array" ref="G2681">IFERROR(INDEX(Jesper!AK$2:AK$366,ROUNDDOWN($C2681/24,0)+1,1)*INDEX($D$3:$AA$30,INDEX(Jesper!$R$2:$R$366,ROW(INDEX(Jesper!AK$2:AK$366,ROUNDDOWN($C2681/24,0)+1,1))-1)+IF('Standard Profiles'!$G$21=$B$10,7,0)+IF('Standard Profiles'!$G$21=$B$17,14,0)+IF('Standard Profiles'!$G$21=$B$24,21,0),MOD($C2681,24)+1)/SUM(INDEX($D$3:$AA$30,INDEX(Jesper!$R$2:$R$366,ROW(INDEX(Jesper!AK$2:AK$366,ROUNDDOWN($C2681/24,0)+1,1))-1)+IF('Standard Profiles'!$G$21=$B$10,7,0)+IF('Standard Profiles'!$G$21=$B$17,14,0)+IF('Standard Profiles'!$G$21=$B$24,21,0),0)),0)</f>
        <v>2.7999533143768116</v>
      </c>
      <c r="H2681" cm="1">
        <f t="array" ref="H2681">IFERROR(INDEX(Jesper!AL$2:AL$366,ROUNDDOWN($C2681/24,0)+1,1)*INDEX($D$3:$AA$30,INDEX(Jesper!$R$2:$R$366,ROW(INDEX(Jesper!AL$2:AL$366,ROUNDDOWN($C2681/24,0)+1,1))-1)+IF('Standard Profiles'!$G$22=$B$10,7,0)+IF('Standard Profiles'!$G$22=$B$17,14,0)+IF('Standard Profiles'!$G$22=$B$24,21,0),MOD($C2681,24)+1)/SUM(INDEX($D$3:$AA$30,INDEX(Jesper!$R$2:$R$366,ROW(INDEX(Jesper!AL$2:AL$366,ROUNDDOWN($C2681/24,0)+1,1))-1)+IF('Standard Profiles'!$G$22=$B$10,7,0)+IF('Standard Profiles'!$G$22=$B$17,14,0)+IF('Standard Profiles'!$G$22=$B$24,21,0),0)),0)</f>
        <v>0</v>
      </c>
      <c r="I2681">
        <f t="shared" si="307"/>
        <v>1.3439775909008689</v>
      </c>
      <c r="J2681">
        <f t="shared" si="308"/>
        <v>34.829613150942656</v>
      </c>
      <c r="K2681">
        <f t="shared" si="309"/>
        <v>2.3888743454215047</v>
      </c>
      <c r="L2681">
        <f t="shared" si="310"/>
        <v>1.1944371727107523</v>
      </c>
      <c r="M2681">
        <f t="shared" si="311"/>
        <v>0</v>
      </c>
      <c r="N2681" s="45">
        <f t="shared" si="312"/>
        <v>45037.291666660247</v>
      </c>
    </row>
    <row r="2682" spans="2:14" x14ac:dyDescent="0.25">
      <c r="B2682">
        <f t="shared" si="306"/>
        <v>5</v>
      </c>
      <c r="C2682" s="16">
        <v>2648</v>
      </c>
      <c r="D2682" cm="1">
        <f t="array" ref="D2682">IFERROR(INDEX(Jesper!AH$2:AH$366,ROUNDDOWN($C2682/24,0)+1,1)*INDEX($D$3:$AA$30,INDEX(Jesper!$R$2:$R$366,ROW(INDEX(Jesper!AH$2:AH$366,ROUNDDOWN($C2682/24,0)+1,1))-1)+IF('Standard Profiles'!$G$18=$B$10,7,0)+IF('Standard Profiles'!$G$18=$B$17,14,0)+IF('Standard Profiles'!$G$18=$B$24,21,0),MOD($C2682,24)+1)/SUM(INDEX($D$3:$AA$30,INDEX(Jesper!$R$2:$R$366,ROW(INDEX(Jesper!AH$2:AH$366,ROUNDDOWN($C2682/24,0)+1,1))-1)+IF('Standard Profiles'!$G$18=$B$10,7,0)+IF('Standard Profiles'!$G$18=$B$17,14,0)+IF('Standard Profiles'!$G$18=$B$24,21,0),0)),0)</f>
        <v>27.994621235408257</v>
      </c>
      <c r="E2682" cm="1">
        <f t="array" ref="E2682">IFERROR(INDEX(Jesper!AI$2:AI$366,ROUNDDOWN($C2682/24,0)+1,1)*INDEX($D$3:$AA$30,INDEX(Jesper!$R$2:$R$366,ROW(INDEX(Jesper!AI$2:AI$366,ROUNDDOWN($C2682/24,0)+1,1))-1)+IF('Standard Profiles'!$G$19=$B$10,7,0)+IF('Standard Profiles'!$G$19=$B$17,14,0)+IF('Standard Profiles'!$G$19=$B$24,21,0),MOD($C2682,24)+1)/SUM(INDEX($D$3:$AA$30,INDEX(Jesper!$R$2:$R$366,ROW(INDEX(Jesper!AI$2:AI$366,ROUNDDOWN($C2682/24,0)+1,1))-1)+IF('Standard Profiles'!$G$19=$B$10,7,0)+IF('Standard Profiles'!$G$19=$B$17,14,0)+IF('Standard Profiles'!$G$19=$B$24,21,0),0)),0)</f>
        <v>18.201564946590455</v>
      </c>
      <c r="F2682" cm="1">
        <f t="array" ref="F2682">IFERROR(INDEX(Jesper!AJ$2:AJ$366,ROUNDDOWN($C2682/24,0)+1,1)*INDEX($D$3:$AA$30,INDEX(Jesper!$R$2:$R$366,ROW(INDEX(Jesper!AJ$2:AJ$366,ROUNDDOWN($C2682/24,0)+1,1))-1)+IF('Standard Profiles'!$G$20=$B$10,7,0)+IF('Standard Profiles'!$G$20=$B$17,14,0)+IF('Standard Profiles'!$G$20=$B$24,21,0),MOD($C2682,24)+1)/SUM(INDEX($D$3:$AA$30,INDEX(Jesper!$R$2:$R$366,ROW(INDEX(Jesper!AJ$2:AJ$366,ROUNDDOWN($C2682/24,0)+1,1))-1)+IF('Standard Profiles'!$G$20=$B$10,7,0)+IF('Standard Profiles'!$G$20=$B$17,14,0)+IF('Standard Profiles'!$G$20=$B$24,21,0),0)),0)</f>
        <v>0</v>
      </c>
      <c r="G2682" cm="1">
        <f t="array" ref="G2682">IFERROR(INDEX(Jesper!AK$2:AK$366,ROUNDDOWN($C2682/24,0)+1,1)*INDEX($D$3:$AA$30,INDEX(Jesper!$R$2:$R$366,ROW(INDEX(Jesper!AK$2:AK$366,ROUNDDOWN($C2682/24,0)+1,1))-1)+IF('Standard Profiles'!$G$21=$B$10,7,0)+IF('Standard Profiles'!$G$21=$B$17,14,0)+IF('Standard Profiles'!$G$21=$B$24,21,0),MOD($C2682,24)+1)/SUM(INDEX($D$3:$AA$30,INDEX(Jesper!$R$2:$R$366,ROW(INDEX(Jesper!AK$2:AK$366,ROUNDDOWN($C2682/24,0)+1,1))-1)+IF('Standard Profiles'!$G$21=$B$10,7,0)+IF('Standard Profiles'!$G$21=$B$17,14,0)+IF('Standard Profiles'!$G$21=$B$24,21,0),0)),0)</f>
        <v>3.4999416429710144</v>
      </c>
      <c r="H2682" cm="1">
        <f t="array" ref="H2682">IFERROR(INDEX(Jesper!AL$2:AL$366,ROUNDDOWN($C2682/24,0)+1,1)*INDEX($D$3:$AA$30,INDEX(Jesper!$R$2:$R$366,ROW(INDEX(Jesper!AL$2:AL$366,ROUNDDOWN($C2682/24,0)+1,1))-1)+IF('Standard Profiles'!$G$22=$B$10,7,0)+IF('Standard Profiles'!$G$22=$B$17,14,0)+IF('Standard Profiles'!$G$22=$B$24,21,0),MOD($C2682,24)+1)/SUM(INDEX($D$3:$AA$30,INDEX(Jesper!$R$2:$R$366,ROW(INDEX(Jesper!AL$2:AL$366,ROUNDDOWN($C2682/24,0)+1,1))-1)+IF('Standard Profiles'!$G$22=$B$10,7,0)+IF('Standard Profiles'!$G$22=$B$17,14,0)+IF('Standard Profiles'!$G$22=$B$24,21,0),0)),0)</f>
        <v>0</v>
      </c>
      <c r="I2682">
        <f t="shared" si="307"/>
        <v>1.679971988626086</v>
      </c>
      <c r="J2682">
        <f t="shared" si="308"/>
        <v>43.537016438678322</v>
      </c>
      <c r="K2682">
        <f t="shared" si="309"/>
        <v>2.9860929317768807</v>
      </c>
      <c r="L2682">
        <f t="shared" si="310"/>
        <v>1.4930464658884404</v>
      </c>
      <c r="M2682">
        <f t="shared" si="311"/>
        <v>0</v>
      </c>
      <c r="N2682" s="45">
        <f t="shared" si="312"/>
        <v>45037.333333326911</v>
      </c>
    </row>
    <row r="2683" spans="2:14" x14ac:dyDescent="0.25">
      <c r="B2683">
        <f t="shared" si="306"/>
        <v>5</v>
      </c>
      <c r="C2683" s="16">
        <v>2649</v>
      </c>
      <c r="D2683" cm="1">
        <f t="array" ref="D2683">IFERROR(INDEX(Jesper!AH$2:AH$366,ROUNDDOWN($C2683/24,0)+1,1)*INDEX($D$3:$AA$30,INDEX(Jesper!$R$2:$R$366,ROW(INDEX(Jesper!AH$2:AH$366,ROUNDDOWN($C2683/24,0)+1,1))-1)+IF('Standard Profiles'!$G$18=$B$10,7,0)+IF('Standard Profiles'!$G$18=$B$17,14,0)+IF('Standard Profiles'!$G$18=$B$24,21,0),MOD($C2683,24)+1)/SUM(INDEX($D$3:$AA$30,INDEX(Jesper!$R$2:$R$366,ROW(INDEX(Jesper!AH$2:AH$366,ROUNDDOWN($C2683/24,0)+1,1))-1)+IF('Standard Profiles'!$G$18=$B$10,7,0)+IF('Standard Profiles'!$G$18=$B$17,14,0)+IF('Standard Profiles'!$G$18=$B$24,21,0),0)),0)</f>
        <v>30.794083358949084</v>
      </c>
      <c r="E2683" cm="1">
        <f t="array" ref="E2683">IFERROR(INDEX(Jesper!AI$2:AI$366,ROUNDDOWN($C2683/24,0)+1,1)*INDEX($D$3:$AA$30,INDEX(Jesper!$R$2:$R$366,ROW(INDEX(Jesper!AI$2:AI$366,ROUNDDOWN($C2683/24,0)+1,1))-1)+IF('Standard Profiles'!$G$19=$B$10,7,0)+IF('Standard Profiles'!$G$19=$B$17,14,0)+IF('Standard Profiles'!$G$19=$B$24,21,0),MOD($C2683,24)+1)/SUM(INDEX($D$3:$AA$30,INDEX(Jesper!$R$2:$R$366,ROW(INDEX(Jesper!AI$2:AI$366,ROUNDDOWN($C2683/24,0)+1,1))-1)+IF('Standard Profiles'!$G$19=$B$10,7,0)+IF('Standard Profiles'!$G$19=$B$17,14,0)+IF('Standard Profiles'!$G$19=$B$24,21,0),0)),0)</f>
        <v>20.0217214412495</v>
      </c>
      <c r="F2683" cm="1">
        <f t="array" ref="F2683">IFERROR(INDEX(Jesper!AJ$2:AJ$366,ROUNDDOWN($C2683/24,0)+1,1)*INDEX($D$3:$AA$30,INDEX(Jesper!$R$2:$R$366,ROW(INDEX(Jesper!AJ$2:AJ$366,ROUNDDOWN($C2683/24,0)+1,1))-1)+IF('Standard Profiles'!$G$20=$B$10,7,0)+IF('Standard Profiles'!$G$20=$B$17,14,0)+IF('Standard Profiles'!$G$20=$B$24,21,0),MOD($C2683,24)+1)/SUM(INDEX($D$3:$AA$30,INDEX(Jesper!$R$2:$R$366,ROW(INDEX(Jesper!AJ$2:AJ$366,ROUNDDOWN($C2683/24,0)+1,1))-1)+IF('Standard Profiles'!$G$20=$B$10,7,0)+IF('Standard Profiles'!$G$20=$B$17,14,0)+IF('Standard Profiles'!$G$20=$B$24,21,0),0)),0)</f>
        <v>0</v>
      </c>
      <c r="G2683" cm="1">
        <f t="array" ref="G2683">IFERROR(INDEX(Jesper!AK$2:AK$366,ROUNDDOWN($C2683/24,0)+1,1)*INDEX($D$3:$AA$30,INDEX(Jesper!$R$2:$R$366,ROW(INDEX(Jesper!AK$2:AK$366,ROUNDDOWN($C2683/24,0)+1,1))-1)+IF('Standard Profiles'!$G$21=$B$10,7,0)+IF('Standard Profiles'!$G$21=$B$17,14,0)+IF('Standard Profiles'!$G$21=$B$24,21,0),MOD($C2683,24)+1)/SUM(INDEX($D$3:$AA$30,INDEX(Jesper!$R$2:$R$366,ROW(INDEX(Jesper!AK$2:AK$366,ROUNDDOWN($C2683/24,0)+1,1))-1)+IF('Standard Profiles'!$G$21=$B$10,7,0)+IF('Standard Profiles'!$G$21=$B$17,14,0)+IF('Standard Profiles'!$G$21=$B$24,21,0),0)),0)</f>
        <v>3.8499358072681158</v>
      </c>
      <c r="H2683" cm="1">
        <f t="array" ref="H2683">IFERROR(INDEX(Jesper!AL$2:AL$366,ROUNDDOWN($C2683/24,0)+1,1)*INDEX($D$3:$AA$30,INDEX(Jesper!$R$2:$R$366,ROW(INDEX(Jesper!AL$2:AL$366,ROUNDDOWN($C2683/24,0)+1,1))-1)+IF('Standard Profiles'!$G$22=$B$10,7,0)+IF('Standard Profiles'!$G$22=$B$17,14,0)+IF('Standard Profiles'!$G$22=$B$24,21,0),MOD($C2683,24)+1)/SUM(INDEX($D$3:$AA$30,INDEX(Jesper!$R$2:$R$366,ROW(INDEX(Jesper!AL$2:AL$366,ROUNDDOWN($C2683/24,0)+1,1))-1)+IF('Standard Profiles'!$G$22=$B$10,7,0)+IF('Standard Profiles'!$G$22=$B$17,14,0)+IF('Standard Profiles'!$G$22=$B$24,21,0),0)),0)</f>
        <v>0</v>
      </c>
      <c r="I2683">
        <f t="shared" si="307"/>
        <v>1.8479691874886948</v>
      </c>
      <c r="J2683">
        <f t="shared" si="308"/>
        <v>47.890718082546158</v>
      </c>
      <c r="K2683">
        <f t="shared" si="309"/>
        <v>3.2847022249545694</v>
      </c>
      <c r="L2683">
        <f t="shared" si="310"/>
        <v>1.6423511124772847</v>
      </c>
      <c r="M2683">
        <f t="shared" si="311"/>
        <v>0</v>
      </c>
      <c r="N2683" s="45">
        <f t="shared" si="312"/>
        <v>45037.374999993575</v>
      </c>
    </row>
    <row r="2684" spans="2:14" x14ac:dyDescent="0.25">
      <c r="B2684">
        <f t="shared" si="306"/>
        <v>5</v>
      </c>
      <c r="C2684" s="16">
        <v>2650</v>
      </c>
      <c r="D2684" cm="1">
        <f t="array" ref="D2684">IFERROR(INDEX(Jesper!AH$2:AH$366,ROUNDDOWN($C2684/24,0)+1,1)*INDEX($D$3:$AA$30,INDEX(Jesper!$R$2:$R$366,ROW(INDEX(Jesper!AH$2:AH$366,ROUNDDOWN($C2684/24,0)+1,1))-1)+IF('Standard Profiles'!$G$18=$B$10,7,0)+IF('Standard Profiles'!$G$18=$B$17,14,0)+IF('Standard Profiles'!$G$18=$B$24,21,0),MOD($C2684,24)+1)/SUM(INDEX($D$3:$AA$30,INDEX(Jesper!$R$2:$R$366,ROW(INDEX(Jesper!AH$2:AH$366,ROUNDDOWN($C2684/24,0)+1,1))-1)+IF('Standard Profiles'!$G$18=$B$10,7,0)+IF('Standard Profiles'!$G$18=$B$17,14,0)+IF('Standard Profiles'!$G$18=$B$24,21,0),0)),0)</f>
        <v>30.794083358949084</v>
      </c>
      <c r="E2684" cm="1">
        <f t="array" ref="E2684">IFERROR(INDEX(Jesper!AI$2:AI$366,ROUNDDOWN($C2684/24,0)+1,1)*INDEX($D$3:$AA$30,INDEX(Jesper!$R$2:$R$366,ROW(INDEX(Jesper!AI$2:AI$366,ROUNDDOWN($C2684/24,0)+1,1))-1)+IF('Standard Profiles'!$G$19=$B$10,7,0)+IF('Standard Profiles'!$G$19=$B$17,14,0)+IF('Standard Profiles'!$G$19=$B$24,21,0),MOD($C2684,24)+1)/SUM(INDEX($D$3:$AA$30,INDEX(Jesper!$R$2:$R$366,ROW(INDEX(Jesper!AI$2:AI$366,ROUNDDOWN($C2684/24,0)+1,1))-1)+IF('Standard Profiles'!$G$19=$B$10,7,0)+IF('Standard Profiles'!$G$19=$B$17,14,0)+IF('Standard Profiles'!$G$19=$B$24,21,0),0)),0)</f>
        <v>20.0217214412495</v>
      </c>
      <c r="F2684" cm="1">
        <f t="array" ref="F2684">IFERROR(INDEX(Jesper!AJ$2:AJ$366,ROUNDDOWN($C2684/24,0)+1,1)*INDEX($D$3:$AA$30,INDEX(Jesper!$R$2:$R$366,ROW(INDEX(Jesper!AJ$2:AJ$366,ROUNDDOWN($C2684/24,0)+1,1))-1)+IF('Standard Profiles'!$G$20=$B$10,7,0)+IF('Standard Profiles'!$G$20=$B$17,14,0)+IF('Standard Profiles'!$G$20=$B$24,21,0),MOD($C2684,24)+1)/SUM(INDEX($D$3:$AA$30,INDEX(Jesper!$R$2:$R$366,ROW(INDEX(Jesper!AJ$2:AJ$366,ROUNDDOWN($C2684/24,0)+1,1))-1)+IF('Standard Profiles'!$G$20=$B$10,7,0)+IF('Standard Profiles'!$G$20=$B$17,14,0)+IF('Standard Profiles'!$G$20=$B$24,21,0),0)),0)</f>
        <v>0</v>
      </c>
      <c r="G2684" cm="1">
        <f t="array" ref="G2684">IFERROR(INDEX(Jesper!AK$2:AK$366,ROUNDDOWN($C2684/24,0)+1,1)*INDEX($D$3:$AA$30,INDEX(Jesper!$R$2:$R$366,ROW(INDEX(Jesper!AK$2:AK$366,ROUNDDOWN($C2684/24,0)+1,1))-1)+IF('Standard Profiles'!$G$21=$B$10,7,0)+IF('Standard Profiles'!$G$21=$B$17,14,0)+IF('Standard Profiles'!$G$21=$B$24,21,0),MOD($C2684,24)+1)/SUM(INDEX($D$3:$AA$30,INDEX(Jesper!$R$2:$R$366,ROW(INDEX(Jesper!AK$2:AK$366,ROUNDDOWN($C2684/24,0)+1,1))-1)+IF('Standard Profiles'!$G$21=$B$10,7,0)+IF('Standard Profiles'!$G$21=$B$17,14,0)+IF('Standard Profiles'!$G$21=$B$24,21,0),0)),0)</f>
        <v>3.8499358072681158</v>
      </c>
      <c r="H2684" cm="1">
        <f t="array" ref="H2684">IFERROR(INDEX(Jesper!AL$2:AL$366,ROUNDDOWN($C2684/24,0)+1,1)*INDEX($D$3:$AA$30,INDEX(Jesper!$R$2:$R$366,ROW(INDEX(Jesper!AL$2:AL$366,ROUNDDOWN($C2684/24,0)+1,1))-1)+IF('Standard Profiles'!$G$22=$B$10,7,0)+IF('Standard Profiles'!$G$22=$B$17,14,0)+IF('Standard Profiles'!$G$22=$B$24,21,0),MOD($C2684,24)+1)/SUM(INDEX($D$3:$AA$30,INDEX(Jesper!$R$2:$R$366,ROW(INDEX(Jesper!AL$2:AL$366,ROUNDDOWN($C2684/24,0)+1,1))-1)+IF('Standard Profiles'!$G$22=$B$10,7,0)+IF('Standard Profiles'!$G$22=$B$17,14,0)+IF('Standard Profiles'!$G$22=$B$24,21,0),0)),0)</f>
        <v>0</v>
      </c>
      <c r="I2684">
        <f t="shared" si="307"/>
        <v>1.8479691874886948</v>
      </c>
      <c r="J2684">
        <f t="shared" si="308"/>
        <v>47.890718082546158</v>
      </c>
      <c r="K2684">
        <f t="shared" si="309"/>
        <v>3.2847022249545694</v>
      </c>
      <c r="L2684">
        <f t="shared" si="310"/>
        <v>1.6423511124772847</v>
      </c>
      <c r="M2684">
        <f t="shared" si="311"/>
        <v>0</v>
      </c>
      <c r="N2684" s="45">
        <f t="shared" si="312"/>
        <v>45037.41666666024</v>
      </c>
    </row>
    <row r="2685" spans="2:14" x14ac:dyDescent="0.25">
      <c r="B2685">
        <f t="shared" si="306"/>
        <v>5</v>
      </c>
      <c r="C2685" s="16">
        <v>2651</v>
      </c>
      <c r="D2685" cm="1">
        <f t="array" ref="D2685">IFERROR(INDEX(Jesper!AH$2:AH$366,ROUNDDOWN($C2685/24,0)+1,1)*INDEX($D$3:$AA$30,INDEX(Jesper!$R$2:$R$366,ROW(INDEX(Jesper!AH$2:AH$366,ROUNDDOWN($C2685/24,0)+1,1))-1)+IF('Standard Profiles'!$G$18=$B$10,7,0)+IF('Standard Profiles'!$G$18=$B$17,14,0)+IF('Standard Profiles'!$G$18=$B$24,21,0),MOD($C2685,24)+1)/SUM(INDEX($D$3:$AA$30,INDEX(Jesper!$R$2:$R$366,ROW(INDEX(Jesper!AH$2:AH$366,ROUNDDOWN($C2685/24,0)+1,1))-1)+IF('Standard Profiles'!$G$18=$B$10,7,0)+IF('Standard Profiles'!$G$18=$B$17,14,0)+IF('Standard Profiles'!$G$18=$B$24,21,0),0)),0)</f>
        <v>36.393007606030736</v>
      </c>
      <c r="E2685" cm="1">
        <f t="array" ref="E2685">IFERROR(INDEX(Jesper!AI$2:AI$366,ROUNDDOWN($C2685/24,0)+1,1)*INDEX($D$3:$AA$30,INDEX(Jesper!$R$2:$R$366,ROW(INDEX(Jesper!AI$2:AI$366,ROUNDDOWN($C2685/24,0)+1,1))-1)+IF('Standard Profiles'!$G$19=$B$10,7,0)+IF('Standard Profiles'!$G$19=$B$17,14,0)+IF('Standard Profiles'!$G$19=$B$24,21,0),MOD($C2685,24)+1)/SUM(INDEX($D$3:$AA$30,INDEX(Jesper!$R$2:$R$366,ROW(INDEX(Jesper!AI$2:AI$366,ROUNDDOWN($C2685/24,0)+1,1))-1)+IF('Standard Profiles'!$G$19=$B$10,7,0)+IF('Standard Profiles'!$G$19=$B$17,14,0)+IF('Standard Profiles'!$G$19=$B$24,21,0),0)),0)</f>
        <v>23.662034430567594</v>
      </c>
      <c r="F2685" cm="1">
        <f t="array" ref="F2685">IFERROR(INDEX(Jesper!AJ$2:AJ$366,ROUNDDOWN($C2685/24,0)+1,1)*INDEX($D$3:$AA$30,INDEX(Jesper!$R$2:$R$366,ROW(INDEX(Jesper!AJ$2:AJ$366,ROUNDDOWN($C2685/24,0)+1,1))-1)+IF('Standard Profiles'!$G$20=$B$10,7,0)+IF('Standard Profiles'!$G$20=$B$17,14,0)+IF('Standard Profiles'!$G$20=$B$24,21,0),MOD($C2685,24)+1)/SUM(INDEX($D$3:$AA$30,INDEX(Jesper!$R$2:$R$366,ROW(INDEX(Jesper!AJ$2:AJ$366,ROUNDDOWN($C2685/24,0)+1,1))-1)+IF('Standard Profiles'!$G$20=$B$10,7,0)+IF('Standard Profiles'!$G$20=$B$17,14,0)+IF('Standard Profiles'!$G$20=$B$24,21,0),0)),0)</f>
        <v>0</v>
      </c>
      <c r="G2685" cm="1">
        <f t="array" ref="G2685">IFERROR(INDEX(Jesper!AK$2:AK$366,ROUNDDOWN($C2685/24,0)+1,1)*INDEX($D$3:$AA$30,INDEX(Jesper!$R$2:$R$366,ROW(INDEX(Jesper!AK$2:AK$366,ROUNDDOWN($C2685/24,0)+1,1))-1)+IF('Standard Profiles'!$G$21=$B$10,7,0)+IF('Standard Profiles'!$G$21=$B$17,14,0)+IF('Standard Profiles'!$G$21=$B$24,21,0),MOD($C2685,24)+1)/SUM(INDEX($D$3:$AA$30,INDEX(Jesper!$R$2:$R$366,ROW(INDEX(Jesper!AK$2:AK$366,ROUNDDOWN($C2685/24,0)+1,1))-1)+IF('Standard Profiles'!$G$21=$B$10,7,0)+IF('Standard Profiles'!$G$21=$B$17,14,0)+IF('Standard Profiles'!$G$21=$B$24,21,0),0)),0)</f>
        <v>4.5499241358623186</v>
      </c>
      <c r="H2685" cm="1">
        <f t="array" ref="H2685">IFERROR(INDEX(Jesper!AL$2:AL$366,ROUNDDOWN($C2685/24,0)+1,1)*INDEX($D$3:$AA$30,INDEX(Jesper!$R$2:$R$366,ROW(INDEX(Jesper!AL$2:AL$366,ROUNDDOWN($C2685/24,0)+1,1))-1)+IF('Standard Profiles'!$G$22=$B$10,7,0)+IF('Standard Profiles'!$G$22=$B$17,14,0)+IF('Standard Profiles'!$G$22=$B$24,21,0),MOD($C2685,24)+1)/SUM(INDEX($D$3:$AA$30,INDEX(Jesper!$R$2:$R$366,ROW(INDEX(Jesper!AL$2:AL$366,ROUNDDOWN($C2685/24,0)+1,1))-1)+IF('Standard Profiles'!$G$22=$B$10,7,0)+IF('Standard Profiles'!$G$22=$B$17,14,0)+IF('Standard Profiles'!$G$22=$B$24,21,0),0)),0)</f>
        <v>0</v>
      </c>
      <c r="I2685">
        <f t="shared" si="307"/>
        <v>2.1839635852139119</v>
      </c>
      <c r="J2685">
        <f t="shared" si="308"/>
        <v>56.598121370281817</v>
      </c>
      <c r="K2685">
        <f t="shared" si="309"/>
        <v>3.8819208113099455</v>
      </c>
      <c r="L2685">
        <f t="shared" si="310"/>
        <v>1.9409604056549727</v>
      </c>
      <c r="M2685">
        <f t="shared" si="311"/>
        <v>0</v>
      </c>
      <c r="N2685" s="45">
        <f t="shared" si="312"/>
        <v>45037.458333326904</v>
      </c>
    </row>
    <row r="2686" spans="2:14" x14ac:dyDescent="0.25">
      <c r="B2686">
        <f t="shared" si="306"/>
        <v>5</v>
      </c>
      <c r="C2686" s="16">
        <v>2652</v>
      </c>
      <c r="D2686" cm="1">
        <f t="array" ref="D2686">IFERROR(INDEX(Jesper!AH$2:AH$366,ROUNDDOWN($C2686/24,0)+1,1)*INDEX($D$3:$AA$30,INDEX(Jesper!$R$2:$R$366,ROW(INDEX(Jesper!AH$2:AH$366,ROUNDDOWN($C2686/24,0)+1,1))-1)+IF('Standard Profiles'!$G$18=$B$10,7,0)+IF('Standard Profiles'!$G$18=$B$17,14,0)+IF('Standard Profiles'!$G$18=$B$24,21,0),MOD($C2686,24)+1)/SUM(INDEX($D$3:$AA$30,INDEX(Jesper!$R$2:$R$366,ROW(INDEX(Jesper!AH$2:AH$366,ROUNDDOWN($C2686/24,0)+1,1))-1)+IF('Standard Profiles'!$G$18=$B$10,7,0)+IF('Standard Profiles'!$G$18=$B$17,14,0)+IF('Standard Profiles'!$G$18=$B$24,21,0),0)),0)</f>
        <v>36.393007606030736</v>
      </c>
      <c r="E2686" cm="1">
        <f t="array" ref="E2686">IFERROR(INDEX(Jesper!AI$2:AI$366,ROUNDDOWN($C2686/24,0)+1,1)*INDEX($D$3:$AA$30,INDEX(Jesper!$R$2:$R$366,ROW(INDEX(Jesper!AI$2:AI$366,ROUNDDOWN($C2686/24,0)+1,1))-1)+IF('Standard Profiles'!$G$19=$B$10,7,0)+IF('Standard Profiles'!$G$19=$B$17,14,0)+IF('Standard Profiles'!$G$19=$B$24,21,0),MOD($C2686,24)+1)/SUM(INDEX($D$3:$AA$30,INDEX(Jesper!$R$2:$R$366,ROW(INDEX(Jesper!AI$2:AI$366,ROUNDDOWN($C2686/24,0)+1,1))-1)+IF('Standard Profiles'!$G$19=$B$10,7,0)+IF('Standard Profiles'!$G$19=$B$17,14,0)+IF('Standard Profiles'!$G$19=$B$24,21,0),0)),0)</f>
        <v>23.662034430567594</v>
      </c>
      <c r="F2686" cm="1">
        <f t="array" ref="F2686">IFERROR(INDEX(Jesper!AJ$2:AJ$366,ROUNDDOWN($C2686/24,0)+1,1)*INDEX($D$3:$AA$30,INDEX(Jesper!$R$2:$R$366,ROW(INDEX(Jesper!AJ$2:AJ$366,ROUNDDOWN($C2686/24,0)+1,1))-1)+IF('Standard Profiles'!$G$20=$B$10,7,0)+IF('Standard Profiles'!$G$20=$B$17,14,0)+IF('Standard Profiles'!$G$20=$B$24,21,0),MOD($C2686,24)+1)/SUM(INDEX($D$3:$AA$30,INDEX(Jesper!$R$2:$R$366,ROW(INDEX(Jesper!AJ$2:AJ$366,ROUNDDOWN($C2686/24,0)+1,1))-1)+IF('Standard Profiles'!$G$20=$B$10,7,0)+IF('Standard Profiles'!$G$20=$B$17,14,0)+IF('Standard Profiles'!$G$20=$B$24,21,0),0)),0)</f>
        <v>0</v>
      </c>
      <c r="G2686" cm="1">
        <f t="array" ref="G2686">IFERROR(INDEX(Jesper!AK$2:AK$366,ROUNDDOWN($C2686/24,0)+1,1)*INDEX($D$3:$AA$30,INDEX(Jesper!$R$2:$R$366,ROW(INDEX(Jesper!AK$2:AK$366,ROUNDDOWN($C2686/24,0)+1,1))-1)+IF('Standard Profiles'!$G$21=$B$10,7,0)+IF('Standard Profiles'!$G$21=$B$17,14,0)+IF('Standard Profiles'!$G$21=$B$24,21,0),MOD($C2686,24)+1)/SUM(INDEX($D$3:$AA$30,INDEX(Jesper!$R$2:$R$366,ROW(INDEX(Jesper!AK$2:AK$366,ROUNDDOWN($C2686/24,0)+1,1))-1)+IF('Standard Profiles'!$G$21=$B$10,7,0)+IF('Standard Profiles'!$G$21=$B$17,14,0)+IF('Standard Profiles'!$G$21=$B$24,21,0),0)),0)</f>
        <v>4.5499241358623186</v>
      </c>
      <c r="H2686" cm="1">
        <f t="array" ref="H2686">IFERROR(INDEX(Jesper!AL$2:AL$366,ROUNDDOWN($C2686/24,0)+1,1)*INDEX($D$3:$AA$30,INDEX(Jesper!$R$2:$R$366,ROW(INDEX(Jesper!AL$2:AL$366,ROUNDDOWN($C2686/24,0)+1,1))-1)+IF('Standard Profiles'!$G$22=$B$10,7,0)+IF('Standard Profiles'!$G$22=$B$17,14,0)+IF('Standard Profiles'!$G$22=$B$24,21,0),MOD($C2686,24)+1)/SUM(INDEX($D$3:$AA$30,INDEX(Jesper!$R$2:$R$366,ROW(INDEX(Jesper!AL$2:AL$366,ROUNDDOWN($C2686/24,0)+1,1))-1)+IF('Standard Profiles'!$G$22=$B$10,7,0)+IF('Standard Profiles'!$G$22=$B$17,14,0)+IF('Standard Profiles'!$G$22=$B$24,21,0),0)),0)</f>
        <v>0</v>
      </c>
      <c r="I2686">
        <f t="shared" si="307"/>
        <v>2.1839635852139119</v>
      </c>
      <c r="J2686">
        <f t="shared" si="308"/>
        <v>56.598121370281817</v>
      </c>
      <c r="K2686">
        <f t="shared" si="309"/>
        <v>3.8819208113099455</v>
      </c>
      <c r="L2686">
        <f t="shared" si="310"/>
        <v>1.9409604056549727</v>
      </c>
      <c r="M2686">
        <f t="shared" si="311"/>
        <v>0</v>
      </c>
      <c r="N2686" s="45">
        <f t="shared" si="312"/>
        <v>45037.499999993568</v>
      </c>
    </row>
    <row r="2687" spans="2:14" x14ac:dyDescent="0.25">
      <c r="B2687">
        <f t="shared" si="306"/>
        <v>5</v>
      </c>
      <c r="C2687" s="16">
        <v>2653</v>
      </c>
      <c r="D2687" cm="1">
        <f t="array" ref="D2687">IFERROR(INDEX(Jesper!AH$2:AH$366,ROUNDDOWN($C2687/24,0)+1,1)*INDEX($D$3:$AA$30,INDEX(Jesper!$R$2:$R$366,ROW(INDEX(Jesper!AH$2:AH$366,ROUNDDOWN($C2687/24,0)+1,1))-1)+IF('Standard Profiles'!$G$18=$B$10,7,0)+IF('Standard Profiles'!$G$18=$B$17,14,0)+IF('Standard Profiles'!$G$18=$B$24,21,0),MOD($C2687,24)+1)/SUM(INDEX($D$3:$AA$30,INDEX(Jesper!$R$2:$R$366,ROW(INDEX(Jesper!AH$2:AH$366,ROUNDDOWN($C2687/24,0)+1,1))-1)+IF('Standard Profiles'!$G$18=$B$10,7,0)+IF('Standard Profiles'!$G$18=$B$17,14,0)+IF('Standard Profiles'!$G$18=$B$24,21,0),0)),0)</f>
        <v>25.195159111867433</v>
      </c>
      <c r="E2687" cm="1">
        <f t="array" ref="E2687">IFERROR(INDEX(Jesper!AI$2:AI$366,ROUNDDOWN($C2687/24,0)+1,1)*INDEX($D$3:$AA$30,INDEX(Jesper!$R$2:$R$366,ROW(INDEX(Jesper!AI$2:AI$366,ROUNDDOWN($C2687/24,0)+1,1))-1)+IF('Standard Profiles'!$G$19=$B$10,7,0)+IF('Standard Profiles'!$G$19=$B$17,14,0)+IF('Standard Profiles'!$G$19=$B$24,21,0),MOD($C2687,24)+1)/SUM(INDEX($D$3:$AA$30,INDEX(Jesper!$R$2:$R$366,ROW(INDEX(Jesper!AI$2:AI$366,ROUNDDOWN($C2687/24,0)+1,1))-1)+IF('Standard Profiles'!$G$19=$B$10,7,0)+IF('Standard Profiles'!$G$19=$B$17,14,0)+IF('Standard Profiles'!$G$19=$B$24,21,0),0)),0)</f>
        <v>16.38140845193141</v>
      </c>
      <c r="F2687" cm="1">
        <f t="array" ref="F2687">IFERROR(INDEX(Jesper!AJ$2:AJ$366,ROUNDDOWN($C2687/24,0)+1,1)*INDEX($D$3:$AA$30,INDEX(Jesper!$R$2:$R$366,ROW(INDEX(Jesper!AJ$2:AJ$366,ROUNDDOWN($C2687/24,0)+1,1))-1)+IF('Standard Profiles'!$G$20=$B$10,7,0)+IF('Standard Profiles'!$G$20=$B$17,14,0)+IF('Standard Profiles'!$G$20=$B$24,21,0),MOD($C2687,24)+1)/SUM(INDEX($D$3:$AA$30,INDEX(Jesper!$R$2:$R$366,ROW(INDEX(Jesper!AJ$2:AJ$366,ROUNDDOWN($C2687/24,0)+1,1))-1)+IF('Standard Profiles'!$G$20=$B$10,7,0)+IF('Standard Profiles'!$G$20=$B$17,14,0)+IF('Standard Profiles'!$G$20=$B$24,21,0),0)),0)</f>
        <v>0</v>
      </c>
      <c r="G2687" cm="1">
        <f t="array" ref="G2687">IFERROR(INDEX(Jesper!AK$2:AK$366,ROUNDDOWN($C2687/24,0)+1,1)*INDEX($D$3:$AA$30,INDEX(Jesper!$R$2:$R$366,ROW(INDEX(Jesper!AK$2:AK$366,ROUNDDOWN($C2687/24,0)+1,1))-1)+IF('Standard Profiles'!$G$21=$B$10,7,0)+IF('Standard Profiles'!$G$21=$B$17,14,0)+IF('Standard Profiles'!$G$21=$B$24,21,0),MOD($C2687,24)+1)/SUM(INDEX($D$3:$AA$30,INDEX(Jesper!$R$2:$R$366,ROW(INDEX(Jesper!AK$2:AK$366,ROUNDDOWN($C2687/24,0)+1,1))-1)+IF('Standard Profiles'!$G$21=$B$10,7,0)+IF('Standard Profiles'!$G$21=$B$17,14,0)+IF('Standard Profiles'!$G$21=$B$24,21,0),0)),0)</f>
        <v>3.149947478673913</v>
      </c>
      <c r="H2687" cm="1">
        <f t="array" ref="H2687">IFERROR(INDEX(Jesper!AL$2:AL$366,ROUNDDOWN($C2687/24,0)+1,1)*INDEX($D$3:$AA$30,INDEX(Jesper!$R$2:$R$366,ROW(INDEX(Jesper!AL$2:AL$366,ROUNDDOWN($C2687/24,0)+1,1))-1)+IF('Standard Profiles'!$G$22=$B$10,7,0)+IF('Standard Profiles'!$G$22=$B$17,14,0)+IF('Standard Profiles'!$G$22=$B$24,21,0),MOD($C2687,24)+1)/SUM(INDEX($D$3:$AA$30,INDEX(Jesper!$R$2:$R$366,ROW(INDEX(Jesper!AL$2:AL$366,ROUNDDOWN($C2687/24,0)+1,1))-1)+IF('Standard Profiles'!$G$22=$B$10,7,0)+IF('Standard Profiles'!$G$22=$B$17,14,0)+IF('Standard Profiles'!$G$22=$B$24,21,0),0)),0)</f>
        <v>0</v>
      </c>
      <c r="I2687">
        <f t="shared" si="307"/>
        <v>1.5119747897634774</v>
      </c>
      <c r="J2687">
        <f t="shared" si="308"/>
        <v>39.183314794810485</v>
      </c>
      <c r="K2687">
        <f t="shared" si="309"/>
        <v>2.6874836385991929</v>
      </c>
      <c r="L2687">
        <f t="shared" si="310"/>
        <v>1.3437418192995965</v>
      </c>
      <c r="M2687">
        <f t="shared" si="311"/>
        <v>0</v>
      </c>
      <c r="N2687" s="45">
        <f t="shared" si="312"/>
        <v>45037.541666660232</v>
      </c>
    </row>
    <row r="2688" spans="2:14" x14ac:dyDescent="0.25">
      <c r="B2688">
        <f t="shared" si="306"/>
        <v>5</v>
      </c>
      <c r="C2688" s="16">
        <v>2654</v>
      </c>
      <c r="D2688" cm="1">
        <f t="array" ref="D2688">IFERROR(INDEX(Jesper!AH$2:AH$366,ROUNDDOWN($C2688/24,0)+1,1)*INDEX($D$3:$AA$30,INDEX(Jesper!$R$2:$R$366,ROW(INDEX(Jesper!AH$2:AH$366,ROUNDDOWN($C2688/24,0)+1,1))-1)+IF('Standard Profiles'!$G$18=$B$10,7,0)+IF('Standard Profiles'!$G$18=$B$17,14,0)+IF('Standard Profiles'!$G$18=$B$24,21,0),MOD($C2688,24)+1)/SUM(INDEX($D$3:$AA$30,INDEX(Jesper!$R$2:$R$366,ROW(INDEX(Jesper!AH$2:AH$366,ROUNDDOWN($C2688/24,0)+1,1))-1)+IF('Standard Profiles'!$G$18=$B$10,7,0)+IF('Standard Profiles'!$G$18=$B$17,14,0)+IF('Standard Profiles'!$G$18=$B$24,21,0),0)),0)</f>
        <v>36.393007606030736</v>
      </c>
      <c r="E2688" cm="1">
        <f t="array" ref="E2688">IFERROR(INDEX(Jesper!AI$2:AI$366,ROUNDDOWN($C2688/24,0)+1,1)*INDEX($D$3:$AA$30,INDEX(Jesper!$R$2:$R$366,ROW(INDEX(Jesper!AI$2:AI$366,ROUNDDOWN($C2688/24,0)+1,1))-1)+IF('Standard Profiles'!$G$19=$B$10,7,0)+IF('Standard Profiles'!$G$19=$B$17,14,0)+IF('Standard Profiles'!$G$19=$B$24,21,0),MOD($C2688,24)+1)/SUM(INDEX($D$3:$AA$30,INDEX(Jesper!$R$2:$R$366,ROW(INDEX(Jesper!AI$2:AI$366,ROUNDDOWN($C2688/24,0)+1,1))-1)+IF('Standard Profiles'!$G$19=$B$10,7,0)+IF('Standard Profiles'!$G$19=$B$17,14,0)+IF('Standard Profiles'!$G$19=$B$24,21,0),0)),0)</f>
        <v>23.662034430567594</v>
      </c>
      <c r="F2688" cm="1">
        <f t="array" ref="F2688">IFERROR(INDEX(Jesper!AJ$2:AJ$366,ROUNDDOWN($C2688/24,0)+1,1)*INDEX($D$3:$AA$30,INDEX(Jesper!$R$2:$R$366,ROW(INDEX(Jesper!AJ$2:AJ$366,ROUNDDOWN($C2688/24,0)+1,1))-1)+IF('Standard Profiles'!$G$20=$B$10,7,0)+IF('Standard Profiles'!$G$20=$B$17,14,0)+IF('Standard Profiles'!$G$20=$B$24,21,0),MOD($C2688,24)+1)/SUM(INDEX($D$3:$AA$30,INDEX(Jesper!$R$2:$R$366,ROW(INDEX(Jesper!AJ$2:AJ$366,ROUNDDOWN($C2688/24,0)+1,1))-1)+IF('Standard Profiles'!$G$20=$B$10,7,0)+IF('Standard Profiles'!$G$20=$B$17,14,0)+IF('Standard Profiles'!$G$20=$B$24,21,0),0)),0)</f>
        <v>0</v>
      </c>
      <c r="G2688" cm="1">
        <f t="array" ref="G2688">IFERROR(INDEX(Jesper!AK$2:AK$366,ROUNDDOWN($C2688/24,0)+1,1)*INDEX($D$3:$AA$30,INDEX(Jesper!$R$2:$R$366,ROW(INDEX(Jesper!AK$2:AK$366,ROUNDDOWN($C2688/24,0)+1,1))-1)+IF('Standard Profiles'!$G$21=$B$10,7,0)+IF('Standard Profiles'!$G$21=$B$17,14,0)+IF('Standard Profiles'!$G$21=$B$24,21,0),MOD($C2688,24)+1)/SUM(INDEX($D$3:$AA$30,INDEX(Jesper!$R$2:$R$366,ROW(INDEX(Jesper!AK$2:AK$366,ROUNDDOWN($C2688/24,0)+1,1))-1)+IF('Standard Profiles'!$G$21=$B$10,7,0)+IF('Standard Profiles'!$G$21=$B$17,14,0)+IF('Standard Profiles'!$G$21=$B$24,21,0),0)),0)</f>
        <v>4.5499241358623186</v>
      </c>
      <c r="H2688" cm="1">
        <f t="array" ref="H2688">IFERROR(INDEX(Jesper!AL$2:AL$366,ROUNDDOWN($C2688/24,0)+1,1)*INDEX($D$3:$AA$30,INDEX(Jesper!$R$2:$R$366,ROW(INDEX(Jesper!AL$2:AL$366,ROUNDDOWN($C2688/24,0)+1,1))-1)+IF('Standard Profiles'!$G$22=$B$10,7,0)+IF('Standard Profiles'!$G$22=$B$17,14,0)+IF('Standard Profiles'!$G$22=$B$24,21,0),MOD($C2688,24)+1)/SUM(INDEX($D$3:$AA$30,INDEX(Jesper!$R$2:$R$366,ROW(INDEX(Jesper!AL$2:AL$366,ROUNDDOWN($C2688/24,0)+1,1))-1)+IF('Standard Profiles'!$G$22=$B$10,7,0)+IF('Standard Profiles'!$G$22=$B$17,14,0)+IF('Standard Profiles'!$G$22=$B$24,21,0),0)),0)</f>
        <v>0</v>
      </c>
      <c r="I2688">
        <f t="shared" si="307"/>
        <v>2.1839635852139119</v>
      </c>
      <c r="J2688">
        <f t="shared" si="308"/>
        <v>56.598121370281817</v>
      </c>
      <c r="K2688">
        <f t="shared" si="309"/>
        <v>3.8819208113099455</v>
      </c>
      <c r="L2688">
        <f t="shared" si="310"/>
        <v>1.9409604056549727</v>
      </c>
      <c r="M2688">
        <f t="shared" si="311"/>
        <v>0</v>
      </c>
      <c r="N2688" s="45">
        <f t="shared" si="312"/>
        <v>45037.583333326897</v>
      </c>
    </row>
    <row r="2689" spans="2:14" x14ac:dyDescent="0.25">
      <c r="B2689">
        <f t="shared" si="306"/>
        <v>5</v>
      </c>
      <c r="C2689" s="16">
        <v>2655</v>
      </c>
      <c r="D2689" cm="1">
        <f t="array" ref="D2689">IFERROR(INDEX(Jesper!AH$2:AH$366,ROUNDDOWN($C2689/24,0)+1,1)*INDEX($D$3:$AA$30,INDEX(Jesper!$R$2:$R$366,ROW(INDEX(Jesper!AH$2:AH$366,ROUNDDOWN($C2689/24,0)+1,1))-1)+IF('Standard Profiles'!$G$18=$B$10,7,0)+IF('Standard Profiles'!$G$18=$B$17,14,0)+IF('Standard Profiles'!$G$18=$B$24,21,0),MOD($C2689,24)+1)/SUM(INDEX($D$3:$AA$30,INDEX(Jesper!$R$2:$R$366,ROW(INDEX(Jesper!AH$2:AH$366,ROUNDDOWN($C2689/24,0)+1,1))-1)+IF('Standard Profiles'!$G$18=$B$10,7,0)+IF('Standard Profiles'!$G$18=$B$17,14,0)+IF('Standard Profiles'!$G$18=$B$24,21,0),0)),0)</f>
        <v>27.994621235408257</v>
      </c>
      <c r="E2689" cm="1">
        <f t="array" ref="E2689">IFERROR(INDEX(Jesper!AI$2:AI$366,ROUNDDOWN($C2689/24,0)+1,1)*INDEX($D$3:$AA$30,INDEX(Jesper!$R$2:$R$366,ROW(INDEX(Jesper!AI$2:AI$366,ROUNDDOWN($C2689/24,0)+1,1))-1)+IF('Standard Profiles'!$G$19=$B$10,7,0)+IF('Standard Profiles'!$G$19=$B$17,14,0)+IF('Standard Profiles'!$G$19=$B$24,21,0),MOD($C2689,24)+1)/SUM(INDEX($D$3:$AA$30,INDEX(Jesper!$R$2:$R$366,ROW(INDEX(Jesper!AI$2:AI$366,ROUNDDOWN($C2689/24,0)+1,1))-1)+IF('Standard Profiles'!$G$19=$B$10,7,0)+IF('Standard Profiles'!$G$19=$B$17,14,0)+IF('Standard Profiles'!$G$19=$B$24,21,0),0)),0)</f>
        <v>18.201564946590455</v>
      </c>
      <c r="F2689" cm="1">
        <f t="array" ref="F2689">IFERROR(INDEX(Jesper!AJ$2:AJ$366,ROUNDDOWN($C2689/24,0)+1,1)*INDEX($D$3:$AA$30,INDEX(Jesper!$R$2:$R$366,ROW(INDEX(Jesper!AJ$2:AJ$366,ROUNDDOWN($C2689/24,0)+1,1))-1)+IF('Standard Profiles'!$G$20=$B$10,7,0)+IF('Standard Profiles'!$G$20=$B$17,14,0)+IF('Standard Profiles'!$G$20=$B$24,21,0),MOD($C2689,24)+1)/SUM(INDEX($D$3:$AA$30,INDEX(Jesper!$R$2:$R$366,ROW(INDEX(Jesper!AJ$2:AJ$366,ROUNDDOWN($C2689/24,0)+1,1))-1)+IF('Standard Profiles'!$G$20=$B$10,7,0)+IF('Standard Profiles'!$G$20=$B$17,14,0)+IF('Standard Profiles'!$G$20=$B$24,21,0),0)),0)</f>
        <v>0</v>
      </c>
      <c r="G2689" cm="1">
        <f t="array" ref="G2689">IFERROR(INDEX(Jesper!AK$2:AK$366,ROUNDDOWN($C2689/24,0)+1,1)*INDEX($D$3:$AA$30,INDEX(Jesper!$R$2:$R$366,ROW(INDEX(Jesper!AK$2:AK$366,ROUNDDOWN($C2689/24,0)+1,1))-1)+IF('Standard Profiles'!$G$21=$B$10,7,0)+IF('Standard Profiles'!$G$21=$B$17,14,0)+IF('Standard Profiles'!$G$21=$B$24,21,0),MOD($C2689,24)+1)/SUM(INDEX($D$3:$AA$30,INDEX(Jesper!$R$2:$R$366,ROW(INDEX(Jesper!AK$2:AK$366,ROUNDDOWN($C2689/24,0)+1,1))-1)+IF('Standard Profiles'!$G$21=$B$10,7,0)+IF('Standard Profiles'!$G$21=$B$17,14,0)+IF('Standard Profiles'!$G$21=$B$24,21,0),0)),0)</f>
        <v>3.8499358072681158</v>
      </c>
      <c r="H2689" cm="1">
        <f t="array" ref="H2689">IFERROR(INDEX(Jesper!AL$2:AL$366,ROUNDDOWN($C2689/24,0)+1,1)*INDEX($D$3:$AA$30,INDEX(Jesper!$R$2:$R$366,ROW(INDEX(Jesper!AL$2:AL$366,ROUNDDOWN($C2689/24,0)+1,1))-1)+IF('Standard Profiles'!$G$22=$B$10,7,0)+IF('Standard Profiles'!$G$22=$B$17,14,0)+IF('Standard Profiles'!$G$22=$B$24,21,0),MOD($C2689,24)+1)/SUM(INDEX($D$3:$AA$30,INDEX(Jesper!$R$2:$R$366,ROW(INDEX(Jesper!AL$2:AL$366,ROUNDDOWN($C2689/24,0)+1,1))-1)+IF('Standard Profiles'!$G$22=$B$10,7,0)+IF('Standard Profiles'!$G$22=$B$17,14,0)+IF('Standard Profiles'!$G$22=$B$24,21,0),0)),0)</f>
        <v>0</v>
      </c>
      <c r="I2689">
        <f t="shared" si="307"/>
        <v>1.8479691874886948</v>
      </c>
      <c r="J2689">
        <f t="shared" si="308"/>
        <v>43.719013404112815</v>
      </c>
      <c r="K2689">
        <f t="shared" si="309"/>
        <v>2.9860929317768807</v>
      </c>
      <c r="L2689">
        <f t="shared" si="310"/>
        <v>1.4930464658884404</v>
      </c>
      <c r="M2689">
        <f t="shared" si="311"/>
        <v>0</v>
      </c>
      <c r="N2689" s="45">
        <f t="shared" si="312"/>
        <v>45037.624999993561</v>
      </c>
    </row>
    <row r="2690" spans="2:14" x14ac:dyDescent="0.25">
      <c r="B2690">
        <f t="shared" si="306"/>
        <v>5</v>
      </c>
      <c r="C2690" s="16">
        <v>2656</v>
      </c>
      <c r="D2690" cm="1">
        <f t="array" ref="D2690">IFERROR(INDEX(Jesper!AH$2:AH$366,ROUNDDOWN($C2690/24,0)+1,1)*INDEX($D$3:$AA$30,INDEX(Jesper!$R$2:$R$366,ROW(INDEX(Jesper!AH$2:AH$366,ROUNDDOWN($C2690/24,0)+1,1))-1)+IF('Standard Profiles'!$G$18=$B$10,7,0)+IF('Standard Profiles'!$G$18=$B$17,14,0)+IF('Standard Profiles'!$G$18=$B$24,21,0),MOD($C2690,24)+1)/SUM(INDEX($D$3:$AA$30,INDEX(Jesper!$R$2:$R$366,ROW(INDEX(Jesper!AH$2:AH$366,ROUNDDOWN($C2690/24,0)+1,1))-1)+IF('Standard Profiles'!$G$18=$B$10,7,0)+IF('Standard Profiles'!$G$18=$B$17,14,0)+IF('Standard Profiles'!$G$18=$B$24,21,0),0)),0)</f>
        <v>13.14301466451092</v>
      </c>
      <c r="E2690" cm="1">
        <f t="array" ref="E2690">IFERROR(INDEX(Jesper!AI$2:AI$366,ROUNDDOWN($C2690/24,0)+1,1)*INDEX($D$3:$AA$30,INDEX(Jesper!$R$2:$R$366,ROW(INDEX(Jesper!AI$2:AI$366,ROUNDDOWN($C2690/24,0)+1,1))-1)+IF('Standard Profiles'!$G$19=$B$10,7,0)+IF('Standard Profiles'!$G$19=$B$17,14,0)+IF('Standard Profiles'!$G$19=$B$24,21,0),MOD($C2690,24)+1)/SUM(INDEX($D$3:$AA$30,INDEX(Jesper!$R$2:$R$366,ROW(INDEX(Jesper!AI$2:AI$366,ROUNDDOWN($C2690/24,0)+1,1))-1)+IF('Standard Profiles'!$G$19=$B$10,7,0)+IF('Standard Profiles'!$G$19=$B$17,14,0)+IF('Standard Profiles'!$G$19=$B$24,21,0),0)),0)</f>
        <v>8.5453356556762703</v>
      </c>
      <c r="F2690" cm="1">
        <f t="array" ref="F2690">IFERROR(INDEX(Jesper!AJ$2:AJ$366,ROUNDDOWN($C2690/24,0)+1,1)*INDEX($D$3:$AA$30,INDEX(Jesper!$R$2:$R$366,ROW(INDEX(Jesper!AJ$2:AJ$366,ROUNDDOWN($C2690/24,0)+1,1))-1)+IF('Standard Profiles'!$G$20=$B$10,7,0)+IF('Standard Profiles'!$G$20=$B$17,14,0)+IF('Standard Profiles'!$G$20=$B$24,21,0),MOD($C2690,24)+1)/SUM(INDEX($D$3:$AA$30,INDEX(Jesper!$R$2:$R$366,ROW(INDEX(Jesper!AJ$2:AJ$366,ROUNDDOWN($C2690/24,0)+1,1))-1)+IF('Standard Profiles'!$G$20=$B$10,7,0)+IF('Standard Profiles'!$G$20=$B$17,14,0)+IF('Standard Profiles'!$G$20=$B$24,21,0),0)),0)</f>
        <v>0</v>
      </c>
      <c r="G2690" cm="1">
        <f t="array" ref="G2690">IFERROR(INDEX(Jesper!AK$2:AK$366,ROUNDDOWN($C2690/24,0)+1,1)*INDEX($D$3:$AA$30,INDEX(Jesper!$R$2:$R$366,ROW(INDEX(Jesper!AK$2:AK$366,ROUNDDOWN($C2690/24,0)+1,1))-1)+IF('Standard Profiles'!$G$21=$B$10,7,0)+IF('Standard Profiles'!$G$21=$B$17,14,0)+IF('Standard Profiles'!$G$21=$B$24,21,0),MOD($C2690,24)+1)/SUM(INDEX($D$3:$AA$30,INDEX(Jesper!$R$2:$R$366,ROW(INDEX(Jesper!AK$2:AK$366,ROUNDDOWN($C2690/24,0)+1,1))-1)+IF('Standard Profiles'!$G$21=$B$10,7,0)+IF('Standard Profiles'!$G$21=$B$17,14,0)+IF('Standard Profiles'!$G$21=$B$24,21,0),0)),0)</f>
        <v>3.3332777552104904</v>
      </c>
      <c r="H2690" cm="1">
        <f t="array" ref="H2690">IFERROR(INDEX(Jesper!AL$2:AL$366,ROUNDDOWN($C2690/24,0)+1,1)*INDEX($D$3:$AA$30,INDEX(Jesper!$R$2:$R$366,ROW(INDEX(Jesper!AL$2:AL$366,ROUNDDOWN($C2690/24,0)+1,1))-1)+IF('Standard Profiles'!$G$22=$B$10,7,0)+IF('Standard Profiles'!$G$22=$B$17,14,0)+IF('Standard Profiles'!$G$22=$B$24,21,0),MOD($C2690,24)+1)/SUM(INDEX($D$3:$AA$30,INDEX(Jesper!$R$2:$R$366,ROW(INDEX(Jesper!AL$2:AL$366,ROUNDDOWN($C2690/24,0)+1,1))-1)+IF('Standard Profiles'!$G$22=$B$10,7,0)+IF('Standard Profiles'!$G$22=$B$17,14,0)+IF('Standard Profiles'!$G$22=$B$24,21,0),0)),0)</f>
        <v>0</v>
      </c>
      <c r="I2690">
        <f t="shared" si="307"/>
        <v>1.5999733225010346</v>
      </c>
      <c r="J2690">
        <f t="shared" si="308"/>
        <v>21.318772406574897</v>
      </c>
      <c r="K2690">
        <f t="shared" si="309"/>
        <v>1.4019215642144982</v>
      </c>
      <c r="L2690">
        <f t="shared" si="310"/>
        <v>0.7009607821072491</v>
      </c>
      <c r="M2690">
        <f t="shared" si="311"/>
        <v>0</v>
      </c>
      <c r="N2690" s="45">
        <f t="shared" si="312"/>
        <v>45037.666666660225</v>
      </c>
    </row>
    <row r="2691" spans="2:14" x14ac:dyDescent="0.25">
      <c r="B2691">
        <f t="shared" si="306"/>
        <v>5</v>
      </c>
      <c r="C2691" s="16">
        <v>2657</v>
      </c>
      <c r="D2691" cm="1">
        <f t="array" ref="D2691">IFERROR(INDEX(Jesper!AH$2:AH$366,ROUNDDOWN($C2691/24,0)+1,1)*INDEX($D$3:$AA$30,INDEX(Jesper!$R$2:$R$366,ROW(INDEX(Jesper!AH$2:AH$366,ROUNDDOWN($C2691/24,0)+1,1))-1)+IF('Standard Profiles'!$G$18=$B$10,7,0)+IF('Standard Profiles'!$G$18=$B$17,14,0)+IF('Standard Profiles'!$G$18=$B$24,21,0),MOD($C2691,24)+1)/SUM(INDEX($D$3:$AA$30,INDEX(Jesper!$R$2:$R$366,ROW(INDEX(Jesper!AH$2:AH$366,ROUNDDOWN($C2691/24,0)+1,1))-1)+IF('Standard Profiles'!$G$18=$B$10,7,0)+IF('Standard Profiles'!$G$18=$B$17,14,0)+IF('Standard Profiles'!$G$18=$B$24,21,0),0)),0)</f>
        <v>8.6743896785772066</v>
      </c>
      <c r="E2691" cm="1">
        <f t="array" ref="E2691">IFERROR(INDEX(Jesper!AI$2:AI$366,ROUNDDOWN($C2691/24,0)+1,1)*INDEX($D$3:$AA$30,INDEX(Jesper!$R$2:$R$366,ROW(INDEX(Jesper!AI$2:AI$366,ROUNDDOWN($C2691/24,0)+1,1))-1)+IF('Standard Profiles'!$G$19=$B$10,7,0)+IF('Standard Profiles'!$G$19=$B$17,14,0)+IF('Standard Profiles'!$G$19=$B$24,21,0),MOD($C2691,24)+1)/SUM(INDEX($D$3:$AA$30,INDEX(Jesper!$R$2:$R$366,ROW(INDEX(Jesper!AI$2:AI$366,ROUNDDOWN($C2691/24,0)+1,1))-1)+IF('Standard Profiles'!$G$19=$B$10,7,0)+IF('Standard Profiles'!$G$19=$B$17,14,0)+IF('Standard Profiles'!$G$19=$B$24,21,0),0)),0)</f>
        <v>5.6399215327463388</v>
      </c>
      <c r="F2691" cm="1">
        <f t="array" ref="F2691">IFERROR(INDEX(Jesper!AJ$2:AJ$366,ROUNDDOWN($C2691/24,0)+1,1)*INDEX($D$3:$AA$30,INDEX(Jesper!$R$2:$R$366,ROW(INDEX(Jesper!AJ$2:AJ$366,ROUNDDOWN($C2691/24,0)+1,1))-1)+IF('Standard Profiles'!$G$20=$B$10,7,0)+IF('Standard Profiles'!$G$20=$B$17,14,0)+IF('Standard Profiles'!$G$20=$B$24,21,0),MOD($C2691,24)+1)/SUM(INDEX($D$3:$AA$30,INDEX(Jesper!$R$2:$R$366,ROW(INDEX(Jesper!AJ$2:AJ$366,ROUNDDOWN($C2691/24,0)+1,1))-1)+IF('Standard Profiles'!$G$20=$B$10,7,0)+IF('Standard Profiles'!$G$20=$B$17,14,0)+IF('Standard Profiles'!$G$20=$B$24,21,0),0)),0)</f>
        <v>0</v>
      </c>
      <c r="G2691" cm="1">
        <f t="array" ref="G2691">IFERROR(INDEX(Jesper!AK$2:AK$366,ROUNDDOWN($C2691/24,0)+1,1)*INDEX($D$3:$AA$30,INDEX(Jesper!$R$2:$R$366,ROW(INDEX(Jesper!AK$2:AK$366,ROUNDDOWN($C2691/24,0)+1,1))-1)+IF('Standard Profiles'!$G$21=$B$10,7,0)+IF('Standard Profiles'!$G$21=$B$17,14,0)+IF('Standard Profiles'!$G$21=$B$24,21,0),MOD($C2691,24)+1)/SUM(INDEX($D$3:$AA$30,INDEX(Jesper!$R$2:$R$366,ROW(INDEX(Jesper!AK$2:AK$366,ROUNDDOWN($C2691/24,0)+1,1))-1)+IF('Standard Profiles'!$G$21=$B$10,7,0)+IF('Standard Profiles'!$G$21=$B$17,14,0)+IF('Standard Profiles'!$G$21=$B$24,21,0),0)),0)</f>
        <v>2.7999533143768116</v>
      </c>
      <c r="H2691" cm="1">
        <f t="array" ref="H2691">IFERROR(INDEX(Jesper!AL$2:AL$366,ROUNDDOWN($C2691/24,0)+1,1)*INDEX($D$3:$AA$30,INDEX(Jesper!$R$2:$R$366,ROW(INDEX(Jesper!AL$2:AL$366,ROUNDDOWN($C2691/24,0)+1,1))-1)+IF('Standard Profiles'!$G$22=$B$10,7,0)+IF('Standard Profiles'!$G$22=$B$17,14,0)+IF('Standard Profiles'!$G$22=$B$24,21,0),MOD($C2691,24)+1)/SUM(INDEX($D$3:$AA$30,INDEX(Jesper!$R$2:$R$366,ROW(INDEX(Jesper!AL$2:AL$366,ROUNDDOWN($C2691/24,0)+1,1))-1)+IF('Standard Profiles'!$G$22=$B$10,7,0)+IF('Standard Profiles'!$G$22=$B$17,14,0)+IF('Standard Profiles'!$G$22=$B$24,21,0),0)),0)</f>
        <v>0</v>
      </c>
      <c r="I2691">
        <f t="shared" si="307"/>
        <v>1.3439775909008689</v>
      </c>
      <c r="J2691">
        <f t="shared" si="308"/>
        <v>14.382384586227134</v>
      </c>
      <c r="K2691">
        <f t="shared" si="309"/>
        <v>0.92526823238156874</v>
      </c>
      <c r="L2691">
        <f t="shared" si="310"/>
        <v>0.46263411619078437</v>
      </c>
      <c r="M2691">
        <f t="shared" si="311"/>
        <v>0</v>
      </c>
      <c r="N2691" s="45">
        <f t="shared" si="312"/>
        <v>45037.708333326889</v>
      </c>
    </row>
    <row r="2692" spans="2:14" x14ac:dyDescent="0.25">
      <c r="B2692">
        <f t="shared" si="306"/>
        <v>5</v>
      </c>
      <c r="C2692" s="16">
        <v>2658</v>
      </c>
      <c r="D2692" cm="1">
        <f t="array" ref="D2692">IFERROR(INDEX(Jesper!AH$2:AH$366,ROUNDDOWN($C2692/24,0)+1,1)*INDEX($D$3:$AA$30,INDEX(Jesper!$R$2:$R$366,ROW(INDEX(Jesper!AH$2:AH$366,ROUNDDOWN($C2692/24,0)+1,1))-1)+IF('Standard Profiles'!$G$18=$B$10,7,0)+IF('Standard Profiles'!$G$18=$B$17,14,0)+IF('Standard Profiles'!$G$18=$B$24,21,0),MOD($C2692,24)+1)/SUM(INDEX($D$3:$AA$30,INDEX(Jesper!$R$2:$R$366,ROW(INDEX(Jesper!AH$2:AH$366,ROUNDDOWN($C2692/24,0)+1,1))-1)+IF('Standard Profiles'!$G$18=$B$10,7,0)+IF('Standard Profiles'!$G$18=$B$17,14,0)+IF('Standard Profiles'!$G$18=$B$24,21,0),0)),0)</f>
        <v>5.5200661590945854</v>
      </c>
      <c r="E2692" cm="1">
        <f t="array" ref="E2692">IFERROR(INDEX(Jesper!AI$2:AI$366,ROUNDDOWN($C2692/24,0)+1,1)*INDEX($D$3:$AA$30,INDEX(Jesper!$R$2:$R$366,ROW(INDEX(Jesper!AI$2:AI$366,ROUNDDOWN($C2692/24,0)+1,1))-1)+IF('Standard Profiles'!$G$19=$B$10,7,0)+IF('Standard Profiles'!$G$19=$B$17,14,0)+IF('Standard Profiles'!$G$19=$B$24,21,0),MOD($C2692,24)+1)/SUM(INDEX($D$3:$AA$30,INDEX(Jesper!$R$2:$R$366,ROW(INDEX(Jesper!AI$2:AI$366,ROUNDDOWN($C2692/24,0)+1,1))-1)+IF('Standard Profiles'!$G$19=$B$10,7,0)+IF('Standard Profiles'!$G$19=$B$17,14,0)+IF('Standard Profiles'!$G$19=$B$24,21,0),0)),0)</f>
        <v>3.5890409753840338</v>
      </c>
      <c r="F2692" cm="1">
        <f t="array" ref="F2692">IFERROR(INDEX(Jesper!AJ$2:AJ$366,ROUNDDOWN($C2692/24,0)+1,1)*INDEX($D$3:$AA$30,INDEX(Jesper!$R$2:$R$366,ROW(INDEX(Jesper!AJ$2:AJ$366,ROUNDDOWN($C2692/24,0)+1,1))-1)+IF('Standard Profiles'!$G$20=$B$10,7,0)+IF('Standard Profiles'!$G$20=$B$17,14,0)+IF('Standard Profiles'!$G$20=$B$24,21,0),MOD($C2692,24)+1)/SUM(INDEX($D$3:$AA$30,INDEX(Jesper!$R$2:$R$366,ROW(INDEX(Jesper!AJ$2:AJ$366,ROUNDDOWN($C2692/24,0)+1,1))-1)+IF('Standard Profiles'!$G$20=$B$10,7,0)+IF('Standard Profiles'!$G$20=$B$17,14,0)+IF('Standard Profiles'!$G$20=$B$24,21,0),0)),0)</f>
        <v>0</v>
      </c>
      <c r="G2692" cm="1">
        <f t="array" ref="G2692">IFERROR(INDEX(Jesper!AK$2:AK$366,ROUNDDOWN($C2692/24,0)+1,1)*INDEX($D$3:$AA$30,INDEX(Jesper!$R$2:$R$366,ROW(INDEX(Jesper!AK$2:AK$366,ROUNDDOWN($C2692/24,0)+1,1))-1)+IF('Standard Profiles'!$G$21=$B$10,7,0)+IF('Standard Profiles'!$G$21=$B$17,14,0)+IF('Standard Profiles'!$G$21=$B$24,21,0),MOD($C2692,24)+1)/SUM(INDEX($D$3:$AA$30,INDEX(Jesper!$R$2:$R$366,ROW(INDEX(Jesper!AK$2:AK$366,ROUNDDOWN($C2692/24,0)+1,1))-1)+IF('Standard Profiles'!$G$21=$B$10,7,0)+IF('Standard Profiles'!$G$21=$B$17,14,0)+IF('Standard Profiles'!$G$21=$B$24,21,0),0)),0)</f>
        <v>1.0333161041152519</v>
      </c>
      <c r="H2692" cm="1">
        <f t="array" ref="H2692">IFERROR(INDEX(Jesper!AL$2:AL$366,ROUNDDOWN($C2692/24,0)+1,1)*INDEX($D$3:$AA$30,INDEX(Jesper!$R$2:$R$366,ROW(INDEX(Jesper!AL$2:AL$366,ROUNDDOWN($C2692/24,0)+1,1))-1)+IF('Standard Profiles'!$G$22=$B$10,7,0)+IF('Standard Profiles'!$G$22=$B$17,14,0)+IF('Standard Profiles'!$G$22=$B$24,21,0),MOD($C2692,24)+1)/SUM(INDEX($D$3:$AA$30,INDEX(Jesper!$R$2:$R$366,ROW(INDEX(Jesper!AL$2:AL$366,ROUNDDOWN($C2692/24,0)+1,1))-1)+IF('Standard Profiles'!$G$22=$B$10,7,0)+IF('Standard Profiles'!$G$22=$B$17,14,0)+IF('Standard Profiles'!$G$22=$B$24,21,0),0)),0)</f>
        <v>0</v>
      </c>
      <c r="I2692">
        <f t="shared" si="307"/>
        <v>0.49599172997532065</v>
      </c>
      <c r="J2692">
        <f t="shared" si="308"/>
        <v>8.7632209231634164</v>
      </c>
      <c r="K2692">
        <f t="shared" si="309"/>
        <v>0.58880705697008917</v>
      </c>
      <c r="L2692">
        <f t="shared" si="310"/>
        <v>0.29440352848504459</v>
      </c>
      <c r="M2692">
        <f t="shared" si="311"/>
        <v>0</v>
      </c>
      <c r="N2692" s="45">
        <f t="shared" si="312"/>
        <v>45037.749999993554</v>
      </c>
    </row>
    <row r="2693" spans="2:14" x14ac:dyDescent="0.25">
      <c r="B2693">
        <f t="shared" si="306"/>
        <v>5</v>
      </c>
      <c r="C2693" s="16">
        <v>2659</v>
      </c>
      <c r="D2693" cm="1">
        <f t="array" ref="D2693">IFERROR(INDEX(Jesper!AH$2:AH$366,ROUNDDOWN($C2693/24,0)+1,1)*INDEX($D$3:$AA$30,INDEX(Jesper!$R$2:$R$366,ROW(INDEX(Jesper!AH$2:AH$366,ROUNDDOWN($C2693/24,0)+1,1))-1)+IF('Standard Profiles'!$G$18=$B$10,7,0)+IF('Standard Profiles'!$G$18=$B$17,14,0)+IF('Standard Profiles'!$G$18=$B$24,21,0),MOD($C2693,24)+1)/SUM(INDEX($D$3:$AA$30,INDEX(Jesper!$R$2:$R$366,ROW(INDEX(Jesper!AH$2:AH$366,ROUNDDOWN($C2693/24,0)+1,1))-1)+IF('Standard Profiles'!$G$18=$B$10,7,0)+IF('Standard Profiles'!$G$18=$B$17,14,0)+IF('Standard Profiles'!$G$18=$B$24,21,0),0)),0)</f>
        <v>5.2572058658043677</v>
      </c>
      <c r="E2693" cm="1">
        <f t="array" ref="E2693">IFERROR(INDEX(Jesper!AI$2:AI$366,ROUNDDOWN($C2693/24,0)+1,1)*INDEX($D$3:$AA$30,INDEX(Jesper!$R$2:$R$366,ROW(INDEX(Jesper!AI$2:AI$366,ROUNDDOWN($C2693/24,0)+1,1))-1)+IF('Standard Profiles'!$G$19=$B$10,7,0)+IF('Standard Profiles'!$G$19=$B$17,14,0)+IF('Standard Profiles'!$G$19=$B$24,21,0),MOD($C2693,24)+1)/SUM(INDEX($D$3:$AA$30,INDEX(Jesper!$R$2:$R$366,ROW(INDEX(Jesper!AI$2:AI$366,ROUNDDOWN($C2693/24,0)+1,1))-1)+IF('Standard Profiles'!$G$19=$B$10,7,0)+IF('Standard Profiles'!$G$19=$B$17,14,0)+IF('Standard Profiles'!$G$19=$B$24,21,0),0)),0)</f>
        <v>3.4181342622705082</v>
      </c>
      <c r="F2693" cm="1">
        <f t="array" ref="F2693">IFERROR(INDEX(Jesper!AJ$2:AJ$366,ROUNDDOWN($C2693/24,0)+1,1)*INDEX($D$3:$AA$30,INDEX(Jesper!$R$2:$R$366,ROW(INDEX(Jesper!AJ$2:AJ$366,ROUNDDOWN($C2693/24,0)+1,1))-1)+IF('Standard Profiles'!$G$20=$B$10,7,0)+IF('Standard Profiles'!$G$20=$B$17,14,0)+IF('Standard Profiles'!$G$20=$B$24,21,0),MOD($C2693,24)+1)/SUM(INDEX($D$3:$AA$30,INDEX(Jesper!$R$2:$R$366,ROW(INDEX(Jesper!AJ$2:AJ$366,ROUNDDOWN($C2693/24,0)+1,1))-1)+IF('Standard Profiles'!$G$20=$B$10,7,0)+IF('Standard Profiles'!$G$20=$B$17,14,0)+IF('Standard Profiles'!$G$20=$B$24,21,0),0)),0)</f>
        <v>0</v>
      </c>
      <c r="G2693" cm="1">
        <f t="array" ref="G2693">IFERROR(INDEX(Jesper!AK$2:AK$366,ROUNDDOWN($C2693/24,0)+1,1)*INDEX($D$3:$AA$30,INDEX(Jesper!$R$2:$R$366,ROW(INDEX(Jesper!AK$2:AK$366,ROUNDDOWN($C2693/24,0)+1,1))-1)+IF('Standard Profiles'!$G$21=$B$10,7,0)+IF('Standard Profiles'!$G$21=$B$17,14,0)+IF('Standard Profiles'!$G$21=$B$24,21,0),MOD($C2693,24)+1)/SUM(INDEX($D$3:$AA$30,INDEX(Jesper!$R$2:$R$366,ROW(INDEX(Jesper!AK$2:AK$366,ROUNDDOWN($C2693/24,0)+1,1))-1)+IF('Standard Profiles'!$G$21=$B$10,7,0)+IF('Standard Profiles'!$G$21=$B$17,14,0)+IF('Standard Profiles'!$G$21=$B$24,21,0),0)),0)</f>
        <v>1.0333161041152519</v>
      </c>
      <c r="H2693" cm="1">
        <f t="array" ref="H2693">IFERROR(INDEX(Jesper!AL$2:AL$366,ROUNDDOWN($C2693/24,0)+1,1)*INDEX($D$3:$AA$30,INDEX(Jesper!$R$2:$R$366,ROW(INDEX(Jesper!AL$2:AL$366,ROUNDDOWN($C2693/24,0)+1,1))-1)+IF('Standard Profiles'!$G$22=$B$10,7,0)+IF('Standard Profiles'!$G$22=$B$17,14,0)+IF('Standard Profiles'!$G$22=$B$24,21,0),MOD($C2693,24)+1)/SUM(INDEX($D$3:$AA$30,INDEX(Jesper!$R$2:$R$366,ROW(INDEX(Jesper!AL$2:AL$366,ROUNDDOWN($C2693/24,0)+1,1))-1)+IF('Standard Profiles'!$G$22=$B$10,7,0)+IF('Standard Profiles'!$G$22=$B$17,14,0)+IF('Standard Profiles'!$G$22=$B$24,21,0),0)),0)</f>
        <v>0</v>
      </c>
      <c r="I2693">
        <f t="shared" si="307"/>
        <v>0.49599172997532065</v>
      </c>
      <c r="J2693">
        <f t="shared" si="308"/>
        <v>8.3715115636861075</v>
      </c>
      <c r="K2693">
        <f t="shared" si="309"/>
        <v>0.56076862568579922</v>
      </c>
      <c r="L2693">
        <f t="shared" si="310"/>
        <v>0.28038431284289961</v>
      </c>
      <c r="M2693">
        <f t="shared" si="311"/>
        <v>0</v>
      </c>
      <c r="N2693" s="45">
        <f t="shared" si="312"/>
        <v>45037.791666660218</v>
      </c>
    </row>
    <row r="2694" spans="2:14" x14ac:dyDescent="0.25">
      <c r="B2694">
        <f t="shared" si="306"/>
        <v>5</v>
      </c>
      <c r="C2694" s="16">
        <v>2660</v>
      </c>
      <c r="D2694" cm="1">
        <f t="array" ref="D2694">IFERROR(INDEX(Jesper!AH$2:AH$366,ROUNDDOWN($C2694/24,0)+1,1)*INDEX($D$3:$AA$30,INDEX(Jesper!$R$2:$R$366,ROW(INDEX(Jesper!AH$2:AH$366,ROUNDDOWN($C2694/24,0)+1,1))-1)+IF('Standard Profiles'!$G$18=$B$10,7,0)+IF('Standard Profiles'!$G$18=$B$17,14,0)+IF('Standard Profiles'!$G$18=$B$24,21,0),MOD($C2694,24)+1)/SUM(INDEX($D$3:$AA$30,INDEX(Jesper!$R$2:$R$366,ROW(INDEX(Jesper!AH$2:AH$366,ROUNDDOWN($C2694/24,0)+1,1))-1)+IF('Standard Profiles'!$G$18=$B$10,7,0)+IF('Standard Profiles'!$G$18=$B$17,14,0)+IF('Standard Profiles'!$G$18=$B$24,21,0),0)),0)</f>
        <v>5.2572058658043677</v>
      </c>
      <c r="E2694" cm="1">
        <f t="array" ref="E2694">IFERROR(INDEX(Jesper!AI$2:AI$366,ROUNDDOWN($C2694/24,0)+1,1)*INDEX($D$3:$AA$30,INDEX(Jesper!$R$2:$R$366,ROW(INDEX(Jesper!AI$2:AI$366,ROUNDDOWN($C2694/24,0)+1,1))-1)+IF('Standard Profiles'!$G$19=$B$10,7,0)+IF('Standard Profiles'!$G$19=$B$17,14,0)+IF('Standard Profiles'!$G$19=$B$24,21,0),MOD($C2694,24)+1)/SUM(INDEX($D$3:$AA$30,INDEX(Jesper!$R$2:$R$366,ROW(INDEX(Jesper!AI$2:AI$366,ROUNDDOWN($C2694/24,0)+1,1))-1)+IF('Standard Profiles'!$G$19=$B$10,7,0)+IF('Standard Profiles'!$G$19=$B$17,14,0)+IF('Standard Profiles'!$G$19=$B$24,21,0),0)),0)</f>
        <v>3.4181342622705082</v>
      </c>
      <c r="F2694" cm="1">
        <f t="array" ref="F2694">IFERROR(INDEX(Jesper!AJ$2:AJ$366,ROUNDDOWN($C2694/24,0)+1,1)*INDEX($D$3:$AA$30,INDEX(Jesper!$R$2:$R$366,ROW(INDEX(Jesper!AJ$2:AJ$366,ROUNDDOWN($C2694/24,0)+1,1))-1)+IF('Standard Profiles'!$G$20=$B$10,7,0)+IF('Standard Profiles'!$G$20=$B$17,14,0)+IF('Standard Profiles'!$G$20=$B$24,21,0),MOD($C2694,24)+1)/SUM(INDEX($D$3:$AA$30,INDEX(Jesper!$R$2:$R$366,ROW(INDEX(Jesper!AJ$2:AJ$366,ROUNDDOWN($C2694/24,0)+1,1))-1)+IF('Standard Profiles'!$G$20=$B$10,7,0)+IF('Standard Profiles'!$G$20=$B$17,14,0)+IF('Standard Profiles'!$G$20=$B$24,21,0),0)),0)</f>
        <v>0</v>
      </c>
      <c r="G2694" cm="1">
        <f t="array" ref="G2694">IFERROR(INDEX(Jesper!AK$2:AK$366,ROUNDDOWN($C2694/24,0)+1,1)*INDEX($D$3:$AA$30,INDEX(Jesper!$R$2:$R$366,ROW(INDEX(Jesper!AK$2:AK$366,ROUNDDOWN($C2694/24,0)+1,1))-1)+IF('Standard Profiles'!$G$21=$B$10,7,0)+IF('Standard Profiles'!$G$21=$B$17,14,0)+IF('Standard Profiles'!$G$21=$B$24,21,0),MOD($C2694,24)+1)/SUM(INDEX($D$3:$AA$30,INDEX(Jesper!$R$2:$R$366,ROW(INDEX(Jesper!AK$2:AK$366,ROUNDDOWN($C2694/24,0)+1,1))-1)+IF('Standard Profiles'!$G$21=$B$10,7,0)+IF('Standard Profiles'!$G$21=$B$17,14,0)+IF('Standard Profiles'!$G$21=$B$24,21,0),0)),0)</f>
        <v>1.0333161041152519</v>
      </c>
      <c r="H2694" cm="1">
        <f t="array" ref="H2694">IFERROR(INDEX(Jesper!AL$2:AL$366,ROUNDDOWN($C2694/24,0)+1,1)*INDEX($D$3:$AA$30,INDEX(Jesper!$R$2:$R$366,ROW(INDEX(Jesper!AL$2:AL$366,ROUNDDOWN($C2694/24,0)+1,1))-1)+IF('Standard Profiles'!$G$22=$B$10,7,0)+IF('Standard Profiles'!$G$22=$B$17,14,0)+IF('Standard Profiles'!$G$22=$B$24,21,0),MOD($C2694,24)+1)/SUM(INDEX($D$3:$AA$30,INDEX(Jesper!$R$2:$R$366,ROW(INDEX(Jesper!AL$2:AL$366,ROUNDDOWN($C2694/24,0)+1,1))-1)+IF('Standard Profiles'!$G$22=$B$10,7,0)+IF('Standard Profiles'!$G$22=$B$17,14,0)+IF('Standard Profiles'!$G$22=$B$24,21,0),0)),0)</f>
        <v>0</v>
      </c>
      <c r="I2694">
        <f t="shared" si="307"/>
        <v>0.49599172997532065</v>
      </c>
      <c r="J2694">
        <f t="shared" si="308"/>
        <v>8.3715115636861075</v>
      </c>
      <c r="K2694">
        <f t="shared" si="309"/>
        <v>0.56076862568579922</v>
      </c>
      <c r="L2694">
        <f t="shared" si="310"/>
        <v>0.28038431284289961</v>
      </c>
      <c r="M2694">
        <f t="shared" si="311"/>
        <v>0</v>
      </c>
      <c r="N2694" s="45">
        <f t="shared" si="312"/>
        <v>45037.833333326882</v>
      </c>
    </row>
    <row r="2695" spans="2:14" x14ac:dyDescent="0.25">
      <c r="B2695">
        <f t="shared" si="306"/>
        <v>5</v>
      </c>
      <c r="C2695" s="16">
        <v>2661</v>
      </c>
      <c r="D2695" cm="1">
        <f t="array" ref="D2695">IFERROR(INDEX(Jesper!AH$2:AH$366,ROUNDDOWN($C2695/24,0)+1,1)*INDEX($D$3:$AA$30,INDEX(Jesper!$R$2:$R$366,ROW(INDEX(Jesper!AH$2:AH$366,ROUNDDOWN($C2695/24,0)+1,1))-1)+IF('Standard Profiles'!$G$18=$B$10,7,0)+IF('Standard Profiles'!$G$18=$B$17,14,0)+IF('Standard Profiles'!$G$18=$B$24,21,0),MOD($C2695,24)+1)/SUM(INDEX($D$3:$AA$30,INDEX(Jesper!$R$2:$R$366,ROW(INDEX(Jesper!AH$2:AH$366,ROUNDDOWN($C2695/24,0)+1,1))-1)+IF('Standard Profiles'!$G$18=$B$10,7,0)+IF('Standard Profiles'!$G$18=$B$17,14,0)+IF('Standard Profiles'!$G$18=$B$24,21,0),0)),0)</f>
        <v>5.2572058658043677</v>
      </c>
      <c r="E2695" cm="1">
        <f t="array" ref="E2695">IFERROR(INDEX(Jesper!AI$2:AI$366,ROUNDDOWN($C2695/24,0)+1,1)*INDEX($D$3:$AA$30,INDEX(Jesper!$R$2:$R$366,ROW(INDEX(Jesper!AI$2:AI$366,ROUNDDOWN($C2695/24,0)+1,1))-1)+IF('Standard Profiles'!$G$19=$B$10,7,0)+IF('Standard Profiles'!$G$19=$B$17,14,0)+IF('Standard Profiles'!$G$19=$B$24,21,0),MOD($C2695,24)+1)/SUM(INDEX($D$3:$AA$30,INDEX(Jesper!$R$2:$R$366,ROW(INDEX(Jesper!AI$2:AI$366,ROUNDDOWN($C2695/24,0)+1,1))-1)+IF('Standard Profiles'!$G$19=$B$10,7,0)+IF('Standard Profiles'!$G$19=$B$17,14,0)+IF('Standard Profiles'!$G$19=$B$24,21,0),0)),0)</f>
        <v>3.4181342622705082</v>
      </c>
      <c r="F2695" cm="1">
        <f t="array" ref="F2695">IFERROR(INDEX(Jesper!AJ$2:AJ$366,ROUNDDOWN($C2695/24,0)+1,1)*INDEX($D$3:$AA$30,INDEX(Jesper!$R$2:$R$366,ROW(INDEX(Jesper!AJ$2:AJ$366,ROUNDDOWN($C2695/24,0)+1,1))-1)+IF('Standard Profiles'!$G$20=$B$10,7,0)+IF('Standard Profiles'!$G$20=$B$17,14,0)+IF('Standard Profiles'!$G$20=$B$24,21,0),MOD($C2695,24)+1)/SUM(INDEX($D$3:$AA$30,INDEX(Jesper!$R$2:$R$366,ROW(INDEX(Jesper!AJ$2:AJ$366,ROUNDDOWN($C2695/24,0)+1,1))-1)+IF('Standard Profiles'!$G$20=$B$10,7,0)+IF('Standard Profiles'!$G$20=$B$17,14,0)+IF('Standard Profiles'!$G$20=$B$24,21,0),0)),0)</f>
        <v>0</v>
      </c>
      <c r="G2695" cm="1">
        <f t="array" ref="G2695">IFERROR(INDEX(Jesper!AK$2:AK$366,ROUNDDOWN($C2695/24,0)+1,1)*INDEX($D$3:$AA$30,INDEX(Jesper!$R$2:$R$366,ROW(INDEX(Jesper!AK$2:AK$366,ROUNDDOWN($C2695/24,0)+1,1))-1)+IF('Standard Profiles'!$G$21=$B$10,7,0)+IF('Standard Profiles'!$G$21=$B$17,14,0)+IF('Standard Profiles'!$G$21=$B$24,21,0),MOD($C2695,24)+1)/SUM(INDEX($D$3:$AA$30,INDEX(Jesper!$R$2:$R$366,ROW(INDEX(Jesper!AK$2:AK$366,ROUNDDOWN($C2695/24,0)+1,1))-1)+IF('Standard Profiles'!$G$21=$B$10,7,0)+IF('Standard Profiles'!$G$21=$B$17,14,0)+IF('Standard Profiles'!$G$21=$B$24,21,0),0)),0)</f>
        <v>1.0333161041152519</v>
      </c>
      <c r="H2695" cm="1">
        <f t="array" ref="H2695">IFERROR(INDEX(Jesper!AL$2:AL$366,ROUNDDOWN($C2695/24,0)+1,1)*INDEX($D$3:$AA$30,INDEX(Jesper!$R$2:$R$366,ROW(INDEX(Jesper!AL$2:AL$366,ROUNDDOWN($C2695/24,0)+1,1))-1)+IF('Standard Profiles'!$G$22=$B$10,7,0)+IF('Standard Profiles'!$G$22=$B$17,14,0)+IF('Standard Profiles'!$G$22=$B$24,21,0),MOD($C2695,24)+1)/SUM(INDEX($D$3:$AA$30,INDEX(Jesper!$R$2:$R$366,ROW(INDEX(Jesper!AL$2:AL$366,ROUNDDOWN($C2695/24,0)+1,1))-1)+IF('Standard Profiles'!$G$22=$B$10,7,0)+IF('Standard Profiles'!$G$22=$B$17,14,0)+IF('Standard Profiles'!$G$22=$B$24,21,0),0)),0)</f>
        <v>0</v>
      </c>
      <c r="I2695">
        <f t="shared" si="307"/>
        <v>0.49599172997532065</v>
      </c>
      <c r="J2695">
        <f t="shared" si="308"/>
        <v>8.3715115636861075</v>
      </c>
      <c r="K2695">
        <f t="shared" si="309"/>
        <v>0.56076862568579922</v>
      </c>
      <c r="L2695">
        <f t="shared" si="310"/>
        <v>0.28038431284289961</v>
      </c>
      <c r="M2695">
        <f t="shared" si="311"/>
        <v>0</v>
      </c>
      <c r="N2695" s="45">
        <f t="shared" si="312"/>
        <v>45037.874999993546</v>
      </c>
    </row>
    <row r="2696" spans="2:14" x14ac:dyDescent="0.25">
      <c r="B2696">
        <f t="shared" si="306"/>
        <v>5</v>
      </c>
      <c r="C2696" s="16">
        <v>2662</v>
      </c>
      <c r="D2696" cm="1">
        <f t="array" ref="D2696">IFERROR(INDEX(Jesper!AH$2:AH$366,ROUNDDOWN($C2696/24,0)+1,1)*INDEX($D$3:$AA$30,INDEX(Jesper!$R$2:$R$366,ROW(INDEX(Jesper!AH$2:AH$366,ROUNDDOWN($C2696/24,0)+1,1))-1)+IF('Standard Profiles'!$G$18=$B$10,7,0)+IF('Standard Profiles'!$G$18=$B$17,14,0)+IF('Standard Profiles'!$G$18=$B$24,21,0),MOD($C2696,24)+1)/SUM(INDEX($D$3:$AA$30,INDEX(Jesper!$R$2:$R$366,ROW(INDEX(Jesper!AH$2:AH$366,ROUNDDOWN($C2696/24,0)+1,1))-1)+IF('Standard Profiles'!$G$18=$B$10,7,0)+IF('Standard Profiles'!$G$18=$B$17,14,0)+IF('Standard Profiles'!$G$18=$B$24,21,0),0)),0)</f>
        <v>5.2572058658043677</v>
      </c>
      <c r="E2696" cm="1">
        <f t="array" ref="E2696">IFERROR(INDEX(Jesper!AI$2:AI$366,ROUNDDOWN($C2696/24,0)+1,1)*INDEX($D$3:$AA$30,INDEX(Jesper!$R$2:$R$366,ROW(INDEX(Jesper!AI$2:AI$366,ROUNDDOWN($C2696/24,0)+1,1))-1)+IF('Standard Profiles'!$G$19=$B$10,7,0)+IF('Standard Profiles'!$G$19=$B$17,14,0)+IF('Standard Profiles'!$G$19=$B$24,21,0),MOD($C2696,24)+1)/SUM(INDEX($D$3:$AA$30,INDEX(Jesper!$R$2:$R$366,ROW(INDEX(Jesper!AI$2:AI$366,ROUNDDOWN($C2696/24,0)+1,1))-1)+IF('Standard Profiles'!$G$19=$B$10,7,0)+IF('Standard Profiles'!$G$19=$B$17,14,0)+IF('Standard Profiles'!$G$19=$B$24,21,0),0)),0)</f>
        <v>3.4181342622705082</v>
      </c>
      <c r="F2696" cm="1">
        <f t="array" ref="F2696">IFERROR(INDEX(Jesper!AJ$2:AJ$366,ROUNDDOWN($C2696/24,0)+1,1)*INDEX($D$3:$AA$30,INDEX(Jesper!$R$2:$R$366,ROW(INDEX(Jesper!AJ$2:AJ$366,ROUNDDOWN($C2696/24,0)+1,1))-1)+IF('Standard Profiles'!$G$20=$B$10,7,0)+IF('Standard Profiles'!$G$20=$B$17,14,0)+IF('Standard Profiles'!$G$20=$B$24,21,0),MOD($C2696,24)+1)/SUM(INDEX($D$3:$AA$30,INDEX(Jesper!$R$2:$R$366,ROW(INDEX(Jesper!AJ$2:AJ$366,ROUNDDOWN($C2696/24,0)+1,1))-1)+IF('Standard Profiles'!$G$20=$B$10,7,0)+IF('Standard Profiles'!$G$20=$B$17,14,0)+IF('Standard Profiles'!$G$20=$B$24,21,0),0)),0)</f>
        <v>0</v>
      </c>
      <c r="G2696" cm="1">
        <f t="array" ref="G2696">IFERROR(INDEX(Jesper!AK$2:AK$366,ROUNDDOWN($C2696/24,0)+1,1)*INDEX($D$3:$AA$30,INDEX(Jesper!$R$2:$R$366,ROW(INDEX(Jesper!AK$2:AK$366,ROUNDDOWN($C2696/24,0)+1,1))-1)+IF('Standard Profiles'!$G$21=$B$10,7,0)+IF('Standard Profiles'!$G$21=$B$17,14,0)+IF('Standard Profiles'!$G$21=$B$24,21,0),MOD($C2696,24)+1)/SUM(INDEX($D$3:$AA$30,INDEX(Jesper!$R$2:$R$366,ROW(INDEX(Jesper!AK$2:AK$366,ROUNDDOWN($C2696/24,0)+1,1))-1)+IF('Standard Profiles'!$G$21=$B$10,7,0)+IF('Standard Profiles'!$G$21=$B$17,14,0)+IF('Standard Profiles'!$G$21=$B$24,21,0),0)),0)</f>
        <v>1.0333161041152519</v>
      </c>
      <c r="H2696" cm="1">
        <f t="array" ref="H2696">IFERROR(INDEX(Jesper!AL$2:AL$366,ROUNDDOWN($C2696/24,0)+1,1)*INDEX($D$3:$AA$30,INDEX(Jesper!$R$2:$R$366,ROW(INDEX(Jesper!AL$2:AL$366,ROUNDDOWN($C2696/24,0)+1,1))-1)+IF('Standard Profiles'!$G$22=$B$10,7,0)+IF('Standard Profiles'!$G$22=$B$17,14,0)+IF('Standard Profiles'!$G$22=$B$24,21,0),MOD($C2696,24)+1)/SUM(INDEX($D$3:$AA$30,INDEX(Jesper!$R$2:$R$366,ROW(INDEX(Jesper!AL$2:AL$366,ROUNDDOWN($C2696/24,0)+1,1))-1)+IF('Standard Profiles'!$G$22=$B$10,7,0)+IF('Standard Profiles'!$G$22=$B$17,14,0)+IF('Standard Profiles'!$G$22=$B$24,21,0),0)),0)</f>
        <v>0</v>
      </c>
      <c r="I2696">
        <f t="shared" si="307"/>
        <v>0.49599172997532065</v>
      </c>
      <c r="J2696">
        <f t="shared" si="308"/>
        <v>8.3715115636861075</v>
      </c>
      <c r="K2696">
        <f t="shared" si="309"/>
        <v>0.56076862568579922</v>
      </c>
      <c r="L2696">
        <f t="shared" si="310"/>
        <v>0.28038431284289961</v>
      </c>
      <c r="M2696">
        <f t="shared" si="311"/>
        <v>0</v>
      </c>
      <c r="N2696" s="45">
        <f t="shared" si="312"/>
        <v>45037.91666666021</v>
      </c>
    </row>
    <row r="2697" spans="2:14" x14ac:dyDescent="0.25">
      <c r="B2697">
        <f t="shared" si="306"/>
        <v>5</v>
      </c>
      <c r="C2697" s="16">
        <v>2663</v>
      </c>
      <c r="D2697" cm="1">
        <f t="array" ref="D2697">IFERROR(INDEX(Jesper!AH$2:AH$366,ROUNDDOWN($C2697/24,0)+1,1)*INDEX($D$3:$AA$30,INDEX(Jesper!$R$2:$R$366,ROW(INDEX(Jesper!AH$2:AH$366,ROUNDDOWN($C2697/24,0)+1,1))-1)+IF('Standard Profiles'!$G$18=$B$10,7,0)+IF('Standard Profiles'!$G$18=$B$17,14,0)+IF('Standard Profiles'!$G$18=$B$24,21,0),MOD($C2697,24)+1)/SUM(INDEX($D$3:$AA$30,INDEX(Jesper!$R$2:$R$366,ROW(INDEX(Jesper!AH$2:AH$366,ROUNDDOWN($C2697/24,0)+1,1))-1)+IF('Standard Profiles'!$G$18=$B$10,7,0)+IF('Standard Profiles'!$G$18=$B$17,14,0)+IF('Standard Profiles'!$G$18=$B$24,21,0),0)),0)</f>
        <v>5.2572058658043677</v>
      </c>
      <c r="E2697" cm="1">
        <f t="array" ref="E2697">IFERROR(INDEX(Jesper!AI$2:AI$366,ROUNDDOWN($C2697/24,0)+1,1)*INDEX($D$3:$AA$30,INDEX(Jesper!$R$2:$R$366,ROW(INDEX(Jesper!AI$2:AI$366,ROUNDDOWN($C2697/24,0)+1,1))-1)+IF('Standard Profiles'!$G$19=$B$10,7,0)+IF('Standard Profiles'!$G$19=$B$17,14,0)+IF('Standard Profiles'!$G$19=$B$24,21,0),MOD($C2697,24)+1)/SUM(INDEX($D$3:$AA$30,INDEX(Jesper!$R$2:$R$366,ROW(INDEX(Jesper!AI$2:AI$366,ROUNDDOWN($C2697/24,0)+1,1))-1)+IF('Standard Profiles'!$G$19=$B$10,7,0)+IF('Standard Profiles'!$G$19=$B$17,14,0)+IF('Standard Profiles'!$G$19=$B$24,21,0),0)),0)</f>
        <v>3.4181342622705082</v>
      </c>
      <c r="F2697" cm="1">
        <f t="array" ref="F2697">IFERROR(INDEX(Jesper!AJ$2:AJ$366,ROUNDDOWN($C2697/24,0)+1,1)*INDEX($D$3:$AA$30,INDEX(Jesper!$R$2:$R$366,ROW(INDEX(Jesper!AJ$2:AJ$366,ROUNDDOWN($C2697/24,0)+1,1))-1)+IF('Standard Profiles'!$G$20=$B$10,7,0)+IF('Standard Profiles'!$G$20=$B$17,14,0)+IF('Standard Profiles'!$G$20=$B$24,21,0),MOD($C2697,24)+1)/SUM(INDEX($D$3:$AA$30,INDEX(Jesper!$R$2:$R$366,ROW(INDEX(Jesper!AJ$2:AJ$366,ROUNDDOWN($C2697/24,0)+1,1))-1)+IF('Standard Profiles'!$G$20=$B$10,7,0)+IF('Standard Profiles'!$G$20=$B$17,14,0)+IF('Standard Profiles'!$G$20=$B$24,21,0),0)),0)</f>
        <v>0</v>
      </c>
      <c r="G2697" cm="1">
        <f t="array" ref="G2697">IFERROR(INDEX(Jesper!AK$2:AK$366,ROUNDDOWN($C2697/24,0)+1,1)*INDEX($D$3:$AA$30,INDEX(Jesper!$R$2:$R$366,ROW(INDEX(Jesper!AK$2:AK$366,ROUNDDOWN($C2697/24,0)+1,1))-1)+IF('Standard Profiles'!$G$21=$B$10,7,0)+IF('Standard Profiles'!$G$21=$B$17,14,0)+IF('Standard Profiles'!$G$21=$B$24,21,0),MOD($C2697,24)+1)/SUM(INDEX($D$3:$AA$30,INDEX(Jesper!$R$2:$R$366,ROW(INDEX(Jesper!AK$2:AK$366,ROUNDDOWN($C2697/24,0)+1,1))-1)+IF('Standard Profiles'!$G$21=$B$10,7,0)+IF('Standard Profiles'!$G$21=$B$17,14,0)+IF('Standard Profiles'!$G$21=$B$24,21,0),0)),0)</f>
        <v>1.0333161041152519</v>
      </c>
      <c r="H2697" cm="1">
        <f t="array" ref="H2697">IFERROR(INDEX(Jesper!AL$2:AL$366,ROUNDDOWN($C2697/24,0)+1,1)*INDEX($D$3:$AA$30,INDEX(Jesper!$R$2:$R$366,ROW(INDEX(Jesper!AL$2:AL$366,ROUNDDOWN($C2697/24,0)+1,1))-1)+IF('Standard Profiles'!$G$22=$B$10,7,0)+IF('Standard Profiles'!$G$22=$B$17,14,0)+IF('Standard Profiles'!$G$22=$B$24,21,0),MOD($C2697,24)+1)/SUM(INDEX($D$3:$AA$30,INDEX(Jesper!$R$2:$R$366,ROW(INDEX(Jesper!AL$2:AL$366,ROUNDDOWN($C2697/24,0)+1,1))-1)+IF('Standard Profiles'!$G$22=$B$10,7,0)+IF('Standard Profiles'!$G$22=$B$17,14,0)+IF('Standard Profiles'!$G$22=$B$24,21,0),0)),0)</f>
        <v>0</v>
      </c>
      <c r="I2697">
        <f t="shared" si="307"/>
        <v>0.49599172997532065</v>
      </c>
      <c r="J2697">
        <f t="shared" si="308"/>
        <v>8.3715115636861075</v>
      </c>
      <c r="K2697">
        <f t="shared" si="309"/>
        <v>0.56076862568579922</v>
      </c>
      <c r="L2697">
        <f t="shared" si="310"/>
        <v>0.28038431284289961</v>
      </c>
      <c r="M2697">
        <f t="shared" si="311"/>
        <v>0</v>
      </c>
      <c r="N2697" s="45">
        <f t="shared" si="312"/>
        <v>45037.958333326875</v>
      </c>
    </row>
    <row r="2698" spans="2:14" x14ac:dyDescent="0.25">
      <c r="B2698">
        <f t="shared" si="306"/>
        <v>6</v>
      </c>
      <c r="C2698" s="16">
        <v>2664</v>
      </c>
      <c r="D2698" cm="1">
        <f t="array" ref="D2698">IFERROR(INDEX(Jesper!AH$2:AH$366,ROUNDDOWN($C2698/24,0)+1,1)*INDEX($D$3:$AA$30,INDEX(Jesper!$R$2:$R$366,ROW(INDEX(Jesper!AH$2:AH$366,ROUNDDOWN($C2698/24,0)+1,1))-1)+IF('Standard Profiles'!$G$18=$B$10,7,0)+IF('Standard Profiles'!$G$18=$B$17,14,0)+IF('Standard Profiles'!$G$18=$B$24,21,0),MOD($C2698,24)+1)/SUM(INDEX($D$3:$AA$30,INDEX(Jesper!$R$2:$R$366,ROW(INDEX(Jesper!AH$2:AH$366,ROUNDDOWN($C2698/24,0)+1,1))-1)+IF('Standard Profiles'!$G$18=$B$10,7,0)+IF('Standard Profiles'!$G$18=$B$17,14,0)+IF('Standard Profiles'!$G$18=$B$24,21,0),0)),0)</f>
        <v>0</v>
      </c>
      <c r="E2698" cm="1">
        <f t="array" ref="E2698">IFERROR(INDEX(Jesper!AI$2:AI$366,ROUNDDOWN($C2698/24,0)+1,1)*INDEX($D$3:$AA$30,INDEX(Jesper!$R$2:$R$366,ROW(INDEX(Jesper!AI$2:AI$366,ROUNDDOWN($C2698/24,0)+1,1))-1)+IF('Standard Profiles'!$G$19=$B$10,7,0)+IF('Standard Profiles'!$G$19=$B$17,14,0)+IF('Standard Profiles'!$G$19=$B$24,21,0),MOD($C2698,24)+1)/SUM(INDEX($D$3:$AA$30,INDEX(Jesper!$R$2:$R$366,ROW(INDEX(Jesper!AI$2:AI$366,ROUNDDOWN($C2698/24,0)+1,1))-1)+IF('Standard Profiles'!$G$19=$B$10,7,0)+IF('Standard Profiles'!$G$19=$B$17,14,0)+IF('Standard Profiles'!$G$19=$B$24,21,0),0)),0)</f>
        <v>3.1550231677066991</v>
      </c>
      <c r="F2698" cm="1">
        <f t="array" ref="F2698">IFERROR(INDEX(Jesper!AJ$2:AJ$366,ROUNDDOWN($C2698/24,0)+1,1)*INDEX($D$3:$AA$30,INDEX(Jesper!$R$2:$R$366,ROW(INDEX(Jesper!AJ$2:AJ$366,ROUNDDOWN($C2698/24,0)+1,1))-1)+IF('Standard Profiles'!$G$20=$B$10,7,0)+IF('Standard Profiles'!$G$20=$B$17,14,0)+IF('Standard Profiles'!$G$20=$B$24,21,0),MOD($C2698,24)+1)/SUM(INDEX($D$3:$AA$30,INDEX(Jesper!$R$2:$R$366,ROW(INDEX(Jesper!AJ$2:AJ$366,ROUNDDOWN($C2698/24,0)+1,1))-1)+IF('Standard Profiles'!$G$20=$B$10,7,0)+IF('Standard Profiles'!$G$20=$B$17,14,0)+IF('Standard Profiles'!$G$20=$B$24,21,0),0)),0)</f>
        <v>1.6847225696738257</v>
      </c>
      <c r="G2698" cm="1">
        <f t="array" ref="G2698">IFERROR(INDEX(Jesper!AK$2:AK$366,ROUNDDOWN($C2698/24,0)+1,1)*INDEX($D$3:$AA$30,INDEX(Jesper!$R$2:$R$366,ROW(INDEX(Jesper!AK$2:AK$366,ROUNDDOWN($C2698/24,0)+1,1))-1)+IF('Standard Profiles'!$G$21=$B$10,7,0)+IF('Standard Profiles'!$G$21=$B$17,14,0)+IF('Standard Profiles'!$G$21=$B$24,21,0),MOD($C2698,24)+1)/SUM(INDEX($D$3:$AA$30,INDEX(Jesper!$R$2:$R$366,ROW(INDEX(Jesper!AK$2:AK$366,ROUNDDOWN($C2698/24,0)+1,1))-1)+IF('Standard Profiles'!$G$21=$B$10,7,0)+IF('Standard Profiles'!$G$21=$B$17,14,0)+IF('Standard Profiles'!$G$21=$B$24,21,0),0)),0)</f>
        <v>1.0236697092271712</v>
      </c>
      <c r="H2698" cm="1">
        <f t="array" ref="H2698">IFERROR(INDEX(Jesper!AL$2:AL$366,ROUNDDOWN($C2698/24,0)+1,1)*INDEX($D$3:$AA$30,INDEX(Jesper!$R$2:$R$366,ROW(INDEX(Jesper!AL$2:AL$366,ROUNDDOWN($C2698/24,0)+1,1))-1)+IF('Standard Profiles'!$G$22=$B$10,7,0)+IF('Standard Profiles'!$G$22=$B$17,14,0)+IF('Standard Profiles'!$G$22=$B$24,21,0),MOD($C2698,24)+1)/SUM(INDEX($D$3:$AA$30,INDEX(Jesper!$R$2:$R$366,ROW(INDEX(Jesper!AL$2:AL$366,ROUNDDOWN($C2698/24,0)+1,1))-1)+IF('Standard Profiles'!$G$22=$B$10,7,0)+IF('Standard Profiles'!$G$22=$B$17,14,0)+IF('Standard Profiles'!$G$22=$B$24,21,0),0)),0)</f>
        <v>0.23726137311955292</v>
      </c>
      <c r="I2698">
        <f t="shared" si="307"/>
        <v>0.22777091819477094</v>
      </c>
      <c r="J2698">
        <f t="shared" si="308"/>
        <v>5.4943031214076736</v>
      </c>
      <c r="K2698">
        <f t="shared" si="309"/>
        <v>0.25240185341653593</v>
      </c>
      <c r="L2698">
        <f t="shared" si="310"/>
        <v>0.12620092670826796</v>
      </c>
      <c r="M2698">
        <f t="shared" si="311"/>
        <v>0</v>
      </c>
      <c r="N2698" s="45">
        <f t="shared" si="312"/>
        <v>45037.999999993539</v>
      </c>
    </row>
    <row r="2699" spans="2:14" x14ac:dyDescent="0.25">
      <c r="B2699">
        <f t="shared" si="306"/>
        <v>6</v>
      </c>
      <c r="C2699" s="16">
        <v>2665</v>
      </c>
      <c r="D2699" cm="1">
        <f t="array" ref="D2699">IFERROR(INDEX(Jesper!AH$2:AH$366,ROUNDDOWN($C2699/24,0)+1,1)*INDEX($D$3:$AA$30,INDEX(Jesper!$R$2:$R$366,ROW(INDEX(Jesper!AH$2:AH$366,ROUNDDOWN($C2699/24,0)+1,1))-1)+IF('Standard Profiles'!$G$18=$B$10,7,0)+IF('Standard Profiles'!$G$18=$B$17,14,0)+IF('Standard Profiles'!$G$18=$B$24,21,0),MOD($C2699,24)+1)/SUM(INDEX($D$3:$AA$30,INDEX(Jesper!$R$2:$R$366,ROW(INDEX(Jesper!AH$2:AH$366,ROUNDDOWN($C2699/24,0)+1,1))-1)+IF('Standard Profiles'!$G$18=$B$10,7,0)+IF('Standard Profiles'!$G$18=$B$17,14,0)+IF('Standard Profiles'!$G$18=$B$24,21,0),0)),0)</f>
        <v>0</v>
      </c>
      <c r="E2699" cm="1">
        <f t="array" ref="E2699">IFERROR(INDEX(Jesper!AI$2:AI$366,ROUNDDOWN($C2699/24,0)+1,1)*INDEX($D$3:$AA$30,INDEX(Jesper!$R$2:$R$366,ROW(INDEX(Jesper!AI$2:AI$366,ROUNDDOWN($C2699/24,0)+1,1))-1)+IF('Standard Profiles'!$G$19=$B$10,7,0)+IF('Standard Profiles'!$G$19=$B$17,14,0)+IF('Standard Profiles'!$G$19=$B$24,21,0),MOD($C2699,24)+1)/SUM(INDEX($D$3:$AA$30,INDEX(Jesper!$R$2:$R$366,ROW(INDEX(Jesper!AI$2:AI$366,ROUNDDOWN($C2699/24,0)+1,1))-1)+IF('Standard Profiles'!$G$19=$B$10,7,0)+IF('Standard Profiles'!$G$19=$B$17,14,0)+IF('Standard Profiles'!$G$19=$B$24,21,0),0)),0)</f>
        <v>2.8395208509360286</v>
      </c>
      <c r="F2699" cm="1">
        <f t="array" ref="F2699">IFERROR(INDEX(Jesper!AJ$2:AJ$366,ROUNDDOWN($C2699/24,0)+1,1)*INDEX($D$3:$AA$30,INDEX(Jesper!$R$2:$R$366,ROW(INDEX(Jesper!AJ$2:AJ$366,ROUNDDOWN($C2699/24,0)+1,1))-1)+IF('Standard Profiles'!$G$20=$B$10,7,0)+IF('Standard Profiles'!$G$20=$B$17,14,0)+IF('Standard Profiles'!$G$20=$B$24,21,0),MOD($C2699,24)+1)/SUM(INDEX($D$3:$AA$30,INDEX(Jesper!$R$2:$R$366,ROW(INDEX(Jesper!AJ$2:AJ$366,ROUNDDOWN($C2699/24,0)+1,1))-1)+IF('Standard Profiles'!$G$20=$B$10,7,0)+IF('Standard Profiles'!$G$20=$B$17,14,0)+IF('Standard Profiles'!$G$20=$B$24,21,0),0)),0)</f>
        <v>1.5162503127064428</v>
      </c>
      <c r="G2699" cm="1">
        <f t="array" ref="G2699">IFERROR(INDEX(Jesper!AK$2:AK$366,ROUNDDOWN($C2699/24,0)+1,1)*INDEX($D$3:$AA$30,INDEX(Jesper!$R$2:$R$366,ROW(INDEX(Jesper!AK$2:AK$366,ROUNDDOWN($C2699/24,0)+1,1))-1)+IF('Standard Profiles'!$G$21=$B$10,7,0)+IF('Standard Profiles'!$G$21=$B$17,14,0)+IF('Standard Profiles'!$G$21=$B$24,21,0),MOD($C2699,24)+1)/SUM(INDEX($D$3:$AA$30,INDEX(Jesper!$R$2:$R$366,ROW(INDEX(Jesper!AK$2:AK$366,ROUNDDOWN($C2699/24,0)+1,1))-1)+IF('Standard Profiles'!$G$21=$B$10,7,0)+IF('Standard Profiles'!$G$21=$B$17,14,0)+IF('Standard Profiles'!$G$21=$B$24,21,0),0)),0)</f>
        <v>1.0236697092271712</v>
      </c>
      <c r="H2699" cm="1">
        <f t="array" ref="H2699">IFERROR(INDEX(Jesper!AL$2:AL$366,ROUNDDOWN($C2699/24,0)+1,1)*INDEX($D$3:$AA$30,INDEX(Jesper!$R$2:$R$366,ROW(INDEX(Jesper!AL$2:AL$366,ROUNDDOWN($C2699/24,0)+1,1))-1)+IF('Standard Profiles'!$G$22=$B$10,7,0)+IF('Standard Profiles'!$G$22=$B$17,14,0)+IF('Standard Profiles'!$G$22=$B$24,21,0),MOD($C2699,24)+1)/SUM(INDEX($D$3:$AA$30,INDEX(Jesper!$R$2:$R$366,ROW(INDEX(Jesper!AL$2:AL$366,ROUNDDOWN($C2699/24,0)+1,1))-1)+IF('Standard Profiles'!$G$22=$B$10,7,0)+IF('Standard Profiles'!$G$22=$B$17,14,0)+IF('Standard Profiles'!$G$22=$B$24,21,0),0)),0)</f>
        <v>0.46322458561436536</v>
      </c>
      <c r="I2699">
        <f t="shared" si="307"/>
        <v>0.44469560218979098</v>
      </c>
      <c r="J2699">
        <f t="shared" si="308"/>
        <v>5.0572273541818937</v>
      </c>
      <c r="K2699">
        <f t="shared" si="309"/>
        <v>0.22716166807488228</v>
      </c>
      <c r="L2699">
        <f t="shared" si="310"/>
        <v>0.11358083403744114</v>
      </c>
      <c r="M2699">
        <f t="shared" si="311"/>
        <v>0</v>
      </c>
      <c r="N2699" s="45">
        <f t="shared" si="312"/>
        <v>45038.041666660203</v>
      </c>
    </row>
    <row r="2700" spans="2:14" x14ac:dyDescent="0.25">
      <c r="B2700">
        <f t="shared" si="306"/>
        <v>6</v>
      </c>
      <c r="C2700" s="16">
        <v>2666</v>
      </c>
      <c r="D2700" cm="1">
        <f t="array" ref="D2700">IFERROR(INDEX(Jesper!AH$2:AH$366,ROUNDDOWN($C2700/24,0)+1,1)*INDEX($D$3:$AA$30,INDEX(Jesper!$R$2:$R$366,ROW(INDEX(Jesper!AH$2:AH$366,ROUNDDOWN($C2700/24,0)+1,1))-1)+IF('Standard Profiles'!$G$18=$B$10,7,0)+IF('Standard Profiles'!$G$18=$B$17,14,0)+IF('Standard Profiles'!$G$18=$B$24,21,0),MOD($C2700,24)+1)/SUM(INDEX($D$3:$AA$30,INDEX(Jesper!$R$2:$R$366,ROW(INDEX(Jesper!AH$2:AH$366,ROUNDDOWN($C2700/24,0)+1,1))-1)+IF('Standard Profiles'!$G$18=$B$10,7,0)+IF('Standard Profiles'!$G$18=$B$17,14,0)+IF('Standard Profiles'!$G$18=$B$24,21,0),0)),0)</f>
        <v>0</v>
      </c>
      <c r="E2700" cm="1">
        <f t="array" ref="E2700">IFERROR(INDEX(Jesper!AI$2:AI$366,ROUNDDOWN($C2700/24,0)+1,1)*INDEX($D$3:$AA$30,INDEX(Jesper!$R$2:$R$366,ROW(INDEX(Jesper!AI$2:AI$366,ROUNDDOWN($C2700/24,0)+1,1))-1)+IF('Standard Profiles'!$G$19=$B$10,7,0)+IF('Standard Profiles'!$G$19=$B$17,14,0)+IF('Standard Profiles'!$G$19=$B$24,21,0),MOD($C2700,24)+1)/SUM(INDEX($D$3:$AA$30,INDEX(Jesper!$R$2:$R$366,ROW(INDEX(Jesper!AI$2:AI$366,ROUNDDOWN($C2700/24,0)+1,1))-1)+IF('Standard Profiles'!$G$19=$B$10,7,0)+IF('Standard Profiles'!$G$19=$B$17,14,0)+IF('Standard Profiles'!$G$19=$B$24,21,0),0)),0)</f>
        <v>2.8395208509360286</v>
      </c>
      <c r="F2700" cm="1">
        <f t="array" ref="F2700">IFERROR(INDEX(Jesper!AJ$2:AJ$366,ROUNDDOWN($C2700/24,0)+1,1)*INDEX($D$3:$AA$30,INDEX(Jesper!$R$2:$R$366,ROW(INDEX(Jesper!AJ$2:AJ$366,ROUNDDOWN($C2700/24,0)+1,1))-1)+IF('Standard Profiles'!$G$20=$B$10,7,0)+IF('Standard Profiles'!$G$20=$B$17,14,0)+IF('Standard Profiles'!$G$20=$B$24,21,0),MOD($C2700,24)+1)/SUM(INDEX($D$3:$AA$30,INDEX(Jesper!$R$2:$R$366,ROW(INDEX(Jesper!AJ$2:AJ$366,ROUNDDOWN($C2700/24,0)+1,1))-1)+IF('Standard Profiles'!$G$20=$B$10,7,0)+IF('Standard Profiles'!$G$20=$B$17,14,0)+IF('Standard Profiles'!$G$20=$B$24,21,0),0)),0)</f>
        <v>1.5162503127064428</v>
      </c>
      <c r="G2700" cm="1">
        <f t="array" ref="G2700">IFERROR(INDEX(Jesper!AK$2:AK$366,ROUNDDOWN($C2700/24,0)+1,1)*INDEX($D$3:$AA$30,INDEX(Jesper!$R$2:$R$366,ROW(INDEX(Jesper!AK$2:AK$366,ROUNDDOWN($C2700/24,0)+1,1))-1)+IF('Standard Profiles'!$G$21=$B$10,7,0)+IF('Standard Profiles'!$G$21=$B$17,14,0)+IF('Standard Profiles'!$G$21=$B$24,21,0),MOD($C2700,24)+1)/SUM(INDEX($D$3:$AA$30,INDEX(Jesper!$R$2:$R$366,ROW(INDEX(Jesper!AK$2:AK$366,ROUNDDOWN($C2700/24,0)+1,1))-1)+IF('Standard Profiles'!$G$21=$B$10,7,0)+IF('Standard Profiles'!$G$21=$B$17,14,0)+IF('Standard Profiles'!$G$21=$B$24,21,0),0)),0)</f>
        <v>1.0236697092271712</v>
      </c>
      <c r="H2700" cm="1">
        <f t="array" ref="H2700">IFERROR(INDEX(Jesper!AL$2:AL$366,ROUNDDOWN($C2700/24,0)+1,1)*INDEX($D$3:$AA$30,INDEX(Jesper!$R$2:$R$366,ROW(INDEX(Jesper!AL$2:AL$366,ROUNDDOWN($C2700/24,0)+1,1))-1)+IF('Standard Profiles'!$G$22=$B$10,7,0)+IF('Standard Profiles'!$G$22=$B$17,14,0)+IF('Standard Profiles'!$G$22=$B$24,21,0),MOD($C2700,24)+1)/SUM(INDEX($D$3:$AA$30,INDEX(Jesper!$R$2:$R$366,ROW(INDEX(Jesper!AL$2:AL$366,ROUNDDOWN($C2700/24,0)+1,1))-1)+IF('Standard Profiles'!$G$22=$B$10,7,0)+IF('Standard Profiles'!$G$22=$B$17,14,0)+IF('Standard Profiles'!$G$22=$B$24,21,0),0)),0)</f>
        <v>0.46322458561436536</v>
      </c>
      <c r="I2700">
        <f t="shared" si="307"/>
        <v>0.44469560218979098</v>
      </c>
      <c r="J2700">
        <f t="shared" si="308"/>
        <v>5.0572273541818937</v>
      </c>
      <c r="K2700">
        <f t="shared" si="309"/>
        <v>0.22716166807488228</v>
      </c>
      <c r="L2700">
        <f t="shared" si="310"/>
        <v>0.11358083403744114</v>
      </c>
      <c r="M2700">
        <f t="shared" si="311"/>
        <v>0</v>
      </c>
      <c r="N2700" s="45">
        <f t="shared" si="312"/>
        <v>45038.083333326867</v>
      </c>
    </row>
    <row r="2701" spans="2:14" x14ac:dyDescent="0.25">
      <c r="B2701">
        <f t="shared" si="306"/>
        <v>6</v>
      </c>
      <c r="C2701" s="16">
        <v>2667</v>
      </c>
      <c r="D2701" cm="1">
        <f t="array" ref="D2701">IFERROR(INDEX(Jesper!AH$2:AH$366,ROUNDDOWN($C2701/24,0)+1,1)*INDEX($D$3:$AA$30,INDEX(Jesper!$R$2:$R$366,ROW(INDEX(Jesper!AH$2:AH$366,ROUNDDOWN($C2701/24,0)+1,1))-1)+IF('Standard Profiles'!$G$18=$B$10,7,0)+IF('Standard Profiles'!$G$18=$B$17,14,0)+IF('Standard Profiles'!$G$18=$B$24,21,0),MOD($C2701,24)+1)/SUM(INDEX($D$3:$AA$30,INDEX(Jesper!$R$2:$R$366,ROW(INDEX(Jesper!AH$2:AH$366,ROUNDDOWN($C2701/24,0)+1,1))-1)+IF('Standard Profiles'!$G$18=$B$10,7,0)+IF('Standard Profiles'!$G$18=$B$17,14,0)+IF('Standard Profiles'!$G$18=$B$24,21,0),0)),0)</f>
        <v>0</v>
      </c>
      <c r="E2701" cm="1">
        <f t="array" ref="E2701">IFERROR(INDEX(Jesper!AI$2:AI$366,ROUNDDOWN($C2701/24,0)+1,1)*INDEX($D$3:$AA$30,INDEX(Jesper!$R$2:$R$366,ROW(INDEX(Jesper!AI$2:AI$366,ROUNDDOWN($C2701/24,0)+1,1))-1)+IF('Standard Profiles'!$G$19=$B$10,7,0)+IF('Standard Profiles'!$G$19=$B$17,14,0)+IF('Standard Profiles'!$G$19=$B$24,21,0),MOD($C2701,24)+1)/SUM(INDEX($D$3:$AA$30,INDEX(Jesper!$R$2:$R$366,ROW(INDEX(Jesper!AI$2:AI$366,ROUNDDOWN($C2701/24,0)+1,1))-1)+IF('Standard Profiles'!$G$19=$B$10,7,0)+IF('Standard Profiles'!$G$19=$B$17,14,0)+IF('Standard Profiles'!$G$19=$B$24,21,0),0)),0)</f>
        <v>2.8395208509360286</v>
      </c>
      <c r="F2701" cm="1">
        <f t="array" ref="F2701">IFERROR(INDEX(Jesper!AJ$2:AJ$366,ROUNDDOWN($C2701/24,0)+1,1)*INDEX($D$3:$AA$30,INDEX(Jesper!$R$2:$R$366,ROW(INDEX(Jesper!AJ$2:AJ$366,ROUNDDOWN($C2701/24,0)+1,1))-1)+IF('Standard Profiles'!$G$20=$B$10,7,0)+IF('Standard Profiles'!$G$20=$B$17,14,0)+IF('Standard Profiles'!$G$20=$B$24,21,0),MOD($C2701,24)+1)/SUM(INDEX($D$3:$AA$30,INDEX(Jesper!$R$2:$R$366,ROW(INDEX(Jesper!AJ$2:AJ$366,ROUNDDOWN($C2701/24,0)+1,1))-1)+IF('Standard Profiles'!$G$20=$B$10,7,0)+IF('Standard Profiles'!$G$20=$B$17,14,0)+IF('Standard Profiles'!$G$20=$B$24,21,0),0)),0)</f>
        <v>1.5162503127064428</v>
      </c>
      <c r="G2701" cm="1">
        <f t="array" ref="G2701">IFERROR(INDEX(Jesper!AK$2:AK$366,ROUNDDOWN($C2701/24,0)+1,1)*INDEX($D$3:$AA$30,INDEX(Jesper!$R$2:$R$366,ROW(INDEX(Jesper!AK$2:AK$366,ROUNDDOWN($C2701/24,0)+1,1))-1)+IF('Standard Profiles'!$G$21=$B$10,7,0)+IF('Standard Profiles'!$G$21=$B$17,14,0)+IF('Standard Profiles'!$G$21=$B$24,21,0),MOD($C2701,24)+1)/SUM(INDEX($D$3:$AA$30,INDEX(Jesper!$R$2:$R$366,ROW(INDEX(Jesper!AK$2:AK$366,ROUNDDOWN($C2701/24,0)+1,1))-1)+IF('Standard Profiles'!$G$21=$B$10,7,0)+IF('Standard Profiles'!$G$21=$B$17,14,0)+IF('Standard Profiles'!$G$21=$B$24,21,0),0)),0)</f>
        <v>1.0236697092271712</v>
      </c>
      <c r="H2701" cm="1">
        <f t="array" ref="H2701">IFERROR(INDEX(Jesper!AL$2:AL$366,ROUNDDOWN($C2701/24,0)+1,1)*INDEX($D$3:$AA$30,INDEX(Jesper!$R$2:$R$366,ROW(INDEX(Jesper!AL$2:AL$366,ROUNDDOWN($C2701/24,0)+1,1))-1)+IF('Standard Profiles'!$G$22=$B$10,7,0)+IF('Standard Profiles'!$G$22=$B$17,14,0)+IF('Standard Profiles'!$G$22=$B$24,21,0),MOD($C2701,24)+1)/SUM(INDEX($D$3:$AA$30,INDEX(Jesper!$R$2:$R$366,ROW(INDEX(Jesper!AL$2:AL$366,ROUNDDOWN($C2701/24,0)+1,1))-1)+IF('Standard Profiles'!$G$22=$B$10,7,0)+IF('Standard Profiles'!$G$22=$B$17,14,0)+IF('Standard Profiles'!$G$22=$B$24,21,0),0)),0)</f>
        <v>0.46322458561436536</v>
      </c>
      <c r="I2701">
        <f t="shared" si="307"/>
        <v>0.44469560218979098</v>
      </c>
      <c r="J2701">
        <f t="shared" si="308"/>
        <v>5.0572273541818937</v>
      </c>
      <c r="K2701">
        <f t="shared" si="309"/>
        <v>0.22716166807488228</v>
      </c>
      <c r="L2701">
        <f t="shared" si="310"/>
        <v>0.11358083403744114</v>
      </c>
      <c r="M2701">
        <f t="shared" si="311"/>
        <v>0</v>
      </c>
      <c r="N2701" s="45">
        <f t="shared" si="312"/>
        <v>45038.124999993532</v>
      </c>
    </row>
    <row r="2702" spans="2:14" x14ac:dyDescent="0.25">
      <c r="B2702">
        <f t="shared" si="306"/>
        <v>6</v>
      </c>
      <c r="C2702" s="16">
        <v>2668</v>
      </c>
      <c r="D2702" cm="1">
        <f t="array" ref="D2702">IFERROR(INDEX(Jesper!AH$2:AH$366,ROUNDDOWN($C2702/24,0)+1,1)*INDEX($D$3:$AA$30,INDEX(Jesper!$R$2:$R$366,ROW(INDEX(Jesper!AH$2:AH$366,ROUNDDOWN($C2702/24,0)+1,1))-1)+IF('Standard Profiles'!$G$18=$B$10,7,0)+IF('Standard Profiles'!$G$18=$B$17,14,0)+IF('Standard Profiles'!$G$18=$B$24,21,0),MOD($C2702,24)+1)/SUM(INDEX($D$3:$AA$30,INDEX(Jesper!$R$2:$R$366,ROW(INDEX(Jesper!AH$2:AH$366,ROUNDDOWN($C2702/24,0)+1,1))-1)+IF('Standard Profiles'!$G$18=$B$10,7,0)+IF('Standard Profiles'!$G$18=$B$17,14,0)+IF('Standard Profiles'!$G$18=$B$24,21,0),0)),0)</f>
        <v>0</v>
      </c>
      <c r="E2702" cm="1">
        <f t="array" ref="E2702">IFERROR(INDEX(Jesper!AI$2:AI$366,ROUNDDOWN($C2702/24,0)+1,1)*INDEX($D$3:$AA$30,INDEX(Jesper!$R$2:$R$366,ROW(INDEX(Jesper!AI$2:AI$366,ROUNDDOWN($C2702/24,0)+1,1))-1)+IF('Standard Profiles'!$G$19=$B$10,7,0)+IF('Standard Profiles'!$G$19=$B$17,14,0)+IF('Standard Profiles'!$G$19=$B$24,21,0),MOD($C2702,24)+1)/SUM(INDEX($D$3:$AA$30,INDEX(Jesper!$R$2:$R$366,ROW(INDEX(Jesper!AI$2:AI$366,ROUNDDOWN($C2702/24,0)+1,1))-1)+IF('Standard Profiles'!$G$19=$B$10,7,0)+IF('Standard Profiles'!$G$19=$B$17,14,0)+IF('Standard Profiles'!$G$19=$B$24,21,0),0)),0)</f>
        <v>2.8395208509360286</v>
      </c>
      <c r="F2702" cm="1">
        <f t="array" ref="F2702">IFERROR(INDEX(Jesper!AJ$2:AJ$366,ROUNDDOWN($C2702/24,0)+1,1)*INDEX($D$3:$AA$30,INDEX(Jesper!$R$2:$R$366,ROW(INDEX(Jesper!AJ$2:AJ$366,ROUNDDOWN($C2702/24,0)+1,1))-1)+IF('Standard Profiles'!$G$20=$B$10,7,0)+IF('Standard Profiles'!$G$20=$B$17,14,0)+IF('Standard Profiles'!$G$20=$B$24,21,0),MOD($C2702,24)+1)/SUM(INDEX($D$3:$AA$30,INDEX(Jesper!$R$2:$R$366,ROW(INDEX(Jesper!AJ$2:AJ$366,ROUNDDOWN($C2702/24,0)+1,1))-1)+IF('Standard Profiles'!$G$20=$B$10,7,0)+IF('Standard Profiles'!$G$20=$B$17,14,0)+IF('Standard Profiles'!$G$20=$B$24,21,0),0)),0)</f>
        <v>1.5162503127064428</v>
      </c>
      <c r="G2702" cm="1">
        <f t="array" ref="G2702">IFERROR(INDEX(Jesper!AK$2:AK$366,ROUNDDOWN($C2702/24,0)+1,1)*INDEX($D$3:$AA$30,INDEX(Jesper!$R$2:$R$366,ROW(INDEX(Jesper!AK$2:AK$366,ROUNDDOWN($C2702/24,0)+1,1))-1)+IF('Standard Profiles'!$G$21=$B$10,7,0)+IF('Standard Profiles'!$G$21=$B$17,14,0)+IF('Standard Profiles'!$G$21=$B$24,21,0),MOD($C2702,24)+1)/SUM(INDEX($D$3:$AA$30,INDEX(Jesper!$R$2:$R$366,ROW(INDEX(Jesper!AK$2:AK$366,ROUNDDOWN($C2702/24,0)+1,1))-1)+IF('Standard Profiles'!$G$21=$B$10,7,0)+IF('Standard Profiles'!$G$21=$B$17,14,0)+IF('Standard Profiles'!$G$21=$B$24,21,0),0)),0)</f>
        <v>1.0236697092271712</v>
      </c>
      <c r="H2702" cm="1">
        <f t="array" ref="H2702">IFERROR(INDEX(Jesper!AL$2:AL$366,ROUNDDOWN($C2702/24,0)+1,1)*INDEX($D$3:$AA$30,INDEX(Jesper!$R$2:$R$366,ROW(INDEX(Jesper!AL$2:AL$366,ROUNDDOWN($C2702/24,0)+1,1))-1)+IF('Standard Profiles'!$G$22=$B$10,7,0)+IF('Standard Profiles'!$G$22=$B$17,14,0)+IF('Standard Profiles'!$G$22=$B$24,21,0),MOD($C2702,24)+1)/SUM(INDEX($D$3:$AA$30,INDEX(Jesper!$R$2:$R$366,ROW(INDEX(Jesper!AL$2:AL$366,ROUNDDOWN($C2702/24,0)+1,1))-1)+IF('Standard Profiles'!$G$22=$B$10,7,0)+IF('Standard Profiles'!$G$22=$B$17,14,0)+IF('Standard Profiles'!$G$22=$B$24,21,0),0)),0)</f>
        <v>0.46322458561436536</v>
      </c>
      <c r="I2702">
        <f t="shared" si="307"/>
        <v>0.44469560218979098</v>
      </c>
      <c r="J2702">
        <f t="shared" si="308"/>
        <v>5.0572273541818937</v>
      </c>
      <c r="K2702">
        <f t="shared" si="309"/>
        <v>0.22716166807488228</v>
      </c>
      <c r="L2702">
        <f t="shared" si="310"/>
        <v>0.11358083403744114</v>
      </c>
      <c r="M2702">
        <f t="shared" si="311"/>
        <v>0</v>
      </c>
      <c r="N2702" s="45">
        <f t="shared" si="312"/>
        <v>45038.166666660196</v>
      </c>
    </row>
    <row r="2703" spans="2:14" x14ac:dyDescent="0.25">
      <c r="B2703">
        <f t="shared" si="306"/>
        <v>6</v>
      </c>
      <c r="C2703" s="16">
        <v>2669</v>
      </c>
      <c r="D2703" cm="1">
        <f t="array" ref="D2703">IFERROR(INDEX(Jesper!AH$2:AH$366,ROUNDDOWN($C2703/24,0)+1,1)*INDEX($D$3:$AA$30,INDEX(Jesper!$R$2:$R$366,ROW(INDEX(Jesper!AH$2:AH$366,ROUNDDOWN($C2703/24,0)+1,1))-1)+IF('Standard Profiles'!$G$18=$B$10,7,0)+IF('Standard Profiles'!$G$18=$B$17,14,0)+IF('Standard Profiles'!$G$18=$B$24,21,0),MOD($C2703,24)+1)/SUM(INDEX($D$3:$AA$30,INDEX(Jesper!$R$2:$R$366,ROW(INDEX(Jesper!AH$2:AH$366,ROUNDDOWN($C2703/24,0)+1,1))-1)+IF('Standard Profiles'!$G$18=$B$10,7,0)+IF('Standard Profiles'!$G$18=$B$17,14,0)+IF('Standard Profiles'!$G$18=$B$24,21,0),0)),0)</f>
        <v>0</v>
      </c>
      <c r="E2703" cm="1">
        <f t="array" ref="E2703">IFERROR(INDEX(Jesper!AI$2:AI$366,ROUNDDOWN($C2703/24,0)+1,1)*INDEX($D$3:$AA$30,INDEX(Jesper!$R$2:$R$366,ROW(INDEX(Jesper!AI$2:AI$366,ROUNDDOWN($C2703/24,0)+1,1))-1)+IF('Standard Profiles'!$G$19=$B$10,7,0)+IF('Standard Profiles'!$G$19=$B$17,14,0)+IF('Standard Profiles'!$G$19=$B$24,21,0),MOD($C2703,24)+1)/SUM(INDEX($D$3:$AA$30,INDEX(Jesper!$R$2:$R$366,ROW(INDEX(Jesper!AI$2:AI$366,ROUNDDOWN($C2703/24,0)+1,1))-1)+IF('Standard Profiles'!$G$19=$B$10,7,0)+IF('Standard Profiles'!$G$19=$B$17,14,0)+IF('Standard Profiles'!$G$19=$B$24,21,0),0)),0)</f>
        <v>2.8395208509360286</v>
      </c>
      <c r="F2703" cm="1">
        <f t="array" ref="F2703">IFERROR(INDEX(Jesper!AJ$2:AJ$366,ROUNDDOWN($C2703/24,0)+1,1)*INDEX($D$3:$AA$30,INDEX(Jesper!$R$2:$R$366,ROW(INDEX(Jesper!AJ$2:AJ$366,ROUNDDOWN($C2703/24,0)+1,1))-1)+IF('Standard Profiles'!$G$20=$B$10,7,0)+IF('Standard Profiles'!$G$20=$B$17,14,0)+IF('Standard Profiles'!$G$20=$B$24,21,0),MOD($C2703,24)+1)/SUM(INDEX($D$3:$AA$30,INDEX(Jesper!$R$2:$R$366,ROW(INDEX(Jesper!AJ$2:AJ$366,ROUNDDOWN($C2703/24,0)+1,1))-1)+IF('Standard Profiles'!$G$20=$B$10,7,0)+IF('Standard Profiles'!$G$20=$B$17,14,0)+IF('Standard Profiles'!$G$20=$B$24,21,0),0)),0)</f>
        <v>1.5162503127064428</v>
      </c>
      <c r="G2703" cm="1">
        <f t="array" ref="G2703">IFERROR(INDEX(Jesper!AK$2:AK$366,ROUNDDOWN($C2703/24,0)+1,1)*INDEX($D$3:$AA$30,INDEX(Jesper!$R$2:$R$366,ROW(INDEX(Jesper!AK$2:AK$366,ROUNDDOWN($C2703/24,0)+1,1))-1)+IF('Standard Profiles'!$G$21=$B$10,7,0)+IF('Standard Profiles'!$G$21=$B$17,14,0)+IF('Standard Profiles'!$G$21=$B$24,21,0),MOD($C2703,24)+1)/SUM(INDEX($D$3:$AA$30,INDEX(Jesper!$R$2:$R$366,ROW(INDEX(Jesper!AK$2:AK$366,ROUNDDOWN($C2703/24,0)+1,1))-1)+IF('Standard Profiles'!$G$21=$B$10,7,0)+IF('Standard Profiles'!$G$21=$B$17,14,0)+IF('Standard Profiles'!$G$21=$B$24,21,0),0)),0)</f>
        <v>1.0236697092271712</v>
      </c>
      <c r="H2703" cm="1">
        <f t="array" ref="H2703">IFERROR(INDEX(Jesper!AL$2:AL$366,ROUNDDOWN($C2703/24,0)+1,1)*INDEX($D$3:$AA$30,INDEX(Jesper!$R$2:$R$366,ROW(INDEX(Jesper!AL$2:AL$366,ROUNDDOWN($C2703/24,0)+1,1))-1)+IF('Standard Profiles'!$G$22=$B$10,7,0)+IF('Standard Profiles'!$G$22=$B$17,14,0)+IF('Standard Profiles'!$G$22=$B$24,21,0),MOD($C2703,24)+1)/SUM(INDEX($D$3:$AA$30,INDEX(Jesper!$R$2:$R$366,ROW(INDEX(Jesper!AL$2:AL$366,ROUNDDOWN($C2703/24,0)+1,1))-1)+IF('Standard Profiles'!$G$22=$B$10,7,0)+IF('Standard Profiles'!$G$22=$B$17,14,0)+IF('Standard Profiles'!$G$22=$B$24,21,0),0)),0)</f>
        <v>0.57620619186177147</v>
      </c>
      <c r="I2703">
        <f t="shared" si="307"/>
        <v>0.55315794418730091</v>
      </c>
      <c r="J2703">
        <f t="shared" si="308"/>
        <v>5.0617466184317896</v>
      </c>
      <c r="K2703">
        <f t="shared" si="309"/>
        <v>0.22716166807488228</v>
      </c>
      <c r="L2703">
        <f t="shared" si="310"/>
        <v>0.11358083403744114</v>
      </c>
      <c r="M2703">
        <f t="shared" si="311"/>
        <v>0</v>
      </c>
      <c r="N2703" s="45">
        <f t="shared" si="312"/>
        <v>45038.20833332686</v>
      </c>
    </row>
    <row r="2704" spans="2:14" x14ac:dyDescent="0.25">
      <c r="B2704">
        <f t="shared" si="306"/>
        <v>6</v>
      </c>
      <c r="C2704" s="16">
        <v>2670</v>
      </c>
      <c r="D2704" cm="1">
        <f t="array" ref="D2704">IFERROR(INDEX(Jesper!AH$2:AH$366,ROUNDDOWN($C2704/24,0)+1,1)*INDEX($D$3:$AA$30,INDEX(Jesper!$R$2:$R$366,ROW(INDEX(Jesper!AH$2:AH$366,ROUNDDOWN($C2704/24,0)+1,1))-1)+IF('Standard Profiles'!$G$18=$B$10,7,0)+IF('Standard Profiles'!$G$18=$B$17,14,0)+IF('Standard Profiles'!$G$18=$B$24,21,0),MOD($C2704,24)+1)/SUM(INDEX($D$3:$AA$30,INDEX(Jesper!$R$2:$R$366,ROW(INDEX(Jesper!AH$2:AH$366,ROUNDDOWN($C2704/24,0)+1,1))-1)+IF('Standard Profiles'!$G$18=$B$10,7,0)+IF('Standard Profiles'!$G$18=$B$17,14,0)+IF('Standard Profiles'!$G$18=$B$24,21,0),0)),0)</f>
        <v>0</v>
      </c>
      <c r="E2704" cm="1">
        <f t="array" ref="E2704">IFERROR(INDEX(Jesper!AI$2:AI$366,ROUNDDOWN($C2704/24,0)+1,1)*INDEX($D$3:$AA$30,INDEX(Jesper!$R$2:$R$366,ROW(INDEX(Jesper!AI$2:AI$366,ROUNDDOWN($C2704/24,0)+1,1))-1)+IF('Standard Profiles'!$G$19=$B$10,7,0)+IF('Standard Profiles'!$G$19=$B$17,14,0)+IF('Standard Profiles'!$G$19=$B$24,21,0),MOD($C2704,24)+1)/SUM(INDEX($D$3:$AA$30,INDEX(Jesper!$R$2:$R$366,ROW(INDEX(Jesper!AI$2:AI$366,ROUNDDOWN($C2704/24,0)+1,1))-1)+IF('Standard Profiles'!$G$19=$B$10,7,0)+IF('Standard Profiles'!$G$19=$B$17,14,0)+IF('Standard Profiles'!$G$19=$B$24,21,0),0)),0)</f>
        <v>2.8395208509360286</v>
      </c>
      <c r="F2704" cm="1">
        <f t="array" ref="F2704">IFERROR(INDEX(Jesper!AJ$2:AJ$366,ROUNDDOWN($C2704/24,0)+1,1)*INDEX($D$3:$AA$30,INDEX(Jesper!$R$2:$R$366,ROW(INDEX(Jesper!AJ$2:AJ$366,ROUNDDOWN($C2704/24,0)+1,1))-1)+IF('Standard Profiles'!$G$20=$B$10,7,0)+IF('Standard Profiles'!$G$20=$B$17,14,0)+IF('Standard Profiles'!$G$20=$B$24,21,0),MOD($C2704,24)+1)/SUM(INDEX($D$3:$AA$30,INDEX(Jesper!$R$2:$R$366,ROW(INDEX(Jesper!AJ$2:AJ$366,ROUNDDOWN($C2704/24,0)+1,1))-1)+IF('Standard Profiles'!$G$20=$B$10,7,0)+IF('Standard Profiles'!$G$20=$B$17,14,0)+IF('Standard Profiles'!$G$20=$B$24,21,0),0)),0)</f>
        <v>1.5162503127064428</v>
      </c>
      <c r="G2704" cm="1">
        <f t="array" ref="G2704">IFERROR(INDEX(Jesper!AK$2:AK$366,ROUNDDOWN($C2704/24,0)+1,1)*INDEX($D$3:$AA$30,INDEX(Jesper!$R$2:$R$366,ROW(INDEX(Jesper!AK$2:AK$366,ROUNDDOWN($C2704/24,0)+1,1))-1)+IF('Standard Profiles'!$G$21=$B$10,7,0)+IF('Standard Profiles'!$G$21=$B$17,14,0)+IF('Standard Profiles'!$G$21=$B$24,21,0),MOD($C2704,24)+1)/SUM(INDEX($D$3:$AA$30,INDEX(Jesper!$R$2:$R$366,ROW(INDEX(Jesper!AK$2:AK$366,ROUNDDOWN($C2704/24,0)+1,1))-1)+IF('Standard Profiles'!$G$21=$B$10,7,0)+IF('Standard Profiles'!$G$21=$B$17,14,0)+IF('Standard Profiles'!$G$21=$B$24,21,0),0)),0)</f>
        <v>1.0236697092271712</v>
      </c>
      <c r="H2704" cm="1">
        <f t="array" ref="H2704">IFERROR(INDEX(Jesper!AL$2:AL$366,ROUNDDOWN($C2704/24,0)+1,1)*INDEX($D$3:$AA$30,INDEX(Jesper!$R$2:$R$366,ROW(INDEX(Jesper!AL$2:AL$366,ROUNDDOWN($C2704/24,0)+1,1))-1)+IF('Standard Profiles'!$G$22=$B$10,7,0)+IF('Standard Profiles'!$G$22=$B$17,14,0)+IF('Standard Profiles'!$G$22=$B$24,21,0),MOD($C2704,24)+1)/SUM(INDEX($D$3:$AA$30,INDEX(Jesper!$R$2:$R$366,ROW(INDEX(Jesper!AL$2:AL$366,ROUNDDOWN($C2704/24,0)+1,1))-1)+IF('Standard Profiles'!$G$22=$B$10,7,0)+IF('Standard Profiles'!$G$22=$B$17,14,0)+IF('Standard Profiles'!$G$22=$B$24,21,0),0)),0)</f>
        <v>0.72308227998339947</v>
      </c>
      <c r="I2704">
        <f t="shared" si="307"/>
        <v>0.6941589887840639</v>
      </c>
      <c r="J2704">
        <f t="shared" si="308"/>
        <v>5.0676216619566548</v>
      </c>
      <c r="K2704">
        <f t="shared" si="309"/>
        <v>0.22716166807488228</v>
      </c>
      <c r="L2704">
        <f t="shared" si="310"/>
        <v>0.11358083403744114</v>
      </c>
      <c r="M2704">
        <f t="shared" si="311"/>
        <v>0</v>
      </c>
      <c r="N2704" s="45">
        <f t="shared" si="312"/>
        <v>45038.249999993524</v>
      </c>
    </row>
    <row r="2705" spans="2:14" x14ac:dyDescent="0.25">
      <c r="B2705">
        <f t="shared" si="306"/>
        <v>6</v>
      </c>
      <c r="C2705" s="16">
        <v>2671</v>
      </c>
      <c r="D2705" cm="1">
        <f t="array" ref="D2705">IFERROR(INDEX(Jesper!AH$2:AH$366,ROUNDDOWN($C2705/24,0)+1,1)*INDEX($D$3:$AA$30,INDEX(Jesper!$R$2:$R$366,ROW(INDEX(Jesper!AH$2:AH$366,ROUNDDOWN($C2705/24,0)+1,1))-1)+IF('Standard Profiles'!$G$18=$B$10,7,0)+IF('Standard Profiles'!$G$18=$B$17,14,0)+IF('Standard Profiles'!$G$18=$B$24,21,0),MOD($C2705,24)+1)/SUM(INDEX($D$3:$AA$30,INDEX(Jesper!$R$2:$R$366,ROW(INDEX(Jesper!AH$2:AH$366,ROUNDDOWN($C2705/24,0)+1,1))-1)+IF('Standard Profiles'!$G$18=$B$10,7,0)+IF('Standard Profiles'!$G$18=$B$17,14,0)+IF('Standard Profiles'!$G$18=$B$24,21,0),0)),0)</f>
        <v>0</v>
      </c>
      <c r="E2705" cm="1">
        <f t="array" ref="E2705">IFERROR(INDEX(Jesper!AI$2:AI$366,ROUNDDOWN($C2705/24,0)+1,1)*INDEX($D$3:$AA$30,INDEX(Jesper!$R$2:$R$366,ROW(INDEX(Jesper!AI$2:AI$366,ROUNDDOWN($C2705/24,0)+1,1))-1)+IF('Standard Profiles'!$G$19=$B$10,7,0)+IF('Standard Profiles'!$G$19=$B$17,14,0)+IF('Standard Profiles'!$G$19=$B$24,21,0),MOD($C2705,24)+1)/SUM(INDEX($D$3:$AA$30,INDEX(Jesper!$R$2:$R$366,ROW(INDEX(Jesper!AI$2:AI$366,ROUNDDOWN($C2705/24,0)+1,1))-1)+IF('Standard Profiles'!$G$19=$B$10,7,0)+IF('Standard Profiles'!$G$19=$B$17,14,0)+IF('Standard Profiles'!$G$19=$B$24,21,0),0)),0)</f>
        <v>2.8395208509360286</v>
      </c>
      <c r="F2705" cm="1">
        <f t="array" ref="F2705">IFERROR(INDEX(Jesper!AJ$2:AJ$366,ROUNDDOWN($C2705/24,0)+1,1)*INDEX($D$3:$AA$30,INDEX(Jesper!$R$2:$R$366,ROW(INDEX(Jesper!AJ$2:AJ$366,ROUNDDOWN($C2705/24,0)+1,1))-1)+IF('Standard Profiles'!$G$20=$B$10,7,0)+IF('Standard Profiles'!$G$20=$B$17,14,0)+IF('Standard Profiles'!$G$20=$B$24,21,0),MOD($C2705,24)+1)/SUM(INDEX($D$3:$AA$30,INDEX(Jesper!$R$2:$R$366,ROW(INDEX(Jesper!AJ$2:AJ$366,ROUNDDOWN($C2705/24,0)+1,1))-1)+IF('Standard Profiles'!$G$20=$B$10,7,0)+IF('Standard Profiles'!$G$20=$B$17,14,0)+IF('Standard Profiles'!$G$20=$B$24,21,0),0)),0)</f>
        <v>1.5162503127064428</v>
      </c>
      <c r="G2705" cm="1">
        <f t="array" ref="G2705">IFERROR(INDEX(Jesper!AK$2:AK$366,ROUNDDOWN($C2705/24,0)+1,1)*INDEX($D$3:$AA$30,INDEX(Jesper!$R$2:$R$366,ROW(INDEX(Jesper!AK$2:AK$366,ROUNDDOWN($C2705/24,0)+1,1))-1)+IF('Standard Profiles'!$G$21=$B$10,7,0)+IF('Standard Profiles'!$G$21=$B$17,14,0)+IF('Standard Profiles'!$G$21=$B$24,21,0),MOD($C2705,24)+1)/SUM(INDEX($D$3:$AA$30,INDEX(Jesper!$R$2:$R$366,ROW(INDEX(Jesper!AK$2:AK$366,ROUNDDOWN($C2705/24,0)+1,1))-1)+IF('Standard Profiles'!$G$21=$B$10,7,0)+IF('Standard Profiles'!$G$21=$B$17,14,0)+IF('Standard Profiles'!$G$21=$B$24,21,0),0)),0)</f>
        <v>1.0236697092271712</v>
      </c>
      <c r="H2705" cm="1">
        <f t="array" ref="H2705">IFERROR(INDEX(Jesper!AL$2:AL$366,ROUNDDOWN($C2705/24,0)+1,1)*INDEX($D$3:$AA$30,INDEX(Jesper!$R$2:$R$366,ROW(INDEX(Jesper!AL$2:AL$366,ROUNDDOWN($C2705/24,0)+1,1))-1)+IF('Standard Profiles'!$G$22=$B$10,7,0)+IF('Standard Profiles'!$G$22=$B$17,14,0)+IF('Standard Profiles'!$G$22=$B$24,21,0),MOD($C2705,24)+1)/SUM(INDEX($D$3:$AA$30,INDEX(Jesper!$R$2:$R$366,ROW(INDEX(Jesper!AL$2:AL$366,ROUNDDOWN($C2705/24,0)+1,1))-1)+IF('Standard Profiles'!$G$22=$B$10,7,0)+IF('Standard Profiles'!$G$22=$B$17,14,0)+IF('Standard Profiles'!$G$22=$B$24,21,0),0)),0)</f>
        <v>0.82476572560606498</v>
      </c>
      <c r="I2705">
        <f t="shared" si="307"/>
        <v>0.79177509658182277</v>
      </c>
      <c r="J2705">
        <f t="shared" si="308"/>
        <v>5.0716889997815615</v>
      </c>
      <c r="K2705">
        <f t="shared" si="309"/>
        <v>0.22716166807488228</v>
      </c>
      <c r="L2705">
        <f t="shared" si="310"/>
        <v>0.11358083403744114</v>
      </c>
      <c r="M2705">
        <f t="shared" si="311"/>
        <v>0</v>
      </c>
      <c r="N2705" s="45">
        <f t="shared" si="312"/>
        <v>45038.291666660189</v>
      </c>
    </row>
    <row r="2706" spans="2:14" x14ac:dyDescent="0.25">
      <c r="B2706">
        <f t="shared" si="306"/>
        <v>6</v>
      </c>
      <c r="C2706" s="16">
        <v>2672</v>
      </c>
      <c r="D2706" cm="1">
        <f t="array" ref="D2706">IFERROR(INDEX(Jesper!AH$2:AH$366,ROUNDDOWN($C2706/24,0)+1,1)*INDEX($D$3:$AA$30,INDEX(Jesper!$R$2:$R$366,ROW(INDEX(Jesper!AH$2:AH$366,ROUNDDOWN($C2706/24,0)+1,1))-1)+IF('Standard Profiles'!$G$18=$B$10,7,0)+IF('Standard Profiles'!$G$18=$B$17,14,0)+IF('Standard Profiles'!$G$18=$B$24,21,0),MOD($C2706,24)+1)/SUM(INDEX($D$3:$AA$30,INDEX(Jesper!$R$2:$R$366,ROW(INDEX(Jesper!AH$2:AH$366,ROUNDDOWN($C2706/24,0)+1,1))-1)+IF('Standard Profiles'!$G$18=$B$10,7,0)+IF('Standard Profiles'!$G$18=$B$17,14,0)+IF('Standard Profiles'!$G$18=$B$24,21,0),0)),0)</f>
        <v>0</v>
      </c>
      <c r="E2706" cm="1">
        <f t="array" ref="E2706">IFERROR(INDEX(Jesper!AI$2:AI$366,ROUNDDOWN($C2706/24,0)+1,1)*INDEX($D$3:$AA$30,INDEX(Jesper!$R$2:$R$366,ROW(INDEX(Jesper!AI$2:AI$366,ROUNDDOWN($C2706/24,0)+1,1))-1)+IF('Standard Profiles'!$G$19=$B$10,7,0)+IF('Standard Profiles'!$G$19=$B$17,14,0)+IF('Standard Profiles'!$G$19=$B$24,21,0),MOD($C2706,24)+1)/SUM(INDEX($D$3:$AA$30,INDEX(Jesper!$R$2:$R$366,ROW(INDEX(Jesper!AI$2:AI$366,ROUNDDOWN($C2706/24,0)+1,1))-1)+IF('Standard Profiles'!$G$19=$B$10,7,0)+IF('Standard Profiles'!$G$19=$B$17,14,0)+IF('Standard Profiles'!$G$19=$B$24,21,0),0)),0)</f>
        <v>2.8395208509360286</v>
      </c>
      <c r="F2706" cm="1">
        <f t="array" ref="F2706">IFERROR(INDEX(Jesper!AJ$2:AJ$366,ROUNDDOWN($C2706/24,0)+1,1)*INDEX($D$3:$AA$30,INDEX(Jesper!$R$2:$R$366,ROW(INDEX(Jesper!AJ$2:AJ$366,ROUNDDOWN($C2706/24,0)+1,1))-1)+IF('Standard Profiles'!$G$20=$B$10,7,0)+IF('Standard Profiles'!$G$20=$B$17,14,0)+IF('Standard Profiles'!$G$20=$B$24,21,0),MOD($C2706,24)+1)/SUM(INDEX($D$3:$AA$30,INDEX(Jesper!$R$2:$R$366,ROW(INDEX(Jesper!AJ$2:AJ$366,ROUNDDOWN($C2706/24,0)+1,1))-1)+IF('Standard Profiles'!$G$20=$B$10,7,0)+IF('Standard Profiles'!$G$20=$B$17,14,0)+IF('Standard Profiles'!$G$20=$B$24,21,0),0)),0)</f>
        <v>1.5162503127064428</v>
      </c>
      <c r="G2706" cm="1">
        <f t="array" ref="G2706">IFERROR(INDEX(Jesper!AK$2:AK$366,ROUNDDOWN($C2706/24,0)+1,1)*INDEX($D$3:$AA$30,INDEX(Jesper!$R$2:$R$366,ROW(INDEX(Jesper!AK$2:AK$366,ROUNDDOWN($C2706/24,0)+1,1))-1)+IF('Standard Profiles'!$G$21=$B$10,7,0)+IF('Standard Profiles'!$G$21=$B$17,14,0)+IF('Standard Profiles'!$G$21=$B$24,21,0),MOD($C2706,24)+1)/SUM(INDEX($D$3:$AA$30,INDEX(Jesper!$R$2:$R$366,ROW(INDEX(Jesper!AK$2:AK$366,ROUNDDOWN($C2706/24,0)+1,1))-1)+IF('Standard Profiles'!$G$21=$B$10,7,0)+IF('Standard Profiles'!$G$21=$B$17,14,0)+IF('Standard Profiles'!$G$21=$B$24,21,0),0)),0)</f>
        <v>1.0236697092271712</v>
      </c>
      <c r="H2706" cm="1">
        <f t="array" ref="H2706">IFERROR(INDEX(Jesper!AL$2:AL$366,ROUNDDOWN($C2706/24,0)+1,1)*INDEX($D$3:$AA$30,INDEX(Jesper!$R$2:$R$366,ROW(INDEX(Jesper!AL$2:AL$366,ROUNDDOWN($C2706/24,0)+1,1))-1)+IF('Standard Profiles'!$G$22=$B$10,7,0)+IF('Standard Profiles'!$G$22=$B$17,14,0)+IF('Standard Profiles'!$G$22=$B$24,21,0),MOD($C2706,24)+1)/SUM(INDEX($D$3:$AA$30,INDEX(Jesper!$R$2:$R$366,ROW(INDEX(Jesper!AL$2:AL$366,ROUNDDOWN($C2706/24,0)+1,1))-1)+IF('Standard Profiles'!$G$22=$B$10,7,0)+IF('Standard Profiles'!$G$22=$B$17,14,0)+IF('Standard Profiles'!$G$22=$B$24,21,0),0)),0)</f>
        <v>0.82476572560606498</v>
      </c>
      <c r="I2706">
        <f t="shared" si="307"/>
        <v>0.79177509658182277</v>
      </c>
      <c r="J2706">
        <f t="shared" si="308"/>
        <v>5.0716889997815615</v>
      </c>
      <c r="K2706">
        <f t="shared" si="309"/>
        <v>0.22716166807488228</v>
      </c>
      <c r="L2706">
        <f t="shared" si="310"/>
        <v>0.11358083403744114</v>
      </c>
      <c r="M2706">
        <f t="shared" si="311"/>
        <v>0</v>
      </c>
      <c r="N2706" s="45">
        <f t="shared" si="312"/>
        <v>45038.333333326853</v>
      </c>
    </row>
    <row r="2707" spans="2:14" x14ac:dyDescent="0.25">
      <c r="B2707">
        <f t="shared" si="306"/>
        <v>6</v>
      </c>
      <c r="C2707" s="16">
        <v>2673</v>
      </c>
      <c r="D2707" cm="1">
        <f t="array" ref="D2707">IFERROR(INDEX(Jesper!AH$2:AH$366,ROUNDDOWN($C2707/24,0)+1,1)*INDEX($D$3:$AA$30,INDEX(Jesper!$R$2:$R$366,ROW(INDEX(Jesper!AH$2:AH$366,ROUNDDOWN($C2707/24,0)+1,1))-1)+IF('Standard Profiles'!$G$18=$B$10,7,0)+IF('Standard Profiles'!$G$18=$B$17,14,0)+IF('Standard Profiles'!$G$18=$B$24,21,0),MOD($C2707,24)+1)/SUM(INDEX($D$3:$AA$30,INDEX(Jesper!$R$2:$R$366,ROW(INDEX(Jesper!AH$2:AH$366,ROUNDDOWN($C2707/24,0)+1,1))-1)+IF('Standard Profiles'!$G$18=$B$10,7,0)+IF('Standard Profiles'!$G$18=$B$17,14,0)+IF('Standard Profiles'!$G$18=$B$24,21,0),0)),0)</f>
        <v>0</v>
      </c>
      <c r="E2707" cm="1">
        <f t="array" ref="E2707">IFERROR(INDEX(Jesper!AI$2:AI$366,ROUNDDOWN($C2707/24,0)+1,1)*INDEX($D$3:$AA$30,INDEX(Jesper!$R$2:$R$366,ROW(INDEX(Jesper!AI$2:AI$366,ROUNDDOWN($C2707/24,0)+1,1))-1)+IF('Standard Profiles'!$G$19=$B$10,7,0)+IF('Standard Profiles'!$G$19=$B$17,14,0)+IF('Standard Profiles'!$G$19=$B$24,21,0),MOD($C2707,24)+1)/SUM(INDEX($D$3:$AA$30,INDEX(Jesper!$R$2:$R$366,ROW(INDEX(Jesper!AI$2:AI$366,ROUNDDOWN($C2707/24,0)+1,1))-1)+IF('Standard Profiles'!$G$19=$B$10,7,0)+IF('Standard Profiles'!$G$19=$B$17,14,0)+IF('Standard Profiles'!$G$19=$B$24,21,0),0)),0)</f>
        <v>2.8395208509360286</v>
      </c>
      <c r="F2707" cm="1">
        <f t="array" ref="F2707">IFERROR(INDEX(Jesper!AJ$2:AJ$366,ROUNDDOWN($C2707/24,0)+1,1)*INDEX($D$3:$AA$30,INDEX(Jesper!$R$2:$R$366,ROW(INDEX(Jesper!AJ$2:AJ$366,ROUNDDOWN($C2707/24,0)+1,1))-1)+IF('Standard Profiles'!$G$20=$B$10,7,0)+IF('Standard Profiles'!$G$20=$B$17,14,0)+IF('Standard Profiles'!$G$20=$B$24,21,0),MOD($C2707,24)+1)/SUM(INDEX($D$3:$AA$30,INDEX(Jesper!$R$2:$R$366,ROW(INDEX(Jesper!AJ$2:AJ$366,ROUNDDOWN($C2707/24,0)+1,1))-1)+IF('Standard Profiles'!$G$20=$B$10,7,0)+IF('Standard Profiles'!$G$20=$B$17,14,0)+IF('Standard Profiles'!$G$20=$B$24,21,0),0)),0)</f>
        <v>1.5162503127064428</v>
      </c>
      <c r="G2707" cm="1">
        <f t="array" ref="G2707">IFERROR(INDEX(Jesper!AK$2:AK$366,ROUNDDOWN($C2707/24,0)+1,1)*INDEX($D$3:$AA$30,INDEX(Jesper!$R$2:$R$366,ROW(INDEX(Jesper!AK$2:AK$366,ROUNDDOWN($C2707/24,0)+1,1))-1)+IF('Standard Profiles'!$G$21=$B$10,7,0)+IF('Standard Profiles'!$G$21=$B$17,14,0)+IF('Standard Profiles'!$G$21=$B$24,21,0),MOD($C2707,24)+1)/SUM(INDEX($D$3:$AA$30,INDEX(Jesper!$R$2:$R$366,ROW(INDEX(Jesper!AK$2:AK$366,ROUNDDOWN($C2707/24,0)+1,1))-1)+IF('Standard Profiles'!$G$21=$B$10,7,0)+IF('Standard Profiles'!$G$21=$B$17,14,0)+IF('Standard Profiles'!$G$21=$B$24,21,0),0)),0)</f>
        <v>1.0236697092271712</v>
      </c>
      <c r="H2707" cm="1">
        <f t="array" ref="H2707">IFERROR(INDEX(Jesper!AL$2:AL$366,ROUNDDOWN($C2707/24,0)+1,1)*INDEX($D$3:$AA$30,INDEX(Jesper!$R$2:$R$366,ROW(INDEX(Jesper!AL$2:AL$366,ROUNDDOWN($C2707/24,0)+1,1))-1)+IF('Standard Profiles'!$G$22=$B$10,7,0)+IF('Standard Profiles'!$G$22=$B$17,14,0)+IF('Standard Profiles'!$G$22=$B$24,21,0),MOD($C2707,24)+1)/SUM(INDEX($D$3:$AA$30,INDEX(Jesper!$R$2:$R$366,ROW(INDEX(Jesper!AL$2:AL$366,ROUNDDOWN($C2707/24,0)+1,1))-1)+IF('Standard Profiles'!$G$22=$B$10,7,0)+IF('Standard Profiles'!$G$22=$B$17,14,0)+IF('Standard Profiles'!$G$22=$B$24,21,0),0)),0)</f>
        <v>0.82476572560606498</v>
      </c>
      <c r="I2707">
        <f t="shared" si="307"/>
        <v>0.79177509658182277</v>
      </c>
      <c r="J2707">
        <f t="shared" si="308"/>
        <v>5.0716889997815615</v>
      </c>
      <c r="K2707">
        <f t="shared" si="309"/>
        <v>0.22716166807488228</v>
      </c>
      <c r="L2707">
        <f t="shared" si="310"/>
        <v>0.11358083403744114</v>
      </c>
      <c r="M2707">
        <f t="shared" si="311"/>
        <v>0</v>
      </c>
      <c r="N2707" s="45">
        <f t="shared" si="312"/>
        <v>45038.374999993517</v>
      </c>
    </row>
    <row r="2708" spans="2:14" x14ac:dyDescent="0.25">
      <c r="B2708">
        <f t="shared" si="306"/>
        <v>6</v>
      </c>
      <c r="C2708" s="16">
        <v>2674</v>
      </c>
      <c r="D2708" cm="1">
        <f t="array" ref="D2708">IFERROR(INDEX(Jesper!AH$2:AH$366,ROUNDDOWN($C2708/24,0)+1,1)*INDEX($D$3:$AA$30,INDEX(Jesper!$R$2:$R$366,ROW(INDEX(Jesper!AH$2:AH$366,ROUNDDOWN($C2708/24,0)+1,1))-1)+IF('Standard Profiles'!$G$18=$B$10,7,0)+IF('Standard Profiles'!$G$18=$B$17,14,0)+IF('Standard Profiles'!$G$18=$B$24,21,0),MOD($C2708,24)+1)/SUM(INDEX($D$3:$AA$30,INDEX(Jesper!$R$2:$R$366,ROW(INDEX(Jesper!AH$2:AH$366,ROUNDDOWN($C2708/24,0)+1,1))-1)+IF('Standard Profiles'!$G$18=$B$10,7,0)+IF('Standard Profiles'!$G$18=$B$17,14,0)+IF('Standard Profiles'!$G$18=$B$24,21,0),0)),0)</f>
        <v>0</v>
      </c>
      <c r="E2708" cm="1">
        <f t="array" ref="E2708">IFERROR(INDEX(Jesper!AI$2:AI$366,ROUNDDOWN($C2708/24,0)+1,1)*INDEX($D$3:$AA$30,INDEX(Jesper!$R$2:$R$366,ROW(INDEX(Jesper!AI$2:AI$366,ROUNDDOWN($C2708/24,0)+1,1))-1)+IF('Standard Profiles'!$G$19=$B$10,7,0)+IF('Standard Profiles'!$G$19=$B$17,14,0)+IF('Standard Profiles'!$G$19=$B$24,21,0),MOD($C2708,24)+1)/SUM(INDEX($D$3:$AA$30,INDEX(Jesper!$R$2:$R$366,ROW(INDEX(Jesper!AI$2:AI$366,ROUNDDOWN($C2708/24,0)+1,1))-1)+IF('Standard Profiles'!$G$19=$B$10,7,0)+IF('Standard Profiles'!$G$19=$B$17,14,0)+IF('Standard Profiles'!$G$19=$B$24,21,0),0)),0)</f>
        <v>2.8395208509360286</v>
      </c>
      <c r="F2708" cm="1">
        <f t="array" ref="F2708">IFERROR(INDEX(Jesper!AJ$2:AJ$366,ROUNDDOWN($C2708/24,0)+1,1)*INDEX($D$3:$AA$30,INDEX(Jesper!$R$2:$R$366,ROW(INDEX(Jesper!AJ$2:AJ$366,ROUNDDOWN($C2708/24,0)+1,1))-1)+IF('Standard Profiles'!$G$20=$B$10,7,0)+IF('Standard Profiles'!$G$20=$B$17,14,0)+IF('Standard Profiles'!$G$20=$B$24,21,0),MOD($C2708,24)+1)/SUM(INDEX($D$3:$AA$30,INDEX(Jesper!$R$2:$R$366,ROW(INDEX(Jesper!AJ$2:AJ$366,ROUNDDOWN($C2708/24,0)+1,1))-1)+IF('Standard Profiles'!$G$20=$B$10,7,0)+IF('Standard Profiles'!$G$20=$B$17,14,0)+IF('Standard Profiles'!$G$20=$B$24,21,0),0)),0)</f>
        <v>1.5162503127064428</v>
      </c>
      <c r="G2708" cm="1">
        <f t="array" ref="G2708">IFERROR(INDEX(Jesper!AK$2:AK$366,ROUNDDOWN($C2708/24,0)+1,1)*INDEX($D$3:$AA$30,INDEX(Jesper!$R$2:$R$366,ROW(INDEX(Jesper!AK$2:AK$366,ROUNDDOWN($C2708/24,0)+1,1))-1)+IF('Standard Profiles'!$G$21=$B$10,7,0)+IF('Standard Profiles'!$G$21=$B$17,14,0)+IF('Standard Profiles'!$G$21=$B$24,21,0),MOD($C2708,24)+1)/SUM(INDEX($D$3:$AA$30,INDEX(Jesper!$R$2:$R$366,ROW(INDEX(Jesper!AK$2:AK$366,ROUNDDOWN($C2708/24,0)+1,1))-1)+IF('Standard Profiles'!$G$21=$B$10,7,0)+IF('Standard Profiles'!$G$21=$B$17,14,0)+IF('Standard Profiles'!$G$21=$B$24,21,0),0)),0)</f>
        <v>1.0236697092271712</v>
      </c>
      <c r="H2708" cm="1">
        <f t="array" ref="H2708">IFERROR(INDEX(Jesper!AL$2:AL$366,ROUNDDOWN($C2708/24,0)+1,1)*INDEX($D$3:$AA$30,INDEX(Jesper!$R$2:$R$366,ROW(INDEX(Jesper!AL$2:AL$366,ROUNDDOWN($C2708/24,0)+1,1))-1)+IF('Standard Profiles'!$G$22=$B$10,7,0)+IF('Standard Profiles'!$G$22=$B$17,14,0)+IF('Standard Profiles'!$G$22=$B$24,21,0),MOD($C2708,24)+1)/SUM(INDEX($D$3:$AA$30,INDEX(Jesper!$R$2:$R$366,ROW(INDEX(Jesper!AL$2:AL$366,ROUNDDOWN($C2708/24,0)+1,1))-1)+IF('Standard Profiles'!$G$22=$B$10,7,0)+IF('Standard Profiles'!$G$22=$B$17,14,0)+IF('Standard Profiles'!$G$22=$B$24,21,0),0)),0)</f>
        <v>0.82476572560606498</v>
      </c>
      <c r="I2708">
        <f t="shared" si="307"/>
        <v>0.79177509658182277</v>
      </c>
      <c r="J2708">
        <f t="shared" si="308"/>
        <v>5.0716889997815615</v>
      </c>
      <c r="K2708">
        <f t="shared" si="309"/>
        <v>0.22716166807488228</v>
      </c>
      <c r="L2708">
        <f t="shared" si="310"/>
        <v>0.11358083403744114</v>
      </c>
      <c r="M2708">
        <f t="shared" si="311"/>
        <v>0</v>
      </c>
      <c r="N2708" s="45">
        <f t="shared" si="312"/>
        <v>45038.416666660181</v>
      </c>
    </row>
    <row r="2709" spans="2:14" x14ac:dyDescent="0.25">
      <c r="B2709">
        <f t="shared" si="306"/>
        <v>6</v>
      </c>
      <c r="C2709" s="16">
        <v>2675</v>
      </c>
      <c r="D2709" cm="1">
        <f t="array" ref="D2709">IFERROR(INDEX(Jesper!AH$2:AH$366,ROUNDDOWN($C2709/24,0)+1,1)*INDEX($D$3:$AA$30,INDEX(Jesper!$R$2:$R$366,ROW(INDEX(Jesper!AH$2:AH$366,ROUNDDOWN($C2709/24,0)+1,1))-1)+IF('Standard Profiles'!$G$18=$B$10,7,0)+IF('Standard Profiles'!$G$18=$B$17,14,0)+IF('Standard Profiles'!$G$18=$B$24,21,0),MOD($C2709,24)+1)/SUM(INDEX($D$3:$AA$30,INDEX(Jesper!$R$2:$R$366,ROW(INDEX(Jesper!AH$2:AH$366,ROUNDDOWN($C2709/24,0)+1,1))-1)+IF('Standard Profiles'!$G$18=$B$10,7,0)+IF('Standard Profiles'!$G$18=$B$17,14,0)+IF('Standard Profiles'!$G$18=$B$24,21,0),0)),0)</f>
        <v>0</v>
      </c>
      <c r="E2709" cm="1">
        <f t="array" ref="E2709">IFERROR(INDEX(Jesper!AI$2:AI$366,ROUNDDOWN($C2709/24,0)+1,1)*INDEX($D$3:$AA$30,INDEX(Jesper!$R$2:$R$366,ROW(INDEX(Jesper!AI$2:AI$366,ROUNDDOWN($C2709/24,0)+1,1))-1)+IF('Standard Profiles'!$G$19=$B$10,7,0)+IF('Standard Profiles'!$G$19=$B$17,14,0)+IF('Standard Profiles'!$G$19=$B$24,21,0),MOD($C2709,24)+1)/SUM(INDEX($D$3:$AA$30,INDEX(Jesper!$R$2:$R$366,ROW(INDEX(Jesper!AI$2:AI$366,ROUNDDOWN($C2709/24,0)+1,1))-1)+IF('Standard Profiles'!$G$19=$B$10,7,0)+IF('Standard Profiles'!$G$19=$B$17,14,0)+IF('Standard Profiles'!$G$19=$B$24,21,0),0)),0)</f>
        <v>2.8395208509360286</v>
      </c>
      <c r="F2709" cm="1">
        <f t="array" ref="F2709">IFERROR(INDEX(Jesper!AJ$2:AJ$366,ROUNDDOWN($C2709/24,0)+1,1)*INDEX($D$3:$AA$30,INDEX(Jesper!$R$2:$R$366,ROW(INDEX(Jesper!AJ$2:AJ$366,ROUNDDOWN($C2709/24,0)+1,1))-1)+IF('Standard Profiles'!$G$20=$B$10,7,0)+IF('Standard Profiles'!$G$20=$B$17,14,0)+IF('Standard Profiles'!$G$20=$B$24,21,0),MOD($C2709,24)+1)/SUM(INDEX($D$3:$AA$30,INDEX(Jesper!$R$2:$R$366,ROW(INDEX(Jesper!AJ$2:AJ$366,ROUNDDOWN($C2709/24,0)+1,1))-1)+IF('Standard Profiles'!$G$20=$B$10,7,0)+IF('Standard Profiles'!$G$20=$B$17,14,0)+IF('Standard Profiles'!$G$20=$B$24,21,0),0)),0)</f>
        <v>1.5162503127064428</v>
      </c>
      <c r="G2709" cm="1">
        <f t="array" ref="G2709">IFERROR(INDEX(Jesper!AK$2:AK$366,ROUNDDOWN($C2709/24,0)+1,1)*INDEX($D$3:$AA$30,INDEX(Jesper!$R$2:$R$366,ROW(INDEX(Jesper!AK$2:AK$366,ROUNDDOWN($C2709/24,0)+1,1))-1)+IF('Standard Profiles'!$G$21=$B$10,7,0)+IF('Standard Profiles'!$G$21=$B$17,14,0)+IF('Standard Profiles'!$G$21=$B$24,21,0),MOD($C2709,24)+1)/SUM(INDEX($D$3:$AA$30,INDEX(Jesper!$R$2:$R$366,ROW(INDEX(Jesper!AK$2:AK$366,ROUNDDOWN($C2709/24,0)+1,1))-1)+IF('Standard Profiles'!$G$21=$B$10,7,0)+IF('Standard Profiles'!$G$21=$B$17,14,0)+IF('Standard Profiles'!$G$21=$B$24,21,0),0)),0)</f>
        <v>1.0236697092271712</v>
      </c>
      <c r="H2709" cm="1">
        <f t="array" ref="H2709">IFERROR(INDEX(Jesper!AL$2:AL$366,ROUNDDOWN($C2709/24,0)+1,1)*INDEX($D$3:$AA$30,INDEX(Jesper!$R$2:$R$366,ROW(INDEX(Jesper!AL$2:AL$366,ROUNDDOWN($C2709/24,0)+1,1))-1)+IF('Standard Profiles'!$G$22=$B$10,7,0)+IF('Standard Profiles'!$G$22=$B$17,14,0)+IF('Standard Profiles'!$G$22=$B$24,21,0),MOD($C2709,24)+1)/SUM(INDEX($D$3:$AA$30,INDEX(Jesper!$R$2:$R$366,ROW(INDEX(Jesper!AL$2:AL$366,ROUNDDOWN($C2709/24,0)+1,1))-1)+IF('Standard Profiles'!$G$22=$B$10,7,0)+IF('Standard Profiles'!$G$22=$B$17,14,0)+IF('Standard Profiles'!$G$22=$B$24,21,0),0)),0)</f>
        <v>0.82476572560606498</v>
      </c>
      <c r="I2709">
        <f t="shared" si="307"/>
        <v>0.79177509658182277</v>
      </c>
      <c r="J2709">
        <f t="shared" si="308"/>
        <v>5.0716889997815615</v>
      </c>
      <c r="K2709">
        <f t="shared" si="309"/>
        <v>0.22716166807488228</v>
      </c>
      <c r="L2709">
        <f t="shared" si="310"/>
        <v>0.11358083403744114</v>
      </c>
      <c r="M2709">
        <f t="shared" si="311"/>
        <v>0</v>
      </c>
      <c r="N2709" s="45">
        <f t="shared" si="312"/>
        <v>45038.458333326846</v>
      </c>
    </row>
    <row r="2710" spans="2:14" x14ac:dyDescent="0.25">
      <c r="B2710">
        <f t="shared" si="306"/>
        <v>6</v>
      </c>
      <c r="C2710" s="16">
        <v>2676</v>
      </c>
      <c r="D2710" cm="1">
        <f t="array" ref="D2710">IFERROR(INDEX(Jesper!AH$2:AH$366,ROUNDDOWN($C2710/24,0)+1,1)*INDEX($D$3:$AA$30,INDEX(Jesper!$R$2:$R$366,ROW(INDEX(Jesper!AH$2:AH$366,ROUNDDOWN($C2710/24,0)+1,1))-1)+IF('Standard Profiles'!$G$18=$B$10,7,0)+IF('Standard Profiles'!$G$18=$B$17,14,0)+IF('Standard Profiles'!$G$18=$B$24,21,0),MOD($C2710,24)+1)/SUM(INDEX($D$3:$AA$30,INDEX(Jesper!$R$2:$R$366,ROW(INDEX(Jesper!AH$2:AH$366,ROUNDDOWN($C2710/24,0)+1,1))-1)+IF('Standard Profiles'!$G$18=$B$10,7,0)+IF('Standard Profiles'!$G$18=$B$17,14,0)+IF('Standard Profiles'!$G$18=$B$24,21,0),0)),0)</f>
        <v>0</v>
      </c>
      <c r="E2710" cm="1">
        <f t="array" ref="E2710">IFERROR(INDEX(Jesper!AI$2:AI$366,ROUNDDOWN($C2710/24,0)+1,1)*INDEX($D$3:$AA$30,INDEX(Jesper!$R$2:$R$366,ROW(INDEX(Jesper!AI$2:AI$366,ROUNDDOWN($C2710/24,0)+1,1))-1)+IF('Standard Profiles'!$G$19=$B$10,7,0)+IF('Standard Profiles'!$G$19=$B$17,14,0)+IF('Standard Profiles'!$G$19=$B$24,21,0),MOD($C2710,24)+1)/SUM(INDEX($D$3:$AA$30,INDEX(Jesper!$R$2:$R$366,ROW(INDEX(Jesper!AI$2:AI$366,ROUNDDOWN($C2710/24,0)+1,1))-1)+IF('Standard Profiles'!$G$19=$B$10,7,0)+IF('Standard Profiles'!$G$19=$B$17,14,0)+IF('Standard Profiles'!$G$19=$B$24,21,0),0)),0)</f>
        <v>2.8395208509360286</v>
      </c>
      <c r="F2710" cm="1">
        <f t="array" ref="F2710">IFERROR(INDEX(Jesper!AJ$2:AJ$366,ROUNDDOWN($C2710/24,0)+1,1)*INDEX($D$3:$AA$30,INDEX(Jesper!$R$2:$R$366,ROW(INDEX(Jesper!AJ$2:AJ$366,ROUNDDOWN($C2710/24,0)+1,1))-1)+IF('Standard Profiles'!$G$20=$B$10,7,0)+IF('Standard Profiles'!$G$20=$B$17,14,0)+IF('Standard Profiles'!$G$20=$B$24,21,0),MOD($C2710,24)+1)/SUM(INDEX($D$3:$AA$30,INDEX(Jesper!$R$2:$R$366,ROW(INDEX(Jesper!AJ$2:AJ$366,ROUNDDOWN($C2710/24,0)+1,1))-1)+IF('Standard Profiles'!$G$20=$B$10,7,0)+IF('Standard Profiles'!$G$20=$B$17,14,0)+IF('Standard Profiles'!$G$20=$B$24,21,0),0)),0)</f>
        <v>1.5162503127064428</v>
      </c>
      <c r="G2710" cm="1">
        <f t="array" ref="G2710">IFERROR(INDEX(Jesper!AK$2:AK$366,ROUNDDOWN($C2710/24,0)+1,1)*INDEX($D$3:$AA$30,INDEX(Jesper!$R$2:$R$366,ROW(INDEX(Jesper!AK$2:AK$366,ROUNDDOWN($C2710/24,0)+1,1))-1)+IF('Standard Profiles'!$G$21=$B$10,7,0)+IF('Standard Profiles'!$G$21=$B$17,14,0)+IF('Standard Profiles'!$G$21=$B$24,21,0),MOD($C2710,24)+1)/SUM(INDEX($D$3:$AA$30,INDEX(Jesper!$R$2:$R$366,ROW(INDEX(Jesper!AK$2:AK$366,ROUNDDOWN($C2710/24,0)+1,1))-1)+IF('Standard Profiles'!$G$21=$B$10,7,0)+IF('Standard Profiles'!$G$21=$B$17,14,0)+IF('Standard Profiles'!$G$21=$B$24,21,0),0)),0)</f>
        <v>1.0236697092271712</v>
      </c>
      <c r="H2710" cm="1">
        <f t="array" ref="H2710">IFERROR(INDEX(Jesper!AL$2:AL$366,ROUNDDOWN($C2710/24,0)+1,1)*INDEX($D$3:$AA$30,INDEX(Jesper!$R$2:$R$366,ROW(INDEX(Jesper!AL$2:AL$366,ROUNDDOWN($C2710/24,0)+1,1))-1)+IF('Standard Profiles'!$G$22=$B$10,7,0)+IF('Standard Profiles'!$G$22=$B$17,14,0)+IF('Standard Profiles'!$G$22=$B$24,21,0),MOD($C2710,24)+1)/SUM(INDEX($D$3:$AA$30,INDEX(Jesper!$R$2:$R$366,ROW(INDEX(Jesper!AL$2:AL$366,ROUNDDOWN($C2710/24,0)+1,1))-1)+IF('Standard Profiles'!$G$22=$B$10,7,0)+IF('Standard Profiles'!$G$22=$B$17,14,0)+IF('Standard Profiles'!$G$22=$B$24,21,0),0)),0)</f>
        <v>0.82476572560606498</v>
      </c>
      <c r="I2710">
        <f t="shared" si="307"/>
        <v>0.79177509658182277</v>
      </c>
      <c r="J2710">
        <f t="shared" si="308"/>
        <v>5.0716889997815615</v>
      </c>
      <c r="K2710">
        <f t="shared" si="309"/>
        <v>0.22716166807488228</v>
      </c>
      <c r="L2710">
        <f t="shared" si="310"/>
        <v>0.11358083403744114</v>
      </c>
      <c r="M2710">
        <f t="shared" si="311"/>
        <v>0</v>
      </c>
      <c r="N2710" s="45">
        <f t="shared" si="312"/>
        <v>45038.49999999351</v>
      </c>
    </row>
    <row r="2711" spans="2:14" x14ac:dyDescent="0.25">
      <c r="B2711">
        <f t="shared" si="306"/>
        <v>6</v>
      </c>
      <c r="C2711" s="16">
        <v>2677</v>
      </c>
      <c r="D2711" cm="1">
        <f t="array" ref="D2711">IFERROR(INDEX(Jesper!AH$2:AH$366,ROUNDDOWN($C2711/24,0)+1,1)*INDEX($D$3:$AA$30,INDEX(Jesper!$R$2:$R$366,ROW(INDEX(Jesper!AH$2:AH$366,ROUNDDOWN($C2711/24,0)+1,1))-1)+IF('Standard Profiles'!$G$18=$B$10,7,0)+IF('Standard Profiles'!$G$18=$B$17,14,0)+IF('Standard Profiles'!$G$18=$B$24,21,0),MOD($C2711,24)+1)/SUM(INDEX($D$3:$AA$30,INDEX(Jesper!$R$2:$R$366,ROW(INDEX(Jesper!AH$2:AH$366,ROUNDDOWN($C2711/24,0)+1,1))-1)+IF('Standard Profiles'!$G$18=$B$10,7,0)+IF('Standard Profiles'!$G$18=$B$17,14,0)+IF('Standard Profiles'!$G$18=$B$24,21,0),0)),0)</f>
        <v>0</v>
      </c>
      <c r="E2711" cm="1">
        <f t="array" ref="E2711">IFERROR(INDEX(Jesper!AI$2:AI$366,ROUNDDOWN($C2711/24,0)+1,1)*INDEX($D$3:$AA$30,INDEX(Jesper!$R$2:$R$366,ROW(INDEX(Jesper!AI$2:AI$366,ROUNDDOWN($C2711/24,0)+1,1))-1)+IF('Standard Profiles'!$G$19=$B$10,7,0)+IF('Standard Profiles'!$G$19=$B$17,14,0)+IF('Standard Profiles'!$G$19=$B$24,21,0),MOD($C2711,24)+1)/SUM(INDEX($D$3:$AA$30,INDEX(Jesper!$R$2:$R$366,ROW(INDEX(Jesper!AI$2:AI$366,ROUNDDOWN($C2711/24,0)+1,1))-1)+IF('Standard Profiles'!$G$19=$B$10,7,0)+IF('Standard Profiles'!$G$19=$B$17,14,0)+IF('Standard Profiles'!$G$19=$B$24,21,0),0)),0)</f>
        <v>2.8395208509360286</v>
      </c>
      <c r="F2711" cm="1">
        <f t="array" ref="F2711">IFERROR(INDEX(Jesper!AJ$2:AJ$366,ROUNDDOWN($C2711/24,0)+1,1)*INDEX($D$3:$AA$30,INDEX(Jesper!$R$2:$R$366,ROW(INDEX(Jesper!AJ$2:AJ$366,ROUNDDOWN($C2711/24,0)+1,1))-1)+IF('Standard Profiles'!$G$20=$B$10,7,0)+IF('Standard Profiles'!$G$20=$B$17,14,0)+IF('Standard Profiles'!$G$20=$B$24,21,0),MOD($C2711,24)+1)/SUM(INDEX($D$3:$AA$30,INDEX(Jesper!$R$2:$R$366,ROW(INDEX(Jesper!AJ$2:AJ$366,ROUNDDOWN($C2711/24,0)+1,1))-1)+IF('Standard Profiles'!$G$20=$B$10,7,0)+IF('Standard Profiles'!$G$20=$B$17,14,0)+IF('Standard Profiles'!$G$20=$B$24,21,0),0)),0)</f>
        <v>1.5162503127064428</v>
      </c>
      <c r="G2711" cm="1">
        <f t="array" ref="G2711">IFERROR(INDEX(Jesper!AK$2:AK$366,ROUNDDOWN($C2711/24,0)+1,1)*INDEX($D$3:$AA$30,INDEX(Jesper!$R$2:$R$366,ROW(INDEX(Jesper!AK$2:AK$366,ROUNDDOWN($C2711/24,0)+1,1))-1)+IF('Standard Profiles'!$G$21=$B$10,7,0)+IF('Standard Profiles'!$G$21=$B$17,14,0)+IF('Standard Profiles'!$G$21=$B$24,21,0),MOD($C2711,24)+1)/SUM(INDEX($D$3:$AA$30,INDEX(Jesper!$R$2:$R$366,ROW(INDEX(Jesper!AK$2:AK$366,ROUNDDOWN($C2711/24,0)+1,1))-1)+IF('Standard Profiles'!$G$21=$B$10,7,0)+IF('Standard Profiles'!$G$21=$B$17,14,0)+IF('Standard Profiles'!$G$21=$B$24,21,0),0)),0)</f>
        <v>1.0236697092271712</v>
      </c>
      <c r="H2711" cm="1">
        <f t="array" ref="H2711">IFERROR(INDEX(Jesper!AL$2:AL$366,ROUNDDOWN($C2711/24,0)+1,1)*INDEX($D$3:$AA$30,INDEX(Jesper!$R$2:$R$366,ROW(INDEX(Jesper!AL$2:AL$366,ROUNDDOWN($C2711/24,0)+1,1))-1)+IF('Standard Profiles'!$G$22=$B$10,7,0)+IF('Standard Profiles'!$G$22=$B$17,14,0)+IF('Standard Profiles'!$G$22=$B$24,21,0),MOD($C2711,24)+1)/SUM(INDEX($D$3:$AA$30,INDEX(Jesper!$R$2:$R$366,ROW(INDEX(Jesper!AL$2:AL$366,ROUNDDOWN($C2711/24,0)+1,1))-1)+IF('Standard Profiles'!$G$22=$B$10,7,0)+IF('Standard Profiles'!$G$22=$B$17,14,0)+IF('Standard Profiles'!$G$22=$B$24,21,0),0)),0)</f>
        <v>0.82476572560606498</v>
      </c>
      <c r="I2711">
        <f t="shared" si="307"/>
        <v>0.79177509658182277</v>
      </c>
      <c r="J2711">
        <f t="shared" si="308"/>
        <v>5.0716889997815615</v>
      </c>
      <c r="K2711">
        <f t="shared" si="309"/>
        <v>0.22716166807488228</v>
      </c>
      <c r="L2711">
        <f t="shared" si="310"/>
        <v>0.11358083403744114</v>
      </c>
      <c r="M2711">
        <f t="shared" si="311"/>
        <v>0</v>
      </c>
      <c r="N2711" s="45">
        <f t="shared" si="312"/>
        <v>45038.541666660174</v>
      </c>
    </row>
    <row r="2712" spans="2:14" x14ac:dyDescent="0.25">
      <c r="B2712">
        <f t="shared" si="306"/>
        <v>6</v>
      </c>
      <c r="C2712" s="16">
        <v>2678</v>
      </c>
      <c r="D2712" cm="1">
        <f t="array" ref="D2712">IFERROR(INDEX(Jesper!AH$2:AH$366,ROUNDDOWN($C2712/24,0)+1,1)*INDEX($D$3:$AA$30,INDEX(Jesper!$R$2:$R$366,ROW(INDEX(Jesper!AH$2:AH$366,ROUNDDOWN($C2712/24,0)+1,1))-1)+IF('Standard Profiles'!$G$18=$B$10,7,0)+IF('Standard Profiles'!$G$18=$B$17,14,0)+IF('Standard Profiles'!$G$18=$B$24,21,0),MOD($C2712,24)+1)/SUM(INDEX($D$3:$AA$30,INDEX(Jesper!$R$2:$R$366,ROW(INDEX(Jesper!AH$2:AH$366,ROUNDDOWN($C2712/24,0)+1,1))-1)+IF('Standard Profiles'!$G$18=$B$10,7,0)+IF('Standard Profiles'!$G$18=$B$17,14,0)+IF('Standard Profiles'!$G$18=$B$24,21,0),0)),0)</f>
        <v>0</v>
      </c>
      <c r="E2712" cm="1">
        <f t="array" ref="E2712">IFERROR(INDEX(Jesper!AI$2:AI$366,ROUNDDOWN($C2712/24,0)+1,1)*INDEX($D$3:$AA$30,INDEX(Jesper!$R$2:$R$366,ROW(INDEX(Jesper!AI$2:AI$366,ROUNDDOWN($C2712/24,0)+1,1))-1)+IF('Standard Profiles'!$G$19=$B$10,7,0)+IF('Standard Profiles'!$G$19=$B$17,14,0)+IF('Standard Profiles'!$G$19=$B$24,21,0),MOD($C2712,24)+1)/SUM(INDEX($D$3:$AA$30,INDEX(Jesper!$R$2:$R$366,ROW(INDEX(Jesper!AI$2:AI$366,ROUNDDOWN($C2712/24,0)+1,1))-1)+IF('Standard Profiles'!$G$19=$B$10,7,0)+IF('Standard Profiles'!$G$19=$B$17,14,0)+IF('Standard Profiles'!$G$19=$B$24,21,0),0)),0)</f>
        <v>2.8395208509360286</v>
      </c>
      <c r="F2712" cm="1">
        <f t="array" ref="F2712">IFERROR(INDEX(Jesper!AJ$2:AJ$366,ROUNDDOWN($C2712/24,0)+1,1)*INDEX($D$3:$AA$30,INDEX(Jesper!$R$2:$R$366,ROW(INDEX(Jesper!AJ$2:AJ$366,ROUNDDOWN($C2712/24,0)+1,1))-1)+IF('Standard Profiles'!$G$20=$B$10,7,0)+IF('Standard Profiles'!$G$20=$B$17,14,0)+IF('Standard Profiles'!$G$20=$B$24,21,0),MOD($C2712,24)+1)/SUM(INDEX($D$3:$AA$30,INDEX(Jesper!$R$2:$R$366,ROW(INDEX(Jesper!AJ$2:AJ$366,ROUNDDOWN($C2712/24,0)+1,1))-1)+IF('Standard Profiles'!$G$20=$B$10,7,0)+IF('Standard Profiles'!$G$20=$B$17,14,0)+IF('Standard Profiles'!$G$20=$B$24,21,0),0)),0)</f>
        <v>1.5162503127064428</v>
      </c>
      <c r="G2712" cm="1">
        <f t="array" ref="G2712">IFERROR(INDEX(Jesper!AK$2:AK$366,ROUNDDOWN($C2712/24,0)+1,1)*INDEX($D$3:$AA$30,INDEX(Jesper!$R$2:$R$366,ROW(INDEX(Jesper!AK$2:AK$366,ROUNDDOWN($C2712/24,0)+1,1))-1)+IF('Standard Profiles'!$G$21=$B$10,7,0)+IF('Standard Profiles'!$G$21=$B$17,14,0)+IF('Standard Profiles'!$G$21=$B$24,21,0),MOD($C2712,24)+1)/SUM(INDEX($D$3:$AA$30,INDEX(Jesper!$R$2:$R$366,ROW(INDEX(Jesper!AK$2:AK$366,ROUNDDOWN($C2712/24,0)+1,1))-1)+IF('Standard Profiles'!$G$21=$B$10,7,0)+IF('Standard Profiles'!$G$21=$B$17,14,0)+IF('Standard Profiles'!$G$21=$B$24,21,0),0)),0)</f>
        <v>1.0236697092271712</v>
      </c>
      <c r="H2712" cm="1">
        <f t="array" ref="H2712">IFERROR(INDEX(Jesper!AL$2:AL$366,ROUNDDOWN($C2712/24,0)+1,1)*INDEX($D$3:$AA$30,INDEX(Jesper!$R$2:$R$366,ROW(INDEX(Jesper!AL$2:AL$366,ROUNDDOWN($C2712/24,0)+1,1))-1)+IF('Standard Profiles'!$G$22=$B$10,7,0)+IF('Standard Profiles'!$G$22=$B$17,14,0)+IF('Standard Profiles'!$G$22=$B$24,21,0),MOD($C2712,24)+1)/SUM(INDEX($D$3:$AA$30,INDEX(Jesper!$R$2:$R$366,ROW(INDEX(Jesper!AL$2:AL$366,ROUNDDOWN($C2712/24,0)+1,1))-1)+IF('Standard Profiles'!$G$22=$B$10,7,0)+IF('Standard Profiles'!$G$22=$B$17,14,0)+IF('Standard Profiles'!$G$22=$B$24,21,0),0)),0)</f>
        <v>0.82476572560606498</v>
      </c>
      <c r="I2712">
        <f t="shared" si="307"/>
        <v>0.79177509658182277</v>
      </c>
      <c r="J2712">
        <f t="shared" si="308"/>
        <v>5.0716889997815615</v>
      </c>
      <c r="K2712">
        <f t="shared" si="309"/>
        <v>0.22716166807488228</v>
      </c>
      <c r="L2712">
        <f t="shared" si="310"/>
        <v>0.11358083403744114</v>
      </c>
      <c r="M2712">
        <f t="shared" si="311"/>
        <v>0</v>
      </c>
      <c r="N2712" s="45">
        <f t="shared" si="312"/>
        <v>45038.583333326838</v>
      </c>
    </row>
    <row r="2713" spans="2:14" x14ac:dyDescent="0.25">
      <c r="B2713">
        <f t="shared" si="306"/>
        <v>6</v>
      </c>
      <c r="C2713" s="16">
        <v>2679</v>
      </c>
      <c r="D2713" cm="1">
        <f t="array" ref="D2713">IFERROR(INDEX(Jesper!AH$2:AH$366,ROUNDDOWN($C2713/24,0)+1,1)*INDEX($D$3:$AA$30,INDEX(Jesper!$R$2:$R$366,ROW(INDEX(Jesper!AH$2:AH$366,ROUNDDOWN($C2713/24,0)+1,1))-1)+IF('Standard Profiles'!$G$18=$B$10,7,0)+IF('Standard Profiles'!$G$18=$B$17,14,0)+IF('Standard Profiles'!$G$18=$B$24,21,0),MOD($C2713,24)+1)/SUM(INDEX($D$3:$AA$30,INDEX(Jesper!$R$2:$R$366,ROW(INDEX(Jesper!AH$2:AH$366,ROUNDDOWN($C2713/24,0)+1,1))-1)+IF('Standard Profiles'!$G$18=$B$10,7,0)+IF('Standard Profiles'!$G$18=$B$17,14,0)+IF('Standard Profiles'!$G$18=$B$24,21,0),0)),0)</f>
        <v>0</v>
      </c>
      <c r="E2713" cm="1">
        <f t="array" ref="E2713">IFERROR(INDEX(Jesper!AI$2:AI$366,ROUNDDOWN($C2713/24,0)+1,1)*INDEX($D$3:$AA$30,INDEX(Jesper!$R$2:$R$366,ROW(INDEX(Jesper!AI$2:AI$366,ROUNDDOWN($C2713/24,0)+1,1))-1)+IF('Standard Profiles'!$G$19=$B$10,7,0)+IF('Standard Profiles'!$G$19=$B$17,14,0)+IF('Standard Profiles'!$G$19=$B$24,21,0),MOD($C2713,24)+1)/SUM(INDEX($D$3:$AA$30,INDEX(Jesper!$R$2:$R$366,ROW(INDEX(Jesper!AI$2:AI$366,ROUNDDOWN($C2713/24,0)+1,1))-1)+IF('Standard Profiles'!$G$19=$B$10,7,0)+IF('Standard Profiles'!$G$19=$B$17,14,0)+IF('Standard Profiles'!$G$19=$B$24,21,0),0)),0)</f>
        <v>2.8395208509360286</v>
      </c>
      <c r="F2713" cm="1">
        <f t="array" ref="F2713">IFERROR(INDEX(Jesper!AJ$2:AJ$366,ROUNDDOWN($C2713/24,0)+1,1)*INDEX($D$3:$AA$30,INDEX(Jesper!$R$2:$R$366,ROW(INDEX(Jesper!AJ$2:AJ$366,ROUNDDOWN($C2713/24,0)+1,1))-1)+IF('Standard Profiles'!$G$20=$B$10,7,0)+IF('Standard Profiles'!$G$20=$B$17,14,0)+IF('Standard Profiles'!$G$20=$B$24,21,0),MOD($C2713,24)+1)/SUM(INDEX($D$3:$AA$30,INDEX(Jesper!$R$2:$R$366,ROW(INDEX(Jesper!AJ$2:AJ$366,ROUNDDOWN($C2713/24,0)+1,1))-1)+IF('Standard Profiles'!$G$20=$B$10,7,0)+IF('Standard Profiles'!$G$20=$B$17,14,0)+IF('Standard Profiles'!$G$20=$B$24,21,0),0)),0)</f>
        <v>1.5162503127064428</v>
      </c>
      <c r="G2713" cm="1">
        <f t="array" ref="G2713">IFERROR(INDEX(Jesper!AK$2:AK$366,ROUNDDOWN($C2713/24,0)+1,1)*INDEX($D$3:$AA$30,INDEX(Jesper!$R$2:$R$366,ROW(INDEX(Jesper!AK$2:AK$366,ROUNDDOWN($C2713/24,0)+1,1))-1)+IF('Standard Profiles'!$G$21=$B$10,7,0)+IF('Standard Profiles'!$G$21=$B$17,14,0)+IF('Standard Profiles'!$G$21=$B$24,21,0),MOD($C2713,24)+1)/SUM(INDEX($D$3:$AA$30,INDEX(Jesper!$R$2:$R$366,ROW(INDEX(Jesper!AK$2:AK$366,ROUNDDOWN($C2713/24,0)+1,1))-1)+IF('Standard Profiles'!$G$21=$B$10,7,0)+IF('Standard Profiles'!$G$21=$B$17,14,0)+IF('Standard Profiles'!$G$21=$B$24,21,0),0)),0)</f>
        <v>1.0236697092271712</v>
      </c>
      <c r="H2713" cm="1">
        <f t="array" ref="H2713">IFERROR(INDEX(Jesper!AL$2:AL$366,ROUNDDOWN($C2713/24,0)+1,1)*INDEX($D$3:$AA$30,INDEX(Jesper!$R$2:$R$366,ROW(INDEX(Jesper!AL$2:AL$366,ROUNDDOWN($C2713/24,0)+1,1))-1)+IF('Standard Profiles'!$G$22=$B$10,7,0)+IF('Standard Profiles'!$G$22=$B$17,14,0)+IF('Standard Profiles'!$G$22=$B$24,21,0),MOD($C2713,24)+1)/SUM(INDEX($D$3:$AA$30,INDEX(Jesper!$R$2:$R$366,ROW(INDEX(Jesper!AL$2:AL$366,ROUNDDOWN($C2713/24,0)+1,1))-1)+IF('Standard Profiles'!$G$22=$B$10,7,0)+IF('Standard Profiles'!$G$22=$B$17,14,0)+IF('Standard Profiles'!$G$22=$B$24,21,0),0)),0)</f>
        <v>0.74567860123288066</v>
      </c>
      <c r="I2713">
        <f t="shared" si="307"/>
        <v>0.7158514571835658</v>
      </c>
      <c r="J2713">
        <f t="shared" si="308"/>
        <v>5.0685255148066339</v>
      </c>
      <c r="K2713">
        <f t="shared" si="309"/>
        <v>0.22716166807488228</v>
      </c>
      <c r="L2713">
        <f t="shared" si="310"/>
        <v>0.11358083403744114</v>
      </c>
      <c r="M2713">
        <f t="shared" si="311"/>
        <v>0</v>
      </c>
      <c r="N2713" s="45">
        <f t="shared" si="312"/>
        <v>45038.624999993503</v>
      </c>
    </row>
    <row r="2714" spans="2:14" x14ac:dyDescent="0.25">
      <c r="B2714">
        <f t="shared" si="306"/>
        <v>6</v>
      </c>
      <c r="C2714" s="16">
        <v>2680</v>
      </c>
      <c r="D2714" cm="1">
        <f t="array" ref="D2714">IFERROR(INDEX(Jesper!AH$2:AH$366,ROUNDDOWN($C2714/24,0)+1,1)*INDEX($D$3:$AA$30,INDEX(Jesper!$R$2:$R$366,ROW(INDEX(Jesper!AH$2:AH$366,ROUNDDOWN($C2714/24,0)+1,1))-1)+IF('Standard Profiles'!$G$18=$B$10,7,0)+IF('Standard Profiles'!$G$18=$B$17,14,0)+IF('Standard Profiles'!$G$18=$B$24,21,0),MOD($C2714,24)+1)/SUM(INDEX($D$3:$AA$30,INDEX(Jesper!$R$2:$R$366,ROW(INDEX(Jesper!AH$2:AH$366,ROUNDDOWN($C2714/24,0)+1,1))-1)+IF('Standard Profiles'!$G$18=$B$10,7,0)+IF('Standard Profiles'!$G$18=$B$17,14,0)+IF('Standard Profiles'!$G$18=$B$24,21,0),0)),0)</f>
        <v>0</v>
      </c>
      <c r="E2714" cm="1">
        <f t="array" ref="E2714">IFERROR(INDEX(Jesper!AI$2:AI$366,ROUNDDOWN($C2714/24,0)+1,1)*INDEX($D$3:$AA$30,INDEX(Jesper!$R$2:$R$366,ROW(INDEX(Jesper!AI$2:AI$366,ROUNDDOWN($C2714/24,0)+1,1))-1)+IF('Standard Profiles'!$G$19=$B$10,7,0)+IF('Standard Profiles'!$G$19=$B$17,14,0)+IF('Standard Profiles'!$G$19=$B$24,21,0),MOD($C2714,24)+1)/SUM(INDEX($D$3:$AA$30,INDEX(Jesper!$R$2:$R$366,ROW(INDEX(Jesper!AI$2:AI$366,ROUNDDOWN($C2714/24,0)+1,1))-1)+IF('Standard Profiles'!$G$19=$B$10,7,0)+IF('Standard Profiles'!$G$19=$B$17,14,0)+IF('Standard Profiles'!$G$19=$B$24,21,0),0)),0)</f>
        <v>2.8395208509360286</v>
      </c>
      <c r="F2714" cm="1">
        <f t="array" ref="F2714">IFERROR(INDEX(Jesper!AJ$2:AJ$366,ROUNDDOWN($C2714/24,0)+1,1)*INDEX($D$3:$AA$30,INDEX(Jesper!$R$2:$R$366,ROW(INDEX(Jesper!AJ$2:AJ$366,ROUNDDOWN($C2714/24,0)+1,1))-1)+IF('Standard Profiles'!$G$20=$B$10,7,0)+IF('Standard Profiles'!$G$20=$B$17,14,0)+IF('Standard Profiles'!$G$20=$B$24,21,0),MOD($C2714,24)+1)/SUM(INDEX($D$3:$AA$30,INDEX(Jesper!$R$2:$R$366,ROW(INDEX(Jesper!AJ$2:AJ$366,ROUNDDOWN($C2714/24,0)+1,1))-1)+IF('Standard Profiles'!$G$20=$B$10,7,0)+IF('Standard Profiles'!$G$20=$B$17,14,0)+IF('Standard Profiles'!$G$20=$B$24,21,0),0)),0)</f>
        <v>1.5162503127064428</v>
      </c>
      <c r="G2714" cm="1">
        <f t="array" ref="G2714">IFERROR(INDEX(Jesper!AK$2:AK$366,ROUNDDOWN($C2714/24,0)+1,1)*INDEX($D$3:$AA$30,INDEX(Jesper!$R$2:$R$366,ROW(INDEX(Jesper!AK$2:AK$366,ROUNDDOWN($C2714/24,0)+1,1))-1)+IF('Standard Profiles'!$G$21=$B$10,7,0)+IF('Standard Profiles'!$G$21=$B$17,14,0)+IF('Standard Profiles'!$G$21=$B$24,21,0),MOD($C2714,24)+1)/SUM(INDEX($D$3:$AA$30,INDEX(Jesper!$R$2:$R$366,ROW(INDEX(Jesper!AK$2:AK$366,ROUNDDOWN($C2714/24,0)+1,1))-1)+IF('Standard Profiles'!$G$21=$B$10,7,0)+IF('Standard Profiles'!$G$21=$B$17,14,0)+IF('Standard Profiles'!$G$21=$B$24,21,0),0)),0)</f>
        <v>1.0236697092271712</v>
      </c>
      <c r="H2714" cm="1">
        <f t="array" ref="H2714">IFERROR(INDEX(Jesper!AL$2:AL$366,ROUNDDOWN($C2714/24,0)+1,1)*INDEX($D$3:$AA$30,INDEX(Jesper!$R$2:$R$366,ROW(INDEX(Jesper!AL$2:AL$366,ROUNDDOWN($C2714/24,0)+1,1))-1)+IF('Standard Profiles'!$G$22=$B$10,7,0)+IF('Standard Profiles'!$G$22=$B$17,14,0)+IF('Standard Profiles'!$G$22=$B$24,21,0),MOD($C2714,24)+1)/SUM(INDEX($D$3:$AA$30,INDEX(Jesper!$R$2:$R$366,ROW(INDEX(Jesper!AL$2:AL$366,ROUNDDOWN($C2714/24,0)+1,1))-1)+IF('Standard Profiles'!$G$22=$B$10,7,0)+IF('Standard Profiles'!$G$22=$B$17,14,0)+IF('Standard Profiles'!$G$22=$B$24,21,0),0)),0)</f>
        <v>0.67788963748443698</v>
      </c>
      <c r="I2714">
        <f t="shared" si="307"/>
        <v>0.65077405198505989</v>
      </c>
      <c r="J2714">
        <f t="shared" si="308"/>
        <v>5.0658139562566964</v>
      </c>
      <c r="K2714">
        <f t="shared" si="309"/>
        <v>0.22716166807488228</v>
      </c>
      <c r="L2714">
        <f t="shared" si="310"/>
        <v>0.11358083403744114</v>
      </c>
      <c r="M2714">
        <f t="shared" si="311"/>
        <v>0</v>
      </c>
      <c r="N2714" s="45">
        <f t="shared" si="312"/>
        <v>45038.666666660167</v>
      </c>
    </row>
    <row r="2715" spans="2:14" x14ac:dyDescent="0.25">
      <c r="B2715">
        <f t="shared" si="306"/>
        <v>6</v>
      </c>
      <c r="C2715" s="16">
        <v>2681</v>
      </c>
      <c r="D2715" cm="1">
        <f t="array" ref="D2715">IFERROR(INDEX(Jesper!AH$2:AH$366,ROUNDDOWN($C2715/24,0)+1,1)*INDEX($D$3:$AA$30,INDEX(Jesper!$R$2:$R$366,ROW(INDEX(Jesper!AH$2:AH$366,ROUNDDOWN($C2715/24,0)+1,1))-1)+IF('Standard Profiles'!$G$18=$B$10,7,0)+IF('Standard Profiles'!$G$18=$B$17,14,0)+IF('Standard Profiles'!$G$18=$B$24,21,0),MOD($C2715,24)+1)/SUM(INDEX($D$3:$AA$30,INDEX(Jesper!$R$2:$R$366,ROW(INDEX(Jesper!AH$2:AH$366,ROUNDDOWN($C2715/24,0)+1,1))-1)+IF('Standard Profiles'!$G$18=$B$10,7,0)+IF('Standard Profiles'!$G$18=$B$17,14,0)+IF('Standard Profiles'!$G$18=$B$24,21,0),0)),0)</f>
        <v>0</v>
      </c>
      <c r="E2715" cm="1">
        <f t="array" ref="E2715">IFERROR(INDEX(Jesper!AI$2:AI$366,ROUNDDOWN($C2715/24,0)+1,1)*INDEX($D$3:$AA$30,INDEX(Jesper!$R$2:$R$366,ROW(INDEX(Jesper!AI$2:AI$366,ROUNDDOWN($C2715/24,0)+1,1))-1)+IF('Standard Profiles'!$G$19=$B$10,7,0)+IF('Standard Profiles'!$G$19=$B$17,14,0)+IF('Standard Profiles'!$G$19=$B$24,21,0),MOD($C2715,24)+1)/SUM(INDEX($D$3:$AA$30,INDEX(Jesper!$R$2:$R$366,ROW(INDEX(Jesper!AI$2:AI$366,ROUNDDOWN($C2715/24,0)+1,1))-1)+IF('Standard Profiles'!$G$19=$B$10,7,0)+IF('Standard Profiles'!$G$19=$B$17,14,0)+IF('Standard Profiles'!$G$19=$B$24,21,0),0)),0)</f>
        <v>2.8395208509360286</v>
      </c>
      <c r="F2715" cm="1">
        <f t="array" ref="F2715">IFERROR(INDEX(Jesper!AJ$2:AJ$366,ROUNDDOWN($C2715/24,0)+1,1)*INDEX($D$3:$AA$30,INDEX(Jesper!$R$2:$R$366,ROW(INDEX(Jesper!AJ$2:AJ$366,ROUNDDOWN($C2715/24,0)+1,1))-1)+IF('Standard Profiles'!$G$20=$B$10,7,0)+IF('Standard Profiles'!$G$20=$B$17,14,0)+IF('Standard Profiles'!$G$20=$B$24,21,0),MOD($C2715,24)+1)/SUM(INDEX($D$3:$AA$30,INDEX(Jesper!$R$2:$R$366,ROW(INDEX(Jesper!AJ$2:AJ$366,ROUNDDOWN($C2715/24,0)+1,1))-1)+IF('Standard Profiles'!$G$20=$B$10,7,0)+IF('Standard Profiles'!$G$20=$B$17,14,0)+IF('Standard Profiles'!$G$20=$B$24,21,0),0)),0)</f>
        <v>1.5162503127064428</v>
      </c>
      <c r="G2715" cm="1">
        <f t="array" ref="G2715">IFERROR(INDEX(Jesper!AK$2:AK$366,ROUNDDOWN($C2715/24,0)+1,1)*INDEX($D$3:$AA$30,INDEX(Jesper!$R$2:$R$366,ROW(INDEX(Jesper!AK$2:AK$366,ROUNDDOWN($C2715/24,0)+1,1))-1)+IF('Standard Profiles'!$G$21=$B$10,7,0)+IF('Standard Profiles'!$G$21=$B$17,14,0)+IF('Standard Profiles'!$G$21=$B$24,21,0),MOD($C2715,24)+1)/SUM(INDEX($D$3:$AA$30,INDEX(Jesper!$R$2:$R$366,ROW(INDEX(Jesper!AK$2:AK$366,ROUNDDOWN($C2715/24,0)+1,1))-1)+IF('Standard Profiles'!$G$21=$B$10,7,0)+IF('Standard Profiles'!$G$21=$B$17,14,0)+IF('Standard Profiles'!$G$21=$B$24,21,0),0)),0)</f>
        <v>1.0236697092271712</v>
      </c>
      <c r="H2715" cm="1">
        <f t="array" ref="H2715">IFERROR(INDEX(Jesper!AL$2:AL$366,ROUNDDOWN($C2715/24,0)+1,1)*INDEX($D$3:$AA$30,INDEX(Jesper!$R$2:$R$366,ROW(INDEX(Jesper!AL$2:AL$366,ROUNDDOWN($C2715/24,0)+1,1))-1)+IF('Standard Profiles'!$G$22=$B$10,7,0)+IF('Standard Profiles'!$G$22=$B$17,14,0)+IF('Standard Profiles'!$G$22=$B$24,21,0),MOD($C2715,24)+1)/SUM(INDEX($D$3:$AA$30,INDEX(Jesper!$R$2:$R$366,ROW(INDEX(Jesper!AL$2:AL$366,ROUNDDOWN($C2715/24,0)+1,1))-1)+IF('Standard Profiles'!$G$22=$B$10,7,0)+IF('Standard Profiles'!$G$22=$B$17,14,0)+IF('Standard Profiles'!$G$22=$B$24,21,0),0)),0)</f>
        <v>0.6101006737359933</v>
      </c>
      <c r="I2715">
        <f t="shared" si="307"/>
        <v>0.58569664678655387</v>
      </c>
      <c r="J2715">
        <f t="shared" si="308"/>
        <v>5.0631023977067589</v>
      </c>
      <c r="K2715">
        <f t="shared" si="309"/>
        <v>0.22716166807488228</v>
      </c>
      <c r="L2715">
        <f t="shared" si="310"/>
        <v>0.11358083403744114</v>
      </c>
      <c r="M2715">
        <f t="shared" si="311"/>
        <v>0</v>
      </c>
      <c r="N2715" s="45">
        <f t="shared" si="312"/>
        <v>45038.708333326831</v>
      </c>
    </row>
    <row r="2716" spans="2:14" x14ac:dyDescent="0.25">
      <c r="B2716">
        <f t="shared" si="306"/>
        <v>6</v>
      </c>
      <c r="C2716" s="16">
        <v>2682</v>
      </c>
      <c r="D2716" cm="1">
        <f t="array" ref="D2716">IFERROR(INDEX(Jesper!AH$2:AH$366,ROUNDDOWN($C2716/24,0)+1,1)*INDEX($D$3:$AA$30,INDEX(Jesper!$R$2:$R$366,ROW(INDEX(Jesper!AH$2:AH$366,ROUNDDOWN($C2716/24,0)+1,1))-1)+IF('Standard Profiles'!$G$18=$B$10,7,0)+IF('Standard Profiles'!$G$18=$B$17,14,0)+IF('Standard Profiles'!$G$18=$B$24,21,0),MOD($C2716,24)+1)/SUM(INDEX($D$3:$AA$30,INDEX(Jesper!$R$2:$R$366,ROW(INDEX(Jesper!AH$2:AH$366,ROUNDDOWN($C2716/24,0)+1,1))-1)+IF('Standard Profiles'!$G$18=$B$10,7,0)+IF('Standard Profiles'!$G$18=$B$17,14,0)+IF('Standard Profiles'!$G$18=$B$24,21,0),0)),0)</f>
        <v>0</v>
      </c>
      <c r="E2716" cm="1">
        <f t="array" ref="E2716">IFERROR(INDEX(Jesper!AI$2:AI$366,ROUNDDOWN($C2716/24,0)+1,1)*INDEX($D$3:$AA$30,INDEX(Jesper!$R$2:$R$366,ROW(INDEX(Jesper!AI$2:AI$366,ROUNDDOWN($C2716/24,0)+1,1))-1)+IF('Standard Profiles'!$G$19=$B$10,7,0)+IF('Standard Profiles'!$G$19=$B$17,14,0)+IF('Standard Profiles'!$G$19=$B$24,21,0),MOD($C2716,24)+1)/SUM(INDEX($D$3:$AA$30,INDEX(Jesper!$R$2:$R$366,ROW(INDEX(Jesper!AI$2:AI$366,ROUNDDOWN($C2716/24,0)+1,1))-1)+IF('Standard Profiles'!$G$19=$B$10,7,0)+IF('Standard Profiles'!$G$19=$B$17,14,0)+IF('Standard Profiles'!$G$19=$B$24,21,0),0)),0)</f>
        <v>2.8395208509360286</v>
      </c>
      <c r="F2716" cm="1">
        <f t="array" ref="F2716">IFERROR(INDEX(Jesper!AJ$2:AJ$366,ROUNDDOWN($C2716/24,0)+1,1)*INDEX($D$3:$AA$30,INDEX(Jesper!$R$2:$R$366,ROW(INDEX(Jesper!AJ$2:AJ$366,ROUNDDOWN($C2716/24,0)+1,1))-1)+IF('Standard Profiles'!$G$20=$B$10,7,0)+IF('Standard Profiles'!$G$20=$B$17,14,0)+IF('Standard Profiles'!$G$20=$B$24,21,0),MOD($C2716,24)+1)/SUM(INDEX($D$3:$AA$30,INDEX(Jesper!$R$2:$R$366,ROW(INDEX(Jesper!AJ$2:AJ$366,ROUNDDOWN($C2716/24,0)+1,1))-1)+IF('Standard Profiles'!$G$20=$B$10,7,0)+IF('Standard Profiles'!$G$20=$B$17,14,0)+IF('Standard Profiles'!$G$20=$B$24,21,0),0)),0)</f>
        <v>1.5162503127064428</v>
      </c>
      <c r="G2716" cm="1">
        <f t="array" ref="G2716">IFERROR(INDEX(Jesper!AK$2:AK$366,ROUNDDOWN($C2716/24,0)+1,1)*INDEX($D$3:$AA$30,INDEX(Jesper!$R$2:$R$366,ROW(INDEX(Jesper!AK$2:AK$366,ROUNDDOWN($C2716/24,0)+1,1))-1)+IF('Standard Profiles'!$G$21=$B$10,7,0)+IF('Standard Profiles'!$G$21=$B$17,14,0)+IF('Standard Profiles'!$G$21=$B$24,21,0),MOD($C2716,24)+1)/SUM(INDEX($D$3:$AA$30,INDEX(Jesper!$R$2:$R$366,ROW(INDEX(Jesper!AK$2:AK$366,ROUNDDOWN($C2716/24,0)+1,1))-1)+IF('Standard Profiles'!$G$21=$B$10,7,0)+IF('Standard Profiles'!$G$21=$B$17,14,0)+IF('Standard Profiles'!$G$21=$B$24,21,0),0)),0)</f>
        <v>1.0236697092271712</v>
      </c>
      <c r="H2716" cm="1">
        <f t="array" ref="H2716">IFERROR(INDEX(Jesper!AL$2:AL$366,ROUNDDOWN($C2716/24,0)+1,1)*INDEX($D$3:$AA$30,INDEX(Jesper!$R$2:$R$366,ROW(INDEX(Jesper!AL$2:AL$366,ROUNDDOWN($C2716/24,0)+1,1))-1)+IF('Standard Profiles'!$G$22=$B$10,7,0)+IF('Standard Profiles'!$G$22=$B$17,14,0)+IF('Standard Profiles'!$G$22=$B$24,21,0),MOD($C2716,24)+1)/SUM(INDEX($D$3:$AA$30,INDEX(Jesper!$R$2:$R$366,ROW(INDEX(Jesper!AL$2:AL$366,ROUNDDOWN($C2716/24,0)+1,1))-1)+IF('Standard Profiles'!$G$22=$B$10,7,0)+IF('Standard Profiles'!$G$22=$B$17,14,0)+IF('Standard Profiles'!$G$22=$B$24,21,0),0)),0)</f>
        <v>0.587504352486512</v>
      </c>
      <c r="I2716">
        <f t="shared" si="307"/>
        <v>0.56400417838705186</v>
      </c>
      <c r="J2716">
        <f t="shared" si="308"/>
        <v>5.0621985448567797</v>
      </c>
      <c r="K2716">
        <f t="shared" si="309"/>
        <v>0.22716166807488228</v>
      </c>
      <c r="L2716">
        <f t="shared" si="310"/>
        <v>0.11358083403744114</v>
      </c>
      <c r="M2716">
        <f t="shared" si="311"/>
        <v>0</v>
      </c>
      <c r="N2716" s="45">
        <f t="shared" si="312"/>
        <v>45038.749999993495</v>
      </c>
    </row>
    <row r="2717" spans="2:14" x14ac:dyDescent="0.25">
      <c r="B2717">
        <f t="shared" si="306"/>
        <v>6</v>
      </c>
      <c r="C2717" s="16">
        <v>2683</v>
      </c>
      <c r="D2717" cm="1">
        <f t="array" ref="D2717">IFERROR(INDEX(Jesper!AH$2:AH$366,ROUNDDOWN($C2717/24,0)+1,1)*INDEX($D$3:$AA$30,INDEX(Jesper!$R$2:$R$366,ROW(INDEX(Jesper!AH$2:AH$366,ROUNDDOWN($C2717/24,0)+1,1))-1)+IF('Standard Profiles'!$G$18=$B$10,7,0)+IF('Standard Profiles'!$G$18=$B$17,14,0)+IF('Standard Profiles'!$G$18=$B$24,21,0),MOD($C2717,24)+1)/SUM(INDEX($D$3:$AA$30,INDEX(Jesper!$R$2:$R$366,ROW(INDEX(Jesper!AH$2:AH$366,ROUNDDOWN($C2717/24,0)+1,1))-1)+IF('Standard Profiles'!$G$18=$B$10,7,0)+IF('Standard Profiles'!$G$18=$B$17,14,0)+IF('Standard Profiles'!$G$18=$B$24,21,0),0)),0)</f>
        <v>0</v>
      </c>
      <c r="E2717" cm="1">
        <f t="array" ref="E2717">IFERROR(INDEX(Jesper!AI$2:AI$366,ROUNDDOWN($C2717/24,0)+1,1)*INDEX($D$3:$AA$30,INDEX(Jesper!$R$2:$R$366,ROW(INDEX(Jesper!AI$2:AI$366,ROUNDDOWN($C2717/24,0)+1,1))-1)+IF('Standard Profiles'!$G$19=$B$10,7,0)+IF('Standard Profiles'!$G$19=$B$17,14,0)+IF('Standard Profiles'!$G$19=$B$24,21,0),MOD($C2717,24)+1)/SUM(INDEX($D$3:$AA$30,INDEX(Jesper!$R$2:$R$366,ROW(INDEX(Jesper!AI$2:AI$366,ROUNDDOWN($C2717/24,0)+1,1))-1)+IF('Standard Profiles'!$G$19=$B$10,7,0)+IF('Standard Profiles'!$G$19=$B$17,14,0)+IF('Standard Profiles'!$G$19=$B$24,21,0),0)),0)</f>
        <v>2.8395208509360286</v>
      </c>
      <c r="F2717" cm="1">
        <f t="array" ref="F2717">IFERROR(INDEX(Jesper!AJ$2:AJ$366,ROUNDDOWN($C2717/24,0)+1,1)*INDEX($D$3:$AA$30,INDEX(Jesper!$R$2:$R$366,ROW(INDEX(Jesper!AJ$2:AJ$366,ROUNDDOWN($C2717/24,0)+1,1))-1)+IF('Standard Profiles'!$G$20=$B$10,7,0)+IF('Standard Profiles'!$G$20=$B$17,14,0)+IF('Standard Profiles'!$G$20=$B$24,21,0),MOD($C2717,24)+1)/SUM(INDEX($D$3:$AA$30,INDEX(Jesper!$R$2:$R$366,ROW(INDEX(Jesper!AJ$2:AJ$366,ROUNDDOWN($C2717/24,0)+1,1))-1)+IF('Standard Profiles'!$G$20=$B$10,7,0)+IF('Standard Profiles'!$G$20=$B$17,14,0)+IF('Standard Profiles'!$G$20=$B$24,21,0),0)),0)</f>
        <v>1.5162503127064428</v>
      </c>
      <c r="G2717" cm="1">
        <f t="array" ref="G2717">IFERROR(INDEX(Jesper!AK$2:AK$366,ROUNDDOWN($C2717/24,0)+1,1)*INDEX($D$3:$AA$30,INDEX(Jesper!$R$2:$R$366,ROW(INDEX(Jesper!AK$2:AK$366,ROUNDDOWN($C2717/24,0)+1,1))-1)+IF('Standard Profiles'!$G$21=$B$10,7,0)+IF('Standard Profiles'!$G$21=$B$17,14,0)+IF('Standard Profiles'!$G$21=$B$24,21,0),MOD($C2717,24)+1)/SUM(INDEX($D$3:$AA$30,INDEX(Jesper!$R$2:$R$366,ROW(INDEX(Jesper!AK$2:AK$366,ROUNDDOWN($C2717/24,0)+1,1))-1)+IF('Standard Profiles'!$G$21=$B$10,7,0)+IF('Standard Profiles'!$G$21=$B$17,14,0)+IF('Standard Profiles'!$G$21=$B$24,21,0),0)),0)</f>
        <v>1.0236697092271712</v>
      </c>
      <c r="H2717" cm="1">
        <f t="array" ref="H2717">IFERROR(INDEX(Jesper!AL$2:AL$366,ROUNDDOWN($C2717/24,0)+1,1)*INDEX($D$3:$AA$30,INDEX(Jesper!$R$2:$R$366,ROW(INDEX(Jesper!AL$2:AL$366,ROUNDDOWN($C2717/24,0)+1,1))-1)+IF('Standard Profiles'!$G$22=$B$10,7,0)+IF('Standard Profiles'!$G$22=$B$17,14,0)+IF('Standard Profiles'!$G$22=$B$24,21,0),MOD($C2717,24)+1)/SUM(INDEX($D$3:$AA$30,INDEX(Jesper!$R$2:$R$366,ROW(INDEX(Jesper!AL$2:AL$366,ROUNDDOWN($C2717/24,0)+1,1))-1)+IF('Standard Profiles'!$G$22=$B$10,7,0)+IF('Standard Profiles'!$G$22=$B$17,14,0)+IF('Standard Profiles'!$G$22=$B$24,21,0),0)),0)</f>
        <v>0.47452274623910584</v>
      </c>
      <c r="I2717">
        <f t="shared" si="307"/>
        <v>0.45554183638954188</v>
      </c>
      <c r="J2717">
        <f t="shared" si="308"/>
        <v>5.0576792806068829</v>
      </c>
      <c r="K2717">
        <f t="shared" si="309"/>
        <v>0.22716166807488228</v>
      </c>
      <c r="L2717">
        <f t="shared" si="310"/>
        <v>0.11358083403744114</v>
      </c>
      <c r="M2717">
        <f t="shared" si="311"/>
        <v>0</v>
      </c>
      <c r="N2717" s="45">
        <f t="shared" si="312"/>
        <v>45038.79166666016</v>
      </c>
    </row>
    <row r="2718" spans="2:14" x14ac:dyDescent="0.25">
      <c r="B2718">
        <f t="shared" si="306"/>
        <v>6</v>
      </c>
      <c r="C2718" s="16">
        <v>2684</v>
      </c>
      <c r="D2718" cm="1">
        <f t="array" ref="D2718">IFERROR(INDEX(Jesper!AH$2:AH$366,ROUNDDOWN($C2718/24,0)+1,1)*INDEX($D$3:$AA$30,INDEX(Jesper!$R$2:$R$366,ROW(INDEX(Jesper!AH$2:AH$366,ROUNDDOWN($C2718/24,0)+1,1))-1)+IF('Standard Profiles'!$G$18=$B$10,7,0)+IF('Standard Profiles'!$G$18=$B$17,14,0)+IF('Standard Profiles'!$G$18=$B$24,21,0),MOD($C2718,24)+1)/SUM(INDEX($D$3:$AA$30,INDEX(Jesper!$R$2:$R$366,ROW(INDEX(Jesper!AH$2:AH$366,ROUNDDOWN($C2718/24,0)+1,1))-1)+IF('Standard Profiles'!$G$18=$B$10,7,0)+IF('Standard Profiles'!$G$18=$B$17,14,0)+IF('Standard Profiles'!$G$18=$B$24,21,0),0)),0)</f>
        <v>0</v>
      </c>
      <c r="E2718" cm="1">
        <f t="array" ref="E2718">IFERROR(INDEX(Jesper!AI$2:AI$366,ROUNDDOWN($C2718/24,0)+1,1)*INDEX($D$3:$AA$30,INDEX(Jesper!$R$2:$R$366,ROW(INDEX(Jesper!AI$2:AI$366,ROUNDDOWN($C2718/24,0)+1,1))-1)+IF('Standard Profiles'!$G$19=$B$10,7,0)+IF('Standard Profiles'!$G$19=$B$17,14,0)+IF('Standard Profiles'!$G$19=$B$24,21,0),MOD($C2718,24)+1)/SUM(INDEX($D$3:$AA$30,INDEX(Jesper!$R$2:$R$366,ROW(INDEX(Jesper!AI$2:AI$366,ROUNDDOWN($C2718/24,0)+1,1))-1)+IF('Standard Profiles'!$G$19=$B$10,7,0)+IF('Standard Profiles'!$G$19=$B$17,14,0)+IF('Standard Profiles'!$G$19=$B$24,21,0),0)),0)</f>
        <v>2.8395208509360286</v>
      </c>
      <c r="F2718" cm="1">
        <f t="array" ref="F2718">IFERROR(INDEX(Jesper!AJ$2:AJ$366,ROUNDDOWN($C2718/24,0)+1,1)*INDEX($D$3:$AA$30,INDEX(Jesper!$R$2:$R$366,ROW(INDEX(Jesper!AJ$2:AJ$366,ROUNDDOWN($C2718/24,0)+1,1))-1)+IF('Standard Profiles'!$G$20=$B$10,7,0)+IF('Standard Profiles'!$G$20=$B$17,14,0)+IF('Standard Profiles'!$G$20=$B$24,21,0),MOD($C2718,24)+1)/SUM(INDEX($D$3:$AA$30,INDEX(Jesper!$R$2:$R$366,ROW(INDEX(Jesper!AJ$2:AJ$366,ROUNDDOWN($C2718/24,0)+1,1))-1)+IF('Standard Profiles'!$G$20=$B$10,7,0)+IF('Standard Profiles'!$G$20=$B$17,14,0)+IF('Standard Profiles'!$G$20=$B$24,21,0),0)),0)</f>
        <v>1.5162503127064428</v>
      </c>
      <c r="G2718" cm="1">
        <f t="array" ref="G2718">IFERROR(INDEX(Jesper!AK$2:AK$366,ROUNDDOWN($C2718/24,0)+1,1)*INDEX($D$3:$AA$30,INDEX(Jesper!$R$2:$R$366,ROW(INDEX(Jesper!AK$2:AK$366,ROUNDDOWN($C2718/24,0)+1,1))-1)+IF('Standard Profiles'!$G$21=$B$10,7,0)+IF('Standard Profiles'!$G$21=$B$17,14,0)+IF('Standard Profiles'!$G$21=$B$24,21,0),MOD($C2718,24)+1)/SUM(INDEX($D$3:$AA$30,INDEX(Jesper!$R$2:$R$366,ROW(INDEX(Jesper!AK$2:AK$366,ROUNDDOWN($C2718/24,0)+1,1))-1)+IF('Standard Profiles'!$G$21=$B$10,7,0)+IF('Standard Profiles'!$G$21=$B$17,14,0)+IF('Standard Profiles'!$G$21=$B$24,21,0),0)),0)</f>
        <v>1.0236697092271712</v>
      </c>
      <c r="H2718" cm="1">
        <f t="array" ref="H2718">IFERROR(INDEX(Jesper!AL$2:AL$366,ROUNDDOWN($C2718/24,0)+1,1)*INDEX($D$3:$AA$30,INDEX(Jesper!$R$2:$R$366,ROW(INDEX(Jesper!AL$2:AL$366,ROUNDDOWN($C2718/24,0)+1,1))-1)+IF('Standard Profiles'!$G$22=$B$10,7,0)+IF('Standard Profiles'!$G$22=$B$17,14,0)+IF('Standard Profiles'!$G$22=$B$24,21,0),MOD($C2718,24)+1)/SUM(INDEX($D$3:$AA$30,INDEX(Jesper!$R$2:$R$366,ROW(INDEX(Jesper!AL$2:AL$366,ROUNDDOWN($C2718/24,0)+1,1))-1)+IF('Standard Profiles'!$G$22=$B$10,7,0)+IF('Standard Profiles'!$G$22=$B$17,14,0)+IF('Standard Profiles'!$G$22=$B$24,21,0),0)),0)</f>
        <v>0.35024297936695908</v>
      </c>
      <c r="I2718">
        <f t="shared" si="307"/>
        <v>0.33623326019228089</v>
      </c>
      <c r="J2718">
        <f t="shared" si="308"/>
        <v>5.0527080899319969</v>
      </c>
      <c r="K2718">
        <f t="shared" si="309"/>
        <v>0.22716166807488228</v>
      </c>
      <c r="L2718">
        <f t="shared" si="310"/>
        <v>0.11358083403744114</v>
      </c>
      <c r="M2718">
        <f t="shared" si="311"/>
        <v>0</v>
      </c>
      <c r="N2718" s="45">
        <f t="shared" si="312"/>
        <v>45038.833333326824</v>
      </c>
    </row>
    <row r="2719" spans="2:14" x14ac:dyDescent="0.25">
      <c r="B2719">
        <f t="shared" si="306"/>
        <v>6</v>
      </c>
      <c r="C2719" s="16">
        <v>2685</v>
      </c>
      <c r="D2719" cm="1">
        <f t="array" ref="D2719">IFERROR(INDEX(Jesper!AH$2:AH$366,ROUNDDOWN($C2719/24,0)+1,1)*INDEX($D$3:$AA$30,INDEX(Jesper!$R$2:$R$366,ROW(INDEX(Jesper!AH$2:AH$366,ROUNDDOWN($C2719/24,0)+1,1))-1)+IF('Standard Profiles'!$G$18=$B$10,7,0)+IF('Standard Profiles'!$G$18=$B$17,14,0)+IF('Standard Profiles'!$G$18=$B$24,21,0),MOD($C2719,24)+1)/SUM(INDEX($D$3:$AA$30,INDEX(Jesper!$R$2:$R$366,ROW(INDEX(Jesper!AH$2:AH$366,ROUNDDOWN($C2719/24,0)+1,1))-1)+IF('Standard Profiles'!$G$18=$B$10,7,0)+IF('Standard Profiles'!$G$18=$B$17,14,0)+IF('Standard Profiles'!$G$18=$B$24,21,0),0)),0)</f>
        <v>0</v>
      </c>
      <c r="E2719" cm="1">
        <f t="array" ref="E2719">IFERROR(INDEX(Jesper!AI$2:AI$366,ROUNDDOWN($C2719/24,0)+1,1)*INDEX($D$3:$AA$30,INDEX(Jesper!$R$2:$R$366,ROW(INDEX(Jesper!AI$2:AI$366,ROUNDDOWN($C2719/24,0)+1,1))-1)+IF('Standard Profiles'!$G$19=$B$10,7,0)+IF('Standard Profiles'!$G$19=$B$17,14,0)+IF('Standard Profiles'!$G$19=$B$24,21,0),MOD($C2719,24)+1)/SUM(INDEX($D$3:$AA$30,INDEX(Jesper!$R$2:$R$366,ROW(INDEX(Jesper!AI$2:AI$366,ROUNDDOWN($C2719/24,0)+1,1))-1)+IF('Standard Profiles'!$G$19=$B$10,7,0)+IF('Standard Profiles'!$G$19=$B$17,14,0)+IF('Standard Profiles'!$G$19=$B$24,21,0),0)),0)</f>
        <v>2.8395208509360286</v>
      </c>
      <c r="F2719" cm="1">
        <f t="array" ref="F2719">IFERROR(INDEX(Jesper!AJ$2:AJ$366,ROUNDDOWN($C2719/24,0)+1,1)*INDEX($D$3:$AA$30,INDEX(Jesper!$R$2:$R$366,ROW(INDEX(Jesper!AJ$2:AJ$366,ROUNDDOWN($C2719/24,0)+1,1))-1)+IF('Standard Profiles'!$G$20=$B$10,7,0)+IF('Standard Profiles'!$G$20=$B$17,14,0)+IF('Standard Profiles'!$G$20=$B$24,21,0),MOD($C2719,24)+1)/SUM(INDEX($D$3:$AA$30,INDEX(Jesper!$R$2:$R$366,ROW(INDEX(Jesper!AJ$2:AJ$366,ROUNDDOWN($C2719/24,0)+1,1))-1)+IF('Standard Profiles'!$G$20=$B$10,7,0)+IF('Standard Profiles'!$G$20=$B$17,14,0)+IF('Standard Profiles'!$G$20=$B$24,21,0),0)),0)</f>
        <v>1.5162503127064428</v>
      </c>
      <c r="G2719" cm="1">
        <f t="array" ref="G2719">IFERROR(INDEX(Jesper!AK$2:AK$366,ROUNDDOWN($C2719/24,0)+1,1)*INDEX($D$3:$AA$30,INDEX(Jesper!$R$2:$R$366,ROW(INDEX(Jesper!AK$2:AK$366,ROUNDDOWN($C2719/24,0)+1,1))-1)+IF('Standard Profiles'!$G$21=$B$10,7,0)+IF('Standard Profiles'!$G$21=$B$17,14,0)+IF('Standard Profiles'!$G$21=$B$24,21,0),MOD($C2719,24)+1)/SUM(INDEX($D$3:$AA$30,INDEX(Jesper!$R$2:$R$366,ROW(INDEX(Jesper!AK$2:AK$366,ROUNDDOWN($C2719/24,0)+1,1))-1)+IF('Standard Profiles'!$G$21=$B$10,7,0)+IF('Standard Profiles'!$G$21=$B$17,14,0)+IF('Standard Profiles'!$G$21=$B$24,21,0),0)),0)</f>
        <v>1.0236697092271712</v>
      </c>
      <c r="H2719" cm="1">
        <f t="array" ref="H2719">IFERROR(INDEX(Jesper!AL$2:AL$366,ROUNDDOWN($C2719/24,0)+1,1)*INDEX($D$3:$AA$30,INDEX(Jesper!$R$2:$R$366,ROW(INDEX(Jesper!AL$2:AL$366,ROUNDDOWN($C2719/24,0)+1,1))-1)+IF('Standard Profiles'!$G$22=$B$10,7,0)+IF('Standard Profiles'!$G$22=$B$17,14,0)+IF('Standard Profiles'!$G$22=$B$24,21,0),MOD($C2719,24)+1)/SUM(INDEX($D$3:$AA$30,INDEX(Jesper!$R$2:$R$366,ROW(INDEX(Jesper!AL$2:AL$366,ROUNDDOWN($C2719/24,0)+1,1))-1)+IF('Standard Profiles'!$G$22=$B$10,7,0)+IF('Standard Profiles'!$G$22=$B$17,14,0)+IF('Standard Profiles'!$G$22=$B$24,21,0),0)),0)</f>
        <v>0.35024297936695908</v>
      </c>
      <c r="I2719">
        <f t="shared" si="307"/>
        <v>0.33623326019228089</v>
      </c>
      <c r="J2719">
        <f t="shared" si="308"/>
        <v>5.0527080899319969</v>
      </c>
      <c r="K2719">
        <f t="shared" si="309"/>
        <v>0.22716166807488228</v>
      </c>
      <c r="L2719">
        <f t="shared" si="310"/>
        <v>0.11358083403744114</v>
      </c>
      <c r="M2719">
        <f t="shared" si="311"/>
        <v>0</v>
      </c>
      <c r="N2719" s="45">
        <f t="shared" si="312"/>
        <v>45038.874999993488</v>
      </c>
    </row>
    <row r="2720" spans="2:14" x14ac:dyDescent="0.25">
      <c r="B2720">
        <f t="shared" si="306"/>
        <v>6</v>
      </c>
      <c r="C2720" s="16">
        <v>2686</v>
      </c>
      <c r="D2720" cm="1">
        <f t="array" ref="D2720">IFERROR(INDEX(Jesper!AH$2:AH$366,ROUNDDOWN($C2720/24,0)+1,1)*INDEX($D$3:$AA$30,INDEX(Jesper!$R$2:$R$366,ROW(INDEX(Jesper!AH$2:AH$366,ROUNDDOWN($C2720/24,0)+1,1))-1)+IF('Standard Profiles'!$G$18=$B$10,7,0)+IF('Standard Profiles'!$G$18=$B$17,14,0)+IF('Standard Profiles'!$G$18=$B$24,21,0),MOD($C2720,24)+1)/SUM(INDEX($D$3:$AA$30,INDEX(Jesper!$R$2:$R$366,ROW(INDEX(Jesper!AH$2:AH$366,ROUNDDOWN($C2720/24,0)+1,1))-1)+IF('Standard Profiles'!$G$18=$B$10,7,0)+IF('Standard Profiles'!$G$18=$B$17,14,0)+IF('Standard Profiles'!$G$18=$B$24,21,0),0)),0)</f>
        <v>0</v>
      </c>
      <c r="E2720" cm="1">
        <f t="array" ref="E2720">IFERROR(INDEX(Jesper!AI$2:AI$366,ROUNDDOWN($C2720/24,0)+1,1)*INDEX($D$3:$AA$30,INDEX(Jesper!$R$2:$R$366,ROW(INDEX(Jesper!AI$2:AI$366,ROUNDDOWN($C2720/24,0)+1,1))-1)+IF('Standard Profiles'!$G$19=$B$10,7,0)+IF('Standard Profiles'!$G$19=$B$17,14,0)+IF('Standard Profiles'!$G$19=$B$24,21,0),MOD($C2720,24)+1)/SUM(INDEX($D$3:$AA$30,INDEX(Jesper!$R$2:$R$366,ROW(INDEX(Jesper!AI$2:AI$366,ROUNDDOWN($C2720/24,0)+1,1))-1)+IF('Standard Profiles'!$G$19=$B$10,7,0)+IF('Standard Profiles'!$G$19=$B$17,14,0)+IF('Standard Profiles'!$G$19=$B$24,21,0),0)),0)</f>
        <v>2.8395208509360286</v>
      </c>
      <c r="F2720" cm="1">
        <f t="array" ref="F2720">IFERROR(INDEX(Jesper!AJ$2:AJ$366,ROUNDDOWN($C2720/24,0)+1,1)*INDEX($D$3:$AA$30,INDEX(Jesper!$R$2:$R$366,ROW(INDEX(Jesper!AJ$2:AJ$366,ROUNDDOWN($C2720/24,0)+1,1))-1)+IF('Standard Profiles'!$G$20=$B$10,7,0)+IF('Standard Profiles'!$G$20=$B$17,14,0)+IF('Standard Profiles'!$G$20=$B$24,21,0),MOD($C2720,24)+1)/SUM(INDEX($D$3:$AA$30,INDEX(Jesper!$R$2:$R$366,ROW(INDEX(Jesper!AJ$2:AJ$366,ROUNDDOWN($C2720/24,0)+1,1))-1)+IF('Standard Profiles'!$G$20=$B$10,7,0)+IF('Standard Profiles'!$G$20=$B$17,14,0)+IF('Standard Profiles'!$G$20=$B$24,21,0),0)),0)</f>
        <v>1.5162503127064428</v>
      </c>
      <c r="G2720" cm="1">
        <f t="array" ref="G2720">IFERROR(INDEX(Jesper!AK$2:AK$366,ROUNDDOWN($C2720/24,0)+1,1)*INDEX($D$3:$AA$30,INDEX(Jesper!$R$2:$R$366,ROW(INDEX(Jesper!AK$2:AK$366,ROUNDDOWN($C2720/24,0)+1,1))-1)+IF('Standard Profiles'!$G$21=$B$10,7,0)+IF('Standard Profiles'!$G$21=$B$17,14,0)+IF('Standard Profiles'!$G$21=$B$24,21,0),MOD($C2720,24)+1)/SUM(INDEX($D$3:$AA$30,INDEX(Jesper!$R$2:$R$366,ROW(INDEX(Jesper!AK$2:AK$366,ROUNDDOWN($C2720/24,0)+1,1))-1)+IF('Standard Profiles'!$G$21=$B$10,7,0)+IF('Standard Profiles'!$G$21=$B$17,14,0)+IF('Standard Profiles'!$G$21=$B$24,21,0),0)),0)</f>
        <v>1.0236697092271712</v>
      </c>
      <c r="H2720" cm="1">
        <f t="array" ref="H2720">IFERROR(INDEX(Jesper!AL$2:AL$366,ROUNDDOWN($C2720/24,0)+1,1)*INDEX($D$3:$AA$30,INDEX(Jesper!$R$2:$R$366,ROW(INDEX(Jesper!AL$2:AL$366,ROUNDDOWN($C2720/24,0)+1,1))-1)+IF('Standard Profiles'!$G$22=$B$10,7,0)+IF('Standard Profiles'!$G$22=$B$17,14,0)+IF('Standard Profiles'!$G$22=$B$24,21,0),MOD($C2720,24)+1)/SUM(INDEX($D$3:$AA$30,INDEX(Jesper!$R$2:$R$366,ROW(INDEX(Jesper!AL$2:AL$366,ROUNDDOWN($C2720/24,0)+1,1))-1)+IF('Standard Profiles'!$G$22=$B$10,7,0)+IF('Standard Profiles'!$G$22=$B$17,14,0)+IF('Standard Profiles'!$G$22=$B$24,21,0),0)),0)</f>
        <v>0.35024297936695908</v>
      </c>
      <c r="I2720">
        <f t="shared" si="307"/>
        <v>0.33623326019228089</v>
      </c>
      <c r="J2720">
        <f t="shared" si="308"/>
        <v>5.0527080899319969</v>
      </c>
      <c r="K2720">
        <f t="shared" si="309"/>
        <v>0.22716166807488228</v>
      </c>
      <c r="L2720">
        <f t="shared" si="310"/>
        <v>0.11358083403744114</v>
      </c>
      <c r="M2720">
        <f t="shared" si="311"/>
        <v>0</v>
      </c>
      <c r="N2720" s="45">
        <f t="shared" si="312"/>
        <v>45038.916666660152</v>
      </c>
    </row>
    <row r="2721" spans="2:14" x14ac:dyDescent="0.25">
      <c r="B2721">
        <f t="shared" si="306"/>
        <v>6</v>
      </c>
      <c r="C2721" s="16">
        <v>2687</v>
      </c>
      <c r="D2721" cm="1">
        <f t="array" ref="D2721">IFERROR(INDEX(Jesper!AH$2:AH$366,ROUNDDOWN($C2721/24,0)+1,1)*INDEX($D$3:$AA$30,INDEX(Jesper!$R$2:$R$366,ROW(INDEX(Jesper!AH$2:AH$366,ROUNDDOWN($C2721/24,0)+1,1))-1)+IF('Standard Profiles'!$G$18=$B$10,7,0)+IF('Standard Profiles'!$G$18=$B$17,14,0)+IF('Standard Profiles'!$G$18=$B$24,21,0),MOD($C2721,24)+1)/SUM(INDEX($D$3:$AA$30,INDEX(Jesper!$R$2:$R$366,ROW(INDEX(Jesper!AH$2:AH$366,ROUNDDOWN($C2721/24,0)+1,1))-1)+IF('Standard Profiles'!$G$18=$B$10,7,0)+IF('Standard Profiles'!$G$18=$B$17,14,0)+IF('Standard Profiles'!$G$18=$B$24,21,0),0)),0)</f>
        <v>0</v>
      </c>
      <c r="E2721" cm="1">
        <f t="array" ref="E2721">IFERROR(INDEX(Jesper!AI$2:AI$366,ROUNDDOWN($C2721/24,0)+1,1)*INDEX($D$3:$AA$30,INDEX(Jesper!$R$2:$R$366,ROW(INDEX(Jesper!AI$2:AI$366,ROUNDDOWN($C2721/24,0)+1,1))-1)+IF('Standard Profiles'!$G$19=$B$10,7,0)+IF('Standard Profiles'!$G$19=$B$17,14,0)+IF('Standard Profiles'!$G$19=$B$24,21,0),MOD($C2721,24)+1)/SUM(INDEX($D$3:$AA$30,INDEX(Jesper!$R$2:$R$366,ROW(INDEX(Jesper!AI$2:AI$366,ROUNDDOWN($C2721/24,0)+1,1))-1)+IF('Standard Profiles'!$G$19=$B$10,7,0)+IF('Standard Profiles'!$G$19=$B$17,14,0)+IF('Standard Profiles'!$G$19=$B$24,21,0),0)),0)</f>
        <v>2.8395208509360286</v>
      </c>
      <c r="F2721" cm="1">
        <f t="array" ref="F2721">IFERROR(INDEX(Jesper!AJ$2:AJ$366,ROUNDDOWN($C2721/24,0)+1,1)*INDEX($D$3:$AA$30,INDEX(Jesper!$R$2:$R$366,ROW(INDEX(Jesper!AJ$2:AJ$366,ROUNDDOWN($C2721/24,0)+1,1))-1)+IF('Standard Profiles'!$G$20=$B$10,7,0)+IF('Standard Profiles'!$G$20=$B$17,14,0)+IF('Standard Profiles'!$G$20=$B$24,21,0),MOD($C2721,24)+1)/SUM(INDEX($D$3:$AA$30,INDEX(Jesper!$R$2:$R$366,ROW(INDEX(Jesper!AJ$2:AJ$366,ROUNDDOWN($C2721/24,0)+1,1))-1)+IF('Standard Profiles'!$G$20=$B$10,7,0)+IF('Standard Profiles'!$G$20=$B$17,14,0)+IF('Standard Profiles'!$G$20=$B$24,21,0),0)),0)</f>
        <v>1.5162503127064428</v>
      </c>
      <c r="G2721" cm="1">
        <f t="array" ref="G2721">IFERROR(INDEX(Jesper!AK$2:AK$366,ROUNDDOWN($C2721/24,0)+1,1)*INDEX($D$3:$AA$30,INDEX(Jesper!$R$2:$R$366,ROW(INDEX(Jesper!AK$2:AK$366,ROUNDDOWN($C2721/24,0)+1,1))-1)+IF('Standard Profiles'!$G$21=$B$10,7,0)+IF('Standard Profiles'!$G$21=$B$17,14,0)+IF('Standard Profiles'!$G$21=$B$24,21,0),MOD($C2721,24)+1)/SUM(INDEX($D$3:$AA$30,INDEX(Jesper!$R$2:$R$366,ROW(INDEX(Jesper!AK$2:AK$366,ROUNDDOWN($C2721/24,0)+1,1))-1)+IF('Standard Profiles'!$G$21=$B$10,7,0)+IF('Standard Profiles'!$G$21=$B$17,14,0)+IF('Standard Profiles'!$G$21=$B$24,21,0),0)),0)</f>
        <v>1.0236697092271712</v>
      </c>
      <c r="H2721" cm="1">
        <f t="array" ref="H2721">IFERROR(INDEX(Jesper!AL$2:AL$366,ROUNDDOWN($C2721/24,0)+1,1)*INDEX($D$3:$AA$30,INDEX(Jesper!$R$2:$R$366,ROW(INDEX(Jesper!AL$2:AL$366,ROUNDDOWN($C2721/24,0)+1,1))-1)+IF('Standard Profiles'!$G$22=$B$10,7,0)+IF('Standard Profiles'!$G$22=$B$17,14,0)+IF('Standard Profiles'!$G$22=$B$24,21,0),MOD($C2721,24)+1)/SUM(INDEX($D$3:$AA$30,INDEX(Jesper!$R$2:$R$366,ROW(INDEX(Jesper!AL$2:AL$366,ROUNDDOWN($C2721/24,0)+1,1))-1)+IF('Standard Profiles'!$G$22=$B$10,7,0)+IF('Standard Profiles'!$G$22=$B$17,14,0)+IF('Standard Profiles'!$G$22=$B$24,21,0),0)),0)</f>
        <v>0.35024297936695908</v>
      </c>
      <c r="I2721">
        <f t="shared" si="307"/>
        <v>0.33623326019228089</v>
      </c>
      <c r="J2721">
        <f t="shared" si="308"/>
        <v>5.0527080899319969</v>
      </c>
      <c r="K2721">
        <f t="shared" si="309"/>
        <v>0.22716166807488228</v>
      </c>
      <c r="L2721">
        <f t="shared" si="310"/>
        <v>0.11358083403744114</v>
      </c>
      <c r="M2721">
        <f t="shared" si="311"/>
        <v>0</v>
      </c>
      <c r="N2721" s="45">
        <f t="shared" si="312"/>
        <v>45038.958333326817</v>
      </c>
    </row>
    <row r="2722" spans="2:14" x14ac:dyDescent="0.25">
      <c r="B2722">
        <f t="shared" si="306"/>
        <v>7</v>
      </c>
      <c r="C2722" s="16">
        <v>2688</v>
      </c>
      <c r="D2722" cm="1">
        <f t="array" ref="D2722">IFERROR(INDEX(Jesper!AH$2:AH$366,ROUNDDOWN($C2722/24,0)+1,1)*INDEX($D$3:$AA$30,INDEX(Jesper!$R$2:$R$366,ROW(INDEX(Jesper!AH$2:AH$366,ROUNDDOWN($C2722/24,0)+1,1))-1)+IF('Standard Profiles'!$G$18=$B$10,7,0)+IF('Standard Profiles'!$G$18=$B$17,14,0)+IF('Standard Profiles'!$G$18=$B$24,21,0),MOD($C2722,24)+1)/SUM(INDEX($D$3:$AA$30,INDEX(Jesper!$R$2:$R$366,ROW(INDEX(Jesper!AH$2:AH$366,ROUNDDOWN($C2722/24,0)+1,1))-1)+IF('Standard Profiles'!$G$18=$B$10,7,0)+IF('Standard Profiles'!$G$18=$B$17,14,0)+IF('Standard Profiles'!$G$18=$B$24,21,0),0)),0)</f>
        <v>0</v>
      </c>
      <c r="E2722" cm="1">
        <f t="array" ref="E2722">IFERROR(INDEX(Jesper!AI$2:AI$366,ROUNDDOWN($C2722/24,0)+1,1)*INDEX($D$3:$AA$30,INDEX(Jesper!$R$2:$R$366,ROW(INDEX(Jesper!AI$2:AI$366,ROUNDDOWN($C2722/24,0)+1,1))-1)+IF('Standard Profiles'!$G$19=$B$10,7,0)+IF('Standard Profiles'!$G$19=$B$17,14,0)+IF('Standard Profiles'!$G$19=$B$24,21,0),MOD($C2722,24)+1)/SUM(INDEX($D$3:$AA$30,INDEX(Jesper!$R$2:$R$366,ROW(INDEX(Jesper!AI$2:AI$366,ROUNDDOWN($C2722/24,0)+1,1))-1)+IF('Standard Profiles'!$G$19=$B$10,7,0)+IF('Standard Profiles'!$G$19=$B$17,14,0)+IF('Standard Profiles'!$G$19=$B$24,21,0),0)),0)</f>
        <v>2.7625000681488028</v>
      </c>
      <c r="F2722" cm="1">
        <f t="array" ref="F2722">IFERROR(INDEX(Jesper!AJ$2:AJ$366,ROUNDDOWN($C2722/24,0)+1,1)*INDEX($D$3:$AA$30,INDEX(Jesper!$R$2:$R$366,ROW(INDEX(Jesper!AJ$2:AJ$366,ROUNDDOWN($C2722/24,0)+1,1))-1)+IF('Standard Profiles'!$G$20=$B$10,7,0)+IF('Standard Profiles'!$G$20=$B$17,14,0)+IF('Standard Profiles'!$G$20=$B$24,21,0),MOD($C2722,24)+1)/SUM(INDEX($D$3:$AA$30,INDEX(Jesper!$R$2:$R$366,ROW(INDEX(Jesper!AJ$2:AJ$366,ROUNDDOWN($C2722/24,0)+1,1))-1)+IF('Standard Profiles'!$G$20=$B$10,7,0)+IF('Standard Profiles'!$G$20=$B$17,14,0)+IF('Standard Profiles'!$G$20=$B$24,21,0),0)),0)</f>
        <v>1.3713941980564615</v>
      </c>
      <c r="G2722" cm="1">
        <f t="array" ref="G2722">IFERROR(INDEX(Jesper!AK$2:AK$366,ROUNDDOWN($C2722/24,0)+1,1)*INDEX($D$3:$AA$30,INDEX(Jesper!$R$2:$R$366,ROW(INDEX(Jesper!AK$2:AK$366,ROUNDDOWN($C2722/24,0)+1,1))-1)+IF('Standard Profiles'!$G$21=$B$10,7,0)+IF('Standard Profiles'!$G$21=$B$17,14,0)+IF('Standard Profiles'!$G$21=$B$24,21,0),MOD($C2722,24)+1)/SUM(INDEX($D$3:$AA$30,INDEX(Jesper!$R$2:$R$366,ROW(INDEX(Jesper!AK$2:AK$366,ROUNDDOWN($C2722/24,0)+1,1))-1)+IF('Standard Profiles'!$G$21=$B$10,7,0)+IF('Standard Profiles'!$G$21=$B$17,14,0)+IF('Standard Profiles'!$G$21=$B$24,21,0),0)),0)</f>
        <v>0.90704268439746893</v>
      </c>
      <c r="H2722" cm="1">
        <f t="array" ref="H2722">IFERROR(INDEX(Jesper!AL$2:AL$366,ROUNDDOWN($C2722/24,0)+1,1)*INDEX($D$3:$AA$30,INDEX(Jesper!$R$2:$R$366,ROW(INDEX(Jesper!AL$2:AL$366,ROUNDDOWN($C2722/24,0)+1,1))-1)+IF('Standard Profiles'!$G$22=$B$10,7,0)+IF('Standard Profiles'!$G$22=$B$17,14,0)+IF('Standard Profiles'!$G$22=$B$24,21,0),MOD($C2722,24)+1)/SUM(INDEX($D$3:$AA$30,INDEX(Jesper!$R$2:$R$366,ROW(INDEX(Jesper!AL$2:AL$366,ROUNDDOWN($C2722/24,0)+1,1))-1)+IF('Standard Profiles'!$G$22=$B$10,7,0)+IF('Standard Profiles'!$G$22=$B$17,14,0)+IF('Standard Profiles'!$G$22=$B$24,21,0),0)),0)</f>
        <v>0.32917867115161331</v>
      </c>
      <c r="I2722">
        <f t="shared" si="307"/>
        <v>0.31601152430554896</v>
      </c>
      <c r="J2722">
        <f t="shared" si="308"/>
        <v>4.7226040892709413</v>
      </c>
      <c r="K2722">
        <f t="shared" si="309"/>
        <v>0.22100000545190424</v>
      </c>
      <c r="L2722">
        <f t="shared" si="310"/>
        <v>0.11050000272595212</v>
      </c>
      <c r="M2722">
        <f t="shared" si="311"/>
        <v>0</v>
      </c>
      <c r="N2722" s="45">
        <f t="shared" si="312"/>
        <v>45038.999999993481</v>
      </c>
    </row>
    <row r="2723" spans="2:14" x14ac:dyDescent="0.25">
      <c r="B2723">
        <f t="shared" ref="B2723:B2786" si="313">WEEKDAY(N2723,2)</f>
        <v>7</v>
      </c>
      <c r="C2723" s="16">
        <v>2689</v>
      </c>
      <c r="D2723" cm="1">
        <f t="array" ref="D2723">IFERROR(INDEX(Jesper!AH$2:AH$366,ROUNDDOWN($C2723/24,0)+1,1)*INDEX($D$3:$AA$30,INDEX(Jesper!$R$2:$R$366,ROW(INDEX(Jesper!AH$2:AH$366,ROUNDDOWN($C2723/24,0)+1,1))-1)+IF('Standard Profiles'!$G$18=$B$10,7,0)+IF('Standard Profiles'!$G$18=$B$17,14,0)+IF('Standard Profiles'!$G$18=$B$24,21,0),MOD($C2723,24)+1)/SUM(INDEX($D$3:$AA$30,INDEX(Jesper!$R$2:$R$366,ROW(INDEX(Jesper!AH$2:AH$366,ROUNDDOWN($C2723/24,0)+1,1))-1)+IF('Standard Profiles'!$G$18=$B$10,7,0)+IF('Standard Profiles'!$G$18=$B$17,14,0)+IF('Standard Profiles'!$G$18=$B$24,21,0),0)),0)</f>
        <v>0</v>
      </c>
      <c r="E2723" cm="1">
        <f t="array" ref="E2723">IFERROR(INDEX(Jesper!AI$2:AI$366,ROUNDDOWN($C2723/24,0)+1,1)*INDEX($D$3:$AA$30,INDEX(Jesper!$R$2:$R$366,ROW(INDEX(Jesper!AI$2:AI$366,ROUNDDOWN($C2723/24,0)+1,1))-1)+IF('Standard Profiles'!$G$19=$B$10,7,0)+IF('Standard Profiles'!$G$19=$B$17,14,0)+IF('Standard Profiles'!$G$19=$B$24,21,0),MOD($C2723,24)+1)/SUM(INDEX($D$3:$AA$30,INDEX(Jesper!$R$2:$R$366,ROW(INDEX(Jesper!AI$2:AI$366,ROUNDDOWN($C2723/24,0)+1,1))-1)+IF('Standard Profiles'!$G$19=$B$10,7,0)+IF('Standard Profiles'!$G$19=$B$17,14,0)+IF('Standard Profiles'!$G$19=$B$24,21,0),0)),0)</f>
        <v>2.7625000681488028</v>
      </c>
      <c r="F2723" cm="1">
        <f t="array" ref="F2723">IFERROR(INDEX(Jesper!AJ$2:AJ$366,ROUNDDOWN($C2723/24,0)+1,1)*INDEX($D$3:$AA$30,INDEX(Jesper!$R$2:$R$366,ROW(INDEX(Jesper!AJ$2:AJ$366,ROUNDDOWN($C2723/24,0)+1,1))-1)+IF('Standard Profiles'!$G$20=$B$10,7,0)+IF('Standard Profiles'!$G$20=$B$17,14,0)+IF('Standard Profiles'!$G$20=$B$24,21,0),MOD($C2723,24)+1)/SUM(INDEX($D$3:$AA$30,INDEX(Jesper!$R$2:$R$366,ROW(INDEX(Jesper!AJ$2:AJ$366,ROUNDDOWN($C2723/24,0)+1,1))-1)+IF('Standard Profiles'!$G$20=$B$10,7,0)+IF('Standard Profiles'!$G$20=$B$17,14,0)+IF('Standard Profiles'!$G$20=$B$24,21,0),0)),0)</f>
        <v>1.3713941980564615</v>
      </c>
      <c r="G2723" cm="1">
        <f t="array" ref="G2723">IFERROR(INDEX(Jesper!AK$2:AK$366,ROUNDDOWN($C2723/24,0)+1,1)*INDEX($D$3:$AA$30,INDEX(Jesper!$R$2:$R$366,ROW(INDEX(Jesper!AK$2:AK$366,ROUNDDOWN($C2723/24,0)+1,1))-1)+IF('Standard Profiles'!$G$21=$B$10,7,0)+IF('Standard Profiles'!$G$21=$B$17,14,0)+IF('Standard Profiles'!$G$21=$B$24,21,0),MOD($C2723,24)+1)/SUM(INDEX($D$3:$AA$30,INDEX(Jesper!$R$2:$R$366,ROW(INDEX(Jesper!AK$2:AK$366,ROUNDDOWN($C2723/24,0)+1,1))-1)+IF('Standard Profiles'!$G$21=$B$10,7,0)+IF('Standard Profiles'!$G$21=$B$17,14,0)+IF('Standard Profiles'!$G$21=$B$24,21,0),0)),0)</f>
        <v>0.90704268439746893</v>
      </c>
      <c r="H2723" cm="1">
        <f t="array" ref="H2723">IFERROR(INDEX(Jesper!AL$2:AL$366,ROUNDDOWN($C2723/24,0)+1,1)*INDEX($D$3:$AA$30,INDEX(Jesper!$R$2:$R$366,ROW(INDEX(Jesper!AL$2:AL$366,ROUNDDOWN($C2723/24,0)+1,1))-1)+IF('Standard Profiles'!$G$22=$B$10,7,0)+IF('Standard Profiles'!$G$22=$B$17,14,0)+IF('Standard Profiles'!$G$22=$B$24,21,0),MOD($C2723,24)+1)/SUM(INDEX($D$3:$AA$30,INDEX(Jesper!$R$2:$R$366,ROW(INDEX(Jesper!AL$2:AL$366,ROUNDDOWN($C2723/24,0)+1,1))-1)+IF('Standard Profiles'!$G$22=$B$10,7,0)+IF('Standard Profiles'!$G$22=$B$17,14,0)+IF('Standard Profiles'!$G$22=$B$24,21,0),0)),0)</f>
        <v>0.38227200520832511</v>
      </c>
      <c r="I2723">
        <f t="shared" ref="I2723:I2786" si="314">IF($B2723&lt;6,AC$37*$D2723+AC$38*$E2723+AC$39*$F2723+AC$40*$G2723,AC$46*$D2723+AC$47*$E2723+AC$48*$F2723+AC$49*$G2723+AC$50*$H2723)</f>
        <v>0.3669811249999923</v>
      </c>
      <c r="J2723">
        <f t="shared" ref="J2723:J2786" si="315">IF($B2723&lt;6,AD$37*$D2723+AD$38*$E2723+AD$39*$F2723+AD$40*$G2723,AD$46*$D2723+AD$47*$E2723+AD$48*$F2723+AD$49*$G2723+AD$50*$H2723)</f>
        <v>4.7247278226332101</v>
      </c>
      <c r="K2723">
        <f t="shared" ref="K2723:K2786" si="316">IF($B2723&lt;6,AE$37*$D2723+AE$38*$E2723+AE$39*$F2723+AE$40*$G2723,AE$46*$D2723+AE$47*$E2723+AE$48*$F2723+AE$49*$G2723+AE$50*$H2723)</f>
        <v>0.22100000545190424</v>
      </c>
      <c r="L2723">
        <f t="shared" ref="L2723:L2786" si="317">IF($B2723&lt;6,AF$37*$D2723+AF$38*$E2723+AF$39*$F2723+AF$40*$G2723,AF$46*$D2723+AF$47*$E2723+AF$48*$F2723+AF$49*$G2723+AF$50*$H2723)</f>
        <v>0.11050000272595212</v>
      </c>
      <c r="M2723">
        <f t="shared" ref="M2723:M2786" si="318">IF($B2723&lt;6,AG$37*$D2723+AG$38*$E2723+AG$39*$F2723+AG$40*$G2723,AG$46*$D2723+AG$47*$E2723+AG$48*$F2723+AG$49*$G2723+AG$50*$H2723)</f>
        <v>0</v>
      </c>
      <c r="N2723" s="45">
        <f t="shared" si="312"/>
        <v>45039.041666660145</v>
      </c>
    </row>
    <row r="2724" spans="2:14" x14ac:dyDescent="0.25">
      <c r="B2724">
        <f t="shared" si="313"/>
        <v>7</v>
      </c>
      <c r="C2724" s="16">
        <v>2690</v>
      </c>
      <c r="D2724" cm="1">
        <f t="array" ref="D2724">IFERROR(INDEX(Jesper!AH$2:AH$366,ROUNDDOWN($C2724/24,0)+1,1)*INDEX($D$3:$AA$30,INDEX(Jesper!$R$2:$R$366,ROW(INDEX(Jesper!AH$2:AH$366,ROUNDDOWN($C2724/24,0)+1,1))-1)+IF('Standard Profiles'!$G$18=$B$10,7,0)+IF('Standard Profiles'!$G$18=$B$17,14,0)+IF('Standard Profiles'!$G$18=$B$24,21,0),MOD($C2724,24)+1)/SUM(INDEX($D$3:$AA$30,INDEX(Jesper!$R$2:$R$366,ROW(INDEX(Jesper!AH$2:AH$366,ROUNDDOWN($C2724/24,0)+1,1))-1)+IF('Standard Profiles'!$G$18=$B$10,7,0)+IF('Standard Profiles'!$G$18=$B$17,14,0)+IF('Standard Profiles'!$G$18=$B$24,21,0),0)),0)</f>
        <v>0</v>
      </c>
      <c r="E2724" cm="1">
        <f t="array" ref="E2724">IFERROR(INDEX(Jesper!AI$2:AI$366,ROUNDDOWN($C2724/24,0)+1,1)*INDEX($D$3:$AA$30,INDEX(Jesper!$R$2:$R$366,ROW(INDEX(Jesper!AI$2:AI$366,ROUNDDOWN($C2724/24,0)+1,1))-1)+IF('Standard Profiles'!$G$19=$B$10,7,0)+IF('Standard Profiles'!$G$19=$B$17,14,0)+IF('Standard Profiles'!$G$19=$B$24,21,0),MOD($C2724,24)+1)/SUM(INDEX($D$3:$AA$30,INDEX(Jesper!$R$2:$R$366,ROW(INDEX(Jesper!AI$2:AI$366,ROUNDDOWN($C2724/24,0)+1,1))-1)+IF('Standard Profiles'!$G$19=$B$10,7,0)+IF('Standard Profiles'!$G$19=$B$17,14,0)+IF('Standard Profiles'!$G$19=$B$24,21,0),0)),0)</f>
        <v>2.7625000681488028</v>
      </c>
      <c r="F2724" cm="1">
        <f t="array" ref="F2724">IFERROR(INDEX(Jesper!AJ$2:AJ$366,ROUNDDOWN($C2724/24,0)+1,1)*INDEX($D$3:$AA$30,INDEX(Jesper!$R$2:$R$366,ROW(INDEX(Jesper!AJ$2:AJ$366,ROUNDDOWN($C2724/24,0)+1,1))-1)+IF('Standard Profiles'!$G$20=$B$10,7,0)+IF('Standard Profiles'!$G$20=$B$17,14,0)+IF('Standard Profiles'!$G$20=$B$24,21,0),MOD($C2724,24)+1)/SUM(INDEX($D$3:$AA$30,INDEX(Jesper!$R$2:$R$366,ROW(INDEX(Jesper!AJ$2:AJ$366,ROUNDDOWN($C2724/24,0)+1,1))-1)+IF('Standard Profiles'!$G$20=$B$10,7,0)+IF('Standard Profiles'!$G$20=$B$17,14,0)+IF('Standard Profiles'!$G$20=$B$24,21,0),0)),0)</f>
        <v>1.3713941980564615</v>
      </c>
      <c r="G2724" cm="1">
        <f t="array" ref="G2724">IFERROR(INDEX(Jesper!AK$2:AK$366,ROUNDDOWN($C2724/24,0)+1,1)*INDEX($D$3:$AA$30,INDEX(Jesper!$R$2:$R$366,ROW(INDEX(Jesper!AK$2:AK$366,ROUNDDOWN($C2724/24,0)+1,1))-1)+IF('Standard Profiles'!$G$21=$B$10,7,0)+IF('Standard Profiles'!$G$21=$B$17,14,0)+IF('Standard Profiles'!$G$21=$B$24,21,0),MOD($C2724,24)+1)/SUM(INDEX($D$3:$AA$30,INDEX(Jesper!$R$2:$R$366,ROW(INDEX(Jesper!AK$2:AK$366,ROUNDDOWN($C2724/24,0)+1,1))-1)+IF('Standard Profiles'!$G$21=$B$10,7,0)+IF('Standard Profiles'!$G$21=$B$17,14,0)+IF('Standard Profiles'!$G$21=$B$24,21,0),0)),0)</f>
        <v>0.90704268439746893</v>
      </c>
      <c r="H2724" cm="1">
        <f t="array" ref="H2724">IFERROR(INDEX(Jesper!AL$2:AL$366,ROUNDDOWN($C2724/24,0)+1,1)*INDEX($D$3:$AA$30,INDEX(Jesper!$R$2:$R$366,ROW(INDEX(Jesper!AL$2:AL$366,ROUNDDOWN($C2724/24,0)+1,1))-1)+IF('Standard Profiles'!$G$22=$B$10,7,0)+IF('Standard Profiles'!$G$22=$B$17,14,0)+IF('Standard Profiles'!$G$22=$B$24,21,0),MOD($C2724,24)+1)/SUM(INDEX($D$3:$AA$30,INDEX(Jesper!$R$2:$R$366,ROW(INDEX(Jesper!AL$2:AL$366,ROUNDDOWN($C2724/24,0)+1,1))-1)+IF('Standard Profiles'!$G$22=$B$10,7,0)+IF('Standard Profiles'!$G$22=$B$17,14,0)+IF('Standard Profiles'!$G$22=$B$24,21,0),0)),0)</f>
        <v>0.38227200520832511</v>
      </c>
      <c r="I2724">
        <f t="shared" si="314"/>
        <v>0.3669811249999923</v>
      </c>
      <c r="J2724">
        <f t="shared" si="315"/>
        <v>4.7247278226332101</v>
      </c>
      <c r="K2724">
        <f t="shared" si="316"/>
        <v>0.22100000545190424</v>
      </c>
      <c r="L2724">
        <f t="shared" si="317"/>
        <v>0.11050000272595212</v>
      </c>
      <c r="M2724">
        <f t="shared" si="318"/>
        <v>0</v>
      </c>
      <c r="N2724" s="45">
        <f t="shared" ref="N2724:N2787" si="319">N2723+1/24</f>
        <v>45039.083333326809</v>
      </c>
    </row>
    <row r="2725" spans="2:14" x14ac:dyDescent="0.25">
      <c r="B2725">
        <f t="shared" si="313"/>
        <v>7</v>
      </c>
      <c r="C2725" s="16">
        <v>2691</v>
      </c>
      <c r="D2725" cm="1">
        <f t="array" ref="D2725">IFERROR(INDEX(Jesper!AH$2:AH$366,ROUNDDOWN($C2725/24,0)+1,1)*INDEX($D$3:$AA$30,INDEX(Jesper!$R$2:$R$366,ROW(INDEX(Jesper!AH$2:AH$366,ROUNDDOWN($C2725/24,0)+1,1))-1)+IF('Standard Profiles'!$G$18=$B$10,7,0)+IF('Standard Profiles'!$G$18=$B$17,14,0)+IF('Standard Profiles'!$G$18=$B$24,21,0),MOD($C2725,24)+1)/SUM(INDEX($D$3:$AA$30,INDEX(Jesper!$R$2:$R$366,ROW(INDEX(Jesper!AH$2:AH$366,ROUNDDOWN($C2725/24,0)+1,1))-1)+IF('Standard Profiles'!$G$18=$B$10,7,0)+IF('Standard Profiles'!$G$18=$B$17,14,0)+IF('Standard Profiles'!$G$18=$B$24,21,0),0)),0)</f>
        <v>0</v>
      </c>
      <c r="E2725" cm="1">
        <f t="array" ref="E2725">IFERROR(INDEX(Jesper!AI$2:AI$366,ROUNDDOWN($C2725/24,0)+1,1)*INDEX($D$3:$AA$30,INDEX(Jesper!$R$2:$R$366,ROW(INDEX(Jesper!AI$2:AI$366,ROUNDDOWN($C2725/24,0)+1,1))-1)+IF('Standard Profiles'!$G$19=$B$10,7,0)+IF('Standard Profiles'!$G$19=$B$17,14,0)+IF('Standard Profiles'!$G$19=$B$24,21,0),MOD($C2725,24)+1)/SUM(INDEX($D$3:$AA$30,INDEX(Jesper!$R$2:$R$366,ROW(INDEX(Jesper!AI$2:AI$366,ROUNDDOWN($C2725/24,0)+1,1))-1)+IF('Standard Profiles'!$G$19=$B$10,7,0)+IF('Standard Profiles'!$G$19=$B$17,14,0)+IF('Standard Profiles'!$G$19=$B$24,21,0),0)),0)</f>
        <v>2.7625000681488028</v>
      </c>
      <c r="F2725" cm="1">
        <f t="array" ref="F2725">IFERROR(INDEX(Jesper!AJ$2:AJ$366,ROUNDDOWN($C2725/24,0)+1,1)*INDEX($D$3:$AA$30,INDEX(Jesper!$R$2:$R$366,ROW(INDEX(Jesper!AJ$2:AJ$366,ROUNDDOWN($C2725/24,0)+1,1))-1)+IF('Standard Profiles'!$G$20=$B$10,7,0)+IF('Standard Profiles'!$G$20=$B$17,14,0)+IF('Standard Profiles'!$G$20=$B$24,21,0),MOD($C2725,24)+1)/SUM(INDEX($D$3:$AA$30,INDEX(Jesper!$R$2:$R$366,ROW(INDEX(Jesper!AJ$2:AJ$366,ROUNDDOWN($C2725/24,0)+1,1))-1)+IF('Standard Profiles'!$G$20=$B$10,7,0)+IF('Standard Profiles'!$G$20=$B$17,14,0)+IF('Standard Profiles'!$G$20=$B$24,21,0),0)),0)</f>
        <v>1.3713941980564615</v>
      </c>
      <c r="G2725" cm="1">
        <f t="array" ref="G2725">IFERROR(INDEX(Jesper!AK$2:AK$366,ROUNDDOWN($C2725/24,0)+1,1)*INDEX($D$3:$AA$30,INDEX(Jesper!$R$2:$R$366,ROW(INDEX(Jesper!AK$2:AK$366,ROUNDDOWN($C2725/24,0)+1,1))-1)+IF('Standard Profiles'!$G$21=$B$10,7,0)+IF('Standard Profiles'!$G$21=$B$17,14,0)+IF('Standard Profiles'!$G$21=$B$24,21,0),MOD($C2725,24)+1)/SUM(INDEX($D$3:$AA$30,INDEX(Jesper!$R$2:$R$366,ROW(INDEX(Jesper!AK$2:AK$366,ROUNDDOWN($C2725/24,0)+1,1))-1)+IF('Standard Profiles'!$G$21=$B$10,7,0)+IF('Standard Profiles'!$G$21=$B$17,14,0)+IF('Standard Profiles'!$G$21=$B$24,21,0),0)),0)</f>
        <v>0.90704268439746893</v>
      </c>
      <c r="H2725" cm="1">
        <f t="array" ref="H2725">IFERROR(INDEX(Jesper!AL$2:AL$366,ROUNDDOWN($C2725/24,0)+1,1)*INDEX($D$3:$AA$30,INDEX(Jesper!$R$2:$R$366,ROW(INDEX(Jesper!AL$2:AL$366,ROUNDDOWN($C2725/24,0)+1,1))-1)+IF('Standard Profiles'!$G$22=$B$10,7,0)+IF('Standard Profiles'!$G$22=$B$17,14,0)+IF('Standard Profiles'!$G$22=$B$24,21,0),MOD($C2725,24)+1)/SUM(INDEX($D$3:$AA$30,INDEX(Jesper!$R$2:$R$366,ROW(INDEX(Jesper!AL$2:AL$366,ROUNDDOWN($C2725/24,0)+1,1))-1)+IF('Standard Profiles'!$G$22=$B$10,7,0)+IF('Standard Profiles'!$G$22=$B$17,14,0)+IF('Standard Profiles'!$G$22=$B$24,21,0),0)),0)</f>
        <v>0.38227200520832511</v>
      </c>
      <c r="I2725">
        <f t="shared" si="314"/>
        <v>0.3669811249999923</v>
      </c>
      <c r="J2725">
        <f t="shared" si="315"/>
        <v>4.7247278226332101</v>
      </c>
      <c r="K2725">
        <f t="shared" si="316"/>
        <v>0.22100000545190424</v>
      </c>
      <c r="L2725">
        <f t="shared" si="317"/>
        <v>0.11050000272595212</v>
      </c>
      <c r="M2725">
        <f t="shared" si="318"/>
        <v>0</v>
      </c>
      <c r="N2725" s="45">
        <f t="shared" si="319"/>
        <v>45039.124999993473</v>
      </c>
    </row>
    <row r="2726" spans="2:14" x14ac:dyDescent="0.25">
      <c r="B2726">
        <f t="shared" si="313"/>
        <v>7</v>
      </c>
      <c r="C2726" s="16">
        <v>2692</v>
      </c>
      <c r="D2726" cm="1">
        <f t="array" ref="D2726">IFERROR(INDEX(Jesper!AH$2:AH$366,ROUNDDOWN($C2726/24,0)+1,1)*INDEX($D$3:$AA$30,INDEX(Jesper!$R$2:$R$366,ROW(INDEX(Jesper!AH$2:AH$366,ROUNDDOWN($C2726/24,0)+1,1))-1)+IF('Standard Profiles'!$G$18=$B$10,7,0)+IF('Standard Profiles'!$G$18=$B$17,14,0)+IF('Standard Profiles'!$G$18=$B$24,21,0),MOD($C2726,24)+1)/SUM(INDEX($D$3:$AA$30,INDEX(Jesper!$R$2:$R$366,ROW(INDEX(Jesper!AH$2:AH$366,ROUNDDOWN($C2726/24,0)+1,1))-1)+IF('Standard Profiles'!$G$18=$B$10,7,0)+IF('Standard Profiles'!$G$18=$B$17,14,0)+IF('Standard Profiles'!$G$18=$B$24,21,0),0)),0)</f>
        <v>0</v>
      </c>
      <c r="E2726" cm="1">
        <f t="array" ref="E2726">IFERROR(INDEX(Jesper!AI$2:AI$366,ROUNDDOWN($C2726/24,0)+1,1)*INDEX($D$3:$AA$30,INDEX(Jesper!$R$2:$R$366,ROW(INDEX(Jesper!AI$2:AI$366,ROUNDDOWN($C2726/24,0)+1,1))-1)+IF('Standard Profiles'!$G$19=$B$10,7,0)+IF('Standard Profiles'!$G$19=$B$17,14,0)+IF('Standard Profiles'!$G$19=$B$24,21,0),MOD($C2726,24)+1)/SUM(INDEX($D$3:$AA$30,INDEX(Jesper!$R$2:$R$366,ROW(INDEX(Jesper!AI$2:AI$366,ROUNDDOWN($C2726/24,0)+1,1))-1)+IF('Standard Profiles'!$G$19=$B$10,7,0)+IF('Standard Profiles'!$G$19=$B$17,14,0)+IF('Standard Profiles'!$G$19=$B$24,21,0),0)),0)</f>
        <v>2.7625000681488028</v>
      </c>
      <c r="F2726" cm="1">
        <f t="array" ref="F2726">IFERROR(INDEX(Jesper!AJ$2:AJ$366,ROUNDDOWN($C2726/24,0)+1,1)*INDEX($D$3:$AA$30,INDEX(Jesper!$R$2:$R$366,ROW(INDEX(Jesper!AJ$2:AJ$366,ROUNDDOWN($C2726/24,0)+1,1))-1)+IF('Standard Profiles'!$G$20=$B$10,7,0)+IF('Standard Profiles'!$G$20=$B$17,14,0)+IF('Standard Profiles'!$G$20=$B$24,21,0),MOD($C2726,24)+1)/SUM(INDEX($D$3:$AA$30,INDEX(Jesper!$R$2:$R$366,ROW(INDEX(Jesper!AJ$2:AJ$366,ROUNDDOWN($C2726/24,0)+1,1))-1)+IF('Standard Profiles'!$G$20=$B$10,7,0)+IF('Standard Profiles'!$G$20=$B$17,14,0)+IF('Standard Profiles'!$G$20=$B$24,21,0),0)),0)</f>
        <v>1.3713941980564615</v>
      </c>
      <c r="G2726" cm="1">
        <f t="array" ref="G2726">IFERROR(INDEX(Jesper!AK$2:AK$366,ROUNDDOWN($C2726/24,0)+1,1)*INDEX($D$3:$AA$30,INDEX(Jesper!$R$2:$R$366,ROW(INDEX(Jesper!AK$2:AK$366,ROUNDDOWN($C2726/24,0)+1,1))-1)+IF('Standard Profiles'!$G$21=$B$10,7,0)+IF('Standard Profiles'!$G$21=$B$17,14,0)+IF('Standard Profiles'!$G$21=$B$24,21,0),MOD($C2726,24)+1)/SUM(INDEX($D$3:$AA$30,INDEX(Jesper!$R$2:$R$366,ROW(INDEX(Jesper!AK$2:AK$366,ROUNDDOWN($C2726/24,0)+1,1))-1)+IF('Standard Profiles'!$G$21=$B$10,7,0)+IF('Standard Profiles'!$G$21=$B$17,14,0)+IF('Standard Profiles'!$G$21=$B$24,21,0),0)),0)</f>
        <v>0.90704268439746893</v>
      </c>
      <c r="H2726" cm="1">
        <f t="array" ref="H2726">IFERROR(INDEX(Jesper!AL$2:AL$366,ROUNDDOWN($C2726/24,0)+1,1)*INDEX($D$3:$AA$30,INDEX(Jesper!$R$2:$R$366,ROW(INDEX(Jesper!AL$2:AL$366,ROUNDDOWN($C2726/24,0)+1,1))-1)+IF('Standard Profiles'!$G$22=$B$10,7,0)+IF('Standard Profiles'!$G$22=$B$17,14,0)+IF('Standard Profiles'!$G$22=$B$24,21,0),MOD($C2726,24)+1)/SUM(INDEX($D$3:$AA$30,INDEX(Jesper!$R$2:$R$366,ROW(INDEX(Jesper!AL$2:AL$366,ROUNDDOWN($C2726/24,0)+1,1))-1)+IF('Standard Profiles'!$G$22=$B$10,7,0)+IF('Standard Profiles'!$G$22=$B$17,14,0)+IF('Standard Profiles'!$G$22=$B$24,21,0),0)),0)</f>
        <v>0.38227200520832511</v>
      </c>
      <c r="I2726">
        <f t="shared" si="314"/>
        <v>0.3669811249999923</v>
      </c>
      <c r="J2726">
        <f t="shared" si="315"/>
        <v>4.7247278226332101</v>
      </c>
      <c r="K2726">
        <f t="shared" si="316"/>
        <v>0.22100000545190424</v>
      </c>
      <c r="L2726">
        <f t="shared" si="317"/>
        <v>0.11050000272595212</v>
      </c>
      <c r="M2726">
        <f t="shared" si="318"/>
        <v>0</v>
      </c>
      <c r="N2726" s="45">
        <f t="shared" si="319"/>
        <v>45039.166666660138</v>
      </c>
    </row>
    <row r="2727" spans="2:14" x14ac:dyDescent="0.25">
      <c r="B2727">
        <f t="shared" si="313"/>
        <v>7</v>
      </c>
      <c r="C2727" s="16">
        <v>2693</v>
      </c>
      <c r="D2727" cm="1">
        <f t="array" ref="D2727">IFERROR(INDEX(Jesper!AH$2:AH$366,ROUNDDOWN($C2727/24,0)+1,1)*INDEX($D$3:$AA$30,INDEX(Jesper!$R$2:$R$366,ROW(INDEX(Jesper!AH$2:AH$366,ROUNDDOWN($C2727/24,0)+1,1))-1)+IF('Standard Profiles'!$G$18=$B$10,7,0)+IF('Standard Profiles'!$G$18=$B$17,14,0)+IF('Standard Profiles'!$G$18=$B$24,21,0),MOD($C2727,24)+1)/SUM(INDEX($D$3:$AA$30,INDEX(Jesper!$R$2:$R$366,ROW(INDEX(Jesper!AH$2:AH$366,ROUNDDOWN($C2727/24,0)+1,1))-1)+IF('Standard Profiles'!$G$18=$B$10,7,0)+IF('Standard Profiles'!$G$18=$B$17,14,0)+IF('Standard Profiles'!$G$18=$B$24,21,0),0)),0)</f>
        <v>0</v>
      </c>
      <c r="E2727" cm="1">
        <f t="array" ref="E2727">IFERROR(INDEX(Jesper!AI$2:AI$366,ROUNDDOWN($C2727/24,0)+1,1)*INDEX($D$3:$AA$30,INDEX(Jesper!$R$2:$R$366,ROW(INDEX(Jesper!AI$2:AI$366,ROUNDDOWN($C2727/24,0)+1,1))-1)+IF('Standard Profiles'!$G$19=$B$10,7,0)+IF('Standard Profiles'!$G$19=$B$17,14,0)+IF('Standard Profiles'!$G$19=$B$24,21,0),MOD($C2727,24)+1)/SUM(INDEX($D$3:$AA$30,INDEX(Jesper!$R$2:$R$366,ROW(INDEX(Jesper!AI$2:AI$366,ROUNDDOWN($C2727/24,0)+1,1))-1)+IF('Standard Profiles'!$G$19=$B$10,7,0)+IF('Standard Profiles'!$G$19=$B$17,14,0)+IF('Standard Profiles'!$G$19=$B$24,21,0),0)),0)</f>
        <v>2.7625000681488028</v>
      </c>
      <c r="F2727" cm="1">
        <f t="array" ref="F2727">IFERROR(INDEX(Jesper!AJ$2:AJ$366,ROUNDDOWN($C2727/24,0)+1,1)*INDEX($D$3:$AA$30,INDEX(Jesper!$R$2:$R$366,ROW(INDEX(Jesper!AJ$2:AJ$366,ROUNDDOWN($C2727/24,0)+1,1))-1)+IF('Standard Profiles'!$G$20=$B$10,7,0)+IF('Standard Profiles'!$G$20=$B$17,14,0)+IF('Standard Profiles'!$G$20=$B$24,21,0),MOD($C2727,24)+1)/SUM(INDEX($D$3:$AA$30,INDEX(Jesper!$R$2:$R$366,ROW(INDEX(Jesper!AJ$2:AJ$366,ROUNDDOWN($C2727/24,0)+1,1))-1)+IF('Standard Profiles'!$G$20=$B$10,7,0)+IF('Standard Profiles'!$G$20=$B$17,14,0)+IF('Standard Profiles'!$G$20=$B$24,21,0),0)),0)</f>
        <v>1.3713941980564615</v>
      </c>
      <c r="G2727" cm="1">
        <f t="array" ref="G2727">IFERROR(INDEX(Jesper!AK$2:AK$366,ROUNDDOWN($C2727/24,0)+1,1)*INDEX($D$3:$AA$30,INDEX(Jesper!$R$2:$R$366,ROW(INDEX(Jesper!AK$2:AK$366,ROUNDDOWN($C2727/24,0)+1,1))-1)+IF('Standard Profiles'!$G$21=$B$10,7,0)+IF('Standard Profiles'!$G$21=$B$17,14,0)+IF('Standard Profiles'!$G$21=$B$24,21,0),MOD($C2727,24)+1)/SUM(INDEX($D$3:$AA$30,INDEX(Jesper!$R$2:$R$366,ROW(INDEX(Jesper!AK$2:AK$366,ROUNDDOWN($C2727/24,0)+1,1))-1)+IF('Standard Profiles'!$G$21=$B$10,7,0)+IF('Standard Profiles'!$G$21=$B$17,14,0)+IF('Standard Profiles'!$G$21=$B$24,21,0),0)),0)</f>
        <v>0.90704268439746893</v>
      </c>
      <c r="H2727" cm="1">
        <f t="array" ref="H2727">IFERROR(INDEX(Jesper!AL$2:AL$366,ROUNDDOWN($C2727/24,0)+1,1)*INDEX($D$3:$AA$30,INDEX(Jesper!$R$2:$R$366,ROW(INDEX(Jesper!AL$2:AL$366,ROUNDDOWN($C2727/24,0)+1,1))-1)+IF('Standard Profiles'!$G$22=$B$10,7,0)+IF('Standard Profiles'!$G$22=$B$17,14,0)+IF('Standard Profiles'!$G$22=$B$24,21,0),MOD($C2727,24)+1)/SUM(INDEX($D$3:$AA$30,INDEX(Jesper!$R$2:$R$366,ROW(INDEX(Jesper!AL$2:AL$366,ROUNDDOWN($C2727/24,0)+1,1))-1)+IF('Standard Profiles'!$G$22=$B$10,7,0)+IF('Standard Profiles'!$G$22=$B$17,14,0)+IF('Standard Profiles'!$G$22=$B$24,21,0),0)),0)</f>
        <v>0.47784000651040637</v>
      </c>
      <c r="I2727">
        <f t="shared" si="314"/>
        <v>0.45872640624999034</v>
      </c>
      <c r="J2727">
        <f t="shared" si="315"/>
        <v>4.7285505426852934</v>
      </c>
      <c r="K2727">
        <f t="shared" si="316"/>
        <v>0.22100000545190424</v>
      </c>
      <c r="L2727">
        <f t="shared" si="317"/>
        <v>0.11050000272595212</v>
      </c>
      <c r="M2727">
        <f t="shared" si="318"/>
        <v>0</v>
      </c>
      <c r="N2727" s="45">
        <f t="shared" si="319"/>
        <v>45039.208333326802</v>
      </c>
    </row>
    <row r="2728" spans="2:14" x14ac:dyDescent="0.25">
      <c r="B2728">
        <f t="shared" si="313"/>
        <v>7</v>
      </c>
      <c r="C2728" s="16">
        <v>2694</v>
      </c>
      <c r="D2728" cm="1">
        <f t="array" ref="D2728">IFERROR(INDEX(Jesper!AH$2:AH$366,ROUNDDOWN($C2728/24,0)+1,1)*INDEX($D$3:$AA$30,INDEX(Jesper!$R$2:$R$366,ROW(INDEX(Jesper!AH$2:AH$366,ROUNDDOWN($C2728/24,0)+1,1))-1)+IF('Standard Profiles'!$G$18=$B$10,7,0)+IF('Standard Profiles'!$G$18=$B$17,14,0)+IF('Standard Profiles'!$G$18=$B$24,21,0),MOD($C2728,24)+1)/SUM(INDEX($D$3:$AA$30,INDEX(Jesper!$R$2:$R$366,ROW(INDEX(Jesper!AH$2:AH$366,ROUNDDOWN($C2728/24,0)+1,1))-1)+IF('Standard Profiles'!$G$18=$B$10,7,0)+IF('Standard Profiles'!$G$18=$B$17,14,0)+IF('Standard Profiles'!$G$18=$B$24,21,0),0)),0)</f>
        <v>0</v>
      </c>
      <c r="E2728" cm="1">
        <f t="array" ref="E2728">IFERROR(INDEX(Jesper!AI$2:AI$366,ROUNDDOWN($C2728/24,0)+1,1)*INDEX($D$3:$AA$30,INDEX(Jesper!$R$2:$R$366,ROW(INDEX(Jesper!AI$2:AI$366,ROUNDDOWN($C2728/24,0)+1,1))-1)+IF('Standard Profiles'!$G$19=$B$10,7,0)+IF('Standard Profiles'!$G$19=$B$17,14,0)+IF('Standard Profiles'!$G$19=$B$24,21,0),MOD($C2728,24)+1)/SUM(INDEX($D$3:$AA$30,INDEX(Jesper!$R$2:$R$366,ROW(INDEX(Jesper!AI$2:AI$366,ROUNDDOWN($C2728/24,0)+1,1))-1)+IF('Standard Profiles'!$G$19=$B$10,7,0)+IF('Standard Profiles'!$G$19=$B$17,14,0)+IF('Standard Profiles'!$G$19=$B$24,21,0),0)),0)</f>
        <v>2.7625000681488028</v>
      </c>
      <c r="F2728" cm="1">
        <f t="array" ref="F2728">IFERROR(INDEX(Jesper!AJ$2:AJ$366,ROUNDDOWN($C2728/24,0)+1,1)*INDEX($D$3:$AA$30,INDEX(Jesper!$R$2:$R$366,ROW(INDEX(Jesper!AJ$2:AJ$366,ROUNDDOWN($C2728/24,0)+1,1))-1)+IF('Standard Profiles'!$G$20=$B$10,7,0)+IF('Standard Profiles'!$G$20=$B$17,14,0)+IF('Standard Profiles'!$G$20=$B$24,21,0),MOD($C2728,24)+1)/SUM(INDEX($D$3:$AA$30,INDEX(Jesper!$R$2:$R$366,ROW(INDEX(Jesper!AJ$2:AJ$366,ROUNDDOWN($C2728/24,0)+1,1))-1)+IF('Standard Profiles'!$G$20=$B$10,7,0)+IF('Standard Profiles'!$G$20=$B$17,14,0)+IF('Standard Profiles'!$G$20=$B$24,21,0),0)),0)</f>
        <v>1.3713941980564615</v>
      </c>
      <c r="G2728" cm="1">
        <f t="array" ref="G2728">IFERROR(INDEX(Jesper!AK$2:AK$366,ROUNDDOWN($C2728/24,0)+1,1)*INDEX($D$3:$AA$30,INDEX(Jesper!$R$2:$R$366,ROW(INDEX(Jesper!AK$2:AK$366,ROUNDDOWN($C2728/24,0)+1,1))-1)+IF('Standard Profiles'!$G$21=$B$10,7,0)+IF('Standard Profiles'!$G$21=$B$17,14,0)+IF('Standard Profiles'!$G$21=$B$24,21,0),MOD($C2728,24)+1)/SUM(INDEX($D$3:$AA$30,INDEX(Jesper!$R$2:$R$366,ROW(INDEX(Jesper!AK$2:AK$366,ROUNDDOWN($C2728/24,0)+1,1))-1)+IF('Standard Profiles'!$G$21=$B$10,7,0)+IF('Standard Profiles'!$G$21=$B$17,14,0)+IF('Standard Profiles'!$G$21=$B$24,21,0),0)),0)</f>
        <v>0.90704268439746893</v>
      </c>
      <c r="H2728" cm="1">
        <f t="array" ref="H2728">IFERROR(INDEX(Jesper!AL$2:AL$366,ROUNDDOWN($C2728/24,0)+1,1)*INDEX($D$3:$AA$30,INDEX(Jesper!$R$2:$R$366,ROW(INDEX(Jesper!AL$2:AL$366,ROUNDDOWN($C2728/24,0)+1,1))-1)+IF('Standard Profiles'!$G$22=$B$10,7,0)+IF('Standard Profiles'!$G$22=$B$17,14,0)+IF('Standard Profiles'!$G$22=$B$24,21,0),MOD($C2728,24)+1)/SUM(INDEX($D$3:$AA$30,INDEX(Jesper!$R$2:$R$366,ROW(INDEX(Jesper!AL$2:AL$366,ROUNDDOWN($C2728/24,0)+1,1))-1)+IF('Standard Profiles'!$G$22=$B$10,7,0)+IF('Standard Profiles'!$G$22=$B$17,14,0)+IF('Standard Profiles'!$G$22=$B$24,21,0),0)),0)</f>
        <v>0.5627893410011453</v>
      </c>
      <c r="I2728">
        <f t="shared" si="314"/>
        <v>0.54027776736109978</v>
      </c>
      <c r="J2728">
        <f t="shared" si="315"/>
        <v>4.7319485160649224</v>
      </c>
      <c r="K2728">
        <f t="shared" si="316"/>
        <v>0.22100000545190424</v>
      </c>
      <c r="L2728">
        <f t="shared" si="317"/>
        <v>0.11050000272595212</v>
      </c>
      <c r="M2728">
        <f t="shared" si="318"/>
        <v>0</v>
      </c>
      <c r="N2728" s="45">
        <f t="shared" si="319"/>
        <v>45039.249999993466</v>
      </c>
    </row>
    <row r="2729" spans="2:14" x14ac:dyDescent="0.25">
      <c r="B2729">
        <f t="shared" si="313"/>
        <v>7</v>
      </c>
      <c r="C2729" s="16">
        <v>2695</v>
      </c>
      <c r="D2729" cm="1">
        <f t="array" ref="D2729">IFERROR(INDEX(Jesper!AH$2:AH$366,ROUNDDOWN($C2729/24,0)+1,1)*INDEX($D$3:$AA$30,INDEX(Jesper!$R$2:$R$366,ROW(INDEX(Jesper!AH$2:AH$366,ROUNDDOWN($C2729/24,0)+1,1))-1)+IF('Standard Profiles'!$G$18=$B$10,7,0)+IF('Standard Profiles'!$G$18=$B$17,14,0)+IF('Standard Profiles'!$G$18=$B$24,21,0),MOD($C2729,24)+1)/SUM(INDEX($D$3:$AA$30,INDEX(Jesper!$R$2:$R$366,ROW(INDEX(Jesper!AH$2:AH$366,ROUNDDOWN($C2729/24,0)+1,1))-1)+IF('Standard Profiles'!$G$18=$B$10,7,0)+IF('Standard Profiles'!$G$18=$B$17,14,0)+IF('Standard Profiles'!$G$18=$B$24,21,0),0)),0)</f>
        <v>0</v>
      </c>
      <c r="E2729" cm="1">
        <f t="array" ref="E2729">IFERROR(INDEX(Jesper!AI$2:AI$366,ROUNDDOWN($C2729/24,0)+1,1)*INDEX($D$3:$AA$30,INDEX(Jesper!$R$2:$R$366,ROW(INDEX(Jesper!AI$2:AI$366,ROUNDDOWN($C2729/24,0)+1,1))-1)+IF('Standard Profiles'!$G$19=$B$10,7,0)+IF('Standard Profiles'!$G$19=$B$17,14,0)+IF('Standard Profiles'!$G$19=$B$24,21,0),MOD($C2729,24)+1)/SUM(INDEX($D$3:$AA$30,INDEX(Jesper!$R$2:$R$366,ROW(INDEX(Jesper!AI$2:AI$366,ROUNDDOWN($C2729/24,0)+1,1))-1)+IF('Standard Profiles'!$G$19=$B$10,7,0)+IF('Standard Profiles'!$G$19=$B$17,14,0)+IF('Standard Profiles'!$G$19=$B$24,21,0),0)),0)</f>
        <v>2.7625000681488028</v>
      </c>
      <c r="F2729" cm="1">
        <f t="array" ref="F2729">IFERROR(INDEX(Jesper!AJ$2:AJ$366,ROUNDDOWN($C2729/24,0)+1,1)*INDEX($D$3:$AA$30,INDEX(Jesper!$R$2:$R$366,ROW(INDEX(Jesper!AJ$2:AJ$366,ROUNDDOWN($C2729/24,0)+1,1))-1)+IF('Standard Profiles'!$G$20=$B$10,7,0)+IF('Standard Profiles'!$G$20=$B$17,14,0)+IF('Standard Profiles'!$G$20=$B$24,21,0),MOD($C2729,24)+1)/SUM(INDEX($D$3:$AA$30,INDEX(Jesper!$R$2:$R$366,ROW(INDEX(Jesper!AJ$2:AJ$366,ROUNDDOWN($C2729/24,0)+1,1))-1)+IF('Standard Profiles'!$G$20=$B$10,7,0)+IF('Standard Profiles'!$G$20=$B$17,14,0)+IF('Standard Profiles'!$G$20=$B$24,21,0),0)),0)</f>
        <v>1.3713941980564615</v>
      </c>
      <c r="G2729" cm="1">
        <f t="array" ref="G2729">IFERROR(INDEX(Jesper!AK$2:AK$366,ROUNDDOWN($C2729/24,0)+1,1)*INDEX($D$3:$AA$30,INDEX(Jesper!$R$2:$R$366,ROW(INDEX(Jesper!AK$2:AK$366,ROUNDDOWN($C2729/24,0)+1,1))-1)+IF('Standard Profiles'!$G$21=$B$10,7,0)+IF('Standard Profiles'!$G$21=$B$17,14,0)+IF('Standard Profiles'!$G$21=$B$24,21,0),MOD($C2729,24)+1)/SUM(INDEX($D$3:$AA$30,INDEX(Jesper!$R$2:$R$366,ROW(INDEX(Jesper!AK$2:AK$366,ROUNDDOWN($C2729/24,0)+1,1))-1)+IF('Standard Profiles'!$G$21=$B$10,7,0)+IF('Standard Profiles'!$G$21=$B$17,14,0)+IF('Standard Profiles'!$G$21=$B$24,21,0),0)),0)</f>
        <v>0.90704268439746893</v>
      </c>
      <c r="H2729" cm="1">
        <f t="array" ref="H2729">IFERROR(INDEX(Jesper!AL$2:AL$366,ROUNDDOWN($C2729/24,0)+1,1)*INDEX($D$3:$AA$30,INDEX(Jesper!$R$2:$R$366,ROW(INDEX(Jesper!AL$2:AL$366,ROUNDDOWN($C2729/24,0)+1,1))-1)+IF('Standard Profiles'!$G$22=$B$10,7,0)+IF('Standard Profiles'!$G$22=$B$17,14,0)+IF('Standard Profiles'!$G$22=$B$24,21,0),MOD($C2729,24)+1)/SUM(INDEX($D$3:$AA$30,INDEX(Jesper!$R$2:$R$366,ROW(INDEX(Jesper!AL$2:AL$366,ROUNDDOWN($C2729/24,0)+1,1))-1)+IF('Standard Profiles'!$G$22=$B$10,7,0)+IF('Standard Profiles'!$G$22=$B$17,14,0)+IF('Standard Profiles'!$G$22=$B$24,21,0),0)),0)</f>
        <v>0.668976009114569</v>
      </c>
      <c r="I2729">
        <f t="shared" si="314"/>
        <v>0.64221696874998657</v>
      </c>
      <c r="J2729">
        <f t="shared" si="315"/>
        <v>4.7361959827894591</v>
      </c>
      <c r="K2729">
        <f t="shared" si="316"/>
        <v>0.22100000545190424</v>
      </c>
      <c r="L2729">
        <f t="shared" si="317"/>
        <v>0.11050000272595212</v>
      </c>
      <c r="M2729">
        <f t="shared" si="318"/>
        <v>0</v>
      </c>
      <c r="N2729" s="45">
        <f t="shared" si="319"/>
        <v>45039.29166666013</v>
      </c>
    </row>
    <row r="2730" spans="2:14" x14ac:dyDescent="0.25">
      <c r="B2730">
        <f t="shared" si="313"/>
        <v>7</v>
      </c>
      <c r="C2730" s="16">
        <v>2696</v>
      </c>
      <c r="D2730" cm="1">
        <f t="array" ref="D2730">IFERROR(INDEX(Jesper!AH$2:AH$366,ROUNDDOWN($C2730/24,0)+1,1)*INDEX($D$3:$AA$30,INDEX(Jesper!$R$2:$R$366,ROW(INDEX(Jesper!AH$2:AH$366,ROUNDDOWN($C2730/24,0)+1,1))-1)+IF('Standard Profiles'!$G$18=$B$10,7,0)+IF('Standard Profiles'!$G$18=$B$17,14,0)+IF('Standard Profiles'!$G$18=$B$24,21,0),MOD($C2730,24)+1)/SUM(INDEX($D$3:$AA$30,INDEX(Jesper!$R$2:$R$366,ROW(INDEX(Jesper!AH$2:AH$366,ROUNDDOWN($C2730/24,0)+1,1))-1)+IF('Standard Profiles'!$G$18=$B$10,7,0)+IF('Standard Profiles'!$G$18=$B$17,14,0)+IF('Standard Profiles'!$G$18=$B$24,21,0),0)),0)</f>
        <v>0</v>
      </c>
      <c r="E2730" cm="1">
        <f t="array" ref="E2730">IFERROR(INDEX(Jesper!AI$2:AI$366,ROUNDDOWN($C2730/24,0)+1,1)*INDEX($D$3:$AA$30,INDEX(Jesper!$R$2:$R$366,ROW(INDEX(Jesper!AI$2:AI$366,ROUNDDOWN($C2730/24,0)+1,1))-1)+IF('Standard Profiles'!$G$19=$B$10,7,0)+IF('Standard Profiles'!$G$19=$B$17,14,0)+IF('Standard Profiles'!$G$19=$B$24,21,0),MOD($C2730,24)+1)/SUM(INDEX($D$3:$AA$30,INDEX(Jesper!$R$2:$R$366,ROW(INDEX(Jesper!AI$2:AI$366,ROUNDDOWN($C2730/24,0)+1,1))-1)+IF('Standard Profiles'!$G$19=$B$10,7,0)+IF('Standard Profiles'!$G$19=$B$17,14,0)+IF('Standard Profiles'!$G$19=$B$24,21,0),0)),0)</f>
        <v>2.7625000681488028</v>
      </c>
      <c r="F2730" cm="1">
        <f t="array" ref="F2730">IFERROR(INDEX(Jesper!AJ$2:AJ$366,ROUNDDOWN($C2730/24,0)+1,1)*INDEX($D$3:$AA$30,INDEX(Jesper!$R$2:$R$366,ROW(INDEX(Jesper!AJ$2:AJ$366,ROUNDDOWN($C2730/24,0)+1,1))-1)+IF('Standard Profiles'!$G$20=$B$10,7,0)+IF('Standard Profiles'!$G$20=$B$17,14,0)+IF('Standard Profiles'!$G$20=$B$24,21,0),MOD($C2730,24)+1)/SUM(INDEX($D$3:$AA$30,INDEX(Jesper!$R$2:$R$366,ROW(INDEX(Jesper!AJ$2:AJ$366,ROUNDDOWN($C2730/24,0)+1,1))-1)+IF('Standard Profiles'!$G$20=$B$10,7,0)+IF('Standard Profiles'!$G$20=$B$17,14,0)+IF('Standard Profiles'!$G$20=$B$24,21,0),0)),0)</f>
        <v>1.3713941980564615</v>
      </c>
      <c r="G2730" cm="1">
        <f t="array" ref="G2730">IFERROR(INDEX(Jesper!AK$2:AK$366,ROUNDDOWN($C2730/24,0)+1,1)*INDEX($D$3:$AA$30,INDEX(Jesper!$R$2:$R$366,ROW(INDEX(Jesper!AK$2:AK$366,ROUNDDOWN($C2730/24,0)+1,1))-1)+IF('Standard Profiles'!$G$21=$B$10,7,0)+IF('Standard Profiles'!$G$21=$B$17,14,0)+IF('Standard Profiles'!$G$21=$B$24,21,0),MOD($C2730,24)+1)/SUM(INDEX($D$3:$AA$30,INDEX(Jesper!$R$2:$R$366,ROW(INDEX(Jesper!AK$2:AK$366,ROUNDDOWN($C2730/24,0)+1,1))-1)+IF('Standard Profiles'!$G$21=$B$10,7,0)+IF('Standard Profiles'!$G$21=$B$17,14,0)+IF('Standard Profiles'!$G$21=$B$24,21,0),0)),0)</f>
        <v>0.90704268439746893</v>
      </c>
      <c r="H2730" cm="1">
        <f t="array" ref="H2730">IFERROR(INDEX(Jesper!AL$2:AL$366,ROUNDDOWN($C2730/24,0)+1,1)*INDEX($D$3:$AA$30,INDEX(Jesper!$R$2:$R$366,ROW(INDEX(Jesper!AL$2:AL$366,ROUNDDOWN($C2730/24,0)+1,1))-1)+IF('Standard Profiles'!$G$22=$B$10,7,0)+IF('Standard Profiles'!$G$22=$B$17,14,0)+IF('Standard Profiles'!$G$22=$B$24,21,0),MOD($C2730,24)+1)/SUM(INDEX($D$3:$AA$30,INDEX(Jesper!$R$2:$R$366,ROW(INDEX(Jesper!AL$2:AL$366,ROUNDDOWN($C2730/24,0)+1,1))-1)+IF('Standard Profiles'!$G$22=$B$10,7,0)+IF('Standard Profiles'!$G$22=$B$17,14,0)+IF('Standard Profiles'!$G$22=$B$24,21,0),0)),0)</f>
        <v>0.668976009114569</v>
      </c>
      <c r="I2730">
        <f t="shared" si="314"/>
        <v>0.64221696874998657</v>
      </c>
      <c r="J2730">
        <f t="shared" si="315"/>
        <v>4.7361959827894591</v>
      </c>
      <c r="K2730">
        <f t="shared" si="316"/>
        <v>0.22100000545190424</v>
      </c>
      <c r="L2730">
        <f t="shared" si="317"/>
        <v>0.11050000272595212</v>
      </c>
      <c r="M2730">
        <f t="shared" si="318"/>
        <v>0</v>
      </c>
      <c r="N2730" s="45">
        <f t="shared" si="319"/>
        <v>45039.333333326795</v>
      </c>
    </row>
    <row r="2731" spans="2:14" x14ac:dyDescent="0.25">
      <c r="B2731">
        <f t="shared" si="313"/>
        <v>7</v>
      </c>
      <c r="C2731" s="16">
        <v>2697</v>
      </c>
      <c r="D2731" cm="1">
        <f t="array" ref="D2731">IFERROR(INDEX(Jesper!AH$2:AH$366,ROUNDDOWN($C2731/24,0)+1,1)*INDEX($D$3:$AA$30,INDEX(Jesper!$R$2:$R$366,ROW(INDEX(Jesper!AH$2:AH$366,ROUNDDOWN($C2731/24,0)+1,1))-1)+IF('Standard Profiles'!$G$18=$B$10,7,0)+IF('Standard Profiles'!$G$18=$B$17,14,0)+IF('Standard Profiles'!$G$18=$B$24,21,0),MOD($C2731,24)+1)/SUM(INDEX($D$3:$AA$30,INDEX(Jesper!$R$2:$R$366,ROW(INDEX(Jesper!AH$2:AH$366,ROUNDDOWN($C2731/24,0)+1,1))-1)+IF('Standard Profiles'!$G$18=$B$10,7,0)+IF('Standard Profiles'!$G$18=$B$17,14,0)+IF('Standard Profiles'!$G$18=$B$24,21,0),0)),0)</f>
        <v>0</v>
      </c>
      <c r="E2731" cm="1">
        <f t="array" ref="E2731">IFERROR(INDEX(Jesper!AI$2:AI$366,ROUNDDOWN($C2731/24,0)+1,1)*INDEX($D$3:$AA$30,INDEX(Jesper!$R$2:$R$366,ROW(INDEX(Jesper!AI$2:AI$366,ROUNDDOWN($C2731/24,0)+1,1))-1)+IF('Standard Profiles'!$G$19=$B$10,7,0)+IF('Standard Profiles'!$G$19=$B$17,14,0)+IF('Standard Profiles'!$G$19=$B$24,21,0),MOD($C2731,24)+1)/SUM(INDEX($D$3:$AA$30,INDEX(Jesper!$R$2:$R$366,ROW(INDEX(Jesper!AI$2:AI$366,ROUNDDOWN($C2731/24,0)+1,1))-1)+IF('Standard Profiles'!$G$19=$B$10,7,0)+IF('Standard Profiles'!$G$19=$B$17,14,0)+IF('Standard Profiles'!$G$19=$B$24,21,0),0)),0)</f>
        <v>2.7625000681488028</v>
      </c>
      <c r="F2731" cm="1">
        <f t="array" ref="F2731">IFERROR(INDEX(Jesper!AJ$2:AJ$366,ROUNDDOWN($C2731/24,0)+1,1)*INDEX($D$3:$AA$30,INDEX(Jesper!$R$2:$R$366,ROW(INDEX(Jesper!AJ$2:AJ$366,ROUNDDOWN($C2731/24,0)+1,1))-1)+IF('Standard Profiles'!$G$20=$B$10,7,0)+IF('Standard Profiles'!$G$20=$B$17,14,0)+IF('Standard Profiles'!$G$20=$B$24,21,0),MOD($C2731,24)+1)/SUM(INDEX($D$3:$AA$30,INDEX(Jesper!$R$2:$R$366,ROW(INDEX(Jesper!AJ$2:AJ$366,ROUNDDOWN($C2731/24,0)+1,1))-1)+IF('Standard Profiles'!$G$20=$B$10,7,0)+IF('Standard Profiles'!$G$20=$B$17,14,0)+IF('Standard Profiles'!$G$20=$B$24,21,0),0)),0)</f>
        <v>1.3713941980564615</v>
      </c>
      <c r="G2731" cm="1">
        <f t="array" ref="G2731">IFERROR(INDEX(Jesper!AK$2:AK$366,ROUNDDOWN($C2731/24,0)+1,1)*INDEX($D$3:$AA$30,INDEX(Jesper!$R$2:$R$366,ROW(INDEX(Jesper!AK$2:AK$366,ROUNDDOWN($C2731/24,0)+1,1))-1)+IF('Standard Profiles'!$G$21=$B$10,7,0)+IF('Standard Profiles'!$G$21=$B$17,14,0)+IF('Standard Profiles'!$G$21=$B$24,21,0),MOD($C2731,24)+1)/SUM(INDEX($D$3:$AA$30,INDEX(Jesper!$R$2:$R$366,ROW(INDEX(Jesper!AK$2:AK$366,ROUNDDOWN($C2731/24,0)+1,1))-1)+IF('Standard Profiles'!$G$21=$B$10,7,0)+IF('Standard Profiles'!$G$21=$B$17,14,0)+IF('Standard Profiles'!$G$21=$B$24,21,0),0)),0)</f>
        <v>0.90704268439746893</v>
      </c>
      <c r="H2731" cm="1">
        <f t="array" ref="H2731">IFERROR(INDEX(Jesper!AL$2:AL$366,ROUNDDOWN($C2731/24,0)+1,1)*INDEX($D$3:$AA$30,INDEX(Jesper!$R$2:$R$366,ROW(INDEX(Jesper!AL$2:AL$366,ROUNDDOWN($C2731/24,0)+1,1))-1)+IF('Standard Profiles'!$G$22=$B$10,7,0)+IF('Standard Profiles'!$G$22=$B$17,14,0)+IF('Standard Profiles'!$G$22=$B$24,21,0),MOD($C2731,24)+1)/SUM(INDEX($D$3:$AA$30,INDEX(Jesper!$R$2:$R$366,ROW(INDEX(Jesper!AL$2:AL$366,ROUNDDOWN($C2731/24,0)+1,1))-1)+IF('Standard Profiles'!$G$22=$B$10,7,0)+IF('Standard Profiles'!$G$22=$B$17,14,0)+IF('Standard Profiles'!$G$22=$B$24,21,0),0)),0)</f>
        <v>0.668976009114569</v>
      </c>
      <c r="I2731">
        <f t="shared" si="314"/>
        <v>0.64221696874998657</v>
      </c>
      <c r="J2731">
        <f t="shared" si="315"/>
        <v>4.7361959827894591</v>
      </c>
      <c r="K2731">
        <f t="shared" si="316"/>
        <v>0.22100000545190424</v>
      </c>
      <c r="L2731">
        <f t="shared" si="317"/>
        <v>0.11050000272595212</v>
      </c>
      <c r="M2731">
        <f t="shared" si="318"/>
        <v>0</v>
      </c>
      <c r="N2731" s="45">
        <f t="shared" si="319"/>
        <v>45039.374999993459</v>
      </c>
    </row>
    <row r="2732" spans="2:14" x14ac:dyDescent="0.25">
      <c r="B2732">
        <f t="shared" si="313"/>
        <v>7</v>
      </c>
      <c r="C2732" s="16">
        <v>2698</v>
      </c>
      <c r="D2732" cm="1">
        <f t="array" ref="D2732">IFERROR(INDEX(Jesper!AH$2:AH$366,ROUNDDOWN($C2732/24,0)+1,1)*INDEX($D$3:$AA$30,INDEX(Jesper!$R$2:$R$366,ROW(INDEX(Jesper!AH$2:AH$366,ROUNDDOWN($C2732/24,0)+1,1))-1)+IF('Standard Profiles'!$G$18=$B$10,7,0)+IF('Standard Profiles'!$G$18=$B$17,14,0)+IF('Standard Profiles'!$G$18=$B$24,21,0),MOD($C2732,24)+1)/SUM(INDEX($D$3:$AA$30,INDEX(Jesper!$R$2:$R$366,ROW(INDEX(Jesper!AH$2:AH$366,ROUNDDOWN($C2732/24,0)+1,1))-1)+IF('Standard Profiles'!$G$18=$B$10,7,0)+IF('Standard Profiles'!$G$18=$B$17,14,0)+IF('Standard Profiles'!$G$18=$B$24,21,0),0)),0)</f>
        <v>0</v>
      </c>
      <c r="E2732" cm="1">
        <f t="array" ref="E2732">IFERROR(INDEX(Jesper!AI$2:AI$366,ROUNDDOWN($C2732/24,0)+1,1)*INDEX($D$3:$AA$30,INDEX(Jesper!$R$2:$R$366,ROW(INDEX(Jesper!AI$2:AI$366,ROUNDDOWN($C2732/24,0)+1,1))-1)+IF('Standard Profiles'!$G$19=$B$10,7,0)+IF('Standard Profiles'!$G$19=$B$17,14,0)+IF('Standard Profiles'!$G$19=$B$24,21,0),MOD($C2732,24)+1)/SUM(INDEX($D$3:$AA$30,INDEX(Jesper!$R$2:$R$366,ROW(INDEX(Jesper!AI$2:AI$366,ROUNDDOWN($C2732/24,0)+1,1))-1)+IF('Standard Profiles'!$G$19=$B$10,7,0)+IF('Standard Profiles'!$G$19=$B$17,14,0)+IF('Standard Profiles'!$G$19=$B$24,21,0),0)),0)</f>
        <v>2.7625000681488028</v>
      </c>
      <c r="F2732" cm="1">
        <f t="array" ref="F2732">IFERROR(INDEX(Jesper!AJ$2:AJ$366,ROUNDDOWN($C2732/24,0)+1,1)*INDEX($D$3:$AA$30,INDEX(Jesper!$R$2:$R$366,ROW(INDEX(Jesper!AJ$2:AJ$366,ROUNDDOWN($C2732/24,0)+1,1))-1)+IF('Standard Profiles'!$G$20=$B$10,7,0)+IF('Standard Profiles'!$G$20=$B$17,14,0)+IF('Standard Profiles'!$G$20=$B$24,21,0),MOD($C2732,24)+1)/SUM(INDEX($D$3:$AA$30,INDEX(Jesper!$R$2:$R$366,ROW(INDEX(Jesper!AJ$2:AJ$366,ROUNDDOWN($C2732/24,0)+1,1))-1)+IF('Standard Profiles'!$G$20=$B$10,7,0)+IF('Standard Profiles'!$G$20=$B$17,14,0)+IF('Standard Profiles'!$G$20=$B$24,21,0),0)),0)</f>
        <v>1.3713941980564615</v>
      </c>
      <c r="G2732" cm="1">
        <f t="array" ref="G2732">IFERROR(INDEX(Jesper!AK$2:AK$366,ROUNDDOWN($C2732/24,0)+1,1)*INDEX($D$3:$AA$30,INDEX(Jesper!$R$2:$R$366,ROW(INDEX(Jesper!AK$2:AK$366,ROUNDDOWN($C2732/24,0)+1,1))-1)+IF('Standard Profiles'!$G$21=$B$10,7,0)+IF('Standard Profiles'!$G$21=$B$17,14,0)+IF('Standard Profiles'!$G$21=$B$24,21,0),MOD($C2732,24)+1)/SUM(INDEX($D$3:$AA$30,INDEX(Jesper!$R$2:$R$366,ROW(INDEX(Jesper!AK$2:AK$366,ROUNDDOWN($C2732/24,0)+1,1))-1)+IF('Standard Profiles'!$G$21=$B$10,7,0)+IF('Standard Profiles'!$G$21=$B$17,14,0)+IF('Standard Profiles'!$G$21=$B$24,21,0),0)),0)</f>
        <v>0.90704268439746893</v>
      </c>
      <c r="H2732" cm="1">
        <f t="array" ref="H2732">IFERROR(INDEX(Jesper!AL$2:AL$366,ROUNDDOWN($C2732/24,0)+1,1)*INDEX($D$3:$AA$30,INDEX(Jesper!$R$2:$R$366,ROW(INDEX(Jesper!AL$2:AL$366,ROUNDDOWN($C2732/24,0)+1,1))-1)+IF('Standard Profiles'!$G$22=$B$10,7,0)+IF('Standard Profiles'!$G$22=$B$17,14,0)+IF('Standard Profiles'!$G$22=$B$24,21,0),MOD($C2732,24)+1)/SUM(INDEX($D$3:$AA$30,INDEX(Jesper!$R$2:$R$366,ROW(INDEX(Jesper!AL$2:AL$366,ROUNDDOWN($C2732/24,0)+1,1))-1)+IF('Standard Profiles'!$G$22=$B$10,7,0)+IF('Standard Profiles'!$G$22=$B$17,14,0)+IF('Standard Profiles'!$G$22=$B$24,21,0),0)),0)</f>
        <v>0.668976009114569</v>
      </c>
      <c r="I2732">
        <f t="shared" si="314"/>
        <v>0.64221696874998657</v>
      </c>
      <c r="J2732">
        <f t="shared" si="315"/>
        <v>4.7361959827894591</v>
      </c>
      <c r="K2732">
        <f t="shared" si="316"/>
        <v>0.22100000545190424</v>
      </c>
      <c r="L2732">
        <f t="shared" si="317"/>
        <v>0.11050000272595212</v>
      </c>
      <c r="M2732">
        <f t="shared" si="318"/>
        <v>0</v>
      </c>
      <c r="N2732" s="45">
        <f t="shared" si="319"/>
        <v>45039.416666660123</v>
      </c>
    </row>
    <row r="2733" spans="2:14" x14ac:dyDescent="0.25">
      <c r="B2733">
        <f t="shared" si="313"/>
        <v>7</v>
      </c>
      <c r="C2733" s="16">
        <v>2699</v>
      </c>
      <c r="D2733" cm="1">
        <f t="array" ref="D2733">IFERROR(INDEX(Jesper!AH$2:AH$366,ROUNDDOWN($C2733/24,0)+1,1)*INDEX($D$3:$AA$30,INDEX(Jesper!$R$2:$R$366,ROW(INDEX(Jesper!AH$2:AH$366,ROUNDDOWN($C2733/24,0)+1,1))-1)+IF('Standard Profiles'!$G$18=$B$10,7,0)+IF('Standard Profiles'!$G$18=$B$17,14,0)+IF('Standard Profiles'!$G$18=$B$24,21,0),MOD($C2733,24)+1)/SUM(INDEX($D$3:$AA$30,INDEX(Jesper!$R$2:$R$366,ROW(INDEX(Jesper!AH$2:AH$366,ROUNDDOWN($C2733/24,0)+1,1))-1)+IF('Standard Profiles'!$G$18=$B$10,7,0)+IF('Standard Profiles'!$G$18=$B$17,14,0)+IF('Standard Profiles'!$G$18=$B$24,21,0),0)),0)</f>
        <v>0</v>
      </c>
      <c r="E2733" cm="1">
        <f t="array" ref="E2733">IFERROR(INDEX(Jesper!AI$2:AI$366,ROUNDDOWN($C2733/24,0)+1,1)*INDEX($D$3:$AA$30,INDEX(Jesper!$R$2:$R$366,ROW(INDEX(Jesper!AI$2:AI$366,ROUNDDOWN($C2733/24,0)+1,1))-1)+IF('Standard Profiles'!$G$19=$B$10,7,0)+IF('Standard Profiles'!$G$19=$B$17,14,0)+IF('Standard Profiles'!$G$19=$B$24,21,0),MOD($C2733,24)+1)/SUM(INDEX($D$3:$AA$30,INDEX(Jesper!$R$2:$R$366,ROW(INDEX(Jesper!AI$2:AI$366,ROUNDDOWN($C2733/24,0)+1,1))-1)+IF('Standard Profiles'!$G$19=$B$10,7,0)+IF('Standard Profiles'!$G$19=$B$17,14,0)+IF('Standard Profiles'!$G$19=$B$24,21,0),0)),0)</f>
        <v>2.7625000681488028</v>
      </c>
      <c r="F2733" cm="1">
        <f t="array" ref="F2733">IFERROR(INDEX(Jesper!AJ$2:AJ$366,ROUNDDOWN($C2733/24,0)+1,1)*INDEX($D$3:$AA$30,INDEX(Jesper!$R$2:$R$366,ROW(INDEX(Jesper!AJ$2:AJ$366,ROUNDDOWN($C2733/24,0)+1,1))-1)+IF('Standard Profiles'!$G$20=$B$10,7,0)+IF('Standard Profiles'!$G$20=$B$17,14,0)+IF('Standard Profiles'!$G$20=$B$24,21,0),MOD($C2733,24)+1)/SUM(INDEX($D$3:$AA$30,INDEX(Jesper!$R$2:$R$366,ROW(INDEX(Jesper!AJ$2:AJ$366,ROUNDDOWN($C2733/24,0)+1,1))-1)+IF('Standard Profiles'!$G$20=$B$10,7,0)+IF('Standard Profiles'!$G$20=$B$17,14,0)+IF('Standard Profiles'!$G$20=$B$24,21,0),0)),0)</f>
        <v>1.3713941980564615</v>
      </c>
      <c r="G2733" cm="1">
        <f t="array" ref="G2733">IFERROR(INDEX(Jesper!AK$2:AK$366,ROUNDDOWN($C2733/24,0)+1,1)*INDEX($D$3:$AA$30,INDEX(Jesper!$R$2:$R$366,ROW(INDEX(Jesper!AK$2:AK$366,ROUNDDOWN($C2733/24,0)+1,1))-1)+IF('Standard Profiles'!$G$21=$B$10,7,0)+IF('Standard Profiles'!$G$21=$B$17,14,0)+IF('Standard Profiles'!$G$21=$B$24,21,0),MOD($C2733,24)+1)/SUM(INDEX($D$3:$AA$30,INDEX(Jesper!$R$2:$R$366,ROW(INDEX(Jesper!AK$2:AK$366,ROUNDDOWN($C2733/24,0)+1,1))-1)+IF('Standard Profiles'!$G$21=$B$10,7,0)+IF('Standard Profiles'!$G$21=$B$17,14,0)+IF('Standard Profiles'!$G$21=$B$24,21,0),0)),0)</f>
        <v>0.90704268439746893</v>
      </c>
      <c r="H2733" cm="1">
        <f t="array" ref="H2733">IFERROR(INDEX(Jesper!AL$2:AL$366,ROUNDDOWN($C2733/24,0)+1,1)*INDEX($D$3:$AA$30,INDEX(Jesper!$R$2:$R$366,ROW(INDEX(Jesper!AL$2:AL$366,ROUNDDOWN($C2733/24,0)+1,1))-1)+IF('Standard Profiles'!$G$22=$B$10,7,0)+IF('Standard Profiles'!$G$22=$B$17,14,0)+IF('Standard Profiles'!$G$22=$B$24,21,0),MOD($C2733,24)+1)/SUM(INDEX($D$3:$AA$30,INDEX(Jesper!$R$2:$R$366,ROW(INDEX(Jesper!AL$2:AL$366,ROUNDDOWN($C2733/24,0)+1,1))-1)+IF('Standard Profiles'!$G$22=$B$10,7,0)+IF('Standard Profiles'!$G$22=$B$17,14,0)+IF('Standard Profiles'!$G$22=$B$24,21,0),0)),0)</f>
        <v>0.668976009114569</v>
      </c>
      <c r="I2733">
        <f t="shared" si="314"/>
        <v>0.64221696874998657</v>
      </c>
      <c r="J2733">
        <f t="shared" si="315"/>
        <v>4.7361959827894591</v>
      </c>
      <c r="K2733">
        <f t="shared" si="316"/>
        <v>0.22100000545190424</v>
      </c>
      <c r="L2733">
        <f t="shared" si="317"/>
        <v>0.11050000272595212</v>
      </c>
      <c r="M2733">
        <f t="shared" si="318"/>
        <v>0</v>
      </c>
      <c r="N2733" s="45">
        <f t="shared" si="319"/>
        <v>45039.458333326787</v>
      </c>
    </row>
    <row r="2734" spans="2:14" x14ac:dyDescent="0.25">
      <c r="B2734">
        <f t="shared" si="313"/>
        <v>7</v>
      </c>
      <c r="C2734" s="16">
        <v>2700</v>
      </c>
      <c r="D2734" cm="1">
        <f t="array" ref="D2734">IFERROR(INDEX(Jesper!AH$2:AH$366,ROUNDDOWN($C2734/24,0)+1,1)*INDEX($D$3:$AA$30,INDEX(Jesper!$R$2:$R$366,ROW(INDEX(Jesper!AH$2:AH$366,ROUNDDOWN($C2734/24,0)+1,1))-1)+IF('Standard Profiles'!$G$18=$B$10,7,0)+IF('Standard Profiles'!$G$18=$B$17,14,0)+IF('Standard Profiles'!$G$18=$B$24,21,0),MOD($C2734,24)+1)/SUM(INDEX($D$3:$AA$30,INDEX(Jesper!$R$2:$R$366,ROW(INDEX(Jesper!AH$2:AH$366,ROUNDDOWN($C2734/24,0)+1,1))-1)+IF('Standard Profiles'!$G$18=$B$10,7,0)+IF('Standard Profiles'!$G$18=$B$17,14,0)+IF('Standard Profiles'!$G$18=$B$24,21,0),0)),0)</f>
        <v>0</v>
      </c>
      <c r="E2734" cm="1">
        <f t="array" ref="E2734">IFERROR(INDEX(Jesper!AI$2:AI$366,ROUNDDOWN($C2734/24,0)+1,1)*INDEX($D$3:$AA$30,INDEX(Jesper!$R$2:$R$366,ROW(INDEX(Jesper!AI$2:AI$366,ROUNDDOWN($C2734/24,0)+1,1))-1)+IF('Standard Profiles'!$G$19=$B$10,7,0)+IF('Standard Profiles'!$G$19=$B$17,14,0)+IF('Standard Profiles'!$G$19=$B$24,21,0),MOD($C2734,24)+1)/SUM(INDEX($D$3:$AA$30,INDEX(Jesper!$R$2:$R$366,ROW(INDEX(Jesper!AI$2:AI$366,ROUNDDOWN($C2734/24,0)+1,1))-1)+IF('Standard Profiles'!$G$19=$B$10,7,0)+IF('Standard Profiles'!$G$19=$B$17,14,0)+IF('Standard Profiles'!$G$19=$B$24,21,0),0)),0)</f>
        <v>2.7625000681488028</v>
      </c>
      <c r="F2734" cm="1">
        <f t="array" ref="F2734">IFERROR(INDEX(Jesper!AJ$2:AJ$366,ROUNDDOWN($C2734/24,0)+1,1)*INDEX($D$3:$AA$30,INDEX(Jesper!$R$2:$R$366,ROW(INDEX(Jesper!AJ$2:AJ$366,ROUNDDOWN($C2734/24,0)+1,1))-1)+IF('Standard Profiles'!$G$20=$B$10,7,0)+IF('Standard Profiles'!$G$20=$B$17,14,0)+IF('Standard Profiles'!$G$20=$B$24,21,0),MOD($C2734,24)+1)/SUM(INDEX($D$3:$AA$30,INDEX(Jesper!$R$2:$R$366,ROW(INDEX(Jesper!AJ$2:AJ$366,ROUNDDOWN($C2734/24,0)+1,1))-1)+IF('Standard Profiles'!$G$20=$B$10,7,0)+IF('Standard Profiles'!$G$20=$B$17,14,0)+IF('Standard Profiles'!$G$20=$B$24,21,0),0)),0)</f>
        <v>1.3713941980564615</v>
      </c>
      <c r="G2734" cm="1">
        <f t="array" ref="G2734">IFERROR(INDEX(Jesper!AK$2:AK$366,ROUNDDOWN($C2734/24,0)+1,1)*INDEX($D$3:$AA$30,INDEX(Jesper!$R$2:$R$366,ROW(INDEX(Jesper!AK$2:AK$366,ROUNDDOWN($C2734/24,0)+1,1))-1)+IF('Standard Profiles'!$G$21=$B$10,7,0)+IF('Standard Profiles'!$G$21=$B$17,14,0)+IF('Standard Profiles'!$G$21=$B$24,21,0),MOD($C2734,24)+1)/SUM(INDEX($D$3:$AA$30,INDEX(Jesper!$R$2:$R$366,ROW(INDEX(Jesper!AK$2:AK$366,ROUNDDOWN($C2734/24,0)+1,1))-1)+IF('Standard Profiles'!$G$21=$B$10,7,0)+IF('Standard Profiles'!$G$21=$B$17,14,0)+IF('Standard Profiles'!$G$21=$B$24,21,0),0)),0)</f>
        <v>0.90704268439746893</v>
      </c>
      <c r="H2734" cm="1">
        <f t="array" ref="H2734">IFERROR(INDEX(Jesper!AL$2:AL$366,ROUNDDOWN($C2734/24,0)+1,1)*INDEX($D$3:$AA$30,INDEX(Jesper!$R$2:$R$366,ROW(INDEX(Jesper!AL$2:AL$366,ROUNDDOWN($C2734/24,0)+1,1))-1)+IF('Standard Profiles'!$G$22=$B$10,7,0)+IF('Standard Profiles'!$G$22=$B$17,14,0)+IF('Standard Profiles'!$G$22=$B$24,21,0),MOD($C2734,24)+1)/SUM(INDEX($D$3:$AA$30,INDEX(Jesper!$R$2:$R$366,ROW(INDEX(Jesper!AL$2:AL$366,ROUNDDOWN($C2734/24,0)+1,1))-1)+IF('Standard Profiles'!$G$22=$B$10,7,0)+IF('Standard Profiles'!$G$22=$B$17,14,0)+IF('Standard Profiles'!$G$22=$B$24,21,0),0)),0)</f>
        <v>0.668976009114569</v>
      </c>
      <c r="I2734">
        <f t="shared" si="314"/>
        <v>0.64221696874998657</v>
      </c>
      <c r="J2734">
        <f t="shared" si="315"/>
        <v>4.7361959827894591</v>
      </c>
      <c r="K2734">
        <f t="shared" si="316"/>
        <v>0.22100000545190424</v>
      </c>
      <c r="L2734">
        <f t="shared" si="317"/>
        <v>0.11050000272595212</v>
      </c>
      <c r="M2734">
        <f t="shared" si="318"/>
        <v>0</v>
      </c>
      <c r="N2734" s="45">
        <f t="shared" si="319"/>
        <v>45039.499999993452</v>
      </c>
    </row>
    <row r="2735" spans="2:14" x14ac:dyDescent="0.25">
      <c r="B2735">
        <f t="shared" si="313"/>
        <v>7</v>
      </c>
      <c r="C2735" s="16">
        <v>2701</v>
      </c>
      <c r="D2735" cm="1">
        <f t="array" ref="D2735">IFERROR(INDEX(Jesper!AH$2:AH$366,ROUNDDOWN($C2735/24,0)+1,1)*INDEX($D$3:$AA$30,INDEX(Jesper!$R$2:$R$366,ROW(INDEX(Jesper!AH$2:AH$366,ROUNDDOWN($C2735/24,0)+1,1))-1)+IF('Standard Profiles'!$G$18=$B$10,7,0)+IF('Standard Profiles'!$G$18=$B$17,14,0)+IF('Standard Profiles'!$G$18=$B$24,21,0),MOD($C2735,24)+1)/SUM(INDEX($D$3:$AA$30,INDEX(Jesper!$R$2:$R$366,ROW(INDEX(Jesper!AH$2:AH$366,ROUNDDOWN($C2735/24,0)+1,1))-1)+IF('Standard Profiles'!$G$18=$B$10,7,0)+IF('Standard Profiles'!$G$18=$B$17,14,0)+IF('Standard Profiles'!$G$18=$B$24,21,0),0)),0)</f>
        <v>0</v>
      </c>
      <c r="E2735" cm="1">
        <f t="array" ref="E2735">IFERROR(INDEX(Jesper!AI$2:AI$366,ROUNDDOWN($C2735/24,0)+1,1)*INDEX($D$3:$AA$30,INDEX(Jesper!$R$2:$R$366,ROW(INDEX(Jesper!AI$2:AI$366,ROUNDDOWN($C2735/24,0)+1,1))-1)+IF('Standard Profiles'!$G$19=$B$10,7,0)+IF('Standard Profiles'!$G$19=$B$17,14,0)+IF('Standard Profiles'!$G$19=$B$24,21,0),MOD($C2735,24)+1)/SUM(INDEX($D$3:$AA$30,INDEX(Jesper!$R$2:$R$366,ROW(INDEX(Jesper!AI$2:AI$366,ROUNDDOWN($C2735/24,0)+1,1))-1)+IF('Standard Profiles'!$G$19=$B$10,7,0)+IF('Standard Profiles'!$G$19=$B$17,14,0)+IF('Standard Profiles'!$G$19=$B$24,21,0),0)),0)</f>
        <v>2.7625000681488028</v>
      </c>
      <c r="F2735" cm="1">
        <f t="array" ref="F2735">IFERROR(INDEX(Jesper!AJ$2:AJ$366,ROUNDDOWN($C2735/24,0)+1,1)*INDEX($D$3:$AA$30,INDEX(Jesper!$R$2:$R$366,ROW(INDEX(Jesper!AJ$2:AJ$366,ROUNDDOWN($C2735/24,0)+1,1))-1)+IF('Standard Profiles'!$G$20=$B$10,7,0)+IF('Standard Profiles'!$G$20=$B$17,14,0)+IF('Standard Profiles'!$G$20=$B$24,21,0),MOD($C2735,24)+1)/SUM(INDEX($D$3:$AA$30,INDEX(Jesper!$R$2:$R$366,ROW(INDEX(Jesper!AJ$2:AJ$366,ROUNDDOWN($C2735/24,0)+1,1))-1)+IF('Standard Profiles'!$G$20=$B$10,7,0)+IF('Standard Profiles'!$G$20=$B$17,14,0)+IF('Standard Profiles'!$G$20=$B$24,21,0),0)),0)</f>
        <v>1.3713941980564615</v>
      </c>
      <c r="G2735" cm="1">
        <f t="array" ref="G2735">IFERROR(INDEX(Jesper!AK$2:AK$366,ROUNDDOWN($C2735/24,0)+1,1)*INDEX($D$3:$AA$30,INDEX(Jesper!$R$2:$R$366,ROW(INDEX(Jesper!AK$2:AK$366,ROUNDDOWN($C2735/24,0)+1,1))-1)+IF('Standard Profiles'!$G$21=$B$10,7,0)+IF('Standard Profiles'!$G$21=$B$17,14,0)+IF('Standard Profiles'!$G$21=$B$24,21,0),MOD($C2735,24)+1)/SUM(INDEX($D$3:$AA$30,INDEX(Jesper!$R$2:$R$366,ROW(INDEX(Jesper!AK$2:AK$366,ROUNDDOWN($C2735/24,0)+1,1))-1)+IF('Standard Profiles'!$G$21=$B$10,7,0)+IF('Standard Profiles'!$G$21=$B$17,14,0)+IF('Standard Profiles'!$G$21=$B$24,21,0),0)),0)</f>
        <v>0.90704268439746893</v>
      </c>
      <c r="H2735" cm="1">
        <f t="array" ref="H2735">IFERROR(INDEX(Jesper!AL$2:AL$366,ROUNDDOWN($C2735/24,0)+1,1)*INDEX($D$3:$AA$30,INDEX(Jesper!$R$2:$R$366,ROW(INDEX(Jesper!AL$2:AL$366,ROUNDDOWN($C2735/24,0)+1,1))-1)+IF('Standard Profiles'!$G$22=$B$10,7,0)+IF('Standard Profiles'!$G$22=$B$17,14,0)+IF('Standard Profiles'!$G$22=$B$24,21,0),MOD($C2735,24)+1)/SUM(INDEX($D$3:$AA$30,INDEX(Jesper!$R$2:$R$366,ROW(INDEX(Jesper!AL$2:AL$366,ROUNDDOWN($C2735/24,0)+1,1))-1)+IF('Standard Profiles'!$G$22=$B$10,7,0)+IF('Standard Profiles'!$G$22=$B$17,14,0)+IF('Standard Profiles'!$G$22=$B$24,21,0),0)),0)</f>
        <v>0.668976009114569</v>
      </c>
      <c r="I2735">
        <f t="shared" si="314"/>
        <v>0.64221696874998657</v>
      </c>
      <c r="J2735">
        <f t="shared" si="315"/>
        <v>4.7361959827894591</v>
      </c>
      <c r="K2735">
        <f t="shared" si="316"/>
        <v>0.22100000545190424</v>
      </c>
      <c r="L2735">
        <f t="shared" si="317"/>
        <v>0.11050000272595212</v>
      </c>
      <c r="M2735">
        <f t="shared" si="318"/>
        <v>0</v>
      </c>
      <c r="N2735" s="45">
        <f t="shared" si="319"/>
        <v>45039.541666660116</v>
      </c>
    </row>
    <row r="2736" spans="2:14" x14ac:dyDescent="0.25">
      <c r="B2736">
        <f t="shared" si="313"/>
        <v>7</v>
      </c>
      <c r="C2736" s="16">
        <v>2702</v>
      </c>
      <c r="D2736" cm="1">
        <f t="array" ref="D2736">IFERROR(INDEX(Jesper!AH$2:AH$366,ROUNDDOWN($C2736/24,0)+1,1)*INDEX($D$3:$AA$30,INDEX(Jesper!$R$2:$R$366,ROW(INDEX(Jesper!AH$2:AH$366,ROUNDDOWN($C2736/24,0)+1,1))-1)+IF('Standard Profiles'!$G$18=$B$10,7,0)+IF('Standard Profiles'!$G$18=$B$17,14,0)+IF('Standard Profiles'!$G$18=$B$24,21,0),MOD($C2736,24)+1)/SUM(INDEX($D$3:$AA$30,INDEX(Jesper!$R$2:$R$366,ROW(INDEX(Jesper!AH$2:AH$366,ROUNDDOWN($C2736/24,0)+1,1))-1)+IF('Standard Profiles'!$G$18=$B$10,7,0)+IF('Standard Profiles'!$G$18=$B$17,14,0)+IF('Standard Profiles'!$G$18=$B$24,21,0),0)),0)</f>
        <v>0</v>
      </c>
      <c r="E2736" cm="1">
        <f t="array" ref="E2736">IFERROR(INDEX(Jesper!AI$2:AI$366,ROUNDDOWN($C2736/24,0)+1,1)*INDEX($D$3:$AA$30,INDEX(Jesper!$R$2:$R$366,ROW(INDEX(Jesper!AI$2:AI$366,ROUNDDOWN($C2736/24,0)+1,1))-1)+IF('Standard Profiles'!$G$19=$B$10,7,0)+IF('Standard Profiles'!$G$19=$B$17,14,0)+IF('Standard Profiles'!$G$19=$B$24,21,0),MOD($C2736,24)+1)/SUM(INDEX($D$3:$AA$30,INDEX(Jesper!$R$2:$R$366,ROW(INDEX(Jesper!AI$2:AI$366,ROUNDDOWN($C2736/24,0)+1,1))-1)+IF('Standard Profiles'!$G$19=$B$10,7,0)+IF('Standard Profiles'!$G$19=$B$17,14,0)+IF('Standard Profiles'!$G$19=$B$24,21,0),0)),0)</f>
        <v>2.7625000681488028</v>
      </c>
      <c r="F2736" cm="1">
        <f t="array" ref="F2736">IFERROR(INDEX(Jesper!AJ$2:AJ$366,ROUNDDOWN($C2736/24,0)+1,1)*INDEX($D$3:$AA$30,INDEX(Jesper!$R$2:$R$366,ROW(INDEX(Jesper!AJ$2:AJ$366,ROUNDDOWN($C2736/24,0)+1,1))-1)+IF('Standard Profiles'!$G$20=$B$10,7,0)+IF('Standard Profiles'!$G$20=$B$17,14,0)+IF('Standard Profiles'!$G$20=$B$24,21,0),MOD($C2736,24)+1)/SUM(INDEX($D$3:$AA$30,INDEX(Jesper!$R$2:$R$366,ROW(INDEX(Jesper!AJ$2:AJ$366,ROUNDDOWN($C2736/24,0)+1,1))-1)+IF('Standard Profiles'!$G$20=$B$10,7,0)+IF('Standard Profiles'!$G$20=$B$17,14,0)+IF('Standard Profiles'!$G$20=$B$24,21,0),0)),0)</f>
        <v>1.3713941980564615</v>
      </c>
      <c r="G2736" cm="1">
        <f t="array" ref="G2736">IFERROR(INDEX(Jesper!AK$2:AK$366,ROUNDDOWN($C2736/24,0)+1,1)*INDEX($D$3:$AA$30,INDEX(Jesper!$R$2:$R$366,ROW(INDEX(Jesper!AK$2:AK$366,ROUNDDOWN($C2736/24,0)+1,1))-1)+IF('Standard Profiles'!$G$21=$B$10,7,0)+IF('Standard Profiles'!$G$21=$B$17,14,0)+IF('Standard Profiles'!$G$21=$B$24,21,0),MOD($C2736,24)+1)/SUM(INDEX($D$3:$AA$30,INDEX(Jesper!$R$2:$R$366,ROW(INDEX(Jesper!AK$2:AK$366,ROUNDDOWN($C2736/24,0)+1,1))-1)+IF('Standard Profiles'!$G$21=$B$10,7,0)+IF('Standard Profiles'!$G$21=$B$17,14,0)+IF('Standard Profiles'!$G$21=$B$24,21,0),0)),0)</f>
        <v>0.90704268439746893</v>
      </c>
      <c r="H2736" cm="1">
        <f t="array" ref="H2736">IFERROR(INDEX(Jesper!AL$2:AL$366,ROUNDDOWN($C2736/24,0)+1,1)*INDEX($D$3:$AA$30,INDEX(Jesper!$R$2:$R$366,ROW(INDEX(Jesper!AL$2:AL$366,ROUNDDOWN($C2736/24,0)+1,1))-1)+IF('Standard Profiles'!$G$22=$B$10,7,0)+IF('Standard Profiles'!$G$22=$B$17,14,0)+IF('Standard Profiles'!$G$22=$B$24,21,0),MOD($C2736,24)+1)/SUM(INDEX($D$3:$AA$30,INDEX(Jesper!$R$2:$R$366,ROW(INDEX(Jesper!AL$2:AL$366,ROUNDDOWN($C2736/24,0)+1,1))-1)+IF('Standard Profiles'!$G$22=$B$10,7,0)+IF('Standard Profiles'!$G$22=$B$17,14,0)+IF('Standard Profiles'!$G$22=$B$24,21,0),0)),0)</f>
        <v>0.668976009114569</v>
      </c>
      <c r="I2736">
        <f t="shared" si="314"/>
        <v>0.64221696874998657</v>
      </c>
      <c r="J2736">
        <f t="shared" si="315"/>
        <v>4.7361959827894591</v>
      </c>
      <c r="K2736">
        <f t="shared" si="316"/>
        <v>0.22100000545190424</v>
      </c>
      <c r="L2736">
        <f t="shared" si="317"/>
        <v>0.11050000272595212</v>
      </c>
      <c r="M2736">
        <f t="shared" si="318"/>
        <v>0</v>
      </c>
      <c r="N2736" s="45">
        <f t="shared" si="319"/>
        <v>45039.58333332678</v>
      </c>
    </row>
    <row r="2737" spans="2:14" x14ac:dyDescent="0.25">
      <c r="B2737">
        <f t="shared" si="313"/>
        <v>7</v>
      </c>
      <c r="C2737" s="16">
        <v>2703</v>
      </c>
      <c r="D2737" cm="1">
        <f t="array" ref="D2737">IFERROR(INDEX(Jesper!AH$2:AH$366,ROUNDDOWN($C2737/24,0)+1,1)*INDEX($D$3:$AA$30,INDEX(Jesper!$R$2:$R$366,ROW(INDEX(Jesper!AH$2:AH$366,ROUNDDOWN($C2737/24,0)+1,1))-1)+IF('Standard Profiles'!$G$18=$B$10,7,0)+IF('Standard Profiles'!$G$18=$B$17,14,0)+IF('Standard Profiles'!$G$18=$B$24,21,0),MOD($C2737,24)+1)/SUM(INDEX($D$3:$AA$30,INDEX(Jesper!$R$2:$R$366,ROW(INDEX(Jesper!AH$2:AH$366,ROUNDDOWN($C2737/24,0)+1,1))-1)+IF('Standard Profiles'!$G$18=$B$10,7,0)+IF('Standard Profiles'!$G$18=$B$17,14,0)+IF('Standard Profiles'!$G$18=$B$24,21,0),0)),0)</f>
        <v>0</v>
      </c>
      <c r="E2737" cm="1">
        <f t="array" ref="E2737">IFERROR(INDEX(Jesper!AI$2:AI$366,ROUNDDOWN($C2737/24,0)+1,1)*INDEX($D$3:$AA$30,INDEX(Jesper!$R$2:$R$366,ROW(INDEX(Jesper!AI$2:AI$366,ROUNDDOWN($C2737/24,0)+1,1))-1)+IF('Standard Profiles'!$G$19=$B$10,7,0)+IF('Standard Profiles'!$G$19=$B$17,14,0)+IF('Standard Profiles'!$G$19=$B$24,21,0),MOD($C2737,24)+1)/SUM(INDEX($D$3:$AA$30,INDEX(Jesper!$R$2:$R$366,ROW(INDEX(Jesper!AI$2:AI$366,ROUNDDOWN($C2737/24,0)+1,1))-1)+IF('Standard Profiles'!$G$19=$B$10,7,0)+IF('Standard Profiles'!$G$19=$B$17,14,0)+IF('Standard Profiles'!$G$19=$B$24,21,0),0)),0)</f>
        <v>2.7625000681488028</v>
      </c>
      <c r="F2737" cm="1">
        <f t="array" ref="F2737">IFERROR(INDEX(Jesper!AJ$2:AJ$366,ROUNDDOWN($C2737/24,0)+1,1)*INDEX($D$3:$AA$30,INDEX(Jesper!$R$2:$R$366,ROW(INDEX(Jesper!AJ$2:AJ$366,ROUNDDOWN($C2737/24,0)+1,1))-1)+IF('Standard Profiles'!$G$20=$B$10,7,0)+IF('Standard Profiles'!$G$20=$B$17,14,0)+IF('Standard Profiles'!$G$20=$B$24,21,0),MOD($C2737,24)+1)/SUM(INDEX($D$3:$AA$30,INDEX(Jesper!$R$2:$R$366,ROW(INDEX(Jesper!AJ$2:AJ$366,ROUNDDOWN($C2737/24,0)+1,1))-1)+IF('Standard Profiles'!$G$20=$B$10,7,0)+IF('Standard Profiles'!$G$20=$B$17,14,0)+IF('Standard Profiles'!$G$20=$B$24,21,0),0)),0)</f>
        <v>1.3713941980564615</v>
      </c>
      <c r="G2737" cm="1">
        <f t="array" ref="G2737">IFERROR(INDEX(Jesper!AK$2:AK$366,ROUNDDOWN($C2737/24,0)+1,1)*INDEX($D$3:$AA$30,INDEX(Jesper!$R$2:$R$366,ROW(INDEX(Jesper!AK$2:AK$366,ROUNDDOWN($C2737/24,0)+1,1))-1)+IF('Standard Profiles'!$G$21=$B$10,7,0)+IF('Standard Profiles'!$G$21=$B$17,14,0)+IF('Standard Profiles'!$G$21=$B$24,21,0),MOD($C2737,24)+1)/SUM(INDEX($D$3:$AA$30,INDEX(Jesper!$R$2:$R$366,ROW(INDEX(Jesper!AK$2:AK$366,ROUNDDOWN($C2737/24,0)+1,1))-1)+IF('Standard Profiles'!$G$21=$B$10,7,0)+IF('Standard Profiles'!$G$21=$B$17,14,0)+IF('Standard Profiles'!$G$21=$B$24,21,0),0)),0)</f>
        <v>0.90704268439746893</v>
      </c>
      <c r="H2737" cm="1">
        <f t="array" ref="H2737">IFERROR(INDEX(Jesper!AL$2:AL$366,ROUNDDOWN($C2737/24,0)+1,1)*INDEX($D$3:$AA$30,INDEX(Jesper!$R$2:$R$366,ROW(INDEX(Jesper!AL$2:AL$366,ROUNDDOWN($C2737/24,0)+1,1))-1)+IF('Standard Profiles'!$G$22=$B$10,7,0)+IF('Standard Profiles'!$G$22=$B$17,14,0)+IF('Standard Profiles'!$G$22=$B$24,21,0),MOD($C2737,24)+1)/SUM(INDEX($D$3:$AA$30,INDEX(Jesper!$R$2:$R$366,ROW(INDEX(Jesper!AL$2:AL$366,ROUNDDOWN($C2737/24,0)+1,1))-1)+IF('Standard Profiles'!$G$22=$B$10,7,0)+IF('Standard Profiles'!$G$22=$B$17,14,0)+IF('Standard Profiles'!$G$22=$B$24,21,0),0)),0)</f>
        <v>0.59464534143517245</v>
      </c>
      <c r="I2737">
        <f t="shared" si="314"/>
        <v>0.57085952777776583</v>
      </c>
      <c r="J2737">
        <f t="shared" si="315"/>
        <v>4.7332227560822835</v>
      </c>
      <c r="K2737">
        <f t="shared" si="316"/>
        <v>0.22100000545190424</v>
      </c>
      <c r="L2737">
        <f t="shared" si="317"/>
        <v>0.11050000272595212</v>
      </c>
      <c r="M2737">
        <f t="shared" si="318"/>
        <v>0</v>
      </c>
      <c r="N2737" s="45">
        <f t="shared" si="319"/>
        <v>45039.624999993444</v>
      </c>
    </row>
    <row r="2738" spans="2:14" x14ac:dyDescent="0.25">
      <c r="B2738">
        <f t="shared" si="313"/>
        <v>7</v>
      </c>
      <c r="C2738" s="16">
        <v>2704</v>
      </c>
      <c r="D2738" cm="1">
        <f t="array" ref="D2738">IFERROR(INDEX(Jesper!AH$2:AH$366,ROUNDDOWN($C2738/24,0)+1,1)*INDEX($D$3:$AA$30,INDEX(Jesper!$R$2:$R$366,ROW(INDEX(Jesper!AH$2:AH$366,ROUNDDOWN($C2738/24,0)+1,1))-1)+IF('Standard Profiles'!$G$18=$B$10,7,0)+IF('Standard Profiles'!$G$18=$B$17,14,0)+IF('Standard Profiles'!$G$18=$B$24,21,0),MOD($C2738,24)+1)/SUM(INDEX($D$3:$AA$30,INDEX(Jesper!$R$2:$R$366,ROW(INDEX(Jesper!AH$2:AH$366,ROUNDDOWN($C2738/24,0)+1,1))-1)+IF('Standard Profiles'!$G$18=$B$10,7,0)+IF('Standard Profiles'!$G$18=$B$17,14,0)+IF('Standard Profiles'!$G$18=$B$24,21,0),0)),0)</f>
        <v>0</v>
      </c>
      <c r="E2738" cm="1">
        <f t="array" ref="E2738">IFERROR(INDEX(Jesper!AI$2:AI$366,ROUNDDOWN($C2738/24,0)+1,1)*INDEX($D$3:$AA$30,INDEX(Jesper!$R$2:$R$366,ROW(INDEX(Jesper!AI$2:AI$366,ROUNDDOWN($C2738/24,0)+1,1))-1)+IF('Standard Profiles'!$G$19=$B$10,7,0)+IF('Standard Profiles'!$G$19=$B$17,14,0)+IF('Standard Profiles'!$G$19=$B$24,21,0),MOD($C2738,24)+1)/SUM(INDEX($D$3:$AA$30,INDEX(Jesper!$R$2:$R$366,ROW(INDEX(Jesper!AI$2:AI$366,ROUNDDOWN($C2738/24,0)+1,1))-1)+IF('Standard Profiles'!$G$19=$B$10,7,0)+IF('Standard Profiles'!$G$19=$B$17,14,0)+IF('Standard Profiles'!$G$19=$B$24,21,0),0)),0)</f>
        <v>2.7625000681488028</v>
      </c>
      <c r="F2738" cm="1">
        <f t="array" ref="F2738">IFERROR(INDEX(Jesper!AJ$2:AJ$366,ROUNDDOWN($C2738/24,0)+1,1)*INDEX($D$3:$AA$30,INDEX(Jesper!$R$2:$R$366,ROW(INDEX(Jesper!AJ$2:AJ$366,ROUNDDOWN($C2738/24,0)+1,1))-1)+IF('Standard Profiles'!$G$20=$B$10,7,0)+IF('Standard Profiles'!$G$20=$B$17,14,0)+IF('Standard Profiles'!$G$20=$B$24,21,0),MOD($C2738,24)+1)/SUM(INDEX($D$3:$AA$30,INDEX(Jesper!$R$2:$R$366,ROW(INDEX(Jesper!AJ$2:AJ$366,ROUNDDOWN($C2738/24,0)+1,1))-1)+IF('Standard Profiles'!$G$20=$B$10,7,0)+IF('Standard Profiles'!$G$20=$B$17,14,0)+IF('Standard Profiles'!$G$20=$B$24,21,0),0)),0)</f>
        <v>1.3713941980564615</v>
      </c>
      <c r="G2738" cm="1">
        <f t="array" ref="G2738">IFERROR(INDEX(Jesper!AK$2:AK$366,ROUNDDOWN($C2738/24,0)+1,1)*INDEX($D$3:$AA$30,INDEX(Jesper!$R$2:$R$366,ROW(INDEX(Jesper!AK$2:AK$366,ROUNDDOWN($C2738/24,0)+1,1))-1)+IF('Standard Profiles'!$G$21=$B$10,7,0)+IF('Standard Profiles'!$G$21=$B$17,14,0)+IF('Standard Profiles'!$G$21=$B$24,21,0),MOD($C2738,24)+1)/SUM(INDEX($D$3:$AA$30,INDEX(Jesper!$R$2:$R$366,ROW(INDEX(Jesper!AK$2:AK$366,ROUNDDOWN($C2738/24,0)+1,1))-1)+IF('Standard Profiles'!$G$21=$B$10,7,0)+IF('Standard Profiles'!$G$21=$B$17,14,0)+IF('Standard Profiles'!$G$21=$B$24,21,0),0)),0)</f>
        <v>0.90704268439746893</v>
      </c>
      <c r="H2738" cm="1">
        <f t="array" ref="H2738">IFERROR(INDEX(Jesper!AL$2:AL$366,ROUNDDOWN($C2738/24,0)+1,1)*INDEX($D$3:$AA$30,INDEX(Jesper!$R$2:$R$366,ROW(INDEX(Jesper!AL$2:AL$366,ROUNDDOWN($C2738/24,0)+1,1))-1)+IF('Standard Profiles'!$G$22=$B$10,7,0)+IF('Standard Profiles'!$G$22=$B$17,14,0)+IF('Standard Profiles'!$G$22=$B$24,21,0),MOD($C2738,24)+1)/SUM(INDEX($D$3:$AA$30,INDEX(Jesper!$R$2:$R$366,ROW(INDEX(Jesper!AL$2:AL$366,ROUNDDOWN($C2738/24,0)+1,1))-1)+IF('Standard Profiles'!$G$22=$B$10,7,0)+IF('Standard Profiles'!$G$22=$B$17,14,0)+IF('Standard Profiles'!$G$22=$B$24,21,0),0)),0)</f>
        <v>0.58402667462383007</v>
      </c>
      <c r="I2738">
        <f t="shared" si="314"/>
        <v>0.56066560763887718</v>
      </c>
      <c r="J2738">
        <f t="shared" si="315"/>
        <v>4.7327980094098301</v>
      </c>
      <c r="K2738">
        <f t="shared" si="316"/>
        <v>0.22100000545190424</v>
      </c>
      <c r="L2738">
        <f t="shared" si="317"/>
        <v>0.11050000272595212</v>
      </c>
      <c r="M2738">
        <f t="shared" si="318"/>
        <v>0</v>
      </c>
      <c r="N2738" s="45">
        <f t="shared" si="319"/>
        <v>45039.666666660109</v>
      </c>
    </row>
    <row r="2739" spans="2:14" x14ac:dyDescent="0.25">
      <c r="B2739">
        <f t="shared" si="313"/>
        <v>7</v>
      </c>
      <c r="C2739" s="16">
        <v>2705</v>
      </c>
      <c r="D2739" cm="1">
        <f t="array" ref="D2739">IFERROR(INDEX(Jesper!AH$2:AH$366,ROUNDDOWN($C2739/24,0)+1,1)*INDEX($D$3:$AA$30,INDEX(Jesper!$R$2:$R$366,ROW(INDEX(Jesper!AH$2:AH$366,ROUNDDOWN($C2739/24,0)+1,1))-1)+IF('Standard Profiles'!$G$18=$B$10,7,0)+IF('Standard Profiles'!$G$18=$B$17,14,0)+IF('Standard Profiles'!$G$18=$B$24,21,0),MOD($C2739,24)+1)/SUM(INDEX($D$3:$AA$30,INDEX(Jesper!$R$2:$R$366,ROW(INDEX(Jesper!AH$2:AH$366,ROUNDDOWN($C2739/24,0)+1,1))-1)+IF('Standard Profiles'!$G$18=$B$10,7,0)+IF('Standard Profiles'!$G$18=$B$17,14,0)+IF('Standard Profiles'!$G$18=$B$24,21,0),0)),0)</f>
        <v>0</v>
      </c>
      <c r="E2739" cm="1">
        <f t="array" ref="E2739">IFERROR(INDEX(Jesper!AI$2:AI$366,ROUNDDOWN($C2739/24,0)+1,1)*INDEX($D$3:$AA$30,INDEX(Jesper!$R$2:$R$366,ROW(INDEX(Jesper!AI$2:AI$366,ROUNDDOWN($C2739/24,0)+1,1))-1)+IF('Standard Profiles'!$G$19=$B$10,7,0)+IF('Standard Profiles'!$G$19=$B$17,14,0)+IF('Standard Profiles'!$G$19=$B$24,21,0),MOD($C2739,24)+1)/SUM(INDEX($D$3:$AA$30,INDEX(Jesper!$R$2:$R$366,ROW(INDEX(Jesper!AI$2:AI$366,ROUNDDOWN($C2739/24,0)+1,1))-1)+IF('Standard Profiles'!$G$19=$B$10,7,0)+IF('Standard Profiles'!$G$19=$B$17,14,0)+IF('Standard Profiles'!$G$19=$B$24,21,0),0)),0)</f>
        <v>2.7625000681488028</v>
      </c>
      <c r="F2739" cm="1">
        <f t="array" ref="F2739">IFERROR(INDEX(Jesper!AJ$2:AJ$366,ROUNDDOWN($C2739/24,0)+1,1)*INDEX($D$3:$AA$30,INDEX(Jesper!$R$2:$R$366,ROW(INDEX(Jesper!AJ$2:AJ$366,ROUNDDOWN($C2739/24,0)+1,1))-1)+IF('Standard Profiles'!$G$20=$B$10,7,0)+IF('Standard Profiles'!$G$20=$B$17,14,0)+IF('Standard Profiles'!$G$20=$B$24,21,0),MOD($C2739,24)+1)/SUM(INDEX($D$3:$AA$30,INDEX(Jesper!$R$2:$R$366,ROW(INDEX(Jesper!AJ$2:AJ$366,ROUNDDOWN($C2739/24,0)+1,1))-1)+IF('Standard Profiles'!$G$20=$B$10,7,0)+IF('Standard Profiles'!$G$20=$B$17,14,0)+IF('Standard Profiles'!$G$20=$B$24,21,0),0)),0)</f>
        <v>1.3713941980564615</v>
      </c>
      <c r="G2739" cm="1">
        <f t="array" ref="G2739">IFERROR(INDEX(Jesper!AK$2:AK$366,ROUNDDOWN($C2739/24,0)+1,1)*INDEX($D$3:$AA$30,INDEX(Jesper!$R$2:$R$366,ROW(INDEX(Jesper!AK$2:AK$366,ROUNDDOWN($C2739/24,0)+1,1))-1)+IF('Standard Profiles'!$G$21=$B$10,7,0)+IF('Standard Profiles'!$G$21=$B$17,14,0)+IF('Standard Profiles'!$G$21=$B$24,21,0),MOD($C2739,24)+1)/SUM(INDEX($D$3:$AA$30,INDEX(Jesper!$R$2:$R$366,ROW(INDEX(Jesper!AK$2:AK$366,ROUNDDOWN($C2739/24,0)+1,1))-1)+IF('Standard Profiles'!$G$21=$B$10,7,0)+IF('Standard Profiles'!$G$21=$B$17,14,0)+IF('Standard Profiles'!$G$21=$B$24,21,0),0)),0)</f>
        <v>0.90704268439746893</v>
      </c>
      <c r="H2739" cm="1">
        <f t="array" ref="H2739">IFERROR(INDEX(Jesper!AL$2:AL$366,ROUNDDOWN($C2739/24,0)+1,1)*INDEX($D$3:$AA$30,INDEX(Jesper!$R$2:$R$366,ROW(INDEX(Jesper!AL$2:AL$366,ROUNDDOWN($C2739/24,0)+1,1))-1)+IF('Standard Profiles'!$G$22=$B$10,7,0)+IF('Standard Profiles'!$G$22=$B$17,14,0)+IF('Standard Profiles'!$G$22=$B$24,21,0),MOD($C2739,24)+1)/SUM(INDEX($D$3:$AA$30,INDEX(Jesper!$R$2:$R$366,ROW(INDEX(Jesper!AL$2:AL$366,ROUNDDOWN($C2739/24,0)+1,1))-1)+IF('Standard Profiles'!$G$22=$B$10,7,0)+IF('Standard Profiles'!$G$22=$B$17,14,0)+IF('Standard Profiles'!$G$22=$B$24,21,0),0)),0)</f>
        <v>0.49907734013309119</v>
      </c>
      <c r="I2739">
        <f t="shared" si="314"/>
        <v>0.4791142465277678</v>
      </c>
      <c r="J2739">
        <f t="shared" si="315"/>
        <v>4.7294000360302002</v>
      </c>
      <c r="K2739">
        <f t="shared" si="316"/>
        <v>0.22100000545190424</v>
      </c>
      <c r="L2739">
        <f t="shared" si="317"/>
        <v>0.11050000272595212</v>
      </c>
      <c r="M2739">
        <f t="shared" si="318"/>
        <v>0</v>
      </c>
      <c r="N2739" s="45">
        <f t="shared" si="319"/>
        <v>45039.708333326773</v>
      </c>
    </row>
    <row r="2740" spans="2:14" x14ac:dyDescent="0.25">
      <c r="B2740">
        <f t="shared" si="313"/>
        <v>7</v>
      </c>
      <c r="C2740" s="16">
        <v>2706</v>
      </c>
      <c r="D2740" cm="1">
        <f t="array" ref="D2740">IFERROR(INDEX(Jesper!AH$2:AH$366,ROUNDDOWN($C2740/24,0)+1,1)*INDEX($D$3:$AA$30,INDEX(Jesper!$R$2:$R$366,ROW(INDEX(Jesper!AH$2:AH$366,ROUNDDOWN($C2740/24,0)+1,1))-1)+IF('Standard Profiles'!$G$18=$B$10,7,0)+IF('Standard Profiles'!$G$18=$B$17,14,0)+IF('Standard Profiles'!$G$18=$B$24,21,0),MOD($C2740,24)+1)/SUM(INDEX($D$3:$AA$30,INDEX(Jesper!$R$2:$R$366,ROW(INDEX(Jesper!AH$2:AH$366,ROUNDDOWN($C2740/24,0)+1,1))-1)+IF('Standard Profiles'!$G$18=$B$10,7,0)+IF('Standard Profiles'!$G$18=$B$17,14,0)+IF('Standard Profiles'!$G$18=$B$24,21,0),0)),0)</f>
        <v>0</v>
      </c>
      <c r="E2740" cm="1">
        <f t="array" ref="E2740">IFERROR(INDEX(Jesper!AI$2:AI$366,ROUNDDOWN($C2740/24,0)+1,1)*INDEX($D$3:$AA$30,INDEX(Jesper!$R$2:$R$366,ROW(INDEX(Jesper!AI$2:AI$366,ROUNDDOWN($C2740/24,0)+1,1))-1)+IF('Standard Profiles'!$G$19=$B$10,7,0)+IF('Standard Profiles'!$G$19=$B$17,14,0)+IF('Standard Profiles'!$G$19=$B$24,21,0),MOD($C2740,24)+1)/SUM(INDEX($D$3:$AA$30,INDEX(Jesper!$R$2:$R$366,ROW(INDEX(Jesper!AI$2:AI$366,ROUNDDOWN($C2740/24,0)+1,1))-1)+IF('Standard Profiles'!$G$19=$B$10,7,0)+IF('Standard Profiles'!$G$19=$B$17,14,0)+IF('Standard Profiles'!$G$19=$B$24,21,0),0)),0)</f>
        <v>2.7625000681488028</v>
      </c>
      <c r="F2740" cm="1">
        <f t="array" ref="F2740">IFERROR(INDEX(Jesper!AJ$2:AJ$366,ROUNDDOWN($C2740/24,0)+1,1)*INDEX($D$3:$AA$30,INDEX(Jesper!$R$2:$R$366,ROW(INDEX(Jesper!AJ$2:AJ$366,ROUNDDOWN($C2740/24,0)+1,1))-1)+IF('Standard Profiles'!$G$20=$B$10,7,0)+IF('Standard Profiles'!$G$20=$B$17,14,0)+IF('Standard Profiles'!$G$20=$B$24,21,0),MOD($C2740,24)+1)/SUM(INDEX($D$3:$AA$30,INDEX(Jesper!$R$2:$R$366,ROW(INDEX(Jesper!AJ$2:AJ$366,ROUNDDOWN($C2740/24,0)+1,1))-1)+IF('Standard Profiles'!$G$20=$B$10,7,0)+IF('Standard Profiles'!$G$20=$B$17,14,0)+IF('Standard Profiles'!$G$20=$B$24,21,0),0)),0)</f>
        <v>1.3713941980564615</v>
      </c>
      <c r="G2740" cm="1">
        <f t="array" ref="G2740">IFERROR(INDEX(Jesper!AK$2:AK$366,ROUNDDOWN($C2740/24,0)+1,1)*INDEX($D$3:$AA$30,INDEX(Jesper!$R$2:$R$366,ROW(INDEX(Jesper!AK$2:AK$366,ROUNDDOWN($C2740/24,0)+1,1))-1)+IF('Standard Profiles'!$G$21=$B$10,7,0)+IF('Standard Profiles'!$G$21=$B$17,14,0)+IF('Standard Profiles'!$G$21=$B$24,21,0),MOD($C2740,24)+1)/SUM(INDEX($D$3:$AA$30,INDEX(Jesper!$R$2:$R$366,ROW(INDEX(Jesper!AK$2:AK$366,ROUNDDOWN($C2740/24,0)+1,1))-1)+IF('Standard Profiles'!$G$21=$B$10,7,0)+IF('Standard Profiles'!$G$21=$B$17,14,0)+IF('Standard Profiles'!$G$21=$B$24,21,0),0)),0)</f>
        <v>0.90704268439746893</v>
      </c>
      <c r="H2740" cm="1">
        <f t="array" ref="H2740">IFERROR(INDEX(Jesper!AL$2:AL$366,ROUNDDOWN($C2740/24,0)+1,1)*INDEX($D$3:$AA$30,INDEX(Jesper!$R$2:$R$366,ROW(INDEX(Jesper!AL$2:AL$366,ROUNDDOWN($C2740/24,0)+1,1))-1)+IF('Standard Profiles'!$G$22=$B$10,7,0)+IF('Standard Profiles'!$G$22=$B$17,14,0)+IF('Standard Profiles'!$G$22=$B$24,21,0),MOD($C2740,24)+1)/SUM(INDEX($D$3:$AA$30,INDEX(Jesper!$R$2:$R$366,ROW(INDEX(Jesper!AL$2:AL$366,ROUNDDOWN($C2740/24,0)+1,1))-1)+IF('Standard Profiles'!$G$22=$B$10,7,0)+IF('Standard Profiles'!$G$22=$B$17,14,0)+IF('Standard Profiles'!$G$22=$B$24,21,0),0)),0)</f>
        <v>0.46722133969906404</v>
      </c>
      <c r="I2740">
        <f t="shared" si="314"/>
        <v>0.44853248611110175</v>
      </c>
      <c r="J2740">
        <f t="shared" si="315"/>
        <v>4.7281257960128391</v>
      </c>
      <c r="K2740">
        <f t="shared" si="316"/>
        <v>0.22100000545190424</v>
      </c>
      <c r="L2740">
        <f t="shared" si="317"/>
        <v>0.11050000272595212</v>
      </c>
      <c r="M2740">
        <f t="shared" si="318"/>
        <v>0</v>
      </c>
      <c r="N2740" s="45">
        <f t="shared" si="319"/>
        <v>45039.749999993437</v>
      </c>
    </row>
    <row r="2741" spans="2:14" x14ac:dyDescent="0.25">
      <c r="B2741">
        <f t="shared" si="313"/>
        <v>7</v>
      </c>
      <c r="C2741" s="16">
        <v>2707</v>
      </c>
      <c r="D2741" cm="1">
        <f t="array" ref="D2741">IFERROR(INDEX(Jesper!AH$2:AH$366,ROUNDDOWN($C2741/24,0)+1,1)*INDEX($D$3:$AA$30,INDEX(Jesper!$R$2:$R$366,ROW(INDEX(Jesper!AH$2:AH$366,ROUNDDOWN($C2741/24,0)+1,1))-1)+IF('Standard Profiles'!$G$18=$B$10,7,0)+IF('Standard Profiles'!$G$18=$B$17,14,0)+IF('Standard Profiles'!$G$18=$B$24,21,0),MOD($C2741,24)+1)/SUM(INDEX($D$3:$AA$30,INDEX(Jesper!$R$2:$R$366,ROW(INDEX(Jesper!AH$2:AH$366,ROUNDDOWN($C2741/24,0)+1,1))-1)+IF('Standard Profiles'!$G$18=$B$10,7,0)+IF('Standard Profiles'!$G$18=$B$17,14,0)+IF('Standard Profiles'!$G$18=$B$24,21,0),0)),0)</f>
        <v>0</v>
      </c>
      <c r="E2741" cm="1">
        <f t="array" ref="E2741">IFERROR(INDEX(Jesper!AI$2:AI$366,ROUNDDOWN($C2741/24,0)+1,1)*INDEX($D$3:$AA$30,INDEX(Jesper!$R$2:$R$366,ROW(INDEX(Jesper!AI$2:AI$366,ROUNDDOWN($C2741/24,0)+1,1))-1)+IF('Standard Profiles'!$G$19=$B$10,7,0)+IF('Standard Profiles'!$G$19=$B$17,14,0)+IF('Standard Profiles'!$G$19=$B$24,21,0),MOD($C2741,24)+1)/SUM(INDEX($D$3:$AA$30,INDEX(Jesper!$R$2:$R$366,ROW(INDEX(Jesper!AI$2:AI$366,ROUNDDOWN($C2741/24,0)+1,1))-1)+IF('Standard Profiles'!$G$19=$B$10,7,0)+IF('Standard Profiles'!$G$19=$B$17,14,0)+IF('Standard Profiles'!$G$19=$B$24,21,0),0)),0)</f>
        <v>2.7625000681488028</v>
      </c>
      <c r="F2741" cm="1">
        <f t="array" ref="F2741">IFERROR(INDEX(Jesper!AJ$2:AJ$366,ROUNDDOWN($C2741/24,0)+1,1)*INDEX($D$3:$AA$30,INDEX(Jesper!$R$2:$R$366,ROW(INDEX(Jesper!AJ$2:AJ$366,ROUNDDOWN($C2741/24,0)+1,1))-1)+IF('Standard Profiles'!$G$20=$B$10,7,0)+IF('Standard Profiles'!$G$20=$B$17,14,0)+IF('Standard Profiles'!$G$20=$B$24,21,0),MOD($C2741,24)+1)/SUM(INDEX($D$3:$AA$30,INDEX(Jesper!$R$2:$R$366,ROW(INDEX(Jesper!AJ$2:AJ$366,ROUNDDOWN($C2741/24,0)+1,1))-1)+IF('Standard Profiles'!$G$20=$B$10,7,0)+IF('Standard Profiles'!$G$20=$B$17,14,0)+IF('Standard Profiles'!$G$20=$B$24,21,0),0)),0)</f>
        <v>1.3713941980564615</v>
      </c>
      <c r="G2741" cm="1">
        <f t="array" ref="G2741">IFERROR(INDEX(Jesper!AK$2:AK$366,ROUNDDOWN($C2741/24,0)+1,1)*INDEX($D$3:$AA$30,INDEX(Jesper!$R$2:$R$366,ROW(INDEX(Jesper!AK$2:AK$366,ROUNDDOWN($C2741/24,0)+1,1))-1)+IF('Standard Profiles'!$G$21=$B$10,7,0)+IF('Standard Profiles'!$G$21=$B$17,14,0)+IF('Standard Profiles'!$G$21=$B$24,21,0),MOD($C2741,24)+1)/SUM(INDEX($D$3:$AA$30,INDEX(Jesper!$R$2:$R$366,ROW(INDEX(Jesper!AK$2:AK$366,ROUNDDOWN($C2741/24,0)+1,1))-1)+IF('Standard Profiles'!$G$21=$B$10,7,0)+IF('Standard Profiles'!$G$21=$B$17,14,0)+IF('Standard Profiles'!$G$21=$B$24,21,0),0)),0)</f>
        <v>0.90704268439746893</v>
      </c>
      <c r="H2741" cm="1">
        <f t="array" ref="H2741">IFERROR(INDEX(Jesper!AL$2:AL$366,ROUNDDOWN($C2741/24,0)+1,1)*INDEX($D$3:$AA$30,INDEX(Jesper!$R$2:$R$366,ROW(INDEX(Jesper!AL$2:AL$366,ROUNDDOWN($C2741/24,0)+1,1))-1)+IF('Standard Profiles'!$G$22=$B$10,7,0)+IF('Standard Profiles'!$G$22=$B$17,14,0)+IF('Standard Profiles'!$G$22=$B$24,21,0),MOD($C2741,24)+1)/SUM(INDEX($D$3:$AA$30,INDEX(Jesper!$R$2:$R$366,ROW(INDEX(Jesper!AL$2:AL$366,ROUNDDOWN($C2741/24,0)+1,1))-1)+IF('Standard Profiles'!$G$22=$B$10,7,0)+IF('Standard Profiles'!$G$22=$B$17,14,0)+IF('Standard Profiles'!$G$22=$B$24,21,0),0)),0)</f>
        <v>0.39289067201966754</v>
      </c>
      <c r="I2741">
        <f t="shared" si="314"/>
        <v>0.37717504513888106</v>
      </c>
      <c r="J2741">
        <f t="shared" si="315"/>
        <v>4.7251525693056635</v>
      </c>
      <c r="K2741">
        <f t="shared" si="316"/>
        <v>0.22100000545190424</v>
      </c>
      <c r="L2741">
        <f t="shared" si="317"/>
        <v>0.11050000272595212</v>
      </c>
      <c r="M2741">
        <f t="shared" si="318"/>
        <v>0</v>
      </c>
      <c r="N2741" s="45">
        <f t="shared" si="319"/>
        <v>45039.791666660101</v>
      </c>
    </row>
    <row r="2742" spans="2:14" x14ac:dyDescent="0.25">
      <c r="B2742">
        <f t="shared" si="313"/>
        <v>7</v>
      </c>
      <c r="C2742" s="16">
        <v>2708</v>
      </c>
      <c r="D2742" cm="1">
        <f t="array" ref="D2742">IFERROR(INDEX(Jesper!AH$2:AH$366,ROUNDDOWN($C2742/24,0)+1,1)*INDEX($D$3:$AA$30,INDEX(Jesper!$R$2:$R$366,ROW(INDEX(Jesper!AH$2:AH$366,ROUNDDOWN($C2742/24,0)+1,1))-1)+IF('Standard Profiles'!$G$18=$B$10,7,0)+IF('Standard Profiles'!$G$18=$B$17,14,0)+IF('Standard Profiles'!$G$18=$B$24,21,0),MOD($C2742,24)+1)/SUM(INDEX($D$3:$AA$30,INDEX(Jesper!$R$2:$R$366,ROW(INDEX(Jesper!AH$2:AH$366,ROUNDDOWN($C2742/24,0)+1,1))-1)+IF('Standard Profiles'!$G$18=$B$10,7,0)+IF('Standard Profiles'!$G$18=$B$17,14,0)+IF('Standard Profiles'!$G$18=$B$24,21,0),0)),0)</f>
        <v>0</v>
      </c>
      <c r="E2742" cm="1">
        <f t="array" ref="E2742">IFERROR(INDEX(Jesper!AI$2:AI$366,ROUNDDOWN($C2742/24,0)+1,1)*INDEX($D$3:$AA$30,INDEX(Jesper!$R$2:$R$366,ROW(INDEX(Jesper!AI$2:AI$366,ROUNDDOWN($C2742/24,0)+1,1))-1)+IF('Standard Profiles'!$G$19=$B$10,7,0)+IF('Standard Profiles'!$G$19=$B$17,14,0)+IF('Standard Profiles'!$G$19=$B$24,21,0),MOD($C2742,24)+1)/SUM(INDEX($D$3:$AA$30,INDEX(Jesper!$R$2:$R$366,ROW(INDEX(Jesper!AI$2:AI$366,ROUNDDOWN($C2742/24,0)+1,1))-1)+IF('Standard Profiles'!$G$19=$B$10,7,0)+IF('Standard Profiles'!$G$19=$B$17,14,0)+IF('Standard Profiles'!$G$19=$B$24,21,0),0)),0)</f>
        <v>2.7625000681488028</v>
      </c>
      <c r="F2742" cm="1">
        <f t="array" ref="F2742">IFERROR(INDEX(Jesper!AJ$2:AJ$366,ROUNDDOWN($C2742/24,0)+1,1)*INDEX($D$3:$AA$30,INDEX(Jesper!$R$2:$R$366,ROW(INDEX(Jesper!AJ$2:AJ$366,ROUNDDOWN($C2742/24,0)+1,1))-1)+IF('Standard Profiles'!$G$20=$B$10,7,0)+IF('Standard Profiles'!$G$20=$B$17,14,0)+IF('Standard Profiles'!$G$20=$B$24,21,0),MOD($C2742,24)+1)/SUM(INDEX($D$3:$AA$30,INDEX(Jesper!$R$2:$R$366,ROW(INDEX(Jesper!AJ$2:AJ$366,ROUNDDOWN($C2742/24,0)+1,1))-1)+IF('Standard Profiles'!$G$20=$B$10,7,0)+IF('Standard Profiles'!$G$20=$B$17,14,0)+IF('Standard Profiles'!$G$20=$B$24,21,0),0)),0)</f>
        <v>1.3713941980564615</v>
      </c>
      <c r="G2742" cm="1">
        <f t="array" ref="G2742">IFERROR(INDEX(Jesper!AK$2:AK$366,ROUNDDOWN($C2742/24,0)+1,1)*INDEX($D$3:$AA$30,INDEX(Jesper!$R$2:$R$366,ROW(INDEX(Jesper!AK$2:AK$366,ROUNDDOWN($C2742/24,0)+1,1))-1)+IF('Standard Profiles'!$G$21=$B$10,7,0)+IF('Standard Profiles'!$G$21=$B$17,14,0)+IF('Standard Profiles'!$G$21=$B$24,21,0),MOD($C2742,24)+1)/SUM(INDEX($D$3:$AA$30,INDEX(Jesper!$R$2:$R$366,ROW(INDEX(Jesper!AK$2:AK$366,ROUNDDOWN($C2742/24,0)+1,1))-1)+IF('Standard Profiles'!$G$21=$B$10,7,0)+IF('Standard Profiles'!$G$21=$B$17,14,0)+IF('Standard Profiles'!$G$21=$B$24,21,0),0)),0)</f>
        <v>0.90704268439746893</v>
      </c>
      <c r="H2742" cm="1">
        <f t="array" ref="H2742">IFERROR(INDEX(Jesper!AL$2:AL$366,ROUNDDOWN($C2742/24,0)+1,1)*INDEX($D$3:$AA$30,INDEX(Jesper!$R$2:$R$366,ROW(INDEX(Jesper!AL$2:AL$366,ROUNDDOWN($C2742/24,0)+1,1))-1)+IF('Standard Profiles'!$G$22=$B$10,7,0)+IF('Standard Profiles'!$G$22=$B$17,14,0)+IF('Standard Profiles'!$G$22=$B$24,21,0),MOD($C2742,24)+1)/SUM(INDEX($D$3:$AA$30,INDEX(Jesper!$R$2:$R$366,ROW(INDEX(Jesper!AL$2:AL$366,ROUNDDOWN($C2742/24,0)+1,1))-1)+IF('Standard Profiles'!$G$22=$B$10,7,0)+IF('Standard Profiles'!$G$22=$B$17,14,0)+IF('Standard Profiles'!$G$22=$B$24,21,0),0)),0)</f>
        <v>0.32917867115161331</v>
      </c>
      <c r="I2742">
        <f t="shared" si="314"/>
        <v>0.31601152430554896</v>
      </c>
      <c r="J2742">
        <f t="shared" si="315"/>
        <v>4.7226040892709413</v>
      </c>
      <c r="K2742">
        <f t="shared" si="316"/>
        <v>0.22100000545190424</v>
      </c>
      <c r="L2742">
        <f t="shared" si="317"/>
        <v>0.11050000272595212</v>
      </c>
      <c r="M2742">
        <f t="shared" si="318"/>
        <v>0</v>
      </c>
      <c r="N2742" s="45">
        <f t="shared" si="319"/>
        <v>45039.833333326766</v>
      </c>
    </row>
    <row r="2743" spans="2:14" x14ac:dyDescent="0.25">
      <c r="B2743">
        <f t="shared" si="313"/>
        <v>7</v>
      </c>
      <c r="C2743" s="16">
        <v>2709</v>
      </c>
      <c r="D2743" cm="1">
        <f t="array" ref="D2743">IFERROR(INDEX(Jesper!AH$2:AH$366,ROUNDDOWN($C2743/24,0)+1,1)*INDEX($D$3:$AA$30,INDEX(Jesper!$R$2:$R$366,ROW(INDEX(Jesper!AH$2:AH$366,ROUNDDOWN($C2743/24,0)+1,1))-1)+IF('Standard Profiles'!$G$18=$B$10,7,0)+IF('Standard Profiles'!$G$18=$B$17,14,0)+IF('Standard Profiles'!$G$18=$B$24,21,0),MOD($C2743,24)+1)/SUM(INDEX($D$3:$AA$30,INDEX(Jesper!$R$2:$R$366,ROW(INDEX(Jesper!AH$2:AH$366,ROUNDDOWN($C2743/24,0)+1,1))-1)+IF('Standard Profiles'!$G$18=$B$10,7,0)+IF('Standard Profiles'!$G$18=$B$17,14,0)+IF('Standard Profiles'!$G$18=$B$24,21,0),0)),0)</f>
        <v>0</v>
      </c>
      <c r="E2743" cm="1">
        <f t="array" ref="E2743">IFERROR(INDEX(Jesper!AI$2:AI$366,ROUNDDOWN($C2743/24,0)+1,1)*INDEX($D$3:$AA$30,INDEX(Jesper!$R$2:$R$366,ROW(INDEX(Jesper!AI$2:AI$366,ROUNDDOWN($C2743/24,0)+1,1))-1)+IF('Standard Profiles'!$G$19=$B$10,7,0)+IF('Standard Profiles'!$G$19=$B$17,14,0)+IF('Standard Profiles'!$G$19=$B$24,21,0),MOD($C2743,24)+1)/SUM(INDEX($D$3:$AA$30,INDEX(Jesper!$R$2:$R$366,ROW(INDEX(Jesper!AI$2:AI$366,ROUNDDOWN($C2743/24,0)+1,1))-1)+IF('Standard Profiles'!$G$19=$B$10,7,0)+IF('Standard Profiles'!$G$19=$B$17,14,0)+IF('Standard Profiles'!$G$19=$B$24,21,0),0)),0)</f>
        <v>2.7625000681488028</v>
      </c>
      <c r="F2743" cm="1">
        <f t="array" ref="F2743">IFERROR(INDEX(Jesper!AJ$2:AJ$366,ROUNDDOWN($C2743/24,0)+1,1)*INDEX($D$3:$AA$30,INDEX(Jesper!$R$2:$R$366,ROW(INDEX(Jesper!AJ$2:AJ$366,ROUNDDOWN($C2743/24,0)+1,1))-1)+IF('Standard Profiles'!$G$20=$B$10,7,0)+IF('Standard Profiles'!$G$20=$B$17,14,0)+IF('Standard Profiles'!$G$20=$B$24,21,0),MOD($C2743,24)+1)/SUM(INDEX($D$3:$AA$30,INDEX(Jesper!$R$2:$R$366,ROW(INDEX(Jesper!AJ$2:AJ$366,ROUNDDOWN($C2743/24,0)+1,1))-1)+IF('Standard Profiles'!$G$20=$B$10,7,0)+IF('Standard Profiles'!$G$20=$B$17,14,0)+IF('Standard Profiles'!$G$20=$B$24,21,0),0)),0)</f>
        <v>1.3713941980564615</v>
      </c>
      <c r="G2743" cm="1">
        <f t="array" ref="G2743">IFERROR(INDEX(Jesper!AK$2:AK$366,ROUNDDOWN($C2743/24,0)+1,1)*INDEX($D$3:$AA$30,INDEX(Jesper!$R$2:$R$366,ROW(INDEX(Jesper!AK$2:AK$366,ROUNDDOWN($C2743/24,0)+1,1))-1)+IF('Standard Profiles'!$G$21=$B$10,7,0)+IF('Standard Profiles'!$G$21=$B$17,14,0)+IF('Standard Profiles'!$G$21=$B$24,21,0),MOD($C2743,24)+1)/SUM(INDEX($D$3:$AA$30,INDEX(Jesper!$R$2:$R$366,ROW(INDEX(Jesper!AK$2:AK$366,ROUNDDOWN($C2743/24,0)+1,1))-1)+IF('Standard Profiles'!$G$21=$B$10,7,0)+IF('Standard Profiles'!$G$21=$B$17,14,0)+IF('Standard Profiles'!$G$21=$B$24,21,0),0)),0)</f>
        <v>0.90704268439746893</v>
      </c>
      <c r="H2743" cm="1">
        <f t="array" ref="H2743">IFERROR(INDEX(Jesper!AL$2:AL$366,ROUNDDOWN($C2743/24,0)+1,1)*INDEX($D$3:$AA$30,INDEX(Jesper!$R$2:$R$366,ROW(INDEX(Jesper!AL$2:AL$366,ROUNDDOWN($C2743/24,0)+1,1))-1)+IF('Standard Profiles'!$G$22=$B$10,7,0)+IF('Standard Profiles'!$G$22=$B$17,14,0)+IF('Standard Profiles'!$G$22=$B$24,21,0),MOD($C2743,24)+1)/SUM(INDEX($D$3:$AA$30,INDEX(Jesper!$R$2:$R$366,ROW(INDEX(Jesper!AL$2:AL$366,ROUNDDOWN($C2743/24,0)+1,1))-1)+IF('Standard Profiles'!$G$22=$B$10,7,0)+IF('Standard Profiles'!$G$22=$B$17,14,0)+IF('Standard Profiles'!$G$22=$B$24,21,0),0)),0)</f>
        <v>0.28670400390624384</v>
      </c>
      <c r="I2743">
        <f t="shared" si="314"/>
        <v>0.27523584374999421</v>
      </c>
      <c r="J2743">
        <f t="shared" si="315"/>
        <v>4.7209051025811268</v>
      </c>
      <c r="K2743">
        <f t="shared" si="316"/>
        <v>0.22100000545190424</v>
      </c>
      <c r="L2743">
        <f t="shared" si="317"/>
        <v>0.11050000272595212</v>
      </c>
      <c r="M2743">
        <f t="shared" si="318"/>
        <v>0</v>
      </c>
      <c r="N2743" s="45">
        <f t="shared" si="319"/>
        <v>45039.87499999343</v>
      </c>
    </row>
    <row r="2744" spans="2:14" x14ac:dyDescent="0.25">
      <c r="B2744">
        <f t="shared" si="313"/>
        <v>7</v>
      </c>
      <c r="C2744" s="16">
        <v>2710</v>
      </c>
      <c r="D2744" cm="1">
        <f t="array" ref="D2744">IFERROR(INDEX(Jesper!AH$2:AH$366,ROUNDDOWN($C2744/24,0)+1,1)*INDEX($D$3:$AA$30,INDEX(Jesper!$R$2:$R$366,ROW(INDEX(Jesper!AH$2:AH$366,ROUNDDOWN($C2744/24,0)+1,1))-1)+IF('Standard Profiles'!$G$18=$B$10,7,0)+IF('Standard Profiles'!$G$18=$B$17,14,0)+IF('Standard Profiles'!$G$18=$B$24,21,0),MOD($C2744,24)+1)/SUM(INDEX($D$3:$AA$30,INDEX(Jesper!$R$2:$R$366,ROW(INDEX(Jesper!AH$2:AH$366,ROUNDDOWN($C2744/24,0)+1,1))-1)+IF('Standard Profiles'!$G$18=$B$10,7,0)+IF('Standard Profiles'!$G$18=$B$17,14,0)+IF('Standard Profiles'!$G$18=$B$24,21,0),0)),0)</f>
        <v>0</v>
      </c>
      <c r="E2744" cm="1">
        <f t="array" ref="E2744">IFERROR(INDEX(Jesper!AI$2:AI$366,ROUNDDOWN($C2744/24,0)+1,1)*INDEX($D$3:$AA$30,INDEX(Jesper!$R$2:$R$366,ROW(INDEX(Jesper!AI$2:AI$366,ROUNDDOWN($C2744/24,0)+1,1))-1)+IF('Standard Profiles'!$G$19=$B$10,7,0)+IF('Standard Profiles'!$G$19=$B$17,14,0)+IF('Standard Profiles'!$G$19=$B$24,21,0),MOD($C2744,24)+1)/SUM(INDEX($D$3:$AA$30,INDEX(Jesper!$R$2:$R$366,ROW(INDEX(Jesper!AI$2:AI$366,ROUNDDOWN($C2744/24,0)+1,1))-1)+IF('Standard Profiles'!$G$19=$B$10,7,0)+IF('Standard Profiles'!$G$19=$B$17,14,0)+IF('Standard Profiles'!$G$19=$B$24,21,0),0)),0)</f>
        <v>2.7625000681488028</v>
      </c>
      <c r="F2744" cm="1">
        <f t="array" ref="F2744">IFERROR(INDEX(Jesper!AJ$2:AJ$366,ROUNDDOWN($C2744/24,0)+1,1)*INDEX($D$3:$AA$30,INDEX(Jesper!$R$2:$R$366,ROW(INDEX(Jesper!AJ$2:AJ$366,ROUNDDOWN($C2744/24,0)+1,1))-1)+IF('Standard Profiles'!$G$20=$B$10,7,0)+IF('Standard Profiles'!$G$20=$B$17,14,0)+IF('Standard Profiles'!$G$20=$B$24,21,0),MOD($C2744,24)+1)/SUM(INDEX($D$3:$AA$30,INDEX(Jesper!$R$2:$R$366,ROW(INDEX(Jesper!AJ$2:AJ$366,ROUNDDOWN($C2744/24,0)+1,1))-1)+IF('Standard Profiles'!$G$20=$B$10,7,0)+IF('Standard Profiles'!$G$20=$B$17,14,0)+IF('Standard Profiles'!$G$20=$B$24,21,0),0)),0)</f>
        <v>1.3713941980564615</v>
      </c>
      <c r="G2744" cm="1">
        <f t="array" ref="G2744">IFERROR(INDEX(Jesper!AK$2:AK$366,ROUNDDOWN($C2744/24,0)+1,1)*INDEX($D$3:$AA$30,INDEX(Jesper!$R$2:$R$366,ROW(INDEX(Jesper!AK$2:AK$366,ROUNDDOWN($C2744/24,0)+1,1))-1)+IF('Standard Profiles'!$G$21=$B$10,7,0)+IF('Standard Profiles'!$G$21=$B$17,14,0)+IF('Standard Profiles'!$G$21=$B$24,21,0),MOD($C2744,24)+1)/SUM(INDEX($D$3:$AA$30,INDEX(Jesper!$R$2:$R$366,ROW(INDEX(Jesper!AK$2:AK$366,ROUNDDOWN($C2744/24,0)+1,1))-1)+IF('Standard Profiles'!$G$21=$B$10,7,0)+IF('Standard Profiles'!$G$21=$B$17,14,0)+IF('Standard Profiles'!$G$21=$B$24,21,0),0)),0)</f>
        <v>0.90704268439746893</v>
      </c>
      <c r="H2744" cm="1">
        <f t="array" ref="H2744">IFERROR(INDEX(Jesper!AL$2:AL$366,ROUNDDOWN($C2744/24,0)+1,1)*INDEX($D$3:$AA$30,INDEX(Jesper!$R$2:$R$366,ROW(INDEX(Jesper!AL$2:AL$366,ROUNDDOWN($C2744/24,0)+1,1))-1)+IF('Standard Profiles'!$G$22=$B$10,7,0)+IF('Standard Profiles'!$G$22=$B$17,14,0)+IF('Standard Profiles'!$G$22=$B$24,21,0),MOD($C2744,24)+1)/SUM(INDEX($D$3:$AA$30,INDEX(Jesper!$R$2:$R$366,ROW(INDEX(Jesper!AL$2:AL$366,ROUNDDOWN($C2744/24,0)+1,1))-1)+IF('Standard Profiles'!$G$22=$B$10,7,0)+IF('Standard Profiles'!$G$22=$B$17,14,0)+IF('Standard Profiles'!$G$22=$B$24,21,0),0)),0)</f>
        <v>0.28670400390624384</v>
      </c>
      <c r="I2744">
        <f t="shared" si="314"/>
        <v>0.27523584374999421</v>
      </c>
      <c r="J2744">
        <f t="shared" si="315"/>
        <v>4.7209051025811268</v>
      </c>
      <c r="K2744">
        <f t="shared" si="316"/>
        <v>0.22100000545190424</v>
      </c>
      <c r="L2744">
        <f t="shared" si="317"/>
        <v>0.11050000272595212</v>
      </c>
      <c r="M2744">
        <f t="shared" si="318"/>
        <v>0</v>
      </c>
      <c r="N2744" s="45">
        <f t="shared" si="319"/>
        <v>45039.916666660094</v>
      </c>
    </row>
    <row r="2745" spans="2:14" x14ac:dyDescent="0.25">
      <c r="B2745">
        <f t="shared" si="313"/>
        <v>7</v>
      </c>
      <c r="C2745" s="16">
        <v>2711</v>
      </c>
      <c r="D2745" cm="1">
        <f t="array" ref="D2745">IFERROR(INDEX(Jesper!AH$2:AH$366,ROUNDDOWN($C2745/24,0)+1,1)*INDEX($D$3:$AA$30,INDEX(Jesper!$R$2:$R$366,ROW(INDEX(Jesper!AH$2:AH$366,ROUNDDOWN($C2745/24,0)+1,1))-1)+IF('Standard Profiles'!$G$18=$B$10,7,0)+IF('Standard Profiles'!$G$18=$B$17,14,0)+IF('Standard Profiles'!$G$18=$B$24,21,0),MOD($C2745,24)+1)/SUM(INDEX($D$3:$AA$30,INDEX(Jesper!$R$2:$R$366,ROW(INDEX(Jesper!AH$2:AH$366,ROUNDDOWN($C2745/24,0)+1,1))-1)+IF('Standard Profiles'!$G$18=$B$10,7,0)+IF('Standard Profiles'!$G$18=$B$17,14,0)+IF('Standard Profiles'!$G$18=$B$24,21,0),0)),0)</f>
        <v>0</v>
      </c>
      <c r="E2745" cm="1">
        <f t="array" ref="E2745">IFERROR(INDEX(Jesper!AI$2:AI$366,ROUNDDOWN($C2745/24,0)+1,1)*INDEX($D$3:$AA$30,INDEX(Jesper!$R$2:$R$366,ROW(INDEX(Jesper!AI$2:AI$366,ROUNDDOWN($C2745/24,0)+1,1))-1)+IF('Standard Profiles'!$G$19=$B$10,7,0)+IF('Standard Profiles'!$G$19=$B$17,14,0)+IF('Standard Profiles'!$G$19=$B$24,21,0),MOD($C2745,24)+1)/SUM(INDEX($D$3:$AA$30,INDEX(Jesper!$R$2:$R$366,ROW(INDEX(Jesper!AI$2:AI$366,ROUNDDOWN($C2745/24,0)+1,1))-1)+IF('Standard Profiles'!$G$19=$B$10,7,0)+IF('Standard Profiles'!$G$19=$B$17,14,0)+IF('Standard Profiles'!$G$19=$B$24,21,0),0)),0)</f>
        <v>2.7625000681488028</v>
      </c>
      <c r="F2745" cm="1">
        <f t="array" ref="F2745">IFERROR(INDEX(Jesper!AJ$2:AJ$366,ROUNDDOWN($C2745/24,0)+1,1)*INDEX($D$3:$AA$30,INDEX(Jesper!$R$2:$R$366,ROW(INDEX(Jesper!AJ$2:AJ$366,ROUNDDOWN($C2745/24,0)+1,1))-1)+IF('Standard Profiles'!$G$20=$B$10,7,0)+IF('Standard Profiles'!$G$20=$B$17,14,0)+IF('Standard Profiles'!$G$20=$B$24,21,0),MOD($C2745,24)+1)/SUM(INDEX($D$3:$AA$30,INDEX(Jesper!$R$2:$R$366,ROW(INDEX(Jesper!AJ$2:AJ$366,ROUNDDOWN($C2745/24,0)+1,1))-1)+IF('Standard Profiles'!$G$20=$B$10,7,0)+IF('Standard Profiles'!$G$20=$B$17,14,0)+IF('Standard Profiles'!$G$20=$B$24,21,0),0)),0)</f>
        <v>1.3713941980564615</v>
      </c>
      <c r="G2745" cm="1">
        <f t="array" ref="G2745">IFERROR(INDEX(Jesper!AK$2:AK$366,ROUNDDOWN($C2745/24,0)+1,1)*INDEX($D$3:$AA$30,INDEX(Jesper!$R$2:$R$366,ROW(INDEX(Jesper!AK$2:AK$366,ROUNDDOWN($C2745/24,0)+1,1))-1)+IF('Standard Profiles'!$G$21=$B$10,7,0)+IF('Standard Profiles'!$G$21=$B$17,14,0)+IF('Standard Profiles'!$G$21=$B$24,21,0),MOD($C2745,24)+1)/SUM(INDEX($D$3:$AA$30,INDEX(Jesper!$R$2:$R$366,ROW(INDEX(Jesper!AK$2:AK$366,ROUNDDOWN($C2745/24,0)+1,1))-1)+IF('Standard Profiles'!$G$21=$B$10,7,0)+IF('Standard Profiles'!$G$21=$B$17,14,0)+IF('Standard Profiles'!$G$21=$B$24,21,0),0)),0)</f>
        <v>0.90704268439746893</v>
      </c>
      <c r="H2745" cm="1">
        <f t="array" ref="H2745">IFERROR(INDEX(Jesper!AL$2:AL$366,ROUNDDOWN($C2745/24,0)+1,1)*INDEX($D$3:$AA$30,INDEX(Jesper!$R$2:$R$366,ROW(INDEX(Jesper!AL$2:AL$366,ROUNDDOWN($C2745/24,0)+1,1))-1)+IF('Standard Profiles'!$G$22=$B$10,7,0)+IF('Standard Profiles'!$G$22=$B$17,14,0)+IF('Standard Profiles'!$G$22=$B$24,21,0),MOD($C2745,24)+1)/SUM(INDEX($D$3:$AA$30,INDEX(Jesper!$R$2:$R$366,ROW(INDEX(Jesper!AL$2:AL$366,ROUNDDOWN($C2745/24,0)+1,1))-1)+IF('Standard Profiles'!$G$22=$B$10,7,0)+IF('Standard Profiles'!$G$22=$B$17,14,0)+IF('Standard Profiles'!$G$22=$B$24,21,0),0)),0)</f>
        <v>0.28670400390624384</v>
      </c>
      <c r="I2745">
        <f t="shared" si="314"/>
        <v>0.27523584374999421</v>
      </c>
      <c r="J2745">
        <f t="shared" si="315"/>
        <v>4.7209051025811268</v>
      </c>
      <c r="K2745">
        <f t="shared" si="316"/>
        <v>0.22100000545190424</v>
      </c>
      <c r="L2745">
        <f t="shared" si="317"/>
        <v>0.11050000272595212</v>
      </c>
      <c r="M2745">
        <f t="shared" si="318"/>
        <v>0</v>
      </c>
      <c r="N2745" s="45">
        <f t="shared" si="319"/>
        <v>45039.958333326758</v>
      </c>
    </row>
    <row r="2746" spans="2:14" x14ac:dyDescent="0.25">
      <c r="B2746">
        <f t="shared" si="313"/>
        <v>1</v>
      </c>
      <c r="C2746" s="16">
        <v>2712</v>
      </c>
      <c r="D2746" cm="1">
        <f t="array" ref="D2746">IFERROR(INDEX(Jesper!AH$2:AH$366,ROUNDDOWN($C2746/24,0)+1,1)*INDEX($D$3:$AA$30,INDEX(Jesper!$R$2:$R$366,ROW(INDEX(Jesper!AH$2:AH$366,ROUNDDOWN($C2746/24,0)+1,1))-1)+IF('Standard Profiles'!$G$18=$B$10,7,0)+IF('Standard Profiles'!$G$18=$B$17,14,0)+IF('Standard Profiles'!$G$18=$B$24,21,0),MOD($C2746,24)+1)/SUM(INDEX($D$3:$AA$30,INDEX(Jesper!$R$2:$R$366,ROW(INDEX(Jesper!AH$2:AH$366,ROUNDDOWN($C2746/24,0)+1,1))-1)+IF('Standard Profiles'!$G$18=$B$10,7,0)+IF('Standard Profiles'!$G$18=$B$17,14,0)+IF('Standard Profiles'!$G$18=$B$24,21,0),0)),0)</f>
        <v>5.4050695211303292</v>
      </c>
      <c r="E2746" cm="1">
        <f t="array" ref="E2746">IFERROR(INDEX(Jesper!AI$2:AI$366,ROUNDDOWN($C2746/24,0)+1,1)*INDEX($D$3:$AA$30,INDEX(Jesper!$R$2:$R$366,ROW(INDEX(Jesper!AI$2:AI$366,ROUNDDOWN($C2746/24,0)+1,1))-1)+IF('Standard Profiles'!$G$19=$B$10,7,0)+IF('Standard Profiles'!$G$19=$B$17,14,0)+IF('Standard Profiles'!$G$19=$B$24,21,0),MOD($C2746,24)+1)/SUM(INDEX($D$3:$AA$30,INDEX(Jesper!$R$2:$R$366,ROW(INDEX(Jesper!AI$2:AI$366,ROUNDDOWN($C2746/24,0)+1,1))-1)+IF('Standard Profiles'!$G$19=$B$10,7,0)+IF('Standard Profiles'!$G$19=$B$17,14,0)+IF('Standard Profiles'!$G$19=$B$24,21,0),0)),0)</f>
        <v>3.2067623461185666</v>
      </c>
      <c r="F2746" cm="1">
        <f t="array" ref="F2746">IFERROR(INDEX(Jesper!AJ$2:AJ$366,ROUNDDOWN($C2746/24,0)+1,1)*INDEX($D$3:$AA$30,INDEX(Jesper!$R$2:$R$366,ROW(INDEX(Jesper!AJ$2:AJ$366,ROUNDDOWN($C2746/24,0)+1,1))-1)+IF('Standard Profiles'!$G$20=$B$10,7,0)+IF('Standard Profiles'!$G$20=$B$17,14,0)+IF('Standard Profiles'!$G$20=$B$24,21,0),MOD($C2746,24)+1)/SUM(INDEX($D$3:$AA$30,INDEX(Jesper!$R$2:$R$366,ROW(INDEX(Jesper!AJ$2:AJ$366,ROUNDDOWN($C2746/24,0)+1,1))-1)+IF('Standard Profiles'!$G$20=$B$10,7,0)+IF('Standard Profiles'!$G$20=$B$17,14,0)+IF('Standard Profiles'!$G$20=$B$24,21,0),0)),0)</f>
        <v>0</v>
      </c>
      <c r="G2746" cm="1">
        <f t="array" ref="G2746">IFERROR(INDEX(Jesper!AK$2:AK$366,ROUNDDOWN($C2746/24,0)+1,1)*INDEX($D$3:$AA$30,INDEX(Jesper!$R$2:$R$366,ROW(INDEX(Jesper!AK$2:AK$366,ROUNDDOWN($C2746/24,0)+1,1))-1)+IF('Standard Profiles'!$G$21=$B$10,7,0)+IF('Standard Profiles'!$G$21=$B$17,14,0)+IF('Standard Profiles'!$G$21=$B$24,21,0),MOD($C2746,24)+1)/SUM(INDEX($D$3:$AA$30,INDEX(Jesper!$R$2:$R$366,ROW(INDEX(Jesper!AK$2:AK$366,ROUNDDOWN($C2746/24,0)+1,1))-1)+IF('Standard Profiles'!$G$21=$B$10,7,0)+IF('Standard Profiles'!$G$21=$B$17,14,0)+IF('Standard Profiles'!$G$21=$B$24,21,0),0)),0)</f>
        <v>0.63470652171738207</v>
      </c>
      <c r="H2746" cm="1">
        <f t="array" ref="H2746">IFERROR(INDEX(Jesper!AL$2:AL$366,ROUNDDOWN($C2746/24,0)+1,1)*INDEX($D$3:$AA$30,INDEX(Jesper!$R$2:$R$366,ROW(INDEX(Jesper!AL$2:AL$366,ROUNDDOWN($C2746/24,0)+1,1))-1)+IF('Standard Profiles'!$G$22=$B$10,7,0)+IF('Standard Profiles'!$G$22=$B$17,14,0)+IF('Standard Profiles'!$G$22=$B$24,21,0),MOD($C2746,24)+1)/SUM(INDEX($D$3:$AA$30,INDEX(Jesper!$R$2:$R$366,ROW(INDEX(Jesper!AL$2:AL$366,ROUNDDOWN($C2746/24,0)+1,1))-1)+IF('Standard Profiles'!$G$22=$B$10,7,0)+IF('Standard Profiles'!$G$22=$B$17,14,0)+IF('Standard Profiles'!$G$22=$B$24,21,0),0)),0)</f>
        <v>0</v>
      </c>
      <c r="I2746">
        <f t="shared" si="314"/>
        <v>0.30465913042434323</v>
      </c>
      <c r="J2746">
        <f t="shared" si="315"/>
        <v>8.0770681351610829</v>
      </c>
      <c r="K2746">
        <f t="shared" si="316"/>
        <v>0.5765407489205685</v>
      </c>
      <c r="L2746">
        <f t="shared" si="317"/>
        <v>0.28827037446028425</v>
      </c>
      <c r="M2746">
        <f t="shared" si="318"/>
        <v>0</v>
      </c>
      <c r="N2746" s="45">
        <f t="shared" si="319"/>
        <v>45039.999999993423</v>
      </c>
    </row>
    <row r="2747" spans="2:14" x14ac:dyDescent="0.25">
      <c r="B2747">
        <f t="shared" si="313"/>
        <v>1</v>
      </c>
      <c r="C2747" s="16">
        <v>2713</v>
      </c>
      <c r="D2747" cm="1">
        <f t="array" ref="D2747">IFERROR(INDEX(Jesper!AH$2:AH$366,ROUNDDOWN($C2747/24,0)+1,1)*INDEX($D$3:$AA$30,INDEX(Jesper!$R$2:$R$366,ROW(INDEX(Jesper!AH$2:AH$366,ROUNDDOWN($C2747/24,0)+1,1))-1)+IF('Standard Profiles'!$G$18=$B$10,7,0)+IF('Standard Profiles'!$G$18=$B$17,14,0)+IF('Standard Profiles'!$G$18=$B$24,21,0),MOD($C2747,24)+1)/SUM(INDEX($D$3:$AA$30,INDEX(Jesper!$R$2:$R$366,ROW(INDEX(Jesper!AH$2:AH$366,ROUNDDOWN($C2747/24,0)+1,1))-1)+IF('Standard Profiles'!$G$18=$B$10,7,0)+IF('Standard Profiles'!$G$18=$B$17,14,0)+IF('Standard Profiles'!$G$18=$B$24,21,0),0)),0)</f>
        <v>5.4050695211303292</v>
      </c>
      <c r="E2747" cm="1">
        <f t="array" ref="E2747">IFERROR(INDEX(Jesper!AI$2:AI$366,ROUNDDOWN($C2747/24,0)+1,1)*INDEX($D$3:$AA$30,INDEX(Jesper!$R$2:$R$366,ROW(INDEX(Jesper!AI$2:AI$366,ROUNDDOWN($C2747/24,0)+1,1))-1)+IF('Standard Profiles'!$G$19=$B$10,7,0)+IF('Standard Profiles'!$G$19=$B$17,14,0)+IF('Standard Profiles'!$G$19=$B$24,21,0),MOD($C2747,24)+1)/SUM(INDEX($D$3:$AA$30,INDEX(Jesper!$R$2:$R$366,ROW(INDEX(Jesper!AI$2:AI$366,ROUNDDOWN($C2747/24,0)+1,1))-1)+IF('Standard Profiles'!$G$19=$B$10,7,0)+IF('Standard Profiles'!$G$19=$B$17,14,0)+IF('Standard Profiles'!$G$19=$B$24,21,0),0)),0)</f>
        <v>3.2067623461185666</v>
      </c>
      <c r="F2747" cm="1">
        <f t="array" ref="F2747">IFERROR(INDEX(Jesper!AJ$2:AJ$366,ROUNDDOWN($C2747/24,0)+1,1)*INDEX($D$3:$AA$30,INDEX(Jesper!$R$2:$R$366,ROW(INDEX(Jesper!AJ$2:AJ$366,ROUNDDOWN($C2747/24,0)+1,1))-1)+IF('Standard Profiles'!$G$20=$B$10,7,0)+IF('Standard Profiles'!$G$20=$B$17,14,0)+IF('Standard Profiles'!$G$20=$B$24,21,0),MOD($C2747,24)+1)/SUM(INDEX($D$3:$AA$30,INDEX(Jesper!$R$2:$R$366,ROW(INDEX(Jesper!AJ$2:AJ$366,ROUNDDOWN($C2747/24,0)+1,1))-1)+IF('Standard Profiles'!$G$20=$B$10,7,0)+IF('Standard Profiles'!$G$20=$B$17,14,0)+IF('Standard Profiles'!$G$20=$B$24,21,0),0)),0)</f>
        <v>0</v>
      </c>
      <c r="G2747" cm="1">
        <f t="array" ref="G2747">IFERROR(INDEX(Jesper!AK$2:AK$366,ROUNDDOWN($C2747/24,0)+1,1)*INDEX($D$3:$AA$30,INDEX(Jesper!$R$2:$R$366,ROW(INDEX(Jesper!AK$2:AK$366,ROUNDDOWN($C2747/24,0)+1,1))-1)+IF('Standard Profiles'!$G$21=$B$10,7,0)+IF('Standard Profiles'!$G$21=$B$17,14,0)+IF('Standard Profiles'!$G$21=$B$24,21,0),MOD($C2747,24)+1)/SUM(INDEX($D$3:$AA$30,INDEX(Jesper!$R$2:$R$366,ROW(INDEX(Jesper!AK$2:AK$366,ROUNDDOWN($C2747/24,0)+1,1))-1)+IF('Standard Profiles'!$G$21=$B$10,7,0)+IF('Standard Profiles'!$G$21=$B$17,14,0)+IF('Standard Profiles'!$G$21=$B$24,21,0),0)),0)</f>
        <v>0.63470652171738207</v>
      </c>
      <c r="H2747" cm="1">
        <f t="array" ref="H2747">IFERROR(INDEX(Jesper!AL$2:AL$366,ROUNDDOWN($C2747/24,0)+1,1)*INDEX($D$3:$AA$30,INDEX(Jesper!$R$2:$R$366,ROW(INDEX(Jesper!AL$2:AL$366,ROUNDDOWN($C2747/24,0)+1,1))-1)+IF('Standard Profiles'!$G$22=$B$10,7,0)+IF('Standard Profiles'!$G$22=$B$17,14,0)+IF('Standard Profiles'!$G$22=$B$24,21,0),MOD($C2747,24)+1)/SUM(INDEX($D$3:$AA$30,INDEX(Jesper!$R$2:$R$366,ROW(INDEX(Jesper!AL$2:AL$366,ROUNDDOWN($C2747/24,0)+1,1))-1)+IF('Standard Profiles'!$G$22=$B$10,7,0)+IF('Standard Profiles'!$G$22=$B$17,14,0)+IF('Standard Profiles'!$G$22=$B$24,21,0),0)),0)</f>
        <v>0</v>
      </c>
      <c r="I2747">
        <f t="shared" si="314"/>
        <v>0.30465913042434323</v>
      </c>
      <c r="J2747">
        <f t="shared" si="315"/>
        <v>8.0770681351610829</v>
      </c>
      <c r="K2747">
        <f t="shared" si="316"/>
        <v>0.5765407489205685</v>
      </c>
      <c r="L2747">
        <f t="shared" si="317"/>
        <v>0.28827037446028425</v>
      </c>
      <c r="M2747">
        <f t="shared" si="318"/>
        <v>0</v>
      </c>
      <c r="N2747" s="45">
        <f t="shared" si="319"/>
        <v>45040.041666660087</v>
      </c>
    </row>
    <row r="2748" spans="2:14" x14ac:dyDescent="0.25">
      <c r="B2748">
        <f t="shared" si="313"/>
        <v>1</v>
      </c>
      <c r="C2748" s="16">
        <v>2714</v>
      </c>
      <c r="D2748" cm="1">
        <f t="array" ref="D2748">IFERROR(INDEX(Jesper!AH$2:AH$366,ROUNDDOWN($C2748/24,0)+1,1)*INDEX($D$3:$AA$30,INDEX(Jesper!$R$2:$R$366,ROW(INDEX(Jesper!AH$2:AH$366,ROUNDDOWN($C2748/24,0)+1,1))-1)+IF('Standard Profiles'!$G$18=$B$10,7,0)+IF('Standard Profiles'!$G$18=$B$17,14,0)+IF('Standard Profiles'!$G$18=$B$24,21,0),MOD($C2748,24)+1)/SUM(INDEX($D$3:$AA$30,INDEX(Jesper!$R$2:$R$366,ROW(INDEX(Jesper!AH$2:AH$366,ROUNDDOWN($C2748/24,0)+1,1))-1)+IF('Standard Profiles'!$G$18=$B$10,7,0)+IF('Standard Profiles'!$G$18=$B$17,14,0)+IF('Standard Profiles'!$G$18=$B$24,21,0),0)),0)</f>
        <v>5.4050695211303292</v>
      </c>
      <c r="E2748" cm="1">
        <f t="array" ref="E2748">IFERROR(INDEX(Jesper!AI$2:AI$366,ROUNDDOWN($C2748/24,0)+1,1)*INDEX($D$3:$AA$30,INDEX(Jesper!$R$2:$R$366,ROW(INDEX(Jesper!AI$2:AI$366,ROUNDDOWN($C2748/24,0)+1,1))-1)+IF('Standard Profiles'!$G$19=$B$10,7,0)+IF('Standard Profiles'!$G$19=$B$17,14,0)+IF('Standard Profiles'!$G$19=$B$24,21,0),MOD($C2748,24)+1)/SUM(INDEX($D$3:$AA$30,INDEX(Jesper!$R$2:$R$366,ROW(INDEX(Jesper!AI$2:AI$366,ROUNDDOWN($C2748/24,0)+1,1))-1)+IF('Standard Profiles'!$G$19=$B$10,7,0)+IF('Standard Profiles'!$G$19=$B$17,14,0)+IF('Standard Profiles'!$G$19=$B$24,21,0),0)),0)</f>
        <v>3.2067623461185666</v>
      </c>
      <c r="F2748" cm="1">
        <f t="array" ref="F2748">IFERROR(INDEX(Jesper!AJ$2:AJ$366,ROUNDDOWN($C2748/24,0)+1,1)*INDEX($D$3:$AA$30,INDEX(Jesper!$R$2:$R$366,ROW(INDEX(Jesper!AJ$2:AJ$366,ROUNDDOWN($C2748/24,0)+1,1))-1)+IF('Standard Profiles'!$G$20=$B$10,7,0)+IF('Standard Profiles'!$G$20=$B$17,14,0)+IF('Standard Profiles'!$G$20=$B$24,21,0),MOD($C2748,24)+1)/SUM(INDEX($D$3:$AA$30,INDEX(Jesper!$R$2:$R$366,ROW(INDEX(Jesper!AJ$2:AJ$366,ROUNDDOWN($C2748/24,0)+1,1))-1)+IF('Standard Profiles'!$G$20=$B$10,7,0)+IF('Standard Profiles'!$G$20=$B$17,14,0)+IF('Standard Profiles'!$G$20=$B$24,21,0),0)),0)</f>
        <v>0</v>
      </c>
      <c r="G2748" cm="1">
        <f t="array" ref="G2748">IFERROR(INDEX(Jesper!AK$2:AK$366,ROUNDDOWN($C2748/24,0)+1,1)*INDEX($D$3:$AA$30,INDEX(Jesper!$R$2:$R$366,ROW(INDEX(Jesper!AK$2:AK$366,ROUNDDOWN($C2748/24,0)+1,1))-1)+IF('Standard Profiles'!$G$21=$B$10,7,0)+IF('Standard Profiles'!$G$21=$B$17,14,0)+IF('Standard Profiles'!$G$21=$B$24,21,0),MOD($C2748,24)+1)/SUM(INDEX($D$3:$AA$30,INDEX(Jesper!$R$2:$R$366,ROW(INDEX(Jesper!AK$2:AK$366,ROUNDDOWN($C2748/24,0)+1,1))-1)+IF('Standard Profiles'!$G$21=$B$10,7,0)+IF('Standard Profiles'!$G$21=$B$17,14,0)+IF('Standard Profiles'!$G$21=$B$24,21,0),0)),0)</f>
        <v>0.63470652171738207</v>
      </c>
      <c r="H2748" cm="1">
        <f t="array" ref="H2748">IFERROR(INDEX(Jesper!AL$2:AL$366,ROUNDDOWN($C2748/24,0)+1,1)*INDEX($D$3:$AA$30,INDEX(Jesper!$R$2:$R$366,ROW(INDEX(Jesper!AL$2:AL$366,ROUNDDOWN($C2748/24,0)+1,1))-1)+IF('Standard Profiles'!$G$22=$B$10,7,0)+IF('Standard Profiles'!$G$22=$B$17,14,0)+IF('Standard Profiles'!$G$22=$B$24,21,0),MOD($C2748,24)+1)/SUM(INDEX($D$3:$AA$30,INDEX(Jesper!$R$2:$R$366,ROW(INDEX(Jesper!AL$2:AL$366,ROUNDDOWN($C2748/24,0)+1,1))-1)+IF('Standard Profiles'!$G$22=$B$10,7,0)+IF('Standard Profiles'!$G$22=$B$17,14,0)+IF('Standard Profiles'!$G$22=$B$24,21,0),0)),0)</f>
        <v>0</v>
      </c>
      <c r="I2748">
        <f t="shared" si="314"/>
        <v>0.30465913042434323</v>
      </c>
      <c r="J2748">
        <f t="shared" si="315"/>
        <v>8.0770681351610829</v>
      </c>
      <c r="K2748">
        <f t="shared" si="316"/>
        <v>0.5765407489205685</v>
      </c>
      <c r="L2748">
        <f t="shared" si="317"/>
        <v>0.28827037446028425</v>
      </c>
      <c r="M2748">
        <f t="shared" si="318"/>
        <v>0</v>
      </c>
      <c r="N2748" s="45">
        <f t="shared" si="319"/>
        <v>45040.083333326751</v>
      </c>
    </row>
    <row r="2749" spans="2:14" x14ac:dyDescent="0.25">
      <c r="B2749">
        <f t="shared" si="313"/>
        <v>1</v>
      </c>
      <c r="C2749" s="16">
        <v>2715</v>
      </c>
      <c r="D2749" cm="1">
        <f t="array" ref="D2749">IFERROR(INDEX(Jesper!AH$2:AH$366,ROUNDDOWN($C2749/24,0)+1,1)*INDEX($D$3:$AA$30,INDEX(Jesper!$R$2:$R$366,ROW(INDEX(Jesper!AH$2:AH$366,ROUNDDOWN($C2749/24,0)+1,1))-1)+IF('Standard Profiles'!$G$18=$B$10,7,0)+IF('Standard Profiles'!$G$18=$B$17,14,0)+IF('Standard Profiles'!$G$18=$B$24,21,0),MOD($C2749,24)+1)/SUM(INDEX($D$3:$AA$30,INDEX(Jesper!$R$2:$R$366,ROW(INDEX(Jesper!AH$2:AH$366,ROUNDDOWN($C2749/24,0)+1,1))-1)+IF('Standard Profiles'!$G$18=$B$10,7,0)+IF('Standard Profiles'!$G$18=$B$17,14,0)+IF('Standard Profiles'!$G$18=$B$24,21,0),0)),0)</f>
        <v>5.4050695211303292</v>
      </c>
      <c r="E2749" cm="1">
        <f t="array" ref="E2749">IFERROR(INDEX(Jesper!AI$2:AI$366,ROUNDDOWN($C2749/24,0)+1,1)*INDEX($D$3:$AA$30,INDEX(Jesper!$R$2:$R$366,ROW(INDEX(Jesper!AI$2:AI$366,ROUNDDOWN($C2749/24,0)+1,1))-1)+IF('Standard Profiles'!$G$19=$B$10,7,0)+IF('Standard Profiles'!$G$19=$B$17,14,0)+IF('Standard Profiles'!$G$19=$B$24,21,0),MOD($C2749,24)+1)/SUM(INDEX($D$3:$AA$30,INDEX(Jesper!$R$2:$R$366,ROW(INDEX(Jesper!AI$2:AI$366,ROUNDDOWN($C2749/24,0)+1,1))-1)+IF('Standard Profiles'!$G$19=$B$10,7,0)+IF('Standard Profiles'!$G$19=$B$17,14,0)+IF('Standard Profiles'!$G$19=$B$24,21,0),0)),0)</f>
        <v>3.2067623461185666</v>
      </c>
      <c r="F2749" cm="1">
        <f t="array" ref="F2749">IFERROR(INDEX(Jesper!AJ$2:AJ$366,ROUNDDOWN($C2749/24,0)+1,1)*INDEX($D$3:$AA$30,INDEX(Jesper!$R$2:$R$366,ROW(INDEX(Jesper!AJ$2:AJ$366,ROUNDDOWN($C2749/24,0)+1,1))-1)+IF('Standard Profiles'!$G$20=$B$10,7,0)+IF('Standard Profiles'!$G$20=$B$17,14,0)+IF('Standard Profiles'!$G$20=$B$24,21,0),MOD($C2749,24)+1)/SUM(INDEX($D$3:$AA$30,INDEX(Jesper!$R$2:$R$366,ROW(INDEX(Jesper!AJ$2:AJ$366,ROUNDDOWN($C2749/24,0)+1,1))-1)+IF('Standard Profiles'!$G$20=$B$10,7,0)+IF('Standard Profiles'!$G$20=$B$17,14,0)+IF('Standard Profiles'!$G$20=$B$24,21,0),0)),0)</f>
        <v>0</v>
      </c>
      <c r="G2749" cm="1">
        <f t="array" ref="G2749">IFERROR(INDEX(Jesper!AK$2:AK$366,ROUNDDOWN($C2749/24,0)+1,1)*INDEX($D$3:$AA$30,INDEX(Jesper!$R$2:$R$366,ROW(INDEX(Jesper!AK$2:AK$366,ROUNDDOWN($C2749/24,0)+1,1))-1)+IF('Standard Profiles'!$G$21=$B$10,7,0)+IF('Standard Profiles'!$G$21=$B$17,14,0)+IF('Standard Profiles'!$G$21=$B$24,21,0),MOD($C2749,24)+1)/SUM(INDEX($D$3:$AA$30,INDEX(Jesper!$R$2:$R$366,ROW(INDEX(Jesper!AK$2:AK$366,ROUNDDOWN($C2749/24,0)+1,1))-1)+IF('Standard Profiles'!$G$21=$B$10,7,0)+IF('Standard Profiles'!$G$21=$B$17,14,0)+IF('Standard Profiles'!$G$21=$B$24,21,0),0)),0)</f>
        <v>0.63470652171738207</v>
      </c>
      <c r="H2749" cm="1">
        <f t="array" ref="H2749">IFERROR(INDEX(Jesper!AL$2:AL$366,ROUNDDOWN($C2749/24,0)+1,1)*INDEX($D$3:$AA$30,INDEX(Jesper!$R$2:$R$366,ROW(INDEX(Jesper!AL$2:AL$366,ROUNDDOWN($C2749/24,0)+1,1))-1)+IF('Standard Profiles'!$G$22=$B$10,7,0)+IF('Standard Profiles'!$G$22=$B$17,14,0)+IF('Standard Profiles'!$G$22=$B$24,21,0),MOD($C2749,24)+1)/SUM(INDEX($D$3:$AA$30,INDEX(Jesper!$R$2:$R$366,ROW(INDEX(Jesper!AL$2:AL$366,ROUNDDOWN($C2749/24,0)+1,1))-1)+IF('Standard Profiles'!$G$22=$B$10,7,0)+IF('Standard Profiles'!$G$22=$B$17,14,0)+IF('Standard Profiles'!$G$22=$B$24,21,0),0)),0)</f>
        <v>0</v>
      </c>
      <c r="I2749">
        <f t="shared" si="314"/>
        <v>0.30465913042434323</v>
      </c>
      <c r="J2749">
        <f t="shared" si="315"/>
        <v>8.0770681351610829</v>
      </c>
      <c r="K2749">
        <f t="shared" si="316"/>
        <v>0.5765407489205685</v>
      </c>
      <c r="L2749">
        <f t="shared" si="317"/>
        <v>0.28827037446028425</v>
      </c>
      <c r="M2749">
        <f t="shared" si="318"/>
        <v>0</v>
      </c>
      <c r="N2749" s="45">
        <f t="shared" si="319"/>
        <v>45040.124999993415</v>
      </c>
    </row>
    <row r="2750" spans="2:14" x14ac:dyDescent="0.25">
      <c r="B2750">
        <f t="shared" si="313"/>
        <v>1</v>
      </c>
      <c r="C2750" s="16">
        <v>2716</v>
      </c>
      <c r="D2750" cm="1">
        <f t="array" ref="D2750">IFERROR(INDEX(Jesper!AH$2:AH$366,ROUNDDOWN($C2750/24,0)+1,1)*INDEX($D$3:$AA$30,INDEX(Jesper!$R$2:$R$366,ROW(INDEX(Jesper!AH$2:AH$366,ROUNDDOWN($C2750/24,0)+1,1))-1)+IF('Standard Profiles'!$G$18=$B$10,7,0)+IF('Standard Profiles'!$G$18=$B$17,14,0)+IF('Standard Profiles'!$G$18=$B$24,21,0),MOD($C2750,24)+1)/SUM(INDEX($D$3:$AA$30,INDEX(Jesper!$R$2:$R$366,ROW(INDEX(Jesper!AH$2:AH$366,ROUNDDOWN($C2750/24,0)+1,1))-1)+IF('Standard Profiles'!$G$18=$B$10,7,0)+IF('Standard Profiles'!$G$18=$B$17,14,0)+IF('Standard Profiles'!$G$18=$B$24,21,0),0)),0)</f>
        <v>5.4050695211303292</v>
      </c>
      <c r="E2750" cm="1">
        <f t="array" ref="E2750">IFERROR(INDEX(Jesper!AI$2:AI$366,ROUNDDOWN($C2750/24,0)+1,1)*INDEX($D$3:$AA$30,INDEX(Jesper!$R$2:$R$366,ROW(INDEX(Jesper!AI$2:AI$366,ROUNDDOWN($C2750/24,0)+1,1))-1)+IF('Standard Profiles'!$G$19=$B$10,7,0)+IF('Standard Profiles'!$G$19=$B$17,14,0)+IF('Standard Profiles'!$G$19=$B$24,21,0),MOD($C2750,24)+1)/SUM(INDEX($D$3:$AA$30,INDEX(Jesper!$R$2:$R$366,ROW(INDEX(Jesper!AI$2:AI$366,ROUNDDOWN($C2750/24,0)+1,1))-1)+IF('Standard Profiles'!$G$19=$B$10,7,0)+IF('Standard Profiles'!$G$19=$B$17,14,0)+IF('Standard Profiles'!$G$19=$B$24,21,0),0)),0)</f>
        <v>3.2067623461185666</v>
      </c>
      <c r="F2750" cm="1">
        <f t="array" ref="F2750">IFERROR(INDEX(Jesper!AJ$2:AJ$366,ROUNDDOWN($C2750/24,0)+1,1)*INDEX($D$3:$AA$30,INDEX(Jesper!$R$2:$R$366,ROW(INDEX(Jesper!AJ$2:AJ$366,ROUNDDOWN($C2750/24,0)+1,1))-1)+IF('Standard Profiles'!$G$20=$B$10,7,0)+IF('Standard Profiles'!$G$20=$B$17,14,0)+IF('Standard Profiles'!$G$20=$B$24,21,0),MOD($C2750,24)+1)/SUM(INDEX($D$3:$AA$30,INDEX(Jesper!$R$2:$R$366,ROW(INDEX(Jesper!AJ$2:AJ$366,ROUNDDOWN($C2750/24,0)+1,1))-1)+IF('Standard Profiles'!$G$20=$B$10,7,0)+IF('Standard Profiles'!$G$20=$B$17,14,0)+IF('Standard Profiles'!$G$20=$B$24,21,0),0)),0)</f>
        <v>0</v>
      </c>
      <c r="G2750" cm="1">
        <f t="array" ref="G2750">IFERROR(INDEX(Jesper!AK$2:AK$366,ROUNDDOWN($C2750/24,0)+1,1)*INDEX($D$3:$AA$30,INDEX(Jesper!$R$2:$R$366,ROW(INDEX(Jesper!AK$2:AK$366,ROUNDDOWN($C2750/24,0)+1,1))-1)+IF('Standard Profiles'!$G$21=$B$10,7,0)+IF('Standard Profiles'!$G$21=$B$17,14,0)+IF('Standard Profiles'!$G$21=$B$24,21,0),MOD($C2750,24)+1)/SUM(INDEX($D$3:$AA$30,INDEX(Jesper!$R$2:$R$366,ROW(INDEX(Jesper!AK$2:AK$366,ROUNDDOWN($C2750/24,0)+1,1))-1)+IF('Standard Profiles'!$G$21=$B$10,7,0)+IF('Standard Profiles'!$G$21=$B$17,14,0)+IF('Standard Profiles'!$G$21=$B$24,21,0),0)),0)</f>
        <v>0.63470652171738207</v>
      </c>
      <c r="H2750" cm="1">
        <f t="array" ref="H2750">IFERROR(INDEX(Jesper!AL$2:AL$366,ROUNDDOWN($C2750/24,0)+1,1)*INDEX($D$3:$AA$30,INDEX(Jesper!$R$2:$R$366,ROW(INDEX(Jesper!AL$2:AL$366,ROUNDDOWN($C2750/24,0)+1,1))-1)+IF('Standard Profiles'!$G$22=$B$10,7,0)+IF('Standard Profiles'!$G$22=$B$17,14,0)+IF('Standard Profiles'!$G$22=$B$24,21,0),MOD($C2750,24)+1)/SUM(INDEX($D$3:$AA$30,INDEX(Jesper!$R$2:$R$366,ROW(INDEX(Jesper!AL$2:AL$366,ROUNDDOWN($C2750/24,0)+1,1))-1)+IF('Standard Profiles'!$G$22=$B$10,7,0)+IF('Standard Profiles'!$G$22=$B$17,14,0)+IF('Standard Profiles'!$G$22=$B$24,21,0),0)),0)</f>
        <v>0</v>
      </c>
      <c r="I2750">
        <f t="shared" si="314"/>
        <v>0.30465913042434323</v>
      </c>
      <c r="J2750">
        <f t="shared" si="315"/>
        <v>8.0770681351610829</v>
      </c>
      <c r="K2750">
        <f t="shared" si="316"/>
        <v>0.5765407489205685</v>
      </c>
      <c r="L2750">
        <f t="shared" si="317"/>
        <v>0.28827037446028425</v>
      </c>
      <c r="M2750">
        <f t="shared" si="318"/>
        <v>0</v>
      </c>
      <c r="N2750" s="45">
        <f t="shared" si="319"/>
        <v>45040.166666660079</v>
      </c>
    </row>
    <row r="2751" spans="2:14" x14ac:dyDescent="0.25">
      <c r="B2751">
        <f t="shared" si="313"/>
        <v>1</v>
      </c>
      <c r="C2751" s="16">
        <v>2717</v>
      </c>
      <c r="D2751" cm="1">
        <f t="array" ref="D2751">IFERROR(INDEX(Jesper!AH$2:AH$366,ROUNDDOWN($C2751/24,0)+1,1)*INDEX($D$3:$AA$30,INDEX(Jesper!$R$2:$R$366,ROW(INDEX(Jesper!AH$2:AH$366,ROUNDDOWN($C2751/24,0)+1,1))-1)+IF('Standard Profiles'!$G$18=$B$10,7,0)+IF('Standard Profiles'!$G$18=$B$17,14,0)+IF('Standard Profiles'!$G$18=$B$24,21,0),MOD($C2751,24)+1)/SUM(INDEX($D$3:$AA$30,INDEX(Jesper!$R$2:$R$366,ROW(INDEX(Jesper!AH$2:AH$366,ROUNDDOWN($C2751/24,0)+1,1))-1)+IF('Standard Profiles'!$G$18=$B$10,7,0)+IF('Standard Profiles'!$G$18=$B$17,14,0)+IF('Standard Profiles'!$G$18=$B$24,21,0),0)),0)</f>
        <v>5.4050695211303292</v>
      </c>
      <c r="E2751" cm="1">
        <f t="array" ref="E2751">IFERROR(INDEX(Jesper!AI$2:AI$366,ROUNDDOWN($C2751/24,0)+1,1)*INDEX($D$3:$AA$30,INDEX(Jesper!$R$2:$R$366,ROW(INDEX(Jesper!AI$2:AI$366,ROUNDDOWN($C2751/24,0)+1,1))-1)+IF('Standard Profiles'!$G$19=$B$10,7,0)+IF('Standard Profiles'!$G$19=$B$17,14,0)+IF('Standard Profiles'!$G$19=$B$24,21,0),MOD($C2751,24)+1)/SUM(INDEX($D$3:$AA$30,INDEX(Jesper!$R$2:$R$366,ROW(INDEX(Jesper!AI$2:AI$366,ROUNDDOWN($C2751/24,0)+1,1))-1)+IF('Standard Profiles'!$G$19=$B$10,7,0)+IF('Standard Profiles'!$G$19=$B$17,14,0)+IF('Standard Profiles'!$G$19=$B$24,21,0),0)),0)</f>
        <v>3.2067623461185666</v>
      </c>
      <c r="F2751" cm="1">
        <f t="array" ref="F2751">IFERROR(INDEX(Jesper!AJ$2:AJ$366,ROUNDDOWN($C2751/24,0)+1,1)*INDEX($D$3:$AA$30,INDEX(Jesper!$R$2:$R$366,ROW(INDEX(Jesper!AJ$2:AJ$366,ROUNDDOWN($C2751/24,0)+1,1))-1)+IF('Standard Profiles'!$G$20=$B$10,7,0)+IF('Standard Profiles'!$G$20=$B$17,14,0)+IF('Standard Profiles'!$G$20=$B$24,21,0),MOD($C2751,24)+1)/SUM(INDEX($D$3:$AA$30,INDEX(Jesper!$R$2:$R$366,ROW(INDEX(Jesper!AJ$2:AJ$366,ROUNDDOWN($C2751/24,0)+1,1))-1)+IF('Standard Profiles'!$G$20=$B$10,7,0)+IF('Standard Profiles'!$G$20=$B$17,14,0)+IF('Standard Profiles'!$G$20=$B$24,21,0),0)),0)</f>
        <v>0</v>
      </c>
      <c r="G2751" cm="1">
        <f t="array" ref="G2751">IFERROR(INDEX(Jesper!AK$2:AK$366,ROUNDDOWN($C2751/24,0)+1,1)*INDEX($D$3:$AA$30,INDEX(Jesper!$R$2:$R$366,ROW(INDEX(Jesper!AK$2:AK$366,ROUNDDOWN($C2751/24,0)+1,1))-1)+IF('Standard Profiles'!$G$21=$B$10,7,0)+IF('Standard Profiles'!$G$21=$B$17,14,0)+IF('Standard Profiles'!$G$21=$B$24,21,0),MOD($C2751,24)+1)/SUM(INDEX($D$3:$AA$30,INDEX(Jesper!$R$2:$R$366,ROW(INDEX(Jesper!AK$2:AK$366,ROUNDDOWN($C2751/24,0)+1,1))-1)+IF('Standard Profiles'!$G$21=$B$10,7,0)+IF('Standard Profiles'!$G$21=$B$17,14,0)+IF('Standard Profiles'!$G$21=$B$24,21,0),0)),0)</f>
        <v>0.63470652171738207</v>
      </c>
      <c r="H2751" cm="1">
        <f t="array" ref="H2751">IFERROR(INDEX(Jesper!AL$2:AL$366,ROUNDDOWN($C2751/24,0)+1,1)*INDEX($D$3:$AA$30,INDEX(Jesper!$R$2:$R$366,ROW(INDEX(Jesper!AL$2:AL$366,ROUNDDOWN($C2751/24,0)+1,1))-1)+IF('Standard Profiles'!$G$22=$B$10,7,0)+IF('Standard Profiles'!$G$22=$B$17,14,0)+IF('Standard Profiles'!$G$22=$B$24,21,0),MOD($C2751,24)+1)/SUM(INDEX($D$3:$AA$30,INDEX(Jesper!$R$2:$R$366,ROW(INDEX(Jesper!AL$2:AL$366,ROUNDDOWN($C2751/24,0)+1,1))-1)+IF('Standard Profiles'!$G$22=$B$10,7,0)+IF('Standard Profiles'!$G$22=$B$17,14,0)+IF('Standard Profiles'!$G$22=$B$24,21,0),0)),0)</f>
        <v>0</v>
      </c>
      <c r="I2751">
        <f t="shared" si="314"/>
        <v>0.30465913042434323</v>
      </c>
      <c r="J2751">
        <f t="shared" si="315"/>
        <v>8.0770681351610829</v>
      </c>
      <c r="K2751">
        <f t="shared" si="316"/>
        <v>0.5765407489205685</v>
      </c>
      <c r="L2751">
        <f t="shared" si="317"/>
        <v>0.28827037446028425</v>
      </c>
      <c r="M2751">
        <f t="shared" si="318"/>
        <v>0</v>
      </c>
      <c r="N2751" s="45">
        <f t="shared" si="319"/>
        <v>45040.208333326744</v>
      </c>
    </row>
    <row r="2752" spans="2:14" x14ac:dyDescent="0.25">
      <c r="B2752">
        <f t="shared" si="313"/>
        <v>1</v>
      </c>
      <c r="C2752" s="16">
        <v>2718</v>
      </c>
      <c r="D2752" cm="1">
        <f t="array" ref="D2752">IFERROR(INDEX(Jesper!AH$2:AH$366,ROUNDDOWN($C2752/24,0)+1,1)*INDEX($D$3:$AA$30,INDEX(Jesper!$R$2:$R$366,ROW(INDEX(Jesper!AH$2:AH$366,ROUNDDOWN($C2752/24,0)+1,1))-1)+IF('Standard Profiles'!$G$18=$B$10,7,0)+IF('Standard Profiles'!$G$18=$B$17,14,0)+IF('Standard Profiles'!$G$18=$B$24,21,0),MOD($C2752,24)+1)/SUM(INDEX($D$3:$AA$30,INDEX(Jesper!$R$2:$R$366,ROW(INDEX(Jesper!AH$2:AH$366,ROUNDDOWN($C2752/24,0)+1,1))-1)+IF('Standard Profiles'!$G$18=$B$10,7,0)+IF('Standard Profiles'!$G$18=$B$17,14,0)+IF('Standard Profiles'!$G$18=$B$24,21,0),0)),0)</f>
        <v>5.4050695211303292</v>
      </c>
      <c r="E2752" cm="1">
        <f t="array" ref="E2752">IFERROR(INDEX(Jesper!AI$2:AI$366,ROUNDDOWN($C2752/24,0)+1,1)*INDEX($D$3:$AA$30,INDEX(Jesper!$R$2:$R$366,ROW(INDEX(Jesper!AI$2:AI$366,ROUNDDOWN($C2752/24,0)+1,1))-1)+IF('Standard Profiles'!$G$19=$B$10,7,0)+IF('Standard Profiles'!$G$19=$B$17,14,0)+IF('Standard Profiles'!$G$19=$B$24,21,0),MOD($C2752,24)+1)/SUM(INDEX($D$3:$AA$30,INDEX(Jesper!$R$2:$R$366,ROW(INDEX(Jesper!AI$2:AI$366,ROUNDDOWN($C2752/24,0)+1,1))-1)+IF('Standard Profiles'!$G$19=$B$10,7,0)+IF('Standard Profiles'!$G$19=$B$17,14,0)+IF('Standard Profiles'!$G$19=$B$24,21,0),0)),0)</f>
        <v>3.2067623461185666</v>
      </c>
      <c r="F2752" cm="1">
        <f t="array" ref="F2752">IFERROR(INDEX(Jesper!AJ$2:AJ$366,ROUNDDOWN($C2752/24,0)+1,1)*INDEX($D$3:$AA$30,INDEX(Jesper!$R$2:$R$366,ROW(INDEX(Jesper!AJ$2:AJ$366,ROUNDDOWN($C2752/24,0)+1,1))-1)+IF('Standard Profiles'!$G$20=$B$10,7,0)+IF('Standard Profiles'!$G$20=$B$17,14,0)+IF('Standard Profiles'!$G$20=$B$24,21,0),MOD($C2752,24)+1)/SUM(INDEX($D$3:$AA$30,INDEX(Jesper!$R$2:$R$366,ROW(INDEX(Jesper!AJ$2:AJ$366,ROUNDDOWN($C2752/24,0)+1,1))-1)+IF('Standard Profiles'!$G$20=$B$10,7,0)+IF('Standard Profiles'!$G$20=$B$17,14,0)+IF('Standard Profiles'!$G$20=$B$24,21,0),0)),0)</f>
        <v>0</v>
      </c>
      <c r="G2752" cm="1">
        <f t="array" ref="G2752">IFERROR(INDEX(Jesper!AK$2:AK$366,ROUNDDOWN($C2752/24,0)+1,1)*INDEX($D$3:$AA$30,INDEX(Jesper!$R$2:$R$366,ROW(INDEX(Jesper!AK$2:AK$366,ROUNDDOWN($C2752/24,0)+1,1))-1)+IF('Standard Profiles'!$G$21=$B$10,7,0)+IF('Standard Profiles'!$G$21=$B$17,14,0)+IF('Standard Profiles'!$G$21=$B$24,21,0),MOD($C2752,24)+1)/SUM(INDEX($D$3:$AA$30,INDEX(Jesper!$R$2:$R$366,ROW(INDEX(Jesper!AK$2:AK$366,ROUNDDOWN($C2752/24,0)+1,1))-1)+IF('Standard Profiles'!$G$21=$B$10,7,0)+IF('Standard Profiles'!$G$21=$B$17,14,0)+IF('Standard Profiles'!$G$21=$B$24,21,0),0)),0)</f>
        <v>0.63470652171738207</v>
      </c>
      <c r="H2752" cm="1">
        <f t="array" ref="H2752">IFERROR(INDEX(Jesper!AL$2:AL$366,ROUNDDOWN($C2752/24,0)+1,1)*INDEX($D$3:$AA$30,INDEX(Jesper!$R$2:$R$366,ROW(INDEX(Jesper!AL$2:AL$366,ROUNDDOWN($C2752/24,0)+1,1))-1)+IF('Standard Profiles'!$G$22=$B$10,7,0)+IF('Standard Profiles'!$G$22=$B$17,14,0)+IF('Standard Profiles'!$G$22=$B$24,21,0),MOD($C2752,24)+1)/SUM(INDEX($D$3:$AA$30,INDEX(Jesper!$R$2:$R$366,ROW(INDEX(Jesper!AL$2:AL$366,ROUNDDOWN($C2752/24,0)+1,1))-1)+IF('Standard Profiles'!$G$22=$B$10,7,0)+IF('Standard Profiles'!$G$22=$B$17,14,0)+IF('Standard Profiles'!$G$22=$B$24,21,0),0)),0)</f>
        <v>0</v>
      </c>
      <c r="I2752">
        <f t="shared" si="314"/>
        <v>0.30465913042434323</v>
      </c>
      <c r="J2752">
        <f t="shared" si="315"/>
        <v>8.0770681351610829</v>
      </c>
      <c r="K2752">
        <f t="shared" si="316"/>
        <v>0.5765407489205685</v>
      </c>
      <c r="L2752">
        <f t="shared" si="317"/>
        <v>0.28827037446028425</v>
      </c>
      <c r="M2752">
        <f t="shared" si="318"/>
        <v>0</v>
      </c>
      <c r="N2752" s="45">
        <f t="shared" si="319"/>
        <v>45040.249999993408</v>
      </c>
    </row>
    <row r="2753" spans="2:14" x14ac:dyDescent="0.25">
      <c r="B2753">
        <f t="shared" si="313"/>
        <v>1</v>
      </c>
      <c r="C2753" s="16">
        <v>2719</v>
      </c>
      <c r="D2753" cm="1">
        <f t="array" ref="D2753">IFERROR(INDEX(Jesper!AH$2:AH$366,ROUNDDOWN($C2753/24,0)+1,1)*INDEX($D$3:$AA$30,INDEX(Jesper!$R$2:$R$366,ROW(INDEX(Jesper!AH$2:AH$366,ROUNDDOWN($C2753/24,0)+1,1))-1)+IF('Standard Profiles'!$G$18=$B$10,7,0)+IF('Standard Profiles'!$G$18=$B$17,14,0)+IF('Standard Profiles'!$G$18=$B$24,21,0),MOD($C2753,24)+1)/SUM(INDEX($D$3:$AA$30,INDEX(Jesper!$R$2:$R$366,ROW(INDEX(Jesper!AH$2:AH$366,ROUNDDOWN($C2753/24,0)+1,1))-1)+IF('Standard Profiles'!$G$18=$B$10,7,0)+IF('Standard Profiles'!$G$18=$B$17,14,0)+IF('Standard Profiles'!$G$18=$B$24,21,0),0)),0)</f>
        <v>23.025596160015201</v>
      </c>
      <c r="E2753" cm="1">
        <f t="array" ref="E2753">IFERROR(INDEX(Jesper!AI$2:AI$366,ROUNDDOWN($C2753/24,0)+1,1)*INDEX($D$3:$AA$30,INDEX(Jesper!$R$2:$R$366,ROW(INDEX(Jesper!AI$2:AI$366,ROUNDDOWN($C2753/24,0)+1,1))-1)+IF('Standard Profiles'!$G$19=$B$10,7,0)+IF('Standard Profiles'!$G$19=$B$17,14,0)+IF('Standard Profiles'!$G$19=$B$24,21,0),MOD($C2753,24)+1)/SUM(INDEX($D$3:$AA$30,INDEX(Jesper!$R$2:$R$366,ROW(INDEX(Jesper!AI$2:AI$366,ROUNDDOWN($C2753/24,0)+1,1))-1)+IF('Standard Profiles'!$G$19=$B$10,7,0)+IF('Standard Profiles'!$G$19=$B$17,14,0)+IF('Standard Profiles'!$G$19=$B$24,21,0),0)),0)</f>
        <v>13.660807594465092</v>
      </c>
      <c r="F2753" cm="1">
        <f t="array" ref="F2753">IFERROR(INDEX(Jesper!AJ$2:AJ$366,ROUNDDOWN($C2753/24,0)+1,1)*INDEX($D$3:$AA$30,INDEX(Jesper!$R$2:$R$366,ROW(INDEX(Jesper!AJ$2:AJ$366,ROUNDDOWN($C2753/24,0)+1,1))-1)+IF('Standard Profiles'!$G$20=$B$10,7,0)+IF('Standard Profiles'!$G$20=$B$17,14,0)+IF('Standard Profiles'!$G$20=$B$24,21,0),MOD($C2753,24)+1)/SUM(INDEX($D$3:$AA$30,INDEX(Jesper!$R$2:$R$366,ROW(INDEX(Jesper!AJ$2:AJ$366,ROUNDDOWN($C2753/24,0)+1,1))-1)+IF('Standard Profiles'!$G$20=$B$10,7,0)+IF('Standard Profiles'!$G$20=$B$17,14,0)+IF('Standard Profiles'!$G$20=$B$24,21,0),0)),0)</f>
        <v>0</v>
      </c>
      <c r="G2753" cm="1">
        <f t="array" ref="G2753">IFERROR(INDEX(Jesper!AK$2:AK$366,ROUNDDOWN($C2753/24,0)+1,1)*INDEX($D$3:$AA$30,INDEX(Jesper!$R$2:$R$366,ROW(INDEX(Jesper!AK$2:AK$366,ROUNDDOWN($C2753/24,0)+1,1))-1)+IF('Standard Profiles'!$G$21=$B$10,7,0)+IF('Standard Profiles'!$G$21=$B$17,14,0)+IF('Standard Profiles'!$G$21=$B$24,21,0),MOD($C2753,24)+1)/SUM(INDEX($D$3:$AA$30,INDEX(Jesper!$R$2:$R$366,ROW(INDEX(Jesper!AK$2:AK$366,ROUNDDOWN($C2753/24,0)+1,1))-1)+IF('Standard Profiles'!$G$21=$B$10,7,0)+IF('Standard Profiles'!$G$21=$B$17,14,0)+IF('Standard Profiles'!$G$21=$B$24,21,0),0)),0)</f>
        <v>2.7609733694706118</v>
      </c>
      <c r="H2753" cm="1">
        <f t="array" ref="H2753">IFERROR(INDEX(Jesper!AL$2:AL$366,ROUNDDOWN($C2753/24,0)+1,1)*INDEX($D$3:$AA$30,INDEX(Jesper!$R$2:$R$366,ROW(INDEX(Jesper!AL$2:AL$366,ROUNDDOWN($C2753/24,0)+1,1))-1)+IF('Standard Profiles'!$G$22=$B$10,7,0)+IF('Standard Profiles'!$G$22=$B$17,14,0)+IF('Standard Profiles'!$G$22=$B$24,21,0),MOD($C2753,24)+1)/SUM(INDEX($D$3:$AA$30,INDEX(Jesper!$R$2:$R$366,ROW(INDEX(Jesper!AL$2:AL$366,ROUNDDOWN($C2753/24,0)+1,1))-1)+IF('Standard Profiles'!$G$22=$B$10,7,0)+IF('Standard Profiles'!$G$22=$B$17,14,0)+IF('Standard Profiles'!$G$22=$B$24,21,0),0)),0)</f>
        <v>0</v>
      </c>
      <c r="I2753">
        <f t="shared" si="314"/>
        <v>1.325267217345893</v>
      </c>
      <c r="J2753">
        <f t="shared" si="315"/>
        <v>34.438014521002579</v>
      </c>
      <c r="K2753">
        <f t="shared" si="316"/>
        <v>2.4560635904016217</v>
      </c>
      <c r="L2753">
        <f t="shared" si="317"/>
        <v>1.2280317952008108</v>
      </c>
      <c r="M2753">
        <f t="shared" si="318"/>
        <v>0</v>
      </c>
      <c r="N2753" s="45">
        <f t="shared" si="319"/>
        <v>45040.291666660072</v>
      </c>
    </row>
    <row r="2754" spans="2:14" x14ac:dyDescent="0.25">
      <c r="B2754">
        <f t="shared" si="313"/>
        <v>1</v>
      </c>
      <c r="C2754" s="16">
        <v>2720</v>
      </c>
      <c r="D2754" cm="1">
        <f t="array" ref="D2754">IFERROR(INDEX(Jesper!AH$2:AH$366,ROUNDDOWN($C2754/24,0)+1,1)*INDEX($D$3:$AA$30,INDEX(Jesper!$R$2:$R$366,ROW(INDEX(Jesper!AH$2:AH$366,ROUNDDOWN($C2754/24,0)+1,1))-1)+IF('Standard Profiles'!$G$18=$B$10,7,0)+IF('Standard Profiles'!$G$18=$B$17,14,0)+IF('Standard Profiles'!$G$18=$B$24,21,0),MOD($C2754,24)+1)/SUM(INDEX($D$3:$AA$30,INDEX(Jesper!$R$2:$R$366,ROW(INDEX(Jesper!AH$2:AH$366,ROUNDDOWN($C2754/24,0)+1,1))-1)+IF('Standard Profiles'!$G$18=$B$10,7,0)+IF('Standard Profiles'!$G$18=$B$17,14,0)+IF('Standard Profiles'!$G$18=$B$24,21,0),0)),0)</f>
        <v>25.903795680017101</v>
      </c>
      <c r="E2754" cm="1">
        <f t="array" ref="E2754">IFERROR(INDEX(Jesper!AI$2:AI$366,ROUNDDOWN($C2754/24,0)+1,1)*INDEX($D$3:$AA$30,INDEX(Jesper!$R$2:$R$366,ROW(INDEX(Jesper!AI$2:AI$366,ROUNDDOWN($C2754/24,0)+1,1))-1)+IF('Standard Profiles'!$G$19=$B$10,7,0)+IF('Standard Profiles'!$G$19=$B$17,14,0)+IF('Standard Profiles'!$G$19=$B$24,21,0),MOD($C2754,24)+1)/SUM(INDEX($D$3:$AA$30,INDEX(Jesper!$R$2:$R$366,ROW(INDEX(Jesper!AI$2:AI$366,ROUNDDOWN($C2754/24,0)+1,1))-1)+IF('Standard Profiles'!$G$19=$B$10,7,0)+IF('Standard Profiles'!$G$19=$B$17,14,0)+IF('Standard Profiles'!$G$19=$B$24,21,0),0)),0)</f>
        <v>15.36840854377323</v>
      </c>
      <c r="F2754" cm="1">
        <f t="array" ref="F2754">IFERROR(INDEX(Jesper!AJ$2:AJ$366,ROUNDDOWN($C2754/24,0)+1,1)*INDEX($D$3:$AA$30,INDEX(Jesper!$R$2:$R$366,ROW(INDEX(Jesper!AJ$2:AJ$366,ROUNDDOWN($C2754/24,0)+1,1))-1)+IF('Standard Profiles'!$G$20=$B$10,7,0)+IF('Standard Profiles'!$G$20=$B$17,14,0)+IF('Standard Profiles'!$G$20=$B$24,21,0),MOD($C2754,24)+1)/SUM(INDEX($D$3:$AA$30,INDEX(Jesper!$R$2:$R$366,ROW(INDEX(Jesper!AJ$2:AJ$366,ROUNDDOWN($C2754/24,0)+1,1))-1)+IF('Standard Profiles'!$G$20=$B$10,7,0)+IF('Standard Profiles'!$G$20=$B$17,14,0)+IF('Standard Profiles'!$G$20=$B$24,21,0),0)),0)</f>
        <v>0</v>
      </c>
      <c r="G2754" cm="1">
        <f t="array" ref="G2754">IFERROR(INDEX(Jesper!AK$2:AK$366,ROUNDDOWN($C2754/24,0)+1,1)*INDEX($D$3:$AA$30,INDEX(Jesper!$R$2:$R$366,ROW(INDEX(Jesper!AK$2:AK$366,ROUNDDOWN($C2754/24,0)+1,1))-1)+IF('Standard Profiles'!$G$21=$B$10,7,0)+IF('Standard Profiles'!$G$21=$B$17,14,0)+IF('Standard Profiles'!$G$21=$B$24,21,0),MOD($C2754,24)+1)/SUM(INDEX($D$3:$AA$30,INDEX(Jesper!$R$2:$R$366,ROW(INDEX(Jesper!AK$2:AK$366,ROUNDDOWN($C2754/24,0)+1,1))-1)+IF('Standard Profiles'!$G$21=$B$10,7,0)+IF('Standard Profiles'!$G$21=$B$17,14,0)+IF('Standard Profiles'!$G$21=$B$24,21,0),0)),0)</f>
        <v>3.1060950406544383</v>
      </c>
      <c r="H2754" cm="1">
        <f t="array" ref="H2754">IFERROR(INDEX(Jesper!AL$2:AL$366,ROUNDDOWN($C2754/24,0)+1,1)*INDEX($D$3:$AA$30,INDEX(Jesper!$R$2:$R$366,ROW(INDEX(Jesper!AL$2:AL$366,ROUNDDOWN($C2754/24,0)+1,1))-1)+IF('Standard Profiles'!$G$22=$B$10,7,0)+IF('Standard Profiles'!$G$22=$B$17,14,0)+IF('Standard Profiles'!$G$22=$B$24,21,0),MOD($C2754,24)+1)/SUM(INDEX($D$3:$AA$30,INDEX(Jesper!$R$2:$R$366,ROW(INDEX(Jesper!AL$2:AL$366,ROUNDDOWN($C2754/24,0)+1,1))-1)+IF('Standard Profiles'!$G$22=$B$10,7,0)+IF('Standard Profiles'!$G$22=$B$17,14,0)+IF('Standard Profiles'!$G$22=$B$24,21,0),0)),0)</f>
        <v>0</v>
      </c>
      <c r="I2754">
        <f t="shared" si="314"/>
        <v>1.4909256195141296</v>
      </c>
      <c r="J2754">
        <f t="shared" si="315"/>
        <v>38.7427663361279</v>
      </c>
      <c r="K2754">
        <f t="shared" si="316"/>
        <v>2.7630715392018241</v>
      </c>
      <c r="L2754">
        <f t="shared" si="317"/>
        <v>1.3815357696009121</v>
      </c>
      <c r="M2754">
        <f t="shared" si="318"/>
        <v>0</v>
      </c>
      <c r="N2754" s="45">
        <f t="shared" si="319"/>
        <v>45040.333333326736</v>
      </c>
    </row>
    <row r="2755" spans="2:14" x14ac:dyDescent="0.25">
      <c r="B2755">
        <f t="shared" si="313"/>
        <v>1</v>
      </c>
      <c r="C2755" s="16">
        <v>2721</v>
      </c>
      <c r="D2755" cm="1">
        <f t="array" ref="D2755">IFERROR(INDEX(Jesper!AH$2:AH$366,ROUNDDOWN($C2755/24,0)+1,1)*INDEX($D$3:$AA$30,INDEX(Jesper!$R$2:$R$366,ROW(INDEX(Jesper!AH$2:AH$366,ROUNDDOWN($C2755/24,0)+1,1))-1)+IF('Standard Profiles'!$G$18=$B$10,7,0)+IF('Standard Profiles'!$G$18=$B$17,14,0)+IF('Standard Profiles'!$G$18=$B$24,21,0),MOD($C2755,24)+1)/SUM(INDEX($D$3:$AA$30,INDEX(Jesper!$R$2:$R$366,ROW(INDEX(Jesper!AH$2:AH$366,ROUNDDOWN($C2755/24,0)+1,1))-1)+IF('Standard Profiles'!$G$18=$B$10,7,0)+IF('Standard Profiles'!$G$18=$B$17,14,0)+IF('Standard Profiles'!$G$18=$B$24,21,0),0)),0)</f>
        <v>28.781995200019001</v>
      </c>
      <c r="E2755" cm="1">
        <f t="array" ref="E2755">IFERROR(INDEX(Jesper!AI$2:AI$366,ROUNDDOWN($C2755/24,0)+1,1)*INDEX($D$3:$AA$30,INDEX(Jesper!$R$2:$R$366,ROW(INDEX(Jesper!AI$2:AI$366,ROUNDDOWN($C2755/24,0)+1,1))-1)+IF('Standard Profiles'!$G$19=$B$10,7,0)+IF('Standard Profiles'!$G$19=$B$17,14,0)+IF('Standard Profiles'!$G$19=$B$24,21,0),MOD($C2755,24)+1)/SUM(INDEX($D$3:$AA$30,INDEX(Jesper!$R$2:$R$366,ROW(INDEX(Jesper!AI$2:AI$366,ROUNDDOWN($C2755/24,0)+1,1))-1)+IF('Standard Profiles'!$G$19=$B$10,7,0)+IF('Standard Profiles'!$G$19=$B$17,14,0)+IF('Standard Profiles'!$G$19=$B$24,21,0),0)),0)</f>
        <v>17.076009493081365</v>
      </c>
      <c r="F2755" cm="1">
        <f t="array" ref="F2755">IFERROR(INDEX(Jesper!AJ$2:AJ$366,ROUNDDOWN($C2755/24,0)+1,1)*INDEX($D$3:$AA$30,INDEX(Jesper!$R$2:$R$366,ROW(INDEX(Jesper!AJ$2:AJ$366,ROUNDDOWN($C2755/24,0)+1,1))-1)+IF('Standard Profiles'!$G$20=$B$10,7,0)+IF('Standard Profiles'!$G$20=$B$17,14,0)+IF('Standard Profiles'!$G$20=$B$24,21,0),MOD($C2755,24)+1)/SUM(INDEX($D$3:$AA$30,INDEX(Jesper!$R$2:$R$366,ROW(INDEX(Jesper!AJ$2:AJ$366,ROUNDDOWN($C2755/24,0)+1,1))-1)+IF('Standard Profiles'!$G$20=$B$10,7,0)+IF('Standard Profiles'!$G$20=$B$17,14,0)+IF('Standard Profiles'!$G$20=$B$24,21,0),0)),0)</f>
        <v>0</v>
      </c>
      <c r="G2755" cm="1">
        <f t="array" ref="G2755">IFERROR(INDEX(Jesper!AK$2:AK$366,ROUNDDOWN($C2755/24,0)+1,1)*INDEX($D$3:$AA$30,INDEX(Jesper!$R$2:$R$366,ROW(INDEX(Jesper!AK$2:AK$366,ROUNDDOWN($C2755/24,0)+1,1))-1)+IF('Standard Profiles'!$G$21=$B$10,7,0)+IF('Standard Profiles'!$G$21=$B$17,14,0)+IF('Standard Profiles'!$G$21=$B$24,21,0),MOD($C2755,24)+1)/SUM(INDEX($D$3:$AA$30,INDEX(Jesper!$R$2:$R$366,ROW(INDEX(Jesper!AK$2:AK$366,ROUNDDOWN($C2755/24,0)+1,1))-1)+IF('Standard Profiles'!$G$21=$B$10,7,0)+IF('Standard Profiles'!$G$21=$B$17,14,0)+IF('Standard Profiles'!$G$21=$B$24,21,0),0)),0)</f>
        <v>3.4512167118382644</v>
      </c>
      <c r="H2755" cm="1">
        <f t="array" ref="H2755">IFERROR(INDEX(Jesper!AL$2:AL$366,ROUNDDOWN($C2755/24,0)+1,1)*INDEX($D$3:$AA$30,INDEX(Jesper!$R$2:$R$366,ROW(INDEX(Jesper!AL$2:AL$366,ROUNDDOWN($C2755/24,0)+1,1))-1)+IF('Standard Profiles'!$G$22=$B$10,7,0)+IF('Standard Profiles'!$G$22=$B$17,14,0)+IF('Standard Profiles'!$G$22=$B$24,21,0),MOD($C2755,24)+1)/SUM(INDEX($D$3:$AA$30,INDEX(Jesper!$R$2:$R$366,ROW(INDEX(Jesper!AL$2:AL$366,ROUNDDOWN($C2755/24,0)+1,1))-1)+IF('Standard Profiles'!$G$22=$B$10,7,0)+IF('Standard Profiles'!$G$22=$B$17,14,0)+IF('Standard Profiles'!$G$22=$B$24,21,0),0)),0)</f>
        <v>0</v>
      </c>
      <c r="I2755">
        <f t="shared" si="314"/>
        <v>1.6565840216823662</v>
      </c>
      <c r="J2755">
        <f t="shared" si="315"/>
        <v>43.047518151253222</v>
      </c>
      <c r="K2755">
        <f t="shared" si="316"/>
        <v>3.070079488002027</v>
      </c>
      <c r="L2755">
        <f t="shared" si="317"/>
        <v>1.5350397440010135</v>
      </c>
      <c r="M2755">
        <f t="shared" si="318"/>
        <v>0</v>
      </c>
      <c r="N2755" s="45">
        <f t="shared" si="319"/>
        <v>45040.374999993401</v>
      </c>
    </row>
    <row r="2756" spans="2:14" x14ac:dyDescent="0.25">
      <c r="B2756">
        <f t="shared" si="313"/>
        <v>1</v>
      </c>
      <c r="C2756" s="16">
        <v>2722</v>
      </c>
      <c r="D2756" cm="1">
        <f t="array" ref="D2756">IFERROR(INDEX(Jesper!AH$2:AH$366,ROUNDDOWN($C2756/24,0)+1,1)*INDEX($D$3:$AA$30,INDEX(Jesper!$R$2:$R$366,ROW(INDEX(Jesper!AH$2:AH$366,ROUNDDOWN($C2756/24,0)+1,1))-1)+IF('Standard Profiles'!$G$18=$B$10,7,0)+IF('Standard Profiles'!$G$18=$B$17,14,0)+IF('Standard Profiles'!$G$18=$B$24,21,0),MOD($C2756,24)+1)/SUM(INDEX($D$3:$AA$30,INDEX(Jesper!$R$2:$R$366,ROW(INDEX(Jesper!AH$2:AH$366,ROUNDDOWN($C2756/24,0)+1,1))-1)+IF('Standard Profiles'!$G$18=$B$10,7,0)+IF('Standard Profiles'!$G$18=$B$17,14,0)+IF('Standard Profiles'!$G$18=$B$24,21,0),0)),0)</f>
        <v>28.781995200019001</v>
      </c>
      <c r="E2756" cm="1">
        <f t="array" ref="E2756">IFERROR(INDEX(Jesper!AI$2:AI$366,ROUNDDOWN($C2756/24,0)+1,1)*INDEX($D$3:$AA$30,INDEX(Jesper!$R$2:$R$366,ROW(INDEX(Jesper!AI$2:AI$366,ROUNDDOWN($C2756/24,0)+1,1))-1)+IF('Standard Profiles'!$G$19=$B$10,7,0)+IF('Standard Profiles'!$G$19=$B$17,14,0)+IF('Standard Profiles'!$G$19=$B$24,21,0),MOD($C2756,24)+1)/SUM(INDEX($D$3:$AA$30,INDEX(Jesper!$R$2:$R$366,ROW(INDEX(Jesper!AI$2:AI$366,ROUNDDOWN($C2756/24,0)+1,1))-1)+IF('Standard Profiles'!$G$19=$B$10,7,0)+IF('Standard Profiles'!$G$19=$B$17,14,0)+IF('Standard Profiles'!$G$19=$B$24,21,0),0)),0)</f>
        <v>17.076009493081365</v>
      </c>
      <c r="F2756" cm="1">
        <f t="array" ref="F2756">IFERROR(INDEX(Jesper!AJ$2:AJ$366,ROUNDDOWN($C2756/24,0)+1,1)*INDEX($D$3:$AA$30,INDEX(Jesper!$R$2:$R$366,ROW(INDEX(Jesper!AJ$2:AJ$366,ROUNDDOWN($C2756/24,0)+1,1))-1)+IF('Standard Profiles'!$G$20=$B$10,7,0)+IF('Standard Profiles'!$G$20=$B$17,14,0)+IF('Standard Profiles'!$G$20=$B$24,21,0),MOD($C2756,24)+1)/SUM(INDEX($D$3:$AA$30,INDEX(Jesper!$R$2:$R$366,ROW(INDEX(Jesper!AJ$2:AJ$366,ROUNDDOWN($C2756/24,0)+1,1))-1)+IF('Standard Profiles'!$G$20=$B$10,7,0)+IF('Standard Profiles'!$G$20=$B$17,14,0)+IF('Standard Profiles'!$G$20=$B$24,21,0),0)),0)</f>
        <v>0</v>
      </c>
      <c r="G2756" cm="1">
        <f t="array" ref="G2756">IFERROR(INDEX(Jesper!AK$2:AK$366,ROUNDDOWN($C2756/24,0)+1,1)*INDEX($D$3:$AA$30,INDEX(Jesper!$R$2:$R$366,ROW(INDEX(Jesper!AK$2:AK$366,ROUNDDOWN($C2756/24,0)+1,1))-1)+IF('Standard Profiles'!$G$21=$B$10,7,0)+IF('Standard Profiles'!$G$21=$B$17,14,0)+IF('Standard Profiles'!$G$21=$B$24,21,0),MOD($C2756,24)+1)/SUM(INDEX($D$3:$AA$30,INDEX(Jesper!$R$2:$R$366,ROW(INDEX(Jesper!AK$2:AK$366,ROUNDDOWN($C2756/24,0)+1,1))-1)+IF('Standard Profiles'!$G$21=$B$10,7,0)+IF('Standard Profiles'!$G$21=$B$17,14,0)+IF('Standard Profiles'!$G$21=$B$24,21,0),0)),0)</f>
        <v>3.4512167118382644</v>
      </c>
      <c r="H2756" cm="1">
        <f t="array" ref="H2756">IFERROR(INDEX(Jesper!AL$2:AL$366,ROUNDDOWN($C2756/24,0)+1,1)*INDEX($D$3:$AA$30,INDEX(Jesper!$R$2:$R$366,ROW(INDEX(Jesper!AL$2:AL$366,ROUNDDOWN($C2756/24,0)+1,1))-1)+IF('Standard Profiles'!$G$22=$B$10,7,0)+IF('Standard Profiles'!$G$22=$B$17,14,0)+IF('Standard Profiles'!$G$22=$B$24,21,0),MOD($C2756,24)+1)/SUM(INDEX($D$3:$AA$30,INDEX(Jesper!$R$2:$R$366,ROW(INDEX(Jesper!AL$2:AL$366,ROUNDDOWN($C2756/24,0)+1,1))-1)+IF('Standard Profiles'!$G$22=$B$10,7,0)+IF('Standard Profiles'!$G$22=$B$17,14,0)+IF('Standard Profiles'!$G$22=$B$24,21,0),0)),0)</f>
        <v>0</v>
      </c>
      <c r="I2756">
        <f t="shared" si="314"/>
        <v>1.6565840216823662</v>
      </c>
      <c r="J2756">
        <f t="shared" si="315"/>
        <v>43.047518151253222</v>
      </c>
      <c r="K2756">
        <f t="shared" si="316"/>
        <v>3.070079488002027</v>
      </c>
      <c r="L2756">
        <f t="shared" si="317"/>
        <v>1.5350397440010135</v>
      </c>
      <c r="M2756">
        <f t="shared" si="318"/>
        <v>0</v>
      </c>
      <c r="N2756" s="45">
        <f t="shared" si="319"/>
        <v>45040.416666660065</v>
      </c>
    </row>
    <row r="2757" spans="2:14" x14ac:dyDescent="0.25">
      <c r="B2757">
        <f t="shared" si="313"/>
        <v>1</v>
      </c>
      <c r="C2757" s="16">
        <v>2723</v>
      </c>
      <c r="D2757" cm="1">
        <f t="array" ref="D2757">IFERROR(INDEX(Jesper!AH$2:AH$366,ROUNDDOWN($C2757/24,0)+1,1)*INDEX($D$3:$AA$30,INDEX(Jesper!$R$2:$R$366,ROW(INDEX(Jesper!AH$2:AH$366,ROUNDDOWN($C2757/24,0)+1,1))-1)+IF('Standard Profiles'!$G$18=$B$10,7,0)+IF('Standard Profiles'!$G$18=$B$17,14,0)+IF('Standard Profiles'!$G$18=$B$24,21,0),MOD($C2757,24)+1)/SUM(INDEX($D$3:$AA$30,INDEX(Jesper!$R$2:$R$366,ROW(INDEX(Jesper!AH$2:AH$366,ROUNDDOWN($C2757/24,0)+1,1))-1)+IF('Standard Profiles'!$G$18=$B$10,7,0)+IF('Standard Profiles'!$G$18=$B$17,14,0)+IF('Standard Profiles'!$G$18=$B$24,21,0),0)),0)</f>
        <v>34.538394240022797</v>
      </c>
      <c r="E2757" cm="1">
        <f t="array" ref="E2757">IFERROR(INDEX(Jesper!AI$2:AI$366,ROUNDDOWN($C2757/24,0)+1,1)*INDEX($D$3:$AA$30,INDEX(Jesper!$R$2:$R$366,ROW(INDEX(Jesper!AI$2:AI$366,ROUNDDOWN($C2757/24,0)+1,1))-1)+IF('Standard Profiles'!$G$19=$B$10,7,0)+IF('Standard Profiles'!$G$19=$B$17,14,0)+IF('Standard Profiles'!$G$19=$B$24,21,0),MOD($C2757,24)+1)/SUM(INDEX($D$3:$AA$30,INDEX(Jesper!$R$2:$R$366,ROW(INDEX(Jesper!AI$2:AI$366,ROUNDDOWN($C2757/24,0)+1,1))-1)+IF('Standard Profiles'!$G$19=$B$10,7,0)+IF('Standard Profiles'!$G$19=$B$17,14,0)+IF('Standard Profiles'!$G$19=$B$24,21,0),0)),0)</f>
        <v>20.491211391697636</v>
      </c>
      <c r="F2757" cm="1">
        <f t="array" ref="F2757">IFERROR(INDEX(Jesper!AJ$2:AJ$366,ROUNDDOWN($C2757/24,0)+1,1)*INDEX($D$3:$AA$30,INDEX(Jesper!$R$2:$R$366,ROW(INDEX(Jesper!AJ$2:AJ$366,ROUNDDOWN($C2757/24,0)+1,1))-1)+IF('Standard Profiles'!$G$20=$B$10,7,0)+IF('Standard Profiles'!$G$20=$B$17,14,0)+IF('Standard Profiles'!$G$20=$B$24,21,0),MOD($C2757,24)+1)/SUM(INDEX($D$3:$AA$30,INDEX(Jesper!$R$2:$R$366,ROW(INDEX(Jesper!AJ$2:AJ$366,ROUNDDOWN($C2757/24,0)+1,1))-1)+IF('Standard Profiles'!$G$20=$B$10,7,0)+IF('Standard Profiles'!$G$20=$B$17,14,0)+IF('Standard Profiles'!$G$20=$B$24,21,0),0)),0)</f>
        <v>0</v>
      </c>
      <c r="G2757" cm="1">
        <f t="array" ref="G2757">IFERROR(INDEX(Jesper!AK$2:AK$366,ROUNDDOWN($C2757/24,0)+1,1)*INDEX($D$3:$AA$30,INDEX(Jesper!$R$2:$R$366,ROW(INDEX(Jesper!AK$2:AK$366,ROUNDDOWN($C2757/24,0)+1,1))-1)+IF('Standard Profiles'!$G$21=$B$10,7,0)+IF('Standard Profiles'!$G$21=$B$17,14,0)+IF('Standard Profiles'!$G$21=$B$24,21,0),MOD($C2757,24)+1)/SUM(INDEX($D$3:$AA$30,INDEX(Jesper!$R$2:$R$366,ROW(INDEX(Jesper!AK$2:AK$366,ROUNDDOWN($C2757/24,0)+1,1))-1)+IF('Standard Profiles'!$G$21=$B$10,7,0)+IF('Standard Profiles'!$G$21=$B$17,14,0)+IF('Standard Profiles'!$G$21=$B$24,21,0),0)),0)</f>
        <v>4.1414600542059166</v>
      </c>
      <c r="H2757" cm="1">
        <f t="array" ref="H2757">IFERROR(INDEX(Jesper!AL$2:AL$366,ROUNDDOWN($C2757/24,0)+1,1)*INDEX($D$3:$AA$30,INDEX(Jesper!$R$2:$R$366,ROW(INDEX(Jesper!AL$2:AL$366,ROUNDDOWN($C2757/24,0)+1,1))-1)+IF('Standard Profiles'!$G$22=$B$10,7,0)+IF('Standard Profiles'!$G$22=$B$17,14,0)+IF('Standard Profiles'!$G$22=$B$24,21,0),MOD($C2757,24)+1)/SUM(INDEX($D$3:$AA$30,INDEX(Jesper!$R$2:$R$366,ROW(INDEX(Jesper!AL$2:AL$366,ROUNDDOWN($C2757/24,0)+1,1))-1)+IF('Standard Profiles'!$G$22=$B$10,7,0)+IF('Standard Profiles'!$G$22=$B$17,14,0)+IF('Standard Profiles'!$G$22=$B$24,21,0),0)),0)</f>
        <v>0</v>
      </c>
      <c r="I2757">
        <f t="shared" si="314"/>
        <v>1.9879008260188389</v>
      </c>
      <c r="J2757">
        <f t="shared" si="315"/>
        <v>51.657021781503857</v>
      </c>
      <c r="K2757">
        <f t="shared" si="316"/>
        <v>3.6840953856024319</v>
      </c>
      <c r="L2757">
        <f t="shared" si="317"/>
        <v>1.8420476928012159</v>
      </c>
      <c r="M2757">
        <f t="shared" si="318"/>
        <v>0</v>
      </c>
      <c r="N2757" s="45">
        <f t="shared" si="319"/>
        <v>45040.458333326729</v>
      </c>
    </row>
    <row r="2758" spans="2:14" x14ac:dyDescent="0.25">
      <c r="B2758">
        <f t="shared" si="313"/>
        <v>1</v>
      </c>
      <c r="C2758" s="16">
        <v>2724</v>
      </c>
      <c r="D2758" cm="1">
        <f t="array" ref="D2758">IFERROR(INDEX(Jesper!AH$2:AH$366,ROUNDDOWN($C2758/24,0)+1,1)*INDEX($D$3:$AA$30,INDEX(Jesper!$R$2:$R$366,ROW(INDEX(Jesper!AH$2:AH$366,ROUNDDOWN($C2758/24,0)+1,1))-1)+IF('Standard Profiles'!$G$18=$B$10,7,0)+IF('Standard Profiles'!$G$18=$B$17,14,0)+IF('Standard Profiles'!$G$18=$B$24,21,0),MOD($C2758,24)+1)/SUM(INDEX($D$3:$AA$30,INDEX(Jesper!$R$2:$R$366,ROW(INDEX(Jesper!AH$2:AH$366,ROUNDDOWN($C2758/24,0)+1,1))-1)+IF('Standard Profiles'!$G$18=$B$10,7,0)+IF('Standard Profiles'!$G$18=$B$17,14,0)+IF('Standard Profiles'!$G$18=$B$24,21,0),0)),0)</f>
        <v>34.538394240022797</v>
      </c>
      <c r="E2758" cm="1">
        <f t="array" ref="E2758">IFERROR(INDEX(Jesper!AI$2:AI$366,ROUNDDOWN($C2758/24,0)+1,1)*INDEX($D$3:$AA$30,INDEX(Jesper!$R$2:$R$366,ROW(INDEX(Jesper!AI$2:AI$366,ROUNDDOWN($C2758/24,0)+1,1))-1)+IF('Standard Profiles'!$G$19=$B$10,7,0)+IF('Standard Profiles'!$G$19=$B$17,14,0)+IF('Standard Profiles'!$G$19=$B$24,21,0),MOD($C2758,24)+1)/SUM(INDEX($D$3:$AA$30,INDEX(Jesper!$R$2:$R$366,ROW(INDEX(Jesper!AI$2:AI$366,ROUNDDOWN($C2758/24,0)+1,1))-1)+IF('Standard Profiles'!$G$19=$B$10,7,0)+IF('Standard Profiles'!$G$19=$B$17,14,0)+IF('Standard Profiles'!$G$19=$B$24,21,0),0)),0)</f>
        <v>20.491211391697636</v>
      </c>
      <c r="F2758" cm="1">
        <f t="array" ref="F2758">IFERROR(INDEX(Jesper!AJ$2:AJ$366,ROUNDDOWN($C2758/24,0)+1,1)*INDEX($D$3:$AA$30,INDEX(Jesper!$R$2:$R$366,ROW(INDEX(Jesper!AJ$2:AJ$366,ROUNDDOWN($C2758/24,0)+1,1))-1)+IF('Standard Profiles'!$G$20=$B$10,7,0)+IF('Standard Profiles'!$G$20=$B$17,14,0)+IF('Standard Profiles'!$G$20=$B$24,21,0),MOD($C2758,24)+1)/SUM(INDEX($D$3:$AA$30,INDEX(Jesper!$R$2:$R$366,ROW(INDEX(Jesper!AJ$2:AJ$366,ROUNDDOWN($C2758/24,0)+1,1))-1)+IF('Standard Profiles'!$G$20=$B$10,7,0)+IF('Standard Profiles'!$G$20=$B$17,14,0)+IF('Standard Profiles'!$G$20=$B$24,21,0),0)),0)</f>
        <v>0</v>
      </c>
      <c r="G2758" cm="1">
        <f t="array" ref="G2758">IFERROR(INDEX(Jesper!AK$2:AK$366,ROUNDDOWN($C2758/24,0)+1,1)*INDEX($D$3:$AA$30,INDEX(Jesper!$R$2:$R$366,ROW(INDEX(Jesper!AK$2:AK$366,ROUNDDOWN($C2758/24,0)+1,1))-1)+IF('Standard Profiles'!$G$21=$B$10,7,0)+IF('Standard Profiles'!$G$21=$B$17,14,0)+IF('Standard Profiles'!$G$21=$B$24,21,0),MOD($C2758,24)+1)/SUM(INDEX($D$3:$AA$30,INDEX(Jesper!$R$2:$R$366,ROW(INDEX(Jesper!AK$2:AK$366,ROUNDDOWN($C2758/24,0)+1,1))-1)+IF('Standard Profiles'!$G$21=$B$10,7,0)+IF('Standard Profiles'!$G$21=$B$17,14,0)+IF('Standard Profiles'!$G$21=$B$24,21,0),0)),0)</f>
        <v>4.1414600542059166</v>
      </c>
      <c r="H2758" cm="1">
        <f t="array" ref="H2758">IFERROR(INDEX(Jesper!AL$2:AL$366,ROUNDDOWN($C2758/24,0)+1,1)*INDEX($D$3:$AA$30,INDEX(Jesper!$R$2:$R$366,ROW(INDEX(Jesper!AL$2:AL$366,ROUNDDOWN($C2758/24,0)+1,1))-1)+IF('Standard Profiles'!$G$22=$B$10,7,0)+IF('Standard Profiles'!$G$22=$B$17,14,0)+IF('Standard Profiles'!$G$22=$B$24,21,0),MOD($C2758,24)+1)/SUM(INDEX($D$3:$AA$30,INDEX(Jesper!$R$2:$R$366,ROW(INDEX(Jesper!AL$2:AL$366,ROUNDDOWN($C2758/24,0)+1,1))-1)+IF('Standard Profiles'!$G$22=$B$10,7,0)+IF('Standard Profiles'!$G$22=$B$17,14,0)+IF('Standard Profiles'!$G$22=$B$24,21,0),0)),0)</f>
        <v>0</v>
      </c>
      <c r="I2758">
        <f t="shared" si="314"/>
        <v>1.9879008260188389</v>
      </c>
      <c r="J2758">
        <f t="shared" si="315"/>
        <v>51.657021781503857</v>
      </c>
      <c r="K2758">
        <f t="shared" si="316"/>
        <v>3.6840953856024319</v>
      </c>
      <c r="L2758">
        <f t="shared" si="317"/>
        <v>1.8420476928012159</v>
      </c>
      <c r="M2758">
        <f t="shared" si="318"/>
        <v>0</v>
      </c>
      <c r="N2758" s="45">
        <f t="shared" si="319"/>
        <v>45040.499999993393</v>
      </c>
    </row>
    <row r="2759" spans="2:14" x14ac:dyDescent="0.25">
      <c r="B2759">
        <f t="shared" si="313"/>
        <v>1</v>
      </c>
      <c r="C2759" s="16">
        <v>2725</v>
      </c>
      <c r="D2759" cm="1">
        <f t="array" ref="D2759">IFERROR(INDEX(Jesper!AH$2:AH$366,ROUNDDOWN($C2759/24,0)+1,1)*INDEX($D$3:$AA$30,INDEX(Jesper!$R$2:$R$366,ROW(INDEX(Jesper!AH$2:AH$366,ROUNDDOWN($C2759/24,0)+1,1))-1)+IF('Standard Profiles'!$G$18=$B$10,7,0)+IF('Standard Profiles'!$G$18=$B$17,14,0)+IF('Standard Profiles'!$G$18=$B$24,21,0),MOD($C2759,24)+1)/SUM(INDEX($D$3:$AA$30,INDEX(Jesper!$R$2:$R$366,ROW(INDEX(Jesper!AH$2:AH$366,ROUNDDOWN($C2759/24,0)+1,1))-1)+IF('Standard Profiles'!$G$18=$B$10,7,0)+IF('Standard Profiles'!$G$18=$B$17,14,0)+IF('Standard Profiles'!$G$18=$B$24,21,0),0)),0)</f>
        <v>23.025596160015201</v>
      </c>
      <c r="E2759" cm="1">
        <f t="array" ref="E2759">IFERROR(INDEX(Jesper!AI$2:AI$366,ROUNDDOWN($C2759/24,0)+1,1)*INDEX($D$3:$AA$30,INDEX(Jesper!$R$2:$R$366,ROW(INDEX(Jesper!AI$2:AI$366,ROUNDDOWN($C2759/24,0)+1,1))-1)+IF('Standard Profiles'!$G$19=$B$10,7,0)+IF('Standard Profiles'!$G$19=$B$17,14,0)+IF('Standard Profiles'!$G$19=$B$24,21,0),MOD($C2759,24)+1)/SUM(INDEX($D$3:$AA$30,INDEX(Jesper!$R$2:$R$366,ROW(INDEX(Jesper!AI$2:AI$366,ROUNDDOWN($C2759/24,0)+1,1))-1)+IF('Standard Profiles'!$G$19=$B$10,7,0)+IF('Standard Profiles'!$G$19=$B$17,14,0)+IF('Standard Profiles'!$G$19=$B$24,21,0),0)),0)</f>
        <v>13.660807594465092</v>
      </c>
      <c r="F2759" cm="1">
        <f t="array" ref="F2759">IFERROR(INDEX(Jesper!AJ$2:AJ$366,ROUNDDOWN($C2759/24,0)+1,1)*INDEX($D$3:$AA$30,INDEX(Jesper!$R$2:$R$366,ROW(INDEX(Jesper!AJ$2:AJ$366,ROUNDDOWN($C2759/24,0)+1,1))-1)+IF('Standard Profiles'!$G$20=$B$10,7,0)+IF('Standard Profiles'!$G$20=$B$17,14,0)+IF('Standard Profiles'!$G$20=$B$24,21,0),MOD($C2759,24)+1)/SUM(INDEX($D$3:$AA$30,INDEX(Jesper!$R$2:$R$366,ROW(INDEX(Jesper!AJ$2:AJ$366,ROUNDDOWN($C2759/24,0)+1,1))-1)+IF('Standard Profiles'!$G$20=$B$10,7,0)+IF('Standard Profiles'!$G$20=$B$17,14,0)+IF('Standard Profiles'!$G$20=$B$24,21,0),0)),0)</f>
        <v>0</v>
      </c>
      <c r="G2759" cm="1">
        <f t="array" ref="G2759">IFERROR(INDEX(Jesper!AK$2:AK$366,ROUNDDOWN($C2759/24,0)+1,1)*INDEX($D$3:$AA$30,INDEX(Jesper!$R$2:$R$366,ROW(INDEX(Jesper!AK$2:AK$366,ROUNDDOWN($C2759/24,0)+1,1))-1)+IF('Standard Profiles'!$G$21=$B$10,7,0)+IF('Standard Profiles'!$G$21=$B$17,14,0)+IF('Standard Profiles'!$G$21=$B$24,21,0),MOD($C2759,24)+1)/SUM(INDEX($D$3:$AA$30,INDEX(Jesper!$R$2:$R$366,ROW(INDEX(Jesper!AK$2:AK$366,ROUNDDOWN($C2759/24,0)+1,1))-1)+IF('Standard Profiles'!$G$21=$B$10,7,0)+IF('Standard Profiles'!$G$21=$B$17,14,0)+IF('Standard Profiles'!$G$21=$B$24,21,0),0)),0)</f>
        <v>2.7609733694706118</v>
      </c>
      <c r="H2759" cm="1">
        <f t="array" ref="H2759">IFERROR(INDEX(Jesper!AL$2:AL$366,ROUNDDOWN($C2759/24,0)+1,1)*INDEX($D$3:$AA$30,INDEX(Jesper!$R$2:$R$366,ROW(INDEX(Jesper!AL$2:AL$366,ROUNDDOWN($C2759/24,0)+1,1))-1)+IF('Standard Profiles'!$G$22=$B$10,7,0)+IF('Standard Profiles'!$G$22=$B$17,14,0)+IF('Standard Profiles'!$G$22=$B$24,21,0),MOD($C2759,24)+1)/SUM(INDEX($D$3:$AA$30,INDEX(Jesper!$R$2:$R$366,ROW(INDEX(Jesper!AL$2:AL$366,ROUNDDOWN($C2759/24,0)+1,1))-1)+IF('Standard Profiles'!$G$22=$B$10,7,0)+IF('Standard Profiles'!$G$22=$B$17,14,0)+IF('Standard Profiles'!$G$22=$B$24,21,0),0)),0)</f>
        <v>0</v>
      </c>
      <c r="I2759">
        <f t="shared" si="314"/>
        <v>1.325267217345893</v>
      </c>
      <c r="J2759">
        <f t="shared" si="315"/>
        <v>34.438014521002579</v>
      </c>
      <c r="K2759">
        <f t="shared" si="316"/>
        <v>2.4560635904016217</v>
      </c>
      <c r="L2759">
        <f t="shared" si="317"/>
        <v>1.2280317952008108</v>
      </c>
      <c r="M2759">
        <f t="shared" si="318"/>
        <v>0</v>
      </c>
      <c r="N2759" s="45">
        <f t="shared" si="319"/>
        <v>45040.541666660058</v>
      </c>
    </row>
    <row r="2760" spans="2:14" x14ac:dyDescent="0.25">
      <c r="B2760">
        <f t="shared" si="313"/>
        <v>1</v>
      </c>
      <c r="C2760" s="16">
        <v>2726</v>
      </c>
      <c r="D2760" cm="1">
        <f t="array" ref="D2760">IFERROR(INDEX(Jesper!AH$2:AH$366,ROUNDDOWN($C2760/24,0)+1,1)*INDEX($D$3:$AA$30,INDEX(Jesper!$R$2:$R$366,ROW(INDEX(Jesper!AH$2:AH$366,ROUNDDOWN($C2760/24,0)+1,1))-1)+IF('Standard Profiles'!$G$18=$B$10,7,0)+IF('Standard Profiles'!$G$18=$B$17,14,0)+IF('Standard Profiles'!$G$18=$B$24,21,0),MOD($C2760,24)+1)/SUM(INDEX($D$3:$AA$30,INDEX(Jesper!$R$2:$R$366,ROW(INDEX(Jesper!AH$2:AH$366,ROUNDDOWN($C2760/24,0)+1,1))-1)+IF('Standard Profiles'!$G$18=$B$10,7,0)+IF('Standard Profiles'!$G$18=$B$17,14,0)+IF('Standard Profiles'!$G$18=$B$24,21,0),0)),0)</f>
        <v>34.538394240022797</v>
      </c>
      <c r="E2760" cm="1">
        <f t="array" ref="E2760">IFERROR(INDEX(Jesper!AI$2:AI$366,ROUNDDOWN($C2760/24,0)+1,1)*INDEX($D$3:$AA$30,INDEX(Jesper!$R$2:$R$366,ROW(INDEX(Jesper!AI$2:AI$366,ROUNDDOWN($C2760/24,0)+1,1))-1)+IF('Standard Profiles'!$G$19=$B$10,7,0)+IF('Standard Profiles'!$G$19=$B$17,14,0)+IF('Standard Profiles'!$G$19=$B$24,21,0),MOD($C2760,24)+1)/SUM(INDEX($D$3:$AA$30,INDEX(Jesper!$R$2:$R$366,ROW(INDEX(Jesper!AI$2:AI$366,ROUNDDOWN($C2760/24,0)+1,1))-1)+IF('Standard Profiles'!$G$19=$B$10,7,0)+IF('Standard Profiles'!$G$19=$B$17,14,0)+IF('Standard Profiles'!$G$19=$B$24,21,0),0)),0)</f>
        <v>20.491211391697636</v>
      </c>
      <c r="F2760" cm="1">
        <f t="array" ref="F2760">IFERROR(INDEX(Jesper!AJ$2:AJ$366,ROUNDDOWN($C2760/24,0)+1,1)*INDEX($D$3:$AA$30,INDEX(Jesper!$R$2:$R$366,ROW(INDEX(Jesper!AJ$2:AJ$366,ROUNDDOWN($C2760/24,0)+1,1))-1)+IF('Standard Profiles'!$G$20=$B$10,7,0)+IF('Standard Profiles'!$G$20=$B$17,14,0)+IF('Standard Profiles'!$G$20=$B$24,21,0),MOD($C2760,24)+1)/SUM(INDEX($D$3:$AA$30,INDEX(Jesper!$R$2:$R$366,ROW(INDEX(Jesper!AJ$2:AJ$366,ROUNDDOWN($C2760/24,0)+1,1))-1)+IF('Standard Profiles'!$G$20=$B$10,7,0)+IF('Standard Profiles'!$G$20=$B$17,14,0)+IF('Standard Profiles'!$G$20=$B$24,21,0),0)),0)</f>
        <v>0</v>
      </c>
      <c r="G2760" cm="1">
        <f t="array" ref="G2760">IFERROR(INDEX(Jesper!AK$2:AK$366,ROUNDDOWN($C2760/24,0)+1,1)*INDEX($D$3:$AA$30,INDEX(Jesper!$R$2:$R$366,ROW(INDEX(Jesper!AK$2:AK$366,ROUNDDOWN($C2760/24,0)+1,1))-1)+IF('Standard Profiles'!$G$21=$B$10,7,0)+IF('Standard Profiles'!$G$21=$B$17,14,0)+IF('Standard Profiles'!$G$21=$B$24,21,0),MOD($C2760,24)+1)/SUM(INDEX($D$3:$AA$30,INDEX(Jesper!$R$2:$R$366,ROW(INDEX(Jesper!AK$2:AK$366,ROUNDDOWN($C2760/24,0)+1,1))-1)+IF('Standard Profiles'!$G$21=$B$10,7,0)+IF('Standard Profiles'!$G$21=$B$17,14,0)+IF('Standard Profiles'!$G$21=$B$24,21,0),0)),0)</f>
        <v>4.1414600542059166</v>
      </c>
      <c r="H2760" cm="1">
        <f t="array" ref="H2760">IFERROR(INDEX(Jesper!AL$2:AL$366,ROUNDDOWN($C2760/24,0)+1,1)*INDEX($D$3:$AA$30,INDEX(Jesper!$R$2:$R$366,ROW(INDEX(Jesper!AL$2:AL$366,ROUNDDOWN($C2760/24,0)+1,1))-1)+IF('Standard Profiles'!$G$22=$B$10,7,0)+IF('Standard Profiles'!$G$22=$B$17,14,0)+IF('Standard Profiles'!$G$22=$B$24,21,0),MOD($C2760,24)+1)/SUM(INDEX($D$3:$AA$30,INDEX(Jesper!$R$2:$R$366,ROW(INDEX(Jesper!AL$2:AL$366,ROUNDDOWN($C2760/24,0)+1,1))-1)+IF('Standard Profiles'!$G$22=$B$10,7,0)+IF('Standard Profiles'!$G$22=$B$17,14,0)+IF('Standard Profiles'!$G$22=$B$24,21,0),0)),0)</f>
        <v>0</v>
      </c>
      <c r="I2760">
        <f t="shared" si="314"/>
        <v>1.9879008260188389</v>
      </c>
      <c r="J2760">
        <f t="shared" si="315"/>
        <v>51.657021781503857</v>
      </c>
      <c r="K2760">
        <f t="shared" si="316"/>
        <v>3.6840953856024319</v>
      </c>
      <c r="L2760">
        <f t="shared" si="317"/>
        <v>1.8420476928012159</v>
      </c>
      <c r="M2760">
        <f t="shared" si="318"/>
        <v>0</v>
      </c>
      <c r="N2760" s="45">
        <f t="shared" si="319"/>
        <v>45040.583333326722</v>
      </c>
    </row>
    <row r="2761" spans="2:14" x14ac:dyDescent="0.25">
      <c r="B2761">
        <f t="shared" si="313"/>
        <v>1</v>
      </c>
      <c r="C2761" s="16">
        <v>2727</v>
      </c>
      <c r="D2761" cm="1">
        <f t="array" ref="D2761">IFERROR(INDEX(Jesper!AH$2:AH$366,ROUNDDOWN($C2761/24,0)+1,1)*INDEX($D$3:$AA$30,INDEX(Jesper!$R$2:$R$366,ROW(INDEX(Jesper!AH$2:AH$366,ROUNDDOWN($C2761/24,0)+1,1))-1)+IF('Standard Profiles'!$G$18=$B$10,7,0)+IF('Standard Profiles'!$G$18=$B$17,14,0)+IF('Standard Profiles'!$G$18=$B$24,21,0),MOD($C2761,24)+1)/SUM(INDEX($D$3:$AA$30,INDEX(Jesper!$R$2:$R$366,ROW(INDEX(Jesper!AH$2:AH$366,ROUNDDOWN($C2761/24,0)+1,1))-1)+IF('Standard Profiles'!$G$18=$B$10,7,0)+IF('Standard Profiles'!$G$18=$B$17,14,0)+IF('Standard Profiles'!$G$18=$B$24,21,0),0)),0)</f>
        <v>34.538394240022797</v>
      </c>
      <c r="E2761" cm="1">
        <f t="array" ref="E2761">IFERROR(INDEX(Jesper!AI$2:AI$366,ROUNDDOWN($C2761/24,0)+1,1)*INDEX($D$3:$AA$30,INDEX(Jesper!$R$2:$R$366,ROW(INDEX(Jesper!AI$2:AI$366,ROUNDDOWN($C2761/24,0)+1,1))-1)+IF('Standard Profiles'!$G$19=$B$10,7,0)+IF('Standard Profiles'!$G$19=$B$17,14,0)+IF('Standard Profiles'!$G$19=$B$24,21,0),MOD($C2761,24)+1)/SUM(INDEX($D$3:$AA$30,INDEX(Jesper!$R$2:$R$366,ROW(INDEX(Jesper!AI$2:AI$366,ROUNDDOWN($C2761/24,0)+1,1))-1)+IF('Standard Profiles'!$G$19=$B$10,7,0)+IF('Standard Profiles'!$G$19=$B$17,14,0)+IF('Standard Profiles'!$G$19=$B$24,21,0),0)),0)</f>
        <v>20.491211391697636</v>
      </c>
      <c r="F2761" cm="1">
        <f t="array" ref="F2761">IFERROR(INDEX(Jesper!AJ$2:AJ$366,ROUNDDOWN($C2761/24,0)+1,1)*INDEX($D$3:$AA$30,INDEX(Jesper!$R$2:$R$366,ROW(INDEX(Jesper!AJ$2:AJ$366,ROUNDDOWN($C2761/24,0)+1,1))-1)+IF('Standard Profiles'!$G$20=$B$10,7,0)+IF('Standard Profiles'!$G$20=$B$17,14,0)+IF('Standard Profiles'!$G$20=$B$24,21,0),MOD($C2761,24)+1)/SUM(INDEX($D$3:$AA$30,INDEX(Jesper!$R$2:$R$366,ROW(INDEX(Jesper!AJ$2:AJ$366,ROUNDDOWN($C2761/24,0)+1,1))-1)+IF('Standard Profiles'!$G$20=$B$10,7,0)+IF('Standard Profiles'!$G$20=$B$17,14,0)+IF('Standard Profiles'!$G$20=$B$24,21,0),0)),0)</f>
        <v>0</v>
      </c>
      <c r="G2761" cm="1">
        <f t="array" ref="G2761">IFERROR(INDEX(Jesper!AK$2:AK$366,ROUNDDOWN($C2761/24,0)+1,1)*INDEX($D$3:$AA$30,INDEX(Jesper!$R$2:$R$366,ROW(INDEX(Jesper!AK$2:AK$366,ROUNDDOWN($C2761/24,0)+1,1))-1)+IF('Standard Profiles'!$G$21=$B$10,7,0)+IF('Standard Profiles'!$G$21=$B$17,14,0)+IF('Standard Profiles'!$G$21=$B$24,21,0),MOD($C2761,24)+1)/SUM(INDEX($D$3:$AA$30,INDEX(Jesper!$R$2:$R$366,ROW(INDEX(Jesper!AK$2:AK$366,ROUNDDOWN($C2761/24,0)+1,1))-1)+IF('Standard Profiles'!$G$21=$B$10,7,0)+IF('Standard Profiles'!$G$21=$B$17,14,0)+IF('Standard Profiles'!$G$21=$B$24,21,0),0)),0)</f>
        <v>4.1414600542059166</v>
      </c>
      <c r="H2761" cm="1">
        <f t="array" ref="H2761">IFERROR(INDEX(Jesper!AL$2:AL$366,ROUNDDOWN($C2761/24,0)+1,1)*INDEX($D$3:$AA$30,INDEX(Jesper!$R$2:$R$366,ROW(INDEX(Jesper!AL$2:AL$366,ROUNDDOWN($C2761/24,0)+1,1))-1)+IF('Standard Profiles'!$G$22=$B$10,7,0)+IF('Standard Profiles'!$G$22=$B$17,14,0)+IF('Standard Profiles'!$G$22=$B$24,21,0),MOD($C2761,24)+1)/SUM(INDEX($D$3:$AA$30,INDEX(Jesper!$R$2:$R$366,ROW(INDEX(Jesper!AL$2:AL$366,ROUNDDOWN($C2761/24,0)+1,1))-1)+IF('Standard Profiles'!$G$22=$B$10,7,0)+IF('Standard Profiles'!$G$22=$B$17,14,0)+IF('Standard Profiles'!$G$22=$B$24,21,0),0)),0)</f>
        <v>0</v>
      </c>
      <c r="I2761">
        <f t="shared" si="314"/>
        <v>1.9879008260188389</v>
      </c>
      <c r="J2761">
        <f t="shared" si="315"/>
        <v>51.657021781503857</v>
      </c>
      <c r="K2761">
        <f t="shared" si="316"/>
        <v>3.6840953856024319</v>
      </c>
      <c r="L2761">
        <f t="shared" si="317"/>
        <v>1.8420476928012159</v>
      </c>
      <c r="M2761">
        <f t="shared" si="318"/>
        <v>0</v>
      </c>
      <c r="N2761" s="45">
        <f t="shared" si="319"/>
        <v>45040.624999993386</v>
      </c>
    </row>
    <row r="2762" spans="2:14" x14ac:dyDescent="0.25">
      <c r="B2762">
        <f t="shared" si="313"/>
        <v>1</v>
      </c>
      <c r="C2762" s="16">
        <v>2728</v>
      </c>
      <c r="D2762" cm="1">
        <f t="array" ref="D2762">IFERROR(INDEX(Jesper!AH$2:AH$366,ROUNDDOWN($C2762/24,0)+1,1)*INDEX($D$3:$AA$30,INDEX(Jesper!$R$2:$R$366,ROW(INDEX(Jesper!AH$2:AH$366,ROUNDDOWN($C2762/24,0)+1,1))-1)+IF('Standard Profiles'!$G$18=$B$10,7,0)+IF('Standard Profiles'!$G$18=$B$17,14,0)+IF('Standard Profiles'!$G$18=$B$24,21,0),MOD($C2762,24)+1)/SUM(INDEX($D$3:$AA$30,INDEX(Jesper!$R$2:$R$366,ROW(INDEX(Jesper!AH$2:AH$366,ROUNDDOWN($C2762/24,0)+1,1))-1)+IF('Standard Profiles'!$G$18=$B$10,7,0)+IF('Standard Profiles'!$G$18=$B$17,14,0)+IF('Standard Profiles'!$G$18=$B$24,21,0),0)),0)</f>
        <v>20.147396640013302</v>
      </c>
      <c r="E2762" cm="1">
        <f t="array" ref="E2762">IFERROR(INDEX(Jesper!AI$2:AI$366,ROUNDDOWN($C2762/24,0)+1,1)*INDEX($D$3:$AA$30,INDEX(Jesper!$R$2:$R$366,ROW(INDEX(Jesper!AI$2:AI$366,ROUNDDOWN($C2762/24,0)+1,1))-1)+IF('Standard Profiles'!$G$19=$B$10,7,0)+IF('Standard Profiles'!$G$19=$B$17,14,0)+IF('Standard Profiles'!$G$19=$B$24,21,0),MOD($C2762,24)+1)/SUM(INDEX($D$3:$AA$30,INDEX(Jesper!$R$2:$R$366,ROW(INDEX(Jesper!AI$2:AI$366,ROUNDDOWN($C2762/24,0)+1,1))-1)+IF('Standard Profiles'!$G$19=$B$10,7,0)+IF('Standard Profiles'!$G$19=$B$17,14,0)+IF('Standard Profiles'!$G$19=$B$24,21,0),0)),0)</f>
        <v>11.953206645156953</v>
      </c>
      <c r="F2762" cm="1">
        <f t="array" ref="F2762">IFERROR(INDEX(Jesper!AJ$2:AJ$366,ROUNDDOWN($C2762/24,0)+1,1)*INDEX($D$3:$AA$30,INDEX(Jesper!$R$2:$R$366,ROW(INDEX(Jesper!AJ$2:AJ$366,ROUNDDOWN($C2762/24,0)+1,1))-1)+IF('Standard Profiles'!$G$20=$B$10,7,0)+IF('Standard Profiles'!$G$20=$B$17,14,0)+IF('Standard Profiles'!$G$20=$B$24,21,0),MOD($C2762,24)+1)/SUM(INDEX($D$3:$AA$30,INDEX(Jesper!$R$2:$R$366,ROW(INDEX(Jesper!AJ$2:AJ$366,ROUNDDOWN($C2762/24,0)+1,1))-1)+IF('Standard Profiles'!$G$20=$B$10,7,0)+IF('Standard Profiles'!$G$20=$B$17,14,0)+IF('Standard Profiles'!$G$20=$B$24,21,0),0)),0)</f>
        <v>0</v>
      </c>
      <c r="G2762" cm="1">
        <f t="array" ref="G2762">IFERROR(INDEX(Jesper!AK$2:AK$366,ROUNDDOWN($C2762/24,0)+1,1)*INDEX($D$3:$AA$30,INDEX(Jesper!$R$2:$R$366,ROW(INDEX(Jesper!AK$2:AK$366,ROUNDDOWN($C2762/24,0)+1,1))-1)+IF('Standard Profiles'!$G$21=$B$10,7,0)+IF('Standard Profiles'!$G$21=$B$17,14,0)+IF('Standard Profiles'!$G$21=$B$24,21,0),MOD($C2762,24)+1)/SUM(INDEX($D$3:$AA$30,INDEX(Jesper!$R$2:$R$366,ROW(INDEX(Jesper!AK$2:AK$366,ROUNDDOWN($C2762/24,0)+1,1))-1)+IF('Standard Profiles'!$G$21=$B$10,7,0)+IF('Standard Profiles'!$G$21=$B$17,14,0)+IF('Standard Profiles'!$G$21=$B$24,21,0),0)),0)</f>
        <v>3.4512167118382644</v>
      </c>
      <c r="H2762" cm="1">
        <f t="array" ref="H2762">IFERROR(INDEX(Jesper!AL$2:AL$366,ROUNDDOWN($C2762/24,0)+1,1)*INDEX($D$3:$AA$30,INDEX(Jesper!$R$2:$R$366,ROW(INDEX(Jesper!AL$2:AL$366,ROUNDDOWN($C2762/24,0)+1,1))-1)+IF('Standard Profiles'!$G$22=$B$10,7,0)+IF('Standard Profiles'!$G$22=$B$17,14,0)+IF('Standard Profiles'!$G$22=$B$24,21,0),MOD($C2762,24)+1)/SUM(INDEX($D$3:$AA$30,INDEX(Jesper!$R$2:$R$366,ROW(INDEX(Jesper!AL$2:AL$366,ROUNDDOWN($C2762/24,0)+1,1))-1)+IF('Standard Profiles'!$G$22=$B$10,7,0)+IF('Standard Profiles'!$G$22=$B$17,14,0)+IF('Standard Profiles'!$G$22=$B$24,21,0),0)),0)</f>
        <v>0</v>
      </c>
      <c r="I2762">
        <f t="shared" si="314"/>
        <v>1.6565840216823662</v>
      </c>
      <c r="J2762">
        <f t="shared" si="315"/>
        <v>30.671652512924023</v>
      </c>
      <c r="K2762">
        <f t="shared" si="316"/>
        <v>2.1490556416014188</v>
      </c>
      <c r="L2762">
        <f t="shared" si="317"/>
        <v>1.0745278208007094</v>
      </c>
      <c r="M2762">
        <f t="shared" si="318"/>
        <v>0</v>
      </c>
      <c r="N2762" s="45">
        <f t="shared" si="319"/>
        <v>45040.66666666005</v>
      </c>
    </row>
    <row r="2763" spans="2:14" x14ac:dyDescent="0.25">
      <c r="B2763">
        <f t="shared" si="313"/>
        <v>1</v>
      </c>
      <c r="C2763" s="16">
        <v>2729</v>
      </c>
      <c r="D2763" cm="1">
        <f t="array" ref="D2763">IFERROR(INDEX(Jesper!AH$2:AH$366,ROUNDDOWN($C2763/24,0)+1,1)*INDEX($D$3:$AA$30,INDEX(Jesper!$R$2:$R$366,ROW(INDEX(Jesper!AH$2:AH$366,ROUNDDOWN($C2763/24,0)+1,1))-1)+IF('Standard Profiles'!$G$18=$B$10,7,0)+IF('Standard Profiles'!$G$18=$B$17,14,0)+IF('Standard Profiles'!$G$18=$B$24,21,0),MOD($C2763,24)+1)/SUM(INDEX($D$3:$AA$30,INDEX(Jesper!$R$2:$R$366,ROW(INDEX(Jesper!AH$2:AH$366,ROUNDDOWN($C2763/24,0)+1,1))-1)+IF('Standard Profiles'!$G$18=$B$10,7,0)+IF('Standard Profiles'!$G$18=$B$17,14,0)+IF('Standard Profiles'!$G$18=$B$24,21,0),0)),0)</f>
        <v>5.7563990400038003</v>
      </c>
      <c r="E2763" cm="1">
        <f t="array" ref="E2763">IFERROR(INDEX(Jesper!AI$2:AI$366,ROUNDDOWN($C2763/24,0)+1,1)*INDEX($D$3:$AA$30,INDEX(Jesper!$R$2:$R$366,ROW(INDEX(Jesper!AI$2:AI$366,ROUNDDOWN($C2763/24,0)+1,1))-1)+IF('Standard Profiles'!$G$19=$B$10,7,0)+IF('Standard Profiles'!$G$19=$B$17,14,0)+IF('Standard Profiles'!$G$19=$B$24,21,0),MOD($C2763,24)+1)/SUM(INDEX($D$3:$AA$30,INDEX(Jesper!$R$2:$R$366,ROW(INDEX(Jesper!AI$2:AI$366,ROUNDDOWN($C2763/24,0)+1,1))-1)+IF('Standard Profiles'!$G$19=$B$10,7,0)+IF('Standard Profiles'!$G$19=$B$17,14,0)+IF('Standard Profiles'!$G$19=$B$24,21,0),0)),0)</f>
        <v>3.4152018986162731</v>
      </c>
      <c r="F2763" cm="1">
        <f t="array" ref="F2763">IFERROR(INDEX(Jesper!AJ$2:AJ$366,ROUNDDOWN($C2763/24,0)+1,1)*INDEX($D$3:$AA$30,INDEX(Jesper!$R$2:$R$366,ROW(INDEX(Jesper!AJ$2:AJ$366,ROUNDDOWN($C2763/24,0)+1,1))-1)+IF('Standard Profiles'!$G$20=$B$10,7,0)+IF('Standard Profiles'!$G$20=$B$17,14,0)+IF('Standard Profiles'!$G$20=$B$24,21,0),MOD($C2763,24)+1)/SUM(INDEX($D$3:$AA$30,INDEX(Jesper!$R$2:$R$366,ROW(INDEX(Jesper!AJ$2:AJ$366,ROUNDDOWN($C2763/24,0)+1,1))-1)+IF('Standard Profiles'!$G$20=$B$10,7,0)+IF('Standard Profiles'!$G$20=$B$17,14,0)+IF('Standard Profiles'!$G$20=$B$24,21,0),0)),0)</f>
        <v>0</v>
      </c>
      <c r="G2763" cm="1">
        <f t="array" ref="G2763">IFERROR(INDEX(Jesper!AK$2:AK$366,ROUNDDOWN($C2763/24,0)+1,1)*INDEX($D$3:$AA$30,INDEX(Jesper!$R$2:$R$366,ROW(INDEX(Jesper!AK$2:AK$366,ROUNDDOWN($C2763/24,0)+1,1))-1)+IF('Standard Profiles'!$G$21=$B$10,7,0)+IF('Standard Profiles'!$G$21=$B$17,14,0)+IF('Standard Profiles'!$G$21=$B$24,21,0),MOD($C2763,24)+1)/SUM(INDEX($D$3:$AA$30,INDEX(Jesper!$R$2:$R$366,ROW(INDEX(Jesper!AK$2:AK$366,ROUNDDOWN($C2763/24,0)+1,1))-1)+IF('Standard Profiles'!$G$21=$B$10,7,0)+IF('Standard Profiles'!$G$21=$B$17,14,0)+IF('Standard Profiles'!$G$21=$B$24,21,0),0)),0)</f>
        <v>2.7768410325135462</v>
      </c>
      <c r="H2763" cm="1">
        <f t="array" ref="H2763">IFERROR(INDEX(Jesper!AL$2:AL$366,ROUNDDOWN($C2763/24,0)+1,1)*INDEX($D$3:$AA$30,INDEX(Jesper!$R$2:$R$366,ROW(INDEX(Jesper!AL$2:AL$366,ROUNDDOWN($C2763/24,0)+1,1))-1)+IF('Standard Profiles'!$G$22=$B$10,7,0)+IF('Standard Profiles'!$G$22=$B$17,14,0)+IF('Standard Profiles'!$G$22=$B$24,21,0),MOD($C2763,24)+1)/SUM(INDEX($D$3:$AA$30,INDEX(Jesper!$R$2:$R$366,ROW(INDEX(Jesper!AL$2:AL$366,ROUNDDOWN($C2763/24,0)+1,1))-1)+IF('Standard Profiles'!$G$22=$B$10,7,0)+IF('Standard Profiles'!$G$22=$B$17,14,0)+IF('Standard Profiles'!$G$22=$B$24,21,0),0)),0)</f>
        <v>0</v>
      </c>
      <c r="I2763">
        <f t="shared" si="314"/>
        <v>1.3328836956065016</v>
      </c>
      <c r="J2763">
        <f t="shared" si="315"/>
        <v>9.6945344291265094</v>
      </c>
      <c r="K2763">
        <f t="shared" si="316"/>
        <v>0.61401589760040542</v>
      </c>
      <c r="L2763">
        <f t="shared" si="317"/>
        <v>0.30700794880020271</v>
      </c>
      <c r="M2763">
        <f t="shared" si="318"/>
        <v>0</v>
      </c>
      <c r="N2763" s="45">
        <f t="shared" si="319"/>
        <v>45040.708333326715</v>
      </c>
    </row>
    <row r="2764" spans="2:14" x14ac:dyDescent="0.25">
      <c r="B2764">
        <f t="shared" si="313"/>
        <v>1</v>
      </c>
      <c r="C2764" s="16">
        <v>2730</v>
      </c>
      <c r="D2764" cm="1">
        <f t="array" ref="D2764">IFERROR(INDEX(Jesper!AH$2:AH$366,ROUNDDOWN($C2764/24,0)+1,1)*INDEX($D$3:$AA$30,INDEX(Jesper!$R$2:$R$366,ROW(INDEX(Jesper!AH$2:AH$366,ROUNDDOWN($C2764/24,0)+1,1))-1)+IF('Standard Profiles'!$G$18=$B$10,7,0)+IF('Standard Profiles'!$G$18=$B$17,14,0)+IF('Standard Profiles'!$G$18=$B$24,21,0),MOD($C2764,24)+1)/SUM(INDEX($D$3:$AA$30,INDEX(Jesper!$R$2:$R$366,ROW(INDEX(Jesper!AH$2:AH$366,ROUNDDOWN($C2764/24,0)+1,1))-1)+IF('Standard Profiles'!$G$18=$B$10,7,0)+IF('Standard Profiles'!$G$18=$B$17,14,0)+IF('Standard Profiles'!$G$18=$B$24,21,0),0)),0)</f>
        <v>5.6753229971868455</v>
      </c>
      <c r="E2764" cm="1">
        <f t="array" ref="E2764">IFERROR(INDEX(Jesper!AI$2:AI$366,ROUNDDOWN($C2764/24,0)+1,1)*INDEX($D$3:$AA$30,INDEX(Jesper!$R$2:$R$366,ROW(INDEX(Jesper!AI$2:AI$366,ROUNDDOWN($C2764/24,0)+1,1))-1)+IF('Standard Profiles'!$G$19=$B$10,7,0)+IF('Standard Profiles'!$G$19=$B$17,14,0)+IF('Standard Profiles'!$G$19=$B$24,21,0),MOD($C2764,24)+1)/SUM(INDEX($D$3:$AA$30,INDEX(Jesper!$R$2:$R$366,ROW(INDEX(Jesper!AI$2:AI$366,ROUNDDOWN($C2764/24,0)+1,1))-1)+IF('Standard Profiles'!$G$19=$B$10,7,0)+IF('Standard Profiles'!$G$19=$B$17,14,0)+IF('Standard Profiles'!$G$19=$B$24,21,0),0)),0)</f>
        <v>3.3671004634244941</v>
      </c>
      <c r="F2764" cm="1">
        <f t="array" ref="F2764">IFERROR(INDEX(Jesper!AJ$2:AJ$366,ROUNDDOWN($C2764/24,0)+1,1)*INDEX($D$3:$AA$30,INDEX(Jesper!$R$2:$R$366,ROW(INDEX(Jesper!AJ$2:AJ$366,ROUNDDOWN($C2764/24,0)+1,1))-1)+IF('Standard Profiles'!$G$20=$B$10,7,0)+IF('Standard Profiles'!$G$20=$B$17,14,0)+IF('Standard Profiles'!$G$20=$B$24,21,0),MOD($C2764,24)+1)/SUM(INDEX($D$3:$AA$30,INDEX(Jesper!$R$2:$R$366,ROW(INDEX(Jesper!AJ$2:AJ$366,ROUNDDOWN($C2764/24,0)+1,1))-1)+IF('Standard Profiles'!$G$20=$B$10,7,0)+IF('Standard Profiles'!$G$20=$B$17,14,0)+IF('Standard Profiles'!$G$20=$B$24,21,0),0)),0)</f>
        <v>0</v>
      </c>
      <c r="G2764" cm="1">
        <f t="array" ref="G2764">IFERROR(INDEX(Jesper!AK$2:AK$366,ROUNDDOWN($C2764/24,0)+1,1)*INDEX($D$3:$AA$30,INDEX(Jesper!$R$2:$R$366,ROW(INDEX(Jesper!AK$2:AK$366,ROUNDDOWN($C2764/24,0)+1,1))-1)+IF('Standard Profiles'!$G$21=$B$10,7,0)+IF('Standard Profiles'!$G$21=$B$17,14,0)+IF('Standard Profiles'!$G$21=$B$24,21,0),MOD($C2764,24)+1)/SUM(INDEX($D$3:$AA$30,INDEX(Jesper!$R$2:$R$366,ROW(INDEX(Jesper!AK$2:AK$366,ROUNDDOWN($C2764/24,0)+1,1))-1)+IF('Standard Profiles'!$G$21=$B$10,7,0)+IF('Standard Profiles'!$G$21=$B$17,14,0)+IF('Standard Profiles'!$G$21=$B$24,21,0),0)),0)</f>
        <v>0.9917289401834094</v>
      </c>
      <c r="H2764" cm="1">
        <f t="array" ref="H2764">IFERROR(INDEX(Jesper!AL$2:AL$366,ROUNDDOWN($C2764/24,0)+1,1)*INDEX($D$3:$AA$30,INDEX(Jesper!$R$2:$R$366,ROW(INDEX(Jesper!AL$2:AL$366,ROUNDDOWN($C2764/24,0)+1,1))-1)+IF('Standard Profiles'!$G$22=$B$10,7,0)+IF('Standard Profiles'!$G$22=$B$17,14,0)+IF('Standard Profiles'!$G$22=$B$24,21,0),MOD($C2764,24)+1)/SUM(INDEX($D$3:$AA$30,INDEX(Jesper!$R$2:$R$366,ROW(INDEX(Jesper!AL$2:AL$366,ROUNDDOWN($C2764/24,0)+1,1))-1)+IF('Standard Profiles'!$G$22=$B$10,7,0)+IF('Standard Profiles'!$G$22=$B$17,14,0)+IF('Standard Profiles'!$G$22=$B$24,21,0),0)),0)</f>
        <v>0</v>
      </c>
      <c r="I2764">
        <f t="shared" si="314"/>
        <v>0.4760298912880363</v>
      </c>
      <c r="J2764">
        <f t="shared" si="315"/>
        <v>8.6500708299568156</v>
      </c>
      <c r="K2764">
        <f t="shared" si="316"/>
        <v>0.60536778636659694</v>
      </c>
      <c r="L2764">
        <f t="shared" si="317"/>
        <v>0.30268389318329847</v>
      </c>
      <c r="M2764">
        <f t="shared" si="318"/>
        <v>0</v>
      </c>
      <c r="N2764" s="45">
        <f t="shared" si="319"/>
        <v>45040.749999993379</v>
      </c>
    </row>
    <row r="2765" spans="2:14" x14ac:dyDescent="0.25">
      <c r="B2765">
        <f t="shared" si="313"/>
        <v>1</v>
      </c>
      <c r="C2765" s="16">
        <v>2731</v>
      </c>
      <c r="D2765" cm="1">
        <f t="array" ref="D2765">IFERROR(INDEX(Jesper!AH$2:AH$366,ROUNDDOWN($C2765/24,0)+1,1)*INDEX($D$3:$AA$30,INDEX(Jesper!$R$2:$R$366,ROW(INDEX(Jesper!AH$2:AH$366,ROUNDDOWN($C2765/24,0)+1,1))-1)+IF('Standard Profiles'!$G$18=$B$10,7,0)+IF('Standard Profiles'!$G$18=$B$17,14,0)+IF('Standard Profiles'!$G$18=$B$24,21,0),MOD($C2765,24)+1)/SUM(INDEX($D$3:$AA$30,INDEX(Jesper!$R$2:$R$366,ROW(INDEX(Jesper!AH$2:AH$366,ROUNDDOWN($C2765/24,0)+1,1))-1)+IF('Standard Profiles'!$G$18=$B$10,7,0)+IF('Standard Profiles'!$G$18=$B$17,14,0)+IF('Standard Profiles'!$G$18=$B$24,21,0),0)),0)</f>
        <v>5.6753229971868455</v>
      </c>
      <c r="E2765" cm="1">
        <f t="array" ref="E2765">IFERROR(INDEX(Jesper!AI$2:AI$366,ROUNDDOWN($C2765/24,0)+1,1)*INDEX($D$3:$AA$30,INDEX(Jesper!$R$2:$R$366,ROW(INDEX(Jesper!AI$2:AI$366,ROUNDDOWN($C2765/24,0)+1,1))-1)+IF('Standard Profiles'!$G$19=$B$10,7,0)+IF('Standard Profiles'!$G$19=$B$17,14,0)+IF('Standard Profiles'!$G$19=$B$24,21,0),MOD($C2765,24)+1)/SUM(INDEX($D$3:$AA$30,INDEX(Jesper!$R$2:$R$366,ROW(INDEX(Jesper!AI$2:AI$366,ROUNDDOWN($C2765/24,0)+1,1))-1)+IF('Standard Profiles'!$G$19=$B$10,7,0)+IF('Standard Profiles'!$G$19=$B$17,14,0)+IF('Standard Profiles'!$G$19=$B$24,21,0),0)),0)</f>
        <v>3.3671004634244941</v>
      </c>
      <c r="F2765" cm="1">
        <f t="array" ref="F2765">IFERROR(INDEX(Jesper!AJ$2:AJ$366,ROUNDDOWN($C2765/24,0)+1,1)*INDEX($D$3:$AA$30,INDEX(Jesper!$R$2:$R$366,ROW(INDEX(Jesper!AJ$2:AJ$366,ROUNDDOWN($C2765/24,0)+1,1))-1)+IF('Standard Profiles'!$G$20=$B$10,7,0)+IF('Standard Profiles'!$G$20=$B$17,14,0)+IF('Standard Profiles'!$G$20=$B$24,21,0),MOD($C2765,24)+1)/SUM(INDEX($D$3:$AA$30,INDEX(Jesper!$R$2:$R$366,ROW(INDEX(Jesper!AJ$2:AJ$366,ROUNDDOWN($C2765/24,0)+1,1))-1)+IF('Standard Profiles'!$G$20=$B$10,7,0)+IF('Standard Profiles'!$G$20=$B$17,14,0)+IF('Standard Profiles'!$G$20=$B$24,21,0),0)),0)</f>
        <v>0</v>
      </c>
      <c r="G2765" cm="1">
        <f t="array" ref="G2765">IFERROR(INDEX(Jesper!AK$2:AK$366,ROUNDDOWN($C2765/24,0)+1,1)*INDEX($D$3:$AA$30,INDEX(Jesper!$R$2:$R$366,ROW(INDEX(Jesper!AK$2:AK$366,ROUNDDOWN($C2765/24,0)+1,1))-1)+IF('Standard Profiles'!$G$21=$B$10,7,0)+IF('Standard Profiles'!$G$21=$B$17,14,0)+IF('Standard Profiles'!$G$21=$B$24,21,0),MOD($C2765,24)+1)/SUM(INDEX($D$3:$AA$30,INDEX(Jesper!$R$2:$R$366,ROW(INDEX(Jesper!AK$2:AK$366,ROUNDDOWN($C2765/24,0)+1,1))-1)+IF('Standard Profiles'!$G$21=$B$10,7,0)+IF('Standard Profiles'!$G$21=$B$17,14,0)+IF('Standard Profiles'!$G$21=$B$24,21,0),0)),0)</f>
        <v>0.9917289401834094</v>
      </c>
      <c r="H2765" cm="1">
        <f t="array" ref="H2765">IFERROR(INDEX(Jesper!AL$2:AL$366,ROUNDDOWN($C2765/24,0)+1,1)*INDEX($D$3:$AA$30,INDEX(Jesper!$R$2:$R$366,ROW(INDEX(Jesper!AL$2:AL$366,ROUNDDOWN($C2765/24,0)+1,1))-1)+IF('Standard Profiles'!$G$22=$B$10,7,0)+IF('Standard Profiles'!$G$22=$B$17,14,0)+IF('Standard Profiles'!$G$22=$B$24,21,0),MOD($C2765,24)+1)/SUM(INDEX($D$3:$AA$30,INDEX(Jesper!$R$2:$R$366,ROW(INDEX(Jesper!AL$2:AL$366,ROUNDDOWN($C2765/24,0)+1,1))-1)+IF('Standard Profiles'!$G$22=$B$10,7,0)+IF('Standard Profiles'!$G$22=$B$17,14,0)+IF('Standard Profiles'!$G$22=$B$24,21,0),0)),0)</f>
        <v>0</v>
      </c>
      <c r="I2765">
        <f t="shared" si="314"/>
        <v>0.4760298912880363</v>
      </c>
      <c r="J2765">
        <f t="shared" si="315"/>
        <v>8.6500708299568156</v>
      </c>
      <c r="K2765">
        <f t="shared" si="316"/>
        <v>0.60536778636659694</v>
      </c>
      <c r="L2765">
        <f t="shared" si="317"/>
        <v>0.30268389318329847</v>
      </c>
      <c r="M2765">
        <f t="shared" si="318"/>
        <v>0</v>
      </c>
      <c r="N2765" s="45">
        <f t="shared" si="319"/>
        <v>45040.791666660043</v>
      </c>
    </row>
    <row r="2766" spans="2:14" x14ac:dyDescent="0.25">
      <c r="B2766">
        <f t="shared" si="313"/>
        <v>1</v>
      </c>
      <c r="C2766" s="16">
        <v>2732</v>
      </c>
      <c r="D2766" cm="1">
        <f t="array" ref="D2766">IFERROR(INDEX(Jesper!AH$2:AH$366,ROUNDDOWN($C2766/24,0)+1,1)*INDEX($D$3:$AA$30,INDEX(Jesper!$R$2:$R$366,ROW(INDEX(Jesper!AH$2:AH$366,ROUNDDOWN($C2766/24,0)+1,1))-1)+IF('Standard Profiles'!$G$18=$B$10,7,0)+IF('Standard Profiles'!$G$18=$B$17,14,0)+IF('Standard Profiles'!$G$18=$B$24,21,0),MOD($C2766,24)+1)/SUM(INDEX($D$3:$AA$30,INDEX(Jesper!$R$2:$R$366,ROW(INDEX(Jesper!AH$2:AH$366,ROUNDDOWN($C2766/24,0)+1,1))-1)+IF('Standard Profiles'!$G$18=$B$10,7,0)+IF('Standard Profiles'!$G$18=$B$17,14,0)+IF('Standard Profiles'!$G$18=$B$24,21,0),0)),0)</f>
        <v>5.6753229971868455</v>
      </c>
      <c r="E2766" cm="1">
        <f t="array" ref="E2766">IFERROR(INDEX(Jesper!AI$2:AI$366,ROUNDDOWN($C2766/24,0)+1,1)*INDEX($D$3:$AA$30,INDEX(Jesper!$R$2:$R$366,ROW(INDEX(Jesper!AI$2:AI$366,ROUNDDOWN($C2766/24,0)+1,1))-1)+IF('Standard Profiles'!$G$19=$B$10,7,0)+IF('Standard Profiles'!$G$19=$B$17,14,0)+IF('Standard Profiles'!$G$19=$B$24,21,0),MOD($C2766,24)+1)/SUM(INDEX($D$3:$AA$30,INDEX(Jesper!$R$2:$R$366,ROW(INDEX(Jesper!AI$2:AI$366,ROUNDDOWN($C2766/24,0)+1,1))-1)+IF('Standard Profiles'!$G$19=$B$10,7,0)+IF('Standard Profiles'!$G$19=$B$17,14,0)+IF('Standard Profiles'!$G$19=$B$24,21,0),0)),0)</f>
        <v>3.3671004634244941</v>
      </c>
      <c r="F2766" cm="1">
        <f t="array" ref="F2766">IFERROR(INDEX(Jesper!AJ$2:AJ$366,ROUNDDOWN($C2766/24,0)+1,1)*INDEX($D$3:$AA$30,INDEX(Jesper!$R$2:$R$366,ROW(INDEX(Jesper!AJ$2:AJ$366,ROUNDDOWN($C2766/24,0)+1,1))-1)+IF('Standard Profiles'!$G$20=$B$10,7,0)+IF('Standard Profiles'!$G$20=$B$17,14,0)+IF('Standard Profiles'!$G$20=$B$24,21,0),MOD($C2766,24)+1)/SUM(INDEX($D$3:$AA$30,INDEX(Jesper!$R$2:$R$366,ROW(INDEX(Jesper!AJ$2:AJ$366,ROUNDDOWN($C2766/24,0)+1,1))-1)+IF('Standard Profiles'!$G$20=$B$10,7,0)+IF('Standard Profiles'!$G$20=$B$17,14,0)+IF('Standard Profiles'!$G$20=$B$24,21,0),0)),0)</f>
        <v>0</v>
      </c>
      <c r="G2766" cm="1">
        <f t="array" ref="G2766">IFERROR(INDEX(Jesper!AK$2:AK$366,ROUNDDOWN($C2766/24,0)+1,1)*INDEX($D$3:$AA$30,INDEX(Jesper!$R$2:$R$366,ROW(INDEX(Jesper!AK$2:AK$366,ROUNDDOWN($C2766/24,0)+1,1))-1)+IF('Standard Profiles'!$G$21=$B$10,7,0)+IF('Standard Profiles'!$G$21=$B$17,14,0)+IF('Standard Profiles'!$G$21=$B$24,21,0),MOD($C2766,24)+1)/SUM(INDEX($D$3:$AA$30,INDEX(Jesper!$R$2:$R$366,ROW(INDEX(Jesper!AK$2:AK$366,ROUNDDOWN($C2766/24,0)+1,1))-1)+IF('Standard Profiles'!$G$21=$B$10,7,0)+IF('Standard Profiles'!$G$21=$B$17,14,0)+IF('Standard Profiles'!$G$21=$B$24,21,0),0)),0)</f>
        <v>0.9917289401834094</v>
      </c>
      <c r="H2766" cm="1">
        <f t="array" ref="H2766">IFERROR(INDEX(Jesper!AL$2:AL$366,ROUNDDOWN($C2766/24,0)+1,1)*INDEX($D$3:$AA$30,INDEX(Jesper!$R$2:$R$366,ROW(INDEX(Jesper!AL$2:AL$366,ROUNDDOWN($C2766/24,0)+1,1))-1)+IF('Standard Profiles'!$G$22=$B$10,7,0)+IF('Standard Profiles'!$G$22=$B$17,14,0)+IF('Standard Profiles'!$G$22=$B$24,21,0),MOD($C2766,24)+1)/SUM(INDEX($D$3:$AA$30,INDEX(Jesper!$R$2:$R$366,ROW(INDEX(Jesper!AL$2:AL$366,ROUNDDOWN($C2766/24,0)+1,1))-1)+IF('Standard Profiles'!$G$22=$B$10,7,0)+IF('Standard Profiles'!$G$22=$B$17,14,0)+IF('Standard Profiles'!$G$22=$B$24,21,0),0)),0)</f>
        <v>0</v>
      </c>
      <c r="I2766">
        <f t="shared" si="314"/>
        <v>0.4760298912880363</v>
      </c>
      <c r="J2766">
        <f t="shared" si="315"/>
        <v>8.6500708299568156</v>
      </c>
      <c r="K2766">
        <f t="shared" si="316"/>
        <v>0.60536778636659694</v>
      </c>
      <c r="L2766">
        <f t="shared" si="317"/>
        <v>0.30268389318329847</v>
      </c>
      <c r="M2766">
        <f t="shared" si="318"/>
        <v>0</v>
      </c>
      <c r="N2766" s="45">
        <f t="shared" si="319"/>
        <v>45040.833333326707</v>
      </c>
    </row>
    <row r="2767" spans="2:14" x14ac:dyDescent="0.25">
      <c r="B2767">
        <f t="shared" si="313"/>
        <v>1</v>
      </c>
      <c r="C2767" s="16">
        <v>2733</v>
      </c>
      <c r="D2767" cm="1">
        <f t="array" ref="D2767">IFERROR(INDEX(Jesper!AH$2:AH$366,ROUNDDOWN($C2767/24,0)+1,1)*INDEX($D$3:$AA$30,INDEX(Jesper!$R$2:$R$366,ROW(INDEX(Jesper!AH$2:AH$366,ROUNDDOWN($C2767/24,0)+1,1))-1)+IF('Standard Profiles'!$G$18=$B$10,7,0)+IF('Standard Profiles'!$G$18=$B$17,14,0)+IF('Standard Profiles'!$G$18=$B$24,21,0),MOD($C2767,24)+1)/SUM(INDEX($D$3:$AA$30,INDEX(Jesper!$R$2:$R$366,ROW(INDEX(Jesper!AH$2:AH$366,ROUNDDOWN($C2767/24,0)+1,1))-1)+IF('Standard Profiles'!$G$18=$B$10,7,0)+IF('Standard Profiles'!$G$18=$B$17,14,0)+IF('Standard Profiles'!$G$18=$B$24,21,0),0)),0)</f>
        <v>5.6753229971868455</v>
      </c>
      <c r="E2767" cm="1">
        <f t="array" ref="E2767">IFERROR(INDEX(Jesper!AI$2:AI$366,ROUNDDOWN($C2767/24,0)+1,1)*INDEX($D$3:$AA$30,INDEX(Jesper!$R$2:$R$366,ROW(INDEX(Jesper!AI$2:AI$366,ROUNDDOWN($C2767/24,0)+1,1))-1)+IF('Standard Profiles'!$G$19=$B$10,7,0)+IF('Standard Profiles'!$G$19=$B$17,14,0)+IF('Standard Profiles'!$G$19=$B$24,21,0),MOD($C2767,24)+1)/SUM(INDEX($D$3:$AA$30,INDEX(Jesper!$R$2:$R$366,ROW(INDEX(Jesper!AI$2:AI$366,ROUNDDOWN($C2767/24,0)+1,1))-1)+IF('Standard Profiles'!$G$19=$B$10,7,0)+IF('Standard Profiles'!$G$19=$B$17,14,0)+IF('Standard Profiles'!$G$19=$B$24,21,0),0)),0)</f>
        <v>3.3671004634244941</v>
      </c>
      <c r="F2767" cm="1">
        <f t="array" ref="F2767">IFERROR(INDEX(Jesper!AJ$2:AJ$366,ROUNDDOWN($C2767/24,0)+1,1)*INDEX($D$3:$AA$30,INDEX(Jesper!$R$2:$R$366,ROW(INDEX(Jesper!AJ$2:AJ$366,ROUNDDOWN($C2767/24,0)+1,1))-1)+IF('Standard Profiles'!$G$20=$B$10,7,0)+IF('Standard Profiles'!$G$20=$B$17,14,0)+IF('Standard Profiles'!$G$20=$B$24,21,0),MOD($C2767,24)+1)/SUM(INDEX($D$3:$AA$30,INDEX(Jesper!$R$2:$R$366,ROW(INDEX(Jesper!AJ$2:AJ$366,ROUNDDOWN($C2767/24,0)+1,1))-1)+IF('Standard Profiles'!$G$20=$B$10,7,0)+IF('Standard Profiles'!$G$20=$B$17,14,0)+IF('Standard Profiles'!$G$20=$B$24,21,0),0)),0)</f>
        <v>0</v>
      </c>
      <c r="G2767" cm="1">
        <f t="array" ref="G2767">IFERROR(INDEX(Jesper!AK$2:AK$366,ROUNDDOWN($C2767/24,0)+1,1)*INDEX($D$3:$AA$30,INDEX(Jesper!$R$2:$R$366,ROW(INDEX(Jesper!AK$2:AK$366,ROUNDDOWN($C2767/24,0)+1,1))-1)+IF('Standard Profiles'!$G$21=$B$10,7,0)+IF('Standard Profiles'!$G$21=$B$17,14,0)+IF('Standard Profiles'!$G$21=$B$24,21,0),MOD($C2767,24)+1)/SUM(INDEX($D$3:$AA$30,INDEX(Jesper!$R$2:$R$366,ROW(INDEX(Jesper!AK$2:AK$366,ROUNDDOWN($C2767/24,0)+1,1))-1)+IF('Standard Profiles'!$G$21=$B$10,7,0)+IF('Standard Profiles'!$G$21=$B$17,14,0)+IF('Standard Profiles'!$G$21=$B$24,21,0),0)),0)</f>
        <v>0.9917289401834094</v>
      </c>
      <c r="H2767" cm="1">
        <f t="array" ref="H2767">IFERROR(INDEX(Jesper!AL$2:AL$366,ROUNDDOWN($C2767/24,0)+1,1)*INDEX($D$3:$AA$30,INDEX(Jesper!$R$2:$R$366,ROW(INDEX(Jesper!AL$2:AL$366,ROUNDDOWN($C2767/24,0)+1,1))-1)+IF('Standard Profiles'!$G$22=$B$10,7,0)+IF('Standard Profiles'!$G$22=$B$17,14,0)+IF('Standard Profiles'!$G$22=$B$24,21,0),MOD($C2767,24)+1)/SUM(INDEX($D$3:$AA$30,INDEX(Jesper!$R$2:$R$366,ROW(INDEX(Jesper!AL$2:AL$366,ROUNDDOWN($C2767/24,0)+1,1))-1)+IF('Standard Profiles'!$G$22=$B$10,7,0)+IF('Standard Profiles'!$G$22=$B$17,14,0)+IF('Standard Profiles'!$G$22=$B$24,21,0),0)),0)</f>
        <v>0</v>
      </c>
      <c r="I2767">
        <f t="shared" si="314"/>
        <v>0.4760298912880363</v>
      </c>
      <c r="J2767">
        <f t="shared" si="315"/>
        <v>8.6500708299568156</v>
      </c>
      <c r="K2767">
        <f t="shared" si="316"/>
        <v>0.60536778636659694</v>
      </c>
      <c r="L2767">
        <f t="shared" si="317"/>
        <v>0.30268389318329847</v>
      </c>
      <c r="M2767">
        <f t="shared" si="318"/>
        <v>0</v>
      </c>
      <c r="N2767" s="45">
        <f t="shared" si="319"/>
        <v>45040.874999993372</v>
      </c>
    </row>
    <row r="2768" spans="2:14" x14ac:dyDescent="0.25">
      <c r="B2768">
        <f t="shared" si="313"/>
        <v>1</v>
      </c>
      <c r="C2768" s="16">
        <v>2734</v>
      </c>
      <c r="D2768" cm="1">
        <f t="array" ref="D2768">IFERROR(INDEX(Jesper!AH$2:AH$366,ROUNDDOWN($C2768/24,0)+1,1)*INDEX($D$3:$AA$30,INDEX(Jesper!$R$2:$R$366,ROW(INDEX(Jesper!AH$2:AH$366,ROUNDDOWN($C2768/24,0)+1,1))-1)+IF('Standard Profiles'!$G$18=$B$10,7,0)+IF('Standard Profiles'!$G$18=$B$17,14,0)+IF('Standard Profiles'!$G$18=$B$24,21,0),MOD($C2768,24)+1)/SUM(INDEX($D$3:$AA$30,INDEX(Jesper!$R$2:$R$366,ROW(INDEX(Jesper!AH$2:AH$366,ROUNDDOWN($C2768/24,0)+1,1))-1)+IF('Standard Profiles'!$G$18=$B$10,7,0)+IF('Standard Profiles'!$G$18=$B$17,14,0)+IF('Standard Profiles'!$G$18=$B$24,21,0),0)),0)</f>
        <v>5.6753229971868455</v>
      </c>
      <c r="E2768" cm="1">
        <f t="array" ref="E2768">IFERROR(INDEX(Jesper!AI$2:AI$366,ROUNDDOWN($C2768/24,0)+1,1)*INDEX($D$3:$AA$30,INDEX(Jesper!$R$2:$R$366,ROW(INDEX(Jesper!AI$2:AI$366,ROUNDDOWN($C2768/24,0)+1,1))-1)+IF('Standard Profiles'!$G$19=$B$10,7,0)+IF('Standard Profiles'!$G$19=$B$17,14,0)+IF('Standard Profiles'!$G$19=$B$24,21,0),MOD($C2768,24)+1)/SUM(INDEX($D$3:$AA$30,INDEX(Jesper!$R$2:$R$366,ROW(INDEX(Jesper!AI$2:AI$366,ROUNDDOWN($C2768/24,0)+1,1))-1)+IF('Standard Profiles'!$G$19=$B$10,7,0)+IF('Standard Profiles'!$G$19=$B$17,14,0)+IF('Standard Profiles'!$G$19=$B$24,21,0),0)),0)</f>
        <v>3.3671004634244941</v>
      </c>
      <c r="F2768" cm="1">
        <f t="array" ref="F2768">IFERROR(INDEX(Jesper!AJ$2:AJ$366,ROUNDDOWN($C2768/24,0)+1,1)*INDEX($D$3:$AA$30,INDEX(Jesper!$R$2:$R$366,ROW(INDEX(Jesper!AJ$2:AJ$366,ROUNDDOWN($C2768/24,0)+1,1))-1)+IF('Standard Profiles'!$G$20=$B$10,7,0)+IF('Standard Profiles'!$G$20=$B$17,14,0)+IF('Standard Profiles'!$G$20=$B$24,21,0),MOD($C2768,24)+1)/SUM(INDEX($D$3:$AA$30,INDEX(Jesper!$R$2:$R$366,ROW(INDEX(Jesper!AJ$2:AJ$366,ROUNDDOWN($C2768/24,0)+1,1))-1)+IF('Standard Profiles'!$G$20=$B$10,7,0)+IF('Standard Profiles'!$G$20=$B$17,14,0)+IF('Standard Profiles'!$G$20=$B$24,21,0),0)),0)</f>
        <v>0</v>
      </c>
      <c r="G2768" cm="1">
        <f t="array" ref="G2768">IFERROR(INDEX(Jesper!AK$2:AK$366,ROUNDDOWN($C2768/24,0)+1,1)*INDEX($D$3:$AA$30,INDEX(Jesper!$R$2:$R$366,ROW(INDEX(Jesper!AK$2:AK$366,ROUNDDOWN($C2768/24,0)+1,1))-1)+IF('Standard Profiles'!$G$21=$B$10,7,0)+IF('Standard Profiles'!$G$21=$B$17,14,0)+IF('Standard Profiles'!$G$21=$B$24,21,0),MOD($C2768,24)+1)/SUM(INDEX($D$3:$AA$30,INDEX(Jesper!$R$2:$R$366,ROW(INDEX(Jesper!AK$2:AK$366,ROUNDDOWN($C2768/24,0)+1,1))-1)+IF('Standard Profiles'!$G$21=$B$10,7,0)+IF('Standard Profiles'!$G$21=$B$17,14,0)+IF('Standard Profiles'!$G$21=$B$24,21,0),0)),0)</f>
        <v>0.9917289401834094</v>
      </c>
      <c r="H2768" cm="1">
        <f t="array" ref="H2768">IFERROR(INDEX(Jesper!AL$2:AL$366,ROUNDDOWN($C2768/24,0)+1,1)*INDEX($D$3:$AA$30,INDEX(Jesper!$R$2:$R$366,ROW(INDEX(Jesper!AL$2:AL$366,ROUNDDOWN($C2768/24,0)+1,1))-1)+IF('Standard Profiles'!$G$22=$B$10,7,0)+IF('Standard Profiles'!$G$22=$B$17,14,0)+IF('Standard Profiles'!$G$22=$B$24,21,0),MOD($C2768,24)+1)/SUM(INDEX($D$3:$AA$30,INDEX(Jesper!$R$2:$R$366,ROW(INDEX(Jesper!AL$2:AL$366,ROUNDDOWN($C2768/24,0)+1,1))-1)+IF('Standard Profiles'!$G$22=$B$10,7,0)+IF('Standard Profiles'!$G$22=$B$17,14,0)+IF('Standard Profiles'!$G$22=$B$24,21,0),0)),0)</f>
        <v>0</v>
      </c>
      <c r="I2768">
        <f t="shared" si="314"/>
        <v>0.4760298912880363</v>
      </c>
      <c r="J2768">
        <f t="shared" si="315"/>
        <v>8.6500708299568156</v>
      </c>
      <c r="K2768">
        <f t="shared" si="316"/>
        <v>0.60536778636659694</v>
      </c>
      <c r="L2768">
        <f t="shared" si="317"/>
        <v>0.30268389318329847</v>
      </c>
      <c r="M2768">
        <f t="shared" si="318"/>
        <v>0</v>
      </c>
      <c r="N2768" s="45">
        <f t="shared" si="319"/>
        <v>45040.916666660036</v>
      </c>
    </row>
    <row r="2769" spans="2:14" x14ac:dyDescent="0.25">
      <c r="B2769">
        <f t="shared" si="313"/>
        <v>1</v>
      </c>
      <c r="C2769" s="16">
        <v>2735</v>
      </c>
      <c r="D2769" cm="1">
        <f t="array" ref="D2769">IFERROR(INDEX(Jesper!AH$2:AH$366,ROUNDDOWN($C2769/24,0)+1,1)*INDEX($D$3:$AA$30,INDEX(Jesper!$R$2:$R$366,ROW(INDEX(Jesper!AH$2:AH$366,ROUNDDOWN($C2769/24,0)+1,1))-1)+IF('Standard Profiles'!$G$18=$B$10,7,0)+IF('Standard Profiles'!$G$18=$B$17,14,0)+IF('Standard Profiles'!$G$18=$B$24,21,0),MOD($C2769,24)+1)/SUM(INDEX($D$3:$AA$30,INDEX(Jesper!$R$2:$R$366,ROW(INDEX(Jesper!AH$2:AH$366,ROUNDDOWN($C2769/24,0)+1,1))-1)+IF('Standard Profiles'!$G$18=$B$10,7,0)+IF('Standard Profiles'!$G$18=$B$17,14,0)+IF('Standard Profiles'!$G$18=$B$24,21,0),0)),0)</f>
        <v>5.6753229971868455</v>
      </c>
      <c r="E2769" cm="1">
        <f t="array" ref="E2769">IFERROR(INDEX(Jesper!AI$2:AI$366,ROUNDDOWN($C2769/24,0)+1,1)*INDEX($D$3:$AA$30,INDEX(Jesper!$R$2:$R$366,ROW(INDEX(Jesper!AI$2:AI$366,ROUNDDOWN($C2769/24,0)+1,1))-1)+IF('Standard Profiles'!$G$19=$B$10,7,0)+IF('Standard Profiles'!$G$19=$B$17,14,0)+IF('Standard Profiles'!$G$19=$B$24,21,0),MOD($C2769,24)+1)/SUM(INDEX($D$3:$AA$30,INDEX(Jesper!$R$2:$R$366,ROW(INDEX(Jesper!AI$2:AI$366,ROUNDDOWN($C2769/24,0)+1,1))-1)+IF('Standard Profiles'!$G$19=$B$10,7,0)+IF('Standard Profiles'!$G$19=$B$17,14,0)+IF('Standard Profiles'!$G$19=$B$24,21,0),0)),0)</f>
        <v>3.3671004634244941</v>
      </c>
      <c r="F2769" cm="1">
        <f t="array" ref="F2769">IFERROR(INDEX(Jesper!AJ$2:AJ$366,ROUNDDOWN($C2769/24,0)+1,1)*INDEX($D$3:$AA$30,INDEX(Jesper!$R$2:$R$366,ROW(INDEX(Jesper!AJ$2:AJ$366,ROUNDDOWN($C2769/24,0)+1,1))-1)+IF('Standard Profiles'!$G$20=$B$10,7,0)+IF('Standard Profiles'!$G$20=$B$17,14,0)+IF('Standard Profiles'!$G$20=$B$24,21,0),MOD($C2769,24)+1)/SUM(INDEX($D$3:$AA$30,INDEX(Jesper!$R$2:$R$366,ROW(INDEX(Jesper!AJ$2:AJ$366,ROUNDDOWN($C2769/24,0)+1,1))-1)+IF('Standard Profiles'!$G$20=$B$10,7,0)+IF('Standard Profiles'!$G$20=$B$17,14,0)+IF('Standard Profiles'!$G$20=$B$24,21,0),0)),0)</f>
        <v>0</v>
      </c>
      <c r="G2769" cm="1">
        <f t="array" ref="G2769">IFERROR(INDEX(Jesper!AK$2:AK$366,ROUNDDOWN($C2769/24,0)+1,1)*INDEX($D$3:$AA$30,INDEX(Jesper!$R$2:$R$366,ROW(INDEX(Jesper!AK$2:AK$366,ROUNDDOWN($C2769/24,0)+1,1))-1)+IF('Standard Profiles'!$G$21=$B$10,7,0)+IF('Standard Profiles'!$G$21=$B$17,14,0)+IF('Standard Profiles'!$G$21=$B$24,21,0),MOD($C2769,24)+1)/SUM(INDEX($D$3:$AA$30,INDEX(Jesper!$R$2:$R$366,ROW(INDEX(Jesper!AK$2:AK$366,ROUNDDOWN($C2769/24,0)+1,1))-1)+IF('Standard Profiles'!$G$21=$B$10,7,0)+IF('Standard Profiles'!$G$21=$B$17,14,0)+IF('Standard Profiles'!$G$21=$B$24,21,0),0)),0)</f>
        <v>0.9917289401834094</v>
      </c>
      <c r="H2769" cm="1">
        <f t="array" ref="H2769">IFERROR(INDEX(Jesper!AL$2:AL$366,ROUNDDOWN($C2769/24,0)+1,1)*INDEX($D$3:$AA$30,INDEX(Jesper!$R$2:$R$366,ROW(INDEX(Jesper!AL$2:AL$366,ROUNDDOWN($C2769/24,0)+1,1))-1)+IF('Standard Profiles'!$G$22=$B$10,7,0)+IF('Standard Profiles'!$G$22=$B$17,14,0)+IF('Standard Profiles'!$G$22=$B$24,21,0),MOD($C2769,24)+1)/SUM(INDEX($D$3:$AA$30,INDEX(Jesper!$R$2:$R$366,ROW(INDEX(Jesper!AL$2:AL$366,ROUNDDOWN($C2769/24,0)+1,1))-1)+IF('Standard Profiles'!$G$22=$B$10,7,0)+IF('Standard Profiles'!$G$22=$B$17,14,0)+IF('Standard Profiles'!$G$22=$B$24,21,0),0)),0)</f>
        <v>0</v>
      </c>
      <c r="I2769">
        <f t="shared" si="314"/>
        <v>0.4760298912880363</v>
      </c>
      <c r="J2769">
        <f t="shared" si="315"/>
        <v>8.6500708299568156</v>
      </c>
      <c r="K2769">
        <f t="shared" si="316"/>
        <v>0.60536778636659694</v>
      </c>
      <c r="L2769">
        <f t="shared" si="317"/>
        <v>0.30268389318329847</v>
      </c>
      <c r="M2769">
        <f t="shared" si="318"/>
        <v>0</v>
      </c>
      <c r="N2769" s="45">
        <f t="shared" si="319"/>
        <v>45040.9583333267</v>
      </c>
    </row>
    <row r="2770" spans="2:14" x14ac:dyDescent="0.25">
      <c r="B2770">
        <f t="shared" si="313"/>
        <v>2</v>
      </c>
      <c r="C2770" s="16">
        <v>2736</v>
      </c>
      <c r="D2770" cm="1">
        <f t="array" ref="D2770">IFERROR(INDEX(Jesper!AH$2:AH$366,ROUNDDOWN($C2770/24,0)+1,1)*INDEX($D$3:$AA$30,INDEX(Jesper!$R$2:$R$366,ROW(INDEX(Jesper!AH$2:AH$366,ROUNDDOWN($C2770/24,0)+1,1))-1)+IF('Standard Profiles'!$G$18=$B$10,7,0)+IF('Standard Profiles'!$G$18=$B$17,14,0)+IF('Standard Profiles'!$G$18=$B$24,21,0),MOD($C2770,24)+1)/SUM(INDEX($D$3:$AA$30,INDEX(Jesper!$R$2:$R$366,ROW(INDEX(Jesper!AH$2:AH$366,ROUNDDOWN($C2770/24,0)+1,1))-1)+IF('Standard Profiles'!$G$18=$B$10,7,0)+IF('Standard Profiles'!$G$18=$B$17,14,0)+IF('Standard Profiles'!$G$18=$B$24,21,0),0)),0)</f>
        <v>3.6930115212801127</v>
      </c>
      <c r="E2770" cm="1">
        <f t="array" ref="E2770">IFERROR(INDEX(Jesper!AI$2:AI$366,ROUNDDOWN($C2770/24,0)+1,1)*INDEX($D$3:$AA$30,INDEX(Jesper!$R$2:$R$366,ROW(INDEX(Jesper!AI$2:AI$366,ROUNDDOWN($C2770/24,0)+1,1))-1)+IF('Standard Profiles'!$G$19=$B$10,7,0)+IF('Standard Profiles'!$G$19=$B$17,14,0)+IF('Standard Profiles'!$G$19=$B$24,21,0),MOD($C2770,24)+1)/SUM(INDEX($D$3:$AA$30,INDEX(Jesper!$R$2:$R$366,ROW(INDEX(Jesper!AI$2:AI$366,ROUNDDOWN($C2770/24,0)+1,1))-1)+IF('Standard Profiles'!$G$19=$B$10,7,0)+IF('Standard Profiles'!$G$19=$B$17,14,0)+IF('Standard Profiles'!$G$19=$B$24,21,0),0)),0)</f>
        <v>2.7918785157293851</v>
      </c>
      <c r="F2770" cm="1">
        <f t="array" ref="F2770">IFERROR(INDEX(Jesper!AJ$2:AJ$366,ROUNDDOWN($C2770/24,0)+1,1)*INDEX($D$3:$AA$30,INDEX(Jesper!$R$2:$R$366,ROW(INDEX(Jesper!AJ$2:AJ$366,ROUNDDOWN($C2770/24,0)+1,1))-1)+IF('Standard Profiles'!$G$20=$B$10,7,0)+IF('Standard Profiles'!$G$20=$B$17,14,0)+IF('Standard Profiles'!$G$20=$B$24,21,0),MOD($C2770,24)+1)/SUM(INDEX($D$3:$AA$30,INDEX(Jesper!$R$2:$R$366,ROW(INDEX(Jesper!AJ$2:AJ$366,ROUNDDOWN($C2770/24,0)+1,1))-1)+IF('Standard Profiles'!$G$20=$B$10,7,0)+IF('Standard Profiles'!$G$20=$B$17,14,0)+IF('Standard Profiles'!$G$20=$B$24,21,0),0)),0)</f>
        <v>0</v>
      </c>
      <c r="G2770" cm="1">
        <f t="array" ref="G2770">IFERROR(INDEX(Jesper!AK$2:AK$366,ROUNDDOWN($C2770/24,0)+1,1)*INDEX($D$3:$AA$30,INDEX(Jesper!$R$2:$R$366,ROW(INDEX(Jesper!AK$2:AK$366,ROUNDDOWN($C2770/24,0)+1,1))-1)+IF('Standard Profiles'!$G$21=$B$10,7,0)+IF('Standard Profiles'!$G$21=$B$17,14,0)+IF('Standard Profiles'!$G$21=$B$24,21,0),MOD($C2770,24)+1)/SUM(INDEX($D$3:$AA$30,INDEX(Jesper!$R$2:$R$366,ROW(INDEX(Jesper!AK$2:AK$366,ROUNDDOWN($C2770/24,0)+1,1))-1)+IF('Standard Profiles'!$G$21=$B$10,7,0)+IF('Standard Profiles'!$G$21=$B$17,14,0)+IF('Standard Profiles'!$G$21=$B$24,21,0),0)),0)</f>
        <v>1.5411367750960026</v>
      </c>
      <c r="H2770" cm="1">
        <f t="array" ref="H2770">IFERROR(INDEX(Jesper!AL$2:AL$366,ROUNDDOWN($C2770/24,0)+1,1)*INDEX($D$3:$AA$30,INDEX(Jesper!$R$2:$R$366,ROW(INDEX(Jesper!AL$2:AL$366,ROUNDDOWN($C2770/24,0)+1,1))-1)+IF('Standard Profiles'!$G$22=$B$10,7,0)+IF('Standard Profiles'!$G$22=$B$17,14,0)+IF('Standard Profiles'!$G$22=$B$24,21,0),MOD($C2770,24)+1)/SUM(INDEX($D$3:$AA$30,INDEX(Jesper!$R$2:$R$366,ROW(INDEX(Jesper!AL$2:AL$366,ROUNDDOWN($C2770/24,0)+1,1))-1)+IF('Standard Profiles'!$G$22=$B$10,7,0)+IF('Standard Profiles'!$G$22=$B$17,14,0)+IF('Standard Profiles'!$G$22=$B$24,21,0),0)),0)</f>
        <v>0</v>
      </c>
      <c r="I2770">
        <f t="shared" si="314"/>
        <v>0.73974565204608089</v>
      </c>
      <c r="J2770">
        <f t="shared" si="315"/>
        <v>6.6953993166546022</v>
      </c>
      <c r="K2770">
        <f t="shared" si="316"/>
        <v>0.39392122893654535</v>
      </c>
      <c r="L2770">
        <f t="shared" si="317"/>
        <v>0.19696061446827268</v>
      </c>
      <c r="M2770">
        <f t="shared" si="318"/>
        <v>0</v>
      </c>
      <c r="N2770" s="45">
        <f t="shared" si="319"/>
        <v>45040.999999993364</v>
      </c>
    </row>
    <row r="2771" spans="2:14" x14ac:dyDescent="0.25">
      <c r="B2771">
        <f t="shared" si="313"/>
        <v>2</v>
      </c>
      <c r="C2771" s="16">
        <v>2737</v>
      </c>
      <c r="D2771" cm="1">
        <f t="array" ref="D2771">IFERROR(INDEX(Jesper!AH$2:AH$366,ROUNDDOWN($C2771/24,0)+1,1)*INDEX($D$3:$AA$30,INDEX(Jesper!$R$2:$R$366,ROW(INDEX(Jesper!AH$2:AH$366,ROUNDDOWN($C2771/24,0)+1,1))-1)+IF('Standard Profiles'!$G$18=$B$10,7,0)+IF('Standard Profiles'!$G$18=$B$17,14,0)+IF('Standard Profiles'!$G$18=$B$24,21,0),MOD($C2771,24)+1)/SUM(INDEX($D$3:$AA$30,INDEX(Jesper!$R$2:$R$366,ROW(INDEX(Jesper!AH$2:AH$366,ROUNDDOWN($C2771/24,0)+1,1))-1)+IF('Standard Profiles'!$G$18=$B$10,7,0)+IF('Standard Profiles'!$G$18=$B$17,14,0)+IF('Standard Profiles'!$G$18=$B$24,21,0),0)),0)</f>
        <v>5.6274461276649337</v>
      </c>
      <c r="E2771" cm="1">
        <f t="array" ref="E2771">IFERROR(INDEX(Jesper!AI$2:AI$366,ROUNDDOWN($C2771/24,0)+1,1)*INDEX($D$3:$AA$30,INDEX(Jesper!$R$2:$R$366,ROW(INDEX(Jesper!AI$2:AI$366,ROUNDDOWN($C2771/24,0)+1,1))-1)+IF('Standard Profiles'!$G$19=$B$10,7,0)+IF('Standard Profiles'!$G$19=$B$17,14,0)+IF('Standard Profiles'!$G$19=$B$24,21,0),MOD($C2771,24)+1)/SUM(INDEX($D$3:$AA$30,INDEX(Jesper!$R$2:$R$366,ROW(INDEX(Jesper!AI$2:AI$366,ROUNDDOWN($C2771/24,0)+1,1))-1)+IF('Standard Profiles'!$G$19=$B$10,7,0)+IF('Standard Profiles'!$G$19=$B$17,14,0)+IF('Standard Profiles'!$G$19=$B$24,21,0),0)),0)</f>
        <v>4.2542910715876348</v>
      </c>
      <c r="F2771" cm="1">
        <f t="array" ref="F2771">IFERROR(INDEX(Jesper!AJ$2:AJ$366,ROUNDDOWN($C2771/24,0)+1,1)*INDEX($D$3:$AA$30,INDEX(Jesper!$R$2:$R$366,ROW(INDEX(Jesper!AJ$2:AJ$366,ROUNDDOWN($C2771/24,0)+1,1))-1)+IF('Standard Profiles'!$G$20=$B$10,7,0)+IF('Standard Profiles'!$G$20=$B$17,14,0)+IF('Standard Profiles'!$G$20=$B$24,21,0),MOD($C2771,24)+1)/SUM(INDEX($D$3:$AA$30,INDEX(Jesper!$R$2:$R$366,ROW(INDEX(Jesper!AJ$2:AJ$366,ROUNDDOWN($C2771/24,0)+1,1))-1)+IF('Standard Profiles'!$G$20=$B$10,7,0)+IF('Standard Profiles'!$G$20=$B$17,14,0)+IF('Standard Profiles'!$G$20=$B$24,21,0),0)),0)</f>
        <v>0</v>
      </c>
      <c r="G2771" cm="1">
        <f t="array" ref="G2771">IFERROR(INDEX(Jesper!AK$2:AK$366,ROUNDDOWN($C2771/24,0)+1,1)*INDEX($D$3:$AA$30,INDEX(Jesper!$R$2:$R$366,ROW(INDEX(Jesper!AK$2:AK$366,ROUNDDOWN($C2771/24,0)+1,1))-1)+IF('Standard Profiles'!$G$21=$B$10,7,0)+IF('Standard Profiles'!$G$21=$B$17,14,0)+IF('Standard Profiles'!$G$21=$B$24,21,0),MOD($C2771,24)+1)/SUM(INDEX($D$3:$AA$30,INDEX(Jesper!$R$2:$R$366,ROW(INDEX(Jesper!AK$2:AK$366,ROUNDDOWN($C2771/24,0)+1,1))-1)+IF('Standard Profiles'!$G$21=$B$10,7,0)+IF('Standard Profiles'!$G$21=$B$17,14,0)+IF('Standard Profiles'!$G$21=$B$24,21,0),0)),0)</f>
        <v>1.5411367750960026</v>
      </c>
      <c r="H2771" cm="1">
        <f t="array" ref="H2771">IFERROR(INDEX(Jesper!AL$2:AL$366,ROUNDDOWN($C2771/24,0)+1,1)*INDEX($D$3:$AA$30,INDEX(Jesper!$R$2:$R$366,ROW(INDEX(Jesper!AL$2:AL$366,ROUNDDOWN($C2771/24,0)+1,1))-1)+IF('Standard Profiles'!$G$22=$B$10,7,0)+IF('Standard Profiles'!$G$22=$B$17,14,0)+IF('Standard Profiles'!$G$22=$B$24,21,0),MOD($C2771,24)+1)/SUM(INDEX($D$3:$AA$30,INDEX(Jesper!$R$2:$R$366,ROW(INDEX(Jesper!AL$2:AL$366,ROUNDDOWN($C2771/24,0)+1,1))-1)+IF('Standard Profiles'!$G$22=$B$10,7,0)+IF('Standard Profiles'!$G$22=$B$17,14,0)+IF('Standard Profiles'!$G$22=$B$24,21,0),0)),0)</f>
        <v>0</v>
      </c>
      <c r="I2771">
        <f t="shared" si="314"/>
        <v>0.73974565204608089</v>
      </c>
      <c r="J2771">
        <f t="shared" si="315"/>
        <v>9.7827369418760988</v>
      </c>
      <c r="K2771">
        <f t="shared" si="316"/>
        <v>0.60026092028425959</v>
      </c>
      <c r="L2771">
        <f t="shared" si="317"/>
        <v>0.3001304601421298</v>
      </c>
      <c r="M2771">
        <f t="shared" si="318"/>
        <v>0</v>
      </c>
      <c r="N2771" s="45">
        <f t="shared" si="319"/>
        <v>45041.041666660029</v>
      </c>
    </row>
    <row r="2772" spans="2:14" x14ac:dyDescent="0.25">
      <c r="B2772">
        <f t="shared" si="313"/>
        <v>2</v>
      </c>
      <c r="C2772" s="16">
        <v>2738</v>
      </c>
      <c r="D2772" cm="1">
        <f t="array" ref="D2772">IFERROR(INDEX(Jesper!AH$2:AH$366,ROUNDDOWN($C2772/24,0)+1,1)*INDEX($D$3:$AA$30,INDEX(Jesper!$R$2:$R$366,ROW(INDEX(Jesper!AH$2:AH$366,ROUNDDOWN($C2772/24,0)+1,1))-1)+IF('Standard Profiles'!$G$18=$B$10,7,0)+IF('Standard Profiles'!$G$18=$B$17,14,0)+IF('Standard Profiles'!$G$18=$B$24,21,0),MOD($C2772,24)+1)/SUM(INDEX($D$3:$AA$30,INDEX(Jesper!$R$2:$R$366,ROW(INDEX(Jesper!AH$2:AH$366,ROUNDDOWN($C2772/24,0)+1,1))-1)+IF('Standard Profiles'!$G$18=$B$10,7,0)+IF('Standard Profiles'!$G$18=$B$17,14,0)+IF('Standard Profiles'!$G$18=$B$24,21,0),0)),0)</f>
        <v>5.6274461276649337</v>
      </c>
      <c r="E2772" cm="1">
        <f t="array" ref="E2772">IFERROR(INDEX(Jesper!AI$2:AI$366,ROUNDDOWN($C2772/24,0)+1,1)*INDEX($D$3:$AA$30,INDEX(Jesper!$R$2:$R$366,ROW(INDEX(Jesper!AI$2:AI$366,ROUNDDOWN($C2772/24,0)+1,1))-1)+IF('Standard Profiles'!$G$19=$B$10,7,0)+IF('Standard Profiles'!$G$19=$B$17,14,0)+IF('Standard Profiles'!$G$19=$B$24,21,0),MOD($C2772,24)+1)/SUM(INDEX($D$3:$AA$30,INDEX(Jesper!$R$2:$R$366,ROW(INDEX(Jesper!AI$2:AI$366,ROUNDDOWN($C2772/24,0)+1,1))-1)+IF('Standard Profiles'!$G$19=$B$10,7,0)+IF('Standard Profiles'!$G$19=$B$17,14,0)+IF('Standard Profiles'!$G$19=$B$24,21,0),0)),0)</f>
        <v>4.2542910715876348</v>
      </c>
      <c r="F2772" cm="1">
        <f t="array" ref="F2772">IFERROR(INDEX(Jesper!AJ$2:AJ$366,ROUNDDOWN($C2772/24,0)+1,1)*INDEX($D$3:$AA$30,INDEX(Jesper!$R$2:$R$366,ROW(INDEX(Jesper!AJ$2:AJ$366,ROUNDDOWN($C2772/24,0)+1,1))-1)+IF('Standard Profiles'!$G$20=$B$10,7,0)+IF('Standard Profiles'!$G$20=$B$17,14,0)+IF('Standard Profiles'!$G$20=$B$24,21,0),MOD($C2772,24)+1)/SUM(INDEX($D$3:$AA$30,INDEX(Jesper!$R$2:$R$366,ROW(INDEX(Jesper!AJ$2:AJ$366,ROUNDDOWN($C2772/24,0)+1,1))-1)+IF('Standard Profiles'!$G$20=$B$10,7,0)+IF('Standard Profiles'!$G$20=$B$17,14,0)+IF('Standard Profiles'!$G$20=$B$24,21,0),0)),0)</f>
        <v>0</v>
      </c>
      <c r="G2772" cm="1">
        <f t="array" ref="G2772">IFERROR(INDEX(Jesper!AK$2:AK$366,ROUNDDOWN($C2772/24,0)+1,1)*INDEX($D$3:$AA$30,INDEX(Jesper!$R$2:$R$366,ROW(INDEX(Jesper!AK$2:AK$366,ROUNDDOWN($C2772/24,0)+1,1))-1)+IF('Standard Profiles'!$G$21=$B$10,7,0)+IF('Standard Profiles'!$G$21=$B$17,14,0)+IF('Standard Profiles'!$G$21=$B$24,21,0),MOD($C2772,24)+1)/SUM(INDEX($D$3:$AA$30,INDEX(Jesper!$R$2:$R$366,ROW(INDEX(Jesper!AK$2:AK$366,ROUNDDOWN($C2772/24,0)+1,1))-1)+IF('Standard Profiles'!$G$21=$B$10,7,0)+IF('Standard Profiles'!$G$21=$B$17,14,0)+IF('Standard Profiles'!$G$21=$B$24,21,0),0)),0)</f>
        <v>1.5411367750960026</v>
      </c>
      <c r="H2772" cm="1">
        <f t="array" ref="H2772">IFERROR(INDEX(Jesper!AL$2:AL$366,ROUNDDOWN($C2772/24,0)+1,1)*INDEX($D$3:$AA$30,INDEX(Jesper!$R$2:$R$366,ROW(INDEX(Jesper!AL$2:AL$366,ROUNDDOWN($C2772/24,0)+1,1))-1)+IF('Standard Profiles'!$G$22=$B$10,7,0)+IF('Standard Profiles'!$G$22=$B$17,14,0)+IF('Standard Profiles'!$G$22=$B$24,21,0),MOD($C2772,24)+1)/SUM(INDEX($D$3:$AA$30,INDEX(Jesper!$R$2:$R$366,ROW(INDEX(Jesper!AL$2:AL$366,ROUNDDOWN($C2772/24,0)+1,1))-1)+IF('Standard Profiles'!$G$22=$B$10,7,0)+IF('Standard Profiles'!$G$22=$B$17,14,0)+IF('Standard Profiles'!$G$22=$B$24,21,0),0)),0)</f>
        <v>0</v>
      </c>
      <c r="I2772">
        <f t="shared" si="314"/>
        <v>0.73974565204608089</v>
      </c>
      <c r="J2772">
        <f t="shared" si="315"/>
        <v>9.7827369418760988</v>
      </c>
      <c r="K2772">
        <f t="shared" si="316"/>
        <v>0.60026092028425959</v>
      </c>
      <c r="L2772">
        <f t="shared" si="317"/>
        <v>0.3001304601421298</v>
      </c>
      <c r="M2772">
        <f t="shared" si="318"/>
        <v>0</v>
      </c>
      <c r="N2772" s="45">
        <f t="shared" si="319"/>
        <v>45041.083333326693</v>
      </c>
    </row>
    <row r="2773" spans="2:14" x14ac:dyDescent="0.25">
      <c r="B2773">
        <f t="shared" si="313"/>
        <v>2</v>
      </c>
      <c r="C2773" s="16">
        <v>2739</v>
      </c>
      <c r="D2773" cm="1">
        <f t="array" ref="D2773">IFERROR(INDEX(Jesper!AH$2:AH$366,ROUNDDOWN($C2773/24,0)+1,1)*INDEX($D$3:$AA$30,INDEX(Jesper!$R$2:$R$366,ROW(INDEX(Jesper!AH$2:AH$366,ROUNDDOWN($C2773/24,0)+1,1))-1)+IF('Standard Profiles'!$G$18=$B$10,7,0)+IF('Standard Profiles'!$G$18=$B$17,14,0)+IF('Standard Profiles'!$G$18=$B$24,21,0),MOD($C2773,24)+1)/SUM(INDEX($D$3:$AA$30,INDEX(Jesper!$R$2:$R$366,ROW(INDEX(Jesper!AH$2:AH$366,ROUNDDOWN($C2773/24,0)+1,1))-1)+IF('Standard Profiles'!$G$18=$B$10,7,0)+IF('Standard Profiles'!$G$18=$B$17,14,0)+IF('Standard Profiles'!$G$18=$B$24,21,0),0)),0)</f>
        <v>5.6274461276649337</v>
      </c>
      <c r="E2773" cm="1">
        <f t="array" ref="E2773">IFERROR(INDEX(Jesper!AI$2:AI$366,ROUNDDOWN($C2773/24,0)+1,1)*INDEX($D$3:$AA$30,INDEX(Jesper!$R$2:$R$366,ROW(INDEX(Jesper!AI$2:AI$366,ROUNDDOWN($C2773/24,0)+1,1))-1)+IF('Standard Profiles'!$G$19=$B$10,7,0)+IF('Standard Profiles'!$G$19=$B$17,14,0)+IF('Standard Profiles'!$G$19=$B$24,21,0),MOD($C2773,24)+1)/SUM(INDEX($D$3:$AA$30,INDEX(Jesper!$R$2:$R$366,ROW(INDEX(Jesper!AI$2:AI$366,ROUNDDOWN($C2773/24,0)+1,1))-1)+IF('Standard Profiles'!$G$19=$B$10,7,0)+IF('Standard Profiles'!$G$19=$B$17,14,0)+IF('Standard Profiles'!$G$19=$B$24,21,0),0)),0)</f>
        <v>4.2542910715876348</v>
      </c>
      <c r="F2773" cm="1">
        <f t="array" ref="F2773">IFERROR(INDEX(Jesper!AJ$2:AJ$366,ROUNDDOWN($C2773/24,0)+1,1)*INDEX($D$3:$AA$30,INDEX(Jesper!$R$2:$R$366,ROW(INDEX(Jesper!AJ$2:AJ$366,ROUNDDOWN($C2773/24,0)+1,1))-1)+IF('Standard Profiles'!$G$20=$B$10,7,0)+IF('Standard Profiles'!$G$20=$B$17,14,0)+IF('Standard Profiles'!$G$20=$B$24,21,0),MOD($C2773,24)+1)/SUM(INDEX($D$3:$AA$30,INDEX(Jesper!$R$2:$R$366,ROW(INDEX(Jesper!AJ$2:AJ$366,ROUNDDOWN($C2773/24,0)+1,1))-1)+IF('Standard Profiles'!$G$20=$B$10,7,0)+IF('Standard Profiles'!$G$20=$B$17,14,0)+IF('Standard Profiles'!$G$20=$B$24,21,0),0)),0)</f>
        <v>0</v>
      </c>
      <c r="G2773" cm="1">
        <f t="array" ref="G2773">IFERROR(INDEX(Jesper!AK$2:AK$366,ROUNDDOWN($C2773/24,0)+1,1)*INDEX($D$3:$AA$30,INDEX(Jesper!$R$2:$R$366,ROW(INDEX(Jesper!AK$2:AK$366,ROUNDDOWN($C2773/24,0)+1,1))-1)+IF('Standard Profiles'!$G$21=$B$10,7,0)+IF('Standard Profiles'!$G$21=$B$17,14,0)+IF('Standard Profiles'!$G$21=$B$24,21,0),MOD($C2773,24)+1)/SUM(INDEX($D$3:$AA$30,INDEX(Jesper!$R$2:$R$366,ROW(INDEX(Jesper!AK$2:AK$366,ROUNDDOWN($C2773/24,0)+1,1))-1)+IF('Standard Profiles'!$G$21=$B$10,7,0)+IF('Standard Profiles'!$G$21=$B$17,14,0)+IF('Standard Profiles'!$G$21=$B$24,21,0),0)),0)</f>
        <v>1.5411367750960026</v>
      </c>
      <c r="H2773" cm="1">
        <f t="array" ref="H2773">IFERROR(INDEX(Jesper!AL$2:AL$366,ROUNDDOWN($C2773/24,0)+1,1)*INDEX($D$3:$AA$30,INDEX(Jesper!$R$2:$R$366,ROW(INDEX(Jesper!AL$2:AL$366,ROUNDDOWN($C2773/24,0)+1,1))-1)+IF('Standard Profiles'!$G$22=$B$10,7,0)+IF('Standard Profiles'!$G$22=$B$17,14,0)+IF('Standard Profiles'!$G$22=$B$24,21,0),MOD($C2773,24)+1)/SUM(INDEX($D$3:$AA$30,INDEX(Jesper!$R$2:$R$366,ROW(INDEX(Jesper!AL$2:AL$366,ROUNDDOWN($C2773/24,0)+1,1))-1)+IF('Standard Profiles'!$G$22=$B$10,7,0)+IF('Standard Profiles'!$G$22=$B$17,14,0)+IF('Standard Profiles'!$G$22=$B$24,21,0),0)),0)</f>
        <v>0</v>
      </c>
      <c r="I2773">
        <f t="shared" si="314"/>
        <v>0.73974565204608089</v>
      </c>
      <c r="J2773">
        <f t="shared" si="315"/>
        <v>9.7827369418760988</v>
      </c>
      <c r="K2773">
        <f t="shared" si="316"/>
        <v>0.60026092028425959</v>
      </c>
      <c r="L2773">
        <f t="shared" si="317"/>
        <v>0.3001304601421298</v>
      </c>
      <c r="M2773">
        <f t="shared" si="318"/>
        <v>0</v>
      </c>
      <c r="N2773" s="45">
        <f t="shared" si="319"/>
        <v>45041.124999993357</v>
      </c>
    </row>
    <row r="2774" spans="2:14" x14ac:dyDescent="0.25">
      <c r="B2774">
        <f t="shared" si="313"/>
        <v>2</v>
      </c>
      <c r="C2774" s="16">
        <v>2740</v>
      </c>
      <c r="D2774" cm="1">
        <f t="array" ref="D2774">IFERROR(INDEX(Jesper!AH$2:AH$366,ROUNDDOWN($C2774/24,0)+1,1)*INDEX($D$3:$AA$30,INDEX(Jesper!$R$2:$R$366,ROW(INDEX(Jesper!AH$2:AH$366,ROUNDDOWN($C2774/24,0)+1,1))-1)+IF('Standard Profiles'!$G$18=$B$10,7,0)+IF('Standard Profiles'!$G$18=$B$17,14,0)+IF('Standard Profiles'!$G$18=$B$24,21,0),MOD($C2774,24)+1)/SUM(INDEX($D$3:$AA$30,INDEX(Jesper!$R$2:$R$366,ROW(INDEX(Jesper!AH$2:AH$366,ROUNDDOWN($C2774/24,0)+1,1))-1)+IF('Standard Profiles'!$G$18=$B$10,7,0)+IF('Standard Profiles'!$G$18=$B$17,14,0)+IF('Standard Profiles'!$G$18=$B$24,21,0),0)),0)</f>
        <v>5.6274461276649337</v>
      </c>
      <c r="E2774" cm="1">
        <f t="array" ref="E2774">IFERROR(INDEX(Jesper!AI$2:AI$366,ROUNDDOWN($C2774/24,0)+1,1)*INDEX($D$3:$AA$30,INDEX(Jesper!$R$2:$R$366,ROW(INDEX(Jesper!AI$2:AI$366,ROUNDDOWN($C2774/24,0)+1,1))-1)+IF('Standard Profiles'!$G$19=$B$10,7,0)+IF('Standard Profiles'!$G$19=$B$17,14,0)+IF('Standard Profiles'!$G$19=$B$24,21,0),MOD($C2774,24)+1)/SUM(INDEX($D$3:$AA$30,INDEX(Jesper!$R$2:$R$366,ROW(INDEX(Jesper!AI$2:AI$366,ROUNDDOWN($C2774/24,0)+1,1))-1)+IF('Standard Profiles'!$G$19=$B$10,7,0)+IF('Standard Profiles'!$G$19=$B$17,14,0)+IF('Standard Profiles'!$G$19=$B$24,21,0),0)),0)</f>
        <v>4.2542910715876348</v>
      </c>
      <c r="F2774" cm="1">
        <f t="array" ref="F2774">IFERROR(INDEX(Jesper!AJ$2:AJ$366,ROUNDDOWN($C2774/24,0)+1,1)*INDEX($D$3:$AA$30,INDEX(Jesper!$R$2:$R$366,ROW(INDEX(Jesper!AJ$2:AJ$366,ROUNDDOWN($C2774/24,0)+1,1))-1)+IF('Standard Profiles'!$G$20=$B$10,7,0)+IF('Standard Profiles'!$G$20=$B$17,14,0)+IF('Standard Profiles'!$G$20=$B$24,21,0),MOD($C2774,24)+1)/SUM(INDEX($D$3:$AA$30,INDEX(Jesper!$R$2:$R$366,ROW(INDEX(Jesper!AJ$2:AJ$366,ROUNDDOWN($C2774/24,0)+1,1))-1)+IF('Standard Profiles'!$G$20=$B$10,7,0)+IF('Standard Profiles'!$G$20=$B$17,14,0)+IF('Standard Profiles'!$G$20=$B$24,21,0),0)),0)</f>
        <v>0</v>
      </c>
      <c r="G2774" cm="1">
        <f t="array" ref="G2774">IFERROR(INDEX(Jesper!AK$2:AK$366,ROUNDDOWN($C2774/24,0)+1,1)*INDEX($D$3:$AA$30,INDEX(Jesper!$R$2:$R$366,ROW(INDEX(Jesper!AK$2:AK$366,ROUNDDOWN($C2774/24,0)+1,1))-1)+IF('Standard Profiles'!$G$21=$B$10,7,0)+IF('Standard Profiles'!$G$21=$B$17,14,0)+IF('Standard Profiles'!$G$21=$B$24,21,0),MOD($C2774,24)+1)/SUM(INDEX($D$3:$AA$30,INDEX(Jesper!$R$2:$R$366,ROW(INDEX(Jesper!AK$2:AK$366,ROUNDDOWN($C2774/24,0)+1,1))-1)+IF('Standard Profiles'!$G$21=$B$10,7,0)+IF('Standard Profiles'!$G$21=$B$17,14,0)+IF('Standard Profiles'!$G$21=$B$24,21,0),0)),0)</f>
        <v>1.5411367750960026</v>
      </c>
      <c r="H2774" cm="1">
        <f t="array" ref="H2774">IFERROR(INDEX(Jesper!AL$2:AL$366,ROUNDDOWN($C2774/24,0)+1,1)*INDEX($D$3:$AA$30,INDEX(Jesper!$R$2:$R$366,ROW(INDEX(Jesper!AL$2:AL$366,ROUNDDOWN($C2774/24,0)+1,1))-1)+IF('Standard Profiles'!$G$22=$B$10,7,0)+IF('Standard Profiles'!$G$22=$B$17,14,0)+IF('Standard Profiles'!$G$22=$B$24,21,0),MOD($C2774,24)+1)/SUM(INDEX($D$3:$AA$30,INDEX(Jesper!$R$2:$R$366,ROW(INDEX(Jesper!AL$2:AL$366,ROUNDDOWN($C2774/24,0)+1,1))-1)+IF('Standard Profiles'!$G$22=$B$10,7,0)+IF('Standard Profiles'!$G$22=$B$17,14,0)+IF('Standard Profiles'!$G$22=$B$24,21,0),0)),0)</f>
        <v>0</v>
      </c>
      <c r="I2774">
        <f t="shared" si="314"/>
        <v>0.73974565204608089</v>
      </c>
      <c r="J2774">
        <f t="shared" si="315"/>
        <v>9.7827369418760988</v>
      </c>
      <c r="K2774">
        <f t="shared" si="316"/>
        <v>0.60026092028425959</v>
      </c>
      <c r="L2774">
        <f t="shared" si="317"/>
        <v>0.3001304601421298</v>
      </c>
      <c r="M2774">
        <f t="shared" si="318"/>
        <v>0</v>
      </c>
      <c r="N2774" s="45">
        <f t="shared" si="319"/>
        <v>45041.166666660021</v>
      </c>
    </row>
    <row r="2775" spans="2:14" x14ac:dyDescent="0.25">
      <c r="B2775">
        <f t="shared" si="313"/>
        <v>2</v>
      </c>
      <c r="C2775" s="16">
        <v>2741</v>
      </c>
      <c r="D2775" cm="1">
        <f t="array" ref="D2775">IFERROR(INDEX(Jesper!AH$2:AH$366,ROUNDDOWN($C2775/24,0)+1,1)*INDEX($D$3:$AA$30,INDEX(Jesper!$R$2:$R$366,ROW(INDEX(Jesper!AH$2:AH$366,ROUNDDOWN($C2775/24,0)+1,1))-1)+IF('Standard Profiles'!$G$18=$B$10,7,0)+IF('Standard Profiles'!$G$18=$B$17,14,0)+IF('Standard Profiles'!$G$18=$B$24,21,0),MOD($C2775,24)+1)/SUM(INDEX($D$3:$AA$30,INDEX(Jesper!$R$2:$R$366,ROW(INDEX(Jesper!AH$2:AH$366,ROUNDDOWN($C2775/24,0)+1,1))-1)+IF('Standard Profiles'!$G$18=$B$10,7,0)+IF('Standard Profiles'!$G$18=$B$17,14,0)+IF('Standard Profiles'!$G$18=$B$24,21,0),0)),0)</f>
        <v>5.6274461276649337</v>
      </c>
      <c r="E2775" cm="1">
        <f t="array" ref="E2775">IFERROR(INDEX(Jesper!AI$2:AI$366,ROUNDDOWN($C2775/24,0)+1,1)*INDEX($D$3:$AA$30,INDEX(Jesper!$R$2:$R$366,ROW(INDEX(Jesper!AI$2:AI$366,ROUNDDOWN($C2775/24,0)+1,1))-1)+IF('Standard Profiles'!$G$19=$B$10,7,0)+IF('Standard Profiles'!$G$19=$B$17,14,0)+IF('Standard Profiles'!$G$19=$B$24,21,0),MOD($C2775,24)+1)/SUM(INDEX($D$3:$AA$30,INDEX(Jesper!$R$2:$R$366,ROW(INDEX(Jesper!AI$2:AI$366,ROUNDDOWN($C2775/24,0)+1,1))-1)+IF('Standard Profiles'!$G$19=$B$10,7,0)+IF('Standard Profiles'!$G$19=$B$17,14,0)+IF('Standard Profiles'!$G$19=$B$24,21,0),0)),0)</f>
        <v>4.2542910715876348</v>
      </c>
      <c r="F2775" cm="1">
        <f t="array" ref="F2775">IFERROR(INDEX(Jesper!AJ$2:AJ$366,ROUNDDOWN($C2775/24,0)+1,1)*INDEX($D$3:$AA$30,INDEX(Jesper!$R$2:$R$366,ROW(INDEX(Jesper!AJ$2:AJ$366,ROUNDDOWN($C2775/24,0)+1,1))-1)+IF('Standard Profiles'!$G$20=$B$10,7,0)+IF('Standard Profiles'!$G$20=$B$17,14,0)+IF('Standard Profiles'!$G$20=$B$24,21,0),MOD($C2775,24)+1)/SUM(INDEX($D$3:$AA$30,INDEX(Jesper!$R$2:$R$366,ROW(INDEX(Jesper!AJ$2:AJ$366,ROUNDDOWN($C2775/24,0)+1,1))-1)+IF('Standard Profiles'!$G$20=$B$10,7,0)+IF('Standard Profiles'!$G$20=$B$17,14,0)+IF('Standard Profiles'!$G$20=$B$24,21,0),0)),0)</f>
        <v>0</v>
      </c>
      <c r="G2775" cm="1">
        <f t="array" ref="G2775">IFERROR(INDEX(Jesper!AK$2:AK$366,ROUNDDOWN($C2775/24,0)+1,1)*INDEX($D$3:$AA$30,INDEX(Jesper!$R$2:$R$366,ROW(INDEX(Jesper!AK$2:AK$366,ROUNDDOWN($C2775/24,0)+1,1))-1)+IF('Standard Profiles'!$G$21=$B$10,7,0)+IF('Standard Profiles'!$G$21=$B$17,14,0)+IF('Standard Profiles'!$G$21=$B$24,21,0),MOD($C2775,24)+1)/SUM(INDEX($D$3:$AA$30,INDEX(Jesper!$R$2:$R$366,ROW(INDEX(Jesper!AK$2:AK$366,ROUNDDOWN($C2775/24,0)+1,1))-1)+IF('Standard Profiles'!$G$21=$B$10,7,0)+IF('Standard Profiles'!$G$21=$B$17,14,0)+IF('Standard Profiles'!$G$21=$B$24,21,0),0)),0)</f>
        <v>1.5411367750960026</v>
      </c>
      <c r="H2775" cm="1">
        <f t="array" ref="H2775">IFERROR(INDEX(Jesper!AL$2:AL$366,ROUNDDOWN($C2775/24,0)+1,1)*INDEX($D$3:$AA$30,INDEX(Jesper!$R$2:$R$366,ROW(INDEX(Jesper!AL$2:AL$366,ROUNDDOWN($C2775/24,0)+1,1))-1)+IF('Standard Profiles'!$G$22=$B$10,7,0)+IF('Standard Profiles'!$G$22=$B$17,14,0)+IF('Standard Profiles'!$G$22=$B$24,21,0),MOD($C2775,24)+1)/SUM(INDEX($D$3:$AA$30,INDEX(Jesper!$R$2:$R$366,ROW(INDEX(Jesper!AL$2:AL$366,ROUNDDOWN($C2775/24,0)+1,1))-1)+IF('Standard Profiles'!$G$22=$B$10,7,0)+IF('Standard Profiles'!$G$22=$B$17,14,0)+IF('Standard Profiles'!$G$22=$B$24,21,0),0)),0)</f>
        <v>0</v>
      </c>
      <c r="I2775">
        <f t="shared" si="314"/>
        <v>0.73974565204608089</v>
      </c>
      <c r="J2775">
        <f t="shared" si="315"/>
        <v>9.7827369418760988</v>
      </c>
      <c r="K2775">
        <f t="shared" si="316"/>
        <v>0.60026092028425959</v>
      </c>
      <c r="L2775">
        <f t="shared" si="317"/>
        <v>0.3001304601421298</v>
      </c>
      <c r="M2775">
        <f t="shared" si="318"/>
        <v>0</v>
      </c>
      <c r="N2775" s="45">
        <f t="shared" si="319"/>
        <v>45041.208333326686</v>
      </c>
    </row>
    <row r="2776" spans="2:14" x14ac:dyDescent="0.25">
      <c r="B2776">
        <f t="shared" si="313"/>
        <v>2</v>
      </c>
      <c r="C2776" s="16">
        <v>2742</v>
      </c>
      <c r="D2776" cm="1">
        <f t="array" ref="D2776">IFERROR(INDEX(Jesper!AH$2:AH$366,ROUNDDOWN($C2776/24,0)+1,1)*INDEX($D$3:$AA$30,INDEX(Jesper!$R$2:$R$366,ROW(INDEX(Jesper!AH$2:AH$366,ROUNDDOWN($C2776/24,0)+1,1))-1)+IF('Standard Profiles'!$G$18=$B$10,7,0)+IF('Standard Profiles'!$G$18=$B$17,14,0)+IF('Standard Profiles'!$G$18=$B$24,21,0),MOD($C2776,24)+1)/SUM(INDEX($D$3:$AA$30,INDEX(Jesper!$R$2:$R$366,ROW(INDEX(Jesper!AH$2:AH$366,ROUNDDOWN($C2776/24,0)+1,1))-1)+IF('Standard Profiles'!$G$18=$B$10,7,0)+IF('Standard Profiles'!$G$18=$B$17,14,0)+IF('Standard Profiles'!$G$18=$B$24,21,0),0)),0)</f>
        <v>5.6274461276649337</v>
      </c>
      <c r="E2776" cm="1">
        <f t="array" ref="E2776">IFERROR(INDEX(Jesper!AI$2:AI$366,ROUNDDOWN($C2776/24,0)+1,1)*INDEX($D$3:$AA$30,INDEX(Jesper!$R$2:$R$366,ROW(INDEX(Jesper!AI$2:AI$366,ROUNDDOWN($C2776/24,0)+1,1))-1)+IF('Standard Profiles'!$G$19=$B$10,7,0)+IF('Standard Profiles'!$G$19=$B$17,14,0)+IF('Standard Profiles'!$G$19=$B$24,21,0),MOD($C2776,24)+1)/SUM(INDEX($D$3:$AA$30,INDEX(Jesper!$R$2:$R$366,ROW(INDEX(Jesper!AI$2:AI$366,ROUNDDOWN($C2776/24,0)+1,1))-1)+IF('Standard Profiles'!$G$19=$B$10,7,0)+IF('Standard Profiles'!$G$19=$B$17,14,0)+IF('Standard Profiles'!$G$19=$B$24,21,0),0)),0)</f>
        <v>4.2542910715876348</v>
      </c>
      <c r="F2776" cm="1">
        <f t="array" ref="F2776">IFERROR(INDEX(Jesper!AJ$2:AJ$366,ROUNDDOWN($C2776/24,0)+1,1)*INDEX($D$3:$AA$30,INDEX(Jesper!$R$2:$R$366,ROW(INDEX(Jesper!AJ$2:AJ$366,ROUNDDOWN($C2776/24,0)+1,1))-1)+IF('Standard Profiles'!$G$20=$B$10,7,0)+IF('Standard Profiles'!$G$20=$B$17,14,0)+IF('Standard Profiles'!$G$20=$B$24,21,0),MOD($C2776,24)+1)/SUM(INDEX($D$3:$AA$30,INDEX(Jesper!$R$2:$R$366,ROW(INDEX(Jesper!AJ$2:AJ$366,ROUNDDOWN($C2776/24,0)+1,1))-1)+IF('Standard Profiles'!$G$20=$B$10,7,0)+IF('Standard Profiles'!$G$20=$B$17,14,0)+IF('Standard Profiles'!$G$20=$B$24,21,0),0)),0)</f>
        <v>0</v>
      </c>
      <c r="G2776" cm="1">
        <f t="array" ref="G2776">IFERROR(INDEX(Jesper!AK$2:AK$366,ROUNDDOWN($C2776/24,0)+1,1)*INDEX($D$3:$AA$30,INDEX(Jesper!$R$2:$R$366,ROW(INDEX(Jesper!AK$2:AK$366,ROUNDDOWN($C2776/24,0)+1,1))-1)+IF('Standard Profiles'!$G$21=$B$10,7,0)+IF('Standard Profiles'!$G$21=$B$17,14,0)+IF('Standard Profiles'!$G$21=$B$24,21,0),MOD($C2776,24)+1)/SUM(INDEX($D$3:$AA$30,INDEX(Jesper!$R$2:$R$366,ROW(INDEX(Jesper!AK$2:AK$366,ROUNDDOWN($C2776/24,0)+1,1))-1)+IF('Standard Profiles'!$G$21=$B$10,7,0)+IF('Standard Profiles'!$G$21=$B$17,14,0)+IF('Standard Profiles'!$G$21=$B$24,21,0),0)),0)</f>
        <v>1.5411367750960026</v>
      </c>
      <c r="H2776" cm="1">
        <f t="array" ref="H2776">IFERROR(INDEX(Jesper!AL$2:AL$366,ROUNDDOWN($C2776/24,0)+1,1)*INDEX($D$3:$AA$30,INDEX(Jesper!$R$2:$R$366,ROW(INDEX(Jesper!AL$2:AL$366,ROUNDDOWN($C2776/24,0)+1,1))-1)+IF('Standard Profiles'!$G$22=$B$10,7,0)+IF('Standard Profiles'!$G$22=$B$17,14,0)+IF('Standard Profiles'!$G$22=$B$24,21,0),MOD($C2776,24)+1)/SUM(INDEX($D$3:$AA$30,INDEX(Jesper!$R$2:$R$366,ROW(INDEX(Jesper!AL$2:AL$366,ROUNDDOWN($C2776/24,0)+1,1))-1)+IF('Standard Profiles'!$G$22=$B$10,7,0)+IF('Standard Profiles'!$G$22=$B$17,14,0)+IF('Standard Profiles'!$G$22=$B$24,21,0),0)),0)</f>
        <v>0</v>
      </c>
      <c r="I2776">
        <f t="shared" si="314"/>
        <v>0.73974565204608089</v>
      </c>
      <c r="J2776">
        <f t="shared" si="315"/>
        <v>9.7827369418760988</v>
      </c>
      <c r="K2776">
        <f t="shared" si="316"/>
        <v>0.60026092028425959</v>
      </c>
      <c r="L2776">
        <f t="shared" si="317"/>
        <v>0.3001304601421298</v>
      </c>
      <c r="M2776">
        <f t="shared" si="318"/>
        <v>0</v>
      </c>
      <c r="N2776" s="45">
        <f t="shared" si="319"/>
        <v>45041.24999999335</v>
      </c>
    </row>
    <row r="2777" spans="2:14" x14ac:dyDescent="0.25">
      <c r="B2777">
        <f t="shared" si="313"/>
        <v>2</v>
      </c>
      <c r="C2777" s="16">
        <v>2743</v>
      </c>
      <c r="D2777" cm="1">
        <f t="array" ref="D2777">IFERROR(INDEX(Jesper!AH$2:AH$366,ROUNDDOWN($C2777/24,0)+1,1)*INDEX($D$3:$AA$30,INDEX(Jesper!$R$2:$R$366,ROW(INDEX(Jesper!AH$2:AH$366,ROUNDDOWN($C2777/24,0)+1,1))-1)+IF('Standard Profiles'!$G$18=$B$10,7,0)+IF('Standard Profiles'!$G$18=$B$17,14,0)+IF('Standard Profiles'!$G$18=$B$24,21,0),MOD($C2777,24)+1)/SUM(INDEX($D$3:$AA$30,INDEX(Jesper!$R$2:$R$366,ROW(INDEX(Jesper!AH$2:AH$366,ROUNDDOWN($C2777/24,0)+1,1))-1)+IF('Standard Profiles'!$G$18=$B$10,7,0)+IF('Standard Profiles'!$G$18=$B$17,14,0)+IF('Standard Profiles'!$G$18=$B$24,21,0),0)),0)</f>
        <v>23.723202581937482</v>
      </c>
      <c r="E2777" cm="1">
        <f t="array" ref="E2777">IFERROR(INDEX(Jesper!AI$2:AI$366,ROUNDDOWN($C2777/24,0)+1,1)*INDEX($D$3:$AA$30,INDEX(Jesper!$R$2:$R$366,ROW(INDEX(Jesper!AI$2:AI$366,ROUNDDOWN($C2777/24,0)+1,1))-1)+IF('Standard Profiles'!$G$19=$B$10,7,0)+IF('Standard Profiles'!$G$19=$B$17,14,0)+IF('Standard Profiles'!$G$19=$B$24,21,0),MOD($C2777,24)+1)/SUM(INDEX($D$3:$AA$30,INDEX(Jesper!$R$2:$R$366,ROW(INDEX(Jesper!AI$2:AI$366,ROUNDDOWN($C2777/24,0)+1,1))-1)+IF('Standard Profiles'!$G$19=$B$10,7,0)+IF('Standard Profiles'!$G$19=$B$17,14,0)+IF('Standard Profiles'!$G$19=$B$24,21,0),0)),0)</f>
        <v>17.934495798661622</v>
      </c>
      <c r="F2777" cm="1">
        <f t="array" ref="F2777">IFERROR(INDEX(Jesper!AJ$2:AJ$366,ROUNDDOWN($C2777/24,0)+1,1)*INDEX($D$3:$AA$30,INDEX(Jesper!$R$2:$R$366,ROW(INDEX(Jesper!AJ$2:AJ$366,ROUNDDOWN($C2777/24,0)+1,1))-1)+IF('Standard Profiles'!$G$20=$B$10,7,0)+IF('Standard Profiles'!$G$20=$B$17,14,0)+IF('Standard Profiles'!$G$20=$B$24,21,0),MOD($C2777,24)+1)/SUM(INDEX($D$3:$AA$30,INDEX(Jesper!$R$2:$R$366,ROW(INDEX(Jesper!AJ$2:AJ$366,ROUNDDOWN($C2777/24,0)+1,1))-1)+IF('Standard Profiles'!$G$20=$B$10,7,0)+IF('Standard Profiles'!$G$20=$B$17,14,0)+IF('Standard Profiles'!$G$20=$B$24,21,0),0)),0)</f>
        <v>0</v>
      </c>
      <c r="G2777" cm="1">
        <f t="array" ref="G2777">IFERROR(INDEX(Jesper!AK$2:AK$366,ROUNDDOWN($C2777/24,0)+1,1)*INDEX($D$3:$AA$30,INDEX(Jesper!$R$2:$R$366,ROW(INDEX(Jesper!AK$2:AK$366,ROUNDDOWN($C2777/24,0)+1,1))-1)+IF('Standard Profiles'!$G$21=$B$10,7,0)+IF('Standard Profiles'!$G$21=$B$17,14,0)+IF('Standard Profiles'!$G$21=$B$24,21,0),MOD($C2777,24)+1)/SUM(INDEX($D$3:$AA$30,INDEX(Jesper!$R$2:$R$366,ROW(INDEX(Jesper!AK$2:AK$366,ROUNDDOWN($C2777/24,0)+1,1))-1)+IF('Standard Profiles'!$G$21=$B$10,7,0)+IF('Standard Profiles'!$G$21=$B$17,14,0)+IF('Standard Profiles'!$G$21=$B$24,21,0),0)),0)</f>
        <v>4.4394681940668717</v>
      </c>
      <c r="H2777" cm="1">
        <f t="array" ref="H2777">IFERROR(INDEX(Jesper!AL$2:AL$366,ROUNDDOWN($C2777/24,0)+1,1)*INDEX($D$3:$AA$30,INDEX(Jesper!$R$2:$R$366,ROW(INDEX(Jesper!AL$2:AL$366,ROUNDDOWN($C2777/24,0)+1,1))-1)+IF('Standard Profiles'!$G$22=$B$10,7,0)+IF('Standard Profiles'!$G$22=$B$17,14,0)+IF('Standard Profiles'!$G$22=$B$24,21,0),MOD($C2777,24)+1)/SUM(INDEX($D$3:$AA$30,INDEX(Jesper!$R$2:$R$366,ROW(INDEX(Jesper!AL$2:AL$366,ROUNDDOWN($C2777/24,0)+1,1))-1)+IF('Standard Profiles'!$G$22=$B$10,7,0)+IF('Standard Profiles'!$G$22=$B$17,14,0)+IF('Standard Profiles'!$G$22=$B$24,21,0),0)),0)</f>
        <v>0</v>
      </c>
      <c r="I2777">
        <f t="shared" si="314"/>
        <v>2.1309447331520972</v>
      </c>
      <c r="J2777">
        <f t="shared" si="315"/>
        <v>40.170509428403882</v>
      </c>
      <c r="K2777">
        <f t="shared" si="316"/>
        <v>2.5304749420733317</v>
      </c>
      <c r="L2777">
        <f t="shared" si="317"/>
        <v>1.2652374710366658</v>
      </c>
      <c r="M2777">
        <f t="shared" si="318"/>
        <v>0</v>
      </c>
      <c r="N2777" s="45">
        <f t="shared" si="319"/>
        <v>45041.291666660014</v>
      </c>
    </row>
    <row r="2778" spans="2:14" x14ac:dyDescent="0.25">
      <c r="B2778">
        <f t="shared" si="313"/>
        <v>2</v>
      </c>
      <c r="C2778" s="16">
        <v>2744</v>
      </c>
      <c r="D2778" cm="1">
        <f t="array" ref="D2778">IFERROR(INDEX(Jesper!AH$2:AH$366,ROUNDDOWN($C2778/24,0)+1,1)*INDEX($D$3:$AA$30,INDEX(Jesper!$R$2:$R$366,ROW(INDEX(Jesper!AH$2:AH$366,ROUNDDOWN($C2778/24,0)+1,1))-1)+IF('Standard Profiles'!$G$18=$B$10,7,0)+IF('Standard Profiles'!$G$18=$B$17,14,0)+IF('Standard Profiles'!$G$18=$B$24,21,0),MOD($C2778,24)+1)/SUM(INDEX($D$3:$AA$30,INDEX(Jesper!$R$2:$R$366,ROW(INDEX(Jesper!AH$2:AH$366,ROUNDDOWN($C2778/24,0)+1,1))-1)+IF('Standard Profiles'!$G$18=$B$10,7,0)+IF('Standard Profiles'!$G$18=$B$17,14,0)+IF('Standard Profiles'!$G$18=$B$24,21,0),0)),0)</f>
        <v>26.47009972300393</v>
      </c>
      <c r="E2778" cm="1">
        <f t="array" ref="E2778">IFERROR(INDEX(Jesper!AI$2:AI$366,ROUNDDOWN($C2778/24,0)+1,1)*INDEX($D$3:$AA$30,INDEX(Jesper!$R$2:$R$366,ROW(INDEX(Jesper!AI$2:AI$366,ROUNDDOWN($C2778/24,0)+1,1))-1)+IF('Standard Profiles'!$G$19=$B$10,7,0)+IF('Standard Profiles'!$G$19=$B$17,14,0)+IF('Standard Profiles'!$G$19=$B$24,21,0),MOD($C2778,24)+1)/SUM(INDEX($D$3:$AA$30,INDEX(Jesper!$R$2:$R$366,ROW(INDEX(Jesper!AI$2:AI$366,ROUNDDOWN($C2778/24,0)+1,1))-1)+IF('Standard Profiles'!$G$19=$B$10,7,0)+IF('Standard Profiles'!$G$19=$B$17,14,0)+IF('Standard Profiles'!$G$19=$B$24,21,0),0)),0)</f>
        <v>20.011121627980337</v>
      </c>
      <c r="F2778" cm="1">
        <f t="array" ref="F2778">IFERROR(INDEX(Jesper!AJ$2:AJ$366,ROUNDDOWN($C2778/24,0)+1,1)*INDEX($D$3:$AA$30,INDEX(Jesper!$R$2:$R$366,ROW(INDEX(Jesper!AJ$2:AJ$366,ROUNDDOWN($C2778/24,0)+1,1))-1)+IF('Standard Profiles'!$G$20=$B$10,7,0)+IF('Standard Profiles'!$G$20=$B$17,14,0)+IF('Standard Profiles'!$G$20=$B$24,21,0),MOD($C2778,24)+1)/SUM(INDEX($D$3:$AA$30,INDEX(Jesper!$R$2:$R$366,ROW(INDEX(Jesper!AJ$2:AJ$366,ROUNDDOWN($C2778/24,0)+1,1))-1)+IF('Standard Profiles'!$G$20=$B$10,7,0)+IF('Standard Profiles'!$G$20=$B$17,14,0)+IF('Standard Profiles'!$G$20=$B$24,21,0),0)),0)</f>
        <v>0</v>
      </c>
      <c r="G2778" cm="1">
        <f t="array" ref="G2778">IFERROR(INDEX(Jesper!AK$2:AK$366,ROUNDDOWN($C2778/24,0)+1,1)*INDEX($D$3:$AA$30,INDEX(Jesper!$R$2:$R$366,ROW(INDEX(Jesper!AK$2:AK$366,ROUNDDOWN($C2778/24,0)+1,1))-1)+IF('Standard Profiles'!$G$21=$B$10,7,0)+IF('Standard Profiles'!$G$21=$B$17,14,0)+IF('Standard Profiles'!$G$21=$B$24,21,0),MOD($C2778,24)+1)/SUM(INDEX($D$3:$AA$30,INDEX(Jesper!$R$2:$R$366,ROW(INDEX(Jesper!AK$2:AK$366,ROUNDDOWN($C2778/24,0)+1,1))-1)+IF('Standard Profiles'!$G$21=$B$10,7,0)+IF('Standard Profiles'!$G$21=$B$17,14,0)+IF('Standard Profiles'!$G$21=$B$24,21,0),0)),0)</f>
        <v>4.9535118796956672</v>
      </c>
      <c r="H2778" cm="1">
        <f t="array" ref="H2778">IFERROR(INDEX(Jesper!AL$2:AL$366,ROUNDDOWN($C2778/24,0)+1,1)*INDEX($D$3:$AA$30,INDEX(Jesper!$R$2:$R$366,ROW(INDEX(Jesper!AL$2:AL$366,ROUNDDOWN($C2778/24,0)+1,1))-1)+IF('Standard Profiles'!$G$22=$B$10,7,0)+IF('Standard Profiles'!$G$22=$B$17,14,0)+IF('Standard Profiles'!$G$22=$B$24,21,0),MOD($C2778,24)+1)/SUM(INDEX($D$3:$AA$30,INDEX(Jesper!$R$2:$R$366,ROW(INDEX(Jesper!AL$2:AL$366,ROUNDDOWN($C2778/24,0)+1,1))-1)+IF('Standard Profiles'!$G$22=$B$10,7,0)+IF('Standard Profiles'!$G$22=$B$17,14,0)+IF('Standard Profiles'!$G$22=$B$24,21,0),0)),0)</f>
        <v>0</v>
      </c>
      <c r="I2778">
        <f t="shared" si="314"/>
        <v>2.3776857022539191</v>
      </c>
      <c r="J2778">
        <f t="shared" si="315"/>
        <v>44.821831572745388</v>
      </c>
      <c r="K2778">
        <f t="shared" si="316"/>
        <v>2.8234773037870862</v>
      </c>
      <c r="L2778">
        <f t="shared" si="317"/>
        <v>1.4117386518935431</v>
      </c>
      <c r="M2778">
        <f t="shared" si="318"/>
        <v>0</v>
      </c>
      <c r="N2778" s="45">
        <f t="shared" si="319"/>
        <v>45041.333333326678</v>
      </c>
    </row>
    <row r="2779" spans="2:14" x14ac:dyDescent="0.25">
      <c r="B2779">
        <f t="shared" si="313"/>
        <v>2</v>
      </c>
      <c r="C2779" s="16">
        <v>2745</v>
      </c>
      <c r="D2779" cm="1">
        <f t="array" ref="D2779">IFERROR(INDEX(Jesper!AH$2:AH$366,ROUNDDOWN($C2779/24,0)+1,1)*INDEX($D$3:$AA$30,INDEX(Jesper!$R$2:$R$366,ROW(INDEX(Jesper!AH$2:AH$366,ROUNDDOWN($C2779/24,0)+1,1))-1)+IF('Standard Profiles'!$G$18=$B$10,7,0)+IF('Standard Profiles'!$G$18=$B$17,14,0)+IF('Standard Profiles'!$G$18=$B$24,21,0),MOD($C2779,24)+1)/SUM(INDEX($D$3:$AA$30,INDEX(Jesper!$R$2:$R$366,ROW(INDEX(Jesper!AH$2:AH$366,ROUNDDOWN($C2779/24,0)+1,1))-1)+IF('Standard Profiles'!$G$18=$B$10,7,0)+IF('Standard Profiles'!$G$18=$B$17,14,0)+IF('Standard Profiles'!$G$18=$B$24,21,0),0)),0)</f>
        <v>29.216996864070378</v>
      </c>
      <c r="E2779" cm="1">
        <f t="array" ref="E2779">IFERROR(INDEX(Jesper!AI$2:AI$366,ROUNDDOWN($C2779/24,0)+1,1)*INDEX($D$3:$AA$30,INDEX(Jesper!$R$2:$R$366,ROW(INDEX(Jesper!AI$2:AI$366,ROUNDDOWN($C2779/24,0)+1,1))-1)+IF('Standard Profiles'!$G$19=$B$10,7,0)+IF('Standard Profiles'!$G$19=$B$17,14,0)+IF('Standard Profiles'!$G$19=$B$24,21,0),MOD($C2779,24)+1)/SUM(INDEX($D$3:$AA$30,INDEX(Jesper!$R$2:$R$366,ROW(INDEX(Jesper!AI$2:AI$366,ROUNDDOWN($C2779/24,0)+1,1))-1)+IF('Standard Profiles'!$G$19=$B$10,7,0)+IF('Standard Profiles'!$G$19=$B$17,14,0)+IF('Standard Profiles'!$G$19=$B$24,21,0),0)),0)</f>
        <v>22.087747457299052</v>
      </c>
      <c r="F2779" cm="1">
        <f t="array" ref="F2779">IFERROR(INDEX(Jesper!AJ$2:AJ$366,ROUNDDOWN($C2779/24,0)+1,1)*INDEX($D$3:$AA$30,INDEX(Jesper!$R$2:$R$366,ROW(INDEX(Jesper!AJ$2:AJ$366,ROUNDDOWN($C2779/24,0)+1,1))-1)+IF('Standard Profiles'!$G$20=$B$10,7,0)+IF('Standard Profiles'!$G$20=$B$17,14,0)+IF('Standard Profiles'!$G$20=$B$24,21,0),MOD($C2779,24)+1)/SUM(INDEX($D$3:$AA$30,INDEX(Jesper!$R$2:$R$366,ROW(INDEX(Jesper!AJ$2:AJ$366,ROUNDDOWN($C2779/24,0)+1,1))-1)+IF('Standard Profiles'!$G$20=$B$10,7,0)+IF('Standard Profiles'!$G$20=$B$17,14,0)+IF('Standard Profiles'!$G$20=$B$24,21,0),0)),0)</f>
        <v>0</v>
      </c>
      <c r="G2779" cm="1">
        <f t="array" ref="G2779">IFERROR(INDEX(Jesper!AK$2:AK$366,ROUNDDOWN($C2779/24,0)+1,1)*INDEX($D$3:$AA$30,INDEX(Jesper!$R$2:$R$366,ROW(INDEX(Jesper!AK$2:AK$366,ROUNDDOWN($C2779/24,0)+1,1))-1)+IF('Standard Profiles'!$G$21=$B$10,7,0)+IF('Standard Profiles'!$G$21=$B$17,14,0)+IF('Standard Profiles'!$G$21=$B$24,21,0),MOD($C2779,24)+1)/SUM(INDEX($D$3:$AA$30,INDEX(Jesper!$R$2:$R$366,ROW(INDEX(Jesper!AK$2:AK$366,ROUNDDOWN($C2779/24,0)+1,1))-1)+IF('Standard Profiles'!$G$21=$B$10,7,0)+IF('Standard Profiles'!$G$21=$B$17,14,0)+IF('Standard Profiles'!$G$21=$B$24,21,0),0)),0)</f>
        <v>5.4675555653244627</v>
      </c>
      <c r="H2779" cm="1">
        <f t="array" ref="H2779">IFERROR(INDEX(Jesper!AL$2:AL$366,ROUNDDOWN($C2779/24,0)+1,1)*INDEX($D$3:$AA$30,INDEX(Jesper!$R$2:$R$366,ROW(INDEX(Jesper!AL$2:AL$366,ROUNDDOWN($C2779/24,0)+1,1))-1)+IF('Standard Profiles'!$G$22=$B$10,7,0)+IF('Standard Profiles'!$G$22=$B$17,14,0)+IF('Standard Profiles'!$G$22=$B$24,21,0),MOD($C2779,24)+1)/SUM(INDEX($D$3:$AA$30,INDEX(Jesper!$R$2:$R$366,ROW(INDEX(Jesper!AL$2:AL$366,ROUNDDOWN($C2779/24,0)+1,1))-1)+IF('Standard Profiles'!$G$22=$B$10,7,0)+IF('Standard Profiles'!$G$22=$B$17,14,0)+IF('Standard Profiles'!$G$22=$B$24,21,0),0)),0)</f>
        <v>0</v>
      </c>
      <c r="I2779">
        <f t="shared" si="314"/>
        <v>2.6244266713557409</v>
      </c>
      <c r="J2779">
        <f t="shared" si="315"/>
        <v>49.473153717086895</v>
      </c>
      <c r="K2779">
        <f t="shared" si="316"/>
        <v>3.1164796655008407</v>
      </c>
      <c r="L2779">
        <f t="shared" si="317"/>
        <v>1.5582398327504203</v>
      </c>
      <c r="M2779">
        <f t="shared" si="318"/>
        <v>0</v>
      </c>
      <c r="N2779" s="45">
        <f t="shared" si="319"/>
        <v>45041.374999993342</v>
      </c>
    </row>
    <row r="2780" spans="2:14" x14ac:dyDescent="0.25">
      <c r="B2780">
        <f t="shared" si="313"/>
        <v>2</v>
      </c>
      <c r="C2780" s="16">
        <v>2746</v>
      </c>
      <c r="D2780" cm="1">
        <f t="array" ref="D2780">IFERROR(INDEX(Jesper!AH$2:AH$366,ROUNDDOWN($C2780/24,0)+1,1)*INDEX($D$3:$AA$30,INDEX(Jesper!$R$2:$R$366,ROW(INDEX(Jesper!AH$2:AH$366,ROUNDDOWN($C2780/24,0)+1,1))-1)+IF('Standard Profiles'!$G$18=$B$10,7,0)+IF('Standard Profiles'!$G$18=$B$17,14,0)+IF('Standard Profiles'!$G$18=$B$24,21,0),MOD($C2780,24)+1)/SUM(INDEX($D$3:$AA$30,INDEX(Jesper!$R$2:$R$366,ROW(INDEX(Jesper!AH$2:AH$366,ROUNDDOWN($C2780/24,0)+1,1))-1)+IF('Standard Profiles'!$G$18=$B$10,7,0)+IF('Standard Profiles'!$G$18=$B$17,14,0)+IF('Standard Profiles'!$G$18=$B$24,21,0),0)),0)</f>
        <v>29.216996864070378</v>
      </c>
      <c r="E2780" cm="1">
        <f t="array" ref="E2780">IFERROR(INDEX(Jesper!AI$2:AI$366,ROUNDDOWN($C2780/24,0)+1,1)*INDEX($D$3:$AA$30,INDEX(Jesper!$R$2:$R$366,ROW(INDEX(Jesper!AI$2:AI$366,ROUNDDOWN($C2780/24,0)+1,1))-1)+IF('Standard Profiles'!$G$19=$B$10,7,0)+IF('Standard Profiles'!$G$19=$B$17,14,0)+IF('Standard Profiles'!$G$19=$B$24,21,0),MOD($C2780,24)+1)/SUM(INDEX($D$3:$AA$30,INDEX(Jesper!$R$2:$R$366,ROW(INDEX(Jesper!AI$2:AI$366,ROUNDDOWN($C2780/24,0)+1,1))-1)+IF('Standard Profiles'!$G$19=$B$10,7,0)+IF('Standard Profiles'!$G$19=$B$17,14,0)+IF('Standard Profiles'!$G$19=$B$24,21,0),0)),0)</f>
        <v>22.087747457299052</v>
      </c>
      <c r="F2780" cm="1">
        <f t="array" ref="F2780">IFERROR(INDEX(Jesper!AJ$2:AJ$366,ROUNDDOWN($C2780/24,0)+1,1)*INDEX($D$3:$AA$30,INDEX(Jesper!$R$2:$R$366,ROW(INDEX(Jesper!AJ$2:AJ$366,ROUNDDOWN($C2780/24,0)+1,1))-1)+IF('Standard Profiles'!$G$20=$B$10,7,0)+IF('Standard Profiles'!$G$20=$B$17,14,0)+IF('Standard Profiles'!$G$20=$B$24,21,0),MOD($C2780,24)+1)/SUM(INDEX($D$3:$AA$30,INDEX(Jesper!$R$2:$R$366,ROW(INDEX(Jesper!AJ$2:AJ$366,ROUNDDOWN($C2780/24,0)+1,1))-1)+IF('Standard Profiles'!$G$20=$B$10,7,0)+IF('Standard Profiles'!$G$20=$B$17,14,0)+IF('Standard Profiles'!$G$20=$B$24,21,0),0)),0)</f>
        <v>0</v>
      </c>
      <c r="G2780" cm="1">
        <f t="array" ref="G2780">IFERROR(INDEX(Jesper!AK$2:AK$366,ROUNDDOWN($C2780/24,0)+1,1)*INDEX($D$3:$AA$30,INDEX(Jesper!$R$2:$R$366,ROW(INDEX(Jesper!AK$2:AK$366,ROUNDDOWN($C2780/24,0)+1,1))-1)+IF('Standard Profiles'!$G$21=$B$10,7,0)+IF('Standard Profiles'!$G$21=$B$17,14,0)+IF('Standard Profiles'!$G$21=$B$24,21,0),MOD($C2780,24)+1)/SUM(INDEX($D$3:$AA$30,INDEX(Jesper!$R$2:$R$366,ROW(INDEX(Jesper!AK$2:AK$366,ROUNDDOWN($C2780/24,0)+1,1))-1)+IF('Standard Profiles'!$G$21=$B$10,7,0)+IF('Standard Profiles'!$G$21=$B$17,14,0)+IF('Standard Profiles'!$G$21=$B$24,21,0),0)),0)</f>
        <v>5.4675555653244627</v>
      </c>
      <c r="H2780" cm="1">
        <f t="array" ref="H2780">IFERROR(INDEX(Jesper!AL$2:AL$366,ROUNDDOWN($C2780/24,0)+1,1)*INDEX($D$3:$AA$30,INDEX(Jesper!$R$2:$R$366,ROW(INDEX(Jesper!AL$2:AL$366,ROUNDDOWN($C2780/24,0)+1,1))-1)+IF('Standard Profiles'!$G$22=$B$10,7,0)+IF('Standard Profiles'!$G$22=$B$17,14,0)+IF('Standard Profiles'!$G$22=$B$24,21,0),MOD($C2780,24)+1)/SUM(INDEX($D$3:$AA$30,INDEX(Jesper!$R$2:$R$366,ROW(INDEX(Jesper!AL$2:AL$366,ROUNDDOWN($C2780/24,0)+1,1))-1)+IF('Standard Profiles'!$G$22=$B$10,7,0)+IF('Standard Profiles'!$G$22=$B$17,14,0)+IF('Standard Profiles'!$G$22=$B$24,21,0),0)),0)</f>
        <v>0</v>
      </c>
      <c r="I2780">
        <f t="shared" si="314"/>
        <v>2.6244266713557409</v>
      </c>
      <c r="J2780">
        <f t="shared" si="315"/>
        <v>49.473153717086895</v>
      </c>
      <c r="K2780">
        <f t="shared" si="316"/>
        <v>3.1164796655008407</v>
      </c>
      <c r="L2780">
        <f t="shared" si="317"/>
        <v>1.5582398327504203</v>
      </c>
      <c r="M2780">
        <f t="shared" si="318"/>
        <v>0</v>
      </c>
      <c r="N2780" s="45">
        <f t="shared" si="319"/>
        <v>45041.416666660007</v>
      </c>
    </row>
    <row r="2781" spans="2:14" x14ac:dyDescent="0.25">
      <c r="B2781">
        <f t="shared" si="313"/>
        <v>2</v>
      </c>
      <c r="C2781" s="16">
        <v>2747</v>
      </c>
      <c r="D2781" cm="1">
        <f t="array" ref="D2781">IFERROR(INDEX(Jesper!AH$2:AH$366,ROUNDDOWN($C2781/24,0)+1,1)*INDEX($D$3:$AA$30,INDEX(Jesper!$R$2:$R$366,ROW(INDEX(Jesper!AH$2:AH$366,ROUNDDOWN($C2781/24,0)+1,1))-1)+IF('Standard Profiles'!$G$18=$B$10,7,0)+IF('Standard Profiles'!$G$18=$B$17,14,0)+IF('Standard Profiles'!$G$18=$B$24,21,0),MOD($C2781,24)+1)/SUM(INDEX($D$3:$AA$30,INDEX(Jesper!$R$2:$R$366,ROW(INDEX(Jesper!AH$2:AH$366,ROUNDDOWN($C2781/24,0)+1,1))-1)+IF('Standard Profiles'!$G$18=$B$10,7,0)+IF('Standard Profiles'!$G$18=$B$17,14,0)+IF('Standard Profiles'!$G$18=$B$24,21,0),0)),0)</f>
        <v>34.960509068118398</v>
      </c>
      <c r="E2781" cm="1">
        <f t="array" ref="E2781">IFERROR(INDEX(Jesper!AI$2:AI$366,ROUNDDOWN($C2781/24,0)+1,1)*INDEX($D$3:$AA$30,INDEX(Jesper!$R$2:$R$366,ROW(INDEX(Jesper!AI$2:AI$366,ROUNDDOWN($C2781/24,0)+1,1))-1)+IF('Standard Profiles'!$G$19=$B$10,7,0)+IF('Standard Profiles'!$G$19=$B$17,14,0)+IF('Standard Profiles'!$G$19=$B$24,21,0),MOD($C2781,24)+1)/SUM(INDEX($D$3:$AA$30,INDEX(Jesper!$R$2:$R$366,ROW(INDEX(Jesper!AI$2:AI$366,ROUNDDOWN($C2781/24,0)+1,1))-1)+IF('Standard Profiles'!$G$19=$B$10,7,0)+IF('Standard Profiles'!$G$19=$B$17,14,0)+IF('Standard Profiles'!$G$19=$B$24,21,0),0)),0)</f>
        <v>26.42978328223818</v>
      </c>
      <c r="F2781" cm="1">
        <f t="array" ref="F2781">IFERROR(INDEX(Jesper!AJ$2:AJ$366,ROUNDDOWN($C2781/24,0)+1,1)*INDEX($D$3:$AA$30,INDEX(Jesper!$R$2:$R$366,ROW(INDEX(Jesper!AJ$2:AJ$366,ROUNDDOWN($C2781/24,0)+1,1))-1)+IF('Standard Profiles'!$G$20=$B$10,7,0)+IF('Standard Profiles'!$G$20=$B$17,14,0)+IF('Standard Profiles'!$G$20=$B$24,21,0),MOD($C2781,24)+1)/SUM(INDEX($D$3:$AA$30,INDEX(Jesper!$R$2:$R$366,ROW(INDEX(Jesper!AJ$2:AJ$366,ROUNDDOWN($C2781/24,0)+1,1))-1)+IF('Standard Profiles'!$G$20=$B$10,7,0)+IF('Standard Profiles'!$G$20=$B$17,14,0)+IF('Standard Profiles'!$G$20=$B$24,21,0),0)),0)</f>
        <v>0</v>
      </c>
      <c r="G2781" cm="1">
        <f t="array" ref="G2781">IFERROR(INDEX(Jesper!AK$2:AK$366,ROUNDDOWN($C2781/24,0)+1,1)*INDEX($D$3:$AA$30,INDEX(Jesper!$R$2:$R$366,ROW(INDEX(Jesper!AK$2:AK$366,ROUNDDOWN($C2781/24,0)+1,1))-1)+IF('Standard Profiles'!$G$21=$B$10,7,0)+IF('Standard Profiles'!$G$21=$B$17,14,0)+IF('Standard Profiles'!$G$21=$B$24,21,0),MOD($C2781,24)+1)/SUM(INDEX($D$3:$AA$30,INDEX(Jesper!$R$2:$R$366,ROW(INDEX(Jesper!AK$2:AK$366,ROUNDDOWN($C2781/24,0)+1,1))-1)+IF('Standard Profiles'!$G$21=$B$10,7,0)+IF('Standard Profiles'!$G$21=$B$17,14,0)+IF('Standard Profiles'!$G$21=$B$24,21,0),0)),0)</f>
        <v>6.5423741807301266</v>
      </c>
      <c r="H2781" cm="1">
        <f t="array" ref="H2781">IFERROR(INDEX(Jesper!AL$2:AL$366,ROUNDDOWN($C2781/24,0)+1,1)*INDEX($D$3:$AA$30,INDEX(Jesper!$R$2:$R$366,ROW(INDEX(Jesper!AL$2:AL$366,ROUNDDOWN($C2781/24,0)+1,1))-1)+IF('Standard Profiles'!$G$22=$B$10,7,0)+IF('Standard Profiles'!$G$22=$B$17,14,0)+IF('Standard Profiles'!$G$22=$B$24,21,0),MOD($C2781,24)+1)/SUM(INDEX($D$3:$AA$30,INDEX(Jesper!$R$2:$R$366,ROW(INDEX(Jesper!AL$2:AL$366,ROUNDDOWN($C2781/24,0)+1,1))-1)+IF('Standard Profiles'!$G$22=$B$10,7,0)+IF('Standard Profiles'!$G$22=$B$17,14,0)+IF('Standard Profiles'!$G$22=$B$24,21,0),0)),0)</f>
        <v>0</v>
      </c>
      <c r="I2781">
        <f t="shared" si="314"/>
        <v>3.1403396067504592</v>
      </c>
      <c r="J2781">
        <f t="shared" si="315"/>
        <v>59.198645473437303</v>
      </c>
      <c r="K2781">
        <f t="shared" si="316"/>
        <v>3.7291209672659629</v>
      </c>
      <c r="L2781">
        <f t="shared" si="317"/>
        <v>1.8645604836329814</v>
      </c>
      <c r="M2781">
        <f t="shared" si="318"/>
        <v>0</v>
      </c>
      <c r="N2781" s="45">
        <f t="shared" si="319"/>
        <v>45041.458333326671</v>
      </c>
    </row>
    <row r="2782" spans="2:14" x14ac:dyDescent="0.25">
      <c r="B2782">
        <f t="shared" si="313"/>
        <v>2</v>
      </c>
      <c r="C2782" s="16">
        <v>2748</v>
      </c>
      <c r="D2782" cm="1">
        <f t="array" ref="D2782">IFERROR(INDEX(Jesper!AH$2:AH$366,ROUNDDOWN($C2782/24,0)+1,1)*INDEX($D$3:$AA$30,INDEX(Jesper!$R$2:$R$366,ROW(INDEX(Jesper!AH$2:AH$366,ROUNDDOWN($C2782/24,0)+1,1))-1)+IF('Standard Profiles'!$G$18=$B$10,7,0)+IF('Standard Profiles'!$G$18=$B$17,14,0)+IF('Standard Profiles'!$G$18=$B$24,21,0),MOD($C2782,24)+1)/SUM(INDEX($D$3:$AA$30,INDEX(Jesper!$R$2:$R$366,ROW(INDEX(Jesper!AH$2:AH$366,ROUNDDOWN($C2782/24,0)+1,1))-1)+IF('Standard Profiles'!$G$18=$B$10,7,0)+IF('Standard Profiles'!$G$18=$B$17,14,0)+IF('Standard Profiles'!$G$18=$B$24,21,0),0)),0)</f>
        <v>34.960509068118398</v>
      </c>
      <c r="E2782" cm="1">
        <f t="array" ref="E2782">IFERROR(INDEX(Jesper!AI$2:AI$366,ROUNDDOWN($C2782/24,0)+1,1)*INDEX($D$3:$AA$30,INDEX(Jesper!$R$2:$R$366,ROW(INDEX(Jesper!AI$2:AI$366,ROUNDDOWN($C2782/24,0)+1,1))-1)+IF('Standard Profiles'!$G$19=$B$10,7,0)+IF('Standard Profiles'!$G$19=$B$17,14,0)+IF('Standard Profiles'!$G$19=$B$24,21,0),MOD($C2782,24)+1)/SUM(INDEX($D$3:$AA$30,INDEX(Jesper!$R$2:$R$366,ROW(INDEX(Jesper!AI$2:AI$366,ROUNDDOWN($C2782/24,0)+1,1))-1)+IF('Standard Profiles'!$G$19=$B$10,7,0)+IF('Standard Profiles'!$G$19=$B$17,14,0)+IF('Standard Profiles'!$G$19=$B$24,21,0),0)),0)</f>
        <v>26.42978328223818</v>
      </c>
      <c r="F2782" cm="1">
        <f t="array" ref="F2782">IFERROR(INDEX(Jesper!AJ$2:AJ$366,ROUNDDOWN($C2782/24,0)+1,1)*INDEX($D$3:$AA$30,INDEX(Jesper!$R$2:$R$366,ROW(INDEX(Jesper!AJ$2:AJ$366,ROUNDDOWN($C2782/24,0)+1,1))-1)+IF('Standard Profiles'!$G$20=$B$10,7,0)+IF('Standard Profiles'!$G$20=$B$17,14,0)+IF('Standard Profiles'!$G$20=$B$24,21,0),MOD($C2782,24)+1)/SUM(INDEX($D$3:$AA$30,INDEX(Jesper!$R$2:$R$366,ROW(INDEX(Jesper!AJ$2:AJ$366,ROUNDDOWN($C2782/24,0)+1,1))-1)+IF('Standard Profiles'!$G$20=$B$10,7,0)+IF('Standard Profiles'!$G$20=$B$17,14,0)+IF('Standard Profiles'!$G$20=$B$24,21,0),0)),0)</f>
        <v>0</v>
      </c>
      <c r="G2782" cm="1">
        <f t="array" ref="G2782">IFERROR(INDEX(Jesper!AK$2:AK$366,ROUNDDOWN($C2782/24,0)+1,1)*INDEX($D$3:$AA$30,INDEX(Jesper!$R$2:$R$366,ROW(INDEX(Jesper!AK$2:AK$366,ROUNDDOWN($C2782/24,0)+1,1))-1)+IF('Standard Profiles'!$G$21=$B$10,7,0)+IF('Standard Profiles'!$G$21=$B$17,14,0)+IF('Standard Profiles'!$G$21=$B$24,21,0),MOD($C2782,24)+1)/SUM(INDEX($D$3:$AA$30,INDEX(Jesper!$R$2:$R$366,ROW(INDEX(Jesper!AK$2:AK$366,ROUNDDOWN($C2782/24,0)+1,1))-1)+IF('Standard Profiles'!$G$21=$B$10,7,0)+IF('Standard Profiles'!$G$21=$B$17,14,0)+IF('Standard Profiles'!$G$21=$B$24,21,0),0)),0)</f>
        <v>6.5423741807301266</v>
      </c>
      <c r="H2782" cm="1">
        <f t="array" ref="H2782">IFERROR(INDEX(Jesper!AL$2:AL$366,ROUNDDOWN($C2782/24,0)+1,1)*INDEX($D$3:$AA$30,INDEX(Jesper!$R$2:$R$366,ROW(INDEX(Jesper!AL$2:AL$366,ROUNDDOWN($C2782/24,0)+1,1))-1)+IF('Standard Profiles'!$G$22=$B$10,7,0)+IF('Standard Profiles'!$G$22=$B$17,14,0)+IF('Standard Profiles'!$G$22=$B$24,21,0),MOD($C2782,24)+1)/SUM(INDEX($D$3:$AA$30,INDEX(Jesper!$R$2:$R$366,ROW(INDEX(Jesper!AL$2:AL$366,ROUNDDOWN($C2782/24,0)+1,1))-1)+IF('Standard Profiles'!$G$22=$B$10,7,0)+IF('Standard Profiles'!$G$22=$B$17,14,0)+IF('Standard Profiles'!$G$22=$B$24,21,0),0)),0)</f>
        <v>0</v>
      </c>
      <c r="I2782">
        <f t="shared" si="314"/>
        <v>3.1403396067504592</v>
      </c>
      <c r="J2782">
        <f t="shared" si="315"/>
        <v>59.198645473437303</v>
      </c>
      <c r="K2782">
        <f t="shared" si="316"/>
        <v>3.7291209672659629</v>
      </c>
      <c r="L2782">
        <f t="shared" si="317"/>
        <v>1.8645604836329814</v>
      </c>
      <c r="M2782">
        <f t="shared" si="318"/>
        <v>0</v>
      </c>
      <c r="N2782" s="45">
        <f t="shared" si="319"/>
        <v>45041.499999993335</v>
      </c>
    </row>
    <row r="2783" spans="2:14" x14ac:dyDescent="0.25">
      <c r="B2783">
        <f t="shared" si="313"/>
        <v>2</v>
      </c>
      <c r="C2783" s="16">
        <v>2749</v>
      </c>
      <c r="D2783" cm="1">
        <f t="array" ref="D2783">IFERROR(INDEX(Jesper!AH$2:AH$366,ROUNDDOWN($C2783/24,0)+1,1)*INDEX($D$3:$AA$30,INDEX(Jesper!$R$2:$R$366,ROW(INDEX(Jesper!AH$2:AH$366,ROUNDDOWN($C2783/24,0)+1,1))-1)+IF('Standard Profiles'!$G$18=$B$10,7,0)+IF('Standard Profiles'!$G$18=$B$17,14,0)+IF('Standard Profiles'!$G$18=$B$24,21,0),MOD($C2783,24)+1)/SUM(INDEX($D$3:$AA$30,INDEX(Jesper!$R$2:$R$366,ROW(INDEX(Jesper!AH$2:AH$366,ROUNDDOWN($C2783/24,0)+1,1))-1)+IF('Standard Profiles'!$G$18=$B$10,7,0)+IF('Standard Profiles'!$G$18=$B$17,14,0)+IF('Standard Profiles'!$G$18=$B$24,21,0),0)),0)</f>
        <v>23.223766738107223</v>
      </c>
      <c r="E2783" cm="1">
        <f t="array" ref="E2783">IFERROR(INDEX(Jesper!AI$2:AI$366,ROUNDDOWN($C2783/24,0)+1,1)*INDEX($D$3:$AA$30,INDEX(Jesper!$R$2:$R$366,ROW(INDEX(Jesper!AI$2:AI$366,ROUNDDOWN($C2783/24,0)+1,1))-1)+IF('Standard Profiles'!$G$19=$B$10,7,0)+IF('Standard Profiles'!$G$19=$B$17,14,0)+IF('Standard Profiles'!$G$19=$B$24,21,0),MOD($C2783,24)+1)/SUM(INDEX($D$3:$AA$30,INDEX(Jesper!$R$2:$R$366,ROW(INDEX(Jesper!AI$2:AI$366,ROUNDDOWN($C2783/24,0)+1,1))-1)+IF('Standard Profiles'!$G$19=$B$10,7,0)+IF('Standard Profiles'!$G$19=$B$17,14,0)+IF('Standard Profiles'!$G$19=$B$24,21,0),0)),0)</f>
        <v>17.55692746605822</v>
      </c>
      <c r="F2783" cm="1">
        <f t="array" ref="F2783">IFERROR(INDEX(Jesper!AJ$2:AJ$366,ROUNDDOWN($C2783/24,0)+1,1)*INDEX($D$3:$AA$30,INDEX(Jesper!$R$2:$R$366,ROW(INDEX(Jesper!AJ$2:AJ$366,ROUNDDOWN($C2783/24,0)+1,1))-1)+IF('Standard Profiles'!$G$20=$B$10,7,0)+IF('Standard Profiles'!$G$20=$B$17,14,0)+IF('Standard Profiles'!$G$20=$B$24,21,0),MOD($C2783,24)+1)/SUM(INDEX($D$3:$AA$30,INDEX(Jesper!$R$2:$R$366,ROW(INDEX(Jesper!AJ$2:AJ$366,ROUNDDOWN($C2783/24,0)+1,1))-1)+IF('Standard Profiles'!$G$20=$B$10,7,0)+IF('Standard Profiles'!$G$20=$B$17,14,0)+IF('Standard Profiles'!$G$20=$B$24,21,0),0)),0)</f>
        <v>0</v>
      </c>
      <c r="G2783" cm="1">
        <f t="array" ref="G2783">IFERROR(INDEX(Jesper!AK$2:AK$366,ROUNDDOWN($C2783/24,0)+1,1)*INDEX($D$3:$AA$30,INDEX(Jesper!$R$2:$R$366,ROW(INDEX(Jesper!AK$2:AK$366,ROUNDDOWN($C2783/24,0)+1,1))-1)+IF('Standard Profiles'!$G$21=$B$10,7,0)+IF('Standard Profiles'!$G$21=$B$17,14,0)+IF('Standard Profiles'!$G$21=$B$24,21,0),MOD($C2783,24)+1)/SUM(INDEX($D$3:$AA$30,INDEX(Jesper!$R$2:$R$366,ROW(INDEX(Jesper!AK$2:AK$366,ROUNDDOWN($C2783/24,0)+1,1))-1)+IF('Standard Profiles'!$G$21=$B$10,7,0)+IF('Standard Profiles'!$G$21=$B$17,14,0)+IF('Standard Profiles'!$G$21=$B$24,21,0),0)),0)</f>
        <v>4.3460057057707262</v>
      </c>
      <c r="H2783" cm="1">
        <f t="array" ref="H2783">IFERROR(INDEX(Jesper!AL$2:AL$366,ROUNDDOWN($C2783/24,0)+1,1)*INDEX($D$3:$AA$30,INDEX(Jesper!$R$2:$R$366,ROW(INDEX(Jesper!AL$2:AL$366,ROUNDDOWN($C2783/24,0)+1,1))-1)+IF('Standard Profiles'!$G$22=$B$10,7,0)+IF('Standard Profiles'!$G$22=$B$17,14,0)+IF('Standard Profiles'!$G$22=$B$24,21,0),MOD($C2783,24)+1)/SUM(INDEX($D$3:$AA$30,INDEX(Jesper!$R$2:$R$366,ROW(INDEX(Jesper!AL$2:AL$366,ROUNDDOWN($C2783/24,0)+1,1))-1)+IF('Standard Profiles'!$G$22=$B$10,7,0)+IF('Standard Profiles'!$G$22=$B$17,14,0)+IF('Standard Profiles'!$G$22=$B$24,21,0),0)),0)</f>
        <v>0</v>
      </c>
      <c r="I2783">
        <f t="shared" si="314"/>
        <v>2.0860827387699477</v>
      </c>
      <c r="J2783">
        <f t="shared" si="315"/>
        <v>39.324814493069063</v>
      </c>
      <c r="K2783">
        <f t="shared" si="316"/>
        <v>2.4772017853981039</v>
      </c>
      <c r="L2783">
        <f t="shared" si="317"/>
        <v>1.2386008926990519</v>
      </c>
      <c r="M2783">
        <f t="shared" si="318"/>
        <v>0</v>
      </c>
      <c r="N2783" s="45">
        <f t="shared" si="319"/>
        <v>45041.541666659999</v>
      </c>
    </row>
    <row r="2784" spans="2:14" x14ac:dyDescent="0.25">
      <c r="B2784">
        <f t="shared" si="313"/>
        <v>2</v>
      </c>
      <c r="C2784" s="16">
        <v>2750</v>
      </c>
      <c r="D2784" cm="1">
        <f t="array" ref="D2784">IFERROR(INDEX(Jesper!AH$2:AH$366,ROUNDDOWN($C2784/24,0)+1,1)*INDEX($D$3:$AA$30,INDEX(Jesper!$R$2:$R$366,ROW(INDEX(Jesper!AH$2:AH$366,ROUNDDOWN($C2784/24,0)+1,1))-1)+IF('Standard Profiles'!$G$18=$B$10,7,0)+IF('Standard Profiles'!$G$18=$B$17,14,0)+IF('Standard Profiles'!$G$18=$B$24,21,0),MOD($C2784,24)+1)/SUM(INDEX($D$3:$AA$30,INDEX(Jesper!$R$2:$R$366,ROW(INDEX(Jesper!AH$2:AH$366,ROUNDDOWN($C2784/24,0)+1,1))-1)+IF('Standard Profiles'!$G$18=$B$10,7,0)+IF('Standard Profiles'!$G$18=$B$17,14,0)+IF('Standard Profiles'!$G$18=$B$24,21,0),0)),0)</f>
        <v>34.960509068118398</v>
      </c>
      <c r="E2784" cm="1">
        <f t="array" ref="E2784">IFERROR(INDEX(Jesper!AI$2:AI$366,ROUNDDOWN($C2784/24,0)+1,1)*INDEX($D$3:$AA$30,INDEX(Jesper!$R$2:$R$366,ROW(INDEX(Jesper!AI$2:AI$366,ROUNDDOWN($C2784/24,0)+1,1))-1)+IF('Standard Profiles'!$G$19=$B$10,7,0)+IF('Standard Profiles'!$G$19=$B$17,14,0)+IF('Standard Profiles'!$G$19=$B$24,21,0),MOD($C2784,24)+1)/SUM(INDEX($D$3:$AA$30,INDEX(Jesper!$R$2:$R$366,ROW(INDEX(Jesper!AI$2:AI$366,ROUNDDOWN($C2784/24,0)+1,1))-1)+IF('Standard Profiles'!$G$19=$B$10,7,0)+IF('Standard Profiles'!$G$19=$B$17,14,0)+IF('Standard Profiles'!$G$19=$B$24,21,0),0)),0)</f>
        <v>26.42978328223818</v>
      </c>
      <c r="F2784" cm="1">
        <f t="array" ref="F2784">IFERROR(INDEX(Jesper!AJ$2:AJ$366,ROUNDDOWN($C2784/24,0)+1,1)*INDEX($D$3:$AA$30,INDEX(Jesper!$R$2:$R$366,ROW(INDEX(Jesper!AJ$2:AJ$366,ROUNDDOWN($C2784/24,0)+1,1))-1)+IF('Standard Profiles'!$G$20=$B$10,7,0)+IF('Standard Profiles'!$G$20=$B$17,14,0)+IF('Standard Profiles'!$G$20=$B$24,21,0),MOD($C2784,24)+1)/SUM(INDEX($D$3:$AA$30,INDEX(Jesper!$R$2:$R$366,ROW(INDEX(Jesper!AJ$2:AJ$366,ROUNDDOWN($C2784/24,0)+1,1))-1)+IF('Standard Profiles'!$G$20=$B$10,7,0)+IF('Standard Profiles'!$G$20=$B$17,14,0)+IF('Standard Profiles'!$G$20=$B$24,21,0),0)),0)</f>
        <v>0</v>
      </c>
      <c r="G2784" cm="1">
        <f t="array" ref="G2784">IFERROR(INDEX(Jesper!AK$2:AK$366,ROUNDDOWN($C2784/24,0)+1,1)*INDEX($D$3:$AA$30,INDEX(Jesper!$R$2:$R$366,ROW(INDEX(Jesper!AK$2:AK$366,ROUNDDOWN($C2784/24,0)+1,1))-1)+IF('Standard Profiles'!$G$21=$B$10,7,0)+IF('Standard Profiles'!$G$21=$B$17,14,0)+IF('Standard Profiles'!$G$21=$B$24,21,0),MOD($C2784,24)+1)/SUM(INDEX($D$3:$AA$30,INDEX(Jesper!$R$2:$R$366,ROW(INDEX(Jesper!AK$2:AK$366,ROUNDDOWN($C2784/24,0)+1,1))-1)+IF('Standard Profiles'!$G$21=$B$10,7,0)+IF('Standard Profiles'!$G$21=$B$17,14,0)+IF('Standard Profiles'!$G$21=$B$24,21,0),0)),0)</f>
        <v>6.5423741807301266</v>
      </c>
      <c r="H2784" cm="1">
        <f t="array" ref="H2784">IFERROR(INDEX(Jesper!AL$2:AL$366,ROUNDDOWN($C2784/24,0)+1,1)*INDEX($D$3:$AA$30,INDEX(Jesper!$R$2:$R$366,ROW(INDEX(Jesper!AL$2:AL$366,ROUNDDOWN($C2784/24,0)+1,1))-1)+IF('Standard Profiles'!$G$22=$B$10,7,0)+IF('Standard Profiles'!$G$22=$B$17,14,0)+IF('Standard Profiles'!$G$22=$B$24,21,0),MOD($C2784,24)+1)/SUM(INDEX($D$3:$AA$30,INDEX(Jesper!$R$2:$R$366,ROW(INDEX(Jesper!AL$2:AL$366,ROUNDDOWN($C2784/24,0)+1,1))-1)+IF('Standard Profiles'!$G$22=$B$10,7,0)+IF('Standard Profiles'!$G$22=$B$17,14,0)+IF('Standard Profiles'!$G$22=$B$24,21,0),0)),0)</f>
        <v>0</v>
      </c>
      <c r="I2784">
        <f t="shared" si="314"/>
        <v>3.1403396067504592</v>
      </c>
      <c r="J2784">
        <f t="shared" si="315"/>
        <v>59.198645473437303</v>
      </c>
      <c r="K2784">
        <f t="shared" si="316"/>
        <v>3.7291209672659629</v>
      </c>
      <c r="L2784">
        <f t="shared" si="317"/>
        <v>1.8645604836329814</v>
      </c>
      <c r="M2784">
        <f t="shared" si="318"/>
        <v>0</v>
      </c>
      <c r="N2784" s="45">
        <f t="shared" si="319"/>
        <v>45041.583333326664</v>
      </c>
    </row>
    <row r="2785" spans="2:14" x14ac:dyDescent="0.25">
      <c r="B2785">
        <f t="shared" si="313"/>
        <v>2</v>
      </c>
      <c r="C2785" s="16">
        <v>2751</v>
      </c>
      <c r="D2785" cm="1">
        <f t="array" ref="D2785">IFERROR(INDEX(Jesper!AH$2:AH$366,ROUNDDOWN($C2785/24,0)+1,1)*INDEX($D$3:$AA$30,INDEX(Jesper!$R$2:$R$366,ROW(INDEX(Jesper!AH$2:AH$366,ROUNDDOWN($C2785/24,0)+1,1))-1)+IF('Standard Profiles'!$G$18=$B$10,7,0)+IF('Standard Profiles'!$G$18=$B$17,14,0)+IF('Standard Profiles'!$G$18=$B$24,21,0),MOD($C2785,24)+1)/SUM(INDEX($D$3:$AA$30,INDEX(Jesper!$R$2:$R$366,ROW(INDEX(Jesper!AH$2:AH$366,ROUNDDOWN($C2785/24,0)+1,1))-1)+IF('Standard Profiles'!$G$18=$B$10,7,0)+IF('Standard Profiles'!$G$18=$B$17,14,0)+IF('Standard Profiles'!$G$18=$B$24,21,0),0)),0)</f>
        <v>34.960509068118398</v>
      </c>
      <c r="E2785" cm="1">
        <f t="array" ref="E2785">IFERROR(INDEX(Jesper!AI$2:AI$366,ROUNDDOWN($C2785/24,0)+1,1)*INDEX($D$3:$AA$30,INDEX(Jesper!$R$2:$R$366,ROW(INDEX(Jesper!AI$2:AI$366,ROUNDDOWN($C2785/24,0)+1,1))-1)+IF('Standard Profiles'!$G$19=$B$10,7,0)+IF('Standard Profiles'!$G$19=$B$17,14,0)+IF('Standard Profiles'!$G$19=$B$24,21,0),MOD($C2785,24)+1)/SUM(INDEX($D$3:$AA$30,INDEX(Jesper!$R$2:$R$366,ROW(INDEX(Jesper!AI$2:AI$366,ROUNDDOWN($C2785/24,0)+1,1))-1)+IF('Standard Profiles'!$G$19=$B$10,7,0)+IF('Standard Profiles'!$G$19=$B$17,14,0)+IF('Standard Profiles'!$G$19=$B$24,21,0),0)),0)</f>
        <v>26.42978328223818</v>
      </c>
      <c r="F2785" cm="1">
        <f t="array" ref="F2785">IFERROR(INDEX(Jesper!AJ$2:AJ$366,ROUNDDOWN($C2785/24,0)+1,1)*INDEX($D$3:$AA$30,INDEX(Jesper!$R$2:$R$366,ROW(INDEX(Jesper!AJ$2:AJ$366,ROUNDDOWN($C2785/24,0)+1,1))-1)+IF('Standard Profiles'!$G$20=$B$10,7,0)+IF('Standard Profiles'!$G$20=$B$17,14,0)+IF('Standard Profiles'!$G$20=$B$24,21,0),MOD($C2785,24)+1)/SUM(INDEX($D$3:$AA$30,INDEX(Jesper!$R$2:$R$366,ROW(INDEX(Jesper!AJ$2:AJ$366,ROUNDDOWN($C2785/24,0)+1,1))-1)+IF('Standard Profiles'!$G$20=$B$10,7,0)+IF('Standard Profiles'!$G$20=$B$17,14,0)+IF('Standard Profiles'!$G$20=$B$24,21,0),0)),0)</f>
        <v>0</v>
      </c>
      <c r="G2785" cm="1">
        <f t="array" ref="G2785">IFERROR(INDEX(Jesper!AK$2:AK$366,ROUNDDOWN($C2785/24,0)+1,1)*INDEX($D$3:$AA$30,INDEX(Jesper!$R$2:$R$366,ROW(INDEX(Jesper!AK$2:AK$366,ROUNDDOWN($C2785/24,0)+1,1))-1)+IF('Standard Profiles'!$G$21=$B$10,7,0)+IF('Standard Profiles'!$G$21=$B$17,14,0)+IF('Standard Profiles'!$G$21=$B$24,21,0),MOD($C2785,24)+1)/SUM(INDEX($D$3:$AA$30,INDEX(Jesper!$R$2:$R$366,ROW(INDEX(Jesper!AK$2:AK$366,ROUNDDOWN($C2785/24,0)+1,1))-1)+IF('Standard Profiles'!$G$21=$B$10,7,0)+IF('Standard Profiles'!$G$21=$B$17,14,0)+IF('Standard Profiles'!$G$21=$B$24,21,0),0)),0)</f>
        <v>6.5423741807301266</v>
      </c>
      <c r="H2785" cm="1">
        <f t="array" ref="H2785">IFERROR(INDEX(Jesper!AL$2:AL$366,ROUNDDOWN($C2785/24,0)+1,1)*INDEX($D$3:$AA$30,INDEX(Jesper!$R$2:$R$366,ROW(INDEX(Jesper!AL$2:AL$366,ROUNDDOWN($C2785/24,0)+1,1))-1)+IF('Standard Profiles'!$G$22=$B$10,7,0)+IF('Standard Profiles'!$G$22=$B$17,14,0)+IF('Standard Profiles'!$G$22=$B$24,21,0),MOD($C2785,24)+1)/SUM(INDEX($D$3:$AA$30,INDEX(Jesper!$R$2:$R$366,ROW(INDEX(Jesper!AL$2:AL$366,ROUNDDOWN($C2785/24,0)+1,1))-1)+IF('Standard Profiles'!$G$22=$B$10,7,0)+IF('Standard Profiles'!$G$22=$B$17,14,0)+IF('Standard Profiles'!$G$22=$B$24,21,0),0)),0)</f>
        <v>0</v>
      </c>
      <c r="I2785">
        <f t="shared" si="314"/>
        <v>3.1403396067504592</v>
      </c>
      <c r="J2785">
        <f t="shared" si="315"/>
        <v>59.198645473437303</v>
      </c>
      <c r="K2785">
        <f t="shared" si="316"/>
        <v>3.7291209672659629</v>
      </c>
      <c r="L2785">
        <f t="shared" si="317"/>
        <v>1.8645604836329814</v>
      </c>
      <c r="M2785">
        <f t="shared" si="318"/>
        <v>0</v>
      </c>
      <c r="N2785" s="45">
        <f t="shared" si="319"/>
        <v>45041.624999993328</v>
      </c>
    </row>
    <row r="2786" spans="2:14" x14ac:dyDescent="0.25">
      <c r="B2786">
        <f t="shared" si="313"/>
        <v>2</v>
      </c>
      <c r="C2786" s="16">
        <v>2752</v>
      </c>
      <c r="D2786" cm="1">
        <f t="array" ref="D2786">IFERROR(INDEX(Jesper!AH$2:AH$366,ROUNDDOWN($C2786/24,0)+1,1)*INDEX($D$3:$AA$30,INDEX(Jesper!$R$2:$R$366,ROW(INDEX(Jesper!AH$2:AH$366,ROUNDDOWN($C2786/24,0)+1,1))-1)+IF('Standard Profiles'!$G$18=$B$10,7,0)+IF('Standard Profiles'!$G$18=$B$17,14,0)+IF('Standard Profiles'!$G$18=$B$24,21,0),MOD($C2786,24)+1)/SUM(INDEX($D$3:$AA$30,INDEX(Jesper!$R$2:$R$366,ROW(INDEX(Jesper!AH$2:AH$366,ROUNDDOWN($C2786/24,0)+1,1))-1)+IF('Standard Profiles'!$G$18=$B$10,7,0)+IF('Standard Profiles'!$G$18=$B$17,14,0)+IF('Standard Profiles'!$G$18=$B$24,21,0),0)),0)</f>
        <v>20.601728557998342</v>
      </c>
      <c r="E2786" cm="1">
        <f t="array" ref="E2786">IFERROR(INDEX(Jesper!AI$2:AI$366,ROUNDDOWN($C2786/24,0)+1,1)*INDEX($D$3:$AA$30,INDEX(Jesper!$R$2:$R$366,ROW(INDEX(Jesper!AI$2:AI$366,ROUNDDOWN($C2786/24,0)+1,1))-1)+IF('Standard Profiles'!$G$19=$B$10,7,0)+IF('Standard Profiles'!$G$19=$B$17,14,0)+IF('Standard Profiles'!$G$19=$B$24,21,0),MOD($C2786,24)+1)/SUM(INDEX($D$3:$AA$30,INDEX(Jesper!$R$2:$R$366,ROW(INDEX(Jesper!AI$2:AI$366,ROUNDDOWN($C2786/24,0)+1,1))-1)+IF('Standard Profiles'!$G$19=$B$10,7,0)+IF('Standard Profiles'!$G$19=$B$17,14,0)+IF('Standard Profiles'!$G$19=$B$24,21,0),0)),0)</f>
        <v>15.574693719890357</v>
      </c>
      <c r="F2786" cm="1">
        <f t="array" ref="F2786">IFERROR(INDEX(Jesper!AJ$2:AJ$366,ROUNDDOWN($C2786/24,0)+1,1)*INDEX($D$3:$AA$30,INDEX(Jesper!$R$2:$R$366,ROW(INDEX(Jesper!AJ$2:AJ$366,ROUNDDOWN($C2786/24,0)+1,1))-1)+IF('Standard Profiles'!$G$20=$B$10,7,0)+IF('Standard Profiles'!$G$20=$B$17,14,0)+IF('Standard Profiles'!$G$20=$B$24,21,0),MOD($C2786,24)+1)/SUM(INDEX($D$3:$AA$30,INDEX(Jesper!$R$2:$R$366,ROW(INDEX(Jesper!AJ$2:AJ$366,ROUNDDOWN($C2786/24,0)+1,1))-1)+IF('Standard Profiles'!$G$20=$B$10,7,0)+IF('Standard Profiles'!$G$20=$B$17,14,0)+IF('Standard Profiles'!$G$20=$B$24,21,0),0)),0)</f>
        <v>0</v>
      </c>
      <c r="G2786" cm="1">
        <f t="array" ref="G2786">IFERROR(INDEX(Jesper!AK$2:AK$366,ROUNDDOWN($C2786/24,0)+1,1)*INDEX($D$3:$AA$30,INDEX(Jesper!$R$2:$R$366,ROW(INDEX(Jesper!AK$2:AK$366,ROUNDDOWN($C2786/24,0)+1,1))-1)+IF('Standard Profiles'!$G$21=$B$10,7,0)+IF('Standard Profiles'!$G$21=$B$17,14,0)+IF('Standard Profiles'!$G$21=$B$24,21,0),MOD($C2786,24)+1)/SUM(INDEX($D$3:$AA$30,INDEX(Jesper!$R$2:$R$366,ROW(INDEX(Jesper!AK$2:AK$366,ROUNDDOWN($C2786/24,0)+1,1))-1)+IF('Standard Profiles'!$G$21=$B$10,7,0)+IF('Standard Profiles'!$G$21=$B$17,14,0)+IF('Standard Profiles'!$G$21=$B$24,21,0),0)),0)</f>
        <v>5.468549847114847</v>
      </c>
      <c r="H2786" cm="1">
        <f t="array" ref="H2786">IFERROR(INDEX(Jesper!AL$2:AL$366,ROUNDDOWN($C2786/24,0)+1,1)*INDEX($D$3:$AA$30,INDEX(Jesper!$R$2:$R$366,ROW(INDEX(Jesper!AL$2:AL$366,ROUNDDOWN($C2786/24,0)+1,1))-1)+IF('Standard Profiles'!$G$22=$B$10,7,0)+IF('Standard Profiles'!$G$22=$B$17,14,0)+IF('Standard Profiles'!$G$22=$B$24,21,0),MOD($C2786,24)+1)/SUM(INDEX($D$3:$AA$30,INDEX(Jesper!$R$2:$R$366,ROW(INDEX(Jesper!AL$2:AL$366,ROUNDDOWN($C2786/24,0)+1,1))-1)+IF('Standard Profiles'!$G$22=$B$10,7,0)+IF('Standard Profiles'!$G$22=$B$17,14,0)+IF('Standard Profiles'!$G$22=$B$24,21,0),0)),0)</f>
        <v>0</v>
      </c>
      <c r="I2786">
        <f t="shared" si="314"/>
        <v>2.6249039266151253</v>
      </c>
      <c r="J2786">
        <f t="shared" si="315"/>
        <v>35.723791629108689</v>
      </c>
      <c r="K2786">
        <f t="shared" si="316"/>
        <v>2.1975177128531564</v>
      </c>
      <c r="L2786">
        <f t="shared" si="317"/>
        <v>1.0987588564265782</v>
      </c>
      <c r="M2786">
        <f t="shared" si="318"/>
        <v>0</v>
      </c>
      <c r="N2786" s="45">
        <f t="shared" si="319"/>
        <v>45041.666666659992</v>
      </c>
    </row>
    <row r="2787" spans="2:14" x14ac:dyDescent="0.25">
      <c r="B2787">
        <f t="shared" ref="B2787:B2850" si="320">WEEKDAY(N2787,2)</f>
        <v>2</v>
      </c>
      <c r="C2787" s="16">
        <v>2753</v>
      </c>
      <c r="D2787" cm="1">
        <f t="array" ref="D2787">IFERROR(INDEX(Jesper!AH$2:AH$366,ROUNDDOWN($C2787/24,0)+1,1)*INDEX($D$3:$AA$30,INDEX(Jesper!$R$2:$R$366,ROW(INDEX(Jesper!AH$2:AH$366,ROUNDDOWN($C2787/24,0)+1,1))-1)+IF('Standard Profiles'!$G$18=$B$10,7,0)+IF('Standard Profiles'!$G$18=$B$17,14,0)+IF('Standard Profiles'!$G$18=$B$24,21,0),MOD($C2787,24)+1)/SUM(INDEX($D$3:$AA$30,INDEX(Jesper!$R$2:$R$366,ROW(INDEX(Jesper!AH$2:AH$366,ROUNDDOWN($C2787/24,0)+1,1))-1)+IF('Standard Profiles'!$G$18=$B$10,7,0)+IF('Standard Profiles'!$G$18=$B$17,14,0)+IF('Standard Profiles'!$G$18=$B$24,21,0),0)),0)</f>
        <v>8.7928845744764601</v>
      </c>
      <c r="E2787" cm="1">
        <f t="array" ref="E2787">IFERROR(INDEX(Jesper!AI$2:AI$366,ROUNDDOWN($C2787/24,0)+1,1)*INDEX($D$3:$AA$30,INDEX(Jesper!$R$2:$R$366,ROW(INDEX(Jesper!AI$2:AI$366,ROUNDDOWN($C2787/24,0)+1,1))-1)+IF('Standard Profiles'!$G$19=$B$10,7,0)+IF('Standard Profiles'!$G$19=$B$17,14,0)+IF('Standard Profiles'!$G$19=$B$24,21,0),MOD($C2787,24)+1)/SUM(INDEX($D$3:$AA$30,INDEX(Jesper!$R$2:$R$366,ROW(INDEX(Jesper!AI$2:AI$366,ROUNDDOWN($C2787/24,0)+1,1))-1)+IF('Standard Profiles'!$G$19=$B$10,7,0)+IF('Standard Profiles'!$G$19=$B$17,14,0)+IF('Standard Profiles'!$G$19=$B$24,21,0),0)),0)</f>
        <v>6.6473297993556795</v>
      </c>
      <c r="F2787" cm="1">
        <f t="array" ref="F2787">IFERROR(INDEX(Jesper!AJ$2:AJ$366,ROUNDDOWN($C2787/24,0)+1,1)*INDEX($D$3:$AA$30,INDEX(Jesper!$R$2:$R$366,ROW(INDEX(Jesper!AJ$2:AJ$366,ROUNDDOWN($C2787/24,0)+1,1))-1)+IF('Standard Profiles'!$G$20=$B$10,7,0)+IF('Standard Profiles'!$G$20=$B$17,14,0)+IF('Standard Profiles'!$G$20=$B$24,21,0),MOD($C2787,24)+1)/SUM(INDEX($D$3:$AA$30,INDEX(Jesper!$R$2:$R$366,ROW(INDEX(Jesper!AJ$2:AJ$366,ROUNDDOWN($C2787/24,0)+1,1))-1)+IF('Standard Profiles'!$G$20=$B$10,7,0)+IF('Standard Profiles'!$G$20=$B$17,14,0)+IF('Standard Profiles'!$G$20=$B$24,21,0),0)),0)</f>
        <v>0</v>
      </c>
      <c r="G2787" cm="1">
        <f t="array" ref="G2787">IFERROR(INDEX(Jesper!AK$2:AK$366,ROUNDDOWN($C2787/24,0)+1,1)*INDEX($D$3:$AA$30,INDEX(Jesper!$R$2:$R$366,ROW(INDEX(Jesper!AK$2:AK$366,ROUNDDOWN($C2787/24,0)+1,1))-1)+IF('Standard Profiles'!$G$21=$B$10,7,0)+IF('Standard Profiles'!$G$21=$B$17,14,0)+IF('Standard Profiles'!$G$21=$B$24,21,0),MOD($C2787,24)+1)/SUM(INDEX($D$3:$AA$30,INDEX(Jesper!$R$2:$R$366,ROW(INDEX(Jesper!AK$2:AK$366,ROUNDDOWN($C2787/24,0)+1,1))-1)+IF('Standard Profiles'!$G$21=$B$10,7,0)+IF('Standard Profiles'!$G$21=$B$17,14,0)+IF('Standard Profiles'!$G$21=$B$24,21,0),0)),0)</f>
        <v>4.3450114239803428</v>
      </c>
      <c r="H2787" cm="1">
        <f t="array" ref="H2787">IFERROR(INDEX(Jesper!AL$2:AL$366,ROUNDDOWN($C2787/24,0)+1,1)*INDEX($D$3:$AA$30,INDEX(Jesper!$R$2:$R$366,ROW(INDEX(Jesper!AL$2:AL$366,ROUNDDOWN($C2787/24,0)+1,1))-1)+IF('Standard Profiles'!$G$22=$B$10,7,0)+IF('Standard Profiles'!$G$22=$B$17,14,0)+IF('Standard Profiles'!$G$22=$B$24,21,0),MOD($C2787,24)+1)/SUM(INDEX($D$3:$AA$30,INDEX(Jesper!$R$2:$R$366,ROW(INDEX(Jesper!AL$2:AL$366,ROUNDDOWN($C2787/24,0)+1,1))-1)+IF('Standard Profiles'!$G$22=$B$10,7,0)+IF('Standard Profiles'!$G$22=$B$17,14,0)+IF('Standard Profiles'!$G$22=$B$24,21,0),0)),0)</f>
        <v>0</v>
      </c>
      <c r="I2787">
        <f t="shared" ref="I2787:I2850" si="321">IF($B2787&lt;6,AC$37*$D2787+AC$38*$E2787+AC$39*$F2787+AC$40*$G2787,AC$46*$D2787+AC$47*$E2787+AC$48*$F2787+AC$49*$G2787+AC$50*$H2787)</f>
        <v>2.0856054835105633</v>
      </c>
      <c r="J2787">
        <f t="shared" ref="J2787:J2850" si="322">IF($B2787&lt;6,AD$37*$D2787+AD$38*$E2787+AD$39*$F2787+AD$40*$G2787,AD$46*$D2787+AD$47*$E2787+AD$48*$F2787+AD$49*$G2787+AD$50*$H2787)</f>
        <v>16.292758782385686</v>
      </c>
      <c r="K2787">
        <f t="shared" ref="K2787:K2850" si="323">IF($B2787&lt;6,AE$37*$D2787+AE$38*$E2787+AE$39*$F2787+AE$40*$G2787,AE$46*$D2787+AE$47*$E2787+AE$48*$F2787+AE$49*$G2787+AE$50*$H2787)</f>
        <v>0.9379076879441558</v>
      </c>
      <c r="L2787">
        <f t="shared" ref="L2787:L2850" si="324">IF($B2787&lt;6,AF$37*$D2787+AF$38*$E2787+AF$39*$F2787+AF$40*$G2787,AF$46*$D2787+AF$47*$E2787+AF$48*$F2787+AF$49*$G2787+AF$50*$H2787)</f>
        <v>0.4689538439720779</v>
      </c>
      <c r="M2787">
        <f t="shared" ref="M2787:M2850" si="325">IF($B2787&lt;6,AG$37*$D2787+AG$38*$E2787+AG$39*$F2787+AG$40*$G2787,AG$46*$D2787+AG$47*$E2787+AG$48*$F2787+AG$49*$G2787+AG$50*$H2787)</f>
        <v>0</v>
      </c>
      <c r="N2787" s="45">
        <f t="shared" si="319"/>
        <v>45041.708333326656</v>
      </c>
    </row>
    <row r="2788" spans="2:14" x14ac:dyDescent="0.25">
      <c r="B2788">
        <f t="shared" si="320"/>
        <v>2</v>
      </c>
      <c r="C2788" s="16">
        <v>2754</v>
      </c>
      <c r="D2788" cm="1">
        <f t="array" ref="D2788">IFERROR(INDEX(Jesper!AH$2:AH$366,ROUNDDOWN($C2788/24,0)+1,1)*INDEX($D$3:$AA$30,INDEX(Jesper!$R$2:$R$366,ROW(INDEX(Jesper!AH$2:AH$366,ROUNDDOWN($C2788/24,0)+1,1))-1)+IF('Standard Profiles'!$G$18=$B$10,7,0)+IF('Standard Profiles'!$G$18=$B$17,14,0)+IF('Standard Profiles'!$G$18=$B$24,21,0),MOD($C2788,24)+1)/SUM(INDEX($D$3:$AA$30,INDEX(Jesper!$R$2:$R$366,ROW(INDEX(Jesper!AH$2:AH$366,ROUNDDOWN($C2788/24,0)+1,1))-1)+IF('Standard Profiles'!$G$18=$B$10,7,0)+IF('Standard Profiles'!$G$18=$B$17,14,0)+IF('Standard Profiles'!$G$18=$B$24,21,0),0)),0)</f>
        <v>5.8033038191544621</v>
      </c>
      <c r="E2788" cm="1">
        <f t="array" ref="E2788">IFERROR(INDEX(Jesper!AI$2:AI$366,ROUNDDOWN($C2788/24,0)+1,1)*INDEX($D$3:$AA$30,INDEX(Jesper!$R$2:$R$366,ROW(INDEX(Jesper!AI$2:AI$366,ROUNDDOWN($C2788/24,0)+1,1))-1)+IF('Standard Profiles'!$G$19=$B$10,7,0)+IF('Standard Profiles'!$G$19=$B$17,14,0)+IF('Standard Profiles'!$G$19=$B$24,21,0),MOD($C2788,24)+1)/SUM(INDEX($D$3:$AA$30,INDEX(Jesper!$R$2:$R$366,ROW(INDEX(Jesper!AI$2:AI$366,ROUNDDOWN($C2788/24,0)+1,1))-1)+IF('Standard Profiles'!$G$19=$B$10,7,0)+IF('Standard Profiles'!$G$19=$B$17,14,0)+IF('Standard Profiles'!$G$19=$B$24,21,0),0)),0)</f>
        <v>4.3872376675747491</v>
      </c>
      <c r="F2788" cm="1">
        <f t="array" ref="F2788">IFERROR(INDEX(Jesper!AJ$2:AJ$366,ROUNDDOWN($C2788/24,0)+1,1)*INDEX($D$3:$AA$30,INDEX(Jesper!$R$2:$R$366,ROW(INDEX(Jesper!AJ$2:AJ$366,ROUNDDOWN($C2788/24,0)+1,1))-1)+IF('Standard Profiles'!$G$20=$B$10,7,0)+IF('Standard Profiles'!$G$20=$B$17,14,0)+IF('Standard Profiles'!$G$20=$B$24,21,0),MOD($C2788,24)+1)/SUM(INDEX($D$3:$AA$30,INDEX(Jesper!$R$2:$R$366,ROW(INDEX(Jesper!AJ$2:AJ$366,ROUNDDOWN($C2788/24,0)+1,1))-1)+IF('Standard Profiles'!$G$20=$B$10,7,0)+IF('Standard Profiles'!$G$20=$B$17,14,0)+IF('Standard Profiles'!$G$20=$B$24,21,0),0)),0)</f>
        <v>0</v>
      </c>
      <c r="G2788" cm="1">
        <f t="array" ref="G2788">IFERROR(INDEX(Jesper!AK$2:AK$366,ROUNDDOWN($C2788/24,0)+1,1)*INDEX($D$3:$AA$30,INDEX(Jesper!$R$2:$R$366,ROW(INDEX(Jesper!AK$2:AK$366,ROUNDDOWN($C2788/24,0)+1,1))-1)+IF('Standard Profiles'!$G$21=$B$10,7,0)+IF('Standard Profiles'!$G$21=$B$17,14,0)+IF('Standard Profiles'!$G$21=$B$24,21,0),MOD($C2788,24)+1)/SUM(INDEX($D$3:$AA$30,INDEX(Jesper!$R$2:$R$366,ROW(INDEX(Jesper!AK$2:AK$366,ROUNDDOWN($C2788/24,0)+1,1))-1)+IF('Standard Profiles'!$G$21=$B$10,7,0)+IF('Standard Profiles'!$G$21=$B$17,14,0)+IF('Standard Profiles'!$G$21=$B$24,21,0),0)),0)</f>
        <v>1.5411367750960026</v>
      </c>
      <c r="H2788" cm="1">
        <f t="array" ref="H2788">IFERROR(INDEX(Jesper!AL$2:AL$366,ROUNDDOWN($C2788/24,0)+1,1)*INDEX($D$3:$AA$30,INDEX(Jesper!$R$2:$R$366,ROW(INDEX(Jesper!AL$2:AL$366,ROUNDDOWN($C2788/24,0)+1,1))-1)+IF('Standard Profiles'!$G$22=$B$10,7,0)+IF('Standard Profiles'!$G$22=$B$17,14,0)+IF('Standard Profiles'!$G$22=$B$24,21,0),MOD($C2788,24)+1)/SUM(INDEX($D$3:$AA$30,INDEX(Jesper!$R$2:$R$366,ROW(INDEX(Jesper!AL$2:AL$366,ROUNDDOWN($C2788/24,0)+1,1))-1)+IF('Standard Profiles'!$G$22=$B$10,7,0)+IF('Standard Profiles'!$G$22=$B$17,14,0)+IF('Standard Profiles'!$G$22=$B$24,21,0),0)),0)</f>
        <v>0</v>
      </c>
      <c r="I2788">
        <f t="shared" si="321"/>
        <v>0.73974565204608089</v>
      </c>
      <c r="J2788">
        <f t="shared" si="322"/>
        <v>10.063403998714417</v>
      </c>
      <c r="K2788">
        <f t="shared" si="323"/>
        <v>0.61901907404314271</v>
      </c>
      <c r="L2788">
        <f t="shared" si="324"/>
        <v>0.30950953702157136</v>
      </c>
      <c r="M2788">
        <f t="shared" si="325"/>
        <v>0</v>
      </c>
      <c r="N2788" s="45">
        <f t="shared" ref="N2788:N2851" si="326">N2787+1/24</f>
        <v>45041.749999993321</v>
      </c>
    </row>
    <row r="2789" spans="2:14" x14ac:dyDescent="0.25">
      <c r="B2789">
        <f t="shared" si="320"/>
        <v>2</v>
      </c>
      <c r="C2789" s="16">
        <v>2755</v>
      </c>
      <c r="D2789" cm="1">
        <f t="array" ref="D2789">IFERROR(INDEX(Jesper!AH$2:AH$366,ROUNDDOWN($C2789/24,0)+1,1)*INDEX($D$3:$AA$30,INDEX(Jesper!$R$2:$R$366,ROW(INDEX(Jesper!AH$2:AH$366,ROUNDDOWN($C2789/24,0)+1,1))-1)+IF('Standard Profiles'!$G$18=$B$10,7,0)+IF('Standard Profiles'!$G$18=$B$17,14,0)+IF('Standard Profiles'!$G$18=$B$24,21,0),MOD($C2789,24)+1)/SUM(INDEX($D$3:$AA$30,INDEX(Jesper!$R$2:$R$366,ROW(INDEX(Jesper!AH$2:AH$366,ROUNDDOWN($C2789/24,0)+1,1))-1)+IF('Standard Profiles'!$G$18=$B$10,7,0)+IF('Standard Profiles'!$G$18=$B$17,14,0)+IF('Standard Profiles'!$G$18=$B$24,21,0),0)),0)</f>
        <v>5.8033038191544621</v>
      </c>
      <c r="E2789" cm="1">
        <f t="array" ref="E2789">IFERROR(INDEX(Jesper!AI$2:AI$366,ROUNDDOWN($C2789/24,0)+1,1)*INDEX($D$3:$AA$30,INDEX(Jesper!$R$2:$R$366,ROW(INDEX(Jesper!AI$2:AI$366,ROUNDDOWN($C2789/24,0)+1,1))-1)+IF('Standard Profiles'!$G$19=$B$10,7,0)+IF('Standard Profiles'!$G$19=$B$17,14,0)+IF('Standard Profiles'!$G$19=$B$24,21,0),MOD($C2789,24)+1)/SUM(INDEX($D$3:$AA$30,INDEX(Jesper!$R$2:$R$366,ROW(INDEX(Jesper!AI$2:AI$366,ROUNDDOWN($C2789/24,0)+1,1))-1)+IF('Standard Profiles'!$G$19=$B$10,7,0)+IF('Standard Profiles'!$G$19=$B$17,14,0)+IF('Standard Profiles'!$G$19=$B$24,21,0),0)),0)</f>
        <v>4.3872376675747491</v>
      </c>
      <c r="F2789" cm="1">
        <f t="array" ref="F2789">IFERROR(INDEX(Jesper!AJ$2:AJ$366,ROUNDDOWN($C2789/24,0)+1,1)*INDEX($D$3:$AA$30,INDEX(Jesper!$R$2:$R$366,ROW(INDEX(Jesper!AJ$2:AJ$366,ROUNDDOWN($C2789/24,0)+1,1))-1)+IF('Standard Profiles'!$G$20=$B$10,7,0)+IF('Standard Profiles'!$G$20=$B$17,14,0)+IF('Standard Profiles'!$G$20=$B$24,21,0),MOD($C2789,24)+1)/SUM(INDEX($D$3:$AA$30,INDEX(Jesper!$R$2:$R$366,ROW(INDEX(Jesper!AJ$2:AJ$366,ROUNDDOWN($C2789/24,0)+1,1))-1)+IF('Standard Profiles'!$G$20=$B$10,7,0)+IF('Standard Profiles'!$G$20=$B$17,14,0)+IF('Standard Profiles'!$G$20=$B$24,21,0),0)),0)</f>
        <v>0</v>
      </c>
      <c r="G2789" cm="1">
        <f t="array" ref="G2789">IFERROR(INDEX(Jesper!AK$2:AK$366,ROUNDDOWN($C2789/24,0)+1,1)*INDEX($D$3:$AA$30,INDEX(Jesper!$R$2:$R$366,ROW(INDEX(Jesper!AK$2:AK$366,ROUNDDOWN($C2789/24,0)+1,1))-1)+IF('Standard Profiles'!$G$21=$B$10,7,0)+IF('Standard Profiles'!$G$21=$B$17,14,0)+IF('Standard Profiles'!$G$21=$B$24,21,0),MOD($C2789,24)+1)/SUM(INDEX($D$3:$AA$30,INDEX(Jesper!$R$2:$R$366,ROW(INDEX(Jesper!AK$2:AK$366,ROUNDDOWN($C2789/24,0)+1,1))-1)+IF('Standard Profiles'!$G$21=$B$10,7,0)+IF('Standard Profiles'!$G$21=$B$17,14,0)+IF('Standard Profiles'!$G$21=$B$24,21,0),0)),0)</f>
        <v>1.5411367750960026</v>
      </c>
      <c r="H2789" cm="1">
        <f t="array" ref="H2789">IFERROR(INDEX(Jesper!AL$2:AL$366,ROUNDDOWN($C2789/24,0)+1,1)*INDEX($D$3:$AA$30,INDEX(Jesper!$R$2:$R$366,ROW(INDEX(Jesper!AL$2:AL$366,ROUNDDOWN($C2789/24,0)+1,1))-1)+IF('Standard Profiles'!$G$22=$B$10,7,0)+IF('Standard Profiles'!$G$22=$B$17,14,0)+IF('Standard Profiles'!$G$22=$B$24,21,0),MOD($C2789,24)+1)/SUM(INDEX($D$3:$AA$30,INDEX(Jesper!$R$2:$R$366,ROW(INDEX(Jesper!AL$2:AL$366,ROUNDDOWN($C2789/24,0)+1,1))-1)+IF('Standard Profiles'!$G$22=$B$10,7,0)+IF('Standard Profiles'!$G$22=$B$17,14,0)+IF('Standard Profiles'!$G$22=$B$24,21,0),0)),0)</f>
        <v>0</v>
      </c>
      <c r="I2789">
        <f t="shared" si="321"/>
        <v>0.73974565204608089</v>
      </c>
      <c r="J2789">
        <f t="shared" si="322"/>
        <v>10.063403998714417</v>
      </c>
      <c r="K2789">
        <f t="shared" si="323"/>
        <v>0.61901907404314271</v>
      </c>
      <c r="L2789">
        <f t="shared" si="324"/>
        <v>0.30950953702157136</v>
      </c>
      <c r="M2789">
        <f t="shared" si="325"/>
        <v>0</v>
      </c>
      <c r="N2789" s="45">
        <f t="shared" si="326"/>
        <v>45041.791666659985</v>
      </c>
    </row>
    <row r="2790" spans="2:14" x14ac:dyDescent="0.25">
      <c r="B2790">
        <f t="shared" si="320"/>
        <v>2</v>
      </c>
      <c r="C2790" s="16">
        <v>2756</v>
      </c>
      <c r="D2790" cm="1">
        <f t="array" ref="D2790">IFERROR(INDEX(Jesper!AH$2:AH$366,ROUNDDOWN($C2790/24,0)+1,1)*INDEX($D$3:$AA$30,INDEX(Jesper!$R$2:$R$366,ROW(INDEX(Jesper!AH$2:AH$366,ROUNDDOWN($C2790/24,0)+1,1))-1)+IF('Standard Profiles'!$G$18=$B$10,7,0)+IF('Standard Profiles'!$G$18=$B$17,14,0)+IF('Standard Profiles'!$G$18=$B$24,21,0),MOD($C2790,24)+1)/SUM(INDEX($D$3:$AA$30,INDEX(Jesper!$R$2:$R$366,ROW(INDEX(Jesper!AH$2:AH$366,ROUNDDOWN($C2790/24,0)+1,1))-1)+IF('Standard Profiles'!$G$18=$B$10,7,0)+IF('Standard Profiles'!$G$18=$B$17,14,0)+IF('Standard Profiles'!$G$18=$B$24,21,0),0)),0)</f>
        <v>5.8033038191544621</v>
      </c>
      <c r="E2790" cm="1">
        <f t="array" ref="E2790">IFERROR(INDEX(Jesper!AI$2:AI$366,ROUNDDOWN($C2790/24,0)+1,1)*INDEX($D$3:$AA$30,INDEX(Jesper!$R$2:$R$366,ROW(INDEX(Jesper!AI$2:AI$366,ROUNDDOWN($C2790/24,0)+1,1))-1)+IF('Standard Profiles'!$G$19=$B$10,7,0)+IF('Standard Profiles'!$G$19=$B$17,14,0)+IF('Standard Profiles'!$G$19=$B$24,21,0),MOD($C2790,24)+1)/SUM(INDEX($D$3:$AA$30,INDEX(Jesper!$R$2:$R$366,ROW(INDEX(Jesper!AI$2:AI$366,ROUNDDOWN($C2790/24,0)+1,1))-1)+IF('Standard Profiles'!$G$19=$B$10,7,0)+IF('Standard Profiles'!$G$19=$B$17,14,0)+IF('Standard Profiles'!$G$19=$B$24,21,0),0)),0)</f>
        <v>4.3872376675747491</v>
      </c>
      <c r="F2790" cm="1">
        <f t="array" ref="F2790">IFERROR(INDEX(Jesper!AJ$2:AJ$366,ROUNDDOWN($C2790/24,0)+1,1)*INDEX($D$3:$AA$30,INDEX(Jesper!$R$2:$R$366,ROW(INDEX(Jesper!AJ$2:AJ$366,ROUNDDOWN($C2790/24,0)+1,1))-1)+IF('Standard Profiles'!$G$20=$B$10,7,0)+IF('Standard Profiles'!$G$20=$B$17,14,0)+IF('Standard Profiles'!$G$20=$B$24,21,0),MOD($C2790,24)+1)/SUM(INDEX($D$3:$AA$30,INDEX(Jesper!$R$2:$R$366,ROW(INDEX(Jesper!AJ$2:AJ$366,ROUNDDOWN($C2790/24,0)+1,1))-1)+IF('Standard Profiles'!$G$20=$B$10,7,0)+IF('Standard Profiles'!$G$20=$B$17,14,0)+IF('Standard Profiles'!$G$20=$B$24,21,0),0)),0)</f>
        <v>0</v>
      </c>
      <c r="G2790" cm="1">
        <f t="array" ref="G2790">IFERROR(INDEX(Jesper!AK$2:AK$366,ROUNDDOWN($C2790/24,0)+1,1)*INDEX($D$3:$AA$30,INDEX(Jesper!$R$2:$R$366,ROW(INDEX(Jesper!AK$2:AK$366,ROUNDDOWN($C2790/24,0)+1,1))-1)+IF('Standard Profiles'!$G$21=$B$10,7,0)+IF('Standard Profiles'!$G$21=$B$17,14,0)+IF('Standard Profiles'!$G$21=$B$24,21,0),MOD($C2790,24)+1)/SUM(INDEX($D$3:$AA$30,INDEX(Jesper!$R$2:$R$366,ROW(INDEX(Jesper!AK$2:AK$366,ROUNDDOWN($C2790/24,0)+1,1))-1)+IF('Standard Profiles'!$G$21=$B$10,7,0)+IF('Standard Profiles'!$G$21=$B$17,14,0)+IF('Standard Profiles'!$G$21=$B$24,21,0),0)),0)</f>
        <v>1.5411367750960026</v>
      </c>
      <c r="H2790" cm="1">
        <f t="array" ref="H2790">IFERROR(INDEX(Jesper!AL$2:AL$366,ROUNDDOWN($C2790/24,0)+1,1)*INDEX($D$3:$AA$30,INDEX(Jesper!$R$2:$R$366,ROW(INDEX(Jesper!AL$2:AL$366,ROUNDDOWN($C2790/24,0)+1,1))-1)+IF('Standard Profiles'!$G$22=$B$10,7,0)+IF('Standard Profiles'!$G$22=$B$17,14,0)+IF('Standard Profiles'!$G$22=$B$24,21,0),MOD($C2790,24)+1)/SUM(INDEX($D$3:$AA$30,INDEX(Jesper!$R$2:$R$366,ROW(INDEX(Jesper!AL$2:AL$366,ROUNDDOWN($C2790/24,0)+1,1))-1)+IF('Standard Profiles'!$G$22=$B$10,7,0)+IF('Standard Profiles'!$G$22=$B$17,14,0)+IF('Standard Profiles'!$G$22=$B$24,21,0),0)),0)</f>
        <v>0</v>
      </c>
      <c r="I2790">
        <f t="shared" si="321"/>
        <v>0.73974565204608089</v>
      </c>
      <c r="J2790">
        <f t="shared" si="322"/>
        <v>10.063403998714417</v>
      </c>
      <c r="K2790">
        <f t="shared" si="323"/>
        <v>0.61901907404314271</v>
      </c>
      <c r="L2790">
        <f t="shared" si="324"/>
        <v>0.30950953702157136</v>
      </c>
      <c r="M2790">
        <f t="shared" si="325"/>
        <v>0</v>
      </c>
      <c r="N2790" s="45">
        <f t="shared" si="326"/>
        <v>45041.833333326649</v>
      </c>
    </row>
    <row r="2791" spans="2:14" x14ac:dyDescent="0.25">
      <c r="B2791">
        <f t="shared" si="320"/>
        <v>2</v>
      </c>
      <c r="C2791" s="16">
        <v>2757</v>
      </c>
      <c r="D2791" cm="1">
        <f t="array" ref="D2791">IFERROR(INDEX(Jesper!AH$2:AH$366,ROUNDDOWN($C2791/24,0)+1,1)*INDEX($D$3:$AA$30,INDEX(Jesper!$R$2:$R$366,ROW(INDEX(Jesper!AH$2:AH$366,ROUNDDOWN($C2791/24,0)+1,1))-1)+IF('Standard Profiles'!$G$18=$B$10,7,0)+IF('Standard Profiles'!$G$18=$B$17,14,0)+IF('Standard Profiles'!$G$18=$B$24,21,0),MOD($C2791,24)+1)/SUM(INDEX($D$3:$AA$30,INDEX(Jesper!$R$2:$R$366,ROW(INDEX(Jesper!AH$2:AH$366,ROUNDDOWN($C2791/24,0)+1,1))-1)+IF('Standard Profiles'!$G$18=$B$10,7,0)+IF('Standard Profiles'!$G$18=$B$17,14,0)+IF('Standard Profiles'!$G$18=$B$24,21,0),0)),0)</f>
        <v>5.8033038191544621</v>
      </c>
      <c r="E2791" cm="1">
        <f t="array" ref="E2791">IFERROR(INDEX(Jesper!AI$2:AI$366,ROUNDDOWN($C2791/24,0)+1,1)*INDEX($D$3:$AA$30,INDEX(Jesper!$R$2:$R$366,ROW(INDEX(Jesper!AI$2:AI$366,ROUNDDOWN($C2791/24,0)+1,1))-1)+IF('Standard Profiles'!$G$19=$B$10,7,0)+IF('Standard Profiles'!$G$19=$B$17,14,0)+IF('Standard Profiles'!$G$19=$B$24,21,0),MOD($C2791,24)+1)/SUM(INDEX($D$3:$AA$30,INDEX(Jesper!$R$2:$R$366,ROW(INDEX(Jesper!AI$2:AI$366,ROUNDDOWN($C2791/24,0)+1,1))-1)+IF('Standard Profiles'!$G$19=$B$10,7,0)+IF('Standard Profiles'!$G$19=$B$17,14,0)+IF('Standard Profiles'!$G$19=$B$24,21,0),0)),0)</f>
        <v>4.3872376675747491</v>
      </c>
      <c r="F2791" cm="1">
        <f t="array" ref="F2791">IFERROR(INDEX(Jesper!AJ$2:AJ$366,ROUNDDOWN($C2791/24,0)+1,1)*INDEX($D$3:$AA$30,INDEX(Jesper!$R$2:$R$366,ROW(INDEX(Jesper!AJ$2:AJ$366,ROUNDDOWN($C2791/24,0)+1,1))-1)+IF('Standard Profiles'!$G$20=$B$10,7,0)+IF('Standard Profiles'!$G$20=$B$17,14,0)+IF('Standard Profiles'!$G$20=$B$24,21,0),MOD($C2791,24)+1)/SUM(INDEX($D$3:$AA$30,INDEX(Jesper!$R$2:$R$366,ROW(INDEX(Jesper!AJ$2:AJ$366,ROUNDDOWN($C2791/24,0)+1,1))-1)+IF('Standard Profiles'!$G$20=$B$10,7,0)+IF('Standard Profiles'!$G$20=$B$17,14,0)+IF('Standard Profiles'!$G$20=$B$24,21,0),0)),0)</f>
        <v>0</v>
      </c>
      <c r="G2791" cm="1">
        <f t="array" ref="G2791">IFERROR(INDEX(Jesper!AK$2:AK$366,ROUNDDOWN($C2791/24,0)+1,1)*INDEX($D$3:$AA$30,INDEX(Jesper!$R$2:$R$366,ROW(INDEX(Jesper!AK$2:AK$366,ROUNDDOWN($C2791/24,0)+1,1))-1)+IF('Standard Profiles'!$G$21=$B$10,7,0)+IF('Standard Profiles'!$G$21=$B$17,14,0)+IF('Standard Profiles'!$G$21=$B$24,21,0),MOD($C2791,24)+1)/SUM(INDEX($D$3:$AA$30,INDEX(Jesper!$R$2:$R$366,ROW(INDEX(Jesper!AK$2:AK$366,ROUNDDOWN($C2791/24,0)+1,1))-1)+IF('Standard Profiles'!$G$21=$B$10,7,0)+IF('Standard Profiles'!$G$21=$B$17,14,0)+IF('Standard Profiles'!$G$21=$B$24,21,0),0)),0)</f>
        <v>1.5411367750960026</v>
      </c>
      <c r="H2791" cm="1">
        <f t="array" ref="H2791">IFERROR(INDEX(Jesper!AL$2:AL$366,ROUNDDOWN($C2791/24,0)+1,1)*INDEX($D$3:$AA$30,INDEX(Jesper!$R$2:$R$366,ROW(INDEX(Jesper!AL$2:AL$366,ROUNDDOWN($C2791/24,0)+1,1))-1)+IF('Standard Profiles'!$G$22=$B$10,7,0)+IF('Standard Profiles'!$G$22=$B$17,14,0)+IF('Standard Profiles'!$G$22=$B$24,21,0),MOD($C2791,24)+1)/SUM(INDEX($D$3:$AA$30,INDEX(Jesper!$R$2:$R$366,ROW(INDEX(Jesper!AL$2:AL$366,ROUNDDOWN($C2791/24,0)+1,1))-1)+IF('Standard Profiles'!$G$22=$B$10,7,0)+IF('Standard Profiles'!$G$22=$B$17,14,0)+IF('Standard Profiles'!$G$22=$B$24,21,0),0)),0)</f>
        <v>0</v>
      </c>
      <c r="I2791">
        <f t="shared" si="321"/>
        <v>0.73974565204608089</v>
      </c>
      <c r="J2791">
        <f t="shared" si="322"/>
        <v>10.063403998714417</v>
      </c>
      <c r="K2791">
        <f t="shared" si="323"/>
        <v>0.61901907404314271</v>
      </c>
      <c r="L2791">
        <f t="shared" si="324"/>
        <v>0.30950953702157136</v>
      </c>
      <c r="M2791">
        <f t="shared" si="325"/>
        <v>0</v>
      </c>
      <c r="N2791" s="45">
        <f t="shared" si="326"/>
        <v>45041.874999993313</v>
      </c>
    </row>
    <row r="2792" spans="2:14" x14ac:dyDescent="0.25">
      <c r="B2792">
        <f t="shared" si="320"/>
        <v>2</v>
      </c>
      <c r="C2792" s="16">
        <v>2758</v>
      </c>
      <c r="D2792" cm="1">
        <f t="array" ref="D2792">IFERROR(INDEX(Jesper!AH$2:AH$366,ROUNDDOWN($C2792/24,0)+1,1)*INDEX($D$3:$AA$30,INDEX(Jesper!$R$2:$R$366,ROW(INDEX(Jesper!AH$2:AH$366,ROUNDDOWN($C2792/24,0)+1,1))-1)+IF('Standard Profiles'!$G$18=$B$10,7,0)+IF('Standard Profiles'!$G$18=$B$17,14,0)+IF('Standard Profiles'!$G$18=$B$24,21,0),MOD($C2792,24)+1)/SUM(INDEX($D$3:$AA$30,INDEX(Jesper!$R$2:$R$366,ROW(INDEX(Jesper!AH$2:AH$366,ROUNDDOWN($C2792/24,0)+1,1))-1)+IF('Standard Profiles'!$G$18=$B$10,7,0)+IF('Standard Profiles'!$G$18=$B$17,14,0)+IF('Standard Profiles'!$G$18=$B$24,21,0),0)),0)</f>
        <v>5.8033038191544621</v>
      </c>
      <c r="E2792" cm="1">
        <f t="array" ref="E2792">IFERROR(INDEX(Jesper!AI$2:AI$366,ROUNDDOWN($C2792/24,0)+1,1)*INDEX($D$3:$AA$30,INDEX(Jesper!$R$2:$R$366,ROW(INDEX(Jesper!AI$2:AI$366,ROUNDDOWN($C2792/24,0)+1,1))-1)+IF('Standard Profiles'!$G$19=$B$10,7,0)+IF('Standard Profiles'!$G$19=$B$17,14,0)+IF('Standard Profiles'!$G$19=$B$24,21,0),MOD($C2792,24)+1)/SUM(INDEX($D$3:$AA$30,INDEX(Jesper!$R$2:$R$366,ROW(INDEX(Jesper!AI$2:AI$366,ROUNDDOWN($C2792/24,0)+1,1))-1)+IF('Standard Profiles'!$G$19=$B$10,7,0)+IF('Standard Profiles'!$G$19=$B$17,14,0)+IF('Standard Profiles'!$G$19=$B$24,21,0),0)),0)</f>
        <v>4.3872376675747491</v>
      </c>
      <c r="F2792" cm="1">
        <f t="array" ref="F2792">IFERROR(INDEX(Jesper!AJ$2:AJ$366,ROUNDDOWN($C2792/24,0)+1,1)*INDEX($D$3:$AA$30,INDEX(Jesper!$R$2:$R$366,ROW(INDEX(Jesper!AJ$2:AJ$366,ROUNDDOWN($C2792/24,0)+1,1))-1)+IF('Standard Profiles'!$G$20=$B$10,7,0)+IF('Standard Profiles'!$G$20=$B$17,14,0)+IF('Standard Profiles'!$G$20=$B$24,21,0),MOD($C2792,24)+1)/SUM(INDEX($D$3:$AA$30,INDEX(Jesper!$R$2:$R$366,ROW(INDEX(Jesper!AJ$2:AJ$366,ROUNDDOWN($C2792/24,0)+1,1))-1)+IF('Standard Profiles'!$G$20=$B$10,7,0)+IF('Standard Profiles'!$G$20=$B$17,14,0)+IF('Standard Profiles'!$G$20=$B$24,21,0),0)),0)</f>
        <v>0</v>
      </c>
      <c r="G2792" cm="1">
        <f t="array" ref="G2792">IFERROR(INDEX(Jesper!AK$2:AK$366,ROUNDDOWN($C2792/24,0)+1,1)*INDEX($D$3:$AA$30,INDEX(Jesper!$R$2:$R$366,ROW(INDEX(Jesper!AK$2:AK$366,ROUNDDOWN($C2792/24,0)+1,1))-1)+IF('Standard Profiles'!$G$21=$B$10,7,0)+IF('Standard Profiles'!$G$21=$B$17,14,0)+IF('Standard Profiles'!$G$21=$B$24,21,0),MOD($C2792,24)+1)/SUM(INDEX($D$3:$AA$30,INDEX(Jesper!$R$2:$R$366,ROW(INDEX(Jesper!AK$2:AK$366,ROUNDDOWN($C2792/24,0)+1,1))-1)+IF('Standard Profiles'!$G$21=$B$10,7,0)+IF('Standard Profiles'!$G$21=$B$17,14,0)+IF('Standard Profiles'!$G$21=$B$24,21,0),0)),0)</f>
        <v>1.5411367750960026</v>
      </c>
      <c r="H2792" cm="1">
        <f t="array" ref="H2792">IFERROR(INDEX(Jesper!AL$2:AL$366,ROUNDDOWN($C2792/24,0)+1,1)*INDEX($D$3:$AA$30,INDEX(Jesper!$R$2:$R$366,ROW(INDEX(Jesper!AL$2:AL$366,ROUNDDOWN($C2792/24,0)+1,1))-1)+IF('Standard Profiles'!$G$22=$B$10,7,0)+IF('Standard Profiles'!$G$22=$B$17,14,0)+IF('Standard Profiles'!$G$22=$B$24,21,0),MOD($C2792,24)+1)/SUM(INDEX($D$3:$AA$30,INDEX(Jesper!$R$2:$R$366,ROW(INDEX(Jesper!AL$2:AL$366,ROUNDDOWN($C2792/24,0)+1,1))-1)+IF('Standard Profiles'!$G$22=$B$10,7,0)+IF('Standard Profiles'!$G$22=$B$17,14,0)+IF('Standard Profiles'!$G$22=$B$24,21,0),0)),0)</f>
        <v>0</v>
      </c>
      <c r="I2792">
        <f t="shared" si="321"/>
        <v>0.73974565204608089</v>
      </c>
      <c r="J2792">
        <f t="shared" si="322"/>
        <v>10.063403998714417</v>
      </c>
      <c r="K2792">
        <f t="shared" si="323"/>
        <v>0.61901907404314271</v>
      </c>
      <c r="L2792">
        <f t="shared" si="324"/>
        <v>0.30950953702157136</v>
      </c>
      <c r="M2792">
        <f t="shared" si="325"/>
        <v>0</v>
      </c>
      <c r="N2792" s="45">
        <f t="shared" si="326"/>
        <v>45041.916666659978</v>
      </c>
    </row>
    <row r="2793" spans="2:14" x14ac:dyDescent="0.25">
      <c r="B2793">
        <f t="shared" si="320"/>
        <v>2</v>
      </c>
      <c r="C2793" s="16">
        <v>2759</v>
      </c>
      <c r="D2793" cm="1">
        <f t="array" ref="D2793">IFERROR(INDEX(Jesper!AH$2:AH$366,ROUNDDOWN($C2793/24,0)+1,1)*INDEX($D$3:$AA$30,INDEX(Jesper!$R$2:$R$366,ROW(INDEX(Jesper!AH$2:AH$366,ROUNDDOWN($C2793/24,0)+1,1))-1)+IF('Standard Profiles'!$G$18=$B$10,7,0)+IF('Standard Profiles'!$G$18=$B$17,14,0)+IF('Standard Profiles'!$G$18=$B$24,21,0),MOD($C2793,24)+1)/SUM(INDEX($D$3:$AA$30,INDEX(Jesper!$R$2:$R$366,ROW(INDEX(Jesper!AH$2:AH$366,ROUNDDOWN($C2793/24,0)+1,1))-1)+IF('Standard Profiles'!$G$18=$B$10,7,0)+IF('Standard Profiles'!$G$18=$B$17,14,0)+IF('Standard Profiles'!$G$18=$B$24,21,0),0)),0)</f>
        <v>5.8033038191544621</v>
      </c>
      <c r="E2793" cm="1">
        <f t="array" ref="E2793">IFERROR(INDEX(Jesper!AI$2:AI$366,ROUNDDOWN($C2793/24,0)+1,1)*INDEX($D$3:$AA$30,INDEX(Jesper!$R$2:$R$366,ROW(INDEX(Jesper!AI$2:AI$366,ROUNDDOWN($C2793/24,0)+1,1))-1)+IF('Standard Profiles'!$G$19=$B$10,7,0)+IF('Standard Profiles'!$G$19=$B$17,14,0)+IF('Standard Profiles'!$G$19=$B$24,21,0),MOD($C2793,24)+1)/SUM(INDEX($D$3:$AA$30,INDEX(Jesper!$R$2:$R$366,ROW(INDEX(Jesper!AI$2:AI$366,ROUNDDOWN($C2793/24,0)+1,1))-1)+IF('Standard Profiles'!$G$19=$B$10,7,0)+IF('Standard Profiles'!$G$19=$B$17,14,0)+IF('Standard Profiles'!$G$19=$B$24,21,0),0)),0)</f>
        <v>4.3872376675747491</v>
      </c>
      <c r="F2793" cm="1">
        <f t="array" ref="F2793">IFERROR(INDEX(Jesper!AJ$2:AJ$366,ROUNDDOWN($C2793/24,0)+1,1)*INDEX($D$3:$AA$30,INDEX(Jesper!$R$2:$R$366,ROW(INDEX(Jesper!AJ$2:AJ$366,ROUNDDOWN($C2793/24,0)+1,1))-1)+IF('Standard Profiles'!$G$20=$B$10,7,0)+IF('Standard Profiles'!$G$20=$B$17,14,0)+IF('Standard Profiles'!$G$20=$B$24,21,0),MOD($C2793,24)+1)/SUM(INDEX($D$3:$AA$30,INDEX(Jesper!$R$2:$R$366,ROW(INDEX(Jesper!AJ$2:AJ$366,ROUNDDOWN($C2793/24,0)+1,1))-1)+IF('Standard Profiles'!$G$20=$B$10,7,0)+IF('Standard Profiles'!$G$20=$B$17,14,0)+IF('Standard Profiles'!$G$20=$B$24,21,0),0)),0)</f>
        <v>0</v>
      </c>
      <c r="G2793" cm="1">
        <f t="array" ref="G2793">IFERROR(INDEX(Jesper!AK$2:AK$366,ROUNDDOWN($C2793/24,0)+1,1)*INDEX($D$3:$AA$30,INDEX(Jesper!$R$2:$R$366,ROW(INDEX(Jesper!AK$2:AK$366,ROUNDDOWN($C2793/24,0)+1,1))-1)+IF('Standard Profiles'!$G$21=$B$10,7,0)+IF('Standard Profiles'!$G$21=$B$17,14,0)+IF('Standard Profiles'!$G$21=$B$24,21,0),MOD($C2793,24)+1)/SUM(INDEX($D$3:$AA$30,INDEX(Jesper!$R$2:$R$366,ROW(INDEX(Jesper!AK$2:AK$366,ROUNDDOWN($C2793/24,0)+1,1))-1)+IF('Standard Profiles'!$G$21=$B$10,7,0)+IF('Standard Profiles'!$G$21=$B$17,14,0)+IF('Standard Profiles'!$G$21=$B$24,21,0),0)),0)</f>
        <v>1.5411367750960026</v>
      </c>
      <c r="H2793" cm="1">
        <f t="array" ref="H2793">IFERROR(INDEX(Jesper!AL$2:AL$366,ROUNDDOWN($C2793/24,0)+1,1)*INDEX($D$3:$AA$30,INDEX(Jesper!$R$2:$R$366,ROW(INDEX(Jesper!AL$2:AL$366,ROUNDDOWN($C2793/24,0)+1,1))-1)+IF('Standard Profiles'!$G$22=$B$10,7,0)+IF('Standard Profiles'!$G$22=$B$17,14,0)+IF('Standard Profiles'!$G$22=$B$24,21,0),MOD($C2793,24)+1)/SUM(INDEX($D$3:$AA$30,INDEX(Jesper!$R$2:$R$366,ROW(INDEX(Jesper!AL$2:AL$366,ROUNDDOWN($C2793/24,0)+1,1))-1)+IF('Standard Profiles'!$G$22=$B$10,7,0)+IF('Standard Profiles'!$G$22=$B$17,14,0)+IF('Standard Profiles'!$G$22=$B$24,21,0),0)),0)</f>
        <v>0</v>
      </c>
      <c r="I2793">
        <f t="shared" si="321"/>
        <v>0.73974565204608089</v>
      </c>
      <c r="J2793">
        <f t="shared" si="322"/>
        <v>10.063403998714417</v>
      </c>
      <c r="K2793">
        <f t="shared" si="323"/>
        <v>0.61901907404314271</v>
      </c>
      <c r="L2793">
        <f t="shared" si="324"/>
        <v>0.30950953702157136</v>
      </c>
      <c r="M2793">
        <f t="shared" si="325"/>
        <v>0</v>
      </c>
      <c r="N2793" s="45">
        <f t="shared" si="326"/>
        <v>45041.958333326642</v>
      </c>
    </row>
    <row r="2794" spans="2:14" x14ac:dyDescent="0.25">
      <c r="B2794">
        <f t="shared" si="320"/>
        <v>3</v>
      </c>
      <c r="C2794" s="16">
        <v>2760</v>
      </c>
      <c r="D2794" cm="1">
        <f t="array" ref="D2794">IFERROR(INDEX(Jesper!AH$2:AH$366,ROUNDDOWN($C2794/24,0)+1,1)*INDEX($D$3:$AA$30,INDEX(Jesper!$R$2:$R$366,ROW(INDEX(Jesper!AH$2:AH$366,ROUNDDOWN($C2794/24,0)+1,1))-1)+IF('Standard Profiles'!$G$18=$B$10,7,0)+IF('Standard Profiles'!$G$18=$B$17,14,0)+IF('Standard Profiles'!$G$18=$B$24,21,0),MOD($C2794,24)+1)/SUM(INDEX($D$3:$AA$30,INDEX(Jesper!$R$2:$R$366,ROW(INDEX(Jesper!AH$2:AH$366,ROUNDDOWN($C2794/24,0)+1,1))-1)+IF('Standard Profiles'!$G$18=$B$10,7,0)+IF('Standard Profiles'!$G$18=$B$17,14,0)+IF('Standard Profiles'!$G$18=$B$24,21,0),0)),0)</f>
        <v>5.8469023207012967</v>
      </c>
      <c r="E2794" cm="1">
        <f t="array" ref="E2794">IFERROR(INDEX(Jesper!AI$2:AI$366,ROUNDDOWN($C2794/24,0)+1,1)*INDEX($D$3:$AA$30,INDEX(Jesper!$R$2:$R$366,ROW(INDEX(Jesper!AI$2:AI$366,ROUNDDOWN($C2794/24,0)+1,1))-1)+IF('Standard Profiles'!$G$19=$B$10,7,0)+IF('Standard Profiles'!$G$19=$B$17,14,0)+IF('Standard Profiles'!$G$19=$B$24,21,0),MOD($C2794,24)+1)/SUM(INDEX($D$3:$AA$30,INDEX(Jesper!$R$2:$R$366,ROW(INDEX(Jesper!AI$2:AI$366,ROUNDDOWN($C2794/24,0)+1,1))-1)+IF('Standard Profiles'!$G$19=$B$10,7,0)+IF('Standard Profiles'!$G$19=$B$17,14,0)+IF('Standard Profiles'!$G$19=$B$24,21,0),0)),0)</f>
        <v>5.1154400420538897</v>
      </c>
      <c r="F2794" cm="1">
        <f t="array" ref="F2794">IFERROR(INDEX(Jesper!AJ$2:AJ$366,ROUNDDOWN($C2794/24,0)+1,1)*INDEX($D$3:$AA$30,INDEX(Jesper!$R$2:$R$366,ROW(INDEX(Jesper!AJ$2:AJ$366,ROUNDDOWN($C2794/24,0)+1,1))-1)+IF('Standard Profiles'!$G$20=$B$10,7,0)+IF('Standard Profiles'!$G$20=$B$17,14,0)+IF('Standard Profiles'!$G$20=$B$24,21,0),MOD($C2794,24)+1)/SUM(INDEX($D$3:$AA$30,INDEX(Jesper!$R$2:$R$366,ROW(INDEX(Jesper!AJ$2:AJ$366,ROUNDDOWN($C2794/24,0)+1,1))-1)+IF('Standard Profiles'!$G$20=$B$10,7,0)+IF('Standard Profiles'!$G$20=$B$17,14,0)+IF('Standard Profiles'!$G$20=$B$24,21,0),0)),0)</f>
        <v>0</v>
      </c>
      <c r="G2794" cm="1">
        <f t="array" ref="G2794">IFERROR(INDEX(Jesper!AK$2:AK$366,ROUNDDOWN($C2794/24,0)+1,1)*INDEX($D$3:$AA$30,INDEX(Jesper!$R$2:$R$366,ROW(INDEX(Jesper!AK$2:AK$366,ROUNDDOWN($C2794/24,0)+1,1))-1)+IF('Standard Profiles'!$G$21=$B$10,7,0)+IF('Standard Profiles'!$G$21=$B$17,14,0)+IF('Standard Profiles'!$G$21=$B$24,21,0),MOD($C2794,24)+1)/SUM(INDEX($D$3:$AA$30,INDEX(Jesper!$R$2:$R$366,ROW(INDEX(Jesper!AK$2:AK$366,ROUNDDOWN($C2794/24,0)+1,1))-1)+IF('Standard Profiles'!$G$21=$B$10,7,0)+IF('Standard Profiles'!$G$21=$B$17,14,0)+IF('Standard Profiles'!$G$21=$B$24,21,0),0)),0)</f>
        <v>3.5731564744874351</v>
      </c>
      <c r="H2794" cm="1">
        <f t="array" ref="H2794">IFERROR(INDEX(Jesper!AL$2:AL$366,ROUNDDOWN($C2794/24,0)+1,1)*INDEX($D$3:$AA$30,INDEX(Jesper!$R$2:$R$366,ROW(INDEX(Jesper!AL$2:AL$366,ROUNDDOWN($C2794/24,0)+1,1))-1)+IF('Standard Profiles'!$G$22=$B$10,7,0)+IF('Standard Profiles'!$G$22=$B$17,14,0)+IF('Standard Profiles'!$G$22=$B$24,21,0),MOD($C2794,24)+1)/SUM(INDEX($D$3:$AA$30,INDEX(Jesper!$R$2:$R$366,ROW(INDEX(Jesper!AL$2:AL$366,ROUNDDOWN($C2794/24,0)+1,1))-1)+IF('Standard Profiles'!$G$22=$B$10,7,0)+IF('Standard Profiles'!$G$22=$B$17,14,0)+IF('Standard Profiles'!$G$22=$B$24,21,0),0)),0)</f>
        <v>0</v>
      </c>
      <c r="I2794">
        <f t="shared" si="321"/>
        <v>1.7151151077539679</v>
      </c>
      <c r="J2794">
        <f t="shared" si="322"/>
        <v>11.884879358176445</v>
      </c>
      <c r="K2794">
        <f t="shared" si="323"/>
        <v>0.62366958087480506</v>
      </c>
      <c r="L2794">
        <f t="shared" si="324"/>
        <v>0.31183479043740253</v>
      </c>
      <c r="M2794">
        <f t="shared" si="325"/>
        <v>0</v>
      </c>
      <c r="N2794" s="45">
        <f t="shared" si="326"/>
        <v>45041.999999993306</v>
      </c>
    </row>
    <row r="2795" spans="2:14" x14ac:dyDescent="0.25">
      <c r="B2795">
        <f t="shared" si="320"/>
        <v>3</v>
      </c>
      <c r="C2795" s="16">
        <v>2761</v>
      </c>
      <c r="D2795" cm="1">
        <f t="array" ref="D2795">IFERROR(INDEX(Jesper!AH$2:AH$366,ROUNDDOWN($C2795/24,0)+1,1)*INDEX($D$3:$AA$30,INDEX(Jesper!$R$2:$R$366,ROW(INDEX(Jesper!AH$2:AH$366,ROUNDDOWN($C2795/24,0)+1,1))-1)+IF('Standard Profiles'!$G$18=$B$10,7,0)+IF('Standard Profiles'!$G$18=$B$17,14,0)+IF('Standard Profiles'!$G$18=$B$24,21,0),MOD($C2795,24)+1)/SUM(INDEX($D$3:$AA$30,INDEX(Jesper!$R$2:$R$366,ROW(INDEX(Jesper!AH$2:AH$366,ROUNDDOWN($C2795/24,0)+1,1))-1)+IF('Standard Profiles'!$G$18=$B$10,7,0)+IF('Standard Profiles'!$G$18=$B$17,14,0)+IF('Standard Profiles'!$G$18=$B$24,21,0),0)),0)</f>
        <v>5.8469023207012967</v>
      </c>
      <c r="E2795" cm="1">
        <f t="array" ref="E2795">IFERROR(INDEX(Jesper!AI$2:AI$366,ROUNDDOWN($C2795/24,0)+1,1)*INDEX($D$3:$AA$30,INDEX(Jesper!$R$2:$R$366,ROW(INDEX(Jesper!AI$2:AI$366,ROUNDDOWN($C2795/24,0)+1,1))-1)+IF('Standard Profiles'!$G$19=$B$10,7,0)+IF('Standard Profiles'!$G$19=$B$17,14,0)+IF('Standard Profiles'!$G$19=$B$24,21,0),MOD($C2795,24)+1)/SUM(INDEX($D$3:$AA$30,INDEX(Jesper!$R$2:$R$366,ROW(INDEX(Jesper!AI$2:AI$366,ROUNDDOWN($C2795/24,0)+1,1))-1)+IF('Standard Profiles'!$G$19=$B$10,7,0)+IF('Standard Profiles'!$G$19=$B$17,14,0)+IF('Standard Profiles'!$G$19=$B$24,21,0),0)),0)</f>
        <v>5.1154400420538897</v>
      </c>
      <c r="F2795" cm="1">
        <f t="array" ref="F2795">IFERROR(INDEX(Jesper!AJ$2:AJ$366,ROUNDDOWN($C2795/24,0)+1,1)*INDEX($D$3:$AA$30,INDEX(Jesper!$R$2:$R$366,ROW(INDEX(Jesper!AJ$2:AJ$366,ROUNDDOWN($C2795/24,0)+1,1))-1)+IF('Standard Profiles'!$G$20=$B$10,7,0)+IF('Standard Profiles'!$G$20=$B$17,14,0)+IF('Standard Profiles'!$G$20=$B$24,21,0),MOD($C2795,24)+1)/SUM(INDEX($D$3:$AA$30,INDEX(Jesper!$R$2:$R$366,ROW(INDEX(Jesper!AJ$2:AJ$366,ROUNDDOWN($C2795/24,0)+1,1))-1)+IF('Standard Profiles'!$G$20=$B$10,7,0)+IF('Standard Profiles'!$G$20=$B$17,14,0)+IF('Standard Profiles'!$G$20=$B$24,21,0),0)),0)</f>
        <v>0</v>
      </c>
      <c r="G2795" cm="1">
        <f t="array" ref="G2795">IFERROR(INDEX(Jesper!AK$2:AK$366,ROUNDDOWN($C2795/24,0)+1,1)*INDEX($D$3:$AA$30,INDEX(Jesper!$R$2:$R$366,ROW(INDEX(Jesper!AK$2:AK$366,ROUNDDOWN($C2795/24,0)+1,1))-1)+IF('Standard Profiles'!$G$21=$B$10,7,0)+IF('Standard Profiles'!$G$21=$B$17,14,0)+IF('Standard Profiles'!$G$21=$B$24,21,0),MOD($C2795,24)+1)/SUM(INDEX($D$3:$AA$30,INDEX(Jesper!$R$2:$R$366,ROW(INDEX(Jesper!AK$2:AK$366,ROUNDDOWN($C2795/24,0)+1,1))-1)+IF('Standard Profiles'!$G$21=$B$10,7,0)+IF('Standard Profiles'!$G$21=$B$17,14,0)+IF('Standard Profiles'!$G$21=$B$24,21,0),0)),0)</f>
        <v>3.5731564744874351</v>
      </c>
      <c r="H2795" cm="1">
        <f t="array" ref="H2795">IFERROR(INDEX(Jesper!AL$2:AL$366,ROUNDDOWN($C2795/24,0)+1,1)*INDEX($D$3:$AA$30,INDEX(Jesper!$R$2:$R$366,ROW(INDEX(Jesper!AL$2:AL$366,ROUNDDOWN($C2795/24,0)+1,1))-1)+IF('Standard Profiles'!$G$22=$B$10,7,0)+IF('Standard Profiles'!$G$22=$B$17,14,0)+IF('Standard Profiles'!$G$22=$B$24,21,0),MOD($C2795,24)+1)/SUM(INDEX($D$3:$AA$30,INDEX(Jesper!$R$2:$R$366,ROW(INDEX(Jesper!AL$2:AL$366,ROUNDDOWN($C2795/24,0)+1,1))-1)+IF('Standard Profiles'!$G$22=$B$10,7,0)+IF('Standard Profiles'!$G$22=$B$17,14,0)+IF('Standard Profiles'!$G$22=$B$24,21,0),0)),0)</f>
        <v>0</v>
      </c>
      <c r="I2795">
        <f t="shared" si="321"/>
        <v>1.7151151077539679</v>
      </c>
      <c r="J2795">
        <f t="shared" si="322"/>
        <v>11.884879358176445</v>
      </c>
      <c r="K2795">
        <f t="shared" si="323"/>
        <v>0.62366958087480506</v>
      </c>
      <c r="L2795">
        <f t="shared" si="324"/>
        <v>0.31183479043740253</v>
      </c>
      <c r="M2795">
        <f t="shared" si="325"/>
        <v>0</v>
      </c>
      <c r="N2795" s="45">
        <f t="shared" si="326"/>
        <v>45042.04166665997</v>
      </c>
    </row>
    <row r="2796" spans="2:14" x14ac:dyDescent="0.25">
      <c r="B2796">
        <f t="shared" si="320"/>
        <v>3</v>
      </c>
      <c r="C2796" s="16">
        <v>2762</v>
      </c>
      <c r="D2796" cm="1">
        <f t="array" ref="D2796">IFERROR(INDEX(Jesper!AH$2:AH$366,ROUNDDOWN($C2796/24,0)+1,1)*INDEX($D$3:$AA$30,INDEX(Jesper!$R$2:$R$366,ROW(INDEX(Jesper!AH$2:AH$366,ROUNDDOWN($C2796/24,0)+1,1))-1)+IF('Standard Profiles'!$G$18=$B$10,7,0)+IF('Standard Profiles'!$G$18=$B$17,14,0)+IF('Standard Profiles'!$G$18=$B$24,21,0),MOD($C2796,24)+1)/SUM(INDEX($D$3:$AA$30,INDEX(Jesper!$R$2:$R$366,ROW(INDEX(Jesper!AH$2:AH$366,ROUNDDOWN($C2796/24,0)+1,1))-1)+IF('Standard Profiles'!$G$18=$B$10,7,0)+IF('Standard Profiles'!$G$18=$B$17,14,0)+IF('Standard Profiles'!$G$18=$B$24,21,0),0)),0)</f>
        <v>5.8469023207012967</v>
      </c>
      <c r="E2796" cm="1">
        <f t="array" ref="E2796">IFERROR(INDEX(Jesper!AI$2:AI$366,ROUNDDOWN($C2796/24,0)+1,1)*INDEX($D$3:$AA$30,INDEX(Jesper!$R$2:$R$366,ROW(INDEX(Jesper!AI$2:AI$366,ROUNDDOWN($C2796/24,0)+1,1))-1)+IF('Standard Profiles'!$G$19=$B$10,7,0)+IF('Standard Profiles'!$G$19=$B$17,14,0)+IF('Standard Profiles'!$G$19=$B$24,21,0),MOD($C2796,24)+1)/SUM(INDEX($D$3:$AA$30,INDEX(Jesper!$R$2:$R$366,ROW(INDEX(Jesper!AI$2:AI$366,ROUNDDOWN($C2796/24,0)+1,1))-1)+IF('Standard Profiles'!$G$19=$B$10,7,0)+IF('Standard Profiles'!$G$19=$B$17,14,0)+IF('Standard Profiles'!$G$19=$B$24,21,0),0)),0)</f>
        <v>5.1154400420538897</v>
      </c>
      <c r="F2796" cm="1">
        <f t="array" ref="F2796">IFERROR(INDEX(Jesper!AJ$2:AJ$366,ROUNDDOWN($C2796/24,0)+1,1)*INDEX($D$3:$AA$30,INDEX(Jesper!$R$2:$R$366,ROW(INDEX(Jesper!AJ$2:AJ$366,ROUNDDOWN($C2796/24,0)+1,1))-1)+IF('Standard Profiles'!$G$20=$B$10,7,0)+IF('Standard Profiles'!$G$20=$B$17,14,0)+IF('Standard Profiles'!$G$20=$B$24,21,0),MOD($C2796,24)+1)/SUM(INDEX($D$3:$AA$30,INDEX(Jesper!$R$2:$R$366,ROW(INDEX(Jesper!AJ$2:AJ$366,ROUNDDOWN($C2796/24,0)+1,1))-1)+IF('Standard Profiles'!$G$20=$B$10,7,0)+IF('Standard Profiles'!$G$20=$B$17,14,0)+IF('Standard Profiles'!$G$20=$B$24,21,0),0)),0)</f>
        <v>0</v>
      </c>
      <c r="G2796" cm="1">
        <f t="array" ref="G2796">IFERROR(INDEX(Jesper!AK$2:AK$366,ROUNDDOWN($C2796/24,0)+1,1)*INDEX($D$3:$AA$30,INDEX(Jesper!$R$2:$R$366,ROW(INDEX(Jesper!AK$2:AK$366,ROUNDDOWN($C2796/24,0)+1,1))-1)+IF('Standard Profiles'!$G$21=$B$10,7,0)+IF('Standard Profiles'!$G$21=$B$17,14,0)+IF('Standard Profiles'!$G$21=$B$24,21,0),MOD($C2796,24)+1)/SUM(INDEX($D$3:$AA$30,INDEX(Jesper!$R$2:$R$366,ROW(INDEX(Jesper!AK$2:AK$366,ROUNDDOWN($C2796/24,0)+1,1))-1)+IF('Standard Profiles'!$G$21=$B$10,7,0)+IF('Standard Profiles'!$G$21=$B$17,14,0)+IF('Standard Profiles'!$G$21=$B$24,21,0),0)),0)</f>
        <v>3.5731564744874351</v>
      </c>
      <c r="H2796" cm="1">
        <f t="array" ref="H2796">IFERROR(INDEX(Jesper!AL$2:AL$366,ROUNDDOWN($C2796/24,0)+1,1)*INDEX($D$3:$AA$30,INDEX(Jesper!$R$2:$R$366,ROW(INDEX(Jesper!AL$2:AL$366,ROUNDDOWN($C2796/24,0)+1,1))-1)+IF('Standard Profiles'!$G$22=$B$10,7,0)+IF('Standard Profiles'!$G$22=$B$17,14,0)+IF('Standard Profiles'!$G$22=$B$24,21,0),MOD($C2796,24)+1)/SUM(INDEX($D$3:$AA$30,INDEX(Jesper!$R$2:$R$366,ROW(INDEX(Jesper!AL$2:AL$366,ROUNDDOWN($C2796/24,0)+1,1))-1)+IF('Standard Profiles'!$G$22=$B$10,7,0)+IF('Standard Profiles'!$G$22=$B$17,14,0)+IF('Standard Profiles'!$G$22=$B$24,21,0),0)),0)</f>
        <v>0</v>
      </c>
      <c r="I2796">
        <f t="shared" si="321"/>
        <v>1.7151151077539679</v>
      </c>
      <c r="J2796">
        <f t="shared" si="322"/>
        <v>11.884879358176445</v>
      </c>
      <c r="K2796">
        <f t="shared" si="323"/>
        <v>0.62366958087480506</v>
      </c>
      <c r="L2796">
        <f t="shared" si="324"/>
        <v>0.31183479043740253</v>
      </c>
      <c r="M2796">
        <f t="shared" si="325"/>
        <v>0</v>
      </c>
      <c r="N2796" s="45">
        <f t="shared" si="326"/>
        <v>45042.083333326635</v>
      </c>
    </row>
    <row r="2797" spans="2:14" x14ac:dyDescent="0.25">
      <c r="B2797">
        <f t="shared" si="320"/>
        <v>3</v>
      </c>
      <c r="C2797" s="16">
        <v>2763</v>
      </c>
      <c r="D2797" cm="1">
        <f t="array" ref="D2797">IFERROR(INDEX(Jesper!AH$2:AH$366,ROUNDDOWN($C2797/24,0)+1,1)*INDEX($D$3:$AA$30,INDEX(Jesper!$R$2:$R$366,ROW(INDEX(Jesper!AH$2:AH$366,ROUNDDOWN($C2797/24,0)+1,1))-1)+IF('Standard Profiles'!$G$18=$B$10,7,0)+IF('Standard Profiles'!$G$18=$B$17,14,0)+IF('Standard Profiles'!$G$18=$B$24,21,0),MOD($C2797,24)+1)/SUM(INDEX($D$3:$AA$30,INDEX(Jesper!$R$2:$R$366,ROW(INDEX(Jesper!AH$2:AH$366,ROUNDDOWN($C2797/24,0)+1,1))-1)+IF('Standard Profiles'!$G$18=$B$10,7,0)+IF('Standard Profiles'!$G$18=$B$17,14,0)+IF('Standard Profiles'!$G$18=$B$24,21,0),0)),0)</f>
        <v>5.8469023207012967</v>
      </c>
      <c r="E2797" cm="1">
        <f t="array" ref="E2797">IFERROR(INDEX(Jesper!AI$2:AI$366,ROUNDDOWN($C2797/24,0)+1,1)*INDEX($D$3:$AA$30,INDEX(Jesper!$R$2:$R$366,ROW(INDEX(Jesper!AI$2:AI$366,ROUNDDOWN($C2797/24,0)+1,1))-1)+IF('Standard Profiles'!$G$19=$B$10,7,0)+IF('Standard Profiles'!$G$19=$B$17,14,0)+IF('Standard Profiles'!$G$19=$B$24,21,0),MOD($C2797,24)+1)/SUM(INDEX($D$3:$AA$30,INDEX(Jesper!$R$2:$R$366,ROW(INDEX(Jesper!AI$2:AI$366,ROUNDDOWN($C2797/24,0)+1,1))-1)+IF('Standard Profiles'!$G$19=$B$10,7,0)+IF('Standard Profiles'!$G$19=$B$17,14,0)+IF('Standard Profiles'!$G$19=$B$24,21,0),0)),0)</f>
        <v>5.1154400420538897</v>
      </c>
      <c r="F2797" cm="1">
        <f t="array" ref="F2797">IFERROR(INDEX(Jesper!AJ$2:AJ$366,ROUNDDOWN($C2797/24,0)+1,1)*INDEX($D$3:$AA$30,INDEX(Jesper!$R$2:$R$366,ROW(INDEX(Jesper!AJ$2:AJ$366,ROUNDDOWN($C2797/24,0)+1,1))-1)+IF('Standard Profiles'!$G$20=$B$10,7,0)+IF('Standard Profiles'!$G$20=$B$17,14,0)+IF('Standard Profiles'!$G$20=$B$24,21,0),MOD($C2797,24)+1)/SUM(INDEX($D$3:$AA$30,INDEX(Jesper!$R$2:$R$366,ROW(INDEX(Jesper!AJ$2:AJ$366,ROUNDDOWN($C2797/24,0)+1,1))-1)+IF('Standard Profiles'!$G$20=$B$10,7,0)+IF('Standard Profiles'!$G$20=$B$17,14,0)+IF('Standard Profiles'!$G$20=$B$24,21,0),0)),0)</f>
        <v>0</v>
      </c>
      <c r="G2797" cm="1">
        <f t="array" ref="G2797">IFERROR(INDEX(Jesper!AK$2:AK$366,ROUNDDOWN($C2797/24,0)+1,1)*INDEX($D$3:$AA$30,INDEX(Jesper!$R$2:$R$366,ROW(INDEX(Jesper!AK$2:AK$366,ROUNDDOWN($C2797/24,0)+1,1))-1)+IF('Standard Profiles'!$G$21=$B$10,7,0)+IF('Standard Profiles'!$G$21=$B$17,14,0)+IF('Standard Profiles'!$G$21=$B$24,21,0),MOD($C2797,24)+1)/SUM(INDEX($D$3:$AA$30,INDEX(Jesper!$R$2:$R$366,ROW(INDEX(Jesper!AK$2:AK$366,ROUNDDOWN($C2797/24,0)+1,1))-1)+IF('Standard Profiles'!$G$21=$B$10,7,0)+IF('Standard Profiles'!$G$21=$B$17,14,0)+IF('Standard Profiles'!$G$21=$B$24,21,0),0)),0)</f>
        <v>3.5731564744874351</v>
      </c>
      <c r="H2797" cm="1">
        <f t="array" ref="H2797">IFERROR(INDEX(Jesper!AL$2:AL$366,ROUNDDOWN($C2797/24,0)+1,1)*INDEX($D$3:$AA$30,INDEX(Jesper!$R$2:$R$366,ROW(INDEX(Jesper!AL$2:AL$366,ROUNDDOWN($C2797/24,0)+1,1))-1)+IF('Standard Profiles'!$G$22=$B$10,7,0)+IF('Standard Profiles'!$G$22=$B$17,14,0)+IF('Standard Profiles'!$G$22=$B$24,21,0),MOD($C2797,24)+1)/SUM(INDEX($D$3:$AA$30,INDEX(Jesper!$R$2:$R$366,ROW(INDEX(Jesper!AL$2:AL$366,ROUNDDOWN($C2797/24,0)+1,1))-1)+IF('Standard Profiles'!$G$22=$B$10,7,0)+IF('Standard Profiles'!$G$22=$B$17,14,0)+IF('Standard Profiles'!$G$22=$B$24,21,0),0)),0)</f>
        <v>0</v>
      </c>
      <c r="I2797">
        <f t="shared" si="321"/>
        <v>1.7151151077539679</v>
      </c>
      <c r="J2797">
        <f t="shared" si="322"/>
        <v>11.884879358176445</v>
      </c>
      <c r="K2797">
        <f t="shared" si="323"/>
        <v>0.62366958087480506</v>
      </c>
      <c r="L2797">
        <f t="shared" si="324"/>
        <v>0.31183479043740253</v>
      </c>
      <c r="M2797">
        <f t="shared" si="325"/>
        <v>0</v>
      </c>
      <c r="N2797" s="45">
        <f t="shared" si="326"/>
        <v>45042.124999993299</v>
      </c>
    </row>
    <row r="2798" spans="2:14" x14ac:dyDescent="0.25">
      <c r="B2798">
        <f t="shared" si="320"/>
        <v>3</v>
      </c>
      <c r="C2798" s="16">
        <v>2764</v>
      </c>
      <c r="D2798" cm="1">
        <f t="array" ref="D2798">IFERROR(INDEX(Jesper!AH$2:AH$366,ROUNDDOWN($C2798/24,0)+1,1)*INDEX($D$3:$AA$30,INDEX(Jesper!$R$2:$R$366,ROW(INDEX(Jesper!AH$2:AH$366,ROUNDDOWN($C2798/24,0)+1,1))-1)+IF('Standard Profiles'!$G$18=$B$10,7,0)+IF('Standard Profiles'!$G$18=$B$17,14,0)+IF('Standard Profiles'!$G$18=$B$24,21,0),MOD($C2798,24)+1)/SUM(INDEX($D$3:$AA$30,INDEX(Jesper!$R$2:$R$366,ROW(INDEX(Jesper!AH$2:AH$366,ROUNDDOWN($C2798/24,0)+1,1))-1)+IF('Standard Profiles'!$G$18=$B$10,7,0)+IF('Standard Profiles'!$G$18=$B$17,14,0)+IF('Standard Profiles'!$G$18=$B$24,21,0),0)),0)</f>
        <v>5.8469023207012967</v>
      </c>
      <c r="E2798" cm="1">
        <f t="array" ref="E2798">IFERROR(INDEX(Jesper!AI$2:AI$366,ROUNDDOWN($C2798/24,0)+1,1)*INDEX($D$3:$AA$30,INDEX(Jesper!$R$2:$R$366,ROW(INDEX(Jesper!AI$2:AI$366,ROUNDDOWN($C2798/24,0)+1,1))-1)+IF('Standard Profiles'!$G$19=$B$10,7,0)+IF('Standard Profiles'!$G$19=$B$17,14,0)+IF('Standard Profiles'!$G$19=$B$24,21,0),MOD($C2798,24)+1)/SUM(INDEX($D$3:$AA$30,INDEX(Jesper!$R$2:$R$366,ROW(INDEX(Jesper!AI$2:AI$366,ROUNDDOWN($C2798/24,0)+1,1))-1)+IF('Standard Profiles'!$G$19=$B$10,7,0)+IF('Standard Profiles'!$G$19=$B$17,14,0)+IF('Standard Profiles'!$G$19=$B$24,21,0),0)),0)</f>
        <v>5.1154400420538897</v>
      </c>
      <c r="F2798" cm="1">
        <f t="array" ref="F2798">IFERROR(INDEX(Jesper!AJ$2:AJ$366,ROUNDDOWN($C2798/24,0)+1,1)*INDEX($D$3:$AA$30,INDEX(Jesper!$R$2:$R$366,ROW(INDEX(Jesper!AJ$2:AJ$366,ROUNDDOWN($C2798/24,0)+1,1))-1)+IF('Standard Profiles'!$G$20=$B$10,7,0)+IF('Standard Profiles'!$G$20=$B$17,14,0)+IF('Standard Profiles'!$G$20=$B$24,21,0),MOD($C2798,24)+1)/SUM(INDEX($D$3:$AA$30,INDEX(Jesper!$R$2:$R$366,ROW(INDEX(Jesper!AJ$2:AJ$366,ROUNDDOWN($C2798/24,0)+1,1))-1)+IF('Standard Profiles'!$G$20=$B$10,7,0)+IF('Standard Profiles'!$G$20=$B$17,14,0)+IF('Standard Profiles'!$G$20=$B$24,21,0),0)),0)</f>
        <v>0</v>
      </c>
      <c r="G2798" cm="1">
        <f t="array" ref="G2798">IFERROR(INDEX(Jesper!AK$2:AK$366,ROUNDDOWN($C2798/24,0)+1,1)*INDEX($D$3:$AA$30,INDEX(Jesper!$R$2:$R$366,ROW(INDEX(Jesper!AK$2:AK$366,ROUNDDOWN($C2798/24,0)+1,1))-1)+IF('Standard Profiles'!$G$21=$B$10,7,0)+IF('Standard Profiles'!$G$21=$B$17,14,0)+IF('Standard Profiles'!$G$21=$B$24,21,0),MOD($C2798,24)+1)/SUM(INDEX($D$3:$AA$30,INDEX(Jesper!$R$2:$R$366,ROW(INDEX(Jesper!AK$2:AK$366,ROUNDDOWN($C2798/24,0)+1,1))-1)+IF('Standard Profiles'!$G$21=$B$10,7,0)+IF('Standard Profiles'!$G$21=$B$17,14,0)+IF('Standard Profiles'!$G$21=$B$24,21,0),0)),0)</f>
        <v>3.5731564744874351</v>
      </c>
      <c r="H2798" cm="1">
        <f t="array" ref="H2798">IFERROR(INDEX(Jesper!AL$2:AL$366,ROUNDDOWN($C2798/24,0)+1,1)*INDEX($D$3:$AA$30,INDEX(Jesper!$R$2:$R$366,ROW(INDEX(Jesper!AL$2:AL$366,ROUNDDOWN($C2798/24,0)+1,1))-1)+IF('Standard Profiles'!$G$22=$B$10,7,0)+IF('Standard Profiles'!$G$22=$B$17,14,0)+IF('Standard Profiles'!$G$22=$B$24,21,0),MOD($C2798,24)+1)/SUM(INDEX($D$3:$AA$30,INDEX(Jesper!$R$2:$R$366,ROW(INDEX(Jesper!AL$2:AL$366,ROUNDDOWN($C2798/24,0)+1,1))-1)+IF('Standard Profiles'!$G$22=$B$10,7,0)+IF('Standard Profiles'!$G$22=$B$17,14,0)+IF('Standard Profiles'!$G$22=$B$24,21,0),0)),0)</f>
        <v>0</v>
      </c>
      <c r="I2798">
        <f t="shared" si="321"/>
        <v>1.7151151077539679</v>
      </c>
      <c r="J2798">
        <f t="shared" si="322"/>
        <v>11.884879358176445</v>
      </c>
      <c r="K2798">
        <f t="shared" si="323"/>
        <v>0.62366958087480506</v>
      </c>
      <c r="L2798">
        <f t="shared" si="324"/>
        <v>0.31183479043740253</v>
      </c>
      <c r="M2798">
        <f t="shared" si="325"/>
        <v>0</v>
      </c>
      <c r="N2798" s="45">
        <f t="shared" si="326"/>
        <v>45042.166666659963</v>
      </c>
    </row>
    <row r="2799" spans="2:14" x14ac:dyDescent="0.25">
      <c r="B2799">
        <f t="shared" si="320"/>
        <v>3</v>
      </c>
      <c r="C2799" s="16">
        <v>2765</v>
      </c>
      <c r="D2799" cm="1">
        <f t="array" ref="D2799">IFERROR(INDEX(Jesper!AH$2:AH$366,ROUNDDOWN($C2799/24,0)+1,1)*INDEX($D$3:$AA$30,INDEX(Jesper!$R$2:$R$366,ROW(INDEX(Jesper!AH$2:AH$366,ROUNDDOWN($C2799/24,0)+1,1))-1)+IF('Standard Profiles'!$G$18=$B$10,7,0)+IF('Standard Profiles'!$G$18=$B$17,14,0)+IF('Standard Profiles'!$G$18=$B$24,21,0),MOD($C2799,24)+1)/SUM(INDEX($D$3:$AA$30,INDEX(Jesper!$R$2:$R$366,ROW(INDEX(Jesper!AH$2:AH$366,ROUNDDOWN($C2799/24,0)+1,1))-1)+IF('Standard Profiles'!$G$18=$B$10,7,0)+IF('Standard Profiles'!$G$18=$B$17,14,0)+IF('Standard Profiles'!$G$18=$B$24,21,0),0)),0)</f>
        <v>5.8469023207012967</v>
      </c>
      <c r="E2799" cm="1">
        <f t="array" ref="E2799">IFERROR(INDEX(Jesper!AI$2:AI$366,ROUNDDOWN($C2799/24,0)+1,1)*INDEX($D$3:$AA$30,INDEX(Jesper!$R$2:$R$366,ROW(INDEX(Jesper!AI$2:AI$366,ROUNDDOWN($C2799/24,0)+1,1))-1)+IF('Standard Profiles'!$G$19=$B$10,7,0)+IF('Standard Profiles'!$G$19=$B$17,14,0)+IF('Standard Profiles'!$G$19=$B$24,21,0),MOD($C2799,24)+1)/SUM(INDEX($D$3:$AA$30,INDEX(Jesper!$R$2:$R$366,ROW(INDEX(Jesper!AI$2:AI$366,ROUNDDOWN($C2799/24,0)+1,1))-1)+IF('Standard Profiles'!$G$19=$B$10,7,0)+IF('Standard Profiles'!$G$19=$B$17,14,0)+IF('Standard Profiles'!$G$19=$B$24,21,0),0)),0)</f>
        <v>5.1154400420538897</v>
      </c>
      <c r="F2799" cm="1">
        <f t="array" ref="F2799">IFERROR(INDEX(Jesper!AJ$2:AJ$366,ROUNDDOWN($C2799/24,0)+1,1)*INDEX($D$3:$AA$30,INDEX(Jesper!$R$2:$R$366,ROW(INDEX(Jesper!AJ$2:AJ$366,ROUNDDOWN($C2799/24,0)+1,1))-1)+IF('Standard Profiles'!$G$20=$B$10,7,0)+IF('Standard Profiles'!$G$20=$B$17,14,0)+IF('Standard Profiles'!$G$20=$B$24,21,0),MOD($C2799,24)+1)/SUM(INDEX($D$3:$AA$30,INDEX(Jesper!$R$2:$R$366,ROW(INDEX(Jesper!AJ$2:AJ$366,ROUNDDOWN($C2799/24,0)+1,1))-1)+IF('Standard Profiles'!$G$20=$B$10,7,0)+IF('Standard Profiles'!$G$20=$B$17,14,0)+IF('Standard Profiles'!$G$20=$B$24,21,0),0)),0)</f>
        <v>0</v>
      </c>
      <c r="G2799" cm="1">
        <f t="array" ref="G2799">IFERROR(INDEX(Jesper!AK$2:AK$366,ROUNDDOWN($C2799/24,0)+1,1)*INDEX($D$3:$AA$30,INDEX(Jesper!$R$2:$R$366,ROW(INDEX(Jesper!AK$2:AK$366,ROUNDDOWN($C2799/24,0)+1,1))-1)+IF('Standard Profiles'!$G$21=$B$10,7,0)+IF('Standard Profiles'!$G$21=$B$17,14,0)+IF('Standard Profiles'!$G$21=$B$24,21,0),MOD($C2799,24)+1)/SUM(INDEX($D$3:$AA$30,INDEX(Jesper!$R$2:$R$366,ROW(INDEX(Jesper!AK$2:AK$366,ROUNDDOWN($C2799/24,0)+1,1))-1)+IF('Standard Profiles'!$G$21=$B$10,7,0)+IF('Standard Profiles'!$G$21=$B$17,14,0)+IF('Standard Profiles'!$G$21=$B$24,21,0),0)),0)</f>
        <v>3.5731564744874351</v>
      </c>
      <c r="H2799" cm="1">
        <f t="array" ref="H2799">IFERROR(INDEX(Jesper!AL$2:AL$366,ROUNDDOWN($C2799/24,0)+1,1)*INDEX($D$3:$AA$30,INDEX(Jesper!$R$2:$R$366,ROW(INDEX(Jesper!AL$2:AL$366,ROUNDDOWN($C2799/24,0)+1,1))-1)+IF('Standard Profiles'!$G$22=$B$10,7,0)+IF('Standard Profiles'!$G$22=$B$17,14,0)+IF('Standard Profiles'!$G$22=$B$24,21,0),MOD($C2799,24)+1)/SUM(INDEX($D$3:$AA$30,INDEX(Jesper!$R$2:$R$366,ROW(INDEX(Jesper!AL$2:AL$366,ROUNDDOWN($C2799/24,0)+1,1))-1)+IF('Standard Profiles'!$G$22=$B$10,7,0)+IF('Standard Profiles'!$G$22=$B$17,14,0)+IF('Standard Profiles'!$G$22=$B$24,21,0),0)),0)</f>
        <v>0</v>
      </c>
      <c r="I2799">
        <f t="shared" si="321"/>
        <v>1.7151151077539679</v>
      </c>
      <c r="J2799">
        <f t="shared" si="322"/>
        <v>11.884879358176445</v>
      </c>
      <c r="K2799">
        <f t="shared" si="323"/>
        <v>0.62366958087480506</v>
      </c>
      <c r="L2799">
        <f t="shared" si="324"/>
        <v>0.31183479043740253</v>
      </c>
      <c r="M2799">
        <f t="shared" si="325"/>
        <v>0</v>
      </c>
      <c r="N2799" s="45">
        <f t="shared" si="326"/>
        <v>45042.208333326627</v>
      </c>
    </row>
    <row r="2800" spans="2:14" x14ac:dyDescent="0.25">
      <c r="B2800">
        <f t="shared" si="320"/>
        <v>3</v>
      </c>
      <c r="C2800" s="16">
        <v>2766</v>
      </c>
      <c r="D2800" cm="1">
        <f t="array" ref="D2800">IFERROR(INDEX(Jesper!AH$2:AH$366,ROUNDDOWN($C2800/24,0)+1,1)*INDEX($D$3:$AA$30,INDEX(Jesper!$R$2:$R$366,ROW(INDEX(Jesper!AH$2:AH$366,ROUNDDOWN($C2800/24,0)+1,1))-1)+IF('Standard Profiles'!$G$18=$B$10,7,0)+IF('Standard Profiles'!$G$18=$B$17,14,0)+IF('Standard Profiles'!$G$18=$B$24,21,0),MOD($C2800,24)+1)/SUM(INDEX($D$3:$AA$30,INDEX(Jesper!$R$2:$R$366,ROW(INDEX(Jesper!AH$2:AH$366,ROUNDDOWN($C2800/24,0)+1,1))-1)+IF('Standard Profiles'!$G$18=$B$10,7,0)+IF('Standard Profiles'!$G$18=$B$17,14,0)+IF('Standard Profiles'!$G$18=$B$24,21,0),0)),0)</f>
        <v>5.8469023207012967</v>
      </c>
      <c r="E2800" cm="1">
        <f t="array" ref="E2800">IFERROR(INDEX(Jesper!AI$2:AI$366,ROUNDDOWN($C2800/24,0)+1,1)*INDEX($D$3:$AA$30,INDEX(Jesper!$R$2:$R$366,ROW(INDEX(Jesper!AI$2:AI$366,ROUNDDOWN($C2800/24,0)+1,1))-1)+IF('Standard Profiles'!$G$19=$B$10,7,0)+IF('Standard Profiles'!$G$19=$B$17,14,0)+IF('Standard Profiles'!$G$19=$B$24,21,0),MOD($C2800,24)+1)/SUM(INDEX($D$3:$AA$30,INDEX(Jesper!$R$2:$R$366,ROW(INDEX(Jesper!AI$2:AI$366,ROUNDDOWN($C2800/24,0)+1,1))-1)+IF('Standard Profiles'!$G$19=$B$10,7,0)+IF('Standard Profiles'!$G$19=$B$17,14,0)+IF('Standard Profiles'!$G$19=$B$24,21,0),0)),0)</f>
        <v>5.1154400420538897</v>
      </c>
      <c r="F2800" cm="1">
        <f t="array" ref="F2800">IFERROR(INDEX(Jesper!AJ$2:AJ$366,ROUNDDOWN($C2800/24,0)+1,1)*INDEX($D$3:$AA$30,INDEX(Jesper!$R$2:$R$366,ROW(INDEX(Jesper!AJ$2:AJ$366,ROUNDDOWN($C2800/24,0)+1,1))-1)+IF('Standard Profiles'!$G$20=$B$10,7,0)+IF('Standard Profiles'!$G$20=$B$17,14,0)+IF('Standard Profiles'!$G$20=$B$24,21,0),MOD($C2800,24)+1)/SUM(INDEX($D$3:$AA$30,INDEX(Jesper!$R$2:$R$366,ROW(INDEX(Jesper!AJ$2:AJ$366,ROUNDDOWN($C2800/24,0)+1,1))-1)+IF('Standard Profiles'!$G$20=$B$10,7,0)+IF('Standard Profiles'!$G$20=$B$17,14,0)+IF('Standard Profiles'!$G$20=$B$24,21,0),0)),0)</f>
        <v>0</v>
      </c>
      <c r="G2800" cm="1">
        <f t="array" ref="G2800">IFERROR(INDEX(Jesper!AK$2:AK$366,ROUNDDOWN($C2800/24,0)+1,1)*INDEX($D$3:$AA$30,INDEX(Jesper!$R$2:$R$366,ROW(INDEX(Jesper!AK$2:AK$366,ROUNDDOWN($C2800/24,0)+1,1))-1)+IF('Standard Profiles'!$G$21=$B$10,7,0)+IF('Standard Profiles'!$G$21=$B$17,14,0)+IF('Standard Profiles'!$G$21=$B$24,21,0),MOD($C2800,24)+1)/SUM(INDEX($D$3:$AA$30,INDEX(Jesper!$R$2:$R$366,ROW(INDEX(Jesper!AK$2:AK$366,ROUNDDOWN($C2800/24,0)+1,1))-1)+IF('Standard Profiles'!$G$21=$B$10,7,0)+IF('Standard Profiles'!$G$21=$B$17,14,0)+IF('Standard Profiles'!$G$21=$B$24,21,0),0)),0)</f>
        <v>3.5731564744874351</v>
      </c>
      <c r="H2800" cm="1">
        <f t="array" ref="H2800">IFERROR(INDEX(Jesper!AL$2:AL$366,ROUNDDOWN($C2800/24,0)+1,1)*INDEX($D$3:$AA$30,INDEX(Jesper!$R$2:$R$366,ROW(INDEX(Jesper!AL$2:AL$366,ROUNDDOWN($C2800/24,0)+1,1))-1)+IF('Standard Profiles'!$G$22=$B$10,7,0)+IF('Standard Profiles'!$G$22=$B$17,14,0)+IF('Standard Profiles'!$G$22=$B$24,21,0),MOD($C2800,24)+1)/SUM(INDEX($D$3:$AA$30,INDEX(Jesper!$R$2:$R$366,ROW(INDEX(Jesper!AL$2:AL$366,ROUNDDOWN($C2800/24,0)+1,1))-1)+IF('Standard Profiles'!$G$22=$B$10,7,0)+IF('Standard Profiles'!$G$22=$B$17,14,0)+IF('Standard Profiles'!$G$22=$B$24,21,0),0)),0)</f>
        <v>0</v>
      </c>
      <c r="I2800">
        <f t="shared" si="321"/>
        <v>1.7151151077539679</v>
      </c>
      <c r="J2800">
        <f t="shared" si="322"/>
        <v>11.884879358176445</v>
      </c>
      <c r="K2800">
        <f t="shared" si="323"/>
        <v>0.62366958087480506</v>
      </c>
      <c r="L2800">
        <f t="shared" si="324"/>
        <v>0.31183479043740253</v>
      </c>
      <c r="M2800">
        <f t="shared" si="325"/>
        <v>0</v>
      </c>
      <c r="N2800" s="45">
        <f t="shared" si="326"/>
        <v>45042.249999993292</v>
      </c>
    </row>
    <row r="2801" spans="2:14" x14ac:dyDescent="0.25">
      <c r="B2801">
        <f t="shared" si="320"/>
        <v>3</v>
      </c>
      <c r="C2801" s="16">
        <v>2767</v>
      </c>
      <c r="D2801" cm="1">
        <f t="array" ref="D2801">IFERROR(INDEX(Jesper!AH$2:AH$366,ROUNDDOWN($C2801/24,0)+1,1)*INDEX($D$3:$AA$30,INDEX(Jesper!$R$2:$R$366,ROW(INDEX(Jesper!AH$2:AH$366,ROUNDDOWN($C2801/24,0)+1,1))-1)+IF('Standard Profiles'!$G$18=$B$10,7,0)+IF('Standard Profiles'!$G$18=$B$17,14,0)+IF('Standard Profiles'!$G$18=$B$24,21,0),MOD($C2801,24)+1)/SUM(INDEX($D$3:$AA$30,INDEX(Jesper!$R$2:$R$366,ROW(INDEX(Jesper!AH$2:AH$366,ROUNDDOWN($C2801/24,0)+1,1))-1)+IF('Standard Profiles'!$G$18=$B$10,7,0)+IF('Standard Profiles'!$G$18=$B$17,14,0)+IF('Standard Profiles'!$G$18=$B$24,21,0),0)),0)</f>
        <v>23.901427971594089</v>
      </c>
      <c r="E2801" cm="1">
        <f t="array" ref="E2801">IFERROR(INDEX(Jesper!AI$2:AI$366,ROUNDDOWN($C2801/24,0)+1,1)*INDEX($D$3:$AA$30,INDEX(Jesper!$R$2:$R$366,ROW(INDEX(Jesper!AI$2:AI$366,ROUNDDOWN($C2801/24,0)+1,1))-1)+IF('Standard Profiles'!$G$19=$B$10,7,0)+IF('Standard Profiles'!$G$19=$B$17,14,0)+IF('Standard Profiles'!$G$19=$B$24,21,0),MOD($C2801,24)+1)/SUM(INDEX($D$3:$AA$30,INDEX(Jesper!$R$2:$R$366,ROW(INDEX(Jesper!AI$2:AI$366,ROUNDDOWN($C2801/24,0)+1,1))-1)+IF('Standard Profiles'!$G$19=$B$10,7,0)+IF('Standard Profiles'!$G$19=$B$17,14,0)+IF('Standard Profiles'!$G$19=$B$24,21,0),0)),0)</f>
        <v>20.911298838577871</v>
      </c>
      <c r="F2801" cm="1">
        <f t="array" ref="F2801">IFERROR(INDEX(Jesper!AJ$2:AJ$366,ROUNDDOWN($C2801/24,0)+1,1)*INDEX($D$3:$AA$30,INDEX(Jesper!$R$2:$R$366,ROW(INDEX(Jesper!AJ$2:AJ$366,ROUNDDOWN($C2801/24,0)+1,1))-1)+IF('Standard Profiles'!$G$20=$B$10,7,0)+IF('Standard Profiles'!$G$20=$B$17,14,0)+IF('Standard Profiles'!$G$20=$B$24,21,0),MOD($C2801,24)+1)/SUM(INDEX($D$3:$AA$30,INDEX(Jesper!$R$2:$R$366,ROW(INDEX(Jesper!AJ$2:AJ$366,ROUNDDOWN($C2801/24,0)+1,1))-1)+IF('Standard Profiles'!$G$20=$B$10,7,0)+IF('Standard Profiles'!$G$20=$B$17,14,0)+IF('Standard Profiles'!$G$20=$B$24,21,0),0)),0)</f>
        <v>0</v>
      </c>
      <c r="G2801" cm="1">
        <f t="array" ref="G2801">IFERROR(INDEX(Jesper!AK$2:AK$366,ROUNDDOWN($C2801/24,0)+1,1)*INDEX($D$3:$AA$30,INDEX(Jesper!$R$2:$R$366,ROW(INDEX(Jesper!AK$2:AK$366,ROUNDDOWN($C2801/24,0)+1,1))-1)+IF('Standard Profiles'!$G$21=$B$10,7,0)+IF('Standard Profiles'!$G$21=$B$17,14,0)+IF('Standard Profiles'!$G$21=$B$24,21,0),MOD($C2801,24)+1)/SUM(INDEX($D$3:$AA$30,INDEX(Jesper!$R$2:$R$366,ROW(INDEX(Jesper!AK$2:AK$366,ROUNDDOWN($C2801/24,0)+1,1))-1)+IF('Standard Profiles'!$G$21=$B$10,7,0)+IF('Standard Profiles'!$G$21=$B$17,14,0)+IF('Standard Profiles'!$G$21=$B$24,21,0),0)),0)</f>
        <v>9.8440460872128828</v>
      </c>
      <c r="H2801" cm="1">
        <f t="array" ref="H2801">IFERROR(INDEX(Jesper!AL$2:AL$366,ROUNDDOWN($C2801/24,0)+1,1)*INDEX($D$3:$AA$30,INDEX(Jesper!$R$2:$R$366,ROW(INDEX(Jesper!AL$2:AL$366,ROUNDDOWN($C2801/24,0)+1,1))-1)+IF('Standard Profiles'!$G$22=$B$10,7,0)+IF('Standard Profiles'!$G$22=$B$17,14,0)+IF('Standard Profiles'!$G$22=$B$24,21,0),MOD($C2801,24)+1)/SUM(INDEX($D$3:$AA$30,INDEX(Jesper!$R$2:$R$366,ROW(INDEX(Jesper!AL$2:AL$366,ROUNDDOWN($C2801/24,0)+1,1))-1)+IF('Standard Profiles'!$G$22=$B$10,7,0)+IF('Standard Profiles'!$G$22=$B$17,14,0)+IF('Standard Profiles'!$G$22=$B$24,21,0),0)),0)</f>
        <v>0</v>
      </c>
      <c r="I2801">
        <f t="shared" si="321"/>
        <v>4.7251421218621816</v>
      </c>
      <c r="J2801">
        <f t="shared" si="322"/>
        <v>46.107402300067612</v>
      </c>
      <c r="K2801">
        <f t="shared" si="323"/>
        <v>2.5494856503033696</v>
      </c>
      <c r="L2801">
        <f t="shared" si="324"/>
        <v>1.2747428251516848</v>
      </c>
      <c r="M2801">
        <f t="shared" si="325"/>
        <v>0</v>
      </c>
      <c r="N2801" s="45">
        <f t="shared" si="326"/>
        <v>45042.291666659956</v>
      </c>
    </row>
    <row r="2802" spans="2:14" x14ac:dyDescent="0.25">
      <c r="B2802">
        <f t="shared" si="320"/>
        <v>3</v>
      </c>
      <c r="C2802" s="16">
        <v>2768</v>
      </c>
      <c r="D2802" cm="1">
        <f t="array" ref="D2802">IFERROR(INDEX(Jesper!AH$2:AH$366,ROUNDDOWN($C2802/24,0)+1,1)*INDEX($D$3:$AA$30,INDEX(Jesper!$R$2:$R$366,ROW(INDEX(Jesper!AH$2:AH$366,ROUNDDOWN($C2802/24,0)+1,1))-1)+IF('Standard Profiles'!$G$18=$B$10,7,0)+IF('Standard Profiles'!$G$18=$B$17,14,0)+IF('Standard Profiles'!$G$18=$B$24,21,0),MOD($C2802,24)+1)/SUM(INDEX($D$3:$AA$30,INDEX(Jesper!$R$2:$R$366,ROW(INDEX(Jesper!AH$2:AH$366,ROUNDDOWN($C2802/24,0)+1,1))-1)+IF('Standard Profiles'!$G$18=$B$10,7,0)+IF('Standard Profiles'!$G$18=$B$17,14,0)+IF('Standard Profiles'!$G$18=$B$24,21,0),0)),0)</f>
        <v>26.668961736726036</v>
      </c>
      <c r="E2802" cm="1">
        <f t="array" ref="E2802">IFERROR(INDEX(Jesper!AI$2:AI$366,ROUNDDOWN($C2802/24,0)+1,1)*INDEX($D$3:$AA$30,INDEX(Jesper!$R$2:$R$366,ROW(INDEX(Jesper!AI$2:AI$366,ROUNDDOWN($C2802/24,0)+1,1))-1)+IF('Standard Profiles'!$G$19=$B$10,7,0)+IF('Standard Profiles'!$G$19=$B$17,14,0)+IF('Standard Profiles'!$G$19=$B$24,21,0),MOD($C2802,24)+1)/SUM(INDEX($D$3:$AA$30,INDEX(Jesper!$R$2:$R$366,ROW(INDEX(Jesper!AI$2:AI$366,ROUNDDOWN($C2802/24,0)+1,1))-1)+IF('Standard Profiles'!$G$19=$B$10,7,0)+IF('Standard Profiles'!$G$19=$B$17,14,0)+IF('Standard Profiles'!$G$19=$B$24,21,0),0)),0)</f>
        <v>23.332607125150041</v>
      </c>
      <c r="F2802" cm="1">
        <f t="array" ref="F2802">IFERROR(INDEX(Jesper!AJ$2:AJ$366,ROUNDDOWN($C2802/24,0)+1,1)*INDEX($D$3:$AA$30,INDEX(Jesper!$R$2:$R$366,ROW(INDEX(Jesper!AJ$2:AJ$366,ROUNDDOWN($C2802/24,0)+1,1))-1)+IF('Standard Profiles'!$G$20=$B$10,7,0)+IF('Standard Profiles'!$G$20=$B$17,14,0)+IF('Standard Profiles'!$G$20=$B$24,21,0),MOD($C2802,24)+1)/SUM(INDEX($D$3:$AA$30,INDEX(Jesper!$R$2:$R$366,ROW(INDEX(Jesper!AJ$2:AJ$366,ROUNDDOWN($C2802/24,0)+1,1))-1)+IF('Standard Profiles'!$G$20=$B$10,7,0)+IF('Standard Profiles'!$G$20=$B$17,14,0)+IF('Standard Profiles'!$G$20=$B$24,21,0),0)),0)</f>
        <v>0</v>
      </c>
      <c r="G2802" cm="1">
        <f t="array" ref="G2802">IFERROR(INDEX(Jesper!AK$2:AK$366,ROUNDDOWN($C2802/24,0)+1,1)*INDEX($D$3:$AA$30,INDEX(Jesper!$R$2:$R$366,ROW(INDEX(Jesper!AK$2:AK$366,ROUNDDOWN($C2802/24,0)+1,1))-1)+IF('Standard Profiles'!$G$21=$B$10,7,0)+IF('Standard Profiles'!$G$21=$B$17,14,0)+IF('Standard Profiles'!$G$21=$B$24,21,0),MOD($C2802,24)+1)/SUM(INDEX($D$3:$AA$30,INDEX(Jesper!$R$2:$R$366,ROW(INDEX(Jesper!AK$2:AK$366,ROUNDDOWN($C2802/24,0)+1,1))-1)+IF('Standard Profiles'!$G$21=$B$10,7,0)+IF('Standard Profiles'!$G$21=$B$17,14,0)+IF('Standard Profiles'!$G$21=$B$24,21,0),0)),0)</f>
        <v>10.983883002574375</v>
      </c>
      <c r="H2802" cm="1">
        <f t="array" ref="H2802">IFERROR(INDEX(Jesper!AL$2:AL$366,ROUNDDOWN($C2802/24,0)+1,1)*INDEX($D$3:$AA$30,INDEX(Jesper!$R$2:$R$366,ROW(INDEX(Jesper!AL$2:AL$366,ROUNDDOWN($C2802/24,0)+1,1))-1)+IF('Standard Profiles'!$G$22=$B$10,7,0)+IF('Standard Profiles'!$G$22=$B$17,14,0)+IF('Standard Profiles'!$G$22=$B$24,21,0),MOD($C2802,24)+1)/SUM(INDEX($D$3:$AA$30,INDEX(Jesper!$R$2:$R$366,ROW(INDEX(Jesper!AL$2:AL$366,ROUNDDOWN($C2802/24,0)+1,1))-1)+IF('Standard Profiles'!$G$22=$B$10,7,0)+IF('Standard Profiles'!$G$22=$B$17,14,0)+IF('Standard Profiles'!$G$22=$B$24,21,0),0)),0)</f>
        <v>0</v>
      </c>
      <c r="I2802">
        <f t="shared" si="321"/>
        <v>5.2722638412356977</v>
      </c>
      <c r="J2802">
        <f t="shared" si="322"/>
        <v>51.446154145338582</v>
      </c>
      <c r="K2802">
        <f t="shared" si="323"/>
        <v>2.844689251917444</v>
      </c>
      <c r="L2802">
        <f t="shared" si="324"/>
        <v>1.422344625958722</v>
      </c>
      <c r="M2802">
        <f t="shared" si="325"/>
        <v>0</v>
      </c>
      <c r="N2802" s="45">
        <f t="shared" si="326"/>
        <v>45042.33333332662</v>
      </c>
    </row>
    <row r="2803" spans="2:14" x14ac:dyDescent="0.25">
      <c r="B2803">
        <f t="shared" si="320"/>
        <v>3</v>
      </c>
      <c r="C2803" s="16">
        <v>2769</v>
      </c>
      <c r="D2803" cm="1">
        <f t="array" ref="D2803">IFERROR(INDEX(Jesper!AH$2:AH$366,ROUNDDOWN($C2803/24,0)+1,1)*INDEX($D$3:$AA$30,INDEX(Jesper!$R$2:$R$366,ROW(INDEX(Jesper!AH$2:AH$366,ROUNDDOWN($C2803/24,0)+1,1))-1)+IF('Standard Profiles'!$G$18=$B$10,7,0)+IF('Standard Profiles'!$G$18=$B$17,14,0)+IF('Standard Profiles'!$G$18=$B$24,21,0),MOD($C2803,24)+1)/SUM(INDEX($D$3:$AA$30,INDEX(Jesper!$R$2:$R$366,ROW(INDEX(Jesper!AH$2:AH$366,ROUNDDOWN($C2803/24,0)+1,1))-1)+IF('Standard Profiles'!$G$18=$B$10,7,0)+IF('Standard Profiles'!$G$18=$B$17,14,0)+IF('Standard Profiles'!$G$18=$B$24,21,0),0)),0)</f>
        <v>29.436495501857983</v>
      </c>
      <c r="E2803" cm="1">
        <f t="array" ref="E2803">IFERROR(INDEX(Jesper!AI$2:AI$366,ROUNDDOWN($C2803/24,0)+1,1)*INDEX($D$3:$AA$30,INDEX(Jesper!$R$2:$R$366,ROW(INDEX(Jesper!AI$2:AI$366,ROUNDDOWN($C2803/24,0)+1,1))-1)+IF('Standard Profiles'!$G$19=$B$10,7,0)+IF('Standard Profiles'!$G$19=$B$17,14,0)+IF('Standard Profiles'!$G$19=$B$24,21,0),MOD($C2803,24)+1)/SUM(INDEX($D$3:$AA$30,INDEX(Jesper!$R$2:$R$366,ROW(INDEX(Jesper!AI$2:AI$366,ROUNDDOWN($C2803/24,0)+1,1))-1)+IF('Standard Profiles'!$G$19=$B$10,7,0)+IF('Standard Profiles'!$G$19=$B$17,14,0)+IF('Standard Profiles'!$G$19=$B$24,21,0),0)),0)</f>
        <v>25.753915411722218</v>
      </c>
      <c r="F2803" cm="1">
        <f t="array" ref="F2803">IFERROR(INDEX(Jesper!AJ$2:AJ$366,ROUNDDOWN($C2803/24,0)+1,1)*INDEX($D$3:$AA$30,INDEX(Jesper!$R$2:$R$366,ROW(INDEX(Jesper!AJ$2:AJ$366,ROUNDDOWN($C2803/24,0)+1,1))-1)+IF('Standard Profiles'!$G$20=$B$10,7,0)+IF('Standard Profiles'!$G$20=$B$17,14,0)+IF('Standard Profiles'!$G$20=$B$24,21,0),MOD($C2803,24)+1)/SUM(INDEX($D$3:$AA$30,INDEX(Jesper!$R$2:$R$366,ROW(INDEX(Jesper!AJ$2:AJ$366,ROUNDDOWN($C2803/24,0)+1,1))-1)+IF('Standard Profiles'!$G$20=$B$10,7,0)+IF('Standard Profiles'!$G$20=$B$17,14,0)+IF('Standard Profiles'!$G$20=$B$24,21,0),0)),0)</f>
        <v>0</v>
      </c>
      <c r="G2803" cm="1">
        <f t="array" ref="G2803">IFERROR(INDEX(Jesper!AK$2:AK$366,ROUNDDOWN($C2803/24,0)+1,1)*INDEX($D$3:$AA$30,INDEX(Jesper!$R$2:$R$366,ROW(INDEX(Jesper!AK$2:AK$366,ROUNDDOWN($C2803/24,0)+1,1))-1)+IF('Standard Profiles'!$G$21=$B$10,7,0)+IF('Standard Profiles'!$G$21=$B$17,14,0)+IF('Standard Profiles'!$G$21=$B$24,21,0),MOD($C2803,24)+1)/SUM(INDEX($D$3:$AA$30,INDEX(Jesper!$R$2:$R$366,ROW(INDEX(Jesper!AK$2:AK$366,ROUNDDOWN($C2803/24,0)+1,1))-1)+IF('Standard Profiles'!$G$21=$B$10,7,0)+IF('Standard Profiles'!$G$21=$B$17,14,0)+IF('Standard Profiles'!$G$21=$B$24,21,0),0)),0)</f>
        <v>12.123719917935867</v>
      </c>
      <c r="H2803" cm="1">
        <f t="array" ref="H2803">IFERROR(INDEX(Jesper!AL$2:AL$366,ROUNDDOWN($C2803/24,0)+1,1)*INDEX($D$3:$AA$30,INDEX(Jesper!$R$2:$R$366,ROW(INDEX(Jesper!AL$2:AL$366,ROUNDDOWN($C2803/24,0)+1,1))-1)+IF('Standard Profiles'!$G$22=$B$10,7,0)+IF('Standard Profiles'!$G$22=$B$17,14,0)+IF('Standard Profiles'!$G$22=$B$24,21,0),MOD($C2803,24)+1)/SUM(INDEX($D$3:$AA$30,INDEX(Jesper!$R$2:$R$366,ROW(INDEX(Jesper!AL$2:AL$366,ROUNDDOWN($C2803/24,0)+1,1))-1)+IF('Standard Profiles'!$G$22=$B$10,7,0)+IF('Standard Profiles'!$G$22=$B$17,14,0)+IF('Standard Profiles'!$G$22=$B$24,21,0),0)),0)</f>
        <v>0</v>
      </c>
      <c r="I2803">
        <f t="shared" si="321"/>
        <v>5.8193855606092137</v>
      </c>
      <c r="J2803">
        <f t="shared" si="322"/>
        <v>56.784905990609573</v>
      </c>
      <c r="K2803">
        <f t="shared" si="323"/>
        <v>3.1398928535315185</v>
      </c>
      <c r="L2803">
        <f t="shared" si="324"/>
        <v>1.5699464267657592</v>
      </c>
      <c r="M2803">
        <f t="shared" si="325"/>
        <v>0</v>
      </c>
      <c r="N2803" s="45">
        <f t="shared" si="326"/>
        <v>45042.374999993284</v>
      </c>
    </row>
    <row r="2804" spans="2:14" x14ac:dyDescent="0.25">
      <c r="B2804">
        <f t="shared" si="320"/>
        <v>3</v>
      </c>
      <c r="C2804" s="16">
        <v>2770</v>
      </c>
      <c r="D2804" cm="1">
        <f t="array" ref="D2804">IFERROR(INDEX(Jesper!AH$2:AH$366,ROUNDDOWN($C2804/24,0)+1,1)*INDEX($D$3:$AA$30,INDEX(Jesper!$R$2:$R$366,ROW(INDEX(Jesper!AH$2:AH$366,ROUNDDOWN($C2804/24,0)+1,1))-1)+IF('Standard Profiles'!$G$18=$B$10,7,0)+IF('Standard Profiles'!$G$18=$B$17,14,0)+IF('Standard Profiles'!$G$18=$B$24,21,0),MOD($C2804,24)+1)/SUM(INDEX($D$3:$AA$30,INDEX(Jesper!$R$2:$R$366,ROW(INDEX(Jesper!AH$2:AH$366,ROUNDDOWN($C2804/24,0)+1,1))-1)+IF('Standard Profiles'!$G$18=$B$10,7,0)+IF('Standard Profiles'!$G$18=$B$17,14,0)+IF('Standard Profiles'!$G$18=$B$24,21,0),0)),0)</f>
        <v>29.436495501857983</v>
      </c>
      <c r="E2804" cm="1">
        <f t="array" ref="E2804">IFERROR(INDEX(Jesper!AI$2:AI$366,ROUNDDOWN($C2804/24,0)+1,1)*INDEX($D$3:$AA$30,INDEX(Jesper!$R$2:$R$366,ROW(INDEX(Jesper!AI$2:AI$366,ROUNDDOWN($C2804/24,0)+1,1))-1)+IF('Standard Profiles'!$G$19=$B$10,7,0)+IF('Standard Profiles'!$G$19=$B$17,14,0)+IF('Standard Profiles'!$G$19=$B$24,21,0),MOD($C2804,24)+1)/SUM(INDEX($D$3:$AA$30,INDEX(Jesper!$R$2:$R$366,ROW(INDEX(Jesper!AI$2:AI$366,ROUNDDOWN($C2804/24,0)+1,1))-1)+IF('Standard Profiles'!$G$19=$B$10,7,0)+IF('Standard Profiles'!$G$19=$B$17,14,0)+IF('Standard Profiles'!$G$19=$B$24,21,0),0)),0)</f>
        <v>25.753915411722218</v>
      </c>
      <c r="F2804" cm="1">
        <f t="array" ref="F2804">IFERROR(INDEX(Jesper!AJ$2:AJ$366,ROUNDDOWN($C2804/24,0)+1,1)*INDEX($D$3:$AA$30,INDEX(Jesper!$R$2:$R$366,ROW(INDEX(Jesper!AJ$2:AJ$366,ROUNDDOWN($C2804/24,0)+1,1))-1)+IF('Standard Profiles'!$G$20=$B$10,7,0)+IF('Standard Profiles'!$G$20=$B$17,14,0)+IF('Standard Profiles'!$G$20=$B$24,21,0),MOD($C2804,24)+1)/SUM(INDEX($D$3:$AA$30,INDEX(Jesper!$R$2:$R$366,ROW(INDEX(Jesper!AJ$2:AJ$366,ROUNDDOWN($C2804/24,0)+1,1))-1)+IF('Standard Profiles'!$G$20=$B$10,7,0)+IF('Standard Profiles'!$G$20=$B$17,14,0)+IF('Standard Profiles'!$G$20=$B$24,21,0),0)),0)</f>
        <v>0</v>
      </c>
      <c r="G2804" cm="1">
        <f t="array" ref="G2804">IFERROR(INDEX(Jesper!AK$2:AK$366,ROUNDDOWN($C2804/24,0)+1,1)*INDEX($D$3:$AA$30,INDEX(Jesper!$R$2:$R$366,ROW(INDEX(Jesper!AK$2:AK$366,ROUNDDOWN($C2804/24,0)+1,1))-1)+IF('Standard Profiles'!$G$21=$B$10,7,0)+IF('Standard Profiles'!$G$21=$B$17,14,0)+IF('Standard Profiles'!$G$21=$B$24,21,0),MOD($C2804,24)+1)/SUM(INDEX($D$3:$AA$30,INDEX(Jesper!$R$2:$R$366,ROW(INDEX(Jesper!AK$2:AK$366,ROUNDDOWN($C2804/24,0)+1,1))-1)+IF('Standard Profiles'!$G$21=$B$10,7,0)+IF('Standard Profiles'!$G$21=$B$17,14,0)+IF('Standard Profiles'!$G$21=$B$24,21,0),0)),0)</f>
        <v>12.123719917935867</v>
      </c>
      <c r="H2804" cm="1">
        <f t="array" ref="H2804">IFERROR(INDEX(Jesper!AL$2:AL$366,ROUNDDOWN($C2804/24,0)+1,1)*INDEX($D$3:$AA$30,INDEX(Jesper!$R$2:$R$366,ROW(INDEX(Jesper!AL$2:AL$366,ROUNDDOWN($C2804/24,0)+1,1))-1)+IF('Standard Profiles'!$G$22=$B$10,7,0)+IF('Standard Profiles'!$G$22=$B$17,14,0)+IF('Standard Profiles'!$G$22=$B$24,21,0),MOD($C2804,24)+1)/SUM(INDEX($D$3:$AA$30,INDEX(Jesper!$R$2:$R$366,ROW(INDEX(Jesper!AL$2:AL$366,ROUNDDOWN($C2804/24,0)+1,1))-1)+IF('Standard Profiles'!$G$22=$B$10,7,0)+IF('Standard Profiles'!$G$22=$B$17,14,0)+IF('Standard Profiles'!$G$22=$B$24,21,0),0)),0)</f>
        <v>0</v>
      </c>
      <c r="I2804">
        <f t="shared" si="321"/>
        <v>5.8193855606092137</v>
      </c>
      <c r="J2804">
        <f t="shared" si="322"/>
        <v>56.784905990609573</v>
      </c>
      <c r="K2804">
        <f t="shared" si="323"/>
        <v>3.1398928535315185</v>
      </c>
      <c r="L2804">
        <f t="shared" si="324"/>
        <v>1.5699464267657592</v>
      </c>
      <c r="M2804">
        <f t="shared" si="325"/>
        <v>0</v>
      </c>
      <c r="N2804" s="45">
        <f t="shared" si="326"/>
        <v>45042.416666659949</v>
      </c>
    </row>
    <row r="2805" spans="2:14" x14ac:dyDescent="0.25">
      <c r="B2805">
        <f t="shared" si="320"/>
        <v>3</v>
      </c>
      <c r="C2805" s="16">
        <v>2771</v>
      </c>
      <c r="D2805" cm="1">
        <f t="array" ref="D2805">IFERROR(INDEX(Jesper!AH$2:AH$366,ROUNDDOWN($C2805/24,0)+1,1)*INDEX($D$3:$AA$30,INDEX(Jesper!$R$2:$R$366,ROW(INDEX(Jesper!AH$2:AH$366,ROUNDDOWN($C2805/24,0)+1,1))-1)+IF('Standard Profiles'!$G$18=$B$10,7,0)+IF('Standard Profiles'!$G$18=$B$17,14,0)+IF('Standard Profiles'!$G$18=$B$24,21,0),MOD($C2805,24)+1)/SUM(INDEX($D$3:$AA$30,INDEX(Jesper!$R$2:$R$366,ROW(INDEX(Jesper!AH$2:AH$366,ROUNDDOWN($C2805/24,0)+1,1))-1)+IF('Standard Profiles'!$G$18=$B$10,7,0)+IF('Standard Profiles'!$G$18=$B$17,14,0)+IF('Standard Profiles'!$G$18=$B$24,21,0),0)),0)</f>
        <v>35.223157010770237</v>
      </c>
      <c r="E2805" cm="1">
        <f t="array" ref="E2805">IFERROR(INDEX(Jesper!AI$2:AI$366,ROUNDDOWN($C2805/24,0)+1,1)*INDEX($D$3:$AA$30,INDEX(Jesper!$R$2:$R$366,ROW(INDEX(Jesper!AI$2:AI$366,ROUNDDOWN($C2805/24,0)+1,1))-1)+IF('Standard Profiles'!$G$19=$B$10,7,0)+IF('Standard Profiles'!$G$19=$B$17,14,0)+IF('Standard Profiles'!$G$19=$B$24,21,0),MOD($C2805,24)+1)/SUM(INDEX($D$3:$AA$30,INDEX(Jesper!$R$2:$R$366,ROW(INDEX(Jesper!AI$2:AI$366,ROUNDDOWN($C2805/24,0)+1,1))-1)+IF('Standard Profiles'!$G$19=$B$10,7,0)+IF('Standard Profiles'!$G$19=$B$17,14,0)+IF('Standard Profiles'!$G$19=$B$24,21,0),0)),0)</f>
        <v>30.81665092000949</v>
      </c>
      <c r="F2805" cm="1">
        <f t="array" ref="F2805">IFERROR(INDEX(Jesper!AJ$2:AJ$366,ROUNDDOWN($C2805/24,0)+1,1)*INDEX($D$3:$AA$30,INDEX(Jesper!$R$2:$R$366,ROW(INDEX(Jesper!AJ$2:AJ$366,ROUNDDOWN($C2805/24,0)+1,1))-1)+IF('Standard Profiles'!$G$20=$B$10,7,0)+IF('Standard Profiles'!$G$20=$B$17,14,0)+IF('Standard Profiles'!$G$20=$B$24,21,0),MOD($C2805,24)+1)/SUM(INDEX($D$3:$AA$30,INDEX(Jesper!$R$2:$R$366,ROW(INDEX(Jesper!AJ$2:AJ$366,ROUNDDOWN($C2805/24,0)+1,1))-1)+IF('Standard Profiles'!$G$20=$B$10,7,0)+IF('Standard Profiles'!$G$20=$B$17,14,0)+IF('Standard Profiles'!$G$20=$B$24,21,0),0)),0)</f>
        <v>0</v>
      </c>
      <c r="G2805" cm="1">
        <f t="array" ref="G2805">IFERROR(INDEX(Jesper!AK$2:AK$366,ROUNDDOWN($C2805/24,0)+1,1)*INDEX($D$3:$AA$30,INDEX(Jesper!$R$2:$R$366,ROW(INDEX(Jesper!AK$2:AK$366,ROUNDDOWN($C2805/24,0)+1,1))-1)+IF('Standard Profiles'!$G$21=$B$10,7,0)+IF('Standard Profiles'!$G$21=$B$17,14,0)+IF('Standard Profiles'!$G$21=$B$24,21,0),MOD($C2805,24)+1)/SUM(INDEX($D$3:$AA$30,INDEX(Jesper!$R$2:$R$366,ROW(INDEX(Jesper!AK$2:AK$366,ROUNDDOWN($C2805/24,0)+1,1))-1)+IF('Standard Profiles'!$G$21=$B$10,7,0)+IF('Standard Profiles'!$G$21=$B$17,14,0)+IF('Standard Profiles'!$G$21=$B$24,21,0),0)),0)</f>
        <v>14.507015286418985</v>
      </c>
      <c r="H2805" cm="1">
        <f t="array" ref="H2805">IFERROR(INDEX(Jesper!AL$2:AL$366,ROUNDDOWN($C2805/24,0)+1,1)*INDEX($D$3:$AA$30,INDEX(Jesper!$R$2:$R$366,ROW(INDEX(Jesper!AL$2:AL$366,ROUNDDOWN($C2805/24,0)+1,1))-1)+IF('Standard Profiles'!$G$22=$B$10,7,0)+IF('Standard Profiles'!$G$22=$B$17,14,0)+IF('Standard Profiles'!$G$22=$B$24,21,0),MOD($C2805,24)+1)/SUM(INDEX($D$3:$AA$30,INDEX(Jesper!$R$2:$R$366,ROW(INDEX(Jesper!AL$2:AL$366,ROUNDDOWN($C2805/24,0)+1,1))-1)+IF('Standard Profiles'!$G$22=$B$10,7,0)+IF('Standard Profiles'!$G$22=$B$17,14,0)+IF('Standard Profiles'!$G$22=$B$24,21,0),0)),0)</f>
        <v>0</v>
      </c>
      <c r="I2805">
        <f t="shared" si="321"/>
        <v>6.9633673374811096</v>
      </c>
      <c r="J2805">
        <f t="shared" si="322"/>
        <v>67.94775075799437</v>
      </c>
      <c r="K2805">
        <f t="shared" si="323"/>
        <v>3.7571367478154922</v>
      </c>
      <c r="L2805">
        <f t="shared" si="324"/>
        <v>1.8785683739077461</v>
      </c>
      <c r="M2805">
        <f t="shared" si="325"/>
        <v>0</v>
      </c>
      <c r="N2805" s="45">
        <f t="shared" si="326"/>
        <v>45042.458333326613</v>
      </c>
    </row>
    <row r="2806" spans="2:14" x14ac:dyDescent="0.25">
      <c r="B2806">
        <f t="shared" si="320"/>
        <v>3</v>
      </c>
      <c r="C2806" s="16">
        <v>2772</v>
      </c>
      <c r="D2806" cm="1">
        <f t="array" ref="D2806">IFERROR(INDEX(Jesper!AH$2:AH$366,ROUNDDOWN($C2806/24,0)+1,1)*INDEX($D$3:$AA$30,INDEX(Jesper!$R$2:$R$366,ROW(INDEX(Jesper!AH$2:AH$366,ROUNDDOWN($C2806/24,0)+1,1))-1)+IF('Standard Profiles'!$G$18=$B$10,7,0)+IF('Standard Profiles'!$G$18=$B$17,14,0)+IF('Standard Profiles'!$G$18=$B$24,21,0),MOD($C2806,24)+1)/SUM(INDEX($D$3:$AA$30,INDEX(Jesper!$R$2:$R$366,ROW(INDEX(Jesper!AH$2:AH$366,ROUNDDOWN($C2806/24,0)+1,1))-1)+IF('Standard Profiles'!$G$18=$B$10,7,0)+IF('Standard Profiles'!$G$18=$B$17,14,0)+IF('Standard Profiles'!$G$18=$B$24,21,0),0)),0)</f>
        <v>35.223157010770237</v>
      </c>
      <c r="E2806" cm="1">
        <f t="array" ref="E2806">IFERROR(INDEX(Jesper!AI$2:AI$366,ROUNDDOWN($C2806/24,0)+1,1)*INDEX($D$3:$AA$30,INDEX(Jesper!$R$2:$R$366,ROW(INDEX(Jesper!AI$2:AI$366,ROUNDDOWN($C2806/24,0)+1,1))-1)+IF('Standard Profiles'!$G$19=$B$10,7,0)+IF('Standard Profiles'!$G$19=$B$17,14,0)+IF('Standard Profiles'!$G$19=$B$24,21,0),MOD($C2806,24)+1)/SUM(INDEX($D$3:$AA$30,INDEX(Jesper!$R$2:$R$366,ROW(INDEX(Jesper!AI$2:AI$366,ROUNDDOWN($C2806/24,0)+1,1))-1)+IF('Standard Profiles'!$G$19=$B$10,7,0)+IF('Standard Profiles'!$G$19=$B$17,14,0)+IF('Standard Profiles'!$G$19=$B$24,21,0),0)),0)</f>
        <v>30.81665092000949</v>
      </c>
      <c r="F2806" cm="1">
        <f t="array" ref="F2806">IFERROR(INDEX(Jesper!AJ$2:AJ$366,ROUNDDOWN($C2806/24,0)+1,1)*INDEX($D$3:$AA$30,INDEX(Jesper!$R$2:$R$366,ROW(INDEX(Jesper!AJ$2:AJ$366,ROUNDDOWN($C2806/24,0)+1,1))-1)+IF('Standard Profiles'!$G$20=$B$10,7,0)+IF('Standard Profiles'!$G$20=$B$17,14,0)+IF('Standard Profiles'!$G$20=$B$24,21,0),MOD($C2806,24)+1)/SUM(INDEX($D$3:$AA$30,INDEX(Jesper!$R$2:$R$366,ROW(INDEX(Jesper!AJ$2:AJ$366,ROUNDDOWN($C2806/24,0)+1,1))-1)+IF('Standard Profiles'!$G$20=$B$10,7,0)+IF('Standard Profiles'!$G$20=$B$17,14,0)+IF('Standard Profiles'!$G$20=$B$24,21,0),0)),0)</f>
        <v>0</v>
      </c>
      <c r="G2806" cm="1">
        <f t="array" ref="G2806">IFERROR(INDEX(Jesper!AK$2:AK$366,ROUNDDOWN($C2806/24,0)+1,1)*INDEX($D$3:$AA$30,INDEX(Jesper!$R$2:$R$366,ROW(INDEX(Jesper!AK$2:AK$366,ROUNDDOWN($C2806/24,0)+1,1))-1)+IF('Standard Profiles'!$G$21=$B$10,7,0)+IF('Standard Profiles'!$G$21=$B$17,14,0)+IF('Standard Profiles'!$G$21=$B$24,21,0),MOD($C2806,24)+1)/SUM(INDEX($D$3:$AA$30,INDEX(Jesper!$R$2:$R$366,ROW(INDEX(Jesper!AK$2:AK$366,ROUNDDOWN($C2806/24,0)+1,1))-1)+IF('Standard Profiles'!$G$21=$B$10,7,0)+IF('Standard Profiles'!$G$21=$B$17,14,0)+IF('Standard Profiles'!$G$21=$B$24,21,0),0)),0)</f>
        <v>14.507015286418985</v>
      </c>
      <c r="H2806" cm="1">
        <f t="array" ref="H2806">IFERROR(INDEX(Jesper!AL$2:AL$366,ROUNDDOWN($C2806/24,0)+1,1)*INDEX($D$3:$AA$30,INDEX(Jesper!$R$2:$R$366,ROW(INDEX(Jesper!AL$2:AL$366,ROUNDDOWN($C2806/24,0)+1,1))-1)+IF('Standard Profiles'!$G$22=$B$10,7,0)+IF('Standard Profiles'!$G$22=$B$17,14,0)+IF('Standard Profiles'!$G$22=$B$24,21,0),MOD($C2806,24)+1)/SUM(INDEX($D$3:$AA$30,INDEX(Jesper!$R$2:$R$366,ROW(INDEX(Jesper!AL$2:AL$366,ROUNDDOWN($C2806/24,0)+1,1))-1)+IF('Standard Profiles'!$G$22=$B$10,7,0)+IF('Standard Profiles'!$G$22=$B$17,14,0)+IF('Standard Profiles'!$G$22=$B$24,21,0),0)),0)</f>
        <v>0</v>
      </c>
      <c r="I2806">
        <f t="shared" si="321"/>
        <v>6.9633673374811096</v>
      </c>
      <c r="J2806">
        <f t="shared" si="322"/>
        <v>67.94775075799437</v>
      </c>
      <c r="K2806">
        <f t="shared" si="323"/>
        <v>3.7571367478154922</v>
      </c>
      <c r="L2806">
        <f t="shared" si="324"/>
        <v>1.8785683739077461</v>
      </c>
      <c r="M2806">
        <f t="shared" si="325"/>
        <v>0</v>
      </c>
      <c r="N2806" s="45">
        <f t="shared" si="326"/>
        <v>45042.499999993277</v>
      </c>
    </row>
    <row r="2807" spans="2:14" x14ac:dyDescent="0.25">
      <c r="B2807">
        <f t="shared" si="320"/>
        <v>3</v>
      </c>
      <c r="C2807" s="16">
        <v>2773</v>
      </c>
      <c r="D2807" cm="1">
        <f t="array" ref="D2807">IFERROR(INDEX(Jesper!AH$2:AH$366,ROUNDDOWN($C2807/24,0)+1,1)*INDEX($D$3:$AA$30,INDEX(Jesper!$R$2:$R$366,ROW(INDEX(Jesper!AH$2:AH$366,ROUNDDOWN($C2807/24,0)+1,1))-1)+IF('Standard Profiles'!$G$18=$B$10,7,0)+IF('Standard Profiles'!$G$18=$B$17,14,0)+IF('Standard Profiles'!$G$18=$B$24,21,0),MOD($C2807,24)+1)/SUM(INDEX($D$3:$AA$30,INDEX(Jesper!$R$2:$R$366,ROW(INDEX(Jesper!AH$2:AH$366,ROUNDDOWN($C2807/24,0)+1,1))-1)+IF('Standard Profiles'!$G$18=$B$10,7,0)+IF('Standard Profiles'!$G$18=$B$17,14,0)+IF('Standard Profiles'!$G$18=$B$24,21,0),0)),0)</f>
        <v>23.398240014297372</v>
      </c>
      <c r="E2807" cm="1">
        <f t="array" ref="E2807">IFERROR(INDEX(Jesper!AI$2:AI$366,ROUNDDOWN($C2807/24,0)+1,1)*INDEX($D$3:$AA$30,INDEX(Jesper!$R$2:$R$366,ROW(INDEX(Jesper!AI$2:AI$366,ROUNDDOWN($C2807/24,0)+1,1))-1)+IF('Standard Profiles'!$G$19=$B$10,7,0)+IF('Standard Profiles'!$G$19=$B$17,14,0)+IF('Standard Profiles'!$G$19=$B$24,21,0),MOD($C2807,24)+1)/SUM(INDEX($D$3:$AA$30,INDEX(Jesper!$R$2:$R$366,ROW(INDEX(Jesper!AI$2:AI$366,ROUNDDOWN($C2807/24,0)+1,1))-1)+IF('Standard Profiles'!$G$19=$B$10,7,0)+IF('Standard Profiles'!$G$19=$B$17,14,0)+IF('Standard Profiles'!$G$19=$B$24,21,0),0)),0)</f>
        <v>20.471060968292019</v>
      </c>
      <c r="F2807" cm="1">
        <f t="array" ref="F2807">IFERROR(INDEX(Jesper!AJ$2:AJ$366,ROUNDDOWN($C2807/24,0)+1,1)*INDEX($D$3:$AA$30,INDEX(Jesper!$R$2:$R$366,ROW(INDEX(Jesper!AJ$2:AJ$366,ROUNDDOWN($C2807/24,0)+1,1))-1)+IF('Standard Profiles'!$G$20=$B$10,7,0)+IF('Standard Profiles'!$G$20=$B$17,14,0)+IF('Standard Profiles'!$G$20=$B$24,21,0),MOD($C2807,24)+1)/SUM(INDEX($D$3:$AA$30,INDEX(Jesper!$R$2:$R$366,ROW(INDEX(Jesper!AJ$2:AJ$366,ROUNDDOWN($C2807/24,0)+1,1))-1)+IF('Standard Profiles'!$G$20=$B$10,7,0)+IF('Standard Profiles'!$G$20=$B$17,14,0)+IF('Standard Profiles'!$G$20=$B$24,21,0),0)),0)</f>
        <v>0</v>
      </c>
      <c r="G2807" cm="1">
        <f t="array" ref="G2807">IFERROR(INDEX(Jesper!AK$2:AK$366,ROUNDDOWN($C2807/24,0)+1,1)*INDEX($D$3:$AA$30,INDEX(Jesper!$R$2:$R$366,ROW(INDEX(Jesper!AK$2:AK$366,ROUNDDOWN($C2807/24,0)+1,1))-1)+IF('Standard Profiles'!$G$21=$B$10,7,0)+IF('Standard Profiles'!$G$21=$B$17,14,0)+IF('Standard Profiles'!$G$21=$B$24,21,0),MOD($C2807,24)+1)/SUM(INDEX($D$3:$AA$30,INDEX(Jesper!$R$2:$R$366,ROW(INDEX(Jesper!AK$2:AK$366,ROUNDDOWN($C2807/24,0)+1,1))-1)+IF('Standard Profiles'!$G$21=$B$10,7,0)+IF('Standard Profiles'!$G$21=$B$17,14,0)+IF('Standard Profiles'!$G$21=$B$24,21,0),0)),0)</f>
        <v>9.6368030116926118</v>
      </c>
      <c r="H2807" cm="1">
        <f t="array" ref="H2807">IFERROR(INDEX(Jesper!AL$2:AL$366,ROUNDDOWN($C2807/24,0)+1,1)*INDEX($D$3:$AA$30,INDEX(Jesper!$R$2:$R$366,ROW(INDEX(Jesper!AL$2:AL$366,ROUNDDOWN($C2807/24,0)+1,1))-1)+IF('Standard Profiles'!$G$22=$B$10,7,0)+IF('Standard Profiles'!$G$22=$B$17,14,0)+IF('Standard Profiles'!$G$22=$B$24,21,0),MOD($C2807,24)+1)/SUM(INDEX($D$3:$AA$30,INDEX(Jesper!$R$2:$R$366,ROW(INDEX(Jesper!AL$2:AL$366,ROUNDDOWN($C2807/24,0)+1,1))-1)+IF('Standard Profiles'!$G$22=$B$10,7,0)+IF('Standard Profiles'!$G$22=$B$17,14,0)+IF('Standard Profiles'!$G$22=$B$24,21,0),0)),0)</f>
        <v>0</v>
      </c>
      <c r="I2807">
        <f t="shared" si="321"/>
        <v>4.6256654456124515</v>
      </c>
      <c r="J2807">
        <f t="shared" si="322"/>
        <v>45.136720146381968</v>
      </c>
      <c r="K2807">
        <f t="shared" si="323"/>
        <v>2.4958122681917199</v>
      </c>
      <c r="L2807">
        <f t="shared" si="324"/>
        <v>1.2479061340958599</v>
      </c>
      <c r="M2807">
        <f t="shared" si="325"/>
        <v>0</v>
      </c>
      <c r="N2807" s="45">
        <f t="shared" si="326"/>
        <v>45042.541666659941</v>
      </c>
    </row>
    <row r="2808" spans="2:14" x14ac:dyDescent="0.25">
      <c r="B2808">
        <f t="shared" si="320"/>
        <v>3</v>
      </c>
      <c r="C2808" s="16">
        <v>2774</v>
      </c>
      <c r="D2808" cm="1">
        <f t="array" ref="D2808">IFERROR(INDEX(Jesper!AH$2:AH$366,ROUNDDOWN($C2808/24,0)+1,1)*INDEX($D$3:$AA$30,INDEX(Jesper!$R$2:$R$366,ROW(INDEX(Jesper!AH$2:AH$366,ROUNDDOWN($C2808/24,0)+1,1))-1)+IF('Standard Profiles'!$G$18=$B$10,7,0)+IF('Standard Profiles'!$G$18=$B$17,14,0)+IF('Standard Profiles'!$G$18=$B$24,21,0),MOD($C2808,24)+1)/SUM(INDEX($D$3:$AA$30,INDEX(Jesper!$R$2:$R$366,ROW(INDEX(Jesper!AH$2:AH$366,ROUNDDOWN($C2808/24,0)+1,1))-1)+IF('Standard Profiles'!$G$18=$B$10,7,0)+IF('Standard Profiles'!$G$18=$B$17,14,0)+IF('Standard Profiles'!$G$18=$B$24,21,0),0)),0)</f>
        <v>35.223157010770237</v>
      </c>
      <c r="E2808" cm="1">
        <f t="array" ref="E2808">IFERROR(INDEX(Jesper!AI$2:AI$366,ROUNDDOWN($C2808/24,0)+1,1)*INDEX($D$3:$AA$30,INDEX(Jesper!$R$2:$R$366,ROW(INDEX(Jesper!AI$2:AI$366,ROUNDDOWN($C2808/24,0)+1,1))-1)+IF('Standard Profiles'!$G$19=$B$10,7,0)+IF('Standard Profiles'!$G$19=$B$17,14,0)+IF('Standard Profiles'!$G$19=$B$24,21,0),MOD($C2808,24)+1)/SUM(INDEX($D$3:$AA$30,INDEX(Jesper!$R$2:$R$366,ROW(INDEX(Jesper!AI$2:AI$366,ROUNDDOWN($C2808/24,0)+1,1))-1)+IF('Standard Profiles'!$G$19=$B$10,7,0)+IF('Standard Profiles'!$G$19=$B$17,14,0)+IF('Standard Profiles'!$G$19=$B$24,21,0),0)),0)</f>
        <v>30.81665092000949</v>
      </c>
      <c r="F2808" cm="1">
        <f t="array" ref="F2808">IFERROR(INDEX(Jesper!AJ$2:AJ$366,ROUNDDOWN($C2808/24,0)+1,1)*INDEX($D$3:$AA$30,INDEX(Jesper!$R$2:$R$366,ROW(INDEX(Jesper!AJ$2:AJ$366,ROUNDDOWN($C2808/24,0)+1,1))-1)+IF('Standard Profiles'!$G$20=$B$10,7,0)+IF('Standard Profiles'!$G$20=$B$17,14,0)+IF('Standard Profiles'!$G$20=$B$24,21,0),MOD($C2808,24)+1)/SUM(INDEX($D$3:$AA$30,INDEX(Jesper!$R$2:$R$366,ROW(INDEX(Jesper!AJ$2:AJ$366,ROUNDDOWN($C2808/24,0)+1,1))-1)+IF('Standard Profiles'!$G$20=$B$10,7,0)+IF('Standard Profiles'!$G$20=$B$17,14,0)+IF('Standard Profiles'!$G$20=$B$24,21,0),0)),0)</f>
        <v>0</v>
      </c>
      <c r="G2808" cm="1">
        <f t="array" ref="G2808">IFERROR(INDEX(Jesper!AK$2:AK$366,ROUNDDOWN($C2808/24,0)+1,1)*INDEX($D$3:$AA$30,INDEX(Jesper!$R$2:$R$366,ROW(INDEX(Jesper!AK$2:AK$366,ROUNDDOWN($C2808/24,0)+1,1))-1)+IF('Standard Profiles'!$G$21=$B$10,7,0)+IF('Standard Profiles'!$G$21=$B$17,14,0)+IF('Standard Profiles'!$G$21=$B$24,21,0),MOD($C2808,24)+1)/SUM(INDEX($D$3:$AA$30,INDEX(Jesper!$R$2:$R$366,ROW(INDEX(Jesper!AK$2:AK$366,ROUNDDOWN($C2808/24,0)+1,1))-1)+IF('Standard Profiles'!$G$21=$B$10,7,0)+IF('Standard Profiles'!$G$21=$B$17,14,0)+IF('Standard Profiles'!$G$21=$B$24,21,0),0)),0)</f>
        <v>14.507015286418985</v>
      </c>
      <c r="H2808" cm="1">
        <f t="array" ref="H2808">IFERROR(INDEX(Jesper!AL$2:AL$366,ROUNDDOWN($C2808/24,0)+1,1)*INDEX($D$3:$AA$30,INDEX(Jesper!$R$2:$R$366,ROW(INDEX(Jesper!AL$2:AL$366,ROUNDDOWN($C2808/24,0)+1,1))-1)+IF('Standard Profiles'!$G$22=$B$10,7,0)+IF('Standard Profiles'!$G$22=$B$17,14,0)+IF('Standard Profiles'!$G$22=$B$24,21,0),MOD($C2808,24)+1)/SUM(INDEX($D$3:$AA$30,INDEX(Jesper!$R$2:$R$366,ROW(INDEX(Jesper!AL$2:AL$366,ROUNDDOWN($C2808/24,0)+1,1))-1)+IF('Standard Profiles'!$G$22=$B$10,7,0)+IF('Standard Profiles'!$G$22=$B$17,14,0)+IF('Standard Profiles'!$G$22=$B$24,21,0),0)),0)</f>
        <v>0</v>
      </c>
      <c r="I2808">
        <f t="shared" si="321"/>
        <v>6.9633673374811096</v>
      </c>
      <c r="J2808">
        <f t="shared" si="322"/>
        <v>67.94775075799437</v>
      </c>
      <c r="K2808">
        <f t="shared" si="323"/>
        <v>3.7571367478154922</v>
      </c>
      <c r="L2808">
        <f t="shared" si="324"/>
        <v>1.8785683739077461</v>
      </c>
      <c r="M2808">
        <f t="shared" si="325"/>
        <v>0</v>
      </c>
      <c r="N2808" s="45">
        <f t="shared" si="326"/>
        <v>45042.583333326605</v>
      </c>
    </row>
    <row r="2809" spans="2:14" x14ac:dyDescent="0.25">
      <c r="B2809">
        <f t="shared" si="320"/>
        <v>3</v>
      </c>
      <c r="C2809" s="16">
        <v>2775</v>
      </c>
      <c r="D2809" cm="1">
        <f t="array" ref="D2809">IFERROR(INDEX(Jesper!AH$2:AH$366,ROUNDDOWN($C2809/24,0)+1,1)*INDEX($D$3:$AA$30,INDEX(Jesper!$R$2:$R$366,ROW(INDEX(Jesper!AH$2:AH$366,ROUNDDOWN($C2809/24,0)+1,1))-1)+IF('Standard Profiles'!$G$18=$B$10,7,0)+IF('Standard Profiles'!$G$18=$B$17,14,0)+IF('Standard Profiles'!$G$18=$B$24,21,0),MOD($C2809,24)+1)/SUM(INDEX($D$3:$AA$30,INDEX(Jesper!$R$2:$R$366,ROW(INDEX(Jesper!AH$2:AH$366,ROUNDDOWN($C2809/24,0)+1,1))-1)+IF('Standard Profiles'!$G$18=$B$10,7,0)+IF('Standard Profiles'!$G$18=$B$17,14,0)+IF('Standard Profiles'!$G$18=$B$24,21,0),0)),0)</f>
        <v>35.223157010770237</v>
      </c>
      <c r="E2809" cm="1">
        <f t="array" ref="E2809">IFERROR(INDEX(Jesper!AI$2:AI$366,ROUNDDOWN($C2809/24,0)+1,1)*INDEX($D$3:$AA$30,INDEX(Jesper!$R$2:$R$366,ROW(INDEX(Jesper!AI$2:AI$366,ROUNDDOWN($C2809/24,0)+1,1))-1)+IF('Standard Profiles'!$G$19=$B$10,7,0)+IF('Standard Profiles'!$G$19=$B$17,14,0)+IF('Standard Profiles'!$G$19=$B$24,21,0),MOD($C2809,24)+1)/SUM(INDEX($D$3:$AA$30,INDEX(Jesper!$R$2:$R$366,ROW(INDEX(Jesper!AI$2:AI$366,ROUNDDOWN($C2809/24,0)+1,1))-1)+IF('Standard Profiles'!$G$19=$B$10,7,0)+IF('Standard Profiles'!$G$19=$B$17,14,0)+IF('Standard Profiles'!$G$19=$B$24,21,0),0)),0)</f>
        <v>30.81665092000949</v>
      </c>
      <c r="F2809" cm="1">
        <f t="array" ref="F2809">IFERROR(INDEX(Jesper!AJ$2:AJ$366,ROUNDDOWN($C2809/24,0)+1,1)*INDEX($D$3:$AA$30,INDEX(Jesper!$R$2:$R$366,ROW(INDEX(Jesper!AJ$2:AJ$366,ROUNDDOWN($C2809/24,0)+1,1))-1)+IF('Standard Profiles'!$G$20=$B$10,7,0)+IF('Standard Profiles'!$G$20=$B$17,14,0)+IF('Standard Profiles'!$G$20=$B$24,21,0),MOD($C2809,24)+1)/SUM(INDEX($D$3:$AA$30,INDEX(Jesper!$R$2:$R$366,ROW(INDEX(Jesper!AJ$2:AJ$366,ROUNDDOWN($C2809/24,0)+1,1))-1)+IF('Standard Profiles'!$G$20=$B$10,7,0)+IF('Standard Profiles'!$G$20=$B$17,14,0)+IF('Standard Profiles'!$G$20=$B$24,21,0),0)),0)</f>
        <v>0</v>
      </c>
      <c r="G2809" cm="1">
        <f t="array" ref="G2809">IFERROR(INDEX(Jesper!AK$2:AK$366,ROUNDDOWN($C2809/24,0)+1,1)*INDEX($D$3:$AA$30,INDEX(Jesper!$R$2:$R$366,ROW(INDEX(Jesper!AK$2:AK$366,ROUNDDOWN($C2809/24,0)+1,1))-1)+IF('Standard Profiles'!$G$21=$B$10,7,0)+IF('Standard Profiles'!$G$21=$B$17,14,0)+IF('Standard Profiles'!$G$21=$B$24,21,0),MOD($C2809,24)+1)/SUM(INDEX($D$3:$AA$30,INDEX(Jesper!$R$2:$R$366,ROW(INDEX(Jesper!AK$2:AK$366,ROUNDDOWN($C2809/24,0)+1,1))-1)+IF('Standard Profiles'!$G$21=$B$10,7,0)+IF('Standard Profiles'!$G$21=$B$17,14,0)+IF('Standard Profiles'!$G$21=$B$24,21,0),0)),0)</f>
        <v>14.507015286418985</v>
      </c>
      <c r="H2809" cm="1">
        <f t="array" ref="H2809">IFERROR(INDEX(Jesper!AL$2:AL$366,ROUNDDOWN($C2809/24,0)+1,1)*INDEX($D$3:$AA$30,INDEX(Jesper!$R$2:$R$366,ROW(INDEX(Jesper!AL$2:AL$366,ROUNDDOWN($C2809/24,0)+1,1))-1)+IF('Standard Profiles'!$G$22=$B$10,7,0)+IF('Standard Profiles'!$G$22=$B$17,14,0)+IF('Standard Profiles'!$G$22=$B$24,21,0),MOD($C2809,24)+1)/SUM(INDEX($D$3:$AA$30,INDEX(Jesper!$R$2:$R$366,ROW(INDEX(Jesper!AL$2:AL$366,ROUNDDOWN($C2809/24,0)+1,1))-1)+IF('Standard Profiles'!$G$22=$B$10,7,0)+IF('Standard Profiles'!$G$22=$B$17,14,0)+IF('Standard Profiles'!$G$22=$B$24,21,0),0)),0)</f>
        <v>0</v>
      </c>
      <c r="I2809">
        <f t="shared" si="321"/>
        <v>6.9633673374811096</v>
      </c>
      <c r="J2809">
        <f t="shared" si="322"/>
        <v>67.94775075799437</v>
      </c>
      <c r="K2809">
        <f t="shared" si="323"/>
        <v>3.7571367478154922</v>
      </c>
      <c r="L2809">
        <f t="shared" si="324"/>
        <v>1.8785683739077461</v>
      </c>
      <c r="M2809">
        <f t="shared" si="325"/>
        <v>0</v>
      </c>
      <c r="N2809" s="45">
        <f t="shared" si="326"/>
        <v>45042.62499999327</v>
      </c>
    </row>
    <row r="2810" spans="2:14" x14ac:dyDescent="0.25">
      <c r="B2810">
        <f t="shared" si="320"/>
        <v>3</v>
      </c>
      <c r="C2810" s="16">
        <v>2776</v>
      </c>
      <c r="D2810" cm="1">
        <f t="array" ref="D2810">IFERROR(INDEX(Jesper!AH$2:AH$366,ROUNDDOWN($C2810/24,0)+1,1)*INDEX($D$3:$AA$30,INDEX(Jesper!$R$2:$R$366,ROW(INDEX(Jesper!AH$2:AH$366,ROUNDDOWN($C2810/24,0)+1,1))-1)+IF('Standard Profiles'!$G$18=$B$10,7,0)+IF('Standard Profiles'!$G$18=$B$17,14,0)+IF('Standard Profiles'!$G$18=$B$24,21,0),MOD($C2810,24)+1)/SUM(INDEX($D$3:$AA$30,INDEX(Jesper!$R$2:$R$366,ROW(INDEX(Jesper!AH$2:AH$366,ROUNDDOWN($C2810/24,0)+1,1))-1)+IF('Standard Profiles'!$G$18=$B$10,7,0)+IF('Standard Profiles'!$G$18=$B$17,14,0)+IF('Standard Profiles'!$G$18=$B$24,21,0),0)),0)</f>
        <v>20.756503238489607</v>
      </c>
      <c r="E2810" cm="1">
        <f t="array" ref="E2810">IFERROR(INDEX(Jesper!AI$2:AI$366,ROUNDDOWN($C2810/24,0)+1,1)*INDEX($D$3:$AA$30,INDEX(Jesper!$R$2:$R$366,ROW(INDEX(Jesper!AI$2:AI$366,ROUNDDOWN($C2810/24,0)+1,1))-1)+IF('Standard Profiles'!$G$19=$B$10,7,0)+IF('Standard Profiles'!$G$19=$B$17,14,0)+IF('Standard Profiles'!$G$19=$B$24,21,0),MOD($C2810,24)+1)/SUM(INDEX($D$3:$AA$30,INDEX(Jesper!$R$2:$R$366,ROW(INDEX(Jesper!AI$2:AI$366,ROUNDDOWN($C2810/24,0)+1,1))-1)+IF('Standard Profiles'!$G$19=$B$10,7,0)+IF('Standard Profiles'!$G$19=$B$17,14,0)+IF('Standard Profiles'!$G$19=$B$24,21,0),0)),0)</f>
        <v>18.159812149291309</v>
      </c>
      <c r="F2810" cm="1">
        <f t="array" ref="F2810">IFERROR(INDEX(Jesper!AJ$2:AJ$366,ROUNDDOWN($C2810/24,0)+1,1)*INDEX($D$3:$AA$30,INDEX(Jesper!$R$2:$R$366,ROW(INDEX(Jesper!AJ$2:AJ$366,ROUNDDOWN($C2810/24,0)+1,1))-1)+IF('Standard Profiles'!$G$20=$B$10,7,0)+IF('Standard Profiles'!$G$20=$B$17,14,0)+IF('Standard Profiles'!$G$20=$B$24,21,0),MOD($C2810,24)+1)/SUM(INDEX($D$3:$AA$30,INDEX(Jesper!$R$2:$R$366,ROW(INDEX(Jesper!AJ$2:AJ$366,ROUNDDOWN($C2810/24,0)+1,1))-1)+IF('Standard Profiles'!$G$20=$B$10,7,0)+IF('Standard Profiles'!$G$20=$B$17,14,0)+IF('Standard Profiles'!$G$20=$B$24,21,0),0)),0)</f>
        <v>0</v>
      </c>
      <c r="G2810" cm="1">
        <f t="array" ref="G2810">IFERROR(INDEX(Jesper!AK$2:AK$366,ROUNDDOWN($C2810/24,0)+1,1)*INDEX($D$3:$AA$30,INDEX(Jesper!$R$2:$R$366,ROW(INDEX(Jesper!AK$2:AK$366,ROUNDDOWN($C2810/24,0)+1,1))-1)+IF('Standard Profiles'!$G$21=$B$10,7,0)+IF('Standard Profiles'!$G$21=$B$17,14,0)+IF('Standard Profiles'!$G$21=$B$24,21,0),MOD($C2810,24)+1)/SUM(INDEX($D$3:$AA$30,INDEX(Jesper!$R$2:$R$366,ROW(INDEX(Jesper!AK$2:AK$366,ROUNDDOWN($C2810/24,0)+1,1))-1)+IF('Standard Profiles'!$G$21=$B$10,7,0)+IF('Standard Profiles'!$G$21=$B$17,14,0)+IF('Standard Profiles'!$G$21=$B$24,21,0),0)),0)</f>
        <v>12.121933339698625</v>
      </c>
      <c r="H2810" cm="1">
        <f t="array" ref="H2810">IFERROR(INDEX(Jesper!AL$2:AL$366,ROUNDDOWN($C2810/24,0)+1,1)*INDEX($D$3:$AA$30,INDEX(Jesper!$R$2:$R$366,ROW(INDEX(Jesper!AL$2:AL$366,ROUNDDOWN($C2810/24,0)+1,1))-1)+IF('Standard Profiles'!$G$22=$B$10,7,0)+IF('Standard Profiles'!$G$22=$B$17,14,0)+IF('Standard Profiles'!$G$22=$B$24,21,0),MOD($C2810,24)+1)/SUM(INDEX($D$3:$AA$30,INDEX(Jesper!$R$2:$R$366,ROW(INDEX(Jesper!AL$2:AL$366,ROUNDDOWN($C2810/24,0)+1,1))-1)+IF('Standard Profiles'!$G$22=$B$10,7,0)+IF('Standard Profiles'!$G$22=$B$17,14,0)+IF('Standard Profiles'!$G$22=$B$24,21,0),0)),0)</f>
        <v>0</v>
      </c>
      <c r="I2810">
        <f t="shared" si="321"/>
        <v>5.818528003055337</v>
      </c>
      <c r="J2810">
        <f t="shared" si="322"/>
        <v>41.898680206265865</v>
      </c>
      <c r="K2810">
        <f t="shared" si="323"/>
        <v>2.2140270121055581</v>
      </c>
      <c r="L2810">
        <f t="shared" si="324"/>
        <v>1.107013506052779</v>
      </c>
      <c r="M2810">
        <f t="shared" si="325"/>
        <v>0</v>
      </c>
      <c r="N2810" s="45">
        <f t="shared" si="326"/>
        <v>45042.666666659934</v>
      </c>
    </row>
    <row r="2811" spans="2:14" x14ac:dyDescent="0.25">
      <c r="B2811">
        <f t="shared" si="320"/>
        <v>3</v>
      </c>
      <c r="C2811" s="16">
        <v>2777</v>
      </c>
      <c r="D2811" cm="1">
        <f t="array" ref="D2811">IFERROR(INDEX(Jesper!AH$2:AH$366,ROUNDDOWN($C2811/24,0)+1,1)*INDEX($D$3:$AA$30,INDEX(Jesper!$R$2:$R$366,ROW(INDEX(Jesper!AH$2:AH$366,ROUNDDOWN($C2811/24,0)+1,1))-1)+IF('Standard Profiles'!$G$18=$B$10,7,0)+IF('Standard Profiles'!$G$18=$B$17,14,0)+IF('Standard Profiles'!$G$18=$B$24,21,0),MOD($C2811,24)+1)/SUM(INDEX($D$3:$AA$30,INDEX(Jesper!$R$2:$R$366,ROW(INDEX(Jesper!AH$2:AH$366,ROUNDDOWN($C2811/24,0)+1,1))-1)+IF('Standard Profiles'!$G$18=$B$10,7,0)+IF('Standard Profiles'!$G$18=$B$17,14,0)+IF('Standard Profiles'!$G$18=$B$24,21,0),0)),0)</f>
        <v>8.8589429101534805</v>
      </c>
      <c r="E2811" cm="1">
        <f t="array" ref="E2811">IFERROR(INDEX(Jesper!AI$2:AI$366,ROUNDDOWN($C2811/24,0)+1,1)*INDEX($D$3:$AA$30,INDEX(Jesper!$R$2:$R$366,ROW(INDEX(Jesper!AI$2:AI$366,ROUNDDOWN($C2811/24,0)+1,1))-1)+IF('Standard Profiles'!$G$19=$B$10,7,0)+IF('Standard Profiles'!$G$19=$B$17,14,0)+IF('Standard Profiles'!$G$19=$B$24,21,0),MOD($C2811,24)+1)/SUM(INDEX($D$3:$AA$30,INDEX(Jesper!$R$2:$R$366,ROW(INDEX(Jesper!AI$2:AI$366,ROUNDDOWN($C2811/24,0)+1,1))-1)+IF('Standard Profiles'!$G$19=$B$10,7,0)+IF('Standard Profiles'!$G$19=$B$17,14,0)+IF('Standard Profiles'!$G$19=$B$24,21,0),0)),0)</f>
        <v>7.7506667303846815</v>
      </c>
      <c r="F2811" cm="1">
        <f t="array" ref="F2811">IFERROR(INDEX(Jesper!AJ$2:AJ$366,ROUNDDOWN($C2811/24,0)+1,1)*INDEX($D$3:$AA$30,INDEX(Jesper!$R$2:$R$366,ROW(INDEX(Jesper!AJ$2:AJ$366,ROUNDDOWN($C2811/24,0)+1,1))-1)+IF('Standard Profiles'!$G$20=$B$10,7,0)+IF('Standard Profiles'!$G$20=$B$17,14,0)+IF('Standard Profiles'!$G$20=$B$24,21,0),MOD($C2811,24)+1)/SUM(INDEX($D$3:$AA$30,INDEX(Jesper!$R$2:$R$366,ROW(INDEX(Jesper!AJ$2:AJ$366,ROUNDDOWN($C2811/24,0)+1,1))-1)+IF('Standard Profiles'!$G$20=$B$10,7,0)+IF('Standard Profiles'!$G$20=$B$17,14,0)+IF('Standard Profiles'!$G$20=$B$24,21,0),0)),0)</f>
        <v>0</v>
      </c>
      <c r="G2811" cm="1">
        <f t="array" ref="G2811">IFERROR(INDEX(Jesper!AK$2:AK$366,ROUNDDOWN($C2811/24,0)+1,1)*INDEX($D$3:$AA$30,INDEX(Jesper!$R$2:$R$366,ROW(INDEX(Jesper!AK$2:AK$366,ROUNDDOWN($C2811/24,0)+1,1))-1)+IF('Standard Profiles'!$G$21=$B$10,7,0)+IF('Standard Profiles'!$G$21=$B$17,14,0)+IF('Standard Profiles'!$G$21=$B$24,21,0),MOD($C2811,24)+1)/SUM(INDEX($D$3:$AA$30,INDEX(Jesper!$R$2:$R$366,ROW(INDEX(Jesper!AK$2:AK$366,ROUNDDOWN($C2811/24,0)+1,1))-1)+IF('Standard Profiles'!$G$21=$B$10,7,0)+IF('Standard Profiles'!$G$21=$B$17,14,0)+IF('Standard Profiles'!$G$21=$B$24,21,0),0)),0)</f>
        <v>9.6385895899298575</v>
      </c>
      <c r="H2811" cm="1">
        <f t="array" ref="H2811">IFERROR(INDEX(Jesper!AL$2:AL$366,ROUNDDOWN($C2811/24,0)+1,1)*INDEX($D$3:$AA$30,INDEX(Jesper!$R$2:$R$366,ROW(INDEX(Jesper!AL$2:AL$366,ROUNDDOWN($C2811/24,0)+1,1))-1)+IF('Standard Profiles'!$G$22=$B$10,7,0)+IF('Standard Profiles'!$G$22=$B$17,14,0)+IF('Standard Profiles'!$G$22=$B$24,21,0),MOD($C2811,24)+1)/SUM(INDEX($D$3:$AA$30,INDEX(Jesper!$R$2:$R$366,ROW(INDEX(Jesper!AL$2:AL$366,ROUNDDOWN($C2811/24,0)+1,1))-1)+IF('Standard Profiles'!$G$22=$B$10,7,0)+IF('Standard Profiles'!$G$22=$B$17,14,0)+IF('Standard Profiles'!$G$22=$B$24,21,0),0)),0)</f>
        <v>0</v>
      </c>
      <c r="I2811">
        <f t="shared" si="321"/>
        <v>4.6265230031663291</v>
      </c>
      <c r="J2811">
        <f t="shared" si="322"/>
        <v>20.204245361677131</v>
      </c>
      <c r="K2811">
        <f t="shared" si="323"/>
        <v>0.94495391041637133</v>
      </c>
      <c r="L2811">
        <f t="shared" si="324"/>
        <v>0.47247695520818567</v>
      </c>
      <c r="M2811">
        <f t="shared" si="325"/>
        <v>0</v>
      </c>
      <c r="N2811" s="45">
        <f t="shared" si="326"/>
        <v>45042.708333326598</v>
      </c>
    </row>
    <row r="2812" spans="2:14" x14ac:dyDescent="0.25">
      <c r="B2812">
        <f t="shared" si="320"/>
        <v>3</v>
      </c>
      <c r="C2812" s="16">
        <v>2778</v>
      </c>
      <c r="D2812" cm="1">
        <f t="array" ref="D2812">IFERROR(INDEX(Jesper!AH$2:AH$366,ROUNDDOWN($C2812/24,0)+1,1)*INDEX($D$3:$AA$30,INDEX(Jesper!$R$2:$R$366,ROW(INDEX(Jesper!AH$2:AH$366,ROUNDDOWN($C2812/24,0)+1,1))-1)+IF('Standard Profiles'!$G$18=$B$10,7,0)+IF('Standard Profiles'!$G$18=$B$17,14,0)+IF('Standard Profiles'!$G$18=$B$24,21,0),MOD($C2812,24)+1)/SUM(INDEX($D$3:$AA$30,INDEX(Jesper!$R$2:$R$366,ROW(INDEX(Jesper!AH$2:AH$366,ROUNDDOWN($C2812/24,0)+1,1))-1)+IF('Standard Profiles'!$G$18=$B$10,7,0)+IF('Standard Profiles'!$G$18=$B$17,14,0)+IF('Standard Profiles'!$G$18=$B$24,21,0),0)),0)</f>
        <v>5.8469023207012967</v>
      </c>
      <c r="E2812" cm="1">
        <f t="array" ref="E2812">IFERROR(INDEX(Jesper!AI$2:AI$366,ROUNDDOWN($C2812/24,0)+1,1)*INDEX($D$3:$AA$30,INDEX(Jesper!$R$2:$R$366,ROW(INDEX(Jesper!AI$2:AI$366,ROUNDDOWN($C2812/24,0)+1,1))-1)+IF('Standard Profiles'!$G$19=$B$10,7,0)+IF('Standard Profiles'!$G$19=$B$17,14,0)+IF('Standard Profiles'!$G$19=$B$24,21,0),MOD($C2812,24)+1)/SUM(INDEX($D$3:$AA$30,INDEX(Jesper!$R$2:$R$366,ROW(INDEX(Jesper!AI$2:AI$366,ROUNDDOWN($C2812/24,0)+1,1))-1)+IF('Standard Profiles'!$G$19=$B$10,7,0)+IF('Standard Profiles'!$G$19=$B$17,14,0)+IF('Standard Profiles'!$G$19=$B$24,21,0),0)),0)</f>
        <v>5.1154400420538897</v>
      </c>
      <c r="F2812" cm="1">
        <f t="array" ref="F2812">IFERROR(INDEX(Jesper!AJ$2:AJ$366,ROUNDDOWN($C2812/24,0)+1,1)*INDEX($D$3:$AA$30,INDEX(Jesper!$R$2:$R$366,ROW(INDEX(Jesper!AJ$2:AJ$366,ROUNDDOWN($C2812/24,0)+1,1))-1)+IF('Standard Profiles'!$G$20=$B$10,7,0)+IF('Standard Profiles'!$G$20=$B$17,14,0)+IF('Standard Profiles'!$G$20=$B$24,21,0),MOD($C2812,24)+1)/SUM(INDEX($D$3:$AA$30,INDEX(Jesper!$R$2:$R$366,ROW(INDEX(Jesper!AJ$2:AJ$366,ROUNDDOWN($C2812/24,0)+1,1))-1)+IF('Standard Profiles'!$G$20=$B$10,7,0)+IF('Standard Profiles'!$G$20=$B$17,14,0)+IF('Standard Profiles'!$G$20=$B$24,21,0),0)),0)</f>
        <v>0</v>
      </c>
      <c r="G2812" cm="1">
        <f t="array" ref="G2812">IFERROR(INDEX(Jesper!AK$2:AK$366,ROUNDDOWN($C2812/24,0)+1,1)*INDEX($D$3:$AA$30,INDEX(Jesper!$R$2:$R$366,ROW(INDEX(Jesper!AK$2:AK$366,ROUNDDOWN($C2812/24,0)+1,1))-1)+IF('Standard Profiles'!$G$21=$B$10,7,0)+IF('Standard Profiles'!$G$21=$B$17,14,0)+IF('Standard Profiles'!$G$21=$B$24,21,0),MOD($C2812,24)+1)/SUM(INDEX($D$3:$AA$30,INDEX(Jesper!$R$2:$R$366,ROW(INDEX(Jesper!AK$2:AK$366,ROUNDDOWN($C2812/24,0)+1,1))-1)+IF('Standard Profiles'!$G$21=$B$10,7,0)+IF('Standard Profiles'!$G$21=$B$17,14,0)+IF('Standard Profiles'!$G$21=$B$24,21,0),0)),0)</f>
        <v>3.5731564744874351</v>
      </c>
      <c r="H2812" cm="1">
        <f t="array" ref="H2812">IFERROR(INDEX(Jesper!AL$2:AL$366,ROUNDDOWN($C2812/24,0)+1,1)*INDEX($D$3:$AA$30,INDEX(Jesper!$R$2:$R$366,ROW(INDEX(Jesper!AL$2:AL$366,ROUNDDOWN($C2812/24,0)+1,1))-1)+IF('Standard Profiles'!$G$22=$B$10,7,0)+IF('Standard Profiles'!$G$22=$B$17,14,0)+IF('Standard Profiles'!$G$22=$B$24,21,0),MOD($C2812,24)+1)/SUM(INDEX($D$3:$AA$30,INDEX(Jesper!$R$2:$R$366,ROW(INDEX(Jesper!AL$2:AL$366,ROUNDDOWN($C2812/24,0)+1,1))-1)+IF('Standard Profiles'!$G$22=$B$10,7,0)+IF('Standard Profiles'!$G$22=$B$17,14,0)+IF('Standard Profiles'!$G$22=$B$24,21,0),0)),0)</f>
        <v>0</v>
      </c>
      <c r="I2812">
        <f t="shared" si="321"/>
        <v>1.7151151077539679</v>
      </c>
      <c r="J2812">
        <f t="shared" si="322"/>
        <v>11.884879358176445</v>
      </c>
      <c r="K2812">
        <f t="shared" si="323"/>
        <v>0.62366958087480506</v>
      </c>
      <c r="L2812">
        <f t="shared" si="324"/>
        <v>0.31183479043740253</v>
      </c>
      <c r="M2812">
        <f t="shared" si="325"/>
        <v>0</v>
      </c>
      <c r="N2812" s="45">
        <f t="shared" si="326"/>
        <v>45042.749999993262</v>
      </c>
    </row>
    <row r="2813" spans="2:14" x14ac:dyDescent="0.25">
      <c r="B2813">
        <f t="shared" si="320"/>
        <v>3</v>
      </c>
      <c r="C2813" s="16">
        <v>2779</v>
      </c>
      <c r="D2813" cm="1">
        <f t="array" ref="D2813">IFERROR(INDEX(Jesper!AH$2:AH$366,ROUNDDOWN($C2813/24,0)+1,1)*INDEX($D$3:$AA$30,INDEX(Jesper!$R$2:$R$366,ROW(INDEX(Jesper!AH$2:AH$366,ROUNDDOWN($C2813/24,0)+1,1))-1)+IF('Standard Profiles'!$G$18=$B$10,7,0)+IF('Standard Profiles'!$G$18=$B$17,14,0)+IF('Standard Profiles'!$G$18=$B$24,21,0),MOD($C2813,24)+1)/SUM(INDEX($D$3:$AA$30,INDEX(Jesper!$R$2:$R$366,ROW(INDEX(Jesper!AH$2:AH$366,ROUNDDOWN($C2813/24,0)+1,1))-1)+IF('Standard Profiles'!$G$18=$B$10,7,0)+IF('Standard Profiles'!$G$18=$B$17,14,0)+IF('Standard Profiles'!$G$18=$B$24,21,0),0)),0)</f>
        <v>5.8469023207012967</v>
      </c>
      <c r="E2813" cm="1">
        <f t="array" ref="E2813">IFERROR(INDEX(Jesper!AI$2:AI$366,ROUNDDOWN($C2813/24,0)+1,1)*INDEX($D$3:$AA$30,INDEX(Jesper!$R$2:$R$366,ROW(INDEX(Jesper!AI$2:AI$366,ROUNDDOWN($C2813/24,0)+1,1))-1)+IF('Standard Profiles'!$G$19=$B$10,7,0)+IF('Standard Profiles'!$G$19=$B$17,14,0)+IF('Standard Profiles'!$G$19=$B$24,21,0),MOD($C2813,24)+1)/SUM(INDEX($D$3:$AA$30,INDEX(Jesper!$R$2:$R$366,ROW(INDEX(Jesper!AI$2:AI$366,ROUNDDOWN($C2813/24,0)+1,1))-1)+IF('Standard Profiles'!$G$19=$B$10,7,0)+IF('Standard Profiles'!$G$19=$B$17,14,0)+IF('Standard Profiles'!$G$19=$B$24,21,0),0)),0)</f>
        <v>5.1154400420538897</v>
      </c>
      <c r="F2813" cm="1">
        <f t="array" ref="F2813">IFERROR(INDEX(Jesper!AJ$2:AJ$366,ROUNDDOWN($C2813/24,0)+1,1)*INDEX($D$3:$AA$30,INDEX(Jesper!$R$2:$R$366,ROW(INDEX(Jesper!AJ$2:AJ$366,ROUNDDOWN($C2813/24,0)+1,1))-1)+IF('Standard Profiles'!$G$20=$B$10,7,0)+IF('Standard Profiles'!$G$20=$B$17,14,0)+IF('Standard Profiles'!$G$20=$B$24,21,0),MOD($C2813,24)+1)/SUM(INDEX($D$3:$AA$30,INDEX(Jesper!$R$2:$R$366,ROW(INDEX(Jesper!AJ$2:AJ$366,ROUNDDOWN($C2813/24,0)+1,1))-1)+IF('Standard Profiles'!$G$20=$B$10,7,0)+IF('Standard Profiles'!$G$20=$B$17,14,0)+IF('Standard Profiles'!$G$20=$B$24,21,0),0)),0)</f>
        <v>0</v>
      </c>
      <c r="G2813" cm="1">
        <f t="array" ref="G2813">IFERROR(INDEX(Jesper!AK$2:AK$366,ROUNDDOWN($C2813/24,0)+1,1)*INDEX($D$3:$AA$30,INDEX(Jesper!$R$2:$R$366,ROW(INDEX(Jesper!AK$2:AK$366,ROUNDDOWN($C2813/24,0)+1,1))-1)+IF('Standard Profiles'!$G$21=$B$10,7,0)+IF('Standard Profiles'!$G$21=$B$17,14,0)+IF('Standard Profiles'!$G$21=$B$24,21,0),MOD($C2813,24)+1)/SUM(INDEX($D$3:$AA$30,INDEX(Jesper!$R$2:$R$366,ROW(INDEX(Jesper!AK$2:AK$366,ROUNDDOWN($C2813/24,0)+1,1))-1)+IF('Standard Profiles'!$G$21=$B$10,7,0)+IF('Standard Profiles'!$G$21=$B$17,14,0)+IF('Standard Profiles'!$G$21=$B$24,21,0),0)),0)</f>
        <v>3.5731564744874351</v>
      </c>
      <c r="H2813" cm="1">
        <f t="array" ref="H2813">IFERROR(INDEX(Jesper!AL$2:AL$366,ROUNDDOWN($C2813/24,0)+1,1)*INDEX($D$3:$AA$30,INDEX(Jesper!$R$2:$R$366,ROW(INDEX(Jesper!AL$2:AL$366,ROUNDDOWN($C2813/24,0)+1,1))-1)+IF('Standard Profiles'!$G$22=$B$10,7,0)+IF('Standard Profiles'!$G$22=$B$17,14,0)+IF('Standard Profiles'!$G$22=$B$24,21,0),MOD($C2813,24)+1)/SUM(INDEX($D$3:$AA$30,INDEX(Jesper!$R$2:$R$366,ROW(INDEX(Jesper!AL$2:AL$366,ROUNDDOWN($C2813/24,0)+1,1))-1)+IF('Standard Profiles'!$G$22=$B$10,7,0)+IF('Standard Profiles'!$G$22=$B$17,14,0)+IF('Standard Profiles'!$G$22=$B$24,21,0),0)),0)</f>
        <v>0</v>
      </c>
      <c r="I2813">
        <f t="shared" si="321"/>
        <v>1.7151151077539679</v>
      </c>
      <c r="J2813">
        <f t="shared" si="322"/>
        <v>11.884879358176445</v>
      </c>
      <c r="K2813">
        <f t="shared" si="323"/>
        <v>0.62366958087480506</v>
      </c>
      <c r="L2813">
        <f t="shared" si="324"/>
        <v>0.31183479043740253</v>
      </c>
      <c r="M2813">
        <f t="shared" si="325"/>
        <v>0</v>
      </c>
      <c r="N2813" s="45">
        <f t="shared" si="326"/>
        <v>45042.791666659927</v>
      </c>
    </row>
    <row r="2814" spans="2:14" x14ac:dyDescent="0.25">
      <c r="B2814">
        <f t="shared" si="320"/>
        <v>3</v>
      </c>
      <c r="C2814" s="16">
        <v>2780</v>
      </c>
      <c r="D2814" cm="1">
        <f t="array" ref="D2814">IFERROR(INDEX(Jesper!AH$2:AH$366,ROUNDDOWN($C2814/24,0)+1,1)*INDEX($D$3:$AA$30,INDEX(Jesper!$R$2:$R$366,ROW(INDEX(Jesper!AH$2:AH$366,ROUNDDOWN($C2814/24,0)+1,1))-1)+IF('Standard Profiles'!$G$18=$B$10,7,0)+IF('Standard Profiles'!$G$18=$B$17,14,0)+IF('Standard Profiles'!$G$18=$B$24,21,0),MOD($C2814,24)+1)/SUM(INDEX($D$3:$AA$30,INDEX(Jesper!$R$2:$R$366,ROW(INDEX(Jesper!AH$2:AH$366,ROUNDDOWN($C2814/24,0)+1,1))-1)+IF('Standard Profiles'!$G$18=$B$10,7,0)+IF('Standard Profiles'!$G$18=$B$17,14,0)+IF('Standard Profiles'!$G$18=$B$24,21,0),0)),0)</f>
        <v>5.8469023207012967</v>
      </c>
      <c r="E2814" cm="1">
        <f t="array" ref="E2814">IFERROR(INDEX(Jesper!AI$2:AI$366,ROUNDDOWN($C2814/24,0)+1,1)*INDEX($D$3:$AA$30,INDEX(Jesper!$R$2:$R$366,ROW(INDEX(Jesper!AI$2:AI$366,ROUNDDOWN($C2814/24,0)+1,1))-1)+IF('Standard Profiles'!$G$19=$B$10,7,0)+IF('Standard Profiles'!$G$19=$B$17,14,0)+IF('Standard Profiles'!$G$19=$B$24,21,0),MOD($C2814,24)+1)/SUM(INDEX($D$3:$AA$30,INDEX(Jesper!$R$2:$R$366,ROW(INDEX(Jesper!AI$2:AI$366,ROUNDDOWN($C2814/24,0)+1,1))-1)+IF('Standard Profiles'!$G$19=$B$10,7,0)+IF('Standard Profiles'!$G$19=$B$17,14,0)+IF('Standard Profiles'!$G$19=$B$24,21,0),0)),0)</f>
        <v>5.1154400420538897</v>
      </c>
      <c r="F2814" cm="1">
        <f t="array" ref="F2814">IFERROR(INDEX(Jesper!AJ$2:AJ$366,ROUNDDOWN($C2814/24,0)+1,1)*INDEX($D$3:$AA$30,INDEX(Jesper!$R$2:$R$366,ROW(INDEX(Jesper!AJ$2:AJ$366,ROUNDDOWN($C2814/24,0)+1,1))-1)+IF('Standard Profiles'!$G$20=$B$10,7,0)+IF('Standard Profiles'!$G$20=$B$17,14,0)+IF('Standard Profiles'!$G$20=$B$24,21,0),MOD($C2814,24)+1)/SUM(INDEX($D$3:$AA$30,INDEX(Jesper!$R$2:$R$366,ROW(INDEX(Jesper!AJ$2:AJ$366,ROUNDDOWN($C2814/24,0)+1,1))-1)+IF('Standard Profiles'!$G$20=$B$10,7,0)+IF('Standard Profiles'!$G$20=$B$17,14,0)+IF('Standard Profiles'!$G$20=$B$24,21,0),0)),0)</f>
        <v>0</v>
      </c>
      <c r="G2814" cm="1">
        <f t="array" ref="G2814">IFERROR(INDEX(Jesper!AK$2:AK$366,ROUNDDOWN($C2814/24,0)+1,1)*INDEX($D$3:$AA$30,INDEX(Jesper!$R$2:$R$366,ROW(INDEX(Jesper!AK$2:AK$366,ROUNDDOWN($C2814/24,0)+1,1))-1)+IF('Standard Profiles'!$G$21=$B$10,7,0)+IF('Standard Profiles'!$G$21=$B$17,14,0)+IF('Standard Profiles'!$G$21=$B$24,21,0),MOD($C2814,24)+1)/SUM(INDEX($D$3:$AA$30,INDEX(Jesper!$R$2:$R$366,ROW(INDEX(Jesper!AK$2:AK$366,ROUNDDOWN($C2814/24,0)+1,1))-1)+IF('Standard Profiles'!$G$21=$B$10,7,0)+IF('Standard Profiles'!$G$21=$B$17,14,0)+IF('Standard Profiles'!$G$21=$B$24,21,0),0)),0)</f>
        <v>3.5731564744874351</v>
      </c>
      <c r="H2814" cm="1">
        <f t="array" ref="H2814">IFERROR(INDEX(Jesper!AL$2:AL$366,ROUNDDOWN($C2814/24,0)+1,1)*INDEX($D$3:$AA$30,INDEX(Jesper!$R$2:$R$366,ROW(INDEX(Jesper!AL$2:AL$366,ROUNDDOWN($C2814/24,0)+1,1))-1)+IF('Standard Profiles'!$G$22=$B$10,7,0)+IF('Standard Profiles'!$G$22=$B$17,14,0)+IF('Standard Profiles'!$G$22=$B$24,21,0),MOD($C2814,24)+1)/SUM(INDEX($D$3:$AA$30,INDEX(Jesper!$R$2:$R$366,ROW(INDEX(Jesper!AL$2:AL$366,ROUNDDOWN($C2814/24,0)+1,1))-1)+IF('Standard Profiles'!$G$22=$B$10,7,0)+IF('Standard Profiles'!$G$22=$B$17,14,0)+IF('Standard Profiles'!$G$22=$B$24,21,0),0)),0)</f>
        <v>0</v>
      </c>
      <c r="I2814">
        <f t="shared" si="321"/>
        <v>1.7151151077539679</v>
      </c>
      <c r="J2814">
        <f t="shared" si="322"/>
        <v>11.884879358176445</v>
      </c>
      <c r="K2814">
        <f t="shared" si="323"/>
        <v>0.62366958087480506</v>
      </c>
      <c r="L2814">
        <f t="shared" si="324"/>
        <v>0.31183479043740253</v>
      </c>
      <c r="M2814">
        <f t="shared" si="325"/>
        <v>0</v>
      </c>
      <c r="N2814" s="45">
        <f t="shared" si="326"/>
        <v>45042.833333326591</v>
      </c>
    </row>
    <row r="2815" spans="2:14" x14ac:dyDescent="0.25">
      <c r="B2815">
        <f t="shared" si="320"/>
        <v>3</v>
      </c>
      <c r="C2815" s="16">
        <v>2781</v>
      </c>
      <c r="D2815" cm="1">
        <f t="array" ref="D2815">IFERROR(INDEX(Jesper!AH$2:AH$366,ROUNDDOWN($C2815/24,0)+1,1)*INDEX($D$3:$AA$30,INDEX(Jesper!$R$2:$R$366,ROW(INDEX(Jesper!AH$2:AH$366,ROUNDDOWN($C2815/24,0)+1,1))-1)+IF('Standard Profiles'!$G$18=$B$10,7,0)+IF('Standard Profiles'!$G$18=$B$17,14,0)+IF('Standard Profiles'!$G$18=$B$24,21,0),MOD($C2815,24)+1)/SUM(INDEX($D$3:$AA$30,INDEX(Jesper!$R$2:$R$366,ROW(INDEX(Jesper!AH$2:AH$366,ROUNDDOWN($C2815/24,0)+1,1))-1)+IF('Standard Profiles'!$G$18=$B$10,7,0)+IF('Standard Profiles'!$G$18=$B$17,14,0)+IF('Standard Profiles'!$G$18=$B$24,21,0),0)),0)</f>
        <v>5.8469023207012967</v>
      </c>
      <c r="E2815" cm="1">
        <f t="array" ref="E2815">IFERROR(INDEX(Jesper!AI$2:AI$366,ROUNDDOWN($C2815/24,0)+1,1)*INDEX($D$3:$AA$30,INDEX(Jesper!$R$2:$R$366,ROW(INDEX(Jesper!AI$2:AI$366,ROUNDDOWN($C2815/24,0)+1,1))-1)+IF('Standard Profiles'!$G$19=$B$10,7,0)+IF('Standard Profiles'!$G$19=$B$17,14,0)+IF('Standard Profiles'!$G$19=$B$24,21,0),MOD($C2815,24)+1)/SUM(INDEX($D$3:$AA$30,INDEX(Jesper!$R$2:$R$366,ROW(INDEX(Jesper!AI$2:AI$366,ROUNDDOWN($C2815/24,0)+1,1))-1)+IF('Standard Profiles'!$G$19=$B$10,7,0)+IF('Standard Profiles'!$G$19=$B$17,14,0)+IF('Standard Profiles'!$G$19=$B$24,21,0),0)),0)</f>
        <v>5.1154400420538897</v>
      </c>
      <c r="F2815" cm="1">
        <f t="array" ref="F2815">IFERROR(INDEX(Jesper!AJ$2:AJ$366,ROUNDDOWN($C2815/24,0)+1,1)*INDEX($D$3:$AA$30,INDEX(Jesper!$R$2:$R$366,ROW(INDEX(Jesper!AJ$2:AJ$366,ROUNDDOWN($C2815/24,0)+1,1))-1)+IF('Standard Profiles'!$G$20=$B$10,7,0)+IF('Standard Profiles'!$G$20=$B$17,14,0)+IF('Standard Profiles'!$G$20=$B$24,21,0),MOD($C2815,24)+1)/SUM(INDEX($D$3:$AA$30,INDEX(Jesper!$R$2:$R$366,ROW(INDEX(Jesper!AJ$2:AJ$366,ROUNDDOWN($C2815/24,0)+1,1))-1)+IF('Standard Profiles'!$G$20=$B$10,7,0)+IF('Standard Profiles'!$G$20=$B$17,14,0)+IF('Standard Profiles'!$G$20=$B$24,21,0),0)),0)</f>
        <v>0</v>
      </c>
      <c r="G2815" cm="1">
        <f t="array" ref="G2815">IFERROR(INDEX(Jesper!AK$2:AK$366,ROUNDDOWN($C2815/24,0)+1,1)*INDEX($D$3:$AA$30,INDEX(Jesper!$R$2:$R$366,ROW(INDEX(Jesper!AK$2:AK$366,ROUNDDOWN($C2815/24,0)+1,1))-1)+IF('Standard Profiles'!$G$21=$B$10,7,0)+IF('Standard Profiles'!$G$21=$B$17,14,0)+IF('Standard Profiles'!$G$21=$B$24,21,0),MOD($C2815,24)+1)/SUM(INDEX($D$3:$AA$30,INDEX(Jesper!$R$2:$R$366,ROW(INDEX(Jesper!AK$2:AK$366,ROUNDDOWN($C2815/24,0)+1,1))-1)+IF('Standard Profiles'!$G$21=$B$10,7,0)+IF('Standard Profiles'!$G$21=$B$17,14,0)+IF('Standard Profiles'!$G$21=$B$24,21,0),0)),0)</f>
        <v>3.5731564744874351</v>
      </c>
      <c r="H2815" cm="1">
        <f t="array" ref="H2815">IFERROR(INDEX(Jesper!AL$2:AL$366,ROUNDDOWN($C2815/24,0)+1,1)*INDEX($D$3:$AA$30,INDEX(Jesper!$R$2:$R$366,ROW(INDEX(Jesper!AL$2:AL$366,ROUNDDOWN($C2815/24,0)+1,1))-1)+IF('Standard Profiles'!$G$22=$B$10,7,0)+IF('Standard Profiles'!$G$22=$B$17,14,0)+IF('Standard Profiles'!$G$22=$B$24,21,0),MOD($C2815,24)+1)/SUM(INDEX($D$3:$AA$30,INDEX(Jesper!$R$2:$R$366,ROW(INDEX(Jesper!AL$2:AL$366,ROUNDDOWN($C2815/24,0)+1,1))-1)+IF('Standard Profiles'!$G$22=$B$10,7,0)+IF('Standard Profiles'!$G$22=$B$17,14,0)+IF('Standard Profiles'!$G$22=$B$24,21,0),0)),0)</f>
        <v>0</v>
      </c>
      <c r="I2815">
        <f t="shared" si="321"/>
        <v>1.7151151077539679</v>
      </c>
      <c r="J2815">
        <f t="shared" si="322"/>
        <v>11.884879358176445</v>
      </c>
      <c r="K2815">
        <f t="shared" si="323"/>
        <v>0.62366958087480506</v>
      </c>
      <c r="L2815">
        <f t="shared" si="324"/>
        <v>0.31183479043740253</v>
      </c>
      <c r="M2815">
        <f t="shared" si="325"/>
        <v>0</v>
      </c>
      <c r="N2815" s="45">
        <f t="shared" si="326"/>
        <v>45042.874999993255</v>
      </c>
    </row>
    <row r="2816" spans="2:14" x14ac:dyDescent="0.25">
      <c r="B2816">
        <f t="shared" si="320"/>
        <v>3</v>
      </c>
      <c r="C2816" s="16">
        <v>2782</v>
      </c>
      <c r="D2816" cm="1">
        <f t="array" ref="D2816">IFERROR(INDEX(Jesper!AH$2:AH$366,ROUNDDOWN($C2816/24,0)+1,1)*INDEX($D$3:$AA$30,INDEX(Jesper!$R$2:$R$366,ROW(INDEX(Jesper!AH$2:AH$366,ROUNDDOWN($C2816/24,0)+1,1))-1)+IF('Standard Profiles'!$G$18=$B$10,7,0)+IF('Standard Profiles'!$G$18=$B$17,14,0)+IF('Standard Profiles'!$G$18=$B$24,21,0),MOD($C2816,24)+1)/SUM(INDEX($D$3:$AA$30,INDEX(Jesper!$R$2:$R$366,ROW(INDEX(Jesper!AH$2:AH$366,ROUNDDOWN($C2816/24,0)+1,1))-1)+IF('Standard Profiles'!$G$18=$B$10,7,0)+IF('Standard Profiles'!$G$18=$B$17,14,0)+IF('Standard Profiles'!$G$18=$B$24,21,0),0)),0)</f>
        <v>5.8469023207012967</v>
      </c>
      <c r="E2816" cm="1">
        <f t="array" ref="E2816">IFERROR(INDEX(Jesper!AI$2:AI$366,ROUNDDOWN($C2816/24,0)+1,1)*INDEX($D$3:$AA$30,INDEX(Jesper!$R$2:$R$366,ROW(INDEX(Jesper!AI$2:AI$366,ROUNDDOWN($C2816/24,0)+1,1))-1)+IF('Standard Profiles'!$G$19=$B$10,7,0)+IF('Standard Profiles'!$G$19=$B$17,14,0)+IF('Standard Profiles'!$G$19=$B$24,21,0),MOD($C2816,24)+1)/SUM(INDEX($D$3:$AA$30,INDEX(Jesper!$R$2:$R$366,ROW(INDEX(Jesper!AI$2:AI$366,ROUNDDOWN($C2816/24,0)+1,1))-1)+IF('Standard Profiles'!$G$19=$B$10,7,0)+IF('Standard Profiles'!$G$19=$B$17,14,0)+IF('Standard Profiles'!$G$19=$B$24,21,0),0)),0)</f>
        <v>5.1154400420538897</v>
      </c>
      <c r="F2816" cm="1">
        <f t="array" ref="F2816">IFERROR(INDEX(Jesper!AJ$2:AJ$366,ROUNDDOWN($C2816/24,0)+1,1)*INDEX($D$3:$AA$30,INDEX(Jesper!$R$2:$R$366,ROW(INDEX(Jesper!AJ$2:AJ$366,ROUNDDOWN($C2816/24,0)+1,1))-1)+IF('Standard Profiles'!$G$20=$B$10,7,0)+IF('Standard Profiles'!$G$20=$B$17,14,0)+IF('Standard Profiles'!$G$20=$B$24,21,0),MOD($C2816,24)+1)/SUM(INDEX($D$3:$AA$30,INDEX(Jesper!$R$2:$R$366,ROW(INDEX(Jesper!AJ$2:AJ$366,ROUNDDOWN($C2816/24,0)+1,1))-1)+IF('Standard Profiles'!$G$20=$B$10,7,0)+IF('Standard Profiles'!$G$20=$B$17,14,0)+IF('Standard Profiles'!$G$20=$B$24,21,0),0)),0)</f>
        <v>0</v>
      </c>
      <c r="G2816" cm="1">
        <f t="array" ref="G2816">IFERROR(INDEX(Jesper!AK$2:AK$366,ROUNDDOWN($C2816/24,0)+1,1)*INDEX($D$3:$AA$30,INDEX(Jesper!$R$2:$R$366,ROW(INDEX(Jesper!AK$2:AK$366,ROUNDDOWN($C2816/24,0)+1,1))-1)+IF('Standard Profiles'!$G$21=$B$10,7,0)+IF('Standard Profiles'!$G$21=$B$17,14,0)+IF('Standard Profiles'!$G$21=$B$24,21,0),MOD($C2816,24)+1)/SUM(INDEX($D$3:$AA$30,INDEX(Jesper!$R$2:$R$366,ROW(INDEX(Jesper!AK$2:AK$366,ROUNDDOWN($C2816/24,0)+1,1))-1)+IF('Standard Profiles'!$G$21=$B$10,7,0)+IF('Standard Profiles'!$G$21=$B$17,14,0)+IF('Standard Profiles'!$G$21=$B$24,21,0),0)),0)</f>
        <v>3.5731564744874351</v>
      </c>
      <c r="H2816" cm="1">
        <f t="array" ref="H2816">IFERROR(INDEX(Jesper!AL$2:AL$366,ROUNDDOWN($C2816/24,0)+1,1)*INDEX($D$3:$AA$30,INDEX(Jesper!$R$2:$R$366,ROW(INDEX(Jesper!AL$2:AL$366,ROUNDDOWN($C2816/24,0)+1,1))-1)+IF('Standard Profiles'!$G$22=$B$10,7,0)+IF('Standard Profiles'!$G$22=$B$17,14,0)+IF('Standard Profiles'!$G$22=$B$24,21,0),MOD($C2816,24)+1)/SUM(INDEX($D$3:$AA$30,INDEX(Jesper!$R$2:$R$366,ROW(INDEX(Jesper!AL$2:AL$366,ROUNDDOWN($C2816/24,0)+1,1))-1)+IF('Standard Profiles'!$G$22=$B$10,7,0)+IF('Standard Profiles'!$G$22=$B$17,14,0)+IF('Standard Profiles'!$G$22=$B$24,21,0),0)),0)</f>
        <v>0</v>
      </c>
      <c r="I2816">
        <f t="shared" si="321"/>
        <v>1.7151151077539679</v>
      </c>
      <c r="J2816">
        <f t="shared" si="322"/>
        <v>11.884879358176445</v>
      </c>
      <c r="K2816">
        <f t="shared" si="323"/>
        <v>0.62366958087480506</v>
      </c>
      <c r="L2816">
        <f t="shared" si="324"/>
        <v>0.31183479043740253</v>
      </c>
      <c r="M2816">
        <f t="shared" si="325"/>
        <v>0</v>
      </c>
      <c r="N2816" s="45">
        <f t="shared" si="326"/>
        <v>45042.916666659919</v>
      </c>
    </row>
    <row r="2817" spans="2:14" x14ac:dyDescent="0.25">
      <c r="B2817">
        <f t="shared" si="320"/>
        <v>3</v>
      </c>
      <c r="C2817" s="16">
        <v>2783</v>
      </c>
      <c r="D2817" cm="1">
        <f t="array" ref="D2817">IFERROR(INDEX(Jesper!AH$2:AH$366,ROUNDDOWN($C2817/24,0)+1,1)*INDEX($D$3:$AA$30,INDEX(Jesper!$R$2:$R$366,ROW(INDEX(Jesper!AH$2:AH$366,ROUNDDOWN($C2817/24,0)+1,1))-1)+IF('Standard Profiles'!$G$18=$B$10,7,0)+IF('Standard Profiles'!$G$18=$B$17,14,0)+IF('Standard Profiles'!$G$18=$B$24,21,0),MOD($C2817,24)+1)/SUM(INDEX($D$3:$AA$30,INDEX(Jesper!$R$2:$R$366,ROW(INDEX(Jesper!AH$2:AH$366,ROUNDDOWN($C2817/24,0)+1,1))-1)+IF('Standard Profiles'!$G$18=$B$10,7,0)+IF('Standard Profiles'!$G$18=$B$17,14,0)+IF('Standard Profiles'!$G$18=$B$24,21,0),0)),0)</f>
        <v>5.8469023207012967</v>
      </c>
      <c r="E2817" cm="1">
        <f t="array" ref="E2817">IFERROR(INDEX(Jesper!AI$2:AI$366,ROUNDDOWN($C2817/24,0)+1,1)*INDEX($D$3:$AA$30,INDEX(Jesper!$R$2:$R$366,ROW(INDEX(Jesper!AI$2:AI$366,ROUNDDOWN($C2817/24,0)+1,1))-1)+IF('Standard Profiles'!$G$19=$B$10,7,0)+IF('Standard Profiles'!$G$19=$B$17,14,0)+IF('Standard Profiles'!$G$19=$B$24,21,0),MOD($C2817,24)+1)/SUM(INDEX($D$3:$AA$30,INDEX(Jesper!$R$2:$R$366,ROW(INDEX(Jesper!AI$2:AI$366,ROUNDDOWN($C2817/24,0)+1,1))-1)+IF('Standard Profiles'!$G$19=$B$10,7,0)+IF('Standard Profiles'!$G$19=$B$17,14,0)+IF('Standard Profiles'!$G$19=$B$24,21,0),0)),0)</f>
        <v>5.1154400420538897</v>
      </c>
      <c r="F2817" cm="1">
        <f t="array" ref="F2817">IFERROR(INDEX(Jesper!AJ$2:AJ$366,ROUNDDOWN($C2817/24,0)+1,1)*INDEX($D$3:$AA$30,INDEX(Jesper!$R$2:$R$366,ROW(INDEX(Jesper!AJ$2:AJ$366,ROUNDDOWN($C2817/24,0)+1,1))-1)+IF('Standard Profiles'!$G$20=$B$10,7,0)+IF('Standard Profiles'!$G$20=$B$17,14,0)+IF('Standard Profiles'!$G$20=$B$24,21,0),MOD($C2817,24)+1)/SUM(INDEX($D$3:$AA$30,INDEX(Jesper!$R$2:$R$366,ROW(INDEX(Jesper!AJ$2:AJ$366,ROUNDDOWN($C2817/24,0)+1,1))-1)+IF('Standard Profiles'!$G$20=$B$10,7,0)+IF('Standard Profiles'!$G$20=$B$17,14,0)+IF('Standard Profiles'!$G$20=$B$24,21,0),0)),0)</f>
        <v>0</v>
      </c>
      <c r="G2817" cm="1">
        <f t="array" ref="G2817">IFERROR(INDEX(Jesper!AK$2:AK$366,ROUNDDOWN($C2817/24,0)+1,1)*INDEX($D$3:$AA$30,INDEX(Jesper!$R$2:$R$366,ROW(INDEX(Jesper!AK$2:AK$366,ROUNDDOWN($C2817/24,0)+1,1))-1)+IF('Standard Profiles'!$G$21=$B$10,7,0)+IF('Standard Profiles'!$G$21=$B$17,14,0)+IF('Standard Profiles'!$G$21=$B$24,21,0),MOD($C2817,24)+1)/SUM(INDEX($D$3:$AA$30,INDEX(Jesper!$R$2:$R$366,ROW(INDEX(Jesper!AK$2:AK$366,ROUNDDOWN($C2817/24,0)+1,1))-1)+IF('Standard Profiles'!$G$21=$B$10,7,0)+IF('Standard Profiles'!$G$21=$B$17,14,0)+IF('Standard Profiles'!$G$21=$B$24,21,0),0)),0)</f>
        <v>3.5731564744874351</v>
      </c>
      <c r="H2817" cm="1">
        <f t="array" ref="H2817">IFERROR(INDEX(Jesper!AL$2:AL$366,ROUNDDOWN($C2817/24,0)+1,1)*INDEX($D$3:$AA$30,INDEX(Jesper!$R$2:$R$366,ROW(INDEX(Jesper!AL$2:AL$366,ROUNDDOWN($C2817/24,0)+1,1))-1)+IF('Standard Profiles'!$G$22=$B$10,7,0)+IF('Standard Profiles'!$G$22=$B$17,14,0)+IF('Standard Profiles'!$G$22=$B$24,21,0),MOD($C2817,24)+1)/SUM(INDEX($D$3:$AA$30,INDEX(Jesper!$R$2:$R$366,ROW(INDEX(Jesper!AL$2:AL$366,ROUNDDOWN($C2817/24,0)+1,1))-1)+IF('Standard Profiles'!$G$22=$B$10,7,0)+IF('Standard Profiles'!$G$22=$B$17,14,0)+IF('Standard Profiles'!$G$22=$B$24,21,0),0)),0)</f>
        <v>0</v>
      </c>
      <c r="I2817">
        <f t="shared" si="321"/>
        <v>1.7151151077539679</v>
      </c>
      <c r="J2817">
        <f t="shared" si="322"/>
        <v>11.884879358176445</v>
      </c>
      <c r="K2817">
        <f t="shared" si="323"/>
        <v>0.62366958087480506</v>
      </c>
      <c r="L2817">
        <f t="shared" si="324"/>
        <v>0.31183479043740253</v>
      </c>
      <c r="M2817">
        <f t="shared" si="325"/>
        <v>0</v>
      </c>
      <c r="N2817" s="45">
        <f t="shared" si="326"/>
        <v>45042.958333326584</v>
      </c>
    </row>
    <row r="2818" spans="2:14" x14ac:dyDescent="0.25">
      <c r="B2818">
        <f t="shared" si="320"/>
        <v>4</v>
      </c>
      <c r="C2818" s="16">
        <v>2784</v>
      </c>
      <c r="D2818" cm="1">
        <f t="array" ref="D2818">IFERROR(INDEX(Jesper!AH$2:AH$366,ROUNDDOWN($C2818/24,0)+1,1)*INDEX($D$3:$AA$30,INDEX(Jesper!$R$2:$R$366,ROW(INDEX(Jesper!AH$2:AH$366,ROUNDDOWN($C2818/24,0)+1,1))-1)+IF('Standard Profiles'!$G$18=$B$10,7,0)+IF('Standard Profiles'!$G$18=$B$17,14,0)+IF('Standard Profiles'!$G$18=$B$24,21,0),MOD($C2818,24)+1)/SUM(INDEX($D$3:$AA$30,INDEX(Jesper!$R$2:$R$366,ROW(INDEX(Jesper!AH$2:AH$366,ROUNDDOWN($C2818/24,0)+1,1))-1)+IF('Standard Profiles'!$G$18=$B$10,7,0)+IF('Standard Profiles'!$G$18=$B$17,14,0)+IF('Standard Profiles'!$G$18=$B$24,21,0),0)),0)</f>
        <v>5.7965099397591127</v>
      </c>
      <c r="E2818" cm="1">
        <f t="array" ref="E2818">IFERROR(INDEX(Jesper!AI$2:AI$366,ROUNDDOWN($C2818/24,0)+1,1)*INDEX($D$3:$AA$30,INDEX(Jesper!$R$2:$R$366,ROW(INDEX(Jesper!AI$2:AI$366,ROUNDDOWN($C2818/24,0)+1,1))-1)+IF('Standard Profiles'!$G$19=$B$10,7,0)+IF('Standard Profiles'!$G$19=$B$17,14,0)+IF('Standard Profiles'!$G$19=$B$24,21,0),MOD($C2818,24)+1)/SUM(INDEX($D$3:$AA$30,INDEX(Jesper!$R$2:$R$366,ROW(INDEX(Jesper!AI$2:AI$366,ROUNDDOWN($C2818/24,0)+1,1))-1)+IF('Standard Profiles'!$G$19=$B$10,7,0)+IF('Standard Profiles'!$G$19=$B$17,14,0)+IF('Standard Profiles'!$G$19=$B$24,21,0),0)),0)</f>
        <v>4.6981208187527947</v>
      </c>
      <c r="F2818" cm="1">
        <f t="array" ref="F2818">IFERROR(INDEX(Jesper!AJ$2:AJ$366,ROUNDDOWN($C2818/24,0)+1,1)*INDEX($D$3:$AA$30,INDEX(Jesper!$R$2:$R$366,ROW(INDEX(Jesper!AJ$2:AJ$366,ROUNDDOWN($C2818/24,0)+1,1))-1)+IF('Standard Profiles'!$G$20=$B$10,7,0)+IF('Standard Profiles'!$G$20=$B$17,14,0)+IF('Standard Profiles'!$G$20=$B$24,21,0),MOD($C2818,24)+1)/SUM(INDEX($D$3:$AA$30,INDEX(Jesper!$R$2:$R$366,ROW(INDEX(Jesper!AJ$2:AJ$366,ROUNDDOWN($C2818/24,0)+1,1))-1)+IF('Standard Profiles'!$G$20=$B$10,7,0)+IF('Standard Profiles'!$G$20=$B$17,14,0)+IF('Standard Profiles'!$G$20=$B$24,21,0),0)),0)</f>
        <v>0</v>
      </c>
      <c r="G2818" cm="1">
        <f t="array" ref="G2818">IFERROR(INDEX(Jesper!AK$2:AK$366,ROUNDDOWN($C2818/24,0)+1,1)*INDEX($D$3:$AA$30,INDEX(Jesper!$R$2:$R$366,ROW(INDEX(Jesper!AK$2:AK$366,ROUNDDOWN($C2818/24,0)+1,1))-1)+IF('Standard Profiles'!$G$21=$B$10,7,0)+IF('Standard Profiles'!$G$21=$B$17,14,0)+IF('Standard Profiles'!$G$21=$B$24,21,0),MOD($C2818,24)+1)/SUM(INDEX($D$3:$AA$30,INDEX(Jesper!$R$2:$R$366,ROW(INDEX(Jesper!AK$2:AK$366,ROUNDDOWN($C2818/24,0)+1,1))-1)+IF('Standard Profiles'!$G$21=$B$10,7,0)+IF('Standard Profiles'!$G$21=$B$17,14,0)+IF('Standard Profiles'!$G$21=$B$24,21,0),0)),0)</f>
        <v>2.4932782146110095</v>
      </c>
      <c r="H2818" cm="1">
        <f t="array" ref="H2818">IFERROR(INDEX(Jesper!AL$2:AL$366,ROUNDDOWN($C2818/24,0)+1,1)*INDEX($D$3:$AA$30,INDEX(Jesper!$R$2:$R$366,ROW(INDEX(Jesper!AL$2:AL$366,ROUNDDOWN($C2818/24,0)+1,1))-1)+IF('Standard Profiles'!$G$22=$B$10,7,0)+IF('Standard Profiles'!$G$22=$B$17,14,0)+IF('Standard Profiles'!$G$22=$B$24,21,0),MOD($C2818,24)+1)/SUM(INDEX($D$3:$AA$30,INDEX(Jesper!$R$2:$R$366,ROW(INDEX(Jesper!AL$2:AL$366,ROUNDDOWN($C2818/24,0)+1,1))-1)+IF('Standard Profiles'!$G$22=$B$10,7,0)+IF('Standard Profiles'!$G$22=$B$17,14,0)+IF('Standard Profiles'!$G$22=$B$24,21,0),0)),0)</f>
        <v>0</v>
      </c>
      <c r="I2818">
        <f t="shared" si="321"/>
        <v>1.196773543013284</v>
      </c>
      <c r="J2818">
        <f t="shared" si="322"/>
        <v>10.863693839748175</v>
      </c>
      <c r="K2818">
        <f t="shared" si="323"/>
        <v>0.61829439357430538</v>
      </c>
      <c r="L2818">
        <f t="shared" si="324"/>
        <v>0.30914719678715269</v>
      </c>
      <c r="M2818">
        <f t="shared" si="325"/>
        <v>0</v>
      </c>
      <c r="N2818" s="45">
        <f t="shared" si="326"/>
        <v>45042.999999993248</v>
      </c>
    </row>
    <row r="2819" spans="2:14" x14ac:dyDescent="0.25">
      <c r="B2819">
        <f t="shared" si="320"/>
        <v>4</v>
      </c>
      <c r="C2819" s="16">
        <v>2785</v>
      </c>
      <c r="D2819" cm="1">
        <f t="array" ref="D2819">IFERROR(INDEX(Jesper!AH$2:AH$366,ROUNDDOWN($C2819/24,0)+1,1)*INDEX($D$3:$AA$30,INDEX(Jesper!$R$2:$R$366,ROW(INDEX(Jesper!AH$2:AH$366,ROUNDDOWN($C2819/24,0)+1,1))-1)+IF('Standard Profiles'!$G$18=$B$10,7,0)+IF('Standard Profiles'!$G$18=$B$17,14,0)+IF('Standard Profiles'!$G$18=$B$24,21,0),MOD($C2819,24)+1)/SUM(INDEX($D$3:$AA$30,INDEX(Jesper!$R$2:$R$366,ROW(INDEX(Jesper!AH$2:AH$366,ROUNDDOWN($C2819/24,0)+1,1))-1)+IF('Standard Profiles'!$G$18=$B$10,7,0)+IF('Standard Profiles'!$G$18=$B$17,14,0)+IF('Standard Profiles'!$G$18=$B$24,21,0),0)),0)</f>
        <v>5.7965099397591127</v>
      </c>
      <c r="E2819" cm="1">
        <f t="array" ref="E2819">IFERROR(INDEX(Jesper!AI$2:AI$366,ROUNDDOWN($C2819/24,0)+1,1)*INDEX($D$3:$AA$30,INDEX(Jesper!$R$2:$R$366,ROW(INDEX(Jesper!AI$2:AI$366,ROUNDDOWN($C2819/24,0)+1,1))-1)+IF('Standard Profiles'!$G$19=$B$10,7,0)+IF('Standard Profiles'!$G$19=$B$17,14,0)+IF('Standard Profiles'!$G$19=$B$24,21,0),MOD($C2819,24)+1)/SUM(INDEX($D$3:$AA$30,INDEX(Jesper!$R$2:$R$366,ROW(INDEX(Jesper!AI$2:AI$366,ROUNDDOWN($C2819/24,0)+1,1))-1)+IF('Standard Profiles'!$G$19=$B$10,7,0)+IF('Standard Profiles'!$G$19=$B$17,14,0)+IF('Standard Profiles'!$G$19=$B$24,21,0),0)),0)</f>
        <v>4.6981208187527947</v>
      </c>
      <c r="F2819" cm="1">
        <f t="array" ref="F2819">IFERROR(INDEX(Jesper!AJ$2:AJ$366,ROUNDDOWN($C2819/24,0)+1,1)*INDEX($D$3:$AA$30,INDEX(Jesper!$R$2:$R$366,ROW(INDEX(Jesper!AJ$2:AJ$366,ROUNDDOWN($C2819/24,0)+1,1))-1)+IF('Standard Profiles'!$G$20=$B$10,7,0)+IF('Standard Profiles'!$G$20=$B$17,14,0)+IF('Standard Profiles'!$G$20=$B$24,21,0),MOD($C2819,24)+1)/SUM(INDEX($D$3:$AA$30,INDEX(Jesper!$R$2:$R$366,ROW(INDEX(Jesper!AJ$2:AJ$366,ROUNDDOWN($C2819/24,0)+1,1))-1)+IF('Standard Profiles'!$G$20=$B$10,7,0)+IF('Standard Profiles'!$G$20=$B$17,14,0)+IF('Standard Profiles'!$G$20=$B$24,21,0),0)),0)</f>
        <v>0</v>
      </c>
      <c r="G2819" cm="1">
        <f t="array" ref="G2819">IFERROR(INDEX(Jesper!AK$2:AK$366,ROUNDDOWN($C2819/24,0)+1,1)*INDEX($D$3:$AA$30,INDEX(Jesper!$R$2:$R$366,ROW(INDEX(Jesper!AK$2:AK$366,ROUNDDOWN($C2819/24,0)+1,1))-1)+IF('Standard Profiles'!$G$21=$B$10,7,0)+IF('Standard Profiles'!$G$21=$B$17,14,0)+IF('Standard Profiles'!$G$21=$B$24,21,0),MOD($C2819,24)+1)/SUM(INDEX($D$3:$AA$30,INDEX(Jesper!$R$2:$R$366,ROW(INDEX(Jesper!AK$2:AK$366,ROUNDDOWN($C2819/24,0)+1,1))-1)+IF('Standard Profiles'!$G$21=$B$10,7,0)+IF('Standard Profiles'!$G$21=$B$17,14,0)+IF('Standard Profiles'!$G$21=$B$24,21,0),0)),0)</f>
        <v>2.4932782146110095</v>
      </c>
      <c r="H2819" cm="1">
        <f t="array" ref="H2819">IFERROR(INDEX(Jesper!AL$2:AL$366,ROUNDDOWN($C2819/24,0)+1,1)*INDEX($D$3:$AA$30,INDEX(Jesper!$R$2:$R$366,ROW(INDEX(Jesper!AL$2:AL$366,ROUNDDOWN($C2819/24,0)+1,1))-1)+IF('Standard Profiles'!$G$22=$B$10,7,0)+IF('Standard Profiles'!$G$22=$B$17,14,0)+IF('Standard Profiles'!$G$22=$B$24,21,0),MOD($C2819,24)+1)/SUM(INDEX($D$3:$AA$30,INDEX(Jesper!$R$2:$R$366,ROW(INDEX(Jesper!AL$2:AL$366,ROUNDDOWN($C2819/24,0)+1,1))-1)+IF('Standard Profiles'!$G$22=$B$10,7,0)+IF('Standard Profiles'!$G$22=$B$17,14,0)+IF('Standard Profiles'!$G$22=$B$24,21,0),0)),0)</f>
        <v>0</v>
      </c>
      <c r="I2819">
        <f t="shared" si="321"/>
        <v>1.196773543013284</v>
      </c>
      <c r="J2819">
        <f t="shared" si="322"/>
        <v>10.863693839748175</v>
      </c>
      <c r="K2819">
        <f t="shared" si="323"/>
        <v>0.61829439357430538</v>
      </c>
      <c r="L2819">
        <f t="shared" si="324"/>
        <v>0.30914719678715269</v>
      </c>
      <c r="M2819">
        <f t="shared" si="325"/>
        <v>0</v>
      </c>
      <c r="N2819" s="45">
        <f t="shared" si="326"/>
        <v>45043.041666659912</v>
      </c>
    </row>
    <row r="2820" spans="2:14" x14ac:dyDescent="0.25">
      <c r="B2820">
        <f t="shared" si="320"/>
        <v>4</v>
      </c>
      <c r="C2820" s="16">
        <v>2786</v>
      </c>
      <c r="D2820" cm="1">
        <f t="array" ref="D2820">IFERROR(INDEX(Jesper!AH$2:AH$366,ROUNDDOWN($C2820/24,0)+1,1)*INDEX($D$3:$AA$30,INDEX(Jesper!$R$2:$R$366,ROW(INDEX(Jesper!AH$2:AH$366,ROUNDDOWN($C2820/24,0)+1,1))-1)+IF('Standard Profiles'!$G$18=$B$10,7,0)+IF('Standard Profiles'!$G$18=$B$17,14,0)+IF('Standard Profiles'!$G$18=$B$24,21,0),MOD($C2820,24)+1)/SUM(INDEX($D$3:$AA$30,INDEX(Jesper!$R$2:$R$366,ROW(INDEX(Jesper!AH$2:AH$366,ROUNDDOWN($C2820/24,0)+1,1))-1)+IF('Standard Profiles'!$G$18=$B$10,7,0)+IF('Standard Profiles'!$G$18=$B$17,14,0)+IF('Standard Profiles'!$G$18=$B$24,21,0),0)),0)</f>
        <v>5.7965099397591127</v>
      </c>
      <c r="E2820" cm="1">
        <f t="array" ref="E2820">IFERROR(INDEX(Jesper!AI$2:AI$366,ROUNDDOWN($C2820/24,0)+1,1)*INDEX($D$3:$AA$30,INDEX(Jesper!$R$2:$R$366,ROW(INDEX(Jesper!AI$2:AI$366,ROUNDDOWN($C2820/24,0)+1,1))-1)+IF('Standard Profiles'!$G$19=$B$10,7,0)+IF('Standard Profiles'!$G$19=$B$17,14,0)+IF('Standard Profiles'!$G$19=$B$24,21,0),MOD($C2820,24)+1)/SUM(INDEX($D$3:$AA$30,INDEX(Jesper!$R$2:$R$366,ROW(INDEX(Jesper!AI$2:AI$366,ROUNDDOWN($C2820/24,0)+1,1))-1)+IF('Standard Profiles'!$G$19=$B$10,7,0)+IF('Standard Profiles'!$G$19=$B$17,14,0)+IF('Standard Profiles'!$G$19=$B$24,21,0),0)),0)</f>
        <v>4.6981208187527947</v>
      </c>
      <c r="F2820" cm="1">
        <f t="array" ref="F2820">IFERROR(INDEX(Jesper!AJ$2:AJ$366,ROUNDDOWN($C2820/24,0)+1,1)*INDEX($D$3:$AA$30,INDEX(Jesper!$R$2:$R$366,ROW(INDEX(Jesper!AJ$2:AJ$366,ROUNDDOWN($C2820/24,0)+1,1))-1)+IF('Standard Profiles'!$G$20=$B$10,7,0)+IF('Standard Profiles'!$G$20=$B$17,14,0)+IF('Standard Profiles'!$G$20=$B$24,21,0),MOD($C2820,24)+1)/SUM(INDEX($D$3:$AA$30,INDEX(Jesper!$R$2:$R$366,ROW(INDEX(Jesper!AJ$2:AJ$366,ROUNDDOWN($C2820/24,0)+1,1))-1)+IF('Standard Profiles'!$G$20=$B$10,7,0)+IF('Standard Profiles'!$G$20=$B$17,14,0)+IF('Standard Profiles'!$G$20=$B$24,21,0),0)),0)</f>
        <v>0</v>
      </c>
      <c r="G2820" cm="1">
        <f t="array" ref="G2820">IFERROR(INDEX(Jesper!AK$2:AK$366,ROUNDDOWN($C2820/24,0)+1,1)*INDEX($D$3:$AA$30,INDEX(Jesper!$R$2:$R$366,ROW(INDEX(Jesper!AK$2:AK$366,ROUNDDOWN($C2820/24,0)+1,1))-1)+IF('Standard Profiles'!$G$21=$B$10,7,0)+IF('Standard Profiles'!$G$21=$B$17,14,0)+IF('Standard Profiles'!$G$21=$B$24,21,0),MOD($C2820,24)+1)/SUM(INDEX($D$3:$AA$30,INDEX(Jesper!$R$2:$R$366,ROW(INDEX(Jesper!AK$2:AK$366,ROUNDDOWN($C2820/24,0)+1,1))-1)+IF('Standard Profiles'!$G$21=$B$10,7,0)+IF('Standard Profiles'!$G$21=$B$17,14,0)+IF('Standard Profiles'!$G$21=$B$24,21,0),0)),0)</f>
        <v>2.4932782146110095</v>
      </c>
      <c r="H2820" cm="1">
        <f t="array" ref="H2820">IFERROR(INDEX(Jesper!AL$2:AL$366,ROUNDDOWN($C2820/24,0)+1,1)*INDEX($D$3:$AA$30,INDEX(Jesper!$R$2:$R$366,ROW(INDEX(Jesper!AL$2:AL$366,ROUNDDOWN($C2820/24,0)+1,1))-1)+IF('Standard Profiles'!$G$22=$B$10,7,0)+IF('Standard Profiles'!$G$22=$B$17,14,0)+IF('Standard Profiles'!$G$22=$B$24,21,0),MOD($C2820,24)+1)/SUM(INDEX($D$3:$AA$30,INDEX(Jesper!$R$2:$R$366,ROW(INDEX(Jesper!AL$2:AL$366,ROUNDDOWN($C2820/24,0)+1,1))-1)+IF('Standard Profiles'!$G$22=$B$10,7,0)+IF('Standard Profiles'!$G$22=$B$17,14,0)+IF('Standard Profiles'!$G$22=$B$24,21,0),0)),0)</f>
        <v>0</v>
      </c>
      <c r="I2820">
        <f t="shared" si="321"/>
        <v>1.196773543013284</v>
      </c>
      <c r="J2820">
        <f t="shared" si="322"/>
        <v>10.863693839748175</v>
      </c>
      <c r="K2820">
        <f t="shared" si="323"/>
        <v>0.61829439357430538</v>
      </c>
      <c r="L2820">
        <f t="shared" si="324"/>
        <v>0.30914719678715269</v>
      </c>
      <c r="M2820">
        <f t="shared" si="325"/>
        <v>0</v>
      </c>
      <c r="N2820" s="45">
        <f t="shared" si="326"/>
        <v>45043.083333326576</v>
      </c>
    </row>
    <row r="2821" spans="2:14" x14ac:dyDescent="0.25">
      <c r="B2821">
        <f t="shared" si="320"/>
        <v>4</v>
      </c>
      <c r="C2821" s="16">
        <v>2787</v>
      </c>
      <c r="D2821" cm="1">
        <f t="array" ref="D2821">IFERROR(INDEX(Jesper!AH$2:AH$366,ROUNDDOWN($C2821/24,0)+1,1)*INDEX($D$3:$AA$30,INDEX(Jesper!$R$2:$R$366,ROW(INDEX(Jesper!AH$2:AH$366,ROUNDDOWN($C2821/24,0)+1,1))-1)+IF('Standard Profiles'!$G$18=$B$10,7,0)+IF('Standard Profiles'!$G$18=$B$17,14,0)+IF('Standard Profiles'!$G$18=$B$24,21,0),MOD($C2821,24)+1)/SUM(INDEX($D$3:$AA$30,INDEX(Jesper!$R$2:$R$366,ROW(INDEX(Jesper!AH$2:AH$366,ROUNDDOWN($C2821/24,0)+1,1))-1)+IF('Standard Profiles'!$G$18=$B$10,7,0)+IF('Standard Profiles'!$G$18=$B$17,14,0)+IF('Standard Profiles'!$G$18=$B$24,21,0),0)),0)</f>
        <v>5.7965099397591127</v>
      </c>
      <c r="E2821" cm="1">
        <f t="array" ref="E2821">IFERROR(INDEX(Jesper!AI$2:AI$366,ROUNDDOWN($C2821/24,0)+1,1)*INDEX($D$3:$AA$30,INDEX(Jesper!$R$2:$R$366,ROW(INDEX(Jesper!AI$2:AI$366,ROUNDDOWN($C2821/24,0)+1,1))-1)+IF('Standard Profiles'!$G$19=$B$10,7,0)+IF('Standard Profiles'!$G$19=$B$17,14,0)+IF('Standard Profiles'!$G$19=$B$24,21,0),MOD($C2821,24)+1)/SUM(INDEX($D$3:$AA$30,INDEX(Jesper!$R$2:$R$366,ROW(INDEX(Jesper!AI$2:AI$366,ROUNDDOWN($C2821/24,0)+1,1))-1)+IF('Standard Profiles'!$G$19=$B$10,7,0)+IF('Standard Profiles'!$G$19=$B$17,14,0)+IF('Standard Profiles'!$G$19=$B$24,21,0),0)),0)</f>
        <v>4.6981208187527947</v>
      </c>
      <c r="F2821" cm="1">
        <f t="array" ref="F2821">IFERROR(INDEX(Jesper!AJ$2:AJ$366,ROUNDDOWN($C2821/24,0)+1,1)*INDEX($D$3:$AA$30,INDEX(Jesper!$R$2:$R$366,ROW(INDEX(Jesper!AJ$2:AJ$366,ROUNDDOWN($C2821/24,0)+1,1))-1)+IF('Standard Profiles'!$G$20=$B$10,7,0)+IF('Standard Profiles'!$G$20=$B$17,14,0)+IF('Standard Profiles'!$G$20=$B$24,21,0),MOD($C2821,24)+1)/SUM(INDEX($D$3:$AA$30,INDEX(Jesper!$R$2:$R$366,ROW(INDEX(Jesper!AJ$2:AJ$366,ROUNDDOWN($C2821/24,0)+1,1))-1)+IF('Standard Profiles'!$G$20=$B$10,7,0)+IF('Standard Profiles'!$G$20=$B$17,14,0)+IF('Standard Profiles'!$G$20=$B$24,21,0),0)),0)</f>
        <v>0</v>
      </c>
      <c r="G2821" cm="1">
        <f t="array" ref="G2821">IFERROR(INDEX(Jesper!AK$2:AK$366,ROUNDDOWN($C2821/24,0)+1,1)*INDEX($D$3:$AA$30,INDEX(Jesper!$R$2:$R$366,ROW(INDEX(Jesper!AK$2:AK$366,ROUNDDOWN($C2821/24,0)+1,1))-1)+IF('Standard Profiles'!$G$21=$B$10,7,0)+IF('Standard Profiles'!$G$21=$B$17,14,0)+IF('Standard Profiles'!$G$21=$B$24,21,0),MOD($C2821,24)+1)/SUM(INDEX($D$3:$AA$30,INDEX(Jesper!$R$2:$R$366,ROW(INDEX(Jesper!AK$2:AK$366,ROUNDDOWN($C2821/24,0)+1,1))-1)+IF('Standard Profiles'!$G$21=$B$10,7,0)+IF('Standard Profiles'!$G$21=$B$17,14,0)+IF('Standard Profiles'!$G$21=$B$24,21,0),0)),0)</f>
        <v>2.4932782146110095</v>
      </c>
      <c r="H2821" cm="1">
        <f t="array" ref="H2821">IFERROR(INDEX(Jesper!AL$2:AL$366,ROUNDDOWN($C2821/24,0)+1,1)*INDEX($D$3:$AA$30,INDEX(Jesper!$R$2:$R$366,ROW(INDEX(Jesper!AL$2:AL$366,ROUNDDOWN($C2821/24,0)+1,1))-1)+IF('Standard Profiles'!$G$22=$B$10,7,0)+IF('Standard Profiles'!$G$22=$B$17,14,0)+IF('Standard Profiles'!$G$22=$B$24,21,0),MOD($C2821,24)+1)/SUM(INDEX($D$3:$AA$30,INDEX(Jesper!$R$2:$R$366,ROW(INDEX(Jesper!AL$2:AL$366,ROUNDDOWN($C2821/24,0)+1,1))-1)+IF('Standard Profiles'!$G$22=$B$10,7,0)+IF('Standard Profiles'!$G$22=$B$17,14,0)+IF('Standard Profiles'!$G$22=$B$24,21,0),0)),0)</f>
        <v>0</v>
      </c>
      <c r="I2821">
        <f t="shared" si="321"/>
        <v>1.196773543013284</v>
      </c>
      <c r="J2821">
        <f t="shared" si="322"/>
        <v>10.863693839748175</v>
      </c>
      <c r="K2821">
        <f t="shared" si="323"/>
        <v>0.61829439357430538</v>
      </c>
      <c r="L2821">
        <f t="shared" si="324"/>
        <v>0.30914719678715269</v>
      </c>
      <c r="M2821">
        <f t="shared" si="325"/>
        <v>0</v>
      </c>
      <c r="N2821" s="45">
        <f t="shared" si="326"/>
        <v>45043.124999993241</v>
      </c>
    </row>
    <row r="2822" spans="2:14" x14ac:dyDescent="0.25">
      <c r="B2822">
        <f t="shared" si="320"/>
        <v>4</v>
      </c>
      <c r="C2822" s="16">
        <v>2788</v>
      </c>
      <c r="D2822" cm="1">
        <f t="array" ref="D2822">IFERROR(INDEX(Jesper!AH$2:AH$366,ROUNDDOWN($C2822/24,0)+1,1)*INDEX($D$3:$AA$30,INDEX(Jesper!$R$2:$R$366,ROW(INDEX(Jesper!AH$2:AH$366,ROUNDDOWN($C2822/24,0)+1,1))-1)+IF('Standard Profiles'!$G$18=$B$10,7,0)+IF('Standard Profiles'!$G$18=$B$17,14,0)+IF('Standard Profiles'!$G$18=$B$24,21,0),MOD($C2822,24)+1)/SUM(INDEX($D$3:$AA$30,INDEX(Jesper!$R$2:$R$366,ROW(INDEX(Jesper!AH$2:AH$366,ROUNDDOWN($C2822/24,0)+1,1))-1)+IF('Standard Profiles'!$G$18=$B$10,7,0)+IF('Standard Profiles'!$G$18=$B$17,14,0)+IF('Standard Profiles'!$G$18=$B$24,21,0),0)),0)</f>
        <v>5.7965099397591127</v>
      </c>
      <c r="E2822" cm="1">
        <f t="array" ref="E2822">IFERROR(INDEX(Jesper!AI$2:AI$366,ROUNDDOWN($C2822/24,0)+1,1)*INDEX($D$3:$AA$30,INDEX(Jesper!$R$2:$R$366,ROW(INDEX(Jesper!AI$2:AI$366,ROUNDDOWN($C2822/24,0)+1,1))-1)+IF('Standard Profiles'!$G$19=$B$10,7,0)+IF('Standard Profiles'!$G$19=$B$17,14,0)+IF('Standard Profiles'!$G$19=$B$24,21,0),MOD($C2822,24)+1)/SUM(INDEX($D$3:$AA$30,INDEX(Jesper!$R$2:$R$366,ROW(INDEX(Jesper!AI$2:AI$366,ROUNDDOWN($C2822/24,0)+1,1))-1)+IF('Standard Profiles'!$G$19=$B$10,7,0)+IF('Standard Profiles'!$G$19=$B$17,14,0)+IF('Standard Profiles'!$G$19=$B$24,21,0),0)),0)</f>
        <v>4.6981208187527947</v>
      </c>
      <c r="F2822" cm="1">
        <f t="array" ref="F2822">IFERROR(INDEX(Jesper!AJ$2:AJ$366,ROUNDDOWN($C2822/24,0)+1,1)*INDEX($D$3:$AA$30,INDEX(Jesper!$R$2:$R$366,ROW(INDEX(Jesper!AJ$2:AJ$366,ROUNDDOWN($C2822/24,0)+1,1))-1)+IF('Standard Profiles'!$G$20=$B$10,7,0)+IF('Standard Profiles'!$G$20=$B$17,14,0)+IF('Standard Profiles'!$G$20=$B$24,21,0),MOD($C2822,24)+1)/SUM(INDEX($D$3:$AA$30,INDEX(Jesper!$R$2:$R$366,ROW(INDEX(Jesper!AJ$2:AJ$366,ROUNDDOWN($C2822/24,0)+1,1))-1)+IF('Standard Profiles'!$G$20=$B$10,7,0)+IF('Standard Profiles'!$G$20=$B$17,14,0)+IF('Standard Profiles'!$G$20=$B$24,21,0),0)),0)</f>
        <v>0</v>
      </c>
      <c r="G2822" cm="1">
        <f t="array" ref="G2822">IFERROR(INDEX(Jesper!AK$2:AK$366,ROUNDDOWN($C2822/24,0)+1,1)*INDEX($D$3:$AA$30,INDEX(Jesper!$R$2:$R$366,ROW(INDEX(Jesper!AK$2:AK$366,ROUNDDOWN($C2822/24,0)+1,1))-1)+IF('Standard Profiles'!$G$21=$B$10,7,0)+IF('Standard Profiles'!$G$21=$B$17,14,0)+IF('Standard Profiles'!$G$21=$B$24,21,0),MOD($C2822,24)+1)/SUM(INDEX($D$3:$AA$30,INDEX(Jesper!$R$2:$R$366,ROW(INDEX(Jesper!AK$2:AK$366,ROUNDDOWN($C2822/24,0)+1,1))-1)+IF('Standard Profiles'!$G$21=$B$10,7,0)+IF('Standard Profiles'!$G$21=$B$17,14,0)+IF('Standard Profiles'!$G$21=$B$24,21,0),0)),0)</f>
        <v>2.4932782146110095</v>
      </c>
      <c r="H2822" cm="1">
        <f t="array" ref="H2822">IFERROR(INDEX(Jesper!AL$2:AL$366,ROUNDDOWN($C2822/24,0)+1,1)*INDEX($D$3:$AA$30,INDEX(Jesper!$R$2:$R$366,ROW(INDEX(Jesper!AL$2:AL$366,ROUNDDOWN($C2822/24,0)+1,1))-1)+IF('Standard Profiles'!$G$22=$B$10,7,0)+IF('Standard Profiles'!$G$22=$B$17,14,0)+IF('Standard Profiles'!$G$22=$B$24,21,0),MOD($C2822,24)+1)/SUM(INDEX($D$3:$AA$30,INDEX(Jesper!$R$2:$R$366,ROW(INDEX(Jesper!AL$2:AL$366,ROUNDDOWN($C2822/24,0)+1,1))-1)+IF('Standard Profiles'!$G$22=$B$10,7,0)+IF('Standard Profiles'!$G$22=$B$17,14,0)+IF('Standard Profiles'!$G$22=$B$24,21,0),0)),0)</f>
        <v>0</v>
      </c>
      <c r="I2822">
        <f t="shared" si="321"/>
        <v>1.196773543013284</v>
      </c>
      <c r="J2822">
        <f t="shared" si="322"/>
        <v>10.863693839748175</v>
      </c>
      <c r="K2822">
        <f t="shared" si="323"/>
        <v>0.61829439357430538</v>
      </c>
      <c r="L2822">
        <f t="shared" si="324"/>
        <v>0.30914719678715269</v>
      </c>
      <c r="M2822">
        <f t="shared" si="325"/>
        <v>0</v>
      </c>
      <c r="N2822" s="45">
        <f t="shared" si="326"/>
        <v>45043.166666659905</v>
      </c>
    </row>
    <row r="2823" spans="2:14" x14ac:dyDescent="0.25">
      <c r="B2823">
        <f t="shared" si="320"/>
        <v>4</v>
      </c>
      <c r="C2823" s="16">
        <v>2789</v>
      </c>
      <c r="D2823" cm="1">
        <f t="array" ref="D2823">IFERROR(INDEX(Jesper!AH$2:AH$366,ROUNDDOWN($C2823/24,0)+1,1)*INDEX($D$3:$AA$30,INDEX(Jesper!$R$2:$R$366,ROW(INDEX(Jesper!AH$2:AH$366,ROUNDDOWN($C2823/24,0)+1,1))-1)+IF('Standard Profiles'!$G$18=$B$10,7,0)+IF('Standard Profiles'!$G$18=$B$17,14,0)+IF('Standard Profiles'!$G$18=$B$24,21,0),MOD($C2823,24)+1)/SUM(INDEX($D$3:$AA$30,INDEX(Jesper!$R$2:$R$366,ROW(INDEX(Jesper!AH$2:AH$366,ROUNDDOWN($C2823/24,0)+1,1))-1)+IF('Standard Profiles'!$G$18=$B$10,7,0)+IF('Standard Profiles'!$G$18=$B$17,14,0)+IF('Standard Profiles'!$G$18=$B$24,21,0),0)),0)</f>
        <v>5.7965099397591127</v>
      </c>
      <c r="E2823" cm="1">
        <f t="array" ref="E2823">IFERROR(INDEX(Jesper!AI$2:AI$366,ROUNDDOWN($C2823/24,0)+1,1)*INDEX($D$3:$AA$30,INDEX(Jesper!$R$2:$R$366,ROW(INDEX(Jesper!AI$2:AI$366,ROUNDDOWN($C2823/24,0)+1,1))-1)+IF('Standard Profiles'!$G$19=$B$10,7,0)+IF('Standard Profiles'!$G$19=$B$17,14,0)+IF('Standard Profiles'!$G$19=$B$24,21,0),MOD($C2823,24)+1)/SUM(INDEX($D$3:$AA$30,INDEX(Jesper!$R$2:$R$366,ROW(INDEX(Jesper!AI$2:AI$366,ROUNDDOWN($C2823/24,0)+1,1))-1)+IF('Standard Profiles'!$G$19=$B$10,7,0)+IF('Standard Profiles'!$G$19=$B$17,14,0)+IF('Standard Profiles'!$G$19=$B$24,21,0),0)),0)</f>
        <v>4.6981208187527947</v>
      </c>
      <c r="F2823" cm="1">
        <f t="array" ref="F2823">IFERROR(INDEX(Jesper!AJ$2:AJ$366,ROUNDDOWN($C2823/24,0)+1,1)*INDEX($D$3:$AA$30,INDEX(Jesper!$R$2:$R$366,ROW(INDEX(Jesper!AJ$2:AJ$366,ROUNDDOWN($C2823/24,0)+1,1))-1)+IF('Standard Profiles'!$G$20=$B$10,7,0)+IF('Standard Profiles'!$G$20=$B$17,14,0)+IF('Standard Profiles'!$G$20=$B$24,21,0),MOD($C2823,24)+1)/SUM(INDEX($D$3:$AA$30,INDEX(Jesper!$R$2:$R$366,ROW(INDEX(Jesper!AJ$2:AJ$366,ROUNDDOWN($C2823/24,0)+1,1))-1)+IF('Standard Profiles'!$G$20=$B$10,7,0)+IF('Standard Profiles'!$G$20=$B$17,14,0)+IF('Standard Profiles'!$G$20=$B$24,21,0),0)),0)</f>
        <v>0</v>
      </c>
      <c r="G2823" cm="1">
        <f t="array" ref="G2823">IFERROR(INDEX(Jesper!AK$2:AK$366,ROUNDDOWN($C2823/24,0)+1,1)*INDEX($D$3:$AA$30,INDEX(Jesper!$R$2:$R$366,ROW(INDEX(Jesper!AK$2:AK$366,ROUNDDOWN($C2823/24,0)+1,1))-1)+IF('Standard Profiles'!$G$21=$B$10,7,0)+IF('Standard Profiles'!$G$21=$B$17,14,0)+IF('Standard Profiles'!$G$21=$B$24,21,0),MOD($C2823,24)+1)/SUM(INDEX($D$3:$AA$30,INDEX(Jesper!$R$2:$R$366,ROW(INDEX(Jesper!AK$2:AK$366,ROUNDDOWN($C2823/24,0)+1,1))-1)+IF('Standard Profiles'!$G$21=$B$10,7,0)+IF('Standard Profiles'!$G$21=$B$17,14,0)+IF('Standard Profiles'!$G$21=$B$24,21,0),0)),0)</f>
        <v>2.4932782146110095</v>
      </c>
      <c r="H2823" cm="1">
        <f t="array" ref="H2823">IFERROR(INDEX(Jesper!AL$2:AL$366,ROUNDDOWN($C2823/24,0)+1,1)*INDEX($D$3:$AA$30,INDEX(Jesper!$R$2:$R$366,ROW(INDEX(Jesper!AL$2:AL$366,ROUNDDOWN($C2823/24,0)+1,1))-1)+IF('Standard Profiles'!$G$22=$B$10,7,0)+IF('Standard Profiles'!$G$22=$B$17,14,0)+IF('Standard Profiles'!$G$22=$B$24,21,0),MOD($C2823,24)+1)/SUM(INDEX($D$3:$AA$30,INDEX(Jesper!$R$2:$R$366,ROW(INDEX(Jesper!AL$2:AL$366,ROUNDDOWN($C2823/24,0)+1,1))-1)+IF('Standard Profiles'!$G$22=$B$10,7,0)+IF('Standard Profiles'!$G$22=$B$17,14,0)+IF('Standard Profiles'!$G$22=$B$24,21,0),0)),0)</f>
        <v>0</v>
      </c>
      <c r="I2823">
        <f t="shared" si="321"/>
        <v>1.196773543013284</v>
      </c>
      <c r="J2823">
        <f t="shared" si="322"/>
        <v>10.863693839748175</v>
      </c>
      <c r="K2823">
        <f t="shared" si="323"/>
        <v>0.61829439357430538</v>
      </c>
      <c r="L2823">
        <f t="shared" si="324"/>
        <v>0.30914719678715269</v>
      </c>
      <c r="M2823">
        <f t="shared" si="325"/>
        <v>0</v>
      </c>
      <c r="N2823" s="45">
        <f t="shared" si="326"/>
        <v>45043.208333326569</v>
      </c>
    </row>
    <row r="2824" spans="2:14" x14ac:dyDescent="0.25">
      <c r="B2824">
        <f t="shared" si="320"/>
        <v>4</v>
      </c>
      <c r="C2824" s="16">
        <v>2790</v>
      </c>
      <c r="D2824" cm="1">
        <f t="array" ref="D2824">IFERROR(INDEX(Jesper!AH$2:AH$366,ROUNDDOWN($C2824/24,0)+1,1)*INDEX($D$3:$AA$30,INDEX(Jesper!$R$2:$R$366,ROW(INDEX(Jesper!AH$2:AH$366,ROUNDDOWN($C2824/24,0)+1,1))-1)+IF('Standard Profiles'!$G$18=$B$10,7,0)+IF('Standard Profiles'!$G$18=$B$17,14,0)+IF('Standard Profiles'!$G$18=$B$24,21,0),MOD($C2824,24)+1)/SUM(INDEX($D$3:$AA$30,INDEX(Jesper!$R$2:$R$366,ROW(INDEX(Jesper!AH$2:AH$366,ROUNDDOWN($C2824/24,0)+1,1))-1)+IF('Standard Profiles'!$G$18=$B$10,7,0)+IF('Standard Profiles'!$G$18=$B$17,14,0)+IF('Standard Profiles'!$G$18=$B$24,21,0),0)),0)</f>
        <v>5.7965099397591127</v>
      </c>
      <c r="E2824" cm="1">
        <f t="array" ref="E2824">IFERROR(INDEX(Jesper!AI$2:AI$366,ROUNDDOWN($C2824/24,0)+1,1)*INDEX($D$3:$AA$30,INDEX(Jesper!$R$2:$R$366,ROW(INDEX(Jesper!AI$2:AI$366,ROUNDDOWN($C2824/24,0)+1,1))-1)+IF('Standard Profiles'!$G$19=$B$10,7,0)+IF('Standard Profiles'!$G$19=$B$17,14,0)+IF('Standard Profiles'!$G$19=$B$24,21,0),MOD($C2824,24)+1)/SUM(INDEX($D$3:$AA$30,INDEX(Jesper!$R$2:$R$366,ROW(INDEX(Jesper!AI$2:AI$366,ROUNDDOWN($C2824/24,0)+1,1))-1)+IF('Standard Profiles'!$G$19=$B$10,7,0)+IF('Standard Profiles'!$G$19=$B$17,14,0)+IF('Standard Profiles'!$G$19=$B$24,21,0),0)),0)</f>
        <v>4.6981208187527947</v>
      </c>
      <c r="F2824" cm="1">
        <f t="array" ref="F2824">IFERROR(INDEX(Jesper!AJ$2:AJ$366,ROUNDDOWN($C2824/24,0)+1,1)*INDEX($D$3:$AA$30,INDEX(Jesper!$R$2:$R$366,ROW(INDEX(Jesper!AJ$2:AJ$366,ROUNDDOWN($C2824/24,0)+1,1))-1)+IF('Standard Profiles'!$G$20=$B$10,7,0)+IF('Standard Profiles'!$G$20=$B$17,14,0)+IF('Standard Profiles'!$G$20=$B$24,21,0),MOD($C2824,24)+1)/SUM(INDEX($D$3:$AA$30,INDEX(Jesper!$R$2:$R$366,ROW(INDEX(Jesper!AJ$2:AJ$366,ROUNDDOWN($C2824/24,0)+1,1))-1)+IF('Standard Profiles'!$G$20=$B$10,7,0)+IF('Standard Profiles'!$G$20=$B$17,14,0)+IF('Standard Profiles'!$G$20=$B$24,21,0),0)),0)</f>
        <v>0</v>
      </c>
      <c r="G2824" cm="1">
        <f t="array" ref="G2824">IFERROR(INDEX(Jesper!AK$2:AK$366,ROUNDDOWN($C2824/24,0)+1,1)*INDEX($D$3:$AA$30,INDEX(Jesper!$R$2:$R$366,ROW(INDEX(Jesper!AK$2:AK$366,ROUNDDOWN($C2824/24,0)+1,1))-1)+IF('Standard Profiles'!$G$21=$B$10,7,0)+IF('Standard Profiles'!$G$21=$B$17,14,0)+IF('Standard Profiles'!$G$21=$B$24,21,0),MOD($C2824,24)+1)/SUM(INDEX($D$3:$AA$30,INDEX(Jesper!$R$2:$R$366,ROW(INDEX(Jesper!AK$2:AK$366,ROUNDDOWN($C2824/24,0)+1,1))-1)+IF('Standard Profiles'!$G$21=$B$10,7,0)+IF('Standard Profiles'!$G$21=$B$17,14,0)+IF('Standard Profiles'!$G$21=$B$24,21,0),0)),0)</f>
        <v>2.4932782146110095</v>
      </c>
      <c r="H2824" cm="1">
        <f t="array" ref="H2824">IFERROR(INDEX(Jesper!AL$2:AL$366,ROUNDDOWN($C2824/24,0)+1,1)*INDEX($D$3:$AA$30,INDEX(Jesper!$R$2:$R$366,ROW(INDEX(Jesper!AL$2:AL$366,ROUNDDOWN($C2824/24,0)+1,1))-1)+IF('Standard Profiles'!$G$22=$B$10,7,0)+IF('Standard Profiles'!$G$22=$B$17,14,0)+IF('Standard Profiles'!$G$22=$B$24,21,0),MOD($C2824,24)+1)/SUM(INDEX($D$3:$AA$30,INDEX(Jesper!$R$2:$R$366,ROW(INDEX(Jesper!AL$2:AL$366,ROUNDDOWN($C2824/24,0)+1,1))-1)+IF('Standard Profiles'!$G$22=$B$10,7,0)+IF('Standard Profiles'!$G$22=$B$17,14,0)+IF('Standard Profiles'!$G$22=$B$24,21,0),0)),0)</f>
        <v>0</v>
      </c>
      <c r="I2824">
        <f t="shared" si="321"/>
        <v>1.196773543013284</v>
      </c>
      <c r="J2824">
        <f t="shared" si="322"/>
        <v>10.863693839748175</v>
      </c>
      <c r="K2824">
        <f t="shared" si="323"/>
        <v>0.61829439357430538</v>
      </c>
      <c r="L2824">
        <f t="shared" si="324"/>
        <v>0.30914719678715269</v>
      </c>
      <c r="M2824">
        <f t="shared" si="325"/>
        <v>0</v>
      </c>
      <c r="N2824" s="45">
        <f t="shared" si="326"/>
        <v>45043.249999993233</v>
      </c>
    </row>
    <row r="2825" spans="2:14" x14ac:dyDescent="0.25">
      <c r="B2825">
        <f t="shared" si="320"/>
        <v>4</v>
      </c>
      <c r="C2825" s="16">
        <v>2791</v>
      </c>
      <c r="D2825" cm="1">
        <f t="array" ref="D2825">IFERROR(INDEX(Jesper!AH$2:AH$366,ROUNDDOWN($C2825/24,0)+1,1)*INDEX($D$3:$AA$30,INDEX(Jesper!$R$2:$R$366,ROW(INDEX(Jesper!AH$2:AH$366,ROUNDDOWN($C2825/24,0)+1,1))-1)+IF('Standard Profiles'!$G$18=$B$10,7,0)+IF('Standard Profiles'!$G$18=$B$17,14,0)+IF('Standard Profiles'!$G$18=$B$24,21,0),MOD($C2825,24)+1)/SUM(INDEX($D$3:$AA$30,INDEX(Jesper!$R$2:$R$366,ROW(INDEX(Jesper!AH$2:AH$366,ROUNDDOWN($C2825/24,0)+1,1))-1)+IF('Standard Profiles'!$G$18=$B$10,7,0)+IF('Standard Profiles'!$G$18=$B$17,14,0)+IF('Standard Profiles'!$G$18=$B$24,21,0),0)),0)</f>
        <v>23.695430026469822</v>
      </c>
      <c r="E2825" cm="1">
        <f t="array" ref="E2825">IFERROR(INDEX(Jesper!AI$2:AI$366,ROUNDDOWN($C2825/24,0)+1,1)*INDEX($D$3:$AA$30,INDEX(Jesper!$R$2:$R$366,ROW(INDEX(Jesper!AI$2:AI$366,ROUNDDOWN($C2825/24,0)+1,1))-1)+IF('Standard Profiles'!$G$19=$B$10,7,0)+IF('Standard Profiles'!$G$19=$B$17,14,0)+IF('Standard Profiles'!$G$19=$B$24,21,0),MOD($C2825,24)+1)/SUM(INDEX($D$3:$AA$30,INDEX(Jesper!$R$2:$R$366,ROW(INDEX(Jesper!AI$2:AI$366,ROUNDDOWN($C2825/24,0)+1,1))-1)+IF('Standard Profiles'!$G$19=$B$10,7,0)+IF('Standard Profiles'!$G$19=$B$17,14,0)+IF('Standard Profiles'!$G$19=$B$24,21,0),0)),0)</f>
        <v>19.205348437871272</v>
      </c>
      <c r="F2825" cm="1">
        <f t="array" ref="F2825">IFERROR(INDEX(Jesper!AJ$2:AJ$366,ROUNDDOWN($C2825/24,0)+1,1)*INDEX($D$3:$AA$30,INDEX(Jesper!$R$2:$R$366,ROW(INDEX(Jesper!AJ$2:AJ$366,ROUNDDOWN($C2825/24,0)+1,1))-1)+IF('Standard Profiles'!$G$20=$B$10,7,0)+IF('Standard Profiles'!$G$20=$B$17,14,0)+IF('Standard Profiles'!$G$20=$B$24,21,0),MOD($C2825,24)+1)/SUM(INDEX($D$3:$AA$30,INDEX(Jesper!$R$2:$R$366,ROW(INDEX(Jesper!AJ$2:AJ$366,ROUNDDOWN($C2825/24,0)+1,1))-1)+IF('Standard Profiles'!$G$20=$B$10,7,0)+IF('Standard Profiles'!$G$20=$B$17,14,0)+IF('Standard Profiles'!$G$20=$B$24,21,0),0)),0)</f>
        <v>0</v>
      </c>
      <c r="G2825" cm="1">
        <f t="array" ref="G2825">IFERROR(INDEX(Jesper!AK$2:AK$366,ROUNDDOWN($C2825/24,0)+1,1)*INDEX($D$3:$AA$30,INDEX(Jesper!$R$2:$R$366,ROW(INDEX(Jesper!AK$2:AK$366,ROUNDDOWN($C2825/24,0)+1,1))-1)+IF('Standard Profiles'!$G$21=$B$10,7,0)+IF('Standard Profiles'!$G$21=$B$17,14,0)+IF('Standard Profiles'!$G$21=$B$24,21,0),MOD($C2825,24)+1)/SUM(INDEX($D$3:$AA$30,INDEX(Jesper!$R$2:$R$366,ROW(INDEX(Jesper!AK$2:AK$366,ROUNDDOWN($C2825/24,0)+1,1))-1)+IF('Standard Profiles'!$G$21=$B$10,7,0)+IF('Standard Profiles'!$G$21=$B$17,14,0)+IF('Standard Profiles'!$G$21=$B$24,21,0),0)),0)</f>
        <v>6.8689814812533303</v>
      </c>
      <c r="H2825" cm="1">
        <f t="array" ref="H2825">IFERROR(INDEX(Jesper!AL$2:AL$366,ROUNDDOWN($C2825/24,0)+1,1)*INDEX($D$3:$AA$30,INDEX(Jesper!$R$2:$R$366,ROW(INDEX(Jesper!AL$2:AL$366,ROUNDDOWN($C2825/24,0)+1,1))-1)+IF('Standard Profiles'!$G$22=$B$10,7,0)+IF('Standard Profiles'!$G$22=$B$17,14,0)+IF('Standard Profiles'!$G$22=$B$24,21,0),MOD($C2825,24)+1)/SUM(INDEX($D$3:$AA$30,INDEX(Jesper!$R$2:$R$366,ROW(INDEX(Jesper!AL$2:AL$366,ROUNDDOWN($C2825/24,0)+1,1))-1)+IF('Standard Profiles'!$G$22=$B$10,7,0)+IF('Standard Profiles'!$G$22=$B$17,14,0)+IF('Standard Profiles'!$G$22=$B$24,21,0),0)),0)</f>
        <v>0</v>
      </c>
      <c r="I2825">
        <f t="shared" si="321"/>
        <v>3.2971111110015969</v>
      </c>
      <c r="J2825">
        <f t="shared" si="322"/>
        <v>42.681380030357651</v>
      </c>
      <c r="K2825">
        <f t="shared" si="323"/>
        <v>2.527512536156781</v>
      </c>
      <c r="L2825">
        <f t="shared" si="324"/>
        <v>1.2637562680783905</v>
      </c>
      <c r="M2825">
        <f t="shared" si="325"/>
        <v>0</v>
      </c>
      <c r="N2825" s="45">
        <f t="shared" si="326"/>
        <v>45043.291666659898</v>
      </c>
    </row>
    <row r="2826" spans="2:14" x14ac:dyDescent="0.25">
      <c r="B2826">
        <f t="shared" si="320"/>
        <v>4</v>
      </c>
      <c r="C2826" s="16">
        <v>2792</v>
      </c>
      <c r="D2826" cm="1">
        <f t="array" ref="D2826">IFERROR(INDEX(Jesper!AH$2:AH$366,ROUNDDOWN($C2826/24,0)+1,1)*INDEX($D$3:$AA$30,INDEX(Jesper!$R$2:$R$366,ROW(INDEX(Jesper!AH$2:AH$366,ROUNDDOWN($C2826/24,0)+1,1))-1)+IF('Standard Profiles'!$G$18=$B$10,7,0)+IF('Standard Profiles'!$G$18=$B$17,14,0)+IF('Standard Profiles'!$G$18=$B$24,21,0),MOD($C2826,24)+1)/SUM(INDEX($D$3:$AA$30,INDEX(Jesper!$R$2:$R$366,ROW(INDEX(Jesper!AH$2:AH$366,ROUNDDOWN($C2826/24,0)+1,1))-1)+IF('Standard Profiles'!$G$18=$B$10,7,0)+IF('Standard Profiles'!$G$18=$B$17,14,0)+IF('Standard Profiles'!$G$18=$B$24,21,0),0)),0)</f>
        <v>26.439111397955806</v>
      </c>
      <c r="E2826" cm="1">
        <f t="array" ref="E2826">IFERROR(INDEX(Jesper!AI$2:AI$366,ROUNDDOWN($C2826/24,0)+1,1)*INDEX($D$3:$AA$30,INDEX(Jesper!$R$2:$R$366,ROW(INDEX(Jesper!AI$2:AI$366,ROUNDDOWN($C2826/24,0)+1,1))-1)+IF('Standard Profiles'!$G$19=$B$10,7,0)+IF('Standard Profiles'!$G$19=$B$17,14,0)+IF('Standard Profiles'!$G$19=$B$24,21,0),MOD($C2826,24)+1)/SUM(INDEX($D$3:$AA$30,INDEX(Jesper!$R$2:$R$366,ROW(INDEX(Jesper!AI$2:AI$366,ROUNDDOWN($C2826/24,0)+1,1))-1)+IF('Standard Profiles'!$G$19=$B$10,7,0)+IF('Standard Profiles'!$G$19=$B$17,14,0)+IF('Standard Profiles'!$G$19=$B$24,21,0),0)),0)</f>
        <v>21.429125625414262</v>
      </c>
      <c r="F2826" cm="1">
        <f t="array" ref="F2826">IFERROR(INDEX(Jesper!AJ$2:AJ$366,ROUNDDOWN($C2826/24,0)+1,1)*INDEX($D$3:$AA$30,INDEX(Jesper!$R$2:$R$366,ROW(INDEX(Jesper!AJ$2:AJ$366,ROUNDDOWN($C2826/24,0)+1,1))-1)+IF('Standard Profiles'!$G$20=$B$10,7,0)+IF('Standard Profiles'!$G$20=$B$17,14,0)+IF('Standard Profiles'!$G$20=$B$24,21,0),MOD($C2826,24)+1)/SUM(INDEX($D$3:$AA$30,INDEX(Jesper!$R$2:$R$366,ROW(INDEX(Jesper!AJ$2:AJ$366,ROUNDDOWN($C2826/24,0)+1,1))-1)+IF('Standard Profiles'!$G$20=$B$10,7,0)+IF('Standard Profiles'!$G$20=$B$17,14,0)+IF('Standard Profiles'!$G$20=$B$24,21,0),0)),0)</f>
        <v>0</v>
      </c>
      <c r="G2826" cm="1">
        <f t="array" ref="G2826">IFERROR(INDEX(Jesper!AK$2:AK$366,ROUNDDOWN($C2826/24,0)+1,1)*INDEX($D$3:$AA$30,INDEX(Jesper!$R$2:$R$366,ROW(INDEX(Jesper!AK$2:AK$366,ROUNDDOWN($C2826/24,0)+1,1))-1)+IF('Standard Profiles'!$G$21=$B$10,7,0)+IF('Standard Profiles'!$G$21=$B$17,14,0)+IF('Standard Profiles'!$G$21=$B$24,21,0),MOD($C2826,24)+1)/SUM(INDEX($D$3:$AA$30,INDEX(Jesper!$R$2:$R$366,ROW(INDEX(Jesper!AK$2:AK$366,ROUNDDOWN($C2826/24,0)+1,1))-1)+IF('Standard Profiles'!$G$21=$B$10,7,0)+IF('Standard Profiles'!$G$21=$B$17,14,0)+IF('Standard Profiles'!$G$21=$B$24,21,0),0)),0)</f>
        <v>7.6643372317142431</v>
      </c>
      <c r="H2826" cm="1">
        <f t="array" ref="H2826">IFERROR(INDEX(Jesper!AL$2:AL$366,ROUNDDOWN($C2826/24,0)+1,1)*INDEX($D$3:$AA$30,INDEX(Jesper!$R$2:$R$366,ROW(INDEX(Jesper!AL$2:AL$366,ROUNDDOWN($C2826/24,0)+1,1))-1)+IF('Standard Profiles'!$G$22=$B$10,7,0)+IF('Standard Profiles'!$G$22=$B$17,14,0)+IF('Standard Profiles'!$G$22=$B$24,21,0),MOD($C2826,24)+1)/SUM(INDEX($D$3:$AA$30,INDEX(Jesper!$R$2:$R$366,ROW(INDEX(Jesper!AL$2:AL$366,ROUNDDOWN($C2826/24,0)+1,1))-1)+IF('Standard Profiles'!$G$22=$B$10,7,0)+IF('Standard Profiles'!$G$22=$B$17,14,0)+IF('Standard Profiles'!$G$22=$B$24,21,0),0)),0)</f>
        <v>0</v>
      </c>
      <c r="I2826">
        <f t="shared" si="321"/>
        <v>3.6788818712228348</v>
      </c>
      <c r="J2826">
        <f t="shared" si="322"/>
        <v>47.623434560188549</v>
      </c>
      <c r="K2826">
        <f t="shared" si="323"/>
        <v>2.8201718824486193</v>
      </c>
      <c r="L2826">
        <f t="shared" si="324"/>
        <v>1.4100859412243096</v>
      </c>
      <c r="M2826">
        <f t="shared" si="325"/>
        <v>0</v>
      </c>
      <c r="N2826" s="45">
        <f t="shared" si="326"/>
        <v>45043.333333326562</v>
      </c>
    </row>
    <row r="2827" spans="2:14" x14ac:dyDescent="0.25">
      <c r="B2827">
        <f t="shared" si="320"/>
        <v>4</v>
      </c>
      <c r="C2827" s="16">
        <v>2793</v>
      </c>
      <c r="D2827" cm="1">
        <f t="array" ref="D2827">IFERROR(INDEX(Jesper!AH$2:AH$366,ROUNDDOWN($C2827/24,0)+1,1)*INDEX($D$3:$AA$30,INDEX(Jesper!$R$2:$R$366,ROW(INDEX(Jesper!AH$2:AH$366,ROUNDDOWN($C2827/24,0)+1,1))-1)+IF('Standard Profiles'!$G$18=$B$10,7,0)+IF('Standard Profiles'!$G$18=$B$17,14,0)+IF('Standard Profiles'!$G$18=$B$24,21,0),MOD($C2827,24)+1)/SUM(INDEX($D$3:$AA$30,INDEX(Jesper!$R$2:$R$366,ROW(INDEX(Jesper!AH$2:AH$366,ROUNDDOWN($C2827/24,0)+1,1))-1)+IF('Standard Profiles'!$G$18=$B$10,7,0)+IF('Standard Profiles'!$G$18=$B$17,14,0)+IF('Standard Profiles'!$G$18=$B$24,21,0),0)),0)</f>
        <v>29.182792769441786</v>
      </c>
      <c r="E2827" cm="1">
        <f t="array" ref="E2827">IFERROR(INDEX(Jesper!AI$2:AI$366,ROUNDDOWN($C2827/24,0)+1,1)*INDEX($D$3:$AA$30,INDEX(Jesper!$R$2:$R$366,ROW(INDEX(Jesper!AI$2:AI$366,ROUNDDOWN($C2827/24,0)+1,1))-1)+IF('Standard Profiles'!$G$19=$B$10,7,0)+IF('Standard Profiles'!$G$19=$B$17,14,0)+IF('Standard Profiles'!$G$19=$B$24,21,0),MOD($C2827,24)+1)/SUM(INDEX($D$3:$AA$30,INDEX(Jesper!$R$2:$R$366,ROW(INDEX(Jesper!AI$2:AI$366,ROUNDDOWN($C2827/24,0)+1,1))-1)+IF('Standard Profiles'!$G$19=$B$10,7,0)+IF('Standard Profiles'!$G$19=$B$17,14,0)+IF('Standard Profiles'!$G$19=$B$24,21,0),0)),0)</f>
        <v>23.652902812957254</v>
      </c>
      <c r="F2827" cm="1">
        <f t="array" ref="F2827">IFERROR(INDEX(Jesper!AJ$2:AJ$366,ROUNDDOWN($C2827/24,0)+1,1)*INDEX($D$3:$AA$30,INDEX(Jesper!$R$2:$R$366,ROW(INDEX(Jesper!AJ$2:AJ$366,ROUNDDOWN($C2827/24,0)+1,1))-1)+IF('Standard Profiles'!$G$20=$B$10,7,0)+IF('Standard Profiles'!$G$20=$B$17,14,0)+IF('Standard Profiles'!$G$20=$B$24,21,0),MOD($C2827,24)+1)/SUM(INDEX($D$3:$AA$30,INDEX(Jesper!$R$2:$R$366,ROW(INDEX(Jesper!AJ$2:AJ$366,ROUNDDOWN($C2827/24,0)+1,1))-1)+IF('Standard Profiles'!$G$20=$B$10,7,0)+IF('Standard Profiles'!$G$20=$B$17,14,0)+IF('Standard Profiles'!$G$20=$B$24,21,0),0)),0)</f>
        <v>0</v>
      </c>
      <c r="G2827" cm="1">
        <f t="array" ref="G2827">IFERROR(INDEX(Jesper!AK$2:AK$366,ROUNDDOWN($C2827/24,0)+1,1)*INDEX($D$3:$AA$30,INDEX(Jesper!$R$2:$R$366,ROW(INDEX(Jesper!AK$2:AK$366,ROUNDDOWN($C2827/24,0)+1,1))-1)+IF('Standard Profiles'!$G$21=$B$10,7,0)+IF('Standard Profiles'!$G$21=$B$17,14,0)+IF('Standard Profiles'!$G$21=$B$24,21,0),MOD($C2827,24)+1)/SUM(INDEX($D$3:$AA$30,INDEX(Jesper!$R$2:$R$366,ROW(INDEX(Jesper!AK$2:AK$366,ROUNDDOWN($C2827/24,0)+1,1))-1)+IF('Standard Profiles'!$G$21=$B$10,7,0)+IF('Standard Profiles'!$G$21=$B$17,14,0)+IF('Standard Profiles'!$G$21=$B$24,21,0),0)),0)</f>
        <v>8.4596929821751559</v>
      </c>
      <c r="H2827" cm="1">
        <f t="array" ref="H2827">IFERROR(INDEX(Jesper!AL$2:AL$366,ROUNDDOWN($C2827/24,0)+1,1)*INDEX($D$3:$AA$30,INDEX(Jesper!$R$2:$R$366,ROW(INDEX(Jesper!AL$2:AL$366,ROUNDDOWN($C2827/24,0)+1,1))-1)+IF('Standard Profiles'!$G$22=$B$10,7,0)+IF('Standard Profiles'!$G$22=$B$17,14,0)+IF('Standard Profiles'!$G$22=$B$24,21,0),MOD($C2827,24)+1)/SUM(INDEX($D$3:$AA$30,INDEX(Jesper!$R$2:$R$366,ROW(INDEX(Jesper!AL$2:AL$366,ROUNDDOWN($C2827/24,0)+1,1))-1)+IF('Standard Profiles'!$G$22=$B$10,7,0)+IF('Standard Profiles'!$G$22=$B$17,14,0)+IF('Standard Profiles'!$G$22=$B$24,21,0),0)),0)</f>
        <v>0</v>
      </c>
      <c r="I2827">
        <f t="shared" si="321"/>
        <v>4.0606526314440732</v>
      </c>
      <c r="J2827">
        <f t="shared" si="322"/>
        <v>52.56548909001944</v>
      </c>
      <c r="K2827">
        <f t="shared" si="323"/>
        <v>3.1128312287404571</v>
      </c>
      <c r="L2827">
        <f t="shared" si="324"/>
        <v>1.5564156143702286</v>
      </c>
      <c r="M2827">
        <f t="shared" si="325"/>
        <v>0</v>
      </c>
      <c r="N2827" s="45">
        <f t="shared" si="326"/>
        <v>45043.374999993226</v>
      </c>
    </row>
    <row r="2828" spans="2:14" x14ac:dyDescent="0.25">
      <c r="B2828">
        <f t="shared" si="320"/>
        <v>4</v>
      </c>
      <c r="C2828" s="16">
        <v>2794</v>
      </c>
      <c r="D2828" cm="1">
        <f t="array" ref="D2828">IFERROR(INDEX(Jesper!AH$2:AH$366,ROUNDDOWN($C2828/24,0)+1,1)*INDEX($D$3:$AA$30,INDEX(Jesper!$R$2:$R$366,ROW(INDEX(Jesper!AH$2:AH$366,ROUNDDOWN($C2828/24,0)+1,1))-1)+IF('Standard Profiles'!$G$18=$B$10,7,0)+IF('Standard Profiles'!$G$18=$B$17,14,0)+IF('Standard Profiles'!$G$18=$B$24,21,0),MOD($C2828,24)+1)/SUM(INDEX($D$3:$AA$30,INDEX(Jesper!$R$2:$R$366,ROW(INDEX(Jesper!AH$2:AH$366,ROUNDDOWN($C2828/24,0)+1,1))-1)+IF('Standard Profiles'!$G$18=$B$10,7,0)+IF('Standard Profiles'!$G$18=$B$17,14,0)+IF('Standard Profiles'!$G$18=$B$24,21,0),0)),0)</f>
        <v>29.182792769441786</v>
      </c>
      <c r="E2828" cm="1">
        <f t="array" ref="E2828">IFERROR(INDEX(Jesper!AI$2:AI$366,ROUNDDOWN($C2828/24,0)+1,1)*INDEX($D$3:$AA$30,INDEX(Jesper!$R$2:$R$366,ROW(INDEX(Jesper!AI$2:AI$366,ROUNDDOWN($C2828/24,0)+1,1))-1)+IF('Standard Profiles'!$G$19=$B$10,7,0)+IF('Standard Profiles'!$G$19=$B$17,14,0)+IF('Standard Profiles'!$G$19=$B$24,21,0),MOD($C2828,24)+1)/SUM(INDEX($D$3:$AA$30,INDEX(Jesper!$R$2:$R$366,ROW(INDEX(Jesper!AI$2:AI$366,ROUNDDOWN($C2828/24,0)+1,1))-1)+IF('Standard Profiles'!$G$19=$B$10,7,0)+IF('Standard Profiles'!$G$19=$B$17,14,0)+IF('Standard Profiles'!$G$19=$B$24,21,0),0)),0)</f>
        <v>23.652902812957254</v>
      </c>
      <c r="F2828" cm="1">
        <f t="array" ref="F2828">IFERROR(INDEX(Jesper!AJ$2:AJ$366,ROUNDDOWN($C2828/24,0)+1,1)*INDEX($D$3:$AA$30,INDEX(Jesper!$R$2:$R$366,ROW(INDEX(Jesper!AJ$2:AJ$366,ROUNDDOWN($C2828/24,0)+1,1))-1)+IF('Standard Profiles'!$G$20=$B$10,7,0)+IF('Standard Profiles'!$G$20=$B$17,14,0)+IF('Standard Profiles'!$G$20=$B$24,21,0),MOD($C2828,24)+1)/SUM(INDEX($D$3:$AA$30,INDEX(Jesper!$R$2:$R$366,ROW(INDEX(Jesper!AJ$2:AJ$366,ROUNDDOWN($C2828/24,0)+1,1))-1)+IF('Standard Profiles'!$G$20=$B$10,7,0)+IF('Standard Profiles'!$G$20=$B$17,14,0)+IF('Standard Profiles'!$G$20=$B$24,21,0),0)),0)</f>
        <v>0</v>
      </c>
      <c r="G2828" cm="1">
        <f t="array" ref="G2828">IFERROR(INDEX(Jesper!AK$2:AK$366,ROUNDDOWN($C2828/24,0)+1,1)*INDEX($D$3:$AA$30,INDEX(Jesper!$R$2:$R$366,ROW(INDEX(Jesper!AK$2:AK$366,ROUNDDOWN($C2828/24,0)+1,1))-1)+IF('Standard Profiles'!$G$21=$B$10,7,0)+IF('Standard Profiles'!$G$21=$B$17,14,0)+IF('Standard Profiles'!$G$21=$B$24,21,0),MOD($C2828,24)+1)/SUM(INDEX($D$3:$AA$30,INDEX(Jesper!$R$2:$R$366,ROW(INDEX(Jesper!AK$2:AK$366,ROUNDDOWN($C2828/24,0)+1,1))-1)+IF('Standard Profiles'!$G$21=$B$10,7,0)+IF('Standard Profiles'!$G$21=$B$17,14,0)+IF('Standard Profiles'!$G$21=$B$24,21,0),0)),0)</f>
        <v>8.4596929821751559</v>
      </c>
      <c r="H2828" cm="1">
        <f t="array" ref="H2828">IFERROR(INDEX(Jesper!AL$2:AL$366,ROUNDDOWN($C2828/24,0)+1,1)*INDEX($D$3:$AA$30,INDEX(Jesper!$R$2:$R$366,ROW(INDEX(Jesper!AL$2:AL$366,ROUNDDOWN($C2828/24,0)+1,1))-1)+IF('Standard Profiles'!$G$22=$B$10,7,0)+IF('Standard Profiles'!$G$22=$B$17,14,0)+IF('Standard Profiles'!$G$22=$B$24,21,0),MOD($C2828,24)+1)/SUM(INDEX($D$3:$AA$30,INDEX(Jesper!$R$2:$R$366,ROW(INDEX(Jesper!AL$2:AL$366,ROUNDDOWN($C2828/24,0)+1,1))-1)+IF('Standard Profiles'!$G$22=$B$10,7,0)+IF('Standard Profiles'!$G$22=$B$17,14,0)+IF('Standard Profiles'!$G$22=$B$24,21,0),0)),0)</f>
        <v>0</v>
      </c>
      <c r="I2828">
        <f t="shared" si="321"/>
        <v>4.0606526314440732</v>
      </c>
      <c r="J2828">
        <f t="shared" si="322"/>
        <v>52.56548909001944</v>
      </c>
      <c r="K2828">
        <f t="shared" si="323"/>
        <v>3.1128312287404571</v>
      </c>
      <c r="L2828">
        <f t="shared" si="324"/>
        <v>1.5564156143702286</v>
      </c>
      <c r="M2828">
        <f t="shared" si="325"/>
        <v>0</v>
      </c>
      <c r="N2828" s="45">
        <f t="shared" si="326"/>
        <v>45043.41666665989</v>
      </c>
    </row>
    <row r="2829" spans="2:14" x14ac:dyDescent="0.25">
      <c r="B2829">
        <f t="shared" si="320"/>
        <v>4</v>
      </c>
      <c r="C2829" s="16">
        <v>2795</v>
      </c>
      <c r="D2829" cm="1">
        <f t="array" ref="D2829">IFERROR(INDEX(Jesper!AH$2:AH$366,ROUNDDOWN($C2829/24,0)+1,1)*INDEX($D$3:$AA$30,INDEX(Jesper!$R$2:$R$366,ROW(INDEX(Jesper!AH$2:AH$366,ROUNDDOWN($C2829/24,0)+1,1))-1)+IF('Standard Profiles'!$G$18=$B$10,7,0)+IF('Standard Profiles'!$G$18=$B$17,14,0)+IF('Standard Profiles'!$G$18=$B$24,21,0),MOD($C2829,24)+1)/SUM(INDEX($D$3:$AA$30,INDEX(Jesper!$R$2:$R$366,ROW(INDEX(Jesper!AH$2:AH$366,ROUNDDOWN($C2829/24,0)+1,1))-1)+IF('Standard Profiles'!$G$18=$B$10,7,0)+IF('Standard Profiles'!$G$18=$B$17,14,0)+IF('Standard Profiles'!$G$18=$B$24,21,0),0)),0)</f>
        <v>34.919581091639742</v>
      </c>
      <c r="E2829" cm="1">
        <f t="array" ref="E2829">IFERROR(INDEX(Jesper!AI$2:AI$366,ROUNDDOWN($C2829/24,0)+1,1)*INDEX($D$3:$AA$30,INDEX(Jesper!$R$2:$R$366,ROW(INDEX(Jesper!AI$2:AI$366,ROUNDDOWN($C2829/24,0)+1,1))-1)+IF('Standard Profiles'!$G$19=$B$10,7,0)+IF('Standard Profiles'!$G$19=$B$17,14,0)+IF('Standard Profiles'!$G$19=$B$24,21,0),MOD($C2829,24)+1)/SUM(INDEX($D$3:$AA$30,INDEX(Jesper!$R$2:$R$366,ROW(INDEX(Jesper!AI$2:AI$366,ROUNDDOWN($C2829/24,0)+1,1))-1)+IF('Standard Profiles'!$G$19=$B$10,7,0)+IF('Standard Profiles'!$G$19=$B$17,14,0)+IF('Standard Profiles'!$G$19=$B$24,21,0),0)),0)</f>
        <v>28.302618750547136</v>
      </c>
      <c r="F2829" cm="1">
        <f t="array" ref="F2829">IFERROR(INDEX(Jesper!AJ$2:AJ$366,ROUNDDOWN($C2829/24,0)+1,1)*INDEX($D$3:$AA$30,INDEX(Jesper!$R$2:$R$366,ROW(INDEX(Jesper!AJ$2:AJ$366,ROUNDDOWN($C2829/24,0)+1,1))-1)+IF('Standard Profiles'!$G$20=$B$10,7,0)+IF('Standard Profiles'!$G$20=$B$17,14,0)+IF('Standard Profiles'!$G$20=$B$24,21,0),MOD($C2829,24)+1)/SUM(INDEX($D$3:$AA$30,INDEX(Jesper!$R$2:$R$366,ROW(INDEX(Jesper!AJ$2:AJ$366,ROUNDDOWN($C2829/24,0)+1,1))-1)+IF('Standard Profiles'!$G$20=$B$10,7,0)+IF('Standard Profiles'!$G$20=$B$17,14,0)+IF('Standard Profiles'!$G$20=$B$24,21,0),0)),0)</f>
        <v>0</v>
      </c>
      <c r="G2829" cm="1">
        <f t="array" ref="G2829">IFERROR(INDEX(Jesper!AK$2:AK$366,ROUNDDOWN($C2829/24,0)+1,1)*INDEX($D$3:$AA$30,INDEX(Jesper!$R$2:$R$366,ROW(INDEX(Jesper!AK$2:AK$366,ROUNDDOWN($C2829/24,0)+1,1))-1)+IF('Standard Profiles'!$G$21=$B$10,7,0)+IF('Standard Profiles'!$G$21=$B$17,14,0)+IF('Standard Profiles'!$G$21=$B$24,21,0),MOD($C2829,24)+1)/SUM(INDEX($D$3:$AA$30,INDEX(Jesper!$R$2:$R$366,ROW(INDEX(Jesper!AK$2:AK$366,ROUNDDOWN($C2829/24,0)+1,1))-1)+IF('Standard Profiles'!$G$21=$B$10,7,0)+IF('Standard Profiles'!$G$21=$B$17,14,0)+IF('Standard Profiles'!$G$21=$B$24,21,0),0)),0)</f>
        <v>10.122709551320698</v>
      </c>
      <c r="H2829" cm="1">
        <f t="array" ref="H2829">IFERROR(INDEX(Jesper!AL$2:AL$366,ROUNDDOWN($C2829/24,0)+1,1)*INDEX($D$3:$AA$30,INDEX(Jesper!$R$2:$R$366,ROW(INDEX(Jesper!AL$2:AL$366,ROUNDDOWN($C2829/24,0)+1,1))-1)+IF('Standard Profiles'!$G$22=$B$10,7,0)+IF('Standard Profiles'!$G$22=$B$17,14,0)+IF('Standard Profiles'!$G$22=$B$24,21,0),MOD($C2829,24)+1)/SUM(INDEX($D$3:$AA$30,INDEX(Jesper!$R$2:$R$366,ROW(INDEX(Jesper!AL$2:AL$366,ROUNDDOWN($C2829/24,0)+1,1))-1)+IF('Standard Profiles'!$G$22=$B$10,7,0)+IF('Standard Profiles'!$G$22=$B$17,14,0)+IF('Standard Profiles'!$G$22=$B$24,21,0),0)),0)</f>
        <v>0</v>
      </c>
      <c r="I2829">
        <f t="shared" si="321"/>
        <v>4.8589005846339326</v>
      </c>
      <c r="J2829">
        <f t="shared" si="322"/>
        <v>62.898875834211282</v>
      </c>
      <c r="K2829">
        <f t="shared" si="323"/>
        <v>3.7247553164415725</v>
      </c>
      <c r="L2829">
        <f t="shared" si="324"/>
        <v>1.8623776582207863</v>
      </c>
      <c r="M2829">
        <f t="shared" si="325"/>
        <v>0</v>
      </c>
      <c r="N2829" s="45">
        <f t="shared" si="326"/>
        <v>45043.458333326555</v>
      </c>
    </row>
    <row r="2830" spans="2:14" x14ac:dyDescent="0.25">
      <c r="B2830">
        <f t="shared" si="320"/>
        <v>4</v>
      </c>
      <c r="C2830" s="16">
        <v>2796</v>
      </c>
      <c r="D2830" cm="1">
        <f t="array" ref="D2830">IFERROR(INDEX(Jesper!AH$2:AH$366,ROUNDDOWN($C2830/24,0)+1,1)*INDEX($D$3:$AA$30,INDEX(Jesper!$R$2:$R$366,ROW(INDEX(Jesper!AH$2:AH$366,ROUNDDOWN($C2830/24,0)+1,1))-1)+IF('Standard Profiles'!$G$18=$B$10,7,0)+IF('Standard Profiles'!$G$18=$B$17,14,0)+IF('Standard Profiles'!$G$18=$B$24,21,0),MOD($C2830,24)+1)/SUM(INDEX($D$3:$AA$30,INDEX(Jesper!$R$2:$R$366,ROW(INDEX(Jesper!AH$2:AH$366,ROUNDDOWN($C2830/24,0)+1,1))-1)+IF('Standard Profiles'!$G$18=$B$10,7,0)+IF('Standard Profiles'!$G$18=$B$17,14,0)+IF('Standard Profiles'!$G$18=$B$24,21,0),0)),0)</f>
        <v>34.919581091639742</v>
      </c>
      <c r="E2830" cm="1">
        <f t="array" ref="E2830">IFERROR(INDEX(Jesper!AI$2:AI$366,ROUNDDOWN($C2830/24,0)+1,1)*INDEX($D$3:$AA$30,INDEX(Jesper!$R$2:$R$366,ROW(INDEX(Jesper!AI$2:AI$366,ROUNDDOWN($C2830/24,0)+1,1))-1)+IF('Standard Profiles'!$G$19=$B$10,7,0)+IF('Standard Profiles'!$G$19=$B$17,14,0)+IF('Standard Profiles'!$G$19=$B$24,21,0),MOD($C2830,24)+1)/SUM(INDEX($D$3:$AA$30,INDEX(Jesper!$R$2:$R$366,ROW(INDEX(Jesper!AI$2:AI$366,ROUNDDOWN($C2830/24,0)+1,1))-1)+IF('Standard Profiles'!$G$19=$B$10,7,0)+IF('Standard Profiles'!$G$19=$B$17,14,0)+IF('Standard Profiles'!$G$19=$B$24,21,0),0)),0)</f>
        <v>28.302618750547136</v>
      </c>
      <c r="F2830" cm="1">
        <f t="array" ref="F2830">IFERROR(INDEX(Jesper!AJ$2:AJ$366,ROUNDDOWN($C2830/24,0)+1,1)*INDEX($D$3:$AA$30,INDEX(Jesper!$R$2:$R$366,ROW(INDEX(Jesper!AJ$2:AJ$366,ROUNDDOWN($C2830/24,0)+1,1))-1)+IF('Standard Profiles'!$G$20=$B$10,7,0)+IF('Standard Profiles'!$G$20=$B$17,14,0)+IF('Standard Profiles'!$G$20=$B$24,21,0),MOD($C2830,24)+1)/SUM(INDEX($D$3:$AA$30,INDEX(Jesper!$R$2:$R$366,ROW(INDEX(Jesper!AJ$2:AJ$366,ROUNDDOWN($C2830/24,0)+1,1))-1)+IF('Standard Profiles'!$G$20=$B$10,7,0)+IF('Standard Profiles'!$G$20=$B$17,14,0)+IF('Standard Profiles'!$G$20=$B$24,21,0),0)),0)</f>
        <v>0</v>
      </c>
      <c r="G2830" cm="1">
        <f t="array" ref="G2830">IFERROR(INDEX(Jesper!AK$2:AK$366,ROUNDDOWN($C2830/24,0)+1,1)*INDEX($D$3:$AA$30,INDEX(Jesper!$R$2:$R$366,ROW(INDEX(Jesper!AK$2:AK$366,ROUNDDOWN($C2830/24,0)+1,1))-1)+IF('Standard Profiles'!$G$21=$B$10,7,0)+IF('Standard Profiles'!$G$21=$B$17,14,0)+IF('Standard Profiles'!$G$21=$B$24,21,0),MOD($C2830,24)+1)/SUM(INDEX($D$3:$AA$30,INDEX(Jesper!$R$2:$R$366,ROW(INDEX(Jesper!AK$2:AK$366,ROUNDDOWN($C2830/24,0)+1,1))-1)+IF('Standard Profiles'!$G$21=$B$10,7,0)+IF('Standard Profiles'!$G$21=$B$17,14,0)+IF('Standard Profiles'!$G$21=$B$24,21,0),0)),0)</f>
        <v>10.122709551320698</v>
      </c>
      <c r="H2830" cm="1">
        <f t="array" ref="H2830">IFERROR(INDEX(Jesper!AL$2:AL$366,ROUNDDOWN($C2830/24,0)+1,1)*INDEX($D$3:$AA$30,INDEX(Jesper!$R$2:$R$366,ROW(INDEX(Jesper!AL$2:AL$366,ROUNDDOWN($C2830/24,0)+1,1))-1)+IF('Standard Profiles'!$G$22=$B$10,7,0)+IF('Standard Profiles'!$G$22=$B$17,14,0)+IF('Standard Profiles'!$G$22=$B$24,21,0),MOD($C2830,24)+1)/SUM(INDEX($D$3:$AA$30,INDEX(Jesper!$R$2:$R$366,ROW(INDEX(Jesper!AL$2:AL$366,ROUNDDOWN($C2830/24,0)+1,1))-1)+IF('Standard Profiles'!$G$22=$B$10,7,0)+IF('Standard Profiles'!$G$22=$B$17,14,0)+IF('Standard Profiles'!$G$22=$B$24,21,0),0)),0)</f>
        <v>0</v>
      </c>
      <c r="I2830">
        <f t="shared" si="321"/>
        <v>4.8589005846339326</v>
      </c>
      <c r="J2830">
        <f t="shared" si="322"/>
        <v>62.898875834211282</v>
      </c>
      <c r="K2830">
        <f t="shared" si="323"/>
        <v>3.7247553164415725</v>
      </c>
      <c r="L2830">
        <f t="shared" si="324"/>
        <v>1.8623776582207863</v>
      </c>
      <c r="M2830">
        <f t="shared" si="325"/>
        <v>0</v>
      </c>
      <c r="N2830" s="45">
        <f t="shared" si="326"/>
        <v>45043.499999993219</v>
      </c>
    </row>
    <row r="2831" spans="2:14" x14ac:dyDescent="0.25">
      <c r="B2831">
        <f t="shared" si="320"/>
        <v>4</v>
      </c>
      <c r="C2831" s="16">
        <v>2797</v>
      </c>
      <c r="D2831" cm="1">
        <f t="array" ref="D2831">IFERROR(INDEX(Jesper!AH$2:AH$366,ROUNDDOWN($C2831/24,0)+1,1)*INDEX($D$3:$AA$30,INDEX(Jesper!$R$2:$R$366,ROW(INDEX(Jesper!AH$2:AH$366,ROUNDDOWN($C2831/24,0)+1,1))-1)+IF('Standard Profiles'!$G$18=$B$10,7,0)+IF('Standard Profiles'!$G$18=$B$17,14,0)+IF('Standard Profiles'!$G$18=$B$24,21,0),MOD($C2831,24)+1)/SUM(INDEX($D$3:$AA$30,INDEX(Jesper!$R$2:$R$366,ROW(INDEX(Jesper!AH$2:AH$366,ROUNDDOWN($C2831/24,0)+1,1))-1)+IF('Standard Profiles'!$G$18=$B$10,7,0)+IF('Standard Profiles'!$G$18=$B$17,14,0)+IF('Standard Profiles'!$G$18=$B$24,21,0),0)),0)</f>
        <v>23.196578868017827</v>
      </c>
      <c r="E2831" cm="1">
        <f t="array" ref="E2831">IFERROR(INDEX(Jesper!AI$2:AI$366,ROUNDDOWN($C2831/24,0)+1,1)*INDEX($D$3:$AA$30,INDEX(Jesper!$R$2:$R$366,ROW(INDEX(Jesper!AI$2:AI$366,ROUNDDOWN($C2831/24,0)+1,1))-1)+IF('Standard Profiles'!$G$19=$B$10,7,0)+IF('Standard Profiles'!$G$19=$B$17,14,0)+IF('Standard Profiles'!$G$19=$B$24,21,0),MOD($C2831,24)+1)/SUM(INDEX($D$3:$AA$30,INDEX(Jesper!$R$2:$R$366,ROW(INDEX(Jesper!AI$2:AI$366,ROUNDDOWN($C2831/24,0)+1,1))-1)+IF('Standard Profiles'!$G$19=$B$10,7,0)+IF('Standard Profiles'!$G$19=$B$17,14,0)+IF('Standard Profiles'!$G$19=$B$24,21,0),0)),0)</f>
        <v>18.801025312863455</v>
      </c>
      <c r="F2831" cm="1">
        <f t="array" ref="F2831">IFERROR(INDEX(Jesper!AJ$2:AJ$366,ROUNDDOWN($C2831/24,0)+1,1)*INDEX($D$3:$AA$30,INDEX(Jesper!$R$2:$R$366,ROW(INDEX(Jesper!AJ$2:AJ$366,ROUNDDOWN($C2831/24,0)+1,1))-1)+IF('Standard Profiles'!$G$20=$B$10,7,0)+IF('Standard Profiles'!$G$20=$B$17,14,0)+IF('Standard Profiles'!$G$20=$B$24,21,0),MOD($C2831,24)+1)/SUM(INDEX($D$3:$AA$30,INDEX(Jesper!$R$2:$R$366,ROW(INDEX(Jesper!AJ$2:AJ$366,ROUNDDOWN($C2831/24,0)+1,1))-1)+IF('Standard Profiles'!$G$20=$B$10,7,0)+IF('Standard Profiles'!$G$20=$B$17,14,0)+IF('Standard Profiles'!$G$20=$B$24,21,0),0)),0)</f>
        <v>0</v>
      </c>
      <c r="G2831" cm="1">
        <f t="array" ref="G2831">IFERROR(INDEX(Jesper!AK$2:AK$366,ROUNDDOWN($C2831/24,0)+1,1)*INDEX($D$3:$AA$30,INDEX(Jesper!$R$2:$R$366,ROW(INDEX(Jesper!AK$2:AK$366,ROUNDDOWN($C2831/24,0)+1,1))-1)+IF('Standard Profiles'!$G$21=$B$10,7,0)+IF('Standard Profiles'!$G$21=$B$17,14,0)+IF('Standard Profiles'!$G$21=$B$24,21,0),MOD($C2831,24)+1)/SUM(INDEX($D$3:$AA$30,INDEX(Jesper!$R$2:$R$366,ROW(INDEX(Jesper!AK$2:AK$366,ROUNDDOWN($C2831/24,0)+1,1))-1)+IF('Standard Profiles'!$G$21=$B$10,7,0)+IF('Standard Profiles'!$G$21=$B$17,14,0)+IF('Standard Profiles'!$G$21=$B$24,21,0),0)),0)</f>
        <v>6.7243713448058928</v>
      </c>
      <c r="H2831" cm="1">
        <f t="array" ref="H2831">IFERROR(INDEX(Jesper!AL$2:AL$366,ROUNDDOWN($C2831/24,0)+1,1)*INDEX($D$3:$AA$30,INDEX(Jesper!$R$2:$R$366,ROW(INDEX(Jesper!AL$2:AL$366,ROUNDDOWN($C2831/24,0)+1,1))-1)+IF('Standard Profiles'!$G$22=$B$10,7,0)+IF('Standard Profiles'!$G$22=$B$17,14,0)+IF('Standard Profiles'!$G$22=$B$24,21,0),MOD($C2831,24)+1)/SUM(INDEX($D$3:$AA$30,INDEX(Jesper!$R$2:$R$366,ROW(INDEX(Jesper!AL$2:AL$366,ROUNDDOWN($C2831/24,0)+1,1))-1)+IF('Standard Profiles'!$G$22=$B$10,7,0)+IF('Standard Profiles'!$G$22=$B$17,14,0)+IF('Standard Profiles'!$G$22=$B$24,21,0),0)),0)</f>
        <v>0</v>
      </c>
      <c r="I2831">
        <f t="shared" si="321"/>
        <v>3.227698245506827</v>
      </c>
      <c r="J2831">
        <f t="shared" si="322"/>
        <v>41.782824661297497</v>
      </c>
      <c r="K2831">
        <f t="shared" si="323"/>
        <v>2.4743017459219017</v>
      </c>
      <c r="L2831">
        <f t="shared" si="324"/>
        <v>1.2371508729609508</v>
      </c>
      <c r="M2831">
        <f t="shared" si="325"/>
        <v>0</v>
      </c>
      <c r="N2831" s="45">
        <f t="shared" si="326"/>
        <v>45043.541666659883</v>
      </c>
    </row>
    <row r="2832" spans="2:14" x14ac:dyDescent="0.25">
      <c r="B2832">
        <f t="shared" si="320"/>
        <v>4</v>
      </c>
      <c r="C2832" s="16">
        <v>2798</v>
      </c>
      <c r="D2832" cm="1">
        <f t="array" ref="D2832">IFERROR(INDEX(Jesper!AH$2:AH$366,ROUNDDOWN($C2832/24,0)+1,1)*INDEX($D$3:$AA$30,INDEX(Jesper!$R$2:$R$366,ROW(INDEX(Jesper!AH$2:AH$366,ROUNDDOWN($C2832/24,0)+1,1))-1)+IF('Standard Profiles'!$G$18=$B$10,7,0)+IF('Standard Profiles'!$G$18=$B$17,14,0)+IF('Standard Profiles'!$G$18=$B$24,21,0),MOD($C2832,24)+1)/SUM(INDEX($D$3:$AA$30,INDEX(Jesper!$R$2:$R$366,ROW(INDEX(Jesper!AH$2:AH$366,ROUNDDOWN($C2832/24,0)+1,1))-1)+IF('Standard Profiles'!$G$18=$B$10,7,0)+IF('Standard Profiles'!$G$18=$B$17,14,0)+IF('Standard Profiles'!$G$18=$B$24,21,0),0)),0)</f>
        <v>34.919581091639742</v>
      </c>
      <c r="E2832" cm="1">
        <f t="array" ref="E2832">IFERROR(INDEX(Jesper!AI$2:AI$366,ROUNDDOWN($C2832/24,0)+1,1)*INDEX($D$3:$AA$30,INDEX(Jesper!$R$2:$R$366,ROW(INDEX(Jesper!AI$2:AI$366,ROUNDDOWN($C2832/24,0)+1,1))-1)+IF('Standard Profiles'!$G$19=$B$10,7,0)+IF('Standard Profiles'!$G$19=$B$17,14,0)+IF('Standard Profiles'!$G$19=$B$24,21,0),MOD($C2832,24)+1)/SUM(INDEX($D$3:$AA$30,INDEX(Jesper!$R$2:$R$366,ROW(INDEX(Jesper!AI$2:AI$366,ROUNDDOWN($C2832/24,0)+1,1))-1)+IF('Standard Profiles'!$G$19=$B$10,7,0)+IF('Standard Profiles'!$G$19=$B$17,14,0)+IF('Standard Profiles'!$G$19=$B$24,21,0),0)),0)</f>
        <v>28.302618750547136</v>
      </c>
      <c r="F2832" cm="1">
        <f t="array" ref="F2832">IFERROR(INDEX(Jesper!AJ$2:AJ$366,ROUNDDOWN($C2832/24,0)+1,1)*INDEX($D$3:$AA$30,INDEX(Jesper!$R$2:$R$366,ROW(INDEX(Jesper!AJ$2:AJ$366,ROUNDDOWN($C2832/24,0)+1,1))-1)+IF('Standard Profiles'!$G$20=$B$10,7,0)+IF('Standard Profiles'!$G$20=$B$17,14,0)+IF('Standard Profiles'!$G$20=$B$24,21,0),MOD($C2832,24)+1)/SUM(INDEX($D$3:$AA$30,INDEX(Jesper!$R$2:$R$366,ROW(INDEX(Jesper!AJ$2:AJ$366,ROUNDDOWN($C2832/24,0)+1,1))-1)+IF('Standard Profiles'!$G$20=$B$10,7,0)+IF('Standard Profiles'!$G$20=$B$17,14,0)+IF('Standard Profiles'!$G$20=$B$24,21,0),0)),0)</f>
        <v>0</v>
      </c>
      <c r="G2832" cm="1">
        <f t="array" ref="G2832">IFERROR(INDEX(Jesper!AK$2:AK$366,ROUNDDOWN($C2832/24,0)+1,1)*INDEX($D$3:$AA$30,INDEX(Jesper!$R$2:$R$366,ROW(INDEX(Jesper!AK$2:AK$366,ROUNDDOWN($C2832/24,0)+1,1))-1)+IF('Standard Profiles'!$G$21=$B$10,7,0)+IF('Standard Profiles'!$G$21=$B$17,14,0)+IF('Standard Profiles'!$G$21=$B$24,21,0),MOD($C2832,24)+1)/SUM(INDEX($D$3:$AA$30,INDEX(Jesper!$R$2:$R$366,ROW(INDEX(Jesper!AK$2:AK$366,ROUNDDOWN($C2832/24,0)+1,1))-1)+IF('Standard Profiles'!$G$21=$B$10,7,0)+IF('Standard Profiles'!$G$21=$B$17,14,0)+IF('Standard Profiles'!$G$21=$B$24,21,0),0)),0)</f>
        <v>10.122709551320698</v>
      </c>
      <c r="H2832" cm="1">
        <f t="array" ref="H2832">IFERROR(INDEX(Jesper!AL$2:AL$366,ROUNDDOWN($C2832/24,0)+1,1)*INDEX($D$3:$AA$30,INDEX(Jesper!$R$2:$R$366,ROW(INDEX(Jesper!AL$2:AL$366,ROUNDDOWN($C2832/24,0)+1,1))-1)+IF('Standard Profiles'!$G$22=$B$10,7,0)+IF('Standard Profiles'!$G$22=$B$17,14,0)+IF('Standard Profiles'!$G$22=$B$24,21,0),MOD($C2832,24)+1)/SUM(INDEX($D$3:$AA$30,INDEX(Jesper!$R$2:$R$366,ROW(INDEX(Jesper!AL$2:AL$366,ROUNDDOWN($C2832/24,0)+1,1))-1)+IF('Standard Profiles'!$G$22=$B$10,7,0)+IF('Standard Profiles'!$G$22=$B$17,14,0)+IF('Standard Profiles'!$G$22=$B$24,21,0),0)),0)</f>
        <v>0</v>
      </c>
      <c r="I2832">
        <f t="shared" si="321"/>
        <v>4.8589005846339326</v>
      </c>
      <c r="J2832">
        <f t="shared" si="322"/>
        <v>62.898875834211282</v>
      </c>
      <c r="K2832">
        <f t="shared" si="323"/>
        <v>3.7247553164415725</v>
      </c>
      <c r="L2832">
        <f t="shared" si="324"/>
        <v>1.8623776582207863</v>
      </c>
      <c r="M2832">
        <f t="shared" si="325"/>
        <v>0</v>
      </c>
      <c r="N2832" s="45">
        <f t="shared" si="326"/>
        <v>45043.583333326547</v>
      </c>
    </row>
    <row r="2833" spans="2:14" x14ac:dyDescent="0.25">
      <c r="B2833">
        <f t="shared" si="320"/>
        <v>4</v>
      </c>
      <c r="C2833" s="16">
        <v>2799</v>
      </c>
      <c r="D2833" cm="1">
        <f t="array" ref="D2833">IFERROR(INDEX(Jesper!AH$2:AH$366,ROUNDDOWN($C2833/24,0)+1,1)*INDEX($D$3:$AA$30,INDEX(Jesper!$R$2:$R$366,ROW(INDEX(Jesper!AH$2:AH$366,ROUNDDOWN($C2833/24,0)+1,1))-1)+IF('Standard Profiles'!$G$18=$B$10,7,0)+IF('Standard Profiles'!$G$18=$B$17,14,0)+IF('Standard Profiles'!$G$18=$B$24,21,0),MOD($C2833,24)+1)/SUM(INDEX($D$3:$AA$30,INDEX(Jesper!$R$2:$R$366,ROW(INDEX(Jesper!AH$2:AH$366,ROUNDDOWN($C2833/24,0)+1,1))-1)+IF('Standard Profiles'!$G$18=$B$10,7,0)+IF('Standard Profiles'!$G$18=$B$17,14,0)+IF('Standard Profiles'!$G$18=$B$24,21,0),0)),0)</f>
        <v>34.919581091639742</v>
      </c>
      <c r="E2833" cm="1">
        <f t="array" ref="E2833">IFERROR(INDEX(Jesper!AI$2:AI$366,ROUNDDOWN($C2833/24,0)+1,1)*INDEX($D$3:$AA$30,INDEX(Jesper!$R$2:$R$366,ROW(INDEX(Jesper!AI$2:AI$366,ROUNDDOWN($C2833/24,0)+1,1))-1)+IF('Standard Profiles'!$G$19=$B$10,7,0)+IF('Standard Profiles'!$G$19=$B$17,14,0)+IF('Standard Profiles'!$G$19=$B$24,21,0),MOD($C2833,24)+1)/SUM(INDEX($D$3:$AA$30,INDEX(Jesper!$R$2:$R$366,ROW(INDEX(Jesper!AI$2:AI$366,ROUNDDOWN($C2833/24,0)+1,1))-1)+IF('Standard Profiles'!$G$19=$B$10,7,0)+IF('Standard Profiles'!$G$19=$B$17,14,0)+IF('Standard Profiles'!$G$19=$B$24,21,0),0)),0)</f>
        <v>28.302618750547136</v>
      </c>
      <c r="F2833" cm="1">
        <f t="array" ref="F2833">IFERROR(INDEX(Jesper!AJ$2:AJ$366,ROUNDDOWN($C2833/24,0)+1,1)*INDEX($D$3:$AA$30,INDEX(Jesper!$R$2:$R$366,ROW(INDEX(Jesper!AJ$2:AJ$366,ROUNDDOWN($C2833/24,0)+1,1))-1)+IF('Standard Profiles'!$G$20=$B$10,7,0)+IF('Standard Profiles'!$G$20=$B$17,14,0)+IF('Standard Profiles'!$G$20=$B$24,21,0),MOD($C2833,24)+1)/SUM(INDEX($D$3:$AA$30,INDEX(Jesper!$R$2:$R$366,ROW(INDEX(Jesper!AJ$2:AJ$366,ROUNDDOWN($C2833/24,0)+1,1))-1)+IF('Standard Profiles'!$G$20=$B$10,7,0)+IF('Standard Profiles'!$G$20=$B$17,14,0)+IF('Standard Profiles'!$G$20=$B$24,21,0),0)),0)</f>
        <v>0</v>
      </c>
      <c r="G2833" cm="1">
        <f t="array" ref="G2833">IFERROR(INDEX(Jesper!AK$2:AK$366,ROUNDDOWN($C2833/24,0)+1,1)*INDEX($D$3:$AA$30,INDEX(Jesper!$R$2:$R$366,ROW(INDEX(Jesper!AK$2:AK$366,ROUNDDOWN($C2833/24,0)+1,1))-1)+IF('Standard Profiles'!$G$21=$B$10,7,0)+IF('Standard Profiles'!$G$21=$B$17,14,0)+IF('Standard Profiles'!$G$21=$B$24,21,0),MOD($C2833,24)+1)/SUM(INDEX($D$3:$AA$30,INDEX(Jesper!$R$2:$R$366,ROW(INDEX(Jesper!AK$2:AK$366,ROUNDDOWN($C2833/24,0)+1,1))-1)+IF('Standard Profiles'!$G$21=$B$10,7,0)+IF('Standard Profiles'!$G$21=$B$17,14,0)+IF('Standard Profiles'!$G$21=$B$24,21,0),0)),0)</f>
        <v>10.122709551320698</v>
      </c>
      <c r="H2833" cm="1">
        <f t="array" ref="H2833">IFERROR(INDEX(Jesper!AL$2:AL$366,ROUNDDOWN($C2833/24,0)+1,1)*INDEX($D$3:$AA$30,INDEX(Jesper!$R$2:$R$366,ROW(INDEX(Jesper!AL$2:AL$366,ROUNDDOWN($C2833/24,0)+1,1))-1)+IF('Standard Profiles'!$G$22=$B$10,7,0)+IF('Standard Profiles'!$G$22=$B$17,14,0)+IF('Standard Profiles'!$G$22=$B$24,21,0),MOD($C2833,24)+1)/SUM(INDEX($D$3:$AA$30,INDEX(Jesper!$R$2:$R$366,ROW(INDEX(Jesper!AL$2:AL$366,ROUNDDOWN($C2833/24,0)+1,1))-1)+IF('Standard Profiles'!$G$22=$B$10,7,0)+IF('Standard Profiles'!$G$22=$B$17,14,0)+IF('Standard Profiles'!$G$22=$B$24,21,0),0)),0)</f>
        <v>0</v>
      </c>
      <c r="I2833">
        <f t="shared" si="321"/>
        <v>4.8589005846339326</v>
      </c>
      <c r="J2833">
        <f t="shared" si="322"/>
        <v>62.898875834211282</v>
      </c>
      <c r="K2833">
        <f t="shared" si="323"/>
        <v>3.7247553164415725</v>
      </c>
      <c r="L2833">
        <f t="shared" si="324"/>
        <v>1.8623776582207863</v>
      </c>
      <c r="M2833">
        <f t="shared" si="325"/>
        <v>0</v>
      </c>
      <c r="N2833" s="45">
        <f t="shared" si="326"/>
        <v>45043.624999993212</v>
      </c>
    </row>
    <row r="2834" spans="2:14" x14ac:dyDescent="0.25">
      <c r="B2834">
        <f t="shared" si="320"/>
        <v>4</v>
      </c>
      <c r="C2834" s="16">
        <v>2800</v>
      </c>
      <c r="D2834" cm="1">
        <f t="array" ref="D2834">IFERROR(INDEX(Jesper!AH$2:AH$366,ROUNDDOWN($C2834/24,0)+1,1)*INDEX($D$3:$AA$30,INDEX(Jesper!$R$2:$R$366,ROW(INDEX(Jesper!AH$2:AH$366,ROUNDDOWN($C2834/24,0)+1,1))-1)+IF('Standard Profiles'!$G$18=$B$10,7,0)+IF('Standard Profiles'!$G$18=$B$17,14,0)+IF('Standard Profiles'!$G$18=$B$24,21,0),MOD($C2834,24)+1)/SUM(INDEX($D$3:$AA$30,INDEX(Jesper!$R$2:$R$366,ROW(INDEX(Jesper!AH$2:AH$366,ROUNDDOWN($C2834/24,0)+1,1))-1)+IF('Standard Profiles'!$G$18=$B$10,7,0)+IF('Standard Profiles'!$G$18=$B$17,14,0)+IF('Standard Profiles'!$G$18=$B$24,21,0),0)),0)</f>
        <v>20.577610286144846</v>
      </c>
      <c r="E2834" cm="1">
        <f t="array" ref="E2834">IFERROR(INDEX(Jesper!AI$2:AI$366,ROUNDDOWN($C2834/24,0)+1,1)*INDEX($D$3:$AA$30,INDEX(Jesper!$R$2:$R$366,ROW(INDEX(Jesper!AI$2:AI$366,ROUNDDOWN($C2834/24,0)+1,1))-1)+IF('Standard Profiles'!$G$19=$B$10,7,0)+IF('Standard Profiles'!$G$19=$B$17,14,0)+IF('Standard Profiles'!$G$19=$B$24,21,0),MOD($C2834,24)+1)/SUM(INDEX($D$3:$AA$30,INDEX(Jesper!$R$2:$R$366,ROW(INDEX(Jesper!AI$2:AI$366,ROUNDDOWN($C2834/24,0)+1,1))-1)+IF('Standard Profiles'!$G$19=$B$10,7,0)+IF('Standard Profiles'!$G$19=$B$17,14,0)+IF('Standard Profiles'!$G$19=$B$24,21,0),0)),0)</f>
        <v>16.678328906572421</v>
      </c>
      <c r="F2834" cm="1">
        <f t="array" ref="F2834">IFERROR(INDEX(Jesper!AJ$2:AJ$366,ROUNDDOWN($C2834/24,0)+1,1)*INDEX($D$3:$AA$30,INDEX(Jesper!$R$2:$R$366,ROW(INDEX(Jesper!AJ$2:AJ$366,ROUNDDOWN($C2834/24,0)+1,1))-1)+IF('Standard Profiles'!$G$20=$B$10,7,0)+IF('Standard Profiles'!$G$20=$B$17,14,0)+IF('Standard Profiles'!$G$20=$B$24,21,0),MOD($C2834,24)+1)/SUM(INDEX($D$3:$AA$30,INDEX(Jesper!$R$2:$R$366,ROW(INDEX(Jesper!AJ$2:AJ$366,ROUNDDOWN($C2834/24,0)+1,1))-1)+IF('Standard Profiles'!$G$20=$B$10,7,0)+IF('Standard Profiles'!$G$20=$B$17,14,0)+IF('Standard Profiles'!$G$20=$B$24,21,0),0)),0)</f>
        <v>0</v>
      </c>
      <c r="G2834" cm="1">
        <f t="array" ref="G2834">IFERROR(INDEX(Jesper!AK$2:AK$366,ROUNDDOWN($C2834/24,0)+1,1)*INDEX($D$3:$AA$30,INDEX(Jesper!$R$2:$R$366,ROW(INDEX(Jesper!AK$2:AK$366,ROUNDDOWN($C2834/24,0)+1,1))-1)+IF('Standard Profiles'!$G$21=$B$10,7,0)+IF('Standard Profiles'!$G$21=$B$17,14,0)+IF('Standard Profiles'!$G$21=$B$24,21,0),MOD($C2834,24)+1)/SUM(INDEX($D$3:$AA$30,INDEX(Jesper!$R$2:$R$366,ROW(INDEX(Jesper!AK$2:AK$366,ROUNDDOWN($C2834/24,0)+1,1))-1)+IF('Standard Profiles'!$G$21=$B$10,7,0)+IF('Standard Profiles'!$G$21=$B$17,14,0)+IF('Standard Profiles'!$G$21=$B$24,21,0),0)),0)</f>
        <v>8.45844634306785</v>
      </c>
      <c r="H2834" cm="1">
        <f t="array" ref="H2834">IFERROR(INDEX(Jesper!AL$2:AL$366,ROUNDDOWN($C2834/24,0)+1,1)*INDEX($D$3:$AA$30,INDEX(Jesper!$R$2:$R$366,ROW(INDEX(Jesper!AL$2:AL$366,ROUNDDOWN($C2834/24,0)+1,1))-1)+IF('Standard Profiles'!$G$22=$B$10,7,0)+IF('Standard Profiles'!$G$22=$B$17,14,0)+IF('Standard Profiles'!$G$22=$B$24,21,0),MOD($C2834,24)+1)/SUM(INDEX($D$3:$AA$30,INDEX(Jesper!$R$2:$R$366,ROW(INDEX(Jesper!AL$2:AL$366,ROUNDDOWN($C2834/24,0)+1,1))-1)+IF('Standard Profiles'!$G$22=$B$10,7,0)+IF('Standard Profiles'!$G$22=$B$17,14,0)+IF('Standard Profiles'!$G$22=$B$24,21,0),0)),0)</f>
        <v>0</v>
      </c>
      <c r="I2834">
        <f t="shared" si="321"/>
        <v>4.0600542446725658</v>
      </c>
      <c r="J2834">
        <f t="shared" si="322"/>
        <v>38.361913645329373</v>
      </c>
      <c r="K2834">
        <f t="shared" si="323"/>
        <v>2.1949450971887838</v>
      </c>
      <c r="L2834">
        <f t="shared" si="324"/>
        <v>1.0974725485943919</v>
      </c>
      <c r="M2834">
        <f t="shared" si="325"/>
        <v>0</v>
      </c>
      <c r="N2834" s="45">
        <f t="shared" si="326"/>
        <v>45043.666666659876</v>
      </c>
    </row>
    <row r="2835" spans="2:14" x14ac:dyDescent="0.25">
      <c r="B2835">
        <f t="shared" si="320"/>
        <v>4</v>
      </c>
      <c r="C2835" s="16">
        <v>2801</v>
      </c>
      <c r="D2835" cm="1">
        <f t="array" ref="D2835">IFERROR(INDEX(Jesper!AH$2:AH$366,ROUNDDOWN($C2835/24,0)+1,1)*INDEX($D$3:$AA$30,INDEX(Jesper!$R$2:$R$366,ROW(INDEX(Jesper!AH$2:AH$366,ROUNDDOWN($C2835/24,0)+1,1))-1)+IF('Standard Profiles'!$G$18=$B$10,7,0)+IF('Standard Profiles'!$G$18=$B$17,14,0)+IF('Standard Profiles'!$G$18=$B$24,21,0),MOD($C2835,24)+1)/SUM(INDEX($D$3:$AA$30,INDEX(Jesper!$R$2:$R$366,ROW(INDEX(Jesper!AH$2:AH$366,ROUNDDOWN($C2835/24,0)+1,1))-1)+IF('Standard Profiles'!$G$18=$B$10,7,0)+IF('Standard Profiles'!$G$18=$B$17,14,0)+IF('Standard Profiles'!$G$18=$B$24,21,0),0)),0)</f>
        <v>8.7825908178168373</v>
      </c>
      <c r="E2835" cm="1">
        <f t="array" ref="E2835">IFERROR(INDEX(Jesper!AI$2:AI$366,ROUNDDOWN($C2835/24,0)+1,1)*INDEX($D$3:$AA$30,INDEX(Jesper!$R$2:$R$366,ROW(INDEX(Jesper!AI$2:AI$366,ROUNDDOWN($C2835/24,0)+1,1))-1)+IF('Standard Profiles'!$G$19=$B$10,7,0)+IF('Standard Profiles'!$G$19=$B$17,14,0)+IF('Standard Profiles'!$G$19=$B$24,21,0),MOD($C2835,24)+1)/SUM(INDEX($D$3:$AA$30,INDEX(Jesper!$R$2:$R$366,ROW(INDEX(Jesper!AI$2:AI$366,ROUNDDOWN($C2835/24,0)+1,1))-1)+IF('Standard Profiles'!$G$19=$B$10,7,0)+IF('Standard Profiles'!$G$19=$B$17,14,0)+IF('Standard Profiles'!$G$19=$B$24,21,0),0)),0)</f>
        <v>7.1183648768981742</v>
      </c>
      <c r="F2835" cm="1">
        <f t="array" ref="F2835">IFERROR(INDEX(Jesper!AJ$2:AJ$366,ROUNDDOWN($C2835/24,0)+1,1)*INDEX($D$3:$AA$30,INDEX(Jesper!$R$2:$R$366,ROW(INDEX(Jesper!AJ$2:AJ$366,ROUNDDOWN($C2835/24,0)+1,1))-1)+IF('Standard Profiles'!$G$20=$B$10,7,0)+IF('Standard Profiles'!$G$20=$B$17,14,0)+IF('Standard Profiles'!$G$20=$B$24,21,0),MOD($C2835,24)+1)/SUM(INDEX($D$3:$AA$30,INDEX(Jesper!$R$2:$R$366,ROW(INDEX(Jesper!AJ$2:AJ$366,ROUNDDOWN($C2835/24,0)+1,1))-1)+IF('Standard Profiles'!$G$20=$B$10,7,0)+IF('Standard Profiles'!$G$20=$B$17,14,0)+IF('Standard Profiles'!$G$20=$B$24,21,0),0)),0)</f>
        <v>0</v>
      </c>
      <c r="G2835" cm="1">
        <f t="array" ref="G2835">IFERROR(INDEX(Jesper!AK$2:AK$366,ROUNDDOWN($C2835/24,0)+1,1)*INDEX($D$3:$AA$30,INDEX(Jesper!$R$2:$R$366,ROW(INDEX(Jesper!AK$2:AK$366,ROUNDDOWN($C2835/24,0)+1,1))-1)+IF('Standard Profiles'!$G$21=$B$10,7,0)+IF('Standard Profiles'!$G$21=$B$17,14,0)+IF('Standard Profiles'!$G$21=$B$24,21,0),MOD($C2835,24)+1)/SUM(INDEX($D$3:$AA$30,INDEX(Jesper!$R$2:$R$366,ROW(INDEX(Jesper!AK$2:AK$366,ROUNDDOWN($C2835/24,0)+1,1))-1)+IF('Standard Profiles'!$G$21=$B$10,7,0)+IF('Standard Profiles'!$G$21=$B$17,14,0)+IF('Standard Profiles'!$G$21=$B$24,21,0),0)),0)</f>
        <v>6.7256179839131978</v>
      </c>
      <c r="H2835" cm="1">
        <f t="array" ref="H2835">IFERROR(INDEX(Jesper!AL$2:AL$366,ROUNDDOWN($C2835/24,0)+1,1)*INDEX($D$3:$AA$30,INDEX(Jesper!$R$2:$R$366,ROW(INDEX(Jesper!AL$2:AL$366,ROUNDDOWN($C2835/24,0)+1,1))-1)+IF('Standard Profiles'!$G$22=$B$10,7,0)+IF('Standard Profiles'!$G$22=$B$17,14,0)+IF('Standard Profiles'!$G$22=$B$24,21,0),MOD($C2835,24)+1)/SUM(INDEX($D$3:$AA$30,INDEX(Jesper!$R$2:$R$366,ROW(INDEX(Jesper!AL$2:AL$366,ROUNDDOWN($C2835/24,0)+1,1))-1)+IF('Standard Profiles'!$G$22=$B$10,7,0)+IF('Standard Profiles'!$G$22=$B$17,14,0)+IF('Standard Profiles'!$G$22=$B$24,21,0),0)),0)</f>
        <v>0</v>
      </c>
      <c r="I2835">
        <f t="shared" si="321"/>
        <v>3.2282966322783335</v>
      </c>
      <c r="J2835">
        <f t="shared" si="322"/>
        <v>17.993062515499179</v>
      </c>
      <c r="K2835">
        <f t="shared" si="323"/>
        <v>0.93680968723379598</v>
      </c>
      <c r="L2835">
        <f t="shared" si="324"/>
        <v>0.46840484361689799</v>
      </c>
      <c r="M2835">
        <f t="shared" si="325"/>
        <v>0</v>
      </c>
      <c r="N2835" s="45">
        <f t="shared" si="326"/>
        <v>45043.70833332654</v>
      </c>
    </row>
    <row r="2836" spans="2:14" x14ac:dyDescent="0.25">
      <c r="B2836">
        <f t="shared" si="320"/>
        <v>4</v>
      </c>
      <c r="C2836" s="16">
        <v>2802</v>
      </c>
      <c r="D2836" cm="1">
        <f t="array" ref="D2836">IFERROR(INDEX(Jesper!AH$2:AH$366,ROUNDDOWN($C2836/24,0)+1,1)*INDEX($D$3:$AA$30,INDEX(Jesper!$R$2:$R$366,ROW(INDEX(Jesper!AH$2:AH$366,ROUNDDOWN($C2836/24,0)+1,1))-1)+IF('Standard Profiles'!$G$18=$B$10,7,0)+IF('Standard Profiles'!$G$18=$B$17,14,0)+IF('Standard Profiles'!$G$18=$B$24,21,0),MOD($C2836,24)+1)/SUM(INDEX($D$3:$AA$30,INDEX(Jesper!$R$2:$R$366,ROW(INDEX(Jesper!AH$2:AH$366,ROUNDDOWN($C2836/24,0)+1,1))-1)+IF('Standard Profiles'!$G$18=$B$10,7,0)+IF('Standard Profiles'!$G$18=$B$17,14,0)+IF('Standard Profiles'!$G$18=$B$24,21,0),0)),0)</f>
        <v>5.7965099397591127</v>
      </c>
      <c r="E2836" cm="1">
        <f t="array" ref="E2836">IFERROR(INDEX(Jesper!AI$2:AI$366,ROUNDDOWN($C2836/24,0)+1,1)*INDEX($D$3:$AA$30,INDEX(Jesper!$R$2:$R$366,ROW(INDEX(Jesper!AI$2:AI$366,ROUNDDOWN($C2836/24,0)+1,1))-1)+IF('Standard Profiles'!$G$19=$B$10,7,0)+IF('Standard Profiles'!$G$19=$B$17,14,0)+IF('Standard Profiles'!$G$19=$B$24,21,0),MOD($C2836,24)+1)/SUM(INDEX($D$3:$AA$30,INDEX(Jesper!$R$2:$R$366,ROW(INDEX(Jesper!AI$2:AI$366,ROUNDDOWN($C2836/24,0)+1,1))-1)+IF('Standard Profiles'!$G$19=$B$10,7,0)+IF('Standard Profiles'!$G$19=$B$17,14,0)+IF('Standard Profiles'!$G$19=$B$24,21,0),0)),0)</f>
        <v>4.6981208187527947</v>
      </c>
      <c r="F2836" cm="1">
        <f t="array" ref="F2836">IFERROR(INDEX(Jesper!AJ$2:AJ$366,ROUNDDOWN($C2836/24,0)+1,1)*INDEX($D$3:$AA$30,INDEX(Jesper!$R$2:$R$366,ROW(INDEX(Jesper!AJ$2:AJ$366,ROUNDDOWN($C2836/24,0)+1,1))-1)+IF('Standard Profiles'!$G$20=$B$10,7,0)+IF('Standard Profiles'!$G$20=$B$17,14,0)+IF('Standard Profiles'!$G$20=$B$24,21,0),MOD($C2836,24)+1)/SUM(INDEX($D$3:$AA$30,INDEX(Jesper!$R$2:$R$366,ROW(INDEX(Jesper!AJ$2:AJ$366,ROUNDDOWN($C2836/24,0)+1,1))-1)+IF('Standard Profiles'!$G$20=$B$10,7,0)+IF('Standard Profiles'!$G$20=$B$17,14,0)+IF('Standard Profiles'!$G$20=$B$24,21,0),0)),0)</f>
        <v>0</v>
      </c>
      <c r="G2836" cm="1">
        <f t="array" ref="G2836">IFERROR(INDEX(Jesper!AK$2:AK$366,ROUNDDOWN($C2836/24,0)+1,1)*INDEX($D$3:$AA$30,INDEX(Jesper!$R$2:$R$366,ROW(INDEX(Jesper!AK$2:AK$366,ROUNDDOWN($C2836/24,0)+1,1))-1)+IF('Standard Profiles'!$G$21=$B$10,7,0)+IF('Standard Profiles'!$G$21=$B$17,14,0)+IF('Standard Profiles'!$G$21=$B$24,21,0),MOD($C2836,24)+1)/SUM(INDEX($D$3:$AA$30,INDEX(Jesper!$R$2:$R$366,ROW(INDEX(Jesper!AK$2:AK$366,ROUNDDOWN($C2836/24,0)+1,1))-1)+IF('Standard Profiles'!$G$21=$B$10,7,0)+IF('Standard Profiles'!$G$21=$B$17,14,0)+IF('Standard Profiles'!$G$21=$B$24,21,0),0)),0)</f>
        <v>2.4932782146110095</v>
      </c>
      <c r="H2836" cm="1">
        <f t="array" ref="H2836">IFERROR(INDEX(Jesper!AL$2:AL$366,ROUNDDOWN($C2836/24,0)+1,1)*INDEX($D$3:$AA$30,INDEX(Jesper!$R$2:$R$366,ROW(INDEX(Jesper!AL$2:AL$366,ROUNDDOWN($C2836/24,0)+1,1))-1)+IF('Standard Profiles'!$G$22=$B$10,7,0)+IF('Standard Profiles'!$G$22=$B$17,14,0)+IF('Standard Profiles'!$G$22=$B$24,21,0),MOD($C2836,24)+1)/SUM(INDEX($D$3:$AA$30,INDEX(Jesper!$R$2:$R$366,ROW(INDEX(Jesper!AL$2:AL$366,ROUNDDOWN($C2836/24,0)+1,1))-1)+IF('Standard Profiles'!$G$22=$B$10,7,0)+IF('Standard Profiles'!$G$22=$B$17,14,0)+IF('Standard Profiles'!$G$22=$B$24,21,0),0)),0)</f>
        <v>0</v>
      </c>
      <c r="I2836">
        <f t="shared" si="321"/>
        <v>1.196773543013284</v>
      </c>
      <c r="J2836">
        <f t="shared" si="322"/>
        <v>10.863693839748175</v>
      </c>
      <c r="K2836">
        <f t="shared" si="323"/>
        <v>0.61829439357430538</v>
      </c>
      <c r="L2836">
        <f t="shared" si="324"/>
        <v>0.30914719678715269</v>
      </c>
      <c r="M2836">
        <f t="shared" si="325"/>
        <v>0</v>
      </c>
      <c r="N2836" s="45">
        <f t="shared" si="326"/>
        <v>45043.749999993204</v>
      </c>
    </row>
    <row r="2837" spans="2:14" x14ac:dyDescent="0.25">
      <c r="B2837">
        <f t="shared" si="320"/>
        <v>4</v>
      </c>
      <c r="C2837" s="16">
        <v>2803</v>
      </c>
      <c r="D2837" cm="1">
        <f t="array" ref="D2837">IFERROR(INDEX(Jesper!AH$2:AH$366,ROUNDDOWN($C2837/24,0)+1,1)*INDEX($D$3:$AA$30,INDEX(Jesper!$R$2:$R$366,ROW(INDEX(Jesper!AH$2:AH$366,ROUNDDOWN($C2837/24,0)+1,1))-1)+IF('Standard Profiles'!$G$18=$B$10,7,0)+IF('Standard Profiles'!$G$18=$B$17,14,0)+IF('Standard Profiles'!$G$18=$B$24,21,0),MOD($C2837,24)+1)/SUM(INDEX($D$3:$AA$30,INDEX(Jesper!$R$2:$R$366,ROW(INDEX(Jesper!AH$2:AH$366,ROUNDDOWN($C2837/24,0)+1,1))-1)+IF('Standard Profiles'!$G$18=$B$10,7,0)+IF('Standard Profiles'!$G$18=$B$17,14,0)+IF('Standard Profiles'!$G$18=$B$24,21,0),0)),0)</f>
        <v>5.7965099397591127</v>
      </c>
      <c r="E2837" cm="1">
        <f t="array" ref="E2837">IFERROR(INDEX(Jesper!AI$2:AI$366,ROUNDDOWN($C2837/24,0)+1,1)*INDEX($D$3:$AA$30,INDEX(Jesper!$R$2:$R$366,ROW(INDEX(Jesper!AI$2:AI$366,ROUNDDOWN($C2837/24,0)+1,1))-1)+IF('Standard Profiles'!$G$19=$B$10,7,0)+IF('Standard Profiles'!$G$19=$B$17,14,0)+IF('Standard Profiles'!$G$19=$B$24,21,0),MOD($C2837,24)+1)/SUM(INDEX($D$3:$AA$30,INDEX(Jesper!$R$2:$R$366,ROW(INDEX(Jesper!AI$2:AI$366,ROUNDDOWN($C2837/24,0)+1,1))-1)+IF('Standard Profiles'!$G$19=$B$10,7,0)+IF('Standard Profiles'!$G$19=$B$17,14,0)+IF('Standard Profiles'!$G$19=$B$24,21,0),0)),0)</f>
        <v>4.6981208187527947</v>
      </c>
      <c r="F2837" cm="1">
        <f t="array" ref="F2837">IFERROR(INDEX(Jesper!AJ$2:AJ$366,ROUNDDOWN($C2837/24,0)+1,1)*INDEX($D$3:$AA$30,INDEX(Jesper!$R$2:$R$366,ROW(INDEX(Jesper!AJ$2:AJ$366,ROUNDDOWN($C2837/24,0)+1,1))-1)+IF('Standard Profiles'!$G$20=$B$10,7,0)+IF('Standard Profiles'!$G$20=$B$17,14,0)+IF('Standard Profiles'!$G$20=$B$24,21,0),MOD($C2837,24)+1)/SUM(INDEX($D$3:$AA$30,INDEX(Jesper!$R$2:$R$366,ROW(INDEX(Jesper!AJ$2:AJ$366,ROUNDDOWN($C2837/24,0)+1,1))-1)+IF('Standard Profiles'!$G$20=$B$10,7,0)+IF('Standard Profiles'!$G$20=$B$17,14,0)+IF('Standard Profiles'!$G$20=$B$24,21,0),0)),0)</f>
        <v>0</v>
      </c>
      <c r="G2837" cm="1">
        <f t="array" ref="G2837">IFERROR(INDEX(Jesper!AK$2:AK$366,ROUNDDOWN($C2837/24,0)+1,1)*INDEX($D$3:$AA$30,INDEX(Jesper!$R$2:$R$366,ROW(INDEX(Jesper!AK$2:AK$366,ROUNDDOWN($C2837/24,0)+1,1))-1)+IF('Standard Profiles'!$G$21=$B$10,7,0)+IF('Standard Profiles'!$G$21=$B$17,14,0)+IF('Standard Profiles'!$G$21=$B$24,21,0),MOD($C2837,24)+1)/SUM(INDEX($D$3:$AA$30,INDEX(Jesper!$R$2:$R$366,ROW(INDEX(Jesper!AK$2:AK$366,ROUNDDOWN($C2837/24,0)+1,1))-1)+IF('Standard Profiles'!$G$21=$B$10,7,0)+IF('Standard Profiles'!$G$21=$B$17,14,0)+IF('Standard Profiles'!$G$21=$B$24,21,0),0)),0)</f>
        <v>2.4932782146110095</v>
      </c>
      <c r="H2837" cm="1">
        <f t="array" ref="H2837">IFERROR(INDEX(Jesper!AL$2:AL$366,ROUNDDOWN($C2837/24,0)+1,1)*INDEX($D$3:$AA$30,INDEX(Jesper!$R$2:$R$366,ROW(INDEX(Jesper!AL$2:AL$366,ROUNDDOWN($C2837/24,0)+1,1))-1)+IF('Standard Profiles'!$G$22=$B$10,7,0)+IF('Standard Profiles'!$G$22=$B$17,14,0)+IF('Standard Profiles'!$G$22=$B$24,21,0),MOD($C2837,24)+1)/SUM(INDEX($D$3:$AA$30,INDEX(Jesper!$R$2:$R$366,ROW(INDEX(Jesper!AL$2:AL$366,ROUNDDOWN($C2837/24,0)+1,1))-1)+IF('Standard Profiles'!$G$22=$B$10,7,0)+IF('Standard Profiles'!$G$22=$B$17,14,0)+IF('Standard Profiles'!$G$22=$B$24,21,0),0)),0)</f>
        <v>0</v>
      </c>
      <c r="I2837">
        <f t="shared" si="321"/>
        <v>1.196773543013284</v>
      </c>
      <c r="J2837">
        <f t="shared" si="322"/>
        <v>10.863693839748175</v>
      </c>
      <c r="K2837">
        <f t="shared" si="323"/>
        <v>0.61829439357430538</v>
      </c>
      <c r="L2837">
        <f t="shared" si="324"/>
        <v>0.30914719678715269</v>
      </c>
      <c r="M2837">
        <f t="shared" si="325"/>
        <v>0</v>
      </c>
      <c r="N2837" s="45">
        <f t="shared" si="326"/>
        <v>45043.791666659868</v>
      </c>
    </row>
    <row r="2838" spans="2:14" x14ac:dyDescent="0.25">
      <c r="B2838">
        <f t="shared" si="320"/>
        <v>4</v>
      </c>
      <c r="C2838" s="16">
        <v>2804</v>
      </c>
      <c r="D2838" cm="1">
        <f t="array" ref="D2838">IFERROR(INDEX(Jesper!AH$2:AH$366,ROUNDDOWN($C2838/24,0)+1,1)*INDEX($D$3:$AA$30,INDEX(Jesper!$R$2:$R$366,ROW(INDEX(Jesper!AH$2:AH$366,ROUNDDOWN($C2838/24,0)+1,1))-1)+IF('Standard Profiles'!$G$18=$B$10,7,0)+IF('Standard Profiles'!$G$18=$B$17,14,0)+IF('Standard Profiles'!$G$18=$B$24,21,0),MOD($C2838,24)+1)/SUM(INDEX($D$3:$AA$30,INDEX(Jesper!$R$2:$R$366,ROW(INDEX(Jesper!AH$2:AH$366,ROUNDDOWN($C2838/24,0)+1,1))-1)+IF('Standard Profiles'!$G$18=$B$10,7,0)+IF('Standard Profiles'!$G$18=$B$17,14,0)+IF('Standard Profiles'!$G$18=$B$24,21,0),0)),0)</f>
        <v>5.7965099397591127</v>
      </c>
      <c r="E2838" cm="1">
        <f t="array" ref="E2838">IFERROR(INDEX(Jesper!AI$2:AI$366,ROUNDDOWN($C2838/24,0)+1,1)*INDEX($D$3:$AA$30,INDEX(Jesper!$R$2:$R$366,ROW(INDEX(Jesper!AI$2:AI$366,ROUNDDOWN($C2838/24,0)+1,1))-1)+IF('Standard Profiles'!$G$19=$B$10,7,0)+IF('Standard Profiles'!$G$19=$B$17,14,0)+IF('Standard Profiles'!$G$19=$B$24,21,0),MOD($C2838,24)+1)/SUM(INDEX($D$3:$AA$30,INDEX(Jesper!$R$2:$R$366,ROW(INDEX(Jesper!AI$2:AI$366,ROUNDDOWN($C2838/24,0)+1,1))-1)+IF('Standard Profiles'!$G$19=$B$10,7,0)+IF('Standard Profiles'!$G$19=$B$17,14,0)+IF('Standard Profiles'!$G$19=$B$24,21,0),0)),0)</f>
        <v>4.6981208187527947</v>
      </c>
      <c r="F2838" cm="1">
        <f t="array" ref="F2838">IFERROR(INDEX(Jesper!AJ$2:AJ$366,ROUNDDOWN($C2838/24,0)+1,1)*INDEX($D$3:$AA$30,INDEX(Jesper!$R$2:$R$366,ROW(INDEX(Jesper!AJ$2:AJ$366,ROUNDDOWN($C2838/24,0)+1,1))-1)+IF('Standard Profiles'!$G$20=$B$10,7,0)+IF('Standard Profiles'!$G$20=$B$17,14,0)+IF('Standard Profiles'!$G$20=$B$24,21,0),MOD($C2838,24)+1)/SUM(INDEX($D$3:$AA$30,INDEX(Jesper!$R$2:$R$366,ROW(INDEX(Jesper!AJ$2:AJ$366,ROUNDDOWN($C2838/24,0)+1,1))-1)+IF('Standard Profiles'!$G$20=$B$10,7,0)+IF('Standard Profiles'!$G$20=$B$17,14,0)+IF('Standard Profiles'!$G$20=$B$24,21,0),0)),0)</f>
        <v>0</v>
      </c>
      <c r="G2838" cm="1">
        <f t="array" ref="G2838">IFERROR(INDEX(Jesper!AK$2:AK$366,ROUNDDOWN($C2838/24,0)+1,1)*INDEX($D$3:$AA$30,INDEX(Jesper!$R$2:$R$366,ROW(INDEX(Jesper!AK$2:AK$366,ROUNDDOWN($C2838/24,0)+1,1))-1)+IF('Standard Profiles'!$G$21=$B$10,7,0)+IF('Standard Profiles'!$G$21=$B$17,14,0)+IF('Standard Profiles'!$G$21=$B$24,21,0),MOD($C2838,24)+1)/SUM(INDEX($D$3:$AA$30,INDEX(Jesper!$R$2:$R$366,ROW(INDEX(Jesper!AK$2:AK$366,ROUNDDOWN($C2838/24,0)+1,1))-1)+IF('Standard Profiles'!$G$21=$B$10,7,0)+IF('Standard Profiles'!$G$21=$B$17,14,0)+IF('Standard Profiles'!$G$21=$B$24,21,0),0)),0)</f>
        <v>2.4932782146110095</v>
      </c>
      <c r="H2838" cm="1">
        <f t="array" ref="H2838">IFERROR(INDEX(Jesper!AL$2:AL$366,ROUNDDOWN($C2838/24,0)+1,1)*INDEX($D$3:$AA$30,INDEX(Jesper!$R$2:$R$366,ROW(INDEX(Jesper!AL$2:AL$366,ROUNDDOWN($C2838/24,0)+1,1))-1)+IF('Standard Profiles'!$G$22=$B$10,7,0)+IF('Standard Profiles'!$G$22=$B$17,14,0)+IF('Standard Profiles'!$G$22=$B$24,21,0),MOD($C2838,24)+1)/SUM(INDEX($D$3:$AA$30,INDEX(Jesper!$R$2:$R$366,ROW(INDEX(Jesper!AL$2:AL$366,ROUNDDOWN($C2838/24,0)+1,1))-1)+IF('Standard Profiles'!$G$22=$B$10,7,0)+IF('Standard Profiles'!$G$22=$B$17,14,0)+IF('Standard Profiles'!$G$22=$B$24,21,0),0)),0)</f>
        <v>0</v>
      </c>
      <c r="I2838">
        <f t="shared" si="321"/>
        <v>1.196773543013284</v>
      </c>
      <c r="J2838">
        <f t="shared" si="322"/>
        <v>10.863693839748175</v>
      </c>
      <c r="K2838">
        <f t="shared" si="323"/>
        <v>0.61829439357430538</v>
      </c>
      <c r="L2838">
        <f t="shared" si="324"/>
        <v>0.30914719678715269</v>
      </c>
      <c r="M2838">
        <f t="shared" si="325"/>
        <v>0</v>
      </c>
      <c r="N2838" s="45">
        <f t="shared" si="326"/>
        <v>45043.833333326533</v>
      </c>
    </row>
    <row r="2839" spans="2:14" x14ac:dyDescent="0.25">
      <c r="B2839">
        <f t="shared" si="320"/>
        <v>4</v>
      </c>
      <c r="C2839" s="16">
        <v>2805</v>
      </c>
      <c r="D2839" cm="1">
        <f t="array" ref="D2839">IFERROR(INDEX(Jesper!AH$2:AH$366,ROUNDDOWN($C2839/24,0)+1,1)*INDEX($D$3:$AA$30,INDEX(Jesper!$R$2:$R$366,ROW(INDEX(Jesper!AH$2:AH$366,ROUNDDOWN($C2839/24,0)+1,1))-1)+IF('Standard Profiles'!$G$18=$B$10,7,0)+IF('Standard Profiles'!$G$18=$B$17,14,0)+IF('Standard Profiles'!$G$18=$B$24,21,0),MOD($C2839,24)+1)/SUM(INDEX($D$3:$AA$30,INDEX(Jesper!$R$2:$R$366,ROW(INDEX(Jesper!AH$2:AH$366,ROUNDDOWN($C2839/24,0)+1,1))-1)+IF('Standard Profiles'!$G$18=$B$10,7,0)+IF('Standard Profiles'!$G$18=$B$17,14,0)+IF('Standard Profiles'!$G$18=$B$24,21,0),0)),0)</f>
        <v>5.7965099397591127</v>
      </c>
      <c r="E2839" cm="1">
        <f t="array" ref="E2839">IFERROR(INDEX(Jesper!AI$2:AI$366,ROUNDDOWN($C2839/24,0)+1,1)*INDEX($D$3:$AA$30,INDEX(Jesper!$R$2:$R$366,ROW(INDEX(Jesper!AI$2:AI$366,ROUNDDOWN($C2839/24,0)+1,1))-1)+IF('Standard Profiles'!$G$19=$B$10,7,0)+IF('Standard Profiles'!$G$19=$B$17,14,0)+IF('Standard Profiles'!$G$19=$B$24,21,0),MOD($C2839,24)+1)/SUM(INDEX($D$3:$AA$30,INDEX(Jesper!$R$2:$R$366,ROW(INDEX(Jesper!AI$2:AI$366,ROUNDDOWN($C2839/24,0)+1,1))-1)+IF('Standard Profiles'!$G$19=$B$10,7,0)+IF('Standard Profiles'!$G$19=$B$17,14,0)+IF('Standard Profiles'!$G$19=$B$24,21,0),0)),0)</f>
        <v>4.6981208187527947</v>
      </c>
      <c r="F2839" cm="1">
        <f t="array" ref="F2839">IFERROR(INDEX(Jesper!AJ$2:AJ$366,ROUNDDOWN($C2839/24,0)+1,1)*INDEX($D$3:$AA$30,INDEX(Jesper!$R$2:$R$366,ROW(INDEX(Jesper!AJ$2:AJ$366,ROUNDDOWN($C2839/24,0)+1,1))-1)+IF('Standard Profiles'!$G$20=$B$10,7,0)+IF('Standard Profiles'!$G$20=$B$17,14,0)+IF('Standard Profiles'!$G$20=$B$24,21,0),MOD($C2839,24)+1)/SUM(INDEX($D$3:$AA$30,INDEX(Jesper!$R$2:$R$366,ROW(INDEX(Jesper!AJ$2:AJ$366,ROUNDDOWN($C2839/24,0)+1,1))-1)+IF('Standard Profiles'!$G$20=$B$10,7,0)+IF('Standard Profiles'!$G$20=$B$17,14,0)+IF('Standard Profiles'!$G$20=$B$24,21,0),0)),0)</f>
        <v>0</v>
      </c>
      <c r="G2839" cm="1">
        <f t="array" ref="G2839">IFERROR(INDEX(Jesper!AK$2:AK$366,ROUNDDOWN($C2839/24,0)+1,1)*INDEX($D$3:$AA$30,INDEX(Jesper!$R$2:$R$366,ROW(INDEX(Jesper!AK$2:AK$366,ROUNDDOWN($C2839/24,0)+1,1))-1)+IF('Standard Profiles'!$G$21=$B$10,7,0)+IF('Standard Profiles'!$G$21=$B$17,14,0)+IF('Standard Profiles'!$G$21=$B$24,21,0),MOD($C2839,24)+1)/SUM(INDEX($D$3:$AA$30,INDEX(Jesper!$R$2:$R$366,ROW(INDEX(Jesper!AK$2:AK$366,ROUNDDOWN($C2839/24,0)+1,1))-1)+IF('Standard Profiles'!$G$21=$B$10,7,0)+IF('Standard Profiles'!$G$21=$B$17,14,0)+IF('Standard Profiles'!$G$21=$B$24,21,0),0)),0)</f>
        <v>2.4932782146110095</v>
      </c>
      <c r="H2839" cm="1">
        <f t="array" ref="H2839">IFERROR(INDEX(Jesper!AL$2:AL$366,ROUNDDOWN($C2839/24,0)+1,1)*INDEX($D$3:$AA$30,INDEX(Jesper!$R$2:$R$366,ROW(INDEX(Jesper!AL$2:AL$366,ROUNDDOWN($C2839/24,0)+1,1))-1)+IF('Standard Profiles'!$G$22=$B$10,7,0)+IF('Standard Profiles'!$G$22=$B$17,14,0)+IF('Standard Profiles'!$G$22=$B$24,21,0),MOD($C2839,24)+1)/SUM(INDEX($D$3:$AA$30,INDEX(Jesper!$R$2:$R$366,ROW(INDEX(Jesper!AL$2:AL$366,ROUNDDOWN($C2839/24,0)+1,1))-1)+IF('Standard Profiles'!$G$22=$B$10,7,0)+IF('Standard Profiles'!$G$22=$B$17,14,0)+IF('Standard Profiles'!$G$22=$B$24,21,0),0)),0)</f>
        <v>0</v>
      </c>
      <c r="I2839">
        <f t="shared" si="321"/>
        <v>1.196773543013284</v>
      </c>
      <c r="J2839">
        <f t="shared" si="322"/>
        <v>10.863693839748175</v>
      </c>
      <c r="K2839">
        <f t="shared" si="323"/>
        <v>0.61829439357430538</v>
      </c>
      <c r="L2839">
        <f t="shared" si="324"/>
        <v>0.30914719678715269</v>
      </c>
      <c r="M2839">
        <f t="shared" si="325"/>
        <v>0</v>
      </c>
      <c r="N2839" s="45">
        <f t="shared" si="326"/>
        <v>45043.874999993197</v>
      </c>
    </row>
    <row r="2840" spans="2:14" x14ac:dyDescent="0.25">
      <c r="B2840">
        <f t="shared" si="320"/>
        <v>4</v>
      </c>
      <c r="C2840" s="16">
        <v>2806</v>
      </c>
      <c r="D2840" cm="1">
        <f t="array" ref="D2840">IFERROR(INDEX(Jesper!AH$2:AH$366,ROUNDDOWN($C2840/24,0)+1,1)*INDEX($D$3:$AA$30,INDEX(Jesper!$R$2:$R$366,ROW(INDEX(Jesper!AH$2:AH$366,ROUNDDOWN($C2840/24,0)+1,1))-1)+IF('Standard Profiles'!$G$18=$B$10,7,0)+IF('Standard Profiles'!$G$18=$B$17,14,0)+IF('Standard Profiles'!$G$18=$B$24,21,0),MOD($C2840,24)+1)/SUM(INDEX($D$3:$AA$30,INDEX(Jesper!$R$2:$R$366,ROW(INDEX(Jesper!AH$2:AH$366,ROUNDDOWN($C2840/24,0)+1,1))-1)+IF('Standard Profiles'!$G$18=$B$10,7,0)+IF('Standard Profiles'!$G$18=$B$17,14,0)+IF('Standard Profiles'!$G$18=$B$24,21,0),0)),0)</f>
        <v>5.7965099397591127</v>
      </c>
      <c r="E2840" cm="1">
        <f t="array" ref="E2840">IFERROR(INDEX(Jesper!AI$2:AI$366,ROUNDDOWN($C2840/24,0)+1,1)*INDEX($D$3:$AA$30,INDEX(Jesper!$R$2:$R$366,ROW(INDEX(Jesper!AI$2:AI$366,ROUNDDOWN($C2840/24,0)+1,1))-1)+IF('Standard Profiles'!$G$19=$B$10,7,0)+IF('Standard Profiles'!$G$19=$B$17,14,0)+IF('Standard Profiles'!$G$19=$B$24,21,0),MOD($C2840,24)+1)/SUM(INDEX($D$3:$AA$30,INDEX(Jesper!$R$2:$R$366,ROW(INDEX(Jesper!AI$2:AI$366,ROUNDDOWN($C2840/24,0)+1,1))-1)+IF('Standard Profiles'!$G$19=$B$10,7,0)+IF('Standard Profiles'!$G$19=$B$17,14,0)+IF('Standard Profiles'!$G$19=$B$24,21,0),0)),0)</f>
        <v>4.6981208187527947</v>
      </c>
      <c r="F2840" cm="1">
        <f t="array" ref="F2840">IFERROR(INDEX(Jesper!AJ$2:AJ$366,ROUNDDOWN($C2840/24,0)+1,1)*INDEX($D$3:$AA$30,INDEX(Jesper!$R$2:$R$366,ROW(INDEX(Jesper!AJ$2:AJ$366,ROUNDDOWN($C2840/24,0)+1,1))-1)+IF('Standard Profiles'!$G$20=$B$10,7,0)+IF('Standard Profiles'!$G$20=$B$17,14,0)+IF('Standard Profiles'!$G$20=$B$24,21,0),MOD($C2840,24)+1)/SUM(INDEX($D$3:$AA$30,INDEX(Jesper!$R$2:$R$366,ROW(INDEX(Jesper!AJ$2:AJ$366,ROUNDDOWN($C2840/24,0)+1,1))-1)+IF('Standard Profiles'!$G$20=$B$10,7,0)+IF('Standard Profiles'!$G$20=$B$17,14,0)+IF('Standard Profiles'!$G$20=$B$24,21,0),0)),0)</f>
        <v>0</v>
      </c>
      <c r="G2840" cm="1">
        <f t="array" ref="G2840">IFERROR(INDEX(Jesper!AK$2:AK$366,ROUNDDOWN($C2840/24,0)+1,1)*INDEX($D$3:$AA$30,INDEX(Jesper!$R$2:$R$366,ROW(INDEX(Jesper!AK$2:AK$366,ROUNDDOWN($C2840/24,0)+1,1))-1)+IF('Standard Profiles'!$G$21=$B$10,7,0)+IF('Standard Profiles'!$G$21=$B$17,14,0)+IF('Standard Profiles'!$G$21=$B$24,21,0),MOD($C2840,24)+1)/SUM(INDEX($D$3:$AA$30,INDEX(Jesper!$R$2:$R$366,ROW(INDEX(Jesper!AK$2:AK$366,ROUNDDOWN($C2840/24,0)+1,1))-1)+IF('Standard Profiles'!$G$21=$B$10,7,0)+IF('Standard Profiles'!$G$21=$B$17,14,0)+IF('Standard Profiles'!$G$21=$B$24,21,0),0)),0)</f>
        <v>2.4932782146110095</v>
      </c>
      <c r="H2840" cm="1">
        <f t="array" ref="H2840">IFERROR(INDEX(Jesper!AL$2:AL$366,ROUNDDOWN($C2840/24,0)+1,1)*INDEX($D$3:$AA$30,INDEX(Jesper!$R$2:$R$366,ROW(INDEX(Jesper!AL$2:AL$366,ROUNDDOWN($C2840/24,0)+1,1))-1)+IF('Standard Profiles'!$G$22=$B$10,7,0)+IF('Standard Profiles'!$G$22=$B$17,14,0)+IF('Standard Profiles'!$G$22=$B$24,21,0),MOD($C2840,24)+1)/SUM(INDEX($D$3:$AA$30,INDEX(Jesper!$R$2:$R$366,ROW(INDEX(Jesper!AL$2:AL$366,ROUNDDOWN($C2840/24,0)+1,1))-1)+IF('Standard Profiles'!$G$22=$B$10,7,0)+IF('Standard Profiles'!$G$22=$B$17,14,0)+IF('Standard Profiles'!$G$22=$B$24,21,0),0)),0)</f>
        <v>0</v>
      </c>
      <c r="I2840">
        <f t="shared" si="321"/>
        <v>1.196773543013284</v>
      </c>
      <c r="J2840">
        <f t="shared" si="322"/>
        <v>10.863693839748175</v>
      </c>
      <c r="K2840">
        <f t="shared" si="323"/>
        <v>0.61829439357430538</v>
      </c>
      <c r="L2840">
        <f t="shared" si="324"/>
        <v>0.30914719678715269</v>
      </c>
      <c r="M2840">
        <f t="shared" si="325"/>
        <v>0</v>
      </c>
      <c r="N2840" s="45">
        <f t="shared" si="326"/>
        <v>45043.916666659861</v>
      </c>
    </row>
    <row r="2841" spans="2:14" x14ac:dyDescent="0.25">
      <c r="B2841">
        <f t="shared" si="320"/>
        <v>4</v>
      </c>
      <c r="C2841" s="16">
        <v>2807</v>
      </c>
      <c r="D2841" cm="1">
        <f t="array" ref="D2841">IFERROR(INDEX(Jesper!AH$2:AH$366,ROUNDDOWN($C2841/24,0)+1,1)*INDEX($D$3:$AA$30,INDEX(Jesper!$R$2:$R$366,ROW(INDEX(Jesper!AH$2:AH$366,ROUNDDOWN($C2841/24,0)+1,1))-1)+IF('Standard Profiles'!$G$18=$B$10,7,0)+IF('Standard Profiles'!$G$18=$B$17,14,0)+IF('Standard Profiles'!$G$18=$B$24,21,0),MOD($C2841,24)+1)/SUM(INDEX($D$3:$AA$30,INDEX(Jesper!$R$2:$R$366,ROW(INDEX(Jesper!AH$2:AH$366,ROUNDDOWN($C2841/24,0)+1,1))-1)+IF('Standard Profiles'!$G$18=$B$10,7,0)+IF('Standard Profiles'!$G$18=$B$17,14,0)+IF('Standard Profiles'!$G$18=$B$24,21,0),0)),0)</f>
        <v>5.7965099397591127</v>
      </c>
      <c r="E2841" cm="1">
        <f t="array" ref="E2841">IFERROR(INDEX(Jesper!AI$2:AI$366,ROUNDDOWN($C2841/24,0)+1,1)*INDEX($D$3:$AA$30,INDEX(Jesper!$R$2:$R$366,ROW(INDEX(Jesper!AI$2:AI$366,ROUNDDOWN($C2841/24,0)+1,1))-1)+IF('Standard Profiles'!$G$19=$B$10,7,0)+IF('Standard Profiles'!$G$19=$B$17,14,0)+IF('Standard Profiles'!$G$19=$B$24,21,0),MOD($C2841,24)+1)/SUM(INDEX($D$3:$AA$30,INDEX(Jesper!$R$2:$R$366,ROW(INDEX(Jesper!AI$2:AI$366,ROUNDDOWN($C2841/24,0)+1,1))-1)+IF('Standard Profiles'!$G$19=$B$10,7,0)+IF('Standard Profiles'!$G$19=$B$17,14,0)+IF('Standard Profiles'!$G$19=$B$24,21,0),0)),0)</f>
        <v>4.6981208187527947</v>
      </c>
      <c r="F2841" cm="1">
        <f t="array" ref="F2841">IFERROR(INDEX(Jesper!AJ$2:AJ$366,ROUNDDOWN($C2841/24,0)+1,1)*INDEX($D$3:$AA$30,INDEX(Jesper!$R$2:$R$366,ROW(INDEX(Jesper!AJ$2:AJ$366,ROUNDDOWN($C2841/24,0)+1,1))-1)+IF('Standard Profiles'!$G$20=$B$10,7,0)+IF('Standard Profiles'!$G$20=$B$17,14,0)+IF('Standard Profiles'!$G$20=$B$24,21,0),MOD($C2841,24)+1)/SUM(INDEX($D$3:$AA$30,INDEX(Jesper!$R$2:$R$366,ROW(INDEX(Jesper!AJ$2:AJ$366,ROUNDDOWN($C2841/24,0)+1,1))-1)+IF('Standard Profiles'!$G$20=$B$10,7,0)+IF('Standard Profiles'!$G$20=$B$17,14,0)+IF('Standard Profiles'!$G$20=$B$24,21,0),0)),0)</f>
        <v>0</v>
      </c>
      <c r="G2841" cm="1">
        <f t="array" ref="G2841">IFERROR(INDEX(Jesper!AK$2:AK$366,ROUNDDOWN($C2841/24,0)+1,1)*INDEX($D$3:$AA$30,INDEX(Jesper!$R$2:$R$366,ROW(INDEX(Jesper!AK$2:AK$366,ROUNDDOWN($C2841/24,0)+1,1))-1)+IF('Standard Profiles'!$G$21=$B$10,7,0)+IF('Standard Profiles'!$G$21=$B$17,14,0)+IF('Standard Profiles'!$G$21=$B$24,21,0),MOD($C2841,24)+1)/SUM(INDEX($D$3:$AA$30,INDEX(Jesper!$R$2:$R$366,ROW(INDEX(Jesper!AK$2:AK$366,ROUNDDOWN($C2841/24,0)+1,1))-1)+IF('Standard Profiles'!$G$21=$B$10,7,0)+IF('Standard Profiles'!$G$21=$B$17,14,0)+IF('Standard Profiles'!$G$21=$B$24,21,0),0)),0)</f>
        <v>2.4932782146110095</v>
      </c>
      <c r="H2841" cm="1">
        <f t="array" ref="H2841">IFERROR(INDEX(Jesper!AL$2:AL$366,ROUNDDOWN($C2841/24,0)+1,1)*INDEX($D$3:$AA$30,INDEX(Jesper!$R$2:$R$366,ROW(INDEX(Jesper!AL$2:AL$366,ROUNDDOWN($C2841/24,0)+1,1))-1)+IF('Standard Profiles'!$G$22=$B$10,7,0)+IF('Standard Profiles'!$G$22=$B$17,14,0)+IF('Standard Profiles'!$G$22=$B$24,21,0),MOD($C2841,24)+1)/SUM(INDEX($D$3:$AA$30,INDEX(Jesper!$R$2:$R$366,ROW(INDEX(Jesper!AL$2:AL$366,ROUNDDOWN($C2841/24,0)+1,1))-1)+IF('Standard Profiles'!$G$22=$B$10,7,0)+IF('Standard Profiles'!$G$22=$B$17,14,0)+IF('Standard Profiles'!$G$22=$B$24,21,0),0)),0)</f>
        <v>0</v>
      </c>
      <c r="I2841">
        <f t="shared" si="321"/>
        <v>1.196773543013284</v>
      </c>
      <c r="J2841">
        <f t="shared" si="322"/>
        <v>10.863693839748175</v>
      </c>
      <c r="K2841">
        <f t="shared" si="323"/>
        <v>0.61829439357430538</v>
      </c>
      <c r="L2841">
        <f t="shared" si="324"/>
        <v>0.30914719678715269</v>
      </c>
      <c r="M2841">
        <f t="shared" si="325"/>
        <v>0</v>
      </c>
      <c r="N2841" s="45">
        <f t="shared" si="326"/>
        <v>45043.958333326525</v>
      </c>
    </row>
    <row r="2842" spans="2:14" x14ac:dyDescent="0.25">
      <c r="B2842">
        <f t="shared" si="320"/>
        <v>5</v>
      </c>
      <c r="C2842" s="16">
        <v>2808</v>
      </c>
      <c r="D2842" cm="1">
        <f t="array" ref="D2842">IFERROR(INDEX(Jesper!AH$2:AH$366,ROUNDDOWN($C2842/24,0)+1,1)*INDEX($D$3:$AA$30,INDEX(Jesper!$R$2:$R$366,ROW(INDEX(Jesper!AH$2:AH$366,ROUNDDOWN($C2842/24,0)+1,1))-1)+IF('Standard Profiles'!$G$18=$B$10,7,0)+IF('Standard Profiles'!$G$18=$B$17,14,0)+IF('Standard Profiles'!$G$18=$B$24,21,0),MOD($C2842,24)+1)/SUM(INDEX($D$3:$AA$30,INDEX(Jesper!$R$2:$R$366,ROW(INDEX(Jesper!AH$2:AH$366,ROUNDDOWN($C2842/24,0)+1,1))-1)+IF('Standard Profiles'!$G$18=$B$10,7,0)+IF('Standard Profiles'!$G$18=$B$17,14,0)+IF('Standard Profiles'!$G$18=$B$24,21,0),0)),0)</f>
        <v>8.7385811725677858</v>
      </c>
      <c r="E2842" cm="1">
        <f t="array" ref="E2842">IFERROR(INDEX(Jesper!AI$2:AI$366,ROUNDDOWN($C2842/24,0)+1,1)*INDEX($D$3:$AA$30,INDEX(Jesper!$R$2:$R$366,ROW(INDEX(Jesper!AI$2:AI$366,ROUNDDOWN($C2842/24,0)+1,1))-1)+IF('Standard Profiles'!$G$19=$B$10,7,0)+IF('Standard Profiles'!$G$19=$B$17,14,0)+IF('Standard Profiles'!$G$19=$B$24,21,0),MOD($C2842,24)+1)/SUM(INDEX($D$3:$AA$30,INDEX(Jesper!$R$2:$R$366,ROW(INDEX(Jesper!AI$2:AI$366,ROUNDDOWN($C2842/24,0)+1,1))-1)+IF('Standard Profiles'!$G$19=$B$10,7,0)+IF('Standard Profiles'!$G$19=$B$17,14,0)+IF('Standard Profiles'!$G$19=$B$24,21,0),0)),0)</f>
        <v>6.1715166650624464</v>
      </c>
      <c r="F2842" cm="1">
        <f t="array" ref="F2842">IFERROR(INDEX(Jesper!AJ$2:AJ$366,ROUNDDOWN($C2842/24,0)+1,1)*INDEX($D$3:$AA$30,INDEX(Jesper!$R$2:$R$366,ROW(INDEX(Jesper!AJ$2:AJ$366,ROUNDDOWN($C2842/24,0)+1,1))-1)+IF('Standard Profiles'!$G$20=$B$10,7,0)+IF('Standard Profiles'!$G$20=$B$17,14,0)+IF('Standard Profiles'!$G$20=$B$24,21,0),MOD($C2842,24)+1)/SUM(INDEX($D$3:$AA$30,INDEX(Jesper!$R$2:$R$366,ROW(INDEX(Jesper!AJ$2:AJ$366,ROUNDDOWN($C2842/24,0)+1,1))-1)+IF('Standard Profiles'!$G$20=$B$10,7,0)+IF('Standard Profiles'!$G$20=$B$17,14,0)+IF('Standard Profiles'!$G$20=$B$24,21,0),0)),0)</f>
        <v>0</v>
      </c>
      <c r="G2842" cm="1">
        <f t="array" ref="G2842">IFERROR(INDEX(Jesper!AK$2:AK$366,ROUNDDOWN($C2842/24,0)+1,1)*INDEX($D$3:$AA$30,INDEX(Jesper!$R$2:$R$366,ROW(INDEX(Jesper!AK$2:AK$366,ROUNDDOWN($C2842/24,0)+1,1))-1)+IF('Standard Profiles'!$G$21=$B$10,7,0)+IF('Standard Profiles'!$G$21=$B$17,14,0)+IF('Standard Profiles'!$G$21=$B$24,21,0),MOD($C2842,24)+1)/SUM(INDEX($D$3:$AA$30,INDEX(Jesper!$R$2:$R$366,ROW(INDEX(Jesper!AK$2:AK$366,ROUNDDOWN($C2842/24,0)+1,1))-1)+IF('Standard Profiles'!$G$21=$B$10,7,0)+IF('Standard Profiles'!$G$21=$B$17,14,0)+IF('Standard Profiles'!$G$21=$B$24,21,0),0)),0)</f>
        <v>1.1381056381815247</v>
      </c>
      <c r="H2842" cm="1">
        <f t="array" ref="H2842">IFERROR(INDEX(Jesper!AL$2:AL$366,ROUNDDOWN($C2842/24,0)+1,1)*INDEX($D$3:$AA$30,INDEX(Jesper!$R$2:$R$366,ROW(INDEX(Jesper!AL$2:AL$366,ROUNDDOWN($C2842/24,0)+1,1))-1)+IF('Standard Profiles'!$G$22=$B$10,7,0)+IF('Standard Profiles'!$G$22=$B$17,14,0)+IF('Standard Profiles'!$G$22=$B$24,21,0),MOD($C2842,24)+1)/SUM(INDEX($D$3:$AA$30,INDEX(Jesper!$R$2:$R$366,ROW(INDEX(Jesper!AL$2:AL$366,ROUNDDOWN($C2842/24,0)+1,1))-1)+IF('Standard Profiles'!$G$22=$B$10,7,0)+IF('Standard Profiles'!$G$22=$B$17,14,0)+IF('Standard Profiles'!$G$22=$B$24,21,0),0)),0)</f>
        <v>0</v>
      </c>
      <c r="I2842">
        <f t="shared" si="321"/>
        <v>0.54629070632713161</v>
      </c>
      <c r="J2842">
        <f t="shared" si="322"/>
        <v>14.103739781873781</v>
      </c>
      <c r="K2842">
        <f t="shared" si="323"/>
        <v>0.93211532507389716</v>
      </c>
      <c r="L2842">
        <f t="shared" si="324"/>
        <v>0.46605766253694858</v>
      </c>
      <c r="M2842">
        <f t="shared" si="325"/>
        <v>0</v>
      </c>
      <c r="N2842" s="45">
        <f t="shared" si="326"/>
        <v>45043.99999999319</v>
      </c>
    </row>
    <row r="2843" spans="2:14" x14ac:dyDescent="0.25">
      <c r="B2843">
        <f t="shared" si="320"/>
        <v>5</v>
      </c>
      <c r="C2843" s="16">
        <v>2809</v>
      </c>
      <c r="D2843" cm="1">
        <f t="array" ref="D2843">IFERROR(INDEX(Jesper!AH$2:AH$366,ROUNDDOWN($C2843/24,0)+1,1)*INDEX($D$3:$AA$30,INDEX(Jesper!$R$2:$R$366,ROW(INDEX(Jesper!AH$2:AH$366,ROUNDDOWN($C2843/24,0)+1,1))-1)+IF('Standard Profiles'!$G$18=$B$10,7,0)+IF('Standard Profiles'!$G$18=$B$17,14,0)+IF('Standard Profiles'!$G$18=$B$24,21,0),MOD($C2843,24)+1)/SUM(INDEX($D$3:$AA$30,INDEX(Jesper!$R$2:$R$366,ROW(INDEX(Jesper!AH$2:AH$366,ROUNDDOWN($C2843/24,0)+1,1))-1)+IF('Standard Profiles'!$G$18=$B$10,7,0)+IF('Standard Profiles'!$G$18=$B$17,14,0)+IF('Standard Profiles'!$G$18=$B$24,21,0),0)),0)</f>
        <v>5.2961098015562333</v>
      </c>
      <c r="E2843" cm="1">
        <f t="array" ref="E2843">IFERROR(INDEX(Jesper!AI$2:AI$366,ROUNDDOWN($C2843/24,0)+1,1)*INDEX($D$3:$AA$30,INDEX(Jesper!$R$2:$R$366,ROW(INDEX(Jesper!AI$2:AI$366,ROUNDDOWN($C2843/24,0)+1,1))-1)+IF('Standard Profiles'!$G$19=$B$10,7,0)+IF('Standard Profiles'!$G$19=$B$17,14,0)+IF('Standard Profiles'!$G$19=$B$24,21,0),MOD($C2843,24)+1)/SUM(INDEX($D$3:$AA$30,INDEX(Jesper!$R$2:$R$366,ROW(INDEX(Jesper!AI$2:AI$366,ROUNDDOWN($C2843/24,0)+1,1))-1)+IF('Standard Profiles'!$G$19=$B$10,7,0)+IF('Standard Profiles'!$G$19=$B$17,14,0)+IF('Standard Profiles'!$G$19=$B$24,21,0),0)),0)</f>
        <v>3.7403131303408768</v>
      </c>
      <c r="F2843" cm="1">
        <f t="array" ref="F2843">IFERROR(INDEX(Jesper!AJ$2:AJ$366,ROUNDDOWN($C2843/24,0)+1,1)*INDEX($D$3:$AA$30,INDEX(Jesper!$R$2:$R$366,ROW(INDEX(Jesper!AJ$2:AJ$366,ROUNDDOWN($C2843/24,0)+1,1))-1)+IF('Standard Profiles'!$G$20=$B$10,7,0)+IF('Standard Profiles'!$G$20=$B$17,14,0)+IF('Standard Profiles'!$G$20=$B$24,21,0),MOD($C2843,24)+1)/SUM(INDEX($D$3:$AA$30,INDEX(Jesper!$R$2:$R$366,ROW(INDEX(Jesper!AJ$2:AJ$366,ROUNDDOWN($C2843/24,0)+1,1))-1)+IF('Standard Profiles'!$G$20=$B$10,7,0)+IF('Standard Profiles'!$G$20=$B$17,14,0)+IF('Standard Profiles'!$G$20=$B$24,21,0),0)),0)</f>
        <v>0</v>
      </c>
      <c r="G2843" cm="1">
        <f t="array" ref="G2843">IFERROR(INDEX(Jesper!AK$2:AK$366,ROUNDDOWN($C2843/24,0)+1,1)*INDEX($D$3:$AA$30,INDEX(Jesper!$R$2:$R$366,ROW(INDEX(Jesper!AK$2:AK$366,ROUNDDOWN($C2843/24,0)+1,1))-1)+IF('Standard Profiles'!$G$21=$B$10,7,0)+IF('Standard Profiles'!$G$21=$B$17,14,0)+IF('Standard Profiles'!$G$21=$B$24,21,0),MOD($C2843,24)+1)/SUM(INDEX($D$3:$AA$30,INDEX(Jesper!$R$2:$R$366,ROW(INDEX(Jesper!AK$2:AK$366,ROUNDDOWN($C2843/24,0)+1,1))-1)+IF('Standard Profiles'!$G$21=$B$10,7,0)+IF('Standard Profiles'!$G$21=$B$17,14,0)+IF('Standard Profiles'!$G$21=$B$24,21,0),0)),0)</f>
        <v>1.1381056381815247</v>
      </c>
      <c r="H2843" cm="1">
        <f t="array" ref="H2843">IFERROR(INDEX(Jesper!AL$2:AL$366,ROUNDDOWN($C2843/24,0)+1,1)*INDEX($D$3:$AA$30,INDEX(Jesper!$R$2:$R$366,ROW(INDEX(Jesper!AL$2:AL$366,ROUNDDOWN($C2843/24,0)+1,1))-1)+IF('Standard Profiles'!$G$22=$B$10,7,0)+IF('Standard Profiles'!$G$22=$B$17,14,0)+IF('Standard Profiles'!$G$22=$B$24,21,0),MOD($C2843,24)+1)/SUM(INDEX($D$3:$AA$30,INDEX(Jesper!$R$2:$R$366,ROW(INDEX(Jesper!AL$2:AL$366,ROUNDDOWN($C2843/24,0)+1,1))-1)+IF('Standard Profiles'!$G$22=$B$10,7,0)+IF('Standard Profiles'!$G$22=$B$17,14,0)+IF('Standard Profiles'!$G$22=$B$24,21,0),0)),0)</f>
        <v>0</v>
      </c>
      <c r="I2843">
        <f t="shared" si="321"/>
        <v>0.54629070632713161</v>
      </c>
      <c r="J2843">
        <f t="shared" si="322"/>
        <v>8.7808602955025066</v>
      </c>
      <c r="K2843">
        <f t="shared" si="323"/>
        <v>0.56491837883266494</v>
      </c>
      <c r="L2843">
        <f t="shared" si="324"/>
        <v>0.28245918941633247</v>
      </c>
      <c r="M2843">
        <f t="shared" si="325"/>
        <v>0</v>
      </c>
      <c r="N2843" s="45">
        <f t="shared" si="326"/>
        <v>45044.041666659854</v>
      </c>
    </row>
    <row r="2844" spans="2:14" x14ac:dyDescent="0.25">
      <c r="B2844">
        <f t="shared" si="320"/>
        <v>5</v>
      </c>
      <c r="C2844" s="16">
        <v>2810</v>
      </c>
      <c r="D2844" cm="1">
        <f t="array" ref="D2844">IFERROR(INDEX(Jesper!AH$2:AH$366,ROUNDDOWN($C2844/24,0)+1,1)*INDEX($D$3:$AA$30,INDEX(Jesper!$R$2:$R$366,ROW(INDEX(Jesper!AH$2:AH$366,ROUNDDOWN($C2844/24,0)+1,1))-1)+IF('Standard Profiles'!$G$18=$B$10,7,0)+IF('Standard Profiles'!$G$18=$B$17,14,0)+IF('Standard Profiles'!$G$18=$B$24,21,0),MOD($C2844,24)+1)/SUM(INDEX($D$3:$AA$30,INDEX(Jesper!$R$2:$R$366,ROW(INDEX(Jesper!AH$2:AH$366,ROUNDDOWN($C2844/24,0)+1,1))-1)+IF('Standard Profiles'!$G$18=$B$10,7,0)+IF('Standard Profiles'!$G$18=$B$17,14,0)+IF('Standard Profiles'!$G$18=$B$24,21,0),0)),0)</f>
        <v>5.2961098015562333</v>
      </c>
      <c r="E2844" cm="1">
        <f t="array" ref="E2844">IFERROR(INDEX(Jesper!AI$2:AI$366,ROUNDDOWN($C2844/24,0)+1,1)*INDEX($D$3:$AA$30,INDEX(Jesper!$R$2:$R$366,ROW(INDEX(Jesper!AI$2:AI$366,ROUNDDOWN($C2844/24,0)+1,1))-1)+IF('Standard Profiles'!$G$19=$B$10,7,0)+IF('Standard Profiles'!$G$19=$B$17,14,0)+IF('Standard Profiles'!$G$19=$B$24,21,0),MOD($C2844,24)+1)/SUM(INDEX($D$3:$AA$30,INDEX(Jesper!$R$2:$R$366,ROW(INDEX(Jesper!AI$2:AI$366,ROUNDDOWN($C2844/24,0)+1,1))-1)+IF('Standard Profiles'!$G$19=$B$10,7,0)+IF('Standard Profiles'!$G$19=$B$17,14,0)+IF('Standard Profiles'!$G$19=$B$24,21,0),0)),0)</f>
        <v>3.7403131303408768</v>
      </c>
      <c r="F2844" cm="1">
        <f t="array" ref="F2844">IFERROR(INDEX(Jesper!AJ$2:AJ$366,ROUNDDOWN($C2844/24,0)+1,1)*INDEX($D$3:$AA$30,INDEX(Jesper!$R$2:$R$366,ROW(INDEX(Jesper!AJ$2:AJ$366,ROUNDDOWN($C2844/24,0)+1,1))-1)+IF('Standard Profiles'!$G$20=$B$10,7,0)+IF('Standard Profiles'!$G$20=$B$17,14,0)+IF('Standard Profiles'!$G$20=$B$24,21,0),MOD($C2844,24)+1)/SUM(INDEX($D$3:$AA$30,INDEX(Jesper!$R$2:$R$366,ROW(INDEX(Jesper!AJ$2:AJ$366,ROUNDDOWN($C2844/24,0)+1,1))-1)+IF('Standard Profiles'!$G$20=$B$10,7,0)+IF('Standard Profiles'!$G$20=$B$17,14,0)+IF('Standard Profiles'!$G$20=$B$24,21,0),0)),0)</f>
        <v>0</v>
      </c>
      <c r="G2844" cm="1">
        <f t="array" ref="G2844">IFERROR(INDEX(Jesper!AK$2:AK$366,ROUNDDOWN($C2844/24,0)+1,1)*INDEX($D$3:$AA$30,INDEX(Jesper!$R$2:$R$366,ROW(INDEX(Jesper!AK$2:AK$366,ROUNDDOWN($C2844/24,0)+1,1))-1)+IF('Standard Profiles'!$G$21=$B$10,7,0)+IF('Standard Profiles'!$G$21=$B$17,14,0)+IF('Standard Profiles'!$G$21=$B$24,21,0),MOD($C2844,24)+1)/SUM(INDEX($D$3:$AA$30,INDEX(Jesper!$R$2:$R$366,ROW(INDEX(Jesper!AK$2:AK$366,ROUNDDOWN($C2844/24,0)+1,1))-1)+IF('Standard Profiles'!$G$21=$B$10,7,0)+IF('Standard Profiles'!$G$21=$B$17,14,0)+IF('Standard Profiles'!$G$21=$B$24,21,0),0)),0)</f>
        <v>1.1381056381815247</v>
      </c>
      <c r="H2844" cm="1">
        <f t="array" ref="H2844">IFERROR(INDEX(Jesper!AL$2:AL$366,ROUNDDOWN($C2844/24,0)+1,1)*INDEX($D$3:$AA$30,INDEX(Jesper!$R$2:$R$366,ROW(INDEX(Jesper!AL$2:AL$366,ROUNDDOWN($C2844/24,0)+1,1))-1)+IF('Standard Profiles'!$G$22=$B$10,7,0)+IF('Standard Profiles'!$G$22=$B$17,14,0)+IF('Standard Profiles'!$G$22=$B$24,21,0),MOD($C2844,24)+1)/SUM(INDEX($D$3:$AA$30,INDEX(Jesper!$R$2:$R$366,ROW(INDEX(Jesper!AL$2:AL$366,ROUNDDOWN($C2844/24,0)+1,1))-1)+IF('Standard Profiles'!$G$22=$B$10,7,0)+IF('Standard Profiles'!$G$22=$B$17,14,0)+IF('Standard Profiles'!$G$22=$B$24,21,0),0)),0)</f>
        <v>0</v>
      </c>
      <c r="I2844">
        <f t="shared" si="321"/>
        <v>0.54629070632713161</v>
      </c>
      <c r="J2844">
        <f t="shared" si="322"/>
        <v>8.7808602955025066</v>
      </c>
      <c r="K2844">
        <f t="shared" si="323"/>
        <v>0.56491837883266494</v>
      </c>
      <c r="L2844">
        <f t="shared" si="324"/>
        <v>0.28245918941633247</v>
      </c>
      <c r="M2844">
        <f t="shared" si="325"/>
        <v>0</v>
      </c>
      <c r="N2844" s="45">
        <f t="shared" si="326"/>
        <v>45044.083333326518</v>
      </c>
    </row>
    <row r="2845" spans="2:14" x14ac:dyDescent="0.25">
      <c r="B2845">
        <f t="shared" si="320"/>
        <v>5</v>
      </c>
      <c r="C2845" s="16">
        <v>2811</v>
      </c>
      <c r="D2845" cm="1">
        <f t="array" ref="D2845">IFERROR(INDEX(Jesper!AH$2:AH$366,ROUNDDOWN($C2845/24,0)+1,1)*INDEX($D$3:$AA$30,INDEX(Jesper!$R$2:$R$366,ROW(INDEX(Jesper!AH$2:AH$366,ROUNDDOWN($C2845/24,0)+1,1))-1)+IF('Standard Profiles'!$G$18=$B$10,7,0)+IF('Standard Profiles'!$G$18=$B$17,14,0)+IF('Standard Profiles'!$G$18=$B$24,21,0),MOD($C2845,24)+1)/SUM(INDEX($D$3:$AA$30,INDEX(Jesper!$R$2:$R$366,ROW(INDEX(Jesper!AH$2:AH$366,ROUNDDOWN($C2845/24,0)+1,1))-1)+IF('Standard Profiles'!$G$18=$B$10,7,0)+IF('Standard Profiles'!$G$18=$B$17,14,0)+IF('Standard Profiles'!$G$18=$B$24,21,0),0)),0)</f>
        <v>5.2961098015562333</v>
      </c>
      <c r="E2845" cm="1">
        <f t="array" ref="E2845">IFERROR(INDEX(Jesper!AI$2:AI$366,ROUNDDOWN($C2845/24,0)+1,1)*INDEX($D$3:$AA$30,INDEX(Jesper!$R$2:$R$366,ROW(INDEX(Jesper!AI$2:AI$366,ROUNDDOWN($C2845/24,0)+1,1))-1)+IF('Standard Profiles'!$G$19=$B$10,7,0)+IF('Standard Profiles'!$G$19=$B$17,14,0)+IF('Standard Profiles'!$G$19=$B$24,21,0),MOD($C2845,24)+1)/SUM(INDEX($D$3:$AA$30,INDEX(Jesper!$R$2:$R$366,ROW(INDEX(Jesper!AI$2:AI$366,ROUNDDOWN($C2845/24,0)+1,1))-1)+IF('Standard Profiles'!$G$19=$B$10,7,0)+IF('Standard Profiles'!$G$19=$B$17,14,0)+IF('Standard Profiles'!$G$19=$B$24,21,0),0)),0)</f>
        <v>3.7403131303408768</v>
      </c>
      <c r="F2845" cm="1">
        <f t="array" ref="F2845">IFERROR(INDEX(Jesper!AJ$2:AJ$366,ROUNDDOWN($C2845/24,0)+1,1)*INDEX($D$3:$AA$30,INDEX(Jesper!$R$2:$R$366,ROW(INDEX(Jesper!AJ$2:AJ$366,ROUNDDOWN($C2845/24,0)+1,1))-1)+IF('Standard Profiles'!$G$20=$B$10,7,0)+IF('Standard Profiles'!$G$20=$B$17,14,0)+IF('Standard Profiles'!$G$20=$B$24,21,0),MOD($C2845,24)+1)/SUM(INDEX($D$3:$AA$30,INDEX(Jesper!$R$2:$R$366,ROW(INDEX(Jesper!AJ$2:AJ$366,ROUNDDOWN($C2845/24,0)+1,1))-1)+IF('Standard Profiles'!$G$20=$B$10,7,0)+IF('Standard Profiles'!$G$20=$B$17,14,0)+IF('Standard Profiles'!$G$20=$B$24,21,0),0)),0)</f>
        <v>0</v>
      </c>
      <c r="G2845" cm="1">
        <f t="array" ref="G2845">IFERROR(INDEX(Jesper!AK$2:AK$366,ROUNDDOWN($C2845/24,0)+1,1)*INDEX($D$3:$AA$30,INDEX(Jesper!$R$2:$R$366,ROW(INDEX(Jesper!AK$2:AK$366,ROUNDDOWN($C2845/24,0)+1,1))-1)+IF('Standard Profiles'!$G$21=$B$10,7,0)+IF('Standard Profiles'!$G$21=$B$17,14,0)+IF('Standard Profiles'!$G$21=$B$24,21,0),MOD($C2845,24)+1)/SUM(INDEX($D$3:$AA$30,INDEX(Jesper!$R$2:$R$366,ROW(INDEX(Jesper!AK$2:AK$366,ROUNDDOWN($C2845/24,0)+1,1))-1)+IF('Standard Profiles'!$G$21=$B$10,7,0)+IF('Standard Profiles'!$G$21=$B$17,14,0)+IF('Standard Profiles'!$G$21=$B$24,21,0),0)),0)</f>
        <v>1.1381056381815247</v>
      </c>
      <c r="H2845" cm="1">
        <f t="array" ref="H2845">IFERROR(INDEX(Jesper!AL$2:AL$366,ROUNDDOWN($C2845/24,0)+1,1)*INDEX($D$3:$AA$30,INDEX(Jesper!$R$2:$R$366,ROW(INDEX(Jesper!AL$2:AL$366,ROUNDDOWN($C2845/24,0)+1,1))-1)+IF('Standard Profiles'!$G$22=$B$10,7,0)+IF('Standard Profiles'!$G$22=$B$17,14,0)+IF('Standard Profiles'!$G$22=$B$24,21,0),MOD($C2845,24)+1)/SUM(INDEX($D$3:$AA$30,INDEX(Jesper!$R$2:$R$366,ROW(INDEX(Jesper!AL$2:AL$366,ROUNDDOWN($C2845/24,0)+1,1))-1)+IF('Standard Profiles'!$G$22=$B$10,7,0)+IF('Standard Profiles'!$G$22=$B$17,14,0)+IF('Standard Profiles'!$G$22=$B$24,21,0),0)),0)</f>
        <v>0</v>
      </c>
      <c r="I2845">
        <f t="shared" si="321"/>
        <v>0.54629070632713161</v>
      </c>
      <c r="J2845">
        <f t="shared" si="322"/>
        <v>8.7808602955025066</v>
      </c>
      <c r="K2845">
        <f t="shared" si="323"/>
        <v>0.56491837883266494</v>
      </c>
      <c r="L2845">
        <f t="shared" si="324"/>
        <v>0.28245918941633247</v>
      </c>
      <c r="M2845">
        <f t="shared" si="325"/>
        <v>0</v>
      </c>
      <c r="N2845" s="45">
        <f t="shared" si="326"/>
        <v>45044.124999993182</v>
      </c>
    </row>
    <row r="2846" spans="2:14" x14ac:dyDescent="0.25">
      <c r="B2846">
        <f t="shared" si="320"/>
        <v>5</v>
      </c>
      <c r="C2846" s="16">
        <v>2812</v>
      </c>
      <c r="D2846" cm="1">
        <f t="array" ref="D2846">IFERROR(INDEX(Jesper!AH$2:AH$366,ROUNDDOWN($C2846/24,0)+1,1)*INDEX($D$3:$AA$30,INDEX(Jesper!$R$2:$R$366,ROW(INDEX(Jesper!AH$2:AH$366,ROUNDDOWN($C2846/24,0)+1,1))-1)+IF('Standard Profiles'!$G$18=$B$10,7,0)+IF('Standard Profiles'!$G$18=$B$17,14,0)+IF('Standard Profiles'!$G$18=$B$24,21,0),MOD($C2846,24)+1)/SUM(INDEX($D$3:$AA$30,INDEX(Jesper!$R$2:$R$366,ROW(INDEX(Jesper!AH$2:AH$366,ROUNDDOWN($C2846/24,0)+1,1))-1)+IF('Standard Profiles'!$G$18=$B$10,7,0)+IF('Standard Profiles'!$G$18=$B$17,14,0)+IF('Standard Profiles'!$G$18=$B$24,21,0),0)),0)</f>
        <v>5.2961098015562333</v>
      </c>
      <c r="E2846" cm="1">
        <f t="array" ref="E2846">IFERROR(INDEX(Jesper!AI$2:AI$366,ROUNDDOWN($C2846/24,0)+1,1)*INDEX($D$3:$AA$30,INDEX(Jesper!$R$2:$R$366,ROW(INDEX(Jesper!AI$2:AI$366,ROUNDDOWN($C2846/24,0)+1,1))-1)+IF('Standard Profiles'!$G$19=$B$10,7,0)+IF('Standard Profiles'!$G$19=$B$17,14,0)+IF('Standard Profiles'!$G$19=$B$24,21,0),MOD($C2846,24)+1)/SUM(INDEX($D$3:$AA$30,INDEX(Jesper!$R$2:$R$366,ROW(INDEX(Jesper!AI$2:AI$366,ROUNDDOWN($C2846/24,0)+1,1))-1)+IF('Standard Profiles'!$G$19=$B$10,7,0)+IF('Standard Profiles'!$G$19=$B$17,14,0)+IF('Standard Profiles'!$G$19=$B$24,21,0),0)),0)</f>
        <v>3.7403131303408768</v>
      </c>
      <c r="F2846" cm="1">
        <f t="array" ref="F2846">IFERROR(INDEX(Jesper!AJ$2:AJ$366,ROUNDDOWN($C2846/24,0)+1,1)*INDEX($D$3:$AA$30,INDEX(Jesper!$R$2:$R$366,ROW(INDEX(Jesper!AJ$2:AJ$366,ROUNDDOWN($C2846/24,0)+1,1))-1)+IF('Standard Profiles'!$G$20=$B$10,7,0)+IF('Standard Profiles'!$G$20=$B$17,14,0)+IF('Standard Profiles'!$G$20=$B$24,21,0),MOD($C2846,24)+1)/SUM(INDEX($D$3:$AA$30,INDEX(Jesper!$R$2:$R$366,ROW(INDEX(Jesper!AJ$2:AJ$366,ROUNDDOWN($C2846/24,0)+1,1))-1)+IF('Standard Profiles'!$G$20=$B$10,7,0)+IF('Standard Profiles'!$G$20=$B$17,14,0)+IF('Standard Profiles'!$G$20=$B$24,21,0),0)),0)</f>
        <v>0</v>
      </c>
      <c r="G2846" cm="1">
        <f t="array" ref="G2846">IFERROR(INDEX(Jesper!AK$2:AK$366,ROUNDDOWN($C2846/24,0)+1,1)*INDEX($D$3:$AA$30,INDEX(Jesper!$R$2:$R$366,ROW(INDEX(Jesper!AK$2:AK$366,ROUNDDOWN($C2846/24,0)+1,1))-1)+IF('Standard Profiles'!$G$21=$B$10,7,0)+IF('Standard Profiles'!$G$21=$B$17,14,0)+IF('Standard Profiles'!$G$21=$B$24,21,0),MOD($C2846,24)+1)/SUM(INDEX($D$3:$AA$30,INDEX(Jesper!$R$2:$R$366,ROW(INDEX(Jesper!AK$2:AK$366,ROUNDDOWN($C2846/24,0)+1,1))-1)+IF('Standard Profiles'!$G$21=$B$10,7,0)+IF('Standard Profiles'!$G$21=$B$17,14,0)+IF('Standard Profiles'!$G$21=$B$24,21,0),0)),0)</f>
        <v>1.1381056381815247</v>
      </c>
      <c r="H2846" cm="1">
        <f t="array" ref="H2846">IFERROR(INDEX(Jesper!AL$2:AL$366,ROUNDDOWN($C2846/24,0)+1,1)*INDEX($D$3:$AA$30,INDEX(Jesper!$R$2:$R$366,ROW(INDEX(Jesper!AL$2:AL$366,ROUNDDOWN($C2846/24,0)+1,1))-1)+IF('Standard Profiles'!$G$22=$B$10,7,0)+IF('Standard Profiles'!$G$22=$B$17,14,0)+IF('Standard Profiles'!$G$22=$B$24,21,0),MOD($C2846,24)+1)/SUM(INDEX($D$3:$AA$30,INDEX(Jesper!$R$2:$R$366,ROW(INDEX(Jesper!AL$2:AL$366,ROUNDDOWN($C2846/24,0)+1,1))-1)+IF('Standard Profiles'!$G$22=$B$10,7,0)+IF('Standard Profiles'!$G$22=$B$17,14,0)+IF('Standard Profiles'!$G$22=$B$24,21,0),0)),0)</f>
        <v>0</v>
      </c>
      <c r="I2846">
        <f t="shared" si="321"/>
        <v>0.54629070632713161</v>
      </c>
      <c r="J2846">
        <f t="shared" si="322"/>
        <v>8.7808602955025066</v>
      </c>
      <c r="K2846">
        <f t="shared" si="323"/>
        <v>0.56491837883266494</v>
      </c>
      <c r="L2846">
        <f t="shared" si="324"/>
        <v>0.28245918941633247</v>
      </c>
      <c r="M2846">
        <f t="shared" si="325"/>
        <v>0</v>
      </c>
      <c r="N2846" s="45">
        <f t="shared" si="326"/>
        <v>45044.166666659847</v>
      </c>
    </row>
    <row r="2847" spans="2:14" x14ac:dyDescent="0.25">
      <c r="B2847">
        <f t="shared" si="320"/>
        <v>5</v>
      </c>
      <c r="C2847" s="16">
        <v>2813</v>
      </c>
      <c r="D2847" cm="1">
        <f t="array" ref="D2847">IFERROR(INDEX(Jesper!AH$2:AH$366,ROUNDDOWN($C2847/24,0)+1,1)*INDEX($D$3:$AA$30,INDEX(Jesper!$R$2:$R$366,ROW(INDEX(Jesper!AH$2:AH$366,ROUNDDOWN($C2847/24,0)+1,1))-1)+IF('Standard Profiles'!$G$18=$B$10,7,0)+IF('Standard Profiles'!$G$18=$B$17,14,0)+IF('Standard Profiles'!$G$18=$B$24,21,0),MOD($C2847,24)+1)/SUM(INDEX($D$3:$AA$30,INDEX(Jesper!$R$2:$R$366,ROW(INDEX(Jesper!AH$2:AH$366,ROUNDDOWN($C2847/24,0)+1,1))-1)+IF('Standard Profiles'!$G$18=$B$10,7,0)+IF('Standard Profiles'!$G$18=$B$17,14,0)+IF('Standard Profiles'!$G$18=$B$24,21,0),0)),0)</f>
        <v>5.2961098015562333</v>
      </c>
      <c r="E2847" cm="1">
        <f t="array" ref="E2847">IFERROR(INDEX(Jesper!AI$2:AI$366,ROUNDDOWN($C2847/24,0)+1,1)*INDEX($D$3:$AA$30,INDEX(Jesper!$R$2:$R$366,ROW(INDEX(Jesper!AI$2:AI$366,ROUNDDOWN($C2847/24,0)+1,1))-1)+IF('Standard Profiles'!$G$19=$B$10,7,0)+IF('Standard Profiles'!$G$19=$B$17,14,0)+IF('Standard Profiles'!$G$19=$B$24,21,0),MOD($C2847,24)+1)/SUM(INDEX($D$3:$AA$30,INDEX(Jesper!$R$2:$R$366,ROW(INDEX(Jesper!AI$2:AI$366,ROUNDDOWN($C2847/24,0)+1,1))-1)+IF('Standard Profiles'!$G$19=$B$10,7,0)+IF('Standard Profiles'!$G$19=$B$17,14,0)+IF('Standard Profiles'!$G$19=$B$24,21,0),0)),0)</f>
        <v>3.7403131303408768</v>
      </c>
      <c r="F2847" cm="1">
        <f t="array" ref="F2847">IFERROR(INDEX(Jesper!AJ$2:AJ$366,ROUNDDOWN($C2847/24,0)+1,1)*INDEX($D$3:$AA$30,INDEX(Jesper!$R$2:$R$366,ROW(INDEX(Jesper!AJ$2:AJ$366,ROUNDDOWN($C2847/24,0)+1,1))-1)+IF('Standard Profiles'!$G$20=$B$10,7,0)+IF('Standard Profiles'!$G$20=$B$17,14,0)+IF('Standard Profiles'!$G$20=$B$24,21,0),MOD($C2847,24)+1)/SUM(INDEX($D$3:$AA$30,INDEX(Jesper!$R$2:$R$366,ROW(INDEX(Jesper!AJ$2:AJ$366,ROUNDDOWN($C2847/24,0)+1,1))-1)+IF('Standard Profiles'!$G$20=$B$10,7,0)+IF('Standard Profiles'!$G$20=$B$17,14,0)+IF('Standard Profiles'!$G$20=$B$24,21,0),0)),0)</f>
        <v>0</v>
      </c>
      <c r="G2847" cm="1">
        <f t="array" ref="G2847">IFERROR(INDEX(Jesper!AK$2:AK$366,ROUNDDOWN($C2847/24,0)+1,1)*INDEX($D$3:$AA$30,INDEX(Jesper!$R$2:$R$366,ROW(INDEX(Jesper!AK$2:AK$366,ROUNDDOWN($C2847/24,0)+1,1))-1)+IF('Standard Profiles'!$G$21=$B$10,7,0)+IF('Standard Profiles'!$G$21=$B$17,14,0)+IF('Standard Profiles'!$G$21=$B$24,21,0),MOD($C2847,24)+1)/SUM(INDEX($D$3:$AA$30,INDEX(Jesper!$R$2:$R$366,ROW(INDEX(Jesper!AK$2:AK$366,ROUNDDOWN($C2847/24,0)+1,1))-1)+IF('Standard Profiles'!$G$21=$B$10,7,0)+IF('Standard Profiles'!$G$21=$B$17,14,0)+IF('Standard Profiles'!$G$21=$B$24,21,0),0)),0)</f>
        <v>1.1381056381815247</v>
      </c>
      <c r="H2847" cm="1">
        <f t="array" ref="H2847">IFERROR(INDEX(Jesper!AL$2:AL$366,ROUNDDOWN($C2847/24,0)+1,1)*INDEX($D$3:$AA$30,INDEX(Jesper!$R$2:$R$366,ROW(INDEX(Jesper!AL$2:AL$366,ROUNDDOWN($C2847/24,0)+1,1))-1)+IF('Standard Profiles'!$G$22=$B$10,7,0)+IF('Standard Profiles'!$G$22=$B$17,14,0)+IF('Standard Profiles'!$G$22=$B$24,21,0),MOD($C2847,24)+1)/SUM(INDEX($D$3:$AA$30,INDEX(Jesper!$R$2:$R$366,ROW(INDEX(Jesper!AL$2:AL$366,ROUNDDOWN($C2847/24,0)+1,1))-1)+IF('Standard Profiles'!$G$22=$B$10,7,0)+IF('Standard Profiles'!$G$22=$B$17,14,0)+IF('Standard Profiles'!$G$22=$B$24,21,0),0)),0)</f>
        <v>0</v>
      </c>
      <c r="I2847">
        <f t="shared" si="321"/>
        <v>0.54629070632713161</v>
      </c>
      <c r="J2847">
        <f t="shared" si="322"/>
        <v>8.7808602955025066</v>
      </c>
      <c r="K2847">
        <f t="shared" si="323"/>
        <v>0.56491837883266494</v>
      </c>
      <c r="L2847">
        <f t="shared" si="324"/>
        <v>0.28245918941633247</v>
      </c>
      <c r="M2847">
        <f t="shared" si="325"/>
        <v>0</v>
      </c>
      <c r="N2847" s="45">
        <f t="shared" si="326"/>
        <v>45044.208333326511</v>
      </c>
    </row>
    <row r="2848" spans="2:14" x14ac:dyDescent="0.25">
      <c r="B2848">
        <f t="shared" si="320"/>
        <v>5</v>
      </c>
      <c r="C2848" s="16">
        <v>2814</v>
      </c>
      <c r="D2848" cm="1">
        <f t="array" ref="D2848">IFERROR(INDEX(Jesper!AH$2:AH$366,ROUNDDOWN($C2848/24,0)+1,1)*INDEX($D$3:$AA$30,INDEX(Jesper!$R$2:$R$366,ROW(INDEX(Jesper!AH$2:AH$366,ROUNDDOWN($C2848/24,0)+1,1))-1)+IF('Standard Profiles'!$G$18=$B$10,7,0)+IF('Standard Profiles'!$G$18=$B$17,14,0)+IF('Standard Profiles'!$G$18=$B$24,21,0),MOD($C2848,24)+1)/SUM(INDEX($D$3:$AA$30,INDEX(Jesper!$R$2:$R$366,ROW(INDEX(Jesper!AH$2:AH$366,ROUNDDOWN($C2848/24,0)+1,1))-1)+IF('Standard Profiles'!$G$18=$B$10,7,0)+IF('Standard Profiles'!$G$18=$B$17,14,0)+IF('Standard Profiles'!$G$18=$B$24,21,0),0)),0)</f>
        <v>5.2961098015562333</v>
      </c>
      <c r="E2848" cm="1">
        <f t="array" ref="E2848">IFERROR(INDEX(Jesper!AI$2:AI$366,ROUNDDOWN($C2848/24,0)+1,1)*INDEX($D$3:$AA$30,INDEX(Jesper!$R$2:$R$366,ROW(INDEX(Jesper!AI$2:AI$366,ROUNDDOWN($C2848/24,0)+1,1))-1)+IF('Standard Profiles'!$G$19=$B$10,7,0)+IF('Standard Profiles'!$G$19=$B$17,14,0)+IF('Standard Profiles'!$G$19=$B$24,21,0),MOD($C2848,24)+1)/SUM(INDEX($D$3:$AA$30,INDEX(Jesper!$R$2:$R$366,ROW(INDEX(Jesper!AI$2:AI$366,ROUNDDOWN($C2848/24,0)+1,1))-1)+IF('Standard Profiles'!$G$19=$B$10,7,0)+IF('Standard Profiles'!$G$19=$B$17,14,0)+IF('Standard Profiles'!$G$19=$B$24,21,0),0)),0)</f>
        <v>3.7403131303408768</v>
      </c>
      <c r="F2848" cm="1">
        <f t="array" ref="F2848">IFERROR(INDEX(Jesper!AJ$2:AJ$366,ROUNDDOWN($C2848/24,0)+1,1)*INDEX($D$3:$AA$30,INDEX(Jesper!$R$2:$R$366,ROW(INDEX(Jesper!AJ$2:AJ$366,ROUNDDOWN($C2848/24,0)+1,1))-1)+IF('Standard Profiles'!$G$20=$B$10,7,0)+IF('Standard Profiles'!$G$20=$B$17,14,0)+IF('Standard Profiles'!$G$20=$B$24,21,0),MOD($C2848,24)+1)/SUM(INDEX($D$3:$AA$30,INDEX(Jesper!$R$2:$R$366,ROW(INDEX(Jesper!AJ$2:AJ$366,ROUNDDOWN($C2848/24,0)+1,1))-1)+IF('Standard Profiles'!$G$20=$B$10,7,0)+IF('Standard Profiles'!$G$20=$B$17,14,0)+IF('Standard Profiles'!$G$20=$B$24,21,0),0)),0)</f>
        <v>0</v>
      </c>
      <c r="G2848" cm="1">
        <f t="array" ref="G2848">IFERROR(INDEX(Jesper!AK$2:AK$366,ROUNDDOWN($C2848/24,0)+1,1)*INDEX($D$3:$AA$30,INDEX(Jesper!$R$2:$R$366,ROW(INDEX(Jesper!AK$2:AK$366,ROUNDDOWN($C2848/24,0)+1,1))-1)+IF('Standard Profiles'!$G$21=$B$10,7,0)+IF('Standard Profiles'!$G$21=$B$17,14,0)+IF('Standard Profiles'!$G$21=$B$24,21,0),MOD($C2848,24)+1)/SUM(INDEX($D$3:$AA$30,INDEX(Jesper!$R$2:$R$366,ROW(INDEX(Jesper!AK$2:AK$366,ROUNDDOWN($C2848/24,0)+1,1))-1)+IF('Standard Profiles'!$G$21=$B$10,7,0)+IF('Standard Profiles'!$G$21=$B$17,14,0)+IF('Standard Profiles'!$G$21=$B$24,21,0),0)),0)</f>
        <v>1.1381056381815247</v>
      </c>
      <c r="H2848" cm="1">
        <f t="array" ref="H2848">IFERROR(INDEX(Jesper!AL$2:AL$366,ROUNDDOWN($C2848/24,0)+1,1)*INDEX($D$3:$AA$30,INDEX(Jesper!$R$2:$R$366,ROW(INDEX(Jesper!AL$2:AL$366,ROUNDDOWN($C2848/24,0)+1,1))-1)+IF('Standard Profiles'!$G$22=$B$10,7,0)+IF('Standard Profiles'!$G$22=$B$17,14,0)+IF('Standard Profiles'!$G$22=$B$24,21,0),MOD($C2848,24)+1)/SUM(INDEX($D$3:$AA$30,INDEX(Jesper!$R$2:$R$366,ROW(INDEX(Jesper!AL$2:AL$366,ROUNDDOWN($C2848/24,0)+1,1))-1)+IF('Standard Profiles'!$G$22=$B$10,7,0)+IF('Standard Profiles'!$G$22=$B$17,14,0)+IF('Standard Profiles'!$G$22=$B$24,21,0),0)),0)</f>
        <v>0</v>
      </c>
      <c r="I2848">
        <f t="shared" si="321"/>
        <v>0.54629070632713161</v>
      </c>
      <c r="J2848">
        <f t="shared" si="322"/>
        <v>8.7808602955025066</v>
      </c>
      <c r="K2848">
        <f t="shared" si="323"/>
        <v>0.56491837883266494</v>
      </c>
      <c r="L2848">
        <f t="shared" si="324"/>
        <v>0.28245918941633247</v>
      </c>
      <c r="M2848">
        <f t="shared" si="325"/>
        <v>0</v>
      </c>
      <c r="N2848" s="45">
        <f t="shared" si="326"/>
        <v>45044.249999993175</v>
      </c>
    </row>
    <row r="2849" spans="2:14" x14ac:dyDescent="0.25">
      <c r="B2849">
        <f t="shared" si="320"/>
        <v>5</v>
      </c>
      <c r="C2849" s="16">
        <v>2815</v>
      </c>
      <c r="D2849" cm="1">
        <f t="array" ref="D2849">IFERROR(INDEX(Jesper!AH$2:AH$366,ROUNDDOWN($C2849/24,0)+1,1)*INDEX($D$3:$AA$30,INDEX(Jesper!$R$2:$R$366,ROW(INDEX(Jesper!AH$2:AH$366,ROUNDDOWN($C2849/24,0)+1,1))-1)+IF('Standard Profiles'!$G$18=$B$10,7,0)+IF('Standard Profiles'!$G$18=$B$17,14,0)+IF('Standard Profiles'!$G$18=$B$24,21,0),MOD($C2849,24)+1)/SUM(INDEX($D$3:$AA$30,INDEX(Jesper!$R$2:$R$366,ROW(INDEX(Jesper!AH$2:AH$366,ROUNDDOWN($C2849/24,0)+1,1))-1)+IF('Standard Profiles'!$G$18=$B$10,7,0)+IF('Standard Profiles'!$G$18=$B$17,14,0)+IF('Standard Profiles'!$G$18=$B$24,21,0),0)),0)</f>
        <v>22.561427754629552</v>
      </c>
      <c r="E2849" cm="1">
        <f t="array" ref="E2849">IFERROR(INDEX(Jesper!AI$2:AI$366,ROUNDDOWN($C2849/24,0)+1,1)*INDEX($D$3:$AA$30,INDEX(Jesper!$R$2:$R$366,ROW(INDEX(Jesper!AI$2:AI$366,ROUNDDOWN($C2849/24,0)+1,1))-1)+IF('Standard Profiles'!$G$19=$B$10,7,0)+IF('Standard Profiles'!$G$19=$B$17,14,0)+IF('Standard Profiles'!$G$19=$B$24,21,0),MOD($C2849,24)+1)/SUM(INDEX($D$3:$AA$30,INDEX(Jesper!$R$2:$R$366,ROW(INDEX(Jesper!AI$2:AI$366,ROUNDDOWN($C2849/24,0)+1,1))-1)+IF('Standard Profiles'!$G$19=$B$10,7,0)+IF('Standard Profiles'!$G$19=$B$17,14,0)+IF('Standard Profiles'!$G$19=$B$24,21,0),0)),0)</f>
        <v>15.933733935252132</v>
      </c>
      <c r="F2849" cm="1">
        <f t="array" ref="F2849">IFERROR(INDEX(Jesper!AJ$2:AJ$366,ROUNDDOWN($C2849/24,0)+1,1)*INDEX($D$3:$AA$30,INDEX(Jesper!$R$2:$R$366,ROW(INDEX(Jesper!AJ$2:AJ$366,ROUNDDOWN($C2849/24,0)+1,1))-1)+IF('Standard Profiles'!$G$20=$B$10,7,0)+IF('Standard Profiles'!$G$20=$B$17,14,0)+IF('Standard Profiles'!$G$20=$B$24,21,0),MOD($C2849,24)+1)/SUM(INDEX($D$3:$AA$30,INDEX(Jesper!$R$2:$R$366,ROW(INDEX(Jesper!AJ$2:AJ$366,ROUNDDOWN($C2849/24,0)+1,1))-1)+IF('Standard Profiles'!$G$20=$B$10,7,0)+IF('Standard Profiles'!$G$20=$B$17,14,0)+IF('Standard Profiles'!$G$20=$B$24,21,0),0)),0)</f>
        <v>0</v>
      </c>
      <c r="G2849" cm="1">
        <f t="array" ref="G2849">IFERROR(INDEX(Jesper!AK$2:AK$366,ROUNDDOWN($C2849/24,0)+1,1)*INDEX($D$3:$AA$30,INDEX(Jesper!$R$2:$R$366,ROW(INDEX(Jesper!AK$2:AK$366,ROUNDDOWN($C2849/24,0)+1,1))-1)+IF('Standard Profiles'!$G$21=$B$10,7,0)+IF('Standard Profiles'!$G$21=$B$17,14,0)+IF('Standard Profiles'!$G$21=$B$24,21,0),MOD($C2849,24)+1)/SUM(INDEX($D$3:$AA$30,INDEX(Jesper!$R$2:$R$366,ROW(INDEX(Jesper!AK$2:AK$366,ROUNDDOWN($C2849/24,0)+1,1))-1)+IF('Standard Profiles'!$G$21=$B$10,7,0)+IF('Standard Profiles'!$G$21=$B$17,14,0)+IF('Standard Profiles'!$G$21=$B$24,21,0),0)),0)</f>
        <v>3.0838991486209051</v>
      </c>
      <c r="H2849" cm="1">
        <f t="array" ref="H2849">IFERROR(INDEX(Jesper!AL$2:AL$366,ROUNDDOWN($C2849/24,0)+1,1)*INDEX($D$3:$AA$30,INDEX(Jesper!$R$2:$R$366,ROW(INDEX(Jesper!AL$2:AL$366,ROUNDDOWN($C2849/24,0)+1,1))-1)+IF('Standard Profiles'!$G$22=$B$10,7,0)+IF('Standard Profiles'!$G$22=$B$17,14,0)+IF('Standard Profiles'!$G$22=$B$24,21,0),MOD($C2849,24)+1)/SUM(INDEX($D$3:$AA$30,INDEX(Jesper!$R$2:$R$366,ROW(INDEX(Jesper!AL$2:AL$366,ROUNDDOWN($C2849/24,0)+1,1))-1)+IF('Standard Profiles'!$G$22=$B$10,7,0)+IF('Standard Profiles'!$G$22=$B$17,14,0)+IF('Standard Profiles'!$G$22=$B$24,21,0),0)),0)</f>
        <v>0</v>
      </c>
      <c r="I2849">
        <f t="shared" si="321"/>
        <v>1.4802715913380338</v>
      </c>
      <c r="J2849">
        <f t="shared" si="322"/>
        <v>36.488960806423826</v>
      </c>
      <c r="K2849">
        <f t="shared" si="323"/>
        <v>2.4065522938271524</v>
      </c>
      <c r="L2849">
        <f t="shared" si="324"/>
        <v>1.2032761469135762</v>
      </c>
      <c r="M2849">
        <f t="shared" si="325"/>
        <v>0</v>
      </c>
      <c r="N2849" s="45">
        <f t="shared" si="326"/>
        <v>45044.291666659839</v>
      </c>
    </row>
    <row r="2850" spans="2:14" x14ac:dyDescent="0.25">
      <c r="B2850">
        <f t="shared" si="320"/>
        <v>5</v>
      </c>
      <c r="C2850" s="16">
        <v>2816</v>
      </c>
      <c r="D2850" cm="1">
        <f t="array" ref="D2850">IFERROR(INDEX(Jesper!AH$2:AH$366,ROUNDDOWN($C2850/24,0)+1,1)*INDEX($D$3:$AA$30,INDEX(Jesper!$R$2:$R$366,ROW(INDEX(Jesper!AH$2:AH$366,ROUNDDOWN($C2850/24,0)+1,1))-1)+IF('Standard Profiles'!$G$18=$B$10,7,0)+IF('Standard Profiles'!$G$18=$B$17,14,0)+IF('Standard Profiles'!$G$18=$B$24,21,0),MOD($C2850,24)+1)/SUM(INDEX($D$3:$AA$30,INDEX(Jesper!$R$2:$R$366,ROW(INDEX(Jesper!AH$2:AH$366,ROUNDDOWN($C2850/24,0)+1,1))-1)+IF('Standard Profiles'!$G$18=$B$10,7,0)+IF('Standard Profiles'!$G$18=$B$17,14,0)+IF('Standard Profiles'!$G$18=$B$24,21,0),0)),0)</f>
        <v>28.201784693286939</v>
      </c>
      <c r="E2850" cm="1">
        <f t="array" ref="E2850">IFERROR(INDEX(Jesper!AI$2:AI$366,ROUNDDOWN($C2850/24,0)+1,1)*INDEX($D$3:$AA$30,INDEX(Jesper!$R$2:$R$366,ROW(INDEX(Jesper!AI$2:AI$366,ROUNDDOWN($C2850/24,0)+1,1))-1)+IF('Standard Profiles'!$G$19=$B$10,7,0)+IF('Standard Profiles'!$G$19=$B$17,14,0)+IF('Standard Profiles'!$G$19=$B$24,21,0),MOD($C2850,24)+1)/SUM(INDEX($D$3:$AA$30,INDEX(Jesper!$R$2:$R$366,ROW(INDEX(Jesper!AI$2:AI$366,ROUNDDOWN($C2850/24,0)+1,1))-1)+IF('Standard Profiles'!$G$19=$B$10,7,0)+IF('Standard Profiles'!$G$19=$B$17,14,0)+IF('Standard Profiles'!$G$19=$B$24,21,0),0)),0)</f>
        <v>19.917167419065166</v>
      </c>
      <c r="F2850" cm="1">
        <f t="array" ref="F2850">IFERROR(INDEX(Jesper!AJ$2:AJ$366,ROUNDDOWN($C2850/24,0)+1,1)*INDEX($D$3:$AA$30,INDEX(Jesper!$R$2:$R$366,ROW(INDEX(Jesper!AJ$2:AJ$366,ROUNDDOWN($C2850/24,0)+1,1))-1)+IF('Standard Profiles'!$G$20=$B$10,7,0)+IF('Standard Profiles'!$G$20=$B$17,14,0)+IF('Standard Profiles'!$G$20=$B$24,21,0),MOD($C2850,24)+1)/SUM(INDEX($D$3:$AA$30,INDEX(Jesper!$R$2:$R$366,ROW(INDEX(Jesper!AJ$2:AJ$366,ROUNDDOWN($C2850/24,0)+1,1))-1)+IF('Standard Profiles'!$G$20=$B$10,7,0)+IF('Standard Profiles'!$G$20=$B$17,14,0)+IF('Standard Profiles'!$G$20=$B$24,21,0),0)),0)</f>
        <v>0</v>
      </c>
      <c r="G2850" cm="1">
        <f t="array" ref="G2850">IFERROR(INDEX(Jesper!AK$2:AK$366,ROUNDDOWN($C2850/24,0)+1,1)*INDEX($D$3:$AA$30,INDEX(Jesper!$R$2:$R$366,ROW(INDEX(Jesper!AK$2:AK$366,ROUNDDOWN($C2850/24,0)+1,1))-1)+IF('Standard Profiles'!$G$21=$B$10,7,0)+IF('Standard Profiles'!$G$21=$B$17,14,0)+IF('Standard Profiles'!$G$21=$B$24,21,0),MOD($C2850,24)+1)/SUM(INDEX($D$3:$AA$30,INDEX(Jesper!$R$2:$R$366,ROW(INDEX(Jesper!AK$2:AK$366,ROUNDDOWN($C2850/24,0)+1,1))-1)+IF('Standard Profiles'!$G$21=$B$10,7,0)+IF('Standard Profiles'!$G$21=$B$17,14,0)+IF('Standard Profiles'!$G$21=$B$24,21,0),0)),0)</f>
        <v>3.8548739357761317</v>
      </c>
      <c r="H2850" cm="1">
        <f t="array" ref="H2850">IFERROR(INDEX(Jesper!AL$2:AL$366,ROUNDDOWN($C2850/24,0)+1,1)*INDEX($D$3:$AA$30,INDEX(Jesper!$R$2:$R$366,ROW(INDEX(Jesper!AL$2:AL$366,ROUNDDOWN($C2850/24,0)+1,1))-1)+IF('Standard Profiles'!$G$22=$B$10,7,0)+IF('Standard Profiles'!$G$22=$B$17,14,0)+IF('Standard Profiles'!$G$22=$B$24,21,0),MOD($C2850,24)+1)/SUM(INDEX($D$3:$AA$30,INDEX(Jesper!$R$2:$R$366,ROW(INDEX(Jesper!AL$2:AL$366,ROUNDDOWN($C2850/24,0)+1,1))-1)+IF('Standard Profiles'!$G$22=$B$10,7,0)+IF('Standard Profiles'!$G$22=$B$17,14,0)+IF('Standard Profiles'!$G$22=$B$24,21,0),0)),0)</f>
        <v>0</v>
      </c>
      <c r="I2850">
        <f t="shared" si="321"/>
        <v>1.8503394891725422</v>
      </c>
      <c r="J2850">
        <f t="shared" si="322"/>
        <v>45.611201008029781</v>
      </c>
      <c r="K2850">
        <f t="shared" si="323"/>
        <v>3.0081903672839405</v>
      </c>
      <c r="L2850">
        <f t="shared" si="324"/>
        <v>1.5040951836419703</v>
      </c>
      <c r="M2850">
        <f t="shared" si="325"/>
        <v>0</v>
      </c>
      <c r="N2850" s="45">
        <f t="shared" si="326"/>
        <v>45044.333333326504</v>
      </c>
    </row>
    <row r="2851" spans="2:14" x14ac:dyDescent="0.25">
      <c r="B2851">
        <f t="shared" ref="B2851:B2914" si="327">WEEKDAY(N2851,2)</f>
        <v>5</v>
      </c>
      <c r="C2851" s="16">
        <v>2817</v>
      </c>
      <c r="D2851" cm="1">
        <f t="array" ref="D2851">IFERROR(INDEX(Jesper!AH$2:AH$366,ROUNDDOWN($C2851/24,0)+1,1)*INDEX($D$3:$AA$30,INDEX(Jesper!$R$2:$R$366,ROW(INDEX(Jesper!AH$2:AH$366,ROUNDDOWN($C2851/24,0)+1,1))-1)+IF('Standard Profiles'!$G$18=$B$10,7,0)+IF('Standard Profiles'!$G$18=$B$17,14,0)+IF('Standard Profiles'!$G$18=$B$24,21,0),MOD($C2851,24)+1)/SUM(INDEX($D$3:$AA$30,INDEX(Jesper!$R$2:$R$366,ROW(INDEX(Jesper!AH$2:AH$366,ROUNDDOWN($C2851/24,0)+1,1))-1)+IF('Standard Profiles'!$G$18=$B$10,7,0)+IF('Standard Profiles'!$G$18=$B$17,14,0)+IF('Standard Profiles'!$G$18=$B$24,21,0),0)),0)</f>
        <v>31.021963162615631</v>
      </c>
      <c r="E2851" cm="1">
        <f t="array" ref="E2851">IFERROR(INDEX(Jesper!AI$2:AI$366,ROUNDDOWN($C2851/24,0)+1,1)*INDEX($D$3:$AA$30,INDEX(Jesper!$R$2:$R$366,ROW(INDEX(Jesper!AI$2:AI$366,ROUNDDOWN($C2851/24,0)+1,1))-1)+IF('Standard Profiles'!$G$19=$B$10,7,0)+IF('Standard Profiles'!$G$19=$B$17,14,0)+IF('Standard Profiles'!$G$19=$B$24,21,0),MOD($C2851,24)+1)/SUM(INDEX($D$3:$AA$30,INDEX(Jesper!$R$2:$R$366,ROW(INDEX(Jesper!AI$2:AI$366,ROUNDDOWN($C2851/24,0)+1,1))-1)+IF('Standard Profiles'!$G$19=$B$10,7,0)+IF('Standard Profiles'!$G$19=$B$17,14,0)+IF('Standard Profiles'!$G$19=$B$24,21,0),0)),0)</f>
        <v>21.908884160971684</v>
      </c>
      <c r="F2851" cm="1">
        <f t="array" ref="F2851">IFERROR(INDEX(Jesper!AJ$2:AJ$366,ROUNDDOWN($C2851/24,0)+1,1)*INDEX($D$3:$AA$30,INDEX(Jesper!$R$2:$R$366,ROW(INDEX(Jesper!AJ$2:AJ$366,ROUNDDOWN($C2851/24,0)+1,1))-1)+IF('Standard Profiles'!$G$20=$B$10,7,0)+IF('Standard Profiles'!$G$20=$B$17,14,0)+IF('Standard Profiles'!$G$20=$B$24,21,0),MOD($C2851,24)+1)/SUM(INDEX($D$3:$AA$30,INDEX(Jesper!$R$2:$R$366,ROW(INDEX(Jesper!AJ$2:AJ$366,ROUNDDOWN($C2851/24,0)+1,1))-1)+IF('Standard Profiles'!$G$20=$B$10,7,0)+IF('Standard Profiles'!$G$20=$B$17,14,0)+IF('Standard Profiles'!$G$20=$B$24,21,0),0)),0)</f>
        <v>0</v>
      </c>
      <c r="G2851" cm="1">
        <f t="array" ref="G2851">IFERROR(INDEX(Jesper!AK$2:AK$366,ROUNDDOWN($C2851/24,0)+1,1)*INDEX($D$3:$AA$30,INDEX(Jesper!$R$2:$R$366,ROW(INDEX(Jesper!AK$2:AK$366,ROUNDDOWN($C2851/24,0)+1,1))-1)+IF('Standard Profiles'!$G$21=$B$10,7,0)+IF('Standard Profiles'!$G$21=$B$17,14,0)+IF('Standard Profiles'!$G$21=$B$24,21,0),MOD($C2851,24)+1)/SUM(INDEX($D$3:$AA$30,INDEX(Jesper!$R$2:$R$366,ROW(INDEX(Jesper!AK$2:AK$366,ROUNDDOWN($C2851/24,0)+1,1))-1)+IF('Standard Profiles'!$G$21=$B$10,7,0)+IF('Standard Profiles'!$G$21=$B$17,14,0)+IF('Standard Profiles'!$G$21=$B$24,21,0),0)),0)</f>
        <v>4.2403613293537443</v>
      </c>
      <c r="H2851" cm="1">
        <f t="array" ref="H2851">IFERROR(INDEX(Jesper!AL$2:AL$366,ROUNDDOWN($C2851/24,0)+1,1)*INDEX($D$3:$AA$30,INDEX(Jesper!$R$2:$R$366,ROW(INDEX(Jesper!AL$2:AL$366,ROUNDDOWN($C2851/24,0)+1,1))-1)+IF('Standard Profiles'!$G$22=$B$10,7,0)+IF('Standard Profiles'!$G$22=$B$17,14,0)+IF('Standard Profiles'!$G$22=$B$24,21,0),MOD($C2851,24)+1)/SUM(INDEX($D$3:$AA$30,INDEX(Jesper!$R$2:$R$366,ROW(INDEX(Jesper!AL$2:AL$366,ROUNDDOWN($C2851/24,0)+1,1))-1)+IF('Standard Profiles'!$G$22=$B$10,7,0)+IF('Standard Profiles'!$G$22=$B$17,14,0)+IF('Standard Profiles'!$G$22=$B$24,21,0),0)),0)</f>
        <v>0</v>
      </c>
      <c r="I2851">
        <f t="shared" ref="I2851:I2914" si="328">IF($B2851&lt;6,AC$37*$D2851+AC$38*$E2851+AC$39*$F2851+AC$40*$G2851,AC$46*$D2851+AC$47*$E2851+AC$48*$F2851+AC$49*$G2851+AC$50*$H2851)</f>
        <v>2.0353734380897963</v>
      </c>
      <c r="J2851">
        <f t="shared" ref="J2851:J2914" si="329">IF($B2851&lt;6,AD$37*$D2851+AD$38*$E2851+AD$39*$F2851+AD$40*$G2851,AD$46*$D2851+AD$47*$E2851+AD$48*$F2851+AD$49*$G2851+AD$50*$H2851)</f>
        <v>50.172321108832762</v>
      </c>
      <c r="K2851">
        <f t="shared" ref="K2851:K2914" si="330">IF($B2851&lt;6,AE$37*$D2851+AE$38*$E2851+AE$39*$F2851+AE$40*$G2851,AE$46*$D2851+AE$47*$E2851+AE$48*$F2851+AE$49*$G2851+AE$50*$H2851)</f>
        <v>3.3090094040123343</v>
      </c>
      <c r="L2851">
        <f t="shared" ref="L2851:L2914" si="331">IF($B2851&lt;6,AF$37*$D2851+AF$38*$E2851+AF$39*$F2851+AF$40*$G2851,AF$46*$D2851+AF$47*$E2851+AF$48*$F2851+AF$49*$G2851+AF$50*$H2851)</f>
        <v>1.6545047020061672</v>
      </c>
      <c r="M2851">
        <f t="shared" ref="M2851:M2914" si="332">IF($B2851&lt;6,AG$37*$D2851+AG$38*$E2851+AG$39*$F2851+AG$40*$G2851,AG$46*$D2851+AG$47*$E2851+AG$48*$F2851+AG$49*$G2851+AG$50*$H2851)</f>
        <v>0</v>
      </c>
      <c r="N2851" s="45">
        <f t="shared" si="326"/>
        <v>45044.374999993168</v>
      </c>
    </row>
    <row r="2852" spans="2:14" x14ac:dyDescent="0.25">
      <c r="B2852">
        <f t="shared" si="327"/>
        <v>5</v>
      </c>
      <c r="C2852" s="16">
        <v>2818</v>
      </c>
      <c r="D2852" cm="1">
        <f t="array" ref="D2852">IFERROR(INDEX(Jesper!AH$2:AH$366,ROUNDDOWN($C2852/24,0)+1,1)*INDEX($D$3:$AA$30,INDEX(Jesper!$R$2:$R$366,ROW(INDEX(Jesper!AH$2:AH$366,ROUNDDOWN($C2852/24,0)+1,1))-1)+IF('Standard Profiles'!$G$18=$B$10,7,0)+IF('Standard Profiles'!$G$18=$B$17,14,0)+IF('Standard Profiles'!$G$18=$B$24,21,0),MOD($C2852,24)+1)/SUM(INDEX($D$3:$AA$30,INDEX(Jesper!$R$2:$R$366,ROW(INDEX(Jesper!AH$2:AH$366,ROUNDDOWN($C2852/24,0)+1,1))-1)+IF('Standard Profiles'!$G$18=$B$10,7,0)+IF('Standard Profiles'!$G$18=$B$17,14,0)+IF('Standard Profiles'!$G$18=$B$24,21,0),0)),0)</f>
        <v>31.021963162615631</v>
      </c>
      <c r="E2852" cm="1">
        <f t="array" ref="E2852">IFERROR(INDEX(Jesper!AI$2:AI$366,ROUNDDOWN($C2852/24,0)+1,1)*INDEX($D$3:$AA$30,INDEX(Jesper!$R$2:$R$366,ROW(INDEX(Jesper!AI$2:AI$366,ROUNDDOWN($C2852/24,0)+1,1))-1)+IF('Standard Profiles'!$G$19=$B$10,7,0)+IF('Standard Profiles'!$G$19=$B$17,14,0)+IF('Standard Profiles'!$G$19=$B$24,21,0),MOD($C2852,24)+1)/SUM(INDEX($D$3:$AA$30,INDEX(Jesper!$R$2:$R$366,ROW(INDEX(Jesper!AI$2:AI$366,ROUNDDOWN($C2852/24,0)+1,1))-1)+IF('Standard Profiles'!$G$19=$B$10,7,0)+IF('Standard Profiles'!$G$19=$B$17,14,0)+IF('Standard Profiles'!$G$19=$B$24,21,0),0)),0)</f>
        <v>21.908884160971684</v>
      </c>
      <c r="F2852" cm="1">
        <f t="array" ref="F2852">IFERROR(INDEX(Jesper!AJ$2:AJ$366,ROUNDDOWN($C2852/24,0)+1,1)*INDEX($D$3:$AA$30,INDEX(Jesper!$R$2:$R$366,ROW(INDEX(Jesper!AJ$2:AJ$366,ROUNDDOWN($C2852/24,0)+1,1))-1)+IF('Standard Profiles'!$G$20=$B$10,7,0)+IF('Standard Profiles'!$G$20=$B$17,14,0)+IF('Standard Profiles'!$G$20=$B$24,21,0),MOD($C2852,24)+1)/SUM(INDEX($D$3:$AA$30,INDEX(Jesper!$R$2:$R$366,ROW(INDEX(Jesper!AJ$2:AJ$366,ROUNDDOWN($C2852/24,0)+1,1))-1)+IF('Standard Profiles'!$G$20=$B$10,7,0)+IF('Standard Profiles'!$G$20=$B$17,14,0)+IF('Standard Profiles'!$G$20=$B$24,21,0),0)),0)</f>
        <v>0</v>
      </c>
      <c r="G2852" cm="1">
        <f t="array" ref="G2852">IFERROR(INDEX(Jesper!AK$2:AK$366,ROUNDDOWN($C2852/24,0)+1,1)*INDEX($D$3:$AA$30,INDEX(Jesper!$R$2:$R$366,ROW(INDEX(Jesper!AK$2:AK$366,ROUNDDOWN($C2852/24,0)+1,1))-1)+IF('Standard Profiles'!$G$21=$B$10,7,0)+IF('Standard Profiles'!$G$21=$B$17,14,0)+IF('Standard Profiles'!$G$21=$B$24,21,0),MOD($C2852,24)+1)/SUM(INDEX($D$3:$AA$30,INDEX(Jesper!$R$2:$R$366,ROW(INDEX(Jesper!AK$2:AK$366,ROUNDDOWN($C2852/24,0)+1,1))-1)+IF('Standard Profiles'!$G$21=$B$10,7,0)+IF('Standard Profiles'!$G$21=$B$17,14,0)+IF('Standard Profiles'!$G$21=$B$24,21,0),0)),0)</f>
        <v>4.2403613293537443</v>
      </c>
      <c r="H2852" cm="1">
        <f t="array" ref="H2852">IFERROR(INDEX(Jesper!AL$2:AL$366,ROUNDDOWN($C2852/24,0)+1,1)*INDEX($D$3:$AA$30,INDEX(Jesper!$R$2:$R$366,ROW(INDEX(Jesper!AL$2:AL$366,ROUNDDOWN($C2852/24,0)+1,1))-1)+IF('Standard Profiles'!$G$22=$B$10,7,0)+IF('Standard Profiles'!$G$22=$B$17,14,0)+IF('Standard Profiles'!$G$22=$B$24,21,0),MOD($C2852,24)+1)/SUM(INDEX($D$3:$AA$30,INDEX(Jesper!$R$2:$R$366,ROW(INDEX(Jesper!AL$2:AL$366,ROUNDDOWN($C2852/24,0)+1,1))-1)+IF('Standard Profiles'!$G$22=$B$10,7,0)+IF('Standard Profiles'!$G$22=$B$17,14,0)+IF('Standard Profiles'!$G$22=$B$24,21,0),0)),0)</f>
        <v>0</v>
      </c>
      <c r="I2852">
        <f t="shared" si="328"/>
        <v>2.0353734380897963</v>
      </c>
      <c r="J2852">
        <f t="shared" si="329"/>
        <v>50.172321108832762</v>
      </c>
      <c r="K2852">
        <f t="shared" si="330"/>
        <v>3.3090094040123343</v>
      </c>
      <c r="L2852">
        <f t="shared" si="331"/>
        <v>1.6545047020061672</v>
      </c>
      <c r="M2852">
        <f t="shared" si="332"/>
        <v>0</v>
      </c>
      <c r="N2852" s="45">
        <f t="shared" ref="N2852:N2915" si="333">N2851+1/24</f>
        <v>45044.416666659832</v>
      </c>
    </row>
    <row r="2853" spans="2:14" x14ac:dyDescent="0.25">
      <c r="B2853">
        <f t="shared" si="327"/>
        <v>5</v>
      </c>
      <c r="C2853" s="16">
        <v>2819</v>
      </c>
      <c r="D2853" cm="1">
        <f t="array" ref="D2853">IFERROR(INDEX(Jesper!AH$2:AH$366,ROUNDDOWN($C2853/24,0)+1,1)*INDEX($D$3:$AA$30,INDEX(Jesper!$R$2:$R$366,ROW(INDEX(Jesper!AH$2:AH$366,ROUNDDOWN($C2853/24,0)+1,1))-1)+IF('Standard Profiles'!$G$18=$B$10,7,0)+IF('Standard Profiles'!$G$18=$B$17,14,0)+IF('Standard Profiles'!$G$18=$B$24,21,0),MOD($C2853,24)+1)/SUM(INDEX($D$3:$AA$30,INDEX(Jesper!$R$2:$R$366,ROW(INDEX(Jesper!AH$2:AH$366,ROUNDDOWN($C2853/24,0)+1,1))-1)+IF('Standard Profiles'!$G$18=$B$10,7,0)+IF('Standard Profiles'!$G$18=$B$17,14,0)+IF('Standard Profiles'!$G$18=$B$24,21,0),0)),0)</f>
        <v>36.662320101273025</v>
      </c>
      <c r="E2853" cm="1">
        <f t="array" ref="E2853">IFERROR(INDEX(Jesper!AI$2:AI$366,ROUNDDOWN($C2853/24,0)+1,1)*INDEX($D$3:$AA$30,INDEX(Jesper!$R$2:$R$366,ROW(INDEX(Jesper!AI$2:AI$366,ROUNDDOWN($C2853/24,0)+1,1))-1)+IF('Standard Profiles'!$G$19=$B$10,7,0)+IF('Standard Profiles'!$G$19=$B$17,14,0)+IF('Standard Profiles'!$G$19=$B$24,21,0),MOD($C2853,24)+1)/SUM(INDEX($D$3:$AA$30,INDEX(Jesper!$R$2:$R$366,ROW(INDEX(Jesper!AI$2:AI$366,ROUNDDOWN($C2853/24,0)+1,1))-1)+IF('Standard Profiles'!$G$19=$B$10,7,0)+IF('Standard Profiles'!$G$19=$B$17,14,0)+IF('Standard Profiles'!$G$19=$B$24,21,0),0)),0)</f>
        <v>25.892317644784718</v>
      </c>
      <c r="F2853" cm="1">
        <f t="array" ref="F2853">IFERROR(INDEX(Jesper!AJ$2:AJ$366,ROUNDDOWN($C2853/24,0)+1,1)*INDEX($D$3:$AA$30,INDEX(Jesper!$R$2:$R$366,ROW(INDEX(Jesper!AJ$2:AJ$366,ROUNDDOWN($C2853/24,0)+1,1))-1)+IF('Standard Profiles'!$G$20=$B$10,7,0)+IF('Standard Profiles'!$G$20=$B$17,14,0)+IF('Standard Profiles'!$G$20=$B$24,21,0),MOD($C2853,24)+1)/SUM(INDEX($D$3:$AA$30,INDEX(Jesper!$R$2:$R$366,ROW(INDEX(Jesper!AJ$2:AJ$366,ROUNDDOWN($C2853/24,0)+1,1))-1)+IF('Standard Profiles'!$G$20=$B$10,7,0)+IF('Standard Profiles'!$G$20=$B$17,14,0)+IF('Standard Profiles'!$G$20=$B$24,21,0),0)),0)</f>
        <v>0</v>
      </c>
      <c r="G2853" cm="1">
        <f t="array" ref="G2853">IFERROR(INDEX(Jesper!AK$2:AK$366,ROUNDDOWN($C2853/24,0)+1,1)*INDEX($D$3:$AA$30,INDEX(Jesper!$R$2:$R$366,ROW(INDEX(Jesper!AK$2:AK$366,ROUNDDOWN($C2853/24,0)+1,1))-1)+IF('Standard Profiles'!$G$21=$B$10,7,0)+IF('Standard Profiles'!$G$21=$B$17,14,0)+IF('Standard Profiles'!$G$21=$B$24,21,0),MOD($C2853,24)+1)/SUM(INDEX($D$3:$AA$30,INDEX(Jesper!$R$2:$R$366,ROW(INDEX(Jesper!AK$2:AK$366,ROUNDDOWN($C2853/24,0)+1,1))-1)+IF('Standard Profiles'!$G$21=$B$10,7,0)+IF('Standard Profiles'!$G$21=$B$17,14,0)+IF('Standard Profiles'!$G$21=$B$24,21,0),0)),0)</f>
        <v>5.0113361165089705</v>
      </c>
      <c r="H2853" cm="1">
        <f t="array" ref="H2853">IFERROR(INDEX(Jesper!AL$2:AL$366,ROUNDDOWN($C2853/24,0)+1,1)*INDEX($D$3:$AA$30,INDEX(Jesper!$R$2:$R$366,ROW(INDEX(Jesper!AL$2:AL$366,ROUNDDOWN($C2853/24,0)+1,1))-1)+IF('Standard Profiles'!$G$22=$B$10,7,0)+IF('Standard Profiles'!$G$22=$B$17,14,0)+IF('Standard Profiles'!$G$22=$B$24,21,0),MOD($C2853,24)+1)/SUM(INDEX($D$3:$AA$30,INDEX(Jesper!$R$2:$R$366,ROW(INDEX(Jesper!AL$2:AL$366,ROUNDDOWN($C2853/24,0)+1,1))-1)+IF('Standard Profiles'!$G$22=$B$10,7,0)+IF('Standard Profiles'!$G$22=$B$17,14,0)+IF('Standard Profiles'!$G$22=$B$24,21,0),0)),0)</f>
        <v>0</v>
      </c>
      <c r="I2853">
        <f t="shared" si="328"/>
        <v>2.4054413359243045</v>
      </c>
      <c r="J2853">
        <f t="shared" si="329"/>
        <v>59.294561310438723</v>
      </c>
      <c r="K2853">
        <f t="shared" si="330"/>
        <v>3.9106474774691229</v>
      </c>
      <c r="L2853">
        <f t="shared" si="331"/>
        <v>1.9553237387345614</v>
      </c>
      <c r="M2853">
        <f t="shared" si="332"/>
        <v>0</v>
      </c>
      <c r="N2853" s="45">
        <f t="shared" si="333"/>
        <v>45044.458333326496</v>
      </c>
    </row>
    <row r="2854" spans="2:14" x14ac:dyDescent="0.25">
      <c r="B2854">
        <f t="shared" si="327"/>
        <v>5</v>
      </c>
      <c r="C2854" s="16">
        <v>2820</v>
      </c>
      <c r="D2854" cm="1">
        <f t="array" ref="D2854">IFERROR(INDEX(Jesper!AH$2:AH$366,ROUNDDOWN($C2854/24,0)+1,1)*INDEX($D$3:$AA$30,INDEX(Jesper!$R$2:$R$366,ROW(INDEX(Jesper!AH$2:AH$366,ROUNDDOWN($C2854/24,0)+1,1))-1)+IF('Standard Profiles'!$G$18=$B$10,7,0)+IF('Standard Profiles'!$G$18=$B$17,14,0)+IF('Standard Profiles'!$G$18=$B$24,21,0),MOD($C2854,24)+1)/SUM(INDEX($D$3:$AA$30,INDEX(Jesper!$R$2:$R$366,ROW(INDEX(Jesper!AH$2:AH$366,ROUNDDOWN($C2854/24,0)+1,1))-1)+IF('Standard Profiles'!$G$18=$B$10,7,0)+IF('Standard Profiles'!$G$18=$B$17,14,0)+IF('Standard Profiles'!$G$18=$B$24,21,0),0)),0)</f>
        <v>36.662320101273025</v>
      </c>
      <c r="E2854" cm="1">
        <f t="array" ref="E2854">IFERROR(INDEX(Jesper!AI$2:AI$366,ROUNDDOWN($C2854/24,0)+1,1)*INDEX($D$3:$AA$30,INDEX(Jesper!$R$2:$R$366,ROW(INDEX(Jesper!AI$2:AI$366,ROUNDDOWN($C2854/24,0)+1,1))-1)+IF('Standard Profiles'!$G$19=$B$10,7,0)+IF('Standard Profiles'!$G$19=$B$17,14,0)+IF('Standard Profiles'!$G$19=$B$24,21,0),MOD($C2854,24)+1)/SUM(INDEX($D$3:$AA$30,INDEX(Jesper!$R$2:$R$366,ROW(INDEX(Jesper!AI$2:AI$366,ROUNDDOWN($C2854/24,0)+1,1))-1)+IF('Standard Profiles'!$G$19=$B$10,7,0)+IF('Standard Profiles'!$G$19=$B$17,14,0)+IF('Standard Profiles'!$G$19=$B$24,21,0),0)),0)</f>
        <v>25.892317644784718</v>
      </c>
      <c r="F2854" cm="1">
        <f t="array" ref="F2854">IFERROR(INDEX(Jesper!AJ$2:AJ$366,ROUNDDOWN($C2854/24,0)+1,1)*INDEX($D$3:$AA$30,INDEX(Jesper!$R$2:$R$366,ROW(INDEX(Jesper!AJ$2:AJ$366,ROUNDDOWN($C2854/24,0)+1,1))-1)+IF('Standard Profiles'!$G$20=$B$10,7,0)+IF('Standard Profiles'!$G$20=$B$17,14,0)+IF('Standard Profiles'!$G$20=$B$24,21,0),MOD($C2854,24)+1)/SUM(INDEX($D$3:$AA$30,INDEX(Jesper!$R$2:$R$366,ROW(INDEX(Jesper!AJ$2:AJ$366,ROUNDDOWN($C2854/24,0)+1,1))-1)+IF('Standard Profiles'!$G$20=$B$10,7,0)+IF('Standard Profiles'!$G$20=$B$17,14,0)+IF('Standard Profiles'!$G$20=$B$24,21,0),0)),0)</f>
        <v>0</v>
      </c>
      <c r="G2854" cm="1">
        <f t="array" ref="G2854">IFERROR(INDEX(Jesper!AK$2:AK$366,ROUNDDOWN($C2854/24,0)+1,1)*INDEX($D$3:$AA$30,INDEX(Jesper!$R$2:$R$366,ROW(INDEX(Jesper!AK$2:AK$366,ROUNDDOWN($C2854/24,0)+1,1))-1)+IF('Standard Profiles'!$G$21=$B$10,7,0)+IF('Standard Profiles'!$G$21=$B$17,14,0)+IF('Standard Profiles'!$G$21=$B$24,21,0),MOD($C2854,24)+1)/SUM(INDEX($D$3:$AA$30,INDEX(Jesper!$R$2:$R$366,ROW(INDEX(Jesper!AK$2:AK$366,ROUNDDOWN($C2854/24,0)+1,1))-1)+IF('Standard Profiles'!$G$21=$B$10,7,0)+IF('Standard Profiles'!$G$21=$B$17,14,0)+IF('Standard Profiles'!$G$21=$B$24,21,0),0)),0)</f>
        <v>5.0113361165089705</v>
      </c>
      <c r="H2854" cm="1">
        <f t="array" ref="H2854">IFERROR(INDEX(Jesper!AL$2:AL$366,ROUNDDOWN($C2854/24,0)+1,1)*INDEX($D$3:$AA$30,INDEX(Jesper!$R$2:$R$366,ROW(INDEX(Jesper!AL$2:AL$366,ROUNDDOWN($C2854/24,0)+1,1))-1)+IF('Standard Profiles'!$G$22=$B$10,7,0)+IF('Standard Profiles'!$G$22=$B$17,14,0)+IF('Standard Profiles'!$G$22=$B$24,21,0),MOD($C2854,24)+1)/SUM(INDEX($D$3:$AA$30,INDEX(Jesper!$R$2:$R$366,ROW(INDEX(Jesper!AL$2:AL$366,ROUNDDOWN($C2854/24,0)+1,1))-1)+IF('Standard Profiles'!$G$22=$B$10,7,0)+IF('Standard Profiles'!$G$22=$B$17,14,0)+IF('Standard Profiles'!$G$22=$B$24,21,0),0)),0)</f>
        <v>0</v>
      </c>
      <c r="I2854">
        <f t="shared" si="328"/>
        <v>2.4054413359243045</v>
      </c>
      <c r="J2854">
        <f t="shared" si="329"/>
        <v>59.294561310438723</v>
      </c>
      <c r="K2854">
        <f t="shared" si="330"/>
        <v>3.9106474774691229</v>
      </c>
      <c r="L2854">
        <f t="shared" si="331"/>
        <v>1.9553237387345614</v>
      </c>
      <c r="M2854">
        <f t="shared" si="332"/>
        <v>0</v>
      </c>
      <c r="N2854" s="45">
        <f t="shared" si="333"/>
        <v>45044.499999993161</v>
      </c>
    </row>
    <row r="2855" spans="2:14" x14ac:dyDescent="0.25">
      <c r="B2855">
        <f t="shared" si="327"/>
        <v>5</v>
      </c>
      <c r="C2855" s="16">
        <v>2821</v>
      </c>
      <c r="D2855" cm="1">
        <f t="array" ref="D2855">IFERROR(INDEX(Jesper!AH$2:AH$366,ROUNDDOWN($C2855/24,0)+1,1)*INDEX($D$3:$AA$30,INDEX(Jesper!$R$2:$R$366,ROW(INDEX(Jesper!AH$2:AH$366,ROUNDDOWN($C2855/24,0)+1,1))-1)+IF('Standard Profiles'!$G$18=$B$10,7,0)+IF('Standard Profiles'!$G$18=$B$17,14,0)+IF('Standard Profiles'!$G$18=$B$24,21,0),MOD($C2855,24)+1)/SUM(INDEX($D$3:$AA$30,INDEX(Jesper!$R$2:$R$366,ROW(INDEX(Jesper!AH$2:AH$366,ROUNDDOWN($C2855/24,0)+1,1))-1)+IF('Standard Profiles'!$G$18=$B$10,7,0)+IF('Standard Profiles'!$G$18=$B$17,14,0)+IF('Standard Profiles'!$G$18=$B$24,21,0),0)),0)</f>
        <v>25.381606223958244</v>
      </c>
      <c r="E2855" cm="1">
        <f t="array" ref="E2855">IFERROR(INDEX(Jesper!AI$2:AI$366,ROUNDDOWN($C2855/24,0)+1,1)*INDEX($D$3:$AA$30,INDEX(Jesper!$R$2:$R$366,ROW(INDEX(Jesper!AI$2:AI$366,ROUNDDOWN($C2855/24,0)+1,1))-1)+IF('Standard Profiles'!$G$19=$B$10,7,0)+IF('Standard Profiles'!$G$19=$B$17,14,0)+IF('Standard Profiles'!$G$19=$B$24,21,0),MOD($C2855,24)+1)/SUM(INDEX($D$3:$AA$30,INDEX(Jesper!$R$2:$R$366,ROW(INDEX(Jesper!AI$2:AI$366,ROUNDDOWN($C2855/24,0)+1,1))-1)+IF('Standard Profiles'!$G$19=$B$10,7,0)+IF('Standard Profiles'!$G$19=$B$17,14,0)+IF('Standard Profiles'!$G$19=$B$24,21,0),0)),0)</f>
        <v>17.925450677158651</v>
      </c>
      <c r="F2855" cm="1">
        <f t="array" ref="F2855">IFERROR(INDEX(Jesper!AJ$2:AJ$366,ROUNDDOWN($C2855/24,0)+1,1)*INDEX($D$3:$AA$30,INDEX(Jesper!$R$2:$R$366,ROW(INDEX(Jesper!AJ$2:AJ$366,ROUNDDOWN($C2855/24,0)+1,1))-1)+IF('Standard Profiles'!$G$20=$B$10,7,0)+IF('Standard Profiles'!$G$20=$B$17,14,0)+IF('Standard Profiles'!$G$20=$B$24,21,0),MOD($C2855,24)+1)/SUM(INDEX($D$3:$AA$30,INDEX(Jesper!$R$2:$R$366,ROW(INDEX(Jesper!AJ$2:AJ$366,ROUNDDOWN($C2855/24,0)+1,1))-1)+IF('Standard Profiles'!$G$20=$B$10,7,0)+IF('Standard Profiles'!$G$20=$B$17,14,0)+IF('Standard Profiles'!$G$20=$B$24,21,0),0)),0)</f>
        <v>0</v>
      </c>
      <c r="G2855" cm="1">
        <f t="array" ref="G2855">IFERROR(INDEX(Jesper!AK$2:AK$366,ROUNDDOWN($C2855/24,0)+1,1)*INDEX($D$3:$AA$30,INDEX(Jesper!$R$2:$R$366,ROW(INDEX(Jesper!AK$2:AK$366,ROUNDDOWN($C2855/24,0)+1,1))-1)+IF('Standard Profiles'!$G$21=$B$10,7,0)+IF('Standard Profiles'!$G$21=$B$17,14,0)+IF('Standard Profiles'!$G$21=$B$24,21,0),MOD($C2855,24)+1)/SUM(INDEX($D$3:$AA$30,INDEX(Jesper!$R$2:$R$366,ROW(INDEX(Jesper!AK$2:AK$366,ROUNDDOWN($C2855/24,0)+1,1))-1)+IF('Standard Profiles'!$G$21=$B$10,7,0)+IF('Standard Profiles'!$G$21=$B$17,14,0)+IF('Standard Profiles'!$G$21=$B$24,21,0),0)),0)</f>
        <v>3.4693865421985186</v>
      </c>
      <c r="H2855" cm="1">
        <f t="array" ref="H2855">IFERROR(INDEX(Jesper!AL$2:AL$366,ROUNDDOWN($C2855/24,0)+1,1)*INDEX($D$3:$AA$30,INDEX(Jesper!$R$2:$R$366,ROW(INDEX(Jesper!AL$2:AL$366,ROUNDDOWN($C2855/24,0)+1,1))-1)+IF('Standard Profiles'!$G$22=$B$10,7,0)+IF('Standard Profiles'!$G$22=$B$17,14,0)+IF('Standard Profiles'!$G$22=$B$24,21,0),MOD($C2855,24)+1)/SUM(INDEX($D$3:$AA$30,INDEX(Jesper!$R$2:$R$366,ROW(INDEX(Jesper!AL$2:AL$366,ROUNDDOWN($C2855/24,0)+1,1))-1)+IF('Standard Profiles'!$G$22=$B$10,7,0)+IF('Standard Profiles'!$G$22=$B$17,14,0)+IF('Standard Profiles'!$G$22=$B$24,21,0),0)),0)</f>
        <v>0</v>
      </c>
      <c r="I2855">
        <f t="shared" si="328"/>
        <v>1.6653055402552881</v>
      </c>
      <c r="J2855">
        <f t="shared" si="329"/>
        <v>41.050080907226807</v>
      </c>
      <c r="K2855">
        <f t="shared" si="330"/>
        <v>2.7073713305555462</v>
      </c>
      <c r="L2855">
        <f t="shared" si="331"/>
        <v>1.3536856652777731</v>
      </c>
      <c r="M2855">
        <f t="shared" si="332"/>
        <v>0</v>
      </c>
      <c r="N2855" s="45">
        <f t="shared" si="333"/>
        <v>45044.541666659825</v>
      </c>
    </row>
    <row r="2856" spans="2:14" x14ac:dyDescent="0.25">
      <c r="B2856">
        <f t="shared" si="327"/>
        <v>5</v>
      </c>
      <c r="C2856" s="16">
        <v>2822</v>
      </c>
      <c r="D2856" cm="1">
        <f t="array" ref="D2856">IFERROR(INDEX(Jesper!AH$2:AH$366,ROUNDDOWN($C2856/24,0)+1,1)*INDEX($D$3:$AA$30,INDEX(Jesper!$R$2:$R$366,ROW(INDEX(Jesper!AH$2:AH$366,ROUNDDOWN($C2856/24,0)+1,1))-1)+IF('Standard Profiles'!$G$18=$B$10,7,0)+IF('Standard Profiles'!$G$18=$B$17,14,0)+IF('Standard Profiles'!$G$18=$B$24,21,0),MOD($C2856,24)+1)/SUM(INDEX($D$3:$AA$30,INDEX(Jesper!$R$2:$R$366,ROW(INDEX(Jesper!AH$2:AH$366,ROUNDDOWN($C2856/24,0)+1,1))-1)+IF('Standard Profiles'!$G$18=$B$10,7,0)+IF('Standard Profiles'!$G$18=$B$17,14,0)+IF('Standard Profiles'!$G$18=$B$24,21,0),0)),0)</f>
        <v>36.662320101273025</v>
      </c>
      <c r="E2856" cm="1">
        <f t="array" ref="E2856">IFERROR(INDEX(Jesper!AI$2:AI$366,ROUNDDOWN($C2856/24,0)+1,1)*INDEX($D$3:$AA$30,INDEX(Jesper!$R$2:$R$366,ROW(INDEX(Jesper!AI$2:AI$366,ROUNDDOWN($C2856/24,0)+1,1))-1)+IF('Standard Profiles'!$G$19=$B$10,7,0)+IF('Standard Profiles'!$G$19=$B$17,14,0)+IF('Standard Profiles'!$G$19=$B$24,21,0),MOD($C2856,24)+1)/SUM(INDEX($D$3:$AA$30,INDEX(Jesper!$R$2:$R$366,ROW(INDEX(Jesper!AI$2:AI$366,ROUNDDOWN($C2856/24,0)+1,1))-1)+IF('Standard Profiles'!$G$19=$B$10,7,0)+IF('Standard Profiles'!$G$19=$B$17,14,0)+IF('Standard Profiles'!$G$19=$B$24,21,0),0)),0)</f>
        <v>25.892317644784718</v>
      </c>
      <c r="F2856" cm="1">
        <f t="array" ref="F2856">IFERROR(INDEX(Jesper!AJ$2:AJ$366,ROUNDDOWN($C2856/24,0)+1,1)*INDEX($D$3:$AA$30,INDEX(Jesper!$R$2:$R$366,ROW(INDEX(Jesper!AJ$2:AJ$366,ROUNDDOWN($C2856/24,0)+1,1))-1)+IF('Standard Profiles'!$G$20=$B$10,7,0)+IF('Standard Profiles'!$G$20=$B$17,14,0)+IF('Standard Profiles'!$G$20=$B$24,21,0),MOD($C2856,24)+1)/SUM(INDEX($D$3:$AA$30,INDEX(Jesper!$R$2:$R$366,ROW(INDEX(Jesper!AJ$2:AJ$366,ROUNDDOWN($C2856/24,0)+1,1))-1)+IF('Standard Profiles'!$G$20=$B$10,7,0)+IF('Standard Profiles'!$G$20=$B$17,14,0)+IF('Standard Profiles'!$G$20=$B$24,21,0),0)),0)</f>
        <v>0</v>
      </c>
      <c r="G2856" cm="1">
        <f t="array" ref="G2856">IFERROR(INDEX(Jesper!AK$2:AK$366,ROUNDDOWN($C2856/24,0)+1,1)*INDEX($D$3:$AA$30,INDEX(Jesper!$R$2:$R$366,ROW(INDEX(Jesper!AK$2:AK$366,ROUNDDOWN($C2856/24,0)+1,1))-1)+IF('Standard Profiles'!$G$21=$B$10,7,0)+IF('Standard Profiles'!$G$21=$B$17,14,0)+IF('Standard Profiles'!$G$21=$B$24,21,0),MOD($C2856,24)+1)/SUM(INDEX($D$3:$AA$30,INDEX(Jesper!$R$2:$R$366,ROW(INDEX(Jesper!AK$2:AK$366,ROUNDDOWN($C2856/24,0)+1,1))-1)+IF('Standard Profiles'!$G$21=$B$10,7,0)+IF('Standard Profiles'!$G$21=$B$17,14,0)+IF('Standard Profiles'!$G$21=$B$24,21,0),0)),0)</f>
        <v>5.0113361165089705</v>
      </c>
      <c r="H2856" cm="1">
        <f t="array" ref="H2856">IFERROR(INDEX(Jesper!AL$2:AL$366,ROUNDDOWN($C2856/24,0)+1,1)*INDEX($D$3:$AA$30,INDEX(Jesper!$R$2:$R$366,ROW(INDEX(Jesper!AL$2:AL$366,ROUNDDOWN($C2856/24,0)+1,1))-1)+IF('Standard Profiles'!$G$22=$B$10,7,0)+IF('Standard Profiles'!$G$22=$B$17,14,0)+IF('Standard Profiles'!$G$22=$B$24,21,0),MOD($C2856,24)+1)/SUM(INDEX($D$3:$AA$30,INDEX(Jesper!$R$2:$R$366,ROW(INDEX(Jesper!AL$2:AL$366,ROUNDDOWN($C2856/24,0)+1,1))-1)+IF('Standard Profiles'!$G$22=$B$10,7,0)+IF('Standard Profiles'!$G$22=$B$17,14,0)+IF('Standard Profiles'!$G$22=$B$24,21,0),0)),0)</f>
        <v>0</v>
      </c>
      <c r="I2856">
        <f t="shared" si="328"/>
        <v>2.4054413359243045</v>
      </c>
      <c r="J2856">
        <f t="shared" si="329"/>
        <v>59.294561310438723</v>
      </c>
      <c r="K2856">
        <f t="shared" si="330"/>
        <v>3.9106474774691229</v>
      </c>
      <c r="L2856">
        <f t="shared" si="331"/>
        <v>1.9553237387345614</v>
      </c>
      <c r="M2856">
        <f t="shared" si="332"/>
        <v>0</v>
      </c>
      <c r="N2856" s="45">
        <f t="shared" si="333"/>
        <v>45044.583333326489</v>
      </c>
    </row>
    <row r="2857" spans="2:14" x14ac:dyDescent="0.25">
      <c r="B2857">
        <f t="shared" si="327"/>
        <v>5</v>
      </c>
      <c r="C2857" s="16">
        <v>2823</v>
      </c>
      <c r="D2857" cm="1">
        <f t="array" ref="D2857">IFERROR(INDEX(Jesper!AH$2:AH$366,ROUNDDOWN($C2857/24,0)+1,1)*INDEX($D$3:$AA$30,INDEX(Jesper!$R$2:$R$366,ROW(INDEX(Jesper!AH$2:AH$366,ROUNDDOWN($C2857/24,0)+1,1))-1)+IF('Standard Profiles'!$G$18=$B$10,7,0)+IF('Standard Profiles'!$G$18=$B$17,14,0)+IF('Standard Profiles'!$G$18=$B$24,21,0),MOD($C2857,24)+1)/SUM(INDEX($D$3:$AA$30,INDEX(Jesper!$R$2:$R$366,ROW(INDEX(Jesper!AH$2:AH$366,ROUNDDOWN($C2857/24,0)+1,1))-1)+IF('Standard Profiles'!$G$18=$B$10,7,0)+IF('Standard Profiles'!$G$18=$B$17,14,0)+IF('Standard Profiles'!$G$18=$B$24,21,0),0)),0)</f>
        <v>28.201784693286939</v>
      </c>
      <c r="E2857" cm="1">
        <f t="array" ref="E2857">IFERROR(INDEX(Jesper!AI$2:AI$366,ROUNDDOWN($C2857/24,0)+1,1)*INDEX($D$3:$AA$30,INDEX(Jesper!$R$2:$R$366,ROW(INDEX(Jesper!AI$2:AI$366,ROUNDDOWN($C2857/24,0)+1,1))-1)+IF('Standard Profiles'!$G$19=$B$10,7,0)+IF('Standard Profiles'!$G$19=$B$17,14,0)+IF('Standard Profiles'!$G$19=$B$24,21,0),MOD($C2857,24)+1)/SUM(INDEX($D$3:$AA$30,INDEX(Jesper!$R$2:$R$366,ROW(INDEX(Jesper!AI$2:AI$366,ROUNDDOWN($C2857/24,0)+1,1))-1)+IF('Standard Profiles'!$G$19=$B$10,7,0)+IF('Standard Profiles'!$G$19=$B$17,14,0)+IF('Standard Profiles'!$G$19=$B$24,21,0),0)),0)</f>
        <v>19.917167419065166</v>
      </c>
      <c r="F2857" cm="1">
        <f t="array" ref="F2857">IFERROR(INDEX(Jesper!AJ$2:AJ$366,ROUNDDOWN($C2857/24,0)+1,1)*INDEX($D$3:$AA$30,INDEX(Jesper!$R$2:$R$366,ROW(INDEX(Jesper!AJ$2:AJ$366,ROUNDDOWN($C2857/24,0)+1,1))-1)+IF('Standard Profiles'!$G$20=$B$10,7,0)+IF('Standard Profiles'!$G$20=$B$17,14,0)+IF('Standard Profiles'!$G$20=$B$24,21,0),MOD($C2857,24)+1)/SUM(INDEX($D$3:$AA$30,INDEX(Jesper!$R$2:$R$366,ROW(INDEX(Jesper!AJ$2:AJ$366,ROUNDDOWN($C2857/24,0)+1,1))-1)+IF('Standard Profiles'!$G$20=$B$10,7,0)+IF('Standard Profiles'!$G$20=$B$17,14,0)+IF('Standard Profiles'!$G$20=$B$24,21,0),0)),0)</f>
        <v>0</v>
      </c>
      <c r="G2857" cm="1">
        <f t="array" ref="G2857">IFERROR(INDEX(Jesper!AK$2:AK$366,ROUNDDOWN($C2857/24,0)+1,1)*INDEX($D$3:$AA$30,INDEX(Jesper!$R$2:$R$366,ROW(INDEX(Jesper!AK$2:AK$366,ROUNDDOWN($C2857/24,0)+1,1))-1)+IF('Standard Profiles'!$G$21=$B$10,7,0)+IF('Standard Profiles'!$G$21=$B$17,14,0)+IF('Standard Profiles'!$G$21=$B$24,21,0),MOD($C2857,24)+1)/SUM(INDEX($D$3:$AA$30,INDEX(Jesper!$R$2:$R$366,ROW(INDEX(Jesper!AK$2:AK$366,ROUNDDOWN($C2857/24,0)+1,1))-1)+IF('Standard Profiles'!$G$21=$B$10,7,0)+IF('Standard Profiles'!$G$21=$B$17,14,0)+IF('Standard Profiles'!$G$21=$B$24,21,0),0)),0)</f>
        <v>4.2403613293537443</v>
      </c>
      <c r="H2857" cm="1">
        <f t="array" ref="H2857">IFERROR(INDEX(Jesper!AL$2:AL$366,ROUNDDOWN($C2857/24,0)+1,1)*INDEX($D$3:$AA$30,INDEX(Jesper!$R$2:$R$366,ROW(INDEX(Jesper!AL$2:AL$366,ROUNDDOWN($C2857/24,0)+1,1))-1)+IF('Standard Profiles'!$G$22=$B$10,7,0)+IF('Standard Profiles'!$G$22=$B$17,14,0)+IF('Standard Profiles'!$G$22=$B$24,21,0),MOD($C2857,24)+1)/SUM(INDEX($D$3:$AA$30,INDEX(Jesper!$R$2:$R$366,ROW(INDEX(Jesper!AL$2:AL$366,ROUNDDOWN($C2857/24,0)+1,1))-1)+IF('Standard Profiles'!$G$22=$B$10,7,0)+IF('Standard Profiles'!$G$22=$B$17,14,0)+IF('Standard Profiles'!$G$22=$B$24,21,0),0)),0)</f>
        <v>0</v>
      </c>
      <c r="I2857">
        <f t="shared" si="328"/>
        <v>2.0353734380897963</v>
      </c>
      <c r="J2857">
        <f t="shared" si="329"/>
        <v>45.811654452690142</v>
      </c>
      <c r="K2857">
        <f t="shared" si="330"/>
        <v>3.0081903672839405</v>
      </c>
      <c r="L2857">
        <f t="shared" si="331"/>
        <v>1.5040951836419703</v>
      </c>
      <c r="M2857">
        <f t="shared" si="332"/>
        <v>0</v>
      </c>
      <c r="N2857" s="45">
        <f t="shared" si="333"/>
        <v>45044.624999993153</v>
      </c>
    </row>
    <row r="2858" spans="2:14" x14ac:dyDescent="0.25">
      <c r="B2858">
        <f t="shared" si="327"/>
        <v>5</v>
      </c>
      <c r="C2858" s="16">
        <v>2824</v>
      </c>
      <c r="D2858" cm="1">
        <f t="array" ref="D2858">IFERROR(INDEX(Jesper!AH$2:AH$366,ROUNDDOWN($C2858/24,0)+1,1)*INDEX($D$3:$AA$30,INDEX(Jesper!$R$2:$R$366,ROW(INDEX(Jesper!AH$2:AH$366,ROUNDDOWN($C2858/24,0)+1,1))-1)+IF('Standard Profiles'!$G$18=$B$10,7,0)+IF('Standard Profiles'!$G$18=$B$17,14,0)+IF('Standard Profiles'!$G$18=$B$24,21,0),MOD($C2858,24)+1)/SUM(INDEX($D$3:$AA$30,INDEX(Jesper!$R$2:$R$366,ROW(INDEX(Jesper!AH$2:AH$366,ROUNDDOWN($C2858/24,0)+1,1))-1)+IF('Standard Profiles'!$G$18=$B$10,7,0)+IF('Standard Profiles'!$G$18=$B$17,14,0)+IF('Standard Profiles'!$G$18=$B$24,21,0),0)),0)</f>
        <v>13.240274503890584</v>
      </c>
      <c r="E2858" cm="1">
        <f t="array" ref="E2858">IFERROR(INDEX(Jesper!AI$2:AI$366,ROUNDDOWN($C2858/24,0)+1,1)*INDEX($D$3:$AA$30,INDEX(Jesper!$R$2:$R$366,ROW(INDEX(Jesper!AI$2:AI$366,ROUNDDOWN($C2858/24,0)+1,1))-1)+IF('Standard Profiles'!$G$19=$B$10,7,0)+IF('Standard Profiles'!$G$19=$B$17,14,0)+IF('Standard Profiles'!$G$19=$B$24,21,0),MOD($C2858,24)+1)/SUM(INDEX($D$3:$AA$30,INDEX(Jesper!$R$2:$R$366,ROW(INDEX(Jesper!AI$2:AI$366,ROUNDDOWN($C2858/24,0)+1,1))-1)+IF('Standard Profiles'!$G$19=$B$10,7,0)+IF('Standard Profiles'!$G$19=$B$17,14,0)+IF('Standard Profiles'!$G$19=$B$24,21,0),0)),0)</f>
        <v>9.3507828258521908</v>
      </c>
      <c r="F2858" cm="1">
        <f t="array" ref="F2858">IFERROR(INDEX(Jesper!AJ$2:AJ$366,ROUNDDOWN($C2858/24,0)+1,1)*INDEX($D$3:$AA$30,INDEX(Jesper!$R$2:$R$366,ROW(INDEX(Jesper!AJ$2:AJ$366,ROUNDDOWN($C2858/24,0)+1,1))-1)+IF('Standard Profiles'!$G$20=$B$10,7,0)+IF('Standard Profiles'!$G$20=$B$17,14,0)+IF('Standard Profiles'!$G$20=$B$24,21,0),MOD($C2858,24)+1)/SUM(INDEX($D$3:$AA$30,INDEX(Jesper!$R$2:$R$366,ROW(INDEX(Jesper!AJ$2:AJ$366,ROUNDDOWN($C2858/24,0)+1,1))-1)+IF('Standard Profiles'!$G$20=$B$10,7,0)+IF('Standard Profiles'!$G$20=$B$17,14,0)+IF('Standard Profiles'!$G$20=$B$24,21,0),0)),0)</f>
        <v>0</v>
      </c>
      <c r="G2858" cm="1">
        <f t="array" ref="G2858">IFERROR(INDEX(Jesper!AK$2:AK$366,ROUNDDOWN($C2858/24,0)+1,1)*INDEX($D$3:$AA$30,INDEX(Jesper!$R$2:$R$366,ROW(INDEX(Jesper!AK$2:AK$366,ROUNDDOWN($C2858/24,0)+1,1))-1)+IF('Standard Profiles'!$G$21=$B$10,7,0)+IF('Standard Profiles'!$G$21=$B$17,14,0)+IF('Standard Profiles'!$G$21=$B$24,21,0),MOD($C2858,24)+1)/SUM(INDEX($D$3:$AA$30,INDEX(Jesper!$R$2:$R$366,ROW(INDEX(Jesper!AK$2:AK$366,ROUNDDOWN($C2858/24,0)+1,1))-1)+IF('Standard Profiles'!$G$21=$B$10,7,0)+IF('Standard Profiles'!$G$21=$B$17,14,0)+IF('Standard Profiles'!$G$21=$B$24,21,0),0)),0)</f>
        <v>3.6713085102629828</v>
      </c>
      <c r="H2858" cm="1">
        <f t="array" ref="H2858">IFERROR(INDEX(Jesper!AL$2:AL$366,ROUNDDOWN($C2858/24,0)+1,1)*INDEX($D$3:$AA$30,INDEX(Jesper!$R$2:$R$366,ROW(INDEX(Jesper!AL$2:AL$366,ROUNDDOWN($C2858/24,0)+1,1))-1)+IF('Standard Profiles'!$G$22=$B$10,7,0)+IF('Standard Profiles'!$G$22=$B$17,14,0)+IF('Standard Profiles'!$G$22=$B$24,21,0),MOD($C2858,24)+1)/SUM(INDEX($D$3:$AA$30,INDEX(Jesper!$R$2:$R$366,ROW(INDEX(Jesper!AL$2:AL$366,ROUNDDOWN($C2858/24,0)+1,1))-1)+IF('Standard Profiles'!$G$22=$B$10,7,0)+IF('Standard Profiles'!$G$22=$B$17,14,0)+IF('Standard Profiles'!$G$22=$B$24,21,0),0)),0)</f>
        <v>0</v>
      </c>
      <c r="I2858">
        <f t="shared" si="328"/>
        <v>1.7622280849262308</v>
      </c>
      <c r="J2858">
        <f t="shared" si="329"/>
        <v>22.381693834457032</v>
      </c>
      <c r="K2858">
        <f t="shared" si="330"/>
        <v>1.4122959470816623</v>
      </c>
      <c r="L2858">
        <f t="shared" si="331"/>
        <v>0.70614797354083114</v>
      </c>
      <c r="M2858">
        <f t="shared" si="332"/>
        <v>0</v>
      </c>
      <c r="N2858" s="45">
        <f t="shared" si="333"/>
        <v>45044.666666659818</v>
      </c>
    </row>
    <row r="2859" spans="2:14" x14ac:dyDescent="0.25">
      <c r="B2859">
        <f t="shared" si="327"/>
        <v>5</v>
      </c>
      <c r="C2859" s="16">
        <v>2825</v>
      </c>
      <c r="D2859" cm="1">
        <f t="array" ref="D2859">IFERROR(INDEX(Jesper!AH$2:AH$366,ROUNDDOWN($C2859/24,0)+1,1)*INDEX($D$3:$AA$30,INDEX(Jesper!$R$2:$R$366,ROW(INDEX(Jesper!AH$2:AH$366,ROUNDDOWN($C2859/24,0)+1,1))-1)+IF('Standard Profiles'!$G$18=$B$10,7,0)+IF('Standard Profiles'!$G$18=$B$17,14,0)+IF('Standard Profiles'!$G$18=$B$24,21,0),MOD($C2859,24)+1)/SUM(INDEX($D$3:$AA$30,INDEX(Jesper!$R$2:$R$366,ROW(INDEX(Jesper!AH$2:AH$366,ROUNDDOWN($C2859/24,0)+1,1))-1)+IF('Standard Profiles'!$G$18=$B$10,7,0)+IF('Standard Profiles'!$G$18=$B$17,14,0)+IF('Standard Profiles'!$G$18=$B$24,21,0),0)),0)</f>
        <v>8.7385811725677858</v>
      </c>
      <c r="E2859" cm="1">
        <f t="array" ref="E2859">IFERROR(INDEX(Jesper!AI$2:AI$366,ROUNDDOWN($C2859/24,0)+1,1)*INDEX($D$3:$AA$30,INDEX(Jesper!$R$2:$R$366,ROW(INDEX(Jesper!AI$2:AI$366,ROUNDDOWN($C2859/24,0)+1,1))-1)+IF('Standard Profiles'!$G$19=$B$10,7,0)+IF('Standard Profiles'!$G$19=$B$17,14,0)+IF('Standard Profiles'!$G$19=$B$24,21,0),MOD($C2859,24)+1)/SUM(INDEX($D$3:$AA$30,INDEX(Jesper!$R$2:$R$366,ROW(INDEX(Jesper!AI$2:AI$366,ROUNDDOWN($C2859/24,0)+1,1))-1)+IF('Standard Profiles'!$G$19=$B$10,7,0)+IF('Standard Profiles'!$G$19=$B$17,14,0)+IF('Standard Profiles'!$G$19=$B$24,21,0),0)),0)</f>
        <v>6.1715166650624464</v>
      </c>
      <c r="F2859" cm="1">
        <f t="array" ref="F2859">IFERROR(INDEX(Jesper!AJ$2:AJ$366,ROUNDDOWN($C2859/24,0)+1,1)*INDEX($D$3:$AA$30,INDEX(Jesper!$R$2:$R$366,ROW(INDEX(Jesper!AJ$2:AJ$366,ROUNDDOWN($C2859/24,0)+1,1))-1)+IF('Standard Profiles'!$G$20=$B$10,7,0)+IF('Standard Profiles'!$G$20=$B$17,14,0)+IF('Standard Profiles'!$G$20=$B$24,21,0),MOD($C2859,24)+1)/SUM(INDEX($D$3:$AA$30,INDEX(Jesper!$R$2:$R$366,ROW(INDEX(Jesper!AJ$2:AJ$366,ROUNDDOWN($C2859/24,0)+1,1))-1)+IF('Standard Profiles'!$G$20=$B$10,7,0)+IF('Standard Profiles'!$G$20=$B$17,14,0)+IF('Standard Profiles'!$G$20=$B$24,21,0),0)),0)</f>
        <v>0</v>
      </c>
      <c r="G2859" cm="1">
        <f t="array" ref="G2859">IFERROR(INDEX(Jesper!AK$2:AK$366,ROUNDDOWN($C2859/24,0)+1,1)*INDEX($D$3:$AA$30,INDEX(Jesper!$R$2:$R$366,ROW(INDEX(Jesper!AK$2:AK$366,ROUNDDOWN($C2859/24,0)+1,1))-1)+IF('Standard Profiles'!$G$21=$B$10,7,0)+IF('Standard Profiles'!$G$21=$B$17,14,0)+IF('Standard Profiles'!$G$21=$B$24,21,0),MOD($C2859,24)+1)/SUM(INDEX($D$3:$AA$30,INDEX(Jesper!$R$2:$R$366,ROW(INDEX(Jesper!AK$2:AK$366,ROUNDDOWN($C2859/24,0)+1,1))-1)+IF('Standard Profiles'!$G$21=$B$10,7,0)+IF('Standard Profiles'!$G$21=$B$17,14,0)+IF('Standard Profiles'!$G$21=$B$24,21,0),0)),0)</f>
        <v>3.0838991486209051</v>
      </c>
      <c r="H2859" cm="1">
        <f t="array" ref="H2859">IFERROR(INDEX(Jesper!AL$2:AL$366,ROUNDDOWN($C2859/24,0)+1,1)*INDEX($D$3:$AA$30,INDEX(Jesper!$R$2:$R$366,ROW(INDEX(Jesper!AL$2:AL$366,ROUNDDOWN($C2859/24,0)+1,1))-1)+IF('Standard Profiles'!$G$22=$B$10,7,0)+IF('Standard Profiles'!$G$22=$B$17,14,0)+IF('Standard Profiles'!$G$22=$B$24,21,0),MOD($C2859,24)+1)/SUM(INDEX($D$3:$AA$30,INDEX(Jesper!$R$2:$R$366,ROW(INDEX(Jesper!AL$2:AL$366,ROUNDDOWN($C2859/24,0)+1,1))-1)+IF('Standard Profiles'!$G$22=$B$10,7,0)+IF('Standard Profiles'!$G$22=$B$17,14,0)+IF('Standard Profiles'!$G$22=$B$24,21,0),0)),0)</f>
        <v>0</v>
      </c>
      <c r="I2859">
        <f t="shared" si="328"/>
        <v>1.4802715913380338</v>
      </c>
      <c r="J2859">
        <f t="shared" si="329"/>
        <v>15.115552407302259</v>
      </c>
      <c r="K2859">
        <f t="shared" si="330"/>
        <v>0.93211532507389716</v>
      </c>
      <c r="L2859">
        <f t="shared" si="331"/>
        <v>0.46605766253694858</v>
      </c>
      <c r="M2859">
        <f t="shared" si="332"/>
        <v>0</v>
      </c>
      <c r="N2859" s="45">
        <f t="shared" si="333"/>
        <v>45044.708333326482</v>
      </c>
    </row>
    <row r="2860" spans="2:14" x14ac:dyDescent="0.25">
      <c r="B2860">
        <f t="shared" si="327"/>
        <v>5</v>
      </c>
      <c r="C2860" s="16">
        <v>2826</v>
      </c>
      <c r="D2860" cm="1">
        <f t="array" ref="D2860">IFERROR(INDEX(Jesper!AH$2:AH$366,ROUNDDOWN($C2860/24,0)+1,1)*INDEX($D$3:$AA$30,INDEX(Jesper!$R$2:$R$366,ROW(INDEX(Jesper!AH$2:AH$366,ROUNDDOWN($C2860/24,0)+1,1))-1)+IF('Standard Profiles'!$G$18=$B$10,7,0)+IF('Standard Profiles'!$G$18=$B$17,14,0)+IF('Standard Profiles'!$G$18=$B$24,21,0),MOD($C2860,24)+1)/SUM(INDEX($D$3:$AA$30,INDEX(Jesper!$R$2:$R$366,ROW(INDEX(Jesper!AH$2:AH$366,ROUNDDOWN($C2860/24,0)+1,1))-1)+IF('Standard Profiles'!$G$18=$B$10,7,0)+IF('Standard Profiles'!$G$18=$B$17,14,0)+IF('Standard Profiles'!$G$18=$B$24,21,0),0)),0)</f>
        <v>5.5609152916340445</v>
      </c>
      <c r="E2860" cm="1">
        <f t="array" ref="E2860">IFERROR(INDEX(Jesper!AI$2:AI$366,ROUNDDOWN($C2860/24,0)+1,1)*INDEX($D$3:$AA$30,INDEX(Jesper!$R$2:$R$366,ROW(INDEX(Jesper!AI$2:AI$366,ROUNDDOWN($C2860/24,0)+1,1))-1)+IF('Standard Profiles'!$G$19=$B$10,7,0)+IF('Standard Profiles'!$G$19=$B$17,14,0)+IF('Standard Profiles'!$G$19=$B$24,21,0),MOD($C2860,24)+1)/SUM(INDEX($D$3:$AA$30,INDEX(Jesper!$R$2:$R$366,ROW(INDEX(Jesper!AI$2:AI$366,ROUNDDOWN($C2860/24,0)+1,1))-1)+IF('Standard Profiles'!$G$19=$B$10,7,0)+IF('Standard Profiles'!$G$19=$B$17,14,0)+IF('Standard Profiles'!$G$19=$B$24,21,0),0)),0)</f>
        <v>3.9273287868579203</v>
      </c>
      <c r="F2860" cm="1">
        <f t="array" ref="F2860">IFERROR(INDEX(Jesper!AJ$2:AJ$366,ROUNDDOWN($C2860/24,0)+1,1)*INDEX($D$3:$AA$30,INDEX(Jesper!$R$2:$R$366,ROW(INDEX(Jesper!AJ$2:AJ$366,ROUNDDOWN($C2860/24,0)+1,1))-1)+IF('Standard Profiles'!$G$20=$B$10,7,0)+IF('Standard Profiles'!$G$20=$B$17,14,0)+IF('Standard Profiles'!$G$20=$B$24,21,0),MOD($C2860,24)+1)/SUM(INDEX($D$3:$AA$30,INDEX(Jesper!$R$2:$R$366,ROW(INDEX(Jesper!AJ$2:AJ$366,ROUNDDOWN($C2860/24,0)+1,1))-1)+IF('Standard Profiles'!$G$20=$B$10,7,0)+IF('Standard Profiles'!$G$20=$B$17,14,0)+IF('Standard Profiles'!$G$20=$B$24,21,0),0)),0)</f>
        <v>0</v>
      </c>
      <c r="G2860" cm="1">
        <f t="array" ref="G2860">IFERROR(INDEX(Jesper!AK$2:AK$366,ROUNDDOWN($C2860/24,0)+1,1)*INDEX($D$3:$AA$30,INDEX(Jesper!$R$2:$R$366,ROW(INDEX(Jesper!AK$2:AK$366,ROUNDDOWN($C2860/24,0)+1,1))-1)+IF('Standard Profiles'!$G$21=$B$10,7,0)+IF('Standard Profiles'!$G$21=$B$17,14,0)+IF('Standard Profiles'!$G$21=$B$24,21,0),MOD($C2860,24)+1)/SUM(INDEX($D$3:$AA$30,INDEX(Jesper!$R$2:$R$366,ROW(INDEX(Jesper!AK$2:AK$366,ROUNDDOWN($C2860/24,0)+1,1))-1)+IF('Standard Profiles'!$G$21=$B$10,7,0)+IF('Standard Profiles'!$G$21=$B$17,14,0)+IF('Standard Profiles'!$G$21=$B$24,21,0),0)),0)</f>
        <v>1.1381056381815247</v>
      </c>
      <c r="H2860" cm="1">
        <f t="array" ref="H2860">IFERROR(INDEX(Jesper!AL$2:AL$366,ROUNDDOWN($C2860/24,0)+1,1)*INDEX($D$3:$AA$30,INDEX(Jesper!$R$2:$R$366,ROW(INDEX(Jesper!AL$2:AL$366,ROUNDDOWN($C2860/24,0)+1,1))-1)+IF('Standard Profiles'!$G$22=$B$10,7,0)+IF('Standard Profiles'!$G$22=$B$17,14,0)+IF('Standard Profiles'!$G$22=$B$24,21,0),MOD($C2860,24)+1)/SUM(INDEX($D$3:$AA$30,INDEX(Jesper!$R$2:$R$366,ROW(INDEX(Jesper!AL$2:AL$366,ROUNDDOWN($C2860/24,0)+1,1))-1)+IF('Standard Profiles'!$G$22=$B$10,7,0)+IF('Standard Profiles'!$G$22=$B$17,14,0)+IF('Standard Profiles'!$G$22=$B$24,21,0),0)),0)</f>
        <v>0</v>
      </c>
      <c r="I2860">
        <f t="shared" si="328"/>
        <v>0.54629070632713161</v>
      </c>
      <c r="J2860">
        <f t="shared" si="329"/>
        <v>9.1903125636849126</v>
      </c>
      <c r="K2860">
        <f t="shared" si="330"/>
        <v>0.59316429777429813</v>
      </c>
      <c r="L2860">
        <f t="shared" si="331"/>
        <v>0.29658214888714907</v>
      </c>
      <c r="M2860">
        <f t="shared" si="332"/>
        <v>0</v>
      </c>
      <c r="N2860" s="45">
        <f t="shared" si="333"/>
        <v>45044.749999993146</v>
      </c>
    </row>
    <row r="2861" spans="2:14" x14ac:dyDescent="0.25">
      <c r="B2861">
        <f t="shared" si="327"/>
        <v>5</v>
      </c>
      <c r="C2861" s="16">
        <v>2827</v>
      </c>
      <c r="D2861" cm="1">
        <f t="array" ref="D2861">IFERROR(INDEX(Jesper!AH$2:AH$366,ROUNDDOWN($C2861/24,0)+1,1)*INDEX($D$3:$AA$30,INDEX(Jesper!$R$2:$R$366,ROW(INDEX(Jesper!AH$2:AH$366,ROUNDDOWN($C2861/24,0)+1,1))-1)+IF('Standard Profiles'!$G$18=$B$10,7,0)+IF('Standard Profiles'!$G$18=$B$17,14,0)+IF('Standard Profiles'!$G$18=$B$24,21,0),MOD($C2861,24)+1)/SUM(INDEX($D$3:$AA$30,INDEX(Jesper!$R$2:$R$366,ROW(INDEX(Jesper!AH$2:AH$366,ROUNDDOWN($C2861/24,0)+1,1))-1)+IF('Standard Profiles'!$G$18=$B$10,7,0)+IF('Standard Profiles'!$G$18=$B$17,14,0)+IF('Standard Profiles'!$G$18=$B$24,21,0),0)),0)</f>
        <v>5.2961098015562333</v>
      </c>
      <c r="E2861" cm="1">
        <f t="array" ref="E2861">IFERROR(INDEX(Jesper!AI$2:AI$366,ROUNDDOWN($C2861/24,0)+1,1)*INDEX($D$3:$AA$30,INDEX(Jesper!$R$2:$R$366,ROW(INDEX(Jesper!AI$2:AI$366,ROUNDDOWN($C2861/24,0)+1,1))-1)+IF('Standard Profiles'!$G$19=$B$10,7,0)+IF('Standard Profiles'!$G$19=$B$17,14,0)+IF('Standard Profiles'!$G$19=$B$24,21,0),MOD($C2861,24)+1)/SUM(INDEX($D$3:$AA$30,INDEX(Jesper!$R$2:$R$366,ROW(INDEX(Jesper!AI$2:AI$366,ROUNDDOWN($C2861/24,0)+1,1))-1)+IF('Standard Profiles'!$G$19=$B$10,7,0)+IF('Standard Profiles'!$G$19=$B$17,14,0)+IF('Standard Profiles'!$G$19=$B$24,21,0),0)),0)</f>
        <v>3.7403131303408768</v>
      </c>
      <c r="F2861" cm="1">
        <f t="array" ref="F2861">IFERROR(INDEX(Jesper!AJ$2:AJ$366,ROUNDDOWN($C2861/24,0)+1,1)*INDEX($D$3:$AA$30,INDEX(Jesper!$R$2:$R$366,ROW(INDEX(Jesper!AJ$2:AJ$366,ROUNDDOWN($C2861/24,0)+1,1))-1)+IF('Standard Profiles'!$G$20=$B$10,7,0)+IF('Standard Profiles'!$G$20=$B$17,14,0)+IF('Standard Profiles'!$G$20=$B$24,21,0),MOD($C2861,24)+1)/SUM(INDEX($D$3:$AA$30,INDEX(Jesper!$R$2:$R$366,ROW(INDEX(Jesper!AJ$2:AJ$366,ROUNDDOWN($C2861/24,0)+1,1))-1)+IF('Standard Profiles'!$G$20=$B$10,7,0)+IF('Standard Profiles'!$G$20=$B$17,14,0)+IF('Standard Profiles'!$G$20=$B$24,21,0),0)),0)</f>
        <v>0</v>
      </c>
      <c r="G2861" cm="1">
        <f t="array" ref="G2861">IFERROR(INDEX(Jesper!AK$2:AK$366,ROUNDDOWN($C2861/24,0)+1,1)*INDEX($D$3:$AA$30,INDEX(Jesper!$R$2:$R$366,ROW(INDEX(Jesper!AK$2:AK$366,ROUNDDOWN($C2861/24,0)+1,1))-1)+IF('Standard Profiles'!$G$21=$B$10,7,0)+IF('Standard Profiles'!$G$21=$B$17,14,0)+IF('Standard Profiles'!$G$21=$B$24,21,0),MOD($C2861,24)+1)/SUM(INDEX($D$3:$AA$30,INDEX(Jesper!$R$2:$R$366,ROW(INDEX(Jesper!AK$2:AK$366,ROUNDDOWN($C2861/24,0)+1,1))-1)+IF('Standard Profiles'!$G$21=$B$10,7,0)+IF('Standard Profiles'!$G$21=$B$17,14,0)+IF('Standard Profiles'!$G$21=$B$24,21,0),0)),0)</f>
        <v>1.1381056381815247</v>
      </c>
      <c r="H2861" cm="1">
        <f t="array" ref="H2861">IFERROR(INDEX(Jesper!AL$2:AL$366,ROUNDDOWN($C2861/24,0)+1,1)*INDEX($D$3:$AA$30,INDEX(Jesper!$R$2:$R$366,ROW(INDEX(Jesper!AL$2:AL$366,ROUNDDOWN($C2861/24,0)+1,1))-1)+IF('Standard Profiles'!$G$22=$B$10,7,0)+IF('Standard Profiles'!$G$22=$B$17,14,0)+IF('Standard Profiles'!$G$22=$B$24,21,0),MOD($C2861,24)+1)/SUM(INDEX($D$3:$AA$30,INDEX(Jesper!$R$2:$R$366,ROW(INDEX(Jesper!AL$2:AL$366,ROUNDDOWN($C2861/24,0)+1,1))-1)+IF('Standard Profiles'!$G$22=$B$10,7,0)+IF('Standard Profiles'!$G$22=$B$17,14,0)+IF('Standard Profiles'!$G$22=$B$24,21,0),0)),0)</f>
        <v>0</v>
      </c>
      <c r="I2861">
        <f t="shared" si="328"/>
        <v>0.54629070632713161</v>
      </c>
      <c r="J2861">
        <f t="shared" si="329"/>
        <v>8.7808602955025066</v>
      </c>
      <c r="K2861">
        <f t="shared" si="330"/>
        <v>0.56491837883266494</v>
      </c>
      <c r="L2861">
        <f t="shared" si="331"/>
        <v>0.28245918941633247</v>
      </c>
      <c r="M2861">
        <f t="shared" si="332"/>
        <v>0</v>
      </c>
      <c r="N2861" s="45">
        <f t="shared" si="333"/>
        <v>45044.79166665981</v>
      </c>
    </row>
    <row r="2862" spans="2:14" x14ac:dyDescent="0.25">
      <c r="B2862">
        <f t="shared" si="327"/>
        <v>5</v>
      </c>
      <c r="C2862" s="16">
        <v>2828</v>
      </c>
      <c r="D2862" cm="1">
        <f t="array" ref="D2862">IFERROR(INDEX(Jesper!AH$2:AH$366,ROUNDDOWN($C2862/24,0)+1,1)*INDEX($D$3:$AA$30,INDEX(Jesper!$R$2:$R$366,ROW(INDEX(Jesper!AH$2:AH$366,ROUNDDOWN($C2862/24,0)+1,1))-1)+IF('Standard Profiles'!$G$18=$B$10,7,0)+IF('Standard Profiles'!$G$18=$B$17,14,0)+IF('Standard Profiles'!$G$18=$B$24,21,0),MOD($C2862,24)+1)/SUM(INDEX($D$3:$AA$30,INDEX(Jesper!$R$2:$R$366,ROW(INDEX(Jesper!AH$2:AH$366,ROUNDDOWN($C2862/24,0)+1,1))-1)+IF('Standard Profiles'!$G$18=$B$10,7,0)+IF('Standard Profiles'!$G$18=$B$17,14,0)+IF('Standard Profiles'!$G$18=$B$24,21,0),0)),0)</f>
        <v>5.2961098015562333</v>
      </c>
      <c r="E2862" cm="1">
        <f t="array" ref="E2862">IFERROR(INDEX(Jesper!AI$2:AI$366,ROUNDDOWN($C2862/24,0)+1,1)*INDEX($D$3:$AA$30,INDEX(Jesper!$R$2:$R$366,ROW(INDEX(Jesper!AI$2:AI$366,ROUNDDOWN($C2862/24,0)+1,1))-1)+IF('Standard Profiles'!$G$19=$B$10,7,0)+IF('Standard Profiles'!$G$19=$B$17,14,0)+IF('Standard Profiles'!$G$19=$B$24,21,0),MOD($C2862,24)+1)/SUM(INDEX($D$3:$AA$30,INDEX(Jesper!$R$2:$R$366,ROW(INDEX(Jesper!AI$2:AI$366,ROUNDDOWN($C2862/24,0)+1,1))-1)+IF('Standard Profiles'!$G$19=$B$10,7,0)+IF('Standard Profiles'!$G$19=$B$17,14,0)+IF('Standard Profiles'!$G$19=$B$24,21,0),0)),0)</f>
        <v>3.7403131303408768</v>
      </c>
      <c r="F2862" cm="1">
        <f t="array" ref="F2862">IFERROR(INDEX(Jesper!AJ$2:AJ$366,ROUNDDOWN($C2862/24,0)+1,1)*INDEX($D$3:$AA$30,INDEX(Jesper!$R$2:$R$366,ROW(INDEX(Jesper!AJ$2:AJ$366,ROUNDDOWN($C2862/24,0)+1,1))-1)+IF('Standard Profiles'!$G$20=$B$10,7,0)+IF('Standard Profiles'!$G$20=$B$17,14,0)+IF('Standard Profiles'!$G$20=$B$24,21,0),MOD($C2862,24)+1)/SUM(INDEX($D$3:$AA$30,INDEX(Jesper!$R$2:$R$366,ROW(INDEX(Jesper!AJ$2:AJ$366,ROUNDDOWN($C2862/24,0)+1,1))-1)+IF('Standard Profiles'!$G$20=$B$10,7,0)+IF('Standard Profiles'!$G$20=$B$17,14,0)+IF('Standard Profiles'!$G$20=$B$24,21,0),0)),0)</f>
        <v>0</v>
      </c>
      <c r="G2862" cm="1">
        <f t="array" ref="G2862">IFERROR(INDEX(Jesper!AK$2:AK$366,ROUNDDOWN($C2862/24,0)+1,1)*INDEX($D$3:$AA$30,INDEX(Jesper!$R$2:$R$366,ROW(INDEX(Jesper!AK$2:AK$366,ROUNDDOWN($C2862/24,0)+1,1))-1)+IF('Standard Profiles'!$G$21=$B$10,7,0)+IF('Standard Profiles'!$G$21=$B$17,14,0)+IF('Standard Profiles'!$G$21=$B$24,21,0),MOD($C2862,24)+1)/SUM(INDEX($D$3:$AA$30,INDEX(Jesper!$R$2:$R$366,ROW(INDEX(Jesper!AK$2:AK$366,ROUNDDOWN($C2862/24,0)+1,1))-1)+IF('Standard Profiles'!$G$21=$B$10,7,0)+IF('Standard Profiles'!$G$21=$B$17,14,0)+IF('Standard Profiles'!$G$21=$B$24,21,0),0)),0)</f>
        <v>1.1381056381815247</v>
      </c>
      <c r="H2862" cm="1">
        <f t="array" ref="H2862">IFERROR(INDEX(Jesper!AL$2:AL$366,ROUNDDOWN($C2862/24,0)+1,1)*INDEX($D$3:$AA$30,INDEX(Jesper!$R$2:$R$366,ROW(INDEX(Jesper!AL$2:AL$366,ROUNDDOWN($C2862/24,0)+1,1))-1)+IF('Standard Profiles'!$G$22=$B$10,7,0)+IF('Standard Profiles'!$G$22=$B$17,14,0)+IF('Standard Profiles'!$G$22=$B$24,21,0),MOD($C2862,24)+1)/SUM(INDEX($D$3:$AA$30,INDEX(Jesper!$R$2:$R$366,ROW(INDEX(Jesper!AL$2:AL$366,ROUNDDOWN($C2862/24,0)+1,1))-1)+IF('Standard Profiles'!$G$22=$B$10,7,0)+IF('Standard Profiles'!$G$22=$B$17,14,0)+IF('Standard Profiles'!$G$22=$B$24,21,0),0)),0)</f>
        <v>0</v>
      </c>
      <c r="I2862">
        <f t="shared" si="328"/>
        <v>0.54629070632713161</v>
      </c>
      <c r="J2862">
        <f t="shared" si="329"/>
        <v>8.7808602955025066</v>
      </c>
      <c r="K2862">
        <f t="shared" si="330"/>
        <v>0.56491837883266494</v>
      </c>
      <c r="L2862">
        <f t="shared" si="331"/>
        <v>0.28245918941633247</v>
      </c>
      <c r="M2862">
        <f t="shared" si="332"/>
        <v>0</v>
      </c>
      <c r="N2862" s="45">
        <f t="shared" si="333"/>
        <v>45044.833333326475</v>
      </c>
    </row>
    <row r="2863" spans="2:14" x14ac:dyDescent="0.25">
      <c r="B2863">
        <f t="shared" si="327"/>
        <v>5</v>
      </c>
      <c r="C2863" s="16">
        <v>2829</v>
      </c>
      <c r="D2863" cm="1">
        <f t="array" ref="D2863">IFERROR(INDEX(Jesper!AH$2:AH$366,ROUNDDOWN($C2863/24,0)+1,1)*INDEX($D$3:$AA$30,INDEX(Jesper!$R$2:$R$366,ROW(INDEX(Jesper!AH$2:AH$366,ROUNDDOWN($C2863/24,0)+1,1))-1)+IF('Standard Profiles'!$G$18=$B$10,7,0)+IF('Standard Profiles'!$G$18=$B$17,14,0)+IF('Standard Profiles'!$G$18=$B$24,21,0),MOD($C2863,24)+1)/SUM(INDEX($D$3:$AA$30,INDEX(Jesper!$R$2:$R$366,ROW(INDEX(Jesper!AH$2:AH$366,ROUNDDOWN($C2863/24,0)+1,1))-1)+IF('Standard Profiles'!$G$18=$B$10,7,0)+IF('Standard Profiles'!$G$18=$B$17,14,0)+IF('Standard Profiles'!$G$18=$B$24,21,0),0)),0)</f>
        <v>5.2961098015562333</v>
      </c>
      <c r="E2863" cm="1">
        <f t="array" ref="E2863">IFERROR(INDEX(Jesper!AI$2:AI$366,ROUNDDOWN($C2863/24,0)+1,1)*INDEX($D$3:$AA$30,INDEX(Jesper!$R$2:$R$366,ROW(INDEX(Jesper!AI$2:AI$366,ROUNDDOWN($C2863/24,0)+1,1))-1)+IF('Standard Profiles'!$G$19=$B$10,7,0)+IF('Standard Profiles'!$G$19=$B$17,14,0)+IF('Standard Profiles'!$G$19=$B$24,21,0),MOD($C2863,24)+1)/SUM(INDEX($D$3:$AA$30,INDEX(Jesper!$R$2:$R$366,ROW(INDEX(Jesper!AI$2:AI$366,ROUNDDOWN($C2863/24,0)+1,1))-1)+IF('Standard Profiles'!$G$19=$B$10,7,0)+IF('Standard Profiles'!$G$19=$B$17,14,0)+IF('Standard Profiles'!$G$19=$B$24,21,0),0)),0)</f>
        <v>3.7403131303408768</v>
      </c>
      <c r="F2863" cm="1">
        <f t="array" ref="F2863">IFERROR(INDEX(Jesper!AJ$2:AJ$366,ROUNDDOWN($C2863/24,0)+1,1)*INDEX($D$3:$AA$30,INDEX(Jesper!$R$2:$R$366,ROW(INDEX(Jesper!AJ$2:AJ$366,ROUNDDOWN($C2863/24,0)+1,1))-1)+IF('Standard Profiles'!$G$20=$B$10,7,0)+IF('Standard Profiles'!$G$20=$B$17,14,0)+IF('Standard Profiles'!$G$20=$B$24,21,0),MOD($C2863,24)+1)/SUM(INDEX($D$3:$AA$30,INDEX(Jesper!$R$2:$R$366,ROW(INDEX(Jesper!AJ$2:AJ$366,ROUNDDOWN($C2863/24,0)+1,1))-1)+IF('Standard Profiles'!$G$20=$B$10,7,0)+IF('Standard Profiles'!$G$20=$B$17,14,0)+IF('Standard Profiles'!$G$20=$B$24,21,0),0)),0)</f>
        <v>0</v>
      </c>
      <c r="G2863" cm="1">
        <f t="array" ref="G2863">IFERROR(INDEX(Jesper!AK$2:AK$366,ROUNDDOWN($C2863/24,0)+1,1)*INDEX($D$3:$AA$30,INDEX(Jesper!$R$2:$R$366,ROW(INDEX(Jesper!AK$2:AK$366,ROUNDDOWN($C2863/24,0)+1,1))-1)+IF('Standard Profiles'!$G$21=$B$10,7,0)+IF('Standard Profiles'!$G$21=$B$17,14,0)+IF('Standard Profiles'!$G$21=$B$24,21,0),MOD($C2863,24)+1)/SUM(INDEX($D$3:$AA$30,INDEX(Jesper!$R$2:$R$366,ROW(INDEX(Jesper!AK$2:AK$366,ROUNDDOWN($C2863/24,0)+1,1))-1)+IF('Standard Profiles'!$G$21=$B$10,7,0)+IF('Standard Profiles'!$G$21=$B$17,14,0)+IF('Standard Profiles'!$G$21=$B$24,21,0),0)),0)</f>
        <v>1.1381056381815247</v>
      </c>
      <c r="H2863" cm="1">
        <f t="array" ref="H2863">IFERROR(INDEX(Jesper!AL$2:AL$366,ROUNDDOWN($C2863/24,0)+1,1)*INDEX($D$3:$AA$30,INDEX(Jesper!$R$2:$R$366,ROW(INDEX(Jesper!AL$2:AL$366,ROUNDDOWN($C2863/24,0)+1,1))-1)+IF('Standard Profiles'!$G$22=$B$10,7,0)+IF('Standard Profiles'!$G$22=$B$17,14,0)+IF('Standard Profiles'!$G$22=$B$24,21,0),MOD($C2863,24)+1)/SUM(INDEX($D$3:$AA$30,INDEX(Jesper!$R$2:$R$366,ROW(INDEX(Jesper!AL$2:AL$366,ROUNDDOWN($C2863/24,0)+1,1))-1)+IF('Standard Profiles'!$G$22=$B$10,7,0)+IF('Standard Profiles'!$G$22=$B$17,14,0)+IF('Standard Profiles'!$G$22=$B$24,21,0),0)),0)</f>
        <v>0</v>
      </c>
      <c r="I2863">
        <f t="shared" si="328"/>
        <v>0.54629070632713161</v>
      </c>
      <c r="J2863">
        <f t="shared" si="329"/>
        <v>8.7808602955025066</v>
      </c>
      <c r="K2863">
        <f t="shared" si="330"/>
        <v>0.56491837883266494</v>
      </c>
      <c r="L2863">
        <f t="shared" si="331"/>
        <v>0.28245918941633247</v>
      </c>
      <c r="M2863">
        <f t="shared" si="332"/>
        <v>0</v>
      </c>
      <c r="N2863" s="45">
        <f t="shared" si="333"/>
        <v>45044.874999993139</v>
      </c>
    </row>
    <row r="2864" spans="2:14" x14ac:dyDescent="0.25">
      <c r="B2864">
        <f t="shared" si="327"/>
        <v>5</v>
      </c>
      <c r="C2864" s="16">
        <v>2830</v>
      </c>
      <c r="D2864" cm="1">
        <f t="array" ref="D2864">IFERROR(INDEX(Jesper!AH$2:AH$366,ROUNDDOWN($C2864/24,0)+1,1)*INDEX($D$3:$AA$30,INDEX(Jesper!$R$2:$R$366,ROW(INDEX(Jesper!AH$2:AH$366,ROUNDDOWN($C2864/24,0)+1,1))-1)+IF('Standard Profiles'!$G$18=$B$10,7,0)+IF('Standard Profiles'!$G$18=$B$17,14,0)+IF('Standard Profiles'!$G$18=$B$24,21,0),MOD($C2864,24)+1)/SUM(INDEX($D$3:$AA$30,INDEX(Jesper!$R$2:$R$366,ROW(INDEX(Jesper!AH$2:AH$366,ROUNDDOWN($C2864/24,0)+1,1))-1)+IF('Standard Profiles'!$G$18=$B$10,7,0)+IF('Standard Profiles'!$G$18=$B$17,14,0)+IF('Standard Profiles'!$G$18=$B$24,21,0),0)),0)</f>
        <v>5.2961098015562333</v>
      </c>
      <c r="E2864" cm="1">
        <f t="array" ref="E2864">IFERROR(INDEX(Jesper!AI$2:AI$366,ROUNDDOWN($C2864/24,0)+1,1)*INDEX($D$3:$AA$30,INDEX(Jesper!$R$2:$R$366,ROW(INDEX(Jesper!AI$2:AI$366,ROUNDDOWN($C2864/24,0)+1,1))-1)+IF('Standard Profiles'!$G$19=$B$10,7,0)+IF('Standard Profiles'!$G$19=$B$17,14,0)+IF('Standard Profiles'!$G$19=$B$24,21,0),MOD($C2864,24)+1)/SUM(INDEX($D$3:$AA$30,INDEX(Jesper!$R$2:$R$366,ROW(INDEX(Jesper!AI$2:AI$366,ROUNDDOWN($C2864/24,0)+1,1))-1)+IF('Standard Profiles'!$G$19=$B$10,7,0)+IF('Standard Profiles'!$G$19=$B$17,14,0)+IF('Standard Profiles'!$G$19=$B$24,21,0),0)),0)</f>
        <v>3.7403131303408768</v>
      </c>
      <c r="F2864" cm="1">
        <f t="array" ref="F2864">IFERROR(INDEX(Jesper!AJ$2:AJ$366,ROUNDDOWN($C2864/24,0)+1,1)*INDEX($D$3:$AA$30,INDEX(Jesper!$R$2:$R$366,ROW(INDEX(Jesper!AJ$2:AJ$366,ROUNDDOWN($C2864/24,0)+1,1))-1)+IF('Standard Profiles'!$G$20=$B$10,7,0)+IF('Standard Profiles'!$G$20=$B$17,14,0)+IF('Standard Profiles'!$G$20=$B$24,21,0),MOD($C2864,24)+1)/SUM(INDEX($D$3:$AA$30,INDEX(Jesper!$R$2:$R$366,ROW(INDEX(Jesper!AJ$2:AJ$366,ROUNDDOWN($C2864/24,0)+1,1))-1)+IF('Standard Profiles'!$G$20=$B$10,7,0)+IF('Standard Profiles'!$G$20=$B$17,14,0)+IF('Standard Profiles'!$G$20=$B$24,21,0),0)),0)</f>
        <v>0</v>
      </c>
      <c r="G2864" cm="1">
        <f t="array" ref="G2864">IFERROR(INDEX(Jesper!AK$2:AK$366,ROUNDDOWN($C2864/24,0)+1,1)*INDEX($D$3:$AA$30,INDEX(Jesper!$R$2:$R$366,ROW(INDEX(Jesper!AK$2:AK$366,ROUNDDOWN($C2864/24,0)+1,1))-1)+IF('Standard Profiles'!$G$21=$B$10,7,0)+IF('Standard Profiles'!$G$21=$B$17,14,0)+IF('Standard Profiles'!$G$21=$B$24,21,0),MOD($C2864,24)+1)/SUM(INDEX($D$3:$AA$30,INDEX(Jesper!$R$2:$R$366,ROW(INDEX(Jesper!AK$2:AK$366,ROUNDDOWN($C2864/24,0)+1,1))-1)+IF('Standard Profiles'!$G$21=$B$10,7,0)+IF('Standard Profiles'!$G$21=$B$17,14,0)+IF('Standard Profiles'!$G$21=$B$24,21,0),0)),0)</f>
        <v>1.1381056381815247</v>
      </c>
      <c r="H2864" cm="1">
        <f t="array" ref="H2864">IFERROR(INDEX(Jesper!AL$2:AL$366,ROUNDDOWN($C2864/24,0)+1,1)*INDEX($D$3:$AA$30,INDEX(Jesper!$R$2:$R$366,ROW(INDEX(Jesper!AL$2:AL$366,ROUNDDOWN($C2864/24,0)+1,1))-1)+IF('Standard Profiles'!$G$22=$B$10,7,0)+IF('Standard Profiles'!$G$22=$B$17,14,0)+IF('Standard Profiles'!$G$22=$B$24,21,0),MOD($C2864,24)+1)/SUM(INDEX($D$3:$AA$30,INDEX(Jesper!$R$2:$R$366,ROW(INDEX(Jesper!AL$2:AL$366,ROUNDDOWN($C2864/24,0)+1,1))-1)+IF('Standard Profiles'!$G$22=$B$10,7,0)+IF('Standard Profiles'!$G$22=$B$17,14,0)+IF('Standard Profiles'!$G$22=$B$24,21,0),0)),0)</f>
        <v>0</v>
      </c>
      <c r="I2864">
        <f t="shared" si="328"/>
        <v>0.54629070632713161</v>
      </c>
      <c r="J2864">
        <f t="shared" si="329"/>
        <v>8.7808602955025066</v>
      </c>
      <c r="K2864">
        <f t="shared" si="330"/>
        <v>0.56491837883266494</v>
      </c>
      <c r="L2864">
        <f t="shared" si="331"/>
        <v>0.28245918941633247</v>
      </c>
      <c r="M2864">
        <f t="shared" si="332"/>
        <v>0</v>
      </c>
      <c r="N2864" s="45">
        <f t="shared" si="333"/>
        <v>45044.916666659803</v>
      </c>
    </row>
    <row r="2865" spans="2:14" x14ac:dyDescent="0.25">
      <c r="B2865">
        <f t="shared" si="327"/>
        <v>5</v>
      </c>
      <c r="C2865" s="16">
        <v>2831</v>
      </c>
      <c r="D2865" cm="1">
        <f t="array" ref="D2865">IFERROR(INDEX(Jesper!AH$2:AH$366,ROUNDDOWN($C2865/24,0)+1,1)*INDEX($D$3:$AA$30,INDEX(Jesper!$R$2:$R$366,ROW(INDEX(Jesper!AH$2:AH$366,ROUNDDOWN($C2865/24,0)+1,1))-1)+IF('Standard Profiles'!$G$18=$B$10,7,0)+IF('Standard Profiles'!$G$18=$B$17,14,0)+IF('Standard Profiles'!$G$18=$B$24,21,0),MOD($C2865,24)+1)/SUM(INDEX($D$3:$AA$30,INDEX(Jesper!$R$2:$R$366,ROW(INDEX(Jesper!AH$2:AH$366,ROUNDDOWN($C2865/24,0)+1,1))-1)+IF('Standard Profiles'!$G$18=$B$10,7,0)+IF('Standard Profiles'!$G$18=$B$17,14,0)+IF('Standard Profiles'!$G$18=$B$24,21,0),0)),0)</f>
        <v>5.2961098015562333</v>
      </c>
      <c r="E2865" cm="1">
        <f t="array" ref="E2865">IFERROR(INDEX(Jesper!AI$2:AI$366,ROUNDDOWN($C2865/24,0)+1,1)*INDEX($D$3:$AA$30,INDEX(Jesper!$R$2:$R$366,ROW(INDEX(Jesper!AI$2:AI$366,ROUNDDOWN($C2865/24,0)+1,1))-1)+IF('Standard Profiles'!$G$19=$B$10,7,0)+IF('Standard Profiles'!$G$19=$B$17,14,0)+IF('Standard Profiles'!$G$19=$B$24,21,0),MOD($C2865,24)+1)/SUM(INDEX($D$3:$AA$30,INDEX(Jesper!$R$2:$R$366,ROW(INDEX(Jesper!AI$2:AI$366,ROUNDDOWN($C2865/24,0)+1,1))-1)+IF('Standard Profiles'!$G$19=$B$10,7,0)+IF('Standard Profiles'!$G$19=$B$17,14,0)+IF('Standard Profiles'!$G$19=$B$24,21,0),0)),0)</f>
        <v>3.7403131303408768</v>
      </c>
      <c r="F2865" cm="1">
        <f t="array" ref="F2865">IFERROR(INDEX(Jesper!AJ$2:AJ$366,ROUNDDOWN($C2865/24,0)+1,1)*INDEX($D$3:$AA$30,INDEX(Jesper!$R$2:$R$366,ROW(INDEX(Jesper!AJ$2:AJ$366,ROUNDDOWN($C2865/24,0)+1,1))-1)+IF('Standard Profiles'!$G$20=$B$10,7,0)+IF('Standard Profiles'!$G$20=$B$17,14,0)+IF('Standard Profiles'!$G$20=$B$24,21,0),MOD($C2865,24)+1)/SUM(INDEX($D$3:$AA$30,INDEX(Jesper!$R$2:$R$366,ROW(INDEX(Jesper!AJ$2:AJ$366,ROUNDDOWN($C2865/24,0)+1,1))-1)+IF('Standard Profiles'!$G$20=$B$10,7,0)+IF('Standard Profiles'!$G$20=$B$17,14,0)+IF('Standard Profiles'!$G$20=$B$24,21,0),0)),0)</f>
        <v>0</v>
      </c>
      <c r="G2865" cm="1">
        <f t="array" ref="G2865">IFERROR(INDEX(Jesper!AK$2:AK$366,ROUNDDOWN($C2865/24,0)+1,1)*INDEX($D$3:$AA$30,INDEX(Jesper!$R$2:$R$366,ROW(INDEX(Jesper!AK$2:AK$366,ROUNDDOWN($C2865/24,0)+1,1))-1)+IF('Standard Profiles'!$G$21=$B$10,7,0)+IF('Standard Profiles'!$G$21=$B$17,14,0)+IF('Standard Profiles'!$G$21=$B$24,21,0),MOD($C2865,24)+1)/SUM(INDEX($D$3:$AA$30,INDEX(Jesper!$R$2:$R$366,ROW(INDEX(Jesper!AK$2:AK$366,ROUNDDOWN($C2865/24,0)+1,1))-1)+IF('Standard Profiles'!$G$21=$B$10,7,0)+IF('Standard Profiles'!$G$21=$B$17,14,0)+IF('Standard Profiles'!$G$21=$B$24,21,0),0)),0)</f>
        <v>1.1381056381815247</v>
      </c>
      <c r="H2865" cm="1">
        <f t="array" ref="H2865">IFERROR(INDEX(Jesper!AL$2:AL$366,ROUNDDOWN($C2865/24,0)+1,1)*INDEX($D$3:$AA$30,INDEX(Jesper!$R$2:$R$366,ROW(INDEX(Jesper!AL$2:AL$366,ROUNDDOWN($C2865/24,0)+1,1))-1)+IF('Standard Profiles'!$G$22=$B$10,7,0)+IF('Standard Profiles'!$G$22=$B$17,14,0)+IF('Standard Profiles'!$G$22=$B$24,21,0),MOD($C2865,24)+1)/SUM(INDEX($D$3:$AA$30,INDEX(Jesper!$R$2:$R$366,ROW(INDEX(Jesper!AL$2:AL$366,ROUNDDOWN($C2865/24,0)+1,1))-1)+IF('Standard Profiles'!$G$22=$B$10,7,0)+IF('Standard Profiles'!$G$22=$B$17,14,0)+IF('Standard Profiles'!$G$22=$B$24,21,0),0)),0)</f>
        <v>0</v>
      </c>
      <c r="I2865">
        <f t="shared" si="328"/>
        <v>0.54629070632713161</v>
      </c>
      <c r="J2865">
        <f t="shared" si="329"/>
        <v>8.7808602955025066</v>
      </c>
      <c r="K2865">
        <f t="shared" si="330"/>
        <v>0.56491837883266494</v>
      </c>
      <c r="L2865">
        <f t="shared" si="331"/>
        <v>0.28245918941633247</v>
      </c>
      <c r="M2865">
        <f t="shared" si="332"/>
        <v>0</v>
      </c>
      <c r="N2865" s="45">
        <f t="shared" si="333"/>
        <v>45044.958333326467</v>
      </c>
    </row>
    <row r="2866" spans="2:14" x14ac:dyDescent="0.25">
      <c r="B2866">
        <f t="shared" si="327"/>
        <v>6</v>
      </c>
      <c r="C2866" s="16">
        <v>2832</v>
      </c>
      <c r="D2866" cm="1">
        <f t="array" ref="D2866">IFERROR(INDEX(Jesper!AH$2:AH$366,ROUNDDOWN($C2866/24,0)+1,1)*INDEX($D$3:$AA$30,INDEX(Jesper!$R$2:$R$366,ROW(INDEX(Jesper!AH$2:AH$366,ROUNDDOWN($C2866/24,0)+1,1))-1)+IF('Standard Profiles'!$G$18=$B$10,7,0)+IF('Standard Profiles'!$G$18=$B$17,14,0)+IF('Standard Profiles'!$G$18=$B$24,21,0),MOD($C2866,24)+1)/SUM(INDEX($D$3:$AA$30,INDEX(Jesper!$R$2:$R$366,ROW(INDEX(Jesper!AH$2:AH$366,ROUNDDOWN($C2866/24,0)+1,1))-1)+IF('Standard Profiles'!$G$18=$B$10,7,0)+IF('Standard Profiles'!$G$18=$B$17,14,0)+IF('Standard Profiles'!$G$18=$B$24,21,0),0)),0)</f>
        <v>0</v>
      </c>
      <c r="E2866" cm="1">
        <f t="array" ref="E2866">IFERROR(INDEX(Jesper!AI$2:AI$366,ROUNDDOWN($C2866/24,0)+1,1)*INDEX($D$3:$AA$30,INDEX(Jesper!$R$2:$R$366,ROW(INDEX(Jesper!AI$2:AI$366,ROUNDDOWN($C2866/24,0)+1,1))-1)+IF('Standard Profiles'!$G$19=$B$10,7,0)+IF('Standard Profiles'!$G$19=$B$17,14,0)+IF('Standard Profiles'!$G$19=$B$24,21,0),MOD($C2866,24)+1)/SUM(INDEX($D$3:$AA$30,INDEX(Jesper!$R$2:$R$366,ROW(INDEX(Jesper!AI$2:AI$366,ROUNDDOWN($C2866/24,0)+1,1))-1)+IF('Standard Profiles'!$G$19=$B$10,7,0)+IF('Standard Profiles'!$G$19=$B$17,14,0)+IF('Standard Profiles'!$G$19=$B$24,21,0),0)),0)</f>
        <v>3.4171632467643875</v>
      </c>
      <c r="F2866" cm="1">
        <f t="array" ref="F2866">IFERROR(INDEX(Jesper!AJ$2:AJ$366,ROUNDDOWN($C2866/24,0)+1,1)*INDEX($D$3:$AA$30,INDEX(Jesper!$R$2:$R$366,ROW(INDEX(Jesper!AJ$2:AJ$366,ROUNDDOWN($C2866/24,0)+1,1))-1)+IF('Standard Profiles'!$G$20=$B$10,7,0)+IF('Standard Profiles'!$G$20=$B$17,14,0)+IF('Standard Profiles'!$G$20=$B$24,21,0),MOD($C2866,24)+1)/SUM(INDEX($D$3:$AA$30,INDEX(Jesper!$R$2:$R$366,ROW(INDEX(Jesper!AJ$2:AJ$366,ROUNDDOWN($C2866/24,0)+1,1))-1)+IF('Standard Profiles'!$G$20=$B$10,7,0)+IF('Standard Profiles'!$G$20=$B$17,14,0)+IF('Standard Profiles'!$G$20=$B$24,21,0),0)),0)</f>
        <v>2.01233972496855</v>
      </c>
      <c r="G2866" cm="1">
        <f t="array" ref="G2866">IFERROR(INDEX(Jesper!AK$2:AK$366,ROUNDDOWN($C2866/24,0)+1,1)*INDEX($D$3:$AA$30,INDEX(Jesper!$R$2:$R$366,ROW(INDEX(Jesper!AK$2:AK$366,ROUNDDOWN($C2866/24,0)+1,1))-1)+IF('Standard Profiles'!$G$21=$B$10,7,0)+IF('Standard Profiles'!$G$21=$B$17,14,0)+IF('Standard Profiles'!$G$21=$B$24,21,0),MOD($C2866,24)+1)/SUM(INDEX($D$3:$AA$30,INDEX(Jesper!$R$2:$R$366,ROW(INDEX(Jesper!AK$2:AK$366,ROUNDDOWN($C2866/24,0)+1,1))-1)+IF('Standard Profiles'!$G$21=$B$10,7,0)+IF('Standard Profiles'!$G$21=$B$17,14,0)+IF('Standard Profiles'!$G$21=$B$24,21,0),0)),0)</f>
        <v>1.3558573231811994</v>
      </c>
      <c r="H2866" cm="1">
        <f t="array" ref="H2866">IFERROR(INDEX(Jesper!AL$2:AL$366,ROUNDDOWN($C2866/24,0)+1,1)*INDEX($D$3:$AA$30,INDEX(Jesper!$R$2:$R$366,ROW(INDEX(Jesper!AL$2:AL$366,ROUNDDOWN($C2866/24,0)+1,1))-1)+IF('Standard Profiles'!$G$22=$B$10,7,0)+IF('Standard Profiles'!$G$22=$B$17,14,0)+IF('Standard Profiles'!$G$22=$B$24,21,0),MOD($C2866,24)+1)/SUM(INDEX($D$3:$AA$30,INDEX(Jesper!$R$2:$R$366,ROW(INDEX(Jesper!AL$2:AL$366,ROUNDDOWN($C2866/24,0)+1,1))-1)+IF('Standard Profiles'!$G$22=$B$10,7,0)+IF('Standard Profiles'!$G$22=$B$17,14,0)+IF('Standard Profiles'!$G$22=$B$24,21,0),0)),0)</f>
        <v>0.2680535538404123</v>
      </c>
      <c r="I2866">
        <f t="shared" si="328"/>
        <v>0.25733141168679596</v>
      </c>
      <c r="J2866">
        <f t="shared" si="329"/>
        <v>6.3860228474560268</v>
      </c>
      <c r="K2866">
        <f t="shared" si="330"/>
        <v>0.273373059741151</v>
      </c>
      <c r="L2866">
        <f t="shared" si="331"/>
        <v>0.1366865298705755</v>
      </c>
      <c r="M2866">
        <f t="shared" si="332"/>
        <v>0</v>
      </c>
      <c r="N2866" s="45">
        <f t="shared" si="333"/>
        <v>45044.999999993131</v>
      </c>
    </row>
    <row r="2867" spans="2:14" x14ac:dyDescent="0.25">
      <c r="B2867">
        <f t="shared" si="327"/>
        <v>6</v>
      </c>
      <c r="C2867" s="16">
        <v>2833</v>
      </c>
      <c r="D2867" cm="1">
        <f t="array" ref="D2867">IFERROR(INDEX(Jesper!AH$2:AH$366,ROUNDDOWN($C2867/24,0)+1,1)*INDEX($D$3:$AA$30,INDEX(Jesper!$R$2:$R$366,ROW(INDEX(Jesper!AH$2:AH$366,ROUNDDOWN($C2867/24,0)+1,1))-1)+IF('Standard Profiles'!$G$18=$B$10,7,0)+IF('Standard Profiles'!$G$18=$B$17,14,0)+IF('Standard Profiles'!$G$18=$B$24,21,0),MOD($C2867,24)+1)/SUM(INDEX($D$3:$AA$30,INDEX(Jesper!$R$2:$R$366,ROW(INDEX(Jesper!AH$2:AH$366,ROUNDDOWN($C2867/24,0)+1,1))-1)+IF('Standard Profiles'!$G$18=$B$10,7,0)+IF('Standard Profiles'!$G$18=$B$17,14,0)+IF('Standard Profiles'!$G$18=$B$24,21,0),0)),0)</f>
        <v>0</v>
      </c>
      <c r="E2867" cm="1">
        <f t="array" ref="E2867">IFERROR(INDEX(Jesper!AI$2:AI$366,ROUNDDOWN($C2867/24,0)+1,1)*INDEX($D$3:$AA$30,INDEX(Jesper!$R$2:$R$366,ROW(INDEX(Jesper!AI$2:AI$366,ROUNDDOWN($C2867/24,0)+1,1))-1)+IF('Standard Profiles'!$G$19=$B$10,7,0)+IF('Standard Profiles'!$G$19=$B$17,14,0)+IF('Standard Profiles'!$G$19=$B$24,21,0),MOD($C2867,24)+1)/SUM(INDEX($D$3:$AA$30,INDEX(Jesper!$R$2:$R$366,ROW(INDEX(Jesper!AI$2:AI$366,ROUNDDOWN($C2867/24,0)+1,1))-1)+IF('Standard Profiles'!$G$19=$B$10,7,0)+IF('Standard Profiles'!$G$19=$B$17,14,0)+IF('Standard Profiles'!$G$19=$B$24,21,0),0)),0)</f>
        <v>3.075446922087949</v>
      </c>
      <c r="F2867" cm="1">
        <f t="array" ref="F2867">IFERROR(INDEX(Jesper!AJ$2:AJ$366,ROUNDDOWN($C2867/24,0)+1,1)*INDEX($D$3:$AA$30,INDEX(Jesper!$R$2:$R$366,ROW(INDEX(Jesper!AJ$2:AJ$366,ROUNDDOWN($C2867/24,0)+1,1))-1)+IF('Standard Profiles'!$G$20=$B$10,7,0)+IF('Standard Profiles'!$G$20=$B$17,14,0)+IF('Standard Profiles'!$G$20=$B$24,21,0),MOD($C2867,24)+1)/SUM(INDEX($D$3:$AA$30,INDEX(Jesper!$R$2:$R$366,ROW(INDEX(Jesper!AJ$2:AJ$366,ROUNDDOWN($C2867/24,0)+1,1))-1)+IF('Standard Profiles'!$G$20=$B$10,7,0)+IF('Standard Profiles'!$G$20=$B$17,14,0)+IF('Standard Profiles'!$G$20=$B$24,21,0),0)),0)</f>
        <v>1.8111057524716947</v>
      </c>
      <c r="G2867" cm="1">
        <f t="array" ref="G2867">IFERROR(INDEX(Jesper!AK$2:AK$366,ROUNDDOWN($C2867/24,0)+1,1)*INDEX($D$3:$AA$30,INDEX(Jesper!$R$2:$R$366,ROW(INDEX(Jesper!AK$2:AK$366,ROUNDDOWN($C2867/24,0)+1,1))-1)+IF('Standard Profiles'!$G$21=$B$10,7,0)+IF('Standard Profiles'!$G$21=$B$17,14,0)+IF('Standard Profiles'!$G$21=$B$24,21,0),MOD($C2867,24)+1)/SUM(INDEX($D$3:$AA$30,INDEX(Jesper!$R$2:$R$366,ROW(INDEX(Jesper!AK$2:AK$366,ROUNDDOWN($C2867/24,0)+1,1))-1)+IF('Standard Profiles'!$G$21=$B$10,7,0)+IF('Standard Profiles'!$G$21=$B$17,14,0)+IF('Standard Profiles'!$G$21=$B$24,21,0),0)),0)</f>
        <v>1.3558573231811994</v>
      </c>
      <c r="H2867" cm="1">
        <f t="array" ref="H2867">IFERROR(INDEX(Jesper!AL$2:AL$366,ROUNDDOWN($C2867/24,0)+1,1)*INDEX($D$3:$AA$30,INDEX(Jesper!$R$2:$R$366,ROW(INDEX(Jesper!AL$2:AL$366,ROUNDDOWN($C2867/24,0)+1,1))-1)+IF('Standard Profiles'!$G$22=$B$10,7,0)+IF('Standard Profiles'!$G$22=$B$17,14,0)+IF('Standard Profiles'!$G$22=$B$24,21,0),MOD($C2867,24)+1)/SUM(INDEX($D$3:$AA$30,INDEX(Jesper!$R$2:$R$366,ROW(INDEX(Jesper!AL$2:AL$366,ROUNDDOWN($C2867/24,0)+1,1))-1)+IF('Standard Profiles'!$G$22=$B$10,7,0)+IF('Standard Profiles'!$G$22=$B$17,14,0)+IF('Standard Profiles'!$G$22=$B$24,21,0),0)),0)</f>
        <v>0.52334265273604319</v>
      </c>
      <c r="I2867">
        <f t="shared" si="328"/>
        <v>0.50240894662660174</v>
      </c>
      <c r="J2867">
        <f t="shared" si="329"/>
        <v>5.8942900731997305</v>
      </c>
      <c r="K2867">
        <f t="shared" si="330"/>
        <v>0.24603575376703593</v>
      </c>
      <c r="L2867">
        <f t="shared" si="331"/>
        <v>0.12301787688351797</v>
      </c>
      <c r="M2867">
        <f t="shared" si="332"/>
        <v>0</v>
      </c>
      <c r="N2867" s="45">
        <f t="shared" si="333"/>
        <v>45045.041666659796</v>
      </c>
    </row>
    <row r="2868" spans="2:14" x14ac:dyDescent="0.25">
      <c r="B2868">
        <f t="shared" si="327"/>
        <v>6</v>
      </c>
      <c r="C2868" s="16">
        <v>2834</v>
      </c>
      <c r="D2868" cm="1">
        <f t="array" ref="D2868">IFERROR(INDEX(Jesper!AH$2:AH$366,ROUNDDOWN($C2868/24,0)+1,1)*INDEX($D$3:$AA$30,INDEX(Jesper!$R$2:$R$366,ROW(INDEX(Jesper!AH$2:AH$366,ROUNDDOWN($C2868/24,0)+1,1))-1)+IF('Standard Profiles'!$G$18=$B$10,7,0)+IF('Standard Profiles'!$G$18=$B$17,14,0)+IF('Standard Profiles'!$G$18=$B$24,21,0),MOD($C2868,24)+1)/SUM(INDEX($D$3:$AA$30,INDEX(Jesper!$R$2:$R$366,ROW(INDEX(Jesper!AH$2:AH$366,ROUNDDOWN($C2868/24,0)+1,1))-1)+IF('Standard Profiles'!$G$18=$B$10,7,0)+IF('Standard Profiles'!$G$18=$B$17,14,0)+IF('Standard Profiles'!$G$18=$B$24,21,0),0)),0)</f>
        <v>0</v>
      </c>
      <c r="E2868" cm="1">
        <f t="array" ref="E2868">IFERROR(INDEX(Jesper!AI$2:AI$366,ROUNDDOWN($C2868/24,0)+1,1)*INDEX($D$3:$AA$30,INDEX(Jesper!$R$2:$R$366,ROW(INDEX(Jesper!AI$2:AI$366,ROUNDDOWN($C2868/24,0)+1,1))-1)+IF('Standard Profiles'!$G$19=$B$10,7,0)+IF('Standard Profiles'!$G$19=$B$17,14,0)+IF('Standard Profiles'!$G$19=$B$24,21,0),MOD($C2868,24)+1)/SUM(INDEX($D$3:$AA$30,INDEX(Jesper!$R$2:$R$366,ROW(INDEX(Jesper!AI$2:AI$366,ROUNDDOWN($C2868/24,0)+1,1))-1)+IF('Standard Profiles'!$G$19=$B$10,7,0)+IF('Standard Profiles'!$G$19=$B$17,14,0)+IF('Standard Profiles'!$G$19=$B$24,21,0),0)),0)</f>
        <v>3.075446922087949</v>
      </c>
      <c r="F2868" cm="1">
        <f t="array" ref="F2868">IFERROR(INDEX(Jesper!AJ$2:AJ$366,ROUNDDOWN($C2868/24,0)+1,1)*INDEX($D$3:$AA$30,INDEX(Jesper!$R$2:$R$366,ROW(INDEX(Jesper!AJ$2:AJ$366,ROUNDDOWN($C2868/24,0)+1,1))-1)+IF('Standard Profiles'!$G$20=$B$10,7,0)+IF('Standard Profiles'!$G$20=$B$17,14,0)+IF('Standard Profiles'!$G$20=$B$24,21,0),MOD($C2868,24)+1)/SUM(INDEX($D$3:$AA$30,INDEX(Jesper!$R$2:$R$366,ROW(INDEX(Jesper!AJ$2:AJ$366,ROUNDDOWN($C2868/24,0)+1,1))-1)+IF('Standard Profiles'!$G$20=$B$10,7,0)+IF('Standard Profiles'!$G$20=$B$17,14,0)+IF('Standard Profiles'!$G$20=$B$24,21,0),0)),0)</f>
        <v>1.8111057524716947</v>
      </c>
      <c r="G2868" cm="1">
        <f t="array" ref="G2868">IFERROR(INDEX(Jesper!AK$2:AK$366,ROUNDDOWN($C2868/24,0)+1,1)*INDEX($D$3:$AA$30,INDEX(Jesper!$R$2:$R$366,ROW(INDEX(Jesper!AK$2:AK$366,ROUNDDOWN($C2868/24,0)+1,1))-1)+IF('Standard Profiles'!$G$21=$B$10,7,0)+IF('Standard Profiles'!$G$21=$B$17,14,0)+IF('Standard Profiles'!$G$21=$B$24,21,0),MOD($C2868,24)+1)/SUM(INDEX($D$3:$AA$30,INDEX(Jesper!$R$2:$R$366,ROW(INDEX(Jesper!AK$2:AK$366,ROUNDDOWN($C2868/24,0)+1,1))-1)+IF('Standard Profiles'!$G$21=$B$10,7,0)+IF('Standard Profiles'!$G$21=$B$17,14,0)+IF('Standard Profiles'!$G$21=$B$24,21,0),0)),0)</f>
        <v>1.3558573231811994</v>
      </c>
      <c r="H2868" cm="1">
        <f t="array" ref="H2868">IFERROR(INDEX(Jesper!AL$2:AL$366,ROUNDDOWN($C2868/24,0)+1,1)*INDEX($D$3:$AA$30,INDEX(Jesper!$R$2:$R$366,ROW(INDEX(Jesper!AL$2:AL$366,ROUNDDOWN($C2868/24,0)+1,1))-1)+IF('Standard Profiles'!$G$22=$B$10,7,0)+IF('Standard Profiles'!$G$22=$B$17,14,0)+IF('Standard Profiles'!$G$22=$B$24,21,0),MOD($C2868,24)+1)/SUM(INDEX($D$3:$AA$30,INDEX(Jesper!$R$2:$R$366,ROW(INDEX(Jesper!AL$2:AL$366,ROUNDDOWN($C2868/24,0)+1,1))-1)+IF('Standard Profiles'!$G$22=$B$10,7,0)+IF('Standard Profiles'!$G$22=$B$17,14,0)+IF('Standard Profiles'!$G$22=$B$24,21,0),0)),0)</f>
        <v>0.52334265273604319</v>
      </c>
      <c r="I2868">
        <f t="shared" si="328"/>
        <v>0.50240894662660174</v>
      </c>
      <c r="J2868">
        <f t="shared" si="329"/>
        <v>5.8942900731997305</v>
      </c>
      <c r="K2868">
        <f t="shared" si="330"/>
        <v>0.24603575376703593</v>
      </c>
      <c r="L2868">
        <f t="shared" si="331"/>
        <v>0.12301787688351797</v>
      </c>
      <c r="M2868">
        <f t="shared" si="332"/>
        <v>0</v>
      </c>
      <c r="N2868" s="45">
        <f t="shared" si="333"/>
        <v>45045.08333332646</v>
      </c>
    </row>
    <row r="2869" spans="2:14" x14ac:dyDescent="0.25">
      <c r="B2869">
        <f t="shared" si="327"/>
        <v>6</v>
      </c>
      <c r="C2869" s="16">
        <v>2835</v>
      </c>
      <c r="D2869" cm="1">
        <f t="array" ref="D2869">IFERROR(INDEX(Jesper!AH$2:AH$366,ROUNDDOWN($C2869/24,0)+1,1)*INDEX($D$3:$AA$30,INDEX(Jesper!$R$2:$R$366,ROW(INDEX(Jesper!AH$2:AH$366,ROUNDDOWN($C2869/24,0)+1,1))-1)+IF('Standard Profiles'!$G$18=$B$10,7,0)+IF('Standard Profiles'!$G$18=$B$17,14,0)+IF('Standard Profiles'!$G$18=$B$24,21,0),MOD($C2869,24)+1)/SUM(INDEX($D$3:$AA$30,INDEX(Jesper!$R$2:$R$366,ROW(INDEX(Jesper!AH$2:AH$366,ROUNDDOWN($C2869/24,0)+1,1))-1)+IF('Standard Profiles'!$G$18=$B$10,7,0)+IF('Standard Profiles'!$G$18=$B$17,14,0)+IF('Standard Profiles'!$G$18=$B$24,21,0),0)),0)</f>
        <v>0</v>
      </c>
      <c r="E2869" cm="1">
        <f t="array" ref="E2869">IFERROR(INDEX(Jesper!AI$2:AI$366,ROUNDDOWN($C2869/24,0)+1,1)*INDEX($D$3:$AA$30,INDEX(Jesper!$R$2:$R$366,ROW(INDEX(Jesper!AI$2:AI$366,ROUNDDOWN($C2869/24,0)+1,1))-1)+IF('Standard Profiles'!$G$19=$B$10,7,0)+IF('Standard Profiles'!$G$19=$B$17,14,0)+IF('Standard Profiles'!$G$19=$B$24,21,0),MOD($C2869,24)+1)/SUM(INDEX($D$3:$AA$30,INDEX(Jesper!$R$2:$R$366,ROW(INDEX(Jesper!AI$2:AI$366,ROUNDDOWN($C2869/24,0)+1,1))-1)+IF('Standard Profiles'!$G$19=$B$10,7,0)+IF('Standard Profiles'!$G$19=$B$17,14,0)+IF('Standard Profiles'!$G$19=$B$24,21,0),0)),0)</f>
        <v>3.075446922087949</v>
      </c>
      <c r="F2869" cm="1">
        <f t="array" ref="F2869">IFERROR(INDEX(Jesper!AJ$2:AJ$366,ROUNDDOWN($C2869/24,0)+1,1)*INDEX($D$3:$AA$30,INDEX(Jesper!$R$2:$R$366,ROW(INDEX(Jesper!AJ$2:AJ$366,ROUNDDOWN($C2869/24,0)+1,1))-1)+IF('Standard Profiles'!$G$20=$B$10,7,0)+IF('Standard Profiles'!$G$20=$B$17,14,0)+IF('Standard Profiles'!$G$20=$B$24,21,0),MOD($C2869,24)+1)/SUM(INDEX($D$3:$AA$30,INDEX(Jesper!$R$2:$R$366,ROW(INDEX(Jesper!AJ$2:AJ$366,ROUNDDOWN($C2869/24,0)+1,1))-1)+IF('Standard Profiles'!$G$20=$B$10,7,0)+IF('Standard Profiles'!$G$20=$B$17,14,0)+IF('Standard Profiles'!$G$20=$B$24,21,0),0)),0)</f>
        <v>1.8111057524716947</v>
      </c>
      <c r="G2869" cm="1">
        <f t="array" ref="G2869">IFERROR(INDEX(Jesper!AK$2:AK$366,ROUNDDOWN($C2869/24,0)+1,1)*INDEX($D$3:$AA$30,INDEX(Jesper!$R$2:$R$366,ROW(INDEX(Jesper!AK$2:AK$366,ROUNDDOWN($C2869/24,0)+1,1))-1)+IF('Standard Profiles'!$G$21=$B$10,7,0)+IF('Standard Profiles'!$G$21=$B$17,14,0)+IF('Standard Profiles'!$G$21=$B$24,21,0),MOD($C2869,24)+1)/SUM(INDEX($D$3:$AA$30,INDEX(Jesper!$R$2:$R$366,ROW(INDEX(Jesper!AK$2:AK$366,ROUNDDOWN($C2869/24,0)+1,1))-1)+IF('Standard Profiles'!$G$21=$B$10,7,0)+IF('Standard Profiles'!$G$21=$B$17,14,0)+IF('Standard Profiles'!$G$21=$B$24,21,0),0)),0)</f>
        <v>1.3558573231811994</v>
      </c>
      <c r="H2869" cm="1">
        <f t="array" ref="H2869">IFERROR(INDEX(Jesper!AL$2:AL$366,ROUNDDOWN($C2869/24,0)+1,1)*INDEX($D$3:$AA$30,INDEX(Jesper!$R$2:$R$366,ROW(INDEX(Jesper!AL$2:AL$366,ROUNDDOWN($C2869/24,0)+1,1))-1)+IF('Standard Profiles'!$G$22=$B$10,7,0)+IF('Standard Profiles'!$G$22=$B$17,14,0)+IF('Standard Profiles'!$G$22=$B$24,21,0),MOD($C2869,24)+1)/SUM(INDEX($D$3:$AA$30,INDEX(Jesper!$R$2:$R$366,ROW(INDEX(Jesper!AL$2:AL$366,ROUNDDOWN($C2869/24,0)+1,1))-1)+IF('Standard Profiles'!$G$22=$B$10,7,0)+IF('Standard Profiles'!$G$22=$B$17,14,0)+IF('Standard Profiles'!$G$22=$B$24,21,0),0)),0)</f>
        <v>0.52334265273604319</v>
      </c>
      <c r="I2869">
        <f t="shared" si="328"/>
        <v>0.50240894662660174</v>
      </c>
      <c r="J2869">
        <f t="shared" si="329"/>
        <v>5.8942900731997305</v>
      </c>
      <c r="K2869">
        <f t="shared" si="330"/>
        <v>0.24603575376703593</v>
      </c>
      <c r="L2869">
        <f t="shared" si="331"/>
        <v>0.12301787688351797</v>
      </c>
      <c r="M2869">
        <f t="shared" si="332"/>
        <v>0</v>
      </c>
      <c r="N2869" s="45">
        <f t="shared" si="333"/>
        <v>45045.124999993124</v>
      </c>
    </row>
    <row r="2870" spans="2:14" x14ac:dyDescent="0.25">
      <c r="B2870">
        <f t="shared" si="327"/>
        <v>6</v>
      </c>
      <c r="C2870" s="16">
        <v>2836</v>
      </c>
      <c r="D2870" cm="1">
        <f t="array" ref="D2870">IFERROR(INDEX(Jesper!AH$2:AH$366,ROUNDDOWN($C2870/24,0)+1,1)*INDEX($D$3:$AA$30,INDEX(Jesper!$R$2:$R$366,ROW(INDEX(Jesper!AH$2:AH$366,ROUNDDOWN($C2870/24,0)+1,1))-1)+IF('Standard Profiles'!$G$18=$B$10,7,0)+IF('Standard Profiles'!$G$18=$B$17,14,0)+IF('Standard Profiles'!$G$18=$B$24,21,0),MOD($C2870,24)+1)/SUM(INDEX($D$3:$AA$30,INDEX(Jesper!$R$2:$R$366,ROW(INDEX(Jesper!AH$2:AH$366,ROUNDDOWN($C2870/24,0)+1,1))-1)+IF('Standard Profiles'!$G$18=$B$10,7,0)+IF('Standard Profiles'!$G$18=$B$17,14,0)+IF('Standard Profiles'!$G$18=$B$24,21,0),0)),0)</f>
        <v>0</v>
      </c>
      <c r="E2870" cm="1">
        <f t="array" ref="E2870">IFERROR(INDEX(Jesper!AI$2:AI$366,ROUNDDOWN($C2870/24,0)+1,1)*INDEX($D$3:$AA$30,INDEX(Jesper!$R$2:$R$366,ROW(INDEX(Jesper!AI$2:AI$366,ROUNDDOWN($C2870/24,0)+1,1))-1)+IF('Standard Profiles'!$G$19=$B$10,7,0)+IF('Standard Profiles'!$G$19=$B$17,14,0)+IF('Standard Profiles'!$G$19=$B$24,21,0),MOD($C2870,24)+1)/SUM(INDEX($D$3:$AA$30,INDEX(Jesper!$R$2:$R$366,ROW(INDEX(Jesper!AI$2:AI$366,ROUNDDOWN($C2870/24,0)+1,1))-1)+IF('Standard Profiles'!$G$19=$B$10,7,0)+IF('Standard Profiles'!$G$19=$B$17,14,0)+IF('Standard Profiles'!$G$19=$B$24,21,0),0)),0)</f>
        <v>3.075446922087949</v>
      </c>
      <c r="F2870" cm="1">
        <f t="array" ref="F2870">IFERROR(INDEX(Jesper!AJ$2:AJ$366,ROUNDDOWN($C2870/24,0)+1,1)*INDEX($D$3:$AA$30,INDEX(Jesper!$R$2:$R$366,ROW(INDEX(Jesper!AJ$2:AJ$366,ROUNDDOWN($C2870/24,0)+1,1))-1)+IF('Standard Profiles'!$G$20=$B$10,7,0)+IF('Standard Profiles'!$G$20=$B$17,14,0)+IF('Standard Profiles'!$G$20=$B$24,21,0),MOD($C2870,24)+1)/SUM(INDEX($D$3:$AA$30,INDEX(Jesper!$R$2:$R$366,ROW(INDEX(Jesper!AJ$2:AJ$366,ROUNDDOWN($C2870/24,0)+1,1))-1)+IF('Standard Profiles'!$G$20=$B$10,7,0)+IF('Standard Profiles'!$G$20=$B$17,14,0)+IF('Standard Profiles'!$G$20=$B$24,21,0),0)),0)</f>
        <v>1.8111057524716947</v>
      </c>
      <c r="G2870" cm="1">
        <f t="array" ref="G2870">IFERROR(INDEX(Jesper!AK$2:AK$366,ROUNDDOWN($C2870/24,0)+1,1)*INDEX($D$3:$AA$30,INDEX(Jesper!$R$2:$R$366,ROW(INDEX(Jesper!AK$2:AK$366,ROUNDDOWN($C2870/24,0)+1,1))-1)+IF('Standard Profiles'!$G$21=$B$10,7,0)+IF('Standard Profiles'!$G$21=$B$17,14,0)+IF('Standard Profiles'!$G$21=$B$24,21,0),MOD($C2870,24)+1)/SUM(INDEX($D$3:$AA$30,INDEX(Jesper!$R$2:$R$366,ROW(INDEX(Jesper!AK$2:AK$366,ROUNDDOWN($C2870/24,0)+1,1))-1)+IF('Standard Profiles'!$G$21=$B$10,7,0)+IF('Standard Profiles'!$G$21=$B$17,14,0)+IF('Standard Profiles'!$G$21=$B$24,21,0),0)),0)</f>
        <v>1.3558573231811994</v>
      </c>
      <c r="H2870" cm="1">
        <f t="array" ref="H2870">IFERROR(INDEX(Jesper!AL$2:AL$366,ROUNDDOWN($C2870/24,0)+1,1)*INDEX($D$3:$AA$30,INDEX(Jesper!$R$2:$R$366,ROW(INDEX(Jesper!AL$2:AL$366,ROUNDDOWN($C2870/24,0)+1,1))-1)+IF('Standard Profiles'!$G$22=$B$10,7,0)+IF('Standard Profiles'!$G$22=$B$17,14,0)+IF('Standard Profiles'!$G$22=$B$24,21,0),MOD($C2870,24)+1)/SUM(INDEX($D$3:$AA$30,INDEX(Jesper!$R$2:$R$366,ROW(INDEX(Jesper!AL$2:AL$366,ROUNDDOWN($C2870/24,0)+1,1))-1)+IF('Standard Profiles'!$G$22=$B$10,7,0)+IF('Standard Profiles'!$G$22=$B$17,14,0)+IF('Standard Profiles'!$G$22=$B$24,21,0),0)),0)</f>
        <v>0.52334265273604319</v>
      </c>
      <c r="I2870">
        <f t="shared" si="328"/>
        <v>0.50240894662660174</v>
      </c>
      <c r="J2870">
        <f t="shared" si="329"/>
        <v>5.8942900731997305</v>
      </c>
      <c r="K2870">
        <f t="shared" si="330"/>
        <v>0.24603575376703593</v>
      </c>
      <c r="L2870">
        <f t="shared" si="331"/>
        <v>0.12301787688351797</v>
      </c>
      <c r="M2870">
        <f t="shared" si="332"/>
        <v>0</v>
      </c>
      <c r="N2870" s="45">
        <f t="shared" si="333"/>
        <v>45045.166666659788</v>
      </c>
    </row>
    <row r="2871" spans="2:14" x14ac:dyDescent="0.25">
      <c r="B2871">
        <f t="shared" si="327"/>
        <v>6</v>
      </c>
      <c r="C2871" s="16">
        <v>2837</v>
      </c>
      <c r="D2871" cm="1">
        <f t="array" ref="D2871">IFERROR(INDEX(Jesper!AH$2:AH$366,ROUNDDOWN($C2871/24,0)+1,1)*INDEX($D$3:$AA$30,INDEX(Jesper!$R$2:$R$366,ROW(INDEX(Jesper!AH$2:AH$366,ROUNDDOWN($C2871/24,0)+1,1))-1)+IF('Standard Profiles'!$G$18=$B$10,7,0)+IF('Standard Profiles'!$G$18=$B$17,14,0)+IF('Standard Profiles'!$G$18=$B$24,21,0),MOD($C2871,24)+1)/SUM(INDEX($D$3:$AA$30,INDEX(Jesper!$R$2:$R$366,ROW(INDEX(Jesper!AH$2:AH$366,ROUNDDOWN($C2871/24,0)+1,1))-1)+IF('Standard Profiles'!$G$18=$B$10,7,0)+IF('Standard Profiles'!$G$18=$B$17,14,0)+IF('Standard Profiles'!$G$18=$B$24,21,0),0)),0)</f>
        <v>0</v>
      </c>
      <c r="E2871" cm="1">
        <f t="array" ref="E2871">IFERROR(INDEX(Jesper!AI$2:AI$366,ROUNDDOWN($C2871/24,0)+1,1)*INDEX($D$3:$AA$30,INDEX(Jesper!$R$2:$R$366,ROW(INDEX(Jesper!AI$2:AI$366,ROUNDDOWN($C2871/24,0)+1,1))-1)+IF('Standard Profiles'!$G$19=$B$10,7,0)+IF('Standard Profiles'!$G$19=$B$17,14,0)+IF('Standard Profiles'!$G$19=$B$24,21,0),MOD($C2871,24)+1)/SUM(INDEX($D$3:$AA$30,INDEX(Jesper!$R$2:$R$366,ROW(INDEX(Jesper!AI$2:AI$366,ROUNDDOWN($C2871/24,0)+1,1))-1)+IF('Standard Profiles'!$G$19=$B$10,7,0)+IF('Standard Profiles'!$G$19=$B$17,14,0)+IF('Standard Profiles'!$G$19=$B$24,21,0),0)),0)</f>
        <v>3.075446922087949</v>
      </c>
      <c r="F2871" cm="1">
        <f t="array" ref="F2871">IFERROR(INDEX(Jesper!AJ$2:AJ$366,ROUNDDOWN($C2871/24,0)+1,1)*INDEX($D$3:$AA$30,INDEX(Jesper!$R$2:$R$366,ROW(INDEX(Jesper!AJ$2:AJ$366,ROUNDDOWN($C2871/24,0)+1,1))-1)+IF('Standard Profiles'!$G$20=$B$10,7,0)+IF('Standard Profiles'!$G$20=$B$17,14,0)+IF('Standard Profiles'!$G$20=$B$24,21,0),MOD($C2871,24)+1)/SUM(INDEX($D$3:$AA$30,INDEX(Jesper!$R$2:$R$366,ROW(INDEX(Jesper!AJ$2:AJ$366,ROUNDDOWN($C2871/24,0)+1,1))-1)+IF('Standard Profiles'!$G$20=$B$10,7,0)+IF('Standard Profiles'!$G$20=$B$17,14,0)+IF('Standard Profiles'!$G$20=$B$24,21,0),0)),0)</f>
        <v>1.8111057524716947</v>
      </c>
      <c r="G2871" cm="1">
        <f t="array" ref="G2871">IFERROR(INDEX(Jesper!AK$2:AK$366,ROUNDDOWN($C2871/24,0)+1,1)*INDEX($D$3:$AA$30,INDEX(Jesper!$R$2:$R$366,ROW(INDEX(Jesper!AK$2:AK$366,ROUNDDOWN($C2871/24,0)+1,1))-1)+IF('Standard Profiles'!$G$21=$B$10,7,0)+IF('Standard Profiles'!$G$21=$B$17,14,0)+IF('Standard Profiles'!$G$21=$B$24,21,0),MOD($C2871,24)+1)/SUM(INDEX($D$3:$AA$30,INDEX(Jesper!$R$2:$R$366,ROW(INDEX(Jesper!AK$2:AK$366,ROUNDDOWN($C2871/24,0)+1,1))-1)+IF('Standard Profiles'!$G$21=$B$10,7,0)+IF('Standard Profiles'!$G$21=$B$17,14,0)+IF('Standard Profiles'!$G$21=$B$24,21,0),0)),0)</f>
        <v>1.3558573231811994</v>
      </c>
      <c r="H2871" cm="1">
        <f t="array" ref="H2871">IFERROR(INDEX(Jesper!AL$2:AL$366,ROUNDDOWN($C2871/24,0)+1,1)*INDEX($D$3:$AA$30,INDEX(Jesper!$R$2:$R$366,ROW(INDEX(Jesper!AL$2:AL$366,ROUNDDOWN($C2871/24,0)+1,1))-1)+IF('Standard Profiles'!$G$22=$B$10,7,0)+IF('Standard Profiles'!$G$22=$B$17,14,0)+IF('Standard Profiles'!$G$22=$B$24,21,0),MOD($C2871,24)+1)/SUM(INDEX($D$3:$AA$30,INDEX(Jesper!$R$2:$R$366,ROW(INDEX(Jesper!AL$2:AL$366,ROUNDDOWN($C2871/24,0)+1,1))-1)+IF('Standard Profiles'!$G$22=$B$10,7,0)+IF('Standard Profiles'!$G$22=$B$17,14,0)+IF('Standard Profiles'!$G$22=$B$24,21,0),0)),0)</f>
        <v>0.65098720218385853</v>
      </c>
      <c r="I2871">
        <f t="shared" si="328"/>
        <v>0.62494771409650451</v>
      </c>
      <c r="J2871">
        <f t="shared" si="329"/>
        <v>5.8993958551776426</v>
      </c>
      <c r="K2871">
        <f t="shared" si="330"/>
        <v>0.24603575376703593</v>
      </c>
      <c r="L2871">
        <f t="shared" si="331"/>
        <v>0.12301787688351797</v>
      </c>
      <c r="M2871">
        <f t="shared" si="332"/>
        <v>0</v>
      </c>
      <c r="N2871" s="45">
        <f t="shared" si="333"/>
        <v>45045.208333326453</v>
      </c>
    </row>
    <row r="2872" spans="2:14" x14ac:dyDescent="0.25">
      <c r="B2872">
        <f t="shared" si="327"/>
        <v>6</v>
      </c>
      <c r="C2872" s="16">
        <v>2838</v>
      </c>
      <c r="D2872" cm="1">
        <f t="array" ref="D2872">IFERROR(INDEX(Jesper!AH$2:AH$366,ROUNDDOWN($C2872/24,0)+1,1)*INDEX($D$3:$AA$30,INDEX(Jesper!$R$2:$R$366,ROW(INDEX(Jesper!AH$2:AH$366,ROUNDDOWN($C2872/24,0)+1,1))-1)+IF('Standard Profiles'!$G$18=$B$10,7,0)+IF('Standard Profiles'!$G$18=$B$17,14,0)+IF('Standard Profiles'!$G$18=$B$24,21,0),MOD($C2872,24)+1)/SUM(INDEX($D$3:$AA$30,INDEX(Jesper!$R$2:$R$366,ROW(INDEX(Jesper!AH$2:AH$366,ROUNDDOWN($C2872/24,0)+1,1))-1)+IF('Standard Profiles'!$G$18=$B$10,7,0)+IF('Standard Profiles'!$G$18=$B$17,14,0)+IF('Standard Profiles'!$G$18=$B$24,21,0),0)),0)</f>
        <v>0</v>
      </c>
      <c r="E2872" cm="1">
        <f t="array" ref="E2872">IFERROR(INDEX(Jesper!AI$2:AI$366,ROUNDDOWN($C2872/24,0)+1,1)*INDEX($D$3:$AA$30,INDEX(Jesper!$R$2:$R$366,ROW(INDEX(Jesper!AI$2:AI$366,ROUNDDOWN($C2872/24,0)+1,1))-1)+IF('Standard Profiles'!$G$19=$B$10,7,0)+IF('Standard Profiles'!$G$19=$B$17,14,0)+IF('Standard Profiles'!$G$19=$B$24,21,0),MOD($C2872,24)+1)/SUM(INDEX($D$3:$AA$30,INDEX(Jesper!$R$2:$R$366,ROW(INDEX(Jesper!AI$2:AI$366,ROUNDDOWN($C2872/24,0)+1,1))-1)+IF('Standard Profiles'!$G$19=$B$10,7,0)+IF('Standard Profiles'!$G$19=$B$17,14,0)+IF('Standard Profiles'!$G$19=$B$24,21,0),0)),0)</f>
        <v>3.075446922087949</v>
      </c>
      <c r="F2872" cm="1">
        <f t="array" ref="F2872">IFERROR(INDEX(Jesper!AJ$2:AJ$366,ROUNDDOWN($C2872/24,0)+1,1)*INDEX($D$3:$AA$30,INDEX(Jesper!$R$2:$R$366,ROW(INDEX(Jesper!AJ$2:AJ$366,ROUNDDOWN($C2872/24,0)+1,1))-1)+IF('Standard Profiles'!$G$20=$B$10,7,0)+IF('Standard Profiles'!$G$20=$B$17,14,0)+IF('Standard Profiles'!$G$20=$B$24,21,0),MOD($C2872,24)+1)/SUM(INDEX($D$3:$AA$30,INDEX(Jesper!$R$2:$R$366,ROW(INDEX(Jesper!AJ$2:AJ$366,ROUNDDOWN($C2872/24,0)+1,1))-1)+IF('Standard Profiles'!$G$20=$B$10,7,0)+IF('Standard Profiles'!$G$20=$B$17,14,0)+IF('Standard Profiles'!$G$20=$B$24,21,0),0)),0)</f>
        <v>1.8111057524716947</v>
      </c>
      <c r="G2872" cm="1">
        <f t="array" ref="G2872">IFERROR(INDEX(Jesper!AK$2:AK$366,ROUNDDOWN($C2872/24,0)+1,1)*INDEX($D$3:$AA$30,INDEX(Jesper!$R$2:$R$366,ROW(INDEX(Jesper!AK$2:AK$366,ROUNDDOWN($C2872/24,0)+1,1))-1)+IF('Standard Profiles'!$G$21=$B$10,7,0)+IF('Standard Profiles'!$G$21=$B$17,14,0)+IF('Standard Profiles'!$G$21=$B$24,21,0),MOD($C2872,24)+1)/SUM(INDEX($D$3:$AA$30,INDEX(Jesper!$R$2:$R$366,ROW(INDEX(Jesper!AK$2:AK$366,ROUNDDOWN($C2872/24,0)+1,1))-1)+IF('Standard Profiles'!$G$21=$B$10,7,0)+IF('Standard Profiles'!$G$21=$B$17,14,0)+IF('Standard Profiles'!$G$21=$B$24,21,0),0)),0)</f>
        <v>1.3558573231811994</v>
      </c>
      <c r="H2872" cm="1">
        <f t="array" ref="H2872">IFERROR(INDEX(Jesper!AL$2:AL$366,ROUNDDOWN($C2872/24,0)+1,1)*INDEX($D$3:$AA$30,INDEX(Jesper!$R$2:$R$366,ROW(INDEX(Jesper!AL$2:AL$366,ROUNDDOWN($C2872/24,0)+1,1))-1)+IF('Standard Profiles'!$G$22=$B$10,7,0)+IF('Standard Profiles'!$G$22=$B$17,14,0)+IF('Standard Profiles'!$G$22=$B$24,21,0),MOD($C2872,24)+1)/SUM(INDEX($D$3:$AA$30,INDEX(Jesper!$R$2:$R$366,ROW(INDEX(Jesper!AL$2:AL$366,ROUNDDOWN($C2872/24,0)+1,1))-1)+IF('Standard Profiles'!$G$22=$B$10,7,0)+IF('Standard Profiles'!$G$22=$B$17,14,0)+IF('Standard Profiles'!$G$22=$B$24,21,0),0)),0)</f>
        <v>0.81692511646601862</v>
      </c>
      <c r="I2872">
        <f t="shared" si="328"/>
        <v>0.7842481118073783</v>
      </c>
      <c r="J2872">
        <f t="shared" si="329"/>
        <v>5.9060333717489293</v>
      </c>
      <c r="K2872">
        <f t="shared" si="330"/>
        <v>0.24603575376703593</v>
      </c>
      <c r="L2872">
        <f t="shared" si="331"/>
        <v>0.12301787688351797</v>
      </c>
      <c r="M2872">
        <f t="shared" si="332"/>
        <v>0</v>
      </c>
      <c r="N2872" s="45">
        <f t="shared" si="333"/>
        <v>45045.249999993117</v>
      </c>
    </row>
    <row r="2873" spans="2:14" x14ac:dyDescent="0.25">
      <c r="B2873">
        <f t="shared" si="327"/>
        <v>6</v>
      </c>
      <c r="C2873" s="16">
        <v>2839</v>
      </c>
      <c r="D2873" cm="1">
        <f t="array" ref="D2873">IFERROR(INDEX(Jesper!AH$2:AH$366,ROUNDDOWN($C2873/24,0)+1,1)*INDEX($D$3:$AA$30,INDEX(Jesper!$R$2:$R$366,ROW(INDEX(Jesper!AH$2:AH$366,ROUNDDOWN($C2873/24,0)+1,1))-1)+IF('Standard Profiles'!$G$18=$B$10,7,0)+IF('Standard Profiles'!$G$18=$B$17,14,0)+IF('Standard Profiles'!$G$18=$B$24,21,0),MOD($C2873,24)+1)/SUM(INDEX($D$3:$AA$30,INDEX(Jesper!$R$2:$R$366,ROW(INDEX(Jesper!AH$2:AH$366,ROUNDDOWN($C2873/24,0)+1,1))-1)+IF('Standard Profiles'!$G$18=$B$10,7,0)+IF('Standard Profiles'!$G$18=$B$17,14,0)+IF('Standard Profiles'!$G$18=$B$24,21,0),0)),0)</f>
        <v>0</v>
      </c>
      <c r="E2873" cm="1">
        <f t="array" ref="E2873">IFERROR(INDEX(Jesper!AI$2:AI$366,ROUNDDOWN($C2873/24,0)+1,1)*INDEX($D$3:$AA$30,INDEX(Jesper!$R$2:$R$366,ROW(INDEX(Jesper!AI$2:AI$366,ROUNDDOWN($C2873/24,0)+1,1))-1)+IF('Standard Profiles'!$G$19=$B$10,7,0)+IF('Standard Profiles'!$G$19=$B$17,14,0)+IF('Standard Profiles'!$G$19=$B$24,21,0),MOD($C2873,24)+1)/SUM(INDEX($D$3:$AA$30,INDEX(Jesper!$R$2:$R$366,ROW(INDEX(Jesper!AI$2:AI$366,ROUNDDOWN($C2873/24,0)+1,1))-1)+IF('Standard Profiles'!$G$19=$B$10,7,0)+IF('Standard Profiles'!$G$19=$B$17,14,0)+IF('Standard Profiles'!$G$19=$B$24,21,0),0)),0)</f>
        <v>3.075446922087949</v>
      </c>
      <c r="F2873" cm="1">
        <f t="array" ref="F2873">IFERROR(INDEX(Jesper!AJ$2:AJ$366,ROUNDDOWN($C2873/24,0)+1,1)*INDEX($D$3:$AA$30,INDEX(Jesper!$R$2:$R$366,ROW(INDEX(Jesper!AJ$2:AJ$366,ROUNDDOWN($C2873/24,0)+1,1))-1)+IF('Standard Profiles'!$G$20=$B$10,7,0)+IF('Standard Profiles'!$G$20=$B$17,14,0)+IF('Standard Profiles'!$G$20=$B$24,21,0),MOD($C2873,24)+1)/SUM(INDEX($D$3:$AA$30,INDEX(Jesper!$R$2:$R$366,ROW(INDEX(Jesper!AJ$2:AJ$366,ROUNDDOWN($C2873/24,0)+1,1))-1)+IF('Standard Profiles'!$G$20=$B$10,7,0)+IF('Standard Profiles'!$G$20=$B$17,14,0)+IF('Standard Profiles'!$G$20=$B$24,21,0),0)),0)</f>
        <v>1.8111057524716947</v>
      </c>
      <c r="G2873" cm="1">
        <f t="array" ref="G2873">IFERROR(INDEX(Jesper!AK$2:AK$366,ROUNDDOWN($C2873/24,0)+1,1)*INDEX($D$3:$AA$30,INDEX(Jesper!$R$2:$R$366,ROW(INDEX(Jesper!AK$2:AK$366,ROUNDDOWN($C2873/24,0)+1,1))-1)+IF('Standard Profiles'!$G$21=$B$10,7,0)+IF('Standard Profiles'!$G$21=$B$17,14,0)+IF('Standard Profiles'!$G$21=$B$24,21,0),MOD($C2873,24)+1)/SUM(INDEX($D$3:$AA$30,INDEX(Jesper!$R$2:$R$366,ROW(INDEX(Jesper!AK$2:AK$366,ROUNDDOWN($C2873/24,0)+1,1))-1)+IF('Standard Profiles'!$G$21=$B$10,7,0)+IF('Standard Profiles'!$G$21=$B$17,14,0)+IF('Standard Profiles'!$G$21=$B$24,21,0),0)),0)</f>
        <v>1.3558573231811994</v>
      </c>
      <c r="H2873" cm="1">
        <f t="array" ref="H2873">IFERROR(INDEX(Jesper!AL$2:AL$366,ROUNDDOWN($C2873/24,0)+1,1)*INDEX($D$3:$AA$30,INDEX(Jesper!$R$2:$R$366,ROW(INDEX(Jesper!AL$2:AL$366,ROUNDDOWN($C2873/24,0)+1,1))-1)+IF('Standard Profiles'!$G$22=$B$10,7,0)+IF('Standard Profiles'!$G$22=$B$17,14,0)+IF('Standard Profiles'!$G$22=$B$24,21,0),MOD($C2873,24)+1)/SUM(INDEX($D$3:$AA$30,INDEX(Jesper!$R$2:$R$366,ROW(INDEX(Jesper!AL$2:AL$366,ROUNDDOWN($C2873/24,0)+1,1))-1)+IF('Standard Profiles'!$G$22=$B$10,7,0)+IF('Standard Profiles'!$G$22=$B$17,14,0)+IF('Standard Profiles'!$G$22=$B$24,21,0),0)),0)</f>
        <v>0.93180521096905244</v>
      </c>
      <c r="I2873">
        <f t="shared" si="328"/>
        <v>0.89453300253029078</v>
      </c>
      <c r="J2873">
        <f t="shared" si="329"/>
        <v>5.9106285755290511</v>
      </c>
      <c r="K2873">
        <f t="shared" si="330"/>
        <v>0.24603575376703593</v>
      </c>
      <c r="L2873">
        <f t="shared" si="331"/>
        <v>0.12301787688351797</v>
      </c>
      <c r="M2873">
        <f t="shared" si="332"/>
        <v>0</v>
      </c>
      <c r="N2873" s="45">
        <f t="shared" si="333"/>
        <v>45045.291666659781</v>
      </c>
    </row>
    <row r="2874" spans="2:14" x14ac:dyDescent="0.25">
      <c r="B2874">
        <f t="shared" si="327"/>
        <v>6</v>
      </c>
      <c r="C2874" s="16">
        <v>2840</v>
      </c>
      <c r="D2874" cm="1">
        <f t="array" ref="D2874">IFERROR(INDEX(Jesper!AH$2:AH$366,ROUNDDOWN($C2874/24,0)+1,1)*INDEX($D$3:$AA$30,INDEX(Jesper!$R$2:$R$366,ROW(INDEX(Jesper!AH$2:AH$366,ROUNDDOWN($C2874/24,0)+1,1))-1)+IF('Standard Profiles'!$G$18=$B$10,7,0)+IF('Standard Profiles'!$G$18=$B$17,14,0)+IF('Standard Profiles'!$G$18=$B$24,21,0),MOD($C2874,24)+1)/SUM(INDEX($D$3:$AA$30,INDEX(Jesper!$R$2:$R$366,ROW(INDEX(Jesper!AH$2:AH$366,ROUNDDOWN($C2874/24,0)+1,1))-1)+IF('Standard Profiles'!$G$18=$B$10,7,0)+IF('Standard Profiles'!$G$18=$B$17,14,0)+IF('Standard Profiles'!$G$18=$B$24,21,0),0)),0)</f>
        <v>0</v>
      </c>
      <c r="E2874" cm="1">
        <f t="array" ref="E2874">IFERROR(INDEX(Jesper!AI$2:AI$366,ROUNDDOWN($C2874/24,0)+1,1)*INDEX($D$3:$AA$30,INDEX(Jesper!$R$2:$R$366,ROW(INDEX(Jesper!AI$2:AI$366,ROUNDDOWN($C2874/24,0)+1,1))-1)+IF('Standard Profiles'!$G$19=$B$10,7,0)+IF('Standard Profiles'!$G$19=$B$17,14,0)+IF('Standard Profiles'!$G$19=$B$24,21,0),MOD($C2874,24)+1)/SUM(INDEX($D$3:$AA$30,INDEX(Jesper!$R$2:$R$366,ROW(INDEX(Jesper!AI$2:AI$366,ROUNDDOWN($C2874/24,0)+1,1))-1)+IF('Standard Profiles'!$G$19=$B$10,7,0)+IF('Standard Profiles'!$G$19=$B$17,14,0)+IF('Standard Profiles'!$G$19=$B$24,21,0),0)),0)</f>
        <v>3.075446922087949</v>
      </c>
      <c r="F2874" cm="1">
        <f t="array" ref="F2874">IFERROR(INDEX(Jesper!AJ$2:AJ$366,ROUNDDOWN($C2874/24,0)+1,1)*INDEX($D$3:$AA$30,INDEX(Jesper!$R$2:$R$366,ROW(INDEX(Jesper!AJ$2:AJ$366,ROUNDDOWN($C2874/24,0)+1,1))-1)+IF('Standard Profiles'!$G$20=$B$10,7,0)+IF('Standard Profiles'!$G$20=$B$17,14,0)+IF('Standard Profiles'!$G$20=$B$24,21,0),MOD($C2874,24)+1)/SUM(INDEX($D$3:$AA$30,INDEX(Jesper!$R$2:$R$366,ROW(INDEX(Jesper!AJ$2:AJ$366,ROUNDDOWN($C2874/24,0)+1,1))-1)+IF('Standard Profiles'!$G$20=$B$10,7,0)+IF('Standard Profiles'!$G$20=$B$17,14,0)+IF('Standard Profiles'!$G$20=$B$24,21,0),0)),0)</f>
        <v>1.8111057524716947</v>
      </c>
      <c r="G2874" cm="1">
        <f t="array" ref="G2874">IFERROR(INDEX(Jesper!AK$2:AK$366,ROUNDDOWN($C2874/24,0)+1,1)*INDEX($D$3:$AA$30,INDEX(Jesper!$R$2:$R$366,ROW(INDEX(Jesper!AK$2:AK$366,ROUNDDOWN($C2874/24,0)+1,1))-1)+IF('Standard Profiles'!$G$21=$B$10,7,0)+IF('Standard Profiles'!$G$21=$B$17,14,0)+IF('Standard Profiles'!$G$21=$B$24,21,0),MOD($C2874,24)+1)/SUM(INDEX($D$3:$AA$30,INDEX(Jesper!$R$2:$R$366,ROW(INDEX(Jesper!AK$2:AK$366,ROUNDDOWN($C2874/24,0)+1,1))-1)+IF('Standard Profiles'!$G$21=$B$10,7,0)+IF('Standard Profiles'!$G$21=$B$17,14,0)+IF('Standard Profiles'!$G$21=$B$24,21,0),0)),0)</f>
        <v>1.3558573231811994</v>
      </c>
      <c r="H2874" cm="1">
        <f t="array" ref="H2874">IFERROR(INDEX(Jesper!AL$2:AL$366,ROUNDDOWN($C2874/24,0)+1,1)*INDEX($D$3:$AA$30,INDEX(Jesper!$R$2:$R$366,ROW(INDEX(Jesper!AL$2:AL$366,ROUNDDOWN($C2874/24,0)+1,1))-1)+IF('Standard Profiles'!$G$22=$B$10,7,0)+IF('Standard Profiles'!$G$22=$B$17,14,0)+IF('Standard Profiles'!$G$22=$B$24,21,0),MOD($C2874,24)+1)/SUM(INDEX($D$3:$AA$30,INDEX(Jesper!$R$2:$R$366,ROW(INDEX(Jesper!AL$2:AL$366,ROUNDDOWN($C2874/24,0)+1,1))-1)+IF('Standard Profiles'!$G$22=$B$10,7,0)+IF('Standard Profiles'!$G$22=$B$17,14,0)+IF('Standard Profiles'!$G$22=$B$24,21,0),0)),0)</f>
        <v>0.93180521096905244</v>
      </c>
      <c r="I2874">
        <f t="shared" si="328"/>
        <v>0.89453300253029078</v>
      </c>
      <c r="J2874">
        <f t="shared" si="329"/>
        <v>5.9106285755290511</v>
      </c>
      <c r="K2874">
        <f t="shared" si="330"/>
        <v>0.24603575376703593</v>
      </c>
      <c r="L2874">
        <f t="shared" si="331"/>
        <v>0.12301787688351797</v>
      </c>
      <c r="M2874">
        <f t="shared" si="332"/>
        <v>0</v>
      </c>
      <c r="N2874" s="45">
        <f t="shared" si="333"/>
        <v>45045.333333326445</v>
      </c>
    </row>
    <row r="2875" spans="2:14" x14ac:dyDescent="0.25">
      <c r="B2875">
        <f t="shared" si="327"/>
        <v>6</v>
      </c>
      <c r="C2875" s="16">
        <v>2841</v>
      </c>
      <c r="D2875" cm="1">
        <f t="array" ref="D2875">IFERROR(INDEX(Jesper!AH$2:AH$366,ROUNDDOWN($C2875/24,0)+1,1)*INDEX($D$3:$AA$30,INDEX(Jesper!$R$2:$R$366,ROW(INDEX(Jesper!AH$2:AH$366,ROUNDDOWN($C2875/24,0)+1,1))-1)+IF('Standard Profiles'!$G$18=$B$10,7,0)+IF('Standard Profiles'!$G$18=$B$17,14,0)+IF('Standard Profiles'!$G$18=$B$24,21,0),MOD($C2875,24)+1)/SUM(INDEX($D$3:$AA$30,INDEX(Jesper!$R$2:$R$366,ROW(INDEX(Jesper!AH$2:AH$366,ROUNDDOWN($C2875/24,0)+1,1))-1)+IF('Standard Profiles'!$G$18=$B$10,7,0)+IF('Standard Profiles'!$G$18=$B$17,14,0)+IF('Standard Profiles'!$G$18=$B$24,21,0),0)),0)</f>
        <v>0</v>
      </c>
      <c r="E2875" cm="1">
        <f t="array" ref="E2875">IFERROR(INDEX(Jesper!AI$2:AI$366,ROUNDDOWN($C2875/24,0)+1,1)*INDEX($D$3:$AA$30,INDEX(Jesper!$R$2:$R$366,ROW(INDEX(Jesper!AI$2:AI$366,ROUNDDOWN($C2875/24,0)+1,1))-1)+IF('Standard Profiles'!$G$19=$B$10,7,0)+IF('Standard Profiles'!$G$19=$B$17,14,0)+IF('Standard Profiles'!$G$19=$B$24,21,0),MOD($C2875,24)+1)/SUM(INDEX($D$3:$AA$30,INDEX(Jesper!$R$2:$R$366,ROW(INDEX(Jesper!AI$2:AI$366,ROUNDDOWN($C2875/24,0)+1,1))-1)+IF('Standard Profiles'!$G$19=$B$10,7,0)+IF('Standard Profiles'!$G$19=$B$17,14,0)+IF('Standard Profiles'!$G$19=$B$24,21,0),0)),0)</f>
        <v>3.075446922087949</v>
      </c>
      <c r="F2875" cm="1">
        <f t="array" ref="F2875">IFERROR(INDEX(Jesper!AJ$2:AJ$366,ROUNDDOWN($C2875/24,0)+1,1)*INDEX($D$3:$AA$30,INDEX(Jesper!$R$2:$R$366,ROW(INDEX(Jesper!AJ$2:AJ$366,ROUNDDOWN($C2875/24,0)+1,1))-1)+IF('Standard Profiles'!$G$20=$B$10,7,0)+IF('Standard Profiles'!$G$20=$B$17,14,0)+IF('Standard Profiles'!$G$20=$B$24,21,0),MOD($C2875,24)+1)/SUM(INDEX($D$3:$AA$30,INDEX(Jesper!$R$2:$R$366,ROW(INDEX(Jesper!AJ$2:AJ$366,ROUNDDOWN($C2875/24,0)+1,1))-1)+IF('Standard Profiles'!$G$20=$B$10,7,0)+IF('Standard Profiles'!$G$20=$B$17,14,0)+IF('Standard Profiles'!$G$20=$B$24,21,0),0)),0)</f>
        <v>1.8111057524716947</v>
      </c>
      <c r="G2875" cm="1">
        <f t="array" ref="G2875">IFERROR(INDEX(Jesper!AK$2:AK$366,ROUNDDOWN($C2875/24,0)+1,1)*INDEX($D$3:$AA$30,INDEX(Jesper!$R$2:$R$366,ROW(INDEX(Jesper!AK$2:AK$366,ROUNDDOWN($C2875/24,0)+1,1))-1)+IF('Standard Profiles'!$G$21=$B$10,7,0)+IF('Standard Profiles'!$G$21=$B$17,14,0)+IF('Standard Profiles'!$G$21=$B$24,21,0),MOD($C2875,24)+1)/SUM(INDEX($D$3:$AA$30,INDEX(Jesper!$R$2:$R$366,ROW(INDEX(Jesper!AK$2:AK$366,ROUNDDOWN($C2875/24,0)+1,1))-1)+IF('Standard Profiles'!$G$21=$B$10,7,0)+IF('Standard Profiles'!$G$21=$B$17,14,0)+IF('Standard Profiles'!$G$21=$B$24,21,0),0)),0)</f>
        <v>1.3558573231811994</v>
      </c>
      <c r="H2875" cm="1">
        <f t="array" ref="H2875">IFERROR(INDEX(Jesper!AL$2:AL$366,ROUNDDOWN($C2875/24,0)+1,1)*INDEX($D$3:$AA$30,INDEX(Jesper!$R$2:$R$366,ROW(INDEX(Jesper!AL$2:AL$366,ROUNDDOWN($C2875/24,0)+1,1))-1)+IF('Standard Profiles'!$G$22=$B$10,7,0)+IF('Standard Profiles'!$G$22=$B$17,14,0)+IF('Standard Profiles'!$G$22=$B$24,21,0),MOD($C2875,24)+1)/SUM(INDEX($D$3:$AA$30,INDEX(Jesper!$R$2:$R$366,ROW(INDEX(Jesper!AL$2:AL$366,ROUNDDOWN($C2875/24,0)+1,1))-1)+IF('Standard Profiles'!$G$22=$B$10,7,0)+IF('Standard Profiles'!$G$22=$B$17,14,0)+IF('Standard Profiles'!$G$22=$B$24,21,0),0)),0)</f>
        <v>0.93180521096905244</v>
      </c>
      <c r="I2875">
        <f t="shared" si="328"/>
        <v>0.89453300253029078</v>
      </c>
      <c r="J2875">
        <f t="shared" si="329"/>
        <v>5.9106285755290511</v>
      </c>
      <c r="K2875">
        <f t="shared" si="330"/>
        <v>0.24603575376703593</v>
      </c>
      <c r="L2875">
        <f t="shared" si="331"/>
        <v>0.12301787688351797</v>
      </c>
      <c r="M2875">
        <f t="shared" si="332"/>
        <v>0</v>
      </c>
      <c r="N2875" s="45">
        <f t="shared" si="333"/>
        <v>45045.37499999311</v>
      </c>
    </row>
    <row r="2876" spans="2:14" x14ac:dyDescent="0.25">
      <c r="B2876">
        <f t="shared" si="327"/>
        <v>6</v>
      </c>
      <c r="C2876" s="16">
        <v>2842</v>
      </c>
      <c r="D2876" cm="1">
        <f t="array" ref="D2876">IFERROR(INDEX(Jesper!AH$2:AH$366,ROUNDDOWN($C2876/24,0)+1,1)*INDEX($D$3:$AA$30,INDEX(Jesper!$R$2:$R$366,ROW(INDEX(Jesper!AH$2:AH$366,ROUNDDOWN($C2876/24,0)+1,1))-1)+IF('Standard Profiles'!$G$18=$B$10,7,0)+IF('Standard Profiles'!$G$18=$B$17,14,0)+IF('Standard Profiles'!$G$18=$B$24,21,0),MOD($C2876,24)+1)/SUM(INDEX($D$3:$AA$30,INDEX(Jesper!$R$2:$R$366,ROW(INDEX(Jesper!AH$2:AH$366,ROUNDDOWN($C2876/24,0)+1,1))-1)+IF('Standard Profiles'!$G$18=$B$10,7,0)+IF('Standard Profiles'!$G$18=$B$17,14,0)+IF('Standard Profiles'!$G$18=$B$24,21,0),0)),0)</f>
        <v>0</v>
      </c>
      <c r="E2876" cm="1">
        <f t="array" ref="E2876">IFERROR(INDEX(Jesper!AI$2:AI$366,ROUNDDOWN($C2876/24,0)+1,1)*INDEX($D$3:$AA$30,INDEX(Jesper!$R$2:$R$366,ROW(INDEX(Jesper!AI$2:AI$366,ROUNDDOWN($C2876/24,0)+1,1))-1)+IF('Standard Profiles'!$G$19=$B$10,7,0)+IF('Standard Profiles'!$G$19=$B$17,14,0)+IF('Standard Profiles'!$G$19=$B$24,21,0),MOD($C2876,24)+1)/SUM(INDEX($D$3:$AA$30,INDEX(Jesper!$R$2:$R$366,ROW(INDEX(Jesper!AI$2:AI$366,ROUNDDOWN($C2876/24,0)+1,1))-1)+IF('Standard Profiles'!$G$19=$B$10,7,0)+IF('Standard Profiles'!$G$19=$B$17,14,0)+IF('Standard Profiles'!$G$19=$B$24,21,0),0)),0)</f>
        <v>3.075446922087949</v>
      </c>
      <c r="F2876" cm="1">
        <f t="array" ref="F2876">IFERROR(INDEX(Jesper!AJ$2:AJ$366,ROUNDDOWN($C2876/24,0)+1,1)*INDEX($D$3:$AA$30,INDEX(Jesper!$R$2:$R$366,ROW(INDEX(Jesper!AJ$2:AJ$366,ROUNDDOWN($C2876/24,0)+1,1))-1)+IF('Standard Profiles'!$G$20=$B$10,7,0)+IF('Standard Profiles'!$G$20=$B$17,14,0)+IF('Standard Profiles'!$G$20=$B$24,21,0),MOD($C2876,24)+1)/SUM(INDEX($D$3:$AA$30,INDEX(Jesper!$R$2:$R$366,ROW(INDEX(Jesper!AJ$2:AJ$366,ROUNDDOWN($C2876/24,0)+1,1))-1)+IF('Standard Profiles'!$G$20=$B$10,7,0)+IF('Standard Profiles'!$G$20=$B$17,14,0)+IF('Standard Profiles'!$G$20=$B$24,21,0),0)),0)</f>
        <v>1.8111057524716947</v>
      </c>
      <c r="G2876" cm="1">
        <f t="array" ref="G2876">IFERROR(INDEX(Jesper!AK$2:AK$366,ROUNDDOWN($C2876/24,0)+1,1)*INDEX($D$3:$AA$30,INDEX(Jesper!$R$2:$R$366,ROW(INDEX(Jesper!AK$2:AK$366,ROUNDDOWN($C2876/24,0)+1,1))-1)+IF('Standard Profiles'!$G$21=$B$10,7,0)+IF('Standard Profiles'!$G$21=$B$17,14,0)+IF('Standard Profiles'!$G$21=$B$24,21,0),MOD($C2876,24)+1)/SUM(INDEX($D$3:$AA$30,INDEX(Jesper!$R$2:$R$366,ROW(INDEX(Jesper!AK$2:AK$366,ROUNDDOWN($C2876/24,0)+1,1))-1)+IF('Standard Profiles'!$G$21=$B$10,7,0)+IF('Standard Profiles'!$G$21=$B$17,14,0)+IF('Standard Profiles'!$G$21=$B$24,21,0),0)),0)</f>
        <v>1.3558573231811994</v>
      </c>
      <c r="H2876" cm="1">
        <f t="array" ref="H2876">IFERROR(INDEX(Jesper!AL$2:AL$366,ROUNDDOWN($C2876/24,0)+1,1)*INDEX($D$3:$AA$30,INDEX(Jesper!$R$2:$R$366,ROW(INDEX(Jesper!AL$2:AL$366,ROUNDDOWN($C2876/24,0)+1,1))-1)+IF('Standard Profiles'!$G$22=$B$10,7,0)+IF('Standard Profiles'!$G$22=$B$17,14,0)+IF('Standard Profiles'!$G$22=$B$24,21,0),MOD($C2876,24)+1)/SUM(INDEX($D$3:$AA$30,INDEX(Jesper!$R$2:$R$366,ROW(INDEX(Jesper!AL$2:AL$366,ROUNDDOWN($C2876/24,0)+1,1))-1)+IF('Standard Profiles'!$G$22=$B$10,7,0)+IF('Standard Profiles'!$G$22=$B$17,14,0)+IF('Standard Profiles'!$G$22=$B$24,21,0),0)),0)</f>
        <v>0.93180521096905244</v>
      </c>
      <c r="I2876">
        <f t="shared" si="328"/>
        <v>0.89453300253029078</v>
      </c>
      <c r="J2876">
        <f t="shared" si="329"/>
        <v>5.9106285755290511</v>
      </c>
      <c r="K2876">
        <f t="shared" si="330"/>
        <v>0.24603575376703593</v>
      </c>
      <c r="L2876">
        <f t="shared" si="331"/>
        <v>0.12301787688351797</v>
      </c>
      <c r="M2876">
        <f t="shared" si="332"/>
        <v>0</v>
      </c>
      <c r="N2876" s="45">
        <f t="shared" si="333"/>
        <v>45045.416666659774</v>
      </c>
    </row>
    <row r="2877" spans="2:14" x14ac:dyDescent="0.25">
      <c r="B2877">
        <f t="shared" si="327"/>
        <v>6</v>
      </c>
      <c r="C2877" s="16">
        <v>2843</v>
      </c>
      <c r="D2877" cm="1">
        <f t="array" ref="D2877">IFERROR(INDEX(Jesper!AH$2:AH$366,ROUNDDOWN($C2877/24,0)+1,1)*INDEX($D$3:$AA$30,INDEX(Jesper!$R$2:$R$366,ROW(INDEX(Jesper!AH$2:AH$366,ROUNDDOWN($C2877/24,0)+1,1))-1)+IF('Standard Profiles'!$G$18=$B$10,7,0)+IF('Standard Profiles'!$G$18=$B$17,14,0)+IF('Standard Profiles'!$G$18=$B$24,21,0),MOD($C2877,24)+1)/SUM(INDEX($D$3:$AA$30,INDEX(Jesper!$R$2:$R$366,ROW(INDEX(Jesper!AH$2:AH$366,ROUNDDOWN($C2877/24,0)+1,1))-1)+IF('Standard Profiles'!$G$18=$B$10,7,0)+IF('Standard Profiles'!$G$18=$B$17,14,0)+IF('Standard Profiles'!$G$18=$B$24,21,0),0)),0)</f>
        <v>0</v>
      </c>
      <c r="E2877" cm="1">
        <f t="array" ref="E2877">IFERROR(INDEX(Jesper!AI$2:AI$366,ROUNDDOWN($C2877/24,0)+1,1)*INDEX($D$3:$AA$30,INDEX(Jesper!$R$2:$R$366,ROW(INDEX(Jesper!AI$2:AI$366,ROUNDDOWN($C2877/24,0)+1,1))-1)+IF('Standard Profiles'!$G$19=$B$10,7,0)+IF('Standard Profiles'!$G$19=$B$17,14,0)+IF('Standard Profiles'!$G$19=$B$24,21,0),MOD($C2877,24)+1)/SUM(INDEX($D$3:$AA$30,INDEX(Jesper!$R$2:$R$366,ROW(INDEX(Jesper!AI$2:AI$366,ROUNDDOWN($C2877/24,0)+1,1))-1)+IF('Standard Profiles'!$G$19=$B$10,7,0)+IF('Standard Profiles'!$G$19=$B$17,14,0)+IF('Standard Profiles'!$G$19=$B$24,21,0),0)),0)</f>
        <v>3.075446922087949</v>
      </c>
      <c r="F2877" cm="1">
        <f t="array" ref="F2877">IFERROR(INDEX(Jesper!AJ$2:AJ$366,ROUNDDOWN($C2877/24,0)+1,1)*INDEX($D$3:$AA$30,INDEX(Jesper!$R$2:$R$366,ROW(INDEX(Jesper!AJ$2:AJ$366,ROUNDDOWN($C2877/24,0)+1,1))-1)+IF('Standard Profiles'!$G$20=$B$10,7,0)+IF('Standard Profiles'!$G$20=$B$17,14,0)+IF('Standard Profiles'!$G$20=$B$24,21,0),MOD($C2877,24)+1)/SUM(INDEX($D$3:$AA$30,INDEX(Jesper!$R$2:$R$366,ROW(INDEX(Jesper!AJ$2:AJ$366,ROUNDDOWN($C2877/24,0)+1,1))-1)+IF('Standard Profiles'!$G$20=$B$10,7,0)+IF('Standard Profiles'!$G$20=$B$17,14,0)+IF('Standard Profiles'!$G$20=$B$24,21,0),0)),0)</f>
        <v>1.8111057524716947</v>
      </c>
      <c r="G2877" cm="1">
        <f t="array" ref="G2877">IFERROR(INDEX(Jesper!AK$2:AK$366,ROUNDDOWN($C2877/24,0)+1,1)*INDEX($D$3:$AA$30,INDEX(Jesper!$R$2:$R$366,ROW(INDEX(Jesper!AK$2:AK$366,ROUNDDOWN($C2877/24,0)+1,1))-1)+IF('Standard Profiles'!$G$21=$B$10,7,0)+IF('Standard Profiles'!$G$21=$B$17,14,0)+IF('Standard Profiles'!$G$21=$B$24,21,0),MOD($C2877,24)+1)/SUM(INDEX($D$3:$AA$30,INDEX(Jesper!$R$2:$R$366,ROW(INDEX(Jesper!AK$2:AK$366,ROUNDDOWN($C2877/24,0)+1,1))-1)+IF('Standard Profiles'!$G$21=$B$10,7,0)+IF('Standard Profiles'!$G$21=$B$17,14,0)+IF('Standard Profiles'!$G$21=$B$24,21,0),0)),0)</f>
        <v>1.3558573231811994</v>
      </c>
      <c r="H2877" cm="1">
        <f t="array" ref="H2877">IFERROR(INDEX(Jesper!AL$2:AL$366,ROUNDDOWN($C2877/24,0)+1,1)*INDEX($D$3:$AA$30,INDEX(Jesper!$R$2:$R$366,ROW(INDEX(Jesper!AL$2:AL$366,ROUNDDOWN($C2877/24,0)+1,1))-1)+IF('Standard Profiles'!$G$22=$B$10,7,0)+IF('Standard Profiles'!$G$22=$B$17,14,0)+IF('Standard Profiles'!$G$22=$B$24,21,0),MOD($C2877,24)+1)/SUM(INDEX($D$3:$AA$30,INDEX(Jesper!$R$2:$R$366,ROW(INDEX(Jesper!AL$2:AL$366,ROUNDDOWN($C2877/24,0)+1,1))-1)+IF('Standard Profiles'!$G$22=$B$10,7,0)+IF('Standard Profiles'!$G$22=$B$17,14,0)+IF('Standard Profiles'!$G$22=$B$24,21,0),0)),0)</f>
        <v>0.93180521096905244</v>
      </c>
      <c r="I2877">
        <f t="shared" si="328"/>
        <v>0.89453300253029078</v>
      </c>
      <c r="J2877">
        <f t="shared" si="329"/>
        <v>5.9106285755290511</v>
      </c>
      <c r="K2877">
        <f t="shared" si="330"/>
        <v>0.24603575376703593</v>
      </c>
      <c r="L2877">
        <f t="shared" si="331"/>
        <v>0.12301787688351797</v>
      </c>
      <c r="M2877">
        <f t="shared" si="332"/>
        <v>0</v>
      </c>
      <c r="N2877" s="45">
        <f t="shared" si="333"/>
        <v>45045.458333326438</v>
      </c>
    </row>
    <row r="2878" spans="2:14" x14ac:dyDescent="0.25">
      <c r="B2878">
        <f t="shared" si="327"/>
        <v>6</v>
      </c>
      <c r="C2878" s="16">
        <v>2844</v>
      </c>
      <c r="D2878" cm="1">
        <f t="array" ref="D2878">IFERROR(INDEX(Jesper!AH$2:AH$366,ROUNDDOWN($C2878/24,0)+1,1)*INDEX($D$3:$AA$30,INDEX(Jesper!$R$2:$R$366,ROW(INDEX(Jesper!AH$2:AH$366,ROUNDDOWN($C2878/24,0)+1,1))-1)+IF('Standard Profiles'!$G$18=$B$10,7,0)+IF('Standard Profiles'!$G$18=$B$17,14,0)+IF('Standard Profiles'!$G$18=$B$24,21,0),MOD($C2878,24)+1)/SUM(INDEX($D$3:$AA$30,INDEX(Jesper!$R$2:$R$366,ROW(INDEX(Jesper!AH$2:AH$366,ROUNDDOWN($C2878/24,0)+1,1))-1)+IF('Standard Profiles'!$G$18=$B$10,7,0)+IF('Standard Profiles'!$G$18=$B$17,14,0)+IF('Standard Profiles'!$G$18=$B$24,21,0),0)),0)</f>
        <v>0</v>
      </c>
      <c r="E2878" cm="1">
        <f t="array" ref="E2878">IFERROR(INDEX(Jesper!AI$2:AI$366,ROUNDDOWN($C2878/24,0)+1,1)*INDEX($D$3:$AA$30,INDEX(Jesper!$R$2:$R$366,ROW(INDEX(Jesper!AI$2:AI$366,ROUNDDOWN($C2878/24,0)+1,1))-1)+IF('Standard Profiles'!$G$19=$B$10,7,0)+IF('Standard Profiles'!$G$19=$B$17,14,0)+IF('Standard Profiles'!$G$19=$B$24,21,0),MOD($C2878,24)+1)/SUM(INDEX($D$3:$AA$30,INDEX(Jesper!$R$2:$R$366,ROW(INDEX(Jesper!AI$2:AI$366,ROUNDDOWN($C2878/24,0)+1,1))-1)+IF('Standard Profiles'!$G$19=$B$10,7,0)+IF('Standard Profiles'!$G$19=$B$17,14,0)+IF('Standard Profiles'!$G$19=$B$24,21,0),0)),0)</f>
        <v>3.075446922087949</v>
      </c>
      <c r="F2878" cm="1">
        <f t="array" ref="F2878">IFERROR(INDEX(Jesper!AJ$2:AJ$366,ROUNDDOWN($C2878/24,0)+1,1)*INDEX($D$3:$AA$30,INDEX(Jesper!$R$2:$R$366,ROW(INDEX(Jesper!AJ$2:AJ$366,ROUNDDOWN($C2878/24,0)+1,1))-1)+IF('Standard Profiles'!$G$20=$B$10,7,0)+IF('Standard Profiles'!$G$20=$B$17,14,0)+IF('Standard Profiles'!$G$20=$B$24,21,0),MOD($C2878,24)+1)/SUM(INDEX($D$3:$AA$30,INDEX(Jesper!$R$2:$R$366,ROW(INDEX(Jesper!AJ$2:AJ$366,ROUNDDOWN($C2878/24,0)+1,1))-1)+IF('Standard Profiles'!$G$20=$B$10,7,0)+IF('Standard Profiles'!$G$20=$B$17,14,0)+IF('Standard Profiles'!$G$20=$B$24,21,0),0)),0)</f>
        <v>1.8111057524716947</v>
      </c>
      <c r="G2878" cm="1">
        <f t="array" ref="G2878">IFERROR(INDEX(Jesper!AK$2:AK$366,ROUNDDOWN($C2878/24,0)+1,1)*INDEX($D$3:$AA$30,INDEX(Jesper!$R$2:$R$366,ROW(INDEX(Jesper!AK$2:AK$366,ROUNDDOWN($C2878/24,0)+1,1))-1)+IF('Standard Profiles'!$G$21=$B$10,7,0)+IF('Standard Profiles'!$G$21=$B$17,14,0)+IF('Standard Profiles'!$G$21=$B$24,21,0),MOD($C2878,24)+1)/SUM(INDEX($D$3:$AA$30,INDEX(Jesper!$R$2:$R$366,ROW(INDEX(Jesper!AK$2:AK$366,ROUNDDOWN($C2878/24,0)+1,1))-1)+IF('Standard Profiles'!$G$21=$B$10,7,0)+IF('Standard Profiles'!$G$21=$B$17,14,0)+IF('Standard Profiles'!$G$21=$B$24,21,0),0)),0)</f>
        <v>1.3558573231811994</v>
      </c>
      <c r="H2878" cm="1">
        <f t="array" ref="H2878">IFERROR(INDEX(Jesper!AL$2:AL$366,ROUNDDOWN($C2878/24,0)+1,1)*INDEX($D$3:$AA$30,INDEX(Jesper!$R$2:$R$366,ROW(INDEX(Jesper!AL$2:AL$366,ROUNDDOWN($C2878/24,0)+1,1))-1)+IF('Standard Profiles'!$G$22=$B$10,7,0)+IF('Standard Profiles'!$G$22=$B$17,14,0)+IF('Standard Profiles'!$G$22=$B$24,21,0),MOD($C2878,24)+1)/SUM(INDEX($D$3:$AA$30,INDEX(Jesper!$R$2:$R$366,ROW(INDEX(Jesper!AL$2:AL$366,ROUNDDOWN($C2878/24,0)+1,1))-1)+IF('Standard Profiles'!$G$22=$B$10,7,0)+IF('Standard Profiles'!$G$22=$B$17,14,0)+IF('Standard Profiles'!$G$22=$B$24,21,0),0)),0)</f>
        <v>0.93180521096905244</v>
      </c>
      <c r="I2878">
        <f t="shared" si="328"/>
        <v>0.89453300253029078</v>
      </c>
      <c r="J2878">
        <f t="shared" si="329"/>
        <v>5.9106285755290511</v>
      </c>
      <c r="K2878">
        <f t="shared" si="330"/>
        <v>0.24603575376703593</v>
      </c>
      <c r="L2878">
        <f t="shared" si="331"/>
        <v>0.12301787688351797</v>
      </c>
      <c r="M2878">
        <f t="shared" si="332"/>
        <v>0</v>
      </c>
      <c r="N2878" s="45">
        <f t="shared" si="333"/>
        <v>45045.499999993102</v>
      </c>
    </row>
    <row r="2879" spans="2:14" x14ac:dyDescent="0.25">
      <c r="B2879">
        <f t="shared" si="327"/>
        <v>6</v>
      </c>
      <c r="C2879" s="16">
        <v>2845</v>
      </c>
      <c r="D2879" cm="1">
        <f t="array" ref="D2879">IFERROR(INDEX(Jesper!AH$2:AH$366,ROUNDDOWN($C2879/24,0)+1,1)*INDEX($D$3:$AA$30,INDEX(Jesper!$R$2:$R$366,ROW(INDEX(Jesper!AH$2:AH$366,ROUNDDOWN($C2879/24,0)+1,1))-1)+IF('Standard Profiles'!$G$18=$B$10,7,0)+IF('Standard Profiles'!$G$18=$B$17,14,0)+IF('Standard Profiles'!$G$18=$B$24,21,0),MOD($C2879,24)+1)/SUM(INDEX($D$3:$AA$30,INDEX(Jesper!$R$2:$R$366,ROW(INDEX(Jesper!AH$2:AH$366,ROUNDDOWN($C2879/24,0)+1,1))-1)+IF('Standard Profiles'!$G$18=$B$10,7,0)+IF('Standard Profiles'!$G$18=$B$17,14,0)+IF('Standard Profiles'!$G$18=$B$24,21,0),0)),0)</f>
        <v>0</v>
      </c>
      <c r="E2879" cm="1">
        <f t="array" ref="E2879">IFERROR(INDEX(Jesper!AI$2:AI$366,ROUNDDOWN($C2879/24,0)+1,1)*INDEX($D$3:$AA$30,INDEX(Jesper!$R$2:$R$366,ROW(INDEX(Jesper!AI$2:AI$366,ROUNDDOWN($C2879/24,0)+1,1))-1)+IF('Standard Profiles'!$G$19=$B$10,7,0)+IF('Standard Profiles'!$G$19=$B$17,14,0)+IF('Standard Profiles'!$G$19=$B$24,21,0),MOD($C2879,24)+1)/SUM(INDEX($D$3:$AA$30,INDEX(Jesper!$R$2:$R$366,ROW(INDEX(Jesper!AI$2:AI$366,ROUNDDOWN($C2879/24,0)+1,1))-1)+IF('Standard Profiles'!$G$19=$B$10,7,0)+IF('Standard Profiles'!$G$19=$B$17,14,0)+IF('Standard Profiles'!$G$19=$B$24,21,0),0)),0)</f>
        <v>3.075446922087949</v>
      </c>
      <c r="F2879" cm="1">
        <f t="array" ref="F2879">IFERROR(INDEX(Jesper!AJ$2:AJ$366,ROUNDDOWN($C2879/24,0)+1,1)*INDEX($D$3:$AA$30,INDEX(Jesper!$R$2:$R$366,ROW(INDEX(Jesper!AJ$2:AJ$366,ROUNDDOWN($C2879/24,0)+1,1))-1)+IF('Standard Profiles'!$G$20=$B$10,7,0)+IF('Standard Profiles'!$G$20=$B$17,14,0)+IF('Standard Profiles'!$G$20=$B$24,21,0),MOD($C2879,24)+1)/SUM(INDEX($D$3:$AA$30,INDEX(Jesper!$R$2:$R$366,ROW(INDEX(Jesper!AJ$2:AJ$366,ROUNDDOWN($C2879/24,0)+1,1))-1)+IF('Standard Profiles'!$G$20=$B$10,7,0)+IF('Standard Profiles'!$G$20=$B$17,14,0)+IF('Standard Profiles'!$G$20=$B$24,21,0),0)),0)</f>
        <v>1.8111057524716947</v>
      </c>
      <c r="G2879" cm="1">
        <f t="array" ref="G2879">IFERROR(INDEX(Jesper!AK$2:AK$366,ROUNDDOWN($C2879/24,0)+1,1)*INDEX($D$3:$AA$30,INDEX(Jesper!$R$2:$R$366,ROW(INDEX(Jesper!AK$2:AK$366,ROUNDDOWN($C2879/24,0)+1,1))-1)+IF('Standard Profiles'!$G$21=$B$10,7,0)+IF('Standard Profiles'!$G$21=$B$17,14,0)+IF('Standard Profiles'!$G$21=$B$24,21,0),MOD($C2879,24)+1)/SUM(INDEX($D$3:$AA$30,INDEX(Jesper!$R$2:$R$366,ROW(INDEX(Jesper!AK$2:AK$366,ROUNDDOWN($C2879/24,0)+1,1))-1)+IF('Standard Profiles'!$G$21=$B$10,7,0)+IF('Standard Profiles'!$G$21=$B$17,14,0)+IF('Standard Profiles'!$G$21=$B$24,21,0),0)),0)</f>
        <v>1.3558573231811994</v>
      </c>
      <c r="H2879" cm="1">
        <f t="array" ref="H2879">IFERROR(INDEX(Jesper!AL$2:AL$366,ROUNDDOWN($C2879/24,0)+1,1)*INDEX($D$3:$AA$30,INDEX(Jesper!$R$2:$R$366,ROW(INDEX(Jesper!AL$2:AL$366,ROUNDDOWN($C2879/24,0)+1,1))-1)+IF('Standard Profiles'!$G$22=$B$10,7,0)+IF('Standard Profiles'!$G$22=$B$17,14,0)+IF('Standard Profiles'!$G$22=$B$24,21,0),MOD($C2879,24)+1)/SUM(INDEX($D$3:$AA$30,INDEX(Jesper!$R$2:$R$366,ROW(INDEX(Jesper!AL$2:AL$366,ROUNDDOWN($C2879/24,0)+1,1))-1)+IF('Standard Profiles'!$G$22=$B$10,7,0)+IF('Standard Profiles'!$G$22=$B$17,14,0)+IF('Standard Profiles'!$G$22=$B$24,21,0),0)),0)</f>
        <v>0.93180521096905244</v>
      </c>
      <c r="I2879">
        <f t="shared" si="328"/>
        <v>0.89453300253029078</v>
      </c>
      <c r="J2879">
        <f t="shared" si="329"/>
        <v>5.9106285755290511</v>
      </c>
      <c r="K2879">
        <f t="shared" si="330"/>
        <v>0.24603575376703593</v>
      </c>
      <c r="L2879">
        <f t="shared" si="331"/>
        <v>0.12301787688351797</v>
      </c>
      <c r="M2879">
        <f t="shared" si="332"/>
        <v>0</v>
      </c>
      <c r="N2879" s="45">
        <f t="shared" si="333"/>
        <v>45045.541666659767</v>
      </c>
    </row>
    <row r="2880" spans="2:14" x14ac:dyDescent="0.25">
      <c r="B2880">
        <f t="shared" si="327"/>
        <v>6</v>
      </c>
      <c r="C2880" s="16">
        <v>2846</v>
      </c>
      <c r="D2880" cm="1">
        <f t="array" ref="D2880">IFERROR(INDEX(Jesper!AH$2:AH$366,ROUNDDOWN($C2880/24,0)+1,1)*INDEX($D$3:$AA$30,INDEX(Jesper!$R$2:$R$366,ROW(INDEX(Jesper!AH$2:AH$366,ROUNDDOWN($C2880/24,0)+1,1))-1)+IF('Standard Profiles'!$G$18=$B$10,7,0)+IF('Standard Profiles'!$G$18=$B$17,14,0)+IF('Standard Profiles'!$G$18=$B$24,21,0),MOD($C2880,24)+1)/SUM(INDEX($D$3:$AA$30,INDEX(Jesper!$R$2:$R$366,ROW(INDEX(Jesper!AH$2:AH$366,ROUNDDOWN($C2880/24,0)+1,1))-1)+IF('Standard Profiles'!$G$18=$B$10,7,0)+IF('Standard Profiles'!$G$18=$B$17,14,0)+IF('Standard Profiles'!$G$18=$B$24,21,0),0)),0)</f>
        <v>0</v>
      </c>
      <c r="E2880" cm="1">
        <f t="array" ref="E2880">IFERROR(INDEX(Jesper!AI$2:AI$366,ROUNDDOWN($C2880/24,0)+1,1)*INDEX($D$3:$AA$30,INDEX(Jesper!$R$2:$R$366,ROW(INDEX(Jesper!AI$2:AI$366,ROUNDDOWN($C2880/24,0)+1,1))-1)+IF('Standard Profiles'!$G$19=$B$10,7,0)+IF('Standard Profiles'!$G$19=$B$17,14,0)+IF('Standard Profiles'!$G$19=$B$24,21,0),MOD($C2880,24)+1)/SUM(INDEX($D$3:$AA$30,INDEX(Jesper!$R$2:$R$366,ROW(INDEX(Jesper!AI$2:AI$366,ROUNDDOWN($C2880/24,0)+1,1))-1)+IF('Standard Profiles'!$G$19=$B$10,7,0)+IF('Standard Profiles'!$G$19=$B$17,14,0)+IF('Standard Profiles'!$G$19=$B$24,21,0),0)),0)</f>
        <v>3.075446922087949</v>
      </c>
      <c r="F2880" cm="1">
        <f t="array" ref="F2880">IFERROR(INDEX(Jesper!AJ$2:AJ$366,ROUNDDOWN($C2880/24,0)+1,1)*INDEX($D$3:$AA$30,INDEX(Jesper!$R$2:$R$366,ROW(INDEX(Jesper!AJ$2:AJ$366,ROUNDDOWN($C2880/24,0)+1,1))-1)+IF('Standard Profiles'!$G$20=$B$10,7,0)+IF('Standard Profiles'!$G$20=$B$17,14,0)+IF('Standard Profiles'!$G$20=$B$24,21,0),MOD($C2880,24)+1)/SUM(INDEX($D$3:$AA$30,INDEX(Jesper!$R$2:$R$366,ROW(INDEX(Jesper!AJ$2:AJ$366,ROUNDDOWN($C2880/24,0)+1,1))-1)+IF('Standard Profiles'!$G$20=$B$10,7,0)+IF('Standard Profiles'!$G$20=$B$17,14,0)+IF('Standard Profiles'!$G$20=$B$24,21,0),0)),0)</f>
        <v>1.8111057524716947</v>
      </c>
      <c r="G2880" cm="1">
        <f t="array" ref="G2880">IFERROR(INDEX(Jesper!AK$2:AK$366,ROUNDDOWN($C2880/24,0)+1,1)*INDEX($D$3:$AA$30,INDEX(Jesper!$R$2:$R$366,ROW(INDEX(Jesper!AK$2:AK$366,ROUNDDOWN($C2880/24,0)+1,1))-1)+IF('Standard Profiles'!$G$21=$B$10,7,0)+IF('Standard Profiles'!$G$21=$B$17,14,0)+IF('Standard Profiles'!$G$21=$B$24,21,0),MOD($C2880,24)+1)/SUM(INDEX($D$3:$AA$30,INDEX(Jesper!$R$2:$R$366,ROW(INDEX(Jesper!AK$2:AK$366,ROUNDDOWN($C2880/24,0)+1,1))-1)+IF('Standard Profiles'!$G$21=$B$10,7,0)+IF('Standard Profiles'!$G$21=$B$17,14,0)+IF('Standard Profiles'!$G$21=$B$24,21,0),0)),0)</f>
        <v>1.3558573231811994</v>
      </c>
      <c r="H2880" cm="1">
        <f t="array" ref="H2880">IFERROR(INDEX(Jesper!AL$2:AL$366,ROUNDDOWN($C2880/24,0)+1,1)*INDEX($D$3:$AA$30,INDEX(Jesper!$R$2:$R$366,ROW(INDEX(Jesper!AL$2:AL$366,ROUNDDOWN($C2880/24,0)+1,1))-1)+IF('Standard Profiles'!$G$22=$B$10,7,0)+IF('Standard Profiles'!$G$22=$B$17,14,0)+IF('Standard Profiles'!$G$22=$B$24,21,0),MOD($C2880,24)+1)/SUM(INDEX($D$3:$AA$30,INDEX(Jesper!$R$2:$R$366,ROW(INDEX(Jesper!AL$2:AL$366,ROUNDDOWN($C2880/24,0)+1,1))-1)+IF('Standard Profiles'!$G$22=$B$10,7,0)+IF('Standard Profiles'!$G$22=$B$17,14,0)+IF('Standard Profiles'!$G$22=$B$24,21,0),0)),0)</f>
        <v>0.93180521096905244</v>
      </c>
      <c r="I2880">
        <f t="shared" si="328"/>
        <v>0.89453300253029078</v>
      </c>
      <c r="J2880">
        <f t="shared" si="329"/>
        <v>5.9106285755290511</v>
      </c>
      <c r="K2880">
        <f t="shared" si="330"/>
        <v>0.24603575376703593</v>
      </c>
      <c r="L2880">
        <f t="shared" si="331"/>
        <v>0.12301787688351797</v>
      </c>
      <c r="M2880">
        <f t="shared" si="332"/>
        <v>0</v>
      </c>
      <c r="N2880" s="45">
        <f t="shared" si="333"/>
        <v>45045.583333326431</v>
      </c>
    </row>
    <row r="2881" spans="2:14" x14ac:dyDescent="0.25">
      <c r="B2881">
        <f t="shared" si="327"/>
        <v>6</v>
      </c>
      <c r="C2881" s="16">
        <v>2847</v>
      </c>
      <c r="D2881" cm="1">
        <f t="array" ref="D2881">IFERROR(INDEX(Jesper!AH$2:AH$366,ROUNDDOWN($C2881/24,0)+1,1)*INDEX($D$3:$AA$30,INDEX(Jesper!$R$2:$R$366,ROW(INDEX(Jesper!AH$2:AH$366,ROUNDDOWN($C2881/24,0)+1,1))-1)+IF('Standard Profiles'!$G$18=$B$10,7,0)+IF('Standard Profiles'!$G$18=$B$17,14,0)+IF('Standard Profiles'!$G$18=$B$24,21,0),MOD($C2881,24)+1)/SUM(INDEX($D$3:$AA$30,INDEX(Jesper!$R$2:$R$366,ROW(INDEX(Jesper!AH$2:AH$366,ROUNDDOWN($C2881/24,0)+1,1))-1)+IF('Standard Profiles'!$G$18=$B$10,7,0)+IF('Standard Profiles'!$G$18=$B$17,14,0)+IF('Standard Profiles'!$G$18=$B$24,21,0),0)),0)</f>
        <v>0</v>
      </c>
      <c r="E2881" cm="1">
        <f t="array" ref="E2881">IFERROR(INDEX(Jesper!AI$2:AI$366,ROUNDDOWN($C2881/24,0)+1,1)*INDEX($D$3:$AA$30,INDEX(Jesper!$R$2:$R$366,ROW(INDEX(Jesper!AI$2:AI$366,ROUNDDOWN($C2881/24,0)+1,1))-1)+IF('Standard Profiles'!$G$19=$B$10,7,0)+IF('Standard Profiles'!$G$19=$B$17,14,0)+IF('Standard Profiles'!$G$19=$B$24,21,0),MOD($C2881,24)+1)/SUM(INDEX($D$3:$AA$30,INDEX(Jesper!$R$2:$R$366,ROW(INDEX(Jesper!AI$2:AI$366,ROUNDDOWN($C2881/24,0)+1,1))-1)+IF('Standard Profiles'!$G$19=$B$10,7,0)+IF('Standard Profiles'!$G$19=$B$17,14,0)+IF('Standard Profiles'!$G$19=$B$24,21,0),0)),0)</f>
        <v>3.075446922087949</v>
      </c>
      <c r="F2881" cm="1">
        <f t="array" ref="F2881">IFERROR(INDEX(Jesper!AJ$2:AJ$366,ROUNDDOWN($C2881/24,0)+1,1)*INDEX($D$3:$AA$30,INDEX(Jesper!$R$2:$R$366,ROW(INDEX(Jesper!AJ$2:AJ$366,ROUNDDOWN($C2881/24,0)+1,1))-1)+IF('Standard Profiles'!$G$20=$B$10,7,0)+IF('Standard Profiles'!$G$20=$B$17,14,0)+IF('Standard Profiles'!$G$20=$B$24,21,0),MOD($C2881,24)+1)/SUM(INDEX($D$3:$AA$30,INDEX(Jesper!$R$2:$R$366,ROW(INDEX(Jesper!AJ$2:AJ$366,ROUNDDOWN($C2881/24,0)+1,1))-1)+IF('Standard Profiles'!$G$20=$B$10,7,0)+IF('Standard Profiles'!$G$20=$B$17,14,0)+IF('Standard Profiles'!$G$20=$B$24,21,0),0)),0)</f>
        <v>1.8111057524716947</v>
      </c>
      <c r="G2881" cm="1">
        <f t="array" ref="G2881">IFERROR(INDEX(Jesper!AK$2:AK$366,ROUNDDOWN($C2881/24,0)+1,1)*INDEX($D$3:$AA$30,INDEX(Jesper!$R$2:$R$366,ROW(INDEX(Jesper!AK$2:AK$366,ROUNDDOWN($C2881/24,0)+1,1))-1)+IF('Standard Profiles'!$G$21=$B$10,7,0)+IF('Standard Profiles'!$G$21=$B$17,14,0)+IF('Standard Profiles'!$G$21=$B$24,21,0),MOD($C2881,24)+1)/SUM(INDEX($D$3:$AA$30,INDEX(Jesper!$R$2:$R$366,ROW(INDEX(Jesper!AK$2:AK$366,ROUNDDOWN($C2881/24,0)+1,1))-1)+IF('Standard Profiles'!$G$21=$B$10,7,0)+IF('Standard Profiles'!$G$21=$B$17,14,0)+IF('Standard Profiles'!$G$21=$B$24,21,0),0)),0)</f>
        <v>1.3558573231811994</v>
      </c>
      <c r="H2881" cm="1">
        <f t="array" ref="H2881">IFERROR(INDEX(Jesper!AL$2:AL$366,ROUNDDOWN($C2881/24,0)+1,1)*INDEX($D$3:$AA$30,INDEX(Jesper!$R$2:$R$366,ROW(INDEX(Jesper!AL$2:AL$366,ROUNDDOWN($C2881/24,0)+1,1))-1)+IF('Standard Profiles'!$G$22=$B$10,7,0)+IF('Standard Profiles'!$G$22=$B$17,14,0)+IF('Standard Profiles'!$G$22=$B$24,21,0),MOD($C2881,24)+1)/SUM(INDEX($D$3:$AA$30,INDEX(Jesper!$R$2:$R$366,ROW(INDEX(Jesper!AL$2:AL$366,ROUNDDOWN($C2881/24,0)+1,1))-1)+IF('Standard Profiles'!$G$22=$B$10,7,0)+IF('Standard Profiles'!$G$22=$B$17,14,0)+IF('Standard Profiles'!$G$22=$B$24,21,0),0)),0)</f>
        <v>0.84245402635558164</v>
      </c>
      <c r="I2881">
        <f t="shared" si="328"/>
        <v>0.80875586530135879</v>
      </c>
      <c r="J2881">
        <f t="shared" si="329"/>
        <v>5.9070545281445117</v>
      </c>
      <c r="K2881">
        <f t="shared" si="330"/>
        <v>0.24603575376703593</v>
      </c>
      <c r="L2881">
        <f t="shared" si="331"/>
        <v>0.12301787688351797</v>
      </c>
      <c r="M2881">
        <f t="shared" si="332"/>
        <v>0</v>
      </c>
      <c r="N2881" s="45">
        <f t="shared" si="333"/>
        <v>45045.624999993095</v>
      </c>
    </row>
    <row r="2882" spans="2:14" x14ac:dyDescent="0.25">
      <c r="B2882">
        <f t="shared" si="327"/>
        <v>6</v>
      </c>
      <c r="C2882" s="16">
        <v>2848</v>
      </c>
      <c r="D2882" cm="1">
        <f t="array" ref="D2882">IFERROR(INDEX(Jesper!AH$2:AH$366,ROUNDDOWN($C2882/24,0)+1,1)*INDEX($D$3:$AA$30,INDEX(Jesper!$R$2:$R$366,ROW(INDEX(Jesper!AH$2:AH$366,ROUNDDOWN($C2882/24,0)+1,1))-1)+IF('Standard Profiles'!$G$18=$B$10,7,0)+IF('Standard Profiles'!$G$18=$B$17,14,0)+IF('Standard Profiles'!$G$18=$B$24,21,0),MOD($C2882,24)+1)/SUM(INDEX($D$3:$AA$30,INDEX(Jesper!$R$2:$R$366,ROW(INDEX(Jesper!AH$2:AH$366,ROUNDDOWN($C2882/24,0)+1,1))-1)+IF('Standard Profiles'!$G$18=$B$10,7,0)+IF('Standard Profiles'!$G$18=$B$17,14,0)+IF('Standard Profiles'!$G$18=$B$24,21,0),0)),0)</f>
        <v>0</v>
      </c>
      <c r="E2882" cm="1">
        <f t="array" ref="E2882">IFERROR(INDEX(Jesper!AI$2:AI$366,ROUNDDOWN($C2882/24,0)+1,1)*INDEX($D$3:$AA$30,INDEX(Jesper!$R$2:$R$366,ROW(INDEX(Jesper!AI$2:AI$366,ROUNDDOWN($C2882/24,0)+1,1))-1)+IF('Standard Profiles'!$G$19=$B$10,7,0)+IF('Standard Profiles'!$G$19=$B$17,14,0)+IF('Standard Profiles'!$G$19=$B$24,21,0),MOD($C2882,24)+1)/SUM(INDEX($D$3:$AA$30,INDEX(Jesper!$R$2:$R$366,ROW(INDEX(Jesper!AI$2:AI$366,ROUNDDOWN($C2882/24,0)+1,1))-1)+IF('Standard Profiles'!$G$19=$B$10,7,0)+IF('Standard Profiles'!$G$19=$B$17,14,0)+IF('Standard Profiles'!$G$19=$B$24,21,0),0)),0)</f>
        <v>3.075446922087949</v>
      </c>
      <c r="F2882" cm="1">
        <f t="array" ref="F2882">IFERROR(INDEX(Jesper!AJ$2:AJ$366,ROUNDDOWN($C2882/24,0)+1,1)*INDEX($D$3:$AA$30,INDEX(Jesper!$R$2:$R$366,ROW(INDEX(Jesper!AJ$2:AJ$366,ROUNDDOWN($C2882/24,0)+1,1))-1)+IF('Standard Profiles'!$G$20=$B$10,7,0)+IF('Standard Profiles'!$G$20=$B$17,14,0)+IF('Standard Profiles'!$G$20=$B$24,21,0),MOD($C2882,24)+1)/SUM(INDEX($D$3:$AA$30,INDEX(Jesper!$R$2:$R$366,ROW(INDEX(Jesper!AJ$2:AJ$366,ROUNDDOWN($C2882/24,0)+1,1))-1)+IF('Standard Profiles'!$G$20=$B$10,7,0)+IF('Standard Profiles'!$G$20=$B$17,14,0)+IF('Standard Profiles'!$G$20=$B$24,21,0),0)),0)</f>
        <v>1.8111057524716947</v>
      </c>
      <c r="G2882" cm="1">
        <f t="array" ref="G2882">IFERROR(INDEX(Jesper!AK$2:AK$366,ROUNDDOWN($C2882/24,0)+1,1)*INDEX($D$3:$AA$30,INDEX(Jesper!$R$2:$R$366,ROW(INDEX(Jesper!AK$2:AK$366,ROUNDDOWN($C2882/24,0)+1,1))-1)+IF('Standard Profiles'!$G$21=$B$10,7,0)+IF('Standard Profiles'!$G$21=$B$17,14,0)+IF('Standard Profiles'!$G$21=$B$24,21,0),MOD($C2882,24)+1)/SUM(INDEX($D$3:$AA$30,INDEX(Jesper!$R$2:$R$366,ROW(INDEX(Jesper!AK$2:AK$366,ROUNDDOWN($C2882/24,0)+1,1))-1)+IF('Standard Profiles'!$G$21=$B$10,7,0)+IF('Standard Profiles'!$G$21=$B$17,14,0)+IF('Standard Profiles'!$G$21=$B$24,21,0),0)),0)</f>
        <v>1.3558573231811994</v>
      </c>
      <c r="H2882" cm="1">
        <f t="array" ref="H2882">IFERROR(INDEX(Jesper!AL$2:AL$366,ROUNDDOWN($C2882/24,0)+1,1)*INDEX($D$3:$AA$30,INDEX(Jesper!$R$2:$R$366,ROW(INDEX(Jesper!AL$2:AL$366,ROUNDDOWN($C2882/24,0)+1,1))-1)+IF('Standard Profiles'!$G$22=$B$10,7,0)+IF('Standard Profiles'!$G$22=$B$17,14,0)+IF('Standard Profiles'!$G$22=$B$24,21,0),MOD($C2882,24)+1)/SUM(INDEX($D$3:$AA$30,INDEX(Jesper!$R$2:$R$366,ROW(INDEX(Jesper!AL$2:AL$366,ROUNDDOWN($C2882/24,0)+1,1))-1)+IF('Standard Profiles'!$G$22=$B$10,7,0)+IF('Standard Profiles'!$G$22=$B$17,14,0)+IF('Standard Profiles'!$G$22=$B$24,21,0),0)),0)</f>
        <v>0.76586729668689235</v>
      </c>
      <c r="I2882">
        <f t="shared" si="328"/>
        <v>0.7352326048194171</v>
      </c>
      <c r="J2882">
        <f t="shared" si="329"/>
        <v>5.9039910589577644</v>
      </c>
      <c r="K2882">
        <f t="shared" si="330"/>
        <v>0.24603575376703593</v>
      </c>
      <c r="L2882">
        <f t="shared" si="331"/>
        <v>0.12301787688351797</v>
      </c>
      <c r="M2882">
        <f t="shared" si="332"/>
        <v>0</v>
      </c>
      <c r="N2882" s="45">
        <f t="shared" si="333"/>
        <v>45045.666666659759</v>
      </c>
    </row>
    <row r="2883" spans="2:14" x14ac:dyDescent="0.25">
      <c r="B2883">
        <f t="shared" si="327"/>
        <v>6</v>
      </c>
      <c r="C2883" s="16">
        <v>2849</v>
      </c>
      <c r="D2883" cm="1">
        <f t="array" ref="D2883">IFERROR(INDEX(Jesper!AH$2:AH$366,ROUNDDOWN($C2883/24,0)+1,1)*INDEX($D$3:$AA$30,INDEX(Jesper!$R$2:$R$366,ROW(INDEX(Jesper!AH$2:AH$366,ROUNDDOWN($C2883/24,0)+1,1))-1)+IF('Standard Profiles'!$G$18=$B$10,7,0)+IF('Standard Profiles'!$G$18=$B$17,14,0)+IF('Standard Profiles'!$G$18=$B$24,21,0),MOD($C2883,24)+1)/SUM(INDEX($D$3:$AA$30,INDEX(Jesper!$R$2:$R$366,ROW(INDEX(Jesper!AH$2:AH$366,ROUNDDOWN($C2883/24,0)+1,1))-1)+IF('Standard Profiles'!$G$18=$B$10,7,0)+IF('Standard Profiles'!$G$18=$B$17,14,0)+IF('Standard Profiles'!$G$18=$B$24,21,0),0)),0)</f>
        <v>0</v>
      </c>
      <c r="E2883" cm="1">
        <f t="array" ref="E2883">IFERROR(INDEX(Jesper!AI$2:AI$366,ROUNDDOWN($C2883/24,0)+1,1)*INDEX($D$3:$AA$30,INDEX(Jesper!$R$2:$R$366,ROW(INDEX(Jesper!AI$2:AI$366,ROUNDDOWN($C2883/24,0)+1,1))-1)+IF('Standard Profiles'!$G$19=$B$10,7,0)+IF('Standard Profiles'!$G$19=$B$17,14,0)+IF('Standard Profiles'!$G$19=$B$24,21,0),MOD($C2883,24)+1)/SUM(INDEX($D$3:$AA$30,INDEX(Jesper!$R$2:$R$366,ROW(INDEX(Jesper!AI$2:AI$366,ROUNDDOWN($C2883/24,0)+1,1))-1)+IF('Standard Profiles'!$G$19=$B$10,7,0)+IF('Standard Profiles'!$G$19=$B$17,14,0)+IF('Standard Profiles'!$G$19=$B$24,21,0),0)),0)</f>
        <v>3.075446922087949</v>
      </c>
      <c r="F2883" cm="1">
        <f t="array" ref="F2883">IFERROR(INDEX(Jesper!AJ$2:AJ$366,ROUNDDOWN($C2883/24,0)+1,1)*INDEX($D$3:$AA$30,INDEX(Jesper!$R$2:$R$366,ROW(INDEX(Jesper!AJ$2:AJ$366,ROUNDDOWN($C2883/24,0)+1,1))-1)+IF('Standard Profiles'!$G$20=$B$10,7,0)+IF('Standard Profiles'!$G$20=$B$17,14,0)+IF('Standard Profiles'!$G$20=$B$24,21,0),MOD($C2883,24)+1)/SUM(INDEX($D$3:$AA$30,INDEX(Jesper!$R$2:$R$366,ROW(INDEX(Jesper!AJ$2:AJ$366,ROUNDDOWN($C2883/24,0)+1,1))-1)+IF('Standard Profiles'!$G$20=$B$10,7,0)+IF('Standard Profiles'!$G$20=$B$17,14,0)+IF('Standard Profiles'!$G$20=$B$24,21,0),0)),0)</f>
        <v>1.8111057524716947</v>
      </c>
      <c r="G2883" cm="1">
        <f t="array" ref="G2883">IFERROR(INDEX(Jesper!AK$2:AK$366,ROUNDDOWN($C2883/24,0)+1,1)*INDEX($D$3:$AA$30,INDEX(Jesper!$R$2:$R$366,ROW(INDEX(Jesper!AK$2:AK$366,ROUNDDOWN($C2883/24,0)+1,1))-1)+IF('Standard Profiles'!$G$21=$B$10,7,0)+IF('Standard Profiles'!$G$21=$B$17,14,0)+IF('Standard Profiles'!$G$21=$B$24,21,0),MOD($C2883,24)+1)/SUM(INDEX($D$3:$AA$30,INDEX(Jesper!$R$2:$R$366,ROW(INDEX(Jesper!AK$2:AK$366,ROUNDDOWN($C2883/24,0)+1,1))-1)+IF('Standard Profiles'!$G$21=$B$10,7,0)+IF('Standard Profiles'!$G$21=$B$17,14,0)+IF('Standard Profiles'!$G$21=$B$24,21,0),0)),0)</f>
        <v>1.3558573231811994</v>
      </c>
      <c r="H2883" cm="1">
        <f t="array" ref="H2883">IFERROR(INDEX(Jesper!AL$2:AL$366,ROUNDDOWN($C2883/24,0)+1,1)*INDEX($D$3:$AA$30,INDEX(Jesper!$R$2:$R$366,ROW(INDEX(Jesper!AL$2:AL$366,ROUNDDOWN($C2883/24,0)+1,1))-1)+IF('Standard Profiles'!$G$22=$B$10,7,0)+IF('Standard Profiles'!$G$22=$B$17,14,0)+IF('Standard Profiles'!$G$22=$B$24,21,0),MOD($C2883,24)+1)/SUM(INDEX($D$3:$AA$30,INDEX(Jesper!$R$2:$R$366,ROW(INDEX(Jesper!AL$2:AL$366,ROUNDDOWN($C2883/24,0)+1,1))-1)+IF('Standard Profiles'!$G$22=$B$10,7,0)+IF('Standard Profiles'!$G$22=$B$17,14,0)+IF('Standard Profiles'!$G$22=$B$24,21,0),0)),0)</f>
        <v>0.68928056701820317</v>
      </c>
      <c r="I2883">
        <f t="shared" si="328"/>
        <v>0.66170934433747541</v>
      </c>
      <c r="J2883">
        <f t="shared" si="329"/>
        <v>5.9009275897710172</v>
      </c>
      <c r="K2883">
        <f t="shared" si="330"/>
        <v>0.24603575376703593</v>
      </c>
      <c r="L2883">
        <f t="shared" si="331"/>
        <v>0.12301787688351797</v>
      </c>
      <c r="M2883">
        <f t="shared" si="332"/>
        <v>0</v>
      </c>
      <c r="N2883" s="45">
        <f t="shared" si="333"/>
        <v>45045.708333326424</v>
      </c>
    </row>
    <row r="2884" spans="2:14" x14ac:dyDescent="0.25">
      <c r="B2884">
        <f t="shared" si="327"/>
        <v>6</v>
      </c>
      <c r="C2884" s="16">
        <v>2850</v>
      </c>
      <c r="D2884" cm="1">
        <f t="array" ref="D2884">IFERROR(INDEX(Jesper!AH$2:AH$366,ROUNDDOWN($C2884/24,0)+1,1)*INDEX($D$3:$AA$30,INDEX(Jesper!$R$2:$R$366,ROW(INDEX(Jesper!AH$2:AH$366,ROUNDDOWN($C2884/24,0)+1,1))-1)+IF('Standard Profiles'!$G$18=$B$10,7,0)+IF('Standard Profiles'!$G$18=$B$17,14,0)+IF('Standard Profiles'!$G$18=$B$24,21,0),MOD($C2884,24)+1)/SUM(INDEX($D$3:$AA$30,INDEX(Jesper!$R$2:$R$366,ROW(INDEX(Jesper!AH$2:AH$366,ROUNDDOWN($C2884/24,0)+1,1))-1)+IF('Standard Profiles'!$G$18=$B$10,7,0)+IF('Standard Profiles'!$G$18=$B$17,14,0)+IF('Standard Profiles'!$G$18=$B$24,21,0),0)),0)</f>
        <v>0</v>
      </c>
      <c r="E2884" cm="1">
        <f t="array" ref="E2884">IFERROR(INDEX(Jesper!AI$2:AI$366,ROUNDDOWN($C2884/24,0)+1,1)*INDEX($D$3:$AA$30,INDEX(Jesper!$R$2:$R$366,ROW(INDEX(Jesper!AI$2:AI$366,ROUNDDOWN($C2884/24,0)+1,1))-1)+IF('Standard Profiles'!$G$19=$B$10,7,0)+IF('Standard Profiles'!$G$19=$B$17,14,0)+IF('Standard Profiles'!$G$19=$B$24,21,0),MOD($C2884,24)+1)/SUM(INDEX($D$3:$AA$30,INDEX(Jesper!$R$2:$R$366,ROW(INDEX(Jesper!AI$2:AI$366,ROUNDDOWN($C2884/24,0)+1,1))-1)+IF('Standard Profiles'!$G$19=$B$10,7,0)+IF('Standard Profiles'!$G$19=$B$17,14,0)+IF('Standard Profiles'!$G$19=$B$24,21,0),0)),0)</f>
        <v>3.075446922087949</v>
      </c>
      <c r="F2884" cm="1">
        <f t="array" ref="F2884">IFERROR(INDEX(Jesper!AJ$2:AJ$366,ROUNDDOWN($C2884/24,0)+1,1)*INDEX($D$3:$AA$30,INDEX(Jesper!$R$2:$R$366,ROW(INDEX(Jesper!AJ$2:AJ$366,ROUNDDOWN($C2884/24,0)+1,1))-1)+IF('Standard Profiles'!$G$20=$B$10,7,0)+IF('Standard Profiles'!$G$20=$B$17,14,0)+IF('Standard Profiles'!$G$20=$B$24,21,0),MOD($C2884,24)+1)/SUM(INDEX($D$3:$AA$30,INDEX(Jesper!$R$2:$R$366,ROW(INDEX(Jesper!AJ$2:AJ$366,ROUNDDOWN($C2884/24,0)+1,1))-1)+IF('Standard Profiles'!$G$20=$B$10,7,0)+IF('Standard Profiles'!$G$20=$B$17,14,0)+IF('Standard Profiles'!$G$20=$B$24,21,0),0)),0)</f>
        <v>1.8111057524716947</v>
      </c>
      <c r="G2884" cm="1">
        <f t="array" ref="G2884">IFERROR(INDEX(Jesper!AK$2:AK$366,ROUNDDOWN($C2884/24,0)+1,1)*INDEX($D$3:$AA$30,INDEX(Jesper!$R$2:$R$366,ROW(INDEX(Jesper!AK$2:AK$366,ROUNDDOWN($C2884/24,0)+1,1))-1)+IF('Standard Profiles'!$G$21=$B$10,7,0)+IF('Standard Profiles'!$G$21=$B$17,14,0)+IF('Standard Profiles'!$G$21=$B$24,21,0),MOD($C2884,24)+1)/SUM(INDEX($D$3:$AA$30,INDEX(Jesper!$R$2:$R$366,ROW(INDEX(Jesper!AK$2:AK$366,ROUNDDOWN($C2884/24,0)+1,1))-1)+IF('Standard Profiles'!$G$21=$B$10,7,0)+IF('Standard Profiles'!$G$21=$B$17,14,0)+IF('Standard Profiles'!$G$21=$B$24,21,0),0)),0)</f>
        <v>1.3558573231811994</v>
      </c>
      <c r="H2884" cm="1">
        <f t="array" ref="H2884">IFERROR(INDEX(Jesper!AL$2:AL$366,ROUNDDOWN($C2884/24,0)+1,1)*INDEX($D$3:$AA$30,INDEX(Jesper!$R$2:$R$366,ROW(INDEX(Jesper!AL$2:AL$366,ROUNDDOWN($C2884/24,0)+1,1))-1)+IF('Standard Profiles'!$G$22=$B$10,7,0)+IF('Standard Profiles'!$G$22=$B$17,14,0)+IF('Standard Profiles'!$G$22=$B$24,21,0),MOD($C2884,24)+1)/SUM(INDEX($D$3:$AA$30,INDEX(Jesper!$R$2:$R$366,ROW(INDEX(Jesper!AL$2:AL$366,ROUNDDOWN($C2884/24,0)+1,1))-1)+IF('Standard Profiles'!$G$22=$B$10,7,0)+IF('Standard Profiles'!$G$22=$B$17,14,0)+IF('Standard Profiles'!$G$22=$B$24,21,0),0)),0)</f>
        <v>0.66375165712864015</v>
      </c>
      <c r="I2884">
        <f t="shared" si="328"/>
        <v>0.63720159084349492</v>
      </c>
      <c r="J2884">
        <f t="shared" si="329"/>
        <v>5.8999064333754347</v>
      </c>
      <c r="K2884">
        <f t="shared" si="330"/>
        <v>0.24603575376703593</v>
      </c>
      <c r="L2884">
        <f t="shared" si="331"/>
        <v>0.12301787688351797</v>
      </c>
      <c r="M2884">
        <f t="shared" si="332"/>
        <v>0</v>
      </c>
      <c r="N2884" s="45">
        <f t="shared" si="333"/>
        <v>45045.749999993088</v>
      </c>
    </row>
    <row r="2885" spans="2:14" x14ac:dyDescent="0.25">
      <c r="B2885">
        <f t="shared" si="327"/>
        <v>6</v>
      </c>
      <c r="C2885" s="16">
        <v>2851</v>
      </c>
      <c r="D2885" cm="1">
        <f t="array" ref="D2885">IFERROR(INDEX(Jesper!AH$2:AH$366,ROUNDDOWN($C2885/24,0)+1,1)*INDEX($D$3:$AA$30,INDEX(Jesper!$R$2:$R$366,ROW(INDEX(Jesper!AH$2:AH$366,ROUNDDOWN($C2885/24,0)+1,1))-1)+IF('Standard Profiles'!$G$18=$B$10,7,0)+IF('Standard Profiles'!$G$18=$B$17,14,0)+IF('Standard Profiles'!$G$18=$B$24,21,0),MOD($C2885,24)+1)/SUM(INDEX($D$3:$AA$30,INDEX(Jesper!$R$2:$R$366,ROW(INDEX(Jesper!AH$2:AH$366,ROUNDDOWN($C2885/24,0)+1,1))-1)+IF('Standard Profiles'!$G$18=$B$10,7,0)+IF('Standard Profiles'!$G$18=$B$17,14,0)+IF('Standard Profiles'!$G$18=$B$24,21,0),0)),0)</f>
        <v>0</v>
      </c>
      <c r="E2885" cm="1">
        <f t="array" ref="E2885">IFERROR(INDEX(Jesper!AI$2:AI$366,ROUNDDOWN($C2885/24,0)+1,1)*INDEX($D$3:$AA$30,INDEX(Jesper!$R$2:$R$366,ROW(INDEX(Jesper!AI$2:AI$366,ROUNDDOWN($C2885/24,0)+1,1))-1)+IF('Standard Profiles'!$G$19=$B$10,7,0)+IF('Standard Profiles'!$G$19=$B$17,14,0)+IF('Standard Profiles'!$G$19=$B$24,21,0),MOD($C2885,24)+1)/SUM(INDEX($D$3:$AA$30,INDEX(Jesper!$R$2:$R$366,ROW(INDEX(Jesper!AI$2:AI$366,ROUNDDOWN($C2885/24,0)+1,1))-1)+IF('Standard Profiles'!$G$19=$B$10,7,0)+IF('Standard Profiles'!$G$19=$B$17,14,0)+IF('Standard Profiles'!$G$19=$B$24,21,0),0)),0)</f>
        <v>3.075446922087949</v>
      </c>
      <c r="F2885" cm="1">
        <f t="array" ref="F2885">IFERROR(INDEX(Jesper!AJ$2:AJ$366,ROUNDDOWN($C2885/24,0)+1,1)*INDEX($D$3:$AA$30,INDEX(Jesper!$R$2:$R$366,ROW(INDEX(Jesper!AJ$2:AJ$366,ROUNDDOWN($C2885/24,0)+1,1))-1)+IF('Standard Profiles'!$G$20=$B$10,7,0)+IF('Standard Profiles'!$G$20=$B$17,14,0)+IF('Standard Profiles'!$G$20=$B$24,21,0),MOD($C2885,24)+1)/SUM(INDEX($D$3:$AA$30,INDEX(Jesper!$R$2:$R$366,ROW(INDEX(Jesper!AJ$2:AJ$366,ROUNDDOWN($C2885/24,0)+1,1))-1)+IF('Standard Profiles'!$G$20=$B$10,7,0)+IF('Standard Profiles'!$G$20=$B$17,14,0)+IF('Standard Profiles'!$G$20=$B$24,21,0),0)),0)</f>
        <v>1.8111057524716947</v>
      </c>
      <c r="G2885" cm="1">
        <f t="array" ref="G2885">IFERROR(INDEX(Jesper!AK$2:AK$366,ROUNDDOWN($C2885/24,0)+1,1)*INDEX($D$3:$AA$30,INDEX(Jesper!$R$2:$R$366,ROW(INDEX(Jesper!AK$2:AK$366,ROUNDDOWN($C2885/24,0)+1,1))-1)+IF('Standard Profiles'!$G$21=$B$10,7,0)+IF('Standard Profiles'!$G$21=$B$17,14,0)+IF('Standard Profiles'!$G$21=$B$24,21,0),MOD($C2885,24)+1)/SUM(INDEX($D$3:$AA$30,INDEX(Jesper!$R$2:$R$366,ROW(INDEX(Jesper!AK$2:AK$366,ROUNDDOWN($C2885/24,0)+1,1))-1)+IF('Standard Profiles'!$G$21=$B$10,7,0)+IF('Standard Profiles'!$G$21=$B$17,14,0)+IF('Standard Profiles'!$G$21=$B$24,21,0),0)),0)</f>
        <v>1.3558573231811994</v>
      </c>
      <c r="H2885" cm="1">
        <f t="array" ref="H2885">IFERROR(INDEX(Jesper!AL$2:AL$366,ROUNDDOWN($C2885/24,0)+1,1)*INDEX($D$3:$AA$30,INDEX(Jesper!$R$2:$R$366,ROW(INDEX(Jesper!AL$2:AL$366,ROUNDDOWN($C2885/24,0)+1,1))-1)+IF('Standard Profiles'!$G$22=$B$10,7,0)+IF('Standard Profiles'!$G$22=$B$17,14,0)+IF('Standard Profiles'!$G$22=$B$24,21,0),MOD($C2885,24)+1)/SUM(INDEX($D$3:$AA$30,INDEX(Jesper!$R$2:$R$366,ROW(INDEX(Jesper!AL$2:AL$366,ROUNDDOWN($C2885/24,0)+1,1))-1)+IF('Standard Profiles'!$G$22=$B$10,7,0)+IF('Standard Profiles'!$G$22=$B$17,14,0)+IF('Standard Profiles'!$G$22=$B$24,21,0),0)),0)</f>
        <v>0.53610710768082459</v>
      </c>
      <c r="I2885">
        <f t="shared" si="328"/>
        <v>0.51466282337359193</v>
      </c>
      <c r="J2885">
        <f t="shared" si="329"/>
        <v>5.8948006513975217</v>
      </c>
      <c r="K2885">
        <f t="shared" si="330"/>
        <v>0.24603575376703593</v>
      </c>
      <c r="L2885">
        <f t="shared" si="331"/>
        <v>0.12301787688351797</v>
      </c>
      <c r="M2885">
        <f t="shared" si="332"/>
        <v>0</v>
      </c>
      <c r="N2885" s="45">
        <f t="shared" si="333"/>
        <v>45045.791666659752</v>
      </c>
    </row>
    <row r="2886" spans="2:14" x14ac:dyDescent="0.25">
      <c r="B2886">
        <f t="shared" si="327"/>
        <v>6</v>
      </c>
      <c r="C2886" s="16">
        <v>2852</v>
      </c>
      <c r="D2886" cm="1">
        <f t="array" ref="D2886">IFERROR(INDEX(Jesper!AH$2:AH$366,ROUNDDOWN($C2886/24,0)+1,1)*INDEX($D$3:$AA$30,INDEX(Jesper!$R$2:$R$366,ROW(INDEX(Jesper!AH$2:AH$366,ROUNDDOWN($C2886/24,0)+1,1))-1)+IF('Standard Profiles'!$G$18=$B$10,7,0)+IF('Standard Profiles'!$G$18=$B$17,14,0)+IF('Standard Profiles'!$G$18=$B$24,21,0),MOD($C2886,24)+1)/SUM(INDEX($D$3:$AA$30,INDEX(Jesper!$R$2:$R$366,ROW(INDEX(Jesper!AH$2:AH$366,ROUNDDOWN($C2886/24,0)+1,1))-1)+IF('Standard Profiles'!$G$18=$B$10,7,0)+IF('Standard Profiles'!$G$18=$B$17,14,0)+IF('Standard Profiles'!$G$18=$B$24,21,0),0)),0)</f>
        <v>0</v>
      </c>
      <c r="E2886" cm="1">
        <f t="array" ref="E2886">IFERROR(INDEX(Jesper!AI$2:AI$366,ROUNDDOWN($C2886/24,0)+1,1)*INDEX($D$3:$AA$30,INDEX(Jesper!$R$2:$R$366,ROW(INDEX(Jesper!AI$2:AI$366,ROUNDDOWN($C2886/24,0)+1,1))-1)+IF('Standard Profiles'!$G$19=$B$10,7,0)+IF('Standard Profiles'!$G$19=$B$17,14,0)+IF('Standard Profiles'!$G$19=$B$24,21,0),MOD($C2886,24)+1)/SUM(INDEX($D$3:$AA$30,INDEX(Jesper!$R$2:$R$366,ROW(INDEX(Jesper!AI$2:AI$366,ROUNDDOWN($C2886/24,0)+1,1))-1)+IF('Standard Profiles'!$G$19=$B$10,7,0)+IF('Standard Profiles'!$G$19=$B$17,14,0)+IF('Standard Profiles'!$G$19=$B$24,21,0),0)),0)</f>
        <v>3.075446922087949</v>
      </c>
      <c r="F2886" cm="1">
        <f t="array" ref="F2886">IFERROR(INDEX(Jesper!AJ$2:AJ$366,ROUNDDOWN($C2886/24,0)+1,1)*INDEX($D$3:$AA$30,INDEX(Jesper!$R$2:$R$366,ROW(INDEX(Jesper!AJ$2:AJ$366,ROUNDDOWN($C2886/24,0)+1,1))-1)+IF('Standard Profiles'!$G$20=$B$10,7,0)+IF('Standard Profiles'!$G$20=$B$17,14,0)+IF('Standard Profiles'!$G$20=$B$24,21,0),MOD($C2886,24)+1)/SUM(INDEX($D$3:$AA$30,INDEX(Jesper!$R$2:$R$366,ROW(INDEX(Jesper!AJ$2:AJ$366,ROUNDDOWN($C2886/24,0)+1,1))-1)+IF('Standard Profiles'!$G$20=$B$10,7,0)+IF('Standard Profiles'!$G$20=$B$17,14,0)+IF('Standard Profiles'!$G$20=$B$24,21,0),0)),0)</f>
        <v>1.8111057524716947</v>
      </c>
      <c r="G2886" cm="1">
        <f t="array" ref="G2886">IFERROR(INDEX(Jesper!AK$2:AK$366,ROUNDDOWN($C2886/24,0)+1,1)*INDEX($D$3:$AA$30,INDEX(Jesper!$R$2:$R$366,ROW(INDEX(Jesper!AK$2:AK$366,ROUNDDOWN($C2886/24,0)+1,1))-1)+IF('Standard Profiles'!$G$21=$B$10,7,0)+IF('Standard Profiles'!$G$21=$B$17,14,0)+IF('Standard Profiles'!$G$21=$B$24,21,0),MOD($C2886,24)+1)/SUM(INDEX($D$3:$AA$30,INDEX(Jesper!$R$2:$R$366,ROW(INDEX(Jesper!AK$2:AK$366,ROUNDDOWN($C2886/24,0)+1,1))-1)+IF('Standard Profiles'!$G$21=$B$10,7,0)+IF('Standard Profiles'!$G$21=$B$17,14,0)+IF('Standard Profiles'!$G$21=$B$24,21,0),0)),0)</f>
        <v>1.3558573231811994</v>
      </c>
      <c r="H2886" cm="1">
        <f t="array" ref="H2886">IFERROR(INDEX(Jesper!AL$2:AL$366,ROUNDDOWN($C2886/24,0)+1,1)*INDEX($D$3:$AA$30,INDEX(Jesper!$R$2:$R$366,ROW(INDEX(Jesper!AL$2:AL$366,ROUNDDOWN($C2886/24,0)+1,1))-1)+IF('Standard Profiles'!$G$22=$B$10,7,0)+IF('Standard Profiles'!$G$22=$B$17,14,0)+IF('Standard Profiles'!$G$22=$B$24,21,0),MOD($C2886,24)+1)/SUM(INDEX($D$3:$AA$30,INDEX(Jesper!$R$2:$R$366,ROW(INDEX(Jesper!AL$2:AL$366,ROUNDDOWN($C2886/24,0)+1,1))-1)+IF('Standard Profiles'!$G$22=$B$10,7,0)+IF('Standard Profiles'!$G$22=$B$17,14,0)+IF('Standard Profiles'!$G$22=$B$24,21,0),0)),0)</f>
        <v>0.39569810328822774</v>
      </c>
      <c r="I2886">
        <f t="shared" si="328"/>
        <v>0.37987017915669885</v>
      </c>
      <c r="J2886">
        <f t="shared" si="329"/>
        <v>5.8891842912218175</v>
      </c>
      <c r="K2886">
        <f t="shared" si="330"/>
        <v>0.24603575376703593</v>
      </c>
      <c r="L2886">
        <f t="shared" si="331"/>
        <v>0.12301787688351797</v>
      </c>
      <c r="M2886">
        <f t="shared" si="332"/>
        <v>0</v>
      </c>
      <c r="N2886" s="45">
        <f t="shared" si="333"/>
        <v>45045.833333326416</v>
      </c>
    </row>
    <row r="2887" spans="2:14" x14ac:dyDescent="0.25">
      <c r="B2887">
        <f t="shared" si="327"/>
        <v>6</v>
      </c>
      <c r="C2887" s="16">
        <v>2853</v>
      </c>
      <c r="D2887" cm="1">
        <f t="array" ref="D2887">IFERROR(INDEX(Jesper!AH$2:AH$366,ROUNDDOWN($C2887/24,0)+1,1)*INDEX($D$3:$AA$30,INDEX(Jesper!$R$2:$R$366,ROW(INDEX(Jesper!AH$2:AH$366,ROUNDDOWN($C2887/24,0)+1,1))-1)+IF('Standard Profiles'!$G$18=$B$10,7,0)+IF('Standard Profiles'!$G$18=$B$17,14,0)+IF('Standard Profiles'!$G$18=$B$24,21,0),MOD($C2887,24)+1)/SUM(INDEX($D$3:$AA$30,INDEX(Jesper!$R$2:$R$366,ROW(INDEX(Jesper!AH$2:AH$366,ROUNDDOWN($C2887/24,0)+1,1))-1)+IF('Standard Profiles'!$G$18=$B$10,7,0)+IF('Standard Profiles'!$G$18=$B$17,14,0)+IF('Standard Profiles'!$G$18=$B$24,21,0),0)),0)</f>
        <v>0</v>
      </c>
      <c r="E2887" cm="1">
        <f t="array" ref="E2887">IFERROR(INDEX(Jesper!AI$2:AI$366,ROUNDDOWN($C2887/24,0)+1,1)*INDEX($D$3:$AA$30,INDEX(Jesper!$R$2:$R$366,ROW(INDEX(Jesper!AI$2:AI$366,ROUNDDOWN($C2887/24,0)+1,1))-1)+IF('Standard Profiles'!$G$19=$B$10,7,0)+IF('Standard Profiles'!$G$19=$B$17,14,0)+IF('Standard Profiles'!$G$19=$B$24,21,0),MOD($C2887,24)+1)/SUM(INDEX($D$3:$AA$30,INDEX(Jesper!$R$2:$R$366,ROW(INDEX(Jesper!AI$2:AI$366,ROUNDDOWN($C2887/24,0)+1,1))-1)+IF('Standard Profiles'!$G$19=$B$10,7,0)+IF('Standard Profiles'!$G$19=$B$17,14,0)+IF('Standard Profiles'!$G$19=$B$24,21,0),0)),0)</f>
        <v>3.075446922087949</v>
      </c>
      <c r="F2887" cm="1">
        <f t="array" ref="F2887">IFERROR(INDEX(Jesper!AJ$2:AJ$366,ROUNDDOWN($C2887/24,0)+1,1)*INDEX($D$3:$AA$30,INDEX(Jesper!$R$2:$R$366,ROW(INDEX(Jesper!AJ$2:AJ$366,ROUNDDOWN($C2887/24,0)+1,1))-1)+IF('Standard Profiles'!$G$20=$B$10,7,0)+IF('Standard Profiles'!$G$20=$B$17,14,0)+IF('Standard Profiles'!$G$20=$B$24,21,0),MOD($C2887,24)+1)/SUM(INDEX($D$3:$AA$30,INDEX(Jesper!$R$2:$R$366,ROW(INDEX(Jesper!AJ$2:AJ$366,ROUNDDOWN($C2887/24,0)+1,1))-1)+IF('Standard Profiles'!$G$20=$B$10,7,0)+IF('Standard Profiles'!$G$20=$B$17,14,0)+IF('Standard Profiles'!$G$20=$B$24,21,0),0)),0)</f>
        <v>1.8111057524716947</v>
      </c>
      <c r="G2887" cm="1">
        <f t="array" ref="G2887">IFERROR(INDEX(Jesper!AK$2:AK$366,ROUNDDOWN($C2887/24,0)+1,1)*INDEX($D$3:$AA$30,INDEX(Jesper!$R$2:$R$366,ROW(INDEX(Jesper!AK$2:AK$366,ROUNDDOWN($C2887/24,0)+1,1))-1)+IF('Standard Profiles'!$G$21=$B$10,7,0)+IF('Standard Profiles'!$G$21=$B$17,14,0)+IF('Standard Profiles'!$G$21=$B$24,21,0),MOD($C2887,24)+1)/SUM(INDEX($D$3:$AA$30,INDEX(Jesper!$R$2:$R$366,ROW(INDEX(Jesper!AK$2:AK$366,ROUNDDOWN($C2887/24,0)+1,1))-1)+IF('Standard Profiles'!$G$21=$B$10,7,0)+IF('Standard Profiles'!$G$21=$B$17,14,0)+IF('Standard Profiles'!$G$21=$B$24,21,0),0)),0)</f>
        <v>1.3558573231811994</v>
      </c>
      <c r="H2887" cm="1">
        <f t="array" ref="H2887">IFERROR(INDEX(Jesper!AL$2:AL$366,ROUNDDOWN($C2887/24,0)+1,1)*INDEX($D$3:$AA$30,INDEX(Jesper!$R$2:$R$366,ROW(INDEX(Jesper!AL$2:AL$366,ROUNDDOWN($C2887/24,0)+1,1))-1)+IF('Standard Profiles'!$G$22=$B$10,7,0)+IF('Standard Profiles'!$G$22=$B$17,14,0)+IF('Standard Profiles'!$G$22=$B$24,21,0),MOD($C2887,24)+1)/SUM(INDEX($D$3:$AA$30,INDEX(Jesper!$R$2:$R$366,ROW(INDEX(Jesper!AL$2:AL$366,ROUNDDOWN($C2887/24,0)+1,1))-1)+IF('Standard Profiles'!$G$22=$B$10,7,0)+IF('Standard Profiles'!$G$22=$B$17,14,0)+IF('Standard Profiles'!$G$22=$B$24,21,0),0)),0)</f>
        <v>0.39569810328822774</v>
      </c>
      <c r="I2887">
        <f t="shared" si="328"/>
        <v>0.37987017915669885</v>
      </c>
      <c r="J2887">
        <f t="shared" si="329"/>
        <v>5.8891842912218175</v>
      </c>
      <c r="K2887">
        <f t="shared" si="330"/>
        <v>0.24603575376703593</v>
      </c>
      <c r="L2887">
        <f t="shared" si="331"/>
        <v>0.12301787688351797</v>
      </c>
      <c r="M2887">
        <f t="shared" si="332"/>
        <v>0</v>
      </c>
      <c r="N2887" s="45">
        <f t="shared" si="333"/>
        <v>45045.874999993081</v>
      </c>
    </row>
    <row r="2888" spans="2:14" x14ac:dyDescent="0.25">
      <c r="B2888">
        <f t="shared" si="327"/>
        <v>6</v>
      </c>
      <c r="C2888" s="16">
        <v>2854</v>
      </c>
      <c r="D2888" cm="1">
        <f t="array" ref="D2888">IFERROR(INDEX(Jesper!AH$2:AH$366,ROUNDDOWN($C2888/24,0)+1,1)*INDEX($D$3:$AA$30,INDEX(Jesper!$R$2:$R$366,ROW(INDEX(Jesper!AH$2:AH$366,ROUNDDOWN($C2888/24,0)+1,1))-1)+IF('Standard Profiles'!$G$18=$B$10,7,0)+IF('Standard Profiles'!$G$18=$B$17,14,0)+IF('Standard Profiles'!$G$18=$B$24,21,0),MOD($C2888,24)+1)/SUM(INDEX($D$3:$AA$30,INDEX(Jesper!$R$2:$R$366,ROW(INDEX(Jesper!AH$2:AH$366,ROUNDDOWN($C2888/24,0)+1,1))-1)+IF('Standard Profiles'!$G$18=$B$10,7,0)+IF('Standard Profiles'!$G$18=$B$17,14,0)+IF('Standard Profiles'!$G$18=$B$24,21,0),0)),0)</f>
        <v>0</v>
      </c>
      <c r="E2888" cm="1">
        <f t="array" ref="E2888">IFERROR(INDEX(Jesper!AI$2:AI$366,ROUNDDOWN($C2888/24,0)+1,1)*INDEX($D$3:$AA$30,INDEX(Jesper!$R$2:$R$366,ROW(INDEX(Jesper!AI$2:AI$366,ROUNDDOWN($C2888/24,0)+1,1))-1)+IF('Standard Profiles'!$G$19=$B$10,7,0)+IF('Standard Profiles'!$G$19=$B$17,14,0)+IF('Standard Profiles'!$G$19=$B$24,21,0),MOD($C2888,24)+1)/SUM(INDEX($D$3:$AA$30,INDEX(Jesper!$R$2:$R$366,ROW(INDEX(Jesper!AI$2:AI$366,ROUNDDOWN($C2888/24,0)+1,1))-1)+IF('Standard Profiles'!$G$19=$B$10,7,0)+IF('Standard Profiles'!$G$19=$B$17,14,0)+IF('Standard Profiles'!$G$19=$B$24,21,0),0)),0)</f>
        <v>3.075446922087949</v>
      </c>
      <c r="F2888" cm="1">
        <f t="array" ref="F2888">IFERROR(INDEX(Jesper!AJ$2:AJ$366,ROUNDDOWN($C2888/24,0)+1,1)*INDEX($D$3:$AA$30,INDEX(Jesper!$R$2:$R$366,ROW(INDEX(Jesper!AJ$2:AJ$366,ROUNDDOWN($C2888/24,0)+1,1))-1)+IF('Standard Profiles'!$G$20=$B$10,7,0)+IF('Standard Profiles'!$G$20=$B$17,14,0)+IF('Standard Profiles'!$G$20=$B$24,21,0),MOD($C2888,24)+1)/SUM(INDEX($D$3:$AA$30,INDEX(Jesper!$R$2:$R$366,ROW(INDEX(Jesper!AJ$2:AJ$366,ROUNDDOWN($C2888/24,0)+1,1))-1)+IF('Standard Profiles'!$G$20=$B$10,7,0)+IF('Standard Profiles'!$G$20=$B$17,14,0)+IF('Standard Profiles'!$G$20=$B$24,21,0),0)),0)</f>
        <v>1.8111057524716947</v>
      </c>
      <c r="G2888" cm="1">
        <f t="array" ref="G2888">IFERROR(INDEX(Jesper!AK$2:AK$366,ROUNDDOWN($C2888/24,0)+1,1)*INDEX($D$3:$AA$30,INDEX(Jesper!$R$2:$R$366,ROW(INDEX(Jesper!AK$2:AK$366,ROUNDDOWN($C2888/24,0)+1,1))-1)+IF('Standard Profiles'!$G$21=$B$10,7,0)+IF('Standard Profiles'!$G$21=$B$17,14,0)+IF('Standard Profiles'!$G$21=$B$24,21,0),MOD($C2888,24)+1)/SUM(INDEX($D$3:$AA$30,INDEX(Jesper!$R$2:$R$366,ROW(INDEX(Jesper!AK$2:AK$366,ROUNDDOWN($C2888/24,0)+1,1))-1)+IF('Standard Profiles'!$G$21=$B$10,7,0)+IF('Standard Profiles'!$G$21=$B$17,14,0)+IF('Standard Profiles'!$G$21=$B$24,21,0),0)),0)</f>
        <v>1.3558573231811994</v>
      </c>
      <c r="H2888" cm="1">
        <f t="array" ref="H2888">IFERROR(INDEX(Jesper!AL$2:AL$366,ROUNDDOWN($C2888/24,0)+1,1)*INDEX($D$3:$AA$30,INDEX(Jesper!$R$2:$R$366,ROW(INDEX(Jesper!AL$2:AL$366,ROUNDDOWN($C2888/24,0)+1,1))-1)+IF('Standard Profiles'!$G$22=$B$10,7,0)+IF('Standard Profiles'!$G$22=$B$17,14,0)+IF('Standard Profiles'!$G$22=$B$24,21,0),MOD($C2888,24)+1)/SUM(INDEX($D$3:$AA$30,INDEX(Jesper!$R$2:$R$366,ROW(INDEX(Jesper!AL$2:AL$366,ROUNDDOWN($C2888/24,0)+1,1))-1)+IF('Standard Profiles'!$G$22=$B$10,7,0)+IF('Standard Profiles'!$G$22=$B$17,14,0)+IF('Standard Profiles'!$G$22=$B$24,21,0),0)),0)</f>
        <v>0.39569810328822774</v>
      </c>
      <c r="I2888">
        <f t="shared" si="328"/>
        <v>0.37987017915669885</v>
      </c>
      <c r="J2888">
        <f t="shared" si="329"/>
        <v>5.8891842912218175</v>
      </c>
      <c r="K2888">
        <f t="shared" si="330"/>
        <v>0.24603575376703593</v>
      </c>
      <c r="L2888">
        <f t="shared" si="331"/>
        <v>0.12301787688351797</v>
      </c>
      <c r="M2888">
        <f t="shared" si="332"/>
        <v>0</v>
      </c>
      <c r="N2888" s="45">
        <f t="shared" si="333"/>
        <v>45045.916666659745</v>
      </c>
    </row>
    <row r="2889" spans="2:14" x14ac:dyDescent="0.25">
      <c r="B2889">
        <f t="shared" si="327"/>
        <v>6</v>
      </c>
      <c r="C2889" s="16">
        <v>2855</v>
      </c>
      <c r="D2889" cm="1">
        <f t="array" ref="D2889">IFERROR(INDEX(Jesper!AH$2:AH$366,ROUNDDOWN($C2889/24,0)+1,1)*INDEX($D$3:$AA$30,INDEX(Jesper!$R$2:$R$366,ROW(INDEX(Jesper!AH$2:AH$366,ROUNDDOWN($C2889/24,0)+1,1))-1)+IF('Standard Profiles'!$G$18=$B$10,7,0)+IF('Standard Profiles'!$G$18=$B$17,14,0)+IF('Standard Profiles'!$G$18=$B$24,21,0),MOD($C2889,24)+1)/SUM(INDEX($D$3:$AA$30,INDEX(Jesper!$R$2:$R$366,ROW(INDEX(Jesper!AH$2:AH$366,ROUNDDOWN($C2889/24,0)+1,1))-1)+IF('Standard Profiles'!$G$18=$B$10,7,0)+IF('Standard Profiles'!$G$18=$B$17,14,0)+IF('Standard Profiles'!$G$18=$B$24,21,0),0)),0)</f>
        <v>0</v>
      </c>
      <c r="E2889" cm="1">
        <f t="array" ref="E2889">IFERROR(INDEX(Jesper!AI$2:AI$366,ROUNDDOWN($C2889/24,0)+1,1)*INDEX($D$3:$AA$30,INDEX(Jesper!$R$2:$R$366,ROW(INDEX(Jesper!AI$2:AI$366,ROUNDDOWN($C2889/24,0)+1,1))-1)+IF('Standard Profiles'!$G$19=$B$10,7,0)+IF('Standard Profiles'!$G$19=$B$17,14,0)+IF('Standard Profiles'!$G$19=$B$24,21,0),MOD($C2889,24)+1)/SUM(INDEX($D$3:$AA$30,INDEX(Jesper!$R$2:$R$366,ROW(INDEX(Jesper!AI$2:AI$366,ROUNDDOWN($C2889/24,0)+1,1))-1)+IF('Standard Profiles'!$G$19=$B$10,7,0)+IF('Standard Profiles'!$G$19=$B$17,14,0)+IF('Standard Profiles'!$G$19=$B$24,21,0),0)),0)</f>
        <v>3.075446922087949</v>
      </c>
      <c r="F2889" cm="1">
        <f t="array" ref="F2889">IFERROR(INDEX(Jesper!AJ$2:AJ$366,ROUNDDOWN($C2889/24,0)+1,1)*INDEX($D$3:$AA$30,INDEX(Jesper!$R$2:$R$366,ROW(INDEX(Jesper!AJ$2:AJ$366,ROUNDDOWN($C2889/24,0)+1,1))-1)+IF('Standard Profiles'!$G$20=$B$10,7,0)+IF('Standard Profiles'!$G$20=$B$17,14,0)+IF('Standard Profiles'!$G$20=$B$24,21,0),MOD($C2889,24)+1)/SUM(INDEX($D$3:$AA$30,INDEX(Jesper!$R$2:$R$366,ROW(INDEX(Jesper!AJ$2:AJ$366,ROUNDDOWN($C2889/24,0)+1,1))-1)+IF('Standard Profiles'!$G$20=$B$10,7,0)+IF('Standard Profiles'!$G$20=$B$17,14,0)+IF('Standard Profiles'!$G$20=$B$24,21,0),0)),0)</f>
        <v>1.8111057524716947</v>
      </c>
      <c r="G2889" cm="1">
        <f t="array" ref="G2889">IFERROR(INDEX(Jesper!AK$2:AK$366,ROUNDDOWN($C2889/24,0)+1,1)*INDEX($D$3:$AA$30,INDEX(Jesper!$R$2:$R$366,ROW(INDEX(Jesper!AK$2:AK$366,ROUNDDOWN($C2889/24,0)+1,1))-1)+IF('Standard Profiles'!$G$21=$B$10,7,0)+IF('Standard Profiles'!$G$21=$B$17,14,0)+IF('Standard Profiles'!$G$21=$B$24,21,0),MOD($C2889,24)+1)/SUM(INDEX($D$3:$AA$30,INDEX(Jesper!$R$2:$R$366,ROW(INDEX(Jesper!AK$2:AK$366,ROUNDDOWN($C2889/24,0)+1,1))-1)+IF('Standard Profiles'!$G$21=$B$10,7,0)+IF('Standard Profiles'!$G$21=$B$17,14,0)+IF('Standard Profiles'!$G$21=$B$24,21,0),0)),0)</f>
        <v>1.3558573231811994</v>
      </c>
      <c r="H2889" cm="1">
        <f t="array" ref="H2889">IFERROR(INDEX(Jesper!AL$2:AL$366,ROUNDDOWN($C2889/24,0)+1,1)*INDEX($D$3:$AA$30,INDEX(Jesper!$R$2:$R$366,ROW(INDEX(Jesper!AL$2:AL$366,ROUNDDOWN($C2889/24,0)+1,1))-1)+IF('Standard Profiles'!$G$22=$B$10,7,0)+IF('Standard Profiles'!$G$22=$B$17,14,0)+IF('Standard Profiles'!$G$22=$B$24,21,0),MOD($C2889,24)+1)/SUM(INDEX($D$3:$AA$30,INDEX(Jesper!$R$2:$R$366,ROW(INDEX(Jesper!AL$2:AL$366,ROUNDDOWN($C2889/24,0)+1,1))-1)+IF('Standard Profiles'!$G$22=$B$10,7,0)+IF('Standard Profiles'!$G$22=$B$17,14,0)+IF('Standard Profiles'!$G$22=$B$24,21,0),0)),0)</f>
        <v>0.39569810328822774</v>
      </c>
      <c r="I2889">
        <f t="shared" si="328"/>
        <v>0.37987017915669885</v>
      </c>
      <c r="J2889">
        <f t="shared" si="329"/>
        <v>5.8891842912218175</v>
      </c>
      <c r="K2889">
        <f t="shared" si="330"/>
        <v>0.24603575376703593</v>
      </c>
      <c r="L2889">
        <f t="shared" si="331"/>
        <v>0.12301787688351797</v>
      </c>
      <c r="M2889">
        <f t="shared" si="332"/>
        <v>0</v>
      </c>
      <c r="N2889" s="45">
        <f t="shared" si="333"/>
        <v>45045.958333326409</v>
      </c>
    </row>
    <row r="2890" spans="2:14" x14ac:dyDescent="0.25">
      <c r="B2890">
        <f t="shared" si="327"/>
        <v>7</v>
      </c>
      <c r="C2890" s="16">
        <v>2856</v>
      </c>
      <c r="D2890" cm="1">
        <f t="array" ref="D2890">IFERROR(INDEX(Jesper!AH$2:AH$366,ROUNDDOWN($C2890/24,0)+1,1)*INDEX($D$3:$AA$30,INDEX(Jesper!$R$2:$R$366,ROW(INDEX(Jesper!AH$2:AH$366,ROUNDDOWN($C2890/24,0)+1,1))-1)+IF('Standard Profiles'!$G$18=$B$10,7,0)+IF('Standard Profiles'!$G$18=$B$17,14,0)+IF('Standard Profiles'!$G$18=$B$24,21,0),MOD($C2890,24)+1)/SUM(INDEX($D$3:$AA$30,INDEX(Jesper!$R$2:$R$366,ROW(INDEX(Jesper!AH$2:AH$366,ROUNDDOWN($C2890/24,0)+1,1))-1)+IF('Standard Profiles'!$G$18=$B$10,7,0)+IF('Standard Profiles'!$G$18=$B$17,14,0)+IF('Standard Profiles'!$G$18=$B$24,21,0),0)),0)</f>
        <v>0</v>
      </c>
      <c r="E2890" cm="1">
        <f t="array" ref="E2890">IFERROR(INDEX(Jesper!AI$2:AI$366,ROUNDDOWN($C2890/24,0)+1,1)*INDEX($D$3:$AA$30,INDEX(Jesper!$R$2:$R$366,ROW(INDEX(Jesper!AI$2:AI$366,ROUNDDOWN($C2890/24,0)+1,1))-1)+IF('Standard Profiles'!$G$19=$B$10,7,0)+IF('Standard Profiles'!$G$19=$B$17,14,0)+IF('Standard Profiles'!$G$19=$B$24,21,0),MOD($C2890,24)+1)/SUM(INDEX($D$3:$AA$30,INDEX(Jesper!$R$2:$R$366,ROW(INDEX(Jesper!AI$2:AI$366,ROUNDDOWN($C2890/24,0)+1,1))-1)+IF('Standard Profiles'!$G$19=$B$10,7,0)+IF('Standard Profiles'!$G$19=$B$17,14,0)+IF('Standard Profiles'!$G$19=$B$24,21,0),0)),0)</f>
        <v>3.1686912094432431</v>
      </c>
      <c r="F2890" cm="1">
        <f t="array" ref="F2890">IFERROR(INDEX(Jesper!AJ$2:AJ$366,ROUNDDOWN($C2890/24,0)+1,1)*INDEX($D$3:$AA$30,INDEX(Jesper!$R$2:$R$366,ROW(INDEX(Jesper!AJ$2:AJ$366,ROUNDDOWN($C2890/24,0)+1,1))-1)+IF('Standard Profiles'!$G$20=$B$10,7,0)+IF('Standard Profiles'!$G$20=$B$17,14,0)+IF('Standard Profiles'!$G$20=$B$24,21,0),MOD($C2890,24)+1)/SUM(INDEX($D$3:$AA$30,INDEX(Jesper!$R$2:$R$366,ROW(INDEX(Jesper!AJ$2:AJ$366,ROUNDDOWN($C2890/24,0)+1,1))-1)+IF('Standard Profiles'!$G$20=$B$10,7,0)+IF('Standard Profiles'!$G$20=$B$17,14,0)+IF('Standard Profiles'!$G$20=$B$24,21,0),0)),0)</f>
        <v>1.9182306717409461</v>
      </c>
      <c r="G2890" cm="1">
        <f t="array" ref="G2890">IFERROR(INDEX(Jesper!AK$2:AK$366,ROUNDDOWN($C2890/24,0)+1,1)*INDEX($D$3:$AA$30,INDEX(Jesper!$R$2:$R$366,ROW(INDEX(Jesper!AK$2:AK$366,ROUNDDOWN($C2890/24,0)+1,1))-1)+IF('Standard Profiles'!$G$21=$B$10,7,0)+IF('Standard Profiles'!$G$21=$B$17,14,0)+IF('Standard Profiles'!$G$21=$B$24,21,0),MOD($C2890,24)+1)/SUM(INDEX($D$3:$AA$30,INDEX(Jesper!$R$2:$R$366,ROW(INDEX(Jesper!AK$2:AK$366,ROUNDDOWN($C2890/24,0)+1,1))-1)+IF('Standard Profiles'!$G$21=$B$10,7,0)+IF('Standard Profiles'!$G$21=$B$17,14,0)+IF('Standard Profiles'!$G$21=$B$24,21,0),0)),0)</f>
        <v>1.5807879556540263</v>
      </c>
      <c r="H2890" cm="1">
        <f t="array" ref="H2890">IFERROR(INDEX(Jesper!AL$2:AL$366,ROUNDDOWN($C2890/24,0)+1,1)*INDEX($D$3:$AA$30,INDEX(Jesper!$R$2:$R$366,ROW(INDEX(Jesper!AL$2:AL$366,ROUNDDOWN($C2890/24,0)+1,1))-1)+IF('Standard Profiles'!$G$22=$B$10,7,0)+IF('Standard Profiles'!$G$22=$B$17,14,0)+IF('Standard Profiles'!$G$22=$B$24,21,0),MOD($C2890,24)+1)/SUM(INDEX($D$3:$AA$30,INDEX(Jesper!$R$2:$R$366,ROW(INDEX(Jesper!AL$2:AL$366,ROUNDDOWN($C2890/24,0)+1,1))-1)+IF('Standard Profiles'!$G$22=$B$10,7,0)+IF('Standard Profiles'!$G$22=$B$17,14,0)+IF('Standard Profiles'!$G$22=$B$24,21,0),0)),0)</f>
        <v>0.46694100889881512</v>
      </c>
      <c r="I2890">
        <f t="shared" si="328"/>
        <v>0.44826336854286275</v>
      </c>
      <c r="J2890">
        <f t="shared" si="329"/>
        <v>6.306144532060979</v>
      </c>
      <c r="K2890">
        <f t="shared" si="330"/>
        <v>0.25349529675545945</v>
      </c>
      <c r="L2890">
        <f t="shared" si="331"/>
        <v>0.12674764837772973</v>
      </c>
      <c r="M2890">
        <f t="shared" si="332"/>
        <v>0</v>
      </c>
      <c r="N2890" s="45">
        <f t="shared" si="333"/>
        <v>45045.999999993073</v>
      </c>
    </row>
    <row r="2891" spans="2:14" x14ac:dyDescent="0.25">
      <c r="B2891">
        <f t="shared" si="327"/>
        <v>7</v>
      </c>
      <c r="C2891" s="16">
        <v>2857</v>
      </c>
      <c r="D2891" cm="1">
        <f t="array" ref="D2891">IFERROR(INDEX(Jesper!AH$2:AH$366,ROUNDDOWN($C2891/24,0)+1,1)*INDEX($D$3:$AA$30,INDEX(Jesper!$R$2:$R$366,ROW(INDEX(Jesper!AH$2:AH$366,ROUNDDOWN($C2891/24,0)+1,1))-1)+IF('Standard Profiles'!$G$18=$B$10,7,0)+IF('Standard Profiles'!$G$18=$B$17,14,0)+IF('Standard Profiles'!$G$18=$B$24,21,0),MOD($C2891,24)+1)/SUM(INDEX($D$3:$AA$30,INDEX(Jesper!$R$2:$R$366,ROW(INDEX(Jesper!AH$2:AH$366,ROUNDDOWN($C2891/24,0)+1,1))-1)+IF('Standard Profiles'!$G$18=$B$10,7,0)+IF('Standard Profiles'!$G$18=$B$17,14,0)+IF('Standard Profiles'!$G$18=$B$24,21,0),0)),0)</f>
        <v>0</v>
      </c>
      <c r="E2891" cm="1">
        <f t="array" ref="E2891">IFERROR(INDEX(Jesper!AI$2:AI$366,ROUNDDOWN($C2891/24,0)+1,1)*INDEX($D$3:$AA$30,INDEX(Jesper!$R$2:$R$366,ROW(INDEX(Jesper!AI$2:AI$366,ROUNDDOWN($C2891/24,0)+1,1))-1)+IF('Standard Profiles'!$G$19=$B$10,7,0)+IF('Standard Profiles'!$G$19=$B$17,14,0)+IF('Standard Profiles'!$G$19=$B$24,21,0),MOD($C2891,24)+1)/SUM(INDEX($D$3:$AA$30,INDEX(Jesper!$R$2:$R$366,ROW(INDEX(Jesper!AI$2:AI$366,ROUNDDOWN($C2891/24,0)+1,1))-1)+IF('Standard Profiles'!$G$19=$B$10,7,0)+IF('Standard Profiles'!$G$19=$B$17,14,0)+IF('Standard Profiles'!$G$19=$B$24,21,0),0)),0)</f>
        <v>3.1686912094432431</v>
      </c>
      <c r="F2891" cm="1">
        <f t="array" ref="F2891">IFERROR(INDEX(Jesper!AJ$2:AJ$366,ROUNDDOWN($C2891/24,0)+1,1)*INDEX($D$3:$AA$30,INDEX(Jesper!$R$2:$R$366,ROW(INDEX(Jesper!AJ$2:AJ$366,ROUNDDOWN($C2891/24,0)+1,1))-1)+IF('Standard Profiles'!$G$20=$B$10,7,0)+IF('Standard Profiles'!$G$20=$B$17,14,0)+IF('Standard Profiles'!$G$20=$B$24,21,0),MOD($C2891,24)+1)/SUM(INDEX($D$3:$AA$30,INDEX(Jesper!$R$2:$R$366,ROW(INDEX(Jesper!AJ$2:AJ$366,ROUNDDOWN($C2891/24,0)+1,1))-1)+IF('Standard Profiles'!$G$20=$B$10,7,0)+IF('Standard Profiles'!$G$20=$B$17,14,0)+IF('Standard Profiles'!$G$20=$B$24,21,0),0)),0)</f>
        <v>1.9182306717409461</v>
      </c>
      <c r="G2891" cm="1">
        <f t="array" ref="G2891">IFERROR(INDEX(Jesper!AK$2:AK$366,ROUNDDOWN($C2891/24,0)+1,1)*INDEX($D$3:$AA$30,INDEX(Jesper!$R$2:$R$366,ROW(INDEX(Jesper!AK$2:AK$366,ROUNDDOWN($C2891/24,0)+1,1))-1)+IF('Standard Profiles'!$G$21=$B$10,7,0)+IF('Standard Profiles'!$G$21=$B$17,14,0)+IF('Standard Profiles'!$G$21=$B$24,21,0),MOD($C2891,24)+1)/SUM(INDEX($D$3:$AA$30,INDEX(Jesper!$R$2:$R$366,ROW(INDEX(Jesper!AK$2:AK$366,ROUNDDOWN($C2891/24,0)+1,1))-1)+IF('Standard Profiles'!$G$21=$B$10,7,0)+IF('Standard Profiles'!$G$21=$B$17,14,0)+IF('Standard Profiles'!$G$21=$B$24,21,0),0)),0)</f>
        <v>1.5807879556540263</v>
      </c>
      <c r="H2891" cm="1">
        <f t="array" ref="H2891">IFERROR(INDEX(Jesper!AL$2:AL$366,ROUNDDOWN($C2891/24,0)+1,1)*INDEX($D$3:$AA$30,INDEX(Jesper!$R$2:$R$366,ROW(INDEX(Jesper!AL$2:AL$366,ROUNDDOWN($C2891/24,0)+1,1))-1)+IF('Standard Profiles'!$G$22=$B$10,7,0)+IF('Standard Profiles'!$G$22=$B$17,14,0)+IF('Standard Profiles'!$G$22=$B$24,21,0),MOD($C2891,24)+1)/SUM(INDEX($D$3:$AA$30,INDEX(Jesper!$R$2:$R$366,ROW(INDEX(Jesper!AL$2:AL$366,ROUNDDOWN($C2891/24,0)+1,1))-1)+IF('Standard Profiles'!$G$22=$B$10,7,0)+IF('Standard Profiles'!$G$22=$B$17,14,0)+IF('Standard Profiles'!$G$22=$B$24,21,0),0)),0)</f>
        <v>0.54225407485023691</v>
      </c>
      <c r="I2891">
        <f t="shared" si="328"/>
        <v>0.52056391185622775</v>
      </c>
      <c r="J2891">
        <f t="shared" si="329"/>
        <v>6.3091570546990354</v>
      </c>
      <c r="K2891">
        <f t="shared" si="330"/>
        <v>0.25349529675545945</v>
      </c>
      <c r="L2891">
        <f t="shared" si="331"/>
        <v>0.12674764837772973</v>
      </c>
      <c r="M2891">
        <f t="shared" si="332"/>
        <v>0</v>
      </c>
      <c r="N2891" s="45">
        <f t="shared" si="333"/>
        <v>45046.041666659738</v>
      </c>
    </row>
    <row r="2892" spans="2:14" x14ac:dyDescent="0.25">
      <c r="B2892">
        <f t="shared" si="327"/>
        <v>7</v>
      </c>
      <c r="C2892" s="16">
        <v>2858</v>
      </c>
      <c r="D2892" cm="1">
        <f t="array" ref="D2892">IFERROR(INDEX(Jesper!AH$2:AH$366,ROUNDDOWN($C2892/24,0)+1,1)*INDEX($D$3:$AA$30,INDEX(Jesper!$R$2:$R$366,ROW(INDEX(Jesper!AH$2:AH$366,ROUNDDOWN($C2892/24,0)+1,1))-1)+IF('Standard Profiles'!$G$18=$B$10,7,0)+IF('Standard Profiles'!$G$18=$B$17,14,0)+IF('Standard Profiles'!$G$18=$B$24,21,0),MOD($C2892,24)+1)/SUM(INDEX($D$3:$AA$30,INDEX(Jesper!$R$2:$R$366,ROW(INDEX(Jesper!AH$2:AH$366,ROUNDDOWN($C2892/24,0)+1,1))-1)+IF('Standard Profiles'!$G$18=$B$10,7,0)+IF('Standard Profiles'!$G$18=$B$17,14,0)+IF('Standard Profiles'!$G$18=$B$24,21,0),0)),0)</f>
        <v>0</v>
      </c>
      <c r="E2892" cm="1">
        <f t="array" ref="E2892">IFERROR(INDEX(Jesper!AI$2:AI$366,ROUNDDOWN($C2892/24,0)+1,1)*INDEX($D$3:$AA$30,INDEX(Jesper!$R$2:$R$366,ROW(INDEX(Jesper!AI$2:AI$366,ROUNDDOWN($C2892/24,0)+1,1))-1)+IF('Standard Profiles'!$G$19=$B$10,7,0)+IF('Standard Profiles'!$G$19=$B$17,14,0)+IF('Standard Profiles'!$G$19=$B$24,21,0),MOD($C2892,24)+1)/SUM(INDEX($D$3:$AA$30,INDEX(Jesper!$R$2:$R$366,ROW(INDEX(Jesper!AI$2:AI$366,ROUNDDOWN($C2892/24,0)+1,1))-1)+IF('Standard Profiles'!$G$19=$B$10,7,0)+IF('Standard Profiles'!$G$19=$B$17,14,0)+IF('Standard Profiles'!$G$19=$B$24,21,0),0)),0)</f>
        <v>3.1686912094432431</v>
      </c>
      <c r="F2892" cm="1">
        <f t="array" ref="F2892">IFERROR(INDEX(Jesper!AJ$2:AJ$366,ROUNDDOWN($C2892/24,0)+1,1)*INDEX($D$3:$AA$30,INDEX(Jesper!$R$2:$R$366,ROW(INDEX(Jesper!AJ$2:AJ$366,ROUNDDOWN($C2892/24,0)+1,1))-1)+IF('Standard Profiles'!$G$20=$B$10,7,0)+IF('Standard Profiles'!$G$20=$B$17,14,0)+IF('Standard Profiles'!$G$20=$B$24,21,0),MOD($C2892,24)+1)/SUM(INDEX($D$3:$AA$30,INDEX(Jesper!$R$2:$R$366,ROW(INDEX(Jesper!AJ$2:AJ$366,ROUNDDOWN($C2892/24,0)+1,1))-1)+IF('Standard Profiles'!$G$20=$B$10,7,0)+IF('Standard Profiles'!$G$20=$B$17,14,0)+IF('Standard Profiles'!$G$20=$B$24,21,0),0)),0)</f>
        <v>1.9182306717409461</v>
      </c>
      <c r="G2892" cm="1">
        <f t="array" ref="G2892">IFERROR(INDEX(Jesper!AK$2:AK$366,ROUNDDOWN($C2892/24,0)+1,1)*INDEX($D$3:$AA$30,INDEX(Jesper!$R$2:$R$366,ROW(INDEX(Jesper!AK$2:AK$366,ROUNDDOWN($C2892/24,0)+1,1))-1)+IF('Standard Profiles'!$G$21=$B$10,7,0)+IF('Standard Profiles'!$G$21=$B$17,14,0)+IF('Standard Profiles'!$G$21=$B$24,21,0),MOD($C2892,24)+1)/SUM(INDEX($D$3:$AA$30,INDEX(Jesper!$R$2:$R$366,ROW(INDEX(Jesper!AK$2:AK$366,ROUNDDOWN($C2892/24,0)+1,1))-1)+IF('Standard Profiles'!$G$21=$B$10,7,0)+IF('Standard Profiles'!$G$21=$B$17,14,0)+IF('Standard Profiles'!$G$21=$B$24,21,0),0)),0)</f>
        <v>1.5807879556540263</v>
      </c>
      <c r="H2892" cm="1">
        <f t="array" ref="H2892">IFERROR(INDEX(Jesper!AL$2:AL$366,ROUNDDOWN($C2892/24,0)+1,1)*INDEX($D$3:$AA$30,INDEX(Jesper!$R$2:$R$366,ROW(INDEX(Jesper!AL$2:AL$366,ROUNDDOWN($C2892/24,0)+1,1))-1)+IF('Standard Profiles'!$G$22=$B$10,7,0)+IF('Standard Profiles'!$G$22=$B$17,14,0)+IF('Standard Profiles'!$G$22=$B$24,21,0),MOD($C2892,24)+1)/SUM(INDEX($D$3:$AA$30,INDEX(Jesper!$R$2:$R$366,ROW(INDEX(Jesper!AL$2:AL$366,ROUNDDOWN($C2892/24,0)+1,1))-1)+IF('Standard Profiles'!$G$22=$B$10,7,0)+IF('Standard Profiles'!$G$22=$B$17,14,0)+IF('Standard Profiles'!$G$22=$B$24,21,0),0)),0)</f>
        <v>0.54225407485023691</v>
      </c>
      <c r="I2892">
        <f t="shared" si="328"/>
        <v>0.52056391185622775</v>
      </c>
      <c r="J2892">
        <f t="shared" si="329"/>
        <v>6.3091570546990354</v>
      </c>
      <c r="K2892">
        <f t="shared" si="330"/>
        <v>0.25349529675545945</v>
      </c>
      <c r="L2892">
        <f t="shared" si="331"/>
        <v>0.12674764837772973</v>
      </c>
      <c r="M2892">
        <f t="shared" si="332"/>
        <v>0</v>
      </c>
      <c r="N2892" s="45">
        <f t="shared" si="333"/>
        <v>45046.083333326402</v>
      </c>
    </row>
    <row r="2893" spans="2:14" x14ac:dyDescent="0.25">
      <c r="B2893">
        <f t="shared" si="327"/>
        <v>7</v>
      </c>
      <c r="C2893" s="16">
        <v>2859</v>
      </c>
      <c r="D2893" cm="1">
        <f t="array" ref="D2893">IFERROR(INDEX(Jesper!AH$2:AH$366,ROUNDDOWN($C2893/24,0)+1,1)*INDEX($D$3:$AA$30,INDEX(Jesper!$R$2:$R$366,ROW(INDEX(Jesper!AH$2:AH$366,ROUNDDOWN($C2893/24,0)+1,1))-1)+IF('Standard Profiles'!$G$18=$B$10,7,0)+IF('Standard Profiles'!$G$18=$B$17,14,0)+IF('Standard Profiles'!$G$18=$B$24,21,0),MOD($C2893,24)+1)/SUM(INDEX($D$3:$AA$30,INDEX(Jesper!$R$2:$R$366,ROW(INDEX(Jesper!AH$2:AH$366,ROUNDDOWN($C2893/24,0)+1,1))-1)+IF('Standard Profiles'!$G$18=$B$10,7,0)+IF('Standard Profiles'!$G$18=$B$17,14,0)+IF('Standard Profiles'!$G$18=$B$24,21,0),0)),0)</f>
        <v>0</v>
      </c>
      <c r="E2893" cm="1">
        <f t="array" ref="E2893">IFERROR(INDEX(Jesper!AI$2:AI$366,ROUNDDOWN($C2893/24,0)+1,1)*INDEX($D$3:$AA$30,INDEX(Jesper!$R$2:$R$366,ROW(INDEX(Jesper!AI$2:AI$366,ROUNDDOWN($C2893/24,0)+1,1))-1)+IF('Standard Profiles'!$G$19=$B$10,7,0)+IF('Standard Profiles'!$G$19=$B$17,14,0)+IF('Standard Profiles'!$G$19=$B$24,21,0),MOD($C2893,24)+1)/SUM(INDEX($D$3:$AA$30,INDEX(Jesper!$R$2:$R$366,ROW(INDEX(Jesper!AI$2:AI$366,ROUNDDOWN($C2893/24,0)+1,1))-1)+IF('Standard Profiles'!$G$19=$B$10,7,0)+IF('Standard Profiles'!$G$19=$B$17,14,0)+IF('Standard Profiles'!$G$19=$B$24,21,0),0)),0)</f>
        <v>3.1686912094432431</v>
      </c>
      <c r="F2893" cm="1">
        <f t="array" ref="F2893">IFERROR(INDEX(Jesper!AJ$2:AJ$366,ROUNDDOWN($C2893/24,0)+1,1)*INDEX($D$3:$AA$30,INDEX(Jesper!$R$2:$R$366,ROW(INDEX(Jesper!AJ$2:AJ$366,ROUNDDOWN($C2893/24,0)+1,1))-1)+IF('Standard Profiles'!$G$20=$B$10,7,0)+IF('Standard Profiles'!$G$20=$B$17,14,0)+IF('Standard Profiles'!$G$20=$B$24,21,0),MOD($C2893,24)+1)/SUM(INDEX($D$3:$AA$30,INDEX(Jesper!$R$2:$R$366,ROW(INDEX(Jesper!AJ$2:AJ$366,ROUNDDOWN($C2893/24,0)+1,1))-1)+IF('Standard Profiles'!$G$20=$B$10,7,0)+IF('Standard Profiles'!$G$20=$B$17,14,0)+IF('Standard Profiles'!$G$20=$B$24,21,0),0)),0)</f>
        <v>1.9182306717409461</v>
      </c>
      <c r="G2893" cm="1">
        <f t="array" ref="G2893">IFERROR(INDEX(Jesper!AK$2:AK$366,ROUNDDOWN($C2893/24,0)+1,1)*INDEX($D$3:$AA$30,INDEX(Jesper!$R$2:$R$366,ROW(INDEX(Jesper!AK$2:AK$366,ROUNDDOWN($C2893/24,0)+1,1))-1)+IF('Standard Profiles'!$G$21=$B$10,7,0)+IF('Standard Profiles'!$G$21=$B$17,14,0)+IF('Standard Profiles'!$G$21=$B$24,21,0),MOD($C2893,24)+1)/SUM(INDEX($D$3:$AA$30,INDEX(Jesper!$R$2:$R$366,ROW(INDEX(Jesper!AK$2:AK$366,ROUNDDOWN($C2893/24,0)+1,1))-1)+IF('Standard Profiles'!$G$21=$B$10,7,0)+IF('Standard Profiles'!$G$21=$B$17,14,0)+IF('Standard Profiles'!$G$21=$B$24,21,0),0)),0)</f>
        <v>1.5807879556540263</v>
      </c>
      <c r="H2893" cm="1">
        <f t="array" ref="H2893">IFERROR(INDEX(Jesper!AL$2:AL$366,ROUNDDOWN($C2893/24,0)+1,1)*INDEX($D$3:$AA$30,INDEX(Jesper!$R$2:$R$366,ROW(INDEX(Jesper!AL$2:AL$366,ROUNDDOWN($C2893/24,0)+1,1))-1)+IF('Standard Profiles'!$G$22=$B$10,7,0)+IF('Standard Profiles'!$G$22=$B$17,14,0)+IF('Standard Profiles'!$G$22=$B$24,21,0),MOD($C2893,24)+1)/SUM(INDEX($D$3:$AA$30,INDEX(Jesper!$R$2:$R$366,ROW(INDEX(Jesper!AL$2:AL$366,ROUNDDOWN($C2893/24,0)+1,1))-1)+IF('Standard Profiles'!$G$22=$B$10,7,0)+IF('Standard Profiles'!$G$22=$B$17,14,0)+IF('Standard Profiles'!$G$22=$B$24,21,0),0)),0)</f>
        <v>0.54225407485023691</v>
      </c>
      <c r="I2893">
        <f t="shared" si="328"/>
        <v>0.52056391185622775</v>
      </c>
      <c r="J2893">
        <f t="shared" si="329"/>
        <v>6.3091570546990354</v>
      </c>
      <c r="K2893">
        <f t="shared" si="330"/>
        <v>0.25349529675545945</v>
      </c>
      <c r="L2893">
        <f t="shared" si="331"/>
        <v>0.12674764837772973</v>
      </c>
      <c r="M2893">
        <f t="shared" si="332"/>
        <v>0</v>
      </c>
      <c r="N2893" s="45">
        <f t="shared" si="333"/>
        <v>45046.124999993066</v>
      </c>
    </row>
    <row r="2894" spans="2:14" x14ac:dyDescent="0.25">
      <c r="B2894">
        <f t="shared" si="327"/>
        <v>7</v>
      </c>
      <c r="C2894" s="16">
        <v>2860</v>
      </c>
      <c r="D2894" cm="1">
        <f t="array" ref="D2894">IFERROR(INDEX(Jesper!AH$2:AH$366,ROUNDDOWN($C2894/24,0)+1,1)*INDEX($D$3:$AA$30,INDEX(Jesper!$R$2:$R$366,ROW(INDEX(Jesper!AH$2:AH$366,ROUNDDOWN($C2894/24,0)+1,1))-1)+IF('Standard Profiles'!$G$18=$B$10,7,0)+IF('Standard Profiles'!$G$18=$B$17,14,0)+IF('Standard Profiles'!$G$18=$B$24,21,0),MOD($C2894,24)+1)/SUM(INDEX($D$3:$AA$30,INDEX(Jesper!$R$2:$R$366,ROW(INDEX(Jesper!AH$2:AH$366,ROUNDDOWN($C2894/24,0)+1,1))-1)+IF('Standard Profiles'!$G$18=$B$10,7,0)+IF('Standard Profiles'!$G$18=$B$17,14,0)+IF('Standard Profiles'!$G$18=$B$24,21,0),0)),0)</f>
        <v>0</v>
      </c>
      <c r="E2894" cm="1">
        <f t="array" ref="E2894">IFERROR(INDEX(Jesper!AI$2:AI$366,ROUNDDOWN($C2894/24,0)+1,1)*INDEX($D$3:$AA$30,INDEX(Jesper!$R$2:$R$366,ROW(INDEX(Jesper!AI$2:AI$366,ROUNDDOWN($C2894/24,0)+1,1))-1)+IF('Standard Profiles'!$G$19=$B$10,7,0)+IF('Standard Profiles'!$G$19=$B$17,14,0)+IF('Standard Profiles'!$G$19=$B$24,21,0),MOD($C2894,24)+1)/SUM(INDEX($D$3:$AA$30,INDEX(Jesper!$R$2:$R$366,ROW(INDEX(Jesper!AI$2:AI$366,ROUNDDOWN($C2894/24,0)+1,1))-1)+IF('Standard Profiles'!$G$19=$B$10,7,0)+IF('Standard Profiles'!$G$19=$B$17,14,0)+IF('Standard Profiles'!$G$19=$B$24,21,0),0)),0)</f>
        <v>3.1686912094432431</v>
      </c>
      <c r="F2894" cm="1">
        <f t="array" ref="F2894">IFERROR(INDEX(Jesper!AJ$2:AJ$366,ROUNDDOWN($C2894/24,0)+1,1)*INDEX($D$3:$AA$30,INDEX(Jesper!$R$2:$R$366,ROW(INDEX(Jesper!AJ$2:AJ$366,ROUNDDOWN($C2894/24,0)+1,1))-1)+IF('Standard Profiles'!$G$20=$B$10,7,0)+IF('Standard Profiles'!$G$20=$B$17,14,0)+IF('Standard Profiles'!$G$20=$B$24,21,0),MOD($C2894,24)+1)/SUM(INDEX($D$3:$AA$30,INDEX(Jesper!$R$2:$R$366,ROW(INDEX(Jesper!AJ$2:AJ$366,ROUNDDOWN($C2894/24,0)+1,1))-1)+IF('Standard Profiles'!$G$20=$B$10,7,0)+IF('Standard Profiles'!$G$20=$B$17,14,0)+IF('Standard Profiles'!$G$20=$B$24,21,0),0)),0)</f>
        <v>1.9182306717409461</v>
      </c>
      <c r="G2894" cm="1">
        <f t="array" ref="G2894">IFERROR(INDEX(Jesper!AK$2:AK$366,ROUNDDOWN($C2894/24,0)+1,1)*INDEX($D$3:$AA$30,INDEX(Jesper!$R$2:$R$366,ROW(INDEX(Jesper!AK$2:AK$366,ROUNDDOWN($C2894/24,0)+1,1))-1)+IF('Standard Profiles'!$G$21=$B$10,7,0)+IF('Standard Profiles'!$G$21=$B$17,14,0)+IF('Standard Profiles'!$G$21=$B$24,21,0),MOD($C2894,24)+1)/SUM(INDEX($D$3:$AA$30,INDEX(Jesper!$R$2:$R$366,ROW(INDEX(Jesper!AK$2:AK$366,ROUNDDOWN($C2894/24,0)+1,1))-1)+IF('Standard Profiles'!$G$21=$B$10,7,0)+IF('Standard Profiles'!$G$21=$B$17,14,0)+IF('Standard Profiles'!$G$21=$B$24,21,0),0)),0)</f>
        <v>1.5807879556540263</v>
      </c>
      <c r="H2894" cm="1">
        <f t="array" ref="H2894">IFERROR(INDEX(Jesper!AL$2:AL$366,ROUNDDOWN($C2894/24,0)+1,1)*INDEX($D$3:$AA$30,INDEX(Jesper!$R$2:$R$366,ROW(INDEX(Jesper!AL$2:AL$366,ROUNDDOWN($C2894/24,0)+1,1))-1)+IF('Standard Profiles'!$G$22=$B$10,7,0)+IF('Standard Profiles'!$G$22=$B$17,14,0)+IF('Standard Profiles'!$G$22=$B$24,21,0),MOD($C2894,24)+1)/SUM(INDEX($D$3:$AA$30,INDEX(Jesper!$R$2:$R$366,ROW(INDEX(Jesper!AL$2:AL$366,ROUNDDOWN($C2894/24,0)+1,1))-1)+IF('Standard Profiles'!$G$22=$B$10,7,0)+IF('Standard Profiles'!$G$22=$B$17,14,0)+IF('Standard Profiles'!$G$22=$B$24,21,0),0)),0)</f>
        <v>0.54225407485023691</v>
      </c>
      <c r="I2894">
        <f t="shared" si="328"/>
        <v>0.52056391185622775</v>
      </c>
      <c r="J2894">
        <f t="shared" si="329"/>
        <v>6.3091570546990354</v>
      </c>
      <c r="K2894">
        <f t="shared" si="330"/>
        <v>0.25349529675545945</v>
      </c>
      <c r="L2894">
        <f t="shared" si="331"/>
        <v>0.12674764837772973</v>
      </c>
      <c r="M2894">
        <f t="shared" si="332"/>
        <v>0</v>
      </c>
      <c r="N2894" s="45">
        <f t="shared" si="333"/>
        <v>45046.16666665973</v>
      </c>
    </row>
    <row r="2895" spans="2:14" x14ac:dyDescent="0.25">
      <c r="B2895">
        <f t="shared" si="327"/>
        <v>7</v>
      </c>
      <c r="C2895" s="16">
        <v>2861</v>
      </c>
      <c r="D2895" cm="1">
        <f t="array" ref="D2895">IFERROR(INDEX(Jesper!AH$2:AH$366,ROUNDDOWN($C2895/24,0)+1,1)*INDEX($D$3:$AA$30,INDEX(Jesper!$R$2:$R$366,ROW(INDEX(Jesper!AH$2:AH$366,ROUNDDOWN($C2895/24,0)+1,1))-1)+IF('Standard Profiles'!$G$18=$B$10,7,0)+IF('Standard Profiles'!$G$18=$B$17,14,0)+IF('Standard Profiles'!$G$18=$B$24,21,0),MOD($C2895,24)+1)/SUM(INDEX($D$3:$AA$30,INDEX(Jesper!$R$2:$R$366,ROW(INDEX(Jesper!AH$2:AH$366,ROUNDDOWN($C2895/24,0)+1,1))-1)+IF('Standard Profiles'!$G$18=$B$10,7,0)+IF('Standard Profiles'!$G$18=$B$17,14,0)+IF('Standard Profiles'!$G$18=$B$24,21,0),0)),0)</f>
        <v>0</v>
      </c>
      <c r="E2895" cm="1">
        <f t="array" ref="E2895">IFERROR(INDEX(Jesper!AI$2:AI$366,ROUNDDOWN($C2895/24,0)+1,1)*INDEX($D$3:$AA$30,INDEX(Jesper!$R$2:$R$366,ROW(INDEX(Jesper!AI$2:AI$366,ROUNDDOWN($C2895/24,0)+1,1))-1)+IF('Standard Profiles'!$G$19=$B$10,7,0)+IF('Standard Profiles'!$G$19=$B$17,14,0)+IF('Standard Profiles'!$G$19=$B$24,21,0),MOD($C2895,24)+1)/SUM(INDEX($D$3:$AA$30,INDEX(Jesper!$R$2:$R$366,ROW(INDEX(Jesper!AI$2:AI$366,ROUNDDOWN($C2895/24,0)+1,1))-1)+IF('Standard Profiles'!$G$19=$B$10,7,0)+IF('Standard Profiles'!$G$19=$B$17,14,0)+IF('Standard Profiles'!$G$19=$B$24,21,0),0)),0)</f>
        <v>3.1686912094432431</v>
      </c>
      <c r="F2895" cm="1">
        <f t="array" ref="F2895">IFERROR(INDEX(Jesper!AJ$2:AJ$366,ROUNDDOWN($C2895/24,0)+1,1)*INDEX($D$3:$AA$30,INDEX(Jesper!$R$2:$R$366,ROW(INDEX(Jesper!AJ$2:AJ$366,ROUNDDOWN($C2895/24,0)+1,1))-1)+IF('Standard Profiles'!$G$20=$B$10,7,0)+IF('Standard Profiles'!$G$20=$B$17,14,0)+IF('Standard Profiles'!$G$20=$B$24,21,0),MOD($C2895,24)+1)/SUM(INDEX($D$3:$AA$30,INDEX(Jesper!$R$2:$R$366,ROW(INDEX(Jesper!AJ$2:AJ$366,ROUNDDOWN($C2895/24,0)+1,1))-1)+IF('Standard Profiles'!$G$20=$B$10,7,0)+IF('Standard Profiles'!$G$20=$B$17,14,0)+IF('Standard Profiles'!$G$20=$B$24,21,0),0)),0)</f>
        <v>1.9182306717409461</v>
      </c>
      <c r="G2895" cm="1">
        <f t="array" ref="G2895">IFERROR(INDEX(Jesper!AK$2:AK$366,ROUNDDOWN($C2895/24,0)+1,1)*INDEX($D$3:$AA$30,INDEX(Jesper!$R$2:$R$366,ROW(INDEX(Jesper!AK$2:AK$366,ROUNDDOWN($C2895/24,0)+1,1))-1)+IF('Standard Profiles'!$G$21=$B$10,7,0)+IF('Standard Profiles'!$G$21=$B$17,14,0)+IF('Standard Profiles'!$G$21=$B$24,21,0),MOD($C2895,24)+1)/SUM(INDEX($D$3:$AA$30,INDEX(Jesper!$R$2:$R$366,ROW(INDEX(Jesper!AK$2:AK$366,ROUNDDOWN($C2895/24,0)+1,1))-1)+IF('Standard Profiles'!$G$21=$B$10,7,0)+IF('Standard Profiles'!$G$21=$B$17,14,0)+IF('Standard Profiles'!$G$21=$B$24,21,0),0)),0)</f>
        <v>1.5807879556540263</v>
      </c>
      <c r="H2895" cm="1">
        <f t="array" ref="H2895">IFERROR(INDEX(Jesper!AL$2:AL$366,ROUNDDOWN($C2895/24,0)+1,1)*INDEX($D$3:$AA$30,INDEX(Jesper!$R$2:$R$366,ROW(INDEX(Jesper!AL$2:AL$366,ROUNDDOWN($C2895/24,0)+1,1))-1)+IF('Standard Profiles'!$G$22=$B$10,7,0)+IF('Standard Profiles'!$G$22=$B$17,14,0)+IF('Standard Profiles'!$G$22=$B$24,21,0),MOD($C2895,24)+1)/SUM(INDEX($D$3:$AA$30,INDEX(Jesper!$R$2:$R$366,ROW(INDEX(Jesper!AL$2:AL$366,ROUNDDOWN($C2895/24,0)+1,1))-1)+IF('Standard Profiles'!$G$22=$B$10,7,0)+IF('Standard Profiles'!$G$22=$B$17,14,0)+IF('Standard Profiles'!$G$22=$B$24,21,0),0)),0)</f>
        <v>0.67781759356279603</v>
      </c>
      <c r="I2895">
        <f t="shared" si="328"/>
        <v>0.65070488982028452</v>
      </c>
      <c r="J2895">
        <f t="shared" si="329"/>
        <v>6.3145795954475377</v>
      </c>
      <c r="K2895">
        <f t="shared" si="330"/>
        <v>0.25349529675545945</v>
      </c>
      <c r="L2895">
        <f t="shared" si="331"/>
        <v>0.12674764837772973</v>
      </c>
      <c r="M2895">
        <f t="shared" si="332"/>
        <v>0</v>
      </c>
      <c r="N2895" s="45">
        <f t="shared" si="333"/>
        <v>45046.208333326394</v>
      </c>
    </row>
    <row r="2896" spans="2:14" x14ac:dyDescent="0.25">
      <c r="B2896">
        <f t="shared" si="327"/>
        <v>7</v>
      </c>
      <c r="C2896" s="16">
        <v>2862</v>
      </c>
      <c r="D2896" cm="1">
        <f t="array" ref="D2896">IFERROR(INDEX(Jesper!AH$2:AH$366,ROUNDDOWN($C2896/24,0)+1,1)*INDEX($D$3:$AA$30,INDEX(Jesper!$R$2:$R$366,ROW(INDEX(Jesper!AH$2:AH$366,ROUNDDOWN($C2896/24,0)+1,1))-1)+IF('Standard Profiles'!$G$18=$B$10,7,0)+IF('Standard Profiles'!$G$18=$B$17,14,0)+IF('Standard Profiles'!$G$18=$B$24,21,0),MOD($C2896,24)+1)/SUM(INDEX($D$3:$AA$30,INDEX(Jesper!$R$2:$R$366,ROW(INDEX(Jesper!AH$2:AH$366,ROUNDDOWN($C2896/24,0)+1,1))-1)+IF('Standard Profiles'!$G$18=$B$10,7,0)+IF('Standard Profiles'!$G$18=$B$17,14,0)+IF('Standard Profiles'!$G$18=$B$24,21,0),0)),0)</f>
        <v>0</v>
      </c>
      <c r="E2896" cm="1">
        <f t="array" ref="E2896">IFERROR(INDEX(Jesper!AI$2:AI$366,ROUNDDOWN($C2896/24,0)+1,1)*INDEX($D$3:$AA$30,INDEX(Jesper!$R$2:$R$366,ROW(INDEX(Jesper!AI$2:AI$366,ROUNDDOWN($C2896/24,0)+1,1))-1)+IF('Standard Profiles'!$G$19=$B$10,7,0)+IF('Standard Profiles'!$G$19=$B$17,14,0)+IF('Standard Profiles'!$G$19=$B$24,21,0),MOD($C2896,24)+1)/SUM(INDEX($D$3:$AA$30,INDEX(Jesper!$R$2:$R$366,ROW(INDEX(Jesper!AI$2:AI$366,ROUNDDOWN($C2896/24,0)+1,1))-1)+IF('Standard Profiles'!$G$19=$B$10,7,0)+IF('Standard Profiles'!$G$19=$B$17,14,0)+IF('Standard Profiles'!$G$19=$B$24,21,0),0)),0)</f>
        <v>3.1686912094432431</v>
      </c>
      <c r="F2896" cm="1">
        <f t="array" ref="F2896">IFERROR(INDEX(Jesper!AJ$2:AJ$366,ROUNDDOWN($C2896/24,0)+1,1)*INDEX($D$3:$AA$30,INDEX(Jesper!$R$2:$R$366,ROW(INDEX(Jesper!AJ$2:AJ$366,ROUNDDOWN($C2896/24,0)+1,1))-1)+IF('Standard Profiles'!$G$20=$B$10,7,0)+IF('Standard Profiles'!$G$20=$B$17,14,0)+IF('Standard Profiles'!$G$20=$B$24,21,0),MOD($C2896,24)+1)/SUM(INDEX($D$3:$AA$30,INDEX(Jesper!$R$2:$R$366,ROW(INDEX(Jesper!AJ$2:AJ$366,ROUNDDOWN($C2896/24,0)+1,1))-1)+IF('Standard Profiles'!$G$20=$B$10,7,0)+IF('Standard Profiles'!$G$20=$B$17,14,0)+IF('Standard Profiles'!$G$20=$B$24,21,0),0)),0)</f>
        <v>1.9182306717409461</v>
      </c>
      <c r="G2896" cm="1">
        <f t="array" ref="G2896">IFERROR(INDEX(Jesper!AK$2:AK$366,ROUNDDOWN($C2896/24,0)+1,1)*INDEX($D$3:$AA$30,INDEX(Jesper!$R$2:$R$366,ROW(INDEX(Jesper!AK$2:AK$366,ROUNDDOWN($C2896/24,0)+1,1))-1)+IF('Standard Profiles'!$G$21=$B$10,7,0)+IF('Standard Profiles'!$G$21=$B$17,14,0)+IF('Standard Profiles'!$G$21=$B$24,21,0),MOD($C2896,24)+1)/SUM(INDEX($D$3:$AA$30,INDEX(Jesper!$R$2:$R$366,ROW(INDEX(Jesper!AK$2:AK$366,ROUNDDOWN($C2896/24,0)+1,1))-1)+IF('Standard Profiles'!$G$21=$B$10,7,0)+IF('Standard Profiles'!$G$21=$B$17,14,0)+IF('Standard Profiles'!$G$21=$B$24,21,0),0)),0)</f>
        <v>1.5807879556540263</v>
      </c>
      <c r="H2896" cm="1">
        <f t="array" ref="H2896">IFERROR(INDEX(Jesper!AL$2:AL$366,ROUNDDOWN($C2896/24,0)+1,1)*INDEX($D$3:$AA$30,INDEX(Jesper!$R$2:$R$366,ROW(INDEX(Jesper!AL$2:AL$366,ROUNDDOWN($C2896/24,0)+1,1))-1)+IF('Standard Profiles'!$G$22=$B$10,7,0)+IF('Standard Profiles'!$G$22=$B$17,14,0)+IF('Standard Profiles'!$G$22=$B$24,21,0),MOD($C2896,24)+1)/SUM(INDEX($D$3:$AA$30,INDEX(Jesper!$R$2:$R$366,ROW(INDEX(Jesper!AL$2:AL$366,ROUNDDOWN($C2896/24,0)+1,1))-1)+IF('Standard Profiles'!$G$22=$B$10,7,0)+IF('Standard Profiles'!$G$22=$B$17,14,0)+IF('Standard Profiles'!$G$22=$B$24,21,0),0)),0)</f>
        <v>0.79831849908507102</v>
      </c>
      <c r="I2896">
        <f t="shared" si="328"/>
        <v>0.76638575912166862</v>
      </c>
      <c r="J2896">
        <f t="shared" si="329"/>
        <v>6.3193996316684284</v>
      </c>
      <c r="K2896">
        <f t="shared" si="330"/>
        <v>0.25349529675545945</v>
      </c>
      <c r="L2896">
        <f t="shared" si="331"/>
        <v>0.12674764837772973</v>
      </c>
      <c r="M2896">
        <f t="shared" si="332"/>
        <v>0</v>
      </c>
      <c r="N2896" s="45">
        <f t="shared" si="333"/>
        <v>45046.249999993059</v>
      </c>
    </row>
    <row r="2897" spans="2:14" x14ac:dyDescent="0.25">
      <c r="B2897">
        <f t="shared" si="327"/>
        <v>7</v>
      </c>
      <c r="C2897" s="16">
        <v>2863</v>
      </c>
      <c r="D2897" cm="1">
        <f t="array" ref="D2897">IFERROR(INDEX(Jesper!AH$2:AH$366,ROUNDDOWN($C2897/24,0)+1,1)*INDEX($D$3:$AA$30,INDEX(Jesper!$R$2:$R$366,ROW(INDEX(Jesper!AH$2:AH$366,ROUNDDOWN($C2897/24,0)+1,1))-1)+IF('Standard Profiles'!$G$18=$B$10,7,0)+IF('Standard Profiles'!$G$18=$B$17,14,0)+IF('Standard Profiles'!$G$18=$B$24,21,0),MOD($C2897,24)+1)/SUM(INDEX($D$3:$AA$30,INDEX(Jesper!$R$2:$R$366,ROW(INDEX(Jesper!AH$2:AH$366,ROUNDDOWN($C2897/24,0)+1,1))-1)+IF('Standard Profiles'!$G$18=$B$10,7,0)+IF('Standard Profiles'!$G$18=$B$17,14,0)+IF('Standard Profiles'!$G$18=$B$24,21,0),0)),0)</f>
        <v>0</v>
      </c>
      <c r="E2897" cm="1">
        <f t="array" ref="E2897">IFERROR(INDEX(Jesper!AI$2:AI$366,ROUNDDOWN($C2897/24,0)+1,1)*INDEX($D$3:$AA$30,INDEX(Jesper!$R$2:$R$366,ROW(INDEX(Jesper!AI$2:AI$366,ROUNDDOWN($C2897/24,0)+1,1))-1)+IF('Standard Profiles'!$G$19=$B$10,7,0)+IF('Standard Profiles'!$G$19=$B$17,14,0)+IF('Standard Profiles'!$G$19=$B$24,21,0),MOD($C2897,24)+1)/SUM(INDEX($D$3:$AA$30,INDEX(Jesper!$R$2:$R$366,ROW(INDEX(Jesper!AI$2:AI$366,ROUNDDOWN($C2897/24,0)+1,1))-1)+IF('Standard Profiles'!$G$19=$B$10,7,0)+IF('Standard Profiles'!$G$19=$B$17,14,0)+IF('Standard Profiles'!$G$19=$B$24,21,0),0)),0)</f>
        <v>3.1686912094432431</v>
      </c>
      <c r="F2897" cm="1">
        <f t="array" ref="F2897">IFERROR(INDEX(Jesper!AJ$2:AJ$366,ROUNDDOWN($C2897/24,0)+1,1)*INDEX($D$3:$AA$30,INDEX(Jesper!$R$2:$R$366,ROW(INDEX(Jesper!AJ$2:AJ$366,ROUNDDOWN($C2897/24,0)+1,1))-1)+IF('Standard Profiles'!$G$20=$B$10,7,0)+IF('Standard Profiles'!$G$20=$B$17,14,0)+IF('Standard Profiles'!$G$20=$B$24,21,0),MOD($C2897,24)+1)/SUM(INDEX($D$3:$AA$30,INDEX(Jesper!$R$2:$R$366,ROW(INDEX(Jesper!AJ$2:AJ$366,ROUNDDOWN($C2897/24,0)+1,1))-1)+IF('Standard Profiles'!$G$20=$B$10,7,0)+IF('Standard Profiles'!$G$20=$B$17,14,0)+IF('Standard Profiles'!$G$20=$B$24,21,0),0)),0)</f>
        <v>1.9182306717409461</v>
      </c>
      <c r="G2897" cm="1">
        <f t="array" ref="G2897">IFERROR(INDEX(Jesper!AK$2:AK$366,ROUNDDOWN($C2897/24,0)+1,1)*INDEX($D$3:$AA$30,INDEX(Jesper!$R$2:$R$366,ROW(INDEX(Jesper!AK$2:AK$366,ROUNDDOWN($C2897/24,0)+1,1))-1)+IF('Standard Profiles'!$G$21=$B$10,7,0)+IF('Standard Profiles'!$G$21=$B$17,14,0)+IF('Standard Profiles'!$G$21=$B$24,21,0),MOD($C2897,24)+1)/SUM(INDEX($D$3:$AA$30,INDEX(Jesper!$R$2:$R$366,ROW(INDEX(Jesper!AK$2:AK$366,ROUNDDOWN($C2897/24,0)+1,1))-1)+IF('Standard Profiles'!$G$21=$B$10,7,0)+IF('Standard Profiles'!$G$21=$B$17,14,0)+IF('Standard Profiles'!$G$21=$B$24,21,0),0)),0)</f>
        <v>1.5807879556540263</v>
      </c>
      <c r="H2897" cm="1">
        <f t="array" ref="H2897">IFERROR(INDEX(Jesper!AL$2:AL$366,ROUNDDOWN($C2897/24,0)+1,1)*INDEX($D$3:$AA$30,INDEX(Jesper!$R$2:$R$366,ROW(INDEX(Jesper!AL$2:AL$366,ROUNDDOWN($C2897/24,0)+1,1))-1)+IF('Standard Profiles'!$G$22=$B$10,7,0)+IF('Standard Profiles'!$G$22=$B$17,14,0)+IF('Standard Profiles'!$G$22=$B$24,21,0),MOD($C2897,24)+1)/SUM(INDEX($D$3:$AA$30,INDEX(Jesper!$R$2:$R$366,ROW(INDEX(Jesper!AL$2:AL$366,ROUNDDOWN($C2897/24,0)+1,1))-1)+IF('Standard Profiles'!$G$22=$B$10,7,0)+IF('Standard Profiles'!$G$22=$B$17,14,0)+IF('Standard Profiles'!$G$22=$B$24,21,0),0)),0)</f>
        <v>0.94894463098791471</v>
      </c>
      <c r="I2897">
        <f t="shared" si="328"/>
        <v>0.91098684574839861</v>
      </c>
      <c r="J2897">
        <f t="shared" si="329"/>
        <v>6.3254246769445421</v>
      </c>
      <c r="K2897">
        <f t="shared" si="330"/>
        <v>0.25349529675545945</v>
      </c>
      <c r="L2897">
        <f t="shared" si="331"/>
        <v>0.12674764837772973</v>
      </c>
      <c r="M2897">
        <f t="shared" si="332"/>
        <v>0</v>
      </c>
      <c r="N2897" s="45">
        <f t="shared" si="333"/>
        <v>45046.291666659723</v>
      </c>
    </row>
    <row r="2898" spans="2:14" x14ac:dyDescent="0.25">
      <c r="B2898">
        <f t="shared" si="327"/>
        <v>7</v>
      </c>
      <c r="C2898" s="16">
        <v>2864</v>
      </c>
      <c r="D2898" cm="1">
        <f t="array" ref="D2898">IFERROR(INDEX(Jesper!AH$2:AH$366,ROUNDDOWN($C2898/24,0)+1,1)*INDEX($D$3:$AA$30,INDEX(Jesper!$R$2:$R$366,ROW(INDEX(Jesper!AH$2:AH$366,ROUNDDOWN($C2898/24,0)+1,1))-1)+IF('Standard Profiles'!$G$18=$B$10,7,0)+IF('Standard Profiles'!$G$18=$B$17,14,0)+IF('Standard Profiles'!$G$18=$B$24,21,0),MOD($C2898,24)+1)/SUM(INDEX($D$3:$AA$30,INDEX(Jesper!$R$2:$R$366,ROW(INDEX(Jesper!AH$2:AH$366,ROUNDDOWN($C2898/24,0)+1,1))-1)+IF('Standard Profiles'!$G$18=$B$10,7,0)+IF('Standard Profiles'!$G$18=$B$17,14,0)+IF('Standard Profiles'!$G$18=$B$24,21,0),0)),0)</f>
        <v>0</v>
      </c>
      <c r="E2898" cm="1">
        <f t="array" ref="E2898">IFERROR(INDEX(Jesper!AI$2:AI$366,ROUNDDOWN($C2898/24,0)+1,1)*INDEX($D$3:$AA$30,INDEX(Jesper!$R$2:$R$366,ROW(INDEX(Jesper!AI$2:AI$366,ROUNDDOWN($C2898/24,0)+1,1))-1)+IF('Standard Profiles'!$G$19=$B$10,7,0)+IF('Standard Profiles'!$G$19=$B$17,14,0)+IF('Standard Profiles'!$G$19=$B$24,21,0),MOD($C2898,24)+1)/SUM(INDEX($D$3:$AA$30,INDEX(Jesper!$R$2:$R$366,ROW(INDEX(Jesper!AI$2:AI$366,ROUNDDOWN($C2898/24,0)+1,1))-1)+IF('Standard Profiles'!$G$19=$B$10,7,0)+IF('Standard Profiles'!$G$19=$B$17,14,0)+IF('Standard Profiles'!$G$19=$B$24,21,0),0)),0)</f>
        <v>3.1686912094432431</v>
      </c>
      <c r="F2898" cm="1">
        <f t="array" ref="F2898">IFERROR(INDEX(Jesper!AJ$2:AJ$366,ROUNDDOWN($C2898/24,0)+1,1)*INDEX($D$3:$AA$30,INDEX(Jesper!$R$2:$R$366,ROW(INDEX(Jesper!AJ$2:AJ$366,ROUNDDOWN($C2898/24,0)+1,1))-1)+IF('Standard Profiles'!$G$20=$B$10,7,0)+IF('Standard Profiles'!$G$20=$B$17,14,0)+IF('Standard Profiles'!$G$20=$B$24,21,0),MOD($C2898,24)+1)/SUM(INDEX($D$3:$AA$30,INDEX(Jesper!$R$2:$R$366,ROW(INDEX(Jesper!AJ$2:AJ$366,ROUNDDOWN($C2898/24,0)+1,1))-1)+IF('Standard Profiles'!$G$20=$B$10,7,0)+IF('Standard Profiles'!$G$20=$B$17,14,0)+IF('Standard Profiles'!$G$20=$B$24,21,0),0)),0)</f>
        <v>1.9182306717409461</v>
      </c>
      <c r="G2898" cm="1">
        <f t="array" ref="G2898">IFERROR(INDEX(Jesper!AK$2:AK$366,ROUNDDOWN($C2898/24,0)+1,1)*INDEX($D$3:$AA$30,INDEX(Jesper!$R$2:$R$366,ROW(INDEX(Jesper!AK$2:AK$366,ROUNDDOWN($C2898/24,0)+1,1))-1)+IF('Standard Profiles'!$G$21=$B$10,7,0)+IF('Standard Profiles'!$G$21=$B$17,14,0)+IF('Standard Profiles'!$G$21=$B$24,21,0),MOD($C2898,24)+1)/SUM(INDEX($D$3:$AA$30,INDEX(Jesper!$R$2:$R$366,ROW(INDEX(Jesper!AK$2:AK$366,ROUNDDOWN($C2898/24,0)+1,1))-1)+IF('Standard Profiles'!$G$21=$B$10,7,0)+IF('Standard Profiles'!$G$21=$B$17,14,0)+IF('Standard Profiles'!$G$21=$B$24,21,0),0)),0)</f>
        <v>1.5807879556540263</v>
      </c>
      <c r="H2898" cm="1">
        <f t="array" ref="H2898">IFERROR(INDEX(Jesper!AL$2:AL$366,ROUNDDOWN($C2898/24,0)+1,1)*INDEX($D$3:$AA$30,INDEX(Jesper!$R$2:$R$366,ROW(INDEX(Jesper!AL$2:AL$366,ROUNDDOWN($C2898/24,0)+1,1))-1)+IF('Standard Profiles'!$G$22=$B$10,7,0)+IF('Standard Profiles'!$G$22=$B$17,14,0)+IF('Standard Profiles'!$G$22=$B$24,21,0),MOD($C2898,24)+1)/SUM(INDEX($D$3:$AA$30,INDEX(Jesper!$R$2:$R$366,ROW(INDEX(Jesper!AL$2:AL$366,ROUNDDOWN($C2898/24,0)+1,1))-1)+IF('Standard Profiles'!$G$22=$B$10,7,0)+IF('Standard Profiles'!$G$22=$B$17,14,0)+IF('Standard Profiles'!$G$22=$B$24,21,0),0)),0)</f>
        <v>0.94894463098791471</v>
      </c>
      <c r="I2898">
        <f t="shared" si="328"/>
        <v>0.91098684574839861</v>
      </c>
      <c r="J2898">
        <f t="shared" si="329"/>
        <v>6.3254246769445421</v>
      </c>
      <c r="K2898">
        <f t="shared" si="330"/>
        <v>0.25349529675545945</v>
      </c>
      <c r="L2898">
        <f t="shared" si="331"/>
        <v>0.12674764837772973</v>
      </c>
      <c r="M2898">
        <f t="shared" si="332"/>
        <v>0</v>
      </c>
      <c r="N2898" s="45">
        <f t="shared" si="333"/>
        <v>45046.333333326387</v>
      </c>
    </row>
    <row r="2899" spans="2:14" x14ac:dyDescent="0.25">
      <c r="B2899">
        <f t="shared" si="327"/>
        <v>7</v>
      </c>
      <c r="C2899" s="16">
        <v>2865</v>
      </c>
      <c r="D2899" cm="1">
        <f t="array" ref="D2899">IFERROR(INDEX(Jesper!AH$2:AH$366,ROUNDDOWN($C2899/24,0)+1,1)*INDEX($D$3:$AA$30,INDEX(Jesper!$R$2:$R$366,ROW(INDEX(Jesper!AH$2:AH$366,ROUNDDOWN($C2899/24,0)+1,1))-1)+IF('Standard Profiles'!$G$18=$B$10,7,0)+IF('Standard Profiles'!$G$18=$B$17,14,0)+IF('Standard Profiles'!$G$18=$B$24,21,0),MOD($C2899,24)+1)/SUM(INDEX($D$3:$AA$30,INDEX(Jesper!$R$2:$R$366,ROW(INDEX(Jesper!AH$2:AH$366,ROUNDDOWN($C2899/24,0)+1,1))-1)+IF('Standard Profiles'!$G$18=$B$10,7,0)+IF('Standard Profiles'!$G$18=$B$17,14,0)+IF('Standard Profiles'!$G$18=$B$24,21,0),0)),0)</f>
        <v>0</v>
      </c>
      <c r="E2899" cm="1">
        <f t="array" ref="E2899">IFERROR(INDEX(Jesper!AI$2:AI$366,ROUNDDOWN($C2899/24,0)+1,1)*INDEX($D$3:$AA$30,INDEX(Jesper!$R$2:$R$366,ROW(INDEX(Jesper!AI$2:AI$366,ROUNDDOWN($C2899/24,0)+1,1))-1)+IF('Standard Profiles'!$G$19=$B$10,7,0)+IF('Standard Profiles'!$G$19=$B$17,14,0)+IF('Standard Profiles'!$G$19=$B$24,21,0),MOD($C2899,24)+1)/SUM(INDEX($D$3:$AA$30,INDEX(Jesper!$R$2:$R$366,ROW(INDEX(Jesper!AI$2:AI$366,ROUNDDOWN($C2899/24,0)+1,1))-1)+IF('Standard Profiles'!$G$19=$B$10,7,0)+IF('Standard Profiles'!$G$19=$B$17,14,0)+IF('Standard Profiles'!$G$19=$B$24,21,0),0)),0)</f>
        <v>3.1686912094432431</v>
      </c>
      <c r="F2899" cm="1">
        <f t="array" ref="F2899">IFERROR(INDEX(Jesper!AJ$2:AJ$366,ROUNDDOWN($C2899/24,0)+1,1)*INDEX($D$3:$AA$30,INDEX(Jesper!$R$2:$R$366,ROW(INDEX(Jesper!AJ$2:AJ$366,ROUNDDOWN($C2899/24,0)+1,1))-1)+IF('Standard Profiles'!$G$20=$B$10,7,0)+IF('Standard Profiles'!$G$20=$B$17,14,0)+IF('Standard Profiles'!$G$20=$B$24,21,0),MOD($C2899,24)+1)/SUM(INDEX($D$3:$AA$30,INDEX(Jesper!$R$2:$R$366,ROW(INDEX(Jesper!AJ$2:AJ$366,ROUNDDOWN($C2899/24,0)+1,1))-1)+IF('Standard Profiles'!$G$20=$B$10,7,0)+IF('Standard Profiles'!$G$20=$B$17,14,0)+IF('Standard Profiles'!$G$20=$B$24,21,0),0)),0)</f>
        <v>1.9182306717409461</v>
      </c>
      <c r="G2899" cm="1">
        <f t="array" ref="G2899">IFERROR(INDEX(Jesper!AK$2:AK$366,ROUNDDOWN($C2899/24,0)+1,1)*INDEX($D$3:$AA$30,INDEX(Jesper!$R$2:$R$366,ROW(INDEX(Jesper!AK$2:AK$366,ROUNDDOWN($C2899/24,0)+1,1))-1)+IF('Standard Profiles'!$G$21=$B$10,7,0)+IF('Standard Profiles'!$G$21=$B$17,14,0)+IF('Standard Profiles'!$G$21=$B$24,21,0),MOD($C2899,24)+1)/SUM(INDEX($D$3:$AA$30,INDEX(Jesper!$R$2:$R$366,ROW(INDEX(Jesper!AK$2:AK$366,ROUNDDOWN($C2899/24,0)+1,1))-1)+IF('Standard Profiles'!$G$21=$B$10,7,0)+IF('Standard Profiles'!$G$21=$B$17,14,0)+IF('Standard Profiles'!$G$21=$B$24,21,0),0)),0)</f>
        <v>1.5807879556540263</v>
      </c>
      <c r="H2899" cm="1">
        <f t="array" ref="H2899">IFERROR(INDEX(Jesper!AL$2:AL$366,ROUNDDOWN($C2899/24,0)+1,1)*INDEX($D$3:$AA$30,INDEX(Jesper!$R$2:$R$366,ROW(INDEX(Jesper!AL$2:AL$366,ROUNDDOWN($C2899/24,0)+1,1))-1)+IF('Standard Profiles'!$G$22=$B$10,7,0)+IF('Standard Profiles'!$G$22=$B$17,14,0)+IF('Standard Profiles'!$G$22=$B$24,21,0),MOD($C2899,24)+1)/SUM(INDEX($D$3:$AA$30,INDEX(Jesper!$R$2:$R$366,ROW(INDEX(Jesper!AL$2:AL$366,ROUNDDOWN($C2899/24,0)+1,1))-1)+IF('Standard Profiles'!$G$22=$B$10,7,0)+IF('Standard Profiles'!$G$22=$B$17,14,0)+IF('Standard Profiles'!$G$22=$B$24,21,0),0)),0)</f>
        <v>0.94894463098791471</v>
      </c>
      <c r="I2899">
        <f t="shared" si="328"/>
        <v>0.91098684574839861</v>
      </c>
      <c r="J2899">
        <f t="shared" si="329"/>
        <v>6.3254246769445421</v>
      </c>
      <c r="K2899">
        <f t="shared" si="330"/>
        <v>0.25349529675545945</v>
      </c>
      <c r="L2899">
        <f t="shared" si="331"/>
        <v>0.12674764837772973</v>
      </c>
      <c r="M2899">
        <f t="shared" si="332"/>
        <v>0</v>
      </c>
      <c r="N2899" s="45">
        <f t="shared" si="333"/>
        <v>45046.374999993051</v>
      </c>
    </row>
    <row r="2900" spans="2:14" x14ac:dyDescent="0.25">
      <c r="B2900">
        <f t="shared" si="327"/>
        <v>7</v>
      </c>
      <c r="C2900" s="16">
        <v>2866</v>
      </c>
      <c r="D2900" cm="1">
        <f t="array" ref="D2900">IFERROR(INDEX(Jesper!AH$2:AH$366,ROUNDDOWN($C2900/24,0)+1,1)*INDEX($D$3:$AA$30,INDEX(Jesper!$R$2:$R$366,ROW(INDEX(Jesper!AH$2:AH$366,ROUNDDOWN($C2900/24,0)+1,1))-1)+IF('Standard Profiles'!$G$18=$B$10,7,0)+IF('Standard Profiles'!$G$18=$B$17,14,0)+IF('Standard Profiles'!$G$18=$B$24,21,0),MOD($C2900,24)+1)/SUM(INDEX($D$3:$AA$30,INDEX(Jesper!$R$2:$R$366,ROW(INDEX(Jesper!AH$2:AH$366,ROUNDDOWN($C2900/24,0)+1,1))-1)+IF('Standard Profiles'!$G$18=$B$10,7,0)+IF('Standard Profiles'!$G$18=$B$17,14,0)+IF('Standard Profiles'!$G$18=$B$24,21,0),0)),0)</f>
        <v>0</v>
      </c>
      <c r="E2900" cm="1">
        <f t="array" ref="E2900">IFERROR(INDEX(Jesper!AI$2:AI$366,ROUNDDOWN($C2900/24,0)+1,1)*INDEX($D$3:$AA$30,INDEX(Jesper!$R$2:$R$366,ROW(INDEX(Jesper!AI$2:AI$366,ROUNDDOWN($C2900/24,0)+1,1))-1)+IF('Standard Profiles'!$G$19=$B$10,7,0)+IF('Standard Profiles'!$G$19=$B$17,14,0)+IF('Standard Profiles'!$G$19=$B$24,21,0),MOD($C2900,24)+1)/SUM(INDEX($D$3:$AA$30,INDEX(Jesper!$R$2:$R$366,ROW(INDEX(Jesper!AI$2:AI$366,ROUNDDOWN($C2900/24,0)+1,1))-1)+IF('Standard Profiles'!$G$19=$B$10,7,0)+IF('Standard Profiles'!$G$19=$B$17,14,0)+IF('Standard Profiles'!$G$19=$B$24,21,0),0)),0)</f>
        <v>3.1686912094432431</v>
      </c>
      <c r="F2900" cm="1">
        <f t="array" ref="F2900">IFERROR(INDEX(Jesper!AJ$2:AJ$366,ROUNDDOWN($C2900/24,0)+1,1)*INDEX($D$3:$AA$30,INDEX(Jesper!$R$2:$R$366,ROW(INDEX(Jesper!AJ$2:AJ$366,ROUNDDOWN($C2900/24,0)+1,1))-1)+IF('Standard Profiles'!$G$20=$B$10,7,0)+IF('Standard Profiles'!$G$20=$B$17,14,0)+IF('Standard Profiles'!$G$20=$B$24,21,0),MOD($C2900,24)+1)/SUM(INDEX($D$3:$AA$30,INDEX(Jesper!$R$2:$R$366,ROW(INDEX(Jesper!AJ$2:AJ$366,ROUNDDOWN($C2900/24,0)+1,1))-1)+IF('Standard Profiles'!$G$20=$B$10,7,0)+IF('Standard Profiles'!$G$20=$B$17,14,0)+IF('Standard Profiles'!$G$20=$B$24,21,0),0)),0)</f>
        <v>1.9182306717409461</v>
      </c>
      <c r="G2900" cm="1">
        <f t="array" ref="G2900">IFERROR(INDEX(Jesper!AK$2:AK$366,ROUNDDOWN($C2900/24,0)+1,1)*INDEX($D$3:$AA$30,INDEX(Jesper!$R$2:$R$366,ROW(INDEX(Jesper!AK$2:AK$366,ROUNDDOWN($C2900/24,0)+1,1))-1)+IF('Standard Profiles'!$G$21=$B$10,7,0)+IF('Standard Profiles'!$G$21=$B$17,14,0)+IF('Standard Profiles'!$G$21=$B$24,21,0),MOD($C2900,24)+1)/SUM(INDEX($D$3:$AA$30,INDEX(Jesper!$R$2:$R$366,ROW(INDEX(Jesper!AK$2:AK$366,ROUNDDOWN($C2900/24,0)+1,1))-1)+IF('Standard Profiles'!$G$21=$B$10,7,0)+IF('Standard Profiles'!$G$21=$B$17,14,0)+IF('Standard Profiles'!$G$21=$B$24,21,0),0)),0)</f>
        <v>1.5807879556540263</v>
      </c>
      <c r="H2900" cm="1">
        <f t="array" ref="H2900">IFERROR(INDEX(Jesper!AL$2:AL$366,ROUNDDOWN($C2900/24,0)+1,1)*INDEX($D$3:$AA$30,INDEX(Jesper!$R$2:$R$366,ROW(INDEX(Jesper!AL$2:AL$366,ROUNDDOWN($C2900/24,0)+1,1))-1)+IF('Standard Profiles'!$G$22=$B$10,7,0)+IF('Standard Profiles'!$G$22=$B$17,14,0)+IF('Standard Profiles'!$G$22=$B$24,21,0),MOD($C2900,24)+1)/SUM(INDEX($D$3:$AA$30,INDEX(Jesper!$R$2:$R$366,ROW(INDEX(Jesper!AL$2:AL$366,ROUNDDOWN($C2900/24,0)+1,1))-1)+IF('Standard Profiles'!$G$22=$B$10,7,0)+IF('Standard Profiles'!$G$22=$B$17,14,0)+IF('Standard Profiles'!$G$22=$B$24,21,0),0)),0)</f>
        <v>0.94894463098791471</v>
      </c>
      <c r="I2900">
        <f t="shared" si="328"/>
        <v>0.91098684574839861</v>
      </c>
      <c r="J2900">
        <f t="shared" si="329"/>
        <v>6.3254246769445421</v>
      </c>
      <c r="K2900">
        <f t="shared" si="330"/>
        <v>0.25349529675545945</v>
      </c>
      <c r="L2900">
        <f t="shared" si="331"/>
        <v>0.12674764837772973</v>
      </c>
      <c r="M2900">
        <f t="shared" si="332"/>
        <v>0</v>
      </c>
      <c r="N2900" s="45">
        <f t="shared" si="333"/>
        <v>45046.416666659716</v>
      </c>
    </row>
    <row r="2901" spans="2:14" x14ac:dyDescent="0.25">
      <c r="B2901">
        <f t="shared" si="327"/>
        <v>7</v>
      </c>
      <c r="C2901" s="16">
        <v>2867</v>
      </c>
      <c r="D2901" cm="1">
        <f t="array" ref="D2901">IFERROR(INDEX(Jesper!AH$2:AH$366,ROUNDDOWN($C2901/24,0)+1,1)*INDEX($D$3:$AA$30,INDEX(Jesper!$R$2:$R$366,ROW(INDEX(Jesper!AH$2:AH$366,ROUNDDOWN($C2901/24,0)+1,1))-1)+IF('Standard Profiles'!$G$18=$B$10,7,0)+IF('Standard Profiles'!$G$18=$B$17,14,0)+IF('Standard Profiles'!$G$18=$B$24,21,0),MOD($C2901,24)+1)/SUM(INDEX($D$3:$AA$30,INDEX(Jesper!$R$2:$R$366,ROW(INDEX(Jesper!AH$2:AH$366,ROUNDDOWN($C2901/24,0)+1,1))-1)+IF('Standard Profiles'!$G$18=$B$10,7,0)+IF('Standard Profiles'!$G$18=$B$17,14,0)+IF('Standard Profiles'!$G$18=$B$24,21,0),0)),0)</f>
        <v>0</v>
      </c>
      <c r="E2901" cm="1">
        <f t="array" ref="E2901">IFERROR(INDEX(Jesper!AI$2:AI$366,ROUNDDOWN($C2901/24,0)+1,1)*INDEX($D$3:$AA$30,INDEX(Jesper!$R$2:$R$366,ROW(INDEX(Jesper!AI$2:AI$366,ROUNDDOWN($C2901/24,0)+1,1))-1)+IF('Standard Profiles'!$G$19=$B$10,7,0)+IF('Standard Profiles'!$G$19=$B$17,14,0)+IF('Standard Profiles'!$G$19=$B$24,21,0),MOD($C2901,24)+1)/SUM(INDEX($D$3:$AA$30,INDEX(Jesper!$R$2:$R$366,ROW(INDEX(Jesper!AI$2:AI$366,ROUNDDOWN($C2901/24,0)+1,1))-1)+IF('Standard Profiles'!$G$19=$B$10,7,0)+IF('Standard Profiles'!$G$19=$B$17,14,0)+IF('Standard Profiles'!$G$19=$B$24,21,0),0)),0)</f>
        <v>3.1686912094432431</v>
      </c>
      <c r="F2901" cm="1">
        <f t="array" ref="F2901">IFERROR(INDEX(Jesper!AJ$2:AJ$366,ROUNDDOWN($C2901/24,0)+1,1)*INDEX($D$3:$AA$30,INDEX(Jesper!$R$2:$R$366,ROW(INDEX(Jesper!AJ$2:AJ$366,ROUNDDOWN($C2901/24,0)+1,1))-1)+IF('Standard Profiles'!$G$20=$B$10,7,0)+IF('Standard Profiles'!$G$20=$B$17,14,0)+IF('Standard Profiles'!$G$20=$B$24,21,0),MOD($C2901,24)+1)/SUM(INDEX($D$3:$AA$30,INDEX(Jesper!$R$2:$R$366,ROW(INDEX(Jesper!AJ$2:AJ$366,ROUNDDOWN($C2901/24,0)+1,1))-1)+IF('Standard Profiles'!$G$20=$B$10,7,0)+IF('Standard Profiles'!$G$20=$B$17,14,0)+IF('Standard Profiles'!$G$20=$B$24,21,0),0)),0)</f>
        <v>1.9182306717409461</v>
      </c>
      <c r="G2901" cm="1">
        <f t="array" ref="G2901">IFERROR(INDEX(Jesper!AK$2:AK$366,ROUNDDOWN($C2901/24,0)+1,1)*INDEX($D$3:$AA$30,INDEX(Jesper!$R$2:$R$366,ROW(INDEX(Jesper!AK$2:AK$366,ROUNDDOWN($C2901/24,0)+1,1))-1)+IF('Standard Profiles'!$G$21=$B$10,7,0)+IF('Standard Profiles'!$G$21=$B$17,14,0)+IF('Standard Profiles'!$G$21=$B$24,21,0),MOD($C2901,24)+1)/SUM(INDEX($D$3:$AA$30,INDEX(Jesper!$R$2:$R$366,ROW(INDEX(Jesper!AK$2:AK$366,ROUNDDOWN($C2901/24,0)+1,1))-1)+IF('Standard Profiles'!$G$21=$B$10,7,0)+IF('Standard Profiles'!$G$21=$B$17,14,0)+IF('Standard Profiles'!$G$21=$B$24,21,0),0)),0)</f>
        <v>1.5807879556540263</v>
      </c>
      <c r="H2901" cm="1">
        <f t="array" ref="H2901">IFERROR(INDEX(Jesper!AL$2:AL$366,ROUNDDOWN($C2901/24,0)+1,1)*INDEX($D$3:$AA$30,INDEX(Jesper!$R$2:$R$366,ROW(INDEX(Jesper!AL$2:AL$366,ROUNDDOWN($C2901/24,0)+1,1))-1)+IF('Standard Profiles'!$G$22=$B$10,7,0)+IF('Standard Profiles'!$G$22=$B$17,14,0)+IF('Standard Profiles'!$G$22=$B$24,21,0),MOD($C2901,24)+1)/SUM(INDEX($D$3:$AA$30,INDEX(Jesper!$R$2:$R$366,ROW(INDEX(Jesper!AL$2:AL$366,ROUNDDOWN($C2901/24,0)+1,1))-1)+IF('Standard Profiles'!$G$22=$B$10,7,0)+IF('Standard Profiles'!$G$22=$B$17,14,0)+IF('Standard Profiles'!$G$22=$B$24,21,0),0)),0)</f>
        <v>0.94894463098791471</v>
      </c>
      <c r="I2901">
        <f t="shared" si="328"/>
        <v>0.91098684574839861</v>
      </c>
      <c r="J2901">
        <f t="shared" si="329"/>
        <v>6.3254246769445421</v>
      </c>
      <c r="K2901">
        <f t="shared" si="330"/>
        <v>0.25349529675545945</v>
      </c>
      <c r="L2901">
        <f t="shared" si="331"/>
        <v>0.12674764837772973</v>
      </c>
      <c r="M2901">
        <f t="shared" si="332"/>
        <v>0</v>
      </c>
      <c r="N2901" s="45">
        <f t="shared" si="333"/>
        <v>45046.45833332638</v>
      </c>
    </row>
    <row r="2902" spans="2:14" x14ac:dyDescent="0.25">
      <c r="B2902">
        <f t="shared" si="327"/>
        <v>7</v>
      </c>
      <c r="C2902" s="16">
        <v>2868</v>
      </c>
      <c r="D2902" cm="1">
        <f t="array" ref="D2902">IFERROR(INDEX(Jesper!AH$2:AH$366,ROUNDDOWN($C2902/24,0)+1,1)*INDEX($D$3:$AA$30,INDEX(Jesper!$R$2:$R$366,ROW(INDEX(Jesper!AH$2:AH$366,ROUNDDOWN($C2902/24,0)+1,1))-1)+IF('Standard Profiles'!$G$18=$B$10,7,0)+IF('Standard Profiles'!$G$18=$B$17,14,0)+IF('Standard Profiles'!$G$18=$B$24,21,0),MOD($C2902,24)+1)/SUM(INDEX($D$3:$AA$30,INDEX(Jesper!$R$2:$R$366,ROW(INDEX(Jesper!AH$2:AH$366,ROUNDDOWN($C2902/24,0)+1,1))-1)+IF('Standard Profiles'!$G$18=$B$10,7,0)+IF('Standard Profiles'!$G$18=$B$17,14,0)+IF('Standard Profiles'!$G$18=$B$24,21,0),0)),0)</f>
        <v>0</v>
      </c>
      <c r="E2902" cm="1">
        <f t="array" ref="E2902">IFERROR(INDEX(Jesper!AI$2:AI$366,ROUNDDOWN($C2902/24,0)+1,1)*INDEX($D$3:$AA$30,INDEX(Jesper!$R$2:$R$366,ROW(INDEX(Jesper!AI$2:AI$366,ROUNDDOWN($C2902/24,0)+1,1))-1)+IF('Standard Profiles'!$G$19=$B$10,7,0)+IF('Standard Profiles'!$G$19=$B$17,14,0)+IF('Standard Profiles'!$G$19=$B$24,21,0),MOD($C2902,24)+1)/SUM(INDEX($D$3:$AA$30,INDEX(Jesper!$R$2:$R$366,ROW(INDEX(Jesper!AI$2:AI$366,ROUNDDOWN($C2902/24,0)+1,1))-1)+IF('Standard Profiles'!$G$19=$B$10,7,0)+IF('Standard Profiles'!$G$19=$B$17,14,0)+IF('Standard Profiles'!$G$19=$B$24,21,0),0)),0)</f>
        <v>3.1686912094432431</v>
      </c>
      <c r="F2902" cm="1">
        <f t="array" ref="F2902">IFERROR(INDEX(Jesper!AJ$2:AJ$366,ROUNDDOWN($C2902/24,0)+1,1)*INDEX($D$3:$AA$30,INDEX(Jesper!$R$2:$R$366,ROW(INDEX(Jesper!AJ$2:AJ$366,ROUNDDOWN($C2902/24,0)+1,1))-1)+IF('Standard Profiles'!$G$20=$B$10,7,0)+IF('Standard Profiles'!$G$20=$B$17,14,0)+IF('Standard Profiles'!$G$20=$B$24,21,0),MOD($C2902,24)+1)/SUM(INDEX($D$3:$AA$30,INDEX(Jesper!$R$2:$R$366,ROW(INDEX(Jesper!AJ$2:AJ$366,ROUNDDOWN($C2902/24,0)+1,1))-1)+IF('Standard Profiles'!$G$20=$B$10,7,0)+IF('Standard Profiles'!$G$20=$B$17,14,0)+IF('Standard Profiles'!$G$20=$B$24,21,0),0)),0)</f>
        <v>1.9182306717409461</v>
      </c>
      <c r="G2902" cm="1">
        <f t="array" ref="G2902">IFERROR(INDEX(Jesper!AK$2:AK$366,ROUNDDOWN($C2902/24,0)+1,1)*INDEX($D$3:$AA$30,INDEX(Jesper!$R$2:$R$366,ROW(INDEX(Jesper!AK$2:AK$366,ROUNDDOWN($C2902/24,0)+1,1))-1)+IF('Standard Profiles'!$G$21=$B$10,7,0)+IF('Standard Profiles'!$G$21=$B$17,14,0)+IF('Standard Profiles'!$G$21=$B$24,21,0),MOD($C2902,24)+1)/SUM(INDEX($D$3:$AA$30,INDEX(Jesper!$R$2:$R$366,ROW(INDEX(Jesper!AK$2:AK$366,ROUNDDOWN($C2902/24,0)+1,1))-1)+IF('Standard Profiles'!$G$21=$B$10,7,0)+IF('Standard Profiles'!$G$21=$B$17,14,0)+IF('Standard Profiles'!$G$21=$B$24,21,0),0)),0)</f>
        <v>1.5807879556540263</v>
      </c>
      <c r="H2902" cm="1">
        <f t="array" ref="H2902">IFERROR(INDEX(Jesper!AL$2:AL$366,ROUNDDOWN($C2902/24,0)+1,1)*INDEX($D$3:$AA$30,INDEX(Jesper!$R$2:$R$366,ROW(INDEX(Jesper!AL$2:AL$366,ROUNDDOWN($C2902/24,0)+1,1))-1)+IF('Standard Profiles'!$G$22=$B$10,7,0)+IF('Standard Profiles'!$G$22=$B$17,14,0)+IF('Standard Profiles'!$G$22=$B$24,21,0),MOD($C2902,24)+1)/SUM(INDEX($D$3:$AA$30,INDEX(Jesper!$R$2:$R$366,ROW(INDEX(Jesper!AL$2:AL$366,ROUNDDOWN($C2902/24,0)+1,1))-1)+IF('Standard Profiles'!$G$22=$B$10,7,0)+IF('Standard Profiles'!$G$22=$B$17,14,0)+IF('Standard Profiles'!$G$22=$B$24,21,0),0)),0)</f>
        <v>0.94894463098791471</v>
      </c>
      <c r="I2902">
        <f t="shared" si="328"/>
        <v>0.91098684574839861</v>
      </c>
      <c r="J2902">
        <f t="shared" si="329"/>
        <v>6.3254246769445421</v>
      </c>
      <c r="K2902">
        <f t="shared" si="330"/>
        <v>0.25349529675545945</v>
      </c>
      <c r="L2902">
        <f t="shared" si="331"/>
        <v>0.12674764837772973</v>
      </c>
      <c r="M2902">
        <f t="shared" si="332"/>
        <v>0</v>
      </c>
      <c r="N2902" s="45">
        <f t="shared" si="333"/>
        <v>45046.499999993044</v>
      </c>
    </row>
    <row r="2903" spans="2:14" x14ac:dyDescent="0.25">
      <c r="B2903">
        <f t="shared" si="327"/>
        <v>7</v>
      </c>
      <c r="C2903" s="16">
        <v>2869</v>
      </c>
      <c r="D2903" cm="1">
        <f t="array" ref="D2903">IFERROR(INDEX(Jesper!AH$2:AH$366,ROUNDDOWN($C2903/24,0)+1,1)*INDEX($D$3:$AA$30,INDEX(Jesper!$R$2:$R$366,ROW(INDEX(Jesper!AH$2:AH$366,ROUNDDOWN($C2903/24,0)+1,1))-1)+IF('Standard Profiles'!$G$18=$B$10,7,0)+IF('Standard Profiles'!$G$18=$B$17,14,0)+IF('Standard Profiles'!$G$18=$B$24,21,0),MOD($C2903,24)+1)/SUM(INDEX($D$3:$AA$30,INDEX(Jesper!$R$2:$R$366,ROW(INDEX(Jesper!AH$2:AH$366,ROUNDDOWN($C2903/24,0)+1,1))-1)+IF('Standard Profiles'!$G$18=$B$10,7,0)+IF('Standard Profiles'!$G$18=$B$17,14,0)+IF('Standard Profiles'!$G$18=$B$24,21,0),0)),0)</f>
        <v>0</v>
      </c>
      <c r="E2903" cm="1">
        <f t="array" ref="E2903">IFERROR(INDEX(Jesper!AI$2:AI$366,ROUNDDOWN($C2903/24,0)+1,1)*INDEX($D$3:$AA$30,INDEX(Jesper!$R$2:$R$366,ROW(INDEX(Jesper!AI$2:AI$366,ROUNDDOWN($C2903/24,0)+1,1))-1)+IF('Standard Profiles'!$G$19=$B$10,7,0)+IF('Standard Profiles'!$G$19=$B$17,14,0)+IF('Standard Profiles'!$G$19=$B$24,21,0),MOD($C2903,24)+1)/SUM(INDEX($D$3:$AA$30,INDEX(Jesper!$R$2:$R$366,ROW(INDEX(Jesper!AI$2:AI$366,ROUNDDOWN($C2903/24,0)+1,1))-1)+IF('Standard Profiles'!$G$19=$B$10,7,0)+IF('Standard Profiles'!$G$19=$B$17,14,0)+IF('Standard Profiles'!$G$19=$B$24,21,0),0)),0)</f>
        <v>3.1686912094432431</v>
      </c>
      <c r="F2903" cm="1">
        <f t="array" ref="F2903">IFERROR(INDEX(Jesper!AJ$2:AJ$366,ROUNDDOWN($C2903/24,0)+1,1)*INDEX($D$3:$AA$30,INDEX(Jesper!$R$2:$R$366,ROW(INDEX(Jesper!AJ$2:AJ$366,ROUNDDOWN($C2903/24,0)+1,1))-1)+IF('Standard Profiles'!$G$20=$B$10,7,0)+IF('Standard Profiles'!$G$20=$B$17,14,0)+IF('Standard Profiles'!$G$20=$B$24,21,0),MOD($C2903,24)+1)/SUM(INDEX($D$3:$AA$30,INDEX(Jesper!$R$2:$R$366,ROW(INDEX(Jesper!AJ$2:AJ$366,ROUNDDOWN($C2903/24,0)+1,1))-1)+IF('Standard Profiles'!$G$20=$B$10,7,0)+IF('Standard Profiles'!$G$20=$B$17,14,0)+IF('Standard Profiles'!$G$20=$B$24,21,0),0)),0)</f>
        <v>1.9182306717409461</v>
      </c>
      <c r="G2903" cm="1">
        <f t="array" ref="G2903">IFERROR(INDEX(Jesper!AK$2:AK$366,ROUNDDOWN($C2903/24,0)+1,1)*INDEX($D$3:$AA$30,INDEX(Jesper!$R$2:$R$366,ROW(INDEX(Jesper!AK$2:AK$366,ROUNDDOWN($C2903/24,0)+1,1))-1)+IF('Standard Profiles'!$G$21=$B$10,7,0)+IF('Standard Profiles'!$G$21=$B$17,14,0)+IF('Standard Profiles'!$G$21=$B$24,21,0),MOD($C2903,24)+1)/SUM(INDEX($D$3:$AA$30,INDEX(Jesper!$R$2:$R$366,ROW(INDEX(Jesper!AK$2:AK$366,ROUNDDOWN($C2903/24,0)+1,1))-1)+IF('Standard Profiles'!$G$21=$B$10,7,0)+IF('Standard Profiles'!$G$21=$B$17,14,0)+IF('Standard Profiles'!$G$21=$B$24,21,0),0)),0)</f>
        <v>1.5807879556540263</v>
      </c>
      <c r="H2903" cm="1">
        <f t="array" ref="H2903">IFERROR(INDEX(Jesper!AL$2:AL$366,ROUNDDOWN($C2903/24,0)+1,1)*INDEX($D$3:$AA$30,INDEX(Jesper!$R$2:$R$366,ROW(INDEX(Jesper!AL$2:AL$366,ROUNDDOWN($C2903/24,0)+1,1))-1)+IF('Standard Profiles'!$G$22=$B$10,7,0)+IF('Standard Profiles'!$G$22=$B$17,14,0)+IF('Standard Profiles'!$G$22=$B$24,21,0),MOD($C2903,24)+1)/SUM(INDEX($D$3:$AA$30,INDEX(Jesper!$R$2:$R$366,ROW(INDEX(Jesper!AL$2:AL$366,ROUNDDOWN($C2903/24,0)+1,1))-1)+IF('Standard Profiles'!$G$22=$B$10,7,0)+IF('Standard Profiles'!$G$22=$B$17,14,0)+IF('Standard Profiles'!$G$22=$B$24,21,0),0)),0)</f>
        <v>0.94894463098791471</v>
      </c>
      <c r="I2903">
        <f t="shared" si="328"/>
        <v>0.91098684574839861</v>
      </c>
      <c r="J2903">
        <f t="shared" si="329"/>
        <v>6.3254246769445421</v>
      </c>
      <c r="K2903">
        <f t="shared" si="330"/>
        <v>0.25349529675545945</v>
      </c>
      <c r="L2903">
        <f t="shared" si="331"/>
        <v>0.12674764837772973</v>
      </c>
      <c r="M2903">
        <f t="shared" si="332"/>
        <v>0</v>
      </c>
      <c r="N2903" s="45">
        <f t="shared" si="333"/>
        <v>45046.541666659708</v>
      </c>
    </row>
    <row r="2904" spans="2:14" x14ac:dyDescent="0.25">
      <c r="B2904">
        <f t="shared" si="327"/>
        <v>7</v>
      </c>
      <c r="C2904" s="16">
        <v>2870</v>
      </c>
      <c r="D2904" cm="1">
        <f t="array" ref="D2904">IFERROR(INDEX(Jesper!AH$2:AH$366,ROUNDDOWN($C2904/24,0)+1,1)*INDEX($D$3:$AA$30,INDEX(Jesper!$R$2:$R$366,ROW(INDEX(Jesper!AH$2:AH$366,ROUNDDOWN($C2904/24,0)+1,1))-1)+IF('Standard Profiles'!$G$18=$B$10,7,0)+IF('Standard Profiles'!$G$18=$B$17,14,0)+IF('Standard Profiles'!$G$18=$B$24,21,0),MOD($C2904,24)+1)/SUM(INDEX($D$3:$AA$30,INDEX(Jesper!$R$2:$R$366,ROW(INDEX(Jesper!AH$2:AH$366,ROUNDDOWN($C2904/24,0)+1,1))-1)+IF('Standard Profiles'!$G$18=$B$10,7,0)+IF('Standard Profiles'!$G$18=$B$17,14,0)+IF('Standard Profiles'!$G$18=$B$24,21,0),0)),0)</f>
        <v>0</v>
      </c>
      <c r="E2904" cm="1">
        <f t="array" ref="E2904">IFERROR(INDEX(Jesper!AI$2:AI$366,ROUNDDOWN($C2904/24,0)+1,1)*INDEX($D$3:$AA$30,INDEX(Jesper!$R$2:$R$366,ROW(INDEX(Jesper!AI$2:AI$366,ROUNDDOWN($C2904/24,0)+1,1))-1)+IF('Standard Profiles'!$G$19=$B$10,7,0)+IF('Standard Profiles'!$G$19=$B$17,14,0)+IF('Standard Profiles'!$G$19=$B$24,21,0),MOD($C2904,24)+1)/SUM(INDEX($D$3:$AA$30,INDEX(Jesper!$R$2:$R$366,ROW(INDEX(Jesper!AI$2:AI$366,ROUNDDOWN($C2904/24,0)+1,1))-1)+IF('Standard Profiles'!$G$19=$B$10,7,0)+IF('Standard Profiles'!$G$19=$B$17,14,0)+IF('Standard Profiles'!$G$19=$B$24,21,0),0)),0)</f>
        <v>3.1686912094432431</v>
      </c>
      <c r="F2904" cm="1">
        <f t="array" ref="F2904">IFERROR(INDEX(Jesper!AJ$2:AJ$366,ROUNDDOWN($C2904/24,0)+1,1)*INDEX($D$3:$AA$30,INDEX(Jesper!$R$2:$R$366,ROW(INDEX(Jesper!AJ$2:AJ$366,ROUNDDOWN($C2904/24,0)+1,1))-1)+IF('Standard Profiles'!$G$20=$B$10,7,0)+IF('Standard Profiles'!$G$20=$B$17,14,0)+IF('Standard Profiles'!$G$20=$B$24,21,0),MOD($C2904,24)+1)/SUM(INDEX($D$3:$AA$30,INDEX(Jesper!$R$2:$R$366,ROW(INDEX(Jesper!AJ$2:AJ$366,ROUNDDOWN($C2904/24,0)+1,1))-1)+IF('Standard Profiles'!$G$20=$B$10,7,0)+IF('Standard Profiles'!$G$20=$B$17,14,0)+IF('Standard Profiles'!$G$20=$B$24,21,0),0)),0)</f>
        <v>1.9182306717409461</v>
      </c>
      <c r="G2904" cm="1">
        <f t="array" ref="G2904">IFERROR(INDEX(Jesper!AK$2:AK$366,ROUNDDOWN($C2904/24,0)+1,1)*INDEX($D$3:$AA$30,INDEX(Jesper!$R$2:$R$366,ROW(INDEX(Jesper!AK$2:AK$366,ROUNDDOWN($C2904/24,0)+1,1))-1)+IF('Standard Profiles'!$G$21=$B$10,7,0)+IF('Standard Profiles'!$G$21=$B$17,14,0)+IF('Standard Profiles'!$G$21=$B$24,21,0),MOD($C2904,24)+1)/SUM(INDEX($D$3:$AA$30,INDEX(Jesper!$R$2:$R$366,ROW(INDEX(Jesper!AK$2:AK$366,ROUNDDOWN($C2904/24,0)+1,1))-1)+IF('Standard Profiles'!$G$21=$B$10,7,0)+IF('Standard Profiles'!$G$21=$B$17,14,0)+IF('Standard Profiles'!$G$21=$B$24,21,0),0)),0)</f>
        <v>1.5807879556540263</v>
      </c>
      <c r="H2904" cm="1">
        <f t="array" ref="H2904">IFERROR(INDEX(Jesper!AL$2:AL$366,ROUNDDOWN($C2904/24,0)+1,1)*INDEX($D$3:$AA$30,INDEX(Jesper!$R$2:$R$366,ROW(INDEX(Jesper!AL$2:AL$366,ROUNDDOWN($C2904/24,0)+1,1))-1)+IF('Standard Profiles'!$G$22=$B$10,7,0)+IF('Standard Profiles'!$G$22=$B$17,14,0)+IF('Standard Profiles'!$G$22=$B$24,21,0),MOD($C2904,24)+1)/SUM(INDEX($D$3:$AA$30,INDEX(Jesper!$R$2:$R$366,ROW(INDEX(Jesper!AL$2:AL$366,ROUNDDOWN($C2904/24,0)+1,1))-1)+IF('Standard Profiles'!$G$22=$B$10,7,0)+IF('Standard Profiles'!$G$22=$B$17,14,0)+IF('Standard Profiles'!$G$22=$B$24,21,0),0)),0)</f>
        <v>0.94894463098791471</v>
      </c>
      <c r="I2904">
        <f t="shared" si="328"/>
        <v>0.91098684574839861</v>
      </c>
      <c r="J2904">
        <f t="shared" si="329"/>
        <v>6.3254246769445421</v>
      </c>
      <c r="K2904">
        <f t="shared" si="330"/>
        <v>0.25349529675545945</v>
      </c>
      <c r="L2904">
        <f t="shared" si="331"/>
        <v>0.12674764837772973</v>
      </c>
      <c r="M2904">
        <f t="shared" si="332"/>
        <v>0</v>
      </c>
      <c r="N2904" s="45">
        <f t="shared" si="333"/>
        <v>45046.583333326373</v>
      </c>
    </row>
    <row r="2905" spans="2:14" x14ac:dyDescent="0.25">
      <c r="B2905">
        <f t="shared" si="327"/>
        <v>7</v>
      </c>
      <c r="C2905" s="16">
        <v>2871</v>
      </c>
      <c r="D2905" cm="1">
        <f t="array" ref="D2905">IFERROR(INDEX(Jesper!AH$2:AH$366,ROUNDDOWN($C2905/24,0)+1,1)*INDEX($D$3:$AA$30,INDEX(Jesper!$R$2:$R$366,ROW(INDEX(Jesper!AH$2:AH$366,ROUNDDOWN($C2905/24,0)+1,1))-1)+IF('Standard Profiles'!$G$18=$B$10,7,0)+IF('Standard Profiles'!$G$18=$B$17,14,0)+IF('Standard Profiles'!$G$18=$B$24,21,0),MOD($C2905,24)+1)/SUM(INDEX($D$3:$AA$30,INDEX(Jesper!$R$2:$R$366,ROW(INDEX(Jesper!AH$2:AH$366,ROUNDDOWN($C2905/24,0)+1,1))-1)+IF('Standard Profiles'!$G$18=$B$10,7,0)+IF('Standard Profiles'!$G$18=$B$17,14,0)+IF('Standard Profiles'!$G$18=$B$24,21,0),0)),0)</f>
        <v>0</v>
      </c>
      <c r="E2905" cm="1">
        <f t="array" ref="E2905">IFERROR(INDEX(Jesper!AI$2:AI$366,ROUNDDOWN($C2905/24,0)+1,1)*INDEX($D$3:$AA$30,INDEX(Jesper!$R$2:$R$366,ROW(INDEX(Jesper!AI$2:AI$366,ROUNDDOWN($C2905/24,0)+1,1))-1)+IF('Standard Profiles'!$G$19=$B$10,7,0)+IF('Standard Profiles'!$G$19=$B$17,14,0)+IF('Standard Profiles'!$G$19=$B$24,21,0),MOD($C2905,24)+1)/SUM(INDEX($D$3:$AA$30,INDEX(Jesper!$R$2:$R$366,ROW(INDEX(Jesper!AI$2:AI$366,ROUNDDOWN($C2905/24,0)+1,1))-1)+IF('Standard Profiles'!$G$19=$B$10,7,0)+IF('Standard Profiles'!$G$19=$B$17,14,0)+IF('Standard Profiles'!$G$19=$B$24,21,0),0)),0)</f>
        <v>3.1686912094432431</v>
      </c>
      <c r="F2905" cm="1">
        <f t="array" ref="F2905">IFERROR(INDEX(Jesper!AJ$2:AJ$366,ROUNDDOWN($C2905/24,0)+1,1)*INDEX($D$3:$AA$30,INDEX(Jesper!$R$2:$R$366,ROW(INDEX(Jesper!AJ$2:AJ$366,ROUNDDOWN($C2905/24,0)+1,1))-1)+IF('Standard Profiles'!$G$20=$B$10,7,0)+IF('Standard Profiles'!$G$20=$B$17,14,0)+IF('Standard Profiles'!$G$20=$B$24,21,0),MOD($C2905,24)+1)/SUM(INDEX($D$3:$AA$30,INDEX(Jesper!$R$2:$R$366,ROW(INDEX(Jesper!AJ$2:AJ$366,ROUNDDOWN($C2905/24,0)+1,1))-1)+IF('Standard Profiles'!$G$20=$B$10,7,0)+IF('Standard Profiles'!$G$20=$B$17,14,0)+IF('Standard Profiles'!$G$20=$B$24,21,0),0)),0)</f>
        <v>1.9182306717409461</v>
      </c>
      <c r="G2905" cm="1">
        <f t="array" ref="G2905">IFERROR(INDEX(Jesper!AK$2:AK$366,ROUNDDOWN($C2905/24,0)+1,1)*INDEX($D$3:$AA$30,INDEX(Jesper!$R$2:$R$366,ROW(INDEX(Jesper!AK$2:AK$366,ROUNDDOWN($C2905/24,0)+1,1))-1)+IF('Standard Profiles'!$G$21=$B$10,7,0)+IF('Standard Profiles'!$G$21=$B$17,14,0)+IF('Standard Profiles'!$G$21=$B$24,21,0),MOD($C2905,24)+1)/SUM(INDEX($D$3:$AA$30,INDEX(Jesper!$R$2:$R$366,ROW(INDEX(Jesper!AK$2:AK$366,ROUNDDOWN($C2905/24,0)+1,1))-1)+IF('Standard Profiles'!$G$21=$B$10,7,0)+IF('Standard Profiles'!$G$21=$B$17,14,0)+IF('Standard Profiles'!$G$21=$B$24,21,0),0)),0)</f>
        <v>1.5807879556540263</v>
      </c>
      <c r="H2905" cm="1">
        <f t="array" ref="H2905">IFERROR(INDEX(Jesper!AL$2:AL$366,ROUNDDOWN($C2905/24,0)+1,1)*INDEX($D$3:$AA$30,INDEX(Jesper!$R$2:$R$366,ROW(INDEX(Jesper!AL$2:AL$366,ROUNDDOWN($C2905/24,0)+1,1))-1)+IF('Standard Profiles'!$G$22=$B$10,7,0)+IF('Standard Profiles'!$G$22=$B$17,14,0)+IF('Standard Profiles'!$G$22=$B$24,21,0),MOD($C2905,24)+1)/SUM(INDEX($D$3:$AA$30,INDEX(Jesper!$R$2:$R$366,ROW(INDEX(Jesper!AL$2:AL$366,ROUNDDOWN($C2905/24,0)+1,1))-1)+IF('Standard Profiles'!$G$22=$B$10,7,0)+IF('Standard Profiles'!$G$22=$B$17,14,0)+IF('Standard Profiles'!$G$22=$B$24,21,0),0)),0)</f>
        <v>0.84350633865592417</v>
      </c>
      <c r="I2905">
        <f t="shared" si="328"/>
        <v>0.80976608510968762</v>
      </c>
      <c r="J2905">
        <f t="shared" si="329"/>
        <v>6.3212071452512628</v>
      </c>
      <c r="K2905">
        <f t="shared" si="330"/>
        <v>0.25349529675545945</v>
      </c>
      <c r="L2905">
        <f t="shared" si="331"/>
        <v>0.12674764837772973</v>
      </c>
      <c r="M2905">
        <f t="shared" si="332"/>
        <v>0</v>
      </c>
      <c r="N2905" s="45">
        <f t="shared" si="333"/>
        <v>45046.624999993037</v>
      </c>
    </row>
    <row r="2906" spans="2:14" x14ac:dyDescent="0.25">
      <c r="B2906">
        <f t="shared" si="327"/>
        <v>7</v>
      </c>
      <c r="C2906" s="16">
        <v>2872</v>
      </c>
      <c r="D2906" cm="1">
        <f t="array" ref="D2906">IFERROR(INDEX(Jesper!AH$2:AH$366,ROUNDDOWN($C2906/24,0)+1,1)*INDEX($D$3:$AA$30,INDEX(Jesper!$R$2:$R$366,ROW(INDEX(Jesper!AH$2:AH$366,ROUNDDOWN($C2906/24,0)+1,1))-1)+IF('Standard Profiles'!$G$18=$B$10,7,0)+IF('Standard Profiles'!$G$18=$B$17,14,0)+IF('Standard Profiles'!$G$18=$B$24,21,0),MOD($C2906,24)+1)/SUM(INDEX($D$3:$AA$30,INDEX(Jesper!$R$2:$R$366,ROW(INDEX(Jesper!AH$2:AH$366,ROUNDDOWN($C2906/24,0)+1,1))-1)+IF('Standard Profiles'!$G$18=$B$10,7,0)+IF('Standard Profiles'!$G$18=$B$17,14,0)+IF('Standard Profiles'!$G$18=$B$24,21,0),0)),0)</f>
        <v>0</v>
      </c>
      <c r="E2906" cm="1">
        <f t="array" ref="E2906">IFERROR(INDEX(Jesper!AI$2:AI$366,ROUNDDOWN($C2906/24,0)+1,1)*INDEX($D$3:$AA$30,INDEX(Jesper!$R$2:$R$366,ROW(INDEX(Jesper!AI$2:AI$366,ROUNDDOWN($C2906/24,0)+1,1))-1)+IF('Standard Profiles'!$G$19=$B$10,7,0)+IF('Standard Profiles'!$G$19=$B$17,14,0)+IF('Standard Profiles'!$G$19=$B$24,21,0),MOD($C2906,24)+1)/SUM(INDEX($D$3:$AA$30,INDEX(Jesper!$R$2:$R$366,ROW(INDEX(Jesper!AI$2:AI$366,ROUNDDOWN($C2906/24,0)+1,1))-1)+IF('Standard Profiles'!$G$19=$B$10,7,0)+IF('Standard Profiles'!$G$19=$B$17,14,0)+IF('Standard Profiles'!$G$19=$B$24,21,0),0)),0)</f>
        <v>3.1686912094432431</v>
      </c>
      <c r="F2906" cm="1">
        <f t="array" ref="F2906">IFERROR(INDEX(Jesper!AJ$2:AJ$366,ROUNDDOWN($C2906/24,0)+1,1)*INDEX($D$3:$AA$30,INDEX(Jesper!$R$2:$R$366,ROW(INDEX(Jesper!AJ$2:AJ$366,ROUNDDOWN($C2906/24,0)+1,1))-1)+IF('Standard Profiles'!$G$20=$B$10,7,0)+IF('Standard Profiles'!$G$20=$B$17,14,0)+IF('Standard Profiles'!$G$20=$B$24,21,0),MOD($C2906,24)+1)/SUM(INDEX($D$3:$AA$30,INDEX(Jesper!$R$2:$R$366,ROW(INDEX(Jesper!AJ$2:AJ$366,ROUNDDOWN($C2906/24,0)+1,1))-1)+IF('Standard Profiles'!$G$20=$B$10,7,0)+IF('Standard Profiles'!$G$20=$B$17,14,0)+IF('Standard Profiles'!$G$20=$B$24,21,0),0)),0)</f>
        <v>1.9182306717409461</v>
      </c>
      <c r="G2906" cm="1">
        <f t="array" ref="G2906">IFERROR(INDEX(Jesper!AK$2:AK$366,ROUNDDOWN($C2906/24,0)+1,1)*INDEX($D$3:$AA$30,INDEX(Jesper!$R$2:$R$366,ROW(INDEX(Jesper!AK$2:AK$366,ROUNDDOWN($C2906/24,0)+1,1))-1)+IF('Standard Profiles'!$G$21=$B$10,7,0)+IF('Standard Profiles'!$G$21=$B$17,14,0)+IF('Standard Profiles'!$G$21=$B$24,21,0),MOD($C2906,24)+1)/SUM(INDEX($D$3:$AA$30,INDEX(Jesper!$R$2:$R$366,ROW(INDEX(Jesper!AK$2:AK$366,ROUNDDOWN($C2906/24,0)+1,1))-1)+IF('Standard Profiles'!$G$21=$B$10,7,0)+IF('Standard Profiles'!$G$21=$B$17,14,0)+IF('Standard Profiles'!$G$21=$B$24,21,0),0)),0)</f>
        <v>1.5807879556540263</v>
      </c>
      <c r="H2906" cm="1">
        <f t="array" ref="H2906">IFERROR(INDEX(Jesper!AL$2:AL$366,ROUNDDOWN($C2906/24,0)+1,1)*INDEX($D$3:$AA$30,INDEX(Jesper!$R$2:$R$366,ROW(INDEX(Jesper!AL$2:AL$366,ROUNDDOWN($C2906/24,0)+1,1))-1)+IF('Standard Profiles'!$G$22=$B$10,7,0)+IF('Standard Profiles'!$G$22=$B$17,14,0)+IF('Standard Profiles'!$G$22=$B$24,21,0),MOD($C2906,24)+1)/SUM(INDEX($D$3:$AA$30,INDEX(Jesper!$R$2:$R$366,ROW(INDEX(Jesper!AL$2:AL$366,ROUNDDOWN($C2906/24,0)+1,1))-1)+IF('Standard Profiles'!$G$22=$B$10,7,0)+IF('Standard Profiles'!$G$22=$B$17,14,0)+IF('Standard Profiles'!$G$22=$B$24,21,0),0)),0)</f>
        <v>0.8284437254656396</v>
      </c>
      <c r="I2906">
        <f t="shared" si="328"/>
        <v>0.7953059764470144</v>
      </c>
      <c r="J2906">
        <f t="shared" si="329"/>
        <v>6.3206046407236514</v>
      </c>
      <c r="K2906">
        <f t="shared" si="330"/>
        <v>0.25349529675545945</v>
      </c>
      <c r="L2906">
        <f t="shared" si="331"/>
        <v>0.12674764837772973</v>
      </c>
      <c r="M2906">
        <f t="shared" si="332"/>
        <v>0</v>
      </c>
      <c r="N2906" s="45">
        <f t="shared" si="333"/>
        <v>45046.666666659701</v>
      </c>
    </row>
    <row r="2907" spans="2:14" x14ac:dyDescent="0.25">
      <c r="B2907">
        <f t="shared" si="327"/>
        <v>7</v>
      </c>
      <c r="C2907" s="16">
        <v>2873</v>
      </c>
      <c r="D2907" cm="1">
        <f t="array" ref="D2907">IFERROR(INDEX(Jesper!AH$2:AH$366,ROUNDDOWN($C2907/24,0)+1,1)*INDEX($D$3:$AA$30,INDEX(Jesper!$R$2:$R$366,ROW(INDEX(Jesper!AH$2:AH$366,ROUNDDOWN($C2907/24,0)+1,1))-1)+IF('Standard Profiles'!$G$18=$B$10,7,0)+IF('Standard Profiles'!$G$18=$B$17,14,0)+IF('Standard Profiles'!$G$18=$B$24,21,0),MOD($C2907,24)+1)/SUM(INDEX($D$3:$AA$30,INDEX(Jesper!$R$2:$R$366,ROW(INDEX(Jesper!AH$2:AH$366,ROUNDDOWN($C2907/24,0)+1,1))-1)+IF('Standard Profiles'!$G$18=$B$10,7,0)+IF('Standard Profiles'!$G$18=$B$17,14,0)+IF('Standard Profiles'!$G$18=$B$24,21,0),0)),0)</f>
        <v>0</v>
      </c>
      <c r="E2907" cm="1">
        <f t="array" ref="E2907">IFERROR(INDEX(Jesper!AI$2:AI$366,ROUNDDOWN($C2907/24,0)+1,1)*INDEX($D$3:$AA$30,INDEX(Jesper!$R$2:$R$366,ROW(INDEX(Jesper!AI$2:AI$366,ROUNDDOWN($C2907/24,0)+1,1))-1)+IF('Standard Profiles'!$G$19=$B$10,7,0)+IF('Standard Profiles'!$G$19=$B$17,14,0)+IF('Standard Profiles'!$G$19=$B$24,21,0),MOD($C2907,24)+1)/SUM(INDEX($D$3:$AA$30,INDEX(Jesper!$R$2:$R$366,ROW(INDEX(Jesper!AI$2:AI$366,ROUNDDOWN($C2907/24,0)+1,1))-1)+IF('Standard Profiles'!$G$19=$B$10,7,0)+IF('Standard Profiles'!$G$19=$B$17,14,0)+IF('Standard Profiles'!$G$19=$B$24,21,0),0)),0)</f>
        <v>3.1686912094432431</v>
      </c>
      <c r="F2907" cm="1">
        <f t="array" ref="F2907">IFERROR(INDEX(Jesper!AJ$2:AJ$366,ROUNDDOWN($C2907/24,0)+1,1)*INDEX($D$3:$AA$30,INDEX(Jesper!$R$2:$R$366,ROW(INDEX(Jesper!AJ$2:AJ$366,ROUNDDOWN($C2907/24,0)+1,1))-1)+IF('Standard Profiles'!$G$20=$B$10,7,0)+IF('Standard Profiles'!$G$20=$B$17,14,0)+IF('Standard Profiles'!$G$20=$B$24,21,0),MOD($C2907,24)+1)/SUM(INDEX($D$3:$AA$30,INDEX(Jesper!$R$2:$R$366,ROW(INDEX(Jesper!AJ$2:AJ$366,ROUNDDOWN($C2907/24,0)+1,1))-1)+IF('Standard Profiles'!$G$20=$B$10,7,0)+IF('Standard Profiles'!$G$20=$B$17,14,0)+IF('Standard Profiles'!$G$20=$B$24,21,0),0)),0)</f>
        <v>1.9182306717409461</v>
      </c>
      <c r="G2907" cm="1">
        <f t="array" ref="G2907">IFERROR(INDEX(Jesper!AK$2:AK$366,ROUNDDOWN($C2907/24,0)+1,1)*INDEX($D$3:$AA$30,INDEX(Jesper!$R$2:$R$366,ROW(INDEX(Jesper!AK$2:AK$366,ROUNDDOWN($C2907/24,0)+1,1))-1)+IF('Standard Profiles'!$G$21=$B$10,7,0)+IF('Standard Profiles'!$G$21=$B$17,14,0)+IF('Standard Profiles'!$G$21=$B$24,21,0),MOD($C2907,24)+1)/SUM(INDEX($D$3:$AA$30,INDEX(Jesper!$R$2:$R$366,ROW(INDEX(Jesper!AK$2:AK$366,ROUNDDOWN($C2907/24,0)+1,1))-1)+IF('Standard Profiles'!$G$21=$B$10,7,0)+IF('Standard Profiles'!$G$21=$B$17,14,0)+IF('Standard Profiles'!$G$21=$B$24,21,0),0)),0)</f>
        <v>1.5807879556540263</v>
      </c>
      <c r="H2907" cm="1">
        <f t="array" ref="H2907">IFERROR(INDEX(Jesper!AL$2:AL$366,ROUNDDOWN($C2907/24,0)+1,1)*INDEX($D$3:$AA$30,INDEX(Jesper!$R$2:$R$366,ROW(INDEX(Jesper!AL$2:AL$366,ROUNDDOWN($C2907/24,0)+1,1))-1)+IF('Standard Profiles'!$G$22=$B$10,7,0)+IF('Standard Profiles'!$G$22=$B$17,14,0)+IF('Standard Profiles'!$G$22=$B$24,21,0),MOD($C2907,24)+1)/SUM(INDEX($D$3:$AA$30,INDEX(Jesper!$R$2:$R$366,ROW(INDEX(Jesper!AL$2:AL$366,ROUNDDOWN($C2907/24,0)+1,1))-1)+IF('Standard Profiles'!$G$22=$B$10,7,0)+IF('Standard Profiles'!$G$22=$B$17,14,0)+IF('Standard Profiles'!$G$22=$B$24,21,0),0)),0)</f>
        <v>0.70794281994336483</v>
      </c>
      <c r="I2907">
        <f t="shared" si="328"/>
        <v>0.67962510714563062</v>
      </c>
      <c r="J2907">
        <f t="shared" si="329"/>
        <v>6.3157846045027606</v>
      </c>
      <c r="K2907">
        <f t="shared" si="330"/>
        <v>0.25349529675545945</v>
      </c>
      <c r="L2907">
        <f t="shared" si="331"/>
        <v>0.12674764837772973</v>
      </c>
      <c r="M2907">
        <f t="shared" si="332"/>
        <v>0</v>
      </c>
      <c r="N2907" s="45">
        <f t="shared" si="333"/>
        <v>45046.708333326365</v>
      </c>
    </row>
    <row r="2908" spans="2:14" x14ac:dyDescent="0.25">
      <c r="B2908">
        <f t="shared" si="327"/>
        <v>7</v>
      </c>
      <c r="C2908" s="16">
        <v>2874</v>
      </c>
      <c r="D2908" cm="1">
        <f t="array" ref="D2908">IFERROR(INDEX(Jesper!AH$2:AH$366,ROUNDDOWN($C2908/24,0)+1,1)*INDEX($D$3:$AA$30,INDEX(Jesper!$R$2:$R$366,ROW(INDEX(Jesper!AH$2:AH$366,ROUNDDOWN($C2908/24,0)+1,1))-1)+IF('Standard Profiles'!$G$18=$B$10,7,0)+IF('Standard Profiles'!$G$18=$B$17,14,0)+IF('Standard Profiles'!$G$18=$B$24,21,0),MOD($C2908,24)+1)/SUM(INDEX($D$3:$AA$30,INDEX(Jesper!$R$2:$R$366,ROW(INDEX(Jesper!AH$2:AH$366,ROUNDDOWN($C2908/24,0)+1,1))-1)+IF('Standard Profiles'!$G$18=$B$10,7,0)+IF('Standard Profiles'!$G$18=$B$17,14,0)+IF('Standard Profiles'!$G$18=$B$24,21,0),0)),0)</f>
        <v>0</v>
      </c>
      <c r="E2908" cm="1">
        <f t="array" ref="E2908">IFERROR(INDEX(Jesper!AI$2:AI$366,ROUNDDOWN($C2908/24,0)+1,1)*INDEX($D$3:$AA$30,INDEX(Jesper!$R$2:$R$366,ROW(INDEX(Jesper!AI$2:AI$366,ROUNDDOWN($C2908/24,0)+1,1))-1)+IF('Standard Profiles'!$G$19=$B$10,7,0)+IF('Standard Profiles'!$G$19=$B$17,14,0)+IF('Standard Profiles'!$G$19=$B$24,21,0),MOD($C2908,24)+1)/SUM(INDEX($D$3:$AA$30,INDEX(Jesper!$R$2:$R$366,ROW(INDEX(Jesper!AI$2:AI$366,ROUNDDOWN($C2908/24,0)+1,1))-1)+IF('Standard Profiles'!$G$19=$B$10,7,0)+IF('Standard Profiles'!$G$19=$B$17,14,0)+IF('Standard Profiles'!$G$19=$B$24,21,0),0)),0)</f>
        <v>3.1686912094432431</v>
      </c>
      <c r="F2908" cm="1">
        <f t="array" ref="F2908">IFERROR(INDEX(Jesper!AJ$2:AJ$366,ROUNDDOWN($C2908/24,0)+1,1)*INDEX($D$3:$AA$30,INDEX(Jesper!$R$2:$R$366,ROW(INDEX(Jesper!AJ$2:AJ$366,ROUNDDOWN($C2908/24,0)+1,1))-1)+IF('Standard Profiles'!$G$20=$B$10,7,0)+IF('Standard Profiles'!$G$20=$B$17,14,0)+IF('Standard Profiles'!$G$20=$B$24,21,0),MOD($C2908,24)+1)/SUM(INDEX($D$3:$AA$30,INDEX(Jesper!$R$2:$R$366,ROW(INDEX(Jesper!AJ$2:AJ$366,ROUNDDOWN($C2908/24,0)+1,1))-1)+IF('Standard Profiles'!$G$20=$B$10,7,0)+IF('Standard Profiles'!$G$20=$B$17,14,0)+IF('Standard Profiles'!$G$20=$B$24,21,0),0)),0)</f>
        <v>1.9182306717409461</v>
      </c>
      <c r="G2908" cm="1">
        <f t="array" ref="G2908">IFERROR(INDEX(Jesper!AK$2:AK$366,ROUNDDOWN($C2908/24,0)+1,1)*INDEX($D$3:$AA$30,INDEX(Jesper!$R$2:$R$366,ROW(INDEX(Jesper!AK$2:AK$366,ROUNDDOWN($C2908/24,0)+1,1))-1)+IF('Standard Profiles'!$G$21=$B$10,7,0)+IF('Standard Profiles'!$G$21=$B$17,14,0)+IF('Standard Profiles'!$G$21=$B$24,21,0),MOD($C2908,24)+1)/SUM(INDEX($D$3:$AA$30,INDEX(Jesper!$R$2:$R$366,ROW(INDEX(Jesper!AK$2:AK$366,ROUNDDOWN($C2908/24,0)+1,1))-1)+IF('Standard Profiles'!$G$21=$B$10,7,0)+IF('Standard Profiles'!$G$21=$B$17,14,0)+IF('Standard Profiles'!$G$21=$B$24,21,0),0)),0)</f>
        <v>1.5807879556540263</v>
      </c>
      <c r="H2908" cm="1">
        <f t="array" ref="H2908">IFERROR(INDEX(Jesper!AL$2:AL$366,ROUNDDOWN($C2908/24,0)+1,1)*INDEX($D$3:$AA$30,INDEX(Jesper!$R$2:$R$366,ROW(INDEX(Jesper!AL$2:AL$366,ROUNDDOWN($C2908/24,0)+1,1))-1)+IF('Standard Profiles'!$G$22=$B$10,7,0)+IF('Standard Profiles'!$G$22=$B$17,14,0)+IF('Standard Profiles'!$G$22=$B$24,21,0),MOD($C2908,24)+1)/SUM(INDEX($D$3:$AA$30,INDEX(Jesper!$R$2:$R$366,ROW(INDEX(Jesper!AL$2:AL$366,ROUNDDOWN($C2908/24,0)+1,1))-1)+IF('Standard Profiles'!$G$22=$B$10,7,0)+IF('Standard Profiles'!$G$22=$B$17,14,0)+IF('Standard Profiles'!$G$22=$B$24,21,0),0)),0)</f>
        <v>0.66275498037251179</v>
      </c>
      <c r="I2908">
        <f t="shared" si="328"/>
        <v>0.63624478115761163</v>
      </c>
      <c r="J2908">
        <f t="shared" si="329"/>
        <v>6.3139770909199262</v>
      </c>
      <c r="K2908">
        <f t="shared" si="330"/>
        <v>0.25349529675545945</v>
      </c>
      <c r="L2908">
        <f t="shared" si="331"/>
        <v>0.12674764837772973</v>
      </c>
      <c r="M2908">
        <f t="shared" si="332"/>
        <v>0</v>
      </c>
      <c r="N2908" s="45">
        <f t="shared" si="333"/>
        <v>45046.74999999303</v>
      </c>
    </row>
    <row r="2909" spans="2:14" x14ac:dyDescent="0.25">
      <c r="B2909">
        <f t="shared" si="327"/>
        <v>7</v>
      </c>
      <c r="C2909" s="16">
        <v>2875</v>
      </c>
      <c r="D2909" cm="1">
        <f t="array" ref="D2909">IFERROR(INDEX(Jesper!AH$2:AH$366,ROUNDDOWN($C2909/24,0)+1,1)*INDEX($D$3:$AA$30,INDEX(Jesper!$R$2:$R$366,ROW(INDEX(Jesper!AH$2:AH$366,ROUNDDOWN($C2909/24,0)+1,1))-1)+IF('Standard Profiles'!$G$18=$B$10,7,0)+IF('Standard Profiles'!$G$18=$B$17,14,0)+IF('Standard Profiles'!$G$18=$B$24,21,0),MOD($C2909,24)+1)/SUM(INDEX($D$3:$AA$30,INDEX(Jesper!$R$2:$R$366,ROW(INDEX(Jesper!AH$2:AH$366,ROUNDDOWN($C2909/24,0)+1,1))-1)+IF('Standard Profiles'!$G$18=$B$10,7,0)+IF('Standard Profiles'!$G$18=$B$17,14,0)+IF('Standard Profiles'!$G$18=$B$24,21,0),0)),0)</f>
        <v>0</v>
      </c>
      <c r="E2909" cm="1">
        <f t="array" ref="E2909">IFERROR(INDEX(Jesper!AI$2:AI$366,ROUNDDOWN($C2909/24,0)+1,1)*INDEX($D$3:$AA$30,INDEX(Jesper!$R$2:$R$366,ROW(INDEX(Jesper!AI$2:AI$366,ROUNDDOWN($C2909/24,0)+1,1))-1)+IF('Standard Profiles'!$G$19=$B$10,7,0)+IF('Standard Profiles'!$G$19=$B$17,14,0)+IF('Standard Profiles'!$G$19=$B$24,21,0),MOD($C2909,24)+1)/SUM(INDEX($D$3:$AA$30,INDEX(Jesper!$R$2:$R$366,ROW(INDEX(Jesper!AI$2:AI$366,ROUNDDOWN($C2909/24,0)+1,1))-1)+IF('Standard Profiles'!$G$19=$B$10,7,0)+IF('Standard Profiles'!$G$19=$B$17,14,0)+IF('Standard Profiles'!$G$19=$B$24,21,0),0)),0)</f>
        <v>3.1686912094432431</v>
      </c>
      <c r="F2909" cm="1">
        <f t="array" ref="F2909">IFERROR(INDEX(Jesper!AJ$2:AJ$366,ROUNDDOWN($C2909/24,0)+1,1)*INDEX($D$3:$AA$30,INDEX(Jesper!$R$2:$R$366,ROW(INDEX(Jesper!AJ$2:AJ$366,ROUNDDOWN($C2909/24,0)+1,1))-1)+IF('Standard Profiles'!$G$20=$B$10,7,0)+IF('Standard Profiles'!$G$20=$B$17,14,0)+IF('Standard Profiles'!$G$20=$B$24,21,0),MOD($C2909,24)+1)/SUM(INDEX($D$3:$AA$30,INDEX(Jesper!$R$2:$R$366,ROW(INDEX(Jesper!AJ$2:AJ$366,ROUNDDOWN($C2909/24,0)+1,1))-1)+IF('Standard Profiles'!$G$20=$B$10,7,0)+IF('Standard Profiles'!$G$20=$B$17,14,0)+IF('Standard Profiles'!$G$20=$B$24,21,0),0)),0)</f>
        <v>1.9182306717409461</v>
      </c>
      <c r="G2909" cm="1">
        <f t="array" ref="G2909">IFERROR(INDEX(Jesper!AK$2:AK$366,ROUNDDOWN($C2909/24,0)+1,1)*INDEX($D$3:$AA$30,INDEX(Jesper!$R$2:$R$366,ROW(INDEX(Jesper!AK$2:AK$366,ROUNDDOWN($C2909/24,0)+1,1))-1)+IF('Standard Profiles'!$G$21=$B$10,7,0)+IF('Standard Profiles'!$G$21=$B$17,14,0)+IF('Standard Profiles'!$G$21=$B$24,21,0),MOD($C2909,24)+1)/SUM(INDEX($D$3:$AA$30,INDEX(Jesper!$R$2:$R$366,ROW(INDEX(Jesper!AK$2:AK$366,ROUNDDOWN($C2909/24,0)+1,1))-1)+IF('Standard Profiles'!$G$21=$B$10,7,0)+IF('Standard Profiles'!$G$21=$B$17,14,0)+IF('Standard Profiles'!$G$21=$B$24,21,0),0)),0)</f>
        <v>1.5807879556540263</v>
      </c>
      <c r="H2909" cm="1">
        <f t="array" ref="H2909">IFERROR(INDEX(Jesper!AL$2:AL$366,ROUNDDOWN($C2909/24,0)+1,1)*INDEX($D$3:$AA$30,INDEX(Jesper!$R$2:$R$366,ROW(INDEX(Jesper!AL$2:AL$366,ROUNDDOWN($C2909/24,0)+1,1))-1)+IF('Standard Profiles'!$G$22=$B$10,7,0)+IF('Standard Profiles'!$G$22=$B$17,14,0)+IF('Standard Profiles'!$G$22=$B$24,21,0),MOD($C2909,24)+1)/SUM(INDEX($D$3:$AA$30,INDEX(Jesper!$R$2:$R$366,ROW(INDEX(Jesper!AL$2:AL$366,ROUNDDOWN($C2909/24,0)+1,1))-1)+IF('Standard Profiles'!$G$22=$B$10,7,0)+IF('Standard Profiles'!$G$22=$B$17,14,0)+IF('Standard Profiles'!$G$22=$B$24,21,0),0)),0)</f>
        <v>0.55731668804052126</v>
      </c>
      <c r="I2909">
        <f t="shared" si="328"/>
        <v>0.53502402051890074</v>
      </c>
      <c r="J2909">
        <f t="shared" si="329"/>
        <v>6.3097595592266469</v>
      </c>
      <c r="K2909">
        <f t="shared" si="330"/>
        <v>0.25349529675545945</v>
      </c>
      <c r="L2909">
        <f t="shared" si="331"/>
        <v>0.12674764837772973</v>
      </c>
      <c r="M2909">
        <f t="shared" si="332"/>
        <v>0</v>
      </c>
      <c r="N2909" s="45">
        <f t="shared" si="333"/>
        <v>45046.791666659694</v>
      </c>
    </row>
    <row r="2910" spans="2:14" x14ac:dyDescent="0.25">
      <c r="B2910">
        <f t="shared" si="327"/>
        <v>7</v>
      </c>
      <c r="C2910" s="16">
        <v>2876</v>
      </c>
      <c r="D2910" cm="1">
        <f t="array" ref="D2910">IFERROR(INDEX(Jesper!AH$2:AH$366,ROUNDDOWN($C2910/24,0)+1,1)*INDEX($D$3:$AA$30,INDEX(Jesper!$R$2:$R$366,ROW(INDEX(Jesper!AH$2:AH$366,ROUNDDOWN($C2910/24,0)+1,1))-1)+IF('Standard Profiles'!$G$18=$B$10,7,0)+IF('Standard Profiles'!$G$18=$B$17,14,0)+IF('Standard Profiles'!$G$18=$B$24,21,0),MOD($C2910,24)+1)/SUM(INDEX($D$3:$AA$30,INDEX(Jesper!$R$2:$R$366,ROW(INDEX(Jesper!AH$2:AH$366,ROUNDDOWN($C2910/24,0)+1,1))-1)+IF('Standard Profiles'!$G$18=$B$10,7,0)+IF('Standard Profiles'!$G$18=$B$17,14,0)+IF('Standard Profiles'!$G$18=$B$24,21,0),0)),0)</f>
        <v>0</v>
      </c>
      <c r="E2910" cm="1">
        <f t="array" ref="E2910">IFERROR(INDEX(Jesper!AI$2:AI$366,ROUNDDOWN($C2910/24,0)+1,1)*INDEX($D$3:$AA$30,INDEX(Jesper!$R$2:$R$366,ROW(INDEX(Jesper!AI$2:AI$366,ROUNDDOWN($C2910/24,0)+1,1))-1)+IF('Standard Profiles'!$G$19=$B$10,7,0)+IF('Standard Profiles'!$G$19=$B$17,14,0)+IF('Standard Profiles'!$G$19=$B$24,21,0),MOD($C2910,24)+1)/SUM(INDEX($D$3:$AA$30,INDEX(Jesper!$R$2:$R$366,ROW(INDEX(Jesper!AI$2:AI$366,ROUNDDOWN($C2910/24,0)+1,1))-1)+IF('Standard Profiles'!$G$19=$B$10,7,0)+IF('Standard Profiles'!$G$19=$B$17,14,0)+IF('Standard Profiles'!$G$19=$B$24,21,0),0)),0)</f>
        <v>3.1686912094432431</v>
      </c>
      <c r="F2910" cm="1">
        <f t="array" ref="F2910">IFERROR(INDEX(Jesper!AJ$2:AJ$366,ROUNDDOWN($C2910/24,0)+1,1)*INDEX($D$3:$AA$30,INDEX(Jesper!$R$2:$R$366,ROW(INDEX(Jesper!AJ$2:AJ$366,ROUNDDOWN($C2910/24,0)+1,1))-1)+IF('Standard Profiles'!$G$20=$B$10,7,0)+IF('Standard Profiles'!$G$20=$B$17,14,0)+IF('Standard Profiles'!$G$20=$B$24,21,0),MOD($C2910,24)+1)/SUM(INDEX($D$3:$AA$30,INDEX(Jesper!$R$2:$R$366,ROW(INDEX(Jesper!AJ$2:AJ$366,ROUNDDOWN($C2910/24,0)+1,1))-1)+IF('Standard Profiles'!$G$20=$B$10,7,0)+IF('Standard Profiles'!$G$20=$B$17,14,0)+IF('Standard Profiles'!$G$20=$B$24,21,0),0)),0)</f>
        <v>1.9182306717409461</v>
      </c>
      <c r="G2910" cm="1">
        <f t="array" ref="G2910">IFERROR(INDEX(Jesper!AK$2:AK$366,ROUNDDOWN($C2910/24,0)+1,1)*INDEX($D$3:$AA$30,INDEX(Jesper!$R$2:$R$366,ROW(INDEX(Jesper!AK$2:AK$366,ROUNDDOWN($C2910/24,0)+1,1))-1)+IF('Standard Profiles'!$G$21=$B$10,7,0)+IF('Standard Profiles'!$G$21=$B$17,14,0)+IF('Standard Profiles'!$G$21=$B$24,21,0),MOD($C2910,24)+1)/SUM(INDEX($D$3:$AA$30,INDEX(Jesper!$R$2:$R$366,ROW(INDEX(Jesper!AK$2:AK$366,ROUNDDOWN($C2910/24,0)+1,1))-1)+IF('Standard Profiles'!$G$21=$B$10,7,0)+IF('Standard Profiles'!$G$21=$B$17,14,0)+IF('Standard Profiles'!$G$21=$B$24,21,0),0)),0)</f>
        <v>1.5807879556540263</v>
      </c>
      <c r="H2910" cm="1">
        <f t="array" ref="H2910">IFERROR(INDEX(Jesper!AL$2:AL$366,ROUNDDOWN($C2910/24,0)+1,1)*INDEX($D$3:$AA$30,INDEX(Jesper!$R$2:$R$366,ROW(INDEX(Jesper!AL$2:AL$366,ROUNDDOWN($C2910/24,0)+1,1))-1)+IF('Standard Profiles'!$G$22=$B$10,7,0)+IF('Standard Profiles'!$G$22=$B$17,14,0)+IF('Standard Profiles'!$G$22=$B$24,21,0),MOD($C2910,24)+1)/SUM(INDEX($D$3:$AA$30,INDEX(Jesper!$R$2:$R$366,ROW(INDEX(Jesper!AL$2:AL$366,ROUNDDOWN($C2910/24,0)+1,1))-1)+IF('Standard Profiles'!$G$22=$B$10,7,0)+IF('Standard Profiles'!$G$22=$B$17,14,0)+IF('Standard Profiles'!$G$22=$B$24,21,0),0)),0)</f>
        <v>0.46694100889881512</v>
      </c>
      <c r="I2910">
        <f t="shared" si="328"/>
        <v>0.44826336854286275</v>
      </c>
      <c r="J2910">
        <f t="shared" si="329"/>
        <v>6.306144532060979</v>
      </c>
      <c r="K2910">
        <f t="shared" si="330"/>
        <v>0.25349529675545945</v>
      </c>
      <c r="L2910">
        <f t="shared" si="331"/>
        <v>0.12674764837772973</v>
      </c>
      <c r="M2910">
        <f t="shared" si="332"/>
        <v>0</v>
      </c>
      <c r="N2910" s="45">
        <f t="shared" si="333"/>
        <v>45046.833333326358</v>
      </c>
    </row>
    <row r="2911" spans="2:14" x14ac:dyDescent="0.25">
      <c r="B2911">
        <f t="shared" si="327"/>
        <v>7</v>
      </c>
      <c r="C2911" s="16">
        <v>2877</v>
      </c>
      <c r="D2911" cm="1">
        <f t="array" ref="D2911">IFERROR(INDEX(Jesper!AH$2:AH$366,ROUNDDOWN($C2911/24,0)+1,1)*INDEX($D$3:$AA$30,INDEX(Jesper!$R$2:$R$366,ROW(INDEX(Jesper!AH$2:AH$366,ROUNDDOWN($C2911/24,0)+1,1))-1)+IF('Standard Profiles'!$G$18=$B$10,7,0)+IF('Standard Profiles'!$G$18=$B$17,14,0)+IF('Standard Profiles'!$G$18=$B$24,21,0),MOD($C2911,24)+1)/SUM(INDEX($D$3:$AA$30,INDEX(Jesper!$R$2:$R$366,ROW(INDEX(Jesper!AH$2:AH$366,ROUNDDOWN($C2911/24,0)+1,1))-1)+IF('Standard Profiles'!$G$18=$B$10,7,0)+IF('Standard Profiles'!$G$18=$B$17,14,0)+IF('Standard Profiles'!$G$18=$B$24,21,0),0)),0)</f>
        <v>0</v>
      </c>
      <c r="E2911" cm="1">
        <f t="array" ref="E2911">IFERROR(INDEX(Jesper!AI$2:AI$366,ROUNDDOWN($C2911/24,0)+1,1)*INDEX($D$3:$AA$30,INDEX(Jesper!$R$2:$R$366,ROW(INDEX(Jesper!AI$2:AI$366,ROUNDDOWN($C2911/24,0)+1,1))-1)+IF('Standard Profiles'!$G$19=$B$10,7,0)+IF('Standard Profiles'!$G$19=$B$17,14,0)+IF('Standard Profiles'!$G$19=$B$24,21,0),MOD($C2911,24)+1)/SUM(INDEX($D$3:$AA$30,INDEX(Jesper!$R$2:$R$366,ROW(INDEX(Jesper!AI$2:AI$366,ROUNDDOWN($C2911/24,0)+1,1))-1)+IF('Standard Profiles'!$G$19=$B$10,7,0)+IF('Standard Profiles'!$G$19=$B$17,14,0)+IF('Standard Profiles'!$G$19=$B$24,21,0),0)),0)</f>
        <v>3.1686912094432431</v>
      </c>
      <c r="F2911" cm="1">
        <f t="array" ref="F2911">IFERROR(INDEX(Jesper!AJ$2:AJ$366,ROUNDDOWN($C2911/24,0)+1,1)*INDEX($D$3:$AA$30,INDEX(Jesper!$R$2:$R$366,ROW(INDEX(Jesper!AJ$2:AJ$366,ROUNDDOWN($C2911/24,0)+1,1))-1)+IF('Standard Profiles'!$G$20=$B$10,7,0)+IF('Standard Profiles'!$G$20=$B$17,14,0)+IF('Standard Profiles'!$G$20=$B$24,21,0),MOD($C2911,24)+1)/SUM(INDEX($D$3:$AA$30,INDEX(Jesper!$R$2:$R$366,ROW(INDEX(Jesper!AJ$2:AJ$366,ROUNDDOWN($C2911/24,0)+1,1))-1)+IF('Standard Profiles'!$G$20=$B$10,7,0)+IF('Standard Profiles'!$G$20=$B$17,14,0)+IF('Standard Profiles'!$G$20=$B$24,21,0),0)),0)</f>
        <v>1.9182306717409461</v>
      </c>
      <c r="G2911" cm="1">
        <f t="array" ref="G2911">IFERROR(INDEX(Jesper!AK$2:AK$366,ROUNDDOWN($C2911/24,0)+1,1)*INDEX($D$3:$AA$30,INDEX(Jesper!$R$2:$R$366,ROW(INDEX(Jesper!AK$2:AK$366,ROUNDDOWN($C2911/24,0)+1,1))-1)+IF('Standard Profiles'!$G$21=$B$10,7,0)+IF('Standard Profiles'!$G$21=$B$17,14,0)+IF('Standard Profiles'!$G$21=$B$24,21,0),MOD($C2911,24)+1)/SUM(INDEX($D$3:$AA$30,INDEX(Jesper!$R$2:$R$366,ROW(INDEX(Jesper!AK$2:AK$366,ROUNDDOWN($C2911/24,0)+1,1))-1)+IF('Standard Profiles'!$G$21=$B$10,7,0)+IF('Standard Profiles'!$G$21=$B$17,14,0)+IF('Standard Profiles'!$G$21=$B$24,21,0),0)),0)</f>
        <v>1.5807879556540263</v>
      </c>
      <c r="H2911" cm="1">
        <f t="array" ref="H2911">IFERROR(INDEX(Jesper!AL$2:AL$366,ROUNDDOWN($C2911/24,0)+1,1)*INDEX($D$3:$AA$30,INDEX(Jesper!$R$2:$R$366,ROW(INDEX(Jesper!AL$2:AL$366,ROUNDDOWN($C2911/24,0)+1,1))-1)+IF('Standard Profiles'!$G$22=$B$10,7,0)+IF('Standard Profiles'!$G$22=$B$17,14,0)+IF('Standard Profiles'!$G$22=$B$24,21,0),MOD($C2911,24)+1)/SUM(INDEX($D$3:$AA$30,INDEX(Jesper!$R$2:$R$366,ROW(INDEX(Jesper!AL$2:AL$366,ROUNDDOWN($C2911/24,0)+1,1))-1)+IF('Standard Profiles'!$G$22=$B$10,7,0)+IF('Standard Profiles'!$G$22=$B$17,14,0)+IF('Standard Profiles'!$G$22=$B$24,21,0),0)),0)</f>
        <v>0.40669055613767768</v>
      </c>
      <c r="I2911">
        <f t="shared" si="328"/>
        <v>0.39042293389217081</v>
      </c>
      <c r="J2911">
        <f t="shared" si="329"/>
        <v>6.3037345139505332</v>
      </c>
      <c r="K2911">
        <f t="shared" si="330"/>
        <v>0.25349529675545945</v>
      </c>
      <c r="L2911">
        <f t="shared" si="331"/>
        <v>0.12674764837772973</v>
      </c>
      <c r="M2911">
        <f t="shared" si="332"/>
        <v>0</v>
      </c>
      <c r="N2911" s="45">
        <f t="shared" si="333"/>
        <v>45046.874999993022</v>
      </c>
    </row>
    <row r="2912" spans="2:14" x14ac:dyDescent="0.25">
      <c r="B2912">
        <f t="shared" si="327"/>
        <v>7</v>
      </c>
      <c r="C2912" s="16">
        <v>2878</v>
      </c>
      <c r="D2912" cm="1">
        <f t="array" ref="D2912">IFERROR(INDEX(Jesper!AH$2:AH$366,ROUNDDOWN($C2912/24,0)+1,1)*INDEX($D$3:$AA$30,INDEX(Jesper!$R$2:$R$366,ROW(INDEX(Jesper!AH$2:AH$366,ROUNDDOWN($C2912/24,0)+1,1))-1)+IF('Standard Profiles'!$G$18=$B$10,7,0)+IF('Standard Profiles'!$G$18=$B$17,14,0)+IF('Standard Profiles'!$G$18=$B$24,21,0),MOD($C2912,24)+1)/SUM(INDEX($D$3:$AA$30,INDEX(Jesper!$R$2:$R$366,ROW(INDEX(Jesper!AH$2:AH$366,ROUNDDOWN($C2912/24,0)+1,1))-1)+IF('Standard Profiles'!$G$18=$B$10,7,0)+IF('Standard Profiles'!$G$18=$B$17,14,0)+IF('Standard Profiles'!$G$18=$B$24,21,0),0)),0)</f>
        <v>0</v>
      </c>
      <c r="E2912" cm="1">
        <f t="array" ref="E2912">IFERROR(INDEX(Jesper!AI$2:AI$366,ROUNDDOWN($C2912/24,0)+1,1)*INDEX($D$3:$AA$30,INDEX(Jesper!$R$2:$R$366,ROW(INDEX(Jesper!AI$2:AI$366,ROUNDDOWN($C2912/24,0)+1,1))-1)+IF('Standard Profiles'!$G$19=$B$10,7,0)+IF('Standard Profiles'!$G$19=$B$17,14,0)+IF('Standard Profiles'!$G$19=$B$24,21,0),MOD($C2912,24)+1)/SUM(INDEX($D$3:$AA$30,INDEX(Jesper!$R$2:$R$366,ROW(INDEX(Jesper!AI$2:AI$366,ROUNDDOWN($C2912/24,0)+1,1))-1)+IF('Standard Profiles'!$G$19=$B$10,7,0)+IF('Standard Profiles'!$G$19=$B$17,14,0)+IF('Standard Profiles'!$G$19=$B$24,21,0),0)),0)</f>
        <v>3.1686912094432431</v>
      </c>
      <c r="F2912" cm="1">
        <f t="array" ref="F2912">IFERROR(INDEX(Jesper!AJ$2:AJ$366,ROUNDDOWN($C2912/24,0)+1,1)*INDEX($D$3:$AA$30,INDEX(Jesper!$R$2:$R$366,ROW(INDEX(Jesper!AJ$2:AJ$366,ROUNDDOWN($C2912/24,0)+1,1))-1)+IF('Standard Profiles'!$G$20=$B$10,7,0)+IF('Standard Profiles'!$G$20=$B$17,14,0)+IF('Standard Profiles'!$G$20=$B$24,21,0),MOD($C2912,24)+1)/SUM(INDEX($D$3:$AA$30,INDEX(Jesper!$R$2:$R$366,ROW(INDEX(Jesper!AJ$2:AJ$366,ROUNDDOWN($C2912/24,0)+1,1))-1)+IF('Standard Profiles'!$G$20=$B$10,7,0)+IF('Standard Profiles'!$G$20=$B$17,14,0)+IF('Standard Profiles'!$G$20=$B$24,21,0),0)),0)</f>
        <v>1.9182306717409461</v>
      </c>
      <c r="G2912" cm="1">
        <f t="array" ref="G2912">IFERROR(INDEX(Jesper!AK$2:AK$366,ROUNDDOWN($C2912/24,0)+1,1)*INDEX($D$3:$AA$30,INDEX(Jesper!$R$2:$R$366,ROW(INDEX(Jesper!AK$2:AK$366,ROUNDDOWN($C2912/24,0)+1,1))-1)+IF('Standard Profiles'!$G$21=$B$10,7,0)+IF('Standard Profiles'!$G$21=$B$17,14,0)+IF('Standard Profiles'!$G$21=$B$24,21,0),MOD($C2912,24)+1)/SUM(INDEX($D$3:$AA$30,INDEX(Jesper!$R$2:$R$366,ROW(INDEX(Jesper!AK$2:AK$366,ROUNDDOWN($C2912/24,0)+1,1))-1)+IF('Standard Profiles'!$G$21=$B$10,7,0)+IF('Standard Profiles'!$G$21=$B$17,14,0)+IF('Standard Profiles'!$G$21=$B$24,21,0),0)),0)</f>
        <v>1.5807879556540263</v>
      </c>
      <c r="H2912" cm="1">
        <f t="array" ref="H2912">IFERROR(INDEX(Jesper!AL$2:AL$366,ROUNDDOWN($C2912/24,0)+1,1)*INDEX($D$3:$AA$30,INDEX(Jesper!$R$2:$R$366,ROW(INDEX(Jesper!AL$2:AL$366,ROUNDDOWN($C2912/24,0)+1,1))-1)+IF('Standard Profiles'!$G$22=$B$10,7,0)+IF('Standard Profiles'!$G$22=$B$17,14,0)+IF('Standard Profiles'!$G$22=$B$24,21,0),MOD($C2912,24)+1)/SUM(INDEX($D$3:$AA$30,INDEX(Jesper!$R$2:$R$366,ROW(INDEX(Jesper!AL$2:AL$366,ROUNDDOWN($C2912/24,0)+1,1))-1)+IF('Standard Profiles'!$G$22=$B$10,7,0)+IF('Standard Profiles'!$G$22=$B$17,14,0)+IF('Standard Profiles'!$G$22=$B$24,21,0),0)),0)</f>
        <v>0.40669055613767768</v>
      </c>
      <c r="I2912">
        <f t="shared" si="328"/>
        <v>0.39042293389217081</v>
      </c>
      <c r="J2912">
        <f t="shared" si="329"/>
        <v>6.3037345139505332</v>
      </c>
      <c r="K2912">
        <f t="shared" si="330"/>
        <v>0.25349529675545945</v>
      </c>
      <c r="L2912">
        <f t="shared" si="331"/>
        <v>0.12674764837772973</v>
      </c>
      <c r="M2912">
        <f t="shared" si="332"/>
        <v>0</v>
      </c>
      <c r="N2912" s="45">
        <f t="shared" si="333"/>
        <v>45046.916666659687</v>
      </c>
    </row>
    <row r="2913" spans="2:14" x14ac:dyDescent="0.25">
      <c r="B2913">
        <f t="shared" si="327"/>
        <v>7</v>
      </c>
      <c r="C2913" s="16">
        <v>2879</v>
      </c>
      <c r="D2913" cm="1">
        <f t="array" ref="D2913">IFERROR(INDEX(Jesper!AH$2:AH$366,ROUNDDOWN($C2913/24,0)+1,1)*INDEX($D$3:$AA$30,INDEX(Jesper!$R$2:$R$366,ROW(INDEX(Jesper!AH$2:AH$366,ROUNDDOWN($C2913/24,0)+1,1))-1)+IF('Standard Profiles'!$G$18=$B$10,7,0)+IF('Standard Profiles'!$G$18=$B$17,14,0)+IF('Standard Profiles'!$G$18=$B$24,21,0),MOD($C2913,24)+1)/SUM(INDEX($D$3:$AA$30,INDEX(Jesper!$R$2:$R$366,ROW(INDEX(Jesper!AH$2:AH$366,ROUNDDOWN($C2913/24,0)+1,1))-1)+IF('Standard Profiles'!$G$18=$B$10,7,0)+IF('Standard Profiles'!$G$18=$B$17,14,0)+IF('Standard Profiles'!$G$18=$B$24,21,0),0)),0)</f>
        <v>0</v>
      </c>
      <c r="E2913" cm="1">
        <f t="array" ref="E2913">IFERROR(INDEX(Jesper!AI$2:AI$366,ROUNDDOWN($C2913/24,0)+1,1)*INDEX($D$3:$AA$30,INDEX(Jesper!$R$2:$R$366,ROW(INDEX(Jesper!AI$2:AI$366,ROUNDDOWN($C2913/24,0)+1,1))-1)+IF('Standard Profiles'!$G$19=$B$10,7,0)+IF('Standard Profiles'!$G$19=$B$17,14,0)+IF('Standard Profiles'!$G$19=$B$24,21,0),MOD($C2913,24)+1)/SUM(INDEX($D$3:$AA$30,INDEX(Jesper!$R$2:$R$366,ROW(INDEX(Jesper!AI$2:AI$366,ROUNDDOWN($C2913/24,0)+1,1))-1)+IF('Standard Profiles'!$G$19=$B$10,7,0)+IF('Standard Profiles'!$G$19=$B$17,14,0)+IF('Standard Profiles'!$G$19=$B$24,21,0),0)),0)</f>
        <v>3.1686912094432431</v>
      </c>
      <c r="F2913" cm="1">
        <f t="array" ref="F2913">IFERROR(INDEX(Jesper!AJ$2:AJ$366,ROUNDDOWN($C2913/24,0)+1,1)*INDEX($D$3:$AA$30,INDEX(Jesper!$R$2:$R$366,ROW(INDEX(Jesper!AJ$2:AJ$366,ROUNDDOWN($C2913/24,0)+1,1))-1)+IF('Standard Profiles'!$G$20=$B$10,7,0)+IF('Standard Profiles'!$G$20=$B$17,14,0)+IF('Standard Profiles'!$G$20=$B$24,21,0),MOD($C2913,24)+1)/SUM(INDEX($D$3:$AA$30,INDEX(Jesper!$R$2:$R$366,ROW(INDEX(Jesper!AJ$2:AJ$366,ROUNDDOWN($C2913/24,0)+1,1))-1)+IF('Standard Profiles'!$G$20=$B$10,7,0)+IF('Standard Profiles'!$G$20=$B$17,14,0)+IF('Standard Profiles'!$G$20=$B$24,21,0),0)),0)</f>
        <v>1.9182306717409461</v>
      </c>
      <c r="G2913" cm="1">
        <f t="array" ref="G2913">IFERROR(INDEX(Jesper!AK$2:AK$366,ROUNDDOWN($C2913/24,0)+1,1)*INDEX($D$3:$AA$30,INDEX(Jesper!$R$2:$R$366,ROW(INDEX(Jesper!AK$2:AK$366,ROUNDDOWN($C2913/24,0)+1,1))-1)+IF('Standard Profiles'!$G$21=$B$10,7,0)+IF('Standard Profiles'!$G$21=$B$17,14,0)+IF('Standard Profiles'!$G$21=$B$24,21,0),MOD($C2913,24)+1)/SUM(INDEX($D$3:$AA$30,INDEX(Jesper!$R$2:$R$366,ROW(INDEX(Jesper!AK$2:AK$366,ROUNDDOWN($C2913/24,0)+1,1))-1)+IF('Standard Profiles'!$G$21=$B$10,7,0)+IF('Standard Profiles'!$G$21=$B$17,14,0)+IF('Standard Profiles'!$G$21=$B$24,21,0),0)),0)</f>
        <v>1.5807879556540263</v>
      </c>
      <c r="H2913" cm="1">
        <f t="array" ref="H2913">IFERROR(INDEX(Jesper!AL$2:AL$366,ROUNDDOWN($C2913/24,0)+1,1)*INDEX($D$3:$AA$30,INDEX(Jesper!$R$2:$R$366,ROW(INDEX(Jesper!AL$2:AL$366,ROUNDDOWN($C2913/24,0)+1,1))-1)+IF('Standard Profiles'!$G$22=$B$10,7,0)+IF('Standard Profiles'!$G$22=$B$17,14,0)+IF('Standard Profiles'!$G$22=$B$24,21,0),MOD($C2913,24)+1)/SUM(INDEX($D$3:$AA$30,INDEX(Jesper!$R$2:$R$366,ROW(INDEX(Jesper!AL$2:AL$366,ROUNDDOWN($C2913/24,0)+1,1))-1)+IF('Standard Profiles'!$G$22=$B$10,7,0)+IF('Standard Profiles'!$G$22=$B$17,14,0)+IF('Standard Profiles'!$G$22=$B$24,21,0),0)),0)</f>
        <v>0.40669055613767768</v>
      </c>
      <c r="I2913">
        <f t="shared" si="328"/>
        <v>0.39042293389217081</v>
      </c>
      <c r="J2913">
        <f t="shared" si="329"/>
        <v>6.3037345139505332</v>
      </c>
      <c r="K2913">
        <f t="shared" si="330"/>
        <v>0.25349529675545945</v>
      </c>
      <c r="L2913">
        <f t="shared" si="331"/>
        <v>0.12674764837772973</v>
      </c>
      <c r="M2913">
        <f t="shared" si="332"/>
        <v>0</v>
      </c>
      <c r="N2913" s="45">
        <f t="shared" si="333"/>
        <v>45046.958333326351</v>
      </c>
    </row>
    <row r="2914" spans="2:14" x14ac:dyDescent="0.25">
      <c r="B2914">
        <f t="shared" si="327"/>
        <v>1</v>
      </c>
      <c r="C2914" s="16">
        <v>2880</v>
      </c>
      <c r="D2914" cm="1">
        <f t="array" ref="D2914">IFERROR(INDEX(Jesper!AH$2:AH$366,ROUNDDOWN($C2914/24,0)+1,1)*INDEX($D$3:$AA$30,INDEX(Jesper!$R$2:$R$366,ROW(INDEX(Jesper!AH$2:AH$366,ROUNDDOWN($C2914/24,0)+1,1))-1)+IF('Standard Profiles'!$G$18=$B$10,7,0)+IF('Standard Profiles'!$G$18=$B$17,14,0)+IF('Standard Profiles'!$G$18=$B$24,21,0),MOD($C2914,24)+1)/SUM(INDEX($D$3:$AA$30,INDEX(Jesper!$R$2:$R$366,ROW(INDEX(Jesper!AH$2:AH$366,ROUNDDOWN($C2914/24,0)+1,1))-1)+IF('Standard Profiles'!$G$18=$B$10,7,0)+IF('Standard Profiles'!$G$18=$B$17,14,0)+IF('Standard Profiles'!$G$18=$B$24,21,0),0)),0)</f>
        <v>5.4574547652698895</v>
      </c>
      <c r="E2914" cm="1">
        <f t="array" ref="E2914">IFERROR(INDEX(Jesper!AI$2:AI$366,ROUNDDOWN($C2914/24,0)+1,1)*INDEX($D$3:$AA$30,INDEX(Jesper!$R$2:$R$366,ROW(INDEX(Jesper!AI$2:AI$366,ROUNDDOWN($C2914/24,0)+1,1))-1)+IF('Standard Profiles'!$G$19=$B$10,7,0)+IF('Standard Profiles'!$G$19=$B$17,14,0)+IF('Standard Profiles'!$G$19=$B$24,21,0),MOD($C2914,24)+1)/SUM(INDEX($D$3:$AA$30,INDEX(Jesper!$R$2:$R$366,ROW(INDEX(Jesper!AI$2:AI$366,ROUNDDOWN($C2914/24,0)+1,1))-1)+IF('Standard Profiles'!$G$19=$B$10,7,0)+IF('Standard Profiles'!$G$19=$B$17,14,0)+IF('Standard Profiles'!$G$19=$B$24,21,0),0)),0)</f>
        <v>3.6405852572019173</v>
      </c>
      <c r="F2914" cm="1">
        <f t="array" ref="F2914">IFERROR(INDEX(Jesper!AJ$2:AJ$366,ROUNDDOWN($C2914/24,0)+1,1)*INDEX($D$3:$AA$30,INDEX(Jesper!$R$2:$R$366,ROW(INDEX(Jesper!AJ$2:AJ$366,ROUNDDOWN($C2914/24,0)+1,1))-1)+IF('Standard Profiles'!$G$20=$B$10,7,0)+IF('Standard Profiles'!$G$20=$B$17,14,0)+IF('Standard Profiles'!$G$20=$B$24,21,0),MOD($C2914,24)+1)/SUM(INDEX($D$3:$AA$30,INDEX(Jesper!$R$2:$R$366,ROW(INDEX(Jesper!AJ$2:AJ$366,ROUNDDOWN($C2914/24,0)+1,1))-1)+IF('Standard Profiles'!$G$20=$B$10,7,0)+IF('Standard Profiles'!$G$20=$B$17,14,0)+IF('Standard Profiles'!$G$20=$B$24,21,0),0)),0)</f>
        <v>0</v>
      </c>
      <c r="G2914" cm="1">
        <f t="array" ref="G2914">IFERROR(INDEX(Jesper!AK$2:AK$366,ROUNDDOWN($C2914/24,0)+1,1)*INDEX($D$3:$AA$30,INDEX(Jesper!$R$2:$R$366,ROW(INDEX(Jesper!AK$2:AK$366,ROUNDDOWN($C2914/24,0)+1,1))-1)+IF('Standard Profiles'!$G$21=$B$10,7,0)+IF('Standard Profiles'!$G$21=$B$17,14,0)+IF('Standard Profiles'!$G$21=$B$24,21,0),MOD($C2914,24)+1)/SUM(INDEX($D$3:$AA$30,INDEX(Jesper!$R$2:$R$366,ROW(INDEX(Jesper!AK$2:AK$366,ROUNDDOWN($C2914/24,0)+1,1))-1)+IF('Standard Profiles'!$G$21=$B$10,7,0)+IF('Standard Profiles'!$G$21=$B$17,14,0)+IF('Standard Profiles'!$G$21=$B$24,21,0),0)),0)</f>
        <v>0.72782586118755466</v>
      </c>
      <c r="H2914" cm="1">
        <f t="array" ref="H2914">IFERROR(INDEX(Jesper!AL$2:AL$366,ROUNDDOWN($C2914/24,0)+1,1)*INDEX($D$3:$AA$30,INDEX(Jesper!$R$2:$R$366,ROW(INDEX(Jesper!AL$2:AL$366,ROUNDDOWN($C2914/24,0)+1,1))-1)+IF('Standard Profiles'!$G$22=$B$10,7,0)+IF('Standard Profiles'!$G$22=$B$17,14,0)+IF('Standard Profiles'!$G$22=$B$24,21,0),MOD($C2914,24)+1)/SUM(INDEX($D$3:$AA$30,INDEX(Jesper!$R$2:$R$366,ROW(INDEX(Jesper!AL$2:AL$366,ROUNDDOWN($C2914/24,0)+1,1))-1)+IF('Standard Profiles'!$G$22=$B$10,7,0)+IF('Standard Profiles'!$G$22=$B$17,14,0)+IF('Standard Profiles'!$G$22=$B$24,21,0),0)),0)</f>
        <v>0</v>
      </c>
      <c r="I2914">
        <f t="shared" si="328"/>
        <v>0.34935641337002604</v>
      </c>
      <c r="J2914">
        <f t="shared" si="329"/>
        <v>8.6033167078461528</v>
      </c>
      <c r="K2914">
        <f t="shared" si="330"/>
        <v>0.58212850829545493</v>
      </c>
      <c r="L2914">
        <f t="shared" si="331"/>
        <v>0.29106425414772746</v>
      </c>
      <c r="M2914">
        <f t="shared" si="332"/>
        <v>0</v>
      </c>
      <c r="N2914" s="45">
        <f t="shared" si="333"/>
        <v>45046.999999993015</v>
      </c>
    </row>
    <row r="2915" spans="2:14" x14ac:dyDescent="0.25">
      <c r="B2915">
        <f t="shared" ref="B2915:B2978" si="334">WEEKDAY(N2915,2)</f>
        <v>1</v>
      </c>
      <c r="C2915" s="16">
        <v>2881</v>
      </c>
      <c r="D2915" cm="1">
        <f t="array" ref="D2915">IFERROR(INDEX(Jesper!AH$2:AH$366,ROUNDDOWN($C2915/24,0)+1,1)*INDEX($D$3:$AA$30,INDEX(Jesper!$R$2:$R$366,ROW(INDEX(Jesper!AH$2:AH$366,ROUNDDOWN($C2915/24,0)+1,1))-1)+IF('Standard Profiles'!$G$18=$B$10,7,0)+IF('Standard Profiles'!$G$18=$B$17,14,0)+IF('Standard Profiles'!$G$18=$B$24,21,0),MOD($C2915,24)+1)/SUM(INDEX($D$3:$AA$30,INDEX(Jesper!$R$2:$R$366,ROW(INDEX(Jesper!AH$2:AH$366,ROUNDDOWN($C2915/24,0)+1,1))-1)+IF('Standard Profiles'!$G$18=$B$10,7,0)+IF('Standard Profiles'!$G$18=$B$17,14,0)+IF('Standard Profiles'!$G$18=$B$24,21,0),0)),0)</f>
        <v>5.4574547652698895</v>
      </c>
      <c r="E2915" cm="1">
        <f t="array" ref="E2915">IFERROR(INDEX(Jesper!AI$2:AI$366,ROUNDDOWN($C2915/24,0)+1,1)*INDEX($D$3:$AA$30,INDEX(Jesper!$R$2:$R$366,ROW(INDEX(Jesper!AI$2:AI$366,ROUNDDOWN($C2915/24,0)+1,1))-1)+IF('Standard Profiles'!$G$19=$B$10,7,0)+IF('Standard Profiles'!$G$19=$B$17,14,0)+IF('Standard Profiles'!$G$19=$B$24,21,0),MOD($C2915,24)+1)/SUM(INDEX($D$3:$AA$30,INDEX(Jesper!$R$2:$R$366,ROW(INDEX(Jesper!AI$2:AI$366,ROUNDDOWN($C2915/24,0)+1,1))-1)+IF('Standard Profiles'!$G$19=$B$10,7,0)+IF('Standard Profiles'!$G$19=$B$17,14,0)+IF('Standard Profiles'!$G$19=$B$24,21,0),0)),0)</f>
        <v>3.6405852572019173</v>
      </c>
      <c r="F2915" cm="1">
        <f t="array" ref="F2915">IFERROR(INDEX(Jesper!AJ$2:AJ$366,ROUNDDOWN($C2915/24,0)+1,1)*INDEX($D$3:$AA$30,INDEX(Jesper!$R$2:$R$366,ROW(INDEX(Jesper!AJ$2:AJ$366,ROUNDDOWN($C2915/24,0)+1,1))-1)+IF('Standard Profiles'!$G$20=$B$10,7,0)+IF('Standard Profiles'!$G$20=$B$17,14,0)+IF('Standard Profiles'!$G$20=$B$24,21,0),MOD($C2915,24)+1)/SUM(INDEX($D$3:$AA$30,INDEX(Jesper!$R$2:$R$366,ROW(INDEX(Jesper!AJ$2:AJ$366,ROUNDDOWN($C2915/24,0)+1,1))-1)+IF('Standard Profiles'!$G$20=$B$10,7,0)+IF('Standard Profiles'!$G$20=$B$17,14,0)+IF('Standard Profiles'!$G$20=$B$24,21,0),0)),0)</f>
        <v>0</v>
      </c>
      <c r="G2915" cm="1">
        <f t="array" ref="G2915">IFERROR(INDEX(Jesper!AK$2:AK$366,ROUNDDOWN($C2915/24,0)+1,1)*INDEX($D$3:$AA$30,INDEX(Jesper!$R$2:$R$366,ROW(INDEX(Jesper!AK$2:AK$366,ROUNDDOWN($C2915/24,0)+1,1))-1)+IF('Standard Profiles'!$G$21=$B$10,7,0)+IF('Standard Profiles'!$G$21=$B$17,14,0)+IF('Standard Profiles'!$G$21=$B$24,21,0),MOD($C2915,24)+1)/SUM(INDEX($D$3:$AA$30,INDEX(Jesper!$R$2:$R$366,ROW(INDEX(Jesper!AK$2:AK$366,ROUNDDOWN($C2915/24,0)+1,1))-1)+IF('Standard Profiles'!$G$21=$B$10,7,0)+IF('Standard Profiles'!$G$21=$B$17,14,0)+IF('Standard Profiles'!$G$21=$B$24,21,0),0)),0)</f>
        <v>0.72782586118755466</v>
      </c>
      <c r="H2915" cm="1">
        <f t="array" ref="H2915">IFERROR(INDEX(Jesper!AL$2:AL$366,ROUNDDOWN($C2915/24,0)+1,1)*INDEX($D$3:$AA$30,INDEX(Jesper!$R$2:$R$366,ROW(INDEX(Jesper!AL$2:AL$366,ROUNDDOWN($C2915/24,0)+1,1))-1)+IF('Standard Profiles'!$G$22=$B$10,7,0)+IF('Standard Profiles'!$G$22=$B$17,14,0)+IF('Standard Profiles'!$G$22=$B$24,21,0),MOD($C2915,24)+1)/SUM(INDEX($D$3:$AA$30,INDEX(Jesper!$R$2:$R$366,ROW(INDEX(Jesper!AL$2:AL$366,ROUNDDOWN($C2915/24,0)+1,1))-1)+IF('Standard Profiles'!$G$22=$B$10,7,0)+IF('Standard Profiles'!$G$22=$B$17,14,0)+IF('Standard Profiles'!$G$22=$B$24,21,0),0)),0)</f>
        <v>0</v>
      </c>
      <c r="I2915">
        <f t="shared" ref="I2915:I2978" si="335">IF($B2915&lt;6,AC$37*$D2915+AC$38*$E2915+AC$39*$F2915+AC$40*$G2915,AC$46*$D2915+AC$47*$E2915+AC$48*$F2915+AC$49*$G2915+AC$50*$H2915)</f>
        <v>0.34935641337002604</v>
      </c>
      <c r="J2915">
        <f t="shared" ref="J2915:J2978" si="336">IF($B2915&lt;6,AD$37*$D2915+AD$38*$E2915+AD$39*$F2915+AD$40*$G2915,AD$46*$D2915+AD$47*$E2915+AD$48*$F2915+AD$49*$G2915+AD$50*$H2915)</f>
        <v>8.6033167078461528</v>
      </c>
      <c r="K2915">
        <f t="shared" ref="K2915:K2978" si="337">IF($B2915&lt;6,AE$37*$D2915+AE$38*$E2915+AE$39*$F2915+AE$40*$G2915,AE$46*$D2915+AE$47*$E2915+AE$48*$F2915+AE$49*$G2915+AE$50*$H2915)</f>
        <v>0.58212850829545493</v>
      </c>
      <c r="L2915">
        <f t="shared" ref="L2915:L2978" si="338">IF($B2915&lt;6,AF$37*$D2915+AF$38*$E2915+AF$39*$F2915+AF$40*$G2915,AF$46*$D2915+AF$47*$E2915+AF$48*$F2915+AF$49*$G2915+AF$50*$H2915)</f>
        <v>0.29106425414772746</v>
      </c>
      <c r="M2915">
        <f t="shared" ref="M2915:M2978" si="339">IF($B2915&lt;6,AG$37*$D2915+AG$38*$E2915+AG$39*$F2915+AG$40*$G2915,AG$46*$D2915+AG$47*$E2915+AG$48*$F2915+AG$49*$G2915+AG$50*$H2915)</f>
        <v>0</v>
      </c>
      <c r="N2915" s="45">
        <f t="shared" si="333"/>
        <v>45047.041666659679</v>
      </c>
    </row>
    <row r="2916" spans="2:14" x14ac:dyDescent="0.25">
      <c r="B2916">
        <f t="shared" si="334"/>
        <v>1</v>
      </c>
      <c r="C2916" s="16">
        <v>2882</v>
      </c>
      <c r="D2916" cm="1">
        <f t="array" ref="D2916">IFERROR(INDEX(Jesper!AH$2:AH$366,ROUNDDOWN($C2916/24,0)+1,1)*INDEX($D$3:$AA$30,INDEX(Jesper!$R$2:$R$366,ROW(INDEX(Jesper!AH$2:AH$366,ROUNDDOWN($C2916/24,0)+1,1))-1)+IF('Standard Profiles'!$G$18=$B$10,7,0)+IF('Standard Profiles'!$G$18=$B$17,14,0)+IF('Standard Profiles'!$G$18=$B$24,21,0),MOD($C2916,24)+1)/SUM(INDEX($D$3:$AA$30,INDEX(Jesper!$R$2:$R$366,ROW(INDEX(Jesper!AH$2:AH$366,ROUNDDOWN($C2916/24,0)+1,1))-1)+IF('Standard Profiles'!$G$18=$B$10,7,0)+IF('Standard Profiles'!$G$18=$B$17,14,0)+IF('Standard Profiles'!$G$18=$B$24,21,0),0)),0)</f>
        <v>5.4574547652698895</v>
      </c>
      <c r="E2916" cm="1">
        <f t="array" ref="E2916">IFERROR(INDEX(Jesper!AI$2:AI$366,ROUNDDOWN($C2916/24,0)+1,1)*INDEX($D$3:$AA$30,INDEX(Jesper!$R$2:$R$366,ROW(INDEX(Jesper!AI$2:AI$366,ROUNDDOWN($C2916/24,0)+1,1))-1)+IF('Standard Profiles'!$G$19=$B$10,7,0)+IF('Standard Profiles'!$G$19=$B$17,14,0)+IF('Standard Profiles'!$G$19=$B$24,21,0),MOD($C2916,24)+1)/SUM(INDEX($D$3:$AA$30,INDEX(Jesper!$R$2:$R$366,ROW(INDEX(Jesper!AI$2:AI$366,ROUNDDOWN($C2916/24,0)+1,1))-1)+IF('Standard Profiles'!$G$19=$B$10,7,0)+IF('Standard Profiles'!$G$19=$B$17,14,0)+IF('Standard Profiles'!$G$19=$B$24,21,0),0)),0)</f>
        <v>3.6405852572019173</v>
      </c>
      <c r="F2916" cm="1">
        <f t="array" ref="F2916">IFERROR(INDEX(Jesper!AJ$2:AJ$366,ROUNDDOWN($C2916/24,0)+1,1)*INDEX($D$3:$AA$30,INDEX(Jesper!$R$2:$R$366,ROW(INDEX(Jesper!AJ$2:AJ$366,ROUNDDOWN($C2916/24,0)+1,1))-1)+IF('Standard Profiles'!$G$20=$B$10,7,0)+IF('Standard Profiles'!$G$20=$B$17,14,0)+IF('Standard Profiles'!$G$20=$B$24,21,0),MOD($C2916,24)+1)/SUM(INDEX($D$3:$AA$30,INDEX(Jesper!$R$2:$R$366,ROW(INDEX(Jesper!AJ$2:AJ$366,ROUNDDOWN($C2916/24,0)+1,1))-1)+IF('Standard Profiles'!$G$20=$B$10,7,0)+IF('Standard Profiles'!$G$20=$B$17,14,0)+IF('Standard Profiles'!$G$20=$B$24,21,0),0)),0)</f>
        <v>0</v>
      </c>
      <c r="G2916" cm="1">
        <f t="array" ref="G2916">IFERROR(INDEX(Jesper!AK$2:AK$366,ROUNDDOWN($C2916/24,0)+1,1)*INDEX($D$3:$AA$30,INDEX(Jesper!$R$2:$R$366,ROW(INDEX(Jesper!AK$2:AK$366,ROUNDDOWN($C2916/24,0)+1,1))-1)+IF('Standard Profiles'!$G$21=$B$10,7,0)+IF('Standard Profiles'!$G$21=$B$17,14,0)+IF('Standard Profiles'!$G$21=$B$24,21,0),MOD($C2916,24)+1)/SUM(INDEX($D$3:$AA$30,INDEX(Jesper!$R$2:$R$366,ROW(INDEX(Jesper!AK$2:AK$366,ROUNDDOWN($C2916/24,0)+1,1))-1)+IF('Standard Profiles'!$G$21=$B$10,7,0)+IF('Standard Profiles'!$G$21=$B$17,14,0)+IF('Standard Profiles'!$G$21=$B$24,21,0),0)),0)</f>
        <v>0.72782586118755466</v>
      </c>
      <c r="H2916" cm="1">
        <f t="array" ref="H2916">IFERROR(INDEX(Jesper!AL$2:AL$366,ROUNDDOWN($C2916/24,0)+1,1)*INDEX($D$3:$AA$30,INDEX(Jesper!$R$2:$R$366,ROW(INDEX(Jesper!AL$2:AL$366,ROUNDDOWN($C2916/24,0)+1,1))-1)+IF('Standard Profiles'!$G$22=$B$10,7,0)+IF('Standard Profiles'!$G$22=$B$17,14,0)+IF('Standard Profiles'!$G$22=$B$24,21,0),MOD($C2916,24)+1)/SUM(INDEX($D$3:$AA$30,INDEX(Jesper!$R$2:$R$366,ROW(INDEX(Jesper!AL$2:AL$366,ROUNDDOWN($C2916/24,0)+1,1))-1)+IF('Standard Profiles'!$G$22=$B$10,7,0)+IF('Standard Profiles'!$G$22=$B$17,14,0)+IF('Standard Profiles'!$G$22=$B$24,21,0),0)),0)</f>
        <v>0</v>
      </c>
      <c r="I2916">
        <f t="shared" si="335"/>
        <v>0.34935641337002604</v>
      </c>
      <c r="J2916">
        <f t="shared" si="336"/>
        <v>8.6033167078461528</v>
      </c>
      <c r="K2916">
        <f t="shared" si="337"/>
        <v>0.58212850829545493</v>
      </c>
      <c r="L2916">
        <f t="shared" si="338"/>
        <v>0.29106425414772746</v>
      </c>
      <c r="M2916">
        <f t="shared" si="339"/>
        <v>0</v>
      </c>
      <c r="N2916" s="45">
        <f t="shared" ref="N2916:N2979" si="340">N2915+1/24</f>
        <v>45047.083333326344</v>
      </c>
    </row>
    <row r="2917" spans="2:14" x14ac:dyDescent="0.25">
      <c r="B2917">
        <f t="shared" si="334"/>
        <v>1</v>
      </c>
      <c r="C2917" s="16">
        <v>2883</v>
      </c>
      <c r="D2917" cm="1">
        <f t="array" ref="D2917">IFERROR(INDEX(Jesper!AH$2:AH$366,ROUNDDOWN($C2917/24,0)+1,1)*INDEX($D$3:$AA$30,INDEX(Jesper!$R$2:$R$366,ROW(INDEX(Jesper!AH$2:AH$366,ROUNDDOWN($C2917/24,0)+1,1))-1)+IF('Standard Profiles'!$G$18=$B$10,7,0)+IF('Standard Profiles'!$G$18=$B$17,14,0)+IF('Standard Profiles'!$G$18=$B$24,21,0),MOD($C2917,24)+1)/SUM(INDEX($D$3:$AA$30,INDEX(Jesper!$R$2:$R$366,ROW(INDEX(Jesper!AH$2:AH$366,ROUNDDOWN($C2917/24,0)+1,1))-1)+IF('Standard Profiles'!$G$18=$B$10,7,0)+IF('Standard Profiles'!$G$18=$B$17,14,0)+IF('Standard Profiles'!$G$18=$B$24,21,0),0)),0)</f>
        <v>5.4574547652698895</v>
      </c>
      <c r="E2917" cm="1">
        <f t="array" ref="E2917">IFERROR(INDEX(Jesper!AI$2:AI$366,ROUNDDOWN($C2917/24,0)+1,1)*INDEX($D$3:$AA$30,INDEX(Jesper!$R$2:$R$366,ROW(INDEX(Jesper!AI$2:AI$366,ROUNDDOWN($C2917/24,0)+1,1))-1)+IF('Standard Profiles'!$G$19=$B$10,7,0)+IF('Standard Profiles'!$G$19=$B$17,14,0)+IF('Standard Profiles'!$G$19=$B$24,21,0),MOD($C2917,24)+1)/SUM(INDEX($D$3:$AA$30,INDEX(Jesper!$R$2:$R$366,ROW(INDEX(Jesper!AI$2:AI$366,ROUNDDOWN($C2917/24,0)+1,1))-1)+IF('Standard Profiles'!$G$19=$B$10,7,0)+IF('Standard Profiles'!$G$19=$B$17,14,0)+IF('Standard Profiles'!$G$19=$B$24,21,0),0)),0)</f>
        <v>3.6405852572019173</v>
      </c>
      <c r="F2917" cm="1">
        <f t="array" ref="F2917">IFERROR(INDEX(Jesper!AJ$2:AJ$366,ROUNDDOWN($C2917/24,0)+1,1)*INDEX($D$3:$AA$30,INDEX(Jesper!$R$2:$R$366,ROW(INDEX(Jesper!AJ$2:AJ$366,ROUNDDOWN($C2917/24,0)+1,1))-1)+IF('Standard Profiles'!$G$20=$B$10,7,0)+IF('Standard Profiles'!$G$20=$B$17,14,0)+IF('Standard Profiles'!$G$20=$B$24,21,0),MOD($C2917,24)+1)/SUM(INDEX($D$3:$AA$30,INDEX(Jesper!$R$2:$R$366,ROW(INDEX(Jesper!AJ$2:AJ$366,ROUNDDOWN($C2917/24,0)+1,1))-1)+IF('Standard Profiles'!$G$20=$B$10,7,0)+IF('Standard Profiles'!$G$20=$B$17,14,0)+IF('Standard Profiles'!$G$20=$B$24,21,0),0)),0)</f>
        <v>0</v>
      </c>
      <c r="G2917" cm="1">
        <f t="array" ref="G2917">IFERROR(INDEX(Jesper!AK$2:AK$366,ROUNDDOWN($C2917/24,0)+1,1)*INDEX($D$3:$AA$30,INDEX(Jesper!$R$2:$R$366,ROW(INDEX(Jesper!AK$2:AK$366,ROUNDDOWN($C2917/24,0)+1,1))-1)+IF('Standard Profiles'!$G$21=$B$10,7,0)+IF('Standard Profiles'!$G$21=$B$17,14,0)+IF('Standard Profiles'!$G$21=$B$24,21,0),MOD($C2917,24)+1)/SUM(INDEX($D$3:$AA$30,INDEX(Jesper!$R$2:$R$366,ROW(INDEX(Jesper!AK$2:AK$366,ROUNDDOWN($C2917/24,0)+1,1))-1)+IF('Standard Profiles'!$G$21=$B$10,7,0)+IF('Standard Profiles'!$G$21=$B$17,14,0)+IF('Standard Profiles'!$G$21=$B$24,21,0),0)),0)</f>
        <v>0.72782586118755466</v>
      </c>
      <c r="H2917" cm="1">
        <f t="array" ref="H2917">IFERROR(INDEX(Jesper!AL$2:AL$366,ROUNDDOWN($C2917/24,0)+1,1)*INDEX($D$3:$AA$30,INDEX(Jesper!$R$2:$R$366,ROW(INDEX(Jesper!AL$2:AL$366,ROUNDDOWN($C2917/24,0)+1,1))-1)+IF('Standard Profiles'!$G$22=$B$10,7,0)+IF('Standard Profiles'!$G$22=$B$17,14,0)+IF('Standard Profiles'!$G$22=$B$24,21,0),MOD($C2917,24)+1)/SUM(INDEX($D$3:$AA$30,INDEX(Jesper!$R$2:$R$366,ROW(INDEX(Jesper!AL$2:AL$366,ROUNDDOWN($C2917/24,0)+1,1))-1)+IF('Standard Profiles'!$G$22=$B$10,7,0)+IF('Standard Profiles'!$G$22=$B$17,14,0)+IF('Standard Profiles'!$G$22=$B$24,21,0),0)),0)</f>
        <v>0</v>
      </c>
      <c r="I2917">
        <f t="shared" si="335"/>
        <v>0.34935641337002604</v>
      </c>
      <c r="J2917">
        <f t="shared" si="336"/>
        <v>8.6033167078461528</v>
      </c>
      <c r="K2917">
        <f t="shared" si="337"/>
        <v>0.58212850829545493</v>
      </c>
      <c r="L2917">
        <f t="shared" si="338"/>
        <v>0.29106425414772746</v>
      </c>
      <c r="M2917">
        <f t="shared" si="339"/>
        <v>0</v>
      </c>
      <c r="N2917" s="45">
        <f t="shared" si="340"/>
        <v>45047.124999993008</v>
      </c>
    </row>
    <row r="2918" spans="2:14" x14ac:dyDescent="0.25">
      <c r="B2918">
        <f t="shared" si="334"/>
        <v>1</v>
      </c>
      <c r="C2918" s="16">
        <v>2884</v>
      </c>
      <c r="D2918" cm="1">
        <f t="array" ref="D2918">IFERROR(INDEX(Jesper!AH$2:AH$366,ROUNDDOWN($C2918/24,0)+1,1)*INDEX($D$3:$AA$30,INDEX(Jesper!$R$2:$R$366,ROW(INDEX(Jesper!AH$2:AH$366,ROUNDDOWN($C2918/24,0)+1,1))-1)+IF('Standard Profiles'!$G$18=$B$10,7,0)+IF('Standard Profiles'!$G$18=$B$17,14,0)+IF('Standard Profiles'!$G$18=$B$24,21,0),MOD($C2918,24)+1)/SUM(INDEX($D$3:$AA$30,INDEX(Jesper!$R$2:$R$366,ROW(INDEX(Jesper!AH$2:AH$366,ROUNDDOWN($C2918/24,0)+1,1))-1)+IF('Standard Profiles'!$G$18=$B$10,7,0)+IF('Standard Profiles'!$G$18=$B$17,14,0)+IF('Standard Profiles'!$G$18=$B$24,21,0),0)),0)</f>
        <v>5.4574547652698895</v>
      </c>
      <c r="E2918" cm="1">
        <f t="array" ref="E2918">IFERROR(INDEX(Jesper!AI$2:AI$366,ROUNDDOWN($C2918/24,0)+1,1)*INDEX($D$3:$AA$30,INDEX(Jesper!$R$2:$R$366,ROW(INDEX(Jesper!AI$2:AI$366,ROUNDDOWN($C2918/24,0)+1,1))-1)+IF('Standard Profiles'!$G$19=$B$10,7,0)+IF('Standard Profiles'!$G$19=$B$17,14,0)+IF('Standard Profiles'!$G$19=$B$24,21,0),MOD($C2918,24)+1)/SUM(INDEX($D$3:$AA$30,INDEX(Jesper!$R$2:$R$366,ROW(INDEX(Jesper!AI$2:AI$366,ROUNDDOWN($C2918/24,0)+1,1))-1)+IF('Standard Profiles'!$G$19=$B$10,7,0)+IF('Standard Profiles'!$G$19=$B$17,14,0)+IF('Standard Profiles'!$G$19=$B$24,21,0),0)),0)</f>
        <v>3.6405852572019173</v>
      </c>
      <c r="F2918" cm="1">
        <f t="array" ref="F2918">IFERROR(INDEX(Jesper!AJ$2:AJ$366,ROUNDDOWN($C2918/24,0)+1,1)*INDEX($D$3:$AA$30,INDEX(Jesper!$R$2:$R$366,ROW(INDEX(Jesper!AJ$2:AJ$366,ROUNDDOWN($C2918/24,0)+1,1))-1)+IF('Standard Profiles'!$G$20=$B$10,7,0)+IF('Standard Profiles'!$G$20=$B$17,14,0)+IF('Standard Profiles'!$G$20=$B$24,21,0),MOD($C2918,24)+1)/SUM(INDEX($D$3:$AA$30,INDEX(Jesper!$R$2:$R$366,ROW(INDEX(Jesper!AJ$2:AJ$366,ROUNDDOWN($C2918/24,0)+1,1))-1)+IF('Standard Profiles'!$G$20=$B$10,7,0)+IF('Standard Profiles'!$G$20=$B$17,14,0)+IF('Standard Profiles'!$G$20=$B$24,21,0),0)),0)</f>
        <v>0</v>
      </c>
      <c r="G2918" cm="1">
        <f t="array" ref="G2918">IFERROR(INDEX(Jesper!AK$2:AK$366,ROUNDDOWN($C2918/24,0)+1,1)*INDEX($D$3:$AA$30,INDEX(Jesper!$R$2:$R$366,ROW(INDEX(Jesper!AK$2:AK$366,ROUNDDOWN($C2918/24,0)+1,1))-1)+IF('Standard Profiles'!$G$21=$B$10,7,0)+IF('Standard Profiles'!$G$21=$B$17,14,0)+IF('Standard Profiles'!$G$21=$B$24,21,0),MOD($C2918,24)+1)/SUM(INDEX($D$3:$AA$30,INDEX(Jesper!$R$2:$R$366,ROW(INDEX(Jesper!AK$2:AK$366,ROUNDDOWN($C2918/24,0)+1,1))-1)+IF('Standard Profiles'!$G$21=$B$10,7,0)+IF('Standard Profiles'!$G$21=$B$17,14,0)+IF('Standard Profiles'!$G$21=$B$24,21,0),0)),0)</f>
        <v>0.72782586118755466</v>
      </c>
      <c r="H2918" cm="1">
        <f t="array" ref="H2918">IFERROR(INDEX(Jesper!AL$2:AL$366,ROUNDDOWN($C2918/24,0)+1,1)*INDEX($D$3:$AA$30,INDEX(Jesper!$R$2:$R$366,ROW(INDEX(Jesper!AL$2:AL$366,ROUNDDOWN($C2918/24,0)+1,1))-1)+IF('Standard Profiles'!$G$22=$B$10,7,0)+IF('Standard Profiles'!$G$22=$B$17,14,0)+IF('Standard Profiles'!$G$22=$B$24,21,0),MOD($C2918,24)+1)/SUM(INDEX($D$3:$AA$30,INDEX(Jesper!$R$2:$R$366,ROW(INDEX(Jesper!AL$2:AL$366,ROUNDDOWN($C2918/24,0)+1,1))-1)+IF('Standard Profiles'!$G$22=$B$10,7,0)+IF('Standard Profiles'!$G$22=$B$17,14,0)+IF('Standard Profiles'!$G$22=$B$24,21,0),0)),0)</f>
        <v>0</v>
      </c>
      <c r="I2918">
        <f t="shared" si="335"/>
        <v>0.34935641337002604</v>
      </c>
      <c r="J2918">
        <f t="shared" si="336"/>
        <v>8.6033167078461528</v>
      </c>
      <c r="K2918">
        <f t="shared" si="337"/>
        <v>0.58212850829545493</v>
      </c>
      <c r="L2918">
        <f t="shared" si="338"/>
        <v>0.29106425414772746</v>
      </c>
      <c r="M2918">
        <f t="shared" si="339"/>
        <v>0</v>
      </c>
      <c r="N2918" s="45">
        <f t="shared" si="340"/>
        <v>45047.166666659672</v>
      </c>
    </row>
    <row r="2919" spans="2:14" x14ac:dyDescent="0.25">
      <c r="B2919">
        <f t="shared" si="334"/>
        <v>1</v>
      </c>
      <c r="C2919" s="16">
        <v>2885</v>
      </c>
      <c r="D2919" cm="1">
        <f t="array" ref="D2919">IFERROR(INDEX(Jesper!AH$2:AH$366,ROUNDDOWN($C2919/24,0)+1,1)*INDEX($D$3:$AA$30,INDEX(Jesper!$R$2:$R$366,ROW(INDEX(Jesper!AH$2:AH$366,ROUNDDOWN($C2919/24,0)+1,1))-1)+IF('Standard Profiles'!$G$18=$B$10,7,0)+IF('Standard Profiles'!$G$18=$B$17,14,0)+IF('Standard Profiles'!$G$18=$B$24,21,0),MOD($C2919,24)+1)/SUM(INDEX($D$3:$AA$30,INDEX(Jesper!$R$2:$R$366,ROW(INDEX(Jesper!AH$2:AH$366,ROUNDDOWN($C2919/24,0)+1,1))-1)+IF('Standard Profiles'!$G$18=$B$10,7,0)+IF('Standard Profiles'!$G$18=$B$17,14,0)+IF('Standard Profiles'!$G$18=$B$24,21,0),0)),0)</f>
        <v>5.4574547652698895</v>
      </c>
      <c r="E2919" cm="1">
        <f t="array" ref="E2919">IFERROR(INDEX(Jesper!AI$2:AI$366,ROUNDDOWN($C2919/24,0)+1,1)*INDEX($D$3:$AA$30,INDEX(Jesper!$R$2:$R$366,ROW(INDEX(Jesper!AI$2:AI$366,ROUNDDOWN($C2919/24,0)+1,1))-1)+IF('Standard Profiles'!$G$19=$B$10,7,0)+IF('Standard Profiles'!$G$19=$B$17,14,0)+IF('Standard Profiles'!$G$19=$B$24,21,0),MOD($C2919,24)+1)/SUM(INDEX($D$3:$AA$30,INDEX(Jesper!$R$2:$R$366,ROW(INDEX(Jesper!AI$2:AI$366,ROUNDDOWN($C2919/24,0)+1,1))-1)+IF('Standard Profiles'!$G$19=$B$10,7,0)+IF('Standard Profiles'!$G$19=$B$17,14,0)+IF('Standard Profiles'!$G$19=$B$24,21,0),0)),0)</f>
        <v>3.6405852572019173</v>
      </c>
      <c r="F2919" cm="1">
        <f t="array" ref="F2919">IFERROR(INDEX(Jesper!AJ$2:AJ$366,ROUNDDOWN($C2919/24,0)+1,1)*INDEX($D$3:$AA$30,INDEX(Jesper!$R$2:$R$366,ROW(INDEX(Jesper!AJ$2:AJ$366,ROUNDDOWN($C2919/24,0)+1,1))-1)+IF('Standard Profiles'!$G$20=$B$10,7,0)+IF('Standard Profiles'!$G$20=$B$17,14,0)+IF('Standard Profiles'!$G$20=$B$24,21,0),MOD($C2919,24)+1)/SUM(INDEX($D$3:$AA$30,INDEX(Jesper!$R$2:$R$366,ROW(INDEX(Jesper!AJ$2:AJ$366,ROUNDDOWN($C2919/24,0)+1,1))-1)+IF('Standard Profiles'!$G$20=$B$10,7,0)+IF('Standard Profiles'!$G$20=$B$17,14,0)+IF('Standard Profiles'!$G$20=$B$24,21,0),0)),0)</f>
        <v>0</v>
      </c>
      <c r="G2919" cm="1">
        <f t="array" ref="G2919">IFERROR(INDEX(Jesper!AK$2:AK$366,ROUNDDOWN($C2919/24,0)+1,1)*INDEX($D$3:$AA$30,INDEX(Jesper!$R$2:$R$366,ROW(INDEX(Jesper!AK$2:AK$366,ROUNDDOWN($C2919/24,0)+1,1))-1)+IF('Standard Profiles'!$G$21=$B$10,7,0)+IF('Standard Profiles'!$G$21=$B$17,14,0)+IF('Standard Profiles'!$G$21=$B$24,21,0),MOD($C2919,24)+1)/SUM(INDEX($D$3:$AA$30,INDEX(Jesper!$R$2:$R$366,ROW(INDEX(Jesper!AK$2:AK$366,ROUNDDOWN($C2919/24,0)+1,1))-1)+IF('Standard Profiles'!$G$21=$B$10,7,0)+IF('Standard Profiles'!$G$21=$B$17,14,0)+IF('Standard Profiles'!$G$21=$B$24,21,0),0)),0)</f>
        <v>0.72782586118755466</v>
      </c>
      <c r="H2919" cm="1">
        <f t="array" ref="H2919">IFERROR(INDEX(Jesper!AL$2:AL$366,ROUNDDOWN($C2919/24,0)+1,1)*INDEX($D$3:$AA$30,INDEX(Jesper!$R$2:$R$366,ROW(INDEX(Jesper!AL$2:AL$366,ROUNDDOWN($C2919/24,0)+1,1))-1)+IF('Standard Profiles'!$G$22=$B$10,7,0)+IF('Standard Profiles'!$G$22=$B$17,14,0)+IF('Standard Profiles'!$G$22=$B$24,21,0),MOD($C2919,24)+1)/SUM(INDEX($D$3:$AA$30,INDEX(Jesper!$R$2:$R$366,ROW(INDEX(Jesper!AL$2:AL$366,ROUNDDOWN($C2919/24,0)+1,1))-1)+IF('Standard Profiles'!$G$22=$B$10,7,0)+IF('Standard Profiles'!$G$22=$B$17,14,0)+IF('Standard Profiles'!$G$22=$B$24,21,0),0)),0)</f>
        <v>0</v>
      </c>
      <c r="I2919">
        <f t="shared" si="335"/>
        <v>0.34935641337002604</v>
      </c>
      <c r="J2919">
        <f t="shared" si="336"/>
        <v>8.6033167078461528</v>
      </c>
      <c r="K2919">
        <f t="shared" si="337"/>
        <v>0.58212850829545493</v>
      </c>
      <c r="L2919">
        <f t="shared" si="338"/>
        <v>0.29106425414772746</v>
      </c>
      <c r="M2919">
        <f t="shared" si="339"/>
        <v>0</v>
      </c>
      <c r="N2919" s="45">
        <f t="shared" si="340"/>
        <v>45047.208333326336</v>
      </c>
    </row>
    <row r="2920" spans="2:14" x14ac:dyDescent="0.25">
      <c r="B2920">
        <f t="shared" si="334"/>
        <v>1</v>
      </c>
      <c r="C2920" s="16">
        <v>2886</v>
      </c>
      <c r="D2920" cm="1">
        <f t="array" ref="D2920">IFERROR(INDEX(Jesper!AH$2:AH$366,ROUNDDOWN($C2920/24,0)+1,1)*INDEX($D$3:$AA$30,INDEX(Jesper!$R$2:$R$366,ROW(INDEX(Jesper!AH$2:AH$366,ROUNDDOWN($C2920/24,0)+1,1))-1)+IF('Standard Profiles'!$G$18=$B$10,7,0)+IF('Standard Profiles'!$G$18=$B$17,14,0)+IF('Standard Profiles'!$G$18=$B$24,21,0),MOD($C2920,24)+1)/SUM(INDEX($D$3:$AA$30,INDEX(Jesper!$R$2:$R$366,ROW(INDEX(Jesper!AH$2:AH$366,ROUNDDOWN($C2920/24,0)+1,1))-1)+IF('Standard Profiles'!$G$18=$B$10,7,0)+IF('Standard Profiles'!$G$18=$B$17,14,0)+IF('Standard Profiles'!$G$18=$B$24,21,0),0)),0)</f>
        <v>5.4574547652698895</v>
      </c>
      <c r="E2920" cm="1">
        <f t="array" ref="E2920">IFERROR(INDEX(Jesper!AI$2:AI$366,ROUNDDOWN($C2920/24,0)+1,1)*INDEX($D$3:$AA$30,INDEX(Jesper!$R$2:$R$366,ROW(INDEX(Jesper!AI$2:AI$366,ROUNDDOWN($C2920/24,0)+1,1))-1)+IF('Standard Profiles'!$G$19=$B$10,7,0)+IF('Standard Profiles'!$G$19=$B$17,14,0)+IF('Standard Profiles'!$G$19=$B$24,21,0),MOD($C2920,24)+1)/SUM(INDEX($D$3:$AA$30,INDEX(Jesper!$R$2:$R$366,ROW(INDEX(Jesper!AI$2:AI$366,ROUNDDOWN($C2920/24,0)+1,1))-1)+IF('Standard Profiles'!$G$19=$B$10,7,0)+IF('Standard Profiles'!$G$19=$B$17,14,0)+IF('Standard Profiles'!$G$19=$B$24,21,0),0)),0)</f>
        <v>3.6405852572019173</v>
      </c>
      <c r="F2920" cm="1">
        <f t="array" ref="F2920">IFERROR(INDEX(Jesper!AJ$2:AJ$366,ROUNDDOWN($C2920/24,0)+1,1)*INDEX($D$3:$AA$30,INDEX(Jesper!$R$2:$R$366,ROW(INDEX(Jesper!AJ$2:AJ$366,ROUNDDOWN($C2920/24,0)+1,1))-1)+IF('Standard Profiles'!$G$20=$B$10,7,0)+IF('Standard Profiles'!$G$20=$B$17,14,0)+IF('Standard Profiles'!$G$20=$B$24,21,0),MOD($C2920,24)+1)/SUM(INDEX($D$3:$AA$30,INDEX(Jesper!$R$2:$R$366,ROW(INDEX(Jesper!AJ$2:AJ$366,ROUNDDOWN($C2920/24,0)+1,1))-1)+IF('Standard Profiles'!$G$20=$B$10,7,0)+IF('Standard Profiles'!$G$20=$B$17,14,0)+IF('Standard Profiles'!$G$20=$B$24,21,0),0)),0)</f>
        <v>0</v>
      </c>
      <c r="G2920" cm="1">
        <f t="array" ref="G2920">IFERROR(INDEX(Jesper!AK$2:AK$366,ROUNDDOWN($C2920/24,0)+1,1)*INDEX($D$3:$AA$30,INDEX(Jesper!$R$2:$R$366,ROW(INDEX(Jesper!AK$2:AK$366,ROUNDDOWN($C2920/24,0)+1,1))-1)+IF('Standard Profiles'!$G$21=$B$10,7,0)+IF('Standard Profiles'!$G$21=$B$17,14,0)+IF('Standard Profiles'!$G$21=$B$24,21,0),MOD($C2920,24)+1)/SUM(INDEX($D$3:$AA$30,INDEX(Jesper!$R$2:$R$366,ROW(INDEX(Jesper!AK$2:AK$366,ROUNDDOWN($C2920/24,0)+1,1))-1)+IF('Standard Profiles'!$G$21=$B$10,7,0)+IF('Standard Profiles'!$G$21=$B$17,14,0)+IF('Standard Profiles'!$G$21=$B$24,21,0),0)),0)</f>
        <v>0.72782586118755466</v>
      </c>
      <c r="H2920" cm="1">
        <f t="array" ref="H2920">IFERROR(INDEX(Jesper!AL$2:AL$366,ROUNDDOWN($C2920/24,0)+1,1)*INDEX($D$3:$AA$30,INDEX(Jesper!$R$2:$R$366,ROW(INDEX(Jesper!AL$2:AL$366,ROUNDDOWN($C2920/24,0)+1,1))-1)+IF('Standard Profiles'!$G$22=$B$10,7,0)+IF('Standard Profiles'!$G$22=$B$17,14,0)+IF('Standard Profiles'!$G$22=$B$24,21,0),MOD($C2920,24)+1)/SUM(INDEX($D$3:$AA$30,INDEX(Jesper!$R$2:$R$366,ROW(INDEX(Jesper!AL$2:AL$366,ROUNDDOWN($C2920/24,0)+1,1))-1)+IF('Standard Profiles'!$G$22=$B$10,7,0)+IF('Standard Profiles'!$G$22=$B$17,14,0)+IF('Standard Profiles'!$G$22=$B$24,21,0),0)),0)</f>
        <v>0</v>
      </c>
      <c r="I2920">
        <f t="shared" si="335"/>
        <v>0.34935641337002604</v>
      </c>
      <c r="J2920">
        <f t="shared" si="336"/>
        <v>8.6033167078461528</v>
      </c>
      <c r="K2920">
        <f t="shared" si="337"/>
        <v>0.58212850829545493</v>
      </c>
      <c r="L2920">
        <f t="shared" si="338"/>
        <v>0.29106425414772746</v>
      </c>
      <c r="M2920">
        <f t="shared" si="339"/>
        <v>0</v>
      </c>
      <c r="N2920" s="45">
        <f t="shared" si="340"/>
        <v>45047.249999993001</v>
      </c>
    </row>
    <row r="2921" spans="2:14" x14ac:dyDescent="0.25">
      <c r="B2921">
        <f t="shared" si="334"/>
        <v>1</v>
      </c>
      <c r="C2921" s="16">
        <v>2887</v>
      </c>
      <c r="D2921" cm="1">
        <f t="array" ref="D2921">IFERROR(INDEX(Jesper!AH$2:AH$366,ROUNDDOWN($C2921/24,0)+1,1)*INDEX($D$3:$AA$30,INDEX(Jesper!$R$2:$R$366,ROW(INDEX(Jesper!AH$2:AH$366,ROUNDDOWN($C2921/24,0)+1,1))-1)+IF('Standard Profiles'!$G$18=$B$10,7,0)+IF('Standard Profiles'!$G$18=$B$17,14,0)+IF('Standard Profiles'!$G$18=$B$24,21,0),MOD($C2921,24)+1)/SUM(INDEX($D$3:$AA$30,INDEX(Jesper!$R$2:$R$366,ROW(INDEX(Jesper!AH$2:AH$366,ROUNDDOWN($C2921/24,0)+1,1))-1)+IF('Standard Profiles'!$G$18=$B$10,7,0)+IF('Standard Profiles'!$G$18=$B$17,14,0)+IF('Standard Profiles'!$G$18=$B$24,21,0),0)),0)</f>
        <v>23.248757300049729</v>
      </c>
      <c r="E2921" cm="1">
        <f t="array" ref="E2921">IFERROR(INDEX(Jesper!AI$2:AI$366,ROUNDDOWN($C2921/24,0)+1,1)*INDEX($D$3:$AA$30,INDEX(Jesper!$R$2:$R$366,ROW(INDEX(Jesper!AI$2:AI$366,ROUNDDOWN($C2921/24,0)+1,1))-1)+IF('Standard Profiles'!$G$19=$B$10,7,0)+IF('Standard Profiles'!$G$19=$B$17,14,0)+IF('Standard Profiles'!$G$19=$B$24,21,0),MOD($C2921,24)+1)/SUM(INDEX($D$3:$AA$30,INDEX(Jesper!$R$2:$R$366,ROW(INDEX(Jesper!AI$2:AI$366,ROUNDDOWN($C2921/24,0)+1,1))-1)+IF('Standard Profiles'!$G$19=$B$10,7,0)+IF('Standard Profiles'!$G$19=$B$17,14,0)+IF('Standard Profiles'!$G$19=$B$24,21,0),0)),0)</f>
        <v>15.508893195680166</v>
      </c>
      <c r="F2921" cm="1">
        <f t="array" ref="F2921">IFERROR(INDEX(Jesper!AJ$2:AJ$366,ROUNDDOWN($C2921/24,0)+1,1)*INDEX($D$3:$AA$30,INDEX(Jesper!$R$2:$R$366,ROW(INDEX(Jesper!AJ$2:AJ$366,ROUNDDOWN($C2921/24,0)+1,1))-1)+IF('Standard Profiles'!$G$20=$B$10,7,0)+IF('Standard Profiles'!$G$20=$B$17,14,0)+IF('Standard Profiles'!$G$20=$B$24,21,0),MOD($C2921,24)+1)/SUM(INDEX($D$3:$AA$30,INDEX(Jesper!$R$2:$R$366,ROW(INDEX(Jesper!AJ$2:AJ$366,ROUNDDOWN($C2921/24,0)+1,1))-1)+IF('Standard Profiles'!$G$20=$B$10,7,0)+IF('Standard Profiles'!$G$20=$B$17,14,0)+IF('Standard Profiles'!$G$20=$B$24,21,0),0)),0)</f>
        <v>0</v>
      </c>
      <c r="G2921" cm="1">
        <f t="array" ref="G2921">IFERROR(INDEX(Jesper!AK$2:AK$366,ROUNDDOWN($C2921/24,0)+1,1)*INDEX($D$3:$AA$30,INDEX(Jesper!$R$2:$R$366,ROW(INDEX(Jesper!AK$2:AK$366,ROUNDDOWN($C2921/24,0)+1,1))-1)+IF('Standard Profiles'!$G$21=$B$10,7,0)+IF('Standard Profiles'!$G$21=$B$17,14,0)+IF('Standard Profiles'!$G$21=$B$24,21,0),MOD($C2921,24)+1)/SUM(INDEX($D$3:$AA$30,INDEX(Jesper!$R$2:$R$366,ROW(INDEX(Jesper!AK$2:AK$366,ROUNDDOWN($C2921/24,0)+1,1))-1)+IF('Standard Profiles'!$G$21=$B$10,7,0)+IF('Standard Profiles'!$G$21=$B$17,14,0)+IF('Standard Profiles'!$G$21=$B$24,21,0),0)),0)</f>
        <v>3.1660424961658626</v>
      </c>
      <c r="H2921" cm="1">
        <f t="array" ref="H2921">IFERROR(INDEX(Jesper!AL$2:AL$366,ROUNDDOWN($C2921/24,0)+1,1)*INDEX($D$3:$AA$30,INDEX(Jesper!$R$2:$R$366,ROW(INDEX(Jesper!AL$2:AL$366,ROUNDDOWN($C2921/24,0)+1,1))-1)+IF('Standard Profiles'!$G$22=$B$10,7,0)+IF('Standard Profiles'!$G$22=$B$17,14,0)+IF('Standard Profiles'!$G$22=$B$24,21,0),MOD($C2921,24)+1)/SUM(INDEX($D$3:$AA$30,INDEX(Jesper!$R$2:$R$366,ROW(INDEX(Jesper!AL$2:AL$366,ROUNDDOWN($C2921/24,0)+1,1))-1)+IF('Standard Profiles'!$G$22=$B$10,7,0)+IF('Standard Profiles'!$G$22=$B$17,14,0)+IF('Standard Profiles'!$G$22=$B$24,21,0),0)),0)</f>
        <v>0</v>
      </c>
      <c r="I2921">
        <f t="shared" si="335"/>
        <v>1.5197003981596133</v>
      </c>
      <c r="J2921">
        <f t="shared" si="336"/>
        <v>36.684191425728187</v>
      </c>
      <c r="K2921">
        <f t="shared" si="337"/>
        <v>2.479867445338638</v>
      </c>
      <c r="L2921">
        <f t="shared" si="338"/>
        <v>1.239933722669319</v>
      </c>
      <c r="M2921">
        <f t="shared" si="339"/>
        <v>0</v>
      </c>
      <c r="N2921" s="45">
        <f t="shared" si="340"/>
        <v>45047.291666659665</v>
      </c>
    </row>
    <row r="2922" spans="2:14" x14ac:dyDescent="0.25">
      <c r="B2922">
        <f t="shared" si="334"/>
        <v>1</v>
      </c>
      <c r="C2922" s="16">
        <v>2888</v>
      </c>
      <c r="D2922" cm="1">
        <f t="array" ref="D2922">IFERROR(INDEX(Jesper!AH$2:AH$366,ROUNDDOWN($C2922/24,0)+1,1)*INDEX($D$3:$AA$30,INDEX(Jesper!$R$2:$R$366,ROW(INDEX(Jesper!AH$2:AH$366,ROUNDDOWN($C2922/24,0)+1,1))-1)+IF('Standard Profiles'!$G$18=$B$10,7,0)+IF('Standard Profiles'!$G$18=$B$17,14,0)+IF('Standard Profiles'!$G$18=$B$24,21,0),MOD($C2922,24)+1)/SUM(INDEX($D$3:$AA$30,INDEX(Jesper!$R$2:$R$366,ROW(INDEX(Jesper!AH$2:AH$366,ROUNDDOWN($C2922/24,0)+1,1))-1)+IF('Standard Profiles'!$G$18=$B$10,7,0)+IF('Standard Profiles'!$G$18=$B$17,14,0)+IF('Standard Profiles'!$G$18=$B$24,21,0),0)),0)</f>
        <v>26.154851962555941</v>
      </c>
      <c r="E2922" cm="1">
        <f t="array" ref="E2922">IFERROR(INDEX(Jesper!AI$2:AI$366,ROUNDDOWN($C2922/24,0)+1,1)*INDEX($D$3:$AA$30,INDEX(Jesper!$R$2:$R$366,ROW(INDEX(Jesper!AI$2:AI$366,ROUNDDOWN($C2922/24,0)+1,1))-1)+IF('Standard Profiles'!$G$19=$B$10,7,0)+IF('Standard Profiles'!$G$19=$B$17,14,0)+IF('Standard Profiles'!$G$19=$B$24,21,0),MOD($C2922,24)+1)/SUM(INDEX($D$3:$AA$30,INDEX(Jesper!$R$2:$R$366,ROW(INDEX(Jesper!AI$2:AI$366,ROUNDDOWN($C2922/24,0)+1,1))-1)+IF('Standard Profiles'!$G$19=$B$10,7,0)+IF('Standard Profiles'!$G$19=$B$17,14,0)+IF('Standard Profiles'!$G$19=$B$24,21,0),0)),0)</f>
        <v>17.447504845140188</v>
      </c>
      <c r="F2922" cm="1">
        <f t="array" ref="F2922">IFERROR(INDEX(Jesper!AJ$2:AJ$366,ROUNDDOWN($C2922/24,0)+1,1)*INDEX($D$3:$AA$30,INDEX(Jesper!$R$2:$R$366,ROW(INDEX(Jesper!AJ$2:AJ$366,ROUNDDOWN($C2922/24,0)+1,1))-1)+IF('Standard Profiles'!$G$20=$B$10,7,0)+IF('Standard Profiles'!$G$20=$B$17,14,0)+IF('Standard Profiles'!$G$20=$B$24,21,0),MOD($C2922,24)+1)/SUM(INDEX($D$3:$AA$30,INDEX(Jesper!$R$2:$R$366,ROW(INDEX(Jesper!AJ$2:AJ$366,ROUNDDOWN($C2922/24,0)+1,1))-1)+IF('Standard Profiles'!$G$20=$B$10,7,0)+IF('Standard Profiles'!$G$20=$B$17,14,0)+IF('Standard Profiles'!$G$20=$B$24,21,0),0)),0)</f>
        <v>0</v>
      </c>
      <c r="G2922" cm="1">
        <f t="array" ref="G2922">IFERROR(INDEX(Jesper!AK$2:AK$366,ROUNDDOWN($C2922/24,0)+1,1)*INDEX($D$3:$AA$30,INDEX(Jesper!$R$2:$R$366,ROW(INDEX(Jesper!AK$2:AK$366,ROUNDDOWN($C2922/24,0)+1,1))-1)+IF('Standard Profiles'!$G$21=$B$10,7,0)+IF('Standard Profiles'!$G$21=$B$17,14,0)+IF('Standard Profiles'!$G$21=$B$24,21,0),MOD($C2922,24)+1)/SUM(INDEX($D$3:$AA$30,INDEX(Jesper!$R$2:$R$366,ROW(INDEX(Jesper!AK$2:AK$366,ROUNDDOWN($C2922/24,0)+1,1))-1)+IF('Standard Profiles'!$G$21=$B$10,7,0)+IF('Standard Profiles'!$G$21=$B$17,14,0)+IF('Standard Profiles'!$G$21=$B$24,21,0),0)),0)</f>
        <v>3.5617978081865957</v>
      </c>
      <c r="H2922" cm="1">
        <f t="array" ref="H2922">IFERROR(INDEX(Jesper!AL$2:AL$366,ROUNDDOWN($C2922/24,0)+1,1)*INDEX($D$3:$AA$30,INDEX(Jesper!$R$2:$R$366,ROW(INDEX(Jesper!AL$2:AL$366,ROUNDDOWN($C2922/24,0)+1,1))-1)+IF('Standard Profiles'!$G$22=$B$10,7,0)+IF('Standard Profiles'!$G$22=$B$17,14,0)+IF('Standard Profiles'!$G$22=$B$24,21,0),MOD($C2922,24)+1)/SUM(INDEX($D$3:$AA$30,INDEX(Jesper!$R$2:$R$366,ROW(INDEX(Jesper!AL$2:AL$366,ROUNDDOWN($C2922/24,0)+1,1))-1)+IF('Standard Profiles'!$G$22=$B$10,7,0)+IF('Standard Profiles'!$G$22=$B$17,14,0)+IF('Standard Profiles'!$G$22=$B$24,21,0),0)),0)</f>
        <v>0</v>
      </c>
      <c r="I2922">
        <f t="shared" si="335"/>
        <v>1.7096629479295651</v>
      </c>
      <c r="J2922">
        <f t="shared" si="336"/>
        <v>41.269715353944214</v>
      </c>
      <c r="K2922">
        <f t="shared" si="337"/>
        <v>2.7898508760059673</v>
      </c>
      <c r="L2922">
        <f t="shared" si="338"/>
        <v>1.3949254380029836</v>
      </c>
      <c r="M2922">
        <f t="shared" si="339"/>
        <v>0</v>
      </c>
      <c r="N2922" s="45">
        <f t="shared" si="340"/>
        <v>45047.333333326329</v>
      </c>
    </row>
    <row r="2923" spans="2:14" x14ac:dyDescent="0.25">
      <c r="B2923">
        <f t="shared" si="334"/>
        <v>1</v>
      </c>
      <c r="C2923" s="16">
        <v>2889</v>
      </c>
      <c r="D2923" cm="1">
        <f t="array" ref="D2923">IFERROR(INDEX(Jesper!AH$2:AH$366,ROUNDDOWN($C2923/24,0)+1,1)*INDEX($D$3:$AA$30,INDEX(Jesper!$R$2:$R$366,ROW(INDEX(Jesper!AH$2:AH$366,ROUNDDOWN($C2923/24,0)+1,1))-1)+IF('Standard Profiles'!$G$18=$B$10,7,0)+IF('Standard Profiles'!$G$18=$B$17,14,0)+IF('Standard Profiles'!$G$18=$B$24,21,0),MOD($C2923,24)+1)/SUM(INDEX($D$3:$AA$30,INDEX(Jesper!$R$2:$R$366,ROW(INDEX(Jesper!AH$2:AH$366,ROUNDDOWN($C2923/24,0)+1,1))-1)+IF('Standard Profiles'!$G$18=$B$10,7,0)+IF('Standard Profiles'!$G$18=$B$17,14,0)+IF('Standard Profiles'!$G$18=$B$24,21,0),0)),0)</f>
        <v>29.060946625062158</v>
      </c>
      <c r="E2923" cm="1">
        <f t="array" ref="E2923">IFERROR(INDEX(Jesper!AI$2:AI$366,ROUNDDOWN($C2923/24,0)+1,1)*INDEX($D$3:$AA$30,INDEX(Jesper!$R$2:$R$366,ROW(INDEX(Jesper!AI$2:AI$366,ROUNDDOWN($C2923/24,0)+1,1))-1)+IF('Standard Profiles'!$G$19=$B$10,7,0)+IF('Standard Profiles'!$G$19=$B$17,14,0)+IF('Standard Profiles'!$G$19=$B$24,21,0),MOD($C2923,24)+1)/SUM(INDEX($D$3:$AA$30,INDEX(Jesper!$R$2:$R$366,ROW(INDEX(Jesper!AI$2:AI$366,ROUNDDOWN($C2923/24,0)+1,1))-1)+IF('Standard Profiles'!$G$19=$B$10,7,0)+IF('Standard Profiles'!$G$19=$B$17,14,0)+IF('Standard Profiles'!$G$19=$B$24,21,0),0)),0)</f>
        <v>19.386116494600209</v>
      </c>
      <c r="F2923" cm="1">
        <f t="array" ref="F2923">IFERROR(INDEX(Jesper!AJ$2:AJ$366,ROUNDDOWN($C2923/24,0)+1,1)*INDEX($D$3:$AA$30,INDEX(Jesper!$R$2:$R$366,ROW(INDEX(Jesper!AJ$2:AJ$366,ROUNDDOWN($C2923/24,0)+1,1))-1)+IF('Standard Profiles'!$G$20=$B$10,7,0)+IF('Standard Profiles'!$G$20=$B$17,14,0)+IF('Standard Profiles'!$G$20=$B$24,21,0),MOD($C2923,24)+1)/SUM(INDEX($D$3:$AA$30,INDEX(Jesper!$R$2:$R$366,ROW(INDEX(Jesper!AJ$2:AJ$366,ROUNDDOWN($C2923/24,0)+1,1))-1)+IF('Standard Profiles'!$G$20=$B$10,7,0)+IF('Standard Profiles'!$G$20=$B$17,14,0)+IF('Standard Profiles'!$G$20=$B$24,21,0),0)),0)</f>
        <v>0</v>
      </c>
      <c r="G2923" cm="1">
        <f t="array" ref="G2923">IFERROR(INDEX(Jesper!AK$2:AK$366,ROUNDDOWN($C2923/24,0)+1,1)*INDEX($D$3:$AA$30,INDEX(Jesper!$R$2:$R$366,ROW(INDEX(Jesper!AK$2:AK$366,ROUNDDOWN($C2923/24,0)+1,1))-1)+IF('Standard Profiles'!$G$21=$B$10,7,0)+IF('Standard Profiles'!$G$21=$B$17,14,0)+IF('Standard Profiles'!$G$21=$B$24,21,0),MOD($C2923,24)+1)/SUM(INDEX($D$3:$AA$30,INDEX(Jesper!$R$2:$R$366,ROW(INDEX(Jesper!AK$2:AK$366,ROUNDDOWN($C2923/24,0)+1,1))-1)+IF('Standard Profiles'!$G$21=$B$10,7,0)+IF('Standard Profiles'!$G$21=$B$17,14,0)+IF('Standard Profiles'!$G$21=$B$24,21,0),0)),0)</f>
        <v>3.9575531202073284</v>
      </c>
      <c r="H2923" cm="1">
        <f t="array" ref="H2923">IFERROR(INDEX(Jesper!AL$2:AL$366,ROUNDDOWN($C2923/24,0)+1,1)*INDEX($D$3:$AA$30,INDEX(Jesper!$R$2:$R$366,ROW(INDEX(Jesper!AL$2:AL$366,ROUNDDOWN($C2923/24,0)+1,1))-1)+IF('Standard Profiles'!$G$22=$B$10,7,0)+IF('Standard Profiles'!$G$22=$B$17,14,0)+IF('Standard Profiles'!$G$22=$B$24,21,0),MOD($C2923,24)+1)/SUM(INDEX($D$3:$AA$30,INDEX(Jesper!$R$2:$R$366,ROW(INDEX(Jesper!AL$2:AL$366,ROUNDDOWN($C2923/24,0)+1,1))-1)+IF('Standard Profiles'!$G$22=$B$10,7,0)+IF('Standard Profiles'!$G$22=$B$17,14,0)+IF('Standard Profiles'!$G$22=$B$24,21,0),0)),0)</f>
        <v>0</v>
      </c>
      <c r="I2923">
        <f t="shared" si="335"/>
        <v>1.8996254976995166</v>
      </c>
      <c r="J2923">
        <f t="shared" si="336"/>
        <v>45.855239282160234</v>
      </c>
      <c r="K2923">
        <f t="shared" si="337"/>
        <v>3.099834306673297</v>
      </c>
      <c r="L2923">
        <f t="shared" si="338"/>
        <v>1.5499171533366485</v>
      </c>
      <c r="M2923">
        <f t="shared" si="339"/>
        <v>0</v>
      </c>
      <c r="N2923" s="45">
        <f t="shared" si="340"/>
        <v>45047.374999992993</v>
      </c>
    </row>
    <row r="2924" spans="2:14" x14ac:dyDescent="0.25">
      <c r="B2924">
        <f t="shared" si="334"/>
        <v>1</v>
      </c>
      <c r="C2924" s="16">
        <v>2890</v>
      </c>
      <c r="D2924" cm="1">
        <f t="array" ref="D2924">IFERROR(INDEX(Jesper!AH$2:AH$366,ROUNDDOWN($C2924/24,0)+1,1)*INDEX($D$3:$AA$30,INDEX(Jesper!$R$2:$R$366,ROW(INDEX(Jesper!AH$2:AH$366,ROUNDDOWN($C2924/24,0)+1,1))-1)+IF('Standard Profiles'!$G$18=$B$10,7,0)+IF('Standard Profiles'!$G$18=$B$17,14,0)+IF('Standard Profiles'!$G$18=$B$24,21,0),MOD($C2924,24)+1)/SUM(INDEX($D$3:$AA$30,INDEX(Jesper!$R$2:$R$366,ROW(INDEX(Jesper!AH$2:AH$366,ROUNDDOWN($C2924/24,0)+1,1))-1)+IF('Standard Profiles'!$G$18=$B$10,7,0)+IF('Standard Profiles'!$G$18=$B$17,14,0)+IF('Standard Profiles'!$G$18=$B$24,21,0),0)),0)</f>
        <v>29.060946625062158</v>
      </c>
      <c r="E2924" cm="1">
        <f t="array" ref="E2924">IFERROR(INDEX(Jesper!AI$2:AI$366,ROUNDDOWN($C2924/24,0)+1,1)*INDEX($D$3:$AA$30,INDEX(Jesper!$R$2:$R$366,ROW(INDEX(Jesper!AI$2:AI$366,ROUNDDOWN($C2924/24,0)+1,1))-1)+IF('Standard Profiles'!$G$19=$B$10,7,0)+IF('Standard Profiles'!$G$19=$B$17,14,0)+IF('Standard Profiles'!$G$19=$B$24,21,0),MOD($C2924,24)+1)/SUM(INDEX($D$3:$AA$30,INDEX(Jesper!$R$2:$R$366,ROW(INDEX(Jesper!AI$2:AI$366,ROUNDDOWN($C2924/24,0)+1,1))-1)+IF('Standard Profiles'!$G$19=$B$10,7,0)+IF('Standard Profiles'!$G$19=$B$17,14,0)+IF('Standard Profiles'!$G$19=$B$24,21,0),0)),0)</f>
        <v>19.386116494600209</v>
      </c>
      <c r="F2924" cm="1">
        <f t="array" ref="F2924">IFERROR(INDEX(Jesper!AJ$2:AJ$366,ROUNDDOWN($C2924/24,0)+1,1)*INDEX($D$3:$AA$30,INDEX(Jesper!$R$2:$R$366,ROW(INDEX(Jesper!AJ$2:AJ$366,ROUNDDOWN($C2924/24,0)+1,1))-1)+IF('Standard Profiles'!$G$20=$B$10,7,0)+IF('Standard Profiles'!$G$20=$B$17,14,0)+IF('Standard Profiles'!$G$20=$B$24,21,0),MOD($C2924,24)+1)/SUM(INDEX($D$3:$AA$30,INDEX(Jesper!$R$2:$R$366,ROW(INDEX(Jesper!AJ$2:AJ$366,ROUNDDOWN($C2924/24,0)+1,1))-1)+IF('Standard Profiles'!$G$20=$B$10,7,0)+IF('Standard Profiles'!$G$20=$B$17,14,0)+IF('Standard Profiles'!$G$20=$B$24,21,0),0)),0)</f>
        <v>0</v>
      </c>
      <c r="G2924" cm="1">
        <f t="array" ref="G2924">IFERROR(INDEX(Jesper!AK$2:AK$366,ROUNDDOWN($C2924/24,0)+1,1)*INDEX($D$3:$AA$30,INDEX(Jesper!$R$2:$R$366,ROW(INDEX(Jesper!AK$2:AK$366,ROUNDDOWN($C2924/24,0)+1,1))-1)+IF('Standard Profiles'!$G$21=$B$10,7,0)+IF('Standard Profiles'!$G$21=$B$17,14,0)+IF('Standard Profiles'!$G$21=$B$24,21,0),MOD($C2924,24)+1)/SUM(INDEX($D$3:$AA$30,INDEX(Jesper!$R$2:$R$366,ROW(INDEX(Jesper!AK$2:AK$366,ROUNDDOWN($C2924/24,0)+1,1))-1)+IF('Standard Profiles'!$G$21=$B$10,7,0)+IF('Standard Profiles'!$G$21=$B$17,14,0)+IF('Standard Profiles'!$G$21=$B$24,21,0),0)),0)</f>
        <v>3.9575531202073284</v>
      </c>
      <c r="H2924" cm="1">
        <f t="array" ref="H2924">IFERROR(INDEX(Jesper!AL$2:AL$366,ROUNDDOWN($C2924/24,0)+1,1)*INDEX($D$3:$AA$30,INDEX(Jesper!$R$2:$R$366,ROW(INDEX(Jesper!AL$2:AL$366,ROUNDDOWN($C2924/24,0)+1,1))-1)+IF('Standard Profiles'!$G$22=$B$10,7,0)+IF('Standard Profiles'!$G$22=$B$17,14,0)+IF('Standard Profiles'!$G$22=$B$24,21,0),MOD($C2924,24)+1)/SUM(INDEX($D$3:$AA$30,INDEX(Jesper!$R$2:$R$366,ROW(INDEX(Jesper!AL$2:AL$366,ROUNDDOWN($C2924/24,0)+1,1))-1)+IF('Standard Profiles'!$G$22=$B$10,7,0)+IF('Standard Profiles'!$G$22=$B$17,14,0)+IF('Standard Profiles'!$G$22=$B$24,21,0),0)),0)</f>
        <v>0</v>
      </c>
      <c r="I2924">
        <f t="shared" si="335"/>
        <v>1.8996254976995166</v>
      </c>
      <c r="J2924">
        <f t="shared" si="336"/>
        <v>45.855239282160234</v>
      </c>
      <c r="K2924">
        <f t="shared" si="337"/>
        <v>3.099834306673297</v>
      </c>
      <c r="L2924">
        <f t="shared" si="338"/>
        <v>1.5499171533366485</v>
      </c>
      <c r="M2924">
        <f t="shared" si="339"/>
        <v>0</v>
      </c>
      <c r="N2924" s="45">
        <f t="shared" si="340"/>
        <v>45047.416666659657</v>
      </c>
    </row>
    <row r="2925" spans="2:14" x14ac:dyDescent="0.25">
      <c r="B2925">
        <f t="shared" si="334"/>
        <v>1</v>
      </c>
      <c r="C2925" s="16">
        <v>2891</v>
      </c>
      <c r="D2925" cm="1">
        <f t="array" ref="D2925">IFERROR(INDEX(Jesper!AH$2:AH$366,ROUNDDOWN($C2925/24,0)+1,1)*INDEX($D$3:$AA$30,INDEX(Jesper!$R$2:$R$366,ROW(INDEX(Jesper!AH$2:AH$366,ROUNDDOWN($C2925/24,0)+1,1))-1)+IF('Standard Profiles'!$G$18=$B$10,7,0)+IF('Standard Profiles'!$G$18=$B$17,14,0)+IF('Standard Profiles'!$G$18=$B$24,21,0),MOD($C2925,24)+1)/SUM(INDEX($D$3:$AA$30,INDEX(Jesper!$R$2:$R$366,ROW(INDEX(Jesper!AH$2:AH$366,ROUNDDOWN($C2925/24,0)+1,1))-1)+IF('Standard Profiles'!$G$18=$B$10,7,0)+IF('Standard Profiles'!$G$18=$B$17,14,0)+IF('Standard Profiles'!$G$18=$B$24,21,0),0)),0)</f>
        <v>34.873135950074584</v>
      </c>
      <c r="E2925" cm="1">
        <f t="array" ref="E2925">IFERROR(INDEX(Jesper!AI$2:AI$366,ROUNDDOWN($C2925/24,0)+1,1)*INDEX($D$3:$AA$30,INDEX(Jesper!$R$2:$R$366,ROW(INDEX(Jesper!AI$2:AI$366,ROUNDDOWN($C2925/24,0)+1,1))-1)+IF('Standard Profiles'!$G$19=$B$10,7,0)+IF('Standard Profiles'!$G$19=$B$17,14,0)+IF('Standard Profiles'!$G$19=$B$24,21,0),MOD($C2925,24)+1)/SUM(INDEX($D$3:$AA$30,INDEX(Jesper!$R$2:$R$366,ROW(INDEX(Jesper!AI$2:AI$366,ROUNDDOWN($C2925/24,0)+1,1))-1)+IF('Standard Profiles'!$G$19=$B$10,7,0)+IF('Standard Profiles'!$G$19=$B$17,14,0)+IF('Standard Profiles'!$G$19=$B$24,21,0),0)),0)</f>
        <v>23.263339793520245</v>
      </c>
      <c r="F2925" cm="1">
        <f t="array" ref="F2925">IFERROR(INDEX(Jesper!AJ$2:AJ$366,ROUNDDOWN($C2925/24,0)+1,1)*INDEX($D$3:$AA$30,INDEX(Jesper!$R$2:$R$366,ROW(INDEX(Jesper!AJ$2:AJ$366,ROUNDDOWN($C2925/24,0)+1,1))-1)+IF('Standard Profiles'!$G$20=$B$10,7,0)+IF('Standard Profiles'!$G$20=$B$17,14,0)+IF('Standard Profiles'!$G$20=$B$24,21,0),MOD($C2925,24)+1)/SUM(INDEX($D$3:$AA$30,INDEX(Jesper!$R$2:$R$366,ROW(INDEX(Jesper!AJ$2:AJ$366,ROUNDDOWN($C2925/24,0)+1,1))-1)+IF('Standard Profiles'!$G$20=$B$10,7,0)+IF('Standard Profiles'!$G$20=$B$17,14,0)+IF('Standard Profiles'!$G$20=$B$24,21,0),0)),0)</f>
        <v>0</v>
      </c>
      <c r="G2925" cm="1">
        <f t="array" ref="G2925">IFERROR(INDEX(Jesper!AK$2:AK$366,ROUNDDOWN($C2925/24,0)+1,1)*INDEX($D$3:$AA$30,INDEX(Jesper!$R$2:$R$366,ROW(INDEX(Jesper!AK$2:AK$366,ROUNDDOWN($C2925/24,0)+1,1))-1)+IF('Standard Profiles'!$G$21=$B$10,7,0)+IF('Standard Profiles'!$G$21=$B$17,14,0)+IF('Standard Profiles'!$G$21=$B$24,21,0),MOD($C2925,24)+1)/SUM(INDEX($D$3:$AA$30,INDEX(Jesper!$R$2:$R$366,ROW(INDEX(Jesper!AK$2:AK$366,ROUNDDOWN($C2925/24,0)+1,1))-1)+IF('Standard Profiles'!$G$21=$B$10,7,0)+IF('Standard Profiles'!$G$21=$B$17,14,0)+IF('Standard Profiles'!$G$21=$B$24,21,0),0)),0)</f>
        <v>4.7490637442487937</v>
      </c>
      <c r="H2925" cm="1">
        <f t="array" ref="H2925">IFERROR(INDEX(Jesper!AL$2:AL$366,ROUNDDOWN($C2925/24,0)+1,1)*INDEX($D$3:$AA$30,INDEX(Jesper!$R$2:$R$366,ROW(INDEX(Jesper!AL$2:AL$366,ROUNDDOWN($C2925/24,0)+1,1))-1)+IF('Standard Profiles'!$G$22=$B$10,7,0)+IF('Standard Profiles'!$G$22=$B$17,14,0)+IF('Standard Profiles'!$G$22=$B$24,21,0),MOD($C2925,24)+1)/SUM(INDEX($D$3:$AA$30,INDEX(Jesper!$R$2:$R$366,ROW(INDEX(Jesper!AL$2:AL$366,ROUNDDOWN($C2925/24,0)+1,1))-1)+IF('Standard Profiles'!$G$22=$B$10,7,0)+IF('Standard Profiles'!$G$22=$B$17,14,0)+IF('Standard Profiles'!$G$22=$B$24,21,0),0)),0)</f>
        <v>0</v>
      </c>
      <c r="I2925">
        <f t="shared" si="335"/>
        <v>2.2795505972394197</v>
      </c>
      <c r="J2925">
        <f t="shared" si="336"/>
        <v>55.026287138592267</v>
      </c>
      <c r="K2925">
        <f t="shared" si="337"/>
        <v>3.7198011680079559</v>
      </c>
      <c r="L2925">
        <f t="shared" si="338"/>
        <v>1.859900584003978</v>
      </c>
      <c r="M2925">
        <f t="shared" si="339"/>
        <v>0</v>
      </c>
      <c r="N2925" s="45">
        <f t="shared" si="340"/>
        <v>45047.458333326322</v>
      </c>
    </row>
    <row r="2926" spans="2:14" x14ac:dyDescent="0.25">
      <c r="B2926">
        <f t="shared" si="334"/>
        <v>1</v>
      </c>
      <c r="C2926" s="16">
        <v>2892</v>
      </c>
      <c r="D2926" cm="1">
        <f t="array" ref="D2926">IFERROR(INDEX(Jesper!AH$2:AH$366,ROUNDDOWN($C2926/24,0)+1,1)*INDEX($D$3:$AA$30,INDEX(Jesper!$R$2:$R$366,ROW(INDEX(Jesper!AH$2:AH$366,ROUNDDOWN($C2926/24,0)+1,1))-1)+IF('Standard Profiles'!$G$18=$B$10,7,0)+IF('Standard Profiles'!$G$18=$B$17,14,0)+IF('Standard Profiles'!$G$18=$B$24,21,0),MOD($C2926,24)+1)/SUM(INDEX($D$3:$AA$30,INDEX(Jesper!$R$2:$R$366,ROW(INDEX(Jesper!AH$2:AH$366,ROUNDDOWN($C2926/24,0)+1,1))-1)+IF('Standard Profiles'!$G$18=$B$10,7,0)+IF('Standard Profiles'!$G$18=$B$17,14,0)+IF('Standard Profiles'!$G$18=$B$24,21,0),0)),0)</f>
        <v>34.873135950074584</v>
      </c>
      <c r="E2926" cm="1">
        <f t="array" ref="E2926">IFERROR(INDEX(Jesper!AI$2:AI$366,ROUNDDOWN($C2926/24,0)+1,1)*INDEX($D$3:$AA$30,INDEX(Jesper!$R$2:$R$366,ROW(INDEX(Jesper!AI$2:AI$366,ROUNDDOWN($C2926/24,0)+1,1))-1)+IF('Standard Profiles'!$G$19=$B$10,7,0)+IF('Standard Profiles'!$G$19=$B$17,14,0)+IF('Standard Profiles'!$G$19=$B$24,21,0),MOD($C2926,24)+1)/SUM(INDEX($D$3:$AA$30,INDEX(Jesper!$R$2:$R$366,ROW(INDEX(Jesper!AI$2:AI$366,ROUNDDOWN($C2926/24,0)+1,1))-1)+IF('Standard Profiles'!$G$19=$B$10,7,0)+IF('Standard Profiles'!$G$19=$B$17,14,0)+IF('Standard Profiles'!$G$19=$B$24,21,0),0)),0)</f>
        <v>23.263339793520245</v>
      </c>
      <c r="F2926" cm="1">
        <f t="array" ref="F2926">IFERROR(INDEX(Jesper!AJ$2:AJ$366,ROUNDDOWN($C2926/24,0)+1,1)*INDEX($D$3:$AA$30,INDEX(Jesper!$R$2:$R$366,ROW(INDEX(Jesper!AJ$2:AJ$366,ROUNDDOWN($C2926/24,0)+1,1))-1)+IF('Standard Profiles'!$G$20=$B$10,7,0)+IF('Standard Profiles'!$G$20=$B$17,14,0)+IF('Standard Profiles'!$G$20=$B$24,21,0),MOD($C2926,24)+1)/SUM(INDEX($D$3:$AA$30,INDEX(Jesper!$R$2:$R$366,ROW(INDEX(Jesper!AJ$2:AJ$366,ROUNDDOWN($C2926/24,0)+1,1))-1)+IF('Standard Profiles'!$G$20=$B$10,7,0)+IF('Standard Profiles'!$G$20=$B$17,14,0)+IF('Standard Profiles'!$G$20=$B$24,21,0),0)),0)</f>
        <v>0</v>
      </c>
      <c r="G2926" cm="1">
        <f t="array" ref="G2926">IFERROR(INDEX(Jesper!AK$2:AK$366,ROUNDDOWN($C2926/24,0)+1,1)*INDEX($D$3:$AA$30,INDEX(Jesper!$R$2:$R$366,ROW(INDEX(Jesper!AK$2:AK$366,ROUNDDOWN($C2926/24,0)+1,1))-1)+IF('Standard Profiles'!$G$21=$B$10,7,0)+IF('Standard Profiles'!$G$21=$B$17,14,0)+IF('Standard Profiles'!$G$21=$B$24,21,0),MOD($C2926,24)+1)/SUM(INDEX($D$3:$AA$30,INDEX(Jesper!$R$2:$R$366,ROW(INDEX(Jesper!AK$2:AK$366,ROUNDDOWN($C2926/24,0)+1,1))-1)+IF('Standard Profiles'!$G$21=$B$10,7,0)+IF('Standard Profiles'!$G$21=$B$17,14,0)+IF('Standard Profiles'!$G$21=$B$24,21,0),0)),0)</f>
        <v>4.7490637442487937</v>
      </c>
      <c r="H2926" cm="1">
        <f t="array" ref="H2926">IFERROR(INDEX(Jesper!AL$2:AL$366,ROUNDDOWN($C2926/24,0)+1,1)*INDEX($D$3:$AA$30,INDEX(Jesper!$R$2:$R$366,ROW(INDEX(Jesper!AL$2:AL$366,ROUNDDOWN($C2926/24,0)+1,1))-1)+IF('Standard Profiles'!$G$22=$B$10,7,0)+IF('Standard Profiles'!$G$22=$B$17,14,0)+IF('Standard Profiles'!$G$22=$B$24,21,0),MOD($C2926,24)+1)/SUM(INDEX($D$3:$AA$30,INDEX(Jesper!$R$2:$R$366,ROW(INDEX(Jesper!AL$2:AL$366,ROUNDDOWN($C2926/24,0)+1,1))-1)+IF('Standard Profiles'!$G$22=$B$10,7,0)+IF('Standard Profiles'!$G$22=$B$17,14,0)+IF('Standard Profiles'!$G$22=$B$24,21,0),0)),0)</f>
        <v>0</v>
      </c>
      <c r="I2926">
        <f t="shared" si="335"/>
        <v>2.2795505972394197</v>
      </c>
      <c r="J2926">
        <f t="shared" si="336"/>
        <v>55.026287138592267</v>
      </c>
      <c r="K2926">
        <f t="shared" si="337"/>
        <v>3.7198011680079559</v>
      </c>
      <c r="L2926">
        <f t="shared" si="338"/>
        <v>1.859900584003978</v>
      </c>
      <c r="M2926">
        <f t="shared" si="339"/>
        <v>0</v>
      </c>
      <c r="N2926" s="45">
        <f t="shared" si="340"/>
        <v>45047.499999992986</v>
      </c>
    </row>
    <row r="2927" spans="2:14" x14ac:dyDescent="0.25">
      <c r="B2927">
        <f t="shared" si="334"/>
        <v>1</v>
      </c>
      <c r="C2927" s="16">
        <v>2893</v>
      </c>
      <c r="D2927" cm="1">
        <f t="array" ref="D2927">IFERROR(INDEX(Jesper!AH$2:AH$366,ROUNDDOWN($C2927/24,0)+1,1)*INDEX($D$3:$AA$30,INDEX(Jesper!$R$2:$R$366,ROW(INDEX(Jesper!AH$2:AH$366,ROUNDDOWN($C2927/24,0)+1,1))-1)+IF('Standard Profiles'!$G$18=$B$10,7,0)+IF('Standard Profiles'!$G$18=$B$17,14,0)+IF('Standard Profiles'!$G$18=$B$24,21,0),MOD($C2927,24)+1)/SUM(INDEX($D$3:$AA$30,INDEX(Jesper!$R$2:$R$366,ROW(INDEX(Jesper!AH$2:AH$366,ROUNDDOWN($C2927/24,0)+1,1))-1)+IF('Standard Profiles'!$G$18=$B$10,7,0)+IF('Standard Profiles'!$G$18=$B$17,14,0)+IF('Standard Profiles'!$G$18=$B$24,21,0),0)),0)</f>
        <v>23.248757300049729</v>
      </c>
      <c r="E2927" cm="1">
        <f t="array" ref="E2927">IFERROR(INDEX(Jesper!AI$2:AI$366,ROUNDDOWN($C2927/24,0)+1,1)*INDEX($D$3:$AA$30,INDEX(Jesper!$R$2:$R$366,ROW(INDEX(Jesper!AI$2:AI$366,ROUNDDOWN($C2927/24,0)+1,1))-1)+IF('Standard Profiles'!$G$19=$B$10,7,0)+IF('Standard Profiles'!$G$19=$B$17,14,0)+IF('Standard Profiles'!$G$19=$B$24,21,0),MOD($C2927,24)+1)/SUM(INDEX($D$3:$AA$30,INDEX(Jesper!$R$2:$R$366,ROW(INDEX(Jesper!AI$2:AI$366,ROUNDDOWN($C2927/24,0)+1,1))-1)+IF('Standard Profiles'!$G$19=$B$10,7,0)+IF('Standard Profiles'!$G$19=$B$17,14,0)+IF('Standard Profiles'!$G$19=$B$24,21,0),0)),0)</f>
        <v>15.508893195680166</v>
      </c>
      <c r="F2927" cm="1">
        <f t="array" ref="F2927">IFERROR(INDEX(Jesper!AJ$2:AJ$366,ROUNDDOWN($C2927/24,0)+1,1)*INDEX($D$3:$AA$30,INDEX(Jesper!$R$2:$R$366,ROW(INDEX(Jesper!AJ$2:AJ$366,ROUNDDOWN($C2927/24,0)+1,1))-1)+IF('Standard Profiles'!$G$20=$B$10,7,0)+IF('Standard Profiles'!$G$20=$B$17,14,0)+IF('Standard Profiles'!$G$20=$B$24,21,0),MOD($C2927,24)+1)/SUM(INDEX($D$3:$AA$30,INDEX(Jesper!$R$2:$R$366,ROW(INDEX(Jesper!AJ$2:AJ$366,ROUNDDOWN($C2927/24,0)+1,1))-1)+IF('Standard Profiles'!$G$20=$B$10,7,0)+IF('Standard Profiles'!$G$20=$B$17,14,0)+IF('Standard Profiles'!$G$20=$B$24,21,0),0)),0)</f>
        <v>0</v>
      </c>
      <c r="G2927" cm="1">
        <f t="array" ref="G2927">IFERROR(INDEX(Jesper!AK$2:AK$366,ROUNDDOWN($C2927/24,0)+1,1)*INDEX($D$3:$AA$30,INDEX(Jesper!$R$2:$R$366,ROW(INDEX(Jesper!AK$2:AK$366,ROUNDDOWN($C2927/24,0)+1,1))-1)+IF('Standard Profiles'!$G$21=$B$10,7,0)+IF('Standard Profiles'!$G$21=$B$17,14,0)+IF('Standard Profiles'!$G$21=$B$24,21,0),MOD($C2927,24)+1)/SUM(INDEX($D$3:$AA$30,INDEX(Jesper!$R$2:$R$366,ROW(INDEX(Jesper!AK$2:AK$366,ROUNDDOWN($C2927/24,0)+1,1))-1)+IF('Standard Profiles'!$G$21=$B$10,7,0)+IF('Standard Profiles'!$G$21=$B$17,14,0)+IF('Standard Profiles'!$G$21=$B$24,21,0),0)),0)</f>
        <v>3.1660424961658626</v>
      </c>
      <c r="H2927" cm="1">
        <f t="array" ref="H2927">IFERROR(INDEX(Jesper!AL$2:AL$366,ROUNDDOWN($C2927/24,0)+1,1)*INDEX($D$3:$AA$30,INDEX(Jesper!$R$2:$R$366,ROW(INDEX(Jesper!AL$2:AL$366,ROUNDDOWN($C2927/24,0)+1,1))-1)+IF('Standard Profiles'!$G$22=$B$10,7,0)+IF('Standard Profiles'!$G$22=$B$17,14,0)+IF('Standard Profiles'!$G$22=$B$24,21,0),MOD($C2927,24)+1)/SUM(INDEX($D$3:$AA$30,INDEX(Jesper!$R$2:$R$366,ROW(INDEX(Jesper!AL$2:AL$366,ROUNDDOWN($C2927/24,0)+1,1))-1)+IF('Standard Profiles'!$G$22=$B$10,7,0)+IF('Standard Profiles'!$G$22=$B$17,14,0)+IF('Standard Profiles'!$G$22=$B$24,21,0),0)),0)</f>
        <v>0</v>
      </c>
      <c r="I2927">
        <f t="shared" si="335"/>
        <v>1.5197003981596133</v>
      </c>
      <c r="J2927">
        <f t="shared" si="336"/>
        <v>36.684191425728187</v>
      </c>
      <c r="K2927">
        <f t="shared" si="337"/>
        <v>2.479867445338638</v>
      </c>
      <c r="L2927">
        <f t="shared" si="338"/>
        <v>1.239933722669319</v>
      </c>
      <c r="M2927">
        <f t="shared" si="339"/>
        <v>0</v>
      </c>
      <c r="N2927" s="45">
        <f t="shared" si="340"/>
        <v>45047.54166665965</v>
      </c>
    </row>
    <row r="2928" spans="2:14" x14ac:dyDescent="0.25">
      <c r="B2928">
        <f t="shared" si="334"/>
        <v>1</v>
      </c>
      <c r="C2928" s="16">
        <v>2894</v>
      </c>
      <c r="D2928" cm="1">
        <f t="array" ref="D2928">IFERROR(INDEX(Jesper!AH$2:AH$366,ROUNDDOWN($C2928/24,0)+1,1)*INDEX($D$3:$AA$30,INDEX(Jesper!$R$2:$R$366,ROW(INDEX(Jesper!AH$2:AH$366,ROUNDDOWN($C2928/24,0)+1,1))-1)+IF('Standard Profiles'!$G$18=$B$10,7,0)+IF('Standard Profiles'!$G$18=$B$17,14,0)+IF('Standard Profiles'!$G$18=$B$24,21,0),MOD($C2928,24)+1)/SUM(INDEX($D$3:$AA$30,INDEX(Jesper!$R$2:$R$366,ROW(INDEX(Jesper!AH$2:AH$366,ROUNDDOWN($C2928/24,0)+1,1))-1)+IF('Standard Profiles'!$G$18=$B$10,7,0)+IF('Standard Profiles'!$G$18=$B$17,14,0)+IF('Standard Profiles'!$G$18=$B$24,21,0),0)),0)</f>
        <v>34.873135950074584</v>
      </c>
      <c r="E2928" cm="1">
        <f t="array" ref="E2928">IFERROR(INDEX(Jesper!AI$2:AI$366,ROUNDDOWN($C2928/24,0)+1,1)*INDEX($D$3:$AA$30,INDEX(Jesper!$R$2:$R$366,ROW(INDEX(Jesper!AI$2:AI$366,ROUNDDOWN($C2928/24,0)+1,1))-1)+IF('Standard Profiles'!$G$19=$B$10,7,0)+IF('Standard Profiles'!$G$19=$B$17,14,0)+IF('Standard Profiles'!$G$19=$B$24,21,0),MOD($C2928,24)+1)/SUM(INDEX($D$3:$AA$30,INDEX(Jesper!$R$2:$R$366,ROW(INDEX(Jesper!AI$2:AI$366,ROUNDDOWN($C2928/24,0)+1,1))-1)+IF('Standard Profiles'!$G$19=$B$10,7,0)+IF('Standard Profiles'!$G$19=$B$17,14,0)+IF('Standard Profiles'!$G$19=$B$24,21,0),0)),0)</f>
        <v>23.263339793520245</v>
      </c>
      <c r="F2928" cm="1">
        <f t="array" ref="F2928">IFERROR(INDEX(Jesper!AJ$2:AJ$366,ROUNDDOWN($C2928/24,0)+1,1)*INDEX($D$3:$AA$30,INDEX(Jesper!$R$2:$R$366,ROW(INDEX(Jesper!AJ$2:AJ$366,ROUNDDOWN($C2928/24,0)+1,1))-1)+IF('Standard Profiles'!$G$20=$B$10,7,0)+IF('Standard Profiles'!$G$20=$B$17,14,0)+IF('Standard Profiles'!$G$20=$B$24,21,0),MOD($C2928,24)+1)/SUM(INDEX($D$3:$AA$30,INDEX(Jesper!$R$2:$R$366,ROW(INDEX(Jesper!AJ$2:AJ$366,ROUNDDOWN($C2928/24,0)+1,1))-1)+IF('Standard Profiles'!$G$20=$B$10,7,0)+IF('Standard Profiles'!$G$20=$B$17,14,0)+IF('Standard Profiles'!$G$20=$B$24,21,0),0)),0)</f>
        <v>0</v>
      </c>
      <c r="G2928" cm="1">
        <f t="array" ref="G2928">IFERROR(INDEX(Jesper!AK$2:AK$366,ROUNDDOWN($C2928/24,0)+1,1)*INDEX($D$3:$AA$30,INDEX(Jesper!$R$2:$R$366,ROW(INDEX(Jesper!AK$2:AK$366,ROUNDDOWN($C2928/24,0)+1,1))-1)+IF('Standard Profiles'!$G$21=$B$10,7,0)+IF('Standard Profiles'!$G$21=$B$17,14,0)+IF('Standard Profiles'!$G$21=$B$24,21,0),MOD($C2928,24)+1)/SUM(INDEX($D$3:$AA$30,INDEX(Jesper!$R$2:$R$366,ROW(INDEX(Jesper!AK$2:AK$366,ROUNDDOWN($C2928/24,0)+1,1))-1)+IF('Standard Profiles'!$G$21=$B$10,7,0)+IF('Standard Profiles'!$G$21=$B$17,14,0)+IF('Standard Profiles'!$G$21=$B$24,21,0),0)),0)</f>
        <v>4.7490637442487937</v>
      </c>
      <c r="H2928" cm="1">
        <f t="array" ref="H2928">IFERROR(INDEX(Jesper!AL$2:AL$366,ROUNDDOWN($C2928/24,0)+1,1)*INDEX($D$3:$AA$30,INDEX(Jesper!$R$2:$R$366,ROW(INDEX(Jesper!AL$2:AL$366,ROUNDDOWN($C2928/24,0)+1,1))-1)+IF('Standard Profiles'!$G$22=$B$10,7,0)+IF('Standard Profiles'!$G$22=$B$17,14,0)+IF('Standard Profiles'!$G$22=$B$24,21,0),MOD($C2928,24)+1)/SUM(INDEX($D$3:$AA$30,INDEX(Jesper!$R$2:$R$366,ROW(INDEX(Jesper!AL$2:AL$366,ROUNDDOWN($C2928/24,0)+1,1))-1)+IF('Standard Profiles'!$G$22=$B$10,7,0)+IF('Standard Profiles'!$G$22=$B$17,14,0)+IF('Standard Profiles'!$G$22=$B$24,21,0),0)),0)</f>
        <v>0</v>
      </c>
      <c r="I2928">
        <f t="shared" si="335"/>
        <v>2.2795505972394197</v>
      </c>
      <c r="J2928">
        <f t="shared" si="336"/>
        <v>55.026287138592267</v>
      </c>
      <c r="K2928">
        <f t="shared" si="337"/>
        <v>3.7198011680079559</v>
      </c>
      <c r="L2928">
        <f t="shared" si="338"/>
        <v>1.859900584003978</v>
      </c>
      <c r="M2928">
        <f t="shared" si="339"/>
        <v>0</v>
      </c>
      <c r="N2928" s="45">
        <f t="shared" si="340"/>
        <v>45047.583333326314</v>
      </c>
    </row>
    <row r="2929" spans="2:14" x14ac:dyDescent="0.25">
      <c r="B2929">
        <f t="shared" si="334"/>
        <v>1</v>
      </c>
      <c r="C2929" s="16">
        <v>2895</v>
      </c>
      <c r="D2929" cm="1">
        <f t="array" ref="D2929">IFERROR(INDEX(Jesper!AH$2:AH$366,ROUNDDOWN($C2929/24,0)+1,1)*INDEX($D$3:$AA$30,INDEX(Jesper!$R$2:$R$366,ROW(INDEX(Jesper!AH$2:AH$366,ROUNDDOWN($C2929/24,0)+1,1))-1)+IF('Standard Profiles'!$G$18=$B$10,7,0)+IF('Standard Profiles'!$G$18=$B$17,14,0)+IF('Standard Profiles'!$G$18=$B$24,21,0),MOD($C2929,24)+1)/SUM(INDEX($D$3:$AA$30,INDEX(Jesper!$R$2:$R$366,ROW(INDEX(Jesper!AH$2:AH$366,ROUNDDOWN($C2929/24,0)+1,1))-1)+IF('Standard Profiles'!$G$18=$B$10,7,0)+IF('Standard Profiles'!$G$18=$B$17,14,0)+IF('Standard Profiles'!$G$18=$B$24,21,0),0)),0)</f>
        <v>34.873135950074584</v>
      </c>
      <c r="E2929" cm="1">
        <f t="array" ref="E2929">IFERROR(INDEX(Jesper!AI$2:AI$366,ROUNDDOWN($C2929/24,0)+1,1)*INDEX($D$3:$AA$30,INDEX(Jesper!$R$2:$R$366,ROW(INDEX(Jesper!AI$2:AI$366,ROUNDDOWN($C2929/24,0)+1,1))-1)+IF('Standard Profiles'!$G$19=$B$10,7,0)+IF('Standard Profiles'!$G$19=$B$17,14,0)+IF('Standard Profiles'!$G$19=$B$24,21,0),MOD($C2929,24)+1)/SUM(INDEX($D$3:$AA$30,INDEX(Jesper!$R$2:$R$366,ROW(INDEX(Jesper!AI$2:AI$366,ROUNDDOWN($C2929/24,0)+1,1))-1)+IF('Standard Profiles'!$G$19=$B$10,7,0)+IF('Standard Profiles'!$G$19=$B$17,14,0)+IF('Standard Profiles'!$G$19=$B$24,21,0),0)),0)</f>
        <v>23.263339793520245</v>
      </c>
      <c r="F2929" cm="1">
        <f t="array" ref="F2929">IFERROR(INDEX(Jesper!AJ$2:AJ$366,ROUNDDOWN($C2929/24,0)+1,1)*INDEX($D$3:$AA$30,INDEX(Jesper!$R$2:$R$366,ROW(INDEX(Jesper!AJ$2:AJ$366,ROUNDDOWN($C2929/24,0)+1,1))-1)+IF('Standard Profiles'!$G$20=$B$10,7,0)+IF('Standard Profiles'!$G$20=$B$17,14,0)+IF('Standard Profiles'!$G$20=$B$24,21,0),MOD($C2929,24)+1)/SUM(INDEX($D$3:$AA$30,INDEX(Jesper!$R$2:$R$366,ROW(INDEX(Jesper!AJ$2:AJ$366,ROUNDDOWN($C2929/24,0)+1,1))-1)+IF('Standard Profiles'!$G$20=$B$10,7,0)+IF('Standard Profiles'!$G$20=$B$17,14,0)+IF('Standard Profiles'!$G$20=$B$24,21,0),0)),0)</f>
        <v>0</v>
      </c>
      <c r="G2929" cm="1">
        <f t="array" ref="G2929">IFERROR(INDEX(Jesper!AK$2:AK$366,ROUNDDOWN($C2929/24,0)+1,1)*INDEX($D$3:$AA$30,INDEX(Jesper!$R$2:$R$366,ROW(INDEX(Jesper!AK$2:AK$366,ROUNDDOWN($C2929/24,0)+1,1))-1)+IF('Standard Profiles'!$G$21=$B$10,7,0)+IF('Standard Profiles'!$G$21=$B$17,14,0)+IF('Standard Profiles'!$G$21=$B$24,21,0),MOD($C2929,24)+1)/SUM(INDEX($D$3:$AA$30,INDEX(Jesper!$R$2:$R$366,ROW(INDEX(Jesper!AK$2:AK$366,ROUNDDOWN($C2929/24,0)+1,1))-1)+IF('Standard Profiles'!$G$21=$B$10,7,0)+IF('Standard Profiles'!$G$21=$B$17,14,0)+IF('Standard Profiles'!$G$21=$B$24,21,0),0)),0)</f>
        <v>4.7490637442487937</v>
      </c>
      <c r="H2929" cm="1">
        <f t="array" ref="H2929">IFERROR(INDEX(Jesper!AL$2:AL$366,ROUNDDOWN($C2929/24,0)+1,1)*INDEX($D$3:$AA$30,INDEX(Jesper!$R$2:$R$366,ROW(INDEX(Jesper!AL$2:AL$366,ROUNDDOWN($C2929/24,0)+1,1))-1)+IF('Standard Profiles'!$G$22=$B$10,7,0)+IF('Standard Profiles'!$G$22=$B$17,14,0)+IF('Standard Profiles'!$G$22=$B$24,21,0),MOD($C2929,24)+1)/SUM(INDEX($D$3:$AA$30,INDEX(Jesper!$R$2:$R$366,ROW(INDEX(Jesper!AL$2:AL$366,ROUNDDOWN($C2929/24,0)+1,1))-1)+IF('Standard Profiles'!$G$22=$B$10,7,0)+IF('Standard Profiles'!$G$22=$B$17,14,0)+IF('Standard Profiles'!$G$22=$B$24,21,0),0)),0)</f>
        <v>0</v>
      </c>
      <c r="I2929">
        <f t="shared" si="335"/>
        <v>2.2795505972394197</v>
      </c>
      <c r="J2929">
        <f t="shared" si="336"/>
        <v>55.026287138592267</v>
      </c>
      <c r="K2929">
        <f t="shared" si="337"/>
        <v>3.7198011680079559</v>
      </c>
      <c r="L2929">
        <f t="shared" si="338"/>
        <v>1.859900584003978</v>
      </c>
      <c r="M2929">
        <f t="shared" si="339"/>
        <v>0</v>
      </c>
      <c r="N2929" s="45">
        <f t="shared" si="340"/>
        <v>45047.624999992979</v>
      </c>
    </row>
    <row r="2930" spans="2:14" x14ac:dyDescent="0.25">
      <c r="B2930">
        <f t="shared" si="334"/>
        <v>1</v>
      </c>
      <c r="C2930" s="16">
        <v>2896</v>
      </c>
      <c r="D2930" cm="1">
        <f t="array" ref="D2930">IFERROR(INDEX(Jesper!AH$2:AH$366,ROUNDDOWN($C2930/24,0)+1,1)*INDEX($D$3:$AA$30,INDEX(Jesper!$R$2:$R$366,ROW(INDEX(Jesper!AH$2:AH$366,ROUNDDOWN($C2930/24,0)+1,1))-1)+IF('Standard Profiles'!$G$18=$B$10,7,0)+IF('Standard Profiles'!$G$18=$B$17,14,0)+IF('Standard Profiles'!$G$18=$B$24,21,0),MOD($C2930,24)+1)/SUM(INDEX($D$3:$AA$30,INDEX(Jesper!$R$2:$R$366,ROW(INDEX(Jesper!AH$2:AH$366,ROUNDDOWN($C2930/24,0)+1,1))-1)+IF('Standard Profiles'!$G$18=$B$10,7,0)+IF('Standard Profiles'!$G$18=$B$17,14,0)+IF('Standard Profiles'!$G$18=$B$24,21,0),0)),0)</f>
        <v>20.342662637543508</v>
      </c>
      <c r="E2930" cm="1">
        <f t="array" ref="E2930">IFERROR(INDEX(Jesper!AI$2:AI$366,ROUNDDOWN($C2930/24,0)+1,1)*INDEX($D$3:$AA$30,INDEX(Jesper!$R$2:$R$366,ROW(INDEX(Jesper!AI$2:AI$366,ROUNDDOWN($C2930/24,0)+1,1))-1)+IF('Standard Profiles'!$G$19=$B$10,7,0)+IF('Standard Profiles'!$G$19=$B$17,14,0)+IF('Standard Profiles'!$G$19=$B$24,21,0),MOD($C2930,24)+1)/SUM(INDEX($D$3:$AA$30,INDEX(Jesper!$R$2:$R$366,ROW(INDEX(Jesper!AI$2:AI$366,ROUNDDOWN($C2930/24,0)+1,1))-1)+IF('Standard Profiles'!$G$19=$B$10,7,0)+IF('Standard Profiles'!$G$19=$B$17,14,0)+IF('Standard Profiles'!$G$19=$B$24,21,0),0)),0)</f>
        <v>13.570281546220144</v>
      </c>
      <c r="F2930" cm="1">
        <f t="array" ref="F2930">IFERROR(INDEX(Jesper!AJ$2:AJ$366,ROUNDDOWN($C2930/24,0)+1,1)*INDEX($D$3:$AA$30,INDEX(Jesper!$R$2:$R$366,ROW(INDEX(Jesper!AJ$2:AJ$366,ROUNDDOWN($C2930/24,0)+1,1))-1)+IF('Standard Profiles'!$G$20=$B$10,7,0)+IF('Standard Profiles'!$G$20=$B$17,14,0)+IF('Standard Profiles'!$G$20=$B$24,21,0),MOD($C2930,24)+1)/SUM(INDEX($D$3:$AA$30,INDEX(Jesper!$R$2:$R$366,ROW(INDEX(Jesper!AJ$2:AJ$366,ROUNDDOWN($C2930/24,0)+1,1))-1)+IF('Standard Profiles'!$G$20=$B$10,7,0)+IF('Standard Profiles'!$G$20=$B$17,14,0)+IF('Standard Profiles'!$G$20=$B$24,21,0),0)),0)</f>
        <v>0</v>
      </c>
      <c r="G2930" cm="1">
        <f t="array" ref="G2930">IFERROR(INDEX(Jesper!AK$2:AK$366,ROUNDDOWN($C2930/24,0)+1,1)*INDEX($D$3:$AA$30,INDEX(Jesper!$R$2:$R$366,ROW(INDEX(Jesper!AK$2:AK$366,ROUNDDOWN($C2930/24,0)+1,1))-1)+IF('Standard Profiles'!$G$21=$B$10,7,0)+IF('Standard Profiles'!$G$21=$B$17,14,0)+IF('Standard Profiles'!$G$21=$B$24,21,0),MOD($C2930,24)+1)/SUM(INDEX($D$3:$AA$30,INDEX(Jesper!$R$2:$R$366,ROW(INDEX(Jesper!AK$2:AK$366,ROUNDDOWN($C2930/24,0)+1,1))-1)+IF('Standard Profiles'!$G$21=$B$10,7,0)+IF('Standard Profiles'!$G$21=$B$17,14,0)+IF('Standard Profiles'!$G$21=$B$24,21,0),0)),0)</f>
        <v>3.9575531202073284</v>
      </c>
      <c r="H2930" cm="1">
        <f t="array" ref="H2930">IFERROR(INDEX(Jesper!AL$2:AL$366,ROUNDDOWN($C2930/24,0)+1,1)*INDEX($D$3:$AA$30,INDEX(Jesper!$R$2:$R$366,ROW(INDEX(Jesper!AL$2:AL$366,ROUNDDOWN($C2930/24,0)+1,1))-1)+IF('Standard Profiles'!$G$22=$B$10,7,0)+IF('Standard Profiles'!$G$22=$B$17,14,0)+IF('Standard Profiles'!$G$22=$B$24,21,0),MOD($C2930,24)+1)/SUM(INDEX($D$3:$AA$30,INDEX(Jesper!$R$2:$R$366,ROW(INDEX(Jesper!AL$2:AL$366,ROUNDDOWN($C2930/24,0)+1,1))-1)+IF('Standard Profiles'!$G$22=$B$10,7,0)+IF('Standard Profiles'!$G$22=$B$17,14,0)+IF('Standard Profiles'!$G$22=$B$24,21,0),0)),0)</f>
        <v>0</v>
      </c>
      <c r="I2930">
        <f t="shared" si="335"/>
        <v>1.8996254976995166</v>
      </c>
      <c r="J2930">
        <f t="shared" si="336"/>
        <v>32.716045784264502</v>
      </c>
      <c r="K2930">
        <f t="shared" si="337"/>
        <v>2.1698840146713079</v>
      </c>
      <c r="L2930">
        <f t="shared" si="338"/>
        <v>1.0849420073356539</v>
      </c>
      <c r="M2930">
        <f t="shared" si="339"/>
        <v>0</v>
      </c>
      <c r="N2930" s="45">
        <f t="shared" si="340"/>
        <v>45047.666666659643</v>
      </c>
    </row>
    <row r="2931" spans="2:14" x14ac:dyDescent="0.25">
      <c r="B2931">
        <f t="shared" si="334"/>
        <v>1</v>
      </c>
      <c r="C2931" s="16">
        <v>2897</v>
      </c>
      <c r="D2931" cm="1">
        <f t="array" ref="D2931">IFERROR(INDEX(Jesper!AH$2:AH$366,ROUNDDOWN($C2931/24,0)+1,1)*INDEX($D$3:$AA$30,INDEX(Jesper!$R$2:$R$366,ROW(INDEX(Jesper!AH$2:AH$366,ROUNDDOWN($C2931/24,0)+1,1))-1)+IF('Standard Profiles'!$G$18=$B$10,7,0)+IF('Standard Profiles'!$G$18=$B$17,14,0)+IF('Standard Profiles'!$G$18=$B$24,21,0),MOD($C2931,24)+1)/SUM(INDEX($D$3:$AA$30,INDEX(Jesper!$R$2:$R$366,ROW(INDEX(Jesper!AH$2:AH$366,ROUNDDOWN($C2931/24,0)+1,1))-1)+IF('Standard Profiles'!$G$18=$B$10,7,0)+IF('Standard Profiles'!$G$18=$B$17,14,0)+IF('Standard Profiles'!$G$18=$B$24,21,0),0)),0)</f>
        <v>5.8121893250124321</v>
      </c>
      <c r="E2931" cm="1">
        <f t="array" ref="E2931">IFERROR(INDEX(Jesper!AI$2:AI$366,ROUNDDOWN($C2931/24,0)+1,1)*INDEX($D$3:$AA$30,INDEX(Jesper!$R$2:$R$366,ROW(INDEX(Jesper!AI$2:AI$366,ROUNDDOWN($C2931/24,0)+1,1))-1)+IF('Standard Profiles'!$G$19=$B$10,7,0)+IF('Standard Profiles'!$G$19=$B$17,14,0)+IF('Standard Profiles'!$G$19=$B$24,21,0),MOD($C2931,24)+1)/SUM(INDEX($D$3:$AA$30,INDEX(Jesper!$R$2:$R$366,ROW(INDEX(Jesper!AI$2:AI$366,ROUNDDOWN($C2931/24,0)+1,1))-1)+IF('Standard Profiles'!$G$19=$B$10,7,0)+IF('Standard Profiles'!$G$19=$B$17,14,0)+IF('Standard Profiles'!$G$19=$B$24,21,0),0)),0)</f>
        <v>3.8772232989200415</v>
      </c>
      <c r="F2931" cm="1">
        <f t="array" ref="F2931">IFERROR(INDEX(Jesper!AJ$2:AJ$366,ROUNDDOWN($C2931/24,0)+1,1)*INDEX($D$3:$AA$30,INDEX(Jesper!$R$2:$R$366,ROW(INDEX(Jesper!AJ$2:AJ$366,ROUNDDOWN($C2931/24,0)+1,1))-1)+IF('Standard Profiles'!$G$20=$B$10,7,0)+IF('Standard Profiles'!$G$20=$B$17,14,0)+IF('Standard Profiles'!$G$20=$B$24,21,0),MOD($C2931,24)+1)/SUM(INDEX($D$3:$AA$30,INDEX(Jesper!$R$2:$R$366,ROW(INDEX(Jesper!AJ$2:AJ$366,ROUNDDOWN($C2931/24,0)+1,1))-1)+IF('Standard Profiles'!$G$20=$B$10,7,0)+IF('Standard Profiles'!$G$20=$B$17,14,0)+IF('Standard Profiles'!$G$20=$B$24,21,0),0)),0)</f>
        <v>0</v>
      </c>
      <c r="G2931" cm="1">
        <f t="array" ref="G2931">IFERROR(INDEX(Jesper!AK$2:AK$366,ROUNDDOWN($C2931/24,0)+1,1)*INDEX($D$3:$AA$30,INDEX(Jesper!$R$2:$R$366,ROW(INDEX(Jesper!AK$2:AK$366,ROUNDDOWN($C2931/24,0)+1,1))-1)+IF('Standard Profiles'!$G$21=$B$10,7,0)+IF('Standard Profiles'!$G$21=$B$17,14,0)+IF('Standard Profiles'!$G$21=$B$24,21,0),MOD($C2931,24)+1)/SUM(INDEX($D$3:$AA$30,INDEX(Jesper!$R$2:$R$366,ROW(INDEX(Jesper!AK$2:AK$366,ROUNDDOWN($C2931/24,0)+1,1))-1)+IF('Standard Profiles'!$G$21=$B$10,7,0)+IF('Standard Profiles'!$G$21=$B$17,14,0)+IF('Standard Profiles'!$G$21=$B$24,21,0),0)),0)</f>
        <v>3.1842381426955519</v>
      </c>
      <c r="H2931" cm="1">
        <f t="array" ref="H2931">IFERROR(INDEX(Jesper!AL$2:AL$366,ROUNDDOWN($C2931/24,0)+1,1)*INDEX($D$3:$AA$30,INDEX(Jesper!$R$2:$R$366,ROW(INDEX(Jesper!AL$2:AL$366,ROUNDDOWN($C2931/24,0)+1,1))-1)+IF('Standard Profiles'!$G$22=$B$10,7,0)+IF('Standard Profiles'!$G$22=$B$17,14,0)+IF('Standard Profiles'!$G$22=$B$24,21,0),MOD($C2931,24)+1)/SUM(INDEX($D$3:$AA$30,INDEX(Jesper!$R$2:$R$366,ROW(INDEX(Jesper!AL$2:AL$366,ROUNDDOWN($C2931/24,0)+1,1))-1)+IF('Standard Profiles'!$G$22=$B$10,7,0)+IF('Standard Profiles'!$G$22=$B$17,14,0)+IF('Standard Profiles'!$G$22=$B$24,21,0),0)),0)</f>
        <v>0</v>
      </c>
      <c r="I2931">
        <f t="shared" si="335"/>
        <v>1.5284343084938641</v>
      </c>
      <c r="J2931">
        <f t="shared" si="336"/>
        <v>10.415266166132172</v>
      </c>
      <c r="K2931">
        <f t="shared" si="337"/>
        <v>0.6199668613346595</v>
      </c>
      <c r="L2931">
        <f t="shared" si="338"/>
        <v>0.30998343066732975</v>
      </c>
      <c r="M2931">
        <f t="shared" si="339"/>
        <v>0</v>
      </c>
      <c r="N2931" s="45">
        <f t="shared" si="340"/>
        <v>45047.708333326307</v>
      </c>
    </row>
    <row r="2932" spans="2:14" x14ac:dyDescent="0.25">
      <c r="B2932">
        <f t="shared" si="334"/>
        <v>1</v>
      </c>
      <c r="C2932" s="16">
        <v>2898</v>
      </c>
      <c r="D2932" cm="1">
        <f t="array" ref="D2932">IFERROR(INDEX(Jesper!AH$2:AH$366,ROUNDDOWN($C2932/24,0)+1,1)*INDEX($D$3:$AA$30,INDEX(Jesper!$R$2:$R$366,ROW(INDEX(Jesper!AH$2:AH$366,ROUNDDOWN($C2932/24,0)+1,1))-1)+IF('Standard Profiles'!$G$18=$B$10,7,0)+IF('Standard Profiles'!$G$18=$B$17,14,0)+IF('Standard Profiles'!$G$18=$B$24,21,0),MOD($C2932,24)+1)/SUM(INDEX($D$3:$AA$30,INDEX(Jesper!$R$2:$R$366,ROW(INDEX(Jesper!AH$2:AH$366,ROUNDDOWN($C2932/24,0)+1,1))-1)+IF('Standard Profiles'!$G$18=$B$10,7,0)+IF('Standard Profiles'!$G$18=$B$17,14,0)+IF('Standard Profiles'!$G$18=$B$24,21,0),0)),0)</f>
        <v>5.7303275035333829</v>
      </c>
      <c r="E2932" cm="1">
        <f t="array" ref="E2932">IFERROR(INDEX(Jesper!AI$2:AI$366,ROUNDDOWN($C2932/24,0)+1,1)*INDEX($D$3:$AA$30,INDEX(Jesper!$R$2:$R$366,ROW(INDEX(Jesper!AI$2:AI$366,ROUNDDOWN($C2932/24,0)+1,1))-1)+IF('Standard Profiles'!$G$19=$B$10,7,0)+IF('Standard Profiles'!$G$19=$B$17,14,0)+IF('Standard Profiles'!$G$19=$B$24,21,0),MOD($C2932,24)+1)/SUM(INDEX($D$3:$AA$30,INDEX(Jesper!$R$2:$R$366,ROW(INDEX(Jesper!AI$2:AI$366,ROUNDDOWN($C2932/24,0)+1,1))-1)+IF('Standard Profiles'!$G$19=$B$10,7,0)+IF('Standard Profiles'!$G$19=$B$17,14,0)+IF('Standard Profiles'!$G$19=$B$24,21,0),0)),0)</f>
        <v>3.8226145200620127</v>
      </c>
      <c r="F2932" cm="1">
        <f t="array" ref="F2932">IFERROR(INDEX(Jesper!AJ$2:AJ$366,ROUNDDOWN($C2932/24,0)+1,1)*INDEX($D$3:$AA$30,INDEX(Jesper!$R$2:$R$366,ROW(INDEX(Jesper!AJ$2:AJ$366,ROUNDDOWN($C2932/24,0)+1,1))-1)+IF('Standard Profiles'!$G$20=$B$10,7,0)+IF('Standard Profiles'!$G$20=$B$17,14,0)+IF('Standard Profiles'!$G$20=$B$24,21,0),MOD($C2932,24)+1)/SUM(INDEX($D$3:$AA$30,INDEX(Jesper!$R$2:$R$366,ROW(INDEX(Jesper!AJ$2:AJ$366,ROUNDDOWN($C2932/24,0)+1,1))-1)+IF('Standard Profiles'!$G$20=$B$10,7,0)+IF('Standard Profiles'!$G$20=$B$17,14,0)+IF('Standard Profiles'!$G$20=$B$24,21,0),0)),0)</f>
        <v>0</v>
      </c>
      <c r="G2932" cm="1">
        <f t="array" ref="G2932">IFERROR(INDEX(Jesper!AK$2:AK$366,ROUNDDOWN($C2932/24,0)+1,1)*INDEX($D$3:$AA$30,INDEX(Jesper!$R$2:$R$366,ROW(INDEX(Jesper!AK$2:AK$366,ROUNDDOWN($C2932/24,0)+1,1))-1)+IF('Standard Profiles'!$G$21=$B$10,7,0)+IF('Standard Profiles'!$G$21=$B$17,14,0)+IF('Standard Profiles'!$G$21=$B$24,21,0),MOD($C2932,24)+1)/SUM(INDEX($D$3:$AA$30,INDEX(Jesper!$R$2:$R$366,ROW(INDEX(Jesper!AK$2:AK$366,ROUNDDOWN($C2932/24,0)+1,1))-1)+IF('Standard Profiles'!$G$21=$B$10,7,0)+IF('Standard Profiles'!$G$21=$B$17,14,0)+IF('Standard Profiles'!$G$21=$B$24,21,0),0)),0)</f>
        <v>1.1372279081055543</v>
      </c>
      <c r="H2932" cm="1">
        <f t="array" ref="H2932">IFERROR(INDEX(Jesper!AL$2:AL$366,ROUNDDOWN($C2932/24,0)+1,1)*INDEX($D$3:$AA$30,INDEX(Jesper!$R$2:$R$366,ROW(INDEX(Jesper!AL$2:AL$366,ROUNDDOWN($C2932/24,0)+1,1))-1)+IF('Standard Profiles'!$G$22=$B$10,7,0)+IF('Standard Profiles'!$G$22=$B$17,14,0)+IF('Standard Profiles'!$G$22=$B$24,21,0),MOD($C2932,24)+1)/SUM(INDEX($D$3:$AA$30,INDEX(Jesper!$R$2:$R$366,ROW(INDEX(Jesper!AL$2:AL$366,ROUNDDOWN($C2932/24,0)+1,1))-1)+IF('Standard Profiles'!$G$22=$B$10,7,0)+IF('Standard Profiles'!$G$22=$B$17,14,0)+IF('Standard Profiles'!$G$22=$B$24,21,0),0)),0)</f>
        <v>0</v>
      </c>
      <c r="I2932">
        <f t="shared" si="335"/>
        <v>0.54586939589066574</v>
      </c>
      <c r="J2932">
        <f t="shared" si="336"/>
        <v>9.2274481352449431</v>
      </c>
      <c r="K2932">
        <f t="shared" si="337"/>
        <v>0.61123493371022752</v>
      </c>
      <c r="L2932">
        <f t="shared" si="338"/>
        <v>0.30561746685511376</v>
      </c>
      <c r="M2932">
        <f t="shared" si="339"/>
        <v>0</v>
      </c>
      <c r="N2932" s="45">
        <f t="shared" si="340"/>
        <v>45047.749999992971</v>
      </c>
    </row>
    <row r="2933" spans="2:14" x14ac:dyDescent="0.25">
      <c r="B2933">
        <f t="shared" si="334"/>
        <v>1</v>
      </c>
      <c r="C2933" s="16">
        <v>2899</v>
      </c>
      <c r="D2933" cm="1">
        <f t="array" ref="D2933">IFERROR(INDEX(Jesper!AH$2:AH$366,ROUNDDOWN($C2933/24,0)+1,1)*INDEX($D$3:$AA$30,INDEX(Jesper!$R$2:$R$366,ROW(INDEX(Jesper!AH$2:AH$366,ROUNDDOWN($C2933/24,0)+1,1))-1)+IF('Standard Profiles'!$G$18=$B$10,7,0)+IF('Standard Profiles'!$G$18=$B$17,14,0)+IF('Standard Profiles'!$G$18=$B$24,21,0),MOD($C2933,24)+1)/SUM(INDEX($D$3:$AA$30,INDEX(Jesper!$R$2:$R$366,ROW(INDEX(Jesper!AH$2:AH$366,ROUNDDOWN($C2933/24,0)+1,1))-1)+IF('Standard Profiles'!$G$18=$B$10,7,0)+IF('Standard Profiles'!$G$18=$B$17,14,0)+IF('Standard Profiles'!$G$18=$B$24,21,0),0)),0)</f>
        <v>5.7303275035333829</v>
      </c>
      <c r="E2933" cm="1">
        <f t="array" ref="E2933">IFERROR(INDEX(Jesper!AI$2:AI$366,ROUNDDOWN($C2933/24,0)+1,1)*INDEX($D$3:$AA$30,INDEX(Jesper!$R$2:$R$366,ROW(INDEX(Jesper!AI$2:AI$366,ROUNDDOWN($C2933/24,0)+1,1))-1)+IF('Standard Profiles'!$G$19=$B$10,7,0)+IF('Standard Profiles'!$G$19=$B$17,14,0)+IF('Standard Profiles'!$G$19=$B$24,21,0),MOD($C2933,24)+1)/SUM(INDEX($D$3:$AA$30,INDEX(Jesper!$R$2:$R$366,ROW(INDEX(Jesper!AI$2:AI$366,ROUNDDOWN($C2933/24,0)+1,1))-1)+IF('Standard Profiles'!$G$19=$B$10,7,0)+IF('Standard Profiles'!$G$19=$B$17,14,0)+IF('Standard Profiles'!$G$19=$B$24,21,0),0)),0)</f>
        <v>3.8226145200620127</v>
      </c>
      <c r="F2933" cm="1">
        <f t="array" ref="F2933">IFERROR(INDEX(Jesper!AJ$2:AJ$366,ROUNDDOWN($C2933/24,0)+1,1)*INDEX($D$3:$AA$30,INDEX(Jesper!$R$2:$R$366,ROW(INDEX(Jesper!AJ$2:AJ$366,ROUNDDOWN($C2933/24,0)+1,1))-1)+IF('Standard Profiles'!$G$20=$B$10,7,0)+IF('Standard Profiles'!$G$20=$B$17,14,0)+IF('Standard Profiles'!$G$20=$B$24,21,0),MOD($C2933,24)+1)/SUM(INDEX($D$3:$AA$30,INDEX(Jesper!$R$2:$R$366,ROW(INDEX(Jesper!AJ$2:AJ$366,ROUNDDOWN($C2933/24,0)+1,1))-1)+IF('Standard Profiles'!$G$20=$B$10,7,0)+IF('Standard Profiles'!$G$20=$B$17,14,0)+IF('Standard Profiles'!$G$20=$B$24,21,0),0)),0)</f>
        <v>0</v>
      </c>
      <c r="G2933" cm="1">
        <f t="array" ref="G2933">IFERROR(INDEX(Jesper!AK$2:AK$366,ROUNDDOWN($C2933/24,0)+1,1)*INDEX($D$3:$AA$30,INDEX(Jesper!$R$2:$R$366,ROW(INDEX(Jesper!AK$2:AK$366,ROUNDDOWN($C2933/24,0)+1,1))-1)+IF('Standard Profiles'!$G$21=$B$10,7,0)+IF('Standard Profiles'!$G$21=$B$17,14,0)+IF('Standard Profiles'!$G$21=$B$24,21,0),MOD($C2933,24)+1)/SUM(INDEX($D$3:$AA$30,INDEX(Jesper!$R$2:$R$366,ROW(INDEX(Jesper!AK$2:AK$366,ROUNDDOWN($C2933/24,0)+1,1))-1)+IF('Standard Profiles'!$G$21=$B$10,7,0)+IF('Standard Profiles'!$G$21=$B$17,14,0)+IF('Standard Profiles'!$G$21=$B$24,21,0),0)),0)</f>
        <v>1.1372279081055543</v>
      </c>
      <c r="H2933" cm="1">
        <f t="array" ref="H2933">IFERROR(INDEX(Jesper!AL$2:AL$366,ROUNDDOWN($C2933/24,0)+1,1)*INDEX($D$3:$AA$30,INDEX(Jesper!$R$2:$R$366,ROW(INDEX(Jesper!AL$2:AL$366,ROUNDDOWN($C2933/24,0)+1,1))-1)+IF('Standard Profiles'!$G$22=$B$10,7,0)+IF('Standard Profiles'!$G$22=$B$17,14,0)+IF('Standard Profiles'!$G$22=$B$24,21,0),MOD($C2933,24)+1)/SUM(INDEX($D$3:$AA$30,INDEX(Jesper!$R$2:$R$366,ROW(INDEX(Jesper!AL$2:AL$366,ROUNDDOWN($C2933/24,0)+1,1))-1)+IF('Standard Profiles'!$G$22=$B$10,7,0)+IF('Standard Profiles'!$G$22=$B$17,14,0)+IF('Standard Profiles'!$G$22=$B$24,21,0),0)),0)</f>
        <v>0</v>
      </c>
      <c r="I2933">
        <f t="shared" si="335"/>
        <v>0.54586939589066574</v>
      </c>
      <c r="J2933">
        <f t="shared" si="336"/>
        <v>9.2274481352449431</v>
      </c>
      <c r="K2933">
        <f t="shared" si="337"/>
        <v>0.61123493371022752</v>
      </c>
      <c r="L2933">
        <f t="shared" si="338"/>
        <v>0.30561746685511376</v>
      </c>
      <c r="M2933">
        <f t="shared" si="339"/>
        <v>0</v>
      </c>
      <c r="N2933" s="45">
        <f t="shared" si="340"/>
        <v>45047.791666659636</v>
      </c>
    </row>
    <row r="2934" spans="2:14" x14ac:dyDescent="0.25">
      <c r="B2934">
        <f t="shared" si="334"/>
        <v>1</v>
      </c>
      <c r="C2934" s="16">
        <v>2900</v>
      </c>
      <c r="D2934" cm="1">
        <f t="array" ref="D2934">IFERROR(INDEX(Jesper!AH$2:AH$366,ROUNDDOWN($C2934/24,0)+1,1)*INDEX($D$3:$AA$30,INDEX(Jesper!$R$2:$R$366,ROW(INDEX(Jesper!AH$2:AH$366,ROUNDDOWN($C2934/24,0)+1,1))-1)+IF('Standard Profiles'!$G$18=$B$10,7,0)+IF('Standard Profiles'!$G$18=$B$17,14,0)+IF('Standard Profiles'!$G$18=$B$24,21,0),MOD($C2934,24)+1)/SUM(INDEX($D$3:$AA$30,INDEX(Jesper!$R$2:$R$366,ROW(INDEX(Jesper!AH$2:AH$366,ROUNDDOWN($C2934/24,0)+1,1))-1)+IF('Standard Profiles'!$G$18=$B$10,7,0)+IF('Standard Profiles'!$G$18=$B$17,14,0)+IF('Standard Profiles'!$G$18=$B$24,21,0),0)),0)</f>
        <v>5.7303275035333829</v>
      </c>
      <c r="E2934" cm="1">
        <f t="array" ref="E2934">IFERROR(INDEX(Jesper!AI$2:AI$366,ROUNDDOWN($C2934/24,0)+1,1)*INDEX($D$3:$AA$30,INDEX(Jesper!$R$2:$R$366,ROW(INDEX(Jesper!AI$2:AI$366,ROUNDDOWN($C2934/24,0)+1,1))-1)+IF('Standard Profiles'!$G$19=$B$10,7,0)+IF('Standard Profiles'!$G$19=$B$17,14,0)+IF('Standard Profiles'!$G$19=$B$24,21,0),MOD($C2934,24)+1)/SUM(INDEX($D$3:$AA$30,INDEX(Jesper!$R$2:$R$366,ROW(INDEX(Jesper!AI$2:AI$366,ROUNDDOWN($C2934/24,0)+1,1))-1)+IF('Standard Profiles'!$G$19=$B$10,7,0)+IF('Standard Profiles'!$G$19=$B$17,14,0)+IF('Standard Profiles'!$G$19=$B$24,21,0),0)),0)</f>
        <v>3.8226145200620127</v>
      </c>
      <c r="F2934" cm="1">
        <f t="array" ref="F2934">IFERROR(INDEX(Jesper!AJ$2:AJ$366,ROUNDDOWN($C2934/24,0)+1,1)*INDEX($D$3:$AA$30,INDEX(Jesper!$R$2:$R$366,ROW(INDEX(Jesper!AJ$2:AJ$366,ROUNDDOWN($C2934/24,0)+1,1))-1)+IF('Standard Profiles'!$G$20=$B$10,7,0)+IF('Standard Profiles'!$G$20=$B$17,14,0)+IF('Standard Profiles'!$G$20=$B$24,21,0),MOD($C2934,24)+1)/SUM(INDEX($D$3:$AA$30,INDEX(Jesper!$R$2:$R$366,ROW(INDEX(Jesper!AJ$2:AJ$366,ROUNDDOWN($C2934/24,0)+1,1))-1)+IF('Standard Profiles'!$G$20=$B$10,7,0)+IF('Standard Profiles'!$G$20=$B$17,14,0)+IF('Standard Profiles'!$G$20=$B$24,21,0),0)),0)</f>
        <v>0</v>
      </c>
      <c r="G2934" cm="1">
        <f t="array" ref="G2934">IFERROR(INDEX(Jesper!AK$2:AK$366,ROUNDDOWN($C2934/24,0)+1,1)*INDEX($D$3:$AA$30,INDEX(Jesper!$R$2:$R$366,ROW(INDEX(Jesper!AK$2:AK$366,ROUNDDOWN($C2934/24,0)+1,1))-1)+IF('Standard Profiles'!$G$21=$B$10,7,0)+IF('Standard Profiles'!$G$21=$B$17,14,0)+IF('Standard Profiles'!$G$21=$B$24,21,0),MOD($C2934,24)+1)/SUM(INDEX($D$3:$AA$30,INDEX(Jesper!$R$2:$R$366,ROW(INDEX(Jesper!AK$2:AK$366,ROUNDDOWN($C2934/24,0)+1,1))-1)+IF('Standard Profiles'!$G$21=$B$10,7,0)+IF('Standard Profiles'!$G$21=$B$17,14,0)+IF('Standard Profiles'!$G$21=$B$24,21,0),0)),0)</f>
        <v>1.1372279081055543</v>
      </c>
      <c r="H2934" cm="1">
        <f t="array" ref="H2934">IFERROR(INDEX(Jesper!AL$2:AL$366,ROUNDDOWN($C2934/24,0)+1,1)*INDEX($D$3:$AA$30,INDEX(Jesper!$R$2:$R$366,ROW(INDEX(Jesper!AL$2:AL$366,ROUNDDOWN($C2934/24,0)+1,1))-1)+IF('Standard Profiles'!$G$22=$B$10,7,0)+IF('Standard Profiles'!$G$22=$B$17,14,0)+IF('Standard Profiles'!$G$22=$B$24,21,0),MOD($C2934,24)+1)/SUM(INDEX($D$3:$AA$30,INDEX(Jesper!$R$2:$R$366,ROW(INDEX(Jesper!AL$2:AL$366,ROUNDDOWN($C2934/24,0)+1,1))-1)+IF('Standard Profiles'!$G$22=$B$10,7,0)+IF('Standard Profiles'!$G$22=$B$17,14,0)+IF('Standard Profiles'!$G$22=$B$24,21,0),0)),0)</f>
        <v>0</v>
      </c>
      <c r="I2934">
        <f t="shared" si="335"/>
        <v>0.54586939589066574</v>
      </c>
      <c r="J2934">
        <f t="shared" si="336"/>
        <v>9.2274481352449431</v>
      </c>
      <c r="K2934">
        <f t="shared" si="337"/>
        <v>0.61123493371022752</v>
      </c>
      <c r="L2934">
        <f t="shared" si="338"/>
        <v>0.30561746685511376</v>
      </c>
      <c r="M2934">
        <f t="shared" si="339"/>
        <v>0</v>
      </c>
      <c r="N2934" s="45">
        <f t="shared" si="340"/>
        <v>45047.8333333263</v>
      </c>
    </row>
    <row r="2935" spans="2:14" x14ac:dyDescent="0.25">
      <c r="B2935">
        <f t="shared" si="334"/>
        <v>1</v>
      </c>
      <c r="C2935" s="16">
        <v>2901</v>
      </c>
      <c r="D2935" cm="1">
        <f t="array" ref="D2935">IFERROR(INDEX(Jesper!AH$2:AH$366,ROUNDDOWN($C2935/24,0)+1,1)*INDEX($D$3:$AA$30,INDEX(Jesper!$R$2:$R$366,ROW(INDEX(Jesper!AH$2:AH$366,ROUNDDOWN($C2935/24,0)+1,1))-1)+IF('Standard Profiles'!$G$18=$B$10,7,0)+IF('Standard Profiles'!$G$18=$B$17,14,0)+IF('Standard Profiles'!$G$18=$B$24,21,0),MOD($C2935,24)+1)/SUM(INDEX($D$3:$AA$30,INDEX(Jesper!$R$2:$R$366,ROW(INDEX(Jesper!AH$2:AH$366,ROUNDDOWN($C2935/24,0)+1,1))-1)+IF('Standard Profiles'!$G$18=$B$10,7,0)+IF('Standard Profiles'!$G$18=$B$17,14,0)+IF('Standard Profiles'!$G$18=$B$24,21,0),0)),0)</f>
        <v>5.7303275035333829</v>
      </c>
      <c r="E2935" cm="1">
        <f t="array" ref="E2935">IFERROR(INDEX(Jesper!AI$2:AI$366,ROUNDDOWN($C2935/24,0)+1,1)*INDEX($D$3:$AA$30,INDEX(Jesper!$R$2:$R$366,ROW(INDEX(Jesper!AI$2:AI$366,ROUNDDOWN($C2935/24,0)+1,1))-1)+IF('Standard Profiles'!$G$19=$B$10,7,0)+IF('Standard Profiles'!$G$19=$B$17,14,0)+IF('Standard Profiles'!$G$19=$B$24,21,0),MOD($C2935,24)+1)/SUM(INDEX($D$3:$AA$30,INDEX(Jesper!$R$2:$R$366,ROW(INDEX(Jesper!AI$2:AI$366,ROUNDDOWN($C2935/24,0)+1,1))-1)+IF('Standard Profiles'!$G$19=$B$10,7,0)+IF('Standard Profiles'!$G$19=$B$17,14,0)+IF('Standard Profiles'!$G$19=$B$24,21,0),0)),0)</f>
        <v>3.8226145200620127</v>
      </c>
      <c r="F2935" cm="1">
        <f t="array" ref="F2935">IFERROR(INDEX(Jesper!AJ$2:AJ$366,ROUNDDOWN($C2935/24,0)+1,1)*INDEX($D$3:$AA$30,INDEX(Jesper!$R$2:$R$366,ROW(INDEX(Jesper!AJ$2:AJ$366,ROUNDDOWN($C2935/24,0)+1,1))-1)+IF('Standard Profiles'!$G$20=$B$10,7,0)+IF('Standard Profiles'!$G$20=$B$17,14,0)+IF('Standard Profiles'!$G$20=$B$24,21,0),MOD($C2935,24)+1)/SUM(INDEX($D$3:$AA$30,INDEX(Jesper!$R$2:$R$366,ROW(INDEX(Jesper!AJ$2:AJ$366,ROUNDDOWN($C2935/24,0)+1,1))-1)+IF('Standard Profiles'!$G$20=$B$10,7,0)+IF('Standard Profiles'!$G$20=$B$17,14,0)+IF('Standard Profiles'!$G$20=$B$24,21,0),0)),0)</f>
        <v>0</v>
      </c>
      <c r="G2935" cm="1">
        <f t="array" ref="G2935">IFERROR(INDEX(Jesper!AK$2:AK$366,ROUNDDOWN($C2935/24,0)+1,1)*INDEX($D$3:$AA$30,INDEX(Jesper!$R$2:$R$366,ROW(INDEX(Jesper!AK$2:AK$366,ROUNDDOWN($C2935/24,0)+1,1))-1)+IF('Standard Profiles'!$G$21=$B$10,7,0)+IF('Standard Profiles'!$G$21=$B$17,14,0)+IF('Standard Profiles'!$G$21=$B$24,21,0),MOD($C2935,24)+1)/SUM(INDEX($D$3:$AA$30,INDEX(Jesper!$R$2:$R$366,ROW(INDEX(Jesper!AK$2:AK$366,ROUNDDOWN($C2935/24,0)+1,1))-1)+IF('Standard Profiles'!$G$21=$B$10,7,0)+IF('Standard Profiles'!$G$21=$B$17,14,0)+IF('Standard Profiles'!$G$21=$B$24,21,0),0)),0)</f>
        <v>1.1372279081055543</v>
      </c>
      <c r="H2935" cm="1">
        <f t="array" ref="H2935">IFERROR(INDEX(Jesper!AL$2:AL$366,ROUNDDOWN($C2935/24,0)+1,1)*INDEX($D$3:$AA$30,INDEX(Jesper!$R$2:$R$366,ROW(INDEX(Jesper!AL$2:AL$366,ROUNDDOWN($C2935/24,0)+1,1))-1)+IF('Standard Profiles'!$G$22=$B$10,7,0)+IF('Standard Profiles'!$G$22=$B$17,14,0)+IF('Standard Profiles'!$G$22=$B$24,21,0),MOD($C2935,24)+1)/SUM(INDEX($D$3:$AA$30,INDEX(Jesper!$R$2:$R$366,ROW(INDEX(Jesper!AL$2:AL$366,ROUNDDOWN($C2935/24,0)+1,1))-1)+IF('Standard Profiles'!$G$22=$B$10,7,0)+IF('Standard Profiles'!$G$22=$B$17,14,0)+IF('Standard Profiles'!$G$22=$B$24,21,0),0)),0)</f>
        <v>0</v>
      </c>
      <c r="I2935">
        <f t="shared" si="335"/>
        <v>0.54586939589066574</v>
      </c>
      <c r="J2935">
        <f t="shared" si="336"/>
        <v>9.2274481352449431</v>
      </c>
      <c r="K2935">
        <f t="shared" si="337"/>
        <v>0.61123493371022752</v>
      </c>
      <c r="L2935">
        <f t="shared" si="338"/>
        <v>0.30561746685511376</v>
      </c>
      <c r="M2935">
        <f t="shared" si="339"/>
        <v>0</v>
      </c>
      <c r="N2935" s="45">
        <f t="shared" si="340"/>
        <v>45047.874999992964</v>
      </c>
    </row>
    <row r="2936" spans="2:14" x14ac:dyDescent="0.25">
      <c r="B2936">
        <f t="shared" si="334"/>
        <v>1</v>
      </c>
      <c r="C2936" s="16">
        <v>2902</v>
      </c>
      <c r="D2936" cm="1">
        <f t="array" ref="D2936">IFERROR(INDEX(Jesper!AH$2:AH$366,ROUNDDOWN($C2936/24,0)+1,1)*INDEX($D$3:$AA$30,INDEX(Jesper!$R$2:$R$366,ROW(INDEX(Jesper!AH$2:AH$366,ROUNDDOWN($C2936/24,0)+1,1))-1)+IF('Standard Profiles'!$G$18=$B$10,7,0)+IF('Standard Profiles'!$G$18=$B$17,14,0)+IF('Standard Profiles'!$G$18=$B$24,21,0),MOD($C2936,24)+1)/SUM(INDEX($D$3:$AA$30,INDEX(Jesper!$R$2:$R$366,ROW(INDEX(Jesper!AH$2:AH$366,ROUNDDOWN($C2936/24,0)+1,1))-1)+IF('Standard Profiles'!$G$18=$B$10,7,0)+IF('Standard Profiles'!$G$18=$B$17,14,0)+IF('Standard Profiles'!$G$18=$B$24,21,0),0)),0)</f>
        <v>5.7303275035333829</v>
      </c>
      <c r="E2936" cm="1">
        <f t="array" ref="E2936">IFERROR(INDEX(Jesper!AI$2:AI$366,ROUNDDOWN($C2936/24,0)+1,1)*INDEX($D$3:$AA$30,INDEX(Jesper!$R$2:$R$366,ROW(INDEX(Jesper!AI$2:AI$366,ROUNDDOWN($C2936/24,0)+1,1))-1)+IF('Standard Profiles'!$G$19=$B$10,7,0)+IF('Standard Profiles'!$G$19=$B$17,14,0)+IF('Standard Profiles'!$G$19=$B$24,21,0),MOD($C2936,24)+1)/SUM(INDEX($D$3:$AA$30,INDEX(Jesper!$R$2:$R$366,ROW(INDEX(Jesper!AI$2:AI$366,ROUNDDOWN($C2936/24,0)+1,1))-1)+IF('Standard Profiles'!$G$19=$B$10,7,0)+IF('Standard Profiles'!$G$19=$B$17,14,0)+IF('Standard Profiles'!$G$19=$B$24,21,0),0)),0)</f>
        <v>3.8226145200620127</v>
      </c>
      <c r="F2936" cm="1">
        <f t="array" ref="F2936">IFERROR(INDEX(Jesper!AJ$2:AJ$366,ROUNDDOWN($C2936/24,0)+1,1)*INDEX($D$3:$AA$30,INDEX(Jesper!$R$2:$R$366,ROW(INDEX(Jesper!AJ$2:AJ$366,ROUNDDOWN($C2936/24,0)+1,1))-1)+IF('Standard Profiles'!$G$20=$B$10,7,0)+IF('Standard Profiles'!$G$20=$B$17,14,0)+IF('Standard Profiles'!$G$20=$B$24,21,0),MOD($C2936,24)+1)/SUM(INDEX($D$3:$AA$30,INDEX(Jesper!$R$2:$R$366,ROW(INDEX(Jesper!AJ$2:AJ$366,ROUNDDOWN($C2936/24,0)+1,1))-1)+IF('Standard Profiles'!$G$20=$B$10,7,0)+IF('Standard Profiles'!$G$20=$B$17,14,0)+IF('Standard Profiles'!$G$20=$B$24,21,0),0)),0)</f>
        <v>0</v>
      </c>
      <c r="G2936" cm="1">
        <f t="array" ref="G2936">IFERROR(INDEX(Jesper!AK$2:AK$366,ROUNDDOWN($C2936/24,0)+1,1)*INDEX($D$3:$AA$30,INDEX(Jesper!$R$2:$R$366,ROW(INDEX(Jesper!AK$2:AK$366,ROUNDDOWN($C2936/24,0)+1,1))-1)+IF('Standard Profiles'!$G$21=$B$10,7,0)+IF('Standard Profiles'!$G$21=$B$17,14,0)+IF('Standard Profiles'!$G$21=$B$24,21,0),MOD($C2936,24)+1)/SUM(INDEX($D$3:$AA$30,INDEX(Jesper!$R$2:$R$366,ROW(INDEX(Jesper!AK$2:AK$366,ROUNDDOWN($C2936/24,0)+1,1))-1)+IF('Standard Profiles'!$G$21=$B$10,7,0)+IF('Standard Profiles'!$G$21=$B$17,14,0)+IF('Standard Profiles'!$G$21=$B$24,21,0),0)),0)</f>
        <v>1.1372279081055543</v>
      </c>
      <c r="H2936" cm="1">
        <f t="array" ref="H2936">IFERROR(INDEX(Jesper!AL$2:AL$366,ROUNDDOWN($C2936/24,0)+1,1)*INDEX($D$3:$AA$30,INDEX(Jesper!$R$2:$R$366,ROW(INDEX(Jesper!AL$2:AL$366,ROUNDDOWN($C2936/24,0)+1,1))-1)+IF('Standard Profiles'!$G$22=$B$10,7,0)+IF('Standard Profiles'!$G$22=$B$17,14,0)+IF('Standard Profiles'!$G$22=$B$24,21,0),MOD($C2936,24)+1)/SUM(INDEX($D$3:$AA$30,INDEX(Jesper!$R$2:$R$366,ROW(INDEX(Jesper!AL$2:AL$366,ROUNDDOWN($C2936/24,0)+1,1))-1)+IF('Standard Profiles'!$G$22=$B$10,7,0)+IF('Standard Profiles'!$G$22=$B$17,14,0)+IF('Standard Profiles'!$G$22=$B$24,21,0),0)),0)</f>
        <v>0</v>
      </c>
      <c r="I2936">
        <f t="shared" si="335"/>
        <v>0.54586939589066574</v>
      </c>
      <c r="J2936">
        <f t="shared" si="336"/>
        <v>9.2274481352449431</v>
      </c>
      <c r="K2936">
        <f t="shared" si="337"/>
        <v>0.61123493371022752</v>
      </c>
      <c r="L2936">
        <f t="shared" si="338"/>
        <v>0.30561746685511376</v>
      </c>
      <c r="M2936">
        <f t="shared" si="339"/>
        <v>0</v>
      </c>
      <c r="N2936" s="45">
        <f t="shared" si="340"/>
        <v>45047.916666659628</v>
      </c>
    </row>
    <row r="2937" spans="2:14" x14ac:dyDescent="0.25">
      <c r="B2937">
        <f t="shared" si="334"/>
        <v>1</v>
      </c>
      <c r="C2937" s="16">
        <v>2903</v>
      </c>
      <c r="D2937" cm="1">
        <f t="array" ref="D2937">IFERROR(INDEX(Jesper!AH$2:AH$366,ROUNDDOWN($C2937/24,0)+1,1)*INDEX($D$3:$AA$30,INDEX(Jesper!$R$2:$R$366,ROW(INDEX(Jesper!AH$2:AH$366,ROUNDDOWN($C2937/24,0)+1,1))-1)+IF('Standard Profiles'!$G$18=$B$10,7,0)+IF('Standard Profiles'!$G$18=$B$17,14,0)+IF('Standard Profiles'!$G$18=$B$24,21,0),MOD($C2937,24)+1)/SUM(INDEX($D$3:$AA$30,INDEX(Jesper!$R$2:$R$366,ROW(INDEX(Jesper!AH$2:AH$366,ROUNDDOWN($C2937/24,0)+1,1))-1)+IF('Standard Profiles'!$G$18=$B$10,7,0)+IF('Standard Profiles'!$G$18=$B$17,14,0)+IF('Standard Profiles'!$G$18=$B$24,21,0),0)),0)</f>
        <v>5.7303275035333829</v>
      </c>
      <c r="E2937" cm="1">
        <f t="array" ref="E2937">IFERROR(INDEX(Jesper!AI$2:AI$366,ROUNDDOWN($C2937/24,0)+1,1)*INDEX($D$3:$AA$30,INDEX(Jesper!$R$2:$R$366,ROW(INDEX(Jesper!AI$2:AI$366,ROUNDDOWN($C2937/24,0)+1,1))-1)+IF('Standard Profiles'!$G$19=$B$10,7,0)+IF('Standard Profiles'!$G$19=$B$17,14,0)+IF('Standard Profiles'!$G$19=$B$24,21,0),MOD($C2937,24)+1)/SUM(INDEX($D$3:$AA$30,INDEX(Jesper!$R$2:$R$366,ROW(INDEX(Jesper!AI$2:AI$366,ROUNDDOWN($C2937/24,0)+1,1))-1)+IF('Standard Profiles'!$G$19=$B$10,7,0)+IF('Standard Profiles'!$G$19=$B$17,14,0)+IF('Standard Profiles'!$G$19=$B$24,21,0),0)),0)</f>
        <v>3.8226145200620127</v>
      </c>
      <c r="F2937" cm="1">
        <f t="array" ref="F2937">IFERROR(INDEX(Jesper!AJ$2:AJ$366,ROUNDDOWN($C2937/24,0)+1,1)*INDEX($D$3:$AA$30,INDEX(Jesper!$R$2:$R$366,ROW(INDEX(Jesper!AJ$2:AJ$366,ROUNDDOWN($C2937/24,0)+1,1))-1)+IF('Standard Profiles'!$G$20=$B$10,7,0)+IF('Standard Profiles'!$G$20=$B$17,14,0)+IF('Standard Profiles'!$G$20=$B$24,21,0),MOD($C2937,24)+1)/SUM(INDEX($D$3:$AA$30,INDEX(Jesper!$R$2:$R$366,ROW(INDEX(Jesper!AJ$2:AJ$366,ROUNDDOWN($C2937/24,0)+1,1))-1)+IF('Standard Profiles'!$G$20=$B$10,7,0)+IF('Standard Profiles'!$G$20=$B$17,14,0)+IF('Standard Profiles'!$G$20=$B$24,21,0),0)),0)</f>
        <v>0</v>
      </c>
      <c r="G2937" cm="1">
        <f t="array" ref="G2937">IFERROR(INDEX(Jesper!AK$2:AK$366,ROUNDDOWN($C2937/24,0)+1,1)*INDEX($D$3:$AA$30,INDEX(Jesper!$R$2:$R$366,ROW(INDEX(Jesper!AK$2:AK$366,ROUNDDOWN($C2937/24,0)+1,1))-1)+IF('Standard Profiles'!$G$21=$B$10,7,0)+IF('Standard Profiles'!$G$21=$B$17,14,0)+IF('Standard Profiles'!$G$21=$B$24,21,0),MOD($C2937,24)+1)/SUM(INDEX($D$3:$AA$30,INDEX(Jesper!$R$2:$R$366,ROW(INDEX(Jesper!AK$2:AK$366,ROUNDDOWN($C2937/24,0)+1,1))-1)+IF('Standard Profiles'!$G$21=$B$10,7,0)+IF('Standard Profiles'!$G$21=$B$17,14,0)+IF('Standard Profiles'!$G$21=$B$24,21,0),0)),0)</f>
        <v>1.1372279081055543</v>
      </c>
      <c r="H2937" cm="1">
        <f t="array" ref="H2937">IFERROR(INDEX(Jesper!AL$2:AL$366,ROUNDDOWN($C2937/24,0)+1,1)*INDEX($D$3:$AA$30,INDEX(Jesper!$R$2:$R$366,ROW(INDEX(Jesper!AL$2:AL$366,ROUNDDOWN($C2937/24,0)+1,1))-1)+IF('Standard Profiles'!$G$22=$B$10,7,0)+IF('Standard Profiles'!$G$22=$B$17,14,0)+IF('Standard Profiles'!$G$22=$B$24,21,0),MOD($C2937,24)+1)/SUM(INDEX($D$3:$AA$30,INDEX(Jesper!$R$2:$R$366,ROW(INDEX(Jesper!AL$2:AL$366,ROUNDDOWN($C2937/24,0)+1,1))-1)+IF('Standard Profiles'!$G$22=$B$10,7,0)+IF('Standard Profiles'!$G$22=$B$17,14,0)+IF('Standard Profiles'!$G$22=$B$24,21,0),0)),0)</f>
        <v>0</v>
      </c>
      <c r="I2937">
        <f t="shared" si="335"/>
        <v>0.54586939589066574</v>
      </c>
      <c r="J2937">
        <f t="shared" si="336"/>
        <v>9.2274481352449431</v>
      </c>
      <c r="K2937">
        <f t="shared" si="337"/>
        <v>0.61123493371022752</v>
      </c>
      <c r="L2937">
        <f t="shared" si="338"/>
        <v>0.30561746685511376</v>
      </c>
      <c r="M2937">
        <f t="shared" si="339"/>
        <v>0</v>
      </c>
      <c r="N2937" s="45">
        <f t="shared" si="340"/>
        <v>45047.958333326293</v>
      </c>
    </row>
    <row r="2938" spans="2:14" x14ac:dyDescent="0.25">
      <c r="B2938">
        <f t="shared" si="334"/>
        <v>2</v>
      </c>
      <c r="C2938" s="16">
        <v>2904</v>
      </c>
      <c r="D2938" cm="1">
        <f t="array" ref="D2938">IFERROR(INDEX(Jesper!AH$2:AH$366,ROUNDDOWN($C2938/24,0)+1,1)*INDEX($D$3:$AA$30,INDEX(Jesper!$R$2:$R$366,ROW(INDEX(Jesper!AH$2:AH$366,ROUNDDOWN($C2938/24,0)+1,1))-1)+IF('Standard Profiles'!$G$18=$B$10,7,0)+IF('Standard Profiles'!$G$18=$B$17,14,0)+IF('Standard Profiles'!$G$18=$B$24,21,0),MOD($C2938,24)+1)/SUM(INDEX($D$3:$AA$30,INDEX(Jesper!$R$2:$R$366,ROW(INDEX(Jesper!AH$2:AH$366,ROUNDDOWN($C2938/24,0)+1,1))-1)+IF('Standard Profiles'!$G$18=$B$10,7,0)+IF('Standard Profiles'!$G$18=$B$17,14,0)+IF('Standard Profiles'!$G$18=$B$24,21,0),0)),0)</f>
        <v>3.6013822171822278</v>
      </c>
      <c r="E2938" cm="1">
        <f t="array" ref="E2938">IFERROR(INDEX(Jesper!AI$2:AI$366,ROUNDDOWN($C2938/24,0)+1,1)*INDEX($D$3:$AA$30,INDEX(Jesper!$R$2:$R$366,ROW(INDEX(Jesper!AI$2:AI$366,ROUNDDOWN($C2938/24,0)+1,1))-1)+IF('Standard Profiles'!$G$19=$B$10,7,0)+IF('Standard Profiles'!$G$19=$B$17,14,0)+IF('Standard Profiles'!$G$19=$B$24,21,0),MOD($C2938,24)+1)/SUM(INDEX($D$3:$AA$30,INDEX(Jesper!$R$2:$R$366,ROW(INDEX(Jesper!AI$2:AI$366,ROUNDDOWN($C2938/24,0)+1,1))-1)+IF('Standard Profiles'!$G$19=$B$10,7,0)+IF('Standard Profiles'!$G$19=$B$17,14,0)+IF('Standard Profiles'!$G$19=$B$24,21,0),0)),0)</f>
        <v>2.033060033593741</v>
      </c>
      <c r="F2938" cm="1">
        <f t="array" ref="F2938">IFERROR(INDEX(Jesper!AJ$2:AJ$366,ROUNDDOWN($C2938/24,0)+1,1)*INDEX($D$3:$AA$30,INDEX(Jesper!$R$2:$R$366,ROW(INDEX(Jesper!AJ$2:AJ$366,ROUNDDOWN($C2938/24,0)+1,1))-1)+IF('Standard Profiles'!$G$20=$B$10,7,0)+IF('Standard Profiles'!$G$20=$B$17,14,0)+IF('Standard Profiles'!$G$20=$B$24,21,0),MOD($C2938,24)+1)/SUM(INDEX($D$3:$AA$30,INDEX(Jesper!$R$2:$R$366,ROW(INDEX(Jesper!AJ$2:AJ$366,ROUNDDOWN($C2938/24,0)+1,1))-1)+IF('Standard Profiles'!$G$20=$B$10,7,0)+IF('Standard Profiles'!$G$20=$B$17,14,0)+IF('Standard Profiles'!$G$20=$B$24,21,0),0)),0)</f>
        <v>0</v>
      </c>
      <c r="G2938" cm="1">
        <f t="array" ref="G2938">IFERROR(INDEX(Jesper!AK$2:AK$366,ROUNDDOWN($C2938/24,0)+1,1)*INDEX($D$3:$AA$30,INDEX(Jesper!$R$2:$R$366,ROW(INDEX(Jesper!AK$2:AK$366,ROUNDDOWN($C2938/24,0)+1,1))-1)+IF('Standard Profiles'!$G$21=$B$10,7,0)+IF('Standard Profiles'!$G$21=$B$17,14,0)+IF('Standard Profiles'!$G$21=$B$24,21,0),MOD($C2938,24)+1)/SUM(INDEX($D$3:$AA$30,INDEX(Jesper!$R$2:$R$366,ROW(INDEX(Jesper!AK$2:AK$366,ROUNDDOWN($C2938/24,0)+1,1))-1)+IF('Standard Profiles'!$G$21=$B$10,7,0)+IF('Standard Profiles'!$G$21=$B$17,14,0)+IF('Standard Profiles'!$G$21=$B$24,21,0),0)),0)</f>
        <v>0.87795626793168013</v>
      </c>
      <c r="H2938" cm="1">
        <f t="array" ref="H2938">IFERROR(INDEX(Jesper!AL$2:AL$366,ROUNDDOWN($C2938/24,0)+1,1)*INDEX($D$3:$AA$30,INDEX(Jesper!$R$2:$R$366,ROW(INDEX(Jesper!AL$2:AL$366,ROUNDDOWN($C2938/24,0)+1,1))-1)+IF('Standard Profiles'!$G$22=$B$10,7,0)+IF('Standard Profiles'!$G$22=$B$17,14,0)+IF('Standard Profiles'!$G$22=$B$24,21,0),MOD($C2938,24)+1)/SUM(INDEX($D$3:$AA$30,INDEX(Jesper!$R$2:$R$366,ROW(INDEX(Jesper!AL$2:AL$366,ROUNDDOWN($C2938/24,0)+1,1))-1)+IF('Standard Profiles'!$G$22=$B$10,7,0)+IF('Standard Profiles'!$G$22=$B$17,14,0)+IF('Standard Profiles'!$G$22=$B$24,21,0),0)),0)</f>
        <v>0</v>
      </c>
      <c r="I2938">
        <f t="shared" si="335"/>
        <v>0.42141900860720627</v>
      </c>
      <c r="J2938">
        <f t="shared" si="336"/>
        <v>5.5147583553512867</v>
      </c>
      <c r="K2938">
        <f t="shared" si="337"/>
        <v>0.38414743649943767</v>
      </c>
      <c r="L2938">
        <f t="shared" si="338"/>
        <v>0.19207371824971883</v>
      </c>
      <c r="M2938">
        <f t="shared" si="339"/>
        <v>0</v>
      </c>
      <c r="N2938" s="45">
        <f t="shared" si="340"/>
        <v>45047.999999992957</v>
      </c>
    </row>
    <row r="2939" spans="2:14" x14ac:dyDescent="0.25">
      <c r="B2939">
        <f t="shared" si="334"/>
        <v>2</v>
      </c>
      <c r="C2939" s="16">
        <v>2905</v>
      </c>
      <c r="D2939" cm="1">
        <f t="array" ref="D2939">IFERROR(INDEX(Jesper!AH$2:AH$366,ROUNDDOWN($C2939/24,0)+1,1)*INDEX($D$3:$AA$30,INDEX(Jesper!$R$2:$R$366,ROW(INDEX(Jesper!AH$2:AH$366,ROUNDDOWN($C2939/24,0)+1,1))-1)+IF('Standard Profiles'!$G$18=$B$10,7,0)+IF('Standard Profiles'!$G$18=$B$17,14,0)+IF('Standard Profiles'!$G$18=$B$24,21,0),MOD($C2939,24)+1)/SUM(INDEX($D$3:$AA$30,INDEX(Jesper!$R$2:$R$366,ROW(INDEX(Jesper!AH$2:AH$366,ROUNDDOWN($C2939/24,0)+1,1))-1)+IF('Standard Profiles'!$G$18=$B$10,7,0)+IF('Standard Profiles'!$G$18=$B$17,14,0)+IF('Standard Profiles'!$G$18=$B$24,21,0),0)),0)</f>
        <v>5.487820521420538</v>
      </c>
      <c r="E2939" cm="1">
        <f t="array" ref="E2939">IFERROR(INDEX(Jesper!AI$2:AI$366,ROUNDDOWN($C2939/24,0)+1,1)*INDEX($D$3:$AA$30,INDEX(Jesper!$R$2:$R$366,ROW(INDEX(Jesper!AI$2:AI$366,ROUNDDOWN($C2939/24,0)+1,1))-1)+IF('Standard Profiles'!$G$19=$B$10,7,0)+IF('Standard Profiles'!$G$19=$B$17,14,0)+IF('Standard Profiles'!$G$19=$B$24,21,0),MOD($C2939,24)+1)/SUM(INDEX($D$3:$AA$30,INDEX(Jesper!$R$2:$R$366,ROW(INDEX(Jesper!AI$2:AI$366,ROUNDDOWN($C2939/24,0)+1,1))-1)+IF('Standard Profiles'!$G$19=$B$10,7,0)+IF('Standard Profiles'!$G$19=$B$17,14,0)+IF('Standard Profiles'!$G$19=$B$24,21,0),0)),0)</f>
        <v>3.0979962416666531</v>
      </c>
      <c r="F2939" cm="1">
        <f t="array" ref="F2939">IFERROR(INDEX(Jesper!AJ$2:AJ$366,ROUNDDOWN($C2939/24,0)+1,1)*INDEX($D$3:$AA$30,INDEX(Jesper!$R$2:$R$366,ROW(INDEX(Jesper!AJ$2:AJ$366,ROUNDDOWN($C2939/24,0)+1,1))-1)+IF('Standard Profiles'!$G$20=$B$10,7,0)+IF('Standard Profiles'!$G$20=$B$17,14,0)+IF('Standard Profiles'!$G$20=$B$24,21,0),MOD($C2939,24)+1)/SUM(INDEX($D$3:$AA$30,INDEX(Jesper!$R$2:$R$366,ROW(INDEX(Jesper!AJ$2:AJ$366,ROUNDDOWN($C2939/24,0)+1,1))-1)+IF('Standard Profiles'!$G$20=$B$10,7,0)+IF('Standard Profiles'!$G$20=$B$17,14,0)+IF('Standard Profiles'!$G$20=$B$24,21,0),0)),0)</f>
        <v>0</v>
      </c>
      <c r="G2939" cm="1">
        <f t="array" ref="G2939">IFERROR(INDEX(Jesper!AK$2:AK$366,ROUNDDOWN($C2939/24,0)+1,1)*INDEX($D$3:$AA$30,INDEX(Jesper!$R$2:$R$366,ROW(INDEX(Jesper!AK$2:AK$366,ROUNDDOWN($C2939/24,0)+1,1))-1)+IF('Standard Profiles'!$G$21=$B$10,7,0)+IF('Standard Profiles'!$G$21=$B$17,14,0)+IF('Standard Profiles'!$G$21=$B$24,21,0),MOD($C2939,24)+1)/SUM(INDEX($D$3:$AA$30,INDEX(Jesper!$R$2:$R$366,ROW(INDEX(Jesper!AK$2:AK$366,ROUNDDOWN($C2939/24,0)+1,1))-1)+IF('Standard Profiles'!$G$21=$B$10,7,0)+IF('Standard Profiles'!$G$21=$B$17,14,0)+IF('Standard Profiles'!$G$21=$B$24,21,0),0)),0)</f>
        <v>0.87795626793168013</v>
      </c>
      <c r="H2939" cm="1">
        <f t="array" ref="H2939">IFERROR(INDEX(Jesper!AL$2:AL$366,ROUNDDOWN($C2939/24,0)+1,1)*INDEX($D$3:$AA$30,INDEX(Jesper!$R$2:$R$366,ROW(INDEX(Jesper!AL$2:AL$366,ROUNDDOWN($C2939/24,0)+1,1))-1)+IF('Standard Profiles'!$G$22=$B$10,7,0)+IF('Standard Profiles'!$G$22=$B$17,14,0)+IF('Standard Profiles'!$G$22=$B$24,21,0),MOD($C2939,24)+1)/SUM(INDEX($D$3:$AA$30,INDEX(Jesper!$R$2:$R$366,ROW(INDEX(Jesper!AL$2:AL$366,ROUNDDOWN($C2939/24,0)+1,1))-1)+IF('Standard Profiles'!$G$22=$B$10,7,0)+IF('Standard Profiles'!$G$22=$B$17,14,0)+IF('Standard Profiles'!$G$22=$B$24,21,0),0)),0)</f>
        <v>0</v>
      </c>
      <c r="I2939">
        <f t="shared" si="335"/>
        <v>0.42141900860720627</v>
      </c>
      <c r="J2939">
        <f t="shared" si="336"/>
        <v>8.1643027389843787</v>
      </c>
      <c r="K2939">
        <f t="shared" si="337"/>
        <v>0.58536752228485744</v>
      </c>
      <c r="L2939">
        <f t="shared" si="338"/>
        <v>0.29268376114242872</v>
      </c>
      <c r="M2939">
        <f t="shared" si="339"/>
        <v>0</v>
      </c>
      <c r="N2939" s="45">
        <f t="shared" si="340"/>
        <v>45048.041666659621</v>
      </c>
    </row>
    <row r="2940" spans="2:14" x14ac:dyDescent="0.25">
      <c r="B2940">
        <f t="shared" si="334"/>
        <v>2</v>
      </c>
      <c r="C2940" s="16">
        <v>2906</v>
      </c>
      <c r="D2940" cm="1">
        <f t="array" ref="D2940">IFERROR(INDEX(Jesper!AH$2:AH$366,ROUNDDOWN($C2940/24,0)+1,1)*INDEX($D$3:$AA$30,INDEX(Jesper!$R$2:$R$366,ROW(INDEX(Jesper!AH$2:AH$366,ROUNDDOWN($C2940/24,0)+1,1))-1)+IF('Standard Profiles'!$G$18=$B$10,7,0)+IF('Standard Profiles'!$G$18=$B$17,14,0)+IF('Standard Profiles'!$G$18=$B$24,21,0),MOD($C2940,24)+1)/SUM(INDEX($D$3:$AA$30,INDEX(Jesper!$R$2:$R$366,ROW(INDEX(Jesper!AH$2:AH$366,ROUNDDOWN($C2940/24,0)+1,1))-1)+IF('Standard Profiles'!$G$18=$B$10,7,0)+IF('Standard Profiles'!$G$18=$B$17,14,0)+IF('Standard Profiles'!$G$18=$B$24,21,0),0)),0)</f>
        <v>5.487820521420538</v>
      </c>
      <c r="E2940" cm="1">
        <f t="array" ref="E2940">IFERROR(INDEX(Jesper!AI$2:AI$366,ROUNDDOWN($C2940/24,0)+1,1)*INDEX($D$3:$AA$30,INDEX(Jesper!$R$2:$R$366,ROW(INDEX(Jesper!AI$2:AI$366,ROUNDDOWN($C2940/24,0)+1,1))-1)+IF('Standard Profiles'!$G$19=$B$10,7,0)+IF('Standard Profiles'!$G$19=$B$17,14,0)+IF('Standard Profiles'!$G$19=$B$24,21,0),MOD($C2940,24)+1)/SUM(INDEX($D$3:$AA$30,INDEX(Jesper!$R$2:$R$366,ROW(INDEX(Jesper!AI$2:AI$366,ROUNDDOWN($C2940/24,0)+1,1))-1)+IF('Standard Profiles'!$G$19=$B$10,7,0)+IF('Standard Profiles'!$G$19=$B$17,14,0)+IF('Standard Profiles'!$G$19=$B$24,21,0),0)),0)</f>
        <v>3.0979962416666531</v>
      </c>
      <c r="F2940" cm="1">
        <f t="array" ref="F2940">IFERROR(INDEX(Jesper!AJ$2:AJ$366,ROUNDDOWN($C2940/24,0)+1,1)*INDEX($D$3:$AA$30,INDEX(Jesper!$R$2:$R$366,ROW(INDEX(Jesper!AJ$2:AJ$366,ROUNDDOWN($C2940/24,0)+1,1))-1)+IF('Standard Profiles'!$G$20=$B$10,7,0)+IF('Standard Profiles'!$G$20=$B$17,14,0)+IF('Standard Profiles'!$G$20=$B$24,21,0),MOD($C2940,24)+1)/SUM(INDEX($D$3:$AA$30,INDEX(Jesper!$R$2:$R$366,ROW(INDEX(Jesper!AJ$2:AJ$366,ROUNDDOWN($C2940/24,0)+1,1))-1)+IF('Standard Profiles'!$G$20=$B$10,7,0)+IF('Standard Profiles'!$G$20=$B$17,14,0)+IF('Standard Profiles'!$G$20=$B$24,21,0),0)),0)</f>
        <v>0</v>
      </c>
      <c r="G2940" cm="1">
        <f t="array" ref="G2940">IFERROR(INDEX(Jesper!AK$2:AK$366,ROUNDDOWN($C2940/24,0)+1,1)*INDEX($D$3:$AA$30,INDEX(Jesper!$R$2:$R$366,ROW(INDEX(Jesper!AK$2:AK$366,ROUNDDOWN($C2940/24,0)+1,1))-1)+IF('Standard Profiles'!$G$21=$B$10,7,0)+IF('Standard Profiles'!$G$21=$B$17,14,0)+IF('Standard Profiles'!$G$21=$B$24,21,0),MOD($C2940,24)+1)/SUM(INDEX($D$3:$AA$30,INDEX(Jesper!$R$2:$R$366,ROW(INDEX(Jesper!AK$2:AK$366,ROUNDDOWN($C2940/24,0)+1,1))-1)+IF('Standard Profiles'!$G$21=$B$10,7,0)+IF('Standard Profiles'!$G$21=$B$17,14,0)+IF('Standard Profiles'!$G$21=$B$24,21,0),0)),0)</f>
        <v>0.87795626793168013</v>
      </c>
      <c r="H2940" cm="1">
        <f t="array" ref="H2940">IFERROR(INDEX(Jesper!AL$2:AL$366,ROUNDDOWN($C2940/24,0)+1,1)*INDEX($D$3:$AA$30,INDEX(Jesper!$R$2:$R$366,ROW(INDEX(Jesper!AL$2:AL$366,ROUNDDOWN($C2940/24,0)+1,1))-1)+IF('Standard Profiles'!$G$22=$B$10,7,0)+IF('Standard Profiles'!$G$22=$B$17,14,0)+IF('Standard Profiles'!$G$22=$B$24,21,0),MOD($C2940,24)+1)/SUM(INDEX($D$3:$AA$30,INDEX(Jesper!$R$2:$R$366,ROW(INDEX(Jesper!AL$2:AL$366,ROUNDDOWN($C2940/24,0)+1,1))-1)+IF('Standard Profiles'!$G$22=$B$10,7,0)+IF('Standard Profiles'!$G$22=$B$17,14,0)+IF('Standard Profiles'!$G$22=$B$24,21,0),0)),0)</f>
        <v>0</v>
      </c>
      <c r="I2940">
        <f t="shared" si="335"/>
        <v>0.42141900860720627</v>
      </c>
      <c r="J2940">
        <f t="shared" si="336"/>
        <v>8.1643027389843787</v>
      </c>
      <c r="K2940">
        <f t="shared" si="337"/>
        <v>0.58536752228485744</v>
      </c>
      <c r="L2940">
        <f t="shared" si="338"/>
        <v>0.29268376114242872</v>
      </c>
      <c r="M2940">
        <f t="shared" si="339"/>
        <v>0</v>
      </c>
      <c r="N2940" s="45">
        <f t="shared" si="340"/>
        <v>45048.083333326285</v>
      </c>
    </row>
    <row r="2941" spans="2:14" x14ac:dyDescent="0.25">
      <c r="B2941">
        <f t="shared" si="334"/>
        <v>2</v>
      </c>
      <c r="C2941" s="16">
        <v>2907</v>
      </c>
      <c r="D2941" cm="1">
        <f t="array" ref="D2941">IFERROR(INDEX(Jesper!AH$2:AH$366,ROUNDDOWN($C2941/24,0)+1,1)*INDEX($D$3:$AA$30,INDEX(Jesper!$R$2:$R$366,ROW(INDEX(Jesper!AH$2:AH$366,ROUNDDOWN($C2941/24,0)+1,1))-1)+IF('Standard Profiles'!$G$18=$B$10,7,0)+IF('Standard Profiles'!$G$18=$B$17,14,0)+IF('Standard Profiles'!$G$18=$B$24,21,0),MOD($C2941,24)+1)/SUM(INDEX($D$3:$AA$30,INDEX(Jesper!$R$2:$R$366,ROW(INDEX(Jesper!AH$2:AH$366,ROUNDDOWN($C2941/24,0)+1,1))-1)+IF('Standard Profiles'!$G$18=$B$10,7,0)+IF('Standard Profiles'!$G$18=$B$17,14,0)+IF('Standard Profiles'!$G$18=$B$24,21,0),0)),0)</f>
        <v>5.487820521420538</v>
      </c>
      <c r="E2941" cm="1">
        <f t="array" ref="E2941">IFERROR(INDEX(Jesper!AI$2:AI$366,ROUNDDOWN($C2941/24,0)+1,1)*INDEX($D$3:$AA$30,INDEX(Jesper!$R$2:$R$366,ROW(INDEX(Jesper!AI$2:AI$366,ROUNDDOWN($C2941/24,0)+1,1))-1)+IF('Standard Profiles'!$G$19=$B$10,7,0)+IF('Standard Profiles'!$G$19=$B$17,14,0)+IF('Standard Profiles'!$G$19=$B$24,21,0),MOD($C2941,24)+1)/SUM(INDEX($D$3:$AA$30,INDEX(Jesper!$R$2:$R$366,ROW(INDEX(Jesper!AI$2:AI$366,ROUNDDOWN($C2941/24,0)+1,1))-1)+IF('Standard Profiles'!$G$19=$B$10,7,0)+IF('Standard Profiles'!$G$19=$B$17,14,0)+IF('Standard Profiles'!$G$19=$B$24,21,0),0)),0)</f>
        <v>3.0979962416666531</v>
      </c>
      <c r="F2941" cm="1">
        <f t="array" ref="F2941">IFERROR(INDEX(Jesper!AJ$2:AJ$366,ROUNDDOWN($C2941/24,0)+1,1)*INDEX($D$3:$AA$30,INDEX(Jesper!$R$2:$R$366,ROW(INDEX(Jesper!AJ$2:AJ$366,ROUNDDOWN($C2941/24,0)+1,1))-1)+IF('Standard Profiles'!$G$20=$B$10,7,0)+IF('Standard Profiles'!$G$20=$B$17,14,0)+IF('Standard Profiles'!$G$20=$B$24,21,0),MOD($C2941,24)+1)/SUM(INDEX($D$3:$AA$30,INDEX(Jesper!$R$2:$R$366,ROW(INDEX(Jesper!AJ$2:AJ$366,ROUNDDOWN($C2941/24,0)+1,1))-1)+IF('Standard Profiles'!$G$20=$B$10,7,0)+IF('Standard Profiles'!$G$20=$B$17,14,0)+IF('Standard Profiles'!$G$20=$B$24,21,0),0)),0)</f>
        <v>0</v>
      </c>
      <c r="G2941" cm="1">
        <f t="array" ref="G2941">IFERROR(INDEX(Jesper!AK$2:AK$366,ROUNDDOWN($C2941/24,0)+1,1)*INDEX($D$3:$AA$30,INDEX(Jesper!$R$2:$R$366,ROW(INDEX(Jesper!AK$2:AK$366,ROUNDDOWN($C2941/24,0)+1,1))-1)+IF('Standard Profiles'!$G$21=$B$10,7,0)+IF('Standard Profiles'!$G$21=$B$17,14,0)+IF('Standard Profiles'!$G$21=$B$24,21,0),MOD($C2941,24)+1)/SUM(INDEX($D$3:$AA$30,INDEX(Jesper!$R$2:$R$366,ROW(INDEX(Jesper!AK$2:AK$366,ROUNDDOWN($C2941/24,0)+1,1))-1)+IF('Standard Profiles'!$G$21=$B$10,7,0)+IF('Standard Profiles'!$G$21=$B$17,14,0)+IF('Standard Profiles'!$G$21=$B$24,21,0),0)),0)</f>
        <v>0.87795626793168013</v>
      </c>
      <c r="H2941" cm="1">
        <f t="array" ref="H2941">IFERROR(INDEX(Jesper!AL$2:AL$366,ROUNDDOWN($C2941/24,0)+1,1)*INDEX($D$3:$AA$30,INDEX(Jesper!$R$2:$R$366,ROW(INDEX(Jesper!AL$2:AL$366,ROUNDDOWN($C2941/24,0)+1,1))-1)+IF('Standard Profiles'!$G$22=$B$10,7,0)+IF('Standard Profiles'!$G$22=$B$17,14,0)+IF('Standard Profiles'!$G$22=$B$24,21,0),MOD($C2941,24)+1)/SUM(INDEX($D$3:$AA$30,INDEX(Jesper!$R$2:$R$366,ROW(INDEX(Jesper!AL$2:AL$366,ROUNDDOWN($C2941/24,0)+1,1))-1)+IF('Standard Profiles'!$G$22=$B$10,7,0)+IF('Standard Profiles'!$G$22=$B$17,14,0)+IF('Standard Profiles'!$G$22=$B$24,21,0),0)),0)</f>
        <v>0</v>
      </c>
      <c r="I2941">
        <f t="shared" si="335"/>
        <v>0.42141900860720627</v>
      </c>
      <c r="J2941">
        <f t="shared" si="336"/>
        <v>8.1643027389843787</v>
      </c>
      <c r="K2941">
        <f t="shared" si="337"/>
        <v>0.58536752228485744</v>
      </c>
      <c r="L2941">
        <f t="shared" si="338"/>
        <v>0.29268376114242872</v>
      </c>
      <c r="M2941">
        <f t="shared" si="339"/>
        <v>0</v>
      </c>
      <c r="N2941" s="45">
        <f t="shared" si="340"/>
        <v>45048.12499999295</v>
      </c>
    </row>
    <row r="2942" spans="2:14" x14ac:dyDescent="0.25">
      <c r="B2942">
        <f t="shared" si="334"/>
        <v>2</v>
      </c>
      <c r="C2942" s="16">
        <v>2908</v>
      </c>
      <c r="D2942" cm="1">
        <f t="array" ref="D2942">IFERROR(INDEX(Jesper!AH$2:AH$366,ROUNDDOWN($C2942/24,0)+1,1)*INDEX($D$3:$AA$30,INDEX(Jesper!$R$2:$R$366,ROW(INDEX(Jesper!AH$2:AH$366,ROUNDDOWN($C2942/24,0)+1,1))-1)+IF('Standard Profiles'!$G$18=$B$10,7,0)+IF('Standard Profiles'!$G$18=$B$17,14,0)+IF('Standard Profiles'!$G$18=$B$24,21,0),MOD($C2942,24)+1)/SUM(INDEX($D$3:$AA$30,INDEX(Jesper!$R$2:$R$366,ROW(INDEX(Jesper!AH$2:AH$366,ROUNDDOWN($C2942/24,0)+1,1))-1)+IF('Standard Profiles'!$G$18=$B$10,7,0)+IF('Standard Profiles'!$G$18=$B$17,14,0)+IF('Standard Profiles'!$G$18=$B$24,21,0),0)),0)</f>
        <v>5.487820521420538</v>
      </c>
      <c r="E2942" cm="1">
        <f t="array" ref="E2942">IFERROR(INDEX(Jesper!AI$2:AI$366,ROUNDDOWN($C2942/24,0)+1,1)*INDEX($D$3:$AA$30,INDEX(Jesper!$R$2:$R$366,ROW(INDEX(Jesper!AI$2:AI$366,ROUNDDOWN($C2942/24,0)+1,1))-1)+IF('Standard Profiles'!$G$19=$B$10,7,0)+IF('Standard Profiles'!$G$19=$B$17,14,0)+IF('Standard Profiles'!$G$19=$B$24,21,0),MOD($C2942,24)+1)/SUM(INDEX($D$3:$AA$30,INDEX(Jesper!$R$2:$R$366,ROW(INDEX(Jesper!AI$2:AI$366,ROUNDDOWN($C2942/24,0)+1,1))-1)+IF('Standard Profiles'!$G$19=$B$10,7,0)+IF('Standard Profiles'!$G$19=$B$17,14,0)+IF('Standard Profiles'!$G$19=$B$24,21,0),0)),0)</f>
        <v>3.0979962416666531</v>
      </c>
      <c r="F2942" cm="1">
        <f t="array" ref="F2942">IFERROR(INDEX(Jesper!AJ$2:AJ$366,ROUNDDOWN($C2942/24,0)+1,1)*INDEX($D$3:$AA$30,INDEX(Jesper!$R$2:$R$366,ROW(INDEX(Jesper!AJ$2:AJ$366,ROUNDDOWN($C2942/24,0)+1,1))-1)+IF('Standard Profiles'!$G$20=$B$10,7,0)+IF('Standard Profiles'!$G$20=$B$17,14,0)+IF('Standard Profiles'!$G$20=$B$24,21,0),MOD($C2942,24)+1)/SUM(INDEX($D$3:$AA$30,INDEX(Jesper!$R$2:$R$366,ROW(INDEX(Jesper!AJ$2:AJ$366,ROUNDDOWN($C2942/24,0)+1,1))-1)+IF('Standard Profiles'!$G$20=$B$10,7,0)+IF('Standard Profiles'!$G$20=$B$17,14,0)+IF('Standard Profiles'!$G$20=$B$24,21,0),0)),0)</f>
        <v>0</v>
      </c>
      <c r="G2942" cm="1">
        <f t="array" ref="G2942">IFERROR(INDEX(Jesper!AK$2:AK$366,ROUNDDOWN($C2942/24,0)+1,1)*INDEX($D$3:$AA$30,INDEX(Jesper!$R$2:$R$366,ROW(INDEX(Jesper!AK$2:AK$366,ROUNDDOWN($C2942/24,0)+1,1))-1)+IF('Standard Profiles'!$G$21=$B$10,7,0)+IF('Standard Profiles'!$G$21=$B$17,14,0)+IF('Standard Profiles'!$G$21=$B$24,21,0),MOD($C2942,24)+1)/SUM(INDEX($D$3:$AA$30,INDEX(Jesper!$R$2:$R$366,ROW(INDEX(Jesper!AK$2:AK$366,ROUNDDOWN($C2942/24,0)+1,1))-1)+IF('Standard Profiles'!$G$21=$B$10,7,0)+IF('Standard Profiles'!$G$21=$B$17,14,0)+IF('Standard Profiles'!$G$21=$B$24,21,0),0)),0)</f>
        <v>0.87795626793168013</v>
      </c>
      <c r="H2942" cm="1">
        <f t="array" ref="H2942">IFERROR(INDEX(Jesper!AL$2:AL$366,ROUNDDOWN($C2942/24,0)+1,1)*INDEX($D$3:$AA$30,INDEX(Jesper!$R$2:$R$366,ROW(INDEX(Jesper!AL$2:AL$366,ROUNDDOWN($C2942/24,0)+1,1))-1)+IF('Standard Profiles'!$G$22=$B$10,7,0)+IF('Standard Profiles'!$G$22=$B$17,14,0)+IF('Standard Profiles'!$G$22=$B$24,21,0),MOD($C2942,24)+1)/SUM(INDEX($D$3:$AA$30,INDEX(Jesper!$R$2:$R$366,ROW(INDEX(Jesper!AL$2:AL$366,ROUNDDOWN($C2942/24,0)+1,1))-1)+IF('Standard Profiles'!$G$22=$B$10,7,0)+IF('Standard Profiles'!$G$22=$B$17,14,0)+IF('Standard Profiles'!$G$22=$B$24,21,0),0)),0)</f>
        <v>0</v>
      </c>
      <c r="I2942">
        <f t="shared" si="335"/>
        <v>0.42141900860720627</v>
      </c>
      <c r="J2942">
        <f t="shared" si="336"/>
        <v>8.1643027389843787</v>
      </c>
      <c r="K2942">
        <f t="shared" si="337"/>
        <v>0.58536752228485744</v>
      </c>
      <c r="L2942">
        <f t="shared" si="338"/>
        <v>0.29268376114242872</v>
      </c>
      <c r="M2942">
        <f t="shared" si="339"/>
        <v>0</v>
      </c>
      <c r="N2942" s="45">
        <f t="shared" si="340"/>
        <v>45048.166666659614</v>
      </c>
    </row>
    <row r="2943" spans="2:14" x14ac:dyDescent="0.25">
      <c r="B2943">
        <f t="shared" si="334"/>
        <v>2</v>
      </c>
      <c r="C2943" s="16">
        <v>2909</v>
      </c>
      <c r="D2943" cm="1">
        <f t="array" ref="D2943">IFERROR(INDEX(Jesper!AH$2:AH$366,ROUNDDOWN($C2943/24,0)+1,1)*INDEX($D$3:$AA$30,INDEX(Jesper!$R$2:$R$366,ROW(INDEX(Jesper!AH$2:AH$366,ROUNDDOWN($C2943/24,0)+1,1))-1)+IF('Standard Profiles'!$G$18=$B$10,7,0)+IF('Standard Profiles'!$G$18=$B$17,14,0)+IF('Standard Profiles'!$G$18=$B$24,21,0),MOD($C2943,24)+1)/SUM(INDEX($D$3:$AA$30,INDEX(Jesper!$R$2:$R$366,ROW(INDEX(Jesper!AH$2:AH$366,ROUNDDOWN($C2943/24,0)+1,1))-1)+IF('Standard Profiles'!$G$18=$B$10,7,0)+IF('Standard Profiles'!$G$18=$B$17,14,0)+IF('Standard Profiles'!$G$18=$B$24,21,0),0)),0)</f>
        <v>5.487820521420538</v>
      </c>
      <c r="E2943" cm="1">
        <f t="array" ref="E2943">IFERROR(INDEX(Jesper!AI$2:AI$366,ROUNDDOWN($C2943/24,0)+1,1)*INDEX($D$3:$AA$30,INDEX(Jesper!$R$2:$R$366,ROW(INDEX(Jesper!AI$2:AI$366,ROUNDDOWN($C2943/24,0)+1,1))-1)+IF('Standard Profiles'!$G$19=$B$10,7,0)+IF('Standard Profiles'!$G$19=$B$17,14,0)+IF('Standard Profiles'!$G$19=$B$24,21,0),MOD($C2943,24)+1)/SUM(INDEX($D$3:$AA$30,INDEX(Jesper!$R$2:$R$366,ROW(INDEX(Jesper!AI$2:AI$366,ROUNDDOWN($C2943/24,0)+1,1))-1)+IF('Standard Profiles'!$G$19=$B$10,7,0)+IF('Standard Profiles'!$G$19=$B$17,14,0)+IF('Standard Profiles'!$G$19=$B$24,21,0),0)),0)</f>
        <v>3.0979962416666531</v>
      </c>
      <c r="F2943" cm="1">
        <f t="array" ref="F2943">IFERROR(INDEX(Jesper!AJ$2:AJ$366,ROUNDDOWN($C2943/24,0)+1,1)*INDEX($D$3:$AA$30,INDEX(Jesper!$R$2:$R$366,ROW(INDEX(Jesper!AJ$2:AJ$366,ROUNDDOWN($C2943/24,0)+1,1))-1)+IF('Standard Profiles'!$G$20=$B$10,7,0)+IF('Standard Profiles'!$G$20=$B$17,14,0)+IF('Standard Profiles'!$G$20=$B$24,21,0),MOD($C2943,24)+1)/SUM(INDEX($D$3:$AA$30,INDEX(Jesper!$R$2:$R$366,ROW(INDEX(Jesper!AJ$2:AJ$366,ROUNDDOWN($C2943/24,0)+1,1))-1)+IF('Standard Profiles'!$G$20=$B$10,7,0)+IF('Standard Profiles'!$G$20=$B$17,14,0)+IF('Standard Profiles'!$G$20=$B$24,21,0),0)),0)</f>
        <v>0</v>
      </c>
      <c r="G2943" cm="1">
        <f t="array" ref="G2943">IFERROR(INDEX(Jesper!AK$2:AK$366,ROUNDDOWN($C2943/24,0)+1,1)*INDEX($D$3:$AA$30,INDEX(Jesper!$R$2:$R$366,ROW(INDEX(Jesper!AK$2:AK$366,ROUNDDOWN($C2943/24,0)+1,1))-1)+IF('Standard Profiles'!$G$21=$B$10,7,0)+IF('Standard Profiles'!$G$21=$B$17,14,0)+IF('Standard Profiles'!$G$21=$B$24,21,0),MOD($C2943,24)+1)/SUM(INDEX($D$3:$AA$30,INDEX(Jesper!$R$2:$R$366,ROW(INDEX(Jesper!AK$2:AK$366,ROUNDDOWN($C2943/24,0)+1,1))-1)+IF('Standard Profiles'!$G$21=$B$10,7,0)+IF('Standard Profiles'!$G$21=$B$17,14,0)+IF('Standard Profiles'!$G$21=$B$24,21,0),0)),0)</f>
        <v>0.87795626793168013</v>
      </c>
      <c r="H2943" cm="1">
        <f t="array" ref="H2943">IFERROR(INDEX(Jesper!AL$2:AL$366,ROUNDDOWN($C2943/24,0)+1,1)*INDEX($D$3:$AA$30,INDEX(Jesper!$R$2:$R$366,ROW(INDEX(Jesper!AL$2:AL$366,ROUNDDOWN($C2943/24,0)+1,1))-1)+IF('Standard Profiles'!$G$22=$B$10,7,0)+IF('Standard Profiles'!$G$22=$B$17,14,0)+IF('Standard Profiles'!$G$22=$B$24,21,0),MOD($C2943,24)+1)/SUM(INDEX($D$3:$AA$30,INDEX(Jesper!$R$2:$R$366,ROW(INDEX(Jesper!AL$2:AL$366,ROUNDDOWN($C2943/24,0)+1,1))-1)+IF('Standard Profiles'!$G$22=$B$10,7,0)+IF('Standard Profiles'!$G$22=$B$17,14,0)+IF('Standard Profiles'!$G$22=$B$24,21,0),0)),0)</f>
        <v>0</v>
      </c>
      <c r="I2943">
        <f t="shared" si="335"/>
        <v>0.42141900860720627</v>
      </c>
      <c r="J2943">
        <f t="shared" si="336"/>
        <v>8.1643027389843787</v>
      </c>
      <c r="K2943">
        <f t="shared" si="337"/>
        <v>0.58536752228485744</v>
      </c>
      <c r="L2943">
        <f t="shared" si="338"/>
        <v>0.29268376114242872</v>
      </c>
      <c r="M2943">
        <f t="shared" si="339"/>
        <v>0</v>
      </c>
      <c r="N2943" s="45">
        <f t="shared" si="340"/>
        <v>45048.208333326278</v>
      </c>
    </row>
    <row r="2944" spans="2:14" x14ac:dyDescent="0.25">
      <c r="B2944">
        <f t="shared" si="334"/>
        <v>2</v>
      </c>
      <c r="C2944" s="16">
        <v>2910</v>
      </c>
      <c r="D2944" cm="1">
        <f t="array" ref="D2944">IFERROR(INDEX(Jesper!AH$2:AH$366,ROUNDDOWN($C2944/24,0)+1,1)*INDEX($D$3:$AA$30,INDEX(Jesper!$R$2:$R$366,ROW(INDEX(Jesper!AH$2:AH$366,ROUNDDOWN($C2944/24,0)+1,1))-1)+IF('Standard Profiles'!$G$18=$B$10,7,0)+IF('Standard Profiles'!$G$18=$B$17,14,0)+IF('Standard Profiles'!$G$18=$B$24,21,0),MOD($C2944,24)+1)/SUM(INDEX($D$3:$AA$30,INDEX(Jesper!$R$2:$R$366,ROW(INDEX(Jesper!AH$2:AH$366,ROUNDDOWN($C2944/24,0)+1,1))-1)+IF('Standard Profiles'!$G$18=$B$10,7,0)+IF('Standard Profiles'!$G$18=$B$17,14,0)+IF('Standard Profiles'!$G$18=$B$24,21,0),0)),0)</f>
        <v>5.487820521420538</v>
      </c>
      <c r="E2944" cm="1">
        <f t="array" ref="E2944">IFERROR(INDEX(Jesper!AI$2:AI$366,ROUNDDOWN($C2944/24,0)+1,1)*INDEX($D$3:$AA$30,INDEX(Jesper!$R$2:$R$366,ROW(INDEX(Jesper!AI$2:AI$366,ROUNDDOWN($C2944/24,0)+1,1))-1)+IF('Standard Profiles'!$G$19=$B$10,7,0)+IF('Standard Profiles'!$G$19=$B$17,14,0)+IF('Standard Profiles'!$G$19=$B$24,21,0),MOD($C2944,24)+1)/SUM(INDEX($D$3:$AA$30,INDEX(Jesper!$R$2:$R$366,ROW(INDEX(Jesper!AI$2:AI$366,ROUNDDOWN($C2944/24,0)+1,1))-1)+IF('Standard Profiles'!$G$19=$B$10,7,0)+IF('Standard Profiles'!$G$19=$B$17,14,0)+IF('Standard Profiles'!$G$19=$B$24,21,0),0)),0)</f>
        <v>3.0979962416666531</v>
      </c>
      <c r="F2944" cm="1">
        <f t="array" ref="F2944">IFERROR(INDEX(Jesper!AJ$2:AJ$366,ROUNDDOWN($C2944/24,0)+1,1)*INDEX($D$3:$AA$30,INDEX(Jesper!$R$2:$R$366,ROW(INDEX(Jesper!AJ$2:AJ$366,ROUNDDOWN($C2944/24,0)+1,1))-1)+IF('Standard Profiles'!$G$20=$B$10,7,0)+IF('Standard Profiles'!$G$20=$B$17,14,0)+IF('Standard Profiles'!$G$20=$B$24,21,0),MOD($C2944,24)+1)/SUM(INDEX($D$3:$AA$30,INDEX(Jesper!$R$2:$R$366,ROW(INDEX(Jesper!AJ$2:AJ$366,ROUNDDOWN($C2944/24,0)+1,1))-1)+IF('Standard Profiles'!$G$20=$B$10,7,0)+IF('Standard Profiles'!$G$20=$B$17,14,0)+IF('Standard Profiles'!$G$20=$B$24,21,0),0)),0)</f>
        <v>0</v>
      </c>
      <c r="G2944" cm="1">
        <f t="array" ref="G2944">IFERROR(INDEX(Jesper!AK$2:AK$366,ROUNDDOWN($C2944/24,0)+1,1)*INDEX($D$3:$AA$30,INDEX(Jesper!$R$2:$R$366,ROW(INDEX(Jesper!AK$2:AK$366,ROUNDDOWN($C2944/24,0)+1,1))-1)+IF('Standard Profiles'!$G$21=$B$10,7,0)+IF('Standard Profiles'!$G$21=$B$17,14,0)+IF('Standard Profiles'!$G$21=$B$24,21,0),MOD($C2944,24)+1)/SUM(INDEX($D$3:$AA$30,INDEX(Jesper!$R$2:$R$366,ROW(INDEX(Jesper!AK$2:AK$366,ROUNDDOWN($C2944/24,0)+1,1))-1)+IF('Standard Profiles'!$G$21=$B$10,7,0)+IF('Standard Profiles'!$G$21=$B$17,14,0)+IF('Standard Profiles'!$G$21=$B$24,21,0),0)),0)</f>
        <v>0.87795626793168013</v>
      </c>
      <c r="H2944" cm="1">
        <f t="array" ref="H2944">IFERROR(INDEX(Jesper!AL$2:AL$366,ROUNDDOWN($C2944/24,0)+1,1)*INDEX($D$3:$AA$30,INDEX(Jesper!$R$2:$R$366,ROW(INDEX(Jesper!AL$2:AL$366,ROUNDDOWN($C2944/24,0)+1,1))-1)+IF('Standard Profiles'!$G$22=$B$10,7,0)+IF('Standard Profiles'!$G$22=$B$17,14,0)+IF('Standard Profiles'!$G$22=$B$24,21,0),MOD($C2944,24)+1)/SUM(INDEX($D$3:$AA$30,INDEX(Jesper!$R$2:$R$366,ROW(INDEX(Jesper!AL$2:AL$366,ROUNDDOWN($C2944/24,0)+1,1))-1)+IF('Standard Profiles'!$G$22=$B$10,7,0)+IF('Standard Profiles'!$G$22=$B$17,14,0)+IF('Standard Profiles'!$G$22=$B$24,21,0),0)),0)</f>
        <v>0</v>
      </c>
      <c r="I2944">
        <f t="shared" si="335"/>
        <v>0.42141900860720627</v>
      </c>
      <c r="J2944">
        <f t="shared" si="336"/>
        <v>8.1643027389843787</v>
      </c>
      <c r="K2944">
        <f t="shared" si="337"/>
        <v>0.58536752228485744</v>
      </c>
      <c r="L2944">
        <f t="shared" si="338"/>
        <v>0.29268376114242872</v>
      </c>
      <c r="M2944">
        <f t="shared" si="339"/>
        <v>0</v>
      </c>
      <c r="N2944" s="45">
        <f t="shared" si="340"/>
        <v>45048.249999992942</v>
      </c>
    </row>
    <row r="2945" spans="2:14" x14ac:dyDescent="0.25">
      <c r="B2945">
        <f t="shared" si="334"/>
        <v>2</v>
      </c>
      <c r="C2945" s="16">
        <v>2911</v>
      </c>
      <c r="D2945" cm="1">
        <f t="array" ref="D2945">IFERROR(INDEX(Jesper!AH$2:AH$366,ROUNDDOWN($C2945/24,0)+1,1)*INDEX($D$3:$AA$30,INDEX(Jesper!$R$2:$R$366,ROW(INDEX(Jesper!AH$2:AH$366,ROUNDDOWN($C2945/24,0)+1,1))-1)+IF('Standard Profiles'!$G$18=$B$10,7,0)+IF('Standard Profiles'!$G$18=$B$17,14,0)+IF('Standard Profiles'!$G$18=$B$24,21,0),MOD($C2945,24)+1)/SUM(INDEX($D$3:$AA$30,INDEX(Jesper!$R$2:$R$366,ROW(INDEX(Jesper!AH$2:AH$366,ROUNDDOWN($C2945/24,0)+1,1))-1)+IF('Standard Profiles'!$G$18=$B$10,7,0)+IF('Standard Profiles'!$G$18=$B$17,14,0)+IF('Standard Profiles'!$G$18=$B$24,21,0),0)),0)</f>
        <v>23.134593385613456</v>
      </c>
      <c r="E2945" cm="1">
        <f t="array" ref="E2945">IFERROR(INDEX(Jesper!AI$2:AI$366,ROUNDDOWN($C2945/24,0)+1,1)*INDEX($D$3:$AA$30,INDEX(Jesper!$R$2:$R$366,ROW(INDEX(Jesper!AI$2:AI$366,ROUNDDOWN($C2945/24,0)+1,1))-1)+IF('Standard Profiles'!$G$19=$B$10,7,0)+IF('Standard Profiles'!$G$19=$B$17,14,0)+IF('Standard Profiles'!$G$19=$B$24,21,0),MOD($C2945,24)+1)/SUM(INDEX($D$3:$AA$30,INDEX(Jesper!$R$2:$R$366,ROW(INDEX(Jesper!AI$2:AI$366,ROUNDDOWN($C2945/24,0)+1,1))-1)+IF('Standard Profiles'!$G$19=$B$10,7,0)+IF('Standard Profiles'!$G$19=$B$17,14,0)+IF('Standard Profiles'!$G$19=$B$24,21,0),0)),0)</f>
        <v>13.059990406275983</v>
      </c>
      <c r="F2945" cm="1">
        <f t="array" ref="F2945">IFERROR(INDEX(Jesper!AJ$2:AJ$366,ROUNDDOWN($C2945/24,0)+1,1)*INDEX($D$3:$AA$30,INDEX(Jesper!$R$2:$R$366,ROW(INDEX(Jesper!AJ$2:AJ$366,ROUNDDOWN($C2945/24,0)+1,1))-1)+IF('Standard Profiles'!$G$20=$B$10,7,0)+IF('Standard Profiles'!$G$20=$B$17,14,0)+IF('Standard Profiles'!$G$20=$B$24,21,0),MOD($C2945,24)+1)/SUM(INDEX($D$3:$AA$30,INDEX(Jesper!$R$2:$R$366,ROW(INDEX(Jesper!AJ$2:AJ$366,ROUNDDOWN($C2945/24,0)+1,1))-1)+IF('Standard Profiles'!$G$20=$B$10,7,0)+IF('Standard Profiles'!$G$20=$B$17,14,0)+IF('Standard Profiles'!$G$20=$B$24,21,0),0)),0)</f>
        <v>0</v>
      </c>
      <c r="G2945" cm="1">
        <f t="array" ref="G2945">IFERROR(INDEX(Jesper!AK$2:AK$366,ROUNDDOWN($C2945/24,0)+1,1)*INDEX($D$3:$AA$30,INDEX(Jesper!$R$2:$R$366,ROW(INDEX(Jesper!AK$2:AK$366,ROUNDDOWN($C2945/24,0)+1,1))-1)+IF('Standard Profiles'!$G$21=$B$10,7,0)+IF('Standard Profiles'!$G$21=$B$17,14,0)+IF('Standard Profiles'!$G$21=$B$24,21,0),MOD($C2945,24)+1)/SUM(INDEX($D$3:$AA$30,INDEX(Jesper!$R$2:$R$366,ROW(INDEX(Jesper!AK$2:AK$366,ROUNDDOWN($C2945/24,0)+1,1))-1)+IF('Standard Profiles'!$G$21=$B$10,7,0)+IF('Standard Profiles'!$G$21=$B$17,14,0)+IF('Standard Profiles'!$G$21=$B$24,21,0),0)),0)</f>
        <v>2.529080475041904</v>
      </c>
      <c r="H2945" cm="1">
        <f t="array" ref="H2945">IFERROR(INDEX(Jesper!AL$2:AL$366,ROUNDDOWN($C2945/24,0)+1,1)*INDEX($D$3:$AA$30,INDEX(Jesper!$R$2:$R$366,ROW(INDEX(Jesper!AL$2:AL$366,ROUNDDOWN($C2945/24,0)+1,1))-1)+IF('Standard Profiles'!$G$22=$B$10,7,0)+IF('Standard Profiles'!$G$22=$B$17,14,0)+IF('Standard Profiles'!$G$22=$B$24,21,0),MOD($C2945,24)+1)/SUM(INDEX($D$3:$AA$30,INDEX(Jesper!$R$2:$R$366,ROW(INDEX(Jesper!AL$2:AL$366,ROUNDDOWN($C2945/24,0)+1,1))-1)+IF('Standard Profiles'!$G$22=$B$10,7,0)+IF('Standard Profiles'!$G$22=$B$17,14,0)+IF('Standard Profiles'!$G$22=$B$24,21,0),0)),0)</f>
        <v>0</v>
      </c>
      <c r="I2945">
        <f t="shared" si="335"/>
        <v>1.2139586280201133</v>
      </c>
      <c r="J2945">
        <f t="shared" si="336"/>
        <v>33.808170697213079</v>
      </c>
      <c r="K2945">
        <f t="shared" si="337"/>
        <v>2.4676899611321024</v>
      </c>
      <c r="L2945">
        <f t="shared" si="338"/>
        <v>1.2338449805660512</v>
      </c>
      <c r="M2945">
        <f t="shared" si="339"/>
        <v>0</v>
      </c>
      <c r="N2945" s="45">
        <f t="shared" si="340"/>
        <v>45048.291666659607</v>
      </c>
    </row>
    <row r="2946" spans="2:14" x14ac:dyDescent="0.25">
      <c r="B2946">
        <f t="shared" si="334"/>
        <v>2</v>
      </c>
      <c r="C2946" s="16">
        <v>2912</v>
      </c>
      <c r="D2946" cm="1">
        <f t="array" ref="D2946">IFERROR(INDEX(Jesper!AH$2:AH$366,ROUNDDOWN($C2946/24,0)+1,1)*INDEX($D$3:$AA$30,INDEX(Jesper!$R$2:$R$366,ROW(INDEX(Jesper!AH$2:AH$366,ROUNDDOWN($C2946/24,0)+1,1))-1)+IF('Standard Profiles'!$G$18=$B$10,7,0)+IF('Standard Profiles'!$G$18=$B$17,14,0)+IF('Standard Profiles'!$G$18=$B$24,21,0),MOD($C2946,24)+1)/SUM(INDEX($D$3:$AA$30,INDEX(Jesper!$R$2:$R$366,ROW(INDEX(Jesper!AH$2:AH$366,ROUNDDOWN($C2946/24,0)+1,1))-1)+IF('Standard Profiles'!$G$18=$B$10,7,0)+IF('Standard Profiles'!$G$18=$B$17,14,0)+IF('Standard Profiles'!$G$18=$B$24,21,0),0)),0)</f>
        <v>25.813335777631853</v>
      </c>
      <c r="E2946" cm="1">
        <f t="array" ref="E2946">IFERROR(INDEX(Jesper!AI$2:AI$366,ROUNDDOWN($C2946/24,0)+1,1)*INDEX($D$3:$AA$30,INDEX(Jesper!$R$2:$R$366,ROW(INDEX(Jesper!AI$2:AI$366,ROUNDDOWN($C2946/24,0)+1,1))-1)+IF('Standard Profiles'!$G$19=$B$10,7,0)+IF('Standard Profiles'!$G$19=$B$17,14,0)+IF('Standard Profiles'!$G$19=$B$24,21,0),MOD($C2946,24)+1)/SUM(INDEX($D$3:$AA$30,INDEX(Jesper!$R$2:$R$366,ROW(INDEX(Jesper!AI$2:AI$366,ROUNDDOWN($C2946/24,0)+1,1))-1)+IF('Standard Profiles'!$G$19=$B$10,7,0)+IF('Standard Profiles'!$G$19=$B$17,14,0)+IF('Standard Profiles'!$G$19=$B$24,21,0),0)),0)</f>
        <v>14.572199821739519</v>
      </c>
      <c r="F2946" cm="1">
        <f t="array" ref="F2946">IFERROR(INDEX(Jesper!AJ$2:AJ$366,ROUNDDOWN($C2946/24,0)+1,1)*INDEX($D$3:$AA$30,INDEX(Jesper!$R$2:$R$366,ROW(INDEX(Jesper!AJ$2:AJ$366,ROUNDDOWN($C2946/24,0)+1,1))-1)+IF('Standard Profiles'!$G$20=$B$10,7,0)+IF('Standard Profiles'!$G$20=$B$17,14,0)+IF('Standard Profiles'!$G$20=$B$24,21,0),MOD($C2946,24)+1)/SUM(INDEX($D$3:$AA$30,INDEX(Jesper!$R$2:$R$366,ROW(INDEX(Jesper!AJ$2:AJ$366,ROUNDDOWN($C2946/24,0)+1,1))-1)+IF('Standard Profiles'!$G$20=$B$10,7,0)+IF('Standard Profiles'!$G$20=$B$17,14,0)+IF('Standard Profiles'!$G$20=$B$24,21,0),0)),0)</f>
        <v>0</v>
      </c>
      <c r="G2946" cm="1">
        <f t="array" ref="G2946">IFERROR(INDEX(Jesper!AK$2:AK$366,ROUNDDOWN($C2946/24,0)+1,1)*INDEX($D$3:$AA$30,INDEX(Jesper!$R$2:$R$366,ROW(INDEX(Jesper!AK$2:AK$366,ROUNDDOWN($C2946/24,0)+1,1))-1)+IF('Standard Profiles'!$G$21=$B$10,7,0)+IF('Standard Profiles'!$G$21=$B$17,14,0)+IF('Standard Profiles'!$G$21=$B$24,21,0),MOD($C2946,24)+1)/SUM(INDEX($D$3:$AA$30,INDEX(Jesper!$R$2:$R$366,ROW(INDEX(Jesper!AK$2:AK$366,ROUNDDOWN($C2946/24,0)+1,1))-1)+IF('Standard Profiles'!$G$21=$B$10,7,0)+IF('Standard Profiles'!$G$21=$B$17,14,0)+IF('Standard Profiles'!$G$21=$B$24,21,0),0)),0)</f>
        <v>2.8219213721520195</v>
      </c>
      <c r="H2946" cm="1">
        <f t="array" ref="H2946">IFERROR(INDEX(Jesper!AL$2:AL$366,ROUNDDOWN($C2946/24,0)+1,1)*INDEX($D$3:$AA$30,INDEX(Jesper!$R$2:$R$366,ROW(INDEX(Jesper!AL$2:AL$366,ROUNDDOWN($C2946/24,0)+1,1))-1)+IF('Standard Profiles'!$G$22=$B$10,7,0)+IF('Standard Profiles'!$G$22=$B$17,14,0)+IF('Standard Profiles'!$G$22=$B$24,21,0),MOD($C2946,24)+1)/SUM(INDEX($D$3:$AA$30,INDEX(Jesper!$R$2:$R$366,ROW(INDEX(Jesper!AL$2:AL$366,ROUNDDOWN($C2946/24,0)+1,1))-1)+IF('Standard Profiles'!$G$22=$B$10,7,0)+IF('Standard Profiles'!$G$22=$B$17,14,0)+IF('Standard Profiles'!$G$22=$B$24,21,0),0)),0)</f>
        <v>0</v>
      </c>
      <c r="I2946">
        <f t="shared" si="335"/>
        <v>1.3545222586329686</v>
      </c>
      <c r="J2946">
        <f t="shared" si="336"/>
        <v>37.722800988469324</v>
      </c>
      <c r="K2946">
        <f t="shared" si="337"/>
        <v>2.7534224829473977</v>
      </c>
      <c r="L2946">
        <f t="shared" si="338"/>
        <v>1.3767112414736988</v>
      </c>
      <c r="M2946">
        <f t="shared" si="339"/>
        <v>0</v>
      </c>
      <c r="N2946" s="45">
        <f t="shared" si="340"/>
        <v>45048.333333326271</v>
      </c>
    </row>
    <row r="2947" spans="2:14" x14ac:dyDescent="0.25">
      <c r="B2947">
        <f t="shared" si="334"/>
        <v>2</v>
      </c>
      <c r="C2947" s="16">
        <v>2913</v>
      </c>
      <c r="D2947" cm="1">
        <f t="array" ref="D2947">IFERROR(INDEX(Jesper!AH$2:AH$366,ROUNDDOWN($C2947/24,0)+1,1)*INDEX($D$3:$AA$30,INDEX(Jesper!$R$2:$R$366,ROW(INDEX(Jesper!AH$2:AH$366,ROUNDDOWN($C2947/24,0)+1,1))-1)+IF('Standard Profiles'!$G$18=$B$10,7,0)+IF('Standard Profiles'!$G$18=$B$17,14,0)+IF('Standard Profiles'!$G$18=$B$24,21,0),MOD($C2947,24)+1)/SUM(INDEX($D$3:$AA$30,INDEX(Jesper!$R$2:$R$366,ROW(INDEX(Jesper!AH$2:AH$366,ROUNDDOWN($C2947/24,0)+1,1))-1)+IF('Standard Profiles'!$G$18=$B$10,7,0)+IF('Standard Profiles'!$G$18=$B$17,14,0)+IF('Standard Profiles'!$G$18=$B$24,21,0),0)),0)</f>
        <v>28.492078169650256</v>
      </c>
      <c r="E2947" cm="1">
        <f t="array" ref="E2947">IFERROR(INDEX(Jesper!AI$2:AI$366,ROUNDDOWN($C2947/24,0)+1,1)*INDEX($D$3:$AA$30,INDEX(Jesper!$R$2:$R$366,ROW(INDEX(Jesper!AI$2:AI$366,ROUNDDOWN($C2947/24,0)+1,1))-1)+IF('Standard Profiles'!$G$19=$B$10,7,0)+IF('Standard Profiles'!$G$19=$B$17,14,0)+IF('Standard Profiles'!$G$19=$B$24,21,0),MOD($C2947,24)+1)/SUM(INDEX($D$3:$AA$30,INDEX(Jesper!$R$2:$R$366,ROW(INDEX(Jesper!AI$2:AI$366,ROUNDDOWN($C2947/24,0)+1,1))-1)+IF('Standard Profiles'!$G$19=$B$10,7,0)+IF('Standard Profiles'!$G$19=$B$17,14,0)+IF('Standard Profiles'!$G$19=$B$24,21,0),0)),0)</f>
        <v>16.084409237203054</v>
      </c>
      <c r="F2947" cm="1">
        <f t="array" ref="F2947">IFERROR(INDEX(Jesper!AJ$2:AJ$366,ROUNDDOWN($C2947/24,0)+1,1)*INDEX($D$3:$AA$30,INDEX(Jesper!$R$2:$R$366,ROW(INDEX(Jesper!AJ$2:AJ$366,ROUNDDOWN($C2947/24,0)+1,1))-1)+IF('Standard Profiles'!$G$20=$B$10,7,0)+IF('Standard Profiles'!$G$20=$B$17,14,0)+IF('Standard Profiles'!$G$20=$B$24,21,0),MOD($C2947,24)+1)/SUM(INDEX($D$3:$AA$30,INDEX(Jesper!$R$2:$R$366,ROW(INDEX(Jesper!AJ$2:AJ$366,ROUNDDOWN($C2947/24,0)+1,1))-1)+IF('Standard Profiles'!$G$20=$B$10,7,0)+IF('Standard Profiles'!$G$20=$B$17,14,0)+IF('Standard Profiles'!$G$20=$B$24,21,0),0)),0)</f>
        <v>0</v>
      </c>
      <c r="G2947" cm="1">
        <f t="array" ref="G2947">IFERROR(INDEX(Jesper!AK$2:AK$366,ROUNDDOWN($C2947/24,0)+1,1)*INDEX($D$3:$AA$30,INDEX(Jesper!$R$2:$R$366,ROW(INDEX(Jesper!AK$2:AK$366,ROUNDDOWN($C2947/24,0)+1,1))-1)+IF('Standard Profiles'!$G$21=$B$10,7,0)+IF('Standard Profiles'!$G$21=$B$17,14,0)+IF('Standard Profiles'!$G$21=$B$24,21,0),MOD($C2947,24)+1)/SUM(INDEX($D$3:$AA$30,INDEX(Jesper!$R$2:$R$366,ROW(INDEX(Jesper!AK$2:AK$366,ROUNDDOWN($C2947/24,0)+1,1))-1)+IF('Standard Profiles'!$G$21=$B$10,7,0)+IF('Standard Profiles'!$G$21=$B$17,14,0)+IF('Standard Profiles'!$G$21=$B$24,21,0),0)),0)</f>
        <v>3.1147622692621351</v>
      </c>
      <c r="H2947" cm="1">
        <f t="array" ref="H2947">IFERROR(INDEX(Jesper!AL$2:AL$366,ROUNDDOWN($C2947/24,0)+1,1)*INDEX($D$3:$AA$30,INDEX(Jesper!$R$2:$R$366,ROW(INDEX(Jesper!AL$2:AL$366,ROUNDDOWN($C2947/24,0)+1,1))-1)+IF('Standard Profiles'!$G$22=$B$10,7,0)+IF('Standard Profiles'!$G$22=$B$17,14,0)+IF('Standard Profiles'!$G$22=$B$24,21,0),MOD($C2947,24)+1)/SUM(INDEX($D$3:$AA$30,INDEX(Jesper!$R$2:$R$366,ROW(INDEX(Jesper!AL$2:AL$366,ROUNDDOWN($C2947/24,0)+1,1))-1)+IF('Standard Profiles'!$G$22=$B$10,7,0)+IF('Standard Profiles'!$G$22=$B$17,14,0)+IF('Standard Profiles'!$G$22=$B$24,21,0),0)),0)</f>
        <v>0</v>
      </c>
      <c r="I2947">
        <f t="shared" si="335"/>
        <v>1.4950858892458241</v>
      </c>
      <c r="J2947">
        <f t="shared" si="336"/>
        <v>41.637431279725575</v>
      </c>
      <c r="K2947">
        <f t="shared" si="337"/>
        <v>3.0391550047626943</v>
      </c>
      <c r="L2947">
        <f t="shared" si="338"/>
        <v>1.5195775023813471</v>
      </c>
      <c r="M2947">
        <f t="shared" si="339"/>
        <v>0</v>
      </c>
      <c r="N2947" s="45">
        <f t="shared" si="340"/>
        <v>45048.374999992935</v>
      </c>
    </row>
    <row r="2948" spans="2:14" x14ac:dyDescent="0.25">
      <c r="B2948">
        <f t="shared" si="334"/>
        <v>2</v>
      </c>
      <c r="C2948" s="16">
        <v>2914</v>
      </c>
      <c r="D2948" cm="1">
        <f t="array" ref="D2948">IFERROR(INDEX(Jesper!AH$2:AH$366,ROUNDDOWN($C2948/24,0)+1,1)*INDEX($D$3:$AA$30,INDEX(Jesper!$R$2:$R$366,ROW(INDEX(Jesper!AH$2:AH$366,ROUNDDOWN($C2948/24,0)+1,1))-1)+IF('Standard Profiles'!$G$18=$B$10,7,0)+IF('Standard Profiles'!$G$18=$B$17,14,0)+IF('Standard Profiles'!$G$18=$B$24,21,0),MOD($C2948,24)+1)/SUM(INDEX($D$3:$AA$30,INDEX(Jesper!$R$2:$R$366,ROW(INDEX(Jesper!AH$2:AH$366,ROUNDDOWN($C2948/24,0)+1,1))-1)+IF('Standard Profiles'!$G$18=$B$10,7,0)+IF('Standard Profiles'!$G$18=$B$17,14,0)+IF('Standard Profiles'!$G$18=$B$24,21,0),0)),0)</f>
        <v>28.492078169650256</v>
      </c>
      <c r="E2948" cm="1">
        <f t="array" ref="E2948">IFERROR(INDEX(Jesper!AI$2:AI$366,ROUNDDOWN($C2948/24,0)+1,1)*INDEX($D$3:$AA$30,INDEX(Jesper!$R$2:$R$366,ROW(INDEX(Jesper!AI$2:AI$366,ROUNDDOWN($C2948/24,0)+1,1))-1)+IF('Standard Profiles'!$G$19=$B$10,7,0)+IF('Standard Profiles'!$G$19=$B$17,14,0)+IF('Standard Profiles'!$G$19=$B$24,21,0),MOD($C2948,24)+1)/SUM(INDEX($D$3:$AA$30,INDEX(Jesper!$R$2:$R$366,ROW(INDEX(Jesper!AI$2:AI$366,ROUNDDOWN($C2948/24,0)+1,1))-1)+IF('Standard Profiles'!$G$19=$B$10,7,0)+IF('Standard Profiles'!$G$19=$B$17,14,0)+IF('Standard Profiles'!$G$19=$B$24,21,0),0)),0)</f>
        <v>16.084409237203054</v>
      </c>
      <c r="F2948" cm="1">
        <f t="array" ref="F2948">IFERROR(INDEX(Jesper!AJ$2:AJ$366,ROUNDDOWN($C2948/24,0)+1,1)*INDEX($D$3:$AA$30,INDEX(Jesper!$R$2:$R$366,ROW(INDEX(Jesper!AJ$2:AJ$366,ROUNDDOWN($C2948/24,0)+1,1))-1)+IF('Standard Profiles'!$G$20=$B$10,7,0)+IF('Standard Profiles'!$G$20=$B$17,14,0)+IF('Standard Profiles'!$G$20=$B$24,21,0),MOD($C2948,24)+1)/SUM(INDEX($D$3:$AA$30,INDEX(Jesper!$R$2:$R$366,ROW(INDEX(Jesper!AJ$2:AJ$366,ROUNDDOWN($C2948/24,0)+1,1))-1)+IF('Standard Profiles'!$G$20=$B$10,7,0)+IF('Standard Profiles'!$G$20=$B$17,14,0)+IF('Standard Profiles'!$G$20=$B$24,21,0),0)),0)</f>
        <v>0</v>
      </c>
      <c r="G2948" cm="1">
        <f t="array" ref="G2948">IFERROR(INDEX(Jesper!AK$2:AK$366,ROUNDDOWN($C2948/24,0)+1,1)*INDEX($D$3:$AA$30,INDEX(Jesper!$R$2:$R$366,ROW(INDEX(Jesper!AK$2:AK$366,ROUNDDOWN($C2948/24,0)+1,1))-1)+IF('Standard Profiles'!$G$21=$B$10,7,0)+IF('Standard Profiles'!$G$21=$B$17,14,0)+IF('Standard Profiles'!$G$21=$B$24,21,0),MOD($C2948,24)+1)/SUM(INDEX($D$3:$AA$30,INDEX(Jesper!$R$2:$R$366,ROW(INDEX(Jesper!AK$2:AK$366,ROUNDDOWN($C2948/24,0)+1,1))-1)+IF('Standard Profiles'!$G$21=$B$10,7,0)+IF('Standard Profiles'!$G$21=$B$17,14,0)+IF('Standard Profiles'!$G$21=$B$24,21,0),0)),0)</f>
        <v>3.1147622692621351</v>
      </c>
      <c r="H2948" cm="1">
        <f t="array" ref="H2948">IFERROR(INDEX(Jesper!AL$2:AL$366,ROUNDDOWN($C2948/24,0)+1,1)*INDEX($D$3:$AA$30,INDEX(Jesper!$R$2:$R$366,ROW(INDEX(Jesper!AL$2:AL$366,ROUNDDOWN($C2948/24,0)+1,1))-1)+IF('Standard Profiles'!$G$22=$B$10,7,0)+IF('Standard Profiles'!$G$22=$B$17,14,0)+IF('Standard Profiles'!$G$22=$B$24,21,0),MOD($C2948,24)+1)/SUM(INDEX($D$3:$AA$30,INDEX(Jesper!$R$2:$R$366,ROW(INDEX(Jesper!AL$2:AL$366,ROUNDDOWN($C2948/24,0)+1,1))-1)+IF('Standard Profiles'!$G$22=$B$10,7,0)+IF('Standard Profiles'!$G$22=$B$17,14,0)+IF('Standard Profiles'!$G$22=$B$24,21,0),0)),0)</f>
        <v>0</v>
      </c>
      <c r="I2948">
        <f t="shared" si="335"/>
        <v>1.4950858892458241</v>
      </c>
      <c r="J2948">
        <f t="shared" si="336"/>
        <v>41.637431279725575</v>
      </c>
      <c r="K2948">
        <f t="shared" si="337"/>
        <v>3.0391550047626943</v>
      </c>
      <c r="L2948">
        <f t="shared" si="338"/>
        <v>1.5195775023813471</v>
      </c>
      <c r="M2948">
        <f t="shared" si="339"/>
        <v>0</v>
      </c>
      <c r="N2948" s="45">
        <f t="shared" si="340"/>
        <v>45048.416666659599</v>
      </c>
    </row>
    <row r="2949" spans="2:14" x14ac:dyDescent="0.25">
      <c r="B2949">
        <f t="shared" si="334"/>
        <v>2</v>
      </c>
      <c r="C2949" s="16">
        <v>2915</v>
      </c>
      <c r="D2949" cm="1">
        <f t="array" ref="D2949">IFERROR(INDEX(Jesper!AH$2:AH$366,ROUNDDOWN($C2949/24,0)+1,1)*INDEX($D$3:$AA$30,INDEX(Jesper!$R$2:$R$366,ROW(INDEX(Jesper!AH$2:AH$366,ROUNDDOWN($C2949/24,0)+1,1))-1)+IF('Standard Profiles'!$G$18=$B$10,7,0)+IF('Standard Profiles'!$G$18=$B$17,14,0)+IF('Standard Profiles'!$G$18=$B$24,21,0),MOD($C2949,24)+1)/SUM(INDEX($D$3:$AA$30,INDEX(Jesper!$R$2:$R$366,ROW(INDEX(Jesper!AH$2:AH$366,ROUNDDOWN($C2949/24,0)+1,1))-1)+IF('Standard Profiles'!$G$18=$B$10,7,0)+IF('Standard Profiles'!$G$18=$B$17,14,0)+IF('Standard Profiles'!$G$18=$B$24,21,0),0)),0)</f>
        <v>34.093084989325085</v>
      </c>
      <c r="E2949" cm="1">
        <f t="array" ref="E2949">IFERROR(INDEX(Jesper!AI$2:AI$366,ROUNDDOWN($C2949/24,0)+1,1)*INDEX($D$3:$AA$30,INDEX(Jesper!$R$2:$R$366,ROW(INDEX(Jesper!AI$2:AI$366,ROUNDDOWN($C2949/24,0)+1,1))-1)+IF('Standard Profiles'!$G$19=$B$10,7,0)+IF('Standard Profiles'!$G$19=$B$17,14,0)+IF('Standard Profiles'!$G$19=$B$24,21,0),MOD($C2949,24)+1)/SUM(INDEX($D$3:$AA$30,INDEX(Jesper!$R$2:$R$366,ROW(INDEX(Jesper!AI$2:AI$366,ROUNDDOWN($C2949/24,0)+1,1))-1)+IF('Standard Profiles'!$G$19=$B$10,7,0)+IF('Standard Profiles'!$G$19=$B$17,14,0)+IF('Standard Profiles'!$G$19=$B$24,21,0),0)),0)</f>
        <v>19.246301651354081</v>
      </c>
      <c r="F2949" cm="1">
        <f t="array" ref="F2949">IFERROR(INDEX(Jesper!AJ$2:AJ$366,ROUNDDOWN($C2949/24,0)+1,1)*INDEX($D$3:$AA$30,INDEX(Jesper!$R$2:$R$366,ROW(INDEX(Jesper!AJ$2:AJ$366,ROUNDDOWN($C2949/24,0)+1,1))-1)+IF('Standard Profiles'!$G$20=$B$10,7,0)+IF('Standard Profiles'!$G$20=$B$17,14,0)+IF('Standard Profiles'!$G$20=$B$24,21,0),MOD($C2949,24)+1)/SUM(INDEX($D$3:$AA$30,INDEX(Jesper!$R$2:$R$366,ROW(INDEX(Jesper!AJ$2:AJ$366,ROUNDDOWN($C2949/24,0)+1,1))-1)+IF('Standard Profiles'!$G$20=$B$10,7,0)+IF('Standard Profiles'!$G$20=$B$17,14,0)+IF('Standard Profiles'!$G$20=$B$24,21,0),0)),0)</f>
        <v>0</v>
      </c>
      <c r="G2949" cm="1">
        <f t="array" ref="G2949">IFERROR(INDEX(Jesper!AK$2:AK$366,ROUNDDOWN($C2949/24,0)+1,1)*INDEX($D$3:$AA$30,INDEX(Jesper!$R$2:$R$366,ROW(INDEX(Jesper!AK$2:AK$366,ROUNDDOWN($C2949/24,0)+1,1))-1)+IF('Standard Profiles'!$G$21=$B$10,7,0)+IF('Standard Profiles'!$G$21=$B$17,14,0)+IF('Standard Profiles'!$G$21=$B$24,21,0),MOD($C2949,24)+1)/SUM(INDEX($D$3:$AA$30,INDEX(Jesper!$R$2:$R$366,ROW(INDEX(Jesper!AK$2:AK$366,ROUNDDOWN($C2949/24,0)+1,1))-1)+IF('Standard Profiles'!$G$21=$B$10,7,0)+IF('Standard Profiles'!$G$21=$B$17,14,0)+IF('Standard Profiles'!$G$21=$B$24,21,0),0)),0)</f>
        <v>3.727065963219649</v>
      </c>
      <c r="H2949" cm="1">
        <f t="array" ref="H2949">IFERROR(INDEX(Jesper!AL$2:AL$366,ROUNDDOWN($C2949/24,0)+1,1)*INDEX($D$3:$AA$30,INDEX(Jesper!$R$2:$R$366,ROW(INDEX(Jesper!AL$2:AL$366,ROUNDDOWN($C2949/24,0)+1,1))-1)+IF('Standard Profiles'!$G$22=$B$10,7,0)+IF('Standard Profiles'!$G$22=$B$17,14,0)+IF('Standard Profiles'!$G$22=$B$24,21,0),MOD($C2949,24)+1)/SUM(INDEX($D$3:$AA$30,INDEX(Jesper!$R$2:$R$366,ROW(INDEX(Jesper!AL$2:AL$366,ROUNDDOWN($C2949/24,0)+1,1))-1)+IF('Standard Profiles'!$G$22=$B$10,7,0)+IF('Standard Profiles'!$G$22=$B$17,14,0)+IF('Standard Profiles'!$G$22=$B$24,21,0),0)),0)</f>
        <v>0</v>
      </c>
      <c r="I2949">
        <f t="shared" si="335"/>
        <v>1.7889916623454307</v>
      </c>
      <c r="J2949">
        <f t="shared" si="336"/>
        <v>49.822567343261369</v>
      </c>
      <c r="K2949">
        <f t="shared" si="337"/>
        <v>3.6365957321946758</v>
      </c>
      <c r="L2949">
        <f t="shared" si="338"/>
        <v>1.8182978660973379</v>
      </c>
      <c r="M2949">
        <f t="shared" si="339"/>
        <v>0</v>
      </c>
      <c r="N2949" s="45">
        <f t="shared" si="340"/>
        <v>45048.458333326264</v>
      </c>
    </row>
    <row r="2950" spans="2:14" x14ac:dyDescent="0.25">
      <c r="B2950">
        <f t="shared" si="334"/>
        <v>2</v>
      </c>
      <c r="C2950" s="16">
        <v>2916</v>
      </c>
      <c r="D2950" cm="1">
        <f t="array" ref="D2950">IFERROR(INDEX(Jesper!AH$2:AH$366,ROUNDDOWN($C2950/24,0)+1,1)*INDEX($D$3:$AA$30,INDEX(Jesper!$R$2:$R$366,ROW(INDEX(Jesper!AH$2:AH$366,ROUNDDOWN($C2950/24,0)+1,1))-1)+IF('Standard Profiles'!$G$18=$B$10,7,0)+IF('Standard Profiles'!$G$18=$B$17,14,0)+IF('Standard Profiles'!$G$18=$B$24,21,0),MOD($C2950,24)+1)/SUM(INDEX($D$3:$AA$30,INDEX(Jesper!$R$2:$R$366,ROW(INDEX(Jesper!AH$2:AH$366,ROUNDDOWN($C2950/24,0)+1,1))-1)+IF('Standard Profiles'!$G$18=$B$10,7,0)+IF('Standard Profiles'!$G$18=$B$17,14,0)+IF('Standard Profiles'!$G$18=$B$24,21,0),0)),0)</f>
        <v>34.093084989325085</v>
      </c>
      <c r="E2950" cm="1">
        <f t="array" ref="E2950">IFERROR(INDEX(Jesper!AI$2:AI$366,ROUNDDOWN($C2950/24,0)+1,1)*INDEX($D$3:$AA$30,INDEX(Jesper!$R$2:$R$366,ROW(INDEX(Jesper!AI$2:AI$366,ROUNDDOWN($C2950/24,0)+1,1))-1)+IF('Standard Profiles'!$G$19=$B$10,7,0)+IF('Standard Profiles'!$G$19=$B$17,14,0)+IF('Standard Profiles'!$G$19=$B$24,21,0),MOD($C2950,24)+1)/SUM(INDEX($D$3:$AA$30,INDEX(Jesper!$R$2:$R$366,ROW(INDEX(Jesper!AI$2:AI$366,ROUNDDOWN($C2950/24,0)+1,1))-1)+IF('Standard Profiles'!$G$19=$B$10,7,0)+IF('Standard Profiles'!$G$19=$B$17,14,0)+IF('Standard Profiles'!$G$19=$B$24,21,0),0)),0)</f>
        <v>19.246301651354081</v>
      </c>
      <c r="F2950" cm="1">
        <f t="array" ref="F2950">IFERROR(INDEX(Jesper!AJ$2:AJ$366,ROUNDDOWN($C2950/24,0)+1,1)*INDEX($D$3:$AA$30,INDEX(Jesper!$R$2:$R$366,ROW(INDEX(Jesper!AJ$2:AJ$366,ROUNDDOWN($C2950/24,0)+1,1))-1)+IF('Standard Profiles'!$G$20=$B$10,7,0)+IF('Standard Profiles'!$G$20=$B$17,14,0)+IF('Standard Profiles'!$G$20=$B$24,21,0),MOD($C2950,24)+1)/SUM(INDEX($D$3:$AA$30,INDEX(Jesper!$R$2:$R$366,ROW(INDEX(Jesper!AJ$2:AJ$366,ROUNDDOWN($C2950/24,0)+1,1))-1)+IF('Standard Profiles'!$G$20=$B$10,7,0)+IF('Standard Profiles'!$G$20=$B$17,14,0)+IF('Standard Profiles'!$G$20=$B$24,21,0),0)),0)</f>
        <v>0</v>
      </c>
      <c r="G2950" cm="1">
        <f t="array" ref="G2950">IFERROR(INDEX(Jesper!AK$2:AK$366,ROUNDDOWN($C2950/24,0)+1,1)*INDEX($D$3:$AA$30,INDEX(Jesper!$R$2:$R$366,ROW(INDEX(Jesper!AK$2:AK$366,ROUNDDOWN($C2950/24,0)+1,1))-1)+IF('Standard Profiles'!$G$21=$B$10,7,0)+IF('Standard Profiles'!$G$21=$B$17,14,0)+IF('Standard Profiles'!$G$21=$B$24,21,0),MOD($C2950,24)+1)/SUM(INDEX($D$3:$AA$30,INDEX(Jesper!$R$2:$R$366,ROW(INDEX(Jesper!AK$2:AK$366,ROUNDDOWN($C2950/24,0)+1,1))-1)+IF('Standard Profiles'!$G$21=$B$10,7,0)+IF('Standard Profiles'!$G$21=$B$17,14,0)+IF('Standard Profiles'!$G$21=$B$24,21,0),0)),0)</f>
        <v>3.727065963219649</v>
      </c>
      <c r="H2950" cm="1">
        <f t="array" ref="H2950">IFERROR(INDEX(Jesper!AL$2:AL$366,ROUNDDOWN($C2950/24,0)+1,1)*INDEX($D$3:$AA$30,INDEX(Jesper!$R$2:$R$366,ROW(INDEX(Jesper!AL$2:AL$366,ROUNDDOWN($C2950/24,0)+1,1))-1)+IF('Standard Profiles'!$G$22=$B$10,7,0)+IF('Standard Profiles'!$G$22=$B$17,14,0)+IF('Standard Profiles'!$G$22=$B$24,21,0),MOD($C2950,24)+1)/SUM(INDEX($D$3:$AA$30,INDEX(Jesper!$R$2:$R$366,ROW(INDEX(Jesper!AL$2:AL$366,ROUNDDOWN($C2950/24,0)+1,1))-1)+IF('Standard Profiles'!$G$22=$B$10,7,0)+IF('Standard Profiles'!$G$22=$B$17,14,0)+IF('Standard Profiles'!$G$22=$B$24,21,0),0)),0)</f>
        <v>0</v>
      </c>
      <c r="I2950">
        <f t="shared" si="335"/>
        <v>1.7889916623454307</v>
      </c>
      <c r="J2950">
        <f t="shared" si="336"/>
        <v>49.822567343261369</v>
      </c>
      <c r="K2950">
        <f t="shared" si="337"/>
        <v>3.6365957321946758</v>
      </c>
      <c r="L2950">
        <f t="shared" si="338"/>
        <v>1.8182978660973379</v>
      </c>
      <c r="M2950">
        <f t="shared" si="339"/>
        <v>0</v>
      </c>
      <c r="N2950" s="45">
        <f t="shared" si="340"/>
        <v>45048.499999992928</v>
      </c>
    </row>
    <row r="2951" spans="2:14" x14ac:dyDescent="0.25">
      <c r="B2951">
        <f t="shared" si="334"/>
        <v>2</v>
      </c>
      <c r="C2951" s="16">
        <v>2917</v>
      </c>
      <c r="D2951" cm="1">
        <f t="array" ref="D2951">IFERROR(INDEX(Jesper!AH$2:AH$366,ROUNDDOWN($C2951/24,0)+1,1)*INDEX($D$3:$AA$30,INDEX(Jesper!$R$2:$R$366,ROW(INDEX(Jesper!AH$2:AH$366,ROUNDDOWN($C2951/24,0)+1,1))-1)+IF('Standard Profiles'!$G$18=$B$10,7,0)+IF('Standard Profiles'!$G$18=$B$17,14,0)+IF('Standard Profiles'!$G$18=$B$24,21,0),MOD($C2951,24)+1)/SUM(INDEX($D$3:$AA$30,INDEX(Jesper!$R$2:$R$366,ROW(INDEX(Jesper!AH$2:AH$366,ROUNDDOWN($C2951/24,0)+1,1))-1)+IF('Standard Profiles'!$G$18=$B$10,7,0)+IF('Standard Profiles'!$G$18=$B$17,14,0)+IF('Standard Profiles'!$G$18=$B$24,21,0),0)),0)</f>
        <v>22.647549314337382</v>
      </c>
      <c r="E2951" cm="1">
        <f t="array" ref="E2951">IFERROR(INDEX(Jesper!AI$2:AI$366,ROUNDDOWN($C2951/24,0)+1,1)*INDEX($D$3:$AA$30,INDEX(Jesper!$R$2:$R$366,ROW(INDEX(Jesper!AI$2:AI$366,ROUNDDOWN($C2951/24,0)+1,1))-1)+IF('Standard Profiles'!$G$19=$B$10,7,0)+IF('Standard Profiles'!$G$19=$B$17,14,0)+IF('Standard Profiles'!$G$19=$B$24,21,0),MOD($C2951,24)+1)/SUM(INDEX($D$3:$AA$30,INDEX(Jesper!$R$2:$R$366,ROW(INDEX(Jesper!AI$2:AI$366,ROUNDDOWN($C2951/24,0)+1,1))-1)+IF('Standard Profiles'!$G$19=$B$10,7,0)+IF('Standard Profiles'!$G$19=$B$17,14,0)+IF('Standard Profiles'!$G$19=$B$24,21,0),0)),0)</f>
        <v>12.785043239828068</v>
      </c>
      <c r="F2951" cm="1">
        <f t="array" ref="F2951">IFERROR(INDEX(Jesper!AJ$2:AJ$366,ROUNDDOWN($C2951/24,0)+1,1)*INDEX($D$3:$AA$30,INDEX(Jesper!$R$2:$R$366,ROW(INDEX(Jesper!AJ$2:AJ$366,ROUNDDOWN($C2951/24,0)+1,1))-1)+IF('Standard Profiles'!$G$20=$B$10,7,0)+IF('Standard Profiles'!$G$20=$B$17,14,0)+IF('Standard Profiles'!$G$20=$B$24,21,0),MOD($C2951,24)+1)/SUM(INDEX($D$3:$AA$30,INDEX(Jesper!$R$2:$R$366,ROW(INDEX(Jesper!AJ$2:AJ$366,ROUNDDOWN($C2951/24,0)+1,1))-1)+IF('Standard Profiles'!$G$20=$B$10,7,0)+IF('Standard Profiles'!$G$20=$B$17,14,0)+IF('Standard Profiles'!$G$20=$B$24,21,0),0)),0)</f>
        <v>0</v>
      </c>
      <c r="G2951" cm="1">
        <f t="array" ref="G2951">IFERROR(INDEX(Jesper!AK$2:AK$366,ROUNDDOWN($C2951/24,0)+1,1)*INDEX($D$3:$AA$30,INDEX(Jesper!$R$2:$R$366,ROW(INDEX(Jesper!AK$2:AK$366,ROUNDDOWN($C2951/24,0)+1,1))-1)+IF('Standard Profiles'!$G$21=$B$10,7,0)+IF('Standard Profiles'!$G$21=$B$17,14,0)+IF('Standard Profiles'!$G$21=$B$24,21,0),MOD($C2951,24)+1)/SUM(INDEX($D$3:$AA$30,INDEX(Jesper!$R$2:$R$366,ROW(INDEX(Jesper!AK$2:AK$366,ROUNDDOWN($C2951/24,0)+1,1))-1)+IF('Standard Profiles'!$G$21=$B$10,7,0)+IF('Standard Profiles'!$G$21=$B$17,14,0)+IF('Standard Profiles'!$G$21=$B$24,21,0),0)),0)</f>
        <v>2.4758366755673373</v>
      </c>
      <c r="H2951" cm="1">
        <f t="array" ref="H2951">IFERROR(INDEX(Jesper!AL$2:AL$366,ROUNDDOWN($C2951/24,0)+1,1)*INDEX($D$3:$AA$30,INDEX(Jesper!$R$2:$R$366,ROW(INDEX(Jesper!AL$2:AL$366,ROUNDDOWN($C2951/24,0)+1,1))-1)+IF('Standard Profiles'!$G$22=$B$10,7,0)+IF('Standard Profiles'!$G$22=$B$17,14,0)+IF('Standard Profiles'!$G$22=$B$24,21,0),MOD($C2951,24)+1)/SUM(INDEX($D$3:$AA$30,INDEX(Jesper!$R$2:$R$366,ROW(INDEX(Jesper!AL$2:AL$366,ROUNDDOWN($C2951/24,0)+1,1))-1)+IF('Standard Profiles'!$G$22=$B$10,7,0)+IF('Standard Profiles'!$G$22=$B$17,14,0)+IF('Standard Profiles'!$G$22=$B$24,21,0),0)),0)</f>
        <v>0</v>
      </c>
      <c r="I2951">
        <f t="shared" si="335"/>
        <v>1.1884016042723213</v>
      </c>
      <c r="J2951">
        <f t="shared" si="336"/>
        <v>33.096419735166485</v>
      </c>
      <c r="K2951">
        <f t="shared" si="337"/>
        <v>2.415738593529321</v>
      </c>
      <c r="L2951">
        <f t="shared" si="338"/>
        <v>1.2078692967646605</v>
      </c>
      <c r="M2951">
        <f t="shared" si="339"/>
        <v>0</v>
      </c>
      <c r="N2951" s="45">
        <f t="shared" si="340"/>
        <v>45048.541666659592</v>
      </c>
    </row>
    <row r="2952" spans="2:14" x14ac:dyDescent="0.25">
      <c r="B2952">
        <f t="shared" si="334"/>
        <v>2</v>
      </c>
      <c r="C2952" s="16">
        <v>2918</v>
      </c>
      <c r="D2952" cm="1">
        <f t="array" ref="D2952">IFERROR(INDEX(Jesper!AH$2:AH$366,ROUNDDOWN($C2952/24,0)+1,1)*INDEX($D$3:$AA$30,INDEX(Jesper!$R$2:$R$366,ROW(INDEX(Jesper!AH$2:AH$366,ROUNDDOWN($C2952/24,0)+1,1))-1)+IF('Standard Profiles'!$G$18=$B$10,7,0)+IF('Standard Profiles'!$G$18=$B$17,14,0)+IF('Standard Profiles'!$G$18=$B$24,21,0),MOD($C2952,24)+1)/SUM(INDEX($D$3:$AA$30,INDEX(Jesper!$R$2:$R$366,ROW(INDEX(Jesper!AH$2:AH$366,ROUNDDOWN($C2952/24,0)+1,1))-1)+IF('Standard Profiles'!$G$18=$B$10,7,0)+IF('Standard Profiles'!$G$18=$B$17,14,0)+IF('Standard Profiles'!$G$18=$B$24,21,0),0)),0)</f>
        <v>34.093084989325085</v>
      </c>
      <c r="E2952" cm="1">
        <f t="array" ref="E2952">IFERROR(INDEX(Jesper!AI$2:AI$366,ROUNDDOWN($C2952/24,0)+1,1)*INDEX($D$3:$AA$30,INDEX(Jesper!$R$2:$R$366,ROW(INDEX(Jesper!AI$2:AI$366,ROUNDDOWN($C2952/24,0)+1,1))-1)+IF('Standard Profiles'!$G$19=$B$10,7,0)+IF('Standard Profiles'!$G$19=$B$17,14,0)+IF('Standard Profiles'!$G$19=$B$24,21,0),MOD($C2952,24)+1)/SUM(INDEX($D$3:$AA$30,INDEX(Jesper!$R$2:$R$366,ROW(INDEX(Jesper!AI$2:AI$366,ROUNDDOWN($C2952/24,0)+1,1))-1)+IF('Standard Profiles'!$G$19=$B$10,7,0)+IF('Standard Profiles'!$G$19=$B$17,14,0)+IF('Standard Profiles'!$G$19=$B$24,21,0),0)),0)</f>
        <v>19.246301651354081</v>
      </c>
      <c r="F2952" cm="1">
        <f t="array" ref="F2952">IFERROR(INDEX(Jesper!AJ$2:AJ$366,ROUNDDOWN($C2952/24,0)+1,1)*INDEX($D$3:$AA$30,INDEX(Jesper!$R$2:$R$366,ROW(INDEX(Jesper!AJ$2:AJ$366,ROUNDDOWN($C2952/24,0)+1,1))-1)+IF('Standard Profiles'!$G$20=$B$10,7,0)+IF('Standard Profiles'!$G$20=$B$17,14,0)+IF('Standard Profiles'!$G$20=$B$24,21,0),MOD($C2952,24)+1)/SUM(INDEX($D$3:$AA$30,INDEX(Jesper!$R$2:$R$366,ROW(INDEX(Jesper!AJ$2:AJ$366,ROUNDDOWN($C2952/24,0)+1,1))-1)+IF('Standard Profiles'!$G$20=$B$10,7,0)+IF('Standard Profiles'!$G$20=$B$17,14,0)+IF('Standard Profiles'!$G$20=$B$24,21,0),0)),0)</f>
        <v>0</v>
      </c>
      <c r="G2952" cm="1">
        <f t="array" ref="G2952">IFERROR(INDEX(Jesper!AK$2:AK$366,ROUNDDOWN($C2952/24,0)+1,1)*INDEX($D$3:$AA$30,INDEX(Jesper!$R$2:$R$366,ROW(INDEX(Jesper!AK$2:AK$366,ROUNDDOWN($C2952/24,0)+1,1))-1)+IF('Standard Profiles'!$G$21=$B$10,7,0)+IF('Standard Profiles'!$G$21=$B$17,14,0)+IF('Standard Profiles'!$G$21=$B$24,21,0),MOD($C2952,24)+1)/SUM(INDEX($D$3:$AA$30,INDEX(Jesper!$R$2:$R$366,ROW(INDEX(Jesper!AK$2:AK$366,ROUNDDOWN($C2952/24,0)+1,1))-1)+IF('Standard Profiles'!$G$21=$B$10,7,0)+IF('Standard Profiles'!$G$21=$B$17,14,0)+IF('Standard Profiles'!$G$21=$B$24,21,0),0)),0)</f>
        <v>3.727065963219649</v>
      </c>
      <c r="H2952" cm="1">
        <f t="array" ref="H2952">IFERROR(INDEX(Jesper!AL$2:AL$366,ROUNDDOWN($C2952/24,0)+1,1)*INDEX($D$3:$AA$30,INDEX(Jesper!$R$2:$R$366,ROW(INDEX(Jesper!AL$2:AL$366,ROUNDDOWN($C2952/24,0)+1,1))-1)+IF('Standard Profiles'!$G$22=$B$10,7,0)+IF('Standard Profiles'!$G$22=$B$17,14,0)+IF('Standard Profiles'!$G$22=$B$24,21,0),MOD($C2952,24)+1)/SUM(INDEX($D$3:$AA$30,INDEX(Jesper!$R$2:$R$366,ROW(INDEX(Jesper!AL$2:AL$366,ROUNDDOWN($C2952/24,0)+1,1))-1)+IF('Standard Profiles'!$G$22=$B$10,7,0)+IF('Standard Profiles'!$G$22=$B$17,14,0)+IF('Standard Profiles'!$G$22=$B$24,21,0),0)),0)</f>
        <v>0</v>
      </c>
      <c r="I2952">
        <f t="shared" si="335"/>
        <v>1.7889916623454307</v>
      </c>
      <c r="J2952">
        <f t="shared" si="336"/>
        <v>49.822567343261369</v>
      </c>
      <c r="K2952">
        <f t="shared" si="337"/>
        <v>3.6365957321946758</v>
      </c>
      <c r="L2952">
        <f t="shared" si="338"/>
        <v>1.8182978660973379</v>
      </c>
      <c r="M2952">
        <f t="shared" si="339"/>
        <v>0</v>
      </c>
      <c r="N2952" s="45">
        <f t="shared" si="340"/>
        <v>45048.583333326256</v>
      </c>
    </row>
    <row r="2953" spans="2:14" x14ac:dyDescent="0.25">
      <c r="B2953">
        <f t="shared" si="334"/>
        <v>2</v>
      </c>
      <c r="C2953" s="16">
        <v>2919</v>
      </c>
      <c r="D2953" cm="1">
        <f t="array" ref="D2953">IFERROR(INDEX(Jesper!AH$2:AH$366,ROUNDDOWN($C2953/24,0)+1,1)*INDEX($D$3:$AA$30,INDEX(Jesper!$R$2:$R$366,ROW(INDEX(Jesper!AH$2:AH$366,ROUNDDOWN($C2953/24,0)+1,1))-1)+IF('Standard Profiles'!$G$18=$B$10,7,0)+IF('Standard Profiles'!$G$18=$B$17,14,0)+IF('Standard Profiles'!$G$18=$B$24,21,0),MOD($C2953,24)+1)/SUM(INDEX($D$3:$AA$30,INDEX(Jesper!$R$2:$R$366,ROW(INDEX(Jesper!AH$2:AH$366,ROUNDDOWN($C2953/24,0)+1,1))-1)+IF('Standard Profiles'!$G$18=$B$10,7,0)+IF('Standard Profiles'!$G$18=$B$17,14,0)+IF('Standard Profiles'!$G$18=$B$24,21,0),0)),0)</f>
        <v>34.093084989325085</v>
      </c>
      <c r="E2953" cm="1">
        <f t="array" ref="E2953">IFERROR(INDEX(Jesper!AI$2:AI$366,ROUNDDOWN($C2953/24,0)+1,1)*INDEX($D$3:$AA$30,INDEX(Jesper!$R$2:$R$366,ROW(INDEX(Jesper!AI$2:AI$366,ROUNDDOWN($C2953/24,0)+1,1))-1)+IF('Standard Profiles'!$G$19=$B$10,7,0)+IF('Standard Profiles'!$G$19=$B$17,14,0)+IF('Standard Profiles'!$G$19=$B$24,21,0),MOD($C2953,24)+1)/SUM(INDEX($D$3:$AA$30,INDEX(Jesper!$R$2:$R$366,ROW(INDEX(Jesper!AI$2:AI$366,ROUNDDOWN($C2953/24,0)+1,1))-1)+IF('Standard Profiles'!$G$19=$B$10,7,0)+IF('Standard Profiles'!$G$19=$B$17,14,0)+IF('Standard Profiles'!$G$19=$B$24,21,0),0)),0)</f>
        <v>19.246301651354081</v>
      </c>
      <c r="F2953" cm="1">
        <f t="array" ref="F2953">IFERROR(INDEX(Jesper!AJ$2:AJ$366,ROUNDDOWN($C2953/24,0)+1,1)*INDEX($D$3:$AA$30,INDEX(Jesper!$R$2:$R$366,ROW(INDEX(Jesper!AJ$2:AJ$366,ROUNDDOWN($C2953/24,0)+1,1))-1)+IF('Standard Profiles'!$G$20=$B$10,7,0)+IF('Standard Profiles'!$G$20=$B$17,14,0)+IF('Standard Profiles'!$G$20=$B$24,21,0),MOD($C2953,24)+1)/SUM(INDEX($D$3:$AA$30,INDEX(Jesper!$R$2:$R$366,ROW(INDEX(Jesper!AJ$2:AJ$366,ROUNDDOWN($C2953/24,0)+1,1))-1)+IF('Standard Profiles'!$G$20=$B$10,7,0)+IF('Standard Profiles'!$G$20=$B$17,14,0)+IF('Standard Profiles'!$G$20=$B$24,21,0),0)),0)</f>
        <v>0</v>
      </c>
      <c r="G2953" cm="1">
        <f t="array" ref="G2953">IFERROR(INDEX(Jesper!AK$2:AK$366,ROUNDDOWN($C2953/24,0)+1,1)*INDEX($D$3:$AA$30,INDEX(Jesper!$R$2:$R$366,ROW(INDEX(Jesper!AK$2:AK$366,ROUNDDOWN($C2953/24,0)+1,1))-1)+IF('Standard Profiles'!$G$21=$B$10,7,0)+IF('Standard Profiles'!$G$21=$B$17,14,0)+IF('Standard Profiles'!$G$21=$B$24,21,0),MOD($C2953,24)+1)/SUM(INDEX($D$3:$AA$30,INDEX(Jesper!$R$2:$R$366,ROW(INDEX(Jesper!AK$2:AK$366,ROUNDDOWN($C2953/24,0)+1,1))-1)+IF('Standard Profiles'!$G$21=$B$10,7,0)+IF('Standard Profiles'!$G$21=$B$17,14,0)+IF('Standard Profiles'!$G$21=$B$24,21,0),0)),0)</f>
        <v>3.727065963219649</v>
      </c>
      <c r="H2953" cm="1">
        <f t="array" ref="H2953">IFERROR(INDEX(Jesper!AL$2:AL$366,ROUNDDOWN($C2953/24,0)+1,1)*INDEX($D$3:$AA$30,INDEX(Jesper!$R$2:$R$366,ROW(INDEX(Jesper!AL$2:AL$366,ROUNDDOWN($C2953/24,0)+1,1))-1)+IF('Standard Profiles'!$G$22=$B$10,7,0)+IF('Standard Profiles'!$G$22=$B$17,14,0)+IF('Standard Profiles'!$G$22=$B$24,21,0),MOD($C2953,24)+1)/SUM(INDEX($D$3:$AA$30,INDEX(Jesper!$R$2:$R$366,ROW(INDEX(Jesper!AL$2:AL$366,ROUNDDOWN($C2953/24,0)+1,1))-1)+IF('Standard Profiles'!$G$22=$B$10,7,0)+IF('Standard Profiles'!$G$22=$B$17,14,0)+IF('Standard Profiles'!$G$22=$B$24,21,0),0)),0)</f>
        <v>0</v>
      </c>
      <c r="I2953">
        <f t="shared" si="335"/>
        <v>1.7889916623454307</v>
      </c>
      <c r="J2953">
        <f t="shared" si="336"/>
        <v>49.822567343261369</v>
      </c>
      <c r="K2953">
        <f t="shared" si="337"/>
        <v>3.6365957321946758</v>
      </c>
      <c r="L2953">
        <f t="shared" si="338"/>
        <v>1.8182978660973379</v>
      </c>
      <c r="M2953">
        <f t="shared" si="339"/>
        <v>0</v>
      </c>
      <c r="N2953" s="45">
        <f t="shared" si="340"/>
        <v>45048.62499999292</v>
      </c>
    </row>
    <row r="2954" spans="2:14" x14ac:dyDescent="0.25">
      <c r="B2954">
        <f t="shared" si="334"/>
        <v>2</v>
      </c>
      <c r="C2954" s="16">
        <v>2920</v>
      </c>
      <c r="D2954" cm="1">
        <f t="array" ref="D2954">IFERROR(INDEX(Jesper!AH$2:AH$366,ROUNDDOWN($C2954/24,0)+1,1)*INDEX($D$3:$AA$30,INDEX(Jesper!$R$2:$R$366,ROW(INDEX(Jesper!AH$2:AH$366,ROUNDDOWN($C2954/24,0)+1,1))-1)+IF('Standard Profiles'!$G$18=$B$10,7,0)+IF('Standard Profiles'!$G$18=$B$17,14,0)+IF('Standard Profiles'!$G$18=$B$24,21,0),MOD($C2954,24)+1)/SUM(INDEX($D$3:$AA$30,INDEX(Jesper!$R$2:$R$366,ROW(INDEX(Jesper!AH$2:AH$366,ROUNDDOWN($C2954/24,0)+1,1))-1)+IF('Standard Profiles'!$G$18=$B$10,7,0)+IF('Standard Profiles'!$G$18=$B$17,14,0)+IF('Standard Profiles'!$G$18=$B$24,21,0),0)),0)</f>
        <v>20.090567940137998</v>
      </c>
      <c r="E2954" cm="1">
        <f t="array" ref="E2954">IFERROR(INDEX(Jesper!AI$2:AI$366,ROUNDDOWN($C2954/24,0)+1,1)*INDEX($D$3:$AA$30,INDEX(Jesper!$R$2:$R$366,ROW(INDEX(Jesper!AI$2:AI$366,ROUNDDOWN($C2954/24,0)+1,1))-1)+IF('Standard Profiles'!$G$19=$B$10,7,0)+IF('Standard Profiles'!$G$19=$B$17,14,0)+IF('Standard Profiles'!$G$19=$B$24,21,0),MOD($C2954,24)+1)/SUM(INDEX($D$3:$AA$30,INDEX(Jesper!$R$2:$R$366,ROW(INDEX(Jesper!AI$2:AI$366,ROUNDDOWN($C2954/24,0)+1,1))-1)+IF('Standard Profiles'!$G$19=$B$10,7,0)+IF('Standard Profiles'!$G$19=$B$17,14,0)+IF('Standard Profiles'!$G$19=$B$24,21,0),0)),0)</f>
        <v>11.341570615976512</v>
      </c>
      <c r="F2954" cm="1">
        <f t="array" ref="F2954">IFERROR(INDEX(Jesper!AJ$2:AJ$366,ROUNDDOWN($C2954/24,0)+1,1)*INDEX($D$3:$AA$30,INDEX(Jesper!$R$2:$R$366,ROW(INDEX(Jesper!AJ$2:AJ$366,ROUNDDOWN($C2954/24,0)+1,1))-1)+IF('Standard Profiles'!$G$20=$B$10,7,0)+IF('Standard Profiles'!$G$20=$B$17,14,0)+IF('Standard Profiles'!$G$20=$B$24,21,0),MOD($C2954,24)+1)/SUM(INDEX($D$3:$AA$30,INDEX(Jesper!$R$2:$R$366,ROW(INDEX(Jesper!AJ$2:AJ$366,ROUNDDOWN($C2954/24,0)+1,1))-1)+IF('Standard Profiles'!$G$20=$B$10,7,0)+IF('Standard Profiles'!$G$20=$B$17,14,0)+IF('Standard Profiles'!$G$20=$B$24,21,0),0)),0)</f>
        <v>0</v>
      </c>
      <c r="G2954" cm="1">
        <f t="array" ref="G2954">IFERROR(INDEX(Jesper!AK$2:AK$366,ROUNDDOWN($C2954/24,0)+1,1)*INDEX($D$3:$AA$30,INDEX(Jesper!$R$2:$R$366,ROW(INDEX(Jesper!AK$2:AK$366,ROUNDDOWN($C2954/24,0)+1,1))-1)+IF('Standard Profiles'!$G$21=$B$10,7,0)+IF('Standard Profiles'!$G$21=$B$17,14,0)+IF('Standard Profiles'!$G$21=$B$24,21,0),MOD($C2954,24)+1)/SUM(INDEX($D$3:$AA$30,INDEX(Jesper!$R$2:$R$366,ROW(INDEX(Jesper!AK$2:AK$366,ROUNDDOWN($C2954/24,0)+1,1))-1)+IF('Standard Profiles'!$G$21=$B$10,7,0)+IF('Standard Profiles'!$G$21=$B$17,14,0)+IF('Standard Profiles'!$G$21=$B$24,21,0),0)),0)</f>
        <v>3.1153286926608001</v>
      </c>
      <c r="H2954" cm="1">
        <f t="array" ref="H2954">IFERROR(INDEX(Jesper!AL$2:AL$366,ROUNDDOWN($C2954/24,0)+1,1)*INDEX($D$3:$AA$30,INDEX(Jesper!$R$2:$R$366,ROW(INDEX(Jesper!AL$2:AL$366,ROUNDDOWN($C2954/24,0)+1,1))-1)+IF('Standard Profiles'!$G$22=$B$10,7,0)+IF('Standard Profiles'!$G$22=$B$17,14,0)+IF('Standard Profiles'!$G$22=$B$24,21,0),MOD($C2954,24)+1)/SUM(INDEX($D$3:$AA$30,INDEX(Jesper!$R$2:$R$366,ROW(INDEX(Jesper!AL$2:AL$366,ROUNDDOWN($C2954/24,0)+1,1))-1)+IF('Standard Profiles'!$G$22=$B$10,7,0)+IF('Standard Profiles'!$G$22=$B$17,14,0)+IF('Standard Profiles'!$G$22=$B$24,21,0),0)),0)</f>
        <v>0</v>
      </c>
      <c r="I2954">
        <f t="shared" si="335"/>
        <v>1.4953577724771834</v>
      </c>
      <c r="J2954">
        <f t="shared" si="336"/>
        <v>29.837618605876045</v>
      </c>
      <c r="K2954">
        <f t="shared" si="337"/>
        <v>2.14299391361472</v>
      </c>
      <c r="L2954">
        <f t="shared" si="338"/>
        <v>1.07149695680736</v>
      </c>
      <c r="M2954">
        <f t="shared" si="339"/>
        <v>0</v>
      </c>
      <c r="N2954" s="45">
        <f t="shared" si="340"/>
        <v>45048.666666659585</v>
      </c>
    </row>
    <row r="2955" spans="2:14" x14ac:dyDescent="0.25">
      <c r="B2955">
        <f t="shared" si="334"/>
        <v>2</v>
      </c>
      <c r="C2955" s="16">
        <v>2921</v>
      </c>
      <c r="D2955" cm="1">
        <f t="array" ref="D2955">IFERROR(INDEX(Jesper!AH$2:AH$366,ROUNDDOWN($C2955/24,0)+1,1)*INDEX($D$3:$AA$30,INDEX(Jesper!$R$2:$R$366,ROW(INDEX(Jesper!AH$2:AH$366,ROUNDDOWN($C2955/24,0)+1,1))-1)+IF('Standard Profiles'!$G$18=$B$10,7,0)+IF('Standard Profiles'!$G$18=$B$17,14,0)+IF('Standard Profiles'!$G$18=$B$24,21,0),MOD($C2955,24)+1)/SUM(INDEX($D$3:$AA$30,INDEX(Jesper!$R$2:$R$366,ROW(INDEX(Jesper!AH$2:AH$366,ROUNDDOWN($C2955/24,0)+1,1))-1)+IF('Standard Profiles'!$G$18=$B$10,7,0)+IF('Standard Profiles'!$G$18=$B$17,14,0)+IF('Standard Profiles'!$G$18=$B$24,21,0),0)),0)</f>
        <v>8.574719564719592</v>
      </c>
      <c r="E2955" cm="1">
        <f t="array" ref="E2955">IFERROR(INDEX(Jesper!AI$2:AI$366,ROUNDDOWN($C2955/24,0)+1,1)*INDEX($D$3:$AA$30,INDEX(Jesper!$R$2:$R$366,ROW(INDEX(Jesper!AI$2:AI$366,ROUNDDOWN($C2955/24,0)+1,1))-1)+IF('Standard Profiles'!$G$19=$B$10,7,0)+IF('Standard Profiles'!$G$19=$B$17,14,0)+IF('Standard Profiles'!$G$19=$B$24,21,0),MOD($C2955,24)+1)/SUM(INDEX($D$3:$AA$30,INDEX(Jesper!$R$2:$R$366,ROW(INDEX(Jesper!AI$2:AI$366,ROUNDDOWN($C2955/24,0)+1,1))-1)+IF('Standard Profiles'!$G$19=$B$10,7,0)+IF('Standard Profiles'!$G$19=$B$17,14,0)+IF('Standard Profiles'!$G$19=$B$24,21,0),0)),0)</f>
        <v>4.8406191276041453</v>
      </c>
      <c r="F2955" cm="1">
        <f t="array" ref="F2955">IFERROR(INDEX(Jesper!AJ$2:AJ$366,ROUNDDOWN($C2955/24,0)+1,1)*INDEX($D$3:$AA$30,INDEX(Jesper!$R$2:$R$366,ROW(INDEX(Jesper!AJ$2:AJ$366,ROUNDDOWN($C2955/24,0)+1,1))-1)+IF('Standard Profiles'!$G$20=$B$10,7,0)+IF('Standard Profiles'!$G$20=$B$17,14,0)+IF('Standard Profiles'!$G$20=$B$24,21,0),MOD($C2955,24)+1)/SUM(INDEX($D$3:$AA$30,INDEX(Jesper!$R$2:$R$366,ROW(INDEX(Jesper!AJ$2:AJ$366,ROUNDDOWN($C2955/24,0)+1,1))-1)+IF('Standard Profiles'!$G$20=$B$10,7,0)+IF('Standard Profiles'!$G$20=$B$17,14,0)+IF('Standard Profiles'!$G$20=$B$24,21,0),0)),0)</f>
        <v>0</v>
      </c>
      <c r="G2955" cm="1">
        <f t="array" ref="G2955">IFERROR(INDEX(Jesper!AK$2:AK$366,ROUNDDOWN($C2955/24,0)+1,1)*INDEX($D$3:$AA$30,INDEX(Jesper!$R$2:$R$366,ROW(INDEX(Jesper!AK$2:AK$366,ROUNDDOWN($C2955/24,0)+1,1))-1)+IF('Standard Profiles'!$G$21=$B$10,7,0)+IF('Standard Profiles'!$G$21=$B$17,14,0)+IF('Standard Profiles'!$G$21=$B$24,21,0),MOD($C2955,24)+1)/SUM(INDEX($D$3:$AA$30,INDEX(Jesper!$R$2:$R$366,ROW(INDEX(Jesper!AK$2:AK$366,ROUNDDOWN($C2955/24,0)+1,1))-1)+IF('Standard Profiles'!$G$21=$B$10,7,0)+IF('Standard Profiles'!$G$21=$B$17,14,0)+IF('Standard Profiles'!$G$21=$B$24,21,0),0)),0)</f>
        <v>2.4752702521686727</v>
      </c>
      <c r="H2955" cm="1">
        <f t="array" ref="H2955">IFERROR(INDEX(Jesper!AL$2:AL$366,ROUNDDOWN($C2955/24,0)+1,1)*INDEX($D$3:$AA$30,INDEX(Jesper!$R$2:$R$366,ROW(INDEX(Jesper!AL$2:AL$366,ROUNDDOWN($C2955/24,0)+1,1))-1)+IF('Standard Profiles'!$G$22=$B$10,7,0)+IF('Standard Profiles'!$G$22=$B$17,14,0)+IF('Standard Profiles'!$G$22=$B$24,21,0),MOD($C2955,24)+1)/SUM(INDEX($D$3:$AA$30,INDEX(Jesper!$R$2:$R$366,ROW(INDEX(Jesper!AL$2:AL$366,ROUNDDOWN($C2955/24,0)+1,1))-1)+IF('Standard Profiles'!$G$22=$B$10,7,0)+IF('Standard Profiles'!$G$22=$B$17,14,0)+IF('Standard Profiles'!$G$22=$B$24,21,0),0)),0)</f>
        <v>0</v>
      </c>
      <c r="I2955">
        <f t="shared" si="335"/>
        <v>1.1881297210409623</v>
      </c>
      <c r="J2955">
        <f t="shared" si="336"/>
        <v>13.330524093096312</v>
      </c>
      <c r="K2955">
        <f t="shared" si="337"/>
        <v>0.91463675357008989</v>
      </c>
      <c r="L2955">
        <f t="shared" si="338"/>
        <v>0.45731837678504494</v>
      </c>
      <c r="M2955">
        <f t="shared" si="339"/>
        <v>0</v>
      </c>
      <c r="N2955" s="45">
        <f t="shared" si="340"/>
        <v>45048.708333326249</v>
      </c>
    </row>
    <row r="2956" spans="2:14" x14ac:dyDescent="0.25">
      <c r="B2956">
        <f t="shared" si="334"/>
        <v>2</v>
      </c>
      <c r="C2956" s="16">
        <v>2922</v>
      </c>
      <c r="D2956" cm="1">
        <f t="array" ref="D2956">IFERROR(INDEX(Jesper!AH$2:AH$366,ROUNDDOWN($C2956/24,0)+1,1)*INDEX($D$3:$AA$30,INDEX(Jesper!$R$2:$R$366,ROW(INDEX(Jesper!AH$2:AH$366,ROUNDDOWN($C2956/24,0)+1,1))-1)+IF('Standard Profiles'!$G$18=$B$10,7,0)+IF('Standard Profiles'!$G$18=$B$17,14,0)+IF('Standard Profiles'!$G$18=$B$24,21,0),MOD($C2956,24)+1)/SUM(INDEX($D$3:$AA$30,INDEX(Jesper!$R$2:$R$366,ROW(INDEX(Jesper!AH$2:AH$366,ROUNDDOWN($C2956/24,0)+1,1))-1)+IF('Standard Profiles'!$G$18=$B$10,7,0)+IF('Standard Profiles'!$G$18=$B$17,14,0)+IF('Standard Profiles'!$G$18=$B$24,21,0),0)),0)</f>
        <v>5.6593149127149296</v>
      </c>
      <c r="E2956" cm="1">
        <f t="array" ref="E2956">IFERROR(INDEX(Jesper!AI$2:AI$366,ROUNDDOWN($C2956/24,0)+1,1)*INDEX($D$3:$AA$30,INDEX(Jesper!$R$2:$R$366,ROW(INDEX(Jesper!AI$2:AI$366,ROUNDDOWN($C2956/24,0)+1,1))-1)+IF('Standard Profiles'!$G$19=$B$10,7,0)+IF('Standard Profiles'!$G$19=$B$17,14,0)+IF('Standard Profiles'!$G$19=$B$24,21,0),MOD($C2956,24)+1)/SUM(INDEX($D$3:$AA$30,INDEX(Jesper!$R$2:$R$366,ROW(INDEX(Jesper!AI$2:AI$366,ROUNDDOWN($C2956/24,0)+1,1))-1)+IF('Standard Profiles'!$G$19=$B$10,7,0)+IF('Standard Profiles'!$G$19=$B$17,14,0)+IF('Standard Profiles'!$G$19=$B$24,21,0),0)),0)</f>
        <v>3.1948086242187355</v>
      </c>
      <c r="F2956" cm="1">
        <f t="array" ref="F2956">IFERROR(INDEX(Jesper!AJ$2:AJ$366,ROUNDDOWN($C2956/24,0)+1,1)*INDEX($D$3:$AA$30,INDEX(Jesper!$R$2:$R$366,ROW(INDEX(Jesper!AJ$2:AJ$366,ROUNDDOWN($C2956/24,0)+1,1))-1)+IF('Standard Profiles'!$G$20=$B$10,7,0)+IF('Standard Profiles'!$G$20=$B$17,14,0)+IF('Standard Profiles'!$G$20=$B$24,21,0),MOD($C2956,24)+1)/SUM(INDEX($D$3:$AA$30,INDEX(Jesper!$R$2:$R$366,ROW(INDEX(Jesper!AJ$2:AJ$366,ROUNDDOWN($C2956/24,0)+1,1))-1)+IF('Standard Profiles'!$G$20=$B$10,7,0)+IF('Standard Profiles'!$G$20=$B$17,14,0)+IF('Standard Profiles'!$G$20=$B$24,21,0),0)),0)</f>
        <v>0</v>
      </c>
      <c r="G2956" cm="1">
        <f t="array" ref="G2956">IFERROR(INDEX(Jesper!AK$2:AK$366,ROUNDDOWN($C2956/24,0)+1,1)*INDEX($D$3:$AA$30,INDEX(Jesper!$R$2:$R$366,ROW(INDEX(Jesper!AK$2:AK$366,ROUNDDOWN($C2956/24,0)+1,1))-1)+IF('Standard Profiles'!$G$21=$B$10,7,0)+IF('Standard Profiles'!$G$21=$B$17,14,0)+IF('Standard Profiles'!$G$21=$B$24,21,0),MOD($C2956,24)+1)/SUM(INDEX($D$3:$AA$30,INDEX(Jesper!$R$2:$R$366,ROW(INDEX(Jesper!AK$2:AK$366,ROUNDDOWN($C2956/24,0)+1,1))-1)+IF('Standard Profiles'!$G$21=$B$10,7,0)+IF('Standard Profiles'!$G$21=$B$17,14,0)+IF('Standard Profiles'!$G$21=$B$24,21,0),0)),0)</f>
        <v>0.87795626793168013</v>
      </c>
      <c r="H2956" cm="1">
        <f t="array" ref="H2956">IFERROR(INDEX(Jesper!AL$2:AL$366,ROUNDDOWN($C2956/24,0)+1,1)*INDEX($D$3:$AA$30,INDEX(Jesper!$R$2:$R$366,ROW(INDEX(Jesper!AL$2:AL$366,ROUNDDOWN($C2956/24,0)+1,1))-1)+IF('Standard Profiles'!$G$22=$B$10,7,0)+IF('Standard Profiles'!$G$22=$B$17,14,0)+IF('Standard Profiles'!$G$22=$B$24,21,0),MOD($C2956,24)+1)/SUM(INDEX($D$3:$AA$30,INDEX(Jesper!$R$2:$R$366,ROW(INDEX(Jesper!AL$2:AL$366,ROUNDDOWN($C2956/24,0)+1,1))-1)+IF('Standard Profiles'!$G$22=$B$10,7,0)+IF('Standard Profiles'!$G$22=$B$17,14,0)+IF('Standard Profiles'!$G$22=$B$24,21,0),0)),0)</f>
        <v>0</v>
      </c>
      <c r="I2956">
        <f t="shared" si="335"/>
        <v>0.42141900860720627</v>
      </c>
      <c r="J2956">
        <f t="shared" si="336"/>
        <v>8.4051704102237501</v>
      </c>
      <c r="K2956">
        <f t="shared" si="337"/>
        <v>0.60366025735625917</v>
      </c>
      <c r="L2956">
        <f t="shared" si="338"/>
        <v>0.30183012867812958</v>
      </c>
      <c r="M2956">
        <f t="shared" si="339"/>
        <v>0</v>
      </c>
      <c r="N2956" s="45">
        <f t="shared" si="340"/>
        <v>45048.749999992913</v>
      </c>
    </row>
    <row r="2957" spans="2:14" x14ac:dyDescent="0.25">
      <c r="B2957">
        <f t="shared" si="334"/>
        <v>2</v>
      </c>
      <c r="C2957" s="16">
        <v>2923</v>
      </c>
      <c r="D2957" cm="1">
        <f t="array" ref="D2957">IFERROR(INDEX(Jesper!AH$2:AH$366,ROUNDDOWN($C2957/24,0)+1,1)*INDEX($D$3:$AA$30,INDEX(Jesper!$R$2:$R$366,ROW(INDEX(Jesper!AH$2:AH$366,ROUNDDOWN($C2957/24,0)+1,1))-1)+IF('Standard Profiles'!$G$18=$B$10,7,0)+IF('Standard Profiles'!$G$18=$B$17,14,0)+IF('Standard Profiles'!$G$18=$B$24,21,0),MOD($C2957,24)+1)/SUM(INDEX($D$3:$AA$30,INDEX(Jesper!$R$2:$R$366,ROW(INDEX(Jesper!AH$2:AH$366,ROUNDDOWN($C2957/24,0)+1,1))-1)+IF('Standard Profiles'!$G$18=$B$10,7,0)+IF('Standard Profiles'!$G$18=$B$17,14,0)+IF('Standard Profiles'!$G$18=$B$24,21,0),0)),0)</f>
        <v>5.6593149127149296</v>
      </c>
      <c r="E2957" cm="1">
        <f t="array" ref="E2957">IFERROR(INDEX(Jesper!AI$2:AI$366,ROUNDDOWN($C2957/24,0)+1,1)*INDEX($D$3:$AA$30,INDEX(Jesper!$R$2:$R$366,ROW(INDEX(Jesper!AI$2:AI$366,ROUNDDOWN($C2957/24,0)+1,1))-1)+IF('Standard Profiles'!$G$19=$B$10,7,0)+IF('Standard Profiles'!$G$19=$B$17,14,0)+IF('Standard Profiles'!$G$19=$B$24,21,0),MOD($C2957,24)+1)/SUM(INDEX($D$3:$AA$30,INDEX(Jesper!$R$2:$R$366,ROW(INDEX(Jesper!AI$2:AI$366,ROUNDDOWN($C2957/24,0)+1,1))-1)+IF('Standard Profiles'!$G$19=$B$10,7,0)+IF('Standard Profiles'!$G$19=$B$17,14,0)+IF('Standard Profiles'!$G$19=$B$24,21,0),0)),0)</f>
        <v>3.1948086242187355</v>
      </c>
      <c r="F2957" cm="1">
        <f t="array" ref="F2957">IFERROR(INDEX(Jesper!AJ$2:AJ$366,ROUNDDOWN($C2957/24,0)+1,1)*INDEX($D$3:$AA$30,INDEX(Jesper!$R$2:$R$366,ROW(INDEX(Jesper!AJ$2:AJ$366,ROUNDDOWN($C2957/24,0)+1,1))-1)+IF('Standard Profiles'!$G$20=$B$10,7,0)+IF('Standard Profiles'!$G$20=$B$17,14,0)+IF('Standard Profiles'!$G$20=$B$24,21,0),MOD($C2957,24)+1)/SUM(INDEX($D$3:$AA$30,INDEX(Jesper!$R$2:$R$366,ROW(INDEX(Jesper!AJ$2:AJ$366,ROUNDDOWN($C2957/24,0)+1,1))-1)+IF('Standard Profiles'!$G$20=$B$10,7,0)+IF('Standard Profiles'!$G$20=$B$17,14,0)+IF('Standard Profiles'!$G$20=$B$24,21,0),0)),0)</f>
        <v>0</v>
      </c>
      <c r="G2957" cm="1">
        <f t="array" ref="G2957">IFERROR(INDEX(Jesper!AK$2:AK$366,ROUNDDOWN($C2957/24,0)+1,1)*INDEX($D$3:$AA$30,INDEX(Jesper!$R$2:$R$366,ROW(INDEX(Jesper!AK$2:AK$366,ROUNDDOWN($C2957/24,0)+1,1))-1)+IF('Standard Profiles'!$G$21=$B$10,7,0)+IF('Standard Profiles'!$G$21=$B$17,14,0)+IF('Standard Profiles'!$G$21=$B$24,21,0),MOD($C2957,24)+1)/SUM(INDEX($D$3:$AA$30,INDEX(Jesper!$R$2:$R$366,ROW(INDEX(Jesper!AK$2:AK$366,ROUNDDOWN($C2957/24,0)+1,1))-1)+IF('Standard Profiles'!$G$21=$B$10,7,0)+IF('Standard Profiles'!$G$21=$B$17,14,0)+IF('Standard Profiles'!$G$21=$B$24,21,0),0)),0)</f>
        <v>0.87795626793168013</v>
      </c>
      <c r="H2957" cm="1">
        <f t="array" ref="H2957">IFERROR(INDEX(Jesper!AL$2:AL$366,ROUNDDOWN($C2957/24,0)+1,1)*INDEX($D$3:$AA$30,INDEX(Jesper!$R$2:$R$366,ROW(INDEX(Jesper!AL$2:AL$366,ROUNDDOWN($C2957/24,0)+1,1))-1)+IF('Standard Profiles'!$G$22=$B$10,7,0)+IF('Standard Profiles'!$G$22=$B$17,14,0)+IF('Standard Profiles'!$G$22=$B$24,21,0),MOD($C2957,24)+1)/SUM(INDEX($D$3:$AA$30,INDEX(Jesper!$R$2:$R$366,ROW(INDEX(Jesper!AL$2:AL$366,ROUNDDOWN($C2957/24,0)+1,1))-1)+IF('Standard Profiles'!$G$22=$B$10,7,0)+IF('Standard Profiles'!$G$22=$B$17,14,0)+IF('Standard Profiles'!$G$22=$B$24,21,0),0)),0)</f>
        <v>0</v>
      </c>
      <c r="I2957">
        <f t="shared" si="335"/>
        <v>0.42141900860720627</v>
      </c>
      <c r="J2957">
        <f t="shared" si="336"/>
        <v>8.4051704102237501</v>
      </c>
      <c r="K2957">
        <f t="shared" si="337"/>
        <v>0.60366025735625917</v>
      </c>
      <c r="L2957">
        <f t="shared" si="338"/>
        <v>0.30183012867812958</v>
      </c>
      <c r="M2957">
        <f t="shared" si="339"/>
        <v>0</v>
      </c>
      <c r="N2957" s="45">
        <f t="shared" si="340"/>
        <v>45048.791666659577</v>
      </c>
    </row>
    <row r="2958" spans="2:14" x14ac:dyDescent="0.25">
      <c r="B2958">
        <f t="shared" si="334"/>
        <v>2</v>
      </c>
      <c r="C2958" s="16">
        <v>2924</v>
      </c>
      <c r="D2958" cm="1">
        <f t="array" ref="D2958">IFERROR(INDEX(Jesper!AH$2:AH$366,ROUNDDOWN($C2958/24,0)+1,1)*INDEX($D$3:$AA$30,INDEX(Jesper!$R$2:$R$366,ROW(INDEX(Jesper!AH$2:AH$366,ROUNDDOWN($C2958/24,0)+1,1))-1)+IF('Standard Profiles'!$G$18=$B$10,7,0)+IF('Standard Profiles'!$G$18=$B$17,14,0)+IF('Standard Profiles'!$G$18=$B$24,21,0),MOD($C2958,24)+1)/SUM(INDEX($D$3:$AA$30,INDEX(Jesper!$R$2:$R$366,ROW(INDEX(Jesper!AH$2:AH$366,ROUNDDOWN($C2958/24,0)+1,1))-1)+IF('Standard Profiles'!$G$18=$B$10,7,0)+IF('Standard Profiles'!$G$18=$B$17,14,0)+IF('Standard Profiles'!$G$18=$B$24,21,0),0)),0)</f>
        <v>5.6593149127149296</v>
      </c>
      <c r="E2958" cm="1">
        <f t="array" ref="E2958">IFERROR(INDEX(Jesper!AI$2:AI$366,ROUNDDOWN($C2958/24,0)+1,1)*INDEX($D$3:$AA$30,INDEX(Jesper!$R$2:$R$366,ROW(INDEX(Jesper!AI$2:AI$366,ROUNDDOWN($C2958/24,0)+1,1))-1)+IF('Standard Profiles'!$G$19=$B$10,7,0)+IF('Standard Profiles'!$G$19=$B$17,14,0)+IF('Standard Profiles'!$G$19=$B$24,21,0),MOD($C2958,24)+1)/SUM(INDEX($D$3:$AA$30,INDEX(Jesper!$R$2:$R$366,ROW(INDEX(Jesper!AI$2:AI$366,ROUNDDOWN($C2958/24,0)+1,1))-1)+IF('Standard Profiles'!$G$19=$B$10,7,0)+IF('Standard Profiles'!$G$19=$B$17,14,0)+IF('Standard Profiles'!$G$19=$B$24,21,0),0)),0)</f>
        <v>3.1948086242187355</v>
      </c>
      <c r="F2958" cm="1">
        <f t="array" ref="F2958">IFERROR(INDEX(Jesper!AJ$2:AJ$366,ROUNDDOWN($C2958/24,0)+1,1)*INDEX($D$3:$AA$30,INDEX(Jesper!$R$2:$R$366,ROW(INDEX(Jesper!AJ$2:AJ$366,ROUNDDOWN($C2958/24,0)+1,1))-1)+IF('Standard Profiles'!$G$20=$B$10,7,0)+IF('Standard Profiles'!$G$20=$B$17,14,0)+IF('Standard Profiles'!$G$20=$B$24,21,0),MOD($C2958,24)+1)/SUM(INDEX($D$3:$AA$30,INDEX(Jesper!$R$2:$R$366,ROW(INDEX(Jesper!AJ$2:AJ$366,ROUNDDOWN($C2958/24,0)+1,1))-1)+IF('Standard Profiles'!$G$20=$B$10,7,0)+IF('Standard Profiles'!$G$20=$B$17,14,0)+IF('Standard Profiles'!$G$20=$B$24,21,0),0)),0)</f>
        <v>0</v>
      </c>
      <c r="G2958" cm="1">
        <f t="array" ref="G2958">IFERROR(INDEX(Jesper!AK$2:AK$366,ROUNDDOWN($C2958/24,0)+1,1)*INDEX($D$3:$AA$30,INDEX(Jesper!$R$2:$R$366,ROW(INDEX(Jesper!AK$2:AK$366,ROUNDDOWN($C2958/24,0)+1,1))-1)+IF('Standard Profiles'!$G$21=$B$10,7,0)+IF('Standard Profiles'!$G$21=$B$17,14,0)+IF('Standard Profiles'!$G$21=$B$24,21,0),MOD($C2958,24)+1)/SUM(INDEX($D$3:$AA$30,INDEX(Jesper!$R$2:$R$366,ROW(INDEX(Jesper!AK$2:AK$366,ROUNDDOWN($C2958/24,0)+1,1))-1)+IF('Standard Profiles'!$G$21=$B$10,7,0)+IF('Standard Profiles'!$G$21=$B$17,14,0)+IF('Standard Profiles'!$G$21=$B$24,21,0),0)),0)</f>
        <v>0.87795626793168013</v>
      </c>
      <c r="H2958" cm="1">
        <f t="array" ref="H2958">IFERROR(INDEX(Jesper!AL$2:AL$366,ROUNDDOWN($C2958/24,0)+1,1)*INDEX($D$3:$AA$30,INDEX(Jesper!$R$2:$R$366,ROW(INDEX(Jesper!AL$2:AL$366,ROUNDDOWN($C2958/24,0)+1,1))-1)+IF('Standard Profiles'!$G$22=$B$10,7,0)+IF('Standard Profiles'!$G$22=$B$17,14,0)+IF('Standard Profiles'!$G$22=$B$24,21,0),MOD($C2958,24)+1)/SUM(INDEX($D$3:$AA$30,INDEX(Jesper!$R$2:$R$366,ROW(INDEX(Jesper!AL$2:AL$366,ROUNDDOWN($C2958/24,0)+1,1))-1)+IF('Standard Profiles'!$G$22=$B$10,7,0)+IF('Standard Profiles'!$G$22=$B$17,14,0)+IF('Standard Profiles'!$G$22=$B$24,21,0),0)),0)</f>
        <v>0</v>
      </c>
      <c r="I2958">
        <f t="shared" si="335"/>
        <v>0.42141900860720627</v>
      </c>
      <c r="J2958">
        <f t="shared" si="336"/>
        <v>8.4051704102237501</v>
      </c>
      <c r="K2958">
        <f t="shared" si="337"/>
        <v>0.60366025735625917</v>
      </c>
      <c r="L2958">
        <f t="shared" si="338"/>
        <v>0.30183012867812958</v>
      </c>
      <c r="M2958">
        <f t="shared" si="339"/>
        <v>0</v>
      </c>
      <c r="N2958" s="45">
        <f t="shared" si="340"/>
        <v>45048.833333326242</v>
      </c>
    </row>
    <row r="2959" spans="2:14" x14ac:dyDescent="0.25">
      <c r="B2959">
        <f t="shared" si="334"/>
        <v>2</v>
      </c>
      <c r="C2959" s="16">
        <v>2925</v>
      </c>
      <c r="D2959" cm="1">
        <f t="array" ref="D2959">IFERROR(INDEX(Jesper!AH$2:AH$366,ROUNDDOWN($C2959/24,0)+1,1)*INDEX($D$3:$AA$30,INDEX(Jesper!$R$2:$R$366,ROW(INDEX(Jesper!AH$2:AH$366,ROUNDDOWN($C2959/24,0)+1,1))-1)+IF('Standard Profiles'!$G$18=$B$10,7,0)+IF('Standard Profiles'!$G$18=$B$17,14,0)+IF('Standard Profiles'!$G$18=$B$24,21,0),MOD($C2959,24)+1)/SUM(INDEX($D$3:$AA$30,INDEX(Jesper!$R$2:$R$366,ROW(INDEX(Jesper!AH$2:AH$366,ROUNDDOWN($C2959/24,0)+1,1))-1)+IF('Standard Profiles'!$G$18=$B$10,7,0)+IF('Standard Profiles'!$G$18=$B$17,14,0)+IF('Standard Profiles'!$G$18=$B$24,21,0),0)),0)</f>
        <v>5.6593149127149296</v>
      </c>
      <c r="E2959" cm="1">
        <f t="array" ref="E2959">IFERROR(INDEX(Jesper!AI$2:AI$366,ROUNDDOWN($C2959/24,0)+1,1)*INDEX($D$3:$AA$30,INDEX(Jesper!$R$2:$R$366,ROW(INDEX(Jesper!AI$2:AI$366,ROUNDDOWN($C2959/24,0)+1,1))-1)+IF('Standard Profiles'!$G$19=$B$10,7,0)+IF('Standard Profiles'!$G$19=$B$17,14,0)+IF('Standard Profiles'!$G$19=$B$24,21,0),MOD($C2959,24)+1)/SUM(INDEX($D$3:$AA$30,INDEX(Jesper!$R$2:$R$366,ROW(INDEX(Jesper!AI$2:AI$366,ROUNDDOWN($C2959/24,0)+1,1))-1)+IF('Standard Profiles'!$G$19=$B$10,7,0)+IF('Standard Profiles'!$G$19=$B$17,14,0)+IF('Standard Profiles'!$G$19=$B$24,21,0),0)),0)</f>
        <v>3.1948086242187355</v>
      </c>
      <c r="F2959" cm="1">
        <f t="array" ref="F2959">IFERROR(INDEX(Jesper!AJ$2:AJ$366,ROUNDDOWN($C2959/24,0)+1,1)*INDEX($D$3:$AA$30,INDEX(Jesper!$R$2:$R$366,ROW(INDEX(Jesper!AJ$2:AJ$366,ROUNDDOWN($C2959/24,0)+1,1))-1)+IF('Standard Profiles'!$G$20=$B$10,7,0)+IF('Standard Profiles'!$G$20=$B$17,14,0)+IF('Standard Profiles'!$G$20=$B$24,21,0),MOD($C2959,24)+1)/SUM(INDEX($D$3:$AA$30,INDEX(Jesper!$R$2:$R$366,ROW(INDEX(Jesper!AJ$2:AJ$366,ROUNDDOWN($C2959/24,0)+1,1))-1)+IF('Standard Profiles'!$G$20=$B$10,7,0)+IF('Standard Profiles'!$G$20=$B$17,14,0)+IF('Standard Profiles'!$G$20=$B$24,21,0),0)),0)</f>
        <v>0</v>
      </c>
      <c r="G2959" cm="1">
        <f t="array" ref="G2959">IFERROR(INDEX(Jesper!AK$2:AK$366,ROUNDDOWN($C2959/24,0)+1,1)*INDEX($D$3:$AA$30,INDEX(Jesper!$R$2:$R$366,ROW(INDEX(Jesper!AK$2:AK$366,ROUNDDOWN($C2959/24,0)+1,1))-1)+IF('Standard Profiles'!$G$21=$B$10,7,0)+IF('Standard Profiles'!$G$21=$B$17,14,0)+IF('Standard Profiles'!$G$21=$B$24,21,0),MOD($C2959,24)+1)/SUM(INDEX($D$3:$AA$30,INDEX(Jesper!$R$2:$R$366,ROW(INDEX(Jesper!AK$2:AK$366,ROUNDDOWN($C2959/24,0)+1,1))-1)+IF('Standard Profiles'!$G$21=$B$10,7,0)+IF('Standard Profiles'!$G$21=$B$17,14,0)+IF('Standard Profiles'!$G$21=$B$24,21,0),0)),0)</f>
        <v>0.87795626793168013</v>
      </c>
      <c r="H2959" cm="1">
        <f t="array" ref="H2959">IFERROR(INDEX(Jesper!AL$2:AL$366,ROUNDDOWN($C2959/24,0)+1,1)*INDEX($D$3:$AA$30,INDEX(Jesper!$R$2:$R$366,ROW(INDEX(Jesper!AL$2:AL$366,ROUNDDOWN($C2959/24,0)+1,1))-1)+IF('Standard Profiles'!$G$22=$B$10,7,0)+IF('Standard Profiles'!$G$22=$B$17,14,0)+IF('Standard Profiles'!$G$22=$B$24,21,0),MOD($C2959,24)+1)/SUM(INDEX($D$3:$AA$30,INDEX(Jesper!$R$2:$R$366,ROW(INDEX(Jesper!AL$2:AL$366,ROUNDDOWN($C2959/24,0)+1,1))-1)+IF('Standard Profiles'!$G$22=$B$10,7,0)+IF('Standard Profiles'!$G$22=$B$17,14,0)+IF('Standard Profiles'!$G$22=$B$24,21,0),0)),0)</f>
        <v>0</v>
      </c>
      <c r="I2959">
        <f t="shared" si="335"/>
        <v>0.42141900860720627</v>
      </c>
      <c r="J2959">
        <f t="shared" si="336"/>
        <v>8.4051704102237501</v>
      </c>
      <c r="K2959">
        <f t="shared" si="337"/>
        <v>0.60366025735625917</v>
      </c>
      <c r="L2959">
        <f t="shared" si="338"/>
        <v>0.30183012867812958</v>
      </c>
      <c r="M2959">
        <f t="shared" si="339"/>
        <v>0</v>
      </c>
      <c r="N2959" s="45">
        <f t="shared" si="340"/>
        <v>45048.874999992906</v>
      </c>
    </row>
    <row r="2960" spans="2:14" x14ac:dyDescent="0.25">
      <c r="B2960">
        <f t="shared" si="334"/>
        <v>2</v>
      </c>
      <c r="C2960" s="16">
        <v>2926</v>
      </c>
      <c r="D2960" cm="1">
        <f t="array" ref="D2960">IFERROR(INDEX(Jesper!AH$2:AH$366,ROUNDDOWN($C2960/24,0)+1,1)*INDEX($D$3:$AA$30,INDEX(Jesper!$R$2:$R$366,ROW(INDEX(Jesper!AH$2:AH$366,ROUNDDOWN($C2960/24,0)+1,1))-1)+IF('Standard Profiles'!$G$18=$B$10,7,0)+IF('Standard Profiles'!$G$18=$B$17,14,0)+IF('Standard Profiles'!$G$18=$B$24,21,0),MOD($C2960,24)+1)/SUM(INDEX($D$3:$AA$30,INDEX(Jesper!$R$2:$R$366,ROW(INDEX(Jesper!AH$2:AH$366,ROUNDDOWN($C2960/24,0)+1,1))-1)+IF('Standard Profiles'!$G$18=$B$10,7,0)+IF('Standard Profiles'!$G$18=$B$17,14,0)+IF('Standard Profiles'!$G$18=$B$24,21,0),0)),0)</f>
        <v>5.6593149127149296</v>
      </c>
      <c r="E2960" cm="1">
        <f t="array" ref="E2960">IFERROR(INDEX(Jesper!AI$2:AI$366,ROUNDDOWN($C2960/24,0)+1,1)*INDEX($D$3:$AA$30,INDEX(Jesper!$R$2:$R$366,ROW(INDEX(Jesper!AI$2:AI$366,ROUNDDOWN($C2960/24,0)+1,1))-1)+IF('Standard Profiles'!$G$19=$B$10,7,0)+IF('Standard Profiles'!$G$19=$B$17,14,0)+IF('Standard Profiles'!$G$19=$B$24,21,0),MOD($C2960,24)+1)/SUM(INDEX($D$3:$AA$30,INDEX(Jesper!$R$2:$R$366,ROW(INDEX(Jesper!AI$2:AI$366,ROUNDDOWN($C2960/24,0)+1,1))-1)+IF('Standard Profiles'!$G$19=$B$10,7,0)+IF('Standard Profiles'!$G$19=$B$17,14,0)+IF('Standard Profiles'!$G$19=$B$24,21,0),0)),0)</f>
        <v>3.1948086242187355</v>
      </c>
      <c r="F2960" cm="1">
        <f t="array" ref="F2960">IFERROR(INDEX(Jesper!AJ$2:AJ$366,ROUNDDOWN($C2960/24,0)+1,1)*INDEX($D$3:$AA$30,INDEX(Jesper!$R$2:$R$366,ROW(INDEX(Jesper!AJ$2:AJ$366,ROUNDDOWN($C2960/24,0)+1,1))-1)+IF('Standard Profiles'!$G$20=$B$10,7,0)+IF('Standard Profiles'!$G$20=$B$17,14,0)+IF('Standard Profiles'!$G$20=$B$24,21,0),MOD($C2960,24)+1)/SUM(INDEX($D$3:$AA$30,INDEX(Jesper!$R$2:$R$366,ROW(INDEX(Jesper!AJ$2:AJ$366,ROUNDDOWN($C2960/24,0)+1,1))-1)+IF('Standard Profiles'!$G$20=$B$10,7,0)+IF('Standard Profiles'!$G$20=$B$17,14,0)+IF('Standard Profiles'!$G$20=$B$24,21,0),0)),0)</f>
        <v>0</v>
      </c>
      <c r="G2960" cm="1">
        <f t="array" ref="G2960">IFERROR(INDEX(Jesper!AK$2:AK$366,ROUNDDOWN($C2960/24,0)+1,1)*INDEX($D$3:$AA$30,INDEX(Jesper!$R$2:$R$366,ROW(INDEX(Jesper!AK$2:AK$366,ROUNDDOWN($C2960/24,0)+1,1))-1)+IF('Standard Profiles'!$G$21=$B$10,7,0)+IF('Standard Profiles'!$G$21=$B$17,14,0)+IF('Standard Profiles'!$G$21=$B$24,21,0),MOD($C2960,24)+1)/SUM(INDEX($D$3:$AA$30,INDEX(Jesper!$R$2:$R$366,ROW(INDEX(Jesper!AK$2:AK$366,ROUNDDOWN($C2960/24,0)+1,1))-1)+IF('Standard Profiles'!$G$21=$B$10,7,0)+IF('Standard Profiles'!$G$21=$B$17,14,0)+IF('Standard Profiles'!$G$21=$B$24,21,0),0)),0)</f>
        <v>0.87795626793168013</v>
      </c>
      <c r="H2960" cm="1">
        <f t="array" ref="H2960">IFERROR(INDEX(Jesper!AL$2:AL$366,ROUNDDOWN($C2960/24,0)+1,1)*INDEX($D$3:$AA$30,INDEX(Jesper!$R$2:$R$366,ROW(INDEX(Jesper!AL$2:AL$366,ROUNDDOWN($C2960/24,0)+1,1))-1)+IF('Standard Profiles'!$G$22=$B$10,7,0)+IF('Standard Profiles'!$G$22=$B$17,14,0)+IF('Standard Profiles'!$G$22=$B$24,21,0),MOD($C2960,24)+1)/SUM(INDEX($D$3:$AA$30,INDEX(Jesper!$R$2:$R$366,ROW(INDEX(Jesper!AL$2:AL$366,ROUNDDOWN($C2960/24,0)+1,1))-1)+IF('Standard Profiles'!$G$22=$B$10,7,0)+IF('Standard Profiles'!$G$22=$B$17,14,0)+IF('Standard Profiles'!$G$22=$B$24,21,0),0)),0)</f>
        <v>0</v>
      </c>
      <c r="I2960">
        <f t="shared" si="335"/>
        <v>0.42141900860720627</v>
      </c>
      <c r="J2960">
        <f t="shared" si="336"/>
        <v>8.4051704102237501</v>
      </c>
      <c r="K2960">
        <f t="shared" si="337"/>
        <v>0.60366025735625917</v>
      </c>
      <c r="L2960">
        <f t="shared" si="338"/>
        <v>0.30183012867812958</v>
      </c>
      <c r="M2960">
        <f t="shared" si="339"/>
        <v>0</v>
      </c>
      <c r="N2960" s="45">
        <f t="shared" si="340"/>
        <v>45048.91666665957</v>
      </c>
    </row>
    <row r="2961" spans="2:14" x14ac:dyDescent="0.25">
      <c r="B2961">
        <f t="shared" si="334"/>
        <v>2</v>
      </c>
      <c r="C2961" s="16">
        <v>2927</v>
      </c>
      <c r="D2961" cm="1">
        <f t="array" ref="D2961">IFERROR(INDEX(Jesper!AH$2:AH$366,ROUNDDOWN($C2961/24,0)+1,1)*INDEX($D$3:$AA$30,INDEX(Jesper!$R$2:$R$366,ROW(INDEX(Jesper!AH$2:AH$366,ROUNDDOWN($C2961/24,0)+1,1))-1)+IF('Standard Profiles'!$G$18=$B$10,7,0)+IF('Standard Profiles'!$G$18=$B$17,14,0)+IF('Standard Profiles'!$G$18=$B$24,21,0),MOD($C2961,24)+1)/SUM(INDEX($D$3:$AA$30,INDEX(Jesper!$R$2:$R$366,ROW(INDEX(Jesper!AH$2:AH$366,ROUNDDOWN($C2961/24,0)+1,1))-1)+IF('Standard Profiles'!$G$18=$B$10,7,0)+IF('Standard Profiles'!$G$18=$B$17,14,0)+IF('Standard Profiles'!$G$18=$B$24,21,0),0)),0)</f>
        <v>5.6593149127149296</v>
      </c>
      <c r="E2961" cm="1">
        <f t="array" ref="E2961">IFERROR(INDEX(Jesper!AI$2:AI$366,ROUNDDOWN($C2961/24,0)+1,1)*INDEX($D$3:$AA$30,INDEX(Jesper!$R$2:$R$366,ROW(INDEX(Jesper!AI$2:AI$366,ROUNDDOWN($C2961/24,0)+1,1))-1)+IF('Standard Profiles'!$G$19=$B$10,7,0)+IF('Standard Profiles'!$G$19=$B$17,14,0)+IF('Standard Profiles'!$G$19=$B$24,21,0),MOD($C2961,24)+1)/SUM(INDEX($D$3:$AA$30,INDEX(Jesper!$R$2:$R$366,ROW(INDEX(Jesper!AI$2:AI$366,ROUNDDOWN($C2961/24,0)+1,1))-1)+IF('Standard Profiles'!$G$19=$B$10,7,0)+IF('Standard Profiles'!$G$19=$B$17,14,0)+IF('Standard Profiles'!$G$19=$B$24,21,0),0)),0)</f>
        <v>3.1948086242187355</v>
      </c>
      <c r="F2961" cm="1">
        <f t="array" ref="F2961">IFERROR(INDEX(Jesper!AJ$2:AJ$366,ROUNDDOWN($C2961/24,0)+1,1)*INDEX($D$3:$AA$30,INDEX(Jesper!$R$2:$R$366,ROW(INDEX(Jesper!AJ$2:AJ$366,ROUNDDOWN($C2961/24,0)+1,1))-1)+IF('Standard Profiles'!$G$20=$B$10,7,0)+IF('Standard Profiles'!$G$20=$B$17,14,0)+IF('Standard Profiles'!$G$20=$B$24,21,0),MOD($C2961,24)+1)/SUM(INDEX($D$3:$AA$30,INDEX(Jesper!$R$2:$R$366,ROW(INDEX(Jesper!AJ$2:AJ$366,ROUNDDOWN($C2961/24,0)+1,1))-1)+IF('Standard Profiles'!$G$20=$B$10,7,0)+IF('Standard Profiles'!$G$20=$B$17,14,0)+IF('Standard Profiles'!$G$20=$B$24,21,0),0)),0)</f>
        <v>0</v>
      </c>
      <c r="G2961" cm="1">
        <f t="array" ref="G2961">IFERROR(INDEX(Jesper!AK$2:AK$366,ROUNDDOWN($C2961/24,0)+1,1)*INDEX($D$3:$AA$30,INDEX(Jesper!$R$2:$R$366,ROW(INDEX(Jesper!AK$2:AK$366,ROUNDDOWN($C2961/24,0)+1,1))-1)+IF('Standard Profiles'!$G$21=$B$10,7,0)+IF('Standard Profiles'!$G$21=$B$17,14,0)+IF('Standard Profiles'!$G$21=$B$24,21,0),MOD($C2961,24)+1)/SUM(INDEX($D$3:$AA$30,INDEX(Jesper!$R$2:$R$366,ROW(INDEX(Jesper!AK$2:AK$366,ROUNDDOWN($C2961/24,0)+1,1))-1)+IF('Standard Profiles'!$G$21=$B$10,7,0)+IF('Standard Profiles'!$G$21=$B$17,14,0)+IF('Standard Profiles'!$G$21=$B$24,21,0),0)),0)</f>
        <v>0.87795626793168013</v>
      </c>
      <c r="H2961" cm="1">
        <f t="array" ref="H2961">IFERROR(INDEX(Jesper!AL$2:AL$366,ROUNDDOWN($C2961/24,0)+1,1)*INDEX($D$3:$AA$30,INDEX(Jesper!$R$2:$R$366,ROW(INDEX(Jesper!AL$2:AL$366,ROUNDDOWN($C2961/24,0)+1,1))-1)+IF('Standard Profiles'!$G$22=$B$10,7,0)+IF('Standard Profiles'!$G$22=$B$17,14,0)+IF('Standard Profiles'!$G$22=$B$24,21,0),MOD($C2961,24)+1)/SUM(INDEX($D$3:$AA$30,INDEX(Jesper!$R$2:$R$366,ROW(INDEX(Jesper!AL$2:AL$366,ROUNDDOWN($C2961/24,0)+1,1))-1)+IF('Standard Profiles'!$G$22=$B$10,7,0)+IF('Standard Profiles'!$G$22=$B$17,14,0)+IF('Standard Profiles'!$G$22=$B$24,21,0),0)),0)</f>
        <v>0</v>
      </c>
      <c r="I2961">
        <f t="shared" si="335"/>
        <v>0.42141900860720627</v>
      </c>
      <c r="J2961">
        <f t="shared" si="336"/>
        <v>8.4051704102237501</v>
      </c>
      <c r="K2961">
        <f t="shared" si="337"/>
        <v>0.60366025735625917</v>
      </c>
      <c r="L2961">
        <f t="shared" si="338"/>
        <v>0.30183012867812958</v>
      </c>
      <c r="M2961">
        <f t="shared" si="339"/>
        <v>0</v>
      </c>
      <c r="N2961" s="45">
        <f t="shared" si="340"/>
        <v>45048.958333326234</v>
      </c>
    </row>
    <row r="2962" spans="2:14" x14ac:dyDescent="0.25">
      <c r="B2962">
        <f t="shared" si="334"/>
        <v>3</v>
      </c>
      <c r="C2962" s="16">
        <v>2928</v>
      </c>
      <c r="D2962" cm="1">
        <f t="array" ref="D2962">IFERROR(INDEX(Jesper!AH$2:AH$366,ROUNDDOWN($C2962/24,0)+1,1)*INDEX($D$3:$AA$30,INDEX(Jesper!$R$2:$R$366,ROW(INDEX(Jesper!AH$2:AH$366,ROUNDDOWN($C2962/24,0)+1,1))-1)+IF('Standard Profiles'!$G$18=$B$10,7,0)+IF('Standard Profiles'!$G$18=$B$17,14,0)+IF('Standard Profiles'!$G$18=$B$24,21,0),MOD($C2962,24)+1)/SUM(INDEX($D$3:$AA$30,INDEX(Jesper!$R$2:$R$366,ROW(INDEX(Jesper!AH$2:AH$366,ROUNDDOWN($C2962/24,0)+1,1))-1)+IF('Standard Profiles'!$G$18=$B$10,7,0)+IF('Standard Profiles'!$G$18=$B$17,14,0)+IF('Standard Profiles'!$G$18=$B$24,21,0),0)),0)</f>
        <v>5.6495321620110763</v>
      </c>
      <c r="E2962" cm="1">
        <f t="array" ref="E2962">IFERROR(INDEX(Jesper!AI$2:AI$366,ROUNDDOWN($C2962/24,0)+1,1)*INDEX($D$3:$AA$30,INDEX(Jesper!$R$2:$R$366,ROW(INDEX(Jesper!AI$2:AI$366,ROUNDDOWN($C2962/24,0)+1,1))-1)+IF('Standard Profiles'!$G$19=$B$10,7,0)+IF('Standard Profiles'!$G$19=$B$17,14,0)+IF('Standard Profiles'!$G$19=$B$24,21,0),MOD($C2962,24)+1)/SUM(INDEX($D$3:$AA$30,INDEX(Jesper!$R$2:$R$366,ROW(INDEX(Jesper!AI$2:AI$366,ROUNDDOWN($C2962/24,0)+1,1))-1)+IF('Standard Profiles'!$G$19=$B$10,7,0)+IF('Standard Profiles'!$G$19=$B$17,14,0)+IF('Standard Profiles'!$G$19=$B$24,21,0),0)),0)</f>
        <v>3.4809397507912694</v>
      </c>
      <c r="F2962" cm="1">
        <f t="array" ref="F2962">IFERROR(INDEX(Jesper!AJ$2:AJ$366,ROUNDDOWN($C2962/24,0)+1,1)*INDEX($D$3:$AA$30,INDEX(Jesper!$R$2:$R$366,ROW(INDEX(Jesper!AJ$2:AJ$366,ROUNDDOWN($C2962/24,0)+1,1))-1)+IF('Standard Profiles'!$G$20=$B$10,7,0)+IF('Standard Profiles'!$G$20=$B$17,14,0)+IF('Standard Profiles'!$G$20=$B$24,21,0),MOD($C2962,24)+1)/SUM(INDEX($D$3:$AA$30,INDEX(Jesper!$R$2:$R$366,ROW(INDEX(Jesper!AJ$2:AJ$366,ROUNDDOWN($C2962/24,0)+1,1))-1)+IF('Standard Profiles'!$G$20=$B$10,7,0)+IF('Standard Profiles'!$G$20=$B$17,14,0)+IF('Standard Profiles'!$G$20=$B$24,21,0),0)),0)</f>
        <v>0</v>
      </c>
      <c r="G2962" cm="1">
        <f t="array" ref="G2962">IFERROR(INDEX(Jesper!AK$2:AK$366,ROUNDDOWN($C2962/24,0)+1,1)*INDEX($D$3:$AA$30,INDEX(Jesper!$R$2:$R$366,ROW(INDEX(Jesper!AK$2:AK$366,ROUNDDOWN($C2962/24,0)+1,1))-1)+IF('Standard Profiles'!$G$21=$B$10,7,0)+IF('Standard Profiles'!$G$21=$B$17,14,0)+IF('Standard Profiles'!$G$21=$B$24,21,0),MOD($C2962,24)+1)/SUM(INDEX($D$3:$AA$30,INDEX(Jesper!$R$2:$R$366,ROW(INDEX(Jesper!AK$2:AK$366,ROUNDDOWN($C2962/24,0)+1,1))-1)+IF('Standard Profiles'!$G$21=$B$10,7,0)+IF('Standard Profiles'!$G$21=$B$17,14,0)+IF('Standard Profiles'!$G$21=$B$24,21,0),0)),0)</f>
        <v>1.005428706408541</v>
      </c>
      <c r="H2962" cm="1">
        <f t="array" ref="H2962">IFERROR(INDEX(Jesper!AL$2:AL$366,ROUNDDOWN($C2962/24,0)+1,1)*INDEX($D$3:$AA$30,INDEX(Jesper!$R$2:$R$366,ROW(INDEX(Jesper!AL$2:AL$366,ROUNDDOWN($C2962/24,0)+1,1))-1)+IF('Standard Profiles'!$G$22=$B$10,7,0)+IF('Standard Profiles'!$G$22=$B$17,14,0)+IF('Standard Profiles'!$G$22=$B$24,21,0),MOD($C2962,24)+1)/SUM(INDEX($D$3:$AA$30,INDEX(Jesper!$R$2:$R$366,ROW(INDEX(Jesper!AL$2:AL$366,ROUNDDOWN($C2962/24,0)+1,1))-1)+IF('Standard Profiles'!$G$22=$B$10,7,0)+IF('Standard Profiles'!$G$22=$B$17,14,0)+IF('Standard Profiles'!$G$22=$B$24,21,0),0)),0)</f>
        <v>0</v>
      </c>
      <c r="I2962">
        <f t="shared" si="335"/>
        <v>0.48260577907609942</v>
      </c>
      <c r="J2962">
        <f t="shared" si="336"/>
        <v>8.7493696942130157</v>
      </c>
      <c r="K2962">
        <f t="shared" si="337"/>
        <v>0.60261676394784813</v>
      </c>
      <c r="L2962">
        <f t="shared" si="338"/>
        <v>0.30130838197392407</v>
      </c>
      <c r="M2962">
        <f t="shared" si="339"/>
        <v>0</v>
      </c>
      <c r="N2962" s="45">
        <f t="shared" si="340"/>
        <v>45048.999999992899</v>
      </c>
    </row>
    <row r="2963" spans="2:14" x14ac:dyDescent="0.25">
      <c r="B2963">
        <f t="shared" si="334"/>
        <v>3</v>
      </c>
      <c r="C2963" s="16">
        <v>2929</v>
      </c>
      <c r="D2963" cm="1">
        <f t="array" ref="D2963">IFERROR(INDEX(Jesper!AH$2:AH$366,ROUNDDOWN($C2963/24,0)+1,1)*INDEX($D$3:$AA$30,INDEX(Jesper!$R$2:$R$366,ROW(INDEX(Jesper!AH$2:AH$366,ROUNDDOWN($C2963/24,0)+1,1))-1)+IF('Standard Profiles'!$G$18=$B$10,7,0)+IF('Standard Profiles'!$G$18=$B$17,14,0)+IF('Standard Profiles'!$G$18=$B$24,21,0),MOD($C2963,24)+1)/SUM(INDEX($D$3:$AA$30,INDEX(Jesper!$R$2:$R$366,ROW(INDEX(Jesper!AH$2:AH$366,ROUNDDOWN($C2963/24,0)+1,1))-1)+IF('Standard Profiles'!$G$18=$B$10,7,0)+IF('Standard Profiles'!$G$18=$B$17,14,0)+IF('Standard Profiles'!$G$18=$B$24,21,0),0)),0)</f>
        <v>5.6495321620110763</v>
      </c>
      <c r="E2963" cm="1">
        <f t="array" ref="E2963">IFERROR(INDEX(Jesper!AI$2:AI$366,ROUNDDOWN($C2963/24,0)+1,1)*INDEX($D$3:$AA$30,INDEX(Jesper!$R$2:$R$366,ROW(INDEX(Jesper!AI$2:AI$366,ROUNDDOWN($C2963/24,0)+1,1))-1)+IF('Standard Profiles'!$G$19=$B$10,7,0)+IF('Standard Profiles'!$G$19=$B$17,14,0)+IF('Standard Profiles'!$G$19=$B$24,21,0),MOD($C2963,24)+1)/SUM(INDEX($D$3:$AA$30,INDEX(Jesper!$R$2:$R$366,ROW(INDEX(Jesper!AI$2:AI$366,ROUNDDOWN($C2963/24,0)+1,1))-1)+IF('Standard Profiles'!$G$19=$B$10,7,0)+IF('Standard Profiles'!$G$19=$B$17,14,0)+IF('Standard Profiles'!$G$19=$B$24,21,0),0)),0)</f>
        <v>3.4809397507912694</v>
      </c>
      <c r="F2963" cm="1">
        <f t="array" ref="F2963">IFERROR(INDEX(Jesper!AJ$2:AJ$366,ROUNDDOWN($C2963/24,0)+1,1)*INDEX($D$3:$AA$30,INDEX(Jesper!$R$2:$R$366,ROW(INDEX(Jesper!AJ$2:AJ$366,ROUNDDOWN($C2963/24,0)+1,1))-1)+IF('Standard Profiles'!$G$20=$B$10,7,0)+IF('Standard Profiles'!$G$20=$B$17,14,0)+IF('Standard Profiles'!$G$20=$B$24,21,0),MOD($C2963,24)+1)/SUM(INDEX($D$3:$AA$30,INDEX(Jesper!$R$2:$R$366,ROW(INDEX(Jesper!AJ$2:AJ$366,ROUNDDOWN($C2963/24,0)+1,1))-1)+IF('Standard Profiles'!$G$20=$B$10,7,0)+IF('Standard Profiles'!$G$20=$B$17,14,0)+IF('Standard Profiles'!$G$20=$B$24,21,0),0)),0)</f>
        <v>0</v>
      </c>
      <c r="G2963" cm="1">
        <f t="array" ref="G2963">IFERROR(INDEX(Jesper!AK$2:AK$366,ROUNDDOWN($C2963/24,0)+1,1)*INDEX($D$3:$AA$30,INDEX(Jesper!$R$2:$R$366,ROW(INDEX(Jesper!AK$2:AK$366,ROUNDDOWN($C2963/24,0)+1,1))-1)+IF('Standard Profiles'!$G$21=$B$10,7,0)+IF('Standard Profiles'!$G$21=$B$17,14,0)+IF('Standard Profiles'!$G$21=$B$24,21,0),MOD($C2963,24)+1)/SUM(INDEX($D$3:$AA$30,INDEX(Jesper!$R$2:$R$366,ROW(INDEX(Jesper!AK$2:AK$366,ROUNDDOWN($C2963/24,0)+1,1))-1)+IF('Standard Profiles'!$G$21=$B$10,7,0)+IF('Standard Profiles'!$G$21=$B$17,14,0)+IF('Standard Profiles'!$G$21=$B$24,21,0),0)),0)</f>
        <v>1.005428706408541</v>
      </c>
      <c r="H2963" cm="1">
        <f t="array" ref="H2963">IFERROR(INDEX(Jesper!AL$2:AL$366,ROUNDDOWN($C2963/24,0)+1,1)*INDEX($D$3:$AA$30,INDEX(Jesper!$R$2:$R$366,ROW(INDEX(Jesper!AL$2:AL$366,ROUNDDOWN($C2963/24,0)+1,1))-1)+IF('Standard Profiles'!$G$22=$B$10,7,0)+IF('Standard Profiles'!$G$22=$B$17,14,0)+IF('Standard Profiles'!$G$22=$B$24,21,0),MOD($C2963,24)+1)/SUM(INDEX($D$3:$AA$30,INDEX(Jesper!$R$2:$R$366,ROW(INDEX(Jesper!AL$2:AL$366,ROUNDDOWN($C2963/24,0)+1,1))-1)+IF('Standard Profiles'!$G$22=$B$10,7,0)+IF('Standard Profiles'!$G$22=$B$17,14,0)+IF('Standard Profiles'!$G$22=$B$24,21,0),0)),0)</f>
        <v>0</v>
      </c>
      <c r="I2963">
        <f t="shared" si="335"/>
        <v>0.48260577907609942</v>
      </c>
      <c r="J2963">
        <f t="shared" si="336"/>
        <v>8.7493696942130157</v>
      </c>
      <c r="K2963">
        <f t="shared" si="337"/>
        <v>0.60261676394784813</v>
      </c>
      <c r="L2963">
        <f t="shared" si="338"/>
        <v>0.30130838197392407</v>
      </c>
      <c r="M2963">
        <f t="shared" si="339"/>
        <v>0</v>
      </c>
      <c r="N2963" s="45">
        <f t="shared" si="340"/>
        <v>45049.041666659563</v>
      </c>
    </row>
    <row r="2964" spans="2:14" x14ac:dyDescent="0.25">
      <c r="B2964">
        <f t="shared" si="334"/>
        <v>3</v>
      </c>
      <c r="C2964" s="16">
        <v>2930</v>
      </c>
      <c r="D2964" cm="1">
        <f t="array" ref="D2964">IFERROR(INDEX(Jesper!AH$2:AH$366,ROUNDDOWN($C2964/24,0)+1,1)*INDEX($D$3:$AA$30,INDEX(Jesper!$R$2:$R$366,ROW(INDEX(Jesper!AH$2:AH$366,ROUNDDOWN($C2964/24,0)+1,1))-1)+IF('Standard Profiles'!$G$18=$B$10,7,0)+IF('Standard Profiles'!$G$18=$B$17,14,0)+IF('Standard Profiles'!$G$18=$B$24,21,0),MOD($C2964,24)+1)/SUM(INDEX($D$3:$AA$30,INDEX(Jesper!$R$2:$R$366,ROW(INDEX(Jesper!AH$2:AH$366,ROUNDDOWN($C2964/24,0)+1,1))-1)+IF('Standard Profiles'!$G$18=$B$10,7,0)+IF('Standard Profiles'!$G$18=$B$17,14,0)+IF('Standard Profiles'!$G$18=$B$24,21,0),0)),0)</f>
        <v>5.6495321620110763</v>
      </c>
      <c r="E2964" cm="1">
        <f t="array" ref="E2964">IFERROR(INDEX(Jesper!AI$2:AI$366,ROUNDDOWN($C2964/24,0)+1,1)*INDEX($D$3:$AA$30,INDEX(Jesper!$R$2:$R$366,ROW(INDEX(Jesper!AI$2:AI$366,ROUNDDOWN($C2964/24,0)+1,1))-1)+IF('Standard Profiles'!$G$19=$B$10,7,0)+IF('Standard Profiles'!$G$19=$B$17,14,0)+IF('Standard Profiles'!$G$19=$B$24,21,0),MOD($C2964,24)+1)/SUM(INDEX($D$3:$AA$30,INDEX(Jesper!$R$2:$R$366,ROW(INDEX(Jesper!AI$2:AI$366,ROUNDDOWN($C2964/24,0)+1,1))-1)+IF('Standard Profiles'!$G$19=$B$10,7,0)+IF('Standard Profiles'!$G$19=$B$17,14,0)+IF('Standard Profiles'!$G$19=$B$24,21,0),0)),0)</f>
        <v>3.4809397507912694</v>
      </c>
      <c r="F2964" cm="1">
        <f t="array" ref="F2964">IFERROR(INDEX(Jesper!AJ$2:AJ$366,ROUNDDOWN($C2964/24,0)+1,1)*INDEX($D$3:$AA$30,INDEX(Jesper!$R$2:$R$366,ROW(INDEX(Jesper!AJ$2:AJ$366,ROUNDDOWN($C2964/24,0)+1,1))-1)+IF('Standard Profiles'!$G$20=$B$10,7,0)+IF('Standard Profiles'!$G$20=$B$17,14,0)+IF('Standard Profiles'!$G$20=$B$24,21,0),MOD($C2964,24)+1)/SUM(INDEX($D$3:$AA$30,INDEX(Jesper!$R$2:$R$366,ROW(INDEX(Jesper!AJ$2:AJ$366,ROUNDDOWN($C2964/24,0)+1,1))-1)+IF('Standard Profiles'!$G$20=$B$10,7,0)+IF('Standard Profiles'!$G$20=$B$17,14,0)+IF('Standard Profiles'!$G$20=$B$24,21,0),0)),0)</f>
        <v>0</v>
      </c>
      <c r="G2964" cm="1">
        <f t="array" ref="G2964">IFERROR(INDEX(Jesper!AK$2:AK$366,ROUNDDOWN($C2964/24,0)+1,1)*INDEX($D$3:$AA$30,INDEX(Jesper!$R$2:$R$366,ROW(INDEX(Jesper!AK$2:AK$366,ROUNDDOWN($C2964/24,0)+1,1))-1)+IF('Standard Profiles'!$G$21=$B$10,7,0)+IF('Standard Profiles'!$G$21=$B$17,14,0)+IF('Standard Profiles'!$G$21=$B$24,21,0),MOD($C2964,24)+1)/SUM(INDEX($D$3:$AA$30,INDEX(Jesper!$R$2:$R$366,ROW(INDEX(Jesper!AK$2:AK$366,ROUNDDOWN($C2964/24,0)+1,1))-1)+IF('Standard Profiles'!$G$21=$B$10,7,0)+IF('Standard Profiles'!$G$21=$B$17,14,0)+IF('Standard Profiles'!$G$21=$B$24,21,0),0)),0)</f>
        <v>1.005428706408541</v>
      </c>
      <c r="H2964" cm="1">
        <f t="array" ref="H2964">IFERROR(INDEX(Jesper!AL$2:AL$366,ROUNDDOWN($C2964/24,0)+1,1)*INDEX($D$3:$AA$30,INDEX(Jesper!$R$2:$R$366,ROW(INDEX(Jesper!AL$2:AL$366,ROUNDDOWN($C2964/24,0)+1,1))-1)+IF('Standard Profiles'!$G$22=$B$10,7,0)+IF('Standard Profiles'!$G$22=$B$17,14,0)+IF('Standard Profiles'!$G$22=$B$24,21,0),MOD($C2964,24)+1)/SUM(INDEX($D$3:$AA$30,INDEX(Jesper!$R$2:$R$366,ROW(INDEX(Jesper!AL$2:AL$366,ROUNDDOWN($C2964/24,0)+1,1))-1)+IF('Standard Profiles'!$G$22=$B$10,7,0)+IF('Standard Profiles'!$G$22=$B$17,14,0)+IF('Standard Profiles'!$G$22=$B$24,21,0),0)),0)</f>
        <v>0</v>
      </c>
      <c r="I2964">
        <f t="shared" si="335"/>
        <v>0.48260577907609942</v>
      </c>
      <c r="J2964">
        <f t="shared" si="336"/>
        <v>8.7493696942130157</v>
      </c>
      <c r="K2964">
        <f t="shared" si="337"/>
        <v>0.60261676394784813</v>
      </c>
      <c r="L2964">
        <f t="shared" si="338"/>
        <v>0.30130838197392407</v>
      </c>
      <c r="M2964">
        <f t="shared" si="339"/>
        <v>0</v>
      </c>
      <c r="N2964" s="45">
        <f t="shared" si="340"/>
        <v>45049.083333326227</v>
      </c>
    </row>
    <row r="2965" spans="2:14" x14ac:dyDescent="0.25">
      <c r="B2965">
        <f t="shared" si="334"/>
        <v>3</v>
      </c>
      <c r="C2965" s="16">
        <v>2931</v>
      </c>
      <c r="D2965" cm="1">
        <f t="array" ref="D2965">IFERROR(INDEX(Jesper!AH$2:AH$366,ROUNDDOWN($C2965/24,0)+1,1)*INDEX($D$3:$AA$30,INDEX(Jesper!$R$2:$R$366,ROW(INDEX(Jesper!AH$2:AH$366,ROUNDDOWN($C2965/24,0)+1,1))-1)+IF('Standard Profiles'!$G$18=$B$10,7,0)+IF('Standard Profiles'!$G$18=$B$17,14,0)+IF('Standard Profiles'!$G$18=$B$24,21,0),MOD($C2965,24)+1)/SUM(INDEX($D$3:$AA$30,INDEX(Jesper!$R$2:$R$366,ROW(INDEX(Jesper!AH$2:AH$366,ROUNDDOWN($C2965/24,0)+1,1))-1)+IF('Standard Profiles'!$G$18=$B$10,7,0)+IF('Standard Profiles'!$G$18=$B$17,14,0)+IF('Standard Profiles'!$G$18=$B$24,21,0),0)),0)</f>
        <v>5.6495321620110763</v>
      </c>
      <c r="E2965" cm="1">
        <f t="array" ref="E2965">IFERROR(INDEX(Jesper!AI$2:AI$366,ROUNDDOWN($C2965/24,0)+1,1)*INDEX($D$3:$AA$30,INDEX(Jesper!$R$2:$R$366,ROW(INDEX(Jesper!AI$2:AI$366,ROUNDDOWN($C2965/24,0)+1,1))-1)+IF('Standard Profiles'!$G$19=$B$10,7,0)+IF('Standard Profiles'!$G$19=$B$17,14,0)+IF('Standard Profiles'!$G$19=$B$24,21,0),MOD($C2965,24)+1)/SUM(INDEX($D$3:$AA$30,INDEX(Jesper!$R$2:$R$366,ROW(INDEX(Jesper!AI$2:AI$366,ROUNDDOWN($C2965/24,0)+1,1))-1)+IF('Standard Profiles'!$G$19=$B$10,7,0)+IF('Standard Profiles'!$G$19=$B$17,14,0)+IF('Standard Profiles'!$G$19=$B$24,21,0),0)),0)</f>
        <v>3.4809397507912694</v>
      </c>
      <c r="F2965" cm="1">
        <f t="array" ref="F2965">IFERROR(INDEX(Jesper!AJ$2:AJ$366,ROUNDDOWN($C2965/24,0)+1,1)*INDEX($D$3:$AA$30,INDEX(Jesper!$R$2:$R$366,ROW(INDEX(Jesper!AJ$2:AJ$366,ROUNDDOWN($C2965/24,0)+1,1))-1)+IF('Standard Profiles'!$G$20=$B$10,7,0)+IF('Standard Profiles'!$G$20=$B$17,14,0)+IF('Standard Profiles'!$G$20=$B$24,21,0),MOD($C2965,24)+1)/SUM(INDEX($D$3:$AA$30,INDEX(Jesper!$R$2:$R$366,ROW(INDEX(Jesper!AJ$2:AJ$366,ROUNDDOWN($C2965/24,0)+1,1))-1)+IF('Standard Profiles'!$G$20=$B$10,7,0)+IF('Standard Profiles'!$G$20=$B$17,14,0)+IF('Standard Profiles'!$G$20=$B$24,21,0),0)),0)</f>
        <v>0</v>
      </c>
      <c r="G2965" cm="1">
        <f t="array" ref="G2965">IFERROR(INDEX(Jesper!AK$2:AK$366,ROUNDDOWN($C2965/24,0)+1,1)*INDEX($D$3:$AA$30,INDEX(Jesper!$R$2:$R$366,ROW(INDEX(Jesper!AK$2:AK$366,ROUNDDOWN($C2965/24,0)+1,1))-1)+IF('Standard Profiles'!$G$21=$B$10,7,0)+IF('Standard Profiles'!$G$21=$B$17,14,0)+IF('Standard Profiles'!$G$21=$B$24,21,0),MOD($C2965,24)+1)/SUM(INDEX($D$3:$AA$30,INDEX(Jesper!$R$2:$R$366,ROW(INDEX(Jesper!AK$2:AK$366,ROUNDDOWN($C2965/24,0)+1,1))-1)+IF('Standard Profiles'!$G$21=$B$10,7,0)+IF('Standard Profiles'!$G$21=$B$17,14,0)+IF('Standard Profiles'!$G$21=$B$24,21,0),0)),0)</f>
        <v>1.005428706408541</v>
      </c>
      <c r="H2965" cm="1">
        <f t="array" ref="H2965">IFERROR(INDEX(Jesper!AL$2:AL$366,ROUNDDOWN($C2965/24,0)+1,1)*INDEX($D$3:$AA$30,INDEX(Jesper!$R$2:$R$366,ROW(INDEX(Jesper!AL$2:AL$366,ROUNDDOWN($C2965/24,0)+1,1))-1)+IF('Standard Profiles'!$G$22=$B$10,7,0)+IF('Standard Profiles'!$G$22=$B$17,14,0)+IF('Standard Profiles'!$G$22=$B$24,21,0),MOD($C2965,24)+1)/SUM(INDEX($D$3:$AA$30,INDEX(Jesper!$R$2:$R$366,ROW(INDEX(Jesper!AL$2:AL$366,ROUNDDOWN($C2965/24,0)+1,1))-1)+IF('Standard Profiles'!$G$22=$B$10,7,0)+IF('Standard Profiles'!$G$22=$B$17,14,0)+IF('Standard Profiles'!$G$22=$B$24,21,0),0)),0)</f>
        <v>0</v>
      </c>
      <c r="I2965">
        <f t="shared" si="335"/>
        <v>0.48260577907609942</v>
      </c>
      <c r="J2965">
        <f t="shared" si="336"/>
        <v>8.7493696942130157</v>
      </c>
      <c r="K2965">
        <f t="shared" si="337"/>
        <v>0.60261676394784813</v>
      </c>
      <c r="L2965">
        <f t="shared" si="338"/>
        <v>0.30130838197392407</v>
      </c>
      <c r="M2965">
        <f t="shared" si="339"/>
        <v>0</v>
      </c>
      <c r="N2965" s="45">
        <f t="shared" si="340"/>
        <v>45049.124999992891</v>
      </c>
    </row>
    <row r="2966" spans="2:14" x14ac:dyDescent="0.25">
      <c r="B2966">
        <f t="shared" si="334"/>
        <v>3</v>
      </c>
      <c r="C2966" s="16">
        <v>2932</v>
      </c>
      <c r="D2966" cm="1">
        <f t="array" ref="D2966">IFERROR(INDEX(Jesper!AH$2:AH$366,ROUNDDOWN($C2966/24,0)+1,1)*INDEX($D$3:$AA$30,INDEX(Jesper!$R$2:$R$366,ROW(INDEX(Jesper!AH$2:AH$366,ROUNDDOWN($C2966/24,0)+1,1))-1)+IF('Standard Profiles'!$G$18=$B$10,7,0)+IF('Standard Profiles'!$G$18=$B$17,14,0)+IF('Standard Profiles'!$G$18=$B$24,21,0),MOD($C2966,24)+1)/SUM(INDEX($D$3:$AA$30,INDEX(Jesper!$R$2:$R$366,ROW(INDEX(Jesper!AH$2:AH$366,ROUNDDOWN($C2966/24,0)+1,1))-1)+IF('Standard Profiles'!$G$18=$B$10,7,0)+IF('Standard Profiles'!$G$18=$B$17,14,0)+IF('Standard Profiles'!$G$18=$B$24,21,0),0)),0)</f>
        <v>5.6495321620110763</v>
      </c>
      <c r="E2966" cm="1">
        <f t="array" ref="E2966">IFERROR(INDEX(Jesper!AI$2:AI$366,ROUNDDOWN($C2966/24,0)+1,1)*INDEX($D$3:$AA$30,INDEX(Jesper!$R$2:$R$366,ROW(INDEX(Jesper!AI$2:AI$366,ROUNDDOWN($C2966/24,0)+1,1))-1)+IF('Standard Profiles'!$G$19=$B$10,7,0)+IF('Standard Profiles'!$G$19=$B$17,14,0)+IF('Standard Profiles'!$G$19=$B$24,21,0),MOD($C2966,24)+1)/SUM(INDEX($D$3:$AA$30,INDEX(Jesper!$R$2:$R$366,ROW(INDEX(Jesper!AI$2:AI$366,ROUNDDOWN($C2966/24,0)+1,1))-1)+IF('Standard Profiles'!$G$19=$B$10,7,0)+IF('Standard Profiles'!$G$19=$B$17,14,0)+IF('Standard Profiles'!$G$19=$B$24,21,0),0)),0)</f>
        <v>3.4809397507912694</v>
      </c>
      <c r="F2966" cm="1">
        <f t="array" ref="F2966">IFERROR(INDEX(Jesper!AJ$2:AJ$366,ROUNDDOWN($C2966/24,0)+1,1)*INDEX($D$3:$AA$30,INDEX(Jesper!$R$2:$R$366,ROW(INDEX(Jesper!AJ$2:AJ$366,ROUNDDOWN($C2966/24,0)+1,1))-1)+IF('Standard Profiles'!$G$20=$B$10,7,0)+IF('Standard Profiles'!$G$20=$B$17,14,0)+IF('Standard Profiles'!$G$20=$B$24,21,0),MOD($C2966,24)+1)/SUM(INDEX($D$3:$AA$30,INDEX(Jesper!$R$2:$R$366,ROW(INDEX(Jesper!AJ$2:AJ$366,ROUNDDOWN($C2966/24,0)+1,1))-1)+IF('Standard Profiles'!$G$20=$B$10,7,0)+IF('Standard Profiles'!$G$20=$B$17,14,0)+IF('Standard Profiles'!$G$20=$B$24,21,0),0)),0)</f>
        <v>0</v>
      </c>
      <c r="G2966" cm="1">
        <f t="array" ref="G2966">IFERROR(INDEX(Jesper!AK$2:AK$366,ROUNDDOWN($C2966/24,0)+1,1)*INDEX($D$3:$AA$30,INDEX(Jesper!$R$2:$R$366,ROW(INDEX(Jesper!AK$2:AK$366,ROUNDDOWN($C2966/24,0)+1,1))-1)+IF('Standard Profiles'!$G$21=$B$10,7,0)+IF('Standard Profiles'!$G$21=$B$17,14,0)+IF('Standard Profiles'!$G$21=$B$24,21,0),MOD($C2966,24)+1)/SUM(INDEX($D$3:$AA$30,INDEX(Jesper!$R$2:$R$366,ROW(INDEX(Jesper!AK$2:AK$366,ROUNDDOWN($C2966/24,0)+1,1))-1)+IF('Standard Profiles'!$G$21=$B$10,7,0)+IF('Standard Profiles'!$G$21=$B$17,14,0)+IF('Standard Profiles'!$G$21=$B$24,21,0),0)),0)</f>
        <v>1.005428706408541</v>
      </c>
      <c r="H2966" cm="1">
        <f t="array" ref="H2966">IFERROR(INDEX(Jesper!AL$2:AL$366,ROUNDDOWN($C2966/24,0)+1,1)*INDEX($D$3:$AA$30,INDEX(Jesper!$R$2:$R$366,ROW(INDEX(Jesper!AL$2:AL$366,ROUNDDOWN($C2966/24,0)+1,1))-1)+IF('Standard Profiles'!$G$22=$B$10,7,0)+IF('Standard Profiles'!$G$22=$B$17,14,0)+IF('Standard Profiles'!$G$22=$B$24,21,0),MOD($C2966,24)+1)/SUM(INDEX($D$3:$AA$30,INDEX(Jesper!$R$2:$R$366,ROW(INDEX(Jesper!AL$2:AL$366,ROUNDDOWN($C2966/24,0)+1,1))-1)+IF('Standard Profiles'!$G$22=$B$10,7,0)+IF('Standard Profiles'!$G$22=$B$17,14,0)+IF('Standard Profiles'!$G$22=$B$24,21,0),0)),0)</f>
        <v>0</v>
      </c>
      <c r="I2966">
        <f t="shared" si="335"/>
        <v>0.48260577907609942</v>
      </c>
      <c r="J2966">
        <f t="shared" si="336"/>
        <v>8.7493696942130157</v>
      </c>
      <c r="K2966">
        <f t="shared" si="337"/>
        <v>0.60261676394784813</v>
      </c>
      <c r="L2966">
        <f t="shared" si="338"/>
        <v>0.30130838197392407</v>
      </c>
      <c r="M2966">
        <f t="shared" si="339"/>
        <v>0</v>
      </c>
      <c r="N2966" s="45">
        <f t="shared" si="340"/>
        <v>45049.166666659556</v>
      </c>
    </row>
    <row r="2967" spans="2:14" x14ac:dyDescent="0.25">
      <c r="B2967">
        <f t="shared" si="334"/>
        <v>3</v>
      </c>
      <c r="C2967" s="16">
        <v>2933</v>
      </c>
      <c r="D2967" cm="1">
        <f t="array" ref="D2967">IFERROR(INDEX(Jesper!AH$2:AH$366,ROUNDDOWN($C2967/24,0)+1,1)*INDEX($D$3:$AA$30,INDEX(Jesper!$R$2:$R$366,ROW(INDEX(Jesper!AH$2:AH$366,ROUNDDOWN($C2967/24,0)+1,1))-1)+IF('Standard Profiles'!$G$18=$B$10,7,0)+IF('Standard Profiles'!$G$18=$B$17,14,0)+IF('Standard Profiles'!$G$18=$B$24,21,0),MOD($C2967,24)+1)/SUM(INDEX($D$3:$AA$30,INDEX(Jesper!$R$2:$R$366,ROW(INDEX(Jesper!AH$2:AH$366,ROUNDDOWN($C2967/24,0)+1,1))-1)+IF('Standard Profiles'!$G$18=$B$10,7,0)+IF('Standard Profiles'!$G$18=$B$17,14,0)+IF('Standard Profiles'!$G$18=$B$24,21,0),0)),0)</f>
        <v>5.6495321620110763</v>
      </c>
      <c r="E2967" cm="1">
        <f t="array" ref="E2967">IFERROR(INDEX(Jesper!AI$2:AI$366,ROUNDDOWN($C2967/24,0)+1,1)*INDEX($D$3:$AA$30,INDEX(Jesper!$R$2:$R$366,ROW(INDEX(Jesper!AI$2:AI$366,ROUNDDOWN($C2967/24,0)+1,1))-1)+IF('Standard Profiles'!$G$19=$B$10,7,0)+IF('Standard Profiles'!$G$19=$B$17,14,0)+IF('Standard Profiles'!$G$19=$B$24,21,0),MOD($C2967,24)+1)/SUM(INDEX($D$3:$AA$30,INDEX(Jesper!$R$2:$R$366,ROW(INDEX(Jesper!AI$2:AI$366,ROUNDDOWN($C2967/24,0)+1,1))-1)+IF('Standard Profiles'!$G$19=$B$10,7,0)+IF('Standard Profiles'!$G$19=$B$17,14,0)+IF('Standard Profiles'!$G$19=$B$24,21,0),0)),0)</f>
        <v>3.4809397507912694</v>
      </c>
      <c r="F2967" cm="1">
        <f t="array" ref="F2967">IFERROR(INDEX(Jesper!AJ$2:AJ$366,ROUNDDOWN($C2967/24,0)+1,1)*INDEX($D$3:$AA$30,INDEX(Jesper!$R$2:$R$366,ROW(INDEX(Jesper!AJ$2:AJ$366,ROUNDDOWN($C2967/24,0)+1,1))-1)+IF('Standard Profiles'!$G$20=$B$10,7,0)+IF('Standard Profiles'!$G$20=$B$17,14,0)+IF('Standard Profiles'!$G$20=$B$24,21,0),MOD($C2967,24)+1)/SUM(INDEX($D$3:$AA$30,INDEX(Jesper!$R$2:$R$366,ROW(INDEX(Jesper!AJ$2:AJ$366,ROUNDDOWN($C2967/24,0)+1,1))-1)+IF('Standard Profiles'!$G$20=$B$10,7,0)+IF('Standard Profiles'!$G$20=$B$17,14,0)+IF('Standard Profiles'!$G$20=$B$24,21,0),0)),0)</f>
        <v>0</v>
      </c>
      <c r="G2967" cm="1">
        <f t="array" ref="G2967">IFERROR(INDEX(Jesper!AK$2:AK$366,ROUNDDOWN($C2967/24,0)+1,1)*INDEX($D$3:$AA$30,INDEX(Jesper!$R$2:$R$366,ROW(INDEX(Jesper!AK$2:AK$366,ROUNDDOWN($C2967/24,0)+1,1))-1)+IF('Standard Profiles'!$G$21=$B$10,7,0)+IF('Standard Profiles'!$G$21=$B$17,14,0)+IF('Standard Profiles'!$G$21=$B$24,21,0),MOD($C2967,24)+1)/SUM(INDEX($D$3:$AA$30,INDEX(Jesper!$R$2:$R$366,ROW(INDEX(Jesper!AK$2:AK$366,ROUNDDOWN($C2967/24,0)+1,1))-1)+IF('Standard Profiles'!$G$21=$B$10,7,0)+IF('Standard Profiles'!$G$21=$B$17,14,0)+IF('Standard Profiles'!$G$21=$B$24,21,0),0)),0)</f>
        <v>1.005428706408541</v>
      </c>
      <c r="H2967" cm="1">
        <f t="array" ref="H2967">IFERROR(INDEX(Jesper!AL$2:AL$366,ROUNDDOWN($C2967/24,0)+1,1)*INDEX($D$3:$AA$30,INDEX(Jesper!$R$2:$R$366,ROW(INDEX(Jesper!AL$2:AL$366,ROUNDDOWN($C2967/24,0)+1,1))-1)+IF('Standard Profiles'!$G$22=$B$10,7,0)+IF('Standard Profiles'!$G$22=$B$17,14,0)+IF('Standard Profiles'!$G$22=$B$24,21,0),MOD($C2967,24)+1)/SUM(INDEX($D$3:$AA$30,INDEX(Jesper!$R$2:$R$366,ROW(INDEX(Jesper!AL$2:AL$366,ROUNDDOWN($C2967/24,0)+1,1))-1)+IF('Standard Profiles'!$G$22=$B$10,7,0)+IF('Standard Profiles'!$G$22=$B$17,14,0)+IF('Standard Profiles'!$G$22=$B$24,21,0),0)),0)</f>
        <v>0</v>
      </c>
      <c r="I2967">
        <f t="shared" si="335"/>
        <v>0.48260577907609942</v>
      </c>
      <c r="J2967">
        <f t="shared" si="336"/>
        <v>8.7493696942130157</v>
      </c>
      <c r="K2967">
        <f t="shared" si="337"/>
        <v>0.60261676394784813</v>
      </c>
      <c r="L2967">
        <f t="shared" si="338"/>
        <v>0.30130838197392407</v>
      </c>
      <c r="M2967">
        <f t="shared" si="339"/>
        <v>0</v>
      </c>
      <c r="N2967" s="45">
        <f t="shared" si="340"/>
        <v>45049.20833332622</v>
      </c>
    </row>
    <row r="2968" spans="2:14" x14ac:dyDescent="0.25">
      <c r="B2968">
        <f t="shared" si="334"/>
        <v>3</v>
      </c>
      <c r="C2968" s="16">
        <v>2934</v>
      </c>
      <c r="D2968" cm="1">
        <f t="array" ref="D2968">IFERROR(INDEX(Jesper!AH$2:AH$366,ROUNDDOWN($C2968/24,0)+1,1)*INDEX($D$3:$AA$30,INDEX(Jesper!$R$2:$R$366,ROW(INDEX(Jesper!AH$2:AH$366,ROUNDDOWN($C2968/24,0)+1,1))-1)+IF('Standard Profiles'!$G$18=$B$10,7,0)+IF('Standard Profiles'!$G$18=$B$17,14,0)+IF('Standard Profiles'!$G$18=$B$24,21,0),MOD($C2968,24)+1)/SUM(INDEX($D$3:$AA$30,INDEX(Jesper!$R$2:$R$366,ROW(INDEX(Jesper!AH$2:AH$366,ROUNDDOWN($C2968/24,0)+1,1))-1)+IF('Standard Profiles'!$G$18=$B$10,7,0)+IF('Standard Profiles'!$G$18=$B$17,14,0)+IF('Standard Profiles'!$G$18=$B$24,21,0),0)),0)</f>
        <v>5.6495321620110763</v>
      </c>
      <c r="E2968" cm="1">
        <f t="array" ref="E2968">IFERROR(INDEX(Jesper!AI$2:AI$366,ROUNDDOWN($C2968/24,0)+1,1)*INDEX($D$3:$AA$30,INDEX(Jesper!$R$2:$R$366,ROW(INDEX(Jesper!AI$2:AI$366,ROUNDDOWN($C2968/24,0)+1,1))-1)+IF('Standard Profiles'!$G$19=$B$10,7,0)+IF('Standard Profiles'!$G$19=$B$17,14,0)+IF('Standard Profiles'!$G$19=$B$24,21,0),MOD($C2968,24)+1)/SUM(INDEX($D$3:$AA$30,INDEX(Jesper!$R$2:$R$366,ROW(INDEX(Jesper!AI$2:AI$366,ROUNDDOWN($C2968/24,0)+1,1))-1)+IF('Standard Profiles'!$G$19=$B$10,7,0)+IF('Standard Profiles'!$G$19=$B$17,14,0)+IF('Standard Profiles'!$G$19=$B$24,21,0),0)),0)</f>
        <v>3.4809397507912694</v>
      </c>
      <c r="F2968" cm="1">
        <f t="array" ref="F2968">IFERROR(INDEX(Jesper!AJ$2:AJ$366,ROUNDDOWN($C2968/24,0)+1,1)*INDEX($D$3:$AA$30,INDEX(Jesper!$R$2:$R$366,ROW(INDEX(Jesper!AJ$2:AJ$366,ROUNDDOWN($C2968/24,0)+1,1))-1)+IF('Standard Profiles'!$G$20=$B$10,7,0)+IF('Standard Profiles'!$G$20=$B$17,14,0)+IF('Standard Profiles'!$G$20=$B$24,21,0),MOD($C2968,24)+1)/SUM(INDEX($D$3:$AA$30,INDEX(Jesper!$R$2:$R$366,ROW(INDEX(Jesper!AJ$2:AJ$366,ROUNDDOWN($C2968/24,0)+1,1))-1)+IF('Standard Profiles'!$G$20=$B$10,7,0)+IF('Standard Profiles'!$G$20=$B$17,14,0)+IF('Standard Profiles'!$G$20=$B$24,21,0),0)),0)</f>
        <v>0</v>
      </c>
      <c r="G2968" cm="1">
        <f t="array" ref="G2968">IFERROR(INDEX(Jesper!AK$2:AK$366,ROUNDDOWN($C2968/24,0)+1,1)*INDEX($D$3:$AA$30,INDEX(Jesper!$R$2:$R$366,ROW(INDEX(Jesper!AK$2:AK$366,ROUNDDOWN($C2968/24,0)+1,1))-1)+IF('Standard Profiles'!$G$21=$B$10,7,0)+IF('Standard Profiles'!$G$21=$B$17,14,0)+IF('Standard Profiles'!$G$21=$B$24,21,0),MOD($C2968,24)+1)/SUM(INDEX($D$3:$AA$30,INDEX(Jesper!$R$2:$R$366,ROW(INDEX(Jesper!AK$2:AK$366,ROUNDDOWN($C2968/24,0)+1,1))-1)+IF('Standard Profiles'!$G$21=$B$10,7,0)+IF('Standard Profiles'!$G$21=$B$17,14,0)+IF('Standard Profiles'!$G$21=$B$24,21,0),0)),0)</f>
        <v>1.005428706408541</v>
      </c>
      <c r="H2968" cm="1">
        <f t="array" ref="H2968">IFERROR(INDEX(Jesper!AL$2:AL$366,ROUNDDOWN($C2968/24,0)+1,1)*INDEX($D$3:$AA$30,INDEX(Jesper!$R$2:$R$366,ROW(INDEX(Jesper!AL$2:AL$366,ROUNDDOWN($C2968/24,0)+1,1))-1)+IF('Standard Profiles'!$G$22=$B$10,7,0)+IF('Standard Profiles'!$G$22=$B$17,14,0)+IF('Standard Profiles'!$G$22=$B$24,21,0),MOD($C2968,24)+1)/SUM(INDEX($D$3:$AA$30,INDEX(Jesper!$R$2:$R$366,ROW(INDEX(Jesper!AL$2:AL$366,ROUNDDOWN($C2968/24,0)+1,1))-1)+IF('Standard Profiles'!$G$22=$B$10,7,0)+IF('Standard Profiles'!$G$22=$B$17,14,0)+IF('Standard Profiles'!$G$22=$B$24,21,0),0)),0)</f>
        <v>0</v>
      </c>
      <c r="I2968">
        <f t="shared" si="335"/>
        <v>0.48260577907609942</v>
      </c>
      <c r="J2968">
        <f t="shared" si="336"/>
        <v>8.7493696942130157</v>
      </c>
      <c r="K2968">
        <f t="shared" si="337"/>
        <v>0.60261676394784813</v>
      </c>
      <c r="L2968">
        <f t="shared" si="338"/>
        <v>0.30130838197392407</v>
      </c>
      <c r="M2968">
        <f t="shared" si="339"/>
        <v>0</v>
      </c>
      <c r="N2968" s="45">
        <f t="shared" si="340"/>
        <v>45049.249999992884</v>
      </c>
    </row>
    <row r="2969" spans="2:14" x14ac:dyDescent="0.25">
      <c r="B2969">
        <f t="shared" si="334"/>
        <v>3</v>
      </c>
      <c r="C2969" s="16">
        <v>2935</v>
      </c>
      <c r="D2969" cm="1">
        <f t="array" ref="D2969">IFERROR(INDEX(Jesper!AH$2:AH$366,ROUNDDOWN($C2969/24,0)+1,1)*INDEX($D$3:$AA$30,INDEX(Jesper!$R$2:$R$366,ROW(INDEX(Jesper!AH$2:AH$366,ROUNDDOWN($C2969/24,0)+1,1))-1)+IF('Standard Profiles'!$G$18=$B$10,7,0)+IF('Standard Profiles'!$G$18=$B$17,14,0)+IF('Standard Profiles'!$G$18=$B$24,21,0),MOD($C2969,24)+1)/SUM(INDEX($D$3:$AA$30,INDEX(Jesper!$R$2:$R$366,ROW(INDEX(Jesper!AH$2:AH$366,ROUNDDOWN($C2969/24,0)+1,1))-1)+IF('Standard Profiles'!$G$18=$B$10,7,0)+IF('Standard Profiles'!$G$18=$B$17,14,0)+IF('Standard Profiles'!$G$18=$B$24,21,0),0)),0)</f>
        <v>23.094602686524063</v>
      </c>
      <c r="E2969" cm="1">
        <f t="array" ref="E2969">IFERROR(INDEX(Jesper!AI$2:AI$366,ROUNDDOWN($C2969/24,0)+1,1)*INDEX($D$3:$AA$30,INDEX(Jesper!$R$2:$R$366,ROW(INDEX(Jesper!AI$2:AI$366,ROUNDDOWN($C2969/24,0)+1,1))-1)+IF('Standard Profiles'!$G$19=$B$10,7,0)+IF('Standard Profiles'!$G$19=$B$17,14,0)+IF('Standard Profiles'!$G$19=$B$24,21,0),MOD($C2969,24)+1)/SUM(INDEX($D$3:$AA$30,INDEX(Jesper!$R$2:$R$366,ROW(INDEX(Jesper!AI$2:AI$366,ROUNDDOWN($C2969/24,0)+1,1))-1)+IF('Standard Profiles'!$G$19=$B$10,7,0)+IF('Standard Profiles'!$G$19=$B$17,14,0)+IF('Standard Profiles'!$G$19=$B$24,21,0),0)),0)</f>
        <v>14.229659769143703</v>
      </c>
      <c r="F2969" cm="1">
        <f t="array" ref="F2969">IFERROR(INDEX(Jesper!AJ$2:AJ$366,ROUNDDOWN($C2969/24,0)+1,1)*INDEX($D$3:$AA$30,INDEX(Jesper!$R$2:$R$366,ROW(INDEX(Jesper!AJ$2:AJ$366,ROUNDDOWN($C2969/24,0)+1,1))-1)+IF('Standard Profiles'!$G$20=$B$10,7,0)+IF('Standard Profiles'!$G$20=$B$17,14,0)+IF('Standard Profiles'!$G$20=$B$24,21,0),MOD($C2969,24)+1)/SUM(INDEX($D$3:$AA$30,INDEX(Jesper!$R$2:$R$366,ROW(INDEX(Jesper!AJ$2:AJ$366,ROUNDDOWN($C2969/24,0)+1,1))-1)+IF('Standard Profiles'!$G$20=$B$10,7,0)+IF('Standard Profiles'!$G$20=$B$17,14,0)+IF('Standard Profiles'!$G$20=$B$24,21,0),0)),0)</f>
        <v>0</v>
      </c>
      <c r="G2969" cm="1">
        <f t="array" ref="G2969">IFERROR(INDEX(Jesper!AK$2:AK$366,ROUNDDOWN($C2969/24,0)+1,1)*INDEX($D$3:$AA$30,INDEX(Jesper!$R$2:$R$366,ROW(INDEX(Jesper!AK$2:AK$366,ROUNDDOWN($C2969/24,0)+1,1))-1)+IF('Standard Profiles'!$G$21=$B$10,7,0)+IF('Standard Profiles'!$G$21=$B$17,14,0)+IF('Standard Profiles'!$G$21=$B$24,21,0),MOD($C2969,24)+1)/SUM(INDEX($D$3:$AA$30,INDEX(Jesper!$R$2:$R$366,ROW(INDEX(Jesper!AK$2:AK$366,ROUNDDOWN($C2969/24,0)+1,1))-1)+IF('Standard Profiles'!$G$21=$B$10,7,0)+IF('Standard Profiles'!$G$21=$B$17,14,0)+IF('Standard Profiles'!$G$21=$B$24,21,0),0)),0)</f>
        <v>2.7699560861555299</v>
      </c>
      <c r="H2969" cm="1">
        <f t="array" ref="H2969">IFERROR(INDEX(Jesper!AL$2:AL$366,ROUNDDOWN($C2969/24,0)+1,1)*INDEX($D$3:$AA$30,INDEX(Jesper!$R$2:$R$366,ROW(INDEX(Jesper!AL$2:AL$366,ROUNDDOWN($C2969/24,0)+1,1))-1)+IF('Standard Profiles'!$G$22=$B$10,7,0)+IF('Standard Profiles'!$G$22=$B$17,14,0)+IF('Standard Profiles'!$G$22=$B$24,21,0),MOD($C2969,24)+1)/SUM(INDEX($D$3:$AA$30,INDEX(Jesper!$R$2:$R$366,ROW(INDEX(Jesper!AL$2:AL$366,ROUNDDOWN($C2969/24,0)+1,1))-1)+IF('Standard Profiles'!$G$22=$B$10,7,0)+IF('Standard Profiles'!$G$22=$B$17,14,0)+IF('Standard Profiles'!$G$22=$B$24,21,0),0)),0)</f>
        <v>0</v>
      </c>
      <c r="I2969">
        <f t="shared" si="335"/>
        <v>1.3295789213546536</v>
      </c>
      <c r="J2969">
        <f t="shared" si="336"/>
        <v>35.069503190624793</v>
      </c>
      <c r="K2969">
        <f t="shared" si="337"/>
        <v>2.4634242865625668</v>
      </c>
      <c r="L2969">
        <f t="shared" si="338"/>
        <v>1.2317121432812834</v>
      </c>
      <c r="M2969">
        <f t="shared" si="339"/>
        <v>0</v>
      </c>
      <c r="N2969" s="45">
        <f t="shared" si="340"/>
        <v>45049.291666659548</v>
      </c>
    </row>
    <row r="2970" spans="2:14" x14ac:dyDescent="0.25">
      <c r="B2970">
        <f t="shared" si="334"/>
        <v>3</v>
      </c>
      <c r="C2970" s="16">
        <v>2936</v>
      </c>
      <c r="D2970" cm="1">
        <f t="array" ref="D2970">IFERROR(INDEX(Jesper!AH$2:AH$366,ROUNDDOWN($C2970/24,0)+1,1)*INDEX($D$3:$AA$30,INDEX(Jesper!$R$2:$R$366,ROW(INDEX(Jesper!AH$2:AH$366,ROUNDDOWN($C2970/24,0)+1,1))-1)+IF('Standard Profiles'!$G$18=$B$10,7,0)+IF('Standard Profiles'!$G$18=$B$17,14,0)+IF('Standard Profiles'!$G$18=$B$24,21,0),MOD($C2970,24)+1)/SUM(INDEX($D$3:$AA$30,INDEX(Jesper!$R$2:$R$366,ROW(INDEX(Jesper!AH$2:AH$366,ROUNDDOWN($C2970/24,0)+1,1))-1)+IF('Standard Profiles'!$G$18=$B$10,7,0)+IF('Standard Profiles'!$G$18=$B$17,14,0)+IF('Standard Profiles'!$G$18=$B$24,21,0),0)),0)</f>
        <v>25.768714576542639</v>
      </c>
      <c r="E2970" cm="1">
        <f t="array" ref="E2970">IFERROR(INDEX(Jesper!AI$2:AI$366,ROUNDDOWN($C2970/24,0)+1,1)*INDEX($D$3:$AA$30,INDEX(Jesper!$R$2:$R$366,ROW(INDEX(Jesper!AI$2:AI$366,ROUNDDOWN($C2970/24,0)+1,1))-1)+IF('Standard Profiles'!$G$19=$B$10,7,0)+IF('Standard Profiles'!$G$19=$B$17,14,0)+IF('Standard Profiles'!$G$19=$B$24,21,0),MOD($C2970,24)+1)/SUM(INDEX($D$3:$AA$30,INDEX(Jesper!$R$2:$R$366,ROW(INDEX(Jesper!AI$2:AI$366,ROUNDDOWN($C2970/24,0)+1,1))-1)+IF('Standard Profiles'!$G$19=$B$10,7,0)+IF('Standard Profiles'!$G$19=$B$17,14,0)+IF('Standard Profiles'!$G$19=$B$24,21,0),0)),0)</f>
        <v>15.877304584518239</v>
      </c>
      <c r="F2970" cm="1">
        <f t="array" ref="F2970">IFERROR(INDEX(Jesper!AJ$2:AJ$366,ROUNDDOWN($C2970/24,0)+1,1)*INDEX($D$3:$AA$30,INDEX(Jesper!$R$2:$R$366,ROW(INDEX(Jesper!AJ$2:AJ$366,ROUNDDOWN($C2970/24,0)+1,1))-1)+IF('Standard Profiles'!$G$20=$B$10,7,0)+IF('Standard Profiles'!$G$20=$B$17,14,0)+IF('Standard Profiles'!$G$20=$B$24,21,0),MOD($C2970,24)+1)/SUM(INDEX($D$3:$AA$30,INDEX(Jesper!$R$2:$R$366,ROW(INDEX(Jesper!AJ$2:AJ$366,ROUNDDOWN($C2970/24,0)+1,1))-1)+IF('Standard Profiles'!$G$20=$B$10,7,0)+IF('Standard Profiles'!$G$20=$B$17,14,0)+IF('Standard Profiles'!$G$20=$B$24,21,0),0)),0)</f>
        <v>0</v>
      </c>
      <c r="G2970" cm="1">
        <f t="array" ref="G2970">IFERROR(INDEX(Jesper!AK$2:AK$366,ROUNDDOWN($C2970/24,0)+1,1)*INDEX($D$3:$AA$30,INDEX(Jesper!$R$2:$R$366,ROW(INDEX(Jesper!AK$2:AK$366,ROUNDDOWN($C2970/24,0)+1,1))-1)+IF('Standard Profiles'!$G$21=$B$10,7,0)+IF('Standard Profiles'!$G$21=$B$17,14,0)+IF('Standard Profiles'!$G$21=$B$24,21,0),MOD($C2970,24)+1)/SUM(INDEX($D$3:$AA$30,INDEX(Jesper!$R$2:$R$366,ROW(INDEX(Jesper!AK$2:AK$366,ROUNDDOWN($C2970/24,0)+1,1))-1)+IF('Standard Profiles'!$G$21=$B$10,7,0)+IF('Standard Profiles'!$G$21=$B$17,14,0)+IF('Standard Profiles'!$G$21=$B$24,21,0),0)),0)</f>
        <v>3.0906878434998548</v>
      </c>
      <c r="H2970" cm="1">
        <f t="array" ref="H2970">IFERROR(INDEX(Jesper!AL$2:AL$366,ROUNDDOWN($C2970/24,0)+1,1)*INDEX($D$3:$AA$30,INDEX(Jesper!$R$2:$R$366,ROW(INDEX(Jesper!AL$2:AL$366,ROUNDDOWN($C2970/24,0)+1,1))-1)+IF('Standard Profiles'!$G$22=$B$10,7,0)+IF('Standard Profiles'!$G$22=$B$17,14,0)+IF('Standard Profiles'!$G$22=$B$24,21,0),MOD($C2970,24)+1)/SUM(INDEX($D$3:$AA$30,INDEX(Jesper!$R$2:$R$366,ROW(INDEX(Jesper!AL$2:AL$366,ROUNDDOWN($C2970/24,0)+1,1))-1)+IF('Standard Profiles'!$G$22=$B$10,7,0)+IF('Standard Profiles'!$G$22=$B$17,14,0)+IF('Standard Profiles'!$G$22=$B$24,21,0),0)),0)</f>
        <v>0</v>
      </c>
      <c r="I2970">
        <f t="shared" si="335"/>
        <v>1.4835301648799295</v>
      </c>
      <c r="J2970">
        <f t="shared" si="336"/>
        <v>39.130182507433986</v>
      </c>
      <c r="K2970">
        <f t="shared" si="337"/>
        <v>2.7486628881645485</v>
      </c>
      <c r="L2970">
        <f t="shared" si="338"/>
        <v>1.3743314440822743</v>
      </c>
      <c r="M2970">
        <f t="shared" si="339"/>
        <v>0</v>
      </c>
      <c r="N2970" s="45">
        <f t="shared" si="340"/>
        <v>45049.333333326213</v>
      </c>
    </row>
    <row r="2971" spans="2:14" x14ac:dyDescent="0.25">
      <c r="B2971">
        <f t="shared" si="334"/>
        <v>3</v>
      </c>
      <c r="C2971" s="16">
        <v>2937</v>
      </c>
      <c r="D2971" cm="1">
        <f t="array" ref="D2971">IFERROR(INDEX(Jesper!AH$2:AH$366,ROUNDDOWN($C2971/24,0)+1,1)*INDEX($D$3:$AA$30,INDEX(Jesper!$R$2:$R$366,ROW(INDEX(Jesper!AH$2:AH$366,ROUNDDOWN($C2971/24,0)+1,1))-1)+IF('Standard Profiles'!$G$18=$B$10,7,0)+IF('Standard Profiles'!$G$18=$B$17,14,0)+IF('Standard Profiles'!$G$18=$B$24,21,0),MOD($C2971,24)+1)/SUM(INDEX($D$3:$AA$30,INDEX(Jesper!$R$2:$R$366,ROW(INDEX(Jesper!AH$2:AH$366,ROUNDDOWN($C2971/24,0)+1,1))-1)+IF('Standard Profiles'!$G$18=$B$10,7,0)+IF('Standard Profiles'!$G$18=$B$17,14,0)+IF('Standard Profiles'!$G$18=$B$24,21,0),0)),0)</f>
        <v>28.442826466561215</v>
      </c>
      <c r="E2971" cm="1">
        <f t="array" ref="E2971">IFERROR(INDEX(Jesper!AI$2:AI$366,ROUNDDOWN($C2971/24,0)+1,1)*INDEX($D$3:$AA$30,INDEX(Jesper!$R$2:$R$366,ROW(INDEX(Jesper!AI$2:AI$366,ROUNDDOWN($C2971/24,0)+1,1))-1)+IF('Standard Profiles'!$G$19=$B$10,7,0)+IF('Standard Profiles'!$G$19=$B$17,14,0)+IF('Standard Profiles'!$G$19=$B$24,21,0),MOD($C2971,24)+1)/SUM(INDEX($D$3:$AA$30,INDEX(Jesper!$R$2:$R$366,ROW(INDEX(Jesper!AI$2:AI$366,ROUNDDOWN($C2971/24,0)+1,1))-1)+IF('Standard Profiles'!$G$19=$B$10,7,0)+IF('Standard Profiles'!$G$19=$B$17,14,0)+IF('Standard Profiles'!$G$19=$B$24,21,0),0)),0)</f>
        <v>17.524949399892773</v>
      </c>
      <c r="F2971" cm="1">
        <f t="array" ref="F2971">IFERROR(INDEX(Jesper!AJ$2:AJ$366,ROUNDDOWN($C2971/24,0)+1,1)*INDEX($D$3:$AA$30,INDEX(Jesper!$R$2:$R$366,ROW(INDEX(Jesper!AJ$2:AJ$366,ROUNDDOWN($C2971/24,0)+1,1))-1)+IF('Standard Profiles'!$G$20=$B$10,7,0)+IF('Standard Profiles'!$G$20=$B$17,14,0)+IF('Standard Profiles'!$G$20=$B$24,21,0),MOD($C2971,24)+1)/SUM(INDEX($D$3:$AA$30,INDEX(Jesper!$R$2:$R$366,ROW(INDEX(Jesper!AJ$2:AJ$366,ROUNDDOWN($C2971/24,0)+1,1))-1)+IF('Standard Profiles'!$G$20=$B$10,7,0)+IF('Standard Profiles'!$G$20=$B$17,14,0)+IF('Standard Profiles'!$G$20=$B$24,21,0),0)),0)</f>
        <v>0</v>
      </c>
      <c r="G2971" cm="1">
        <f t="array" ref="G2971">IFERROR(INDEX(Jesper!AK$2:AK$366,ROUNDDOWN($C2971/24,0)+1,1)*INDEX($D$3:$AA$30,INDEX(Jesper!$R$2:$R$366,ROW(INDEX(Jesper!AK$2:AK$366,ROUNDDOWN($C2971/24,0)+1,1))-1)+IF('Standard Profiles'!$G$21=$B$10,7,0)+IF('Standard Profiles'!$G$21=$B$17,14,0)+IF('Standard Profiles'!$G$21=$B$24,21,0),MOD($C2971,24)+1)/SUM(INDEX($D$3:$AA$30,INDEX(Jesper!$R$2:$R$366,ROW(INDEX(Jesper!AK$2:AK$366,ROUNDDOWN($C2971/24,0)+1,1))-1)+IF('Standard Profiles'!$G$21=$B$10,7,0)+IF('Standard Profiles'!$G$21=$B$17,14,0)+IF('Standard Profiles'!$G$21=$B$24,21,0),0)),0)</f>
        <v>3.4114196008441788</v>
      </c>
      <c r="H2971" cm="1">
        <f t="array" ref="H2971">IFERROR(INDEX(Jesper!AL$2:AL$366,ROUNDDOWN($C2971/24,0)+1,1)*INDEX($D$3:$AA$30,INDEX(Jesper!$R$2:$R$366,ROW(INDEX(Jesper!AL$2:AL$366,ROUNDDOWN($C2971/24,0)+1,1))-1)+IF('Standard Profiles'!$G$22=$B$10,7,0)+IF('Standard Profiles'!$G$22=$B$17,14,0)+IF('Standard Profiles'!$G$22=$B$24,21,0),MOD($C2971,24)+1)/SUM(INDEX($D$3:$AA$30,INDEX(Jesper!$R$2:$R$366,ROW(INDEX(Jesper!AL$2:AL$366,ROUNDDOWN($C2971/24,0)+1,1))-1)+IF('Standard Profiles'!$G$22=$B$10,7,0)+IF('Standard Profiles'!$G$22=$B$17,14,0)+IF('Standard Profiles'!$G$22=$B$24,21,0),0)),0)</f>
        <v>0</v>
      </c>
      <c r="I2971">
        <f t="shared" si="335"/>
        <v>1.637481408405205</v>
      </c>
      <c r="J2971">
        <f t="shared" si="336"/>
        <v>43.190861824243171</v>
      </c>
      <c r="K2971">
        <f t="shared" si="337"/>
        <v>3.0339014897665297</v>
      </c>
      <c r="L2971">
        <f t="shared" si="338"/>
        <v>1.5169507448832649</v>
      </c>
      <c r="M2971">
        <f t="shared" si="339"/>
        <v>0</v>
      </c>
      <c r="N2971" s="45">
        <f t="shared" si="340"/>
        <v>45049.374999992877</v>
      </c>
    </row>
    <row r="2972" spans="2:14" x14ac:dyDescent="0.25">
      <c r="B2972">
        <f t="shared" si="334"/>
        <v>3</v>
      </c>
      <c r="C2972" s="16">
        <v>2938</v>
      </c>
      <c r="D2972" cm="1">
        <f t="array" ref="D2972">IFERROR(INDEX(Jesper!AH$2:AH$366,ROUNDDOWN($C2972/24,0)+1,1)*INDEX($D$3:$AA$30,INDEX(Jesper!$R$2:$R$366,ROW(INDEX(Jesper!AH$2:AH$366,ROUNDDOWN($C2972/24,0)+1,1))-1)+IF('Standard Profiles'!$G$18=$B$10,7,0)+IF('Standard Profiles'!$G$18=$B$17,14,0)+IF('Standard Profiles'!$G$18=$B$24,21,0),MOD($C2972,24)+1)/SUM(INDEX($D$3:$AA$30,INDEX(Jesper!$R$2:$R$366,ROW(INDEX(Jesper!AH$2:AH$366,ROUNDDOWN($C2972/24,0)+1,1))-1)+IF('Standard Profiles'!$G$18=$B$10,7,0)+IF('Standard Profiles'!$G$18=$B$17,14,0)+IF('Standard Profiles'!$G$18=$B$24,21,0),0)),0)</f>
        <v>28.442826466561215</v>
      </c>
      <c r="E2972" cm="1">
        <f t="array" ref="E2972">IFERROR(INDEX(Jesper!AI$2:AI$366,ROUNDDOWN($C2972/24,0)+1,1)*INDEX($D$3:$AA$30,INDEX(Jesper!$R$2:$R$366,ROW(INDEX(Jesper!AI$2:AI$366,ROUNDDOWN($C2972/24,0)+1,1))-1)+IF('Standard Profiles'!$G$19=$B$10,7,0)+IF('Standard Profiles'!$G$19=$B$17,14,0)+IF('Standard Profiles'!$G$19=$B$24,21,0),MOD($C2972,24)+1)/SUM(INDEX($D$3:$AA$30,INDEX(Jesper!$R$2:$R$366,ROW(INDEX(Jesper!AI$2:AI$366,ROUNDDOWN($C2972/24,0)+1,1))-1)+IF('Standard Profiles'!$G$19=$B$10,7,0)+IF('Standard Profiles'!$G$19=$B$17,14,0)+IF('Standard Profiles'!$G$19=$B$24,21,0),0)),0)</f>
        <v>17.524949399892773</v>
      </c>
      <c r="F2972" cm="1">
        <f t="array" ref="F2972">IFERROR(INDEX(Jesper!AJ$2:AJ$366,ROUNDDOWN($C2972/24,0)+1,1)*INDEX($D$3:$AA$30,INDEX(Jesper!$R$2:$R$366,ROW(INDEX(Jesper!AJ$2:AJ$366,ROUNDDOWN($C2972/24,0)+1,1))-1)+IF('Standard Profiles'!$G$20=$B$10,7,0)+IF('Standard Profiles'!$G$20=$B$17,14,0)+IF('Standard Profiles'!$G$20=$B$24,21,0),MOD($C2972,24)+1)/SUM(INDEX($D$3:$AA$30,INDEX(Jesper!$R$2:$R$366,ROW(INDEX(Jesper!AJ$2:AJ$366,ROUNDDOWN($C2972/24,0)+1,1))-1)+IF('Standard Profiles'!$G$20=$B$10,7,0)+IF('Standard Profiles'!$G$20=$B$17,14,0)+IF('Standard Profiles'!$G$20=$B$24,21,0),0)),0)</f>
        <v>0</v>
      </c>
      <c r="G2972" cm="1">
        <f t="array" ref="G2972">IFERROR(INDEX(Jesper!AK$2:AK$366,ROUNDDOWN($C2972/24,0)+1,1)*INDEX($D$3:$AA$30,INDEX(Jesper!$R$2:$R$366,ROW(INDEX(Jesper!AK$2:AK$366,ROUNDDOWN($C2972/24,0)+1,1))-1)+IF('Standard Profiles'!$G$21=$B$10,7,0)+IF('Standard Profiles'!$G$21=$B$17,14,0)+IF('Standard Profiles'!$G$21=$B$24,21,0),MOD($C2972,24)+1)/SUM(INDEX($D$3:$AA$30,INDEX(Jesper!$R$2:$R$366,ROW(INDEX(Jesper!AK$2:AK$366,ROUNDDOWN($C2972/24,0)+1,1))-1)+IF('Standard Profiles'!$G$21=$B$10,7,0)+IF('Standard Profiles'!$G$21=$B$17,14,0)+IF('Standard Profiles'!$G$21=$B$24,21,0),0)),0)</f>
        <v>3.4114196008441788</v>
      </c>
      <c r="H2972" cm="1">
        <f t="array" ref="H2972">IFERROR(INDEX(Jesper!AL$2:AL$366,ROUNDDOWN($C2972/24,0)+1,1)*INDEX($D$3:$AA$30,INDEX(Jesper!$R$2:$R$366,ROW(INDEX(Jesper!AL$2:AL$366,ROUNDDOWN($C2972/24,0)+1,1))-1)+IF('Standard Profiles'!$G$22=$B$10,7,0)+IF('Standard Profiles'!$G$22=$B$17,14,0)+IF('Standard Profiles'!$G$22=$B$24,21,0),MOD($C2972,24)+1)/SUM(INDEX($D$3:$AA$30,INDEX(Jesper!$R$2:$R$366,ROW(INDEX(Jesper!AL$2:AL$366,ROUNDDOWN($C2972/24,0)+1,1))-1)+IF('Standard Profiles'!$G$22=$B$10,7,0)+IF('Standard Profiles'!$G$22=$B$17,14,0)+IF('Standard Profiles'!$G$22=$B$24,21,0),0)),0)</f>
        <v>0</v>
      </c>
      <c r="I2972">
        <f t="shared" si="335"/>
        <v>1.637481408405205</v>
      </c>
      <c r="J2972">
        <f t="shared" si="336"/>
        <v>43.190861824243171</v>
      </c>
      <c r="K2972">
        <f t="shared" si="337"/>
        <v>3.0339014897665297</v>
      </c>
      <c r="L2972">
        <f t="shared" si="338"/>
        <v>1.5169507448832649</v>
      </c>
      <c r="M2972">
        <f t="shared" si="339"/>
        <v>0</v>
      </c>
      <c r="N2972" s="45">
        <f t="shared" si="340"/>
        <v>45049.416666659541</v>
      </c>
    </row>
    <row r="2973" spans="2:14" x14ac:dyDescent="0.25">
      <c r="B2973">
        <f t="shared" si="334"/>
        <v>3</v>
      </c>
      <c r="C2973" s="16">
        <v>2939</v>
      </c>
      <c r="D2973" cm="1">
        <f t="array" ref="D2973">IFERROR(INDEX(Jesper!AH$2:AH$366,ROUNDDOWN($C2973/24,0)+1,1)*INDEX($D$3:$AA$30,INDEX(Jesper!$R$2:$R$366,ROW(INDEX(Jesper!AH$2:AH$366,ROUNDDOWN($C2973/24,0)+1,1))-1)+IF('Standard Profiles'!$G$18=$B$10,7,0)+IF('Standard Profiles'!$G$18=$B$17,14,0)+IF('Standard Profiles'!$G$18=$B$24,21,0),MOD($C2973,24)+1)/SUM(INDEX($D$3:$AA$30,INDEX(Jesper!$R$2:$R$366,ROW(INDEX(Jesper!AH$2:AH$366,ROUNDDOWN($C2973/24,0)+1,1))-1)+IF('Standard Profiles'!$G$18=$B$10,7,0)+IF('Standard Profiles'!$G$18=$B$17,14,0)+IF('Standard Profiles'!$G$18=$B$24,21,0),0)),0)</f>
        <v>34.034151327509143</v>
      </c>
      <c r="E2973" cm="1">
        <f t="array" ref="E2973">IFERROR(INDEX(Jesper!AI$2:AI$366,ROUNDDOWN($C2973/24,0)+1,1)*INDEX($D$3:$AA$30,INDEX(Jesper!$R$2:$R$366,ROW(INDEX(Jesper!AI$2:AI$366,ROUNDDOWN($C2973/24,0)+1,1))-1)+IF('Standard Profiles'!$G$19=$B$10,7,0)+IF('Standard Profiles'!$G$19=$B$17,14,0)+IF('Standard Profiles'!$G$19=$B$24,21,0),MOD($C2973,24)+1)/SUM(INDEX($D$3:$AA$30,INDEX(Jesper!$R$2:$R$366,ROW(INDEX(Jesper!AI$2:AI$366,ROUNDDOWN($C2973/24,0)+1,1))-1)+IF('Standard Profiles'!$G$19=$B$10,7,0)+IF('Standard Profiles'!$G$19=$B$17,14,0)+IF('Standard Profiles'!$G$19=$B$24,21,0),0)),0)</f>
        <v>20.970024922948618</v>
      </c>
      <c r="F2973" cm="1">
        <f t="array" ref="F2973">IFERROR(INDEX(Jesper!AJ$2:AJ$366,ROUNDDOWN($C2973/24,0)+1,1)*INDEX($D$3:$AA$30,INDEX(Jesper!$R$2:$R$366,ROW(INDEX(Jesper!AJ$2:AJ$366,ROUNDDOWN($C2973/24,0)+1,1))-1)+IF('Standard Profiles'!$G$20=$B$10,7,0)+IF('Standard Profiles'!$G$20=$B$17,14,0)+IF('Standard Profiles'!$G$20=$B$24,21,0),MOD($C2973,24)+1)/SUM(INDEX($D$3:$AA$30,INDEX(Jesper!$R$2:$R$366,ROW(INDEX(Jesper!AJ$2:AJ$366,ROUNDDOWN($C2973/24,0)+1,1))-1)+IF('Standard Profiles'!$G$20=$B$10,7,0)+IF('Standard Profiles'!$G$20=$B$17,14,0)+IF('Standard Profiles'!$G$20=$B$24,21,0),0)),0)</f>
        <v>0</v>
      </c>
      <c r="G2973" cm="1">
        <f t="array" ref="G2973">IFERROR(INDEX(Jesper!AK$2:AK$366,ROUNDDOWN($C2973/24,0)+1,1)*INDEX($D$3:$AA$30,INDEX(Jesper!$R$2:$R$366,ROW(INDEX(Jesper!AK$2:AK$366,ROUNDDOWN($C2973/24,0)+1,1))-1)+IF('Standard Profiles'!$G$21=$B$10,7,0)+IF('Standard Profiles'!$G$21=$B$17,14,0)+IF('Standard Profiles'!$G$21=$B$24,21,0),MOD($C2973,24)+1)/SUM(INDEX($D$3:$AA$30,INDEX(Jesper!$R$2:$R$366,ROW(INDEX(Jesper!AK$2:AK$366,ROUNDDOWN($C2973/24,0)+1,1))-1)+IF('Standard Profiles'!$G$21=$B$10,7,0)+IF('Standard Profiles'!$G$21=$B$17,14,0)+IF('Standard Profiles'!$G$21=$B$24,21,0),0)),0)</f>
        <v>4.0820405480186759</v>
      </c>
      <c r="H2973" cm="1">
        <f t="array" ref="H2973">IFERROR(INDEX(Jesper!AL$2:AL$366,ROUNDDOWN($C2973/24,0)+1,1)*INDEX($D$3:$AA$30,INDEX(Jesper!$R$2:$R$366,ROW(INDEX(Jesper!AL$2:AL$366,ROUNDDOWN($C2973/24,0)+1,1))-1)+IF('Standard Profiles'!$G$22=$B$10,7,0)+IF('Standard Profiles'!$G$22=$B$17,14,0)+IF('Standard Profiles'!$G$22=$B$24,21,0),MOD($C2973,24)+1)/SUM(INDEX($D$3:$AA$30,INDEX(Jesper!$R$2:$R$366,ROW(INDEX(Jesper!AL$2:AL$366,ROUNDDOWN($C2973/24,0)+1,1))-1)+IF('Standard Profiles'!$G$22=$B$10,7,0)+IF('Standard Profiles'!$G$22=$B$17,14,0)+IF('Standard Profiles'!$G$22=$B$24,21,0),0)),0)</f>
        <v>0</v>
      </c>
      <c r="I2973">
        <f t="shared" si="335"/>
        <v>1.9593794630489634</v>
      </c>
      <c r="J2973">
        <f t="shared" si="336"/>
        <v>51.681373123026013</v>
      </c>
      <c r="K2973">
        <f t="shared" si="337"/>
        <v>3.6303094749343088</v>
      </c>
      <c r="L2973">
        <f t="shared" si="338"/>
        <v>1.8151547374671544</v>
      </c>
      <c r="M2973">
        <f t="shared" si="339"/>
        <v>0</v>
      </c>
      <c r="N2973" s="45">
        <f t="shared" si="340"/>
        <v>45049.458333326205</v>
      </c>
    </row>
    <row r="2974" spans="2:14" x14ac:dyDescent="0.25">
      <c r="B2974">
        <f t="shared" si="334"/>
        <v>3</v>
      </c>
      <c r="C2974" s="16">
        <v>2940</v>
      </c>
      <c r="D2974" cm="1">
        <f t="array" ref="D2974">IFERROR(INDEX(Jesper!AH$2:AH$366,ROUNDDOWN($C2974/24,0)+1,1)*INDEX($D$3:$AA$30,INDEX(Jesper!$R$2:$R$366,ROW(INDEX(Jesper!AH$2:AH$366,ROUNDDOWN($C2974/24,0)+1,1))-1)+IF('Standard Profiles'!$G$18=$B$10,7,0)+IF('Standard Profiles'!$G$18=$B$17,14,0)+IF('Standard Profiles'!$G$18=$B$24,21,0),MOD($C2974,24)+1)/SUM(INDEX($D$3:$AA$30,INDEX(Jesper!$R$2:$R$366,ROW(INDEX(Jesper!AH$2:AH$366,ROUNDDOWN($C2974/24,0)+1,1))-1)+IF('Standard Profiles'!$G$18=$B$10,7,0)+IF('Standard Profiles'!$G$18=$B$17,14,0)+IF('Standard Profiles'!$G$18=$B$24,21,0),0)),0)</f>
        <v>34.034151327509143</v>
      </c>
      <c r="E2974" cm="1">
        <f t="array" ref="E2974">IFERROR(INDEX(Jesper!AI$2:AI$366,ROUNDDOWN($C2974/24,0)+1,1)*INDEX($D$3:$AA$30,INDEX(Jesper!$R$2:$R$366,ROW(INDEX(Jesper!AI$2:AI$366,ROUNDDOWN($C2974/24,0)+1,1))-1)+IF('Standard Profiles'!$G$19=$B$10,7,0)+IF('Standard Profiles'!$G$19=$B$17,14,0)+IF('Standard Profiles'!$G$19=$B$24,21,0),MOD($C2974,24)+1)/SUM(INDEX($D$3:$AA$30,INDEX(Jesper!$R$2:$R$366,ROW(INDEX(Jesper!AI$2:AI$366,ROUNDDOWN($C2974/24,0)+1,1))-1)+IF('Standard Profiles'!$G$19=$B$10,7,0)+IF('Standard Profiles'!$G$19=$B$17,14,0)+IF('Standard Profiles'!$G$19=$B$24,21,0),0)),0)</f>
        <v>20.970024922948618</v>
      </c>
      <c r="F2974" cm="1">
        <f t="array" ref="F2974">IFERROR(INDEX(Jesper!AJ$2:AJ$366,ROUNDDOWN($C2974/24,0)+1,1)*INDEX($D$3:$AA$30,INDEX(Jesper!$R$2:$R$366,ROW(INDEX(Jesper!AJ$2:AJ$366,ROUNDDOWN($C2974/24,0)+1,1))-1)+IF('Standard Profiles'!$G$20=$B$10,7,0)+IF('Standard Profiles'!$G$20=$B$17,14,0)+IF('Standard Profiles'!$G$20=$B$24,21,0),MOD($C2974,24)+1)/SUM(INDEX($D$3:$AA$30,INDEX(Jesper!$R$2:$R$366,ROW(INDEX(Jesper!AJ$2:AJ$366,ROUNDDOWN($C2974/24,0)+1,1))-1)+IF('Standard Profiles'!$G$20=$B$10,7,0)+IF('Standard Profiles'!$G$20=$B$17,14,0)+IF('Standard Profiles'!$G$20=$B$24,21,0),0)),0)</f>
        <v>0</v>
      </c>
      <c r="G2974" cm="1">
        <f t="array" ref="G2974">IFERROR(INDEX(Jesper!AK$2:AK$366,ROUNDDOWN($C2974/24,0)+1,1)*INDEX($D$3:$AA$30,INDEX(Jesper!$R$2:$R$366,ROW(INDEX(Jesper!AK$2:AK$366,ROUNDDOWN($C2974/24,0)+1,1))-1)+IF('Standard Profiles'!$G$21=$B$10,7,0)+IF('Standard Profiles'!$G$21=$B$17,14,0)+IF('Standard Profiles'!$G$21=$B$24,21,0),MOD($C2974,24)+1)/SUM(INDEX($D$3:$AA$30,INDEX(Jesper!$R$2:$R$366,ROW(INDEX(Jesper!AK$2:AK$366,ROUNDDOWN($C2974/24,0)+1,1))-1)+IF('Standard Profiles'!$G$21=$B$10,7,0)+IF('Standard Profiles'!$G$21=$B$17,14,0)+IF('Standard Profiles'!$G$21=$B$24,21,0),0)),0)</f>
        <v>4.0820405480186759</v>
      </c>
      <c r="H2974" cm="1">
        <f t="array" ref="H2974">IFERROR(INDEX(Jesper!AL$2:AL$366,ROUNDDOWN($C2974/24,0)+1,1)*INDEX($D$3:$AA$30,INDEX(Jesper!$R$2:$R$366,ROW(INDEX(Jesper!AL$2:AL$366,ROUNDDOWN($C2974/24,0)+1,1))-1)+IF('Standard Profiles'!$G$22=$B$10,7,0)+IF('Standard Profiles'!$G$22=$B$17,14,0)+IF('Standard Profiles'!$G$22=$B$24,21,0),MOD($C2974,24)+1)/SUM(INDEX($D$3:$AA$30,INDEX(Jesper!$R$2:$R$366,ROW(INDEX(Jesper!AL$2:AL$366,ROUNDDOWN($C2974/24,0)+1,1))-1)+IF('Standard Profiles'!$G$22=$B$10,7,0)+IF('Standard Profiles'!$G$22=$B$17,14,0)+IF('Standard Profiles'!$G$22=$B$24,21,0),0)),0)</f>
        <v>0</v>
      </c>
      <c r="I2974">
        <f t="shared" si="335"/>
        <v>1.9593794630489634</v>
      </c>
      <c r="J2974">
        <f t="shared" si="336"/>
        <v>51.681373123026013</v>
      </c>
      <c r="K2974">
        <f t="shared" si="337"/>
        <v>3.6303094749343088</v>
      </c>
      <c r="L2974">
        <f t="shared" si="338"/>
        <v>1.8151547374671544</v>
      </c>
      <c r="M2974">
        <f t="shared" si="339"/>
        <v>0</v>
      </c>
      <c r="N2974" s="45">
        <f t="shared" si="340"/>
        <v>45049.49999999287</v>
      </c>
    </row>
    <row r="2975" spans="2:14" x14ac:dyDescent="0.25">
      <c r="B2975">
        <f t="shared" si="334"/>
        <v>3</v>
      </c>
      <c r="C2975" s="16">
        <v>2941</v>
      </c>
      <c r="D2975" cm="1">
        <f t="array" ref="D2975">IFERROR(INDEX(Jesper!AH$2:AH$366,ROUNDDOWN($C2975/24,0)+1,1)*INDEX($D$3:$AA$30,INDEX(Jesper!$R$2:$R$366,ROW(INDEX(Jesper!AH$2:AH$366,ROUNDDOWN($C2975/24,0)+1,1))-1)+IF('Standard Profiles'!$G$18=$B$10,7,0)+IF('Standard Profiles'!$G$18=$B$17,14,0)+IF('Standard Profiles'!$G$18=$B$24,21,0),MOD($C2975,24)+1)/SUM(INDEX($D$3:$AA$30,INDEX(Jesper!$R$2:$R$366,ROW(INDEX(Jesper!AH$2:AH$366,ROUNDDOWN($C2975/24,0)+1,1))-1)+IF('Standard Profiles'!$G$18=$B$10,7,0)+IF('Standard Profiles'!$G$18=$B$17,14,0)+IF('Standard Profiles'!$G$18=$B$24,21,0),0)),0)</f>
        <v>22.608400524702503</v>
      </c>
      <c r="E2975" cm="1">
        <f t="array" ref="E2975">IFERROR(INDEX(Jesper!AI$2:AI$366,ROUNDDOWN($C2975/24,0)+1,1)*INDEX($D$3:$AA$30,INDEX(Jesper!$R$2:$R$366,ROW(INDEX(Jesper!AI$2:AI$366,ROUNDDOWN($C2975/24,0)+1,1))-1)+IF('Standard Profiles'!$G$19=$B$10,7,0)+IF('Standard Profiles'!$G$19=$B$17,14,0)+IF('Standard Profiles'!$G$19=$B$24,21,0),MOD($C2975,24)+1)/SUM(INDEX($D$3:$AA$30,INDEX(Jesper!$R$2:$R$366,ROW(INDEX(Jesper!AI$2:AI$366,ROUNDDOWN($C2975/24,0)+1,1))-1)+IF('Standard Profiles'!$G$19=$B$10,7,0)+IF('Standard Profiles'!$G$19=$B$17,14,0)+IF('Standard Profiles'!$G$19=$B$24,21,0),0)),0)</f>
        <v>13.930087984530152</v>
      </c>
      <c r="F2975" cm="1">
        <f t="array" ref="F2975">IFERROR(INDEX(Jesper!AJ$2:AJ$366,ROUNDDOWN($C2975/24,0)+1,1)*INDEX($D$3:$AA$30,INDEX(Jesper!$R$2:$R$366,ROW(INDEX(Jesper!AJ$2:AJ$366,ROUNDDOWN($C2975/24,0)+1,1))-1)+IF('Standard Profiles'!$G$20=$B$10,7,0)+IF('Standard Profiles'!$G$20=$B$17,14,0)+IF('Standard Profiles'!$G$20=$B$24,21,0),MOD($C2975,24)+1)/SUM(INDEX($D$3:$AA$30,INDEX(Jesper!$R$2:$R$366,ROW(INDEX(Jesper!AJ$2:AJ$366,ROUNDDOWN($C2975/24,0)+1,1))-1)+IF('Standard Profiles'!$G$20=$B$10,7,0)+IF('Standard Profiles'!$G$20=$B$17,14,0)+IF('Standard Profiles'!$G$20=$B$24,21,0),0)),0)</f>
        <v>0</v>
      </c>
      <c r="G2975" cm="1">
        <f t="array" ref="G2975">IFERROR(INDEX(Jesper!AK$2:AK$366,ROUNDDOWN($C2975/24,0)+1,1)*INDEX($D$3:$AA$30,INDEX(Jesper!$R$2:$R$366,ROW(INDEX(Jesper!AK$2:AK$366,ROUNDDOWN($C2975/24,0)+1,1))-1)+IF('Standard Profiles'!$G$21=$B$10,7,0)+IF('Standard Profiles'!$G$21=$B$17,14,0)+IF('Standard Profiles'!$G$21=$B$24,21,0),MOD($C2975,24)+1)/SUM(INDEX($D$3:$AA$30,INDEX(Jesper!$R$2:$R$366,ROW(INDEX(Jesper!AK$2:AK$366,ROUNDDOWN($C2975/24,0)+1,1))-1)+IF('Standard Profiles'!$G$21=$B$10,7,0)+IF('Standard Profiles'!$G$21=$B$17,14,0)+IF('Standard Profiles'!$G$21=$B$24,21,0),0)),0)</f>
        <v>2.7116412211838345</v>
      </c>
      <c r="H2975" cm="1">
        <f t="array" ref="H2975">IFERROR(INDEX(Jesper!AL$2:AL$366,ROUNDDOWN($C2975/24,0)+1,1)*INDEX($D$3:$AA$30,INDEX(Jesper!$R$2:$R$366,ROW(INDEX(Jesper!AL$2:AL$366,ROUNDDOWN($C2975/24,0)+1,1))-1)+IF('Standard Profiles'!$G$22=$B$10,7,0)+IF('Standard Profiles'!$G$22=$B$17,14,0)+IF('Standard Profiles'!$G$22=$B$24,21,0),MOD($C2975,24)+1)/SUM(INDEX($D$3:$AA$30,INDEX(Jesper!$R$2:$R$366,ROW(INDEX(Jesper!AL$2:AL$366,ROUNDDOWN($C2975/24,0)+1,1))-1)+IF('Standard Profiles'!$G$22=$B$10,7,0)+IF('Standard Profiles'!$G$22=$B$17,14,0)+IF('Standard Profiles'!$G$22=$B$24,21,0),0)),0)</f>
        <v>0</v>
      </c>
      <c r="I2975">
        <f t="shared" si="335"/>
        <v>1.3015877861682399</v>
      </c>
      <c r="J2975">
        <f t="shared" si="336"/>
        <v>34.331197860295845</v>
      </c>
      <c r="K2975">
        <f t="shared" si="337"/>
        <v>2.4115627226349337</v>
      </c>
      <c r="L2975">
        <f t="shared" si="338"/>
        <v>1.2057813613174668</v>
      </c>
      <c r="M2975">
        <f t="shared" si="339"/>
        <v>0</v>
      </c>
      <c r="N2975" s="45">
        <f t="shared" si="340"/>
        <v>45049.541666659534</v>
      </c>
    </row>
    <row r="2976" spans="2:14" x14ac:dyDescent="0.25">
      <c r="B2976">
        <f t="shared" si="334"/>
        <v>3</v>
      </c>
      <c r="C2976" s="16">
        <v>2942</v>
      </c>
      <c r="D2976" cm="1">
        <f t="array" ref="D2976">IFERROR(INDEX(Jesper!AH$2:AH$366,ROUNDDOWN($C2976/24,0)+1,1)*INDEX($D$3:$AA$30,INDEX(Jesper!$R$2:$R$366,ROW(INDEX(Jesper!AH$2:AH$366,ROUNDDOWN($C2976/24,0)+1,1))-1)+IF('Standard Profiles'!$G$18=$B$10,7,0)+IF('Standard Profiles'!$G$18=$B$17,14,0)+IF('Standard Profiles'!$G$18=$B$24,21,0),MOD($C2976,24)+1)/SUM(INDEX($D$3:$AA$30,INDEX(Jesper!$R$2:$R$366,ROW(INDEX(Jesper!AH$2:AH$366,ROUNDDOWN($C2976/24,0)+1,1))-1)+IF('Standard Profiles'!$G$18=$B$10,7,0)+IF('Standard Profiles'!$G$18=$B$17,14,0)+IF('Standard Profiles'!$G$18=$B$24,21,0),0)),0)</f>
        <v>34.034151327509143</v>
      </c>
      <c r="E2976" cm="1">
        <f t="array" ref="E2976">IFERROR(INDEX(Jesper!AI$2:AI$366,ROUNDDOWN($C2976/24,0)+1,1)*INDEX($D$3:$AA$30,INDEX(Jesper!$R$2:$R$366,ROW(INDEX(Jesper!AI$2:AI$366,ROUNDDOWN($C2976/24,0)+1,1))-1)+IF('Standard Profiles'!$G$19=$B$10,7,0)+IF('Standard Profiles'!$G$19=$B$17,14,0)+IF('Standard Profiles'!$G$19=$B$24,21,0),MOD($C2976,24)+1)/SUM(INDEX($D$3:$AA$30,INDEX(Jesper!$R$2:$R$366,ROW(INDEX(Jesper!AI$2:AI$366,ROUNDDOWN($C2976/24,0)+1,1))-1)+IF('Standard Profiles'!$G$19=$B$10,7,0)+IF('Standard Profiles'!$G$19=$B$17,14,0)+IF('Standard Profiles'!$G$19=$B$24,21,0),0)),0)</f>
        <v>20.970024922948618</v>
      </c>
      <c r="F2976" cm="1">
        <f t="array" ref="F2976">IFERROR(INDEX(Jesper!AJ$2:AJ$366,ROUNDDOWN($C2976/24,0)+1,1)*INDEX($D$3:$AA$30,INDEX(Jesper!$R$2:$R$366,ROW(INDEX(Jesper!AJ$2:AJ$366,ROUNDDOWN($C2976/24,0)+1,1))-1)+IF('Standard Profiles'!$G$20=$B$10,7,0)+IF('Standard Profiles'!$G$20=$B$17,14,0)+IF('Standard Profiles'!$G$20=$B$24,21,0),MOD($C2976,24)+1)/SUM(INDEX($D$3:$AA$30,INDEX(Jesper!$R$2:$R$366,ROW(INDEX(Jesper!AJ$2:AJ$366,ROUNDDOWN($C2976/24,0)+1,1))-1)+IF('Standard Profiles'!$G$20=$B$10,7,0)+IF('Standard Profiles'!$G$20=$B$17,14,0)+IF('Standard Profiles'!$G$20=$B$24,21,0),0)),0)</f>
        <v>0</v>
      </c>
      <c r="G2976" cm="1">
        <f t="array" ref="G2976">IFERROR(INDEX(Jesper!AK$2:AK$366,ROUNDDOWN($C2976/24,0)+1,1)*INDEX($D$3:$AA$30,INDEX(Jesper!$R$2:$R$366,ROW(INDEX(Jesper!AK$2:AK$366,ROUNDDOWN($C2976/24,0)+1,1))-1)+IF('Standard Profiles'!$G$21=$B$10,7,0)+IF('Standard Profiles'!$G$21=$B$17,14,0)+IF('Standard Profiles'!$G$21=$B$24,21,0),MOD($C2976,24)+1)/SUM(INDEX($D$3:$AA$30,INDEX(Jesper!$R$2:$R$366,ROW(INDEX(Jesper!AK$2:AK$366,ROUNDDOWN($C2976/24,0)+1,1))-1)+IF('Standard Profiles'!$G$21=$B$10,7,0)+IF('Standard Profiles'!$G$21=$B$17,14,0)+IF('Standard Profiles'!$G$21=$B$24,21,0),0)),0)</f>
        <v>4.0820405480186759</v>
      </c>
      <c r="H2976" cm="1">
        <f t="array" ref="H2976">IFERROR(INDEX(Jesper!AL$2:AL$366,ROUNDDOWN($C2976/24,0)+1,1)*INDEX($D$3:$AA$30,INDEX(Jesper!$R$2:$R$366,ROW(INDEX(Jesper!AL$2:AL$366,ROUNDDOWN($C2976/24,0)+1,1))-1)+IF('Standard Profiles'!$G$22=$B$10,7,0)+IF('Standard Profiles'!$G$22=$B$17,14,0)+IF('Standard Profiles'!$G$22=$B$24,21,0),MOD($C2976,24)+1)/SUM(INDEX($D$3:$AA$30,INDEX(Jesper!$R$2:$R$366,ROW(INDEX(Jesper!AL$2:AL$366,ROUNDDOWN($C2976/24,0)+1,1))-1)+IF('Standard Profiles'!$G$22=$B$10,7,0)+IF('Standard Profiles'!$G$22=$B$17,14,0)+IF('Standard Profiles'!$G$22=$B$24,21,0),0)),0)</f>
        <v>0</v>
      </c>
      <c r="I2976">
        <f t="shared" si="335"/>
        <v>1.9593794630489634</v>
      </c>
      <c r="J2976">
        <f t="shared" si="336"/>
        <v>51.681373123026013</v>
      </c>
      <c r="K2976">
        <f t="shared" si="337"/>
        <v>3.6303094749343088</v>
      </c>
      <c r="L2976">
        <f t="shared" si="338"/>
        <v>1.8151547374671544</v>
      </c>
      <c r="M2976">
        <f t="shared" si="339"/>
        <v>0</v>
      </c>
      <c r="N2976" s="45">
        <f t="shared" si="340"/>
        <v>45049.583333326198</v>
      </c>
    </row>
    <row r="2977" spans="2:14" x14ac:dyDescent="0.25">
      <c r="B2977">
        <f t="shared" si="334"/>
        <v>3</v>
      </c>
      <c r="C2977" s="16">
        <v>2943</v>
      </c>
      <c r="D2977" cm="1">
        <f t="array" ref="D2977">IFERROR(INDEX(Jesper!AH$2:AH$366,ROUNDDOWN($C2977/24,0)+1,1)*INDEX($D$3:$AA$30,INDEX(Jesper!$R$2:$R$366,ROW(INDEX(Jesper!AH$2:AH$366,ROUNDDOWN($C2977/24,0)+1,1))-1)+IF('Standard Profiles'!$G$18=$B$10,7,0)+IF('Standard Profiles'!$G$18=$B$17,14,0)+IF('Standard Profiles'!$G$18=$B$24,21,0),MOD($C2977,24)+1)/SUM(INDEX($D$3:$AA$30,INDEX(Jesper!$R$2:$R$366,ROW(INDEX(Jesper!AH$2:AH$366,ROUNDDOWN($C2977/24,0)+1,1))-1)+IF('Standard Profiles'!$G$18=$B$10,7,0)+IF('Standard Profiles'!$G$18=$B$17,14,0)+IF('Standard Profiles'!$G$18=$B$24,21,0),0)),0)</f>
        <v>34.034151327509143</v>
      </c>
      <c r="E2977" cm="1">
        <f t="array" ref="E2977">IFERROR(INDEX(Jesper!AI$2:AI$366,ROUNDDOWN($C2977/24,0)+1,1)*INDEX($D$3:$AA$30,INDEX(Jesper!$R$2:$R$366,ROW(INDEX(Jesper!AI$2:AI$366,ROUNDDOWN($C2977/24,0)+1,1))-1)+IF('Standard Profiles'!$G$19=$B$10,7,0)+IF('Standard Profiles'!$G$19=$B$17,14,0)+IF('Standard Profiles'!$G$19=$B$24,21,0),MOD($C2977,24)+1)/SUM(INDEX($D$3:$AA$30,INDEX(Jesper!$R$2:$R$366,ROW(INDEX(Jesper!AI$2:AI$366,ROUNDDOWN($C2977/24,0)+1,1))-1)+IF('Standard Profiles'!$G$19=$B$10,7,0)+IF('Standard Profiles'!$G$19=$B$17,14,0)+IF('Standard Profiles'!$G$19=$B$24,21,0),0)),0)</f>
        <v>20.970024922948618</v>
      </c>
      <c r="F2977" cm="1">
        <f t="array" ref="F2977">IFERROR(INDEX(Jesper!AJ$2:AJ$366,ROUNDDOWN($C2977/24,0)+1,1)*INDEX($D$3:$AA$30,INDEX(Jesper!$R$2:$R$366,ROW(INDEX(Jesper!AJ$2:AJ$366,ROUNDDOWN($C2977/24,0)+1,1))-1)+IF('Standard Profiles'!$G$20=$B$10,7,0)+IF('Standard Profiles'!$G$20=$B$17,14,0)+IF('Standard Profiles'!$G$20=$B$24,21,0),MOD($C2977,24)+1)/SUM(INDEX($D$3:$AA$30,INDEX(Jesper!$R$2:$R$366,ROW(INDEX(Jesper!AJ$2:AJ$366,ROUNDDOWN($C2977/24,0)+1,1))-1)+IF('Standard Profiles'!$G$20=$B$10,7,0)+IF('Standard Profiles'!$G$20=$B$17,14,0)+IF('Standard Profiles'!$G$20=$B$24,21,0),0)),0)</f>
        <v>0</v>
      </c>
      <c r="G2977" cm="1">
        <f t="array" ref="G2977">IFERROR(INDEX(Jesper!AK$2:AK$366,ROUNDDOWN($C2977/24,0)+1,1)*INDEX($D$3:$AA$30,INDEX(Jesper!$R$2:$R$366,ROW(INDEX(Jesper!AK$2:AK$366,ROUNDDOWN($C2977/24,0)+1,1))-1)+IF('Standard Profiles'!$G$21=$B$10,7,0)+IF('Standard Profiles'!$G$21=$B$17,14,0)+IF('Standard Profiles'!$G$21=$B$24,21,0),MOD($C2977,24)+1)/SUM(INDEX($D$3:$AA$30,INDEX(Jesper!$R$2:$R$366,ROW(INDEX(Jesper!AK$2:AK$366,ROUNDDOWN($C2977/24,0)+1,1))-1)+IF('Standard Profiles'!$G$21=$B$10,7,0)+IF('Standard Profiles'!$G$21=$B$17,14,0)+IF('Standard Profiles'!$G$21=$B$24,21,0),0)),0)</f>
        <v>4.0820405480186759</v>
      </c>
      <c r="H2977" cm="1">
        <f t="array" ref="H2977">IFERROR(INDEX(Jesper!AL$2:AL$366,ROUNDDOWN($C2977/24,0)+1,1)*INDEX($D$3:$AA$30,INDEX(Jesper!$R$2:$R$366,ROW(INDEX(Jesper!AL$2:AL$366,ROUNDDOWN($C2977/24,0)+1,1))-1)+IF('Standard Profiles'!$G$22=$B$10,7,0)+IF('Standard Profiles'!$G$22=$B$17,14,0)+IF('Standard Profiles'!$G$22=$B$24,21,0),MOD($C2977,24)+1)/SUM(INDEX($D$3:$AA$30,INDEX(Jesper!$R$2:$R$366,ROW(INDEX(Jesper!AL$2:AL$366,ROUNDDOWN($C2977/24,0)+1,1))-1)+IF('Standard Profiles'!$G$22=$B$10,7,0)+IF('Standard Profiles'!$G$22=$B$17,14,0)+IF('Standard Profiles'!$G$22=$B$24,21,0),0)),0)</f>
        <v>0</v>
      </c>
      <c r="I2977">
        <f t="shared" si="335"/>
        <v>1.9593794630489634</v>
      </c>
      <c r="J2977">
        <f t="shared" si="336"/>
        <v>51.681373123026013</v>
      </c>
      <c r="K2977">
        <f t="shared" si="337"/>
        <v>3.6303094749343088</v>
      </c>
      <c r="L2977">
        <f t="shared" si="338"/>
        <v>1.8151547374671544</v>
      </c>
      <c r="M2977">
        <f t="shared" si="339"/>
        <v>0</v>
      </c>
      <c r="N2977" s="45">
        <f t="shared" si="340"/>
        <v>45049.624999992862</v>
      </c>
    </row>
    <row r="2978" spans="2:14" x14ac:dyDescent="0.25">
      <c r="B2978">
        <f t="shared" si="334"/>
        <v>3</v>
      </c>
      <c r="C2978" s="16">
        <v>2944</v>
      </c>
      <c r="D2978" cm="1">
        <f t="array" ref="D2978">IFERROR(INDEX(Jesper!AH$2:AH$366,ROUNDDOWN($C2978/24,0)+1,1)*INDEX($D$3:$AA$30,INDEX(Jesper!$R$2:$R$366,ROW(INDEX(Jesper!AH$2:AH$366,ROUNDDOWN($C2978/24,0)+1,1))-1)+IF('Standard Profiles'!$G$18=$B$10,7,0)+IF('Standard Profiles'!$G$18=$B$17,14,0)+IF('Standard Profiles'!$G$18=$B$24,21,0),MOD($C2978,24)+1)/SUM(INDEX($D$3:$AA$30,INDEX(Jesper!$R$2:$R$366,ROW(INDEX(Jesper!AH$2:AH$366,ROUNDDOWN($C2978/24,0)+1,1))-1)+IF('Standard Profiles'!$G$18=$B$10,7,0)+IF('Standard Profiles'!$G$18=$B$17,14,0)+IF('Standard Profiles'!$G$18=$B$24,21,0),0)),0)</f>
        <v>20.055839175139319</v>
      </c>
      <c r="E2978" cm="1">
        <f t="array" ref="E2978">IFERROR(INDEX(Jesper!AI$2:AI$366,ROUNDDOWN($C2978/24,0)+1,1)*INDEX($D$3:$AA$30,INDEX(Jesper!$R$2:$R$366,ROW(INDEX(Jesper!AI$2:AI$366,ROUNDDOWN($C2978/24,0)+1,1))-1)+IF('Standard Profiles'!$G$19=$B$10,7,0)+IF('Standard Profiles'!$G$19=$B$17,14,0)+IF('Standard Profiles'!$G$19=$B$24,21,0),MOD($C2978,24)+1)/SUM(INDEX($D$3:$AA$30,INDEX(Jesper!$R$2:$R$366,ROW(INDEX(Jesper!AI$2:AI$366,ROUNDDOWN($C2978/24,0)+1,1))-1)+IF('Standard Profiles'!$G$19=$B$10,7,0)+IF('Standard Profiles'!$G$19=$B$17,14,0)+IF('Standard Profiles'!$G$19=$B$24,21,0),0)),0)</f>
        <v>12.357336115309005</v>
      </c>
      <c r="F2978" cm="1">
        <f t="array" ref="F2978">IFERROR(INDEX(Jesper!AJ$2:AJ$366,ROUNDDOWN($C2978/24,0)+1,1)*INDEX($D$3:$AA$30,INDEX(Jesper!$R$2:$R$366,ROW(INDEX(Jesper!AJ$2:AJ$366,ROUNDDOWN($C2978/24,0)+1,1))-1)+IF('Standard Profiles'!$G$20=$B$10,7,0)+IF('Standard Profiles'!$G$20=$B$17,14,0)+IF('Standard Profiles'!$G$20=$B$24,21,0),MOD($C2978,24)+1)/SUM(INDEX($D$3:$AA$30,INDEX(Jesper!$R$2:$R$366,ROW(INDEX(Jesper!AJ$2:AJ$366,ROUNDDOWN($C2978/24,0)+1,1))-1)+IF('Standard Profiles'!$G$20=$B$10,7,0)+IF('Standard Profiles'!$G$20=$B$17,14,0)+IF('Standard Profiles'!$G$20=$B$24,21,0),0)),0)</f>
        <v>0</v>
      </c>
      <c r="G2978" cm="1">
        <f t="array" ref="G2978">IFERROR(INDEX(Jesper!AK$2:AK$366,ROUNDDOWN($C2978/24,0)+1,1)*INDEX($D$3:$AA$30,INDEX(Jesper!$R$2:$R$366,ROW(INDEX(Jesper!AK$2:AK$366,ROUNDDOWN($C2978/24,0)+1,1))-1)+IF('Standard Profiles'!$G$21=$B$10,7,0)+IF('Standard Profiles'!$G$21=$B$17,14,0)+IF('Standard Profiles'!$G$21=$B$24,21,0),MOD($C2978,24)+1)/SUM(INDEX($D$3:$AA$30,INDEX(Jesper!$R$2:$R$366,ROW(INDEX(Jesper!AK$2:AK$366,ROUNDDOWN($C2978/24,0)+1,1))-1)+IF('Standard Profiles'!$G$21=$B$10,7,0)+IF('Standard Profiles'!$G$21=$B$17,14,0)+IF('Standard Profiles'!$G$21=$B$24,21,0),0)),0)</f>
        <v>3.4109168864909756</v>
      </c>
      <c r="H2978" cm="1">
        <f t="array" ref="H2978">IFERROR(INDEX(Jesper!AL$2:AL$366,ROUNDDOWN($C2978/24,0)+1,1)*INDEX($D$3:$AA$30,INDEX(Jesper!$R$2:$R$366,ROW(INDEX(Jesper!AL$2:AL$366,ROUNDDOWN($C2978/24,0)+1,1))-1)+IF('Standard Profiles'!$G$22=$B$10,7,0)+IF('Standard Profiles'!$G$22=$B$17,14,0)+IF('Standard Profiles'!$G$22=$B$24,21,0),MOD($C2978,24)+1)/SUM(INDEX($D$3:$AA$30,INDEX(Jesper!$R$2:$R$366,ROW(INDEX(Jesper!AL$2:AL$366,ROUNDDOWN($C2978/24,0)+1,1))-1)+IF('Standard Profiles'!$G$22=$B$10,7,0)+IF('Standard Profiles'!$G$22=$B$17,14,0)+IF('Standard Profiles'!$G$22=$B$24,21,0),0)),0)</f>
        <v>0</v>
      </c>
      <c r="I2978">
        <f t="shared" si="335"/>
        <v>1.6372401055156676</v>
      </c>
      <c r="J2978">
        <f t="shared" si="336"/>
        <v>30.97791780340134</v>
      </c>
      <c r="K2978">
        <f t="shared" si="337"/>
        <v>2.139289512014861</v>
      </c>
      <c r="L2978">
        <f t="shared" si="338"/>
        <v>1.0696447560074305</v>
      </c>
      <c r="M2978">
        <f t="shared" si="339"/>
        <v>0</v>
      </c>
      <c r="N2978" s="45">
        <f t="shared" si="340"/>
        <v>45049.666666659527</v>
      </c>
    </row>
    <row r="2979" spans="2:14" x14ac:dyDescent="0.25">
      <c r="B2979">
        <f t="shared" ref="B2979:B3042" si="341">WEEKDAY(N2979,2)</f>
        <v>3</v>
      </c>
      <c r="C2979" s="16">
        <v>2945</v>
      </c>
      <c r="D2979" cm="1">
        <f t="array" ref="D2979">IFERROR(INDEX(Jesper!AH$2:AH$366,ROUNDDOWN($C2979/24,0)+1,1)*INDEX($D$3:$AA$30,INDEX(Jesper!$R$2:$R$366,ROW(INDEX(Jesper!AH$2:AH$366,ROUNDDOWN($C2979/24,0)+1,1))-1)+IF('Standard Profiles'!$G$18=$B$10,7,0)+IF('Standard Profiles'!$G$18=$B$17,14,0)+IF('Standard Profiles'!$G$18=$B$24,21,0),MOD($C2979,24)+1)/SUM(INDEX($D$3:$AA$30,INDEX(Jesper!$R$2:$R$366,ROW(INDEX(Jesper!AH$2:AH$366,ROUNDDOWN($C2979/24,0)+1,1))-1)+IF('Standard Profiles'!$G$18=$B$10,7,0)+IF('Standard Profiles'!$G$18=$B$17,14,0)+IF('Standard Profiles'!$G$18=$B$24,21,0),0)),0)</f>
        <v>8.5598972151682968</v>
      </c>
      <c r="E2979" cm="1">
        <f t="array" ref="E2979">IFERROR(INDEX(Jesper!AI$2:AI$366,ROUNDDOWN($C2979/24,0)+1,1)*INDEX($D$3:$AA$30,INDEX(Jesper!$R$2:$R$366,ROW(INDEX(Jesper!AI$2:AI$366,ROUNDDOWN($C2979/24,0)+1,1))-1)+IF('Standard Profiles'!$G$19=$B$10,7,0)+IF('Standard Profiles'!$G$19=$B$17,14,0)+IF('Standard Profiles'!$G$19=$B$24,21,0),MOD($C2979,24)+1)/SUM(INDEX($D$3:$AA$30,INDEX(Jesper!$R$2:$R$366,ROW(INDEX(Jesper!AI$2:AI$366,ROUNDDOWN($C2979/24,0)+1,1))-1)+IF('Standard Profiles'!$G$19=$B$10,7,0)+IF('Standard Profiles'!$G$19=$B$17,14,0)+IF('Standard Profiles'!$G$19=$B$24,21,0),0)),0)</f>
        <v>5.2741511375625292</v>
      </c>
      <c r="F2979" cm="1">
        <f t="array" ref="F2979">IFERROR(INDEX(Jesper!AJ$2:AJ$366,ROUNDDOWN($C2979/24,0)+1,1)*INDEX($D$3:$AA$30,INDEX(Jesper!$R$2:$R$366,ROW(INDEX(Jesper!AJ$2:AJ$366,ROUNDDOWN($C2979/24,0)+1,1))-1)+IF('Standard Profiles'!$G$20=$B$10,7,0)+IF('Standard Profiles'!$G$20=$B$17,14,0)+IF('Standard Profiles'!$G$20=$B$24,21,0),MOD($C2979,24)+1)/SUM(INDEX($D$3:$AA$30,INDEX(Jesper!$R$2:$R$366,ROW(INDEX(Jesper!AJ$2:AJ$366,ROUNDDOWN($C2979/24,0)+1,1))-1)+IF('Standard Profiles'!$G$20=$B$10,7,0)+IF('Standard Profiles'!$G$20=$B$17,14,0)+IF('Standard Profiles'!$G$20=$B$24,21,0),0)),0)</f>
        <v>0</v>
      </c>
      <c r="G2979" cm="1">
        <f t="array" ref="G2979">IFERROR(INDEX(Jesper!AK$2:AK$366,ROUNDDOWN($C2979/24,0)+1,1)*INDEX($D$3:$AA$30,INDEX(Jesper!$R$2:$R$366,ROW(INDEX(Jesper!AK$2:AK$366,ROUNDDOWN($C2979/24,0)+1,1))-1)+IF('Standard Profiles'!$G$21=$B$10,7,0)+IF('Standard Profiles'!$G$21=$B$17,14,0)+IF('Standard Profiles'!$G$21=$B$24,21,0),MOD($C2979,24)+1)/SUM(INDEX($D$3:$AA$30,INDEX(Jesper!$R$2:$R$366,ROW(INDEX(Jesper!AK$2:AK$366,ROUNDDOWN($C2979/24,0)+1,1))-1)+IF('Standard Profiles'!$G$21=$B$10,7,0)+IF('Standard Profiles'!$G$21=$B$17,14,0)+IF('Standard Profiles'!$G$21=$B$24,21,0),0)),0)</f>
        <v>2.7121439355370391</v>
      </c>
      <c r="H2979" cm="1">
        <f t="array" ref="H2979">IFERROR(INDEX(Jesper!AL$2:AL$366,ROUNDDOWN($C2979/24,0)+1,1)*INDEX($D$3:$AA$30,INDEX(Jesper!$R$2:$R$366,ROW(INDEX(Jesper!AL$2:AL$366,ROUNDDOWN($C2979/24,0)+1,1))-1)+IF('Standard Profiles'!$G$22=$B$10,7,0)+IF('Standard Profiles'!$G$22=$B$17,14,0)+IF('Standard Profiles'!$G$22=$B$24,21,0),MOD($C2979,24)+1)/SUM(INDEX($D$3:$AA$30,INDEX(Jesper!$R$2:$R$366,ROW(INDEX(Jesper!AL$2:AL$366,ROUNDDOWN($C2979/24,0)+1,1))-1)+IF('Standard Profiles'!$G$22=$B$10,7,0)+IF('Standard Profiles'!$G$22=$B$17,14,0)+IF('Standard Profiles'!$G$22=$B$24,21,0),0)),0)</f>
        <v>0</v>
      </c>
      <c r="I2979">
        <f t="shared" ref="I2979:I3042" si="342">IF($B2979&lt;6,AC$37*$D2979+AC$38*$E2979+AC$39*$F2979+AC$40*$G2979,AC$46*$D2979+AC$47*$E2979+AC$48*$F2979+AC$49*$G2979+AC$50*$H2979)</f>
        <v>1.3018290890577782</v>
      </c>
      <c r="J2979">
        <f t="shared" ref="J2979:J3042" si="343">IF($B2979&lt;6,AD$37*$D2979+AD$38*$E2979+AD$39*$F2979+AD$40*$G2979,AD$46*$D2979+AD$47*$E2979+AD$48*$F2979+AD$49*$G2979+AD$50*$H2979)</f>
        <v>13.874779644783159</v>
      </c>
      <c r="K2979">
        <f t="shared" ref="K2979:K3042" si="344">IF($B2979&lt;6,AE$37*$D2979+AE$38*$E2979+AE$39*$F2979+AE$40*$G2979,AE$46*$D2979+AE$47*$E2979+AE$48*$F2979+AE$49*$G2979+AE$50*$H2979)</f>
        <v>0.91305570295128502</v>
      </c>
      <c r="L2979">
        <f t="shared" ref="L2979:L3042" si="345">IF($B2979&lt;6,AF$37*$D2979+AF$38*$E2979+AF$39*$F2979+AF$40*$G2979,AF$46*$D2979+AF$47*$E2979+AF$48*$F2979+AF$49*$G2979+AF$50*$H2979)</f>
        <v>0.45652785147564251</v>
      </c>
      <c r="M2979">
        <f t="shared" ref="M2979:M3042" si="346">IF($B2979&lt;6,AG$37*$D2979+AG$38*$E2979+AG$39*$F2979+AG$40*$G2979,AG$46*$D2979+AG$47*$E2979+AG$48*$F2979+AG$49*$G2979+AG$50*$H2979)</f>
        <v>0</v>
      </c>
      <c r="N2979" s="45">
        <f t="shared" si="340"/>
        <v>45049.708333326191</v>
      </c>
    </row>
    <row r="2980" spans="2:14" x14ac:dyDescent="0.25">
      <c r="B2980">
        <f t="shared" si="341"/>
        <v>3</v>
      </c>
      <c r="C2980" s="16">
        <v>2946</v>
      </c>
      <c r="D2980" cm="1">
        <f t="array" ref="D2980">IFERROR(INDEX(Jesper!AH$2:AH$366,ROUNDDOWN($C2980/24,0)+1,1)*INDEX($D$3:$AA$30,INDEX(Jesper!$R$2:$R$366,ROW(INDEX(Jesper!AH$2:AH$366,ROUNDDOWN($C2980/24,0)+1,1))-1)+IF('Standard Profiles'!$G$18=$B$10,7,0)+IF('Standard Profiles'!$G$18=$B$17,14,0)+IF('Standard Profiles'!$G$18=$B$24,21,0),MOD($C2980,24)+1)/SUM(INDEX($D$3:$AA$30,INDEX(Jesper!$R$2:$R$366,ROW(INDEX(Jesper!AH$2:AH$366,ROUNDDOWN($C2980/24,0)+1,1))-1)+IF('Standard Profiles'!$G$18=$B$10,7,0)+IF('Standard Profiles'!$G$18=$B$17,14,0)+IF('Standard Profiles'!$G$18=$B$24,21,0),0)),0)</f>
        <v>5.6495321620110763</v>
      </c>
      <c r="E2980" cm="1">
        <f t="array" ref="E2980">IFERROR(INDEX(Jesper!AI$2:AI$366,ROUNDDOWN($C2980/24,0)+1,1)*INDEX($D$3:$AA$30,INDEX(Jesper!$R$2:$R$366,ROW(INDEX(Jesper!AI$2:AI$366,ROUNDDOWN($C2980/24,0)+1,1))-1)+IF('Standard Profiles'!$G$19=$B$10,7,0)+IF('Standard Profiles'!$G$19=$B$17,14,0)+IF('Standard Profiles'!$G$19=$B$24,21,0),MOD($C2980,24)+1)/SUM(INDEX($D$3:$AA$30,INDEX(Jesper!$R$2:$R$366,ROW(INDEX(Jesper!AI$2:AI$366,ROUNDDOWN($C2980/24,0)+1,1))-1)+IF('Standard Profiles'!$G$19=$B$10,7,0)+IF('Standard Profiles'!$G$19=$B$17,14,0)+IF('Standard Profiles'!$G$19=$B$24,21,0),0)),0)</f>
        <v>3.4809397507912694</v>
      </c>
      <c r="F2980" cm="1">
        <f t="array" ref="F2980">IFERROR(INDEX(Jesper!AJ$2:AJ$366,ROUNDDOWN($C2980/24,0)+1,1)*INDEX($D$3:$AA$30,INDEX(Jesper!$R$2:$R$366,ROW(INDEX(Jesper!AJ$2:AJ$366,ROUNDDOWN($C2980/24,0)+1,1))-1)+IF('Standard Profiles'!$G$20=$B$10,7,0)+IF('Standard Profiles'!$G$20=$B$17,14,0)+IF('Standard Profiles'!$G$20=$B$24,21,0),MOD($C2980,24)+1)/SUM(INDEX($D$3:$AA$30,INDEX(Jesper!$R$2:$R$366,ROW(INDEX(Jesper!AJ$2:AJ$366,ROUNDDOWN($C2980/24,0)+1,1))-1)+IF('Standard Profiles'!$G$20=$B$10,7,0)+IF('Standard Profiles'!$G$20=$B$17,14,0)+IF('Standard Profiles'!$G$20=$B$24,21,0),0)),0)</f>
        <v>0</v>
      </c>
      <c r="G2980" cm="1">
        <f t="array" ref="G2980">IFERROR(INDEX(Jesper!AK$2:AK$366,ROUNDDOWN($C2980/24,0)+1,1)*INDEX($D$3:$AA$30,INDEX(Jesper!$R$2:$R$366,ROW(INDEX(Jesper!AK$2:AK$366,ROUNDDOWN($C2980/24,0)+1,1))-1)+IF('Standard Profiles'!$G$21=$B$10,7,0)+IF('Standard Profiles'!$G$21=$B$17,14,0)+IF('Standard Profiles'!$G$21=$B$24,21,0),MOD($C2980,24)+1)/SUM(INDEX($D$3:$AA$30,INDEX(Jesper!$R$2:$R$366,ROW(INDEX(Jesper!AK$2:AK$366,ROUNDDOWN($C2980/24,0)+1,1))-1)+IF('Standard Profiles'!$G$21=$B$10,7,0)+IF('Standard Profiles'!$G$21=$B$17,14,0)+IF('Standard Profiles'!$G$21=$B$24,21,0),0)),0)</f>
        <v>1.005428706408541</v>
      </c>
      <c r="H2980" cm="1">
        <f t="array" ref="H2980">IFERROR(INDEX(Jesper!AL$2:AL$366,ROUNDDOWN($C2980/24,0)+1,1)*INDEX($D$3:$AA$30,INDEX(Jesper!$R$2:$R$366,ROW(INDEX(Jesper!AL$2:AL$366,ROUNDDOWN($C2980/24,0)+1,1))-1)+IF('Standard Profiles'!$G$22=$B$10,7,0)+IF('Standard Profiles'!$G$22=$B$17,14,0)+IF('Standard Profiles'!$G$22=$B$24,21,0),MOD($C2980,24)+1)/SUM(INDEX($D$3:$AA$30,INDEX(Jesper!$R$2:$R$366,ROW(INDEX(Jesper!AL$2:AL$366,ROUNDDOWN($C2980/24,0)+1,1))-1)+IF('Standard Profiles'!$G$22=$B$10,7,0)+IF('Standard Profiles'!$G$22=$B$17,14,0)+IF('Standard Profiles'!$G$22=$B$24,21,0),0)),0)</f>
        <v>0</v>
      </c>
      <c r="I2980">
        <f t="shared" si="342"/>
        <v>0.48260577907609942</v>
      </c>
      <c r="J2980">
        <f t="shared" si="343"/>
        <v>8.7493696942130157</v>
      </c>
      <c r="K2980">
        <f t="shared" si="344"/>
        <v>0.60261676394784813</v>
      </c>
      <c r="L2980">
        <f t="shared" si="345"/>
        <v>0.30130838197392407</v>
      </c>
      <c r="M2980">
        <f t="shared" si="346"/>
        <v>0</v>
      </c>
      <c r="N2980" s="45">
        <f t="shared" ref="N2980:N3043" si="347">N2979+1/24</f>
        <v>45049.749999992855</v>
      </c>
    </row>
    <row r="2981" spans="2:14" x14ac:dyDescent="0.25">
      <c r="B2981">
        <f t="shared" si="341"/>
        <v>3</v>
      </c>
      <c r="C2981" s="16">
        <v>2947</v>
      </c>
      <c r="D2981" cm="1">
        <f t="array" ref="D2981">IFERROR(INDEX(Jesper!AH$2:AH$366,ROUNDDOWN($C2981/24,0)+1,1)*INDEX($D$3:$AA$30,INDEX(Jesper!$R$2:$R$366,ROW(INDEX(Jesper!AH$2:AH$366,ROUNDDOWN($C2981/24,0)+1,1))-1)+IF('Standard Profiles'!$G$18=$B$10,7,0)+IF('Standard Profiles'!$G$18=$B$17,14,0)+IF('Standard Profiles'!$G$18=$B$24,21,0),MOD($C2981,24)+1)/SUM(INDEX($D$3:$AA$30,INDEX(Jesper!$R$2:$R$366,ROW(INDEX(Jesper!AH$2:AH$366,ROUNDDOWN($C2981/24,0)+1,1))-1)+IF('Standard Profiles'!$G$18=$B$10,7,0)+IF('Standard Profiles'!$G$18=$B$17,14,0)+IF('Standard Profiles'!$G$18=$B$24,21,0),0)),0)</f>
        <v>5.6495321620110763</v>
      </c>
      <c r="E2981" cm="1">
        <f t="array" ref="E2981">IFERROR(INDEX(Jesper!AI$2:AI$366,ROUNDDOWN($C2981/24,0)+1,1)*INDEX($D$3:$AA$30,INDEX(Jesper!$R$2:$R$366,ROW(INDEX(Jesper!AI$2:AI$366,ROUNDDOWN($C2981/24,0)+1,1))-1)+IF('Standard Profiles'!$G$19=$B$10,7,0)+IF('Standard Profiles'!$G$19=$B$17,14,0)+IF('Standard Profiles'!$G$19=$B$24,21,0),MOD($C2981,24)+1)/SUM(INDEX($D$3:$AA$30,INDEX(Jesper!$R$2:$R$366,ROW(INDEX(Jesper!AI$2:AI$366,ROUNDDOWN($C2981/24,0)+1,1))-1)+IF('Standard Profiles'!$G$19=$B$10,7,0)+IF('Standard Profiles'!$G$19=$B$17,14,0)+IF('Standard Profiles'!$G$19=$B$24,21,0),0)),0)</f>
        <v>3.4809397507912694</v>
      </c>
      <c r="F2981" cm="1">
        <f t="array" ref="F2981">IFERROR(INDEX(Jesper!AJ$2:AJ$366,ROUNDDOWN($C2981/24,0)+1,1)*INDEX($D$3:$AA$30,INDEX(Jesper!$R$2:$R$366,ROW(INDEX(Jesper!AJ$2:AJ$366,ROUNDDOWN($C2981/24,0)+1,1))-1)+IF('Standard Profiles'!$G$20=$B$10,7,0)+IF('Standard Profiles'!$G$20=$B$17,14,0)+IF('Standard Profiles'!$G$20=$B$24,21,0),MOD($C2981,24)+1)/SUM(INDEX($D$3:$AA$30,INDEX(Jesper!$R$2:$R$366,ROW(INDEX(Jesper!AJ$2:AJ$366,ROUNDDOWN($C2981/24,0)+1,1))-1)+IF('Standard Profiles'!$G$20=$B$10,7,0)+IF('Standard Profiles'!$G$20=$B$17,14,0)+IF('Standard Profiles'!$G$20=$B$24,21,0),0)),0)</f>
        <v>0</v>
      </c>
      <c r="G2981" cm="1">
        <f t="array" ref="G2981">IFERROR(INDEX(Jesper!AK$2:AK$366,ROUNDDOWN($C2981/24,0)+1,1)*INDEX($D$3:$AA$30,INDEX(Jesper!$R$2:$R$366,ROW(INDEX(Jesper!AK$2:AK$366,ROUNDDOWN($C2981/24,0)+1,1))-1)+IF('Standard Profiles'!$G$21=$B$10,7,0)+IF('Standard Profiles'!$G$21=$B$17,14,0)+IF('Standard Profiles'!$G$21=$B$24,21,0),MOD($C2981,24)+1)/SUM(INDEX($D$3:$AA$30,INDEX(Jesper!$R$2:$R$366,ROW(INDEX(Jesper!AK$2:AK$366,ROUNDDOWN($C2981/24,0)+1,1))-1)+IF('Standard Profiles'!$G$21=$B$10,7,0)+IF('Standard Profiles'!$G$21=$B$17,14,0)+IF('Standard Profiles'!$G$21=$B$24,21,0),0)),0)</f>
        <v>1.005428706408541</v>
      </c>
      <c r="H2981" cm="1">
        <f t="array" ref="H2981">IFERROR(INDEX(Jesper!AL$2:AL$366,ROUNDDOWN($C2981/24,0)+1,1)*INDEX($D$3:$AA$30,INDEX(Jesper!$R$2:$R$366,ROW(INDEX(Jesper!AL$2:AL$366,ROUNDDOWN($C2981/24,0)+1,1))-1)+IF('Standard Profiles'!$G$22=$B$10,7,0)+IF('Standard Profiles'!$G$22=$B$17,14,0)+IF('Standard Profiles'!$G$22=$B$24,21,0),MOD($C2981,24)+1)/SUM(INDEX($D$3:$AA$30,INDEX(Jesper!$R$2:$R$366,ROW(INDEX(Jesper!AL$2:AL$366,ROUNDDOWN($C2981/24,0)+1,1))-1)+IF('Standard Profiles'!$G$22=$B$10,7,0)+IF('Standard Profiles'!$G$22=$B$17,14,0)+IF('Standard Profiles'!$G$22=$B$24,21,0),0)),0)</f>
        <v>0</v>
      </c>
      <c r="I2981">
        <f t="shared" si="342"/>
        <v>0.48260577907609942</v>
      </c>
      <c r="J2981">
        <f t="shared" si="343"/>
        <v>8.7493696942130157</v>
      </c>
      <c r="K2981">
        <f t="shared" si="344"/>
        <v>0.60261676394784813</v>
      </c>
      <c r="L2981">
        <f t="shared" si="345"/>
        <v>0.30130838197392407</v>
      </c>
      <c r="M2981">
        <f t="shared" si="346"/>
        <v>0</v>
      </c>
      <c r="N2981" s="45">
        <f t="shared" si="347"/>
        <v>45049.791666659519</v>
      </c>
    </row>
    <row r="2982" spans="2:14" x14ac:dyDescent="0.25">
      <c r="B2982">
        <f t="shared" si="341"/>
        <v>3</v>
      </c>
      <c r="C2982" s="16">
        <v>2948</v>
      </c>
      <c r="D2982" cm="1">
        <f t="array" ref="D2982">IFERROR(INDEX(Jesper!AH$2:AH$366,ROUNDDOWN($C2982/24,0)+1,1)*INDEX($D$3:$AA$30,INDEX(Jesper!$R$2:$R$366,ROW(INDEX(Jesper!AH$2:AH$366,ROUNDDOWN($C2982/24,0)+1,1))-1)+IF('Standard Profiles'!$G$18=$B$10,7,0)+IF('Standard Profiles'!$G$18=$B$17,14,0)+IF('Standard Profiles'!$G$18=$B$24,21,0),MOD($C2982,24)+1)/SUM(INDEX($D$3:$AA$30,INDEX(Jesper!$R$2:$R$366,ROW(INDEX(Jesper!AH$2:AH$366,ROUNDDOWN($C2982/24,0)+1,1))-1)+IF('Standard Profiles'!$G$18=$B$10,7,0)+IF('Standard Profiles'!$G$18=$B$17,14,0)+IF('Standard Profiles'!$G$18=$B$24,21,0),0)),0)</f>
        <v>5.6495321620110763</v>
      </c>
      <c r="E2982" cm="1">
        <f t="array" ref="E2982">IFERROR(INDEX(Jesper!AI$2:AI$366,ROUNDDOWN($C2982/24,0)+1,1)*INDEX($D$3:$AA$30,INDEX(Jesper!$R$2:$R$366,ROW(INDEX(Jesper!AI$2:AI$366,ROUNDDOWN($C2982/24,0)+1,1))-1)+IF('Standard Profiles'!$G$19=$B$10,7,0)+IF('Standard Profiles'!$G$19=$B$17,14,0)+IF('Standard Profiles'!$G$19=$B$24,21,0),MOD($C2982,24)+1)/SUM(INDEX($D$3:$AA$30,INDEX(Jesper!$R$2:$R$366,ROW(INDEX(Jesper!AI$2:AI$366,ROUNDDOWN($C2982/24,0)+1,1))-1)+IF('Standard Profiles'!$G$19=$B$10,7,0)+IF('Standard Profiles'!$G$19=$B$17,14,0)+IF('Standard Profiles'!$G$19=$B$24,21,0),0)),0)</f>
        <v>3.4809397507912694</v>
      </c>
      <c r="F2982" cm="1">
        <f t="array" ref="F2982">IFERROR(INDEX(Jesper!AJ$2:AJ$366,ROUNDDOWN($C2982/24,0)+1,1)*INDEX($D$3:$AA$30,INDEX(Jesper!$R$2:$R$366,ROW(INDEX(Jesper!AJ$2:AJ$366,ROUNDDOWN($C2982/24,0)+1,1))-1)+IF('Standard Profiles'!$G$20=$B$10,7,0)+IF('Standard Profiles'!$G$20=$B$17,14,0)+IF('Standard Profiles'!$G$20=$B$24,21,0),MOD($C2982,24)+1)/SUM(INDEX($D$3:$AA$30,INDEX(Jesper!$R$2:$R$366,ROW(INDEX(Jesper!AJ$2:AJ$366,ROUNDDOWN($C2982/24,0)+1,1))-1)+IF('Standard Profiles'!$G$20=$B$10,7,0)+IF('Standard Profiles'!$G$20=$B$17,14,0)+IF('Standard Profiles'!$G$20=$B$24,21,0),0)),0)</f>
        <v>0</v>
      </c>
      <c r="G2982" cm="1">
        <f t="array" ref="G2982">IFERROR(INDEX(Jesper!AK$2:AK$366,ROUNDDOWN($C2982/24,0)+1,1)*INDEX($D$3:$AA$30,INDEX(Jesper!$R$2:$R$366,ROW(INDEX(Jesper!AK$2:AK$366,ROUNDDOWN($C2982/24,0)+1,1))-1)+IF('Standard Profiles'!$G$21=$B$10,7,0)+IF('Standard Profiles'!$G$21=$B$17,14,0)+IF('Standard Profiles'!$G$21=$B$24,21,0),MOD($C2982,24)+1)/SUM(INDEX($D$3:$AA$30,INDEX(Jesper!$R$2:$R$366,ROW(INDEX(Jesper!AK$2:AK$366,ROUNDDOWN($C2982/24,0)+1,1))-1)+IF('Standard Profiles'!$G$21=$B$10,7,0)+IF('Standard Profiles'!$G$21=$B$17,14,0)+IF('Standard Profiles'!$G$21=$B$24,21,0),0)),0)</f>
        <v>1.005428706408541</v>
      </c>
      <c r="H2982" cm="1">
        <f t="array" ref="H2982">IFERROR(INDEX(Jesper!AL$2:AL$366,ROUNDDOWN($C2982/24,0)+1,1)*INDEX($D$3:$AA$30,INDEX(Jesper!$R$2:$R$366,ROW(INDEX(Jesper!AL$2:AL$366,ROUNDDOWN($C2982/24,0)+1,1))-1)+IF('Standard Profiles'!$G$22=$B$10,7,0)+IF('Standard Profiles'!$G$22=$B$17,14,0)+IF('Standard Profiles'!$G$22=$B$24,21,0),MOD($C2982,24)+1)/SUM(INDEX($D$3:$AA$30,INDEX(Jesper!$R$2:$R$366,ROW(INDEX(Jesper!AL$2:AL$366,ROUNDDOWN($C2982/24,0)+1,1))-1)+IF('Standard Profiles'!$G$22=$B$10,7,0)+IF('Standard Profiles'!$G$22=$B$17,14,0)+IF('Standard Profiles'!$G$22=$B$24,21,0),0)),0)</f>
        <v>0</v>
      </c>
      <c r="I2982">
        <f t="shared" si="342"/>
        <v>0.48260577907609942</v>
      </c>
      <c r="J2982">
        <f t="shared" si="343"/>
        <v>8.7493696942130157</v>
      </c>
      <c r="K2982">
        <f t="shared" si="344"/>
        <v>0.60261676394784813</v>
      </c>
      <c r="L2982">
        <f t="shared" si="345"/>
        <v>0.30130838197392407</v>
      </c>
      <c r="M2982">
        <f t="shared" si="346"/>
        <v>0</v>
      </c>
      <c r="N2982" s="45">
        <f t="shared" si="347"/>
        <v>45049.833333326183</v>
      </c>
    </row>
    <row r="2983" spans="2:14" x14ac:dyDescent="0.25">
      <c r="B2983">
        <f t="shared" si="341"/>
        <v>3</v>
      </c>
      <c r="C2983" s="16">
        <v>2949</v>
      </c>
      <c r="D2983" cm="1">
        <f t="array" ref="D2983">IFERROR(INDEX(Jesper!AH$2:AH$366,ROUNDDOWN($C2983/24,0)+1,1)*INDEX($D$3:$AA$30,INDEX(Jesper!$R$2:$R$366,ROW(INDEX(Jesper!AH$2:AH$366,ROUNDDOWN($C2983/24,0)+1,1))-1)+IF('Standard Profiles'!$G$18=$B$10,7,0)+IF('Standard Profiles'!$G$18=$B$17,14,0)+IF('Standard Profiles'!$G$18=$B$24,21,0),MOD($C2983,24)+1)/SUM(INDEX($D$3:$AA$30,INDEX(Jesper!$R$2:$R$366,ROW(INDEX(Jesper!AH$2:AH$366,ROUNDDOWN($C2983/24,0)+1,1))-1)+IF('Standard Profiles'!$G$18=$B$10,7,0)+IF('Standard Profiles'!$G$18=$B$17,14,0)+IF('Standard Profiles'!$G$18=$B$24,21,0),0)),0)</f>
        <v>5.6495321620110763</v>
      </c>
      <c r="E2983" cm="1">
        <f t="array" ref="E2983">IFERROR(INDEX(Jesper!AI$2:AI$366,ROUNDDOWN($C2983/24,0)+1,1)*INDEX($D$3:$AA$30,INDEX(Jesper!$R$2:$R$366,ROW(INDEX(Jesper!AI$2:AI$366,ROUNDDOWN($C2983/24,0)+1,1))-1)+IF('Standard Profiles'!$G$19=$B$10,7,0)+IF('Standard Profiles'!$G$19=$B$17,14,0)+IF('Standard Profiles'!$G$19=$B$24,21,0),MOD($C2983,24)+1)/SUM(INDEX($D$3:$AA$30,INDEX(Jesper!$R$2:$R$366,ROW(INDEX(Jesper!AI$2:AI$366,ROUNDDOWN($C2983/24,0)+1,1))-1)+IF('Standard Profiles'!$G$19=$B$10,7,0)+IF('Standard Profiles'!$G$19=$B$17,14,0)+IF('Standard Profiles'!$G$19=$B$24,21,0),0)),0)</f>
        <v>3.4809397507912694</v>
      </c>
      <c r="F2983" cm="1">
        <f t="array" ref="F2983">IFERROR(INDEX(Jesper!AJ$2:AJ$366,ROUNDDOWN($C2983/24,0)+1,1)*INDEX($D$3:$AA$30,INDEX(Jesper!$R$2:$R$366,ROW(INDEX(Jesper!AJ$2:AJ$366,ROUNDDOWN($C2983/24,0)+1,1))-1)+IF('Standard Profiles'!$G$20=$B$10,7,0)+IF('Standard Profiles'!$G$20=$B$17,14,0)+IF('Standard Profiles'!$G$20=$B$24,21,0),MOD($C2983,24)+1)/SUM(INDEX($D$3:$AA$30,INDEX(Jesper!$R$2:$R$366,ROW(INDEX(Jesper!AJ$2:AJ$366,ROUNDDOWN($C2983/24,0)+1,1))-1)+IF('Standard Profiles'!$G$20=$B$10,7,0)+IF('Standard Profiles'!$G$20=$B$17,14,0)+IF('Standard Profiles'!$G$20=$B$24,21,0),0)),0)</f>
        <v>0</v>
      </c>
      <c r="G2983" cm="1">
        <f t="array" ref="G2983">IFERROR(INDEX(Jesper!AK$2:AK$366,ROUNDDOWN($C2983/24,0)+1,1)*INDEX($D$3:$AA$30,INDEX(Jesper!$R$2:$R$366,ROW(INDEX(Jesper!AK$2:AK$366,ROUNDDOWN($C2983/24,0)+1,1))-1)+IF('Standard Profiles'!$G$21=$B$10,7,0)+IF('Standard Profiles'!$G$21=$B$17,14,0)+IF('Standard Profiles'!$G$21=$B$24,21,0),MOD($C2983,24)+1)/SUM(INDEX($D$3:$AA$30,INDEX(Jesper!$R$2:$R$366,ROW(INDEX(Jesper!AK$2:AK$366,ROUNDDOWN($C2983/24,0)+1,1))-1)+IF('Standard Profiles'!$G$21=$B$10,7,0)+IF('Standard Profiles'!$G$21=$B$17,14,0)+IF('Standard Profiles'!$G$21=$B$24,21,0),0)),0)</f>
        <v>1.005428706408541</v>
      </c>
      <c r="H2983" cm="1">
        <f t="array" ref="H2983">IFERROR(INDEX(Jesper!AL$2:AL$366,ROUNDDOWN($C2983/24,0)+1,1)*INDEX($D$3:$AA$30,INDEX(Jesper!$R$2:$R$366,ROW(INDEX(Jesper!AL$2:AL$366,ROUNDDOWN($C2983/24,0)+1,1))-1)+IF('Standard Profiles'!$G$22=$B$10,7,0)+IF('Standard Profiles'!$G$22=$B$17,14,0)+IF('Standard Profiles'!$G$22=$B$24,21,0),MOD($C2983,24)+1)/SUM(INDEX($D$3:$AA$30,INDEX(Jesper!$R$2:$R$366,ROW(INDEX(Jesper!AL$2:AL$366,ROUNDDOWN($C2983/24,0)+1,1))-1)+IF('Standard Profiles'!$G$22=$B$10,7,0)+IF('Standard Profiles'!$G$22=$B$17,14,0)+IF('Standard Profiles'!$G$22=$B$24,21,0),0)),0)</f>
        <v>0</v>
      </c>
      <c r="I2983">
        <f t="shared" si="342"/>
        <v>0.48260577907609942</v>
      </c>
      <c r="J2983">
        <f t="shared" si="343"/>
        <v>8.7493696942130157</v>
      </c>
      <c r="K2983">
        <f t="shared" si="344"/>
        <v>0.60261676394784813</v>
      </c>
      <c r="L2983">
        <f t="shared" si="345"/>
        <v>0.30130838197392407</v>
      </c>
      <c r="M2983">
        <f t="shared" si="346"/>
        <v>0</v>
      </c>
      <c r="N2983" s="45">
        <f t="shared" si="347"/>
        <v>45049.874999992848</v>
      </c>
    </row>
    <row r="2984" spans="2:14" x14ac:dyDescent="0.25">
      <c r="B2984">
        <f t="shared" si="341"/>
        <v>3</v>
      </c>
      <c r="C2984" s="16">
        <v>2950</v>
      </c>
      <c r="D2984" cm="1">
        <f t="array" ref="D2984">IFERROR(INDEX(Jesper!AH$2:AH$366,ROUNDDOWN($C2984/24,0)+1,1)*INDEX($D$3:$AA$30,INDEX(Jesper!$R$2:$R$366,ROW(INDEX(Jesper!AH$2:AH$366,ROUNDDOWN($C2984/24,0)+1,1))-1)+IF('Standard Profiles'!$G$18=$B$10,7,0)+IF('Standard Profiles'!$G$18=$B$17,14,0)+IF('Standard Profiles'!$G$18=$B$24,21,0),MOD($C2984,24)+1)/SUM(INDEX($D$3:$AA$30,INDEX(Jesper!$R$2:$R$366,ROW(INDEX(Jesper!AH$2:AH$366,ROUNDDOWN($C2984/24,0)+1,1))-1)+IF('Standard Profiles'!$G$18=$B$10,7,0)+IF('Standard Profiles'!$G$18=$B$17,14,0)+IF('Standard Profiles'!$G$18=$B$24,21,0),0)),0)</f>
        <v>5.6495321620110763</v>
      </c>
      <c r="E2984" cm="1">
        <f t="array" ref="E2984">IFERROR(INDEX(Jesper!AI$2:AI$366,ROUNDDOWN($C2984/24,0)+1,1)*INDEX($D$3:$AA$30,INDEX(Jesper!$R$2:$R$366,ROW(INDEX(Jesper!AI$2:AI$366,ROUNDDOWN($C2984/24,0)+1,1))-1)+IF('Standard Profiles'!$G$19=$B$10,7,0)+IF('Standard Profiles'!$G$19=$B$17,14,0)+IF('Standard Profiles'!$G$19=$B$24,21,0),MOD($C2984,24)+1)/SUM(INDEX($D$3:$AA$30,INDEX(Jesper!$R$2:$R$366,ROW(INDEX(Jesper!AI$2:AI$366,ROUNDDOWN($C2984/24,0)+1,1))-1)+IF('Standard Profiles'!$G$19=$B$10,7,0)+IF('Standard Profiles'!$G$19=$B$17,14,0)+IF('Standard Profiles'!$G$19=$B$24,21,0),0)),0)</f>
        <v>3.4809397507912694</v>
      </c>
      <c r="F2984" cm="1">
        <f t="array" ref="F2984">IFERROR(INDEX(Jesper!AJ$2:AJ$366,ROUNDDOWN($C2984/24,0)+1,1)*INDEX($D$3:$AA$30,INDEX(Jesper!$R$2:$R$366,ROW(INDEX(Jesper!AJ$2:AJ$366,ROUNDDOWN($C2984/24,0)+1,1))-1)+IF('Standard Profiles'!$G$20=$B$10,7,0)+IF('Standard Profiles'!$G$20=$B$17,14,0)+IF('Standard Profiles'!$G$20=$B$24,21,0),MOD($C2984,24)+1)/SUM(INDEX($D$3:$AA$30,INDEX(Jesper!$R$2:$R$366,ROW(INDEX(Jesper!AJ$2:AJ$366,ROUNDDOWN($C2984/24,0)+1,1))-1)+IF('Standard Profiles'!$G$20=$B$10,7,0)+IF('Standard Profiles'!$G$20=$B$17,14,0)+IF('Standard Profiles'!$G$20=$B$24,21,0),0)),0)</f>
        <v>0</v>
      </c>
      <c r="G2984" cm="1">
        <f t="array" ref="G2984">IFERROR(INDEX(Jesper!AK$2:AK$366,ROUNDDOWN($C2984/24,0)+1,1)*INDEX($D$3:$AA$30,INDEX(Jesper!$R$2:$R$366,ROW(INDEX(Jesper!AK$2:AK$366,ROUNDDOWN($C2984/24,0)+1,1))-1)+IF('Standard Profiles'!$G$21=$B$10,7,0)+IF('Standard Profiles'!$G$21=$B$17,14,0)+IF('Standard Profiles'!$G$21=$B$24,21,0),MOD($C2984,24)+1)/SUM(INDEX($D$3:$AA$30,INDEX(Jesper!$R$2:$R$366,ROW(INDEX(Jesper!AK$2:AK$366,ROUNDDOWN($C2984/24,0)+1,1))-1)+IF('Standard Profiles'!$G$21=$B$10,7,0)+IF('Standard Profiles'!$G$21=$B$17,14,0)+IF('Standard Profiles'!$G$21=$B$24,21,0),0)),0)</f>
        <v>1.005428706408541</v>
      </c>
      <c r="H2984" cm="1">
        <f t="array" ref="H2984">IFERROR(INDEX(Jesper!AL$2:AL$366,ROUNDDOWN($C2984/24,0)+1,1)*INDEX($D$3:$AA$30,INDEX(Jesper!$R$2:$R$366,ROW(INDEX(Jesper!AL$2:AL$366,ROUNDDOWN($C2984/24,0)+1,1))-1)+IF('Standard Profiles'!$G$22=$B$10,7,0)+IF('Standard Profiles'!$G$22=$B$17,14,0)+IF('Standard Profiles'!$G$22=$B$24,21,0),MOD($C2984,24)+1)/SUM(INDEX($D$3:$AA$30,INDEX(Jesper!$R$2:$R$366,ROW(INDEX(Jesper!AL$2:AL$366,ROUNDDOWN($C2984/24,0)+1,1))-1)+IF('Standard Profiles'!$G$22=$B$10,7,0)+IF('Standard Profiles'!$G$22=$B$17,14,0)+IF('Standard Profiles'!$G$22=$B$24,21,0),0)),0)</f>
        <v>0</v>
      </c>
      <c r="I2984">
        <f t="shared" si="342"/>
        <v>0.48260577907609942</v>
      </c>
      <c r="J2984">
        <f t="shared" si="343"/>
        <v>8.7493696942130157</v>
      </c>
      <c r="K2984">
        <f t="shared" si="344"/>
        <v>0.60261676394784813</v>
      </c>
      <c r="L2984">
        <f t="shared" si="345"/>
        <v>0.30130838197392407</v>
      </c>
      <c r="M2984">
        <f t="shared" si="346"/>
        <v>0</v>
      </c>
      <c r="N2984" s="45">
        <f t="shared" si="347"/>
        <v>45049.916666659512</v>
      </c>
    </row>
    <row r="2985" spans="2:14" x14ac:dyDescent="0.25">
      <c r="B2985">
        <f t="shared" si="341"/>
        <v>3</v>
      </c>
      <c r="C2985" s="16">
        <v>2951</v>
      </c>
      <c r="D2985" cm="1">
        <f t="array" ref="D2985">IFERROR(INDEX(Jesper!AH$2:AH$366,ROUNDDOWN($C2985/24,0)+1,1)*INDEX($D$3:$AA$30,INDEX(Jesper!$R$2:$R$366,ROW(INDEX(Jesper!AH$2:AH$366,ROUNDDOWN($C2985/24,0)+1,1))-1)+IF('Standard Profiles'!$G$18=$B$10,7,0)+IF('Standard Profiles'!$G$18=$B$17,14,0)+IF('Standard Profiles'!$G$18=$B$24,21,0),MOD($C2985,24)+1)/SUM(INDEX($D$3:$AA$30,INDEX(Jesper!$R$2:$R$366,ROW(INDEX(Jesper!AH$2:AH$366,ROUNDDOWN($C2985/24,0)+1,1))-1)+IF('Standard Profiles'!$G$18=$B$10,7,0)+IF('Standard Profiles'!$G$18=$B$17,14,0)+IF('Standard Profiles'!$G$18=$B$24,21,0),0)),0)</f>
        <v>5.6495321620110763</v>
      </c>
      <c r="E2985" cm="1">
        <f t="array" ref="E2985">IFERROR(INDEX(Jesper!AI$2:AI$366,ROUNDDOWN($C2985/24,0)+1,1)*INDEX($D$3:$AA$30,INDEX(Jesper!$R$2:$R$366,ROW(INDEX(Jesper!AI$2:AI$366,ROUNDDOWN($C2985/24,0)+1,1))-1)+IF('Standard Profiles'!$G$19=$B$10,7,0)+IF('Standard Profiles'!$G$19=$B$17,14,0)+IF('Standard Profiles'!$G$19=$B$24,21,0),MOD($C2985,24)+1)/SUM(INDEX($D$3:$AA$30,INDEX(Jesper!$R$2:$R$366,ROW(INDEX(Jesper!AI$2:AI$366,ROUNDDOWN($C2985/24,0)+1,1))-1)+IF('Standard Profiles'!$G$19=$B$10,7,0)+IF('Standard Profiles'!$G$19=$B$17,14,0)+IF('Standard Profiles'!$G$19=$B$24,21,0),0)),0)</f>
        <v>3.4809397507912694</v>
      </c>
      <c r="F2985" cm="1">
        <f t="array" ref="F2985">IFERROR(INDEX(Jesper!AJ$2:AJ$366,ROUNDDOWN($C2985/24,0)+1,1)*INDEX($D$3:$AA$30,INDEX(Jesper!$R$2:$R$366,ROW(INDEX(Jesper!AJ$2:AJ$366,ROUNDDOWN($C2985/24,0)+1,1))-1)+IF('Standard Profiles'!$G$20=$B$10,7,0)+IF('Standard Profiles'!$G$20=$B$17,14,0)+IF('Standard Profiles'!$G$20=$B$24,21,0),MOD($C2985,24)+1)/SUM(INDEX($D$3:$AA$30,INDEX(Jesper!$R$2:$R$366,ROW(INDEX(Jesper!AJ$2:AJ$366,ROUNDDOWN($C2985/24,0)+1,1))-1)+IF('Standard Profiles'!$G$20=$B$10,7,0)+IF('Standard Profiles'!$G$20=$B$17,14,0)+IF('Standard Profiles'!$G$20=$B$24,21,0),0)),0)</f>
        <v>0</v>
      </c>
      <c r="G2985" cm="1">
        <f t="array" ref="G2985">IFERROR(INDEX(Jesper!AK$2:AK$366,ROUNDDOWN($C2985/24,0)+1,1)*INDEX($D$3:$AA$30,INDEX(Jesper!$R$2:$R$366,ROW(INDEX(Jesper!AK$2:AK$366,ROUNDDOWN($C2985/24,0)+1,1))-1)+IF('Standard Profiles'!$G$21=$B$10,7,0)+IF('Standard Profiles'!$G$21=$B$17,14,0)+IF('Standard Profiles'!$G$21=$B$24,21,0),MOD($C2985,24)+1)/SUM(INDEX($D$3:$AA$30,INDEX(Jesper!$R$2:$R$366,ROW(INDEX(Jesper!AK$2:AK$366,ROUNDDOWN($C2985/24,0)+1,1))-1)+IF('Standard Profiles'!$G$21=$B$10,7,0)+IF('Standard Profiles'!$G$21=$B$17,14,0)+IF('Standard Profiles'!$G$21=$B$24,21,0),0)),0)</f>
        <v>1.005428706408541</v>
      </c>
      <c r="H2985" cm="1">
        <f t="array" ref="H2985">IFERROR(INDEX(Jesper!AL$2:AL$366,ROUNDDOWN($C2985/24,0)+1,1)*INDEX($D$3:$AA$30,INDEX(Jesper!$R$2:$R$366,ROW(INDEX(Jesper!AL$2:AL$366,ROUNDDOWN($C2985/24,0)+1,1))-1)+IF('Standard Profiles'!$G$22=$B$10,7,0)+IF('Standard Profiles'!$G$22=$B$17,14,0)+IF('Standard Profiles'!$G$22=$B$24,21,0),MOD($C2985,24)+1)/SUM(INDEX($D$3:$AA$30,INDEX(Jesper!$R$2:$R$366,ROW(INDEX(Jesper!AL$2:AL$366,ROUNDDOWN($C2985/24,0)+1,1))-1)+IF('Standard Profiles'!$G$22=$B$10,7,0)+IF('Standard Profiles'!$G$22=$B$17,14,0)+IF('Standard Profiles'!$G$22=$B$24,21,0),0)),0)</f>
        <v>0</v>
      </c>
      <c r="I2985">
        <f t="shared" si="342"/>
        <v>0.48260577907609942</v>
      </c>
      <c r="J2985">
        <f t="shared" si="343"/>
        <v>8.7493696942130157</v>
      </c>
      <c r="K2985">
        <f t="shared" si="344"/>
        <v>0.60261676394784813</v>
      </c>
      <c r="L2985">
        <f t="shared" si="345"/>
        <v>0.30130838197392407</v>
      </c>
      <c r="M2985">
        <f t="shared" si="346"/>
        <v>0</v>
      </c>
      <c r="N2985" s="45">
        <f t="shared" si="347"/>
        <v>45049.958333326176</v>
      </c>
    </row>
    <row r="2986" spans="2:14" x14ac:dyDescent="0.25">
      <c r="B2986">
        <f t="shared" si="341"/>
        <v>4</v>
      </c>
      <c r="C2986" s="16">
        <v>2952</v>
      </c>
      <c r="D2986" cm="1">
        <f t="array" ref="D2986">IFERROR(INDEX(Jesper!AH$2:AH$366,ROUNDDOWN($C2986/24,0)+1,1)*INDEX($D$3:$AA$30,INDEX(Jesper!$R$2:$R$366,ROW(INDEX(Jesper!AH$2:AH$366,ROUNDDOWN($C2986/24,0)+1,1))-1)+IF('Standard Profiles'!$G$18=$B$10,7,0)+IF('Standard Profiles'!$G$18=$B$17,14,0)+IF('Standard Profiles'!$G$18=$B$24,21,0),MOD($C2986,24)+1)/SUM(INDEX($D$3:$AA$30,INDEX(Jesper!$R$2:$R$366,ROW(INDEX(Jesper!AH$2:AH$366,ROUNDDOWN($C2986/24,0)+1,1))-1)+IF('Standard Profiles'!$G$18=$B$10,7,0)+IF('Standard Profiles'!$G$18=$B$17,14,0)+IF('Standard Profiles'!$G$18=$B$24,21,0),0)),0)</f>
        <v>5.6579308921681051</v>
      </c>
      <c r="E2986" cm="1">
        <f t="array" ref="E2986">IFERROR(INDEX(Jesper!AI$2:AI$366,ROUNDDOWN($C2986/24,0)+1,1)*INDEX($D$3:$AA$30,INDEX(Jesper!$R$2:$R$366,ROW(INDEX(Jesper!AI$2:AI$366,ROUNDDOWN($C2986/24,0)+1,1))-1)+IF('Standard Profiles'!$G$19=$B$10,7,0)+IF('Standard Profiles'!$G$19=$B$17,14,0)+IF('Standard Profiles'!$G$19=$B$24,21,0),MOD($C2986,24)+1)/SUM(INDEX($D$3:$AA$30,INDEX(Jesper!$R$2:$R$366,ROW(INDEX(Jesper!AI$2:AI$366,ROUNDDOWN($C2986/24,0)+1,1))-1)+IF('Standard Profiles'!$G$19=$B$10,7,0)+IF('Standard Profiles'!$G$19=$B$17,14,0)+IF('Standard Profiles'!$G$19=$B$24,21,0),0)),0)</f>
        <v>3.5504929546747848</v>
      </c>
      <c r="F2986" cm="1">
        <f t="array" ref="F2986">IFERROR(INDEX(Jesper!AJ$2:AJ$366,ROUNDDOWN($C2986/24,0)+1,1)*INDEX($D$3:$AA$30,INDEX(Jesper!$R$2:$R$366,ROW(INDEX(Jesper!AJ$2:AJ$366,ROUNDDOWN($C2986/24,0)+1,1))-1)+IF('Standard Profiles'!$G$20=$B$10,7,0)+IF('Standard Profiles'!$G$20=$B$17,14,0)+IF('Standard Profiles'!$G$20=$B$24,21,0),MOD($C2986,24)+1)/SUM(INDEX($D$3:$AA$30,INDEX(Jesper!$R$2:$R$366,ROW(INDEX(Jesper!AJ$2:AJ$366,ROUNDDOWN($C2986/24,0)+1,1))-1)+IF('Standard Profiles'!$G$20=$B$10,7,0)+IF('Standard Profiles'!$G$20=$B$17,14,0)+IF('Standard Profiles'!$G$20=$B$24,21,0),0)),0)</f>
        <v>0</v>
      </c>
      <c r="G2986" cm="1">
        <f t="array" ref="G2986">IFERROR(INDEX(Jesper!AK$2:AK$366,ROUNDDOWN($C2986/24,0)+1,1)*INDEX($D$3:$AA$30,INDEX(Jesper!$R$2:$R$366,ROW(INDEX(Jesper!AK$2:AK$366,ROUNDDOWN($C2986/24,0)+1,1))-1)+IF('Standard Profiles'!$G$21=$B$10,7,0)+IF('Standard Profiles'!$G$21=$B$17,14,0)+IF('Standard Profiles'!$G$21=$B$24,21,0),MOD($C2986,24)+1)/SUM(INDEX($D$3:$AA$30,INDEX(Jesper!$R$2:$R$366,ROW(INDEX(Jesper!AK$2:AK$366,ROUNDDOWN($C2986/24,0)+1,1))-1)+IF('Standard Profiles'!$G$21=$B$10,7,0)+IF('Standard Profiles'!$G$21=$B$17,14,0)+IF('Standard Profiles'!$G$21=$B$24,21,0),0)),0)</f>
        <v>1.0271421862510779</v>
      </c>
      <c r="H2986" cm="1">
        <f t="array" ref="H2986">IFERROR(INDEX(Jesper!AL$2:AL$366,ROUNDDOWN($C2986/24,0)+1,1)*INDEX($D$3:$AA$30,INDEX(Jesper!$R$2:$R$366,ROW(INDEX(Jesper!AL$2:AL$366,ROUNDDOWN($C2986/24,0)+1,1))-1)+IF('Standard Profiles'!$G$22=$B$10,7,0)+IF('Standard Profiles'!$G$22=$B$17,14,0)+IF('Standard Profiles'!$G$22=$B$24,21,0),MOD($C2986,24)+1)/SUM(INDEX($D$3:$AA$30,INDEX(Jesper!$R$2:$R$366,ROW(INDEX(Jesper!AL$2:AL$366,ROUNDDOWN($C2986/24,0)+1,1))-1)+IF('Standard Profiles'!$G$22=$B$10,7,0)+IF('Standard Profiles'!$G$22=$B$17,14,0)+IF('Standard Profiles'!$G$22=$B$24,21,0),0)),0)</f>
        <v>0</v>
      </c>
      <c r="I2986">
        <f t="shared" si="342"/>
        <v>0.49302824940051715</v>
      </c>
      <c r="J2986">
        <f t="shared" si="343"/>
        <v>8.837268840946555</v>
      </c>
      <c r="K2986">
        <f t="shared" si="344"/>
        <v>0.60351262849793119</v>
      </c>
      <c r="L2986">
        <f t="shared" si="345"/>
        <v>0.3017563142489656</v>
      </c>
      <c r="M2986">
        <f t="shared" si="346"/>
        <v>0</v>
      </c>
      <c r="N2986" s="45">
        <f t="shared" si="347"/>
        <v>45049.99999999284</v>
      </c>
    </row>
    <row r="2987" spans="2:14" x14ac:dyDescent="0.25">
      <c r="B2987">
        <f t="shared" si="341"/>
        <v>4</v>
      </c>
      <c r="C2987" s="16">
        <v>2953</v>
      </c>
      <c r="D2987" cm="1">
        <f t="array" ref="D2987">IFERROR(INDEX(Jesper!AH$2:AH$366,ROUNDDOWN($C2987/24,0)+1,1)*INDEX($D$3:$AA$30,INDEX(Jesper!$R$2:$R$366,ROW(INDEX(Jesper!AH$2:AH$366,ROUNDDOWN($C2987/24,0)+1,1))-1)+IF('Standard Profiles'!$G$18=$B$10,7,0)+IF('Standard Profiles'!$G$18=$B$17,14,0)+IF('Standard Profiles'!$G$18=$B$24,21,0),MOD($C2987,24)+1)/SUM(INDEX($D$3:$AA$30,INDEX(Jesper!$R$2:$R$366,ROW(INDEX(Jesper!AH$2:AH$366,ROUNDDOWN($C2987/24,0)+1,1))-1)+IF('Standard Profiles'!$G$18=$B$10,7,0)+IF('Standard Profiles'!$G$18=$B$17,14,0)+IF('Standard Profiles'!$G$18=$B$24,21,0),0)),0)</f>
        <v>5.6579308921681051</v>
      </c>
      <c r="E2987" cm="1">
        <f t="array" ref="E2987">IFERROR(INDEX(Jesper!AI$2:AI$366,ROUNDDOWN($C2987/24,0)+1,1)*INDEX($D$3:$AA$30,INDEX(Jesper!$R$2:$R$366,ROW(INDEX(Jesper!AI$2:AI$366,ROUNDDOWN($C2987/24,0)+1,1))-1)+IF('Standard Profiles'!$G$19=$B$10,7,0)+IF('Standard Profiles'!$G$19=$B$17,14,0)+IF('Standard Profiles'!$G$19=$B$24,21,0),MOD($C2987,24)+1)/SUM(INDEX($D$3:$AA$30,INDEX(Jesper!$R$2:$R$366,ROW(INDEX(Jesper!AI$2:AI$366,ROUNDDOWN($C2987/24,0)+1,1))-1)+IF('Standard Profiles'!$G$19=$B$10,7,0)+IF('Standard Profiles'!$G$19=$B$17,14,0)+IF('Standard Profiles'!$G$19=$B$24,21,0),0)),0)</f>
        <v>3.5504929546747848</v>
      </c>
      <c r="F2987" cm="1">
        <f t="array" ref="F2987">IFERROR(INDEX(Jesper!AJ$2:AJ$366,ROUNDDOWN($C2987/24,0)+1,1)*INDEX($D$3:$AA$30,INDEX(Jesper!$R$2:$R$366,ROW(INDEX(Jesper!AJ$2:AJ$366,ROUNDDOWN($C2987/24,0)+1,1))-1)+IF('Standard Profiles'!$G$20=$B$10,7,0)+IF('Standard Profiles'!$G$20=$B$17,14,0)+IF('Standard Profiles'!$G$20=$B$24,21,0),MOD($C2987,24)+1)/SUM(INDEX($D$3:$AA$30,INDEX(Jesper!$R$2:$R$366,ROW(INDEX(Jesper!AJ$2:AJ$366,ROUNDDOWN($C2987/24,0)+1,1))-1)+IF('Standard Profiles'!$G$20=$B$10,7,0)+IF('Standard Profiles'!$G$20=$B$17,14,0)+IF('Standard Profiles'!$G$20=$B$24,21,0),0)),0)</f>
        <v>0</v>
      </c>
      <c r="G2987" cm="1">
        <f t="array" ref="G2987">IFERROR(INDEX(Jesper!AK$2:AK$366,ROUNDDOWN($C2987/24,0)+1,1)*INDEX($D$3:$AA$30,INDEX(Jesper!$R$2:$R$366,ROW(INDEX(Jesper!AK$2:AK$366,ROUNDDOWN($C2987/24,0)+1,1))-1)+IF('Standard Profiles'!$G$21=$B$10,7,0)+IF('Standard Profiles'!$G$21=$B$17,14,0)+IF('Standard Profiles'!$G$21=$B$24,21,0),MOD($C2987,24)+1)/SUM(INDEX($D$3:$AA$30,INDEX(Jesper!$R$2:$R$366,ROW(INDEX(Jesper!AK$2:AK$366,ROUNDDOWN($C2987/24,0)+1,1))-1)+IF('Standard Profiles'!$G$21=$B$10,7,0)+IF('Standard Profiles'!$G$21=$B$17,14,0)+IF('Standard Profiles'!$G$21=$B$24,21,0),0)),0)</f>
        <v>1.0271421862510779</v>
      </c>
      <c r="H2987" cm="1">
        <f t="array" ref="H2987">IFERROR(INDEX(Jesper!AL$2:AL$366,ROUNDDOWN($C2987/24,0)+1,1)*INDEX($D$3:$AA$30,INDEX(Jesper!$R$2:$R$366,ROW(INDEX(Jesper!AL$2:AL$366,ROUNDDOWN($C2987/24,0)+1,1))-1)+IF('Standard Profiles'!$G$22=$B$10,7,0)+IF('Standard Profiles'!$G$22=$B$17,14,0)+IF('Standard Profiles'!$G$22=$B$24,21,0),MOD($C2987,24)+1)/SUM(INDEX($D$3:$AA$30,INDEX(Jesper!$R$2:$R$366,ROW(INDEX(Jesper!AL$2:AL$366,ROUNDDOWN($C2987/24,0)+1,1))-1)+IF('Standard Profiles'!$G$22=$B$10,7,0)+IF('Standard Profiles'!$G$22=$B$17,14,0)+IF('Standard Profiles'!$G$22=$B$24,21,0),0)),0)</f>
        <v>0</v>
      </c>
      <c r="I2987">
        <f t="shared" si="342"/>
        <v>0.49302824940051715</v>
      </c>
      <c r="J2987">
        <f t="shared" si="343"/>
        <v>8.837268840946555</v>
      </c>
      <c r="K2987">
        <f t="shared" si="344"/>
        <v>0.60351262849793119</v>
      </c>
      <c r="L2987">
        <f t="shared" si="345"/>
        <v>0.3017563142489656</v>
      </c>
      <c r="M2987">
        <f t="shared" si="346"/>
        <v>0</v>
      </c>
      <c r="N2987" s="45">
        <f t="shared" si="347"/>
        <v>45050.041666659505</v>
      </c>
    </row>
    <row r="2988" spans="2:14" x14ac:dyDescent="0.25">
      <c r="B2988">
        <f t="shared" si="341"/>
        <v>4</v>
      </c>
      <c r="C2988" s="16">
        <v>2954</v>
      </c>
      <c r="D2988" cm="1">
        <f t="array" ref="D2988">IFERROR(INDEX(Jesper!AH$2:AH$366,ROUNDDOWN($C2988/24,0)+1,1)*INDEX($D$3:$AA$30,INDEX(Jesper!$R$2:$R$366,ROW(INDEX(Jesper!AH$2:AH$366,ROUNDDOWN($C2988/24,0)+1,1))-1)+IF('Standard Profiles'!$G$18=$B$10,7,0)+IF('Standard Profiles'!$G$18=$B$17,14,0)+IF('Standard Profiles'!$G$18=$B$24,21,0),MOD($C2988,24)+1)/SUM(INDEX($D$3:$AA$30,INDEX(Jesper!$R$2:$R$366,ROW(INDEX(Jesper!AH$2:AH$366,ROUNDDOWN($C2988/24,0)+1,1))-1)+IF('Standard Profiles'!$G$18=$B$10,7,0)+IF('Standard Profiles'!$G$18=$B$17,14,0)+IF('Standard Profiles'!$G$18=$B$24,21,0),0)),0)</f>
        <v>5.6579308921681051</v>
      </c>
      <c r="E2988" cm="1">
        <f t="array" ref="E2988">IFERROR(INDEX(Jesper!AI$2:AI$366,ROUNDDOWN($C2988/24,0)+1,1)*INDEX($D$3:$AA$30,INDEX(Jesper!$R$2:$R$366,ROW(INDEX(Jesper!AI$2:AI$366,ROUNDDOWN($C2988/24,0)+1,1))-1)+IF('Standard Profiles'!$G$19=$B$10,7,0)+IF('Standard Profiles'!$G$19=$B$17,14,0)+IF('Standard Profiles'!$G$19=$B$24,21,0),MOD($C2988,24)+1)/SUM(INDEX($D$3:$AA$30,INDEX(Jesper!$R$2:$R$366,ROW(INDEX(Jesper!AI$2:AI$366,ROUNDDOWN($C2988/24,0)+1,1))-1)+IF('Standard Profiles'!$G$19=$B$10,7,0)+IF('Standard Profiles'!$G$19=$B$17,14,0)+IF('Standard Profiles'!$G$19=$B$24,21,0),0)),0)</f>
        <v>3.5504929546747848</v>
      </c>
      <c r="F2988" cm="1">
        <f t="array" ref="F2988">IFERROR(INDEX(Jesper!AJ$2:AJ$366,ROUNDDOWN($C2988/24,0)+1,1)*INDEX($D$3:$AA$30,INDEX(Jesper!$R$2:$R$366,ROW(INDEX(Jesper!AJ$2:AJ$366,ROUNDDOWN($C2988/24,0)+1,1))-1)+IF('Standard Profiles'!$G$20=$B$10,7,0)+IF('Standard Profiles'!$G$20=$B$17,14,0)+IF('Standard Profiles'!$G$20=$B$24,21,0),MOD($C2988,24)+1)/SUM(INDEX($D$3:$AA$30,INDEX(Jesper!$R$2:$R$366,ROW(INDEX(Jesper!AJ$2:AJ$366,ROUNDDOWN($C2988/24,0)+1,1))-1)+IF('Standard Profiles'!$G$20=$B$10,7,0)+IF('Standard Profiles'!$G$20=$B$17,14,0)+IF('Standard Profiles'!$G$20=$B$24,21,0),0)),0)</f>
        <v>0</v>
      </c>
      <c r="G2988" cm="1">
        <f t="array" ref="G2988">IFERROR(INDEX(Jesper!AK$2:AK$366,ROUNDDOWN($C2988/24,0)+1,1)*INDEX($D$3:$AA$30,INDEX(Jesper!$R$2:$R$366,ROW(INDEX(Jesper!AK$2:AK$366,ROUNDDOWN($C2988/24,0)+1,1))-1)+IF('Standard Profiles'!$G$21=$B$10,7,0)+IF('Standard Profiles'!$G$21=$B$17,14,0)+IF('Standard Profiles'!$G$21=$B$24,21,0),MOD($C2988,24)+1)/SUM(INDEX($D$3:$AA$30,INDEX(Jesper!$R$2:$R$366,ROW(INDEX(Jesper!AK$2:AK$366,ROUNDDOWN($C2988/24,0)+1,1))-1)+IF('Standard Profiles'!$G$21=$B$10,7,0)+IF('Standard Profiles'!$G$21=$B$17,14,0)+IF('Standard Profiles'!$G$21=$B$24,21,0),0)),0)</f>
        <v>1.0271421862510779</v>
      </c>
      <c r="H2988" cm="1">
        <f t="array" ref="H2988">IFERROR(INDEX(Jesper!AL$2:AL$366,ROUNDDOWN($C2988/24,0)+1,1)*INDEX($D$3:$AA$30,INDEX(Jesper!$R$2:$R$366,ROW(INDEX(Jesper!AL$2:AL$366,ROUNDDOWN($C2988/24,0)+1,1))-1)+IF('Standard Profiles'!$G$22=$B$10,7,0)+IF('Standard Profiles'!$G$22=$B$17,14,0)+IF('Standard Profiles'!$G$22=$B$24,21,0),MOD($C2988,24)+1)/SUM(INDEX($D$3:$AA$30,INDEX(Jesper!$R$2:$R$366,ROW(INDEX(Jesper!AL$2:AL$366,ROUNDDOWN($C2988/24,0)+1,1))-1)+IF('Standard Profiles'!$G$22=$B$10,7,0)+IF('Standard Profiles'!$G$22=$B$17,14,0)+IF('Standard Profiles'!$G$22=$B$24,21,0),0)),0)</f>
        <v>0</v>
      </c>
      <c r="I2988">
        <f t="shared" si="342"/>
        <v>0.49302824940051715</v>
      </c>
      <c r="J2988">
        <f t="shared" si="343"/>
        <v>8.837268840946555</v>
      </c>
      <c r="K2988">
        <f t="shared" si="344"/>
        <v>0.60351262849793119</v>
      </c>
      <c r="L2988">
        <f t="shared" si="345"/>
        <v>0.3017563142489656</v>
      </c>
      <c r="M2988">
        <f t="shared" si="346"/>
        <v>0</v>
      </c>
      <c r="N2988" s="45">
        <f t="shared" si="347"/>
        <v>45050.083333326169</v>
      </c>
    </row>
    <row r="2989" spans="2:14" x14ac:dyDescent="0.25">
      <c r="B2989">
        <f t="shared" si="341"/>
        <v>4</v>
      </c>
      <c r="C2989" s="16">
        <v>2955</v>
      </c>
      <c r="D2989" cm="1">
        <f t="array" ref="D2989">IFERROR(INDEX(Jesper!AH$2:AH$366,ROUNDDOWN($C2989/24,0)+1,1)*INDEX($D$3:$AA$30,INDEX(Jesper!$R$2:$R$366,ROW(INDEX(Jesper!AH$2:AH$366,ROUNDDOWN($C2989/24,0)+1,1))-1)+IF('Standard Profiles'!$G$18=$B$10,7,0)+IF('Standard Profiles'!$G$18=$B$17,14,0)+IF('Standard Profiles'!$G$18=$B$24,21,0),MOD($C2989,24)+1)/SUM(INDEX($D$3:$AA$30,INDEX(Jesper!$R$2:$R$366,ROW(INDEX(Jesper!AH$2:AH$366,ROUNDDOWN($C2989/24,0)+1,1))-1)+IF('Standard Profiles'!$G$18=$B$10,7,0)+IF('Standard Profiles'!$G$18=$B$17,14,0)+IF('Standard Profiles'!$G$18=$B$24,21,0),0)),0)</f>
        <v>5.6579308921681051</v>
      </c>
      <c r="E2989" cm="1">
        <f t="array" ref="E2989">IFERROR(INDEX(Jesper!AI$2:AI$366,ROUNDDOWN($C2989/24,0)+1,1)*INDEX($D$3:$AA$30,INDEX(Jesper!$R$2:$R$366,ROW(INDEX(Jesper!AI$2:AI$366,ROUNDDOWN($C2989/24,0)+1,1))-1)+IF('Standard Profiles'!$G$19=$B$10,7,0)+IF('Standard Profiles'!$G$19=$B$17,14,0)+IF('Standard Profiles'!$G$19=$B$24,21,0),MOD($C2989,24)+1)/SUM(INDEX($D$3:$AA$30,INDEX(Jesper!$R$2:$R$366,ROW(INDEX(Jesper!AI$2:AI$366,ROUNDDOWN($C2989/24,0)+1,1))-1)+IF('Standard Profiles'!$G$19=$B$10,7,0)+IF('Standard Profiles'!$G$19=$B$17,14,0)+IF('Standard Profiles'!$G$19=$B$24,21,0),0)),0)</f>
        <v>3.5504929546747848</v>
      </c>
      <c r="F2989" cm="1">
        <f t="array" ref="F2989">IFERROR(INDEX(Jesper!AJ$2:AJ$366,ROUNDDOWN($C2989/24,0)+1,1)*INDEX($D$3:$AA$30,INDEX(Jesper!$R$2:$R$366,ROW(INDEX(Jesper!AJ$2:AJ$366,ROUNDDOWN($C2989/24,0)+1,1))-1)+IF('Standard Profiles'!$G$20=$B$10,7,0)+IF('Standard Profiles'!$G$20=$B$17,14,0)+IF('Standard Profiles'!$G$20=$B$24,21,0),MOD($C2989,24)+1)/SUM(INDEX($D$3:$AA$30,INDEX(Jesper!$R$2:$R$366,ROW(INDEX(Jesper!AJ$2:AJ$366,ROUNDDOWN($C2989/24,0)+1,1))-1)+IF('Standard Profiles'!$G$20=$B$10,7,0)+IF('Standard Profiles'!$G$20=$B$17,14,0)+IF('Standard Profiles'!$G$20=$B$24,21,0),0)),0)</f>
        <v>0</v>
      </c>
      <c r="G2989" cm="1">
        <f t="array" ref="G2989">IFERROR(INDEX(Jesper!AK$2:AK$366,ROUNDDOWN($C2989/24,0)+1,1)*INDEX($D$3:$AA$30,INDEX(Jesper!$R$2:$R$366,ROW(INDEX(Jesper!AK$2:AK$366,ROUNDDOWN($C2989/24,0)+1,1))-1)+IF('Standard Profiles'!$G$21=$B$10,7,0)+IF('Standard Profiles'!$G$21=$B$17,14,0)+IF('Standard Profiles'!$G$21=$B$24,21,0),MOD($C2989,24)+1)/SUM(INDEX($D$3:$AA$30,INDEX(Jesper!$R$2:$R$366,ROW(INDEX(Jesper!AK$2:AK$366,ROUNDDOWN($C2989/24,0)+1,1))-1)+IF('Standard Profiles'!$G$21=$B$10,7,0)+IF('Standard Profiles'!$G$21=$B$17,14,0)+IF('Standard Profiles'!$G$21=$B$24,21,0),0)),0)</f>
        <v>1.0271421862510779</v>
      </c>
      <c r="H2989" cm="1">
        <f t="array" ref="H2989">IFERROR(INDEX(Jesper!AL$2:AL$366,ROUNDDOWN($C2989/24,0)+1,1)*INDEX($D$3:$AA$30,INDEX(Jesper!$R$2:$R$366,ROW(INDEX(Jesper!AL$2:AL$366,ROUNDDOWN($C2989/24,0)+1,1))-1)+IF('Standard Profiles'!$G$22=$B$10,7,0)+IF('Standard Profiles'!$G$22=$B$17,14,0)+IF('Standard Profiles'!$G$22=$B$24,21,0),MOD($C2989,24)+1)/SUM(INDEX($D$3:$AA$30,INDEX(Jesper!$R$2:$R$366,ROW(INDEX(Jesper!AL$2:AL$366,ROUNDDOWN($C2989/24,0)+1,1))-1)+IF('Standard Profiles'!$G$22=$B$10,7,0)+IF('Standard Profiles'!$G$22=$B$17,14,0)+IF('Standard Profiles'!$G$22=$B$24,21,0),0)),0)</f>
        <v>0</v>
      </c>
      <c r="I2989">
        <f t="shared" si="342"/>
        <v>0.49302824940051715</v>
      </c>
      <c r="J2989">
        <f t="shared" si="343"/>
        <v>8.837268840946555</v>
      </c>
      <c r="K2989">
        <f t="shared" si="344"/>
        <v>0.60351262849793119</v>
      </c>
      <c r="L2989">
        <f t="shared" si="345"/>
        <v>0.3017563142489656</v>
      </c>
      <c r="M2989">
        <f t="shared" si="346"/>
        <v>0</v>
      </c>
      <c r="N2989" s="45">
        <f t="shared" si="347"/>
        <v>45050.124999992833</v>
      </c>
    </row>
    <row r="2990" spans="2:14" x14ac:dyDescent="0.25">
      <c r="B2990">
        <f t="shared" si="341"/>
        <v>4</v>
      </c>
      <c r="C2990" s="16">
        <v>2956</v>
      </c>
      <c r="D2990" cm="1">
        <f t="array" ref="D2990">IFERROR(INDEX(Jesper!AH$2:AH$366,ROUNDDOWN($C2990/24,0)+1,1)*INDEX($D$3:$AA$30,INDEX(Jesper!$R$2:$R$366,ROW(INDEX(Jesper!AH$2:AH$366,ROUNDDOWN($C2990/24,0)+1,1))-1)+IF('Standard Profiles'!$G$18=$B$10,7,0)+IF('Standard Profiles'!$G$18=$B$17,14,0)+IF('Standard Profiles'!$G$18=$B$24,21,0),MOD($C2990,24)+1)/SUM(INDEX($D$3:$AA$30,INDEX(Jesper!$R$2:$R$366,ROW(INDEX(Jesper!AH$2:AH$366,ROUNDDOWN($C2990/24,0)+1,1))-1)+IF('Standard Profiles'!$G$18=$B$10,7,0)+IF('Standard Profiles'!$G$18=$B$17,14,0)+IF('Standard Profiles'!$G$18=$B$24,21,0),0)),0)</f>
        <v>5.6579308921681051</v>
      </c>
      <c r="E2990" cm="1">
        <f t="array" ref="E2990">IFERROR(INDEX(Jesper!AI$2:AI$366,ROUNDDOWN($C2990/24,0)+1,1)*INDEX($D$3:$AA$30,INDEX(Jesper!$R$2:$R$366,ROW(INDEX(Jesper!AI$2:AI$366,ROUNDDOWN($C2990/24,0)+1,1))-1)+IF('Standard Profiles'!$G$19=$B$10,7,0)+IF('Standard Profiles'!$G$19=$B$17,14,0)+IF('Standard Profiles'!$G$19=$B$24,21,0),MOD($C2990,24)+1)/SUM(INDEX($D$3:$AA$30,INDEX(Jesper!$R$2:$R$366,ROW(INDEX(Jesper!AI$2:AI$366,ROUNDDOWN($C2990/24,0)+1,1))-1)+IF('Standard Profiles'!$G$19=$B$10,7,0)+IF('Standard Profiles'!$G$19=$B$17,14,0)+IF('Standard Profiles'!$G$19=$B$24,21,0),0)),0)</f>
        <v>3.5504929546747848</v>
      </c>
      <c r="F2990" cm="1">
        <f t="array" ref="F2990">IFERROR(INDEX(Jesper!AJ$2:AJ$366,ROUNDDOWN($C2990/24,0)+1,1)*INDEX($D$3:$AA$30,INDEX(Jesper!$R$2:$R$366,ROW(INDEX(Jesper!AJ$2:AJ$366,ROUNDDOWN($C2990/24,0)+1,1))-1)+IF('Standard Profiles'!$G$20=$B$10,7,0)+IF('Standard Profiles'!$G$20=$B$17,14,0)+IF('Standard Profiles'!$G$20=$B$24,21,0),MOD($C2990,24)+1)/SUM(INDEX($D$3:$AA$30,INDEX(Jesper!$R$2:$R$366,ROW(INDEX(Jesper!AJ$2:AJ$366,ROUNDDOWN($C2990/24,0)+1,1))-1)+IF('Standard Profiles'!$G$20=$B$10,7,0)+IF('Standard Profiles'!$G$20=$B$17,14,0)+IF('Standard Profiles'!$G$20=$B$24,21,0),0)),0)</f>
        <v>0</v>
      </c>
      <c r="G2990" cm="1">
        <f t="array" ref="G2990">IFERROR(INDEX(Jesper!AK$2:AK$366,ROUNDDOWN($C2990/24,0)+1,1)*INDEX($D$3:$AA$30,INDEX(Jesper!$R$2:$R$366,ROW(INDEX(Jesper!AK$2:AK$366,ROUNDDOWN($C2990/24,0)+1,1))-1)+IF('Standard Profiles'!$G$21=$B$10,7,0)+IF('Standard Profiles'!$G$21=$B$17,14,0)+IF('Standard Profiles'!$G$21=$B$24,21,0),MOD($C2990,24)+1)/SUM(INDEX($D$3:$AA$30,INDEX(Jesper!$R$2:$R$366,ROW(INDEX(Jesper!AK$2:AK$366,ROUNDDOWN($C2990/24,0)+1,1))-1)+IF('Standard Profiles'!$G$21=$B$10,7,0)+IF('Standard Profiles'!$G$21=$B$17,14,0)+IF('Standard Profiles'!$G$21=$B$24,21,0),0)),0)</f>
        <v>1.0271421862510779</v>
      </c>
      <c r="H2990" cm="1">
        <f t="array" ref="H2990">IFERROR(INDEX(Jesper!AL$2:AL$366,ROUNDDOWN($C2990/24,0)+1,1)*INDEX($D$3:$AA$30,INDEX(Jesper!$R$2:$R$366,ROW(INDEX(Jesper!AL$2:AL$366,ROUNDDOWN($C2990/24,0)+1,1))-1)+IF('Standard Profiles'!$G$22=$B$10,7,0)+IF('Standard Profiles'!$G$22=$B$17,14,0)+IF('Standard Profiles'!$G$22=$B$24,21,0),MOD($C2990,24)+1)/SUM(INDEX($D$3:$AA$30,INDEX(Jesper!$R$2:$R$366,ROW(INDEX(Jesper!AL$2:AL$366,ROUNDDOWN($C2990/24,0)+1,1))-1)+IF('Standard Profiles'!$G$22=$B$10,7,0)+IF('Standard Profiles'!$G$22=$B$17,14,0)+IF('Standard Profiles'!$G$22=$B$24,21,0),0)),0)</f>
        <v>0</v>
      </c>
      <c r="I2990">
        <f t="shared" si="342"/>
        <v>0.49302824940051715</v>
      </c>
      <c r="J2990">
        <f t="shared" si="343"/>
        <v>8.837268840946555</v>
      </c>
      <c r="K2990">
        <f t="shared" si="344"/>
        <v>0.60351262849793119</v>
      </c>
      <c r="L2990">
        <f t="shared" si="345"/>
        <v>0.3017563142489656</v>
      </c>
      <c r="M2990">
        <f t="shared" si="346"/>
        <v>0</v>
      </c>
      <c r="N2990" s="45">
        <f t="shared" si="347"/>
        <v>45050.166666659497</v>
      </c>
    </row>
    <row r="2991" spans="2:14" x14ac:dyDescent="0.25">
      <c r="B2991">
        <f t="shared" si="341"/>
        <v>4</v>
      </c>
      <c r="C2991" s="16">
        <v>2957</v>
      </c>
      <c r="D2991" cm="1">
        <f t="array" ref="D2991">IFERROR(INDEX(Jesper!AH$2:AH$366,ROUNDDOWN($C2991/24,0)+1,1)*INDEX($D$3:$AA$30,INDEX(Jesper!$R$2:$R$366,ROW(INDEX(Jesper!AH$2:AH$366,ROUNDDOWN($C2991/24,0)+1,1))-1)+IF('Standard Profiles'!$G$18=$B$10,7,0)+IF('Standard Profiles'!$G$18=$B$17,14,0)+IF('Standard Profiles'!$G$18=$B$24,21,0),MOD($C2991,24)+1)/SUM(INDEX($D$3:$AA$30,INDEX(Jesper!$R$2:$R$366,ROW(INDEX(Jesper!AH$2:AH$366,ROUNDDOWN($C2991/24,0)+1,1))-1)+IF('Standard Profiles'!$G$18=$B$10,7,0)+IF('Standard Profiles'!$G$18=$B$17,14,0)+IF('Standard Profiles'!$G$18=$B$24,21,0),0)),0)</f>
        <v>5.6579308921681051</v>
      </c>
      <c r="E2991" cm="1">
        <f t="array" ref="E2991">IFERROR(INDEX(Jesper!AI$2:AI$366,ROUNDDOWN($C2991/24,0)+1,1)*INDEX($D$3:$AA$30,INDEX(Jesper!$R$2:$R$366,ROW(INDEX(Jesper!AI$2:AI$366,ROUNDDOWN($C2991/24,0)+1,1))-1)+IF('Standard Profiles'!$G$19=$B$10,7,0)+IF('Standard Profiles'!$G$19=$B$17,14,0)+IF('Standard Profiles'!$G$19=$B$24,21,0),MOD($C2991,24)+1)/SUM(INDEX($D$3:$AA$30,INDEX(Jesper!$R$2:$R$366,ROW(INDEX(Jesper!AI$2:AI$366,ROUNDDOWN($C2991/24,0)+1,1))-1)+IF('Standard Profiles'!$G$19=$B$10,7,0)+IF('Standard Profiles'!$G$19=$B$17,14,0)+IF('Standard Profiles'!$G$19=$B$24,21,0),0)),0)</f>
        <v>3.5504929546747848</v>
      </c>
      <c r="F2991" cm="1">
        <f t="array" ref="F2991">IFERROR(INDEX(Jesper!AJ$2:AJ$366,ROUNDDOWN($C2991/24,0)+1,1)*INDEX($D$3:$AA$30,INDEX(Jesper!$R$2:$R$366,ROW(INDEX(Jesper!AJ$2:AJ$366,ROUNDDOWN($C2991/24,0)+1,1))-1)+IF('Standard Profiles'!$G$20=$B$10,7,0)+IF('Standard Profiles'!$G$20=$B$17,14,0)+IF('Standard Profiles'!$G$20=$B$24,21,0),MOD($C2991,24)+1)/SUM(INDEX($D$3:$AA$30,INDEX(Jesper!$R$2:$R$366,ROW(INDEX(Jesper!AJ$2:AJ$366,ROUNDDOWN($C2991/24,0)+1,1))-1)+IF('Standard Profiles'!$G$20=$B$10,7,0)+IF('Standard Profiles'!$G$20=$B$17,14,0)+IF('Standard Profiles'!$G$20=$B$24,21,0),0)),0)</f>
        <v>0</v>
      </c>
      <c r="G2991" cm="1">
        <f t="array" ref="G2991">IFERROR(INDEX(Jesper!AK$2:AK$366,ROUNDDOWN($C2991/24,0)+1,1)*INDEX($D$3:$AA$30,INDEX(Jesper!$R$2:$R$366,ROW(INDEX(Jesper!AK$2:AK$366,ROUNDDOWN($C2991/24,0)+1,1))-1)+IF('Standard Profiles'!$G$21=$B$10,7,0)+IF('Standard Profiles'!$G$21=$B$17,14,0)+IF('Standard Profiles'!$G$21=$B$24,21,0),MOD($C2991,24)+1)/SUM(INDEX($D$3:$AA$30,INDEX(Jesper!$R$2:$R$366,ROW(INDEX(Jesper!AK$2:AK$366,ROUNDDOWN($C2991/24,0)+1,1))-1)+IF('Standard Profiles'!$G$21=$B$10,7,0)+IF('Standard Profiles'!$G$21=$B$17,14,0)+IF('Standard Profiles'!$G$21=$B$24,21,0),0)),0)</f>
        <v>1.0271421862510779</v>
      </c>
      <c r="H2991" cm="1">
        <f t="array" ref="H2991">IFERROR(INDEX(Jesper!AL$2:AL$366,ROUNDDOWN($C2991/24,0)+1,1)*INDEX($D$3:$AA$30,INDEX(Jesper!$R$2:$R$366,ROW(INDEX(Jesper!AL$2:AL$366,ROUNDDOWN($C2991/24,0)+1,1))-1)+IF('Standard Profiles'!$G$22=$B$10,7,0)+IF('Standard Profiles'!$G$22=$B$17,14,0)+IF('Standard Profiles'!$G$22=$B$24,21,0),MOD($C2991,24)+1)/SUM(INDEX($D$3:$AA$30,INDEX(Jesper!$R$2:$R$366,ROW(INDEX(Jesper!AL$2:AL$366,ROUNDDOWN($C2991/24,0)+1,1))-1)+IF('Standard Profiles'!$G$22=$B$10,7,0)+IF('Standard Profiles'!$G$22=$B$17,14,0)+IF('Standard Profiles'!$G$22=$B$24,21,0),0)),0)</f>
        <v>0</v>
      </c>
      <c r="I2991">
        <f t="shared" si="342"/>
        <v>0.49302824940051715</v>
      </c>
      <c r="J2991">
        <f t="shared" si="343"/>
        <v>8.837268840946555</v>
      </c>
      <c r="K2991">
        <f t="shared" si="344"/>
        <v>0.60351262849793119</v>
      </c>
      <c r="L2991">
        <f t="shared" si="345"/>
        <v>0.3017563142489656</v>
      </c>
      <c r="M2991">
        <f t="shared" si="346"/>
        <v>0</v>
      </c>
      <c r="N2991" s="45">
        <f t="shared" si="347"/>
        <v>45050.208333326162</v>
      </c>
    </row>
    <row r="2992" spans="2:14" x14ac:dyDescent="0.25">
      <c r="B2992">
        <f t="shared" si="341"/>
        <v>4</v>
      </c>
      <c r="C2992" s="16">
        <v>2958</v>
      </c>
      <c r="D2992" cm="1">
        <f t="array" ref="D2992">IFERROR(INDEX(Jesper!AH$2:AH$366,ROUNDDOWN($C2992/24,0)+1,1)*INDEX($D$3:$AA$30,INDEX(Jesper!$R$2:$R$366,ROW(INDEX(Jesper!AH$2:AH$366,ROUNDDOWN($C2992/24,0)+1,1))-1)+IF('Standard Profiles'!$G$18=$B$10,7,0)+IF('Standard Profiles'!$G$18=$B$17,14,0)+IF('Standard Profiles'!$G$18=$B$24,21,0),MOD($C2992,24)+1)/SUM(INDEX($D$3:$AA$30,INDEX(Jesper!$R$2:$R$366,ROW(INDEX(Jesper!AH$2:AH$366,ROUNDDOWN($C2992/24,0)+1,1))-1)+IF('Standard Profiles'!$G$18=$B$10,7,0)+IF('Standard Profiles'!$G$18=$B$17,14,0)+IF('Standard Profiles'!$G$18=$B$24,21,0),0)),0)</f>
        <v>5.6579308921681051</v>
      </c>
      <c r="E2992" cm="1">
        <f t="array" ref="E2992">IFERROR(INDEX(Jesper!AI$2:AI$366,ROUNDDOWN($C2992/24,0)+1,1)*INDEX($D$3:$AA$30,INDEX(Jesper!$R$2:$R$366,ROW(INDEX(Jesper!AI$2:AI$366,ROUNDDOWN($C2992/24,0)+1,1))-1)+IF('Standard Profiles'!$G$19=$B$10,7,0)+IF('Standard Profiles'!$G$19=$B$17,14,0)+IF('Standard Profiles'!$G$19=$B$24,21,0),MOD($C2992,24)+1)/SUM(INDEX($D$3:$AA$30,INDEX(Jesper!$R$2:$R$366,ROW(INDEX(Jesper!AI$2:AI$366,ROUNDDOWN($C2992/24,0)+1,1))-1)+IF('Standard Profiles'!$G$19=$B$10,7,0)+IF('Standard Profiles'!$G$19=$B$17,14,0)+IF('Standard Profiles'!$G$19=$B$24,21,0),0)),0)</f>
        <v>3.5504929546747848</v>
      </c>
      <c r="F2992" cm="1">
        <f t="array" ref="F2992">IFERROR(INDEX(Jesper!AJ$2:AJ$366,ROUNDDOWN($C2992/24,0)+1,1)*INDEX($D$3:$AA$30,INDEX(Jesper!$R$2:$R$366,ROW(INDEX(Jesper!AJ$2:AJ$366,ROUNDDOWN($C2992/24,0)+1,1))-1)+IF('Standard Profiles'!$G$20=$B$10,7,0)+IF('Standard Profiles'!$G$20=$B$17,14,0)+IF('Standard Profiles'!$G$20=$B$24,21,0),MOD($C2992,24)+1)/SUM(INDEX($D$3:$AA$30,INDEX(Jesper!$R$2:$R$366,ROW(INDEX(Jesper!AJ$2:AJ$366,ROUNDDOWN($C2992/24,0)+1,1))-1)+IF('Standard Profiles'!$G$20=$B$10,7,0)+IF('Standard Profiles'!$G$20=$B$17,14,0)+IF('Standard Profiles'!$G$20=$B$24,21,0),0)),0)</f>
        <v>0</v>
      </c>
      <c r="G2992" cm="1">
        <f t="array" ref="G2992">IFERROR(INDEX(Jesper!AK$2:AK$366,ROUNDDOWN($C2992/24,0)+1,1)*INDEX($D$3:$AA$30,INDEX(Jesper!$R$2:$R$366,ROW(INDEX(Jesper!AK$2:AK$366,ROUNDDOWN($C2992/24,0)+1,1))-1)+IF('Standard Profiles'!$G$21=$B$10,7,0)+IF('Standard Profiles'!$G$21=$B$17,14,0)+IF('Standard Profiles'!$G$21=$B$24,21,0),MOD($C2992,24)+1)/SUM(INDEX($D$3:$AA$30,INDEX(Jesper!$R$2:$R$366,ROW(INDEX(Jesper!AK$2:AK$366,ROUNDDOWN($C2992/24,0)+1,1))-1)+IF('Standard Profiles'!$G$21=$B$10,7,0)+IF('Standard Profiles'!$G$21=$B$17,14,0)+IF('Standard Profiles'!$G$21=$B$24,21,0),0)),0)</f>
        <v>1.0271421862510779</v>
      </c>
      <c r="H2992" cm="1">
        <f t="array" ref="H2992">IFERROR(INDEX(Jesper!AL$2:AL$366,ROUNDDOWN($C2992/24,0)+1,1)*INDEX($D$3:$AA$30,INDEX(Jesper!$R$2:$R$366,ROW(INDEX(Jesper!AL$2:AL$366,ROUNDDOWN($C2992/24,0)+1,1))-1)+IF('Standard Profiles'!$G$22=$B$10,7,0)+IF('Standard Profiles'!$G$22=$B$17,14,0)+IF('Standard Profiles'!$G$22=$B$24,21,0),MOD($C2992,24)+1)/SUM(INDEX($D$3:$AA$30,INDEX(Jesper!$R$2:$R$366,ROW(INDEX(Jesper!AL$2:AL$366,ROUNDDOWN($C2992/24,0)+1,1))-1)+IF('Standard Profiles'!$G$22=$B$10,7,0)+IF('Standard Profiles'!$G$22=$B$17,14,0)+IF('Standard Profiles'!$G$22=$B$24,21,0),0)),0)</f>
        <v>0</v>
      </c>
      <c r="I2992">
        <f t="shared" si="342"/>
        <v>0.49302824940051715</v>
      </c>
      <c r="J2992">
        <f t="shared" si="343"/>
        <v>8.837268840946555</v>
      </c>
      <c r="K2992">
        <f t="shared" si="344"/>
        <v>0.60351262849793119</v>
      </c>
      <c r="L2992">
        <f t="shared" si="345"/>
        <v>0.3017563142489656</v>
      </c>
      <c r="M2992">
        <f t="shared" si="346"/>
        <v>0</v>
      </c>
      <c r="N2992" s="45">
        <f t="shared" si="347"/>
        <v>45050.249999992826</v>
      </c>
    </row>
    <row r="2993" spans="2:14" x14ac:dyDescent="0.25">
      <c r="B2993">
        <f t="shared" si="341"/>
        <v>4</v>
      </c>
      <c r="C2993" s="16">
        <v>2959</v>
      </c>
      <c r="D2993" cm="1">
        <f t="array" ref="D2993">IFERROR(INDEX(Jesper!AH$2:AH$366,ROUNDDOWN($C2993/24,0)+1,1)*INDEX($D$3:$AA$30,INDEX(Jesper!$R$2:$R$366,ROW(INDEX(Jesper!AH$2:AH$366,ROUNDDOWN($C2993/24,0)+1,1))-1)+IF('Standard Profiles'!$G$18=$B$10,7,0)+IF('Standard Profiles'!$G$18=$B$17,14,0)+IF('Standard Profiles'!$G$18=$B$24,21,0),MOD($C2993,24)+1)/SUM(INDEX($D$3:$AA$30,INDEX(Jesper!$R$2:$R$366,ROW(INDEX(Jesper!AH$2:AH$366,ROUNDDOWN($C2993/24,0)+1,1))-1)+IF('Standard Profiles'!$G$18=$B$10,7,0)+IF('Standard Profiles'!$G$18=$B$17,14,0)+IF('Standard Profiles'!$G$18=$B$24,21,0),0)),0)</f>
        <v>23.128935677378099</v>
      </c>
      <c r="E2993" cm="1">
        <f t="array" ref="E2993">IFERROR(INDEX(Jesper!AI$2:AI$366,ROUNDDOWN($C2993/24,0)+1,1)*INDEX($D$3:$AA$30,INDEX(Jesper!$R$2:$R$366,ROW(INDEX(Jesper!AI$2:AI$366,ROUNDDOWN($C2993/24,0)+1,1))-1)+IF('Standard Profiles'!$G$19=$B$10,7,0)+IF('Standard Profiles'!$G$19=$B$17,14,0)+IF('Standard Profiles'!$G$19=$B$24,21,0),MOD($C2993,24)+1)/SUM(INDEX($D$3:$AA$30,INDEX(Jesper!$R$2:$R$366,ROW(INDEX(Jesper!AI$2:AI$366,ROUNDDOWN($C2993/24,0)+1,1))-1)+IF('Standard Profiles'!$G$19=$B$10,7,0)+IF('Standard Profiles'!$G$19=$B$17,14,0)+IF('Standard Profiles'!$G$19=$B$24,21,0),0)),0)</f>
        <v>14.513984835928133</v>
      </c>
      <c r="F2993" cm="1">
        <f t="array" ref="F2993">IFERROR(INDEX(Jesper!AJ$2:AJ$366,ROUNDDOWN($C2993/24,0)+1,1)*INDEX($D$3:$AA$30,INDEX(Jesper!$R$2:$R$366,ROW(INDEX(Jesper!AJ$2:AJ$366,ROUNDDOWN($C2993/24,0)+1,1))-1)+IF('Standard Profiles'!$G$20=$B$10,7,0)+IF('Standard Profiles'!$G$20=$B$17,14,0)+IF('Standard Profiles'!$G$20=$B$24,21,0),MOD($C2993,24)+1)/SUM(INDEX($D$3:$AA$30,INDEX(Jesper!$R$2:$R$366,ROW(INDEX(Jesper!AJ$2:AJ$366,ROUNDDOWN($C2993/24,0)+1,1))-1)+IF('Standard Profiles'!$G$20=$B$10,7,0)+IF('Standard Profiles'!$G$20=$B$17,14,0)+IF('Standard Profiles'!$G$20=$B$24,21,0),0)),0)</f>
        <v>0</v>
      </c>
      <c r="G2993" cm="1">
        <f t="array" ref="G2993">IFERROR(INDEX(Jesper!AK$2:AK$366,ROUNDDOWN($C2993/24,0)+1,1)*INDEX($D$3:$AA$30,INDEX(Jesper!$R$2:$R$366,ROW(INDEX(Jesper!AK$2:AK$366,ROUNDDOWN($C2993/24,0)+1,1))-1)+IF('Standard Profiles'!$G$21=$B$10,7,0)+IF('Standard Profiles'!$G$21=$B$17,14,0)+IF('Standard Profiles'!$G$21=$B$24,21,0),MOD($C2993,24)+1)/SUM(INDEX($D$3:$AA$30,INDEX(Jesper!$R$2:$R$366,ROW(INDEX(Jesper!AK$2:AK$366,ROUNDDOWN($C2993/24,0)+1,1))-1)+IF('Standard Profiles'!$G$21=$B$10,7,0)+IF('Standard Profiles'!$G$21=$B$17,14,0)+IF('Standard Profiles'!$G$21=$B$24,21,0),0)),0)</f>
        <v>2.8297767231217188</v>
      </c>
      <c r="H2993" cm="1">
        <f t="array" ref="H2993">IFERROR(INDEX(Jesper!AL$2:AL$366,ROUNDDOWN($C2993/24,0)+1,1)*INDEX($D$3:$AA$30,INDEX(Jesper!$R$2:$R$366,ROW(INDEX(Jesper!AL$2:AL$366,ROUNDDOWN($C2993/24,0)+1,1))-1)+IF('Standard Profiles'!$G$22=$B$10,7,0)+IF('Standard Profiles'!$G$22=$B$17,14,0)+IF('Standard Profiles'!$G$22=$B$24,21,0),MOD($C2993,24)+1)/SUM(INDEX($D$3:$AA$30,INDEX(Jesper!$R$2:$R$366,ROW(INDEX(Jesper!AL$2:AL$366,ROUNDDOWN($C2993/24,0)+1,1))-1)+IF('Standard Profiles'!$G$22=$B$10,7,0)+IF('Standard Profiles'!$G$22=$B$17,14,0)+IF('Standard Profiles'!$G$22=$B$24,21,0),0)),0)</f>
        <v>0</v>
      </c>
      <c r="I2993">
        <f t="shared" si="342"/>
        <v>1.3582928270984242</v>
      </c>
      <c r="J2993">
        <f t="shared" si="343"/>
        <v>35.413774700949027</v>
      </c>
      <c r="K2993">
        <f t="shared" si="344"/>
        <v>2.4670864722536638</v>
      </c>
      <c r="L2993">
        <f t="shared" si="345"/>
        <v>1.2335432361268319</v>
      </c>
      <c r="M2993">
        <f t="shared" si="346"/>
        <v>0</v>
      </c>
      <c r="N2993" s="45">
        <f t="shared" si="347"/>
        <v>45050.29166665949</v>
      </c>
    </row>
    <row r="2994" spans="2:14" x14ac:dyDescent="0.25">
      <c r="B2994">
        <f t="shared" si="341"/>
        <v>4</v>
      </c>
      <c r="C2994" s="16">
        <v>2960</v>
      </c>
      <c r="D2994" cm="1">
        <f t="array" ref="D2994">IFERROR(INDEX(Jesper!AH$2:AH$366,ROUNDDOWN($C2994/24,0)+1,1)*INDEX($D$3:$AA$30,INDEX(Jesper!$R$2:$R$366,ROW(INDEX(Jesper!AH$2:AH$366,ROUNDDOWN($C2994/24,0)+1,1))-1)+IF('Standard Profiles'!$G$18=$B$10,7,0)+IF('Standard Profiles'!$G$18=$B$17,14,0)+IF('Standard Profiles'!$G$18=$B$24,21,0),MOD($C2994,24)+1)/SUM(INDEX($D$3:$AA$30,INDEX(Jesper!$R$2:$R$366,ROW(INDEX(Jesper!AH$2:AH$366,ROUNDDOWN($C2994/24,0)+1,1))-1)+IF('Standard Profiles'!$G$18=$B$10,7,0)+IF('Standard Profiles'!$G$18=$B$17,14,0)+IF('Standard Profiles'!$G$18=$B$24,21,0),0)),0)</f>
        <v>25.807022966337673</v>
      </c>
      <c r="E2994" cm="1">
        <f t="array" ref="E2994">IFERROR(INDEX(Jesper!AI$2:AI$366,ROUNDDOWN($C2994/24,0)+1,1)*INDEX($D$3:$AA$30,INDEX(Jesper!$R$2:$R$366,ROW(INDEX(Jesper!AI$2:AI$366,ROUNDDOWN($C2994/24,0)+1,1))-1)+IF('Standard Profiles'!$G$19=$B$10,7,0)+IF('Standard Profiles'!$G$19=$B$17,14,0)+IF('Standard Profiles'!$G$19=$B$24,21,0),MOD($C2994,24)+1)/SUM(INDEX($D$3:$AA$30,INDEX(Jesper!$R$2:$R$366,ROW(INDEX(Jesper!AI$2:AI$366,ROUNDDOWN($C2994/24,0)+1,1))-1)+IF('Standard Profiles'!$G$19=$B$10,7,0)+IF('Standard Profiles'!$G$19=$B$17,14,0)+IF('Standard Profiles'!$G$19=$B$24,21,0),0)),0)</f>
        <v>16.194551501140865</v>
      </c>
      <c r="F2994" cm="1">
        <f t="array" ref="F2994">IFERROR(INDEX(Jesper!AJ$2:AJ$366,ROUNDDOWN($C2994/24,0)+1,1)*INDEX($D$3:$AA$30,INDEX(Jesper!$R$2:$R$366,ROW(INDEX(Jesper!AJ$2:AJ$366,ROUNDDOWN($C2994/24,0)+1,1))-1)+IF('Standard Profiles'!$G$20=$B$10,7,0)+IF('Standard Profiles'!$G$20=$B$17,14,0)+IF('Standard Profiles'!$G$20=$B$24,21,0),MOD($C2994,24)+1)/SUM(INDEX($D$3:$AA$30,INDEX(Jesper!$R$2:$R$366,ROW(INDEX(Jesper!AJ$2:AJ$366,ROUNDDOWN($C2994/24,0)+1,1))-1)+IF('Standard Profiles'!$G$20=$B$10,7,0)+IF('Standard Profiles'!$G$20=$B$17,14,0)+IF('Standard Profiles'!$G$20=$B$24,21,0),0)),0)</f>
        <v>0</v>
      </c>
      <c r="G2994" cm="1">
        <f t="array" ref="G2994">IFERROR(INDEX(Jesper!AK$2:AK$366,ROUNDDOWN($C2994/24,0)+1,1)*INDEX($D$3:$AA$30,INDEX(Jesper!$R$2:$R$366,ROW(INDEX(Jesper!AK$2:AK$366,ROUNDDOWN($C2994/24,0)+1,1))-1)+IF('Standard Profiles'!$G$21=$B$10,7,0)+IF('Standard Profiles'!$G$21=$B$17,14,0)+IF('Standard Profiles'!$G$21=$B$24,21,0),MOD($C2994,24)+1)/SUM(INDEX($D$3:$AA$30,INDEX(Jesper!$R$2:$R$366,ROW(INDEX(Jesper!AK$2:AK$366,ROUNDDOWN($C2994/24,0)+1,1))-1)+IF('Standard Profiles'!$G$21=$B$10,7,0)+IF('Standard Profiles'!$G$21=$B$17,14,0)+IF('Standard Profiles'!$G$21=$B$24,21,0),0)),0)</f>
        <v>3.1574350805358131</v>
      </c>
      <c r="H2994" cm="1">
        <f t="array" ref="H2994">IFERROR(INDEX(Jesper!AL$2:AL$366,ROUNDDOWN($C2994/24,0)+1,1)*INDEX($D$3:$AA$30,INDEX(Jesper!$R$2:$R$366,ROW(INDEX(Jesper!AL$2:AL$366,ROUNDDOWN($C2994/24,0)+1,1))-1)+IF('Standard Profiles'!$G$22=$B$10,7,0)+IF('Standard Profiles'!$G$22=$B$17,14,0)+IF('Standard Profiles'!$G$22=$B$24,21,0),MOD($C2994,24)+1)/SUM(INDEX($D$3:$AA$30,INDEX(Jesper!$R$2:$R$366,ROW(INDEX(Jesper!AL$2:AL$366,ROUNDDOWN($C2994/24,0)+1,1))-1)+IF('Standard Profiles'!$G$22=$B$10,7,0)+IF('Standard Profiles'!$G$22=$B$17,14,0)+IF('Standard Profiles'!$G$22=$B$24,21,0),0)),0)</f>
        <v>0</v>
      </c>
      <c r="I2994">
        <f t="shared" si="342"/>
        <v>1.5155688386571895</v>
      </c>
      <c r="J2994">
        <f t="shared" si="343"/>
        <v>39.514317034743137</v>
      </c>
      <c r="K2994">
        <f t="shared" si="344"/>
        <v>2.752749116409352</v>
      </c>
      <c r="L2994">
        <f t="shared" si="345"/>
        <v>1.376374558204676</v>
      </c>
      <c r="M2994">
        <f t="shared" si="346"/>
        <v>0</v>
      </c>
      <c r="N2994" s="45">
        <f t="shared" si="347"/>
        <v>45050.333333326154</v>
      </c>
    </row>
    <row r="2995" spans="2:14" x14ac:dyDescent="0.25">
      <c r="B2995">
        <f t="shared" si="341"/>
        <v>4</v>
      </c>
      <c r="C2995" s="16">
        <v>2961</v>
      </c>
      <c r="D2995" cm="1">
        <f t="array" ref="D2995">IFERROR(INDEX(Jesper!AH$2:AH$366,ROUNDDOWN($C2995/24,0)+1,1)*INDEX($D$3:$AA$30,INDEX(Jesper!$R$2:$R$366,ROW(INDEX(Jesper!AH$2:AH$366,ROUNDDOWN($C2995/24,0)+1,1))-1)+IF('Standard Profiles'!$G$18=$B$10,7,0)+IF('Standard Profiles'!$G$18=$B$17,14,0)+IF('Standard Profiles'!$G$18=$B$24,21,0),MOD($C2995,24)+1)/SUM(INDEX($D$3:$AA$30,INDEX(Jesper!$R$2:$R$366,ROW(INDEX(Jesper!AH$2:AH$366,ROUNDDOWN($C2995/24,0)+1,1))-1)+IF('Standard Profiles'!$G$18=$B$10,7,0)+IF('Standard Profiles'!$G$18=$B$17,14,0)+IF('Standard Profiles'!$G$18=$B$24,21,0),0)),0)</f>
        <v>28.485110255297243</v>
      </c>
      <c r="E2995" cm="1">
        <f t="array" ref="E2995">IFERROR(INDEX(Jesper!AI$2:AI$366,ROUNDDOWN($C2995/24,0)+1,1)*INDEX($D$3:$AA$30,INDEX(Jesper!$R$2:$R$366,ROW(INDEX(Jesper!AI$2:AI$366,ROUNDDOWN($C2995/24,0)+1,1))-1)+IF('Standard Profiles'!$G$19=$B$10,7,0)+IF('Standard Profiles'!$G$19=$B$17,14,0)+IF('Standard Profiles'!$G$19=$B$24,21,0),MOD($C2995,24)+1)/SUM(INDEX($D$3:$AA$30,INDEX(Jesper!$R$2:$R$366,ROW(INDEX(Jesper!AI$2:AI$366,ROUNDDOWN($C2995/24,0)+1,1))-1)+IF('Standard Profiles'!$G$19=$B$10,7,0)+IF('Standard Profiles'!$G$19=$B$17,14,0)+IF('Standard Profiles'!$G$19=$B$24,21,0),0)),0)</f>
        <v>17.875118166353598</v>
      </c>
      <c r="F2995" cm="1">
        <f t="array" ref="F2995">IFERROR(INDEX(Jesper!AJ$2:AJ$366,ROUNDDOWN($C2995/24,0)+1,1)*INDEX($D$3:$AA$30,INDEX(Jesper!$R$2:$R$366,ROW(INDEX(Jesper!AJ$2:AJ$366,ROUNDDOWN($C2995/24,0)+1,1))-1)+IF('Standard Profiles'!$G$20=$B$10,7,0)+IF('Standard Profiles'!$G$20=$B$17,14,0)+IF('Standard Profiles'!$G$20=$B$24,21,0),MOD($C2995,24)+1)/SUM(INDEX($D$3:$AA$30,INDEX(Jesper!$R$2:$R$366,ROW(INDEX(Jesper!AJ$2:AJ$366,ROUNDDOWN($C2995/24,0)+1,1))-1)+IF('Standard Profiles'!$G$20=$B$10,7,0)+IF('Standard Profiles'!$G$20=$B$17,14,0)+IF('Standard Profiles'!$G$20=$B$24,21,0),0)),0)</f>
        <v>0</v>
      </c>
      <c r="G2995" cm="1">
        <f t="array" ref="G2995">IFERROR(INDEX(Jesper!AK$2:AK$366,ROUNDDOWN($C2995/24,0)+1,1)*INDEX($D$3:$AA$30,INDEX(Jesper!$R$2:$R$366,ROW(INDEX(Jesper!AK$2:AK$366,ROUNDDOWN($C2995/24,0)+1,1))-1)+IF('Standard Profiles'!$G$21=$B$10,7,0)+IF('Standard Profiles'!$G$21=$B$17,14,0)+IF('Standard Profiles'!$G$21=$B$24,21,0),MOD($C2995,24)+1)/SUM(INDEX($D$3:$AA$30,INDEX(Jesper!$R$2:$R$366,ROW(INDEX(Jesper!AK$2:AK$366,ROUNDDOWN($C2995/24,0)+1,1))-1)+IF('Standard Profiles'!$G$21=$B$10,7,0)+IF('Standard Profiles'!$G$21=$B$17,14,0)+IF('Standard Profiles'!$G$21=$B$24,21,0),0)),0)</f>
        <v>3.4850934379499066</v>
      </c>
      <c r="H2995" cm="1">
        <f t="array" ref="H2995">IFERROR(INDEX(Jesper!AL$2:AL$366,ROUNDDOWN($C2995/24,0)+1,1)*INDEX($D$3:$AA$30,INDEX(Jesper!$R$2:$R$366,ROW(INDEX(Jesper!AL$2:AL$366,ROUNDDOWN($C2995/24,0)+1,1))-1)+IF('Standard Profiles'!$G$22=$B$10,7,0)+IF('Standard Profiles'!$G$22=$B$17,14,0)+IF('Standard Profiles'!$G$22=$B$24,21,0),MOD($C2995,24)+1)/SUM(INDEX($D$3:$AA$30,INDEX(Jesper!$R$2:$R$366,ROW(INDEX(Jesper!AL$2:AL$366,ROUNDDOWN($C2995/24,0)+1,1))-1)+IF('Standard Profiles'!$G$22=$B$10,7,0)+IF('Standard Profiles'!$G$22=$B$17,14,0)+IF('Standard Profiles'!$G$22=$B$24,21,0),0)),0)</f>
        <v>0</v>
      </c>
      <c r="I2995">
        <f t="shared" si="342"/>
        <v>1.6728448502159543</v>
      </c>
      <c r="J2995">
        <f t="shared" si="343"/>
        <v>43.614859368537232</v>
      </c>
      <c r="K2995">
        <f t="shared" si="344"/>
        <v>3.0384117605650394</v>
      </c>
      <c r="L2995">
        <f t="shared" si="345"/>
        <v>1.5192058802825197</v>
      </c>
      <c r="M2995">
        <f t="shared" si="346"/>
        <v>0</v>
      </c>
      <c r="N2995" s="45">
        <f t="shared" si="347"/>
        <v>45050.374999992819</v>
      </c>
    </row>
    <row r="2996" spans="2:14" x14ac:dyDescent="0.25">
      <c r="B2996">
        <f t="shared" si="341"/>
        <v>4</v>
      </c>
      <c r="C2996" s="16">
        <v>2962</v>
      </c>
      <c r="D2996" cm="1">
        <f t="array" ref="D2996">IFERROR(INDEX(Jesper!AH$2:AH$366,ROUNDDOWN($C2996/24,0)+1,1)*INDEX($D$3:$AA$30,INDEX(Jesper!$R$2:$R$366,ROW(INDEX(Jesper!AH$2:AH$366,ROUNDDOWN($C2996/24,0)+1,1))-1)+IF('Standard Profiles'!$G$18=$B$10,7,0)+IF('Standard Profiles'!$G$18=$B$17,14,0)+IF('Standard Profiles'!$G$18=$B$24,21,0),MOD($C2996,24)+1)/SUM(INDEX($D$3:$AA$30,INDEX(Jesper!$R$2:$R$366,ROW(INDEX(Jesper!AH$2:AH$366,ROUNDDOWN($C2996/24,0)+1,1))-1)+IF('Standard Profiles'!$G$18=$B$10,7,0)+IF('Standard Profiles'!$G$18=$B$17,14,0)+IF('Standard Profiles'!$G$18=$B$24,21,0),0)),0)</f>
        <v>28.485110255297243</v>
      </c>
      <c r="E2996" cm="1">
        <f t="array" ref="E2996">IFERROR(INDEX(Jesper!AI$2:AI$366,ROUNDDOWN($C2996/24,0)+1,1)*INDEX($D$3:$AA$30,INDEX(Jesper!$R$2:$R$366,ROW(INDEX(Jesper!AI$2:AI$366,ROUNDDOWN($C2996/24,0)+1,1))-1)+IF('Standard Profiles'!$G$19=$B$10,7,0)+IF('Standard Profiles'!$G$19=$B$17,14,0)+IF('Standard Profiles'!$G$19=$B$24,21,0),MOD($C2996,24)+1)/SUM(INDEX($D$3:$AA$30,INDEX(Jesper!$R$2:$R$366,ROW(INDEX(Jesper!AI$2:AI$366,ROUNDDOWN($C2996/24,0)+1,1))-1)+IF('Standard Profiles'!$G$19=$B$10,7,0)+IF('Standard Profiles'!$G$19=$B$17,14,0)+IF('Standard Profiles'!$G$19=$B$24,21,0),0)),0)</f>
        <v>17.875118166353598</v>
      </c>
      <c r="F2996" cm="1">
        <f t="array" ref="F2996">IFERROR(INDEX(Jesper!AJ$2:AJ$366,ROUNDDOWN($C2996/24,0)+1,1)*INDEX($D$3:$AA$30,INDEX(Jesper!$R$2:$R$366,ROW(INDEX(Jesper!AJ$2:AJ$366,ROUNDDOWN($C2996/24,0)+1,1))-1)+IF('Standard Profiles'!$G$20=$B$10,7,0)+IF('Standard Profiles'!$G$20=$B$17,14,0)+IF('Standard Profiles'!$G$20=$B$24,21,0),MOD($C2996,24)+1)/SUM(INDEX($D$3:$AA$30,INDEX(Jesper!$R$2:$R$366,ROW(INDEX(Jesper!AJ$2:AJ$366,ROUNDDOWN($C2996/24,0)+1,1))-1)+IF('Standard Profiles'!$G$20=$B$10,7,0)+IF('Standard Profiles'!$G$20=$B$17,14,0)+IF('Standard Profiles'!$G$20=$B$24,21,0),0)),0)</f>
        <v>0</v>
      </c>
      <c r="G2996" cm="1">
        <f t="array" ref="G2996">IFERROR(INDEX(Jesper!AK$2:AK$366,ROUNDDOWN($C2996/24,0)+1,1)*INDEX($D$3:$AA$30,INDEX(Jesper!$R$2:$R$366,ROW(INDEX(Jesper!AK$2:AK$366,ROUNDDOWN($C2996/24,0)+1,1))-1)+IF('Standard Profiles'!$G$21=$B$10,7,0)+IF('Standard Profiles'!$G$21=$B$17,14,0)+IF('Standard Profiles'!$G$21=$B$24,21,0),MOD($C2996,24)+1)/SUM(INDEX($D$3:$AA$30,INDEX(Jesper!$R$2:$R$366,ROW(INDEX(Jesper!AK$2:AK$366,ROUNDDOWN($C2996/24,0)+1,1))-1)+IF('Standard Profiles'!$G$21=$B$10,7,0)+IF('Standard Profiles'!$G$21=$B$17,14,0)+IF('Standard Profiles'!$G$21=$B$24,21,0),0)),0)</f>
        <v>3.4850934379499066</v>
      </c>
      <c r="H2996" cm="1">
        <f t="array" ref="H2996">IFERROR(INDEX(Jesper!AL$2:AL$366,ROUNDDOWN($C2996/24,0)+1,1)*INDEX($D$3:$AA$30,INDEX(Jesper!$R$2:$R$366,ROW(INDEX(Jesper!AL$2:AL$366,ROUNDDOWN($C2996/24,0)+1,1))-1)+IF('Standard Profiles'!$G$22=$B$10,7,0)+IF('Standard Profiles'!$G$22=$B$17,14,0)+IF('Standard Profiles'!$G$22=$B$24,21,0),MOD($C2996,24)+1)/SUM(INDEX($D$3:$AA$30,INDEX(Jesper!$R$2:$R$366,ROW(INDEX(Jesper!AL$2:AL$366,ROUNDDOWN($C2996/24,0)+1,1))-1)+IF('Standard Profiles'!$G$22=$B$10,7,0)+IF('Standard Profiles'!$G$22=$B$17,14,0)+IF('Standard Profiles'!$G$22=$B$24,21,0),0)),0)</f>
        <v>0</v>
      </c>
      <c r="I2996">
        <f t="shared" si="342"/>
        <v>1.6728448502159543</v>
      </c>
      <c r="J2996">
        <f t="shared" si="343"/>
        <v>43.614859368537232</v>
      </c>
      <c r="K2996">
        <f t="shared" si="344"/>
        <v>3.0384117605650394</v>
      </c>
      <c r="L2996">
        <f t="shared" si="345"/>
        <v>1.5192058802825197</v>
      </c>
      <c r="M2996">
        <f t="shared" si="346"/>
        <v>0</v>
      </c>
      <c r="N2996" s="45">
        <f t="shared" si="347"/>
        <v>45050.416666659483</v>
      </c>
    </row>
    <row r="2997" spans="2:14" x14ac:dyDescent="0.25">
      <c r="B2997">
        <f t="shared" si="341"/>
        <v>4</v>
      </c>
      <c r="C2997" s="16">
        <v>2963</v>
      </c>
      <c r="D2997" cm="1">
        <f t="array" ref="D2997">IFERROR(INDEX(Jesper!AH$2:AH$366,ROUNDDOWN($C2997/24,0)+1,1)*INDEX($D$3:$AA$30,INDEX(Jesper!$R$2:$R$366,ROW(INDEX(Jesper!AH$2:AH$366,ROUNDDOWN($C2997/24,0)+1,1))-1)+IF('Standard Profiles'!$G$18=$B$10,7,0)+IF('Standard Profiles'!$G$18=$B$17,14,0)+IF('Standard Profiles'!$G$18=$B$24,21,0),MOD($C2997,24)+1)/SUM(INDEX($D$3:$AA$30,INDEX(Jesper!$R$2:$R$366,ROW(INDEX(Jesper!AH$2:AH$366,ROUNDDOWN($C2997/24,0)+1,1))-1)+IF('Standard Profiles'!$G$18=$B$10,7,0)+IF('Standard Profiles'!$G$18=$B$17,14,0)+IF('Standard Profiles'!$G$18=$B$24,21,0),0)),0)</f>
        <v>34.084747314030885</v>
      </c>
      <c r="E2997" cm="1">
        <f t="array" ref="E2997">IFERROR(INDEX(Jesper!AI$2:AI$366,ROUNDDOWN($C2997/24,0)+1,1)*INDEX($D$3:$AA$30,INDEX(Jesper!$R$2:$R$366,ROW(INDEX(Jesper!AI$2:AI$366,ROUNDDOWN($C2997/24,0)+1,1))-1)+IF('Standard Profiles'!$G$19=$B$10,7,0)+IF('Standard Profiles'!$G$19=$B$17,14,0)+IF('Standard Profiles'!$G$19=$B$24,21,0),MOD($C2997,24)+1)/SUM(INDEX($D$3:$AA$30,INDEX(Jesper!$R$2:$R$366,ROW(INDEX(Jesper!AI$2:AI$366,ROUNDDOWN($C2997/24,0)+1,1))-1)+IF('Standard Profiles'!$G$19=$B$10,7,0)+IF('Standard Profiles'!$G$19=$B$17,14,0)+IF('Standard Profiles'!$G$19=$B$24,21,0),0)),0)</f>
        <v>21.389030284525671</v>
      </c>
      <c r="F2997" cm="1">
        <f t="array" ref="F2997">IFERROR(INDEX(Jesper!AJ$2:AJ$366,ROUNDDOWN($C2997/24,0)+1,1)*INDEX($D$3:$AA$30,INDEX(Jesper!$R$2:$R$366,ROW(INDEX(Jesper!AJ$2:AJ$366,ROUNDDOWN($C2997/24,0)+1,1))-1)+IF('Standard Profiles'!$G$20=$B$10,7,0)+IF('Standard Profiles'!$G$20=$B$17,14,0)+IF('Standard Profiles'!$G$20=$B$24,21,0),MOD($C2997,24)+1)/SUM(INDEX($D$3:$AA$30,INDEX(Jesper!$R$2:$R$366,ROW(INDEX(Jesper!AJ$2:AJ$366,ROUNDDOWN($C2997/24,0)+1,1))-1)+IF('Standard Profiles'!$G$20=$B$10,7,0)+IF('Standard Profiles'!$G$20=$B$17,14,0)+IF('Standard Profiles'!$G$20=$B$24,21,0),0)),0)</f>
        <v>0</v>
      </c>
      <c r="G2997" cm="1">
        <f t="array" ref="G2997">IFERROR(INDEX(Jesper!AK$2:AK$366,ROUNDDOWN($C2997/24,0)+1,1)*INDEX($D$3:$AA$30,INDEX(Jesper!$R$2:$R$366,ROW(INDEX(Jesper!AK$2:AK$366,ROUNDDOWN($C2997/24,0)+1,1))-1)+IF('Standard Profiles'!$G$21=$B$10,7,0)+IF('Standard Profiles'!$G$21=$B$17,14,0)+IF('Standard Profiles'!$G$21=$B$24,21,0),MOD($C2997,24)+1)/SUM(INDEX($D$3:$AA$30,INDEX(Jesper!$R$2:$R$366,ROW(INDEX(Jesper!AK$2:AK$366,ROUNDDOWN($C2997/24,0)+1,1))-1)+IF('Standard Profiles'!$G$21=$B$10,7,0)+IF('Standard Profiles'!$G$21=$B$17,14,0)+IF('Standard Profiles'!$G$21=$B$24,21,0),0)),0)</f>
        <v>4.1701972761793753</v>
      </c>
      <c r="H2997" cm="1">
        <f t="array" ref="H2997">IFERROR(INDEX(Jesper!AL$2:AL$366,ROUNDDOWN($C2997/24,0)+1,1)*INDEX($D$3:$AA$30,INDEX(Jesper!$R$2:$R$366,ROW(INDEX(Jesper!AL$2:AL$366,ROUNDDOWN($C2997/24,0)+1,1))-1)+IF('Standard Profiles'!$G$22=$B$10,7,0)+IF('Standard Profiles'!$G$22=$B$17,14,0)+IF('Standard Profiles'!$G$22=$B$24,21,0),MOD($C2997,24)+1)/SUM(INDEX($D$3:$AA$30,INDEX(Jesper!$R$2:$R$366,ROW(INDEX(Jesper!AL$2:AL$366,ROUNDDOWN($C2997/24,0)+1,1))-1)+IF('Standard Profiles'!$G$22=$B$10,7,0)+IF('Standard Profiles'!$G$22=$B$17,14,0)+IF('Standard Profiles'!$G$22=$B$24,21,0),0)),0)</f>
        <v>0</v>
      </c>
      <c r="I2997">
        <f t="shared" si="342"/>
        <v>2.0016946925660992</v>
      </c>
      <c r="J2997">
        <f t="shared" si="343"/>
        <v>52.188720611924893</v>
      </c>
      <c r="K2997">
        <f t="shared" si="344"/>
        <v>3.6357063801632945</v>
      </c>
      <c r="L2997">
        <f t="shared" si="345"/>
        <v>1.8178531900816473</v>
      </c>
      <c r="M2997">
        <f t="shared" si="346"/>
        <v>0</v>
      </c>
      <c r="N2997" s="45">
        <f t="shared" si="347"/>
        <v>45050.458333326147</v>
      </c>
    </row>
    <row r="2998" spans="2:14" x14ac:dyDescent="0.25">
      <c r="B2998">
        <f t="shared" si="341"/>
        <v>4</v>
      </c>
      <c r="C2998" s="16">
        <v>2964</v>
      </c>
      <c r="D2998" cm="1">
        <f t="array" ref="D2998">IFERROR(INDEX(Jesper!AH$2:AH$366,ROUNDDOWN($C2998/24,0)+1,1)*INDEX($D$3:$AA$30,INDEX(Jesper!$R$2:$R$366,ROW(INDEX(Jesper!AH$2:AH$366,ROUNDDOWN($C2998/24,0)+1,1))-1)+IF('Standard Profiles'!$G$18=$B$10,7,0)+IF('Standard Profiles'!$G$18=$B$17,14,0)+IF('Standard Profiles'!$G$18=$B$24,21,0),MOD($C2998,24)+1)/SUM(INDEX($D$3:$AA$30,INDEX(Jesper!$R$2:$R$366,ROW(INDEX(Jesper!AH$2:AH$366,ROUNDDOWN($C2998/24,0)+1,1))-1)+IF('Standard Profiles'!$G$18=$B$10,7,0)+IF('Standard Profiles'!$G$18=$B$17,14,0)+IF('Standard Profiles'!$G$18=$B$24,21,0),0)),0)</f>
        <v>34.084747314030885</v>
      </c>
      <c r="E2998" cm="1">
        <f t="array" ref="E2998">IFERROR(INDEX(Jesper!AI$2:AI$366,ROUNDDOWN($C2998/24,0)+1,1)*INDEX($D$3:$AA$30,INDEX(Jesper!$R$2:$R$366,ROW(INDEX(Jesper!AI$2:AI$366,ROUNDDOWN($C2998/24,0)+1,1))-1)+IF('Standard Profiles'!$G$19=$B$10,7,0)+IF('Standard Profiles'!$G$19=$B$17,14,0)+IF('Standard Profiles'!$G$19=$B$24,21,0),MOD($C2998,24)+1)/SUM(INDEX($D$3:$AA$30,INDEX(Jesper!$R$2:$R$366,ROW(INDEX(Jesper!AI$2:AI$366,ROUNDDOWN($C2998/24,0)+1,1))-1)+IF('Standard Profiles'!$G$19=$B$10,7,0)+IF('Standard Profiles'!$G$19=$B$17,14,0)+IF('Standard Profiles'!$G$19=$B$24,21,0),0)),0)</f>
        <v>21.389030284525671</v>
      </c>
      <c r="F2998" cm="1">
        <f t="array" ref="F2998">IFERROR(INDEX(Jesper!AJ$2:AJ$366,ROUNDDOWN($C2998/24,0)+1,1)*INDEX($D$3:$AA$30,INDEX(Jesper!$R$2:$R$366,ROW(INDEX(Jesper!AJ$2:AJ$366,ROUNDDOWN($C2998/24,0)+1,1))-1)+IF('Standard Profiles'!$G$20=$B$10,7,0)+IF('Standard Profiles'!$G$20=$B$17,14,0)+IF('Standard Profiles'!$G$20=$B$24,21,0),MOD($C2998,24)+1)/SUM(INDEX($D$3:$AA$30,INDEX(Jesper!$R$2:$R$366,ROW(INDEX(Jesper!AJ$2:AJ$366,ROUNDDOWN($C2998/24,0)+1,1))-1)+IF('Standard Profiles'!$G$20=$B$10,7,0)+IF('Standard Profiles'!$G$20=$B$17,14,0)+IF('Standard Profiles'!$G$20=$B$24,21,0),0)),0)</f>
        <v>0</v>
      </c>
      <c r="G2998" cm="1">
        <f t="array" ref="G2998">IFERROR(INDEX(Jesper!AK$2:AK$366,ROUNDDOWN($C2998/24,0)+1,1)*INDEX($D$3:$AA$30,INDEX(Jesper!$R$2:$R$366,ROW(INDEX(Jesper!AK$2:AK$366,ROUNDDOWN($C2998/24,0)+1,1))-1)+IF('Standard Profiles'!$G$21=$B$10,7,0)+IF('Standard Profiles'!$G$21=$B$17,14,0)+IF('Standard Profiles'!$G$21=$B$24,21,0),MOD($C2998,24)+1)/SUM(INDEX($D$3:$AA$30,INDEX(Jesper!$R$2:$R$366,ROW(INDEX(Jesper!AK$2:AK$366,ROUNDDOWN($C2998/24,0)+1,1))-1)+IF('Standard Profiles'!$G$21=$B$10,7,0)+IF('Standard Profiles'!$G$21=$B$17,14,0)+IF('Standard Profiles'!$G$21=$B$24,21,0),0)),0)</f>
        <v>4.1701972761793753</v>
      </c>
      <c r="H2998" cm="1">
        <f t="array" ref="H2998">IFERROR(INDEX(Jesper!AL$2:AL$366,ROUNDDOWN($C2998/24,0)+1,1)*INDEX($D$3:$AA$30,INDEX(Jesper!$R$2:$R$366,ROW(INDEX(Jesper!AL$2:AL$366,ROUNDDOWN($C2998/24,0)+1,1))-1)+IF('Standard Profiles'!$G$22=$B$10,7,0)+IF('Standard Profiles'!$G$22=$B$17,14,0)+IF('Standard Profiles'!$G$22=$B$24,21,0),MOD($C2998,24)+1)/SUM(INDEX($D$3:$AA$30,INDEX(Jesper!$R$2:$R$366,ROW(INDEX(Jesper!AL$2:AL$366,ROUNDDOWN($C2998/24,0)+1,1))-1)+IF('Standard Profiles'!$G$22=$B$10,7,0)+IF('Standard Profiles'!$G$22=$B$17,14,0)+IF('Standard Profiles'!$G$22=$B$24,21,0),0)),0)</f>
        <v>0</v>
      </c>
      <c r="I2998">
        <f t="shared" si="342"/>
        <v>2.0016946925660992</v>
      </c>
      <c r="J2998">
        <f t="shared" si="343"/>
        <v>52.188720611924893</v>
      </c>
      <c r="K2998">
        <f t="shared" si="344"/>
        <v>3.6357063801632945</v>
      </c>
      <c r="L2998">
        <f t="shared" si="345"/>
        <v>1.8178531900816473</v>
      </c>
      <c r="M2998">
        <f t="shared" si="346"/>
        <v>0</v>
      </c>
      <c r="N2998" s="45">
        <f t="shared" si="347"/>
        <v>45050.499999992811</v>
      </c>
    </row>
    <row r="2999" spans="2:14" x14ac:dyDescent="0.25">
      <c r="B2999">
        <f t="shared" si="341"/>
        <v>4</v>
      </c>
      <c r="C2999" s="16">
        <v>2965</v>
      </c>
      <c r="D2999" cm="1">
        <f t="array" ref="D2999">IFERROR(INDEX(Jesper!AH$2:AH$366,ROUNDDOWN($C2999/24,0)+1,1)*INDEX($D$3:$AA$30,INDEX(Jesper!$R$2:$R$366,ROW(INDEX(Jesper!AH$2:AH$366,ROUNDDOWN($C2999/24,0)+1,1))-1)+IF('Standard Profiles'!$G$18=$B$10,7,0)+IF('Standard Profiles'!$G$18=$B$17,14,0)+IF('Standard Profiles'!$G$18=$B$24,21,0),MOD($C2999,24)+1)/SUM(INDEX($D$3:$AA$30,INDEX(Jesper!$R$2:$R$366,ROW(INDEX(Jesper!AH$2:AH$366,ROUNDDOWN($C2999/24,0)+1,1))-1)+IF('Standard Profiles'!$G$18=$B$10,7,0)+IF('Standard Profiles'!$G$18=$B$17,14,0)+IF('Standard Profiles'!$G$18=$B$24,21,0),0)),0)</f>
        <v>22.642010715749088</v>
      </c>
      <c r="E2999" cm="1">
        <f t="array" ref="E2999">IFERROR(INDEX(Jesper!AI$2:AI$366,ROUNDDOWN($C2999/24,0)+1,1)*INDEX($D$3:$AA$30,INDEX(Jesper!$R$2:$R$366,ROW(INDEX(Jesper!AI$2:AI$366,ROUNDDOWN($C2999/24,0)+1,1))-1)+IF('Standard Profiles'!$G$19=$B$10,7,0)+IF('Standard Profiles'!$G$19=$B$17,14,0)+IF('Standard Profiles'!$G$19=$B$24,21,0),MOD($C2999,24)+1)/SUM(INDEX($D$3:$AA$30,INDEX(Jesper!$R$2:$R$366,ROW(INDEX(Jesper!AI$2:AI$366,ROUNDDOWN($C2999/24,0)+1,1))-1)+IF('Standard Profiles'!$G$19=$B$10,7,0)+IF('Standard Profiles'!$G$19=$B$17,14,0)+IF('Standard Profiles'!$G$19=$B$24,21,0),0)),0)</f>
        <v>14.20842726043491</v>
      </c>
      <c r="F2999" cm="1">
        <f t="array" ref="F2999">IFERROR(INDEX(Jesper!AJ$2:AJ$366,ROUNDDOWN($C2999/24,0)+1,1)*INDEX($D$3:$AA$30,INDEX(Jesper!$R$2:$R$366,ROW(INDEX(Jesper!AJ$2:AJ$366,ROUNDDOWN($C2999/24,0)+1,1))-1)+IF('Standard Profiles'!$G$20=$B$10,7,0)+IF('Standard Profiles'!$G$20=$B$17,14,0)+IF('Standard Profiles'!$G$20=$B$24,21,0),MOD($C2999,24)+1)/SUM(INDEX($D$3:$AA$30,INDEX(Jesper!$R$2:$R$366,ROW(INDEX(Jesper!AJ$2:AJ$366,ROUNDDOWN($C2999/24,0)+1,1))-1)+IF('Standard Profiles'!$G$20=$B$10,7,0)+IF('Standard Profiles'!$G$20=$B$17,14,0)+IF('Standard Profiles'!$G$20=$B$24,21,0),0)),0)</f>
        <v>0</v>
      </c>
      <c r="G2999" cm="1">
        <f t="array" ref="G2999">IFERROR(INDEX(Jesper!AK$2:AK$366,ROUNDDOWN($C2999/24,0)+1,1)*INDEX($D$3:$AA$30,INDEX(Jesper!$R$2:$R$366,ROW(INDEX(Jesper!AK$2:AK$366,ROUNDDOWN($C2999/24,0)+1,1))-1)+IF('Standard Profiles'!$G$21=$B$10,7,0)+IF('Standard Profiles'!$G$21=$B$17,14,0)+IF('Standard Profiles'!$G$21=$B$24,21,0),MOD($C2999,24)+1)/SUM(INDEX($D$3:$AA$30,INDEX(Jesper!$R$2:$R$366,ROW(INDEX(Jesper!AK$2:AK$366,ROUNDDOWN($C2999/24,0)+1,1))-1)+IF('Standard Profiles'!$G$21=$B$10,7,0)+IF('Standard Profiles'!$G$21=$B$17,14,0)+IF('Standard Profiles'!$G$21=$B$24,21,0),0)),0)</f>
        <v>2.7702024763191564</v>
      </c>
      <c r="H2999" cm="1">
        <f t="array" ref="H2999">IFERROR(INDEX(Jesper!AL$2:AL$366,ROUNDDOWN($C2999/24,0)+1,1)*INDEX($D$3:$AA$30,INDEX(Jesper!$R$2:$R$366,ROW(INDEX(Jesper!AL$2:AL$366,ROUNDDOWN($C2999/24,0)+1,1))-1)+IF('Standard Profiles'!$G$22=$B$10,7,0)+IF('Standard Profiles'!$G$22=$B$17,14,0)+IF('Standard Profiles'!$G$22=$B$24,21,0),MOD($C2999,24)+1)/SUM(INDEX($D$3:$AA$30,INDEX(Jesper!$R$2:$R$366,ROW(INDEX(Jesper!AL$2:AL$366,ROUNDDOWN($C2999/24,0)+1,1))-1)+IF('Standard Profiles'!$G$22=$B$10,7,0)+IF('Standard Profiles'!$G$22=$B$17,14,0)+IF('Standard Profiles'!$G$22=$B$24,21,0),0)),0)</f>
        <v>0</v>
      </c>
      <c r="I2999">
        <f t="shared" si="342"/>
        <v>1.3296971886331943</v>
      </c>
      <c r="J2999">
        <f t="shared" si="343"/>
        <v>34.668221549350108</v>
      </c>
      <c r="K2999">
        <f t="shared" si="344"/>
        <v>2.4151478096799028</v>
      </c>
      <c r="L2999">
        <f t="shared" si="345"/>
        <v>1.2075739048399514</v>
      </c>
      <c r="M2999">
        <f t="shared" si="346"/>
        <v>0</v>
      </c>
      <c r="N2999" s="45">
        <f t="shared" si="347"/>
        <v>45050.541666659476</v>
      </c>
    </row>
    <row r="3000" spans="2:14" x14ac:dyDescent="0.25">
      <c r="B3000">
        <f t="shared" si="341"/>
        <v>4</v>
      </c>
      <c r="C3000" s="16">
        <v>2966</v>
      </c>
      <c r="D3000" cm="1">
        <f t="array" ref="D3000">IFERROR(INDEX(Jesper!AH$2:AH$366,ROUNDDOWN($C3000/24,0)+1,1)*INDEX($D$3:$AA$30,INDEX(Jesper!$R$2:$R$366,ROW(INDEX(Jesper!AH$2:AH$366,ROUNDDOWN($C3000/24,0)+1,1))-1)+IF('Standard Profiles'!$G$18=$B$10,7,0)+IF('Standard Profiles'!$G$18=$B$17,14,0)+IF('Standard Profiles'!$G$18=$B$24,21,0),MOD($C3000,24)+1)/SUM(INDEX($D$3:$AA$30,INDEX(Jesper!$R$2:$R$366,ROW(INDEX(Jesper!AH$2:AH$366,ROUNDDOWN($C3000/24,0)+1,1))-1)+IF('Standard Profiles'!$G$18=$B$10,7,0)+IF('Standard Profiles'!$G$18=$B$17,14,0)+IF('Standard Profiles'!$G$18=$B$24,21,0),0)),0)</f>
        <v>34.084747314030885</v>
      </c>
      <c r="E3000" cm="1">
        <f t="array" ref="E3000">IFERROR(INDEX(Jesper!AI$2:AI$366,ROUNDDOWN($C3000/24,0)+1,1)*INDEX($D$3:$AA$30,INDEX(Jesper!$R$2:$R$366,ROW(INDEX(Jesper!AI$2:AI$366,ROUNDDOWN($C3000/24,0)+1,1))-1)+IF('Standard Profiles'!$G$19=$B$10,7,0)+IF('Standard Profiles'!$G$19=$B$17,14,0)+IF('Standard Profiles'!$G$19=$B$24,21,0),MOD($C3000,24)+1)/SUM(INDEX($D$3:$AA$30,INDEX(Jesper!$R$2:$R$366,ROW(INDEX(Jesper!AI$2:AI$366,ROUNDDOWN($C3000/24,0)+1,1))-1)+IF('Standard Profiles'!$G$19=$B$10,7,0)+IF('Standard Profiles'!$G$19=$B$17,14,0)+IF('Standard Profiles'!$G$19=$B$24,21,0),0)),0)</f>
        <v>21.389030284525671</v>
      </c>
      <c r="F3000" cm="1">
        <f t="array" ref="F3000">IFERROR(INDEX(Jesper!AJ$2:AJ$366,ROUNDDOWN($C3000/24,0)+1,1)*INDEX($D$3:$AA$30,INDEX(Jesper!$R$2:$R$366,ROW(INDEX(Jesper!AJ$2:AJ$366,ROUNDDOWN($C3000/24,0)+1,1))-1)+IF('Standard Profiles'!$G$20=$B$10,7,0)+IF('Standard Profiles'!$G$20=$B$17,14,0)+IF('Standard Profiles'!$G$20=$B$24,21,0),MOD($C3000,24)+1)/SUM(INDEX($D$3:$AA$30,INDEX(Jesper!$R$2:$R$366,ROW(INDEX(Jesper!AJ$2:AJ$366,ROUNDDOWN($C3000/24,0)+1,1))-1)+IF('Standard Profiles'!$G$20=$B$10,7,0)+IF('Standard Profiles'!$G$20=$B$17,14,0)+IF('Standard Profiles'!$G$20=$B$24,21,0),0)),0)</f>
        <v>0</v>
      </c>
      <c r="G3000" cm="1">
        <f t="array" ref="G3000">IFERROR(INDEX(Jesper!AK$2:AK$366,ROUNDDOWN($C3000/24,0)+1,1)*INDEX($D$3:$AA$30,INDEX(Jesper!$R$2:$R$366,ROW(INDEX(Jesper!AK$2:AK$366,ROUNDDOWN($C3000/24,0)+1,1))-1)+IF('Standard Profiles'!$G$21=$B$10,7,0)+IF('Standard Profiles'!$G$21=$B$17,14,0)+IF('Standard Profiles'!$G$21=$B$24,21,0),MOD($C3000,24)+1)/SUM(INDEX($D$3:$AA$30,INDEX(Jesper!$R$2:$R$366,ROW(INDEX(Jesper!AK$2:AK$366,ROUNDDOWN($C3000/24,0)+1,1))-1)+IF('Standard Profiles'!$G$21=$B$10,7,0)+IF('Standard Profiles'!$G$21=$B$17,14,0)+IF('Standard Profiles'!$G$21=$B$24,21,0),0)),0)</f>
        <v>4.1701972761793753</v>
      </c>
      <c r="H3000" cm="1">
        <f t="array" ref="H3000">IFERROR(INDEX(Jesper!AL$2:AL$366,ROUNDDOWN($C3000/24,0)+1,1)*INDEX($D$3:$AA$30,INDEX(Jesper!$R$2:$R$366,ROW(INDEX(Jesper!AL$2:AL$366,ROUNDDOWN($C3000/24,0)+1,1))-1)+IF('Standard Profiles'!$G$22=$B$10,7,0)+IF('Standard Profiles'!$G$22=$B$17,14,0)+IF('Standard Profiles'!$G$22=$B$24,21,0),MOD($C3000,24)+1)/SUM(INDEX($D$3:$AA$30,INDEX(Jesper!$R$2:$R$366,ROW(INDEX(Jesper!AL$2:AL$366,ROUNDDOWN($C3000/24,0)+1,1))-1)+IF('Standard Profiles'!$G$22=$B$10,7,0)+IF('Standard Profiles'!$G$22=$B$17,14,0)+IF('Standard Profiles'!$G$22=$B$24,21,0),0)),0)</f>
        <v>0</v>
      </c>
      <c r="I3000">
        <f t="shared" si="342"/>
        <v>2.0016946925660992</v>
      </c>
      <c r="J3000">
        <f t="shared" si="343"/>
        <v>52.188720611924893</v>
      </c>
      <c r="K3000">
        <f t="shared" si="344"/>
        <v>3.6357063801632945</v>
      </c>
      <c r="L3000">
        <f t="shared" si="345"/>
        <v>1.8178531900816473</v>
      </c>
      <c r="M3000">
        <f t="shared" si="346"/>
        <v>0</v>
      </c>
      <c r="N3000" s="45">
        <f t="shared" si="347"/>
        <v>45050.58333332614</v>
      </c>
    </row>
    <row r="3001" spans="2:14" x14ac:dyDescent="0.25">
      <c r="B3001">
        <f t="shared" si="341"/>
        <v>4</v>
      </c>
      <c r="C3001" s="16">
        <v>2967</v>
      </c>
      <c r="D3001" cm="1">
        <f t="array" ref="D3001">IFERROR(INDEX(Jesper!AH$2:AH$366,ROUNDDOWN($C3001/24,0)+1,1)*INDEX($D$3:$AA$30,INDEX(Jesper!$R$2:$R$366,ROW(INDEX(Jesper!AH$2:AH$366,ROUNDDOWN($C3001/24,0)+1,1))-1)+IF('Standard Profiles'!$G$18=$B$10,7,0)+IF('Standard Profiles'!$G$18=$B$17,14,0)+IF('Standard Profiles'!$G$18=$B$24,21,0),MOD($C3001,24)+1)/SUM(INDEX($D$3:$AA$30,INDEX(Jesper!$R$2:$R$366,ROW(INDEX(Jesper!AH$2:AH$366,ROUNDDOWN($C3001/24,0)+1,1))-1)+IF('Standard Profiles'!$G$18=$B$10,7,0)+IF('Standard Profiles'!$G$18=$B$17,14,0)+IF('Standard Profiles'!$G$18=$B$24,21,0),0)),0)</f>
        <v>34.084747314030885</v>
      </c>
      <c r="E3001" cm="1">
        <f t="array" ref="E3001">IFERROR(INDEX(Jesper!AI$2:AI$366,ROUNDDOWN($C3001/24,0)+1,1)*INDEX($D$3:$AA$30,INDEX(Jesper!$R$2:$R$366,ROW(INDEX(Jesper!AI$2:AI$366,ROUNDDOWN($C3001/24,0)+1,1))-1)+IF('Standard Profiles'!$G$19=$B$10,7,0)+IF('Standard Profiles'!$G$19=$B$17,14,0)+IF('Standard Profiles'!$G$19=$B$24,21,0),MOD($C3001,24)+1)/SUM(INDEX($D$3:$AA$30,INDEX(Jesper!$R$2:$R$366,ROW(INDEX(Jesper!AI$2:AI$366,ROUNDDOWN($C3001/24,0)+1,1))-1)+IF('Standard Profiles'!$G$19=$B$10,7,0)+IF('Standard Profiles'!$G$19=$B$17,14,0)+IF('Standard Profiles'!$G$19=$B$24,21,0),0)),0)</f>
        <v>21.389030284525671</v>
      </c>
      <c r="F3001" cm="1">
        <f t="array" ref="F3001">IFERROR(INDEX(Jesper!AJ$2:AJ$366,ROUNDDOWN($C3001/24,0)+1,1)*INDEX($D$3:$AA$30,INDEX(Jesper!$R$2:$R$366,ROW(INDEX(Jesper!AJ$2:AJ$366,ROUNDDOWN($C3001/24,0)+1,1))-1)+IF('Standard Profiles'!$G$20=$B$10,7,0)+IF('Standard Profiles'!$G$20=$B$17,14,0)+IF('Standard Profiles'!$G$20=$B$24,21,0),MOD($C3001,24)+1)/SUM(INDEX($D$3:$AA$30,INDEX(Jesper!$R$2:$R$366,ROW(INDEX(Jesper!AJ$2:AJ$366,ROUNDDOWN($C3001/24,0)+1,1))-1)+IF('Standard Profiles'!$G$20=$B$10,7,0)+IF('Standard Profiles'!$G$20=$B$17,14,0)+IF('Standard Profiles'!$G$20=$B$24,21,0),0)),0)</f>
        <v>0</v>
      </c>
      <c r="G3001" cm="1">
        <f t="array" ref="G3001">IFERROR(INDEX(Jesper!AK$2:AK$366,ROUNDDOWN($C3001/24,0)+1,1)*INDEX($D$3:$AA$30,INDEX(Jesper!$R$2:$R$366,ROW(INDEX(Jesper!AK$2:AK$366,ROUNDDOWN($C3001/24,0)+1,1))-1)+IF('Standard Profiles'!$G$21=$B$10,7,0)+IF('Standard Profiles'!$G$21=$B$17,14,0)+IF('Standard Profiles'!$G$21=$B$24,21,0),MOD($C3001,24)+1)/SUM(INDEX($D$3:$AA$30,INDEX(Jesper!$R$2:$R$366,ROW(INDEX(Jesper!AK$2:AK$366,ROUNDDOWN($C3001/24,0)+1,1))-1)+IF('Standard Profiles'!$G$21=$B$10,7,0)+IF('Standard Profiles'!$G$21=$B$17,14,0)+IF('Standard Profiles'!$G$21=$B$24,21,0),0)),0)</f>
        <v>4.1701972761793753</v>
      </c>
      <c r="H3001" cm="1">
        <f t="array" ref="H3001">IFERROR(INDEX(Jesper!AL$2:AL$366,ROUNDDOWN($C3001/24,0)+1,1)*INDEX($D$3:$AA$30,INDEX(Jesper!$R$2:$R$366,ROW(INDEX(Jesper!AL$2:AL$366,ROUNDDOWN($C3001/24,0)+1,1))-1)+IF('Standard Profiles'!$G$22=$B$10,7,0)+IF('Standard Profiles'!$G$22=$B$17,14,0)+IF('Standard Profiles'!$G$22=$B$24,21,0),MOD($C3001,24)+1)/SUM(INDEX($D$3:$AA$30,INDEX(Jesper!$R$2:$R$366,ROW(INDEX(Jesper!AL$2:AL$366,ROUNDDOWN($C3001/24,0)+1,1))-1)+IF('Standard Profiles'!$G$22=$B$10,7,0)+IF('Standard Profiles'!$G$22=$B$17,14,0)+IF('Standard Profiles'!$G$22=$B$24,21,0),0)),0)</f>
        <v>0</v>
      </c>
      <c r="I3001">
        <f t="shared" si="342"/>
        <v>2.0016946925660992</v>
      </c>
      <c r="J3001">
        <f t="shared" si="343"/>
        <v>52.188720611924893</v>
      </c>
      <c r="K3001">
        <f t="shared" si="344"/>
        <v>3.6357063801632945</v>
      </c>
      <c r="L3001">
        <f t="shared" si="345"/>
        <v>1.8178531900816473</v>
      </c>
      <c r="M3001">
        <f t="shared" si="346"/>
        <v>0</v>
      </c>
      <c r="N3001" s="45">
        <f t="shared" si="347"/>
        <v>45050.624999992804</v>
      </c>
    </row>
    <row r="3002" spans="2:14" x14ac:dyDescent="0.25">
      <c r="B3002">
        <f t="shared" si="341"/>
        <v>4</v>
      </c>
      <c r="C3002" s="16">
        <v>2968</v>
      </c>
      <c r="D3002" cm="1">
        <f t="array" ref="D3002">IFERROR(INDEX(Jesper!AH$2:AH$366,ROUNDDOWN($C3002/24,0)+1,1)*INDEX($D$3:$AA$30,INDEX(Jesper!$R$2:$R$366,ROW(INDEX(Jesper!AH$2:AH$366,ROUNDDOWN($C3002/24,0)+1,1))-1)+IF('Standard Profiles'!$G$18=$B$10,7,0)+IF('Standard Profiles'!$G$18=$B$17,14,0)+IF('Standard Profiles'!$G$18=$B$24,21,0),MOD($C3002,24)+1)/SUM(INDEX($D$3:$AA$30,INDEX(Jesper!$R$2:$R$366,ROW(INDEX(Jesper!AH$2:AH$366,ROUNDDOWN($C3002/24,0)+1,1))-1)+IF('Standard Profiles'!$G$18=$B$10,7,0)+IF('Standard Profiles'!$G$18=$B$17,14,0)+IF('Standard Profiles'!$G$18=$B$24,21,0),0)),0)</f>
        <v>20.085654667196771</v>
      </c>
      <c r="E3002" cm="1">
        <f t="array" ref="E3002">IFERROR(INDEX(Jesper!AI$2:AI$366,ROUNDDOWN($C3002/24,0)+1,1)*INDEX($D$3:$AA$30,INDEX(Jesper!$R$2:$R$366,ROW(INDEX(Jesper!AI$2:AI$366,ROUNDDOWN($C3002/24,0)+1,1))-1)+IF('Standard Profiles'!$G$19=$B$10,7,0)+IF('Standard Profiles'!$G$19=$B$17,14,0)+IF('Standard Profiles'!$G$19=$B$24,21,0),MOD($C3002,24)+1)/SUM(INDEX($D$3:$AA$30,INDEX(Jesper!$R$2:$R$366,ROW(INDEX(Jesper!AI$2:AI$366,ROUNDDOWN($C3002/24,0)+1,1))-1)+IF('Standard Profiles'!$G$19=$B$10,7,0)+IF('Standard Profiles'!$G$19=$B$17,14,0)+IF('Standard Profiles'!$G$19=$B$24,21,0),0)),0)</f>
        <v>12.604249989095484</v>
      </c>
      <c r="F3002" cm="1">
        <f t="array" ref="F3002">IFERROR(INDEX(Jesper!AJ$2:AJ$366,ROUNDDOWN($C3002/24,0)+1,1)*INDEX($D$3:$AA$30,INDEX(Jesper!$R$2:$R$366,ROW(INDEX(Jesper!AJ$2:AJ$366,ROUNDDOWN($C3002/24,0)+1,1))-1)+IF('Standard Profiles'!$G$20=$B$10,7,0)+IF('Standard Profiles'!$G$20=$B$17,14,0)+IF('Standard Profiles'!$G$20=$B$24,21,0),MOD($C3002,24)+1)/SUM(INDEX($D$3:$AA$30,INDEX(Jesper!$R$2:$R$366,ROW(INDEX(Jesper!AJ$2:AJ$366,ROUNDDOWN($C3002/24,0)+1,1))-1)+IF('Standard Profiles'!$G$20=$B$10,7,0)+IF('Standard Profiles'!$G$20=$B$17,14,0)+IF('Standard Profiles'!$G$20=$B$24,21,0),0)),0)</f>
        <v>0</v>
      </c>
      <c r="G3002" cm="1">
        <f t="array" ref="G3002">IFERROR(INDEX(Jesper!AK$2:AK$366,ROUNDDOWN($C3002/24,0)+1,1)*INDEX($D$3:$AA$30,INDEX(Jesper!$R$2:$R$366,ROW(INDEX(Jesper!AK$2:AK$366,ROUNDDOWN($C3002/24,0)+1,1))-1)+IF('Standard Profiles'!$G$21=$B$10,7,0)+IF('Standard Profiles'!$G$21=$B$17,14,0)+IF('Standard Profiles'!$G$21=$B$24,21,0),MOD($C3002,24)+1)/SUM(INDEX($D$3:$AA$30,INDEX(Jesper!$R$2:$R$366,ROW(INDEX(Jesper!AK$2:AK$366,ROUNDDOWN($C3002/24,0)+1,1))-1)+IF('Standard Profiles'!$G$21=$B$10,7,0)+IF('Standard Profiles'!$G$21=$B$17,14,0)+IF('Standard Profiles'!$G$21=$B$24,21,0),0)),0)</f>
        <v>3.4845798668567816</v>
      </c>
      <c r="H3002" cm="1">
        <f t="array" ref="H3002">IFERROR(INDEX(Jesper!AL$2:AL$366,ROUNDDOWN($C3002/24,0)+1,1)*INDEX($D$3:$AA$30,INDEX(Jesper!$R$2:$R$366,ROW(INDEX(Jesper!AL$2:AL$366,ROUNDDOWN($C3002/24,0)+1,1))-1)+IF('Standard Profiles'!$G$22=$B$10,7,0)+IF('Standard Profiles'!$G$22=$B$17,14,0)+IF('Standard Profiles'!$G$22=$B$24,21,0),MOD($C3002,24)+1)/SUM(INDEX($D$3:$AA$30,INDEX(Jesper!$R$2:$R$366,ROW(INDEX(Jesper!AL$2:AL$366,ROUNDDOWN($C3002/24,0)+1,1))-1)+IF('Standard Profiles'!$G$22=$B$10,7,0)+IF('Standard Profiles'!$G$22=$B$17,14,0)+IF('Standard Profiles'!$G$22=$B$24,21,0),0)),0)</f>
        <v>0</v>
      </c>
      <c r="I3002">
        <f t="shared" si="342"/>
        <v>1.6725983360912544</v>
      </c>
      <c r="J3002">
        <f t="shared" si="343"/>
        <v>31.288181440306296</v>
      </c>
      <c r="K3002">
        <f t="shared" si="344"/>
        <v>2.1424698311676558</v>
      </c>
      <c r="L3002">
        <f t="shared" si="345"/>
        <v>1.0712349155838279</v>
      </c>
      <c r="M3002">
        <f t="shared" si="346"/>
        <v>0</v>
      </c>
      <c r="N3002" s="45">
        <f t="shared" si="347"/>
        <v>45050.666666659468</v>
      </c>
    </row>
    <row r="3003" spans="2:14" x14ac:dyDescent="0.25">
      <c r="B3003">
        <f t="shared" si="341"/>
        <v>4</v>
      </c>
      <c r="C3003" s="16">
        <v>2969</v>
      </c>
      <c r="D3003" cm="1">
        <f t="array" ref="D3003">IFERROR(INDEX(Jesper!AH$2:AH$366,ROUNDDOWN($C3003/24,0)+1,1)*INDEX($D$3:$AA$30,INDEX(Jesper!$R$2:$R$366,ROW(INDEX(Jesper!AH$2:AH$366,ROUNDDOWN($C3003/24,0)+1,1))-1)+IF('Standard Profiles'!$G$18=$B$10,7,0)+IF('Standard Profiles'!$G$18=$B$17,14,0)+IF('Standard Profiles'!$G$18=$B$24,21,0),MOD($C3003,24)+1)/SUM(INDEX($D$3:$AA$30,INDEX(Jesper!$R$2:$R$366,ROW(INDEX(Jesper!AH$2:AH$366,ROUNDDOWN($C3003/24,0)+1,1))-1)+IF('Standard Profiles'!$G$18=$B$10,7,0)+IF('Standard Profiles'!$G$18=$B$17,14,0)+IF('Standard Profiles'!$G$18=$B$24,21,0),0)),0)</f>
        <v>8.572622563891068</v>
      </c>
      <c r="E3003" cm="1">
        <f t="array" ref="E3003">IFERROR(INDEX(Jesper!AI$2:AI$366,ROUNDDOWN($C3003/24,0)+1,1)*INDEX($D$3:$AA$30,INDEX(Jesper!$R$2:$R$366,ROW(INDEX(Jesper!AI$2:AI$366,ROUNDDOWN($C3003/24,0)+1,1))-1)+IF('Standard Profiles'!$G$19=$B$10,7,0)+IF('Standard Profiles'!$G$19=$B$17,14,0)+IF('Standard Profiles'!$G$19=$B$24,21,0),MOD($C3003,24)+1)/SUM(INDEX($D$3:$AA$30,INDEX(Jesper!$R$2:$R$366,ROW(INDEX(Jesper!AI$2:AI$366,ROUNDDOWN($C3003/24,0)+1,1))-1)+IF('Standard Profiles'!$G$19=$B$10,7,0)+IF('Standard Profiles'!$G$19=$B$17,14,0)+IF('Standard Profiles'!$G$19=$B$24,21,0),0)),0)</f>
        <v>5.3795347798102799</v>
      </c>
      <c r="F3003" cm="1">
        <f t="array" ref="F3003">IFERROR(INDEX(Jesper!AJ$2:AJ$366,ROUNDDOWN($C3003/24,0)+1,1)*INDEX($D$3:$AA$30,INDEX(Jesper!$R$2:$R$366,ROW(INDEX(Jesper!AJ$2:AJ$366,ROUNDDOWN($C3003/24,0)+1,1))-1)+IF('Standard Profiles'!$G$20=$B$10,7,0)+IF('Standard Profiles'!$G$20=$B$17,14,0)+IF('Standard Profiles'!$G$20=$B$24,21,0),MOD($C3003,24)+1)/SUM(INDEX($D$3:$AA$30,INDEX(Jesper!$R$2:$R$366,ROW(INDEX(Jesper!AJ$2:AJ$366,ROUNDDOWN($C3003/24,0)+1,1))-1)+IF('Standard Profiles'!$G$20=$B$10,7,0)+IF('Standard Profiles'!$G$20=$B$17,14,0)+IF('Standard Profiles'!$G$20=$B$24,21,0),0)),0)</f>
        <v>0</v>
      </c>
      <c r="G3003" cm="1">
        <f t="array" ref="G3003">IFERROR(INDEX(Jesper!AK$2:AK$366,ROUNDDOWN($C3003/24,0)+1,1)*INDEX($D$3:$AA$30,INDEX(Jesper!$R$2:$R$366,ROW(INDEX(Jesper!AK$2:AK$366,ROUNDDOWN($C3003/24,0)+1,1))-1)+IF('Standard Profiles'!$G$21=$B$10,7,0)+IF('Standard Profiles'!$G$21=$B$17,14,0)+IF('Standard Profiles'!$G$21=$B$24,21,0),MOD($C3003,24)+1)/SUM(INDEX($D$3:$AA$30,INDEX(Jesper!$R$2:$R$366,ROW(INDEX(Jesper!AK$2:AK$366,ROUNDDOWN($C3003/24,0)+1,1))-1)+IF('Standard Profiles'!$G$21=$B$10,7,0)+IF('Standard Profiles'!$G$21=$B$17,14,0)+IF('Standard Profiles'!$G$21=$B$24,21,0),0)),0)</f>
        <v>2.7707160474122818</v>
      </c>
      <c r="H3003" cm="1">
        <f t="array" ref="H3003">IFERROR(INDEX(Jesper!AL$2:AL$366,ROUNDDOWN($C3003/24,0)+1,1)*INDEX($D$3:$AA$30,INDEX(Jesper!$R$2:$R$366,ROW(INDEX(Jesper!AL$2:AL$366,ROUNDDOWN($C3003/24,0)+1,1))-1)+IF('Standard Profiles'!$G$22=$B$10,7,0)+IF('Standard Profiles'!$G$22=$B$17,14,0)+IF('Standard Profiles'!$G$22=$B$24,21,0),MOD($C3003,24)+1)/SUM(INDEX($D$3:$AA$30,INDEX(Jesper!$R$2:$R$366,ROW(INDEX(Jesper!AL$2:AL$366,ROUNDDOWN($C3003/24,0)+1,1))-1)+IF('Standard Profiles'!$G$22=$B$10,7,0)+IF('Standard Profiles'!$G$22=$B$17,14,0)+IF('Standard Profiles'!$G$22=$B$24,21,0),0)),0)</f>
        <v>0</v>
      </c>
      <c r="I3003">
        <f t="shared" si="342"/>
        <v>1.3299437027578946</v>
      </c>
      <c r="J3003">
        <f t="shared" si="343"/>
        <v>14.021310078133165</v>
      </c>
      <c r="K3003">
        <f t="shared" si="344"/>
        <v>0.91441307348171397</v>
      </c>
      <c r="L3003">
        <f t="shared" si="345"/>
        <v>0.45720653674085698</v>
      </c>
      <c r="M3003">
        <f t="shared" si="346"/>
        <v>0</v>
      </c>
      <c r="N3003" s="45">
        <f t="shared" si="347"/>
        <v>45050.708333326133</v>
      </c>
    </row>
    <row r="3004" spans="2:14" x14ac:dyDescent="0.25">
      <c r="B3004">
        <f t="shared" si="341"/>
        <v>4</v>
      </c>
      <c r="C3004" s="16">
        <v>2970</v>
      </c>
      <c r="D3004" cm="1">
        <f t="array" ref="D3004">IFERROR(INDEX(Jesper!AH$2:AH$366,ROUNDDOWN($C3004/24,0)+1,1)*INDEX($D$3:$AA$30,INDEX(Jesper!$R$2:$R$366,ROW(INDEX(Jesper!AH$2:AH$366,ROUNDDOWN($C3004/24,0)+1,1))-1)+IF('Standard Profiles'!$G$18=$B$10,7,0)+IF('Standard Profiles'!$G$18=$B$17,14,0)+IF('Standard Profiles'!$G$18=$B$24,21,0),MOD($C3004,24)+1)/SUM(INDEX($D$3:$AA$30,INDEX(Jesper!$R$2:$R$366,ROW(INDEX(Jesper!AH$2:AH$366,ROUNDDOWN($C3004/24,0)+1,1))-1)+IF('Standard Profiles'!$G$18=$B$10,7,0)+IF('Standard Profiles'!$G$18=$B$17,14,0)+IF('Standard Profiles'!$G$18=$B$24,21,0),0)),0)</f>
        <v>5.6579308921681051</v>
      </c>
      <c r="E3004" cm="1">
        <f t="array" ref="E3004">IFERROR(INDEX(Jesper!AI$2:AI$366,ROUNDDOWN($C3004/24,0)+1,1)*INDEX($D$3:$AA$30,INDEX(Jesper!$R$2:$R$366,ROW(INDEX(Jesper!AI$2:AI$366,ROUNDDOWN($C3004/24,0)+1,1))-1)+IF('Standard Profiles'!$G$19=$B$10,7,0)+IF('Standard Profiles'!$G$19=$B$17,14,0)+IF('Standard Profiles'!$G$19=$B$24,21,0),MOD($C3004,24)+1)/SUM(INDEX($D$3:$AA$30,INDEX(Jesper!$R$2:$R$366,ROW(INDEX(Jesper!AI$2:AI$366,ROUNDDOWN($C3004/24,0)+1,1))-1)+IF('Standard Profiles'!$G$19=$B$10,7,0)+IF('Standard Profiles'!$G$19=$B$17,14,0)+IF('Standard Profiles'!$G$19=$B$24,21,0),0)),0)</f>
        <v>3.5504929546747848</v>
      </c>
      <c r="F3004" cm="1">
        <f t="array" ref="F3004">IFERROR(INDEX(Jesper!AJ$2:AJ$366,ROUNDDOWN($C3004/24,0)+1,1)*INDEX($D$3:$AA$30,INDEX(Jesper!$R$2:$R$366,ROW(INDEX(Jesper!AJ$2:AJ$366,ROUNDDOWN($C3004/24,0)+1,1))-1)+IF('Standard Profiles'!$G$20=$B$10,7,0)+IF('Standard Profiles'!$G$20=$B$17,14,0)+IF('Standard Profiles'!$G$20=$B$24,21,0),MOD($C3004,24)+1)/SUM(INDEX($D$3:$AA$30,INDEX(Jesper!$R$2:$R$366,ROW(INDEX(Jesper!AJ$2:AJ$366,ROUNDDOWN($C3004/24,0)+1,1))-1)+IF('Standard Profiles'!$G$20=$B$10,7,0)+IF('Standard Profiles'!$G$20=$B$17,14,0)+IF('Standard Profiles'!$G$20=$B$24,21,0),0)),0)</f>
        <v>0</v>
      </c>
      <c r="G3004" cm="1">
        <f t="array" ref="G3004">IFERROR(INDEX(Jesper!AK$2:AK$366,ROUNDDOWN($C3004/24,0)+1,1)*INDEX($D$3:$AA$30,INDEX(Jesper!$R$2:$R$366,ROW(INDEX(Jesper!AK$2:AK$366,ROUNDDOWN($C3004/24,0)+1,1))-1)+IF('Standard Profiles'!$G$21=$B$10,7,0)+IF('Standard Profiles'!$G$21=$B$17,14,0)+IF('Standard Profiles'!$G$21=$B$24,21,0),MOD($C3004,24)+1)/SUM(INDEX($D$3:$AA$30,INDEX(Jesper!$R$2:$R$366,ROW(INDEX(Jesper!AK$2:AK$366,ROUNDDOWN($C3004/24,0)+1,1))-1)+IF('Standard Profiles'!$G$21=$B$10,7,0)+IF('Standard Profiles'!$G$21=$B$17,14,0)+IF('Standard Profiles'!$G$21=$B$24,21,0),0)),0)</f>
        <v>1.0271421862510779</v>
      </c>
      <c r="H3004" cm="1">
        <f t="array" ref="H3004">IFERROR(INDEX(Jesper!AL$2:AL$366,ROUNDDOWN($C3004/24,0)+1,1)*INDEX($D$3:$AA$30,INDEX(Jesper!$R$2:$R$366,ROW(INDEX(Jesper!AL$2:AL$366,ROUNDDOWN($C3004/24,0)+1,1))-1)+IF('Standard Profiles'!$G$22=$B$10,7,0)+IF('Standard Profiles'!$G$22=$B$17,14,0)+IF('Standard Profiles'!$G$22=$B$24,21,0),MOD($C3004,24)+1)/SUM(INDEX($D$3:$AA$30,INDEX(Jesper!$R$2:$R$366,ROW(INDEX(Jesper!AL$2:AL$366,ROUNDDOWN($C3004/24,0)+1,1))-1)+IF('Standard Profiles'!$G$22=$B$10,7,0)+IF('Standard Profiles'!$G$22=$B$17,14,0)+IF('Standard Profiles'!$G$22=$B$24,21,0),0)),0)</f>
        <v>0</v>
      </c>
      <c r="I3004">
        <f t="shared" si="342"/>
        <v>0.49302824940051715</v>
      </c>
      <c r="J3004">
        <f t="shared" si="343"/>
        <v>8.837268840946555</v>
      </c>
      <c r="K3004">
        <f t="shared" si="344"/>
        <v>0.60351262849793119</v>
      </c>
      <c r="L3004">
        <f t="shared" si="345"/>
        <v>0.3017563142489656</v>
      </c>
      <c r="M3004">
        <f t="shared" si="346"/>
        <v>0</v>
      </c>
      <c r="N3004" s="45">
        <f t="shared" si="347"/>
        <v>45050.749999992797</v>
      </c>
    </row>
    <row r="3005" spans="2:14" x14ac:dyDescent="0.25">
      <c r="B3005">
        <f t="shared" si="341"/>
        <v>4</v>
      </c>
      <c r="C3005" s="16">
        <v>2971</v>
      </c>
      <c r="D3005" cm="1">
        <f t="array" ref="D3005">IFERROR(INDEX(Jesper!AH$2:AH$366,ROUNDDOWN($C3005/24,0)+1,1)*INDEX($D$3:$AA$30,INDEX(Jesper!$R$2:$R$366,ROW(INDEX(Jesper!AH$2:AH$366,ROUNDDOWN($C3005/24,0)+1,1))-1)+IF('Standard Profiles'!$G$18=$B$10,7,0)+IF('Standard Profiles'!$G$18=$B$17,14,0)+IF('Standard Profiles'!$G$18=$B$24,21,0),MOD($C3005,24)+1)/SUM(INDEX($D$3:$AA$30,INDEX(Jesper!$R$2:$R$366,ROW(INDEX(Jesper!AH$2:AH$366,ROUNDDOWN($C3005/24,0)+1,1))-1)+IF('Standard Profiles'!$G$18=$B$10,7,0)+IF('Standard Profiles'!$G$18=$B$17,14,0)+IF('Standard Profiles'!$G$18=$B$24,21,0),0)),0)</f>
        <v>5.6579308921681051</v>
      </c>
      <c r="E3005" cm="1">
        <f t="array" ref="E3005">IFERROR(INDEX(Jesper!AI$2:AI$366,ROUNDDOWN($C3005/24,0)+1,1)*INDEX($D$3:$AA$30,INDEX(Jesper!$R$2:$R$366,ROW(INDEX(Jesper!AI$2:AI$366,ROUNDDOWN($C3005/24,0)+1,1))-1)+IF('Standard Profiles'!$G$19=$B$10,7,0)+IF('Standard Profiles'!$G$19=$B$17,14,0)+IF('Standard Profiles'!$G$19=$B$24,21,0),MOD($C3005,24)+1)/SUM(INDEX($D$3:$AA$30,INDEX(Jesper!$R$2:$R$366,ROW(INDEX(Jesper!AI$2:AI$366,ROUNDDOWN($C3005/24,0)+1,1))-1)+IF('Standard Profiles'!$G$19=$B$10,7,0)+IF('Standard Profiles'!$G$19=$B$17,14,0)+IF('Standard Profiles'!$G$19=$B$24,21,0),0)),0)</f>
        <v>3.5504929546747848</v>
      </c>
      <c r="F3005" cm="1">
        <f t="array" ref="F3005">IFERROR(INDEX(Jesper!AJ$2:AJ$366,ROUNDDOWN($C3005/24,0)+1,1)*INDEX($D$3:$AA$30,INDEX(Jesper!$R$2:$R$366,ROW(INDEX(Jesper!AJ$2:AJ$366,ROUNDDOWN($C3005/24,0)+1,1))-1)+IF('Standard Profiles'!$G$20=$B$10,7,0)+IF('Standard Profiles'!$G$20=$B$17,14,0)+IF('Standard Profiles'!$G$20=$B$24,21,0),MOD($C3005,24)+1)/SUM(INDEX($D$3:$AA$30,INDEX(Jesper!$R$2:$R$366,ROW(INDEX(Jesper!AJ$2:AJ$366,ROUNDDOWN($C3005/24,0)+1,1))-1)+IF('Standard Profiles'!$G$20=$B$10,7,0)+IF('Standard Profiles'!$G$20=$B$17,14,0)+IF('Standard Profiles'!$G$20=$B$24,21,0),0)),0)</f>
        <v>0</v>
      </c>
      <c r="G3005" cm="1">
        <f t="array" ref="G3005">IFERROR(INDEX(Jesper!AK$2:AK$366,ROUNDDOWN($C3005/24,0)+1,1)*INDEX($D$3:$AA$30,INDEX(Jesper!$R$2:$R$366,ROW(INDEX(Jesper!AK$2:AK$366,ROUNDDOWN($C3005/24,0)+1,1))-1)+IF('Standard Profiles'!$G$21=$B$10,7,0)+IF('Standard Profiles'!$G$21=$B$17,14,0)+IF('Standard Profiles'!$G$21=$B$24,21,0),MOD($C3005,24)+1)/SUM(INDEX($D$3:$AA$30,INDEX(Jesper!$R$2:$R$366,ROW(INDEX(Jesper!AK$2:AK$366,ROUNDDOWN($C3005/24,0)+1,1))-1)+IF('Standard Profiles'!$G$21=$B$10,7,0)+IF('Standard Profiles'!$G$21=$B$17,14,0)+IF('Standard Profiles'!$G$21=$B$24,21,0),0)),0)</f>
        <v>1.0271421862510779</v>
      </c>
      <c r="H3005" cm="1">
        <f t="array" ref="H3005">IFERROR(INDEX(Jesper!AL$2:AL$366,ROUNDDOWN($C3005/24,0)+1,1)*INDEX($D$3:$AA$30,INDEX(Jesper!$R$2:$R$366,ROW(INDEX(Jesper!AL$2:AL$366,ROUNDDOWN($C3005/24,0)+1,1))-1)+IF('Standard Profiles'!$G$22=$B$10,7,0)+IF('Standard Profiles'!$G$22=$B$17,14,0)+IF('Standard Profiles'!$G$22=$B$24,21,0),MOD($C3005,24)+1)/SUM(INDEX($D$3:$AA$30,INDEX(Jesper!$R$2:$R$366,ROW(INDEX(Jesper!AL$2:AL$366,ROUNDDOWN($C3005/24,0)+1,1))-1)+IF('Standard Profiles'!$G$22=$B$10,7,0)+IF('Standard Profiles'!$G$22=$B$17,14,0)+IF('Standard Profiles'!$G$22=$B$24,21,0),0)),0)</f>
        <v>0</v>
      </c>
      <c r="I3005">
        <f t="shared" si="342"/>
        <v>0.49302824940051715</v>
      </c>
      <c r="J3005">
        <f t="shared" si="343"/>
        <v>8.837268840946555</v>
      </c>
      <c r="K3005">
        <f t="shared" si="344"/>
        <v>0.60351262849793119</v>
      </c>
      <c r="L3005">
        <f t="shared" si="345"/>
        <v>0.3017563142489656</v>
      </c>
      <c r="M3005">
        <f t="shared" si="346"/>
        <v>0</v>
      </c>
      <c r="N3005" s="45">
        <f t="shared" si="347"/>
        <v>45050.791666659461</v>
      </c>
    </row>
    <row r="3006" spans="2:14" x14ac:dyDescent="0.25">
      <c r="B3006">
        <f t="shared" si="341"/>
        <v>4</v>
      </c>
      <c r="C3006" s="16">
        <v>2972</v>
      </c>
      <c r="D3006" cm="1">
        <f t="array" ref="D3006">IFERROR(INDEX(Jesper!AH$2:AH$366,ROUNDDOWN($C3006/24,0)+1,1)*INDEX($D$3:$AA$30,INDEX(Jesper!$R$2:$R$366,ROW(INDEX(Jesper!AH$2:AH$366,ROUNDDOWN($C3006/24,0)+1,1))-1)+IF('Standard Profiles'!$G$18=$B$10,7,0)+IF('Standard Profiles'!$G$18=$B$17,14,0)+IF('Standard Profiles'!$G$18=$B$24,21,0),MOD($C3006,24)+1)/SUM(INDEX($D$3:$AA$30,INDEX(Jesper!$R$2:$R$366,ROW(INDEX(Jesper!AH$2:AH$366,ROUNDDOWN($C3006/24,0)+1,1))-1)+IF('Standard Profiles'!$G$18=$B$10,7,0)+IF('Standard Profiles'!$G$18=$B$17,14,0)+IF('Standard Profiles'!$G$18=$B$24,21,0),0)),0)</f>
        <v>5.6579308921681051</v>
      </c>
      <c r="E3006" cm="1">
        <f t="array" ref="E3006">IFERROR(INDEX(Jesper!AI$2:AI$366,ROUNDDOWN($C3006/24,0)+1,1)*INDEX($D$3:$AA$30,INDEX(Jesper!$R$2:$R$366,ROW(INDEX(Jesper!AI$2:AI$366,ROUNDDOWN($C3006/24,0)+1,1))-1)+IF('Standard Profiles'!$G$19=$B$10,7,0)+IF('Standard Profiles'!$G$19=$B$17,14,0)+IF('Standard Profiles'!$G$19=$B$24,21,0),MOD($C3006,24)+1)/SUM(INDEX($D$3:$AA$30,INDEX(Jesper!$R$2:$R$366,ROW(INDEX(Jesper!AI$2:AI$366,ROUNDDOWN($C3006/24,0)+1,1))-1)+IF('Standard Profiles'!$G$19=$B$10,7,0)+IF('Standard Profiles'!$G$19=$B$17,14,0)+IF('Standard Profiles'!$G$19=$B$24,21,0),0)),0)</f>
        <v>3.5504929546747848</v>
      </c>
      <c r="F3006" cm="1">
        <f t="array" ref="F3006">IFERROR(INDEX(Jesper!AJ$2:AJ$366,ROUNDDOWN($C3006/24,0)+1,1)*INDEX($D$3:$AA$30,INDEX(Jesper!$R$2:$R$366,ROW(INDEX(Jesper!AJ$2:AJ$366,ROUNDDOWN($C3006/24,0)+1,1))-1)+IF('Standard Profiles'!$G$20=$B$10,7,0)+IF('Standard Profiles'!$G$20=$B$17,14,0)+IF('Standard Profiles'!$G$20=$B$24,21,0),MOD($C3006,24)+1)/SUM(INDEX($D$3:$AA$30,INDEX(Jesper!$R$2:$R$366,ROW(INDEX(Jesper!AJ$2:AJ$366,ROUNDDOWN($C3006/24,0)+1,1))-1)+IF('Standard Profiles'!$G$20=$B$10,7,0)+IF('Standard Profiles'!$G$20=$B$17,14,0)+IF('Standard Profiles'!$G$20=$B$24,21,0),0)),0)</f>
        <v>0</v>
      </c>
      <c r="G3006" cm="1">
        <f t="array" ref="G3006">IFERROR(INDEX(Jesper!AK$2:AK$366,ROUNDDOWN($C3006/24,0)+1,1)*INDEX($D$3:$AA$30,INDEX(Jesper!$R$2:$R$366,ROW(INDEX(Jesper!AK$2:AK$366,ROUNDDOWN($C3006/24,0)+1,1))-1)+IF('Standard Profiles'!$G$21=$B$10,7,0)+IF('Standard Profiles'!$G$21=$B$17,14,0)+IF('Standard Profiles'!$G$21=$B$24,21,0),MOD($C3006,24)+1)/SUM(INDEX($D$3:$AA$30,INDEX(Jesper!$R$2:$R$366,ROW(INDEX(Jesper!AK$2:AK$366,ROUNDDOWN($C3006/24,0)+1,1))-1)+IF('Standard Profiles'!$G$21=$B$10,7,0)+IF('Standard Profiles'!$G$21=$B$17,14,0)+IF('Standard Profiles'!$G$21=$B$24,21,0),0)),0)</f>
        <v>1.0271421862510779</v>
      </c>
      <c r="H3006" cm="1">
        <f t="array" ref="H3006">IFERROR(INDEX(Jesper!AL$2:AL$366,ROUNDDOWN($C3006/24,0)+1,1)*INDEX($D$3:$AA$30,INDEX(Jesper!$R$2:$R$366,ROW(INDEX(Jesper!AL$2:AL$366,ROUNDDOWN($C3006/24,0)+1,1))-1)+IF('Standard Profiles'!$G$22=$B$10,7,0)+IF('Standard Profiles'!$G$22=$B$17,14,0)+IF('Standard Profiles'!$G$22=$B$24,21,0),MOD($C3006,24)+1)/SUM(INDEX($D$3:$AA$30,INDEX(Jesper!$R$2:$R$366,ROW(INDEX(Jesper!AL$2:AL$366,ROUNDDOWN($C3006/24,0)+1,1))-1)+IF('Standard Profiles'!$G$22=$B$10,7,0)+IF('Standard Profiles'!$G$22=$B$17,14,0)+IF('Standard Profiles'!$G$22=$B$24,21,0),0)),0)</f>
        <v>0</v>
      </c>
      <c r="I3006">
        <f t="shared" si="342"/>
        <v>0.49302824940051715</v>
      </c>
      <c r="J3006">
        <f t="shared" si="343"/>
        <v>8.837268840946555</v>
      </c>
      <c r="K3006">
        <f t="shared" si="344"/>
        <v>0.60351262849793119</v>
      </c>
      <c r="L3006">
        <f t="shared" si="345"/>
        <v>0.3017563142489656</v>
      </c>
      <c r="M3006">
        <f t="shared" si="346"/>
        <v>0</v>
      </c>
      <c r="N3006" s="45">
        <f t="shared" si="347"/>
        <v>45050.833333326125</v>
      </c>
    </row>
    <row r="3007" spans="2:14" x14ac:dyDescent="0.25">
      <c r="B3007">
        <f t="shared" si="341"/>
        <v>4</v>
      </c>
      <c r="C3007" s="16">
        <v>2973</v>
      </c>
      <c r="D3007" cm="1">
        <f t="array" ref="D3007">IFERROR(INDEX(Jesper!AH$2:AH$366,ROUNDDOWN($C3007/24,0)+1,1)*INDEX($D$3:$AA$30,INDEX(Jesper!$R$2:$R$366,ROW(INDEX(Jesper!AH$2:AH$366,ROUNDDOWN($C3007/24,0)+1,1))-1)+IF('Standard Profiles'!$G$18=$B$10,7,0)+IF('Standard Profiles'!$G$18=$B$17,14,0)+IF('Standard Profiles'!$G$18=$B$24,21,0),MOD($C3007,24)+1)/SUM(INDEX($D$3:$AA$30,INDEX(Jesper!$R$2:$R$366,ROW(INDEX(Jesper!AH$2:AH$366,ROUNDDOWN($C3007/24,0)+1,1))-1)+IF('Standard Profiles'!$G$18=$B$10,7,0)+IF('Standard Profiles'!$G$18=$B$17,14,0)+IF('Standard Profiles'!$G$18=$B$24,21,0),0)),0)</f>
        <v>5.6579308921681051</v>
      </c>
      <c r="E3007" cm="1">
        <f t="array" ref="E3007">IFERROR(INDEX(Jesper!AI$2:AI$366,ROUNDDOWN($C3007/24,0)+1,1)*INDEX($D$3:$AA$30,INDEX(Jesper!$R$2:$R$366,ROW(INDEX(Jesper!AI$2:AI$366,ROUNDDOWN($C3007/24,0)+1,1))-1)+IF('Standard Profiles'!$G$19=$B$10,7,0)+IF('Standard Profiles'!$G$19=$B$17,14,0)+IF('Standard Profiles'!$G$19=$B$24,21,0),MOD($C3007,24)+1)/SUM(INDEX($D$3:$AA$30,INDEX(Jesper!$R$2:$R$366,ROW(INDEX(Jesper!AI$2:AI$366,ROUNDDOWN($C3007/24,0)+1,1))-1)+IF('Standard Profiles'!$G$19=$B$10,7,0)+IF('Standard Profiles'!$G$19=$B$17,14,0)+IF('Standard Profiles'!$G$19=$B$24,21,0),0)),0)</f>
        <v>3.5504929546747848</v>
      </c>
      <c r="F3007" cm="1">
        <f t="array" ref="F3007">IFERROR(INDEX(Jesper!AJ$2:AJ$366,ROUNDDOWN($C3007/24,0)+1,1)*INDEX($D$3:$AA$30,INDEX(Jesper!$R$2:$R$366,ROW(INDEX(Jesper!AJ$2:AJ$366,ROUNDDOWN($C3007/24,0)+1,1))-1)+IF('Standard Profiles'!$G$20=$B$10,7,0)+IF('Standard Profiles'!$G$20=$B$17,14,0)+IF('Standard Profiles'!$G$20=$B$24,21,0),MOD($C3007,24)+1)/SUM(INDEX($D$3:$AA$30,INDEX(Jesper!$R$2:$R$366,ROW(INDEX(Jesper!AJ$2:AJ$366,ROUNDDOWN($C3007/24,0)+1,1))-1)+IF('Standard Profiles'!$G$20=$B$10,7,0)+IF('Standard Profiles'!$G$20=$B$17,14,0)+IF('Standard Profiles'!$G$20=$B$24,21,0),0)),0)</f>
        <v>0</v>
      </c>
      <c r="G3007" cm="1">
        <f t="array" ref="G3007">IFERROR(INDEX(Jesper!AK$2:AK$366,ROUNDDOWN($C3007/24,0)+1,1)*INDEX($D$3:$AA$30,INDEX(Jesper!$R$2:$R$366,ROW(INDEX(Jesper!AK$2:AK$366,ROUNDDOWN($C3007/24,0)+1,1))-1)+IF('Standard Profiles'!$G$21=$B$10,7,0)+IF('Standard Profiles'!$G$21=$B$17,14,0)+IF('Standard Profiles'!$G$21=$B$24,21,0),MOD($C3007,24)+1)/SUM(INDEX($D$3:$AA$30,INDEX(Jesper!$R$2:$R$366,ROW(INDEX(Jesper!AK$2:AK$366,ROUNDDOWN($C3007/24,0)+1,1))-1)+IF('Standard Profiles'!$G$21=$B$10,7,0)+IF('Standard Profiles'!$G$21=$B$17,14,0)+IF('Standard Profiles'!$G$21=$B$24,21,0),0)),0)</f>
        <v>1.0271421862510779</v>
      </c>
      <c r="H3007" cm="1">
        <f t="array" ref="H3007">IFERROR(INDEX(Jesper!AL$2:AL$366,ROUNDDOWN($C3007/24,0)+1,1)*INDEX($D$3:$AA$30,INDEX(Jesper!$R$2:$R$366,ROW(INDEX(Jesper!AL$2:AL$366,ROUNDDOWN($C3007/24,0)+1,1))-1)+IF('Standard Profiles'!$G$22=$B$10,7,0)+IF('Standard Profiles'!$G$22=$B$17,14,0)+IF('Standard Profiles'!$G$22=$B$24,21,0),MOD($C3007,24)+1)/SUM(INDEX($D$3:$AA$30,INDEX(Jesper!$R$2:$R$366,ROW(INDEX(Jesper!AL$2:AL$366,ROUNDDOWN($C3007/24,0)+1,1))-1)+IF('Standard Profiles'!$G$22=$B$10,7,0)+IF('Standard Profiles'!$G$22=$B$17,14,0)+IF('Standard Profiles'!$G$22=$B$24,21,0),0)),0)</f>
        <v>0</v>
      </c>
      <c r="I3007">
        <f t="shared" si="342"/>
        <v>0.49302824940051715</v>
      </c>
      <c r="J3007">
        <f t="shared" si="343"/>
        <v>8.837268840946555</v>
      </c>
      <c r="K3007">
        <f t="shared" si="344"/>
        <v>0.60351262849793119</v>
      </c>
      <c r="L3007">
        <f t="shared" si="345"/>
        <v>0.3017563142489656</v>
      </c>
      <c r="M3007">
        <f t="shared" si="346"/>
        <v>0</v>
      </c>
      <c r="N3007" s="45">
        <f t="shared" si="347"/>
        <v>45050.87499999279</v>
      </c>
    </row>
    <row r="3008" spans="2:14" x14ac:dyDescent="0.25">
      <c r="B3008">
        <f t="shared" si="341"/>
        <v>4</v>
      </c>
      <c r="C3008" s="16">
        <v>2974</v>
      </c>
      <c r="D3008" cm="1">
        <f t="array" ref="D3008">IFERROR(INDEX(Jesper!AH$2:AH$366,ROUNDDOWN($C3008/24,0)+1,1)*INDEX($D$3:$AA$30,INDEX(Jesper!$R$2:$R$366,ROW(INDEX(Jesper!AH$2:AH$366,ROUNDDOWN($C3008/24,0)+1,1))-1)+IF('Standard Profiles'!$G$18=$B$10,7,0)+IF('Standard Profiles'!$G$18=$B$17,14,0)+IF('Standard Profiles'!$G$18=$B$24,21,0),MOD($C3008,24)+1)/SUM(INDEX($D$3:$AA$30,INDEX(Jesper!$R$2:$R$366,ROW(INDEX(Jesper!AH$2:AH$366,ROUNDDOWN($C3008/24,0)+1,1))-1)+IF('Standard Profiles'!$G$18=$B$10,7,0)+IF('Standard Profiles'!$G$18=$B$17,14,0)+IF('Standard Profiles'!$G$18=$B$24,21,0),0)),0)</f>
        <v>5.6579308921681051</v>
      </c>
      <c r="E3008" cm="1">
        <f t="array" ref="E3008">IFERROR(INDEX(Jesper!AI$2:AI$366,ROUNDDOWN($C3008/24,0)+1,1)*INDEX($D$3:$AA$30,INDEX(Jesper!$R$2:$R$366,ROW(INDEX(Jesper!AI$2:AI$366,ROUNDDOWN($C3008/24,0)+1,1))-1)+IF('Standard Profiles'!$G$19=$B$10,7,0)+IF('Standard Profiles'!$G$19=$B$17,14,0)+IF('Standard Profiles'!$G$19=$B$24,21,0),MOD($C3008,24)+1)/SUM(INDEX($D$3:$AA$30,INDEX(Jesper!$R$2:$R$366,ROW(INDEX(Jesper!AI$2:AI$366,ROUNDDOWN($C3008/24,0)+1,1))-1)+IF('Standard Profiles'!$G$19=$B$10,7,0)+IF('Standard Profiles'!$G$19=$B$17,14,0)+IF('Standard Profiles'!$G$19=$B$24,21,0),0)),0)</f>
        <v>3.5504929546747848</v>
      </c>
      <c r="F3008" cm="1">
        <f t="array" ref="F3008">IFERROR(INDEX(Jesper!AJ$2:AJ$366,ROUNDDOWN($C3008/24,0)+1,1)*INDEX($D$3:$AA$30,INDEX(Jesper!$R$2:$R$366,ROW(INDEX(Jesper!AJ$2:AJ$366,ROUNDDOWN($C3008/24,0)+1,1))-1)+IF('Standard Profiles'!$G$20=$B$10,7,0)+IF('Standard Profiles'!$G$20=$B$17,14,0)+IF('Standard Profiles'!$G$20=$B$24,21,0),MOD($C3008,24)+1)/SUM(INDEX($D$3:$AA$30,INDEX(Jesper!$R$2:$R$366,ROW(INDEX(Jesper!AJ$2:AJ$366,ROUNDDOWN($C3008/24,0)+1,1))-1)+IF('Standard Profiles'!$G$20=$B$10,7,0)+IF('Standard Profiles'!$G$20=$B$17,14,0)+IF('Standard Profiles'!$G$20=$B$24,21,0),0)),0)</f>
        <v>0</v>
      </c>
      <c r="G3008" cm="1">
        <f t="array" ref="G3008">IFERROR(INDEX(Jesper!AK$2:AK$366,ROUNDDOWN($C3008/24,0)+1,1)*INDEX($D$3:$AA$30,INDEX(Jesper!$R$2:$R$366,ROW(INDEX(Jesper!AK$2:AK$366,ROUNDDOWN($C3008/24,0)+1,1))-1)+IF('Standard Profiles'!$G$21=$B$10,7,0)+IF('Standard Profiles'!$G$21=$B$17,14,0)+IF('Standard Profiles'!$G$21=$B$24,21,0),MOD($C3008,24)+1)/SUM(INDEX($D$3:$AA$30,INDEX(Jesper!$R$2:$R$366,ROW(INDEX(Jesper!AK$2:AK$366,ROUNDDOWN($C3008/24,0)+1,1))-1)+IF('Standard Profiles'!$G$21=$B$10,7,0)+IF('Standard Profiles'!$G$21=$B$17,14,0)+IF('Standard Profiles'!$G$21=$B$24,21,0),0)),0)</f>
        <v>1.0271421862510779</v>
      </c>
      <c r="H3008" cm="1">
        <f t="array" ref="H3008">IFERROR(INDEX(Jesper!AL$2:AL$366,ROUNDDOWN($C3008/24,0)+1,1)*INDEX($D$3:$AA$30,INDEX(Jesper!$R$2:$R$366,ROW(INDEX(Jesper!AL$2:AL$366,ROUNDDOWN($C3008/24,0)+1,1))-1)+IF('Standard Profiles'!$G$22=$B$10,7,0)+IF('Standard Profiles'!$G$22=$B$17,14,0)+IF('Standard Profiles'!$G$22=$B$24,21,0),MOD($C3008,24)+1)/SUM(INDEX($D$3:$AA$30,INDEX(Jesper!$R$2:$R$366,ROW(INDEX(Jesper!AL$2:AL$366,ROUNDDOWN($C3008/24,0)+1,1))-1)+IF('Standard Profiles'!$G$22=$B$10,7,0)+IF('Standard Profiles'!$G$22=$B$17,14,0)+IF('Standard Profiles'!$G$22=$B$24,21,0),0)),0)</f>
        <v>0</v>
      </c>
      <c r="I3008">
        <f t="shared" si="342"/>
        <v>0.49302824940051715</v>
      </c>
      <c r="J3008">
        <f t="shared" si="343"/>
        <v>8.837268840946555</v>
      </c>
      <c r="K3008">
        <f t="shared" si="344"/>
        <v>0.60351262849793119</v>
      </c>
      <c r="L3008">
        <f t="shared" si="345"/>
        <v>0.3017563142489656</v>
      </c>
      <c r="M3008">
        <f t="shared" si="346"/>
        <v>0</v>
      </c>
      <c r="N3008" s="45">
        <f t="shared" si="347"/>
        <v>45050.916666659454</v>
      </c>
    </row>
    <row r="3009" spans="2:14" x14ac:dyDescent="0.25">
      <c r="B3009">
        <f t="shared" si="341"/>
        <v>4</v>
      </c>
      <c r="C3009" s="16">
        <v>2975</v>
      </c>
      <c r="D3009" cm="1">
        <f t="array" ref="D3009">IFERROR(INDEX(Jesper!AH$2:AH$366,ROUNDDOWN($C3009/24,0)+1,1)*INDEX($D$3:$AA$30,INDEX(Jesper!$R$2:$R$366,ROW(INDEX(Jesper!AH$2:AH$366,ROUNDDOWN($C3009/24,0)+1,1))-1)+IF('Standard Profiles'!$G$18=$B$10,7,0)+IF('Standard Profiles'!$G$18=$B$17,14,0)+IF('Standard Profiles'!$G$18=$B$24,21,0),MOD($C3009,24)+1)/SUM(INDEX($D$3:$AA$30,INDEX(Jesper!$R$2:$R$366,ROW(INDEX(Jesper!AH$2:AH$366,ROUNDDOWN($C3009/24,0)+1,1))-1)+IF('Standard Profiles'!$G$18=$B$10,7,0)+IF('Standard Profiles'!$G$18=$B$17,14,0)+IF('Standard Profiles'!$G$18=$B$24,21,0),0)),0)</f>
        <v>5.6579308921681051</v>
      </c>
      <c r="E3009" cm="1">
        <f t="array" ref="E3009">IFERROR(INDEX(Jesper!AI$2:AI$366,ROUNDDOWN($C3009/24,0)+1,1)*INDEX($D$3:$AA$30,INDEX(Jesper!$R$2:$R$366,ROW(INDEX(Jesper!AI$2:AI$366,ROUNDDOWN($C3009/24,0)+1,1))-1)+IF('Standard Profiles'!$G$19=$B$10,7,0)+IF('Standard Profiles'!$G$19=$B$17,14,0)+IF('Standard Profiles'!$G$19=$B$24,21,0),MOD($C3009,24)+1)/SUM(INDEX($D$3:$AA$30,INDEX(Jesper!$R$2:$R$366,ROW(INDEX(Jesper!AI$2:AI$366,ROUNDDOWN($C3009/24,0)+1,1))-1)+IF('Standard Profiles'!$G$19=$B$10,7,0)+IF('Standard Profiles'!$G$19=$B$17,14,0)+IF('Standard Profiles'!$G$19=$B$24,21,0),0)),0)</f>
        <v>3.5504929546747848</v>
      </c>
      <c r="F3009" cm="1">
        <f t="array" ref="F3009">IFERROR(INDEX(Jesper!AJ$2:AJ$366,ROUNDDOWN($C3009/24,0)+1,1)*INDEX($D$3:$AA$30,INDEX(Jesper!$R$2:$R$366,ROW(INDEX(Jesper!AJ$2:AJ$366,ROUNDDOWN($C3009/24,0)+1,1))-1)+IF('Standard Profiles'!$G$20=$B$10,7,0)+IF('Standard Profiles'!$G$20=$B$17,14,0)+IF('Standard Profiles'!$G$20=$B$24,21,0),MOD($C3009,24)+1)/SUM(INDEX($D$3:$AA$30,INDEX(Jesper!$R$2:$R$366,ROW(INDEX(Jesper!AJ$2:AJ$366,ROUNDDOWN($C3009/24,0)+1,1))-1)+IF('Standard Profiles'!$G$20=$B$10,7,0)+IF('Standard Profiles'!$G$20=$B$17,14,0)+IF('Standard Profiles'!$G$20=$B$24,21,0),0)),0)</f>
        <v>0</v>
      </c>
      <c r="G3009" cm="1">
        <f t="array" ref="G3009">IFERROR(INDEX(Jesper!AK$2:AK$366,ROUNDDOWN($C3009/24,0)+1,1)*INDEX($D$3:$AA$30,INDEX(Jesper!$R$2:$R$366,ROW(INDEX(Jesper!AK$2:AK$366,ROUNDDOWN($C3009/24,0)+1,1))-1)+IF('Standard Profiles'!$G$21=$B$10,7,0)+IF('Standard Profiles'!$G$21=$B$17,14,0)+IF('Standard Profiles'!$G$21=$B$24,21,0),MOD($C3009,24)+1)/SUM(INDEX($D$3:$AA$30,INDEX(Jesper!$R$2:$R$366,ROW(INDEX(Jesper!AK$2:AK$366,ROUNDDOWN($C3009/24,0)+1,1))-1)+IF('Standard Profiles'!$G$21=$B$10,7,0)+IF('Standard Profiles'!$G$21=$B$17,14,0)+IF('Standard Profiles'!$G$21=$B$24,21,0),0)),0)</f>
        <v>1.0271421862510779</v>
      </c>
      <c r="H3009" cm="1">
        <f t="array" ref="H3009">IFERROR(INDEX(Jesper!AL$2:AL$366,ROUNDDOWN($C3009/24,0)+1,1)*INDEX($D$3:$AA$30,INDEX(Jesper!$R$2:$R$366,ROW(INDEX(Jesper!AL$2:AL$366,ROUNDDOWN($C3009/24,0)+1,1))-1)+IF('Standard Profiles'!$G$22=$B$10,7,0)+IF('Standard Profiles'!$G$22=$B$17,14,0)+IF('Standard Profiles'!$G$22=$B$24,21,0),MOD($C3009,24)+1)/SUM(INDEX($D$3:$AA$30,INDEX(Jesper!$R$2:$R$366,ROW(INDEX(Jesper!AL$2:AL$366,ROUNDDOWN($C3009/24,0)+1,1))-1)+IF('Standard Profiles'!$G$22=$B$10,7,0)+IF('Standard Profiles'!$G$22=$B$17,14,0)+IF('Standard Profiles'!$G$22=$B$24,21,0),0)),0)</f>
        <v>0</v>
      </c>
      <c r="I3009">
        <f t="shared" si="342"/>
        <v>0.49302824940051715</v>
      </c>
      <c r="J3009">
        <f t="shared" si="343"/>
        <v>8.837268840946555</v>
      </c>
      <c r="K3009">
        <f t="shared" si="344"/>
        <v>0.60351262849793119</v>
      </c>
      <c r="L3009">
        <f t="shared" si="345"/>
        <v>0.3017563142489656</v>
      </c>
      <c r="M3009">
        <f t="shared" si="346"/>
        <v>0</v>
      </c>
      <c r="N3009" s="45">
        <f t="shared" si="347"/>
        <v>45050.958333326118</v>
      </c>
    </row>
    <row r="3010" spans="2:14" x14ac:dyDescent="0.25">
      <c r="B3010">
        <f t="shared" si="341"/>
        <v>5</v>
      </c>
      <c r="C3010" s="16">
        <v>2976</v>
      </c>
      <c r="D3010" cm="1">
        <f t="array" ref="D3010">IFERROR(INDEX(Jesper!AH$2:AH$366,ROUNDDOWN($C3010/24,0)+1,1)*INDEX($D$3:$AA$30,INDEX(Jesper!$R$2:$R$366,ROW(INDEX(Jesper!AH$2:AH$366,ROUNDDOWN($C3010/24,0)+1,1))-1)+IF('Standard Profiles'!$G$18=$B$10,7,0)+IF('Standard Profiles'!$G$18=$B$17,14,0)+IF('Standard Profiles'!$G$18=$B$24,21,0),MOD($C3010,24)+1)/SUM(INDEX($D$3:$AA$30,INDEX(Jesper!$R$2:$R$366,ROW(INDEX(Jesper!AH$2:AH$366,ROUNDDOWN($C3010/24,0)+1,1))-1)+IF('Standard Profiles'!$G$18=$B$10,7,0)+IF('Standard Profiles'!$G$18=$B$17,14,0)+IF('Standard Profiles'!$G$18=$B$24,21,0),0)),0)</f>
        <v>8.5267492423988838</v>
      </c>
      <c r="E3010" cm="1">
        <f t="array" ref="E3010">IFERROR(INDEX(Jesper!AI$2:AI$366,ROUNDDOWN($C3010/24,0)+1,1)*INDEX($D$3:$AA$30,INDEX(Jesper!$R$2:$R$366,ROW(INDEX(Jesper!AI$2:AI$366,ROUNDDOWN($C3010/24,0)+1,1))-1)+IF('Standard Profiles'!$G$19=$B$10,7,0)+IF('Standard Profiles'!$G$19=$B$17,14,0)+IF('Standard Profiles'!$G$19=$B$24,21,0),MOD($C3010,24)+1)/SUM(INDEX($D$3:$AA$30,INDEX(Jesper!$R$2:$R$366,ROW(INDEX(Jesper!AI$2:AI$366,ROUNDDOWN($C3010/24,0)+1,1))-1)+IF('Standard Profiles'!$G$19=$B$10,7,0)+IF('Standard Profiles'!$G$19=$B$17,14,0)+IF('Standard Profiles'!$G$19=$B$24,21,0),0)),0)</f>
        <v>4.4172527284192924</v>
      </c>
      <c r="F3010" cm="1">
        <f t="array" ref="F3010">IFERROR(INDEX(Jesper!AJ$2:AJ$366,ROUNDDOWN($C3010/24,0)+1,1)*INDEX($D$3:$AA$30,INDEX(Jesper!$R$2:$R$366,ROW(INDEX(Jesper!AJ$2:AJ$366,ROUNDDOWN($C3010/24,0)+1,1))-1)+IF('Standard Profiles'!$G$20=$B$10,7,0)+IF('Standard Profiles'!$G$20=$B$17,14,0)+IF('Standard Profiles'!$G$20=$B$24,21,0),MOD($C3010,24)+1)/SUM(INDEX($D$3:$AA$30,INDEX(Jesper!$R$2:$R$366,ROW(INDEX(Jesper!AJ$2:AJ$366,ROUNDDOWN($C3010/24,0)+1,1))-1)+IF('Standard Profiles'!$G$20=$B$10,7,0)+IF('Standard Profiles'!$G$20=$B$17,14,0)+IF('Standard Profiles'!$G$20=$B$24,21,0),0)),0)</f>
        <v>0</v>
      </c>
      <c r="G3010" cm="1">
        <f t="array" ref="G3010">IFERROR(INDEX(Jesper!AK$2:AK$366,ROUNDDOWN($C3010/24,0)+1,1)*INDEX($D$3:$AA$30,INDEX(Jesper!$R$2:$R$366,ROW(INDEX(Jesper!AK$2:AK$366,ROUNDDOWN($C3010/24,0)+1,1))-1)+IF('Standard Profiles'!$G$21=$B$10,7,0)+IF('Standard Profiles'!$G$21=$B$17,14,0)+IF('Standard Profiles'!$G$21=$B$24,21,0),MOD($C3010,24)+1)/SUM(INDEX($D$3:$AA$30,INDEX(Jesper!$R$2:$R$366,ROW(INDEX(Jesper!AK$2:AK$366,ROUNDDOWN($C3010/24,0)+1,1))-1)+IF('Standard Profiles'!$G$21=$B$10,7,0)+IF('Standard Profiles'!$G$21=$B$17,14,0)+IF('Standard Profiles'!$G$21=$B$24,21,0),0)),0)</f>
        <v>0.79230017576282508</v>
      </c>
      <c r="H3010" cm="1">
        <f t="array" ref="H3010">IFERROR(INDEX(Jesper!AL$2:AL$366,ROUNDDOWN($C3010/24,0)+1,1)*INDEX($D$3:$AA$30,INDEX(Jesper!$R$2:$R$366,ROW(INDEX(Jesper!AL$2:AL$366,ROUNDDOWN($C3010/24,0)+1,1))-1)+IF('Standard Profiles'!$G$22=$B$10,7,0)+IF('Standard Profiles'!$G$22=$B$17,14,0)+IF('Standard Profiles'!$G$22=$B$24,21,0),MOD($C3010,24)+1)/SUM(INDEX($D$3:$AA$30,INDEX(Jesper!$R$2:$R$366,ROW(INDEX(Jesper!AL$2:AL$366,ROUNDDOWN($C3010/24,0)+1,1))-1)+IF('Standard Profiles'!$G$22=$B$10,7,0)+IF('Standard Profiles'!$G$22=$B$17,14,0)+IF('Standard Profiles'!$G$22=$B$24,21,0),0)),0)</f>
        <v>0</v>
      </c>
      <c r="I3010">
        <f t="shared" si="342"/>
        <v>0.38030408436615587</v>
      </c>
      <c r="J3010">
        <f t="shared" si="343"/>
        <v>11.991718183431026</v>
      </c>
      <c r="K3010">
        <f t="shared" si="344"/>
        <v>0.90951991918921438</v>
      </c>
      <c r="L3010">
        <f t="shared" si="345"/>
        <v>0.45475995959460719</v>
      </c>
      <c r="M3010">
        <f t="shared" si="346"/>
        <v>0</v>
      </c>
      <c r="N3010" s="45">
        <f t="shared" si="347"/>
        <v>45050.999999992782</v>
      </c>
    </row>
    <row r="3011" spans="2:14" x14ac:dyDescent="0.25">
      <c r="B3011">
        <f t="shared" si="341"/>
        <v>5</v>
      </c>
      <c r="C3011" s="16">
        <v>2977</v>
      </c>
      <c r="D3011" cm="1">
        <f t="array" ref="D3011">IFERROR(INDEX(Jesper!AH$2:AH$366,ROUNDDOWN($C3011/24,0)+1,1)*INDEX($D$3:$AA$30,INDEX(Jesper!$R$2:$R$366,ROW(INDEX(Jesper!AH$2:AH$366,ROUNDDOWN($C3011/24,0)+1,1))-1)+IF('Standard Profiles'!$G$18=$B$10,7,0)+IF('Standard Profiles'!$G$18=$B$17,14,0)+IF('Standard Profiles'!$G$18=$B$24,21,0),MOD($C3011,24)+1)/SUM(INDEX($D$3:$AA$30,INDEX(Jesper!$R$2:$R$366,ROW(INDEX(Jesper!AH$2:AH$366,ROUNDDOWN($C3011/24,0)+1,1))-1)+IF('Standard Profiles'!$G$18=$B$10,7,0)+IF('Standard Profiles'!$G$18=$B$17,14,0)+IF('Standard Profiles'!$G$18=$B$24,21,0),0)),0)</f>
        <v>5.1677268135750811</v>
      </c>
      <c r="E3011" cm="1">
        <f t="array" ref="E3011">IFERROR(INDEX(Jesper!AI$2:AI$366,ROUNDDOWN($C3011/24,0)+1,1)*INDEX($D$3:$AA$30,INDEX(Jesper!$R$2:$R$366,ROW(INDEX(Jesper!AI$2:AI$366,ROUNDDOWN($C3011/24,0)+1,1))-1)+IF('Standard Profiles'!$G$19=$B$10,7,0)+IF('Standard Profiles'!$G$19=$B$17,14,0)+IF('Standard Profiles'!$G$19=$B$24,21,0),MOD($C3011,24)+1)/SUM(INDEX($D$3:$AA$30,INDEX(Jesper!$R$2:$R$366,ROW(INDEX(Jesper!AI$2:AI$366,ROUNDDOWN($C3011/24,0)+1,1))-1)+IF('Standard Profiles'!$G$19=$B$10,7,0)+IF('Standard Profiles'!$G$19=$B$17,14,0)+IF('Standard Profiles'!$G$19=$B$24,21,0),0)),0)</f>
        <v>2.6771228657086619</v>
      </c>
      <c r="F3011" cm="1">
        <f t="array" ref="F3011">IFERROR(INDEX(Jesper!AJ$2:AJ$366,ROUNDDOWN($C3011/24,0)+1,1)*INDEX($D$3:$AA$30,INDEX(Jesper!$R$2:$R$366,ROW(INDEX(Jesper!AJ$2:AJ$366,ROUNDDOWN($C3011/24,0)+1,1))-1)+IF('Standard Profiles'!$G$20=$B$10,7,0)+IF('Standard Profiles'!$G$20=$B$17,14,0)+IF('Standard Profiles'!$G$20=$B$24,21,0),MOD($C3011,24)+1)/SUM(INDEX($D$3:$AA$30,INDEX(Jesper!$R$2:$R$366,ROW(INDEX(Jesper!AJ$2:AJ$366,ROUNDDOWN($C3011/24,0)+1,1))-1)+IF('Standard Profiles'!$G$20=$B$10,7,0)+IF('Standard Profiles'!$G$20=$B$17,14,0)+IF('Standard Profiles'!$G$20=$B$24,21,0),0)),0)</f>
        <v>0</v>
      </c>
      <c r="G3011" cm="1">
        <f t="array" ref="G3011">IFERROR(INDEX(Jesper!AK$2:AK$366,ROUNDDOWN($C3011/24,0)+1,1)*INDEX($D$3:$AA$30,INDEX(Jesper!$R$2:$R$366,ROW(INDEX(Jesper!AK$2:AK$366,ROUNDDOWN($C3011/24,0)+1,1))-1)+IF('Standard Profiles'!$G$21=$B$10,7,0)+IF('Standard Profiles'!$G$21=$B$17,14,0)+IF('Standard Profiles'!$G$21=$B$24,21,0),MOD($C3011,24)+1)/SUM(INDEX($D$3:$AA$30,INDEX(Jesper!$R$2:$R$366,ROW(INDEX(Jesper!AK$2:AK$366,ROUNDDOWN($C3011/24,0)+1,1))-1)+IF('Standard Profiles'!$G$21=$B$10,7,0)+IF('Standard Profiles'!$G$21=$B$17,14,0)+IF('Standard Profiles'!$G$21=$B$24,21,0),0)),0)</f>
        <v>0.79230017576282508</v>
      </c>
      <c r="H3011" cm="1">
        <f t="array" ref="H3011">IFERROR(INDEX(Jesper!AL$2:AL$366,ROUNDDOWN($C3011/24,0)+1,1)*INDEX($D$3:$AA$30,INDEX(Jesper!$R$2:$R$366,ROW(INDEX(Jesper!AL$2:AL$366,ROUNDDOWN($C3011/24,0)+1,1))-1)+IF('Standard Profiles'!$G$22=$B$10,7,0)+IF('Standard Profiles'!$G$22=$B$17,14,0)+IF('Standard Profiles'!$G$22=$B$24,21,0),MOD($C3011,24)+1)/SUM(INDEX($D$3:$AA$30,INDEX(Jesper!$R$2:$R$366,ROW(INDEX(Jesper!AL$2:AL$366,ROUNDDOWN($C3011/24,0)+1,1))-1)+IF('Standard Profiles'!$G$22=$B$10,7,0)+IF('Standard Profiles'!$G$22=$B$17,14,0)+IF('Standard Profiles'!$G$22=$B$24,21,0),0)),0)</f>
        <v>0</v>
      </c>
      <c r="I3011">
        <f t="shared" si="342"/>
        <v>0.38030408436615587</v>
      </c>
      <c r="J3011">
        <f t="shared" si="343"/>
        <v>7.4300094805083994</v>
      </c>
      <c r="K3011">
        <f t="shared" si="344"/>
        <v>0.55122419344800866</v>
      </c>
      <c r="L3011">
        <f t="shared" si="345"/>
        <v>0.27561209672400433</v>
      </c>
      <c r="M3011">
        <f t="shared" si="346"/>
        <v>0</v>
      </c>
      <c r="N3011" s="45">
        <f t="shared" si="347"/>
        <v>45051.041666659446</v>
      </c>
    </row>
    <row r="3012" spans="2:14" x14ac:dyDescent="0.25">
      <c r="B3012">
        <f t="shared" si="341"/>
        <v>5</v>
      </c>
      <c r="C3012" s="16">
        <v>2978</v>
      </c>
      <c r="D3012" cm="1">
        <f t="array" ref="D3012">IFERROR(INDEX(Jesper!AH$2:AH$366,ROUNDDOWN($C3012/24,0)+1,1)*INDEX($D$3:$AA$30,INDEX(Jesper!$R$2:$R$366,ROW(INDEX(Jesper!AH$2:AH$366,ROUNDDOWN($C3012/24,0)+1,1))-1)+IF('Standard Profiles'!$G$18=$B$10,7,0)+IF('Standard Profiles'!$G$18=$B$17,14,0)+IF('Standard Profiles'!$G$18=$B$24,21,0),MOD($C3012,24)+1)/SUM(INDEX($D$3:$AA$30,INDEX(Jesper!$R$2:$R$366,ROW(INDEX(Jesper!AH$2:AH$366,ROUNDDOWN($C3012/24,0)+1,1))-1)+IF('Standard Profiles'!$G$18=$B$10,7,0)+IF('Standard Profiles'!$G$18=$B$17,14,0)+IF('Standard Profiles'!$G$18=$B$24,21,0),0)),0)</f>
        <v>5.1677268135750811</v>
      </c>
      <c r="E3012" cm="1">
        <f t="array" ref="E3012">IFERROR(INDEX(Jesper!AI$2:AI$366,ROUNDDOWN($C3012/24,0)+1,1)*INDEX($D$3:$AA$30,INDEX(Jesper!$R$2:$R$366,ROW(INDEX(Jesper!AI$2:AI$366,ROUNDDOWN($C3012/24,0)+1,1))-1)+IF('Standard Profiles'!$G$19=$B$10,7,0)+IF('Standard Profiles'!$G$19=$B$17,14,0)+IF('Standard Profiles'!$G$19=$B$24,21,0),MOD($C3012,24)+1)/SUM(INDEX($D$3:$AA$30,INDEX(Jesper!$R$2:$R$366,ROW(INDEX(Jesper!AI$2:AI$366,ROUNDDOWN($C3012/24,0)+1,1))-1)+IF('Standard Profiles'!$G$19=$B$10,7,0)+IF('Standard Profiles'!$G$19=$B$17,14,0)+IF('Standard Profiles'!$G$19=$B$24,21,0),0)),0)</f>
        <v>2.6771228657086619</v>
      </c>
      <c r="F3012" cm="1">
        <f t="array" ref="F3012">IFERROR(INDEX(Jesper!AJ$2:AJ$366,ROUNDDOWN($C3012/24,0)+1,1)*INDEX($D$3:$AA$30,INDEX(Jesper!$R$2:$R$366,ROW(INDEX(Jesper!AJ$2:AJ$366,ROUNDDOWN($C3012/24,0)+1,1))-1)+IF('Standard Profiles'!$G$20=$B$10,7,0)+IF('Standard Profiles'!$G$20=$B$17,14,0)+IF('Standard Profiles'!$G$20=$B$24,21,0),MOD($C3012,24)+1)/SUM(INDEX($D$3:$AA$30,INDEX(Jesper!$R$2:$R$366,ROW(INDEX(Jesper!AJ$2:AJ$366,ROUNDDOWN($C3012/24,0)+1,1))-1)+IF('Standard Profiles'!$G$20=$B$10,7,0)+IF('Standard Profiles'!$G$20=$B$17,14,0)+IF('Standard Profiles'!$G$20=$B$24,21,0),0)),0)</f>
        <v>0</v>
      </c>
      <c r="G3012" cm="1">
        <f t="array" ref="G3012">IFERROR(INDEX(Jesper!AK$2:AK$366,ROUNDDOWN($C3012/24,0)+1,1)*INDEX($D$3:$AA$30,INDEX(Jesper!$R$2:$R$366,ROW(INDEX(Jesper!AK$2:AK$366,ROUNDDOWN($C3012/24,0)+1,1))-1)+IF('Standard Profiles'!$G$21=$B$10,7,0)+IF('Standard Profiles'!$G$21=$B$17,14,0)+IF('Standard Profiles'!$G$21=$B$24,21,0),MOD($C3012,24)+1)/SUM(INDEX($D$3:$AA$30,INDEX(Jesper!$R$2:$R$366,ROW(INDEX(Jesper!AK$2:AK$366,ROUNDDOWN($C3012/24,0)+1,1))-1)+IF('Standard Profiles'!$G$21=$B$10,7,0)+IF('Standard Profiles'!$G$21=$B$17,14,0)+IF('Standard Profiles'!$G$21=$B$24,21,0),0)),0)</f>
        <v>0.79230017576282508</v>
      </c>
      <c r="H3012" cm="1">
        <f t="array" ref="H3012">IFERROR(INDEX(Jesper!AL$2:AL$366,ROUNDDOWN($C3012/24,0)+1,1)*INDEX($D$3:$AA$30,INDEX(Jesper!$R$2:$R$366,ROW(INDEX(Jesper!AL$2:AL$366,ROUNDDOWN($C3012/24,0)+1,1))-1)+IF('Standard Profiles'!$G$22=$B$10,7,0)+IF('Standard Profiles'!$G$22=$B$17,14,0)+IF('Standard Profiles'!$G$22=$B$24,21,0),MOD($C3012,24)+1)/SUM(INDEX($D$3:$AA$30,INDEX(Jesper!$R$2:$R$366,ROW(INDEX(Jesper!AL$2:AL$366,ROUNDDOWN($C3012/24,0)+1,1))-1)+IF('Standard Profiles'!$G$22=$B$10,7,0)+IF('Standard Profiles'!$G$22=$B$17,14,0)+IF('Standard Profiles'!$G$22=$B$24,21,0),0)),0)</f>
        <v>0</v>
      </c>
      <c r="I3012">
        <f t="shared" si="342"/>
        <v>0.38030408436615587</v>
      </c>
      <c r="J3012">
        <f t="shared" si="343"/>
        <v>7.4300094805083994</v>
      </c>
      <c r="K3012">
        <f t="shared" si="344"/>
        <v>0.55122419344800866</v>
      </c>
      <c r="L3012">
        <f t="shared" si="345"/>
        <v>0.27561209672400433</v>
      </c>
      <c r="M3012">
        <f t="shared" si="346"/>
        <v>0</v>
      </c>
      <c r="N3012" s="45">
        <f t="shared" si="347"/>
        <v>45051.083333326111</v>
      </c>
    </row>
    <row r="3013" spans="2:14" x14ac:dyDescent="0.25">
      <c r="B3013">
        <f t="shared" si="341"/>
        <v>5</v>
      </c>
      <c r="C3013" s="16">
        <v>2979</v>
      </c>
      <c r="D3013" cm="1">
        <f t="array" ref="D3013">IFERROR(INDEX(Jesper!AH$2:AH$366,ROUNDDOWN($C3013/24,0)+1,1)*INDEX($D$3:$AA$30,INDEX(Jesper!$R$2:$R$366,ROW(INDEX(Jesper!AH$2:AH$366,ROUNDDOWN($C3013/24,0)+1,1))-1)+IF('Standard Profiles'!$G$18=$B$10,7,0)+IF('Standard Profiles'!$G$18=$B$17,14,0)+IF('Standard Profiles'!$G$18=$B$24,21,0),MOD($C3013,24)+1)/SUM(INDEX($D$3:$AA$30,INDEX(Jesper!$R$2:$R$366,ROW(INDEX(Jesper!AH$2:AH$366,ROUNDDOWN($C3013/24,0)+1,1))-1)+IF('Standard Profiles'!$G$18=$B$10,7,0)+IF('Standard Profiles'!$G$18=$B$17,14,0)+IF('Standard Profiles'!$G$18=$B$24,21,0),0)),0)</f>
        <v>5.1677268135750811</v>
      </c>
      <c r="E3013" cm="1">
        <f t="array" ref="E3013">IFERROR(INDEX(Jesper!AI$2:AI$366,ROUNDDOWN($C3013/24,0)+1,1)*INDEX($D$3:$AA$30,INDEX(Jesper!$R$2:$R$366,ROW(INDEX(Jesper!AI$2:AI$366,ROUNDDOWN($C3013/24,0)+1,1))-1)+IF('Standard Profiles'!$G$19=$B$10,7,0)+IF('Standard Profiles'!$G$19=$B$17,14,0)+IF('Standard Profiles'!$G$19=$B$24,21,0),MOD($C3013,24)+1)/SUM(INDEX($D$3:$AA$30,INDEX(Jesper!$R$2:$R$366,ROW(INDEX(Jesper!AI$2:AI$366,ROUNDDOWN($C3013/24,0)+1,1))-1)+IF('Standard Profiles'!$G$19=$B$10,7,0)+IF('Standard Profiles'!$G$19=$B$17,14,0)+IF('Standard Profiles'!$G$19=$B$24,21,0),0)),0)</f>
        <v>2.6771228657086619</v>
      </c>
      <c r="F3013" cm="1">
        <f t="array" ref="F3013">IFERROR(INDEX(Jesper!AJ$2:AJ$366,ROUNDDOWN($C3013/24,0)+1,1)*INDEX($D$3:$AA$30,INDEX(Jesper!$R$2:$R$366,ROW(INDEX(Jesper!AJ$2:AJ$366,ROUNDDOWN($C3013/24,0)+1,1))-1)+IF('Standard Profiles'!$G$20=$B$10,7,0)+IF('Standard Profiles'!$G$20=$B$17,14,0)+IF('Standard Profiles'!$G$20=$B$24,21,0),MOD($C3013,24)+1)/SUM(INDEX($D$3:$AA$30,INDEX(Jesper!$R$2:$R$366,ROW(INDEX(Jesper!AJ$2:AJ$366,ROUNDDOWN($C3013/24,0)+1,1))-1)+IF('Standard Profiles'!$G$20=$B$10,7,0)+IF('Standard Profiles'!$G$20=$B$17,14,0)+IF('Standard Profiles'!$G$20=$B$24,21,0),0)),0)</f>
        <v>0</v>
      </c>
      <c r="G3013" cm="1">
        <f t="array" ref="G3013">IFERROR(INDEX(Jesper!AK$2:AK$366,ROUNDDOWN($C3013/24,0)+1,1)*INDEX($D$3:$AA$30,INDEX(Jesper!$R$2:$R$366,ROW(INDEX(Jesper!AK$2:AK$366,ROUNDDOWN($C3013/24,0)+1,1))-1)+IF('Standard Profiles'!$G$21=$B$10,7,0)+IF('Standard Profiles'!$G$21=$B$17,14,0)+IF('Standard Profiles'!$G$21=$B$24,21,0),MOD($C3013,24)+1)/SUM(INDEX($D$3:$AA$30,INDEX(Jesper!$R$2:$R$366,ROW(INDEX(Jesper!AK$2:AK$366,ROUNDDOWN($C3013/24,0)+1,1))-1)+IF('Standard Profiles'!$G$21=$B$10,7,0)+IF('Standard Profiles'!$G$21=$B$17,14,0)+IF('Standard Profiles'!$G$21=$B$24,21,0),0)),0)</f>
        <v>0.79230017576282508</v>
      </c>
      <c r="H3013" cm="1">
        <f t="array" ref="H3013">IFERROR(INDEX(Jesper!AL$2:AL$366,ROUNDDOWN($C3013/24,0)+1,1)*INDEX($D$3:$AA$30,INDEX(Jesper!$R$2:$R$366,ROW(INDEX(Jesper!AL$2:AL$366,ROUNDDOWN($C3013/24,0)+1,1))-1)+IF('Standard Profiles'!$G$22=$B$10,7,0)+IF('Standard Profiles'!$G$22=$B$17,14,0)+IF('Standard Profiles'!$G$22=$B$24,21,0),MOD($C3013,24)+1)/SUM(INDEX($D$3:$AA$30,INDEX(Jesper!$R$2:$R$366,ROW(INDEX(Jesper!AL$2:AL$366,ROUNDDOWN($C3013/24,0)+1,1))-1)+IF('Standard Profiles'!$G$22=$B$10,7,0)+IF('Standard Profiles'!$G$22=$B$17,14,0)+IF('Standard Profiles'!$G$22=$B$24,21,0),0)),0)</f>
        <v>0</v>
      </c>
      <c r="I3013">
        <f t="shared" si="342"/>
        <v>0.38030408436615587</v>
      </c>
      <c r="J3013">
        <f t="shared" si="343"/>
        <v>7.4300094805083994</v>
      </c>
      <c r="K3013">
        <f t="shared" si="344"/>
        <v>0.55122419344800866</v>
      </c>
      <c r="L3013">
        <f t="shared" si="345"/>
        <v>0.27561209672400433</v>
      </c>
      <c r="M3013">
        <f t="shared" si="346"/>
        <v>0</v>
      </c>
      <c r="N3013" s="45">
        <f t="shared" si="347"/>
        <v>45051.124999992775</v>
      </c>
    </row>
    <row r="3014" spans="2:14" x14ac:dyDescent="0.25">
      <c r="B3014">
        <f t="shared" si="341"/>
        <v>5</v>
      </c>
      <c r="C3014" s="16">
        <v>2980</v>
      </c>
      <c r="D3014" cm="1">
        <f t="array" ref="D3014">IFERROR(INDEX(Jesper!AH$2:AH$366,ROUNDDOWN($C3014/24,0)+1,1)*INDEX($D$3:$AA$30,INDEX(Jesper!$R$2:$R$366,ROW(INDEX(Jesper!AH$2:AH$366,ROUNDDOWN($C3014/24,0)+1,1))-1)+IF('Standard Profiles'!$G$18=$B$10,7,0)+IF('Standard Profiles'!$G$18=$B$17,14,0)+IF('Standard Profiles'!$G$18=$B$24,21,0),MOD($C3014,24)+1)/SUM(INDEX($D$3:$AA$30,INDEX(Jesper!$R$2:$R$366,ROW(INDEX(Jesper!AH$2:AH$366,ROUNDDOWN($C3014/24,0)+1,1))-1)+IF('Standard Profiles'!$G$18=$B$10,7,0)+IF('Standard Profiles'!$G$18=$B$17,14,0)+IF('Standard Profiles'!$G$18=$B$24,21,0),0)),0)</f>
        <v>5.1677268135750811</v>
      </c>
      <c r="E3014" cm="1">
        <f t="array" ref="E3014">IFERROR(INDEX(Jesper!AI$2:AI$366,ROUNDDOWN($C3014/24,0)+1,1)*INDEX($D$3:$AA$30,INDEX(Jesper!$R$2:$R$366,ROW(INDEX(Jesper!AI$2:AI$366,ROUNDDOWN($C3014/24,0)+1,1))-1)+IF('Standard Profiles'!$G$19=$B$10,7,0)+IF('Standard Profiles'!$G$19=$B$17,14,0)+IF('Standard Profiles'!$G$19=$B$24,21,0),MOD($C3014,24)+1)/SUM(INDEX($D$3:$AA$30,INDEX(Jesper!$R$2:$R$366,ROW(INDEX(Jesper!AI$2:AI$366,ROUNDDOWN($C3014/24,0)+1,1))-1)+IF('Standard Profiles'!$G$19=$B$10,7,0)+IF('Standard Profiles'!$G$19=$B$17,14,0)+IF('Standard Profiles'!$G$19=$B$24,21,0),0)),0)</f>
        <v>2.6771228657086619</v>
      </c>
      <c r="F3014" cm="1">
        <f t="array" ref="F3014">IFERROR(INDEX(Jesper!AJ$2:AJ$366,ROUNDDOWN($C3014/24,0)+1,1)*INDEX($D$3:$AA$30,INDEX(Jesper!$R$2:$R$366,ROW(INDEX(Jesper!AJ$2:AJ$366,ROUNDDOWN($C3014/24,0)+1,1))-1)+IF('Standard Profiles'!$G$20=$B$10,7,0)+IF('Standard Profiles'!$G$20=$B$17,14,0)+IF('Standard Profiles'!$G$20=$B$24,21,0),MOD($C3014,24)+1)/SUM(INDEX($D$3:$AA$30,INDEX(Jesper!$R$2:$R$366,ROW(INDEX(Jesper!AJ$2:AJ$366,ROUNDDOWN($C3014/24,0)+1,1))-1)+IF('Standard Profiles'!$G$20=$B$10,7,0)+IF('Standard Profiles'!$G$20=$B$17,14,0)+IF('Standard Profiles'!$G$20=$B$24,21,0),0)),0)</f>
        <v>0</v>
      </c>
      <c r="G3014" cm="1">
        <f t="array" ref="G3014">IFERROR(INDEX(Jesper!AK$2:AK$366,ROUNDDOWN($C3014/24,0)+1,1)*INDEX($D$3:$AA$30,INDEX(Jesper!$R$2:$R$366,ROW(INDEX(Jesper!AK$2:AK$366,ROUNDDOWN($C3014/24,0)+1,1))-1)+IF('Standard Profiles'!$G$21=$B$10,7,0)+IF('Standard Profiles'!$G$21=$B$17,14,0)+IF('Standard Profiles'!$G$21=$B$24,21,0),MOD($C3014,24)+1)/SUM(INDEX($D$3:$AA$30,INDEX(Jesper!$R$2:$R$366,ROW(INDEX(Jesper!AK$2:AK$366,ROUNDDOWN($C3014/24,0)+1,1))-1)+IF('Standard Profiles'!$G$21=$B$10,7,0)+IF('Standard Profiles'!$G$21=$B$17,14,0)+IF('Standard Profiles'!$G$21=$B$24,21,0),0)),0)</f>
        <v>0.79230017576282508</v>
      </c>
      <c r="H3014" cm="1">
        <f t="array" ref="H3014">IFERROR(INDEX(Jesper!AL$2:AL$366,ROUNDDOWN($C3014/24,0)+1,1)*INDEX($D$3:$AA$30,INDEX(Jesper!$R$2:$R$366,ROW(INDEX(Jesper!AL$2:AL$366,ROUNDDOWN($C3014/24,0)+1,1))-1)+IF('Standard Profiles'!$G$22=$B$10,7,0)+IF('Standard Profiles'!$G$22=$B$17,14,0)+IF('Standard Profiles'!$G$22=$B$24,21,0),MOD($C3014,24)+1)/SUM(INDEX($D$3:$AA$30,INDEX(Jesper!$R$2:$R$366,ROW(INDEX(Jesper!AL$2:AL$366,ROUNDDOWN($C3014/24,0)+1,1))-1)+IF('Standard Profiles'!$G$22=$B$10,7,0)+IF('Standard Profiles'!$G$22=$B$17,14,0)+IF('Standard Profiles'!$G$22=$B$24,21,0),0)),0)</f>
        <v>0</v>
      </c>
      <c r="I3014">
        <f t="shared" si="342"/>
        <v>0.38030408436615587</v>
      </c>
      <c r="J3014">
        <f t="shared" si="343"/>
        <v>7.4300094805083994</v>
      </c>
      <c r="K3014">
        <f t="shared" si="344"/>
        <v>0.55122419344800866</v>
      </c>
      <c r="L3014">
        <f t="shared" si="345"/>
        <v>0.27561209672400433</v>
      </c>
      <c r="M3014">
        <f t="shared" si="346"/>
        <v>0</v>
      </c>
      <c r="N3014" s="45">
        <f t="shared" si="347"/>
        <v>45051.166666659439</v>
      </c>
    </row>
    <row r="3015" spans="2:14" x14ac:dyDescent="0.25">
      <c r="B3015">
        <f t="shared" si="341"/>
        <v>5</v>
      </c>
      <c r="C3015" s="16">
        <v>2981</v>
      </c>
      <c r="D3015" cm="1">
        <f t="array" ref="D3015">IFERROR(INDEX(Jesper!AH$2:AH$366,ROUNDDOWN($C3015/24,0)+1,1)*INDEX($D$3:$AA$30,INDEX(Jesper!$R$2:$R$366,ROW(INDEX(Jesper!AH$2:AH$366,ROUNDDOWN($C3015/24,0)+1,1))-1)+IF('Standard Profiles'!$G$18=$B$10,7,0)+IF('Standard Profiles'!$G$18=$B$17,14,0)+IF('Standard Profiles'!$G$18=$B$24,21,0),MOD($C3015,24)+1)/SUM(INDEX($D$3:$AA$30,INDEX(Jesper!$R$2:$R$366,ROW(INDEX(Jesper!AH$2:AH$366,ROUNDDOWN($C3015/24,0)+1,1))-1)+IF('Standard Profiles'!$G$18=$B$10,7,0)+IF('Standard Profiles'!$G$18=$B$17,14,0)+IF('Standard Profiles'!$G$18=$B$24,21,0),0)),0)</f>
        <v>5.1677268135750811</v>
      </c>
      <c r="E3015" cm="1">
        <f t="array" ref="E3015">IFERROR(INDEX(Jesper!AI$2:AI$366,ROUNDDOWN($C3015/24,0)+1,1)*INDEX($D$3:$AA$30,INDEX(Jesper!$R$2:$R$366,ROW(INDEX(Jesper!AI$2:AI$366,ROUNDDOWN($C3015/24,0)+1,1))-1)+IF('Standard Profiles'!$G$19=$B$10,7,0)+IF('Standard Profiles'!$G$19=$B$17,14,0)+IF('Standard Profiles'!$G$19=$B$24,21,0),MOD($C3015,24)+1)/SUM(INDEX($D$3:$AA$30,INDEX(Jesper!$R$2:$R$366,ROW(INDEX(Jesper!AI$2:AI$366,ROUNDDOWN($C3015/24,0)+1,1))-1)+IF('Standard Profiles'!$G$19=$B$10,7,0)+IF('Standard Profiles'!$G$19=$B$17,14,0)+IF('Standard Profiles'!$G$19=$B$24,21,0),0)),0)</f>
        <v>2.6771228657086619</v>
      </c>
      <c r="F3015" cm="1">
        <f t="array" ref="F3015">IFERROR(INDEX(Jesper!AJ$2:AJ$366,ROUNDDOWN($C3015/24,0)+1,1)*INDEX($D$3:$AA$30,INDEX(Jesper!$R$2:$R$366,ROW(INDEX(Jesper!AJ$2:AJ$366,ROUNDDOWN($C3015/24,0)+1,1))-1)+IF('Standard Profiles'!$G$20=$B$10,7,0)+IF('Standard Profiles'!$G$20=$B$17,14,0)+IF('Standard Profiles'!$G$20=$B$24,21,0),MOD($C3015,24)+1)/SUM(INDEX($D$3:$AA$30,INDEX(Jesper!$R$2:$R$366,ROW(INDEX(Jesper!AJ$2:AJ$366,ROUNDDOWN($C3015/24,0)+1,1))-1)+IF('Standard Profiles'!$G$20=$B$10,7,0)+IF('Standard Profiles'!$G$20=$B$17,14,0)+IF('Standard Profiles'!$G$20=$B$24,21,0),0)),0)</f>
        <v>0</v>
      </c>
      <c r="G3015" cm="1">
        <f t="array" ref="G3015">IFERROR(INDEX(Jesper!AK$2:AK$366,ROUNDDOWN($C3015/24,0)+1,1)*INDEX($D$3:$AA$30,INDEX(Jesper!$R$2:$R$366,ROW(INDEX(Jesper!AK$2:AK$366,ROUNDDOWN($C3015/24,0)+1,1))-1)+IF('Standard Profiles'!$G$21=$B$10,7,0)+IF('Standard Profiles'!$G$21=$B$17,14,0)+IF('Standard Profiles'!$G$21=$B$24,21,0),MOD($C3015,24)+1)/SUM(INDEX($D$3:$AA$30,INDEX(Jesper!$R$2:$R$366,ROW(INDEX(Jesper!AK$2:AK$366,ROUNDDOWN($C3015/24,0)+1,1))-1)+IF('Standard Profiles'!$G$21=$B$10,7,0)+IF('Standard Profiles'!$G$21=$B$17,14,0)+IF('Standard Profiles'!$G$21=$B$24,21,0),0)),0)</f>
        <v>0.79230017576282508</v>
      </c>
      <c r="H3015" cm="1">
        <f t="array" ref="H3015">IFERROR(INDEX(Jesper!AL$2:AL$366,ROUNDDOWN($C3015/24,0)+1,1)*INDEX($D$3:$AA$30,INDEX(Jesper!$R$2:$R$366,ROW(INDEX(Jesper!AL$2:AL$366,ROUNDDOWN($C3015/24,0)+1,1))-1)+IF('Standard Profiles'!$G$22=$B$10,7,0)+IF('Standard Profiles'!$G$22=$B$17,14,0)+IF('Standard Profiles'!$G$22=$B$24,21,0),MOD($C3015,24)+1)/SUM(INDEX($D$3:$AA$30,INDEX(Jesper!$R$2:$R$366,ROW(INDEX(Jesper!AL$2:AL$366,ROUNDDOWN($C3015/24,0)+1,1))-1)+IF('Standard Profiles'!$G$22=$B$10,7,0)+IF('Standard Profiles'!$G$22=$B$17,14,0)+IF('Standard Profiles'!$G$22=$B$24,21,0),0)),0)</f>
        <v>0</v>
      </c>
      <c r="I3015">
        <f t="shared" si="342"/>
        <v>0.38030408436615587</v>
      </c>
      <c r="J3015">
        <f t="shared" si="343"/>
        <v>7.4300094805083994</v>
      </c>
      <c r="K3015">
        <f t="shared" si="344"/>
        <v>0.55122419344800866</v>
      </c>
      <c r="L3015">
        <f t="shared" si="345"/>
        <v>0.27561209672400433</v>
      </c>
      <c r="M3015">
        <f t="shared" si="346"/>
        <v>0</v>
      </c>
      <c r="N3015" s="45">
        <f t="shared" si="347"/>
        <v>45051.208333326103</v>
      </c>
    </row>
    <row r="3016" spans="2:14" x14ac:dyDescent="0.25">
      <c r="B3016">
        <f t="shared" si="341"/>
        <v>5</v>
      </c>
      <c r="C3016" s="16">
        <v>2982</v>
      </c>
      <c r="D3016" cm="1">
        <f t="array" ref="D3016">IFERROR(INDEX(Jesper!AH$2:AH$366,ROUNDDOWN($C3016/24,0)+1,1)*INDEX($D$3:$AA$30,INDEX(Jesper!$R$2:$R$366,ROW(INDEX(Jesper!AH$2:AH$366,ROUNDDOWN($C3016/24,0)+1,1))-1)+IF('Standard Profiles'!$G$18=$B$10,7,0)+IF('Standard Profiles'!$G$18=$B$17,14,0)+IF('Standard Profiles'!$G$18=$B$24,21,0),MOD($C3016,24)+1)/SUM(INDEX($D$3:$AA$30,INDEX(Jesper!$R$2:$R$366,ROW(INDEX(Jesper!AH$2:AH$366,ROUNDDOWN($C3016/24,0)+1,1))-1)+IF('Standard Profiles'!$G$18=$B$10,7,0)+IF('Standard Profiles'!$G$18=$B$17,14,0)+IF('Standard Profiles'!$G$18=$B$24,21,0),0)),0)</f>
        <v>5.1677268135750811</v>
      </c>
      <c r="E3016" cm="1">
        <f t="array" ref="E3016">IFERROR(INDEX(Jesper!AI$2:AI$366,ROUNDDOWN($C3016/24,0)+1,1)*INDEX($D$3:$AA$30,INDEX(Jesper!$R$2:$R$366,ROW(INDEX(Jesper!AI$2:AI$366,ROUNDDOWN($C3016/24,0)+1,1))-1)+IF('Standard Profiles'!$G$19=$B$10,7,0)+IF('Standard Profiles'!$G$19=$B$17,14,0)+IF('Standard Profiles'!$G$19=$B$24,21,0),MOD($C3016,24)+1)/SUM(INDEX($D$3:$AA$30,INDEX(Jesper!$R$2:$R$366,ROW(INDEX(Jesper!AI$2:AI$366,ROUNDDOWN($C3016/24,0)+1,1))-1)+IF('Standard Profiles'!$G$19=$B$10,7,0)+IF('Standard Profiles'!$G$19=$B$17,14,0)+IF('Standard Profiles'!$G$19=$B$24,21,0),0)),0)</f>
        <v>2.6771228657086619</v>
      </c>
      <c r="F3016" cm="1">
        <f t="array" ref="F3016">IFERROR(INDEX(Jesper!AJ$2:AJ$366,ROUNDDOWN($C3016/24,0)+1,1)*INDEX($D$3:$AA$30,INDEX(Jesper!$R$2:$R$366,ROW(INDEX(Jesper!AJ$2:AJ$366,ROUNDDOWN($C3016/24,0)+1,1))-1)+IF('Standard Profiles'!$G$20=$B$10,7,0)+IF('Standard Profiles'!$G$20=$B$17,14,0)+IF('Standard Profiles'!$G$20=$B$24,21,0),MOD($C3016,24)+1)/SUM(INDEX($D$3:$AA$30,INDEX(Jesper!$R$2:$R$366,ROW(INDEX(Jesper!AJ$2:AJ$366,ROUNDDOWN($C3016/24,0)+1,1))-1)+IF('Standard Profiles'!$G$20=$B$10,7,0)+IF('Standard Profiles'!$G$20=$B$17,14,0)+IF('Standard Profiles'!$G$20=$B$24,21,0),0)),0)</f>
        <v>0</v>
      </c>
      <c r="G3016" cm="1">
        <f t="array" ref="G3016">IFERROR(INDEX(Jesper!AK$2:AK$366,ROUNDDOWN($C3016/24,0)+1,1)*INDEX($D$3:$AA$30,INDEX(Jesper!$R$2:$R$366,ROW(INDEX(Jesper!AK$2:AK$366,ROUNDDOWN($C3016/24,0)+1,1))-1)+IF('Standard Profiles'!$G$21=$B$10,7,0)+IF('Standard Profiles'!$G$21=$B$17,14,0)+IF('Standard Profiles'!$G$21=$B$24,21,0),MOD($C3016,24)+1)/SUM(INDEX($D$3:$AA$30,INDEX(Jesper!$R$2:$R$366,ROW(INDEX(Jesper!AK$2:AK$366,ROUNDDOWN($C3016/24,0)+1,1))-1)+IF('Standard Profiles'!$G$21=$B$10,7,0)+IF('Standard Profiles'!$G$21=$B$17,14,0)+IF('Standard Profiles'!$G$21=$B$24,21,0),0)),0)</f>
        <v>0.79230017576282508</v>
      </c>
      <c r="H3016" cm="1">
        <f t="array" ref="H3016">IFERROR(INDEX(Jesper!AL$2:AL$366,ROUNDDOWN($C3016/24,0)+1,1)*INDEX($D$3:$AA$30,INDEX(Jesper!$R$2:$R$366,ROW(INDEX(Jesper!AL$2:AL$366,ROUNDDOWN($C3016/24,0)+1,1))-1)+IF('Standard Profiles'!$G$22=$B$10,7,0)+IF('Standard Profiles'!$G$22=$B$17,14,0)+IF('Standard Profiles'!$G$22=$B$24,21,0),MOD($C3016,24)+1)/SUM(INDEX($D$3:$AA$30,INDEX(Jesper!$R$2:$R$366,ROW(INDEX(Jesper!AL$2:AL$366,ROUNDDOWN($C3016/24,0)+1,1))-1)+IF('Standard Profiles'!$G$22=$B$10,7,0)+IF('Standard Profiles'!$G$22=$B$17,14,0)+IF('Standard Profiles'!$G$22=$B$24,21,0),0)),0)</f>
        <v>0</v>
      </c>
      <c r="I3016">
        <f t="shared" si="342"/>
        <v>0.38030408436615587</v>
      </c>
      <c r="J3016">
        <f t="shared" si="343"/>
        <v>7.4300094805083994</v>
      </c>
      <c r="K3016">
        <f t="shared" si="344"/>
        <v>0.55122419344800866</v>
      </c>
      <c r="L3016">
        <f t="shared" si="345"/>
        <v>0.27561209672400433</v>
      </c>
      <c r="M3016">
        <f t="shared" si="346"/>
        <v>0</v>
      </c>
      <c r="N3016" s="45">
        <f t="shared" si="347"/>
        <v>45051.249999992768</v>
      </c>
    </row>
    <row r="3017" spans="2:14" x14ac:dyDescent="0.25">
      <c r="B3017">
        <f t="shared" si="341"/>
        <v>5</v>
      </c>
      <c r="C3017" s="16">
        <v>2983</v>
      </c>
      <c r="D3017" cm="1">
        <f t="array" ref="D3017">IFERROR(INDEX(Jesper!AH$2:AH$366,ROUNDDOWN($C3017/24,0)+1,1)*INDEX($D$3:$AA$30,INDEX(Jesper!$R$2:$R$366,ROW(INDEX(Jesper!AH$2:AH$366,ROUNDDOWN($C3017/24,0)+1,1))-1)+IF('Standard Profiles'!$G$18=$B$10,7,0)+IF('Standard Profiles'!$G$18=$B$17,14,0)+IF('Standard Profiles'!$G$18=$B$24,21,0),MOD($C3017,24)+1)/SUM(INDEX($D$3:$AA$30,INDEX(Jesper!$R$2:$R$366,ROW(INDEX(Jesper!AH$2:AH$366,ROUNDDOWN($C3017/24,0)+1,1))-1)+IF('Standard Profiles'!$G$18=$B$10,7,0)+IF('Standard Profiles'!$G$18=$B$17,14,0)+IF('Standard Profiles'!$G$18=$B$24,21,0),0)),0)</f>
        <v>22.014516225829844</v>
      </c>
      <c r="E3017" cm="1">
        <f t="array" ref="E3017">IFERROR(INDEX(Jesper!AI$2:AI$366,ROUNDDOWN($C3017/24,0)+1,1)*INDEX($D$3:$AA$30,INDEX(Jesper!$R$2:$R$366,ROW(INDEX(Jesper!AI$2:AI$366,ROUNDDOWN($C3017/24,0)+1,1))-1)+IF('Standard Profiles'!$G$19=$B$10,7,0)+IF('Standard Profiles'!$G$19=$B$17,14,0)+IF('Standard Profiles'!$G$19=$B$24,21,0),MOD($C3017,24)+1)/SUM(INDEX($D$3:$AA$30,INDEX(Jesper!$R$2:$R$366,ROW(INDEX(Jesper!AI$2:AI$366,ROUNDDOWN($C3017/24,0)+1,1))-1)+IF('Standard Profiles'!$G$19=$B$10,7,0)+IF('Standard Profiles'!$G$19=$B$17,14,0)+IF('Standard Profiles'!$G$19=$B$24,21,0),0)),0)</f>
        <v>11.404543407918899</v>
      </c>
      <c r="F3017" cm="1">
        <f t="array" ref="F3017">IFERROR(INDEX(Jesper!AJ$2:AJ$366,ROUNDDOWN($C3017/24,0)+1,1)*INDEX($D$3:$AA$30,INDEX(Jesper!$R$2:$R$366,ROW(INDEX(Jesper!AJ$2:AJ$366,ROUNDDOWN($C3017/24,0)+1,1))-1)+IF('Standard Profiles'!$G$20=$B$10,7,0)+IF('Standard Profiles'!$G$20=$B$17,14,0)+IF('Standard Profiles'!$G$20=$B$24,21,0),MOD($C3017,24)+1)/SUM(INDEX($D$3:$AA$30,INDEX(Jesper!$R$2:$R$366,ROW(INDEX(Jesper!AJ$2:AJ$366,ROUNDDOWN($C3017/24,0)+1,1))-1)+IF('Standard Profiles'!$G$20=$B$10,7,0)+IF('Standard Profiles'!$G$20=$B$17,14,0)+IF('Standard Profiles'!$G$20=$B$24,21,0),0)),0)</f>
        <v>0</v>
      </c>
      <c r="G3017" cm="1">
        <f t="array" ref="G3017">IFERROR(INDEX(Jesper!AK$2:AK$366,ROUNDDOWN($C3017/24,0)+1,1)*INDEX($D$3:$AA$30,INDEX(Jesper!$R$2:$R$366,ROW(INDEX(Jesper!AK$2:AK$366,ROUNDDOWN($C3017/24,0)+1,1))-1)+IF('Standard Profiles'!$G$21=$B$10,7,0)+IF('Standard Profiles'!$G$21=$B$17,14,0)+IF('Standard Profiles'!$G$21=$B$24,21,0),MOD($C3017,24)+1)/SUM(INDEX($D$3:$AA$30,INDEX(Jesper!$R$2:$R$366,ROW(INDEX(Jesper!AK$2:AK$366,ROUNDDOWN($C3017/24,0)+1,1))-1)+IF('Standard Profiles'!$G$21=$B$10,7,0)+IF('Standard Profiles'!$G$21=$B$17,14,0)+IF('Standard Profiles'!$G$21=$B$24,21,0),0)),0)</f>
        <v>2.1468778956153969</v>
      </c>
      <c r="H3017" cm="1">
        <f t="array" ref="H3017">IFERROR(INDEX(Jesper!AL$2:AL$366,ROUNDDOWN($C3017/24,0)+1,1)*INDEX($D$3:$AA$30,INDEX(Jesper!$R$2:$R$366,ROW(INDEX(Jesper!AL$2:AL$366,ROUNDDOWN($C3017/24,0)+1,1))-1)+IF('Standard Profiles'!$G$22=$B$10,7,0)+IF('Standard Profiles'!$G$22=$B$17,14,0)+IF('Standard Profiles'!$G$22=$B$24,21,0),MOD($C3017,24)+1)/SUM(INDEX($D$3:$AA$30,INDEX(Jesper!$R$2:$R$366,ROW(INDEX(Jesper!AL$2:AL$366,ROUNDDOWN($C3017/24,0)+1,1))-1)+IF('Standard Profiles'!$G$22=$B$10,7,0)+IF('Standard Profiles'!$G$22=$B$17,14,0)+IF('Standard Profiles'!$G$22=$B$24,21,0),0)),0)</f>
        <v>0</v>
      </c>
      <c r="I3017">
        <f t="shared" si="342"/>
        <v>1.0305013898953901</v>
      </c>
      <c r="J3017">
        <f t="shared" si="343"/>
        <v>31.013113543335976</v>
      </c>
      <c r="K3017">
        <f t="shared" si="344"/>
        <v>2.3482150640885169</v>
      </c>
      <c r="L3017">
        <f t="shared" si="345"/>
        <v>1.1741075320442584</v>
      </c>
      <c r="M3017">
        <f t="shared" si="346"/>
        <v>0</v>
      </c>
      <c r="N3017" s="45">
        <f t="shared" si="347"/>
        <v>45051.291666659432</v>
      </c>
    </row>
    <row r="3018" spans="2:14" x14ac:dyDescent="0.25">
      <c r="B3018">
        <f t="shared" si="341"/>
        <v>5</v>
      </c>
      <c r="C3018" s="16">
        <v>2984</v>
      </c>
      <c r="D3018" cm="1">
        <f t="array" ref="D3018">IFERROR(INDEX(Jesper!AH$2:AH$366,ROUNDDOWN($C3018/24,0)+1,1)*INDEX($D$3:$AA$30,INDEX(Jesper!$R$2:$R$366,ROW(INDEX(Jesper!AH$2:AH$366,ROUNDDOWN($C3018/24,0)+1,1))-1)+IF('Standard Profiles'!$G$18=$B$10,7,0)+IF('Standard Profiles'!$G$18=$B$17,14,0)+IF('Standard Profiles'!$G$18=$B$24,21,0),MOD($C3018,24)+1)/SUM(INDEX($D$3:$AA$30,INDEX(Jesper!$R$2:$R$366,ROW(INDEX(Jesper!AH$2:AH$366,ROUNDDOWN($C3018/24,0)+1,1))-1)+IF('Standard Profiles'!$G$18=$B$10,7,0)+IF('Standard Profiles'!$G$18=$B$17,14,0)+IF('Standard Profiles'!$G$18=$B$24,21,0),0)),0)</f>
        <v>27.518145282287303</v>
      </c>
      <c r="E3018" cm="1">
        <f t="array" ref="E3018">IFERROR(INDEX(Jesper!AI$2:AI$366,ROUNDDOWN($C3018/24,0)+1,1)*INDEX($D$3:$AA$30,INDEX(Jesper!$R$2:$R$366,ROW(INDEX(Jesper!AI$2:AI$366,ROUNDDOWN($C3018/24,0)+1,1))-1)+IF('Standard Profiles'!$G$19=$B$10,7,0)+IF('Standard Profiles'!$G$19=$B$17,14,0)+IF('Standard Profiles'!$G$19=$B$24,21,0),MOD($C3018,24)+1)/SUM(INDEX($D$3:$AA$30,INDEX(Jesper!$R$2:$R$366,ROW(INDEX(Jesper!AI$2:AI$366,ROUNDDOWN($C3018/24,0)+1,1))-1)+IF('Standard Profiles'!$G$19=$B$10,7,0)+IF('Standard Profiles'!$G$19=$B$17,14,0)+IF('Standard Profiles'!$G$19=$B$24,21,0),0)),0)</f>
        <v>14.255679259898624</v>
      </c>
      <c r="F3018" cm="1">
        <f t="array" ref="F3018">IFERROR(INDEX(Jesper!AJ$2:AJ$366,ROUNDDOWN($C3018/24,0)+1,1)*INDEX($D$3:$AA$30,INDEX(Jesper!$R$2:$R$366,ROW(INDEX(Jesper!AJ$2:AJ$366,ROUNDDOWN($C3018/24,0)+1,1))-1)+IF('Standard Profiles'!$G$20=$B$10,7,0)+IF('Standard Profiles'!$G$20=$B$17,14,0)+IF('Standard Profiles'!$G$20=$B$24,21,0),MOD($C3018,24)+1)/SUM(INDEX($D$3:$AA$30,INDEX(Jesper!$R$2:$R$366,ROW(INDEX(Jesper!AJ$2:AJ$366,ROUNDDOWN($C3018/24,0)+1,1))-1)+IF('Standard Profiles'!$G$20=$B$10,7,0)+IF('Standard Profiles'!$G$20=$B$17,14,0)+IF('Standard Profiles'!$G$20=$B$24,21,0),0)),0)</f>
        <v>0</v>
      </c>
      <c r="G3018" cm="1">
        <f t="array" ref="G3018">IFERROR(INDEX(Jesper!AK$2:AK$366,ROUNDDOWN($C3018/24,0)+1,1)*INDEX($D$3:$AA$30,INDEX(Jesper!$R$2:$R$366,ROW(INDEX(Jesper!AK$2:AK$366,ROUNDDOWN($C3018/24,0)+1,1))-1)+IF('Standard Profiles'!$G$21=$B$10,7,0)+IF('Standard Profiles'!$G$21=$B$17,14,0)+IF('Standard Profiles'!$G$21=$B$24,21,0),MOD($C3018,24)+1)/SUM(INDEX($D$3:$AA$30,INDEX(Jesper!$R$2:$R$366,ROW(INDEX(Jesper!AK$2:AK$366,ROUNDDOWN($C3018/24,0)+1,1))-1)+IF('Standard Profiles'!$G$21=$B$10,7,0)+IF('Standard Profiles'!$G$21=$B$17,14,0)+IF('Standard Profiles'!$G$21=$B$24,21,0),0)),0)</f>
        <v>2.6835973695192461</v>
      </c>
      <c r="H3018" cm="1">
        <f t="array" ref="H3018">IFERROR(INDEX(Jesper!AL$2:AL$366,ROUNDDOWN($C3018/24,0)+1,1)*INDEX($D$3:$AA$30,INDEX(Jesper!$R$2:$R$366,ROW(INDEX(Jesper!AL$2:AL$366,ROUNDDOWN($C3018/24,0)+1,1))-1)+IF('Standard Profiles'!$G$22=$B$10,7,0)+IF('Standard Profiles'!$G$22=$B$17,14,0)+IF('Standard Profiles'!$G$22=$B$24,21,0),MOD($C3018,24)+1)/SUM(INDEX($D$3:$AA$30,INDEX(Jesper!$R$2:$R$366,ROW(INDEX(Jesper!AL$2:AL$366,ROUNDDOWN($C3018/24,0)+1,1))-1)+IF('Standard Profiles'!$G$22=$B$10,7,0)+IF('Standard Profiles'!$G$22=$B$17,14,0)+IF('Standard Profiles'!$G$22=$B$24,21,0),0)),0)</f>
        <v>0</v>
      </c>
      <c r="I3018">
        <f t="shared" si="342"/>
        <v>1.2881267373692376</v>
      </c>
      <c r="J3018">
        <f t="shared" si="343"/>
        <v>38.76639192916997</v>
      </c>
      <c r="K3018">
        <f t="shared" si="344"/>
        <v>2.9352688301106458</v>
      </c>
      <c r="L3018">
        <f t="shared" si="345"/>
        <v>1.4676344150553229</v>
      </c>
      <c r="M3018">
        <f t="shared" si="346"/>
        <v>0</v>
      </c>
      <c r="N3018" s="45">
        <f t="shared" si="347"/>
        <v>45051.333333326096</v>
      </c>
    </row>
    <row r="3019" spans="2:14" x14ac:dyDescent="0.25">
      <c r="B3019">
        <f t="shared" si="341"/>
        <v>5</v>
      </c>
      <c r="C3019" s="16">
        <v>2985</v>
      </c>
      <c r="D3019" cm="1">
        <f t="array" ref="D3019">IFERROR(INDEX(Jesper!AH$2:AH$366,ROUNDDOWN($C3019/24,0)+1,1)*INDEX($D$3:$AA$30,INDEX(Jesper!$R$2:$R$366,ROW(INDEX(Jesper!AH$2:AH$366,ROUNDDOWN($C3019/24,0)+1,1))-1)+IF('Standard Profiles'!$G$18=$B$10,7,0)+IF('Standard Profiles'!$G$18=$B$17,14,0)+IF('Standard Profiles'!$G$18=$B$24,21,0),MOD($C3019,24)+1)/SUM(INDEX($D$3:$AA$30,INDEX(Jesper!$R$2:$R$366,ROW(INDEX(Jesper!AH$2:AH$366,ROUNDDOWN($C3019/24,0)+1,1))-1)+IF('Standard Profiles'!$G$18=$B$10,7,0)+IF('Standard Profiles'!$G$18=$B$17,14,0)+IF('Standard Profiles'!$G$18=$B$24,21,0),0)),0)</f>
        <v>30.269959810516035</v>
      </c>
      <c r="E3019" cm="1">
        <f t="array" ref="E3019">IFERROR(INDEX(Jesper!AI$2:AI$366,ROUNDDOWN($C3019/24,0)+1,1)*INDEX($D$3:$AA$30,INDEX(Jesper!$R$2:$R$366,ROW(INDEX(Jesper!AI$2:AI$366,ROUNDDOWN($C3019/24,0)+1,1))-1)+IF('Standard Profiles'!$G$19=$B$10,7,0)+IF('Standard Profiles'!$G$19=$B$17,14,0)+IF('Standard Profiles'!$G$19=$B$24,21,0),MOD($C3019,24)+1)/SUM(INDEX($D$3:$AA$30,INDEX(Jesper!$R$2:$R$366,ROW(INDEX(Jesper!AI$2:AI$366,ROUNDDOWN($C3019/24,0)+1,1))-1)+IF('Standard Profiles'!$G$19=$B$10,7,0)+IF('Standard Profiles'!$G$19=$B$17,14,0)+IF('Standard Profiles'!$G$19=$B$24,21,0),0)),0)</f>
        <v>15.681247185888486</v>
      </c>
      <c r="F3019" cm="1">
        <f t="array" ref="F3019">IFERROR(INDEX(Jesper!AJ$2:AJ$366,ROUNDDOWN($C3019/24,0)+1,1)*INDEX($D$3:$AA$30,INDEX(Jesper!$R$2:$R$366,ROW(INDEX(Jesper!AJ$2:AJ$366,ROUNDDOWN($C3019/24,0)+1,1))-1)+IF('Standard Profiles'!$G$20=$B$10,7,0)+IF('Standard Profiles'!$G$20=$B$17,14,0)+IF('Standard Profiles'!$G$20=$B$24,21,0),MOD($C3019,24)+1)/SUM(INDEX($D$3:$AA$30,INDEX(Jesper!$R$2:$R$366,ROW(INDEX(Jesper!AJ$2:AJ$366,ROUNDDOWN($C3019/24,0)+1,1))-1)+IF('Standard Profiles'!$G$20=$B$10,7,0)+IF('Standard Profiles'!$G$20=$B$17,14,0)+IF('Standard Profiles'!$G$20=$B$24,21,0),0)),0)</f>
        <v>0</v>
      </c>
      <c r="G3019" cm="1">
        <f t="array" ref="G3019">IFERROR(INDEX(Jesper!AK$2:AK$366,ROUNDDOWN($C3019/24,0)+1,1)*INDEX($D$3:$AA$30,INDEX(Jesper!$R$2:$R$366,ROW(INDEX(Jesper!AK$2:AK$366,ROUNDDOWN($C3019/24,0)+1,1))-1)+IF('Standard Profiles'!$G$21=$B$10,7,0)+IF('Standard Profiles'!$G$21=$B$17,14,0)+IF('Standard Profiles'!$G$21=$B$24,21,0),MOD($C3019,24)+1)/SUM(INDEX($D$3:$AA$30,INDEX(Jesper!$R$2:$R$366,ROW(INDEX(Jesper!AK$2:AK$366,ROUNDDOWN($C3019/24,0)+1,1))-1)+IF('Standard Profiles'!$G$21=$B$10,7,0)+IF('Standard Profiles'!$G$21=$B$17,14,0)+IF('Standard Profiles'!$G$21=$B$24,21,0),0)),0)</f>
        <v>2.9519571064711707</v>
      </c>
      <c r="H3019" cm="1">
        <f t="array" ref="H3019">IFERROR(INDEX(Jesper!AL$2:AL$366,ROUNDDOWN($C3019/24,0)+1,1)*INDEX($D$3:$AA$30,INDEX(Jesper!$R$2:$R$366,ROW(INDEX(Jesper!AL$2:AL$366,ROUNDDOWN($C3019/24,0)+1,1))-1)+IF('Standard Profiles'!$G$22=$B$10,7,0)+IF('Standard Profiles'!$G$22=$B$17,14,0)+IF('Standard Profiles'!$G$22=$B$24,21,0),MOD($C3019,24)+1)/SUM(INDEX($D$3:$AA$30,INDEX(Jesper!$R$2:$R$366,ROW(INDEX(Jesper!AL$2:AL$366,ROUNDDOWN($C3019/24,0)+1,1))-1)+IF('Standard Profiles'!$G$22=$B$10,7,0)+IF('Standard Profiles'!$G$22=$B$17,14,0)+IF('Standard Profiles'!$G$22=$B$24,21,0),0)),0)</f>
        <v>0</v>
      </c>
      <c r="I3019">
        <f t="shared" si="342"/>
        <v>1.4169394111061613</v>
      </c>
      <c r="J3019">
        <f t="shared" si="343"/>
        <v>42.64303112208696</v>
      </c>
      <c r="K3019">
        <f t="shared" si="344"/>
        <v>3.2287957131217104</v>
      </c>
      <c r="L3019">
        <f t="shared" si="345"/>
        <v>1.6143978565608552</v>
      </c>
      <c r="M3019">
        <f t="shared" si="346"/>
        <v>0</v>
      </c>
      <c r="N3019" s="45">
        <f t="shared" si="347"/>
        <v>45051.37499999276</v>
      </c>
    </row>
    <row r="3020" spans="2:14" x14ac:dyDescent="0.25">
      <c r="B3020">
        <f t="shared" si="341"/>
        <v>5</v>
      </c>
      <c r="C3020" s="16">
        <v>2986</v>
      </c>
      <c r="D3020" cm="1">
        <f t="array" ref="D3020">IFERROR(INDEX(Jesper!AH$2:AH$366,ROUNDDOWN($C3020/24,0)+1,1)*INDEX($D$3:$AA$30,INDEX(Jesper!$R$2:$R$366,ROW(INDEX(Jesper!AH$2:AH$366,ROUNDDOWN($C3020/24,0)+1,1))-1)+IF('Standard Profiles'!$G$18=$B$10,7,0)+IF('Standard Profiles'!$G$18=$B$17,14,0)+IF('Standard Profiles'!$G$18=$B$24,21,0),MOD($C3020,24)+1)/SUM(INDEX($D$3:$AA$30,INDEX(Jesper!$R$2:$R$366,ROW(INDEX(Jesper!AH$2:AH$366,ROUNDDOWN($C3020/24,0)+1,1))-1)+IF('Standard Profiles'!$G$18=$B$10,7,0)+IF('Standard Profiles'!$G$18=$B$17,14,0)+IF('Standard Profiles'!$G$18=$B$24,21,0),0)),0)</f>
        <v>30.269959810516035</v>
      </c>
      <c r="E3020" cm="1">
        <f t="array" ref="E3020">IFERROR(INDEX(Jesper!AI$2:AI$366,ROUNDDOWN($C3020/24,0)+1,1)*INDEX($D$3:$AA$30,INDEX(Jesper!$R$2:$R$366,ROW(INDEX(Jesper!AI$2:AI$366,ROUNDDOWN($C3020/24,0)+1,1))-1)+IF('Standard Profiles'!$G$19=$B$10,7,0)+IF('Standard Profiles'!$G$19=$B$17,14,0)+IF('Standard Profiles'!$G$19=$B$24,21,0),MOD($C3020,24)+1)/SUM(INDEX($D$3:$AA$30,INDEX(Jesper!$R$2:$R$366,ROW(INDEX(Jesper!AI$2:AI$366,ROUNDDOWN($C3020/24,0)+1,1))-1)+IF('Standard Profiles'!$G$19=$B$10,7,0)+IF('Standard Profiles'!$G$19=$B$17,14,0)+IF('Standard Profiles'!$G$19=$B$24,21,0),0)),0)</f>
        <v>15.681247185888486</v>
      </c>
      <c r="F3020" cm="1">
        <f t="array" ref="F3020">IFERROR(INDEX(Jesper!AJ$2:AJ$366,ROUNDDOWN($C3020/24,0)+1,1)*INDEX($D$3:$AA$30,INDEX(Jesper!$R$2:$R$366,ROW(INDEX(Jesper!AJ$2:AJ$366,ROUNDDOWN($C3020/24,0)+1,1))-1)+IF('Standard Profiles'!$G$20=$B$10,7,0)+IF('Standard Profiles'!$G$20=$B$17,14,0)+IF('Standard Profiles'!$G$20=$B$24,21,0),MOD($C3020,24)+1)/SUM(INDEX($D$3:$AA$30,INDEX(Jesper!$R$2:$R$366,ROW(INDEX(Jesper!AJ$2:AJ$366,ROUNDDOWN($C3020/24,0)+1,1))-1)+IF('Standard Profiles'!$G$20=$B$10,7,0)+IF('Standard Profiles'!$G$20=$B$17,14,0)+IF('Standard Profiles'!$G$20=$B$24,21,0),0)),0)</f>
        <v>0</v>
      </c>
      <c r="G3020" cm="1">
        <f t="array" ref="G3020">IFERROR(INDEX(Jesper!AK$2:AK$366,ROUNDDOWN($C3020/24,0)+1,1)*INDEX($D$3:$AA$30,INDEX(Jesper!$R$2:$R$366,ROW(INDEX(Jesper!AK$2:AK$366,ROUNDDOWN($C3020/24,0)+1,1))-1)+IF('Standard Profiles'!$G$21=$B$10,7,0)+IF('Standard Profiles'!$G$21=$B$17,14,0)+IF('Standard Profiles'!$G$21=$B$24,21,0),MOD($C3020,24)+1)/SUM(INDEX($D$3:$AA$30,INDEX(Jesper!$R$2:$R$366,ROW(INDEX(Jesper!AK$2:AK$366,ROUNDDOWN($C3020/24,0)+1,1))-1)+IF('Standard Profiles'!$G$21=$B$10,7,0)+IF('Standard Profiles'!$G$21=$B$17,14,0)+IF('Standard Profiles'!$G$21=$B$24,21,0),0)),0)</f>
        <v>2.9519571064711707</v>
      </c>
      <c r="H3020" cm="1">
        <f t="array" ref="H3020">IFERROR(INDEX(Jesper!AL$2:AL$366,ROUNDDOWN($C3020/24,0)+1,1)*INDEX($D$3:$AA$30,INDEX(Jesper!$R$2:$R$366,ROW(INDEX(Jesper!AL$2:AL$366,ROUNDDOWN($C3020/24,0)+1,1))-1)+IF('Standard Profiles'!$G$22=$B$10,7,0)+IF('Standard Profiles'!$G$22=$B$17,14,0)+IF('Standard Profiles'!$G$22=$B$24,21,0),MOD($C3020,24)+1)/SUM(INDEX($D$3:$AA$30,INDEX(Jesper!$R$2:$R$366,ROW(INDEX(Jesper!AL$2:AL$366,ROUNDDOWN($C3020/24,0)+1,1))-1)+IF('Standard Profiles'!$G$22=$B$10,7,0)+IF('Standard Profiles'!$G$22=$B$17,14,0)+IF('Standard Profiles'!$G$22=$B$24,21,0),0)),0)</f>
        <v>0</v>
      </c>
      <c r="I3020">
        <f t="shared" si="342"/>
        <v>1.4169394111061613</v>
      </c>
      <c r="J3020">
        <f t="shared" si="343"/>
        <v>42.64303112208696</v>
      </c>
      <c r="K3020">
        <f t="shared" si="344"/>
        <v>3.2287957131217104</v>
      </c>
      <c r="L3020">
        <f t="shared" si="345"/>
        <v>1.6143978565608552</v>
      </c>
      <c r="M3020">
        <f t="shared" si="346"/>
        <v>0</v>
      </c>
      <c r="N3020" s="45">
        <f t="shared" si="347"/>
        <v>45051.416666659425</v>
      </c>
    </row>
    <row r="3021" spans="2:14" x14ac:dyDescent="0.25">
      <c r="B3021">
        <f t="shared" si="341"/>
        <v>5</v>
      </c>
      <c r="C3021" s="16">
        <v>2987</v>
      </c>
      <c r="D3021" cm="1">
        <f t="array" ref="D3021">IFERROR(INDEX(Jesper!AH$2:AH$366,ROUNDDOWN($C3021/24,0)+1,1)*INDEX($D$3:$AA$30,INDEX(Jesper!$R$2:$R$366,ROW(INDEX(Jesper!AH$2:AH$366,ROUNDDOWN($C3021/24,0)+1,1))-1)+IF('Standard Profiles'!$G$18=$B$10,7,0)+IF('Standard Profiles'!$G$18=$B$17,14,0)+IF('Standard Profiles'!$G$18=$B$24,21,0),MOD($C3021,24)+1)/SUM(INDEX($D$3:$AA$30,INDEX(Jesper!$R$2:$R$366,ROW(INDEX(Jesper!AH$2:AH$366,ROUNDDOWN($C3021/24,0)+1,1))-1)+IF('Standard Profiles'!$G$18=$B$10,7,0)+IF('Standard Profiles'!$G$18=$B$17,14,0)+IF('Standard Profiles'!$G$18=$B$24,21,0),0)),0)</f>
        <v>35.773588866973498</v>
      </c>
      <c r="E3021" cm="1">
        <f t="array" ref="E3021">IFERROR(INDEX(Jesper!AI$2:AI$366,ROUNDDOWN($C3021/24,0)+1,1)*INDEX($D$3:$AA$30,INDEX(Jesper!$R$2:$R$366,ROW(INDEX(Jesper!AI$2:AI$366,ROUNDDOWN($C3021/24,0)+1,1))-1)+IF('Standard Profiles'!$G$19=$B$10,7,0)+IF('Standard Profiles'!$G$19=$B$17,14,0)+IF('Standard Profiles'!$G$19=$B$24,21,0),MOD($C3021,24)+1)/SUM(INDEX($D$3:$AA$30,INDEX(Jesper!$R$2:$R$366,ROW(INDEX(Jesper!AI$2:AI$366,ROUNDDOWN($C3021/24,0)+1,1))-1)+IF('Standard Profiles'!$G$19=$B$10,7,0)+IF('Standard Profiles'!$G$19=$B$17,14,0)+IF('Standard Profiles'!$G$19=$B$24,21,0),0)),0)</f>
        <v>18.532383037868211</v>
      </c>
      <c r="F3021" cm="1">
        <f t="array" ref="F3021">IFERROR(INDEX(Jesper!AJ$2:AJ$366,ROUNDDOWN($C3021/24,0)+1,1)*INDEX($D$3:$AA$30,INDEX(Jesper!$R$2:$R$366,ROW(INDEX(Jesper!AJ$2:AJ$366,ROUNDDOWN($C3021/24,0)+1,1))-1)+IF('Standard Profiles'!$G$20=$B$10,7,0)+IF('Standard Profiles'!$G$20=$B$17,14,0)+IF('Standard Profiles'!$G$20=$B$24,21,0),MOD($C3021,24)+1)/SUM(INDEX($D$3:$AA$30,INDEX(Jesper!$R$2:$R$366,ROW(INDEX(Jesper!AJ$2:AJ$366,ROUNDDOWN($C3021/24,0)+1,1))-1)+IF('Standard Profiles'!$G$20=$B$10,7,0)+IF('Standard Profiles'!$G$20=$B$17,14,0)+IF('Standard Profiles'!$G$20=$B$24,21,0),0)),0)</f>
        <v>0</v>
      </c>
      <c r="G3021" cm="1">
        <f t="array" ref="G3021">IFERROR(INDEX(Jesper!AK$2:AK$366,ROUNDDOWN($C3021/24,0)+1,1)*INDEX($D$3:$AA$30,INDEX(Jesper!$R$2:$R$366,ROW(INDEX(Jesper!AK$2:AK$366,ROUNDDOWN($C3021/24,0)+1,1))-1)+IF('Standard Profiles'!$G$21=$B$10,7,0)+IF('Standard Profiles'!$G$21=$B$17,14,0)+IF('Standard Profiles'!$G$21=$B$24,21,0),MOD($C3021,24)+1)/SUM(INDEX($D$3:$AA$30,INDEX(Jesper!$R$2:$R$366,ROW(INDEX(Jesper!AK$2:AK$366,ROUNDDOWN($C3021/24,0)+1,1))-1)+IF('Standard Profiles'!$G$21=$B$10,7,0)+IF('Standard Profiles'!$G$21=$B$17,14,0)+IF('Standard Profiles'!$G$21=$B$24,21,0),0)),0)</f>
        <v>3.4886765803750204</v>
      </c>
      <c r="H3021" cm="1">
        <f t="array" ref="H3021">IFERROR(INDEX(Jesper!AL$2:AL$366,ROUNDDOWN($C3021/24,0)+1,1)*INDEX($D$3:$AA$30,INDEX(Jesper!$R$2:$R$366,ROW(INDEX(Jesper!AL$2:AL$366,ROUNDDOWN($C3021/24,0)+1,1))-1)+IF('Standard Profiles'!$G$22=$B$10,7,0)+IF('Standard Profiles'!$G$22=$B$17,14,0)+IF('Standard Profiles'!$G$22=$B$24,21,0),MOD($C3021,24)+1)/SUM(INDEX($D$3:$AA$30,INDEX(Jesper!$R$2:$R$366,ROW(INDEX(Jesper!AL$2:AL$366,ROUNDDOWN($C3021/24,0)+1,1))-1)+IF('Standard Profiles'!$G$22=$B$10,7,0)+IF('Standard Profiles'!$G$22=$B$17,14,0)+IF('Standard Profiles'!$G$22=$B$24,21,0),0)),0)</f>
        <v>0</v>
      </c>
      <c r="I3021">
        <f t="shared" si="342"/>
        <v>1.674564758580009</v>
      </c>
      <c r="J3021">
        <f t="shared" si="343"/>
        <v>50.396309507920961</v>
      </c>
      <c r="K3021">
        <f t="shared" si="344"/>
        <v>3.8158494791438402</v>
      </c>
      <c r="L3021">
        <f t="shared" si="345"/>
        <v>1.9079247395719201</v>
      </c>
      <c r="M3021">
        <f t="shared" si="346"/>
        <v>0</v>
      </c>
      <c r="N3021" s="45">
        <f t="shared" si="347"/>
        <v>45051.458333326089</v>
      </c>
    </row>
    <row r="3022" spans="2:14" x14ac:dyDescent="0.25">
      <c r="B3022">
        <f t="shared" si="341"/>
        <v>5</v>
      </c>
      <c r="C3022" s="16">
        <v>2988</v>
      </c>
      <c r="D3022" cm="1">
        <f t="array" ref="D3022">IFERROR(INDEX(Jesper!AH$2:AH$366,ROUNDDOWN($C3022/24,0)+1,1)*INDEX($D$3:$AA$30,INDEX(Jesper!$R$2:$R$366,ROW(INDEX(Jesper!AH$2:AH$366,ROUNDDOWN($C3022/24,0)+1,1))-1)+IF('Standard Profiles'!$G$18=$B$10,7,0)+IF('Standard Profiles'!$G$18=$B$17,14,0)+IF('Standard Profiles'!$G$18=$B$24,21,0),MOD($C3022,24)+1)/SUM(INDEX($D$3:$AA$30,INDEX(Jesper!$R$2:$R$366,ROW(INDEX(Jesper!AH$2:AH$366,ROUNDDOWN($C3022/24,0)+1,1))-1)+IF('Standard Profiles'!$G$18=$B$10,7,0)+IF('Standard Profiles'!$G$18=$B$17,14,0)+IF('Standard Profiles'!$G$18=$B$24,21,0),0)),0)</f>
        <v>35.773588866973498</v>
      </c>
      <c r="E3022" cm="1">
        <f t="array" ref="E3022">IFERROR(INDEX(Jesper!AI$2:AI$366,ROUNDDOWN($C3022/24,0)+1,1)*INDEX($D$3:$AA$30,INDEX(Jesper!$R$2:$R$366,ROW(INDEX(Jesper!AI$2:AI$366,ROUNDDOWN($C3022/24,0)+1,1))-1)+IF('Standard Profiles'!$G$19=$B$10,7,0)+IF('Standard Profiles'!$G$19=$B$17,14,0)+IF('Standard Profiles'!$G$19=$B$24,21,0),MOD($C3022,24)+1)/SUM(INDEX($D$3:$AA$30,INDEX(Jesper!$R$2:$R$366,ROW(INDEX(Jesper!AI$2:AI$366,ROUNDDOWN($C3022/24,0)+1,1))-1)+IF('Standard Profiles'!$G$19=$B$10,7,0)+IF('Standard Profiles'!$G$19=$B$17,14,0)+IF('Standard Profiles'!$G$19=$B$24,21,0),0)),0)</f>
        <v>18.532383037868211</v>
      </c>
      <c r="F3022" cm="1">
        <f t="array" ref="F3022">IFERROR(INDEX(Jesper!AJ$2:AJ$366,ROUNDDOWN($C3022/24,0)+1,1)*INDEX($D$3:$AA$30,INDEX(Jesper!$R$2:$R$366,ROW(INDEX(Jesper!AJ$2:AJ$366,ROUNDDOWN($C3022/24,0)+1,1))-1)+IF('Standard Profiles'!$G$20=$B$10,7,0)+IF('Standard Profiles'!$G$20=$B$17,14,0)+IF('Standard Profiles'!$G$20=$B$24,21,0),MOD($C3022,24)+1)/SUM(INDEX($D$3:$AA$30,INDEX(Jesper!$R$2:$R$366,ROW(INDEX(Jesper!AJ$2:AJ$366,ROUNDDOWN($C3022/24,0)+1,1))-1)+IF('Standard Profiles'!$G$20=$B$10,7,0)+IF('Standard Profiles'!$G$20=$B$17,14,0)+IF('Standard Profiles'!$G$20=$B$24,21,0),0)),0)</f>
        <v>0</v>
      </c>
      <c r="G3022" cm="1">
        <f t="array" ref="G3022">IFERROR(INDEX(Jesper!AK$2:AK$366,ROUNDDOWN($C3022/24,0)+1,1)*INDEX($D$3:$AA$30,INDEX(Jesper!$R$2:$R$366,ROW(INDEX(Jesper!AK$2:AK$366,ROUNDDOWN($C3022/24,0)+1,1))-1)+IF('Standard Profiles'!$G$21=$B$10,7,0)+IF('Standard Profiles'!$G$21=$B$17,14,0)+IF('Standard Profiles'!$G$21=$B$24,21,0),MOD($C3022,24)+1)/SUM(INDEX($D$3:$AA$30,INDEX(Jesper!$R$2:$R$366,ROW(INDEX(Jesper!AK$2:AK$366,ROUNDDOWN($C3022/24,0)+1,1))-1)+IF('Standard Profiles'!$G$21=$B$10,7,0)+IF('Standard Profiles'!$G$21=$B$17,14,0)+IF('Standard Profiles'!$G$21=$B$24,21,0),0)),0)</f>
        <v>3.4886765803750204</v>
      </c>
      <c r="H3022" cm="1">
        <f t="array" ref="H3022">IFERROR(INDEX(Jesper!AL$2:AL$366,ROUNDDOWN($C3022/24,0)+1,1)*INDEX($D$3:$AA$30,INDEX(Jesper!$R$2:$R$366,ROW(INDEX(Jesper!AL$2:AL$366,ROUNDDOWN($C3022/24,0)+1,1))-1)+IF('Standard Profiles'!$G$22=$B$10,7,0)+IF('Standard Profiles'!$G$22=$B$17,14,0)+IF('Standard Profiles'!$G$22=$B$24,21,0),MOD($C3022,24)+1)/SUM(INDEX($D$3:$AA$30,INDEX(Jesper!$R$2:$R$366,ROW(INDEX(Jesper!AL$2:AL$366,ROUNDDOWN($C3022/24,0)+1,1))-1)+IF('Standard Profiles'!$G$22=$B$10,7,0)+IF('Standard Profiles'!$G$22=$B$17,14,0)+IF('Standard Profiles'!$G$22=$B$24,21,0),0)),0)</f>
        <v>0</v>
      </c>
      <c r="I3022">
        <f t="shared" si="342"/>
        <v>1.674564758580009</v>
      </c>
      <c r="J3022">
        <f t="shared" si="343"/>
        <v>50.396309507920961</v>
      </c>
      <c r="K3022">
        <f t="shared" si="344"/>
        <v>3.8158494791438402</v>
      </c>
      <c r="L3022">
        <f t="shared" si="345"/>
        <v>1.9079247395719201</v>
      </c>
      <c r="M3022">
        <f t="shared" si="346"/>
        <v>0</v>
      </c>
      <c r="N3022" s="45">
        <f t="shared" si="347"/>
        <v>45051.499999992753</v>
      </c>
    </row>
    <row r="3023" spans="2:14" x14ac:dyDescent="0.25">
      <c r="B3023">
        <f t="shared" si="341"/>
        <v>5</v>
      </c>
      <c r="C3023" s="16">
        <v>2989</v>
      </c>
      <c r="D3023" cm="1">
        <f t="array" ref="D3023">IFERROR(INDEX(Jesper!AH$2:AH$366,ROUNDDOWN($C3023/24,0)+1,1)*INDEX($D$3:$AA$30,INDEX(Jesper!$R$2:$R$366,ROW(INDEX(Jesper!AH$2:AH$366,ROUNDDOWN($C3023/24,0)+1,1))-1)+IF('Standard Profiles'!$G$18=$B$10,7,0)+IF('Standard Profiles'!$G$18=$B$17,14,0)+IF('Standard Profiles'!$G$18=$B$24,21,0),MOD($C3023,24)+1)/SUM(INDEX($D$3:$AA$30,INDEX(Jesper!$R$2:$R$366,ROW(INDEX(Jesper!AH$2:AH$366,ROUNDDOWN($C3023/24,0)+1,1))-1)+IF('Standard Profiles'!$G$18=$B$10,7,0)+IF('Standard Profiles'!$G$18=$B$17,14,0)+IF('Standard Profiles'!$G$18=$B$24,21,0),0)),0)</f>
        <v>24.766330754058572</v>
      </c>
      <c r="E3023" cm="1">
        <f t="array" ref="E3023">IFERROR(INDEX(Jesper!AI$2:AI$366,ROUNDDOWN($C3023/24,0)+1,1)*INDEX($D$3:$AA$30,INDEX(Jesper!$R$2:$R$366,ROW(INDEX(Jesper!AI$2:AI$366,ROUNDDOWN($C3023/24,0)+1,1))-1)+IF('Standard Profiles'!$G$19=$B$10,7,0)+IF('Standard Profiles'!$G$19=$B$17,14,0)+IF('Standard Profiles'!$G$19=$B$24,21,0),MOD($C3023,24)+1)/SUM(INDEX($D$3:$AA$30,INDEX(Jesper!$R$2:$R$366,ROW(INDEX(Jesper!AI$2:AI$366,ROUNDDOWN($C3023/24,0)+1,1))-1)+IF('Standard Profiles'!$G$19=$B$10,7,0)+IF('Standard Profiles'!$G$19=$B$17,14,0)+IF('Standard Profiles'!$G$19=$B$24,21,0),0)),0)</f>
        <v>12.830111333908761</v>
      </c>
      <c r="F3023" cm="1">
        <f t="array" ref="F3023">IFERROR(INDEX(Jesper!AJ$2:AJ$366,ROUNDDOWN($C3023/24,0)+1,1)*INDEX($D$3:$AA$30,INDEX(Jesper!$R$2:$R$366,ROW(INDEX(Jesper!AJ$2:AJ$366,ROUNDDOWN($C3023/24,0)+1,1))-1)+IF('Standard Profiles'!$G$20=$B$10,7,0)+IF('Standard Profiles'!$G$20=$B$17,14,0)+IF('Standard Profiles'!$G$20=$B$24,21,0),MOD($C3023,24)+1)/SUM(INDEX($D$3:$AA$30,INDEX(Jesper!$R$2:$R$366,ROW(INDEX(Jesper!AJ$2:AJ$366,ROUNDDOWN($C3023/24,0)+1,1))-1)+IF('Standard Profiles'!$G$20=$B$10,7,0)+IF('Standard Profiles'!$G$20=$B$17,14,0)+IF('Standard Profiles'!$G$20=$B$24,21,0),0)),0)</f>
        <v>0</v>
      </c>
      <c r="G3023" cm="1">
        <f t="array" ref="G3023">IFERROR(INDEX(Jesper!AK$2:AK$366,ROUNDDOWN($C3023/24,0)+1,1)*INDEX($D$3:$AA$30,INDEX(Jesper!$R$2:$R$366,ROW(INDEX(Jesper!AK$2:AK$366,ROUNDDOWN($C3023/24,0)+1,1))-1)+IF('Standard Profiles'!$G$21=$B$10,7,0)+IF('Standard Profiles'!$G$21=$B$17,14,0)+IF('Standard Profiles'!$G$21=$B$24,21,0),MOD($C3023,24)+1)/SUM(INDEX($D$3:$AA$30,INDEX(Jesper!$R$2:$R$366,ROW(INDEX(Jesper!AK$2:AK$366,ROUNDDOWN($C3023/24,0)+1,1))-1)+IF('Standard Profiles'!$G$21=$B$10,7,0)+IF('Standard Profiles'!$G$21=$B$17,14,0)+IF('Standard Profiles'!$G$21=$B$24,21,0),0)),0)</f>
        <v>2.4152376325673219</v>
      </c>
      <c r="H3023" cm="1">
        <f t="array" ref="H3023">IFERROR(INDEX(Jesper!AL$2:AL$366,ROUNDDOWN($C3023/24,0)+1,1)*INDEX($D$3:$AA$30,INDEX(Jesper!$R$2:$R$366,ROW(INDEX(Jesper!AL$2:AL$366,ROUNDDOWN($C3023/24,0)+1,1))-1)+IF('Standard Profiles'!$G$22=$B$10,7,0)+IF('Standard Profiles'!$G$22=$B$17,14,0)+IF('Standard Profiles'!$G$22=$B$24,21,0),MOD($C3023,24)+1)/SUM(INDEX($D$3:$AA$30,INDEX(Jesper!$R$2:$R$366,ROW(INDEX(Jesper!AL$2:AL$366,ROUNDDOWN($C3023/24,0)+1,1))-1)+IF('Standard Profiles'!$G$22=$B$10,7,0)+IF('Standard Profiles'!$G$22=$B$17,14,0)+IF('Standard Profiles'!$G$22=$B$24,21,0),0)),0)</f>
        <v>0</v>
      </c>
      <c r="I3023">
        <f t="shared" si="342"/>
        <v>1.159314063632314</v>
      </c>
      <c r="J3023">
        <f t="shared" si="343"/>
        <v>34.889752736252966</v>
      </c>
      <c r="K3023">
        <f t="shared" si="344"/>
        <v>2.6417419470995811</v>
      </c>
      <c r="L3023">
        <f t="shared" si="345"/>
        <v>1.3208709735497906</v>
      </c>
      <c r="M3023">
        <f t="shared" si="346"/>
        <v>0</v>
      </c>
      <c r="N3023" s="45">
        <f t="shared" si="347"/>
        <v>45051.541666659417</v>
      </c>
    </row>
    <row r="3024" spans="2:14" x14ac:dyDescent="0.25">
      <c r="B3024">
        <f t="shared" si="341"/>
        <v>5</v>
      </c>
      <c r="C3024" s="16">
        <v>2990</v>
      </c>
      <c r="D3024" cm="1">
        <f t="array" ref="D3024">IFERROR(INDEX(Jesper!AH$2:AH$366,ROUNDDOWN($C3024/24,0)+1,1)*INDEX($D$3:$AA$30,INDEX(Jesper!$R$2:$R$366,ROW(INDEX(Jesper!AH$2:AH$366,ROUNDDOWN($C3024/24,0)+1,1))-1)+IF('Standard Profiles'!$G$18=$B$10,7,0)+IF('Standard Profiles'!$G$18=$B$17,14,0)+IF('Standard Profiles'!$G$18=$B$24,21,0),MOD($C3024,24)+1)/SUM(INDEX($D$3:$AA$30,INDEX(Jesper!$R$2:$R$366,ROW(INDEX(Jesper!AH$2:AH$366,ROUNDDOWN($C3024/24,0)+1,1))-1)+IF('Standard Profiles'!$G$18=$B$10,7,0)+IF('Standard Profiles'!$G$18=$B$17,14,0)+IF('Standard Profiles'!$G$18=$B$24,21,0),0)),0)</f>
        <v>35.773588866973498</v>
      </c>
      <c r="E3024" cm="1">
        <f t="array" ref="E3024">IFERROR(INDEX(Jesper!AI$2:AI$366,ROUNDDOWN($C3024/24,0)+1,1)*INDEX($D$3:$AA$30,INDEX(Jesper!$R$2:$R$366,ROW(INDEX(Jesper!AI$2:AI$366,ROUNDDOWN($C3024/24,0)+1,1))-1)+IF('Standard Profiles'!$G$19=$B$10,7,0)+IF('Standard Profiles'!$G$19=$B$17,14,0)+IF('Standard Profiles'!$G$19=$B$24,21,0),MOD($C3024,24)+1)/SUM(INDEX($D$3:$AA$30,INDEX(Jesper!$R$2:$R$366,ROW(INDEX(Jesper!AI$2:AI$366,ROUNDDOWN($C3024/24,0)+1,1))-1)+IF('Standard Profiles'!$G$19=$B$10,7,0)+IF('Standard Profiles'!$G$19=$B$17,14,0)+IF('Standard Profiles'!$G$19=$B$24,21,0),0)),0)</f>
        <v>18.532383037868211</v>
      </c>
      <c r="F3024" cm="1">
        <f t="array" ref="F3024">IFERROR(INDEX(Jesper!AJ$2:AJ$366,ROUNDDOWN($C3024/24,0)+1,1)*INDEX($D$3:$AA$30,INDEX(Jesper!$R$2:$R$366,ROW(INDEX(Jesper!AJ$2:AJ$366,ROUNDDOWN($C3024/24,0)+1,1))-1)+IF('Standard Profiles'!$G$20=$B$10,7,0)+IF('Standard Profiles'!$G$20=$B$17,14,0)+IF('Standard Profiles'!$G$20=$B$24,21,0),MOD($C3024,24)+1)/SUM(INDEX($D$3:$AA$30,INDEX(Jesper!$R$2:$R$366,ROW(INDEX(Jesper!AJ$2:AJ$366,ROUNDDOWN($C3024/24,0)+1,1))-1)+IF('Standard Profiles'!$G$20=$B$10,7,0)+IF('Standard Profiles'!$G$20=$B$17,14,0)+IF('Standard Profiles'!$G$20=$B$24,21,0),0)),0)</f>
        <v>0</v>
      </c>
      <c r="G3024" cm="1">
        <f t="array" ref="G3024">IFERROR(INDEX(Jesper!AK$2:AK$366,ROUNDDOWN($C3024/24,0)+1,1)*INDEX($D$3:$AA$30,INDEX(Jesper!$R$2:$R$366,ROW(INDEX(Jesper!AK$2:AK$366,ROUNDDOWN($C3024/24,0)+1,1))-1)+IF('Standard Profiles'!$G$21=$B$10,7,0)+IF('Standard Profiles'!$G$21=$B$17,14,0)+IF('Standard Profiles'!$G$21=$B$24,21,0),MOD($C3024,24)+1)/SUM(INDEX($D$3:$AA$30,INDEX(Jesper!$R$2:$R$366,ROW(INDEX(Jesper!AK$2:AK$366,ROUNDDOWN($C3024/24,0)+1,1))-1)+IF('Standard Profiles'!$G$21=$B$10,7,0)+IF('Standard Profiles'!$G$21=$B$17,14,0)+IF('Standard Profiles'!$G$21=$B$24,21,0),0)),0)</f>
        <v>3.4886765803750204</v>
      </c>
      <c r="H3024" cm="1">
        <f t="array" ref="H3024">IFERROR(INDEX(Jesper!AL$2:AL$366,ROUNDDOWN($C3024/24,0)+1,1)*INDEX($D$3:$AA$30,INDEX(Jesper!$R$2:$R$366,ROW(INDEX(Jesper!AL$2:AL$366,ROUNDDOWN($C3024/24,0)+1,1))-1)+IF('Standard Profiles'!$G$22=$B$10,7,0)+IF('Standard Profiles'!$G$22=$B$17,14,0)+IF('Standard Profiles'!$G$22=$B$24,21,0),MOD($C3024,24)+1)/SUM(INDEX($D$3:$AA$30,INDEX(Jesper!$R$2:$R$366,ROW(INDEX(Jesper!AL$2:AL$366,ROUNDDOWN($C3024/24,0)+1,1))-1)+IF('Standard Profiles'!$G$22=$B$10,7,0)+IF('Standard Profiles'!$G$22=$B$17,14,0)+IF('Standard Profiles'!$G$22=$B$24,21,0),0)),0)</f>
        <v>0</v>
      </c>
      <c r="I3024">
        <f t="shared" si="342"/>
        <v>1.674564758580009</v>
      </c>
      <c r="J3024">
        <f t="shared" si="343"/>
        <v>50.396309507920961</v>
      </c>
      <c r="K3024">
        <f t="shared" si="344"/>
        <v>3.8158494791438402</v>
      </c>
      <c r="L3024">
        <f t="shared" si="345"/>
        <v>1.9079247395719201</v>
      </c>
      <c r="M3024">
        <f t="shared" si="346"/>
        <v>0</v>
      </c>
      <c r="N3024" s="45">
        <f t="shared" si="347"/>
        <v>45051.583333326082</v>
      </c>
    </row>
    <row r="3025" spans="2:14" x14ac:dyDescent="0.25">
      <c r="B3025">
        <f t="shared" si="341"/>
        <v>5</v>
      </c>
      <c r="C3025" s="16">
        <v>2991</v>
      </c>
      <c r="D3025" cm="1">
        <f t="array" ref="D3025">IFERROR(INDEX(Jesper!AH$2:AH$366,ROUNDDOWN($C3025/24,0)+1,1)*INDEX($D$3:$AA$30,INDEX(Jesper!$R$2:$R$366,ROW(INDEX(Jesper!AH$2:AH$366,ROUNDDOWN($C3025/24,0)+1,1))-1)+IF('Standard Profiles'!$G$18=$B$10,7,0)+IF('Standard Profiles'!$G$18=$B$17,14,0)+IF('Standard Profiles'!$G$18=$B$24,21,0),MOD($C3025,24)+1)/SUM(INDEX($D$3:$AA$30,INDEX(Jesper!$R$2:$R$366,ROW(INDEX(Jesper!AH$2:AH$366,ROUNDDOWN($C3025/24,0)+1,1))-1)+IF('Standard Profiles'!$G$18=$B$10,7,0)+IF('Standard Profiles'!$G$18=$B$17,14,0)+IF('Standard Profiles'!$G$18=$B$24,21,0),0)),0)</f>
        <v>27.518145282287303</v>
      </c>
      <c r="E3025" cm="1">
        <f t="array" ref="E3025">IFERROR(INDEX(Jesper!AI$2:AI$366,ROUNDDOWN($C3025/24,0)+1,1)*INDEX($D$3:$AA$30,INDEX(Jesper!$R$2:$R$366,ROW(INDEX(Jesper!AI$2:AI$366,ROUNDDOWN($C3025/24,0)+1,1))-1)+IF('Standard Profiles'!$G$19=$B$10,7,0)+IF('Standard Profiles'!$G$19=$B$17,14,0)+IF('Standard Profiles'!$G$19=$B$24,21,0),MOD($C3025,24)+1)/SUM(INDEX($D$3:$AA$30,INDEX(Jesper!$R$2:$R$366,ROW(INDEX(Jesper!AI$2:AI$366,ROUNDDOWN($C3025/24,0)+1,1))-1)+IF('Standard Profiles'!$G$19=$B$10,7,0)+IF('Standard Profiles'!$G$19=$B$17,14,0)+IF('Standard Profiles'!$G$19=$B$24,21,0),0)),0)</f>
        <v>14.255679259898624</v>
      </c>
      <c r="F3025" cm="1">
        <f t="array" ref="F3025">IFERROR(INDEX(Jesper!AJ$2:AJ$366,ROUNDDOWN($C3025/24,0)+1,1)*INDEX($D$3:$AA$30,INDEX(Jesper!$R$2:$R$366,ROW(INDEX(Jesper!AJ$2:AJ$366,ROUNDDOWN($C3025/24,0)+1,1))-1)+IF('Standard Profiles'!$G$20=$B$10,7,0)+IF('Standard Profiles'!$G$20=$B$17,14,0)+IF('Standard Profiles'!$G$20=$B$24,21,0),MOD($C3025,24)+1)/SUM(INDEX($D$3:$AA$30,INDEX(Jesper!$R$2:$R$366,ROW(INDEX(Jesper!AJ$2:AJ$366,ROUNDDOWN($C3025/24,0)+1,1))-1)+IF('Standard Profiles'!$G$20=$B$10,7,0)+IF('Standard Profiles'!$G$20=$B$17,14,0)+IF('Standard Profiles'!$G$20=$B$24,21,0),0)),0)</f>
        <v>0</v>
      </c>
      <c r="G3025" cm="1">
        <f t="array" ref="G3025">IFERROR(INDEX(Jesper!AK$2:AK$366,ROUNDDOWN($C3025/24,0)+1,1)*INDEX($D$3:$AA$30,INDEX(Jesper!$R$2:$R$366,ROW(INDEX(Jesper!AK$2:AK$366,ROUNDDOWN($C3025/24,0)+1,1))-1)+IF('Standard Profiles'!$G$21=$B$10,7,0)+IF('Standard Profiles'!$G$21=$B$17,14,0)+IF('Standard Profiles'!$G$21=$B$24,21,0),MOD($C3025,24)+1)/SUM(INDEX($D$3:$AA$30,INDEX(Jesper!$R$2:$R$366,ROW(INDEX(Jesper!AK$2:AK$366,ROUNDDOWN($C3025/24,0)+1,1))-1)+IF('Standard Profiles'!$G$21=$B$10,7,0)+IF('Standard Profiles'!$G$21=$B$17,14,0)+IF('Standard Profiles'!$G$21=$B$24,21,0),0)),0)</f>
        <v>2.9519571064711707</v>
      </c>
      <c r="H3025" cm="1">
        <f t="array" ref="H3025">IFERROR(INDEX(Jesper!AL$2:AL$366,ROUNDDOWN($C3025/24,0)+1,1)*INDEX($D$3:$AA$30,INDEX(Jesper!$R$2:$R$366,ROW(INDEX(Jesper!AL$2:AL$366,ROUNDDOWN($C3025/24,0)+1,1))-1)+IF('Standard Profiles'!$G$22=$B$10,7,0)+IF('Standard Profiles'!$G$22=$B$17,14,0)+IF('Standard Profiles'!$G$22=$B$24,21,0),MOD($C3025,24)+1)/SUM(INDEX($D$3:$AA$30,INDEX(Jesper!$R$2:$R$366,ROW(INDEX(Jesper!AL$2:AL$366,ROUNDDOWN($C3025/24,0)+1,1))-1)+IF('Standard Profiles'!$G$22=$B$10,7,0)+IF('Standard Profiles'!$G$22=$B$17,14,0)+IF('Standard Profiles'!$G$22=$B$24,21,0),0)),0)</f>
        <v>0</v>
      </c>
      <c r="I3025">
        <f t="shared" si="342"/>
        <v>1.4169394111061613</v>
      </c>
      <c r="J3025">
        <f t="shared" si="343"/>
        <v>38.905938992384968</v>
      </c>
      <c r="K3025">
        <f t="shared" si="344"/>
        <v>2.9352688301106458</v>
      </c>
      <c r="L3025">
        <f t="shared" si="345"/>
        <v>1.4676344150553229</v>
      </c>
      <c r="M3025">
        <f t="shared" si="346"/>
        <v>0</v>
      </c>
      <c r="N3025" s="45">
        <f t="shared" si="347"/>
        <v>45051.624999992746</v>
      </c>
    </row>
    <row r="3026" spans="2:14" x14ac:dyDescent="0.25">
      <c r="B3026">
        <f t="shared" si="341"/>
        <v>5</v>
      </c>
      <c r="C3026" s="16">
        <v>2992</v>
      </c>
      <c r="D3026" cm="1">
        <f t="array" ref="D3026">IFERROR(INDEX(Jesper!AH$2:AH$366,ROUNDDOWN($C3026/24,0)+1,1)*INDEX($D$3:$AA$30,INDEX(Jesper!$R$2:$R$366,ROW(INDEX(Jesper!AH$2:AH$366,ROUNDDOWN($C3026/24,0)+1,1))-1)+IF('Standard Profiles'!$G$18=$B$10,7,0)+IF('Standard Profiles'!$G$18=$B$17,14,0)+IF('Standard Profiles'!$G$18=$B$24,21,0),MOD($C3026,24)+1)/SUM(INDEX($D$3:$AA$30,INDEX(Jesper!$R$2:$R$366,ROW(INDEX(Jesper!AH$2:AH$366,ROUNDDOWN($C3026/24,0)+1,1))-1)+IF('Standard Profiles'!$G$18=$B$10,7,0)+IF('Standard Profiles'!$G$18=$B$17,14,0)+IF('Standard Profiles'!$G$18=$B$24,21,0),0)),0)</f>
        <v>12.9193170339377</v>
      </c>
      <c r="E3026" cm="1">
        <f t="array" ref="E3026">IFERROR(INDEX(Jesper!AI$2:AI$366,ROUNDDOWN($C3026/24,0)+1,1)*INDEX($D$3:$AA$30,INDEX(Jesper!$R$2:$R$366,ROW(INDEX(Jesper!AI$2:AI$366,ROUNDDOWN($C3026/24,0)+1,1))-1)+IF('Standard Profiles'!$G$19=$B$10,7,0)+IF('Standard Profiles'!$G$19=$B$17,14,0)+IF('Standard Profiles'!$G$19=$B$24,21,0),MOD($C3026,24)+1)/SUM(INDEX($D$3:$AA$30,INDEX(Jesper!$R$2:$R$366,ROW(INDEX(Jesper!AI$2:AI$366,ROUNDDOWN($C3026/24,0)+1,1))-1)+IF('Standard Profiles'!$G$19=$B$10,7,0)+IF('Standard Profiles'!$G$19=$B$17,14,0)+IF('Standard Profiles'!$G$19=$B$24,21,0),0)),0)</f>
        <v>6.6928071642716542</v>
      </c>
      <c r="F3026" cm="1">
        <f t="array" ref="F3026">IFERROR(INDEX(Jesper!AJ$2:AJ$366,ROUNDDOWN($C3026/24,0)+1,1)*INDEX($D$3:$AA$30,INDEX(Jesper!$R$2:$R$366,ROW(INDEX(Jesper!AJ$2:AJ$366,ROUNDDOWN($C3026/24,0)+1,1))-1)+IF('Standard Profiles'!$G$20=$B$10,7,0)+IF('Standard Profiles'!$G$20=$B$17,14,0)+IF('Standard Profiles'!$G$20=$B$24,21,0),MOD($C3026,24)+1)/SUM(INDEX($D$3:$AA$30,INDEX(Jesper!$R$2:$R$366,ROW(INDEX(Jesper!AJ$2:AJ$366,ROUNDDOWN($C3026/24,0)+1,1))-1)+IF('Standard Profiles'!$G$20=$B$10,7,0)+IF('Standard Profiles'!$G$20=$B$17,14,0)+IF('Standard Profiles'!$G$20=$B$24,21,0),0)),0)</f>
        <v>0</v>
      </c>
      <c r="G3026" cm="1">
        <f t="array" ref="G3026">IFERROR(INDEX(Jesper!AK$2:AK$366,ROUNDDOWN($C3026/24,0)+1,1)*INDEX($D$3:$AA$30,INDEX(Jesper!$R$2:$R$366,ROW(INDEX(Jesper!AK$2:AK$366,ROUNDDOWN($C3026/24,0)+1,1))-1)+IF('Standard Profiles'!$G$21=$B$10,7,0)+IF('Standard Profiles'!$G$21=$B$17,14,0)+IF('Standard Profiles'!$G$21=$B$24,21,0),MOD($C3026,24)+1)/SUM(INDEX($D$3:$AA$30,INDEX(Jesper!$R$2:$R$366,ROW(INDEX(Jesper!AK$2:AK$366,ROUNDDOWN($C3026/24,0)+1,1))-1)+IF('Standard Profiles'!$G$21=$B$10,7,0)+IF('Standard Profiles'!$G$21=$B$17,14,0)+IF('Standard Profiles'!$G$21=$B$24,21,0),0)),0)</f>
        <v>2.5558070185897588</v>
      </c>
      <c r="H3026" cm="1">
        <f t="array" ref="H3026">IFERROR(INDEX(Jesper!AL$2:AL$366,ROUNDDOWN($C3026/24,0)+1,1)*INDEX($D$3:$AA$30,INDEX(Jesper!$R$2:$R$366,ROW(INDEX(Jesper!AL$2:AL$366,ROUNDDOWN($C3026/24,0)+1,1))-1)+IF('Standard Profiles'!$G$22=$B$10,7,0)+IF('Standard Profiles'!$G$22=$B$17,14,0)+IF('Standard Profiles'!$G$22=$B$24,21,0),MOD($C3026,24)+1)/SUM(INDEX($D$3:$AA$30,INDEX(Jesper!$R$2:$R$366,ROW(INDEX(Jesper!AL$2:AL$366,ROUNDDOWN($C3026/24,0)+1,1))-1)+IF('Standard Profiles'!$G$22=$B$10,7,0)+IF('Standard Profiles'!$G$22=$B$17,14,0)+IF('Standard Profiles'!$G$22=$B$24,21,0),0)),0)</f>
        <v>0</v>
      </c>
      <c r="I3026">
        <f t="shared" si="342"/>
        <v>1.2267873689230837</v>
      </c>
      <c r="J3026">
        <f t="shared" si="343"/>
        <v>18.874053122446</v>
      </c>
      <c r="K3026">
        <f t="shared" si="344"/>
        <v>1.3780604836200214</v>
      </c>
      <c r="L3026">
        <f t="shared" si="345"/>
        <v>0.68903024181001071</v>
      </c>
      <c r="M3026">
        <f t="shared" si="346"/>
        <v>0</v>
      </c>
      <c r="N3026" s="45">
        <f t="shared" si="347"/>
        <v>45051.66666665941</v>
      </c>
    </row>
    <row r="3027" spans="2:14" x14ac:dyDescent="0.25">
      <c r="B3027">
        <f t="shared" si="341"/>
        <v>5</v>
      </c>
      <c r="C3027" s="16">
        <v>2993</v>
      </c>
      <c r="D3027" cm="1">
        <f t="array" ref="D3027">IFERROR(INDEX(Jesper!AH$2:AH$366,ROUNDDOWN($C3027/24,0)+1,1)*INDEX($D$3:$AA$30,INDEX(Jesper!$R$2:$R$366,ROW(INDEX(Jesper!AH$2:AH$366,ROUNDDOWN($C3027/24,0)+1,1))-1)+IF('Standard Profiles'!$G$18=$B$10,7,0)+IF('Standard Profiles'!$G$18=$B$17,14,0)+IF('Standard Profiles'!$G$18=$B$24,21,0),MOD($C3027,24)+1)/SUM(INDEX($D$3:$AA$30,INDEX(Jesper!$R$2:$R$366,ROW(INDEX(Jesper!AH$2:AH$366,ROUNDDOWN($C3027/24,0)+1,1))-1)+IF('Standard Profiles'!$G$18=$B$10,7,0)+IF('Standard Profiles'!$G$18=$B$17,14,0)+IF('Standard Profiles'!$G$18=$B$24,21,0),0)),0)</f>
        <v>8.5267492423988838</v>
      </c>
      <c r="E3027" cm="1">
        <f t="array" ref="E3027">IFERROR(INDEX(Jesper!AI$2:AI$366,ROUNDDOWN($C3027/24,0)+1,1)*INDEX($D$3:$AA$30,INDEX(Jesper!$R$2:$R$366,ROW(INDEX(Jesper!AI$2:AI$366,ROUNDDOWN($C3027/24,0)+1,1))-1)+IF('Standard Profiles'!$G$19=$B$10,7,0)+IF('Standard Profiles'!$G$19=$B$17,14,0)+IF('Standard Profiles'!$G$19=$B$24,21,0),MOD($C3027,24)+1)/SUM(INDEX($D$3:$AA$30,INDEX(Jesper!$R$2:$R$366,ROW(INDEX(Jesper!AI$2:AI$366,ROUNDDOWN($C3027/24,0)+1,1))-1)+IF('Standard Profiles'!$G$19=$B$10,7,0)+IF('Standard Profiles'!$G$19=$B$17,14,0)+IF('Standard Profiles'!$G$19=$B$24,21,0),0)),0)</f>
        <v>4.4172527284192924</v>
      </c>
      <c r="F3027" cm="1">
        <f t="array" ref="F3027">IFERROR(INDEX(Jesper!AJ$2:AJ$366,ROUNDDOWN($C3027/24,0)+1,1)*INDEX($D$3:$AA$30,INDEX(Jesper!$R$2:$R$366,ROW(INDEX(Jesper!AJ$2:AJ$366,ROUNDDOWN($C3027/24,0)+1,1))-1)+IF('Standard Profiles'!$G$20=$B$10,7,0)+IF('Standard Profiles'!$G$20=$B$17,14,0)+IF('Standard Profiles'!$G$20=$B$24,21,0),MOD($C3027,24)+1)/SUM(INDEX($D$3:$AA$30,INDEX(Jesper!$R$2:$R$366,ROW(INDEX(Jesper!AJ$2:AJ$366,ROUNDDOWN($C3027/24,0)+1,1))-1)+IF('Standard Profiles'!$G$20=$B$10,7,0)+IF('Standard Profiles'!$G$20=$B$17,14,0)+IF('Standard Profiles'!$G$20=$B$24,21,0),0)),0)</f>
        <v>0</v>
      </c>
      <c r="G3027" cm="1">
        <f t="array" ref="G3027">IFERROR(INDEX(Jesper!AK$2:AK$366,ROUNDDOWN($C3027/24,0)+1,1)*INDEX($D$3:$AA$30,INDEX(Jesper!$R$2:$R$366,ROW(INDEX(Jesper!AK$2:AK$366,ROUNDDOWN($C3027/24,0)+1,1))-1)+IF('Standard Profiles'!$G$21=$B$10,7,0)+IF('Standard Profiles'!$G$21=$B$17,14,0)+IF('Standard Profiles'!$G$21=$B$24,21,0),MOD($C3027,24)+1)/SUM(INDEX($D$3:$AA$30,INDEX(Jesper!$R$2:$R$366,ROW(INDEX(Jesper!AK$2:AK$366,ROUNDDOWN($C3027/24,0)+1,1))-1)+IF('Standard Profiles'!$G$21=$B$10,7,0)+IF('Standard Profiles'!$G$21=$B$17,14,0)+IF('Standard Profiles'!$G$21=$B$24,21,0),0)),0)</f>
        <v>2.1468778956153969</v>
      </c>
      <c r="H3027" cm="1">
        <f t="array" ref="H3027">IFERROR(INDEX(Jesper!AL$2:AL$366,ROUNDDOWN($C3027/24,0)+1,1)*INDEX($D$3:$AA$30,INDEX(Jesper!$R$2:$R$366,ROW(INDEX(Jesper!AL$2:AL$366,ROUNDDOWN($C3027/24,0)+1,1))-1)+IF('Standard Profiles'!$G$22=$B$10,7,0)+IF('Standard Profiles'!$G$22=$B$17,14,0)+IF('Standard Profiles'!$G$22=$B$24,21,0),MOD($C3027,24)+1)/SUM(INDEX($D$3:$AA$30,INDEX(Jesper!$R$2:$R$366,ROW(INDEX(Jesper!AL$2:AL$366,ROUNDDOWN($C3027/24,0)+1,1))-1)+IF('Standard Profiles'!$G$22=$B$10,7,0)+IF('Standard Profiles'!$G$22=$B$17,14,0)+IF('Standard Profiles'!$G$22=$B$24,21,0),0)),0)</f>
        <v>0</v>
      </c>
      <c r="I3027">
        <f t="shared" si="342"/>
        <v>1.0305013898953901</v>
      </c>
      <c r="J3027">
        <f t="shared" si="343"/>
        <v>12.696098597754363</v>
      </c>
      <c r="K3027">
        <f t="shared" si="344"/>
        <v>0.90951991918921438</v>
      </c>
      <c r="L3027">
        <f t="shared" si="345"/>
        <v>0.45475995959460719</v>
      </c>
      <c r="M3027">
        <f t="shared" si="346"/>
        <v>0</v>
      </c>
      <c r="N3027" s="45">
        <f t="shared" si="347"/>
        <v>45051.708333326074</v>
      </c>
    </row>
    <row r="3028" spans="2:14" x14ac:dyDescent="0.25">
      <c r="B3028">
        <f t="shared" si="341"/>
        <v>5</v>
      </c>
      <c r="C3028" s="16">
        <v>2994</v>
      </c>
      <c r="D3028" cm="1">
        <f t="array" ref="D3028">IFERROR(INDEX(Jesper!AH$2:AH$366,ROUNDDOWN($C3028/24,0)+1,1)*INDEX($D$3:$AA$30,INDEX(Jesper!$R$2:$R$366,ROW(INDEX(Jesper!AH$2:AH$366,ROUNDDOWN($C3028/24,0)+1,1))-1)+IF('Standard Profiles'!$G$18=$B$10,7,0)+IF('Standard Profiles'!$G$18=$B$17,14,0)+IF('Standard Profiles'!$G$18=$B$24,21,0),MOD($C3028,24)+1)/SUM(INDEX($D$3:$AA$30,INDEX(Jesper!$R$2:$R$366,ROW(INDEX(Jesper!AH$2:AH$366,ROUNDDOWN($C3028/24,0)+1,1))-1)+IF('Standard Profiles'!$G$18=$B$10,7,0)+IF('Standard Profiles'!$G$18=$B$17,14,0)+IF('Standard Profiles'!$G$18=$B$24,21,0),0)),0)</f>
        <v>5.4261131542538337</v>
      </c>
      <c r="E3028" cm="1">
        <f t="array" ref="E3028">IFERROR(INDEX(Jesper!AI$2:AI$366,ROUNDDOWN($C3028/24,0)+1,1)*INDEX($D$3:$AA$30,INDEX(Jesper!$R$2:$R$366,ROW(INDEX(Jesper!AI$2:AI$366,ROUNDDOWN($C3028/24,0)+1,1))-1)+IF('Standard Profiles'!$G$19=$B$10,7,0)+IF('Standard Profiles'!$G$19=$B$17,14,0)+IF('Standard Profiles'!$G$19=$B$24,21,0),MOD($C3028,24)+1)/SUM(INDEX($D$3:$AA$30,INDEX(Jesper!$R$2:$R$366,ROW(INDEX(Jesper!AI$2:AI$366,ROUNDDOWN($C3028/24,0)+1,1))-1)+IF('Standard Profiles'!$G$19=$B$10,7,0)+IF('Standard Profiles'!$G$19=$B$17,14,0)+IF('Standard Profiles'!$G$19=$B$24,21,0),0)),0)</f>
        <v>2.8109790089940949</v>
      </c>
      <c r="F3028" cm="1">
        <f t="array" ref="F3028">IFERROR(INDEX(Jesper!AJ$2:AJ$366,ROUNDDOWN($C3028/24,0)+1,1)*INDEX($D$3:$AA$30,INDEX(Jesper!$R$2:$R$366,ROW(INDEX(Jesper!AJ$2:AJ$366,ROUNDDOWN($C3028/24,0)+1,1))-1)+IF('Standard Profiles'!$G$20=$B$10,7,0)+IF('Standard Profiles'!$G$20=$B$17,14,0)+IF('Standard Profiles'!$G$20=$B$24,21,0),MOD($C3028,24)+1)/SUM(INDEX($D$3:$AA$30,INDEX(Jesper!$R$2:$R$366,ROW(INDEX(Jesper!AJ$2:AJ$366,ROUNDDOWN($C3028/24,0)+1,1))-1)+IF('Standard Profiles'!$G$20=$B$10,7,0)+IF('Standard Profiles'!$G$20=$B$17,14,0)+IF('Standard Profiles'!$G$20=$B$24,21,0),0)),0)</f>
        <v>0</v>
      </c>
      <c r="G3028" cm="1">
        <f t="array" ref="G3028">IFERROR(INDEX(Jesper!AK$2:AK$366,ROUNDDOWN($C3028/24,0)+1,1)*INDEX($D$3:$AA$30,INDEX(Jesper!$R$2:$R$366,ROW(INDEX(Jesper!AK$2:AK$366,ROUNDDOWN($C3028/24,0)+1,1))-1)+IF('Standard Profiles'!$G$21=$B$10,7,0)+IF('Standard Profiles'!$G$21=$B$17,14,0)+IF('Standard Profiles'!$G$21=$B$24,21,0),MOD($C3028,24)+1)/SUM(INDEX($D$3:$AA$30,INDEX(Jesper!$R$2:$R$366,ROW(INDEX(Jesper!AK$2:AK$366,ROUNDDOWN($C3028/24,0)+1,1))-1)+IF('Standard Profiles'!$G$21=$B$10,7,0)+IF('Standard Profiles'!$G$21=$B$17,14,0)+IF('Standard Profiles'!$G$21=$B$24,21,0),0)),0)</f>
        <v>0.79230017576282508</v>
      </c>
      <c r="H3028" cm="1">
        <f t="array" ref="H3028">IFERROR(INDEX(Jesper!AL$2:AL$366,ROUNDDOWN($C3028/24,0)+1,1)*INDEX($D$3:$AA$30,INDEX(Jesper!$R$2:$R$366,ROW(INDEX(Jesper!AL$2:AL$366,ROUNDDOWN($C3028/24,0)+1,1))-1)+IF('Standard Profiles'!$G$22=$B$10,7,0)+IF('Standard Profiles'!$G$22=$B$17,14,0)+IF('Standard Profiles'!$G$22=$B$24,21,0),MOD($C3028,24)+1)/SUM(INDEX($D$3:$AA$30,INDEX(Jesper!$R$2:$R$366,ROW(INDEX(Jesper!AL$2:AL$366,ROUNDDOWN($C3028/24,0)+1,1))-1)+IF('Standard Profiles'!$G$22=$B$10,7,0)+IF('Standard Profiles'!$G$22=$B$17,14,0)+IF('Standard Profiles'!$G$22=$B$24,21,0),0)),0)</f>
        <v>0</v>
      </c>
      <c r="I3028">
        <f t="shared" si="342"/>
        <v>0.38030408436615587</v>
      </c>
      <c r="J3028">
        <f t="shared" si="343"/>
        <v>7.7809101499639839</v>
      </c>
      <c r="K3028">
        <f t="shared" si="344"/>
        <v>0.57878540312040894</v>
      </c>
      <c r="L3028">
        <f t="shared" si="345"/>
        <v>0.28939270156020447</v>
      </c>
      <c r="M3028">
        <f t="shared" si="346"/>
        <v>0</v>
      </c>
      <c r="N3028" s="45">
        <f t="shared" si="347"/>
        <v>45051.749999992739</v>
      </c>
    </row>
    <row r="3029" spans="2:14" x14ac:dyDescent="0.25">
      <c r="B3029">
        <f t="shared" si="341"/>
        <v>5</v>
      </c>
      <c r="C3029" s="16">
        <v>2995</v>
      </c>
      <c r="D3029" cm="1">
        <f t="array" ref="D3029">IFERROR(INDEX(Jesper!AH$2:AH$366,ROUNDDOWN($C3029/24,0)+1,1)*INDEX($D$3:$AA$30,INDEX(Jesper!$R$2:$R$366,ROW(INDEX(Jesper!AH$2:AH$366,ROUNDDOWN($C3029/24,0)+1,1))-1)+IF('Standard Profiles'!$G$18=$B$10,7,0)+IF('Standard Profiles'!$G$18=$B$17,14,0)+IF('Standard Profiles'!$G$18=$B$24,21,0),MOD($C3029,24)+1)/SUM(INDEX($D$3:$AA$30,INDEX(Jesper!$R$2:$R$366,ROW(INDEX(Jesper!AH$2:AH$366,ROUNDDOWN($C3029/24,0)+1,1))-1)+IF('Standard Profiles'!$G$18=$B$10,7,0)+IF('Standard Profiles'!$G$18=$B$17,14,0)+IF('Standard Profiles'!$G$18=$B$24,21,0),0)),0)</f>
        <v>5.1677268135750811</v>
      </c>
      <c r="E3029" cm="1">
        <f t="array" ref="E3029">IFERROR(INDEX(Jesper!AI$2:AI$366,ROUNDDOWN($C3029/24,0)+1,1)*INDEX($D$3:$AA$30,INDEX(Jesper!$R$2:$R$366,ROW(INDEX(Jesper!AI$2:AI$366,ROUNDDOWN($C3029/24,0)+1,1))-1)+IF('Standard Profiles'!$G$19=$B$10,7,0)+IF('Standard Profiles'!$G$19=$B$17,14,0)+IF('Standard Profiles'!$G$19=$B$24,21,0),MOD($C3029,24)+1)/SUM(INDEX($D$3:$AA$30,INDEX(Jesper!$R$2:$R$366,ROW(INDEX(Jesper!AI$2:AI$366,ROUNDDOWN($C3029/24,0)+1,1))-1)+IF('Standard Profiles'!$G$19=$B$10,7,0)+IF('Standard Profiles'!$G$19=$B$17,14,0)+IF('Standard Profiles'!$G$19=$B$24,21,0),0)),0)</f>
        <v>2.6771228657086619</v>
      </c>
      <c r="F3029" cm="1">
        <f t="array" ref="F3029">IFERROR(INDEX(Jesper!AJ$2:AJ$366,ROUNDDOWN($C3029/24,0)+1,1)*INDEX($D$3:$AA$30,INDEX(Jesper!$R$2:$R$366,ROW(INDEX(Jesper!AJ$2:AJ$366,ROUNDDOWN($C3029/24,0)+1,1))-1)+IF('Standard Profiles'!$G$20=$B$10,7,0)+IF('Standard Profiles'!$G$20=$B$17,14,0)+IF('Standard Profiles'!$G$20=$B$24,21,0),MOD($C3029,24)+1)/SUM(INDEX($D$3:$AA$30,INDEX(Jesper!$R$2:$R$366,ROW(INDEX(Jesper!AJ$2:AJ$366,ROUNDDOWN($C3029/24,0)+1,1))-1)+IF('Standard Profiles'!$G$20=$B$10,7,0)+IF('Standard Profiles'!$G$20=$B$17,14,0)+IF('Standard Profiles'!$G$20=$B$24,21,0),0)),0)</f>
        <v>0</v>
      </c>
      <c r="G3029" cm="1">
        <f t="array" ref="G3029">IFERROR(INDEX(Jesper!AK$2:AK$366,ROUNDDOWN($C3029/24,0)+1,1)*INDEX($D$3:$AA$30,INDEX(Jesper!$R$2:$R$366,ROW(INDEX(Jesper!AK$2:AK$366,ROUNDDOWN($C3029/24,0)+1,1))-1)+IF('Standard Profiles'!$G$21=$B$10,7,0)+IF('Standard Profiles'!$G$21=$B$17,14,0)+IF('Standard Profiles'!$G$21=$B$24,21,0),MOD($C3029,24)+1)/SUM(INDEX($D$3:$AA$30,INDEX(Jesper!$R$2:$R$366,ROW(INDEX(Jesper!AK$2:AK$366,ROUNDDOWN($C3029/24,0)+1,1))-1)+IF('Standard Profiles'!$G$21=$B$10,7,0)+IF('Standard Profiles'!$G$21=$B$17,14,0)+IF('Standard Profiles'!$G$21=$B$24,21,0),0)),0)</f>
        <v>0.79230017576282508</v>
      </c>
      <c r="H3029" cm="1">
        <f t="array" ref="H3029">IFERROR(INDEX(Jesper!AL$2:AL$366,ROUNDDOWN($C3029/24,0)+1,1)*INDEX($D$3:$AA$30,INDEX(Jesper!$R$2:$R$366,ROW(INDEX(Jesper!AL$2:AL$366,ROUNDDOWN($C3029/24,0)+1,1))-1)+IF('Standard Profiles'!$G$22=$B$10,7,0)+IF('Standard Profiles'!$G$22=$B$17,14,0)+IF('Standard Profiles'!$G$22=$B$24,21,0),MOD($C3029,24)+1)/SUM(INDEX($D$3:$AA$30,INDEX(Jesper!$R$2:$R$366,ROW(INDEX(Jesper!AL$2:AL$366,ROUNDDOWN($C3029/24,0)+1,1))-1)+IF('Standard Profiles'!$G$22=$B$10,7,0)+IF('Standard Profiles'!$G$22=$B$17,14,0)+IF('Standard Profiles'!$G$22=$B$24,21,0),0)),0)</f>
        <v>0</v>
      </c>
      <c r="I3029">
        <f t="shared" si="342"/>
        <v>0.38030408436615587</v>
      </c>
      <c r="J3029">
        <f t="shared" si="343"/>
        <v>7.4300094805083994</v>
      </c>
      <c r="K3029">
        <f t="shared" si="344"/>
        <v>0.55122419344800866</v>
      </c>
      <c r="L3029">
        <f t="shared" si="345"/>
        <v>0.27561209672400433</v>
      </c>
      <c r="M3029">
        <f t="shared" si="346"/>
        <v>0</v>
      </c>
      <c r="N3029" s="45">
        <f t="shared" si="347"/>
        <v>45051.791666659403</v>
      </c>
    </row>
    <row r="3030" spans="2:14" x14ac:dyDescent="0.25">
      <c r="B3030">
        <f t="shared" si="341"/>
        <v>5</v>
      </c>
      <c r="C3030" s="16">
        <v>2996</v>
      </c>
      <c r="D3030" cm="1">
        <f t="array" ref="D3030">IFERROR(INDEX(Jesper!AH$2:AH$366,ROUNDDOWN($C3030/24,0)+1,1)*INDEX($D$3:$AA$30,INDEX(Jesper!$R$2:$R$366,ROW(INDEX(Jesper!AH$2:AH$366,ROUNDDOWN($C3030/24,0)+1,1))-1)+IF('Standard Profiles'!$G$18=$B$10,7,0)+IF('Standard Profiles'!$G$18=$B$17,14,0)+IF('Standard Profiles'!$G$18=$B$24,21,0),MOD($C3030,24)+1)/SUM(INDEX($D$3:$AA$30,INDEX(Jesper!$R$2:$R$366,ROW(INDEX(Jesper!AH$2:AH$366,ROUNDDOWN($C3030/24,0)+1,1))-1)+IF('Standard Profiles'!$G$18=$B$10,7,0)+IF('Standard Profiles'!$G$18=$B$17,14,0)+IF('Standard Profiles'!$G$18=$B$24,21,0),0)),0)</f>
        <v>5.1677268135750811</v>
      </c>
      <c r="E3030" cm="1">
        <f t="array" ref="E3030">IFERROR(INDEX(Jesper!AI$2:AI$366,ROUNDDOWN($C3030/24,0)+1,1)*INDEX($D$3:$AA$30,INDEX(Jesper!$R$2:$R$366,ROW(INDEX(Jesper!AI$2:AI$366,ROUNDDOWN($C3030/24,0)+1,1))-1)+IF('Standard Profiles'!$G$19=$B$10,7,0)+IF('Standard Profiles'!$G$19=$B$17,14,0)+IF('Standard Profiles'!$G$19=$B$24,21,0),MOD($C3030,24)+1)/SUM(INDEX($D$3:$AA$30,INDEX(Jesper!$R$2:$R$366,ROW(INDEX(Jesper!AI$2:AI$366,ROUNDDOWN($C3030/24,0)+1,1))-1)+IF('Standard Profiles'!$G$19=$B$10,7,0)+IF('Standard Profiles'!$G$19=$B$17,14,0)+IF('Standard Profiles'!$G$19=$B$24,21,0),0)),0)</f>
        <v>2.6771228657086619</v>
      </c>
      <c r="F3030" cm="1">
        <f t="array" ref="F3030">IFERROR(INDEX(Jesper!AJ$2:AJ$366,ROUNDDOWN($C3030/24,0)+1,1)*INDEX($D$3:$AA$30,INDEX(Jesper!$R$2:$R$366,ROW(INDEX(Jesper!AJ$2:AJ$366,ROUNDDOWN($C3030/24,0)+1,1))-1)+IF('Standard Profiles'!$G$20=$B$10,7,0)+IF('Standard Profiles'!$G$20=$B$17,14,0)+IF('Standard Profiles'!$G$20=$B$24,21,0),MOD($C3030,24)+1)/SUM(INDEX($D$3:$AA$30,INDEX(Jesper!$R$2:$R$366,ROW(INDEX(Jesper!AJ$2:AJ$366,ROUNDDOWN($C3030/24,0)+1,1))-1)+IF('Standard Profiles'!$G$20=$B$10,7,0)+IF('Standard Profiles'!$G$20=$B$17,14,0)+IF('Standard Profiles'!$G$20=$B$24,21,0),0)),0)</f>
        <v>0</v>
      </c>
      <c r="G3030" cm="1">
        <f t="array" ref="G3030">IFERROR(INDEX(Jesper!AK$2:AK$366,ROUNDDOWN($C3030/24,0)+1,1)*INDEX($D$3:$AA$30,INDEX(Jesper!$R$2:$R$366,ROW(INDEX(Jesper!AK$2:AK$366,ROUNDDOWN($C3030/24,0)+1,1))-1)+IF('Standard Profiles'!$G$21=$B$10,7,0)+IF('Standard Profiles'!$G$21=$B$17,14,0)+IF('Standard Profiles'!$G$21=$B$24,21,0),MOD($C3030,24)+1)/SUM(INDEX($D$3:$AA$30,INDEX(Jesper!$R$2:$R$366,ROW(INDEX(Jesper!AK$2:AK$366,ROUNDDOWN($C3030/24,0)+1,1))-1)+IF('Standard Profiles'!$G$21=$B$10,7,0)+IF('Standard Profiles'!$G$21=$B$17,14,0)+IF('Standard Profiles'!$G$21=$B$24,21,0),0)),0)</f>
        <v>0.79230017576282508</v>
      </c>
      <c r="H3030" cm="1">
        <f t="array" ref="H3030">IFERROR(INDEX(Jesper!AL$2:AL$366,ROUNDDOWN($C3030/24,0)+1,1)*INDEX($D$3:$AA$30,INDEX(Jesper!$R$2:$R$366,ROW(INDEX(Jesper!AL$2:AL$366,ROUNDDOWN($C3030/24,0)+1,1))-1)+IF('Standard Profiles'!$G$22=$B$10,7,0)+IF('Standard Profiles'!$G$22=$B$17,14,0)+IF('Standard Profiles'!$G$22=$B$24,21,0),MOD($C3030,24)+1)/SUM(INDEX($D$3:$AA$30,INDEX(Jesper!$R$2:$R$366,ROW(INDEX(Jesper!AL$2:AL$366,ROUNDDOWN($C3030/24,0)+1,1))-1)+IF('Standard Profiles'!$G$22=$B$10,7,0)+IF('Standard Profiles'!$G$22=$B$17,14,0)+IF('Standard Profiles'!$G$22=$B$24,21,0),0)),0)</f>
        <v>0</v>
      </c>
      <c r="I3030">
        <f t="shared" si="342"/>
        <v>0.38030408436615587</v>
      </c>
      <c r="J3030">
        <f t="shared" si="343"/>
        <v>7.4300094805083994</v>
      </c>
      <c r="K3030">
        <f t="shared" si="344"/>
        <v>0.55122419344800866</v>
      </c>
      <c r="L3030">
        <f t="shared" si="345"/>
        <v>0.27561209672400433</v>
      </c>
      <c r="M3030">
        <f t="shared" si="346"/>
        <v>0</v>
      </c>
      <c r="N3030" s="45">
        <f t="shared" si="347"/>
        <v>45051.833333326067</v>
      </c>
    </row>
    <row r="3031" spans="2:14" x14ac:dyDescent="0.25">
      <c r="B3031">
        <f t="shared" si="341"/>
        <v>5</v>
      </c>
      <c r="C3031" s="16">
        <v>2997</v>
      </c>
      <c r="D3031" cm="1">
        <f t="array" ref="D3031">IFERROR(INDEX(Jesper!AH$2:AH$366,ROUNDDOWN($C3031/24,0)+1,1)*INDEX($D$3:$AA$30,INDEX(Jesper!$R$2:$R$366,ROW(INDEX(Jesper!AH$2:AH$366,ROUNDDOWN($C3031/24,0)+1,1))-1)+IF('Standard Profiles'!$G$18=$B$10,7,0)+IF('Standard Profiles'!$G$18=$B$17,14,0)+IF('Standard Profiles'!$G$18=$B$24,21,0),MOD($C3031,24)+1)/SUM(INDEX($D$3:$AA$30,INDEX(Jesper!$R$2:$R$366,ROW(INDEX(Jesper!AH$2:AH$366,ROUNDDOWN($C3031/24,0)+1,1))-1)+IF('Standard Profiles'!$G$18=$B$10,7,0)+IF('Standard Profiles'!$G$18=$B$17,14,0)+IF('Standard Profiles'!$G$18=$B$24,21,0),0)),0)</f>
        <v>5.1677268135750811</v>
      </c>
      <c r="E3031" cm="1">
        <f t="array" ref="E3031">IFERROR(INDEX(Jesper!AI$2:AI$366,ROUNDDOWN($C3031/24,0)+1,1)*INDEX($D$3:$AA$30,INDEX(Jesper!$R$2:$R$366,ROW(INDEX(Jesper!AI$2:AI$366,ROUNDDOWN($C3031/24,0)+1,1))-1)+IF('Standard Profiles'!$G$19=$B$10,7,0)+IF('Standard Profiles'!$G$19=$B$17,14,0)+IF('Standard Profiles'!$G$19=$B$24,21,0),MOD($C3031,24)+1)/SUM(INDEX($D$3:$AA$30,INDEX(Jesper!$R$2:$R$366,ROW(INDEX(Jesper!AI$2:AI$366,ROUNDDOWN($C3031/24,0)+1,1))-1)+IF('Standard Profiles'!$G$19=$B$10,7,0)+IF('Standard Profiles'!$G$19=$B$17,14,0)+IF('Standard Profiles'!$G$19=$B$24,21,0),0)),0)</f>
        <v>2.6771228657086619</v>
      </c>
      <c r="F3031" cm="1">
        <f t="array" ref="F3031">IFERROR(INDEX(Jesper!AJ$2:AJ$366,ROUNDDOWN($C3031/24,0)+1,1)*INDEX($D$3:$AA$30,INDEX(Jesper!$R$2:$R$366,ROW(INDEX(Jesper!AJ$2:AJ$366,ROUNDDOWN($C3031/24,0)+1,1))-1)+IF('Standard Profiles'!$G$20=$B$10,7,0)+IF('Standard Profiles'!$G$20=$B$17,14,0)+IF('Standard Profiles'!$G$20=$B$24,21,0),MOD($C3031,24)+1)/SUM(INDEX($D$3:$AA$30,INDEX(Jesper!$R$2:$R$366,ROW(INDEX(Jesper!AJ$2:AJ$366,ROUNDDOWN($C3031/24,0)+1,1))-1)+IF('Standard Profiles'!$G$20=$B$10,7,0)+IF('Standard Profiles'!$G$20=$B$17,14,0)+IF('Standard Profiles'!$G$20=$B$24,21,0),0)),0)</f>
        <v>0</v>
      </c>
      <c r="G3031" cm="1">
        <f t="array" ref="G3031">IFERROR(INDEX(Jesper!AK$2:AK$366,ROUNDDOWN($C3031/24,0)+1,1)*INDEX($D$3:$AA$30,INDEX(Jesper!$R$2:$R$366,ROW(INDEX(Jesper!AK$2:AK$366,ROUNDDOWN($C3031/24,0)+1,1))-1)+IF('Standard Profiles'!$G$21=$B$10,7,0)+IF('Standard Profiles'!$G$21=$B$17,14,0)+IF('Standard Profiles'!$G$21=$B$24,21,0),MOD($C3031,24)+1)/SUM(INDEX($D$3:$AA$30,INDEX(Jesper!$R$2:$R$366,ROW(INDEX(Jesper!AK$2:AK$366,ROUNDDOWN($C3031/24,0)+1,1))-1)+IF('Standard Profiles'!$G$21=$B$10,7,0)+IF('Standard Profiles'!$G$21=$B$17,14,0)+IF('Standard Profiles'!$G$21=$B$24,21,0),0)),0)</f>
        <v>0.79230017576282508</v>
      </c>
      <c r="H3031" cm="1">
        <f t="array" ref="H3031">IFERROR(INDEX(Jesper!AL$2:AL$366,ROUNDDOWN($C3031/24,0)+1,1)*INDEX($D$3:$AA$30,INDEX(Jesper!$R$2:$R$366,ROW(INDEX(Jesper!AL$2:AL$366,ROUNDDOWN($C3031/24,0)+1,1))-1)+IF('Standard Profiles'!$G$22=$B$10,7,0)+IF('Standard Profiles'!$G$22=$B$17,14,0)+IF('Standard Profiles'!$G$22=$B$24,21,0),MOD($C3031,24)+1)/SUM(INDEX($D$3:$AA$30,INDEX(Jesper!$R$2:$R$366,ROW(INDEX(Jesper!AL$2:AL$366,ROUNDDOWN($C3031/24,0)+1,1))-1)+IF('Standard Profiles'!$G$22=$B$10,7,0)+IF('Standard Profiles'!$G$22=$B$17,14,0)+IF('Standard Profiles'!$G$22=$B$24,21,0),0)),0)</f>
        <v>0</v>
      </c>
      <c r="I3031">
        <f t="shared" si="342"/>
        <v>0.38030408436615587</v>
      </c>
      <c r="J3031">
        <f t="shared" si="343"/>
        <v>7.4300094805083994</v>
      </c>
      <c r="K3031">
        <f t="shared" si="344"/>
        <v>0.55122419344800866</v>
      </c>
      <c r="L3031">
        <f t="shared" si="345"/>
        <v>0.27561209672400433</v>
      </c>
      <c r="M3031">
        <f t="shared" si="346"/>
        <v>0</v>
      </c>
      <c r="N3031" s="45">
        <f t="shared" si="347"/>
        <v>45051.874999992731</v>
      </c>
    </row>
    <row r="3032" spans="2:14" x14ac:dyDescent="0.25">
      <c r="B3032">
        <f t="shared" si="341"/>
        <v>5</v>
      </c>
      <c r="C3032" s="16">
        <v>2998</v>
      </c>
      <c r="D3032" cm="1">
        <f t="array" ref="D3032">IFERROR(INDEX(Jesper!AH$2:AH$366,ROUNDDOWN($C3032/24,0)+1,1)*INDEX($D$3:$AA$30,INDEX(Jesper!$R$2:$R$366,ROW(INDEX(Jesper!AH$2:AH$366,ROUNDDOWN($C3032/24,0)+1,1))-1)+IF('Standard Profiles'!$G$18=$B$10,7,0)+IF('Standard Profiles'!$G$18=$B$17,14,0)+IF('Standard Profiles'!$G$18=$B$24,21,0),MOD($C3032,24)+1)/SUM(INDEX($D$3:$AA$30,INDEX(Jesper!$R$2:$R$366,ROW(INDEX(Jesper!AH$2:AH$366,ROUNDDOWN($C3032/24,0)+1,1))-1)+IF('Standard Profiles'!$G$18=$B$10,7,0)+IF('Standard Profiles'!$G$18=$B$17,14,0)+IF('Standard Profiles'!$G$18=$B$24,21,0),0)),0)</f>
        <v>5.1677268135750811</v>
      </c>
      <c r="E3032" cm="1">
        <f t="array" ref="E3032">IFERROR(INDEX(Jesper!AI$2:AI$366,ROUNDDOWN($C3032/24,0)+1,1)*INDEX($D$3:$AA$30,INDEX(Jesper!$R$2:$R$366,ROW(INDEX(Jesper!AI$2:AI$366,ROUNDDOWN($C3032/24,0)+1,1))-1)+IF('Standard Profiles'!$G$19=$B$10,7,0)+IF('Standard Profiles'!$G$19=$B$17,14,0)+IF('Standard Profiles'!$G$19=$B$24,21,0),MOD($C3032,24)+1)/SUM(INDEX($D$3:$AA$30,INDEX(Jesper!$R$2:$R$366,ROW(INDEX(Jesper!AI$2:AI$366,ROUNDDOWN($C3032/24,0)+1,1))-1)+IF('Standard Profiles'!$G$19=$B$10,7,0)+IF('Standard Profiles'!$G$19=$B$17,14,0)+IF('Standard Profiles'!$G$19=$B$24,21,0),0)),0)</f>
        <v>2.6771228657086619</v>
      </c>
      <c r="F3032" cm="1">
        <f t="array" ref="F3032">IFERROR(INDEX(Jesper!AJ$2:AJ$366,ROUNDDOWN($C3032/24,0)+1,1)*INDEX($D$3:$AA$30,INDEX(Jesper!$R$2:$R$366,ROW(INDEX(Jesper!AJ$2:AJ$366,ROUNDDOWN($C3032/24,0)+1,1))-1)+IF('Standard Profiles'!$G$20=$B$10,7,0)+IF('Standard Profiles'!$G$20=$B$17,14,0)+IF('Standard Profiles'!$G$20=$B$24,21,0),MOD($C3032,24)+1)/SUM(INDEX($D$3:$AA$30,INDEX(Jesper!$R$2:$R$366,ROW(INDEX(Jesper!AJ$2:AJ$366,ROUNDDOWN($C3032/24,0)+1,1))-1)+IF('Standard Profiles'!$G$20=$B$10,7,0)+IF('Standard Profiles'!$G$20=$B$17,14,0)+IF('Standard Profiles'!$G$20=$B$24,21,0),0)),0)</f>
        <v>0</v>
      </c>
      <c r="G3032" cm="1">
        <f t="array" ref="G3032">IFERROR(INDEX(Jesper!AK$2:AK$366,ROUNDDOWN($C3032/24,0)+1,1)*INDEX($D$3:$AA$30,INDEX(Jesper!$R$2:$R$366,ROW(INDEX(Jesper!AK$2:AK$366,ROUNDDOWN($C3032/24,0)+1,1))-1)+IF('Standard Profiles'!$G$21=$B$10,7,0)+IF('Standard Profiles'!$G$21=$B$17,14,0)+IF('Standard Profiles'!$G$21=$B$24,21,0),MOD($C3032,24)+1)/SUM(INDEX($D$3:$AA$30,INDEX(Jesper!$R$2:$R$366,ROW(INDEX(Jesper!AK$2:AK$366,ROUNDDOWN($C3032/24,0)+1,1))-1)+IF('Standard Profiles'!$G$21=$B$10,7,0)+IF('Standard Profiles'!$G$21=$B$17,14,0)+IF('Standard Profiles'!$G$21=$B$24,21,0),0)),0)</f>
        <v>0.79230017576282508</v>
      </c>
      <c r="H3032" cm="1">
        <f t="array" ref="H3032">IFERROR(INDEX(Jesper!AL$2:AL$366,ROUNDDOWN($C3032/24,0)+1,1)*INDEX($D$3:$AA$30,INDEX(Jesper!$R$2:$R$366,ROW(INDEX(Jesper!AL$2:AL$366,ROUNDDOWN($C3032/24,0)+1,1))-1)+IF('Standard Profiles'!$G$22=$B$10,7,0)+IF('Standard Profiles'!$G$22=$B$17,14,0)+IF('Standard Profiles'!$G$22=$B$24,21,0),MOD($C3032,24)+1)/SUM(INDEX($D$3:$AA$30,INDEX(Jesper!$R$2:$R$366,ROW(INDEX(Jesper!AL$2:AL$366,ROUNDDOWN($C3032/24,0)+1,1))-1)+IF('Standard Profiles'!$G$22=$B$10,7,0)+IF('Standard Profiles'!$G$22=$B$17,14,0)+IF('Standard Profiles'!$G$22=$B$24,21,0),0)),0)</f>
        <v>0</v>
      </c>
      <c r="I3032">
        <f t="shared" si="342"/>
        <v>0.38030408436615587</v>
      </c>
      <c r="J3032">
        <f t="shared" si="343"/>
        <v>7.4300094805083994</v>
      </c>
      <c r="K3032">
        <f t="shared" si="344"/>
        <v>0.55122419344800866</v>
      </c>
      <c r="L3032">
        <f t="shared" si="345"/>
        <v>0.27561209672400433</v>
      </c>
      <c r="M3032">
        <f t="shared" si="346"/>
        <v>0</v>
      </c>
      <c r="N3032" s="45">
        <f t="shared" si="347"/>
        <v>45051.916666659396</v>
      </c>
    </row>
    <row r="3033" spans="2:14" x14ac:dyDescent="0.25">
      <c r="B3033">
        <f t="shared" si="341"/>
        <v>5</v>
      </c>
      <c r="C3033" s="16">
        <v>2999</v>
      </c>
      <c r="D3033" cm="1">
        <f t="array" ref="D3033">IFERROR(INDEX(Jesper!AH$2:AH$366,ROUNDDOWN($C3033/24,0)+1,1)*INDEX($D$3:$AA$30,INDEX(Jesper!$R$2:$R$366,ROW(INDEX(Jesper!AH$2:AH$366,ROUNDDOWN($C3033/24,0)+1,1))-1)+IF('Standard Profiles'!$G$18=$B$10,7,0)+IF('Standard Profiles'!$G$18=$B$17,14,0)+IF('Standard Profiles'!$G$18=$B$24,21,0),MOD($C3033,24)+1)/SUM(INDEX($D$3:$AA$30,INDEX(Jesper!$R$2:$R$366,ROW(INDEX(Jesper!AH$2:AH$366,ROUNDDOWN($C3033/24,0)+1,1))-1)+IF('Standard Profiles'!$G$18=$B$10,7,0)+IF('Standard Profiles'!$G$18=$B$17,14,0)+IF('Standard Profiles'!$G$18=$B$24,21,0),0)),0)</f>
        <v>5.1677268135750811</v>
      </c>
      <c r="E3033" cm="1">
        <f t="array" ref="E3033">IFERROR(INDEX(Jesper!AI$2:AI$366,ROUNDDOWN($C3033/24,0)+1,1)*INDEX($D$3:$AA$30,INDEX(Jesper!$R$2:$R$366,ROW(INDEX(Jesper!AI$2:AI$366,ROUNDDOWN($C3033/24,0)+1,1))-1)+IF('Standard Profiles'!$G$19=$B$10,7,0)+IF('Standard Profiles'!$G$19=$B$17,14,0)+IF('Standard Profiles'!$G$19=$B$24,21,0),MOD($C3033,24)+1)/SUM(INDEX($D$3:$AA$30,INDEX(Jesper!$R$2:$R$366,ROW(INDEX(Jesper!AI$2:AI$366,ROUNDDOWN($C3033/24,0)+1,1))-1)+IF('Standard Profiles'!$G$19=$B$10,7,0)+IF('Standard Profiles'!$G$19=$B$17,14,0)+IF('Standard Profiles'!$G$19=$B$24,21,0),0)),0)</f>
        <v>2.6771228657086619</v>
      </c>
      <c r="F3033" cm="1">
        <f t="array" ref="F3033">IFERROR(INDEX(Jesper!AJ$2:AJ$366,ROUNDDOWN($C3033/24,0)+1,1)*INDEX($D$3:$AA$30,INDEX(Jesper!$R$2:$R$366,ROW(INDEX(Jesper!AJ$2:AJ$366,ROUNDDOWN($C3033/24,0)+1,1))-1)+IF('Standard Profiles'!$G$20=$B$10,7,0)+IF('Standard Profiles'!$G$20=$B$17,14,0)+IF('Standard Profiles'!$G$20=$B$24,21,0),MOD($C3033,24)+1)/SUM(INDEX($D$3:$AA$30,INDEX(Jesper!$R$2:$R$366,ROW(INDEX(Jesper!AJ$2:AJ$366,ROUNDDOWN($C3033/24,0)+1,1))-1)+IF('Standard Profiles'!$G$20=$B$10,7,0)+IF('Standard Profiles'!$G$20=$B$17,14,0)+IF('Standard Profiles'!$G$20=$B$24,21,0),0)),0)</f>
        <v>0</v>
      </c>
      <c r="G3033" cm="1">
        <f t="array" ref="G3033">IFERROR(INDEX(Jesper!AK$2:AK$366,ROUNDDOWN($C3033/24,0)+1,1)*INDEX($D$3:$AA$30,INDEX(Jesper!$R$2:$R$366,ROW(INDEX(Jesper!AK$2:AK$366,ROUNDDOWN($C3033/24,0)+1,1))-1)+IF('Standard Profiles'!$G$21=$B$10,7,0)+IF('Standard Profiles'!$G$21=$B$17,14,0)+IF('Standard Profiles'!$G$21=$B$24,21,0),MOD($C3033,24)+1)/SUM(INDEX($D$3:$AA$30,INDEX(Jesper!$R$2:$R$366,ROW(INDEX(Jesper!AK$2:AK$366,ROUNDDOWN($C3033/24,0)+1,1))-1)+IF('Standard Profiles'!$G$21=$B$10,7,0)+IF('Standard Profiles'!$G$21=$B$17,14,0)+IF('Standard Profiles'!$G$21=$B$24,21,0),0)),0)</f>
        <v>0.79230017576282508</v>
      </c>
      <c r="H3033" cm="1">
        <f t="array" ref="H3033">IFERROR(INDEX(Jesper!AL$2:AL$366,ROUNDDOWN($C3033/24,0)+1,1)*INDEX($D$3:$AA$30,INDEX(Jesper!$R$2:$R$366,ROW(INDEX(Jesper!AL$2:AL$366,ROUNDDOWN($C3033/24,0)+1,1))-1)+IF('Standard Profiles'!$G$22=$B$10,7,0)+IF('Standard Profiles'!$G$22=$B$17,14,0)+IF('Standard Profiles'!$G$22=$B$24,21,0),MOD($C3033,24)+1)/SUM(INDEX($D$3:$AA$30,INDEX(Jesper!$R$2:$R$366,ROW(INDEX(Jesper!AL$2:AL$366,ROUNDDOWN($C3033/24,0)+1,1))-1)+IF('Standard Profiles'!$G$22=$B$10,7,0)+IF('Standard Profiles'!$G$22=$B$17,14,0)+IF('Standard Profiles'!$G$22=$B$24,21,0),0)),0)</f>
        <v>0</v>
      </c>
      <c r="I3033">
        <f t="shared" si="342"/>
        <v>0.38030408436615587</v>
      </c>
      <c r="J3033">
        <f t="shared" si="343"/>
        <v>7.4300094805083994</v>
      </c>
      <c r="K3033">
        <f t="shared" si="344"/>
        <v>0.55122419344800866</v>
      </c>
      <c r="L3033">
        <f t="shared" si="345"/>
        <v>0.27561209672400433</v>
      </c>
      <c r="M3033">
        <f t="shared" si="346"/>
        <v>0</v>
      </c>
      <c r="N3033" s="45">
        <f t="shared" si="347"/>
        <v>45051.95833332606</v>
      </c>
    </row>
    <row r="3034" spans="2:14" x14ac:dyDescent="0.25">
      <c r="B3034">
        <f t="shared" si="341"/>
        <v>6</v>
      </c>
      <c r="C3034" s="16">
        <v>3000</v>
      </c>
      <c r="D3034" cm="1">
        <f t="array" ref="D3034">IFERROR(INDEX(Jesper!AH$2:AH$366,ROUNDDOWN($C3034/24,0)+1,1)*INDEX($D$3:$AA$30,INDEX(Jesper!$R$2:$R$366,ROW(INDEX(Jesper!AH$2:AH$366,ROUNDDOWN($C3034/24,0)+1,1))-1)+IF('Standard Profiles'!$G$18=$B$10,7,0)+IF('Standard Profiles'!$G$18=$B$17,14,0)+IF('Standard Profiles'!$G$18=$B$24,21,0),MOD($C3034,24)+1)/SUM(INDEX($D$3:$AA$30,INDEX(Jesper!$R$2:$R$366,ROW(INDEX(Jesper!AH$2:AH$366,ROUNDDOWN($C3034/24,0)+1,1))-1)+IF('Standard Profiles'!$G$18=$B$10,7,0)+IF('Standard Profiles'!$G$18=$B$17,14,0)+IF('Standard Profiles'!$G$18=$B$24,21,0),0)),0)</f>
        <v>0</v>
      </c>
      <c r="E3034" cm="1">
        <f t="array" ref="E3034">IFERROR(INDEX(Jesper!AI$2:AI$366,ROUNDDOWN($C3034/24,0)+1,1)*INDEX($D$3:$AA$30,INDEX(Jesper!$R$2:$R$366,ROW(INDEX(Jesper!AI$2:AI$366,ROUNDDOWN($C3034/24,0)+1,1))-1)+IF('Standard Profiles'!$G$19=$B$10,7,0)+IF('Standard Profiles'!$G$19=$B$17,14,0)+IF('Standard Profiles'!$G$19=$B$24,21,0),MOD($C3034,24)+1)/SUM(INDEX($D$3:$AA$30,INDEX(Jesper!$R$2:$R$366,ROW(INDEX(Jesper!AI$2:AI$366,ROUNDDOWN($C3034/24,0)+1,1))-1)+IF('Standard Profiles'!$G$19=$B$10,7,0)+IF('Standard Profiles'!$G$19=$B$17,14,0)+IF('Standard Profiles'!$G$19=$B$24,21,0),0)),0)</f>
        <v>3.0388415787935461</v>
      </c>
      <c r="F3034" cm="1">
        <f t="array" ref="F3034">IFERROR(INDEX(Jesper!AJ$2:AJ$366,ROUNDDOWN($C3034/24,0)+1,1)*INDEX($D$3:$AA$30,INDEX(Jesper!$R$2:$R$366,ROW(INDEX(Jesper!AJ$2:AJ$366,ROUNDDOWN($C3034/24,0)+1,1))-1)+IF('Standard Profiles'!$G$20=$B$10,7,0)+IF('Standard Profiles'!$G$20=$B$17,14,0)+IF('Standard Profiles'!$G$20=$B$24,21,0),MOD($C3034,24)+1)/SUM(INDEX($D$3:$AA$30,INDEX(Jesper!$R$2:$R$366,ROW(INDEX(Jesper!AJ$2:AJ$366,ROUNDDOWN($C3034/24,0)+1,1))-1)+IF('Standard Profiles'!$G$20=$B$10,7,0)+IF('Standard Profiles'!$G$20=$B$17,14,0)+IF('Standard Profiles'!$G$20=$B$24,21,0),0)),0)</f>
        <v>1.4108183436232797</v>
      </c>
      <c r="G3034" cm="1">
        <f t="array" ref="G3034">IFERROR(INDEX(Jesper!AK$2:AK$366,ROUNDDOWN($C3034/24,0)+1,1)*INDEX($D$3:$AA$30,INDEX(Jesper!$R$2:$R$366,ROW(INDEX(Jesper!AK$2:AK$366,ROUNDDOWN($C3034/24,0)+1,1))-1)+IF('Standard Profiles'!$G$21=$B$10,7,0)+IF('Standard Profiles'!$G$21=$B$17,14,0)+IF('Standard Profiles'!$G$21=$B$24,21,0),MOD($C3034,24)+1)/SUM(INDEX($D$3:$AA$30,INDEX(Jesper!$R$2:$R$366,ROW(INDEX(Jesper!AK$2:AK$366,ROUNDDOWN($C3034/24,0)+1,1))-1)+IF('Standard Profiles'!$G$21=$B$10,7,0)+IF('Standard Profiles'!$G$21=$B$17,14,0)+IF('Standard Profiles'!$G$21=$B$24,21,0),0)),0)</f>
        <v>0.79041565956776694</v>
      </c>
      <c r="H3034" cm="1">
        <f t="array" ref="H3034">IFERROR(INDEX(Jesper!AL$2:AL$366,ROUNDDOWN($C3034/24,0)+1,1)*INDEX($D$3:$AA$30,INDEX(Jesper!$R$2:$R$366,ROW(INDEX(Jesper!AL$2:AL$366,ROUNDDOWN($C3034/24,0)+1,1))-1)+IF('Standard Profiles'!$G$22=$B$10,7,0)+IF('Standard Profiles'!$G$22=$B$17,14,0)+IF('Standard Profiles'!$G$22=$B$24,21,0),MOD($C3034,24)+1)/SUM(INDEX($D$3:$AA$30,INDEX(Jesper!$R$2:$R$366,ROW(INDEX(Jesper!AL$2:AL$366,ROUNDDOWN($C3034/24,0)+1,1))-1)+IF('Standard Profiles'!$G$22=$B$10,7,0)+IF('Standard Profiles'!$G$22=$B$17,14,0)+IF('Standard Profiles'!$G$22=$B$24,21,0),0)),0)</f>
        <v>0.15514889119726136</v>
      </c>
      <c r="I3034">
        <f t="shared" si="342"/>
        <v>0.14894293554937099</v>
      </c>
      <c r="J3034">
        <f t="shared" si="343"/>
        <v>4.8816205481772572</v>
      </c>
      <c r="K3034">
        <f t="shared" si="344"/>
        <v>0.2431073263034837</v>
      </c>
      <c r="L3034">
        <f t="shared" si="345"/>
        <v>0.12155366315174185</v>
      </c>
      <c r="M3034">
        <f t="shared" si="346"/>
        <v>0</v>
      </c>
      <c r="N3034" s="45">
        <f t="shared" si="347"/>
        <v>45051.999999992724</v>
      </c>
    </row>
    <row r="3035" spans="2:14" x14ac:dyDescent="0.25">
      <c r="B3035">
        <f t="shared" si="341"/>
        <v>6</v>
      </c>
      <c r="C3035" s="16">
        <v>3001</v>
      </c>
      <c r="D3035" cm="1">
        <f t="array" ref="D3035">IFERROR(INDEX(Jesper!AH$2:AH$366,ROUNDDOWN($C3035/24,0)+1,1)*INDEX($D$3:$AA$30,INDEX(Jesper!$R$2:$R$366,ROW(INDEX(Jesper!AH$2:AH$366,ROUNDDOWN($C3035/24,0)+1,1))-1)+IF('Standard Profiles'!$G$18=$B$10,7,0)+IF('Standard Profiles'!$G$18=$B$17,14,0)+IF('Standard Profiles'!$G$18=$B$24,21,0),MOD($C3035,24)+1)/SUM(INDEX($D$3:$AA$30,INDEX(Jesper!$R$2:$R$366,ROW(INDEX(Jesper!AH$2:AH$366,ROUNDDOWN($C3035/24,0)+1,1))-1)+IF('Standard Profiles'!$G$18=$B$10,7,0)+IF('Standard Profiles'!$G$18=$B$17,14,0)+IF('Standard Profiles'!$G$18=$B$24,21,0),0)),0)</f>
        <v>0</v>
      </c>
      <c r="E3035" cm="1">
        <f t="array" ref="E3035">IFERROR(INDEX(Jesper!AI$2:AI$366,ROUNDDOWN($C3035/24,0)+1,1)*INDEX($D$3:$AA$30,INDEX(Jesper!$R$2:$R$366,ROW(INDEX(Jesper!AI$2:AI$366,ROUNDDOWN($C3035/24,0)+1,1))-1)+IF('Standard Profiles'!$G$19=$B$10,7,0)+IF('Standard Profiles'!$G$19=$B$17,14,0)+IF('Standard Profiles'!$G$19=$B$24,21,0),MOD($C3035,24)+1)/SUM(INDEX($D$3:$AA$30,INDEX(Jesper!$R$2:$R$366,ROW(INDEX(Jesper!AI$2:AI$366,ROUNDDOWN($C3035/24,0)+1,1))-1)+IF('Standard Profiles'!$G$19=$B$10,7,0)+IF('Standard Profiles'!$G$19=$B$17,14,0)+IF('Standard Profiles'!$G$19=$B$24,21,0),0)),0)</f>
        <v>2.7349574209141916</v>
      </c>
      <c r="F3035" cm="1">
        <f t="array" ref="F3035">IFERROR(INDEX(Jesper!AJ$2:AJ$366,ROUNDDOWN($C3035/24,0)+1,1)*INDEX($D$3:$AA$30,INDEX(Jesper!$R$2:$R$366,ROW(INDEX(Jesper!AJ$2:AJ$366,ROUNDDOWN($C3035/24,0)+1,1))-1)+IF('Standard Profiles'!$G$20=$B$10,7,0)+IF('Standard Profiles'!$G$20=$B$17,14,0)+IF('Standard Profiles'!$G$20=$B$24,21,0),MOD($C3035,24)+1)/SUM(INDEX($D$3:$AA$30,INDEX(Jesper!$R$2:$R$366,ROW(INDEX(Jesper!AJ$2:AJ$366,ROUNDDOWN($C3035/24,0)+1,1))-1)+IF('Standard Profiles'!$G$20=$B$10,7,0)+IF('Standard Profiles'!$G$20=$B$17,14,0)+IF('Standard Profiles'!$G$20=$B$24,21,0),0)),0)</f>
        <v>1.2697365092609516</v>
      </c>
      <c r="G3035" cm="1">
        <f t="array" ref="G3035">IFERROR(INDEX(Jesper!AK$2:AK$366,ROUNDDOWN($C3035/24,0)+1,1)*INDEX($D$3:$AA$30,INDEX(Jesper!$R$2:$R$366,ROW(INDEX(Jesper!AK$2:AK$366,ROUNDDOWN($C3035/24,0)+1,1))-1)+IF('Standard Profiles'!$G$21=$B$10,7,0)+IF('Standard Profiles'!$G$21=$B$17,14,0)+IF('Standard Profiles'!$G$21=$B$24,21,0),MOD($C3035,24)+1)/SUM(INDEX($D$3:$AA$30,INDEX(Jesper!$R$2:$R$366,ROW(INDEX(Jesper!AK$2:AK$366,ROUNDDOWN($C3035/24,0)+1,1))-1)+IF('Standard Profiles'!$G$21=$B$10,7,0)+IF('Standard Profiles'!$G$21=$B$17,14,0)+IF('Standard Profiles'!$G$21=$B$24,21,0),0)),0)</f>
        <v>0.79041565956776694</v>
      </c>
      <c r="H3035" cm="1">
        <f t="array" ref="H3035">IFERROR(INDEX(Jesper!AL$2:AL$366,ROUNDDOWN($C3035/24,0)+1,1)*INDEX($D$3:$AA$30,INDEX(Jesper!$R$2:$R$366,ROW(INDEX(Jesper!AL$2:AL$366,ROUNDDOWN($C3035/24,0)+1,1))-1)+IF('Standard Profiles'!$G$22=$B$10,7,0)+IF('Standard Profiles'!$G$22=$B$17,14,0)+IF('Standard Profiles'!$G$22=$B$24,21,0),MOD($C3035,24)+1)/SUM(INDEX($D$3:$AA$30,INDEX(Jesper!$R$2:$R$366,ROW(INDEX(Jesper!AL$2:AL$366,ROUNDDOWN($C3035/24,0)+1,1))-1)+IF('Standard Profiles'!$G$22=$B$10,7,0)+IF('Standard Profiles'!$G$22=$B$17,14,0)+IF('Standard Profiles'!$G$22=$B$24,21,0),0)),0)</f>
        <v>0.3029097399565579</v>
      </c>
      <c r="I3035">
        <f t="shared" si="342"/>
        <v>0.29079335035829573</v>
      </c>
      <c r="J3035">
        <f t="shared" si="343"/>
        <v>4.4790310888314693</v>
      </c>
      <c r="K3035">
        <f t="shared" si="344"/>
        <v>0.21879659367313534</v>
      </c>
      <c r="L3035">
        <f t="shared" si="345"/>
        <v>0.10939829683656767</v>
      </c>
      <c r="M3035">
        <f t="shared" si="346"/>
        <v>0</v>
      </c>
      <c r="N3035" s="45">
        <f t="shared" si="347"/>
        <v>45052.041666659388</v>
      </c>
    </row>
    <row r="3036" spans="2:14" x14ac:dyDescent="0.25">
      <c r="B3036">
        <f t="shared" si="341"/>
        <v>6</v>
      </c>
      <c r="C3036" s="16">
        <v>3002</v>
      </c>
      <c r="D3036" cm="1">
        <f t="array" ref="D3036">IFERROR(INDEX(Jesper!AH$2:AH$366,ROUNDDOWN($C3036/24,0)+1,1)*INDEX($D$3:$AA$30,INDEX(Jesper!$R$2:$R$366,ROW(INDEX(Jesper!AH$2:AH$366,ROUNDDOWN($C3036/24,0)+1,1))-1)+IF('Standard Profiles'!$G$18=$B$10,7,0)+IF('Standard Profiles'!$G$18=$B$17,14,0)+IF('Standard Profiles'!$G$18=$B$24,21,0),MOD($C3036,24)+1)/SUM(INDEX($D$3:$AA$30,INDEX(Jesper!$R$2:$R$366,ROW(INDEX(Jesper!AH$2:AH$366,ROUNDDOWN($C3036/24,0)+1,1))-1)+IF('Standard Profiles'!$G$18=$B$10,7,0)+IF('Standard Profiles'!$G$18=$B$17,14,0)+IF('Standard Profiles'!$G$18=$B$24,21,0),0)),0)</f>
        <v>0</v>
      </c>
      <c r="E3036" cm="1">
        <f t="array" ref="E3036">IFERROR(INDEX(Jesper!AI$2:AI$366,ROUNDDOWN($C3036/24,0)+1,1)*INDEX($D$3:$AA$30,INDEX(Jesper!$R$2:$R$366,ROW(INDEX(Jesper!AI$2:AI$366,ROUNDDOWN($C3036/24,0)+1,1))-1)+IF('Standard Profiles'!$G$19=$B$10,7,0)+IF('Standard Profiles'!$G$19=$B$17,14,0)+IF('Standard Profiles'!$G$19=$B$24,21,0),MOD($C3036,24)+1)/SUM(INDEX($D$3:$AA$30,INDEX(Jesper!$R$2:$R$366,ROW(INDEX(Jesper!AI$2:AI$366,ROUNDDOWN($C3036/24,0)+1,1))-1)+IF('Standard Profiles'!$G$19=$B$10,7,0)+IF('Standard Profiles'!$G$19=$B$17,14,0)+IF('Standard Profiles'!$G$19=$B$24,21,0),0)),0)</f>
        <v>2.7349574209141916</v>
      </c>
      <c r="F3036" cm="1">
        <f t="array" ref="F3036">IFERROR(INDEX(Jesper!AJ$2:AJ$366,ROUNDDOWN($C3036/24,0)+1,1)*INDEX($D$3:$AA$30,INDEX(Jesper!$R$2:$R$366,ROW(INDEX(Jesper!AJ$2:AJ$366,ROUNDDOWN($C3036/24,0)+1,1))-1)+IF('Standard Profiles'!$G$20=$B$10,7,0)+IF('Standard Profiles'!$G$20=$B$17,14,0)+IF('Standard Profiles'!$G$20=$B$24,21,0),MOD($C3036,24)+1)/SUM(INDEX($D$3:$AA$30,INDEX(Jesper!$R$2:$R$366,ROW(INDEX(Jesper!AJ$2:AJ$366,ROUNDDOWN($C3036/24,0)+1,1))-1)+IF('Standard Profiles'!$G$20=$B$10,7,0)+IF('Standard Profiles'!$G$20=$B$17,14,0)+IF('Standard Profiles'!$G$20=$B$24,21,0),0)),0)</f>
        <v>1.2697365092609516</v>
      </c>
      <c r="G3036" cm="1">
        <f t="array" ref="G3036">IFERROR(INDEX(Jesper!AK$2:AK$366,ROUNDDOWN($C3036/24,0)+1,1)*INDEX($D$3:$AA$30,INDEX(Jesper!$R$2:$R$366,ROW(INDEX(Jesper!AK$2:AK$366,ROUNDDOWN($C3036/24,0)+1,1))-1)+IF('Standard Profiles'!$G$21=$B$10,7,0)+IF('Standard Profiles'!$G$21=$B$17,14,0)+IF('Standard Profiles'!$G$21=$B$24,21,0),MOD($C3036,24)+1)/SUM(INDEX($D$3:$AA$30,INDEX(Jesper!$R$2:$R$366,ROW(INDEX(Jesper!AK$2:AK$366,ROUNDDOWN($C3036/24,0)+1,1))-1)+IF('Standard Profiles'!$G$21=$B$10,7,0)+IF('Standard Profiles'!$G$21=$B$17,14,0)+IF('Standard Profiles'!$G$21=$B$24,21,0),0)),0)</f>
        <v>0.79041565956776694</v>
      </c>
      <c r="H3036" cm="1">
        <f t="array" ref="H3036">IFERROR(INDEX(Jesper!AL$2:AL$366,ROUNDDOWN($C3036/24,0)+1,1)*INDEX($D$3:$AA$30,INDEX(Jesper!$R$2:$R$366,ROW(INDEX(Jesper!AL$2:AL$366,ROUNDDOWN($C3036/24,0)+1,1))-1)+IF('Standard Profiles'!$G$22=$B$10,7,0)+IF('Standard Profiles'!$G$22=$B$17,14,0)+IF('Standard Profiles'!$G$22=$B$24,21,0),MOD($C3036,24)+1)/SUM(INDEX($D$3:$AA$30,INDEX(Jesper!$R$2:$R$366,ROW(INDEX(Jesper!AL$2:AL$366,ROUNDDOWN($C3036/24,0)+1,1))-1)+IF('Standard Profiles'!$G$22=$B$10,7,0)+IF('Standard Profiles'!$G$22=$B$17,14,0)+IF('Standard Profiles'!$G$22=$B$24,21,0),0)),0)</f>
        <v>0.3029097399565579</v>
      </c>
      <c r="I3036">
        <f t="shared" si="342"/>
        <v>0.29079335035829573</v>
      </c>
      <c r="J3036">
        <f t="shared" si="343"/>
        <v>4.4790310888314693</v>
      </c>
      <c r="K3036">
        <f t="shared" si="344"/>
        <v>0.21879659367313534</v>
      </c>
      <c r="L3036">
        <f t="shared" si="345"/>
        <v>0.10939829683656767</v>
      </c>
      <c r="M3036">
        <f t="shared" si="346"/>
        <v>0</v>
      </c>
      <c r="N3036" s="45">
        <f t="shared" si="347"/>
        <v>45052.083333326053</v>
      </c>
    </row>
    <row r="3037" spans="2:14" x14ac:dyDescent="0.25">
      <c r="B3037">
        <f t="shared" si="341"/>
        <v>6</v>
      </c>
      <c r="C3037" s="16">
        <v>3003</v>
      </c>
      <c r="D3037" cm="1">
        <f t="array" ref="D3037">IFERROR(INDEX(Jesper!AH$2:AH$366,ROUNDDOWN($C3037/24,0)+1,1)*INDEX($D$3:$AA$30,INDEX(Jesper!$R$2:$R$366,ROW(INDEX(Jesper!AH$2:AH$366,ROUNDDOWN($C3037/24,0)+1,1))-1)+IF('Standard Profiles'!$G$18=$B$10,7,0)+IF('Standard Profiles'!$G$18=$B$17,14,0)+IF('Standard Profiles'!$G$18=$B$24,21,0),MOD($C3037,24)+1)/SUM(INDEX($D$3:$AA$30,INDEX(Jesper!$R$2:$R$366,ROW(INDEX(Jesper!AH$2:AH$366,ROUNDDOWN($C3037/24,0)+1,1))-1)+IF('Standard Profiles'!$G$18=$B$10,7,0)+IF('Standard Profiles'!$G$18=$B$17,14,0)+IF('Standard Profiles'!$G$18=$B$24,21,0),0)),0)</f>
        <v>0</v>
      </c>
      <c r="E3037" cm="1">
        <f t="array" ref="E3037">IFERROR(INDEX(Jesper!AI$2:AI$366,ROUNDDOWN($C3037/24,0)+1,1)*INDEX($D$3:$AA$30,INDEX(Jesper!$R$2:$R$366,ROW(INDEX(Jesper!AI$2:AI$366,ROUNDDOWN($C3037/24,0)+1,1))-1)+IF('Standard Profiles'!$G$19=$B$10,7,0)+IF('Standard Profiles'!$G$19=$B$17,14,0)+IF('Standard Profiles'!$G$19=$B$24,21,0),MOD($C3037,24)+1)/SUM(INDEX($D$3:$AA$30,INDEX(Jesper!$R$2:$R$366,ROW(INDEX(Jesper!AI$2:AI$366,ROUNDDOWN($C3037/24,0)+1,1))-1)+IF('Standard Profiles'!$G$19=$B$10,7,0)+IF('Standard Profiles'!$G$19=$B$17,14,0)+IF('Standard Profiles'!$G$19=$B$24,21,0),0)),0)</f>
        <v>2.7349574209141916</v>
      </c>
      <c r="F3037" cm="1">
        <f t="array" ref="F3037">IFERROR(INDEX(Jesper!AJ$2:AJ$366,ROUNDDOWN($C3037/24,0)+1,1)*INDEX($D$3:$AA$30,INDEX(Jesper!$R$2:$R$366,ROW(INDEX(Jesper!AJ$2:AJ$366,ROUNDDOWN($C3037/24,0)+1,1))-1)+IF('Standard Profiles'!$G$20=$B$10,7,0)+IF('Standard Profiles'!$G$20=$B$17,14,0)+IF('Standard Profiles'!$G$20=$B$24,21,0),MOD($C3037,24)+1)/SUM(INDEX($D$3:$AA$30,INDEX(Jesper!$R$2:$R$366,ROW(INDEX(Jesper!AJ$2:AJ$366,ROUNDDOWN($C3037/24,0)+1,1))-1)+IF('Standard Profiles'!$G$20=$B$10,7,0)+IF('Standard Profiles'!$G$20=$B$17,14,0)+IF('Standard Profiles'!$G$20=$B$24,21,0),0)),0)</f>
        <v>1.2697365092609516</v>
      </c>
      <c r="G3037" cm="1">
        <f t="array" ref="G3037">IFERROR(INDEX(Jesper!AK$2:AK$366,ROUNDDOWN($C3037/24,0)+1,1)*INDEX($D$3:$AA$30,INDEX(Jesper!$R$2:$R$366,ROW(INDEX(Jesper!AK$2:AK$366,ROUNDDOWN($C3037/24,0)+1,1))-1)+IF('Standard Profiles'!$G$21=$B$10,7,0)+IF('Standard Profiles'!$G$21=$B$17,14,0)+IF('Standard Profiles'!$G$21=$B$24,21,0),MOD($C3037,24)+1)/SUM(INDEX($D$3:$AA$30,INDEX(Jesper!$R$2:$R$366,ROW(INDEX(Jesper!AK$2:AK$366,ROUNDDOWN($C3037/24,0)+1,1))-1)+IF('Standard Profiles'!$G$21=$B$10,7,0)+IF('Standard Profiles'!$G$21=$B$17,14,0)+IF('Standard Profiles'!$G$21=$B$24,21,0),0)),0)</f>
        <v>0.79041565956776694</v>
      </c>
      <c r="H3037" cm="1">
        <f t="array" ref="H3037">IFERROR(INDEX(Jesper!AL$2:AL$366,ROUNDDOWN($C3037/24,0)+1,1)*INDEX($D$3:$AA$30,INDEX(Jesper!$R$2:$R$366,ROW(INDEX(Jesper!AL$2:AL$366,ROUNDDOWN($C3037/24,0)+1,1))-1)+IF('Standard Profiles'!$G$22=$B$10,7,0)+IF('Standard Profiles'!$G$22=$B$17,14,0)+IF('Standard Profiles'!$G$22=$B$24,21,0),MOD($C3037,24)+1)/SUM(INDEX($D$3:$AA$30,INDEX(Jesper!$R$2:$R$366,ROW(INDEX(Jesper!AL$2:AL$366,ROUNDDOWN($C3037/24,0)+1,1))-1)+IF('Standard Profiles'!$G$22=$B$10,7,0)+IF('Standard Profiles'!$G$22=$B$17,14,0)+IF('Standard Profiles'!$G$22=$B$24,21,0),0)),0)</f>
        <v>0.3029097399565579</v>
      </c>
      <c r="I3037">
        <f t="shared" si="342"/>
        <v>0.29079335035829573</v>
      </c>
      <c r="J3037">
        <f t="shared" si="343"/>
        <v>4.4790310888314693</v>
      </c>
      <c r="K3037">
        <f t="shared" si="344"/>
        <v>0.21879659367313534</v>
      </c>
      <c r="L3037">
        <f t="shared" si="345"/>
        <v>0.10939829683656767</v>
      </c>
      <c r="M3037">
        <f t="shared" si="346"/>
        <v>0</v>
      </c>
      <c r="N3037" s="45">
        <f t="shared" si="347"/>
        <v>45052.124999992717</v>
      </c>
    </row>
    <row r="3038" spans="2:14" x14ac:dyDescent="0.25">
      <c r="B3038">
        <f t="shared" si="341"/>
        <v>6</v>
      </c>
      <c r="C3038" s="16">
        <v>3004</v>
      </c>
      <c r="D3038" cm="1">
        <f t="array" ref="D3038">IFERROR(INDEX(Jesper!AH$2:AH$366,ROUNDDOWN($C3038/24,0)+1,1)*INDEX($D$3:$AA$30,INDEX(Jesper!$R$2:$R$366,ROW(INDEX(Jesper!AH$2:AH$366,ROUNDDOWN($C3038/24,0)+1,1))-1)+IF('Standard Profiles'!$G$18=$B$10,7,0)+IF('Standard Profiles'!$G$18=$B$17,14,0)+IF('Standard Profiles'!$G$18=$B$24,21,0),MOD($C3038,24)+1)/SUM(INDEX($D$3:$AA$30,INDEX(Jesper!$R$2:$R$366,ROW(INDEX(Jesper!AH$2:AH$366,ROUNDDOWN($C3038/24,0)+1,1))-1)+IF('Standard Profiles'!$G$18=$B$10,7,0)+IF('Standard Profiles'!$G$18=$B$17,14,0)+IF('Standard Profiles'!$G$18=$B$24,21,0),0)),0)</f>
        <v>0</v>
      </c>
      <c r="E3038" cm="1">
        <f t="array" ref="E3038">IFERROR(INDEX(Jesper!AI$2:AI$366,ROUNDDOWN($C3038/24,0)+1,1)*INDEX($D$3:$AA$30,INDEX(Jesper!$R$2:$R$366,ROW(INDEX(Jesper!AI$2:AI$366,ROUNDDOWN($C3038/24,0)+1,1))-1)+IF('Standard Profiles'!$G$19=$B$10,7,0)+IF('Standard Profiles'!$G$19=$B$17,14,0)+IF('Standard Profiles'!$G$19=$B$24,21,0),MOD($C3038,24)+1)/SUM(INDEX($D$3:$AA$30,INDEX(Jesper!$R$2:$R$366,ROW(INDEX(Jesper!AI$2:AI$366,ROUNDDOWN($C3038/24,0)+1,1))-1)+IF('Standard Profiles'!$G$19=$B$10,7,0)+IF('Standard Profiles'!$G$19=$B$17,14,0)+IF('Standard Profiles'!$G$19=$B$24,21,0),0)),0)</f>
        <v>2.7349574209141916</v>
      </c>
      <c r="F3038" cm="1">
        <f t="array" ref="F3038">IFERROR(INDEX(Jesper!AJ$2:AJ$366,ROUNDDOWN($C3038/24,0)+1,1)*INDEX($D$3:$AA$30,INDEX(Jesper!$R$2:$R$366,ROW(INDEX(Jesper!AJ$2:AJ$366,ROUNDDOWN($C3038/24,0)+1,1))-1)+IF('Standard Profiles'!$G$20=$B$10,7,0)+IF('Standard Profiles'!$G$20=$B$17,14,0)+IF('Standard Profiles'!$G$20=$B$24,21,0),MOD($C3038,24)+1)/SUM(INDEX($D$3:$AA$30,INDEX(Jesper!$R$2:$R$366,ROW(INDEX(Jesper!AJ$2:AJ$366,ROUNDDOWN($C3038/24,0)+1,1))-1)+IF('Standard Profiles'!$G$20=$B$10,7,0)+IF('Standard Profiles'!$G$20=$B$17,14,0)+IF('Standard Profiles'!$G$20=$B$24,21,0),0)),0)</f>
        <v>1.2697365092609516</v>
      </c>
      <c r="G3038" cm="1">
        <f t="array" ref="G3038">IFERROR(INDEX(Jesper!AK$2:AK$366,ROUNDDOWN($C3038/24,0)+1,1)*INDEX($D$3:$AA$30,INDEX(Jesper!$R$2:$R$366,ROW(INDEX(Jesper!AK$2:AK$366,ROUNDDOWN($C3038/24,0)+1,1))-1)+IF('Standard Profiles'!$G$21=$B$10,7,0)+IF('Standard Profiles'!$G$21=$B$17,14,0)+IF('Standard Profiles'!$G$21=$B$24,21,0),MOD($C3038,24)+1)/SUM(INDEX($D$3:$AA$30,INDEX(Jesper!$R$2:$R$366,ROW(INDEX(Jesper!AK$2:AK$366,ROUNDDOWN($C3038/24,0)+1,1))-1)+IF('Standard Profiles'!$G$21=$B$10,7,0)+IF('Standard Profiles'!$G$21=$B$17,14,0)+IF('Standard Profiles'!$G$21=$B$24,21,0),0)),0)</f>
        <v>0.79041565956776694</v>
      </c>
      <c r="H3038" cm="1">
        <f t="array" ref="H3038">IFERROR(INDEX(Jesper!AL$2:AL$366,ROUNDDOWN($C3038/24,0)+1,1)*INDEX($D$3:$AA$30,INDEX(Jesper!$R$2:$R$366,ROW(INDEX(Jesper!AL$2:AL$366,ROUNDDOWN($C3038/24,0)+1,1))-1)+IF('Standard Profiles'!$G$22=$B$10,7,0)+IF('Standard Profiles'!$G$22=$B$17,14,0)+IF('Standard Profiles'!$G$22=$B$24,21,0),MOD($C3038,24)+1)/SUM(INDEX($D$3:$AA$30,INDEX(Jesper!$R$2:$R$366,ROW(INDEX(Jesper!AL$2:AL$366,ROUNDDOWN($C3038/24,0)+1,1))-1)+IF('Standard Profiles'!$G$22=$B$10,7,0)+IF('Standard Profiles'!$G$22=$B$17,14,0)+IF('Standard Profiles'!$G$22=$B$24,21,0),0)),0)</f>
        <v>0.3029097399565579</v>
      </c>
      <c r="I3038">
        <f t="shared" si="342"/>
        <v>0.29079335035829573</v>
      </c>
      <c r="J3038">
        <f t="shared" si="343"/>
        <v>4.4790310888314693</v>
      </c>
      <c r="K3038">
        <f t="shared" si="344"/>
        <v>0.21879659367313534</v>
      </c>
      <c r="L3038">
        <f t="shared" si="345"/>
        <v>0.10939829683656767</v>
      </c>
      <c r="M3038">
        <f t="shared" si="346"/>
        <v>0</v>
      </c>
      <c r="N3038" s="45">
        <f t="shared" si="347"/>
        <v>45052.166666659381</v>
      </c>
    </row>
    <row r="3039" spans="2:14" x14ac:dyDescent="0.25">
      <c r="B3039">
        <f t="shared" si="341"/>
        <v>6</v>
      </c>
      <c r="C3039" s="16">
        <v>3005</v>
      </c>
      <c r="D3039" cm="1">
        <f t="array" ref="D3039">IFERROR(INDEX(Jesper!AH$2:AH$366,ROUNDDOWN($C3039/24,0)+1,1)*INDEX($D$3:$AA$30,INDEX(Jesper!$R$2:$R$366,ROW(INDEX(Jesper!AH$2:AH$366,ROUNDDOWN($C3039/24,0)+1,1))-1)+IF('Standard Profiles'!$G$18=$B$10,7,0)+IF('Standard Profiles'!$G$18=$B$17,14,0)+IF('Standard Profiles'!$G$18=$B$24,21,0),MOD($C3039,24)+1)/SUM(INDEX($D$3:$AA$30,INDEX(Jesper!$R$2:$R$366,ROW(INDEX(Jesper!AH$2:AH$366,ROUNDDOWN($C3039/24,0)+1,1))-1)+IF('Standard Profiles'!$G$18=$B$10,7,0)+IF('Standard Profiles'!$G$18=$B$17,14,0)+IF('Standard Profiles'!$G$18=$B$24,21,0),0)),0)</f>
        <v>0</v>
      </c>
      <c r="E3039" cm="1">
        <f t="array" ref="E3039">IFERROR(INDEX(Jesper!AI$2:AI$366,ROUNDDOWN($C3039/24,0)+1,1)*INDEX($D$3:$AA$30,INDEX(Jesper!$R$2:$R$366,ROW(INDEX(Jesper!AI$2:AI$366,ROUNDDOWN($C3039/24,0)+1,1))-1)+IF('Standard Profiles'!$G$19=$B$10,7,0)+IF('Standard Profiles'!$G$19=$B$17,14,0)+IF('Standard Profiles'!$G$19=$B$24,21,0),MOD($C3039,24)+1)/SUM(INDEX($D$3:$AA$30,INDEX(Jesper!$R$2:$R$366,ROW(INDEX(Jesper!AI$2:AI$366,ROUNDDOWN($C3039/24,0)+1,1))-1)+IF('Standard Profiles'!$G$19=$B$10,7,0)+IF('Standard Profiles'!$G$19=$B$17,14,0)+IF('Standard Profiles'!$G$19=$B$24,21,0),0)),0)</f>
        <v>2.7349574209141916</v>
      </c>
      <c r="F3039" cm="1">
        <f t="array" ref="F3039">IFERROR(INDEX(Jesper!AJ$2:AJ$366,ROUNDDOWN($C3039/24,0)+1,1)*INDEX($D$3:$AA$30,INDEX(Jesper!$R$2:$R$366,ROW(INDEX(Jesper!AJ$2:AJ$366,ROUNDDOWN($C3039/24,0)+1,1))-1)+IF('Standard Profiles'!$G$20=$B$10,7,0)+IF('Standard Profiles'!$G$20=$B$17,14,0)+IF('Standard Profiles'!$G$20=$B$24,21,0),MOD($C3039,24)+1)/SUM(INDEX($D$3:$AA$30,INDEX(Jesper!$R$2:$R$366,ROW(INDEX(Jesper!AJ$2:AJ$366,ROUNDDOWN($C3039/24,0)+1,1))-1)+IF('Standard Profiles'!$G$20=$B$10,7,0)+IF('Standard Profiles'!$G$20=$B$17,14,0)+IF('Standard Profiles'!$G$20=$B$24,21,0),0)),0)</f>
        <v>1.2697365092609516</v>
      </c>
      <c r="G3039" cm="1">
        <f t="array" ref="G3039">IFERROR(INDEX(Jesper!AK$2:AK$366,ROUNDDOWN($C3039/24,0)+1,1)*INDEX($D$3:$AA$30,INDEX(Jesper!$R$2:$R$366,ROW(INDEX(Jesper!AK$2:AK$366,ROUNDDOWN($C3039/24,0)+1,1))-1)+IF('Standard Profiles'!$G$21=$B$10,7,0)+IF('Standard Profiles'!$G$21=$B$17,14,0)+IF('Standard Profiles'!$G$21=$B$24,21,0),MOD($C3039,24)+1)/SUM(INDEX($D$3:$AA$30,INDEX(Jesper!$R$2:$R$366,ROW(INDEX(Jesper!AK$2:AK$366,ROUNDDOWN($C3039/24,0)+1,1))-1)+IF('Standard Profiles'!$G$21=$B$10,7,0)+IF('Standard Profiles'!$G$21=$B$17,14,0)+IF('Standard Profiles'!$G$21=$B$24,21,0),0)),0)</f>
        <v>0.79041565956776694</v>
      </c>
      <c r="H3039" cm="1">
        <f t="array" ref="H3039">IFERROR(INDEX(Jesper!AL$2:AL$366,ROUNDDOWN($C3039/24,0)+1,1)*INDEX($D$3:$AA$30,INDEX(Jesper!$R$2:$R$366,ROW(INDEX(Jesper!AL$2:AL$366,ROUNDDOWN($C3039/24,0)+1,1))-1)+IF('Standard Profiles'!$G$22=$B$10,7,0)+IF('Standard Profiles'!$G$22=$B$17,14,0)+IF('Standard Profiles'!$G$22=$B$24,21,0),MOD($C3039,24)+1)/SUM(INDEX($D$3:$AA$30,INDEX(Jesper!$R$2:$R$366,ROW(INDEX(Jesper!AL$2:AL$366,ROUNDDOWN($C3039/24,0)+1,1))-1)+IF('Standard Profiles'!$G$22=$B$10,7,0)+IF('Standard Profiles'!$G$22=$B$17,14,0)+IF('Standard Profiles'!$G$22=$B$24,21,0),0)),0)</f>
        <v>0.37679016433620621</v>
      </c>
      <c r="I3039">
        <f t="shared" si="342"/>
        <v>0.36171855776275819</v>
      </c>
      <c r="J3039">
        <f t="shared" si="343"/>
        <v>4.4819863058066556</v>
      </c>
      <c r="K3039">
        <f t="shared" si="344"/>
        <v>0.21879659367313534</v>
      </c>
      <c r="L3039">
        <f t="shared" si="345"/>
        <v>0.10939829683656767</v>
      </c>
      <c r="M3039">
        <f t="shared" si="346"/>
        <v>0</v>
      </c>
      <c r="N3039" s="45">
        <f t="shared" si="347"/>
        <v>45052.208333326045</v>
      </c>
    </row>
    <row r="3040" spans="2:14" x14ac:dyDescent="0.25">
      <c r="B3040">
        <f t="shared" si="341"/>
        <v>6</v>
      </c>
      <c r="C3040" s="16">
        <v>3006</v>
      </c>
      <c r="D3040" cm="1">
        <f t="array" ref="D3040">IFERROR(INDEX(Jesper!AH$2:AH$366,ROUNDDOWN($C3040/24,0)+1,1)*INDEX($D$3:$AA$30,INDEX(Jesper!$R$2:$R$366,ROW(INDEX(Jesper!AH$2:AH$366,ROUNDDOWN($C3040/24,0)+1,1))-1)+IF('Standard Profiles'!$G$18=$B$10,7,0)+IF('Standard Profiles'!$G$18=$B$17,14,0)+IF('Standard Profiles'!$G$18=$B$24,21,0),MOD($C3040,24)+1)/SUM(INDEX($D$3:$AA$30,INDEX(Jesper!$R$2:$R$366,ROW(INDEX(Jesper!AH$2:AH$366,ROUNDDOWN($C3040/24,0)+1,1))-1)+IF('Standard Profiles'!$G$18=$B$10,7,0)+IF('Standard Profiles'!$G$18=$B$17,14,0)+IF('Standard Profiles'!$G$18=$B$24,21,0),0)),0)</f>
        <v>0</v>
      </c>
      <c r="E3040" cm="1">
        <f t="array" ref="E3040">IFERROR(INDEX(Jesper!AI$2:AI$366,ROUNDDOWN($C3040/24,0)+1,1)*INDEX($D$3:$AA$30,INDEX(Jesper!$R$2:$R$366,ROW(INDEX(Jesper!AI$2:AI$366,ROUNDDOWN($C3040/24,0)+1,1))-1)+IF('Standard Profiles'!$G$19=$B$10,7,0)+IF('Standard Profiles'!$G$19=$B$17,14,0)+IF('Standard Profiles'!$G$19=$B$24,21,0),MOD($C3040,24)+1)/SUM(INDEX($D$3:$AA$30,INDEX(Jesper!$R$2:$R$366,ROW(INDEX(Jesper!AI$2:AI$366,ROUNDDOWN($C3040/24,0)+1,1))-1)+IF('Standard Profiles'!$G$19=$B$10,7,0)+IF('Standard Profiles'!$G$19=$B$17,14,0)+IF('Standard Profiles'!$G$19=$B$24,21,0),0)),0)</f>
        <v>2.7349574209141916</v>
      </c>
      <c r="F3040" cm="1">
        <f t="array" ref="F3040">IFERROR(INDEX(Jesper!AJ$2:AJ$366,ROUNDDOWN($C3040/24,0)+1,1)*INDEX($D$3:$AA$30,INDEX(Jesper!$R$2:$R$366,ROW(INDEX(Jesper!AJ$2:AJ$366,ROUNDDOWN($C3040/24,0)+1,1))-1)+IF('Standard Profiles'!$G$20=$B$10,7,0)+IF('Standard Profiles'!$G$20=$B$17,14,0)+IF('Standard Profiles'!$G$20=$B$24,21,0),MOD($C3040,24)+1)/SUM(INDEX($D$3:$AA$30,INDEX(Jesper!$R$2:$R$366,ROW(INDEX(Jesper!AJ$2:AJ$366,ROUNDDOWN($C3040/24,0)+1,1))-1)+IF('Standard Profiles'!$G$20=$B$10,7,0)+IF('Standard Profiles'!$G$20=$B$17,14,0)+IF('Standard Profiles'!$G$20=$B$24,21,0),0)),0)</f>
        <v>1.2697365092609516</v>
      </c>
      <c r="G3040" cm="1">
        <f t="array" ref="G3040">IFERROR(INDEX(Jesper!AK$2:AK$366,ROUNDDOWN($C3040/24,0)+1,1)*INDEX($D$3:$AA$30,INDEX(Jesper!$R$2:$R$366,ROW(INDEX(Jesper!AK$2:AK$366,ROUNDDOWN($C3040/24,0)+1,1))-1)+IF('Standard Profiles'!$G$21=$B$10,7,0)+IF('Standard Profiles'!$G$21=$B$17,14,0)+IF('Standard Profiles'!$G$21=$B$24,21,0),MOD($C3040,24)+1)/SUM(INDEX($D$3:$AA$30,INDEX(Jesper!$R$2:$R$366,ROW(INDEX(Jesper!AK$2:AK$366,ROUNDDOWN($C3040/24,0)+1,1))-1)+IF('Standard Profiles'!$G$21=$B$10,7,0)+IF('Standard Profiles'!$G$21=$B$17,14,0)+IF('Standard Profiles'!$G$21=$B$24,21,0),0)),0)</f>
        <v>0.79041565956776694</v>
      </c>
      <c r="H3040" cm="1">
        <f t="array" ref="H3040">IFERROR(INDEX(Jesper!AL$2:AL$366,ROUNDDOWN($C3040/24,0)+1,1)*INDEX($D$3:$AA$30,INDEX(Jesper!$R$2:$R$366,ROW(INDEX(Jesper!AL$2:AL$366,ROUNDDOWN($C3040/24,0)+1,1))-1)+IF('Standard Profiles'!$G$22=$B$10,7,0)+IF('Standard Profiles'!$G$22=$B$17,14,0)+IF('Standard Profiles'!$G$22=$B$24,21,0),MOD($C3040,24)+1)/SUM(INDEX($D$3:$AA$30,INDEX(Jesper!$R$2:$R$366,ROW(INDEX(Jesper!AL$2:AL$366,ROUNDDOWN($C3040/24,0)+1,1))-1)+IF('Standard Profiles'!$G$22=$B$10,7,0)+IF('Standard Profiles'!$G$22=$B$17,14,0)+IF('Standard Profiles'!$G$22=$B$24,21,0),0)),0)</f>
        <v>0.47283471602974897</v>
      </c>
      <c r="I3040">
        <f t="shared" si="342"/>
        <v>0.45392132738855928</v>
      </c>
      <c r="J3040">
        <f t="shared" si="343"/>
        <v>4.4858280878743972</v>
      </c>
      <c r="K3040">
        <f t="shared" si="344"/>
        <v>0.21879659367313534</v>
      </c>
      <c r="L3040">
        <f t="shared" si="345"/>
        <v>0.10939829683656767</v>
      </c>
      <c r="M3040">
        <f t="shared" si="346"/>
        <v>0</v>
      </c>
      <c r="N3040" s="45">
        <f t="shared" si="347"/>
        <v>45052.249999992709</v>
      </c>
    </row>
    <row r="3041" spans="2:14" x14ac:dyDescent="0.25">
      <c r="B3041">
        <f t="shared" si="341"/>
        <v>6</v>
      </c>
      <c r="C3041" s="16">
        <v>3007</v>
      </c>
      <c r="D3041" cm="1">
        <f t="array" ref="D3041">IFERROR(INDEX(Jesper!AH$2:AH$366,ROUNDDOWN($C3041/24,0)+1,1)*INDEX($D$3:$AA$30,INDEX(Jesper!$R$2:$R$366,ROW(INDEX(Jesper!AH$2:AH$366,ROUNDDOWN($C3041/24,0)+1,1))-1)+IF('Standard Profiles'!$G$18=$B$10,7,0)+IF('Standard Profiles'!$G$18=$B$17,14,0)+IF('Standard Profiles'!$G$18=$B$24,21,0),MOD($C3041,24)+1)/SUM(INDEX($D$3:$AA$30,INDEX(Jesper!$R$2:$R$366,ROW(INDEX(Jesper!AH$2:AH$366,ROUNDDOWN($C3041/24,0)+1,1))-1)+IF('Standard Profiles'!$G$18=$B$10,7,0)+IF('Standard Profiles'!$G$18=$B$17,14,0)+IF('Standard Profiles'!$G$18=$B$24,21,0),0)),0)</f>
        <v>0</v>
      </c>
      <c r="E3041" cm="1">
        <f t="array" ref="E3041">IFERROR(INDEX(Jesper!AI$2:AI$366,ROUNDDOWN($C3041/24,0)+1,1)*INDEX($D$3:$AA$30,INDEX(Jesper!$R$2:$R$366,ROW(INDEX(Jesper!AI$2:AI$366,ROUNDDOWN($C3041/24,0)+1,1))-1)+IF('Standard Profiles'!$G$19=$B$10,7,0)+IF('Standard Profiles'!$G$19=$B$17,14,0)+IF('Standard Profiles'!$G$19=$B$24,21,0),MOD($C3041,24)+1)/SUM(INDEX($D$3:$AA$30,INDEX(Jesper!$R$2:$R$366,ROW(INDEX(Jesper!AI$2:AI$366,ROUNDDOWN($C3041/24,0)+1,1))-1)+IF('Standard Profiles'!$G$19=$B$10,7,0)+IF('Standard Profiles'!$G$19=$B$17,14,0)+IF('Standard Profiles'!$G$19=$B$24,21,0),0)),0)</f>
        <v>2.7349574209141916</v>
      </c>
      <c r="F3041" cm="1">
        <f t="array" ref="F3041">IFERROR(INDEX(Jesper!AJ$2:AJ$366,ROUNDDOWN($C3041/24,0)+1,1)*INDEX($D$3:$AA$30,INDEX(Jesper!$R$2:$R$366,ROW(INDEX(Jesper!AJ$2:AJ$366,ROUNDDOWN($C3041/24,0)+1,1))-1)+IF('Standard Profiles'!$G$20=$B$10,7,0)+IF('Standard Profiles'!$G$20=$B$17,14,0)+IF('Standard Profiles'!$G$20=$B$24,21,0),MOD($C3041,24)+1)/SUM(INDEX($D$3:$AA$30,INDEX(Jesper!$R$2:$R$366,ROW(INDEX(Jesper!AJ$2:AJ$366,ROUNDDOWN($C3041/24,0)+1,1))-1)+IF('Standard Profiles'!$G$20=$B$10,7,0)+IF('Standard Profiles'!$G$20=$B$17,14,0)+IF('Standard Profiles'!$G$20=$B$24,21,0),0)),0)</f>
        <v>1.2697365092609516</v>
      </c>
      <c r="G3041" cm="1">
        <f t="array" ref="G3041">IFERROR(INDEX(Jesper!AK$2:AK$366,ROUNDDOWN($C3041/24,0)+1,1)*INDEX($D$3:$AA$30,INDEX(Jesper!$R$2:$R$366,ROW(INDEX(Jesper!AK$2:AK$366,ROUNDDOWN($C3041/24,0)+1,1))-1)+IF('Standard Profiles'!$G$21=$B$10,7,0)+IF('Standard Profiles'!$G$21=$B$17,14,0)+IF('Standard Profiles'!$G$21=$B$24,21,0),MOD($C3041,24)+1)/SUM(INDEX($D$3:$AA$30,INDEX(Jesper!$R$2:$R$366,ROW(INDEX(Jesper!AK$2:AK$366,ROUNDDOWN($C3041/24,0)+1,1))-1)+IF('Standard Profiles'!$G$21=$B$10,7,0)+IF('Standard Profiles'!$G$21=$B$17,14,0)+IF('Standard Profiles'!$G$21=$B$24,21,0),0)),0)</f>
        <v>0.79041565956776694</v>
      </c>
      <c r="H3041" cm="1">
        <f t="array" ref="H3041">IFERROR(INDEX(Jesper!AL$2:AL$366,ROUNDDOWN($C3041/24,0)+1,1)*INDEX($D$3:$AA$30,INDEX(Jesper!$R$2:$R$366,ROW(INDEX(Jesper!AL$2:AL$366,ROUNDDOWN($C3041/24,0)+1,1))-1)+IF('Standard Profiles'!$G$22=$B$10,7,0)+IF('Standard Profiles'!$G$22=$B$17,14,0)+IF('Standard Profiles'!$G$22=$B$24,21,0),MOD($C3041,24)+1)/SUM(INDEX($D$3:$AA$30,INDEX(Jesper!$R$2:$R$366,ROW(INDEX(Jesper!AL$2:AL$366,ROUNDDOWN($C3041/24,0)+1,1))-1)+IF('Standard Profiles'!$G$22=$B$10,7,0)+IF('Standard Profiles'!$G$22=$B$17,14,0)+IF('Standard Profiles'!$G$22=$B$24,21,0),0)),0)</f>
        <v>0.5393270979714323</v>
      </c>
      <c r="I3041">
        <f t="shared" si="342"/>
        <v>0.51775401405257526</v>
      </c>
      <c r="J3041">
        <f t="shared" si="343"/>
        <v>4.4884877831520642</v>
      </c>
      <c r="K3041">
        <f t="shared" si="344"/>
        <v>0.21879659367313534</v>
      </c>
      <c r="L3041">
        <f t="shared" si="345"/>
        <v>0.10939829683656767</v>
      </c>
      <c r="M3041">
        <f t="shared" si="346"/>
        <v>0</v>
      </c>
      <c r="N3041" s="45">
        <f t="shared" si="347"/>
        <v>45052.291666659374</v>
      </c>
    </row>
    <row r="3042" spans="2:14" x14ac:dyDescent="0.25">
      <c r="B3042">
        <f t="shared" si="341"/>
        <v>6</v>
      </c>
      <c r="C3042" s="16">
        <v>3008</v>
      </c>
      <c r="D3042" cm="1">
        <f t="array" ref="D3042">IFERROR(INDEX(Jesper!AH$2:AH$366,ROUNDDOWN($C3042/24,0)+1,1)*INDEX($D$3:$AA$30,INDEX(Jesper!$R$2:$R$366,ROW(INDEX(Jesper!AH$2:AH$366,ROUNDDOWN($C3042/24,0)+1,1))-1)+IF('Standard Profiles'!$G$18=$B$10,7,0)+IF('Standard Profiles'!$G$18=$B$17,14,0)+IF('Standard Profiles'!$G$18=$B$24,21,0),MOD($C3042,24)+1)/SUM(INDEX($D$3:$AA$30,INDEX(Jesper!$R$2:$R$366,ROW(INDEX(Jesper!AH$2:AH$366,ROUNDDOWN($C3042/24,0)+1,1))-1)+IF('Standard Profiles'!$G$18=$B$10,7,0)+IF('Standard Profiles'!$G$18=$B$17,14,0)+IF('Standard Profiles'!$G$18=$B$24,21,0),0)),0)</f>
        <v>0</v>
      </c>
      <c r="E3042" cm="1">
        <f t="array" ref="E3042">IFERROR(INDEX(Jesper!AI$2:AI$366,ROUNDDOWN($C3042/24,0)+1,1)*INDEX($D$3:$AA$30,INDEX(Jesper!$R$2:$R$366,ROW(INDEX(Jesper!AI$2:AI$366,ROUNDDOWN($C3042/24,0)+1,1))-1)+IF('Standard Profiles'!$G$19=$B$10,7,0)+IF('Standard Profiles'!$G$19=$B$17,14,0)+IF('Standard Profiles'!$G$19=$B$24,21,0),MOD($C3042,24)+1)/SUM(INDEX($D$3:$AA$30,INDEX(Jesper!$R$2:$R$366,ROW(INDEX(Jesper!AI$2:AI$366,ROUNDDOWN($C3042/24,0)+1,1))-1)+IF('Standard Profiles'!$G$19=$B$10,7,0)+IF('Standard Profiles'!$G$19=$B$17,14,0)+IF('Standard Profiles'!$G$19=$B$24,21,0),0)),0)</f>
        <v>2.7349574209141916</v>
      </c>
      <c r="F3042" cm="1">
        <f t="array" ref="F3042">IFERROR(INDEX(Jesper!AJ$2:AJ$366,ROUNDDOWN($C3042/24,0)+1,1)*INDEX($D$3:$AA$30,INDEX(Jesper!$R$2:$R$366,ROW(INDEX(Jesper!AJ$2:AJ$366,ROUNDDOWN($C3042/24,0)+1,1))-1)+IF('Standard Profiles'!$G$20=$B$10,7,0)+IF('Standard Profiles'!$G$20=$B$17,14,0)+IF('Standard Profiles'!$G$20=$B$24,21,0),MOD($C3042,24)+1)/SUM(INDEX($D$3:$AA$30,INDEX(Jesper!$R$2:$R$366,ROW(INDEX(Jesper!AJ$2:AJ$366,ROUNDDOWN($C3042/24,0)+1,1))-1)+IF('Standard Profiles'!$G$20=$B$10,7,0)+IF('Standard Profiles'!$G$20=$B$17,14,0)+IF('Standard Profiles'!$G$20=$B$24,21,0),0)),0)</f>
        <v>1.2697365092609516</v>
      </c>
      <c r="G3042" cm="1">
        <f t="array" ref="G3042">IFERROR(INDEX(Jesper!AK$2:AK$366,ROUNDDOWN($C3042/24,0)+1,1)*INDEX($D$3:$AA$30,INDEX(Jesper!$R$2:$R$366,ROW(INDEX(Jesper!AK$2:AK$366,ROUNDDOWN($C3042/24,0)+1,1))-1)+IF('Standard Profiles'!$G$21=$B$10,7,0)+IF('Standard Profiles'!$G$21=$B$17,14,0)+IF('Standard Profiles'!$G$21=$B$24,21,0),MOD($C3042,24)+1)/SUM(INDEX($D$3:$AA$30,INDEX(Jesper!$R$2:$R$366,ROW(INDEX(Jesper!AK$2:AK$366,ROUNDDOWN($C3042/24,0)+1,1))-1)+IF('Standard Profiles'!$G$21=$B$10,7,0)+IF('Standard Profiles'!$G$21=$B$17,14,0)+IF('Standard Profiles'!$G$21=$B$24,21,0),0)),0)</f>
        <v>0.79041565956776694</v>
      </c>
      <c r="H3042" cm="1">
        <f t="array" ref="H3042">IFERROR(INDEX(Jesper!AL$2:AL$366,ROUNDDOWN($C3042/24,0)+1,1)*INDEX($D$3:$AA$30,INDEX(Jesper!$R$2:$R$366,ROW(INDEX(Jesper!AL$2:AL$366,ROUNDDOWN($C3042/24,0)+1,1))-1)+IF('Standard Profiles'!$G$22=$B$10,7,0)+IF('Standard Profiles'!$G$22=$B$17,14,0)+IF('Standard Profiles'!$G$22=$B$24,21,0),MOD($C3042,24)+1)/SUM(INDEX($D$3:$AA$30,INDEX(Jesper!$R$2:$R$366,ROW(INDEX(Jesper!AL$2:AL$366,ROUNDDOWN($C3042/24,0)+1,1))-1)+IF('Standard Profiles'!$G$22=$B$10,7,0)+IF('Standard Profiles'!$G$22=$B$17,14,0)+IF('Standard Profiles'!$G$22=$B$24,21,0),0)),0)</f>
        <v>0.5393270979714323</v>
      </c>
      <c r="I3042">
        <f t="shared" si="342"/>
        <v>0.51775401405257526</v>
      </c>
      <c r="J3042">
        <f t="shared" si="343"/>
        <v>4.4884877831520642</v>
      </c>
      <c r="K3042">
        <f t="shared" si="344"/>
        <v>0.21879659367313534</v>
      </c>
      <c r="L3042">
        <f t="shared" si="345"/>
        <v>0.10939829683656767</v>
      </c>
      <c r="M3042">
        <f t="shared" si="346"/>
        <v>0</v>
      </c>
      <c r="N3042" s="45">
        <f t="shared" si="347"/>
        <v>45052.333333326038</v>
      </c>
    </row>
    <row r="3043" spans="2:14" x14ac:dyDescent="0.25">
      <c r="B3043">
        <f t="shared" ref="B3043:B3106" si="348">WEEKDAY(N3043,2)</f>
        <v>6</v>
      </c>
      <c r="C3043" s="16">
        <v>3009</v>
      </c>
      <c r="D3043" cm="1">
        <f t="array" ref="D3043">IFERROR(INDEX(Jesper!AH$2:AH$366,ROUNDDOWN($C3043/24,0)+1,1)*INDEX($D$3:$AA$30,INDEX(Jesper!$R$2:$R$366,ROW(INDEX(Jesper!AH$2:AH$366,ROUNDDOWN($C3043/24,0)+1,1))-1)+IF('Standard Profiles'!$G$18=$B$10,7,0)+IF('Standard Profiles'!$G$18=$B$17,14,0)+IF('Standard Profiles'!$G$18=$B$24,21,0),MOD($C3043,24)+1)/SUM(INDEX($D$3:$AA$30,INDEX(Jesper!$R$2:$R$366,ROW(INDEX(Jesper!AH$2:AH$366,ROUNDDOWN($C3043/24,0)+1,1))-1)+IF('Standard Profiles'!$G$18=$B$10,7,0)+IF('Standard Profiles'!$G$18=$B$17,14,0)+IF('Standard Profiles'!$G$18=$B$24,21,0),0)),0)</f>
        <v>0</v>
      </c>
      <c r="E3043" cm="1">
        <f t="array" ref="E3043">IFERROR(INDEX(Jesper!AI$2:AI$366,ROUNDDOWN($C3043/24,0)+1,1)*INDEX($D$3:$AA$30,INDEX(Jesper!$R$2:$R$366,ROW(INDEX(Jesper!AI$2:AI$366,ROUNDDOWN($C3043/24,0)+1,1))-1)+IF('Standard Profiles'!$G$19=$B$10,7,0)+IF('Standard Profiles'!$G$19=$B$17,14,0)+IF('Standard Profiles'!$G$19=$B$24,21,0),MOD($C3043,24)+1)/SUM(INDEX($D$3:$AA$30,INDEX(Jesper!$R$2:$R$366,ROW(INDEX(Jesper!AI$2:AI$366,ROUNDDOWN($C3043/24,0)+1,1))-1)+IF('Standard Profiles'!$G$19=$B$10,7,0)+IF('Standard Profiles'!$G$19=$B$17,14,0)+IF('Standard Profiles'!$G$19=$B$24,21,0),0)),0)</f>
        <v>2.7349574209141916</v>
      </c>
      <c r="F3043" cm="1">
        <f t="array" ref="F3043">IFERROR(INDEX(Jesper!AJ$2:AJ$366,ROUNDDOWN($C3043/24,0)+1,1)*INDEX($D$3:$AA$30,INDEX(Jesper!$R$2:$R$366,ROW(INDEX(Jesper!AJ$2:AJ$366,ROUNDDOWN($C3043/24,0)+1,1))-1)+IF('Standard Profiles'!$G$20=$B$10,7,0)+IF('Standard Profiles'!$G$20=$B$17,14,0)+IF('Standard Profiles'!$G$20=$B$24,21,0),MOD($C3043,24)+1)/SUM(INDEX($D$3:$AA$30,INDEX(Jesper!$R$2:$R$366,ROW(INDEX(Jesper!AJ$2:AJ$366,ROUNDDOWN($C3043/24,0)+1,1))-1)+IF('Standard Profiles'!$G$20=$B$10,7,0)+IF('Standard Profiles'!$G$20=$B$17,14,0)+IF('Standard Profiles'!$G$20=$B$24,21,0),0)),0)</f>
        <v>1.2697365092609516</v>
      </c>
      <c r="G3043" cm="1">
        <f t="array" ref="G3043">IFERROR(INDEX(Jesper!AK$2:AK$366,ROUNDDOWN($C3043/24,0)+1,1)*INDEX($D$3:$AA$30,INDEX(Jesper!$R$2:$R$366,ROW(INDEX(Jesper!AK$2:AK$366,ROUNDDOWN($C3043/24,0)+1,1))-1)+IF('Standard Profiles'!$G$21=$B$10,7,0)+IF('Standard Profiles'!$G$21=$B$17,14,0)+IF('Standard Profiles'!$G$21=$B$24,21,0),MOD($C3043,24)+1)/SUM(INDEX($D$3:$AA$30,INDEX(Jesper!$R$2:$R$366,ROW(INDEX(Jesper!AK$2:AK$366,ROUNDDOWN($C3043/24,0)+1,1))-1)+IF('Standard Profiles'!$G$21=$B$10,7,0)+IF('Standard Profiles'!$G$21=$B$17,14,0)+IF('Standard Profiles'!$G$21=$B$24,21,0),0)),0)</f>
        <v>0.79041565956776694</v>
      </c>
      <c r="H3043" cm="1">
        <f t="array" ref="H3043">IFERROR(INDEX(Jesper!AL$2:AL$366,ROUNDDOWN($C3043/24,0)+1,1)*INDEX($D$3:$AA$30,INDEX(Jesper!$R$2:$R$366,ROW(INDEX(Jesper!AL$2:AL$366,ROUNDDOWN($C3043/24,0)+1,1))-1)+IF('Standard Profiles'!$G$22=$B$10,7,0)+IF('Standard Profiles'!$G$22=$B$17,14,0)+IF('Standard Profiles'!$G$22=$B$24,21,0),MOD($C3043,24)+1)/SUM(INDEX($D$3:$AA$30,INDEX(Jesper!$R$2:$R$366,ROW(INDEX(Jesper!AL$2:AL$366,ROUNDDOWN($C3043/24,0)+1,1))-1)+IF('Standard Profiles'!$G$22=$B$10,7,0)+IF('Standard Profiles'!$G$22=$B$17,14,0)+IF('Standard Profiles'!$G$22=$B$24,21,0),0)),0)</f>
        <v>0.5393270979714323</v>
      </c>
      <c r="I3043">
        <f t="shared" ref="I3043:I3106" si="349">IF($B3043&lt;6,AC$37*$D3043+AC$38*$E3043+AC$39*$F3043+AC$40*$G3043,AC$46*$D3043+AC$47*$E3043+AC$48*$F3043+AC$49*$G3043+AC$50*$H3043)</f>
        <v>0.51775401405257526</v>
      </c>
      <c r="J3043">
        <f t="shared" ref="J3043:J3106" si="350">IF($B3043&lt;6,AD$37*$D3043+AD$38*$E3043+AD$39*$F3043+AD$40*$G3043,AD$46*$D3043+AD$47*$E3043+AD$48*$F3043+AD$49*$G3043+AD$50*$H3043)</f>
        <v>4.4884877831520642</v>
      </c>
      <c r="K3043">
        <f t="shared" ref="K3043:K3106" si="351">IF($B3043&lt;6,AE$37*$D3043+AE$38*$E3043+AE$39*$F3043+AE$40*$G3043,AE$46*$D3043+AE$47*$E3043+AE$48*$F3043+AE$49*$G3043+AE$50*$H3043)</f>
        <v>0.21879659367313534</v>
      </c>
      <c r="L3043">
        <f t="shared" ref="L3043:L3106" si="352">IF($B3043&lt;6,AF$37*$D3043+AF$38*$E3043+AF$39*$F3043+AF$40*$G3043,AF$46*$D3043+AF$47*$E3043+AF$48*$F3043+AF$49*$G3043+AF$50*$H3043)</f>
        <v>0.10939829683656767</v>
      </c>
      <c r="M3043">
        <f t="shared" ref="M3043:M3106" si="353">IF($B3043&lt;6,AG$37*$D3043+AG$38*$E3043+AG$39*$F3043+AG$40*$G3043,AG$46*$D3043+AG$47*$E3043+AG$48*$F3043+AG$49*$G3043+AG$50*$H3043)</f>
        <v>0</v>
      </c>
      <c r="N3043" s="45">
        <f t="shared" si="347"/>
        <v>45052.374999992702</v>
      </c>
    </row>
    <row r="3044" spans="2:14" x14ac:dyDescent="0.25">
      <c r="B3044">
        <f t="shared" si="348"/>
        <v>6</v>
      </c>
      <c r="C3044" s="16">
        <v>3010</v>
      </c>
      <c r="D3044" cm="1">
        <f t="array" ref="D3044">IFERROR(INDEX(Jesper!AH$2:AH$366,ROUNDDOWN($C3044/24,0)+1,1)*INDEX($D$3:$AA$30,INDEX(Jesper!$R$2:$R$366,ROW(INDEX(Jesper!AH$2:AH$366,ROUNDDOWN($C3044/24,0)+1,1))-1)+IF('Standard Profiles'!$G$18=$B$10,7,0)+IF('Standard Profiles'!$G$18=$B$17,14,0)+IF('Standard Profiles'!$G$18=$B$24,21,0),MOD($C3044,24)+1)/SUM(INDEX($D$3:$AA$30,INDEX(Jesper!$R$2:$R$366,ROW(INDEX(Jesper!AH$2:AH$366,ROUNDDOWN($C3044/24,0)+1,1))-1)+IF('Standard Profiles'!$G$18=$B$10,7,0)+IF('Standard Profiles'!$G$18=$B$17,14,0)+IF('Standard Profiles'!$G$18=$B$24,21,0),0)),0)</f>
        <v>0</v>
      </c>
      <c r="E3044" cm="1">
        <f t="array" ref="E3044">IFERROR(INDEX(Jesper!AI$2:AI$366,ROUNDDOWN($C3044/24,0)+1,1)*INDEX($D$3:$AA$30,INDEX(Jesper!$R$2:$R$366,ROW(INDEX(Jesper!AI$2:AI$366,ROUNDDOWN($C3044/24,0)+1,1))-1)+IF('Standard Profiles'!$G$19=$B$10,7,0)+IF('Standard Profiles'!$G$19=$B$17,14,0)+IF('Standard Profiles'!$G$19=$B$24,21,0),MOD($C3044,24)+1)/SUM(INDEX($D$3:$AA$30,INDEX(Jesper!$R$2:$R$366,ROW(INDEX(Jesper!AI$2:AI$366,ROUNDDOWN($C3044/24,0)+1,1))-1)+IF('Standard Profiles'!$G$19=$B$10,7,0)+IF('Standard Profiles'!$G$19=$B$17,14,0)+IF('Standard Profiles'!$G$19=$B$24,21,0),0)),0)</f>
        <v>2.7349574209141916</v>
      </c>
      <c r="F3044" cm="1">
        <f t="array" ref="F3044">IFERROR(INDEX(Jesper!AJ$2:AJ$366,ROUNDDOWN($C3044/24,0)+1,1)*INDEX($D$3:$AA$30,INDEX(Jesper!$R$2:$R$366,ROW(INDEX(Jesper!AJ$2:AJ$366,ROUNDDOWN($C3044/24,0)+1,1))-1)+IF('Standard Profiles'!$G$20=$B$10,7,0)+IF('Standard Profiles'!$G$20=$B$17,14,0)+IF('Standard Profiles'!$G$20=$B$24,21,0),MOD($C3044,24)+1)/SUM(INDEX($D$3:$AA$30,INDEX(Jesper!$R$2:$R$366,ROW(INDEX(Jesper!AJ$2:AJ$366,ROUNDDOWN($C3044/24,0)+1,1))-1)+IF('Standard Profiles'!$G$20=$B$10,7,0)+IF('Standard Profiles'!$G$20=$B$17,14,0)+IF('Standard Profiles'!$G$20=$B$24,21,0),0)),0)</f>
        <v>1.2697365092609516</v>
      </c>
      <c r="G3044" cm="1">
        <f t="array" ref="G3044">IFERROR(INDEX(Jesper!AK$2:AK$366,ROUNDDOWN($C3044/24,0)+1,1)*INDEX($D$3:$AA$30,INDEX(Jesper!$R$2:$R$366,ROW(INDEX(Jesper!AK$2:AK$366,ROUNDDOWN($C3044/24,0)+1,1))-1)+IF('Standard Profiles'!$G$21=$B$10,7,0)+IF('Standard Profiles'!$G$21=$B$17,14,0)+IF('Standard Profiles'!$G$21=$B$24,21,0),MOD($C3044,24)+1)/SUM(INDEX($D$3:$AA$30,INDEX(Jesper!$R$2:$R$366,ROW(INDEX(Jesper!AK$2:AK$366,ROUNDDOWN($C3044/24,0)+1,1))-1)+IF('Standard Profiles'!$G$21=$B$10,7,0)+IF('Standard Profiles'!$G$21=$B$17,14,0)+IF('Standard Profiles'!$G$21=$B$24,21,0),0)),0)</f>
        <v>0.79041565956776694</v>
      </c>
      <c r="H3044" cm="1">
        <f t="array" ref="H3044">IFERROR(INDEX(Jesper!AL$2:AL$366,ROUNDDOWN($C3044/24,0)+1,1)*INDEX($D$3:$AA$30,INDEX(Jesper!$R$2:$R$366,ROW(INDEX(Jesper!AL$2:AL$366,ROUNDDOWN($C3044/24,0)+1,1))-1)+IF('Standard Profiles'!$G$22=$B$10,7,0)+IF('Standard Profiles'!$G$22=$B$17,14,0)+IF('Standard Profiles'!$G$22=$B$24,21,0),MOD($C3044,24)+1)/SUM(INDEX($D$3:$AA$30,INDEX(Jesper!$R$2:$R$366,ROW(INDEX(Jesper!AL$2:AL$366,ROUNDDOWN($C3044/24,0)+1,1))-1)+IF('Standard Profiles'!$G$22=$B$10,7,0)+IF('Standard Profiles'!$G$22=$B$17,14,0)+IF('Standard Profiles'!$G$22=$B$24,21,0),0)),0)</f>
        <v>0.5393270979714323</v>
      </c>
      <c r="I3044">
        <f t="shared" si="349"/>
        <v>0.51775401405257526</v>
      </c>
      <c r="J3044">
        <f t="shared" si="350"/>
        <v>4.4884877831520642</v>
      </c>
      <c r="K3044">
        <f t="shared" si="351"/>
        <v>0.21879659367313534</v>
      </c>
      <c r="L3044">
        <f t="shared" si="352"/>
        <v>0.10939829683656767</v>
      </c>
      <c r="M3044">
        <f t="shared" si="353"/>
        <v>0</v>
      </c>
      <c r="N3044" s="45">
        <f t="shared" ref="N3044:N3107" si="354">N3043+1/24</f>
        <v>45052.416666659366</v>
      </c>
    </row>
    <row r="3045" spans="2:14" x14ac:dyDescent="0.25">
      <c r="B3045">
        <f t="shared" si="348"/>
        <v>6</v>
      </c>
      <c r="C3045" s="16">
        <v>3011</v>
      </c>
      <c r="D3045" cm="1">
        <f t="array" ref="D3045">IFERROR(INDEX(Jesper!AH$2:AH$366,ROUNDDOWN($C3045/24,0)+1,1)*INDEX($D$3:$AA$30,INDEX(Jesper!$R$2:$R$366,ROW(INDEX(Jesper!AH$2:AH$366,ROUNDDOWN($C3045/24,0)+1,1))-1)+IF('Standard Profiles'!$G$18=$B$10,7,0)+IF('Standard Profiles'!$G$18=$B$17,14,0)+IF('Standard Profiles'!$G$18=$B$24,21,0),MOD($C3045,24)+1)/SUM(INDEX($D$3:$AA$30,INDEX(Jesper!$R$2:$R$366,ROW(INDEX(Jesper!AH$2:AH$366,ROUNDDOWN($C3045/24,0)+1,1))-1)+IF('Standard Profiles'!$G$18=$B$10,7,0)+IF('Standard Profiles'!$G$18=$B$17,14,0)+IF('Standard Profiles'!$G$18=$B$24,21,0),0)),0)</f>
        <v>0</v>
      </c>
      <c r="E3045" cm="1">
        <f t="array" ref="E3045">IFERROR(INDEX(Jesper!AI$2:AI$366,ROUNDDOWN($C3045/24,0)+1,1)*INDEX($D$3:$AA$30,INDEX(Jesper!$R$2:$R$366,ROW(INDEX(Jesper!AI$2:AI$366,ROUNDDOWN($C3045/24,0)+1,1))-1)+IF('Standard Profiles'!$G$19=$B$10,7,0)+IF('Standard Profiles'!$G$19=$B$17,14,0)+IF('Standard Profiles'!$G$19=$B$24,21,0),MOD($C3045,24)+1)/SUM(INDEX($D$3:$AA$30,INDEX(Jesper!$R$2:$R$366,ROW(INDEX(Jesper!AI$2:AI$366,ROUNDDOWN($C3045/24,0)+1,1))-1)+IF('Standard Profiles'!$G$19=$B$10,7,0)+IF('Standard Profiles'!$G$19=$B$17,14,0)+IF('Standard Profiles'!$G$19=$B$24,21,0),0)),0)</f>
        <v>2.7349574209141916</v>
      </c>
      <c r="F3045" cm="1">
        <f t="array" ref="F3045">IFERROR(INDEX(Jesper!AJ$2:AJ$366,ROUNDDOWN($C3045/24,0)+1,1)*INDEX($D$3:$AA$30,INDEX(Jesper!$R$2:$R$366,ROW(INDEX(Jesper!AJ$2:AJ$366,ROUNDDOWN($C3045/24,0)+1,1))-1)+IF('Standard Profiles'!$G$20=$B$10,7,0)+IF('Standard Profiles'!$G$20=$B$17,14,0)+IF('Standard Profiles'!$G$20=$B$24,21,0),MOD($C3045,24)+1)/SUM(INDEX($D$3:$AA$30,INDEX(Jesper!$R$2:$R$366,ROW(INDEX(Jesper!AJ$2:AJ$366,ROUNDDOWN($C3045/24,0)+1,1))-1)+IF('Standard Profiles'!$G$20=$B$10,7,0)+IF('Standard Profiles'!$G$20=$B$17,14,0)+IF('Standard Profiles'!$G$20=$B$24,21,0),0)),0)</f>
        <v>1.2697365092609516</v>
      </c>
      <c r="G3045" cm="1">
        <f t="array" ref="G3045">IFERROR(INDEX(Jesper!AK$2:AK$366,ROUNDDOWN($C3045/24,0)+1,1)*INDEX($D$3:$AA$30,INDEX(Jesper!$R$2:$R$366,ROW(INDEX(Jesper!AK$2:AK$366,ROUNDDOWN($C3045/24,0)+1,1))-1)+IF('Standard Profiles'!$G$21=$B$10,7,0)+IF('Standard Profiles'!$G$21=$B$17,14,0)+IF('Standard Profiles'!$G$21=$B$24,21,0),MOD($C3045,24)+1)/SUM(INDEX($D$3:$AA$30,INDEX(Jesper!$R$2:$R$366,ROW(INDEX(Jesper!AK$2:AK$366,ROUNDDOWN($C3045/24,0)+1,1))-1)+IF('Standard Profiles'!$G$21=$B$10,7,0)+IF('Standard Profiles'!$G$21=$B$17,14,0)+IF('Standard Profiles'!$G$21=$B$24,21,0),0)),0)</f>
        <v>0.79041565956776694</v>
      </c>
      <c r="H3045" cm="1">
        <f t="array" ref="H3045">IFERROR(INDEX(Jesper!AL$2:AL$366,ROUNDDOWN($C3045/24,0)+1,1)*INDEX($D$3:$AA$30,INDEX(Jesper!$R$2:$R$366,ROW(INDEX(Jesper!AL$2:AL$366,ROUNDDOWN($C3045/24,0)+1,1))-1)+IF('Standard Profiles'!$G$22=$B$10,7,0)+IF('Standard Profiles'!$G$22=$B$17,14,0)+IF('Standard Profiles'!$G$22=$B$24,21,0),MOD($C3045,24)+1)/SUM(INDEX($D$3:$AA$30,INDEX(Jesper!$R$2:$R$366,ROW(INDEX(Jesper!AL$2:AL$366,ROUNDDOWN($C3045/24,0)+1,1))-1)+IF('Standard Profiles'!$G$22=$B$10,7,0)+IF('Standard Profiles'!$G$22=$B$17,14,0)+IF('Standard Profiles'!$G$22=$B$24,21,0),0)),0)</f>
        <v>0.5393270979714323</v>
      </c>
      <c r="I3045">
        <f t="shared" si="349"/>
        <v>0.51775401405257526</v>
      </c>
      <c r="J3045">
        <f t="shared" si="350"/>
        <v>4.4884877831520642</v>
      </c>
      <c r="K3045">
        <f t="shared" si="351"/>
        <v>0.21879659367313534</v>
      </c>
      <c r="L3045">
        <f t="shared" si="352"/>
        <v>0.10939829683656767</v>
      </c>
      <c r="M3045">
        <f t="shared" si="353"/>
        <v>0</v>
      </c>
      <c r="N3045" s="45">
        <f t="shared" si="354"/>
        <v>45052.458333326031</v>
      </c>
    </row>
    <row r="3046" spans="2:14" x14ac:dyDescent="0.25">
      <c r="B3046">
        <f t="shared" si="348"/>
        <v>6</v>
      </c>
      <c r="C3046" s="16">
        <v>3012</v>
      </c>
      <c r="D3046" cm="1">
        <f t="array" ref="D3046">IFERROR(INDEX(Jesper!AH$2:AH$366,ROUNDDOWN($C3046/24,0)+1,1)*INDEX($D$3:$AA$30,INDEX(Jesper!$R$2:$R$366,ROW(INDEX(Jesper!AH$2:AH$366,ROUNDDOWN($C3046/24,0)+1,1))-1)+IF('Standard Profiles'!$G$18=$B$10,7,0)+IF('Standard Profiles'!$G$18=$B$17,14,0)+IF('Standard Profiles'!$G$18=$B$24,21,0),MOD($C3046,24)+1)/SUM(INDEX($D$3:$AA$30,INDEX(Jesper!$R$2:$R$366,ROW(INDEX(Jesper!AH$2:AH$366,ROUNDDOWN($C3046/24,0)+1,1))-1)+IF('Standard Profiles'!$G$18=$B$10,7,0)+IF('Standard Profiles'!$G$18=$B$17,14,0)+IF('Standard Profiles'!$G$18=$B$24,21,0),0)),0)</f>
        <v>0</v>
      </c>
      <c r="E3046" cm="1">
        <f t="array" ref="E3046">IFERROR(INDEX(Jesper!AI$2:AI$366,ROUNDDOWN($C3046/24,0)+1,1)*INDEX($D$3:$AA$30,INDEX(Jesper!$R$2:$R$366,ROW(INDEX(Jesper!AI$2:AI$366,ROUNDDOWN($C3046/24,0)+1,1))-1)+IF('Standard Profiles'!$G$19=$B$10,7,0)+IF('Standard Profiles'!$G$19=$B$17,14,0)+IF('Standard Profiles'!$G$19=$B$24,21,0),MOD($C3046,24)+1)/SUM(INDEX($D$3:$AA$30,INDEX(Jesper!$R$2:$R$366,ROW(INDEX(Jesper!AI$2:AI$366,ROUNDDOWN($C3046/24,0)+1,1))-1)+IF('Standard Profiles'!$G$19=$B$10,7,0)+IF('Standard Profiles'!$G$19=$B$17,14,0)+IF('Standard Profiles'!$G$19=$B$24,21,0),0)),0)</f>
        <v>2.7349574209141916</v>
      </c>
      <c r="F3046" cm="1">
        <f t="array" ref="F3046">IFERROR(INDEX(Jesper!AJ$2:AJ$366,ROUNDDOWN($C3046/24,0)+1,1)*INDEX($D$3:$AA$30,INDEX(Jesper!$R$2:$R$366,ROW(INDEX(Jesper!AJ$2:AJ$366,ROUNDDOWN($C3046/24,0)+1,1))-1)+IF('Standard Profiles'!$G$20=$B$10,7,0)+IF('Standard Profiles'!$G$20=$B$17,14,0)+IF('Standard Profiles'!$G$20=$B$24,21,0),MOD($C3046,24)+1)/SUM(INDEX($D$3:$AA$30,INDEX(Jesper!$R$2:$R$366,ROW(INDEX(Jesper!AJ$2:AJ$366,ROUNDDOWN($C3046/24,0)+1,1))-1)+IF('Standard Profiles'!$G$20=$B$10,7,0)+IF('Standard Profiles'!$G$20=$B$17,14,0)+IF('Standard Profiles'!$G$20=$B$24,21,0),0)),0)</f>
        <v>1.2697365092609516</v>
      </c>
      <c r="G3046" cm="1">
        <f t="array" ref="G3046">IFERROR(INDEX(Jesper!AK$2:AK$366,ROUNDDOWN($C3046/24,0)+1,1)*INDEX($D$3:$AA$30,INDEX(Jesper!$R$2:$R$366,ROW(INDEX(Jesper!AK$2:AK$366,ROUNDDOWN($C3046/24,0)+1,1))-1)+IF('Standard Profiles'!$G$21=$B$10,7,0)+IF('Standard Profiles'!$G$21=$B$17,14,0)+IF('Standard Profiles'!$G$21=$B$24,21,0),MOD($C3046,24)+1)/SUM(INDEX($D$3:$AA$30,INDEX(Jesper!$R$2:$R$366,ROW(INDEX(Jesper!AK$2:AK$366,ROUNDDOWN($C3046/24,0)+1,1))-1)+IF('Standard Profiles'!$G$21=$B$10,7,0)+IF('Standard Profiles'!$G$21=$B$17,14,0)+IF('Standard Profiles'!$G$21=$B$24,21,0),0)),0)</f>
        <v>0.79041565956776694</v>
      </c>
      <c r="H3046" cm="1">
        <f t="array" ref="H3046">IFERROR(INDEX(Jesper!AL$2:AL$366,ROUNDDOWN($C3046/24,0)+1,1)*INDEX($D$3:$AA$30,INDEX(Jesper!$R$2:$R$366,ROW(INDEX(Jesper!AL$2:AL$366,ROUNDDOWN($C3046/24,0)+1,1))-1)+IF('Standard Profiles'!$G$22=$B$10,7,0)+IF('Standard Profiles'!$G$22=$B$17,14,0)+IF('Standard Profiles'!$G$22=$B$24,21,0),MOD($C3046,24)+1)/SUM(INDEX($D$3:$AA$30,INDEX(Jesper!$R$2:$R$366,ROW(INDEX(Jesper!AL$2:AL$366,ROUNDDOWN($C3046/24,0)+1,1))-1)+IF('Standard Profiles'!$G$22=$B$10,7,0)+IF('Standard Profiles'!$G$22=$B$17,14,0)+IF('Standard Profiles'!$G$22=$B$24,21,0),0)),0)</f>
        <v>0.5393270979714323</v>
      </c>
      <c r="I3046">
        <f t="shared" si="349"/>
        <v>0.51775401405257526</v>
      </c>
      <c r="J3046">
        <f t="shared" si="350"/>
        <v>4.4884877831520642</v>
      </c>
      <c r="K3046">
        <f t="shared" si="351"/>
        <v>0.21879659367313534</v>
      </c>
      <c r="L3046">
        <f t="shared" si="352"/>
        <v>0.10939829683656767</v>
      </c>
      <c r="M3046">
        <f t="shared" si="353"/>
        <v>0</v>
      </c>
      <c r="N3046" s="45">
        <f t="shared" si="354"/>
        <v>45052.499999992695</v>
      </c>
    </row>
    <row r="3047" spans="2:14" x14ac:dyDescent="0.25">
      <c r="B3047">
        <f t="shared" si="348"/>
        <v>6</v>
      </c>
      <c r="C3047" s="16">
        <v>3013</v>
      </c>
      <c r="D3047" cm="1">
        <f t="array" ref="D3047">IFERROR(INDEX(Jesper!AH$2:AH$366,ROUNDDOWN($C3047/24,0)+1,1)*INDEX($D$3:$AA$30,INDEX(Jesper!$R$2:$R$366,ROW(INDEX(Jesper!AH$2:AH$366,ROUNDDOWN($C3047/24,0)+1,1))-1)+IF('Standard Profiles'!$G$18=$B$10,7,0)+IF('Standard Profiles'!$G$18=$B$17,14,0)+IF('Standard Profiles'!$G$18=$B$24,21,0),MOD($C3047,24)+1)/SUM(INDEX($D$3:$AA$30,INDEX(Jesper!$R$2:$R$366,ROW(INDEX(Jesper!AH$2:AH$366,ROUNDDOWN($C3047/24,0)+1,1))-1)+IF('Standard Profiles'!$G$18=$B$10,7,0)+IF('Standard Profiles'!$G$18=$B$17,14,0)+IF('Standard Profiles'!$G$18=$B$24,21,0),0)),0)</f>
        <v>0</v>
      </c>
      <c r="E3047" cm="1">
        <f t="array" ref="E3047">IFERROR(INDEX(Jesper!AI$2:AI$366,ROUNDDOWN($C3047/24,0)+1,1)*INDEX($D$3:$AA$30,INDEX(Jesper!$R$2:$R$366,ROW(INDEX(Jesper!AI$2:AI$366,ROUNDDOWN($C3047/24,0)+1,1))-1)+IF('Standard Profiles'!$G$19=$B$10,7,0)+IF('Standard Profiles'!$G$19=$B$17,14,0)+IF('Standard Profiles'!$G$19=$B$24,21,0),MOD($C3047,24)+1)/SUM(INDEX($D$3:$AA$30,INDEX(Jesper!$R$2:$R$366,ROW(INDEX(Jesper!AI$2:AI$366,ROUNDDOWN($C3047/24,0)+1,1))-1)+IF('Standard Profiles'!$G$19=$B$10,7,0)+IF('Standard Profiles'!$G$19=$B$17,14,0)+IF('Standard Profiles'!$G$19=$B$24,21,0),0)),0)</f>
        <v>2.7349574209141916</v>
      </c>
      <c r="F3047" cm="1">
        <f t="array" ref="F3047">IFERROR(INDEX(Jesper!AJ$2:AJ$366,ROUNDDOWN($C3047/24,0)+1,1)*INDEX($D$3:$AA$30,INDEX(Jesper!$R$2:$R$366,ROW(INDEX(Jesper!AJ$2:AJ$366,ROUNDDOWN($C3047/24,0)+1,1))-1)+IF('Standard Profiles'!$G$20=$B$10,7,0)+IF('Standard Profiles'!$G$20=$B$17,14,0)+IF('Standard Profiles'!$G$20=$B$24,21,0),MOD($C3047,24)+1)/SUM(INDEX($D$3:$AA$30,INDEX(Jesper!$R$2:$R$366,ROW(INDEX(Jesper!AJ$2:AJ$366,ROUNDDOWN($C3047/24,0)+1,1))-1)+IF('Standard Profiles'!$G$20=$B$10,7,0)+IF('Standard Profiles'!$G$20=$B$17,14,0)+IF('Standard Profiles'!$G$20=$B$24,21,0),0)),0)</f>
        <v>1.2697365092609516</v>
      </c>
      <c r="G3047" cm="1">
        <f t="array" ref="G3047">IFERROR(INDEX(Jesper!AK$2:AK$366,ROUNDDOWN($C3047/24,0)+1,1)*INDEX($D$3:$AA$30,INDEX(Jesper!$R$2:$R$366,ROW(INDEX(Jesper!AK$2:AK$366,ROUNDDOWN($C3047/24,0)+1,1))-1)+IF('Standard Profiles'!$G$21=$B$10,7,0)+IF('Standard Profiles'!$G$21=$B$17,14,0)+IF('Standard Profiles'!$G$21=$B$24,21,0),MOD($C3047,24)+1)/SUM(INDEX($D$3:$AA$30,INDEX(Jesper!$R$2:$R$366,ROW(INDEX(Jesper!AK$2:AK$366,ROUNDDOWN($C3047/24,0)+1,1))-1)+IF('Standard Profiles'!$G$21=$B$10,7,0)+IF('Standard Profiles'!$G$21=$B$17,14,0)+IF('Standard Profiles'!$G$21=$B$24,21,0),0)),0)</f>
        <v>0.79041565956776694</v>
      </c>
      <c r="H3047" cm="1">
        <f t="array" ref="H3047">IFERROR(INDEX(Jesper!AL$2:AL$366,ROUNDDOWN($C3047/24,0)+1,1)*INDEX($D$3:$AA$30,INDEX(Jesper!$R$2:$R$366,ROW(INDEX(Jesper!AL$2:AL$366,ROUNDDOWN($C3047/24,0)+1,1))-1)+IF('Standard Profiles'!$G$22=$B$10,7,0)+IF('Standard Profiles'!$G$22=$B$17,14,0)+IF('Standard Profiles'!$G$22=$B$24,21,0),MOD($C3047,24)+1)/SUM(INDEX($D$3:$AA$30,INDEX(Jesper!$R$2:$R$366,ROW(INDEX(Jesper!AL$2:AL$366,ROUNDDOWN($C3047/24,0)+1,1))-1)+IF('Standard Profiles'!$G$22=$B$10,7,0)+IF('Standard Profiles'!$G$22=$B$17,14,0)+IF('Standard Profiles'!$G$22=$B$24,21,0),0)),0)</f>
        <v>0.5393270979714323</v>
      </c>
      <c r="I3047">
        <f t="shared" si="349"/>
        <v>0.51775401405257526</v>
      </c>
      <c r="J3047">
        <f t="shared" si="350"/>
        <v>4.4884877831520642</v>
      </c>
      <c r="K3047">
        <f t="shared" si="351"/>
        <v>0.21879659367313534</v>
      </c>
      <c r="L3047">
        <f t="shared" si="352"/>
        <v>0.10939829683656767</v>
      </c>
      <c r="M3047">
        <f t="shared" si="353"/>
        <v>0</v>
      </c>
      <c r="N3047" s="45">
        <f t="shared" si="354"/>
        <v>45052.541666659359</v>
      </c>
    </row>
    <row r="3048" spans="2:14" x14ac:dyDescent="0.25">
      <c r="B3048">
        <f t="shared" si="348"/>
        <v>6</v>
      </c>
      <c r="C3048" s="16">
        <v>3014</v>
      </c>
      <c r="D3048" cm="1">
        <f t="array" ref="D3048">IFERROR(INDEX(Jesper!AH$2:AH$366,ROUNDDOWN($C3048/24,0)+1,1)*INDEX($D$3:$AA$30,INDEX(Jesper!$R$2:$R$366,ROW(INDEX(Jesper!AH$2:AH$366,ROUNDDOWN($C3048/24,0)+1,1))-1)+IF('Standard Profiles'!$G$18=$B$10,7,0)+IF('Standard Profiles'!$G$18=$B$17,14,0)+IF('Standard Profiles'!$G$18=$B$24,21,0),MOD($C3048,24)+1)/SUM(INDEX($D$3:$AA$30,INDEX(Jesper!$R$2:$R$366,ROW(INDEX(Jesper!AH$2:AH$366,ROUNDDOWN($C3048/24,0)+1,1))-1)+IF('Standard Profiles'!$G$18=$B$10,7,0)+IF('Standard Profiles'!$G$18=$B$17,14,0)+IF('Standard Profiles'!$G$18=$B$24,21,0),0)),0)</f>
        <v>0</v>
      </c>
      <c r="E3048" cm="1">
        <f t="array" ref="E3048">IFERROR(INDEX(Jesper!AI$2:AI$366,ROUNDDOWN($C3048/24,0)+1,1)*INDEX($D$3:$AA$30,INDEX(Jesper!$R$2:$R$366,ROW(INDEX(Jesper!AI$2:AI$366,ROUNDDOWN($C3048/24,0)+1,1))-1)+IF('Standard Profiles'!$G$19=$B$10,7,0)+IF('Standard Profiles'!$G$19=$B$17,14,0)+IF('Standard Profiles'!$G$19=$B$24,21,0),MOD($C3048,24)+1)/SUM(INDEX($D$3:$AA$30,INDEX(Jesper!$R$2:$R$366,ROW(INDEX(Jesper!AI$2:AI$366,ROUNDDOWN($C3048/24,0)+1,1))-1)+IF('Standard Profiles'!$G$19=$B$10,7,0)+IF('Standard Profiles'!$G$19=$B$17,14,0)+IF('Standard Profiles'!$G$19=$B$24,21,0),0)),0)</f>
        <v>2.7349574209141916</v>
      </c>
      <c r="F3048" cm="1">
        <f t="array" ref="F3048">IFERROR(INDEX(Jesper!AJ$2:AJ$366,ROUNDDOWN($C3048/24,0)+1,1)*INDEX($D$3:$AA$30,INDEX(Jesper!$R$2:$R$366,ROW(INDEX(Jesper!AJ$2:AJ$366,ROUNDDOWN($C3048/24,0)+1,1))-1)+IF('Standard Profiles'!$G$20=$B$10,7,0)+IF('Standard Profiles'!$G$20=$B$17,14,0)+IF('Standard Profiles'!$G$20=$B$24,21,0),MOD($C3048,24)+1)/SUM(INDEX($D$3:$AA$30,INDEX(Jesper!$R$2:$R$366,ROW(INDEX(Jesper!AJ$2:AJ$366,ROUNDDOWN($C3048/24,0)+1,1))-1)+IF('Standard Profiles'!$G$20=$B$10,7,0)+IF('Standard Profiles'!$G$20=$B$17,14,0)+IF('Standard Profiles'!$G$20=$B$24,21,0),0)),0)</f>
        <v>1.2697365092609516</v>
      </c>
      <c r="G3048" cm="1">
        <f t="array" ref="G3048">IFERROR(INDEX(Jesper!AK$2:AK$366,ROUNDDOWN($C3048/24,0)+1,1)*INDEX($D$3:$AA$30,INDEX(Jesper!$R$2:$R$366,ROW(INDEX(Jesper!AK$2:AK$366,ROUNDDOWN($C3048/24,0)+1,1))-1)+IF('Standard Profiles'!$G$21=$B$10,7,0)+IF('Standard Profiles'!$G$21=$B$17,14,0)+IF('Standard Profiles'!$G$21=$B$24,21,0),MOD($C3048,24)+1)/SUM(INDEX($D$3:$AA$30,INDEX(Jesper!$R$2:$R$366,ROW(INDEX(Jesper!AK$2:AK$366,ROUNDDOWN($C3048/24,0)+1,1))-1)+IF('Standard Profiles'!$G$21=$B$10,7,0)+IF('Standard Profiles'!$G$21=$B$17,14,0)+IF('Standard Profiles'!$G$21=$B$24,21,0),0)),0)</f>
        <v>0.79041565956776694</v>
      </c>
      <c r="H3048" cm="1">
        <f t="array" ref="H3048">IFERROR(INDEX(Jesper!AL$2:AL$366,ROUNDDOWN($C3048/24,0)+1,1)*INDEX($D$3:$AA$30,INDEX(Jesper!$R$2:$R$366,ROW(INDEX(Jesper!AL$2:AL$366,ROUNDDOWN($C3048/24,0)+1,1))-1)+IF('Standard Profiles'!$G$22=$B$10,7,0)+IF('Standard Profiles'!$G$22=$B$17,14,0)+IF('Standard Profiles'!$G$22=$B$24,21,0),MOD($C3048,24)+1)/SUM(INDEX($D$3:$AA$30,INDEX(Jesper!$R$2:$R$366,ROW(INDEX(Jesper!AL$2:AL$366,ROUNDDOWN($C3048/24,0)+1,1))-1)+IF('Standard Profiles'!$G$22=$B$10,7,0)+IF('Standard Profiles'!$G$22=$B$17,14,0)+IF('Standard Profiles'!$G$22=$B$24,21,0),0)),0)</f>
        <v>0.5393270979714323</v>
      </c>
      <c r="I3048">
        <f t="shared" si="349"/>
        <v>0.51775401405257526</v>
      </c>
      <c r="J3048">
        <f t="shared" si="350"/>
        <v>4.4884877831520642</v>
      </c>
      <c r="K3048">
        <f t="shared" si="351"/>
        <v>0.21879659367313534</v>
      </c>
      <c r="L3048">
        <f t="shared" si="352"/>
        <v>0.10939829683656767</v>
      </c>
      <c r="M3048">
        <f t="shared" si="353"/>
        <v>0</v>
      </c>
      <c r="N3048" s="45">
        <f t="shared" si="354"/>
        <v>45052.583333326023</v>
      </c>
    </row>
    <row r="3049" spans="2:14" x14ac:dyDescent="0.25">
      <c r="B3049">
        <f t="shared" si="348"/>
        <v>6</v>
      </c>
      <c r="C3049" s="16">
        <v>3015</v>
      </c>
      <c r="D3049" cm="1">
        <f t="array" ref="D3049">IFERROR(INDEX(Jesper!AH$2:AH$366,ROUNDDOWN($C3049/24,0)+1,1)*INDEX($D$3:$AA$30,INDEX(Jesper!$R$2:$R$366,ROW(INDEX(Jesper!AH$2:AH$366,ROUNDDOWN($C3049/24,0)+1,1))-1)+IF('Standard Profiles'!$G$18=$B$10,7,0)+IF('Standard Profiles'!$G$18=$B$17,14,0)+IF('Standard Profiles'!$G$18=$B$24,21,0),MOD($C3049,24)+1)/SUM(INDEX($D$3:$AA$30,INDEX(Jesper!$R$2:$R$366,ROW(INDEX(Jesper!AH$2:AH$366,ROUNDDOWN($C3049/24,0)+1,1))-1)+IF('Standard Profiles'!$G$18=$B$10,7,0)+IF('Standard Profiles'!$G$18=$B$17,14,0)+IF('Standard Profiles'!$G$18=$B$24,21,0),0)),0)</f>
        <v>0</v>
      </c>
      <c r="E3049" cm="1">
        <f t="array" ref="E3049">IFERROR(INDEX(Jesper!AI$2:AI$366,ROUNDDOWN($C3049/24,0)+1,1)*INDEX($D$3:$AA$30,INDEX(Jesper!$R$2:$R$366,ROW(INDEX(Jesper!AI$2:AI$366,ROUNDDOWN($C3049/24,0)+1,1))-1)+IF('Standard Profiles'!$G$19=$B$10,7,0)+IF('Standard Profiles'!$G$19=$B$17,14,0)+IF('Standard Profiles'!$G$19=$B$24,21,0),MOD($C3049,24)+1)/SUM(INDEX($D$3:$AA$30,INDEX(Jesper!$R$2:$R$366,ROW(INDEX(Jesper!AI$2:AI$366,ROUNDDOWN($C3049/24,0)+1,1))-1)+IF('Standard Profiles'!$G$19=$B$10,7,0)+IF('Standard Profiles'!$G$19=$B$17,14,0)+IF('Standard Profiles'!$G$19=$B$24,21,0),0)),0)</f>
        <v>2.7349574209141916</v>
      </c>
      <c r="F3049" cm="1">
        <f t="array" ref="F3049">IFERROR(INDEX(Jesper!AJ$2:AJ$366,ROUNDDOWN($C3049/24,0)+1,1)*INDEX($D$3:$AA$30,INDEX(Jesper!$R$2:$R$366,ROW(INDEX(Jesper!AJ$2:AJ$366,ROUNDDOWN($C3049/24,0)+1,1))-1)+IF('Standard Profiles'!$G$20=$B$10,7,0)+IF('Standard Profiles'!$G$20=$B$17,14,0)+IF('Standard Profiles'!$G$20=$B$24,21,0),MOD($C3049,24)+1)/SUM(INDEX($D$3:$AA$30,INDEX(Jesper!$R$2:$R$366,ROW(INDEX(Jesper!AJ$2:AJ$366,ROUNDDOWN($C3049/24,0)+1,1))-1)+IF('Standard Profiles'!$G$20=$B$10,7,0)+IF('Standard Profiles'!$G$20=$B$17,14,0)+IF('Standard Profiles'!$G$20=$B$24,21,0),0)),0)</f>
        <v>1.2697365092609516</v>
      </c>
      <c r="G3049" cm="1">
        <f t="array" ref="G3049">IFERROR(INDEX(Jesper!AK$2:AK$366,ROUNDDOWN($C3049/24,0)+1,1)*INDEX($D$3:$AA$30,INDEX(Jesper!$R$2:$R$366,ROW(INDEX(Jesper!AK$2:AK$366,ROUNDDOWN($C3049/24,0)+1,1))-1)+IF('Standard Profiles'!$G$21=$B$10,7,0)+IF('Standard Profiles'!$G$21=$B$17,14,0)+IF('Standard Profiles'!$G$21=$B$24,21,0),MOD($C3049,24)+1)/SUM(INDEX($D$3:$AA$30,INDEX(Jesper!$R$2:$R$366,ROW(INDEX(Jesper!AK$2:AK$366,ROUNDDOWN($C3049/24,0)+1,1))-1)+IF('Standard Profiles'!$G$21=$B$10,7,0)+IF('Standard Profiles'!$G$21=$B$17,14,0)+IF('Standard Profiles'!$G$21=$B$24,21,0),0)),0)</f>
        <v>0.79041565956776694</v>
      </c>
      <c r="H3049" cm="1">
        <f t="array" ref="H3049">IFERROR(INDEX(Jesper!AL$2:AL$366,ROUNDDOWN($C3049/24,0)+1,1)*INDEX($D$3:$AA$30,INDEX(Jesper!$R$2:$R$366,ROW(INDEX(Jesper!AL$2:AL$366,ROUNDDOWN($C3049/24,0)+1,1))-1)+IF('Standard Profiles'!$G$22=$B$10,7,0)+IF('Standard Profiles'!$G$22=$B$17,14,0)+IF('Standard Profiles'!$G$22=$B$24,21,0),MOD($C3049,24)+1)/SUM(INDEX($D$3:$AA$30,INDEX(Jesper!$R$2:$R$366,ROW(INDEX(Jesper!AL$2:AL$366,ROUNDDOWN($C3049/24,0)+1,1))-1)+IF('Standard Profiles'!$G$22=$B$10,7,0)+IF('Standard Profiles'!$G$22=$B$17,14,0)+IF('Standard Profiles'!$G$22=$B$24,21,0),0)),0)</f>
        <v>0.48761080090567854</v>
      </c>
      <c r="I3049">
        <f t="shared" si="349"/>
        <v>0.46810636886945167</v>
      </c>
      <c r="J3049">
        <f t="shared" si="350"/>
        <v>4.4864191312694341</v>
      </c>
      <c r="K3049">
        <f t="shared" si="351"/>
        <v>0.21879659367313534</v>
      </c>
      <c r="L3049">
        <f t="shared" si="352"/>
        <v>0.10939829683656767</v>
      </c>
      <c r="M3049">
        <f t="shared" si="353"/>
        <v>0</v>
      </c>
      <c r="N3049" s="45">
        <f t="shared" si="354"/>
        <v>45052.624999992688</v>
      </c>
    </row>
    <row r="3050" spans="2:14" x14ac:dyDescent="0.25">
      <c r="B3050">
        <f t="shared" si="348"/>
        <v>6</v>
      </c>
      <c r="C3050" s="16">
        <v>3016</v>
      </c>
      <c r="D3050" cm="1">
        <f t="array" ref="D3050">IFERROR(INDEX(Jesper!AH$2:AH$366,ROUNDDOWN($C3050/24,0)+1,1)*INDEX($D$3:$AA$30,INDEX(Jesper!$R$2:$R$366,ROW(INDEX(Jesper!AH$2:AH$366,ROUNDDOWN($C3050/24,0)+1,1))-1)+IF('Standard Profiles'!$G$18=$B$10,7,0)+IF('Standard Profiles'!$G$18=$B$17,14,0)+IF('Standard Profiles'!$G$18=$B$24,21,0),MOD($C3050,24)+1)/SUM(INDEX($D$3:$AA$30,INDEX(Jesper!$R$2:$R$366,ROW(INDEX(Jesper!AH$2:AH$366,ROUNDDOWN($C3050/24,0)+1,1))-1)+IF('Standard Profiles'!$G$18=$B$10,7,0)+IF('Standard Profiles'!$G$18=$B$17,14,0)+IF('Standard Profiles'!$G$18=$B$24,21,0),0)),0)</f>
        <v>0</v>
      </c>
      <c r="E3050" cm="1">
        <f t="array" ref="E3050">IFERROR(INDEX(Jesper!AI$2:AI$366,ROUNDDOWN($C3050/24,0)+1,1)*INDEX($D$3:$AA$30,INDEX(Jesper!$R$2:$R$366,ROW(INDEX(Jesper!AI$2:AI$366,ROUNDDOWN($C3050/24,0)+1,1))-1)+IF('Standard Profiles'!$G$19=$B$10,7,0)+IF('Standard Profiles'!$G$19=$B$17,14,0)+IF('Standard Profiles'!$G$19=$B$24,21,0),MOD($C3050,24)+1)/SUM(INDEX($D$3:$AA$30,INDEX(Jesper!$R$2:$R$366,ROW(INDEX(Jesper!AI$2:AI$366,ROUNDDOWN($C3050/24,0)+1,1))-1)+IF('Standard Profiles'!$G$19=$B$10,7,0)+IF('Standard Profiles'!$G$19=$B$17,14,0)+IF('Standard Profiles'!$G$19=$B$24,21,0),0)),0)</f>
        <v>2.7349574209141916</v>
      </c>
      <c r="F3050" cm="1">
        <f t="array" ref="F3050">IFERROR(INDEX(Jesper!AJ$2:AJ$366,ROUNDDOWN($C3050/24,0)+1,1)*INDEX($D$3:$AA$30,INDEX(Jesper!$R$2:$R$366,ROW(INDEX(Jesper!AJ$2:AJ$366,ROUNDDOWN($C3050/24,0)+1,1))-1)+IF('Standard Profiles'!$G$20=$B$10,7,0)+IF('Standard Profiles'!$G$20=$B$17,14,0)+IF('Standard Profiles'!$G$20=$B$24,21,0),MOD($C3050,24)+1)/SUM(INDEX($D$3:$AA$30,INDEX(Jesper!$R$2:$R$366,ROW(INDEX(Jesper!AJ$2:AJ$366,ROUNDDOWN($C3050/24,0)+1,1))-1)+IF('Standard Profiles'!$G$20=$B$10,7,0)+IF('Standard Profiles'!$G$20=$B$17,14,0)+IF('Standard Profiles'!$G$20=$B$24,21,0),0)),0)</f>
        <v>1.2697365092609516</v>
      </c>
      <c r="G3050" cm="1">
        <f t="array" ref="G3050">IFERROR(INDEX(Jesper!AK$2:AK$366,ROUNDDOWN($C3050/24,0)+1,1)*INDEX($D$3:$AA$30,INDEX(Jesper!$R$2:$R$366,ROW(INDEX(Jesper!AK$2:AK$366,ROUNDDOWN($C3050/24,0)+1,1))-1)+IF('Standard Profiles'!$G$21=$B$10,7,0)+IF('Standard Profiles'!$G$21=$B$17,14,0)+IF('Standard Profiles'!$G$21=$B$24,21,0),MOD($C3050,24)+1)/SUM(INDEX($D$3:$AA$30,INDEX(Jesper!$R$2:$R$366,ROW(INDEX(Jesper!AK$2:AK$366,ROUNDDOWN($C3050/24,0)+1,1))-1)+IF('Standard Profiles'!$G$21=$B$10,7,0)+IF('Standard Profiles'!$G$21=$B$17,14,0)+IF('Standard Profiles'!$G$21=$B$24,21,0),0)),0)</f>
        <v>0.79041565956776694</v>
      </c>
      <c r="H3050" cm="1">
        <f t="array" ref="H3050">IFERROR(INDEX(Jesper!AL$2:AL$366,ROUNDDOWN($C3050/24,0)+1,1)*INDEX($D$3:$AA$30,INDEX(Jesper!$R$2:$R$366,ROW(INDEX(Jesper!AL$2:AL$366,ROUNDDOWN($C3050/24,0)+1,1))-1)+IF('Standard Profiles'!$G$22=$B$10,7,0)+IF('Standard Profiles'!$G$22=$B$17,14,0)+IF('Standard Profiles'!$G$22=$B$24,21,0),MOD($C3050,24)+1)/SUM(INDEX($D$3:$AA$30,INDEX(Jesper!$R$2:$R$366,ROW(INDEX(Jesper!AL$2:AL$366,ROUNDDOWN($C3050/24,0)+1,1))-1)+IF('Standard Profiles'!$G$22=$B$10,7,0)+IF('Standard Profiles'!$G$22=$B$17,14,0)+IF('Standard Profiles'!$G$22=$B$24,21,0),0)),0)</f>
        <v>0.4432825462778896</v>
      </c>
      <c r="I3050">
        <f t="shared" si="349"/>
        <v>0.42555124442677422</v>
      </c>
      <c r="J3050">
        <f t="shared" si="350"/>
        <v>4.4846460010843225</v>
      </c>
      <c r="K3050">
        <f t="shared" si="351"/>
        <v>0.21879659367313534</v>
      </c>
      <c r="L3050">
        <f t="shared" si="352"/>
        <v>0.10939829683656767</v>
      </c>
      <c r="M3050">
        <f t="shared" si="353"/>
        <v>0</v>
      </c>
      <c r="N3050" s="45">
        <f t="shared" si="354"/>
        <v>45052.666666659352</v>
      </c>
    </row>
    <row r="3051" spans="2:14" x14ac:dyDescent="0.25">
      <c r="B3051">
        <f t="shared" si="348"/>
        <v>6</v>
      </c>
      <c r="C3051" s="16">
        <v>3017</v>
      </c>
      <c r="D3051" cm="1">
        <f t="array" ref="D3051">IFERROR(INDEX(Jesper!AH$2:AH$366,ROUNDDOWN($C3051/24,0)+1,1)*INDEX($D$3:$AA$30,INDEX(Jesper!$R$2:$R$366,ROW(INDEX(Jesper!AH$2:AH$366,ROUNDDOWN($C3051/24,0)+1,1))-1)+IF('Standard Profiles'!$G$18=$B$10,7,0)+IF('Standard Profiles'!$G$18=$B$17,14,0)+IF('Standard Profiles'!$G$18=$B$24,21,0),MOD($C3051,24)+1)/SUM(INDEX($D$3:$AA$30,INDEX(Jesper!$R$2:$R$366,ROW(INDEX(Jesper!AH$2:AH$366,ROUNDDOWN($C3051/24,0)+1,1))-1)+IF('Standard Profiles'!$G$18=$B$10,7,0)+IF('Standard Profiles'!$G$18=$B$17,14,0)+IF('Standard Profiles'!$G$18=$B$24,21,0),0)),0)</f>
        <v>0</v>
      </c>
      <c r="E3051" cm="1">
        <f t="array" ref="E3051">IFERROR(INDEX(Jesper!AI$2:AI$366,ROUNDDOWN($C3051/24,0)+1,1)*INDEX($D$3:$AA$30,INDEX(Jesper!$R$2:$R$366,ROW(INDEX(Jesper!AI$2:AI$366,ROUNDDOWN($C3051/24,0)+1,1))-1)+IF('Standard Profiles'!$G$19=$B$10,7,0)+IF('Standard Profiles'!$G$19=$B$17,14,0)+IF('Standard Profiles'!$G$19=$B$24,21,0),MOD($C3051,24)+1)/SUM(INDEX($D$3:$AA$30,INDEX(Jesper!$R$2:$R$366,ROW(INDEX(Jesper!AI$2:AI$366,ROUNDDOWN($C3051/24,0)+1,1))-1)+IF('Standard Profiles'!$G$19=$B$10,7,0)+IF('Standard Profiles'!$G$19=$B$17,14,0)+IF('Standard Profiles'!$G$19=$B$24,21,0),0)),0)</f>
        <v>2.7349574209141916</v>
      </c>
      <c r="F3051" cm="1">
        <f t="array" ref="F3051">IFERROR(INDEX(Jesper!AJ$2:AJ$366,ROUNDDOWN($C3051/24,0)+1,1)*INDEX($D$3:$AA$30,INDEX(Jesper!$R$2:$R$366,ROW(INDEX(Jesper!AJ$2:AJ$366,ROUNDDOWN($C3051/24,0)+1,1))-1)+IF('Standard Profiles'!$G$20=$B$10,7,0)+IF('Standard Profiles'!$G$20=$B$17,14,0)+IF('Standard Profiles'!$G$20=$B$24,21,0),MOD($C3051,24)+1)/SUM(INDEX($D$3:$AA$30,INDEX(Jesper!$R$2:$R$366,ROW(INDEX(Jesper!AJ$2:AJ$366,ROUNDDOWN($C3051/24,0)+1,1))-1)+IF('Standard Profiles'!$G$20=$B$10,7,0)+IF('Standard Profiles'!$G$20=$B$17,14,0)+IF('Standard Profiles'!$G$20=$B$24,21,0),0)),0)</f>
        <v>1.2697365092609516</v>
      </c>
      <c r="G3051" cm="1">
        <f t="array" ref="G3051">IFERROR(INDEX(Jesper!AK$2:AK$366,ROUNDDOWN($C3051/24,0)+1,1)*INDEX($D$3:$AA$30,INDEX(Jesper!$R$2:$R$366,ROW(INDEX(Jesper!AK$2:AK$366,ROUNDDOWN($C3051/24,0)+1,1))-1)+IF('Standard Profiles'!$G$21=$B$10,7,0)+IF('Standard Profiles'!$G$21=$B$17,14,0)+IF('Standard Profiles'!$G$21=$B$24,21,0),MOD($C3051,24)+1)/SUM(INDEX($D$3:$AA$30,INDEX(Jesper!$R$2:$R$366,ROW(INDEX(Jesper!AK$2:AK$366,ROUNDDOWN($C3051/24,0)+1,1))-1)+IF('Standard Profiles'!$G$21=$B$10,7,0)+IF('Standard Profiles'!$G$21=$B$17,14,0)+IF('Standard Profiles'!$G$21=$B$24,21,0),0)),0)</f>
        <v>0.79041565956776694</v>
      </c>
      <c r="H3051" cm="1">
        <f t="array" ref="H3051">IFERROR(INDEX(Jesper!AL$2:AL$366,ROUNDDOWN($C3051/24,0)+1,1)*INDEX($D$3:$AA$30,INDEX(Jesper!$R$2:$R$366,ROW(INDEX(Jesper!AL$2:AL$366,ROUNDDOWN($C3051/24,0)+1,1))-1)+IF('Standard Profiles'!$G$22=$B$10,7,0)+IF('Standard Profiles'!$G$22=$B$17,14,0)+IF('Standard Profiles'!$G$22=$B$24,21,0),MOD($C3051,24)+1)/SUM(INDEX($D$3:$AA$30,INDEX(Jesper!$R$2:$R$366,ROW(INDEX(Jesper!AL$2:AL$366,ROUNDDOWN($C3051/24,0)+1,1))-1)+IF('Standard Profiles'!$G$22=$B$10,7,0)+IF('Standard Profiles'!$G$22=$B$17,14,0)+IF('Standard Profiles'!$G$22=$B$24,21,0),0)),0)</f>
        <v>0.39895429165010066</v>
      </c>
      <c r="I3051">
        <f t="shared" si="349"/>
        <v>0.38299611998409683</v>
      </c>
      <c r="J3051">
        <f t="shared" si="350"/>
        <v>4.4828728708992109</v>
      </c>
      <c r="K3051">
        <f t="shared" si="351"/>
        <v>0.21879659367313534</v>
      </c>
      <c r="L3051">
        <f t="shared" si="352"/>
        <v>0.10939829683656767</v>
      </c>
      <c r="M3051">
        <f t="shared" si="353"/>
        <v>0</v>
      </c>
      <c r="N3051" s="45">
        <f t="shared" si="354"/>
        <v>45052.708333326016</v>
      </c>
    </row>
    <row r="3052" spans="2:14" x14ac:dyDescent="0.25">
      <c r="B3052">
        <f t="shared" si="348"/>
        <v>6</v>
      </c>
      <c r="C3052" s="16">
        <v>3018</v>
      </c>
      <c r="D3052" cm="1">
        <f t="array" ref="D3052">IFERROR(INDEX(Jesper!AH$2:AH$366,ROUNDDOWN($C3052/24,0)+1,1)*INDEX($D$3:$AA$30,INDEX(Jesper!$R$2:$R$366,ROW(INDEX(Jesper!AH$2:AH$366,ROUNDDOWN($C3052/24,0)+1,1))-1)+IF('Standard Profiles'!$G$18=$B$10,7,0)+IF('Standard Profiles'!$G$18=$B$17,14,0)+IF('Standard Profiles'!$G$18=$B$24,21,0),MOD($C3052,24)+1)/SUM(INDEX($D$3:$AA$30,INDEX(Jesper!$R$2:$R$366,ROW(INDEX(Jesper!AH$2:AH$366,ROUNDDOWN($C3052/24,0)+1,1))-1)+IF('Standard Profiles'!$G$18=$B$10,7,0)+IF('Standard Profiles'!$G$18=$B$17,14,0)+IF('Standard Profiles'!$G$18=$B$24,21,0),0)),0)</f>
        <v>0</v>
      </c>
      <c r="E3052" cm="1">
        <f t="array" ref="E3052">IFERROR(INDEX(Jesper!AI$2:AI$366,ROUNDDOWN($C3052/24,0)+1,1)*INDEX($D$3:$AA$30,INDEX(Jesper!$R$2:$R$366,ROW(INDEX(Jesper!AI$2:AI$366,ROUNDDOWN($C3052/24,0)+1,1))-1)+IF('Standard Profiles'!$G$19=$B$10,7,0)+IF('Standard Profiles'!$G$19=$B$17,14,0)+IF('Standard Profiles'!$G$19=$B$24,21,0),MOD($C3052,24)+1)/SUM(INDEX($D$3:$AA$30,INDEX(Jesper!$R$2:$R$366,ROW(INDEX(Jesper!AI$2:AI$366,ROUNDDOWN($C3052/24,0)+1,1))-1)+IF('Standard Profiles'!$G$19=$B$10,7,0)+IF('Standard Profiles'!$G$19=$B$17,14,0)+IF('Standard Profiles'!$G$19=$B$24,21,0),0)),0)</f>
        <v>2.7349574209141916</v>
      </c>
      <c r="F3052" cm="1">
        <f t="array" ref="F3052">IFERROR(INDEX(Jesper!AJ$2:AJ$366,ROUNDDOWN($C3052/24,0)+1,1)*INDEX($D$3:$AA$30,INDEX(Jesper!$R$2:$R$366,ROW(INDEX(Jesper!AJ$2:AJ$366,ROUNDDOWN($C3052/24,0)+1,1))-1)+IF('Standard Profiles'!$G$20=$B$10,7,0)+IF('Standard Profiles'!$G$20=$B$17,14,0)+IF('Standard Profiles'!$G$20=$B$24,21,0),MOD($C3052,24)+1)/SUM(INDEX($D$3:$AA$30,INDEX(Jesper!$R$2:$R$366,ROW(INDEX(Jesper!AJ$2:AJ$366,ROUNDDOWN($C3052/24,0)+1,1))-1)+IF('Standard Profiles'!$G$20=$B$10,7,0)+IF('Standard Profiles'!$G$20=$B$17,14,0)+IF('Standard Profiles'!$G$20=$B$24,21,0),0)),0)</f>
        <v>1.2697365092609516</v>
      </c>
      <c r="G3052" cm="1">
        <f t="array" ref="G3052">IFERROR(INDEX(Jesper!AK$2:AK$366,ROUNDDOWN($C3052/24,0)+1,1)*INDEX($D$3:$AA$30,INDEX(Jesper!$R$2:$R$366,ROW(INDEX(Jesper!AK$2:AK$366,ROUNDDOWN($C3052/24,0)+1,1))-1)+IF('Standard Profiles'!$G$21=$B$10,7,0)+IF('Standard Profiles'!$G$21=$B$17,14,0)+IF('Standard Profiles'!$G$21=$B$24,21,0),MOD($C3052,24)+1)/SUM(INDEX($D$3:$AA$30,INDEX(Jesper!$R$2:$R$366,ROW(INDEX(Jesper!AK$2:AK$366,ROUNDDOWN($C3052/24,0)+1,1))-1)+IF('Standard Profiles'!$G$21=$B$10,7,0)+IF('Standard Profiles'!$G$21=$B$17,14,0)+IF('Standard Profiles'!$G$21=$B$24,21,0),0)),0)</f>
        <v>0.79041565956776694</v>
      </c>
      <c r="H3052" cm="1">
        <f t="array" ref="H3052">IFERROR(INDEX(Jesper!AL$2:AL$366,ROUNDDOWN($C3052/24,0)+1,1)*INDEX($D$3:$AA$30,INDEX(Jesper!$R$2:$R$366,ROW(INDEX(Jesper!AL$2:AL$366,ROUNDDOWN($C3052/24,0)+1,1))-1)+IF('Standard Profiles'!$G$22=$B$10,7,0)+IF('Standard Profiles'!$G$22=$B$17,14,0)+IF('Standard Profiles'!$G$22=$B$24,21,0),MOD($C3052,24)+1)/SUM(INDEX($D$3:$AA$30,INDEX(Jesper!$R$2:$R$366,ROW(INDEX(Jesper!AL$2:AL$366,ROUNDDOWN($C3052/24,0)+1,1))-1)+IF('Standard Profiles'!$G$22=$B$10,7,0)+IF('Standard Profiles'!$G$22=$B$17,14,0)+IF('Standard Profiles'!$G$22=$B$24,21,0),0)),0)</f>
        <v>0.38417820677417097</v>
      </c>
      <c r="I3052">
        <f t="shared" si="349"/>
        <v>0.36881107850320433</v>
      </c>
      <c r="J3052">
        <f t="shared" si="350"/>
        <v>4.482281827504174</v>
      </c>
      <c r="K3052">
        <f t="shared" si="351"/>
        <v>0.21879659367313534</v>
      </c>
      <c r="L3052">
        <f t="shared" si="352"/>
        <v>0.10939829683656767</v>
      </c>
      <c r="M3052">
        <f t="shared" si="353"/>
        <v>0</v>
      </c>
      <c r="N3052" s="45">
        <f t="shared" si="354"/>
        <v>45052.74999999268</v>
      </c>
    </row>
    <row r="3053" spans="2:14" x14ac:dyDescent="0.25">
      <c r="B3053">
        <f t="shared" si="348"/>
        <v>6</v>
      </c>
      <c r="C3053" s="16">
        <v>3019</v>
      </c>
      <c r="D3053" cm="1">
        <f t="array" ref="D3053">IFERROR(INDEX(Jesper!AH$2:AH$366,ROUNDDOWN($C3053/24,0)+1,1)*INDEX($D$3:$AA$30,INDEX(Jesper!$R$2:$R$366,ROW(INDEX(Jesper!AH$2:AH$366,ROUNDDOWN($C3053/24,0)+1,1))-1)+IF('Standard Profiles'!$G$18=$B$10,7,0)+IF('Standard Profiles'!$G$18=$B$17,14,0)+IF('Standard Profiles'!$G$18=$B$24,21,0),MOD($C3053,24)+1)/SUM(INDEX($D$3:$AA$30,INDEX(Jesper!$R$2:$R$366,ROW(INDEX(Jesper!AH$2:AH$366,ROUNDDOWN($C3053/24,0)+1,1))-1)+IF('Standard Profiles'!$G$18=$B$10,7,0)+IF('Standard Profiles'!$G$18=$B$17,14,0)+IF('Standard Profiles'!$G$18=$B$24,21,0),0)),0)</f>
        <v>0</v>
      </c>
      <c r="E3053" cm="1">
        <f t="array" ref="E3053">IFERROR(INDEX(Jesper!AI$2:AI$366,ROUNDDOWN($C3053/24,0)+1,1)*INDEX($D$3:$AA$30,INDEX(Jesper!$R$2:$R$366,ROW(INDEX(Jesper!AI$2:AI$366,ROUNDDOWN($C3053/24,0)+1,1))-1)+IF('Standard Profiles'!$G$19=$B$10,7,0)+IF('Standard Profiles'!$G$19=$B$17,14,0)+IF('Standard Profiles'!$G$19=$B$24,21,0),MOD($C3053,24)+1)/SUM(INDEX($D$3:$AA$30,INDEX(Jesper!$R$2:$R$366,ROW(INDEX(Jesper!AI$2:AI$366,ROUNDDOWN($C3053/24,0)+1,1))-1)+IF('Standard Profiles'!$G$19=$B$10,7,0)+IF('Standard Profiles'!$G$19=$B$17,14,0)+IF('Standard Profiles'!$G$19=$B$24,21,0),0)),0)</f>
        <v>2.7349574209141916</v>
      </c>
      <c r="F3053" cm="1">
        <f t="array" ref="F3053">IFERROR(INDEX(Jesper!AJ$2:AJ$366,ROUNDDOWN($C3053/24,0)+1,1)*INDEX($D$3:$AA$30,INDEX(Jesper!$R$2:$R$366,ROW(INDEX(Jesper!AJ$2:AJ$366,ROUNDDOWN($C3053/24,0)+1,1))-1)+IF('Standard Profiles'!$G$20=$B$10,7,0)+IF('Standard Profiles'!$G$20=$B$17,14,0)+IF('Standard Profiles'!$G$20=$B$24,21,0),MOD($C3053,24)+1)/SUM(INDEX($D$3:$AA$30,INDEX(Jesper!$R$2:$R$366,ROW(INDEX(Jesper!AJ$2:AJ$366,ROUNDDOWN($C3053/24,0)+1,1))-1)+IF('Standard Profiles'!$G$20=$B$10,7,0)+IF('Standard Profiles'!$G$20=$B$17,14,0)+IF('Standard Profiles'!$G$20=$B$24,21,0),0)),0)</f>
        <v>1.2697365092609516</v>
      </c>
      <c r="G3053" cm="1">
        <f t="array" ref="G3053">IFERROR(INDEX(Jesper!AK$2:AK$366,ROUNDDOWN($C3053/24,0)+1,1)*INDEX($D$3:$AA$30,INDEX(Jesper!$R$2:$R$366,ROW(INDEX(Jesper!AK$2:AK$366,ROUNDDOWN($C3053/24,0)+1,1))-1)+IF('Standard Profiles'!$G$21=$B$10,7,0)+IF('Standard Profiles'!$G$21=$B$17,14,0)+IF('Standard Profiles'!$G$21=$B$24,21,0),MOD($C3053,24)+1)/SUM(INDEX($D$3:$AA$30,INDEX(Jesper!$R$2:$R$366,ROW(INDEX(Jesper!AK$2:AK$366,ROUNDDOWN($C3053/24,0)+1,1))-1)+IF('Standard Profiles'!$G$21=$B$10,7,0)+IF('Standard Profiles'!$G$21=$B$17,14,0)+IF('Standard Profiles'!$G$21=$B$24,21,0),0)),0)</f>
        <v>0.79041565956776694</v>
      </c>
      <c r="H3053" cm="1">
        <f t="array" ref="H3053">IFERROR(INDEX(Jesper!AL$2:AL$366,ROUNDDOWN($C3053/24,0)+1,1)*INDEX($D$3:$AA$30,INDEX(Jesper!$R$2:$R$366,ROW(INDEX(Jesper!AL$2:AL$366,ROUNDDOWN($C3053/24,0)+1,1))-1)+IF('Standard Profiles'!$G$22=$B$10,7,0)+IF('Standard Profiles'!$G$22=$B$17,14,0)+IF('Standard Profiles'!$G$22=$B$24,21,0),MOD($C3053,24)+1)/SUM(INDEX($D$3:$AA$30,INDEX(Jesper!$R$2:$R$366,ROW(INDEX(Jesper!AL$2:AL$366,ROUNDDOWN($C3053/24,0)+1,1))-1)+IF('Standard Profiles'!$G$22=$B$10,7,0)+IF('Standard Profiles'!$G$22=$B$17,14,0)+IF('Standard Profiles'!$G$22=$B$24,21,0),0)),0)</f>
        <v>0.31029778239452271</v>
      </c>
      <c r="I3053">
        <f t="shared" si="349"/>
        <v>0.29788587109874198</v>
      </c>
      <c r="J3053">
        <f t="shared" si="350"/>
        <v>4.4793266105289877</v>
      </c>
      <c r="K3053">
        <f t="shared" si="351"/>
        <v>0.21879659367313534</v>
      </c>
      <c r="L3053">
        <f t="shared" si="352"/>
        <v>0.10939829683656767</v>
      </c>
      <c r="M3053">
        <f t="shared" si="353"/>
        <v>0</v>
      </c>
      <c r="N3053" s="45">
        <f t="shared" si="354"/>
        <v>45052.791666659345</v>
      </c>
    </row>
    <row r="3054" spans="2:14" x14ac:dyDescent="0.25">
      <c r="B3054">
        <f t="shared" si="348"/>
        <v>6</v>
      </c>
      <c r="C3054" s="16">
        <v>3020</v>
      </c>
      <c r="D3054" cm="1">
        <f t="array" ref="D3054">IFERROR(INDEX(Jesper!AH$2:AH$366,ROUNDDOWN($C3054/24,0)+1,1)*INDEX($D$3:$AA$30,INDEX(Jesper!$R$2:$R$366,ROW(INDEX(Jesper!AH$2:AH$366,ROUNDDOWN($C3054/24,0)+1,1))-1)+IF('Standard Profiles'!$G$18=$B$10,7,0)+IF('Standard Profiles'!$G$18=$B$17,14,0)+IF('Standard Profiles'!$G$18=$B$24,21,0),MOD($C3054,24)+1)/SUM(INDEX($D$3:$AA$30,INDEX(Jesper!$R$2:$R$366,ROW(INDEX(Jesper!AH$2:AH$366,ROUNDDOWN($C3054/24,0)+1,1))-1)+IF('Standard Profiles'!$G$18=$B$10,7,0)+IF('Standard Profiles'!$G$18=$B$17,14,0)+IF('Standard Profiles'!$G$18=$B$24,21,0),0)),0)</f>
        <v>0</v>
      </c>
      <c r="E3054" cm="1">
        <f t="array" ref="E3054">IFERROR(INDEX(Jesper!AI$2:AI$366,ROUNDDOWN($C3054/24,0)+1,1)*INDEX($D$3:$AA$30,INDEX(Jesper!$R$2:$R$366,ROW(INDEX(Jesper!AI$2:AI$366,ROUNDDOWN($C3054/24,0)+1,1))-1)+IF('Standard Profiles'!$G$19=$B$10,7,0)+IF('Standard Profiles'!$G$19=$B$17,14,0)+IF('Standard Profiles'!$G$19=$B$24,21,0),MOD($C3054,24)+1)/SUM(INDEX($D$3:$AA$30,INDEX(Jesper!$R$2:$R$366,ROW(INDEX(Jesper!AI$2:AI$366,ROUNDDOWN($C3054/24,0)+1,1))-1)+IF('Standard Profiles'!$G$19=$B$10,7,0)+IF('Standard Profiles'!$G$19=$B$17,14,0)+IF('Standard Profiles'!$G$19=$B$24,21,0),0)),0)</f>
        <v>2.7349574209141916</v>
      </c>
      <c r="F3054" cm="1">
        <f t="array" ref="F3054">IFERROR(INDEX(Jesper!AJ$2:AJ$366,ROUNDDOWN($C3054/24,0)+1,1)*INDEX($D$3:$AA$30,INDEX(Jesper!$R$2:$R$366,ROW(INDEX(Jesper!AJ$2:AJ$366,ROUNDDOWN($C3054/24,0)+1,1))-1)+IF('Standard Profiles'!$G$20=$B$10,7,0)+IF('Standard Profiles'!$G$20=$B$17,14,0)+IF('Standard Profiles'!$G$20=$B$24,21,0),MOD($C3054,24)+1)/SUM(INDEX($D$3:$AA$30,INDEX(Jesper!$R$2:$R$366,ROW(INDEX(Jesper!AJ$2:AJ$366,ROUNDDOWN($C3054/24,0)+1,1))-1)+IF('Standard Profiles'!$G$20=$B$10,7,0)+IF('Standard Profiles'!$G$20=$B$17,14,0)+IF('Standard Profiles'!$G$20=$B$24,21,0),0)),0)</f>
        <v>1.2697365092609516</v>
      </c>
      <c r="G3054" cm="1">
        <f t="array" ref="G3054">IFERROR(INDEX(Jesper!AK$2:AK$366,ROUNDDOWN($C3054/24,0)+1,1)*INDEX($D$3:$AA$30,INDEX(Jesper!$R$2:$R$366,ROW(INDEX(Jesper!AK$2:AK$366,ROUNDDOWN($C3054/24,0)+1,1))-1)+IF('Standard Profiles'!$G$21=$B$10,7,0)+IF('Standard Profiles'!$G$21=$B$17,14,0)+IF('Standard Profiles'!$G$21=$B$24,21,0),MOD($C3054,24)+1)/SUM(INDEX($D$3:$AA$30,INDEX(Jesper!$R$2:$R$366,ROW(INDEX(Jesper!AK$2:AK$366,ROUNDDOWN($C3054/24,0)+1,1))-1)+IF('Standard Profiles'!$G$21=$B$10,7,0)+IF('Standard Profiles'!$G$21=$B$17,14,0)+IF('Standard Profiles'!$G$21=$B$24,21,0),0)),0)</f>
        <v>0.79041565956776694</v>
      </c>
      <c r="H3054" cm="1">
        <f t="array" ref="H3054">IFERROR(INDEX(Jesper!AL$2:AL$366,ROUNDDOWN($C3054/24,0)+1,1)*INDEX($D$3:$AA$30,INDEX(Jesper!$R$2:$R$366,ROW(INDEX(Jesper!AL$2:AL$366,ROUNDDOWN($C3054/24,0)+1,1))-1)+IF('Standard Profiles'!$G$22=$B$10,7,0)+IF('Standard Profiles'!$G$22=$B$17,14,0)+IF('Standard Profiles'!$G$22=$B$24,21,0),MOD($C3054,24)+1)/SUM(INDEX($D$3:$AA$30,INDEX(Jesper!$R$2:$R$366,ROW(INDEX(Jesper!AL$2:AL$366,ROUNDDOWN($C3054/24,0)+1,1))-1)+IF('Standard Profiles'!$G$22=$B$10,7,0)+IF('Standard Profiles'!$G$22=$B$17,14,0)+IF('Standard Profiles'!$G$22=$B$24,21,0),0)),0)</f>
        <v>0.22902931557690961</v>
      </c>
      <c r="I3054">
        <f t="shared" si="349"/>
        <v>0.21986814295383336</v>
      </c>
      <c r="J3054">
        <f t="shared" si="350"/>
        <v>4.4760758718562839</v>
      </c>
      <c r="K3054">
        <f t="shared" si="351"/>
        <v>0.21879659367313534</v>
      </c>
      <c r="L3054">
        <f t="shared" si="352"/>
        <v>0.10939829683656767</v>
      </c>
      <c r="M3054">
        <f t="shared" si="353"/>
        <v>0</v>
      </c>
      <c r="N3054" s="45">
        <f t="shared" si="354"/>
        <v>45052.833333326009</v>
      </c>
    </row>
    <row r="3055" spans="2:14" x14ac:dyDescent="0.25">
      <c r="B3055">
        <f t="shared" si="348"/>
        <v>6</v>
      </c>
      <c r="C3055" s="16">
        <v>3021</v>
      </c>
      <c r="D3055" cm="1">
        <f t="array" ref="D3055">IFERROR(INDEX(Jesper!AH$2:AH$366,ROUNDDOWN($C3055/24,0)+1,1)*INDEX($D$3:$AA$30,INDEX(Jesper!$R$2:$R$366,ROW(INDEX(Jesper!AH$2:AH$366,ROUNDDOWN($C3055/24,0)+1,1))-1)+IF('Standard Profiles'!$G$18=$B$10,7,0)+IF('Standard Profiles'!$G$18=$B$17,14,0)+IF('Standard Profiles'!$G$18=$B$24,21,0),MOD($C3055,24)+1)/SUM(INDEX($D$3:$AA$30,INDEX(Jesper!$R$2:$R$366,ROW(INDEX(Jesper!AH$2:AH$366,ROUNDDOWN($C3055/24,0)+1,1))-1)+IF('Standard Profiles'!$G$18=$B$10,7,0)+IF('Standard Profiles'!$G$18=$B$17,14,0)+IF('Standard Profiles'!$G$18=$B$24,21,0),0)),0)</f>
        <v>0</v>
      </c>
      <c r="E3055" cm="1">
        <f t="array" ref="E3055">IFERROR(INDEX(Jesper!AI$2:AI$366,ROUNDDOWN($C3055/24,0)+1,1)*INDEX($D$3:$AA$30,INDEX(Jesper!$R$2:$R$366,ROW(INDEX(Jesper!AI$2:AI$366,ROUNDDOWN($C3055/24,0)+1,1))-1)+IF('Standard Profiles'!$G$19=$B$10,7,0)+IF('Standard Profiles'!$G$19=$B$17,14,0)+IF('Standard Profiles'!$G$19=$B$24,21,0),MOD($C3055,24)+1)/SUM(INDEX($D$3:$AA$30,INDEX(Jesper!$R$2:$R$366,ROW(INDEX(Jesper!AI$2:AI$366,ROUNDDOWN($C3055/24,0)+1,1))-1)+IF('Standard Profiles'!$G$19=$B$10,7,0)+IF('Standard Profiles'!$G$19=$B$17,14,0)+IF('Standard Profiles'!$G$19=$B$24,21,0),0)),0)</f>
        <v>2.7349574209141916</v>
      </c>
      <c r="F3055" cm="1">
        <f t="array" ref="F3055">IFERROR(INDEX(Jesper!AJ$2:AJ$366,ROUNDDOWN($C3055/24,0)+1,1)*INDEX($D$3:$AA$30,INDEX(Jesper!$R$2:$R$366,ROW(INDEX(Jesper!AJ$2:AJ$366,ROUNDDOWN($C3055/24,0)+1,1))-1)+IF('Standard Profiles'!$G$20=$B$10,7,0)+IF('Standard Profiles'!$G$20=$B$17,14,0)+IF('Standard Profiles'!$G$20=$B$24,21,0),MOD($C3055,24)+1)/SUM(INDEX($D$3:$AA$30,INDEX(Jesper!$R$2:$R$366,ROW(INDEX(Jesper!AJ$2:AJ$366,ROUNDDOWN($C3055/24,0)+1,1))-1)+IF('Standard Profiles'!$G$20=$B$10,7,0)+IF('Standard Profiles'!$G$20=$B$17,14,0)+IF('Standard Profiles'!$G$20=$B$24,21,0),0)),0)</f>
        <v>1.2697365092609516</v>
      </c>
      <c r="G3055" cm="1">
        <f t="array" ref="G3055">IFERROR(INDEX(Jesper!AK$2:AK$366,ROUNDDOWN($C3055/24,0)+1,1)*INDEX($D$3:$AA$30,INDEX(Jesper!$R$2:$R$366,ROW(INDEX(Jesper!AK$2:AK$366,ROUNDDOWN($C3055/24,0)+1,1))-1)+IF('Standard Profiles'!$G$21=$B$10,7,0)+IF('Standard Profiles'!$G$21=$B$17,14,0)+IF('Standard Profiles'!$G$21=$B$24,21,0),MOD($C3055,24)+1)/SUM(INDEX($D$3:$AA$30,INDEX(Jesper!$R$2:$R$366,ROW(INDEX(Jesper!AK$2:AK$366,ROUNDDOWN($C3055/24,0)+1,1))-1)+IF('Standard Profiles'!$G$21=$B$10,7,0)+IF('Standard Profiles'!$G$21=$B$17,14,0)+IF('Standard Profiles'!$G$21=$B$24,21,0),0)),0)</f>
        <v>0.79041565956776694</v>
      </c>
      <c r="H3055" cm="1">
        <f t="array" ref="H3055">IFERROR(INDEX(Jesper!AL$2:AL$366,ROUNDDOWN($C3055/24,0)+1,1)*INDEX($D$3:$AA$30,INDEX(Jesper!$R$2:$R$366,ROW(INDEX(Jesper!AL$2:AL$366,ROUNDDOWN($C3055/24,0)+1,1))-1)+IF('Standard Profiles'!$G$22=$B$10,7,0)+IF('Standard Profiles'!$G$22=$B$17,14,0)+IF('Standard Profiles'!$G$22=$B$24,21,0),MOD($C3055,24)+1)/SUM(INDEX($D$3:$AA$30,INDEX(Jesper!$R$2:$R$366,ROW(INDEX(Jesper!AL$2:AL$366,ROUNDDOWN($C3055/24,0)+1,1))-1)+IF('Standard Profiles'!$G$22=$B$10,7,0)+IF('Standard Profiles'!$G$22=$B$17,14,0)+IF('Standard Profiles'!$G$22=$B$24,21,0),0)),0)</f>
        <v>0.22902931557690961</v>
      </c>
      <c r="I3055">
        <f t="shared" si="349"/>
        <v>0.21986814295383336</v>
      </c>
      <c r="J3055">
        <f t="shared" si="350"/>
        <v>4.4760758718562839</v>
      </c>
      <c r="K3055">
        <f t="shared" si="351"/>
        <v>0.21879659367313534</v>
      </c>
      <c r="L3055">
        <f t="shared" si="352"/>
        <v>0.10939829683656767</v>
      </c>
      <c r="M3055">
        <f t="shared" si="353"/>
        <v>0</v>
      </c>
      <c r="N3055" s="45">
        <f t="shared" si="354"/>
        <v>45052.874999992673</v>
      </c>
    </row>
    <row r="3056" spans="2:14" x14ac:dyDescent="0.25">
      <c r="B3056">
        <f t="shared" si="348"/>
        <v>6</v>
      </c>
      <c r="C3056" s="16">
        <v>3022</v>
      </c>
      <c r="D3056" cm="1">
        <f t="array" ref="D3056">IFERROR(INDEX(Jesper!AH$2:AH$366,ROUNDDOWN($C3056/24,0)+1,1)*INDEX($D$3:$AA$30,INDEX(Jesper!$R$2:$R$366,ROW(INDEX(Jesper!AH$2:AH$366,ROUNDDOWN($C3056/24,0)+1,1))-1)+IF('Standard Profiles'!$G$18=$B$10,7,0)+IF('Standard Profiles'!$G$18=$B$17,14,0)+IF('Standard Profiles'!$G$18=$B$24,21,0),MOD($C3056,24)+1)/SUM(INDEX($D$3:$AA$30,INDEX(Jesper!$R$2:$R$366,ROW(INDEX(Jesper!AH$2:AH$366,ROUNDDOWN($C3056/24,0)+1,1))-1)+IF('Standard Profiles'!$G$18=$B$10,7,0)+IF('Standard Profiles'!$G$18=$B$17,14,0)+IF('Standard Profiles'!$G$18=$B$24,21,0),0)),0)</f>
        <v>0</v>
      </c>
      <c r="E3056" cm="1">
        <f t="array" ref="E3056">IFERROR(INDEX(Jesper!AI$2:AI$366,ROUNDDOWN($C3056/24,0)+1,1)*INDEX($D$3:$AA$30,INDEX(Jesper!$R$2:$R$366,ROW(INDEX(Jesper!AI$2:AI$366,ROUNDDOWN($C3056/24,0)+1,1))-1)+IF('Standard Profiles'!$G$19=$B$10,7,0)+IF('Standard Profiles'!$G$19=$B$17,14,0)+IF('Standard Profiles'!$G$19=$B$24,21,0),MOD($C3056,24)+1)/SUM(INDEX($D$3:$AA$30,INDEX(Jesper!$R$2:$R$366,ROW(INDEX(Jesper!AI$2:AI$366,ROUNDDOWN($C3056/24,0)+1,1))-1)+IF('Standard Profiles'!$G$19=$B$10,7,0)+IF('Standard Profiles'!$G$19=$B$17,14,0)+IF('Standard Profiles'!$G$19=$B$24,21,0),0)),0)</f>
        <v>2.7349574209141916</v>
      </c>
      <c r="F3056" cm="1">
        <f t="array" ref="F3056">IFERROR(INDEX(Jesper!AJ$2:AJ$366,ROUNDDOWN($C3056/24,0)+1,1)*INDEX($D$3:$AA$30,INDEX(Jesper!$R$2:$R$366,ROW(INDEX(Jesper!AJ$2:AJ$366,ROUNDDOWN($C3056/24,0)+1,1))-1)+IF('Standard Profiles'!$G$20=$B$10,7,0)+IF('Standard Profiles'!$G$20=$B$17,14,0)+IF('Standard Profiles'!$G$20=$B$24,21,0),MOD($C3056,24)+1)/SUM(INDEX($D$3:$AA$30,INDEX(Jesper!$R$2:$R$366,ROW(INDEX(Jesper!AJ$2:AJ$366,ROUNDDOWN($C3056/24,0)+1,1))-1)+IF('Standard Profiles'!$G$20=$B$10,7,0)+IF('Standard Profiles'!$G$20=$B$17,14,0)+IF('Standard Profiles'!$G$20=$B$24,21,0),0)),0)</f>
        <v>1.2697365092609516</v>
      </c>
      <c r="G3056" cm="1">
        <f t="array" ref="G3056">IFERROR(INDEX(Jesper!AK$2:AK$366,ROUNDDOWN($C3056/24,0)+1,1)*INDEX($D$3:$AA$30,INDEX(Jesper!$R$2:$R$366,ROW(INDEX(Jesper!AK$2:AK$366,ROUNDDOWN($C3056/24,0)+1,1))-1)+IF('Standard Profiles'!$G$21=$B$10,7,0)+IF('Standard Profiles'!$G$21=$B$17,14,0)+IF('Standard Profiles'!$G$21=$B$24,21,0),MOD($C3056,24)+1)/SUM(INDEX($D$3:$AA$30,INDEX(Jesper!$R$2:$R$366,ROW(INDEX(Jesper!AK$2:AK$366,ROUNDDOWN($C3056/24,0)+1,1))-1)+IF('Standard Profiles'!$G$21=$B$10,7,0)+IF('Standard Profiles'!$G$21=$B$17,14,0)+IF('Standard Profiles'!$G$21=$B$24,21,0),0)),0)</f>
        <v>0.79041565956776694</v>
      </c>
      <c r="H3056" cm="1">
        <f t="array" ref="H3056">IFERROR(INDEX(Jesper!AL$2:AL$366,ROUNDDOWN($C3056/24,0)+1,1)*INDEX($D$3:$AA$30,INDEX(Jesper!$R$2:$R$366,ROW(INDEX(Jesper!AL$2:AL$366,ROUNDDOWN($C3056/24,0)+1,1))-1)+IF('Standard Profiles'!$G$22=$B$10,7,0)+IF('Standard Profiles'!$G$22=$B$17,14,0)+IF('Standard Profiles'!$G$22=$B$24,21,0),MOD($C3056,24)+1)/SUM(INDEX($D$3:$AA$30,INDEX(Jesper!$R$2:$R$366,ROW(INDEX(Jesper!AL$2:AL$366,ROUNDDOWN($C3056/24,0)+1,1))-1)+IF('Standard Profiles'!$G$22=$B$10,7,0)+IF('Standard Profiles'!$G$22=$B$17,14,0)+IF('Standard Profiles'!$G$22=$B$24,21,0),0)),0)</f>
        <v>0.22902931557690961</v>
      </c>
      <c r="I3056">
        <f t="shared" si="349"/>
        <v>0.21986814295383336</v>
      </c>
      <c r="J3056">
        <f t="shared" si="350"/>
        <v>4.4760758718562839</v>
      </c>
      <c r="K3056">
        <f t="shared" si="351"/>
        <v>0.21879659367313534</v>
      </c>
      <c r="L3056">
        <f t="shared" si="352"/>
        <v>0.10939829683656767</v>
      </c>
      <c r="M3056">
        <f t="shared" si="353"/>
        <v>0</v>
      </c>
      <c r="N3056" s="45">
        <f t="shared" si="354"/>
        <v>45052.916666659337</v>
      </c>
    </row>
    <row r="3057" spans="2:14" x14ac:dyDescent="0.25">
      <c r="B3057">
        <f t="shared" si="348"/>
        <v>6</v>
      </c>
      <c r="C3057" s="16">
        <v>3023</v>
      </c>
      <c r="D3057" cm="1">
        <f t="array" ref="D3057">IFERROR(INDEX(Jesper!AH$2:AH$366,ROUNDDOWN($C3057/24,0)+1,1)*INDEX($D$3:$AA$30,INDEX(Jesper!$R$2:$R$366,ROW(INDEX(Jesper!AH$2:AH$366,ROUNDDOWN($C3057/24,0)+1,1))-1)+IF('Standard Profiles'!$G$18=$B$10,7,0)+IF('Standard Profiles'!$G$18=$B$17,14,0)+IF('Standard Profiles'!$G$18=$B$24,21,0),MOD($C3057,24)+1)/SUM(INDEX($D$3:$AA$30,INDEX(Jesper!$R$2:$R$366,ROW(INDEX(Jesper!AH$2:AH$366,ROUNDDOWN($C3057/24,0)+1,1))-1)+IF('Standard Profiles'!$G$18=$B$10,7,0)+IF('Standard Profiles'!$G$18=$B$17,14,0)+IF('Standard Profiles'!$G$18=$B$24,21,0),0)),0)</f>
        <v>0</v>
      </c>
      <c r="E3057" cm="1">
        <f t="array" ref="E3057">IFERROR(INDEX(Jesper!AI$2:AI$366,ROUNDDOWN($C3057/24,0)+1,1)*INDEX($D$3:$AA$30,INDEX(Jesper!$R$2:$R$366,ROW(INDEX(Jesper!AI$2:AI$366,ROUNDDOWN($C3057/24,0)+1,1))-1)+IF('Standard Profiles'!$G$19=$B$10,7,0)+IF('Standard Profiles'!$G$19=$B$17,14,0)+IF('Standard Profiles'!$G$19=$B$24,21,0),MOD($C3057,24)+1)/SUM(INDEX($D$3:$AA$30,INDEX(Jesper!$R$2:$R$366,ROW(INDEX(Jesper!AI$2:AI$366,ROUNDDOWN($C3057/24,0)+1,1))-1)+IF('Standard Profiles'!$G$19=$B$10,7,0)+IF('Standard Profiles'!$G$19=$B$17,14,0)+IF('Standard Profiles'!$G$19=$B$24,21,0),0)),0)</f>
        <v>2.7349574209141916</v>
      </c>
      <c r="F3057" cm="1">
        <f t="array" ref="F3057">IFERROR(INDEX(Jesper!AJ$2:AJ$366,ROUNDDOWN($C3057/24,0)+1,1)*INDEX($D$3:$AA$30,INDEX(Jesper!$R$2:$R$366,ROW(INDEX(Jesper!AJ$2:AJ$366,ROUNDDOWN($C3057/24,0)+1,1))-1)+IF('Standard Profiles'!$G$20=$B$10,7,0)+IF('Standard Profiles'!$G$20=$B$17,14,0)+IF('Standard Profiles'!$G$20=$B$24,21,0),MOD($C3057,24)+1)/SUM(INDEX($D$3:$AA$30,INDEX(Jesper!$R$2:$R$366,ROW(INDEX(Jesper!AJ$2:AJ$366,ROUNDDOWN($C3057/24,0)+1,1))-1)+IF('Standard Profiles'!$G$20=$B$10,7,0)+IF('Standard Profiles'!$G$20=$B$17,14,0)+IF('Standard Profiles'!$G$20=$B$24,21,0),0)),0)</f>
        <v>1.2697365092609516</v>
      </c>
      <c r="G3057" cm="1">
        <f t="array" ref="G3057">IFERROR(INDEX(Jesper!AK$2:AK$366,ROUNDDOWN($C3057/24,0)+1,1)*INDEX($D$3:$AA$30,INDEX(Jesper!$R$2:$R$366,ROW(INDEX(Jesper!AK$2:AK$366,ROUNDDOWN($C3057/24,0)+1,1))-1)+IF('Standard Profiles'!$G$21=$B$10,7,0)+IF('Standard Profiles'!$G$21=$B$17,14,0)+IF('Standard Profiles'!$G$21=$B$24,21,0),MOD($C3057,24)+1)/SUM(INDEX($D$3:$AA$30,INDEX(Jesper!$R$2:$R$366,ROW(INDEX(Jesper!AK$2:AK$366,ROUNDDOWN($C3057/24,0)+1,1))-1)+IF('Standard Profiles'!$G$21=$B$10,7,0)+IF('Standard Profiles'!$G$21=$B$17,14,0)+IF('Standard Profiles'!$G$21=$B$24,21,0),0)),0)</f>
        <v>0.79041565956776694</v>
      </c>
      <c r="H3057" cm="1">
        <f t="array" ref="H3057">IFERROR(INDEX(Jesper!AL$2:AL$366,ROUNDDOWN($C3057/24,0)+1,1)*INDEX($D$3:$AA$30,INDEX(Jesper!$R$2:$R$366,ROW(INDEX(Jesper!AL$2:AL$366,ROUNDDOWN($C3057/24,0)+1,1))-1)+IF('Standard Profiles'!$G$22=$B$10,7,0)+IF('Standard Profiles'!$G$22=$B$17,14,0)+IF('Standard Profiles'!$G$22=$B$24,21,0),MOD($C3057,24)+1)/SUM(INDEX($D$3:$AA$30,INDEX(Jesper!$R$2:$R$366,ROW(INDEX(Jesper!AL$2:AL$366,ROUNDDOWN($C3057/24,0)+1,1))-1)+IF('Standard Profiles'!$G$22=$B$10,7,0)+IF('Standard Profiles'!$G$22=$B$17,14,0)+IF('Standard Profiles'!$G$22=$B$24,21,0),0)),0)</f>
        <v>0.22902931557690961</v>
      </c>
      <c r="I3057">
        <f t="shared" si="349"/>
        <v>0.21986814295383336</v>
      </c>
      <c r="J3057">
        <f t="shared" si="350"/>
        <v>4.4760758718562839</v>
      </c>
      <c r="K3057">
        <f t="shared" si="351"/>
        <v>0.21879659367313534</v>
      </c>
      <c r="L3057">
        <f t="shared" si="352"/>
        <v>0.10939829683656767</v>
      </c>
      <c r="M3057">
        <f t="shared" si="353"/>
        <v>0</v>
      </c>
      <c r="N3057" s="45">
        <f t="shared" si="354"/>
        <v>45052.958333326002</v>
      </c>
    </row>
    <row r="3058" spans="2:14" x14ac:dyDescent="0.25">
      <c r="B3058">
        <f t="shared" si="348"/>
        <v>7</v>
      </c>
      <c r="C3058" s="16">
        <v>3024</v>
      </c>
      <c r="D3058" cm="1">
        <f t="array" ref="D3058">IFERROR(INDEX(Jesper!AH$2:AH$366,ROUNDDOWN($C3058/24,0)+1,1)*INDEX($D$3:$AA$30,INDEX(Jesper!$R$2:$R$366,ROW(INDEX(Jesper!AH$2:AH$366,ROUNDDOWN($C3058/24,0)+1,1))-1)+IF('Standard Profiles'!$G$18=$B$10,7,0)+IF('Standard Profiles'!$G$18=$B$17,14,0)+IF('Standard Profiles'!$G$18=$B$24,21,0),MOD($C3058,24)+1)/SUM(INDEX($D$3:$AA$30,INDEX(Jesper!$R$2:$R$366,ROW(INDEX(Jesper!AH$2:AH$366,ROUNDDOWN($C3058/24,0)+1,1))-1)+IF('Standard Profiles'!$G$18=$B$10,7,0)+IF('Standard Profiles'!$G$18=$B$17,14,0)+IF('Standard Profiles'!$G$18=$B$24,21,0),0)),0)</f>
        <v>0</v>
      </c>
      <c r="E3058" cm="1">
        <f t="array" ref="E3058">IFERROR(INDEX(Jesper!AI$2:AI$366,ROUNDDOWN($C3058/24,0)+1,1)*INDEX($D$3:$AA$30,INDEX(Jesper!$R$2:$R$366,ROW(INDEX(Jesper!AI$2:AI$366,ROUNDDOWN($C3058/24,0)+1,1))-1)+IF('Standard Profiles'!$G$19=$B$10,7,0)+IF('Standard Profiles'!$G$19=$B$17,14,0)+IF('Standard Profiles'!$G$19=$B$24,21,0),MOD($C3058,24)+1)/SUM(INDEX($D$3:$AA$30,INDEX(Jesper!$R$2:$R$366,ROW(INDEX(Jesper!AI$2:AI$366,ROUNDDOWN($C3058/24,0)+1,1))-1)+IF('Standard Profiles'!$G$19=$B$10,7,0)+IF('Standard Profiles'!$G$19=$B$17,14,0)+IF('Standard Profiles'!$G$19=$B$24,21,0),0)),0)</f>
        <v>2.8329152540113616</v>
      </c>
      <c r="F3058" cm="1">
        <f t="array" ref="F3058">IFERROR(INDEX(Jesper!AJ$2:AJ$366,ROUNDDOWN($C3058/24,0)+1,1)*INDEX($D$3:$AA$30,INDEX(Jesper!$R$2:$R$366,ROW(INDEX(Jesper!AJ$2:AJ$366,ROUNDDOWN($C3058/24,0)+1,1))-1)+IF('Standard Profiles'!$G$20=$B$10,7,0)+IF('Standard Profiles'!$G$20=$B$17,14,0)+IF('Standard Profiles'!$G$20=$B$24,21,0),MOD($C3058,24)+1)/SUM(INDEX($D$3:$AA$30,INDEX(Jesper!$R$2:$R$366,ROW(INDEX(Jesper!AJ$2:AJ$366,ROUNDDOWN($C3058/24,0)+1,1))-1)+IF('Standard Profiles'!$G$20=$B$10,7,0)+IF('Standard Profiles'!$G$20=$B$17,14,0)+IF('Standard Profiles'!$G$20=$B$24,21,0),0)),0)</f>
        <v>1.4985849474762796</v>
      </c>
      <c r="G3058" cm="1">
        <f t="array" ref="G3058">IFERROR(INDEX(Jesper!AK$2:AK$366,ROUNDDOWN($C3058/24,0)+1,1)*INDEX($D$3:$AA$30,INDEX(Jesper!$R$2:$R$366,ROW(INDEX(Jesper!AK$2:AK$366,ROUNDDOWN($C3058/24,0)+1,1))-1)+IF('Standard Profiles'!$G$21=$B$10,7,0)+IF('Standard Profiles'!$G$21=$B$17,14,0)+IF('Standard Profiles'!$G$21=$B$24,21,0),MOD($C3058,24)+1)/SUM(INDEX($D$3:$AA$30,INDEX(Jesper!$R$2:$R$366,ROW(INDEX(Jesper!AK$2:AK$366,ROUNDDOWN($C3058/24,0)+1,1))-1)+IF('Standard Profiles'!$G$21=$B$10,7,0)+IF('Standard Profiles'!$G$21=$B$17,14,0)+IF('Standard Profiles'!$G$21=$B$24,21,0),0)),0)</f>
        <v>1.0163805201753149</v>
      </c>
      <c r="H3058" cm="1">
        <f t="array" ref="H3058">IFERROR(INDEX(Jesper!AL$2:AL$366,ROUNDDOWN($C3058/24,0)+1,1)*INDEX($D$3:$AA$30,INDEX(Jesper!$R$2:$R$366,ROW(INDEX(Jesper!AL$2:AL$366,ROUNDDOWN($C3058/24,0)+1,1))-1)+IF('Standard Profiles'!$G$22=$B$10,7,0)+IF('Standard Profiles'!$G$22=$B$17,14,0)+IF('Standard Profiles'!$G$22=$B$24,21,0),MOD($C3058,24)+1)/SUM(INDEX($D$3:$AA$30,INDEX(Jesper!$R$2:$R$366,ROW(INDEX(Jesper!AL$2:AL$366,ROUNDDOWN($C3058/24,0)+1,1))-1)+IF('Standard Profiles'!$G$22=$B$10,7,0)+IF('Standard Profiles'!$G$22=$B$17,14,0)+IF('Standard Profiles'!$G$22=$B$24,21,0),0)),0)</f>
        <v>0.39375476697061423</v>
      </c>
      <c r="I3058">
        <f t="shared" si="349"/>
        <v>0.37800457629178985</v>
      </c>
      <c r="J3058">
        <f t="shared" si="350"/>
        <v>5.023681081860417</v>
      </c>
      <c r="K3058">
        <f t="shared" si="351"/>
        <v>0.22663322032090893</v>
      </c>
      <c r="L3058">
        <f t="shared" si="352"/>
        <v>0.11331661016045447</v>
      </c>
      <c r="M3058">
        <f t="shared" si="353"/>
        <v>0</v>
      </c>
      <c r="N3058" s="45">
        <f t="shared" si="354"/>
        <v>45052.999999992666</v>
      </c>
    </row>
    <row r="3059" spans="2:14" x14ac:dyDescent="0.25">
      <c r="B3059">
        <f t="shared" si="348"/>
        <v>7</v>
      </c>
      <c r="C3059" s="16">
        <v>3025</v>
      </c>
      <c r="D3059" cm="1">
        <f t="array" ref="D3059">IFERROR(INDEX(Jesper!AH$2:AH$366,ROUNDDOWN($C3059/24,0)+1,1)*INDEX($D$3:$AA$30,INDEX(Jesper!$R$2:$R$366,ROW(INDEX(Jesper!AH$2:AH$366,ROUNDDOWN($C3059/24,0)+1,1))-1)+IF('Standard Profiles'!$G$18=$B$10,7,0)+IF('Standard Profiles'!$G$18=$B$17,14,0)+IF('Standard Profiles'!$G$18=$B$24,21,0),MOD($C3059,24)+1)/SUM(INDEX($D$3:$AA$30,INDEX(Jesper!$R$2:$R$366,ROW(INDEX(Jesper!AH$2:AH$366,ROUNDDOWN($C3059/24,0)+1,1))-1)+IF('Standard Profiles'!$G$18=$B$10,7,0)+IF('Standard Profiles'!$G$18=$B$17,14,0)+IF('Standard Profiles'!$G$18=$B$24,21,0),0)),0)</f>
        <v>0</v>
      </c>
      <c r="E3059" cm="1">
        <f t="array" ref="E3059">IFERROR(INDEX(Jesper!AI$2:AI$366,ROUNDDOWN($C3059/24,0)+1,1)*INDEX($D$3:$AA$30,INDEX(Jesper!$R$2:$R$366,ROW(INDEX(Jesper!AI$2:AI$366,ROUNDDOWN($C3059/24,0)+1,1))-1)+IF('Standard Profiles'!$G$19=$B$10,7,0)+IF('Standard Profiles'!$G$19=$B$17,14,0)+IF('Standard Profiles'!$G$19=$B$24,21,0),MOD($C3059,24)+1)/SUM(INDEX($D$3:$AA$30,INDEX(Jesper!$R$2:$R$366,ROW(INDEX(Jesper!AI$2:AI$366,ROUNDDOWN($C3059/24,0)+1,1))-1)+IF('Standard Profiles'!$G$19=$B$10,7,0)+IF('Standard Profiles'!$G$19=$B$17,14,0)+IF('Standard Profiles'!$G$19=$B$24,21,0),0)),0)</f>
        <v>2.8329152540113616</v>
      </c>
      <c r="F3059" cm="1">
        <f t="array" ref="F3059">IFERROR(INDEX(Jesper!AJ$2:AJ$366,ROUNDDOWN($C3059/24,0)+1,1)*INDEX($D$3:$AA$30,INDEX(Jesper!$R$2:$R$366,ROW(INDEX(Jesper!AJ$2:AJ$366,ROUNDDOWN($C3059/24,0)+1,1))-1)+IF('Standard Profiles'!$G$20=$B$10,7,0)+IF('Standard Profiles'!$G$20=$B$17,14,0)+IF('Standard Profiles'!$G$20=$B$24,21,0),MOD($C3059,24)+1)/SUM(INDEX($D$3:$AA$30,INDEX(Jesper!$R$2:$R$366,ROW(INDEX(Jesper!AJ$2:AJ$366,ROUNDDOWN($C3059/24,0)+1,1))-1)+IF('Standard Profiles'!$G$20=$B$10,7,0)+IF('Standard Profiles'!$G$20=$B$17,14,0)+IF('Standard Profiles'!$G$20=$B$24,21,0),0)),0)</f>
        <v>1.4985849474762796</v>
      </c>
      <c r="G3059" cm="1">
        <f t="array" ref="G3059">IFERROR(INDEX(Jesper!AK$2:AK$366,ROUNDDOWN($C3059/24,0)+1,1)*INDEX($D$3:$AA$30,INDEX(Jesper!$R$2:$R$366,ROW(INDEX(Jesper!AK$2:AK$366,ROUNDDOWN($C3059/24,0)+1,1))-1)+IF('Standard Profiles'!$G$21=$B$10,7,0)+IF('Standard Profiles'!$G$21=$B$17,14,0)+IF('Standard Profiles'!$G$21=$B$24,21,0),MOD($C3059,24)+1)/SUM(INDEX($D$3:$AA$30,INDEX(Jesper!$R$2:$R$366,ROW(INDEX(Jesper!AK$2:AK$366,ROUNDDOWN($C3059/24,0)+1,1))-1)+IF('Standard Profiles'!$G$21=$B$10,7,0)+IF('Standard Profiles'!$G$21=$B$17,14,0)+IF('Standard Profiles'!$G$21=$B$24,21,0),0)),0)</f>
        <v>1.0163805201753149</v>
      </c>
      <c r="H3059" cm="1">
        <f t="array" ref="H3059">IFERROR(INDEX(Jesper!AL$2:AL$366,ROUNDDOWN($C3059/24,0)+1,1)*INDEX($D$3:$AA$30,INDEX(Jesper!$R$2:$R$366,ROW(INDEX(Jesper!AL$2:AL$366,ROUNDDOWN($C3059/24,0)+1,1))-1)+IF('Standard Profiles'!$G$22=$B$10,7,0)+IF('Standard Profiles'!$G$22=$B$17,14,0)+IF('Standard Profiles'!$G$22=$B$24,21,0),MOD($C3059,24)+1)/SUM(INDEX($D$3:$AA$30,INDEX(Jesper!$R$2:$R$366,ROW(INDEX(Jesper!AL$2:AL$366,ROUNDDOWN($C3059/24,0)+1,1))-1)+IF('Standard Profiles'!$G$22=$B$10,7,0)+IF('Standard Profiles'!$G$22=$B$17,14,0)+IF('Standard Profiles'!$G$22=$B$24,21,0),0)),0)</f>
        <v>0.45726360035297137</v>
      </c>
      <c r="I3059">
        <f t="shared" si="349"/>
        <v>0.43897305633885275</v>
      </c>
      <c r="J3059">
        <f t="shared" si="350"/>
        <v>5.0262214351957111</v>
      </c>
      <c r="K3059">
        <f t="shared" si="351"/>
        <v>0.22663322032090893</v>
      </c>
      <c r="L3059">
        <f t="shared" si="352"/>
        <v>0.11331661016045447</v>
      </c>
      <c r="M3059">
        <f t="shared" si="353"/>
        <v>0</v>
      </c>
      <c r="N3059" s="45">
        <f t="shared" si="354"/>
        <v>45053.04166665933</v>
      </c>
    </row>
    <row r="3060" spans="2:14" x14ac:dyDescent="0.25">
      <c r="B3060">
        <f t="shared" si="348"/>
        <v>7</v>
      </c>
      <c r="C3060" s="16">
        <v>3026</v>
      </c>
      <c r="D3060" cm="1">
        <f t="array" ref="D3060">IFERROR(INDEX(Jesper!AH$2:AH$366,ROUNDDOWN($C3060/24,0)+1,1)*INDEX($D$3:$AA$30,INDEX(Jesper!$R$2:$R$366,ROW(INDEX(Jesper!AH$2:AH$366,ROUNDDOWN($C3060/24,0)+1,1))-1)+IF('Standard Profiles'!$G$18=$B$10,7,0)+IF('Standard Profiles'!$G$18=$B$17,14,0)+IF('Standard Profiles'!$G$18=$B$24,21,0),MOD($C3060,24)+1)/SUM(INDEX($D$3:$AA$30,INDEX(Jesper!$R$2:$R$366,ROW(INDEX(Jesper!AH$2:AH$366,ROUNDDOWN($C3060/24,0)+1,1))-1)+IF('Standard Profiles'!$G$18=$B$10,7,0)+IF('Standard Profiles'!$G$18=$B$17,14,0)+IF('Standard Profiles'!$G$18=$B$24,21,0),0)),0)</f>
        <v>0</v>
      </c>
      <c r="E3060" cm="1">
        <f t="array" ref="E3060">IFERROR(INDEX(Jesper!AI$2:AI$366,ROUNDDOWN($C3060/24,0)+1,1)*INDEX($D$3:$AA$30,INDEX(Jesper!$R$2:$R$366,ROW(INDEX(Jesper!AI$2:AI$366,ROUNDDOWN($C3060/24,0)+1,1))-1)+IF('Standard Profiles'!$G$19=$B$10,7,0)+IF('Standard Profiles'!$G$19=$B$17,14,0)+IF('Standard Profiles'!$G$19=$B$24,21,0),MOD($C3060,24)+1)/SUM(INDEX($D$3:$AA$30,INDEX(Jesper!$R$2:$R$366,ROW(INDEX(Jesper!AI$2:AI$366,ROUNDDOWN($C3060/24,0)+1,1))-1)+IF('Standard Profiles'!$G$19=$B$10,7,0)+IF('Standard Profiles'!$G$19=$B$17,14,0)+IF('Standard Profiles'!$G$19=$B$24,21,0),0)),0)</f>
        <v>2.8329152540113616</v>
      </c>
      <c r="F3060" cm="1">
        <f t="array" ref="F3060">IFERROR(INDEX(Jesper!AJ$2:AJ$366,ROUNDDOWN($C3060/24,0)+1,1)*INDEX($D$3:$AA$30,INDEX(Jesper!$R$2:$R$366,ROW(INDEX(Jesper!AJ$2:AJ$366,ROUNDDOWN($C3060/24,0)+1,1))-1)+IF('Standard Profiles'!$G$20=$B$10,7,0)+IF('Standard Profiles'!$G$20=$B$17,14,0)+IF('Standard Profiles'!$G$20=$B$24,21,0),MOD($C3060,24)+1)/SUM(INDEX($D$3:$AA$30,INDEX(Jesper!$R$2:$R$366,ROW(INDEX(Jesper!AJ$2:AJ$366,ROUNDDOWN($C3060/24,0)+1,1))-1)+IF('Standard Profiles'!$G$20=$B$10,7,0)+IF('Standard Profiles'!$G$20=$B$17,14,0)+IF('Standard Profiles'!$G$20=$B$24,21,0),0)),0)</f>
        <v>1.4985849474762796</v>
      </c>
      <c r="G3060" cm="1">
        <f t="array" ref="G3060">IFERROR(INDEX(Jesper!AK$2:AK$366,ROUNDDOWN($C3060/24,0)+1,1)*INDEX($D$3:$AA$30,INDEX(Jesper!$R$2:$R$366,ROW(INDEX(Jesper!AK$2:AK$366,ROUNDDOWN($C3060/24,0)+1,1))-1)+IF('Standard Profiles'!$G$21=$B$10,7,0)+IF('Standard Profiles'!$G$21=$B$17,14,0)+IF('Standard Profiles'!$G$21=$B$24,21,0),MOD($C3060,24)+1)/SUM(INDEX($D$3:$AA$30,INDEX(Jesper!$R$2:$R$366,ROW(INDEX(Jesper!AK$2:AK$366,ROUNDDOWN($C3060/24,0)+1,1))-1)+IF('Standard Profiles'!$G$21=$B$10,7,0)+IF('Standard Profiles'!$G$21=$B$17,14,0)+IF('Standard Profiles'!$G$21=$B$24,21,0),0)),0)</f>
        <v>1.0163805201753149</v>
      </c>
      <c r="H3060" cm="1">
        <f t="array" ref="H3060">IFERROR(INDEX(Jesper!AL$2:AL$366,ROUNDDOWN($C3060/24,0)+1,1)*INDEX($D$3:$AA$30,INDEX(Jesper!$R$2:$R$366,ROW(INDEX(Jesper!AL$2:AL$366,ROUNDDOWN($C3060/24,0)+1,1))-1)+IF('Standard Profiles'!$G$22=$B$10,7,0)+IF('Standard Profiles'!$G$22=$B$17,14,0)+IF('Standard Profiles'!$G$22=$B$24,21,0),MOD($C3060,24)+1)/SUM(INDEX($D$3:$AA$30,INDEX(Jesper!$R$2:$R$366,ROW(INDEX(Jesper!AL$2:AL$366,ROUNDDOWN($C3060/24,0)+1,1))-1)+IF('Standard Profiles'!$G$22=$B$10,7,0)+IF('Standard Profiles'!$G$22=$B$17,14,0)+IF('Standard Profiles'!$G$22=$B$24,21,0),0)),0)</f>
        <v>0.45726360035297137</v>
      </c>
      <c r="I3060">
        <f t="shared" si="349"/>
        <v>0.43897305633885275</v>
      </c>
      <c r="J3060">
        <f t="shared" si="350"/>
        <v>5.0262214351957111</v>
      </c>
      <c r="K3060">
        <f t="shared" si="351"/>
        <v>0.22663322032090893</v>
      </c>
      <c r="L3060">
        <f t="shared" si="352"/>
        <v>0.11331661016045447</v>
      </c>
      <c r="M3060">
        <f t="shared" si="353"/>
        <v>0</v>
      </c>
      <c r="N3060" s="45">
        <f t="shared" si="354"/>
        <v>45053.083333325994</v>
      </c>
    </row>
    <row r="3061" spans="2:14" x14ac:dyDescent="0.25">
      <c r="B3061">
        <f t="shared" si="348"/>
        <v>7</v>
      </c>
      <c r="C3061" s="16">
        <v>3027</v>
      </c>
      <c r="D3061" cm="1">
        <f t="array" ref="D3061">IFERROR(INDEX(Jesper!AH$2:AH$366,ROUNDDOWN($C3061/24,0)+1,1)*INDEX($D$3:$AA$30,INDEX(Jesper!$R$2:$R$366,ROW(INDEX(Jesper!AH$2:AH$366,ROUNDDOWN($C3061/24,0)+1,1))-1)+IF('Standard Profiles'!$G$18=$B$10,7,0)+IF('Standard Profiles'!$G$18=$B$17,14,0)+IF('Standard Profiles'!$G$18=$B$24,21,0),MOD($C3061,24)+1)/SUM(INDEX($D$3:$AA$30,INDEX(Jesper!$R$2:$R$366,ROW(INDEX(Jesper!AH$2:AH$366,ROUNDDOWN($C3061/24,0)+1,1))-1)+IF('Standard Profiles'!$G$18=$B$10,7,0)+IF('Standard Profiles'!$G$18=$B$17,14,0)+IF('Standard Profiles'!$G$18=$B$24,21,0),0)),0)</f>
        <v>0</v>
      </c>
      <c r="E3061" cm="1">
        <f t="array" ref="E3061">IFERROR(INDEX(Jesper!AI$2:AI$366,ROUNDDOWN($C3061/24,0)+1,1)*INDEX($D$3:$AA$30,INDEX(Jesper!$R$2:$R$366,ROW(INDEX(Jesper!AI$2:AI$366,ROUNDDOWN($C3061/24,0)+1,1))-1)+IF('Standard Profiles'!$G$19=$B$10,7,0)+IF('Standard Profiles'!$G$19=$B$17,14,0)+IF('Standard Profiles'!$G$19=$B$24,21,0),MOD($C3061,24)+1)/SUM(INDEX($D$3:$AA$30,INDEX(Jesper!$R$2:$R$366,ROW(INDEX(Jesper!AI$2:AI$366,ROUNDDOWN($C3061/24,0)+1,1))-1)+IF('Standard Profiles'!$G$19=$B$10,7,0)+IF('Standard Profiles'!$G$19=$B$17,14,0)+IF('Standard Profiles'!$G$19=$B$24,21,0),0)),0)</f>
        <v>2.8329152540113616</v>
      </c>
      <c r="F3061" cm="1">
        <f t="array" ref="F3061">IFERROR(INDEX(Jesper!AJ$2:AJ$366,ROUNDDOWN($C3061/24,0)+1,1)*INDEX($D$3:$AA$30,INDEX(Jesper!$R$2:$R$366,ROW(INDEX(Jesper!AJ$2:AJ$366,ROUNDDOWN($C3061/24,0)+1,1))-1)+IF('Standard Profiles'!$G$20=$B$10,7,0)+IF('Standard Profiles'!$G$20=$B$17,14,0)+IF('Standard Profiles'!$G$20=$B$24,21,0),MOD($C3061,24)+1)/SUM(INDEX($D$3:$AA$30,INDEX(Jesper!$R$2:$R$366,ROW(INDEX(Jesper!AJ$2:AJ$366,ROUNDDOWN($C3061/24,0)+1,1))-1)+IF('Standard Profiles'!$G$20=$B$10,7,0)+IF('Standard Profiles'!$G$20=$B$17,14,0)+IF('Standard Profiles'!$G$20=$B$24,21,0),0)),0)</f>
        <v>1.4985849474762796</v>
      </c>
      <c r="G3061" cm="1">
        <f t="array" ref="G3061">IFERROR(INDEX(Jesper!AK$2:AK$366,ROUNDDOWN($C3061/24,0)+1,1)*INDEX($D$3:$AA$30,INDEX(Jesper!$R$2:$R$366,ROW(INDEX(Jesper!AK$2:AK$366,ROUNDDOWN($C3061/24,0)+1,1))-1)+IF('Standard Profiles'!$G$21=$B$10,7,0)+IF('Standard Profiles'!$G$21=$B$17,14,0)+IF('Standard Profiles'!$G$21=$B$24,21,0),MOD($C3061,24)+1)/SUM(INDEX($D$3:$AA$30,INDEX(Jesper!$R$2:$R$366,ROW(INDEX(Jesper!AK$2:AK$366,ROUNDDOWN($C3061/24,0)+1,1))-1)+IF('Standard Profiles'!$G$21=$B$10,7,0)+IF('Standard Profiles'!$G$21=$B$17,14,0)+IF('Standard Profiles'!$G$21=$B$24,21,0),0)),0)</f>
        <v>1.0163805201753149</v>
      </c>
      <c r="H3061" cm="1">
        <f t="array" ref="H3061">IFERROR(INDEX(Jesper!AL$2:AL$366,ROUNDDOWN($C3061/24,0)+1,1)*INDEX($D$3:$AA$30,INDEX(Jesper!$R$2:$R$366,ROW(INDEX(Jesper!AL$2:AL$366,ROUNDDOWN($C3061/24,0)+1,1))-1)+IF('Standard Profiles'!$G$22=$B$10,7,0)+IF('Standard Profiles'!$G$22=$B$17,14,0)+IF('Standard Profiles'!$G$22=$B$24,21,0),MOD($C3061,24)+1)/SUM(INDEX($D$3:$AA$30,INDEX(Jesper!$R$2:$R$366,ROW(INDEX(Jesper!AL$2:AL$366,ROUNDDOWN($C3061/24,0)+1,1))-1)+IF('Standard Profiles'!$G$22=$B$10,7,0)+IF('Standard Profiles'!$G$22=$B$17,14,0)+IF('Standard Profiles'!$G$22=$B$24,21,0),0)),0)</f>
        <v>0.45726360035297137</v>
      </c>
      <c r="I3061">
        <f t="shared" si="349"/>
        <v>0.43897305633885275</v>
      </c>
      <c r="J3061">
        <f t="shared" si="350"/>
        <v>5.0262214351957111</v>
      </c>
      <c r="K3061">
        <f t="shared" si="351"/>
        <v>0.22663322032090893</v>
      </c>
      <c r="L3061">
        <f t="shared" si="352"/>
        <v>0.11331661016045447</v>
      </c>
      <c r="M3061">
        <f t="shared" si="353"/>
        <v>0</v>
      </c>
      <c r="N3061" s="45">
        <f t="shared" si="354"/>
        <v>45053.124999992659</v>
      </c>
    </row>
    <row r="3062" spans="2:14" x14ac:dyDescent="0.25">
      <c r="B3062">
        <f t="shared" si="348"/>
        <v>7</v>
      </c>
      <c r="C3062" s="16">
        <v>3028</v>
      </c>
      <c r="D3062" cm="1">
        <f t="array" ref="D3062">IFERROR(INDEX(Jesper!AH$2:AH$366,ROUNDDOWN($C3062/24,0)+1,1)*INDEX($D$3:$AA$30,INDEX(Jesper!$R$2:$R$366,ROW(INDEX(Jesper!AH$2:AH$366,ROUNDDOWN($C3062/24,0)+1,1))-1)+IF('Standard Profiles'!$G$18=$B$10,7,0)+IF('Standard Profiles'!$G$18=$B$17,14,0)+IF('Standard Profiles'!$G$18=$B$24,21,0),MOD($C3062,24)+1)/SUM(INDEX($D$3:$AA$30,INDEX(Jesper!$R$2:$R$366,ROW(INDEX(Jesper!AH$2:AH$366,ROUNDDOWN($C3062/24,0)+1,1))-1)+IF('Standard Profiles'!$G$18=$B$10,7,0)+IF('Standard Profiles'!$G$18=$B$17,14,0)+IF('Standard Profiles'!$G$18=$B$24,21,0),0)),0)</f>
        <v>0</v>
      </c>
      <c r="E3062" cm="1">
        <f t="array" ref="E3062">IFERROR(INDEX(Jesper!AI$2:AI$366,ROUNDDOWN($C3062/24,0)+1,1)*INDEX($D$3:$AA$30,INDEX(Jesper!$R$2:$R$366,ROW(INDEX(Jesper!AI$2:AI$366,ROUNDDOWN($C3062/24,0)+1,1))-1)+IF('Standard Profiles'!$G$19=$B$10,7,0)+IF('Standard Profiles'!$G$19=$B$17,14,0)+IF('Standard Profiles'!$G$19=$B$24,21,0),MOD($C3062,24)+1)/SUM(INDEX($D$3:$AA$30,INDEX(Jesper!$R$2:$R$366,ROW(INDEX(Jesper!AI$2:AI$366,ROUNDDOWN($C3062/24,0)+1,1))-1)+IF('Standard Profiles'!$G$19=$B$10,7,0)+IF('Standard Profiles'!$G$19=$B$17,14,0)+IF('Standard Profiles'!$G$19=$B$24,21,0),0)),0)</f>
        <v>2.8329152540113616</v>
      </c>
      <c r="F3062" cm="1">
        <f t="array" ref="F3062">IFERROR(INDEX(Jesper!AJ$2:AJ$366,ROUNDDOWN($C3062/24,0)+1,1)*INDEX($D$3:$AA$30,INDEX(Jesper!$R$2:$R$366,ROW(INDEX(Jesper!AJ$2:AJ$366,ROUNDDOWN($C3062/24,0)+1,1))-1)+IF('Standard Profiles'!$G$20=$B$10,7,0)+IF('Standard Profiles'!$G$20=$B$17,14,0)+IF('Standard Profiles'!$G$20=$B$24,21,0),MOD($C3062,24)+1)/SUM(INDEX($D$3:$AA$30,INDEX(Jesper!$R$2:$R$366,ROW(INDEX(Jesper!AJ$2:AJ$366,ROUNDDOWN($C3062/24,0)+1,1))-1)+IF('Standard Profiles'!$G$20=$B$10,7,0)+IF('Standard Profiles'!$G$20=$B$17,14,0)+IF('Standard Profiles'!$G$20=$B$24,21,0),0)),0)</f>
        <v>1.4985849474762796</v>
      </c>
      <c r="G3062" cm="1">
        <f t="array" ref="G3062">IFERROR(INDEX(Jesper!AK$2:AK$366,ROUNDDOWN($C3062/24,0)+1,1)*INDEX($D$3:$AA$30,INDEX(Jesper!$R$2:$R$366,ROW(INDEX(Jesper!AK$2:AK$366,ROUNDDOWN($C3062/24,0)+1,1))-1)+IF('Standard Profiles'!$G$21=$B$10,7,0)+IF('Standard Profiles'!$G$21=$B$17,14,0)+IF('Standard Profiles'!$G$21=$B$24,21,0),MOD($C3062,24)+1)/SUM(INDEX($D$3:$AA$30,INDEX(Jesper!$R$2:$R$366,ROW(INDEX(Jesper!AK$2:AK$366,ROUNDDOWN($C3062/24,0)+1,1))-1)+IF('Standard Profiles'!$G$21=$B$10,7,0)+IF('Standard Profiles'!$G$21=$B$17,14,0)+IF('Standard Profiles'!$G$21=$B$24,21,0),0)),0)</f>
        <v>1.0163805201753149</v>
      </c>
      <c r="H3062" cm="1">
        <f t="array" ref="H3062">IFERROR(INDEX(Jesper!AL$2:AL$366,ROUNDDOWN($C3062/24,0)+1,1)*INDEX($D$3:$AA$30,INDEX(Jesper!$R$2:$R$366,ROW(INDEX(Jesper!AL$2:AL$366,ROUNDDOWN($C3062/24,0)+1,1))-1)+IF('Standard Profiles'!$G$22=$B$10,7,0)+IF('Standard Profiles'!$G$22=$B$17,14,0)+IF('Standard Profiles'!$G$22=$B$24,21,0),MOD($C3062,24)+1)/SUM(INDEX($D$3:$AA$30,INDEX(Jesper!$R$2:$R$366,ROW(INDEX(Jesper!AL$2:AL$366,ROUNDDOWN($C3062/24,0)+1,1))-1)+IF('Standard Profiles'!$G$22=$B$10,7,0)+IF('Standard Profiles'!$G$22=$B$17,14,0)+IF('Standard Profiles'!$G$22=$B$24,21,0),0)),0)</f>
        <v>0.45726360035297137</v>
      </c>
      <c r="I3062">
        <f t="shared" si="349"/>
        <v>0.43897305633885275</v>
      </c>
      <c r="J3062">
        <f t="shared" si="350"/>
        <v>5.0262214351957111</v>
      </c>
      <c r="K3062">
        <f t="shared" si="351"/>
        <v>0.22663322032090893</v>
      </c>
      <c r="L3062">
        <f t="shared" si="352"/>
        <v>0.11331661016045447</v>
      </c>
      <c r="M3062">
        <f t="shared" si="353"/>
        <v>0</v>
      </c>
      <c r="N3062" s="45">
        <f t="shared" si="354"/>
        <v>45053.166666659323</v>
      </c>
    </row>
    <row r="3063" spans="2:14" x14ac:dyDescent="0.25">
      <c r="B3063">
        <f t="shared" si="348"/>
        <v>7</v>
      </c>
      <c r="C3063" s="16">
        <v>3029</v>
      </c>
      <c r="D3063" cm="1">
        <f t="array" ref="D3063">IFERROR(INDEX(Jesper!AH$2:AH$366,ROUNDDOWN($C3063/24,0)+1,1)*INDEX($D$3:$AA$30,INDEX(Jesper!$R$2:$R$366,ROW(INDEX(Jesper!AH$2:AH$366,ROUNDDOWN($C3063/24,0)+1,1))-1)+IF('Standard Profiles'!$G$18=$B$10,7,0)+IF('Standard Profiles'!$G$18=$B$17,14,0)+IF('Standard Profiles'!$G$18=$B$24,21,0),MOD($C3063,24)+1)/SUM(INDEX($D$3:$AA$30,INDEX(Jesper!$R$2:$R$366,ROW(INDEX(Jesper!AH$2:AH$366,ROUNDDOWN($C3063/24,0)+1,1))-1)+IF('Standard Profiles'!$G$18=$B$10,7,0)+IF('Standard Profiles'!$G$18=$B$17,14,0)+IF('Standard Profiles'!$G$18=$B$24,21,0),0)),0)</f>
        <v>0</v>
      </c>
      <c r="E3063" cm="1">
        <f t="array" ref="E3063">IFERROR(INDEX(Jesper!AI$2:AI$366,ROUNDDOWN($C3063/24,0)+1,1)*INDEX($D$3:$AA$30,INDEX(Jesper!$R$2:$R$366,ROW(INDEX(Jesper!AI$2:AI$366,ROUNDDOWN($C3063/24,0)+1,1))-1)+IF('Standard Profiles'!$G$19=$B$10,7,0)+IF('Standard Profiles'!$G$19=$B$17,14,0)+IF('Standard Profiles'!$G$19=$B$24,21,0),MOD($C3063,24)+1)/SUM(INDEX($D$3:$AA$30,INDEX(Jesper!$R$2:$R$366,ROW(INDEX(Jesper!AI$2:AI$366,ROUNDDOWN($C3063/24,0)+1,1))-1)+IF('Standard Profiles'!$G$19=$B$10,7,0)+IF('Standard Profiles'!$G$19=$B$17,14,0)+IF('Standard Profiles'!$G$19=$B$24,21,0),0)),0)</f>
        <v>2.8329152540113616</v>
      </c>
      <c r="F3063" cm="1">
        <f t="array" ref="F3063">IFERROR(INDEX(Jesper!AJ$2:AJ$366,ROUNDDOWN($C3063/24,0)+1,1)*INDEX($D$3:$AA$30,INDEX(Jesper!$R$2:$R$366,ROW(INDEX(Jesper!AJ$2:AJ$366,ROUNDDOWN($C3063/24,0)+1,1))-1)+IF('Standard Profiles'!$G$20=$B$10,7,0)+IF('Standard Profiles'!$G$20=$B$17,14,0)+IF('Standard Profiles'!$G$20=$B$24,21,0),MOD($C3063,24)+1)/SUM(INDEX($D$3:$AA$30,INDEX(Jesper!$R$2:$R$366,ROW(INDEX(Jesper!AJ$2:AJ$366,ROUNDDOWN($C3063/24,0)+1,1))-1)+IF('Standard Profiles'!$G$20=$B$10,7,0)+IF('Standard Profiles'!$G$20=$B$17,14,0)+IF('Standard Profiles'!$G$20=$B$24,21,0),0)),0)</f>
        <v>1.4985849474762796</v>
      </c>
      <c r="G3063" cm="1">
        <f t="array" ref="G3063">IFERROR(INDEX(Jesper!AK$2:AK$366,ROUNDDOWN($C3063/24,0)+1,1)*INDEX($D$3:$AA$30,INDEX(Jesper!$R$2:$R$366,ROW(INDEX(Jesper!AK$2:AK$366,ROUNDDOWN($C3063/24,0)+1,1))-1)+IF('Standard Profiles'!$G$21=$B$10,7,0)+IF('Standard Profiles'!$G$21=$B$17,14,0)+IF('Standard Profiles'!$G$21=$B$24,21,0),MOD($C3063,24)+1)/SUM(INDEX($D$3:$AA$30,INDEX(Jesper!$R$2:$R$366,ROW(INDEX(Jesper!AK$2:AK$366,ROUNDDOWN($C3063/24,0)+1,1))-1)+IF('Standard Profiles'!$G$21=$B$10,7,0)+IF('Standard Profiles'!$G$21=$B$17,14,0)+IF('Standard Profiles'!$G$21=$B$24,21,0),0)),0)</f>
        <v>1.0163805201753149</v>
      </c>
      <c r="H3063" cm="1">
        <f t="array" ref="H3063">IFERROR(INDEX(Jesper!AL$2:AL$366,ROUNDDOWN($C3063/24,0)+1,1)*INDEX($D$3:$AA$30,INDEX(Jesper!$R$2:$R$366,ROW(INDEX(Jesper!AL$2:AL$366,ROUNDDOWN($C3063/24,0)+1,1))-1)+IF('Standard Profiles'!$G$22=$B$10,7,0)+IF('Standard Profiles'!$G$22=$B$17,14,0)+IF('Standard Profiles'!$G$22=$B$24,21,0),MOD($C3063,24)+1)/SUM(INDEX($D$3:$AA$30,INDEX(Jesper!$R$2:$R$366,ROW(INDEX(Jesper!AL$2:AL$366,ROUNDDOWN($C3063/24,0)+1,1))-1)+IF('Standard Profiles'!$G$22=$B$10,7,0)+IF('Standard Profiles'!$G$22=$B$17,14,0)+IF('Standard Profiles'!$G$22=$B$24,21,0),0)),0)</f>
        <v>0.57157950044121419</v>
      </c>
      <c r="I3063">
        <f t="shared" si="349"/>
        <v>0.54871632042356588</v>
      </c>
      <c r="J3063">
        <f t="shared" si="350"/>
        <v>5.0307940711992405</v>
      </c>
      <c r="K3063">
        <f t="shared" si="351"/>
        <v>0.22663322032090893</v>
      </c>
      <c r="L3063">
        <f t="shared" si="352"/>
        <v>0.11331661016045447</v>
      </c>
      <c r="M3063">
        <f t="shared" si="353"/>
        <v>0</v>
      </c>
      <c r="N3063" s="45">
        <f t="shared" si="354"/>
        <v>45053.208333325987</v>
      </c>
    </row>
    <row r="3064" spans="2:14" x14ac:dyDescent="0.25">
      <c r="B3064">
        <f t="shared" si="348"/>
        <v>7</v>
      </c>
      <c r="C3064" s="16">
        <v>3030</v>
      </c>
      <c r="D3064" cm="1">
        <f t="array" ref="D3064">IFERROR(INDEX(Jesper!AH$2:AH$366,ROUNDDOWN($C3064/24,0)+1,1)*INDEX($D$3:$AA$30,INDEX(Jesper!$R$2:$R$366,ROW(INDEX(Jesper!AH$2:AH$366,ROUNDDOWN($C3064/24,0)+1,1))-1)+IF('Standard Profiles'!$G$18=$B$10,7,0)+IF('Standard Profiles'!$G$18=$B$17,14,0)+IF('Standard Profiles'!$G$18=$B$24,21,0),MOD($C3064,24)+1)/SUM(INDEX($D$3:$AA$30,INDEX(Jesper!$R$2:$R$366,ROW(INDEX(Jesper!AH$2:AH$366,ROUNDDOWN($C3064/24,0)+1,1))-1)+IF('Standard Profiles'!$G$18=$B$10,7,0)+IF('Standard Profiles'!$G$18=$B$17,14,0)+IF('Standard Profiles'!$G$18=$B$24,21,0),0)),0)</f>
        <v>0</v>
      </c>
      <c r="E3064" cm="1">
        <f t="array" ref="E3064">IFERROR(INDEX(Jesper!AI$2:AI$366,ROUNDDOWN($C3064/24,0)+1,1)*INDEX($D$3:$AA$30,INDEX(Jesper!$R$2:$R$366,ROW(INDEX(Jesper!AI$2:AI$366,ROUNDDOWN($C3064/24,0)+1,1))-1)+IF('Standard Profiles'!$G$19=$B$10,7,0)+IF('Standard Profiles'!$G$19=$B$17,14,0)+IF('Standard Profiles'!$G$19=$B$24,21,0),MOD($C3064,24)+1)/SUM(INDEX($D$3:$AA$30,INDEX(Jesper!$R$2:$R$366,ROW(INDEX(Jesper!AI$2:AI$366,ROUNDDOWN($C3064/24,0)+1,1))-1)+IF('Standard Profiles'!$G$19=$B$10,7,0)+IF('Standard Profiles'!$G$19=$B$17,14,0)+IF('Standard Profiles'!$G$19=$B$24,21,0),0)),0)</f>
        <v>2.8329152540113616</v>
      </c>
      <c r="F3064" cm="1">
        <f t="array" ref="F3064">IFERROR(INDEX(Jesper!AJ$2:AJ$366,ROUNDDOWN($C3064/24,0)+1,1)*INDEX($D$3:$AA$30,INDEX(Jesper!$R$2:$R$366,ROW(INDEX(Jesper!AJ$2:AJ$366,ROUNDDOWN($C3064/24,0)+1,1))-1)+IF('Standard Profiles'!$G$20=$B$10,7,0)+IF('Standard Profiles'!$G$20=$B$17,14,0)+IF('Standard Profiles'!$G$20=$B$24,21,0),MOD($C3064,24)+1)/SUM(INDEX($D$3:$AA$30,INDEX(Jesper!$R$2:$R$366,ROW(INDEX(Jesper!AJ$2:AJ$366,ROUNDDOWN($C3064/24,0)+1,1))-1)+IF('Standard Profiles'!$G$20=$B$10,7,0)+IF('Standard Profiles'!$G$20=$B$17,14,0)+IF('Standard Profiles'!$G$20=$B$24,21,0),0)),0)</f>
        <v>1.4985849474762796</v>
      </c>
      <c r="G3064" cm="1">
        <f t="array" ref="G3064">IFERROR(INDEX(Jesper!AK$2:AK$366,ROUNDDOWN($C3064/24,0)+1,1)*INDEX($D$3:$AA$30,INDEX(Jesper!$R$2:$R$366,ROW(INDEX(Jesper!AK$2:AK$366,ROUNDDOWN($C3064/24,0)+1,1))-1)+IF('Standard Profiles'!$G$21=$B$10,7,0)+IF('Standard Profiles'!$G$21=$B$17,14,0)+IF('Standard Profiles'!$G$21=$B$24,21,0),MOD($C3064,24)+1)/SUM(INDEX($D$3:$AA$30,INDEX(Jesper!$R$2:$R$366,ROW(INDEX(Jesper!AK$2:AK$366,ROUNDDOWN($C3064/24,0)+1,1))-1)+IF('Standard Profiles'!$G$21=$B$10,7,0)+IF('Standard Profiles'!$G$21=$B$17,14,0)+IF('Standard Profiles'!$G$21=$B$24,21,0),0)),0)</f>
        <v>1.0163805201753149</v>
      </c>
      <c r="H3064" cm="1">
        <f t="array" ref="H3064">IFERROR(INDEX(Jesper!AL$2:AL$366,ROUNDDOWN($C3064/24,0)+1,1)*INDEX($D$3:$AA$30,INDEX(Jesper!$R$2:$R$366,ROW(INDEX(Jesper!AL$2:AL$366,ROUNDDOWN($C3064/24,0)+1,1))-1)+IF('Standard Profiles'!$G$22=$B$10,7,0)+IF('Standard Profiles'!$G$22=$B$17,14,0)+IF('Standard Profiles'!$G$22=$B$24,21,0),MOD($C3064,24)+1)/SUM(INDEX($D$3:$AA$30,INDEX(Jesper!$R$2:$R$366,ROW(INDEX(Jesper!AL$2:AL$366,ROUNDDOWN($C3064/24,0)+1,1))-1)+IF('Standard Profiles'!$G$22=$B$10,7,0)+IF('Standard Profiles'!$G$22=$B$17,14,0)+IF('Standard Profiles'!$G$22=$B$24,21,0),0)),0)</f>
        <v>0.6731936338529857</v>
      </c>
      <c r="I3064">
        <f t="shared" si="349"/>
        <v>0.64626588849886657</v>
      </c>
      <c r="J3064">
        <f t="shared" si="350"/>
        <v>5.034858636535712</v>
      </c>
      <c r="K3064">
        <f t="shared" si="351"/>
        <v>0.22663322032090893</v>
      </c>
      <c r="L3064">
        <f t="shared" si="352"/>
        <v>0.11331661016045447</v>
      </c>
      <c r="M3064">
        <f t="shared" si="353"/>
        <v>0</v>
      </c>
      <c r="N3064" s="45">
        <f t="shared" si="354"/>
        <v>45053.249999992651</v>
      </c>
    </row>
    <row r="3065" spans="2:14" x14ac:dyDescent="0.25">
      <c r="B3065">
        <f t="shared" si="348"/>
        <v>7</v>
      </c>
      <c r="C3065" s="16">
        <v>3031</v>
      </c>
      <c r="D3065" cm="1">
        <f t="array" ref="D3065">IFERROR(INDEX(Jesper!AH$2:AH$366,ROUNDDOWN($C3065/24,0)+1,1)*INDEX($D$3:$AA$30,INDEX(Jesper!$R$2:$R$366,ROW(INDEX(Jesper!AH$2:AH$366,ROUNDDOWN($C3065/24,0)+1,1))-1)+IF('Standard Profiles'!$G$18=$B$10,7,0)+IF('Standard Profiles'!$G$18=$B$17,14,0)+IF('Standard Profiles'!$G$18=$B$24,21,0),MOD($C3065,24)+1)/SUM(INDEX($D$3:$AA$30,INDEX(Jesper!$R$2:$R$366,ROW(INDEX(Jesper!AH$2:AH$366,ROUNDDOWN($C3065/24,0)+1,1))-1)+IF('Standard Profiles'!$G$18=$B$10,7,0)+IF('Standard Profiles'!$G$18=$B$17,14,0)+IF('Standard Profiles'!$G$18=$B$24,21,0),0)),0)</f>
        <v>0</v>
      </c>
      <c r="E3065" cm="1">
        <f t="array" ref="E3065">IFERROR(INDEX(Jesper!AI$2:AI$366,ROUNDDOWN($C3065/24,0)+1,1)*INDEX($D$3:$AA$30,INDEX(Jesper!$R$2:$R$366,ROW(INDEX(Jesper!AI$2:AI$366,ROUNDDOWN($C3065/24,0)+1,1))-1)+IF('Standard Profiles'!$G$19=$B$10,7,0)+IF('Standard Profiles'!$G$19=$B$17,14,0)+IF('Standard Profiles'!$G$19=$B$24,21,0),MOD($C3065,24)+1)/SUM(INDEX($D$3:$AA$30,INDEX(Jesper!$R$2:$R$366,ROW(INDEX(Jesper!AI$2:AI$366,ROUNDDOWN($C3065/24,0)+1,1))-1)+IF('Standard Profiles'!$G$19=$B$10,7,0)+IF('Standard Profiles'!$G$19=$B$17,14,0)+IF('Standard Profiles'!$G$19=$B$24,21,0),0)),0)</f>
        <v>2.8329152540113616</v>
      </c>
      <c r="F3065" cm="1">
        <f t="array" ref="F3065">IFERROR(INDEX(Jesper!AJ$2:AJ$366,ROUNDDOWN($C3065/24,0)+1,1)*INDEX($D$3:$AA$30,INDEX(Jesper!$R$2:$R$366,ROW(INDEX(Jesper!AJ$2:AJ$366,ROUNDDOWN($C3065/24,0)+1,1))-1)+IF('Standard Profiles'!$G$20=$B$10,7,0)+IF('Standard Profiles'!$G$20=$B$17,14,0)+IF('Standard Profiles'!$G$20=$B$24,21,0),MOD($C3065,24)+1)/SUM(INDEX($D$3:$AA$30,INDEX(Jesper!$R$2:$R$366,ROW(INDEX(Jesper!AJ$2:AJ$366,ROUNDDOWN($C3065/24,0)+1,1))-1)+IF('Standard Profiles'!$G$20=$B$10,7,0)+IF('Standard Profiles'!$G$20=$B$17,14,0)+IF('Standard Profiles'!$G$20=$B$24,21,0),0)),0)</f>
        <v>1.4985849474762796</v>
      </c>
      <c r="G3065" cm="1">
        <f t="array" ref="G3065">IFERROR(INDEX(Jesper!AK$2:AK$366,ROUNDDOWN($C3065/24,0)+1,1)*INDEX($D$3:$AA$30,INDEX(Jesper!$R$2:$R$366,ROW(INDEX(Jesper!AK$2:AK$366,ROUNDDOWN($C3065/24,0)+1,1))-1)+IF('Standard Profiles'!$G$21=$B$10,7,0)+IF('Standard Profiles'!$G$21=$B$17,14,0)+IF('Standard Profiles'!$G$21=$B$24,21,0),MOD($C3065,24)+1)/SUM(INDEX($D$3:$AA$30,INDEX(Jesper!$R$2:$R$366,ROW(INDEX(Jesper!AK$2:AK$366,ROUNDDOWN($C3065/24,0)+1,1))-1)+IF('Standard Profiles'!$G$21=$B$10,7,0)+IF('Standard Profiles'!$G$21=$B$17,14,0)+IF('Standard Profiles'!$G$21=$B$24,21,0),0)),0)</f>
        <v>1.0163805201753149</v>
      </c>
      <c r="H3065" cm="1">
        <f t="array" ref="H3065">IFERROR(INDEX(Jesper!AL$2:AL$366,ROUNDDOWN($C3065/24,0)+1,1)*INDEX($D$3:$AA$30,INDEX(Jesper!$R$2:$R$366,ROW(INDEX(Jesper!AL$2:AL$366,ROUNDDOWN($C3065/24,0)+1,1))-1)+IF('Standard Profiles'!$G$22=$B$10,7,0)+IF('Standard Profiles'!$G$22=$B$17,14,0)+IF('Standard Profiles'!$G$22=$B$24,21,0),MOD($C3065,24)+1)/SUM(INDEX($D$3:$AA$30,INDEX(Jesper!$R$2:$R$366,ROW(INDEX(Jesper!AL$2:AL$366,ROUNDDOWN($C3065/24,0)+1,1))-1)+IF('Standard Profiles'!$G$22=$B$10,7,0)+IF('Standard Profiles'!$G$22=$B$17,14,0)+IF('Standard Profiles'!$G$22=$B$24,21,0),0)),0)</f>
        <v>0.80021130061769996</v>
      </c>
      <c r="I3065">
        <f t="shared" si="349"/>
        <v>0.76820284859299237</v>
      </c>
      <c r="J3065">
        <f t="shared" si="350"/>
        <v>5.0399393432063002</v>
      </c>
      <c r="K3065">
        <f t="shared" si="351"/>
        <v>0.22663322032090893</v>
      </c>
      <c r="L3065">
        <f t="shared" si="352"/>
        <v>0.11331661016045447</v>
      </c>
      <c r="M3065">
        <f t="shared" si="353"/>
        <v>0</v>
      </c>
      <c r="N3065" s="45">
        <f t="shared" si="354"/>
        <v>45053.291666659316</v>
      </c>
    </row>
    <row r="3066" spans="2:14" x14ac:dyDescent="0.25">
      <c r="B3066">
        <f t="shared" si="348"/>
        <v>7</v>
      </c>
      <c r="C3066" s="16">
        <v>3032</v>
      </c>
      <c r="D3066" cm="1">
        <f t="array" ref="D3066">IFERROR(INDEX(Jesper!AH$2:AH$366,ROUNDDOWN($C3066/24,0)+1,1)*INDEX($D$3:$AA$30,INDEX(Jesper!$R$2:$R$366,ROW(INDEX(Jesper!AH$2:AH$366,ROUNDDOWN($C3066/24,0)+1,1))-1)+IF('Standard Profiles'!$G$18=$B$10,7,0)+IF('Standard Profiles'!$G$18=$B$17,14,0)+IF('Standard Profiles'!$G$18=$B$24,21,0),MOD($C3066,24)+1)/SUM(INDEX($D$3:$AA$30,INDEX(Jesper!$R$2:$R$366,ROW(INDEX(Jesper!AH$2:AH$366,ROUNDDOWN($C3066/24,0)+1,1))-1)+IF('Standard Profiles'!$G$18=$B$10,7,0)+IF('Standard Profiles'!$G$18=$B$17,14,0)+IF('Standard Profiles'!$G$18=$B$24,21,0),0)),0)</f>
        <v>0</v>
      </c>
      <c r="E3066" cm="1">
        <f t="array" ref="E3066">IFERROR(INDEX(Jesper!AI$2:AI$366,ROUNDDOWN($C3066/24,0)+1,1)*INDEX($D$3:$AA$30,INDEX(Jesper!$R$2:$R$366,ROW(INDEX(Jesper!AI$2:AI$366,ROUNDDOWN($C3066/24,0)+1,1))-1)+IF('Standard Profiles'!$G$19=$B$10,7,0)+IF('Standard Profiles'!$G$19=$B$17,14,0)+IF('Standard Profiles'!$G$19=$B$24,21,0),MOD($C3066,24)+1)/SUM(INDEX($D$3:$AA$30,INDEX(Jesper!$R$2:$R$366,ROW(INDEX(Jesper!AI$2:AI$366,ROUNDDOWN($C3066/24,0)+1,1))-1)+IF('Standard Profiles'!$G$19=$B$10,7,0)+IF('Standard Profiles'!$G$19=$B$17,14,0)+IF('Standard Profiles'!$G$19=$B$24,21,0),0)),0)</f>
        <v>2.8329152540113616</v>
      </c>
      <c r="F3066" cm="1">
        <f t="array" ref="F3066">IFERROR(INDEX(Jesper!AJ$2:AJ$366,ROUNDDOWN($C3066/24,0)+1,1)*INDEX($D$3:$AA$30,INDEX(Jesper!$R$2:$R$366,ROW(INDEX(Jesper!AJ$2:AJ$366,ROUNDDOWN($C3066/24,0)+1,1))-1)+IF('Standard Profiles'!$G$20=$B$10,7,0)+IF('Standard Profiles'!$G$20=$B$17,14,0)+IF('Standard Profiles'!$G$20=$B$24,21,0),MOD($C3066,24)+1)/SUM(INDEX($D$3:$AA$30,INDEX(Jesper!$R$2:$R$366,ROW(INDEX(Jesper!AJ$2:AJ$366,ROUNDDOWN($C3066/24,0)+1,1))-1)+IF('Standard Profiles'!$G$20=$B$10,7,0)+IF('Standard Profiles'!$G$20=$B$17,14,0)+IF('Standard Profiles'!$G$20=$B$24,21,0),0)),0)</f>
        <v>1.4985849474762796</v>
      </c>
      <c r="G3066" cm="1">
        <f t="array" ref="G3066">IFERROR(INDEX(Jesper!AK$2:AK$366,ROUNDDOWN($C3066/24,0)+1,1)*INDEX($D$3:$AA$30,INDEX(Jesper!$R$2:$R$366,ROW(INDEX(Jesper!AK$2:AK$366,ROUNDDOWN($C3066/24,0)+1,1))-1)+IF('Standard Profiles'!$G$21=$B$10,7,0)+IF('Standard Profiles'!$G$21=$B$17,14,0)+IF('Standard Profiles'!$G$21=$B$24,21,0),MOD($C3066,24)+1)/SUM(INDEX($D$3:$AA$30,INDEX(Jesper!$R$2:$R$366,ROW(INDEX(Jesper!AK$2:AK$366,ROUNDDOWN($C3066/24,0)+1,1))-1)+IF('Standard Profiles'!$G$21=$B$10,7,0)+IF('Standard Profiles'!$G$21=$B$17,14,0)+IF('Standard Profiles'!$G$21=$B$24,21,0),0)),0)</f>
        <v>1.0163805201753149</v>
      </c>
      <c r="H3066" cm="1">
        <f t="array" ref="H3066">IFERROR(INDEX(Jesper!AL$2:AL$366,ROUNDDOWN($C3066/24,0)+1,1)*INDEX($D$3:$AA$30,INDEX(Jesper!$R$2:$R$366,ROW(INDEX(Jesper!AL$2:AL$366,ROUNDDOWN($C3066/24,0)+1,1))-1)+IF('Standard Profiles'!$G$22=$B$10,7,0)+IF('Standard Profiles'!$G$22=$B$17,14,0)+IF('Standard Profiles'!$G$22=$B$24,21,0),MOD($C3066,24)+1)/SUM(INDEX($D$3:$AA$30,INDEX(Jesper!$R$2:$R$366,ROW(INDEX(Jesper!AL$2:AL$366,ROUNDDOWN($C3066/24,0)+1,1))-1)+IF('Standard Profiles'!$G$22=$B$10,7,0)+IF('Standard Profiles'!$G$22=$B$17,14,0)+IF('Standard Profiles'!$G$22=$B$24,21,0),0)),0)</f>
        <v>0.80021130061769996</v>
      </c>
      <c r="I3066">
        <f t="shared" si="349"/>
        <v>0.76820284859299237</v>
      </c>
      <c r="J3066">
        <f t="shared" si="350"/>
        <v>5.0399393432063002</v>
      </c>
      <c r="K3066">
        <f t="shared" si="351"/>
        <v>0.22663322032090893</v>
      </c>
      <c r="L3066">
        <f t="shared" si="352"/>
        <v>0.11331661016045447</v>
      </c>
      <c r="M3066">
        <f t="shared" si="353"/>
        <v>0</v>
      </c>
      <c r="N3066" s="45">
        <f t="shared" si="354"/>
        <v>45053.33333332598</v>
      </c>
    </row>
    <row r="3067" spans="2:14" x14ac:dyDescent="0.25">
      <c r="B3067">
        <f t="shared" si="348"/>
        <v>7</v>
      </c>
      <c r="C3067" s="16">
        <v>3033</v>
      </c>
      <c r="D3067" cm="1">
        <f t="array" ref="D3067">IFERROR(INDEX(Jesper!AH$2:AH$366,ROUNDDOWN($C3067/24,0)+1,1)*INDEX($D$3:$AA$30,INDEX(Jesper!$R$2:$R$366,ROW(INDEX(Jesper!AH$2:AH$366,ROUNDDOWN($C3067/24,0)+1,1))-1)+IF('Standard Profiles'!$G$18=$B$10,7,0)+IF('Standard Profiles'!$G$18=$B$17,14,0)+IF('Standard Profiles'!$G$18=$B$24,21,0),MOD($C3067,24)+1)/SUM(INDEX($D$3:$AA$30,INDEX(Jesper!$R$2:$R$366,ROW(INDEX(Jesper!AH$2:AH$366,ROUNDDOWN($C3067/24,0)+1,1))-1)+IF('Standard Profiles'!$G$18=$B$10,7,0)+IF('Standard Profiles'!$G$18=$B$17,14,0)+IF('Standard Profiles'!$G$18=$B$24,21,0),0)),0)</f>
        <v>0</v>
      </c>
      <c r="E3067" cm="1">
        <f t="array" ref="E3067">IFERROR(INDEX(Jesper!AI$2:AI$366,ROUNDDOWN($C3067/24,0)+1,1)*INDEX($D$3:$AA$30,INDEX(Jesper!$R$2:$R$366,ROW(INDEX(Jesper!AI$2:AI$366,ROUNDDOWN($C3067/24,0)+1,1))-1)+IF('Standard Profiles'!$G$19=$B$10,7,0)+IF('Standard Profiles'!$G$19=$B$17,14,0)+IF('Standard Profiles'!$G$19=$B$24,21,0),MOD($C3067,24)+1)/SUM(INDEX($D$3:$AA$30,INDEX(Jesper!$R$2:$R$366,ROW(INDEX(Jesper!AI$2:AI$366,ROUNDDOWN($C3067/24,0)+1,1))-1)+IF('Standard Profiles'!$G$19=$B$10,7,0)+IF('Standard Profiles'!$G$19=$B$17,14,0)+IF('Standard Profiles'!$G$19=$B$24,21,0),0)),0)</f>
        <v>2.8329152540113616</v>
      </c>
      <c r="F3067" cm="1">
        <f t="array" ref="F3067">IFERROR(INDEX(Jesper!AJ$2:AJ$366,ROUNDDOWN($C3067/24,0)+1,1)*INDEX($D$3:$AA$30,INDEX(Jesper!$R$2:$R$366,ROW(INDEX(Jesper!AJ$2:AJ$366,ROUNDDOWN($C3067/24,0)+1,1))-1)+IF('Standard Profiles'!$G$20=$B$10,7,0)+IF('Standard Profiles'!$G$20=$B$17,14,0)+IF('Standard Profiles'!$G$20=$B$24,21,0),MOD($C3067,24)+1)/SUM(INDEX($D$3:$AA$30,INDEX(Jesper!$R$2:$R$366,ROW(INDEX(Jesper!AJ$2:AJ$366,ROUNDDOWN($C3067/24,0)+1,1))-1)+IF('Standard Profiles'!$G$20=$B$10,7,0)+IF('Standard Profiles'!$G$20=$B$17,14,0)+IF('Standard Profiles'!$G$20=$B$24,21,0),0)),0)</f>
        <v>1.4985849474762796</v>
      </c>
      <c r="G3067" cm="1">
        <f t="array" ref="G3067">IFERROR(INDEX(Jesper!AK$2:AK$366,ROUNDDOWN($C3067/24,0)+1,1)*INDEX($D$3:$AA$30,INDEX(Jesper!$R$2:$R$366,ROW(INDEX(Jesper!AK$2:AK$366,ROUNDDOWN($C3067/24,0)+1,1))-1)+IF('Standard Profiles'!$G$21=$B$10,7,0)+IF('Standard Profiles'!$G$21=$B$17,14,0)+IF('Standard Profiles'!$G$21=$B$24,21,0),MOD($C3067,24)+1)/SUM(INDEX($D$3:$AA$30,INDEX(Jesper!$R$2:$R$366,ROW(INDEX(Jesper!AK$2:AK$366,ROUNDDOWN($C3067/24,0)+1,1))-1)+IF('Standard Profiles'!$G$21=$B$10,7,0)+IF('Standard Profiles'!$G$21=$B$17,14,0)+IF('Standard Profiles'!$G$21=$B$24,21,0),0)),0)</f>
        <v>1.0163805201753149</v>
      </c>
      <c r="H3067" cm="1">
        <f t="array" ref="H3067">IFERROR(INDEX(Jesper!AL$2:AL$366,ROUNDDOWN($C3067/24,0)+1,1)*INDEX($D$3:$AA$30,INDEX(Jesper!$R$2:$R$366,ROW(INDEX(Jesper!AL$2:AL$366,ROUNDDOWN($C3067/24,0)+1,1))-1)+IF('Standard Profiles'!$G$22=$B$10,7,0)+IF('Standard Profiles'!$G$22=$B$17,14,0)+IF('Standard Profiles'!$G$22=$B$24,21,0),MOD($C3067,24)+1)/SUM(INDEX($D$3:$AA$30,INDEX(Jesper!$R$2:$R$366,ROW(INDEX(Jesper!AL$2:AL$366,ROUNDDOWN($C3067/24,0)+1,1))-1)+IF('Standard Profiles'!$G$22=$B$10,7,0)+IF('Standard Profiles'!$G$22=$B$17,14,0)+IF('Standard Profiles'!$G$22=$B$24,21,0),0)),0)</f>
        <v>0.80021130061769996</v>
      </c>
      <c r="I3067">
        <f t="shared" si="349"/>
        <v>0.76820284859299237</v>
      </c>
      <c r="J3067">
        <f t="shared" si="350"/>
        <v>5.0399393432063002</v>
      </c>
      <c r="K3067">
        <f t="shared" si="351"/>
        <v>0.22663322032090893</v>
      </c>
      <c r="L3067">
        <f t="shared" si="352"/>
        <v>0.11331661016045447</v>
      </c>
      <c r="M3067">
        <f t="shared" si="353"/>
        <v>0</v>
      </c>
      <c r="N3067" s="45">
        <f t="shared" si="354"/>
        <v>45053.374999992644</v>
      </c>
    </row>
    <row r="3068" spans="2:14" x14ac:dyDescent="0.25">
      <c r="B3068">
        <f t="shared" si="348"/>
        <v>7</v>
      </c>
      <c r="C3068" s="16">
        <v>3034</v>
      </c>
      <c r="D3068" cm="1">
        <f t="array" ref="D3068">IFERROR(INDEX(Jesper!AH$2:AH$366,ROUNDDOWN($C3068/24,0)+1,1)*INDEX($D$3:$AA$30,INDEX(Jesper!$R$2:$R$366,ROW(INDEX(Jesper!AH$2:AH$366,ROUNDDOWN($C3068/24,0)+1,1))-1)+IF('Standard Profiles'!$G$18=$B$10,7,0)+IF('Standard Profiles'!$G$18=$B$17,14,0)+IF('Standard Profiles'!$G$18=$B$24,21,0),MOD($C3068,24)+1)/SUM(INDEX($D$3:$AA$30,INDEX(Jesper!$R$2:$R$366,ROW(INDEX(Jesper!AH$2:AH$366,ROUNDDOWN($C3068/24,0)+1,1))-1)+IF('Standard Profiles'!$G$18=$B$10,7,0)+IF('Standard Profiles'!$G$18=$B$17,14,0)+IF('Standard Profiles'!$G$18=$B$24,21,0),0)),0)</f>
        <v>0</v>
      </c>
      <c r="E3068" cm="1">
        <f t="array" ref="E3068">IFERROR(INDEX(Jesper!AI$2:AI$366,ROUNDDOWN($C3068/24,0)+1,1)*INDEX($D$3:$AA$30,INDEX(Jesper!$R$2:$R$366,ROW(INDEX(Jesper!AI$2:AI$366,ROUNDDOWN($C3068/24,0)+1,1))-1)+IF('Standard Profiles'!$G$19=$B$10,7,0)+IF('Standard Profiles'!$G$19=$B$17,14,0)+IF('Standard Profiles'!$G$19=$B$24,21,0),MOD($C3068,24)+1)/SUM(INDEX($D$3:$AA$30,INDEX(Jesper!$R$2:$R$366,ROW(INDEX(Jesper!AI$2:AI$366,ROUNDDOWN($C3068/24,0)+1,1))-1)+IF('Standard Profiles'!$G$19=$B$10,7,0)+IF('Standard Profiles'!$G$19=$B$17,14,0)+IF('Standard Profiles'!$G$19=$B$24,21,0),0)),0)</f>
        <v>2.8329152540113616</v>
      </c>
      <c r="F3068" cm="1">
        <f t="array" ref="F3068">IFERROR(INDEX(Jesper!AJ$2:AJ$366,ROUNDDOWN($C3068/24,0)+1,1)*INDEX($D$3:$AA$30,INDEX(Jesper!$R$2:$R$366,ROW(INDEX(Jesper!AJ$2:AJ$366,ROUNDDOWN($C3068/24,0)+1,1))-1)+IF('Standard Profiles'!$G$20=$B$10,7,0)+IF('Standard Profiles'!$G$20=$B$17,14,0)+IF('Standard Profiles'!$G$20=$B$24,21,0),MOD($C3068,24)+1)/SUM(INDEX($D$3:$AA$30,INDEX(Jesper!$R$2:$R$366,ROW(INDEX(Jesper!AJ$2:AJ$366,ROUNDDOWN($C3068/24,0)+1,1))-1)+IF('Standard Profiles'!$G$20=$B$10,7,0)+IF('Standard Profiles'!$G$20=$B$17,14,0)+IF('Standard Profiles'!$G$20=$B$24,21,0),0)),0)</f>
        <v>1.4985849474762796</v>
      </c>
      <c r="G3068" cm="1">
        <f t="array" ref="G3068">IFERROR(INDEX(Jesper!AK$2:AK$366,ROUNDDOWN($C3068/24,0)+1,1)*INDEX($D$3:$AA$30,INDEX(Jesper!$R$2:$R$366,ROW(INDEX(Jesper!AK$2:AK$366,ROUNDDOWN($C3068/24,0)+1,1))-1)+IF('Standard Profiles'!$G$21=$B$10,7,0)+IF('Standard Profiles'!$G$21=$B$17,14,0)+IF('Standard Profiles'!$G$21=$B$24,21,0),MOD($C3068,24)+1)/SUM(INDEX($D$3:$AA$30,INDEX(Jesper!$R$2:$R$366,ROW(INDEX(Jesper!AK$2:AK$366,ROUNDDOWN($C3068/24,0)+1,1))-1)+IF('Standard Profiles'!$G$21=$B$10,7,0)+IF('Standard Profiles'!$G$21=$B$17,14,0)+IF('Standard Profiles'!$G$21=$B$24,21,0),0)),0)</f>
        <v>1.0163805201753149</v>
      </c>
      <c r="H3068" cm="1">
        <f t="array" ref="H3068">IFERROR(INDEX(Jesper!AL$2:AL$366,ROUNDDOWN($C3068/24,0)+1,1)*INDEX($D$3:$AA$30,INDEX(Jesper!$R$2:$R$366,ROW(INDEX(Jesper!AL$2:AL$366,ROUNDDOWN($C3068/24,0)+1,1))-1)+IF('Standard Profiles'!$G$22=$B$10,7,0)+IF('Standard Profiles'!$G$22=$B$17,14,0)+IF('Standard Profiles'!$G$22=$B$24,21,0),MOD($C3068,24)+1)/SUM(INDEX($D$3:$AA$30,INDEX(Jesper!$R$2:$R$366,ROW(INDEX(Jesper!AL$2:AL$366,ROUNDDOWN($C3068/24,0)+1,1))-1)+IF('Standard Profiles'!$G$22=$B$10,7,0)+IF('Standard Profiles'!$G$22=$B$17,14,0)+IF('Standard Profiles'!$G$22=$B$24,21,0),0)),0)</f>
        <v>0.80021130061769996</v>
      </c>
      <c r="I3068">
        <f t="shared" si="349"/>
        <v>0.76820284859299237</v>
      </c>
      <c r="J3068">
        <f t="shared" si="350"/>
        <v>5.0399393432063002</v>
      </c>
      <c r="K3068">
        <f t="shared" si="351"/>
        <v>0.22663322032090893</v>
      </c>
      <c r="L3068">
        <f t="shared" si="352"/>
        <v>0.11331661016045447</v>
      </c>
      <c r="M3068">
        <f t="shared" si="353"/>
        <v>0</v>
      </c>
      <c r="N3068" s="45">
        <f t="shared" si="354"/>
        <v>45053.416666659308</v>
      </c>
    </row>
    <row r="3069" spans="2:14" x14ac:dyDescent="0.25">
      <c r="B3069">
        <f t="shared" si="348"/>
        <v>7</v>
      </c>
      <c r="C3069" s="16">
        <v>3035</v>
      </c>
      <c r="D3069" cm="1">
        <f t="array" ref="D3069">IFERROR(INDEX(Jesper!AH$2:AH$366,ROUNDDOWN($C3069/24,0)+1,1)*INDEX($D$3:$AA$30,INDEX(Jesper!$R$2:$R$366,ROW(INDEX(Jesper!AH$2:AH$366,ROUNDDOWN($C3069/24,0)+1,1))-1)+IF('Standard Profiles'!$G$18=$B$10,7,0)+IF('Standard Profiles'!$G$18=$B$17,14,0)+IF('Standard Profiles'!$G$18=$B$24,21,0),MOD($C3069,24)+1)/SUM(INDEX($D$3:$AA$30,INDEX(Jesper!$R$2:$R$366,ROW(INDEX(Jesper!AH$2:AH$366,ROUNDDOWN($C3069/24,0)+1,1))-1)+IF('Standard Profiles'!$G$18=$B$10,7,0)+IF('Standard Profiles'!$G$18=$B$17,14,0)+IF('Standard Profiles'!$G$18=$B$24,21,0),0)),0)</f>
        <v>0</v>
      </c>
      <c r="E3069" cm="1">
        <f t="array" ref="E3069">IFERROR(INDEX(Jesper!AI$2:AI$366,ROUNDDOWN($C3069/24,0)+1,1)*INDEX($D$3:$AA$30,INDEX(Jesper!$R$2:$R$366,ROW(INDEX(Jesper!AI$2:AI$366,ROUNDDOWN($C3069/24,0)+1,1))-1)+IF('Standard Profiles'!$G$19=$B$10,7,0)+IF('Standard Profiles'!$G$19=$B$17,14,0)+IF('Standard Profiles'!$G$19=$B$24,21,0),MOD($C3069,24)+1)/SUM(INDEX($D$3:$AA$30,INDEX(Jesper!$R$2:$R$366,ROW(INDEX(Jesper!AI$2:AI$366,ROUNDDOWN($C3069/24,0)+1,1))-1)+IF('Standard Profiles'!$G$19=$B$10,7,0)+IF('Standard Profiles'!$G$19=$B$17,14,0)+IF('Standard Profiles'!$G$19=$B$24,21,0),0)),0)</f>
        <v>2.8329152540113616</v>
      </c>
      <c r="F3069" cm="1">
        <f t="array" ref="F3069">IFERROR(INDEX(Jesper!AJ$2:AJ$366,ROUNDDOWN($C3069/24,0)+1,1)*INDEX($D$3:$AA$30,INDEX(Jesper!$R$2:$R$366,ROW(INDEX(Jesper!AJ$2:AJ$366,ROUNDDOWN($C3069/24,0)+1,1))-1)+IF('Standard Profiles'!$G$20=$B$10,7,0)+IF('Standard Profiles'!$G$20=$B$17,14,0)+IF('Standard Profiles'!$G$20=$B$24,21,0),MOD($C3069,24)+1)/SUM(INDEX($D$3:$AA$30,INDEX(Jesper!$R$2:$R$366,ROW(INDEX(Jesper!AJ$2:AJ$366,ROUNDDOWN($C3069/24,0)+1,1))-1)+IF('Standard Profiles'!$G$20=$B$10,7,0)+IF('Standard Profiles'!$G$20=$B$17,14,0)+IF('Standard Profiles'!$G$20=$B$24,21,0),0)),0)</f>
        <v>1.4985849474762796</v>
      </c>
      <c r="G3069" cm="1">
        <f t="array" ref="G3069">IFERROR(INDEX(Jesper!AK$2:AK$366,ROUNDDOWN($C3069/24,0)+1,1)*INDEX($D$3:$AA$30,INDEX(Jesper!$R$2:$R$366,ROW(INDEX(Jesper!AK$2:AK$366,ROUNDDOWN($C3069/24,0)+1,1))-1)+IF('Standard Profiles'!$G$21=$B$10,7,0)+IF('Standard Profiles'!$G$21=$B$17,14,0)+IF('Standard Profiles'!$G$21=$B$24,21,0),MOD($C3069,24)+1)/SUM(INDEX($D$3:$AA$30,INDEX(Jesper!$R$2:$R$366,ROW(INDEX(Jesper!AK$2:AK$366,ROUNDDOWN($C3069/24,0)+1,1))-1)+IF('Standard Profiles'!$G$21=$B$10,7,0)+IF('Standard Profiles'!$G$21=$B$17,14,0)+IF('Standard Profiles'!$G$21=$B$24,21,0),0)),0)</f>
        <v>1.0163805201753149</v>
      </c>
      <c r="H3069" cm="1">
        <f t="array" ref="H3069">IFERROR(INDEX(Jesper!AL$2:AL$366,ROUNDDOWN($C3069/24,0)+1,1)*INDEX($D$3:$AA$30,INDEX(Jesper!$R$2:$R$366,ROW(INDEX(Jesper!AL$2:AL$366,ROUNDDOWN($C3069/24,0)+1,1))-1)+IF('Standard Profiles'!$G$22=$B$10,7,0)+IF('Standard Profiles'!$G$22=$B$17,14,0)+IF('Standard Profiles'!$G$22=$B$24,21,0),MOD($C3069,24)+1)/SUM(INDEX($D$3:$AA$30,INDEX(Jesper!$R$2:$R$366,ROW(INDEX(Jesper!AL$2:AL$366,ROUNDDOWN($C3069/24,0)+1,1))-1)+IF('Standard Profiles'!$G$22=$B$10,7,0)+IF('Standard Profiles'!$G$22=$B$17,14,0)+IF('Standard Profiles'!$G$22=$B$24,21,0),0)),0)</f>
        <v>0.80021130061769996</v>
      </c>
      <c r="I3069">
        <f t="shared" si="349"/>
        <v>0.76820284859299237</v>
      </c>
      <c r="J3069">
        <f t="shared" si="350"/>
        <v>5.0399393432063002</v>
      </c>
      <c r="K3069">
        <f t="shared" si="351"/>
        <v>0.22663322032090893</v>
      </c>
      <c r="L3069">
        <f t="shared" si="352"/>
        <v>0.11331661016045447</v>
      </c>
      <c r="M3069">
        <f t="shared" si="353"/>
        <v>0</v>
      </c>
      <c r="N3069" s="45">
        <f t="shared" si="354"/>
        <v>45053.458333325972</v>
      </c>
    </row>
    <row r="3070" spans="2:14" x14ac:dyDescent="0.25">
      <c r="B3070">
        <f t="shared" si="348"/>
        <v>7</v>
      </c>
      <c r="C3070" s="16">
        <v>3036</v>
      </c>
      <c r="D3070" cm="1">
        <f t="array" ref="D3070">IFERROR(INDEX(Jesper!AH$2:AH$366,ROUNDDOWN($C3070/24,0)+1,1)*INDEX($D$3:$AA$30,INDEX(Jesper!$R$2:$R$366,ROW(INDEX(Jesper!AH$2:AH$366,ROUNDDOWN($C3070/24,0)+1,1))-1)+IF('Standard Profiles'!$G$18=$B$10,7,0)+IF('Standard Profiles'!$G$18=$B$17,14,0)+IF('Standard Profiles'!$G$18=$B$24,21,0),MOD($C3070,24)+1)/SUM(INDEX($D$3:$AA$30,INDEX(Jesper!$R$2:$R$366,ROW(INDEX(Jesper!AH$2:AH$366,ROUNDDOWN($C3070/24,0)+1,1))-1)+IF('Standard Profiles'!$G$18=$B$10,7,0)+IF('Standard Profiles'!$G$18=$B$17,14,0)+IF('Standard Profiles'!$G$18=$B$24,21,0),0)),0)</f>
        <v>0</v>
      </c>
      <c r="E3070" cm="1">
        <f t="array" ref="E3070">IFERROR(INDEX(Jesper!AI$2:AI$366,ROUNDDOWN($C3070/24,0)+1,1)*INDEX($D$3:$AA$30,INDEX(Jesper!$R$2:$R$366,ROW(INDEX(Jesper!AI$2:AI$366,ROUNDDOWN($C3070/24,0)+1,1))-1)+IF('Standard Profiles'!$G$19=$B$10,7,0)+IF('Standard Profiles'!$G$19=$B$17,14,0)+IF('Standard Profiles'!$G$19=$B$24,21,0),MOD($C3070,24)+1)/SUM(INDEX($D$3:$AA$30,INDEX(Jesper!$R$2:$R$366,ROW(INDEX(Jesper!AI$2:AI$366,ROUNDDOWN($C3070/24,0)+1,1))-1)+IF('Standard Profiles'!$G$19=$B$10,7,0)+IF('Standard Profiles'!$G$19=$B$17,14,0)+IF('Standard Profiles'!$G$19=$B$24,21,0),0)),0)</f>
        <v>2.8329152540113616</v>
      </c>
      <c r="F3070" cm="1">
        <f t="array" ref="F3070">IFERROR(INDEX(Jesper!AJ$2:AJ$366,ROUNDDOWN($C3070/24,0)+1,1)*INDEX($D$3:$AA$30,INDEX(Jesper!$R$2:$R$366,ROW(INDEX(Jesper!AJ$2:AJ$366,ROUNDDOWN($C3070/24,0)+1,1))-1)+IF('Standard Profiles'!$G$20=$B$10,7,0)+IF('Standard Profiles'!$G$20=$B$17,14,0)+IF('Standard Profiles'!$G$20=$B$24,21,0),MOD($C3070,24)+1)/SUM(INDEX($D$3:$AA$30,INDEX(Jesper!$R$2:$R$366,ROW(INDEX(Jesper!AJ$2:AJ$366,ROUNDDOWN($C3070/24,0)+1,1))-1)+IF('Standard Profiles'!$G$20=$B$10,7,0)+IF('Standard Profiles'!$G$20=$B$17,14,0)+IF('Standard Profiles'!$G$20=$B$24,21,0),0)),0)</f>
        <v>1.4985849474762796</v>
      </c>
      <c r="G3070" cm="1">
        <f t="array" ref="G3070">IFERROR(INDEX(Jesper!AK$2:AK$366,ROUNDDOWN($C3070/24,0)+1,1)*INDEX($D$3:$AA$30,INDEX(Jesper!$R$2:$R$366,ROW(INDEX(Jesper!AK$2:AK$366,ROUNDDOWN($C3070/24,0)+1,1))-1)+IF('Standard Profiles'!$G$21=$B$10,7,0)+IF('Standard Profiles'!$G$21=$B$17,14,0)+IF('Standard Profiles'!$G$21=$B$24,21,0),MOD($C3070,24)+1)/SUM(INDEX($D$3:$AA$30,INDEX(Jesper!$R$2:$R$366,ROW(INDEX(Jesper!AK$2:AK$366,ROUNDDOWN($C3070/24,0)+1,1))-1)+IF('Standard Profiles'!$G$21=$B$10,7,0)+IF('Standard Profiles'!$G$21=$B$17,14,0)+IF('Standard Profiles'!$G$21=$B$24,21,0),0)),0)</f>
        <v>1.0163805201753149</v>
      </c>
      <c r="H3070" cm="1">
        <f t="array" ref="H3070">IFERROR(INDEX(Jesper!AL$2:AL$366,ROUNDDOWN($C3070/24,0)+1,1)*INDEX($D$3:$AA$30,INDEX(Jesper!$R$2:$R$366,ROW(INDEX(Jesper!AL$2:AL$366,ROUNDDOWN($C3070/24,0)+1,1))-1)+IF('Standard Profiles'!$G$22=$B$10,7,0)+IF('Standard Profiles'!$G$22=$B$17,14,0)+IF('Standard Profiles'!$G$22=$B$24,21,0),MOD($C3070,24)+1)/SUM(INDEX($D$3:$AA$30,INDEX(Jesper!$R$2:$R$366,ROW(INDEX(Jesper!AL$2:AL$366,ROUNDDOWN($C3070/24,0)+1,1))-1)+IF('Standard Profiles'!$G$22=$B$10,7,0)+IF('Standard Profiles'!$G$22=$B$17,14,0)+IF('Standard Profiles'!$G$22=$B$24,21,0),0)),0)</f>
        <v>0.80021130061769996</v>
      </c>
      <c r="I3070">
        <f t="shared" si="349"/>
        <v>0.76820284859299237</v>
      </c>
      <c r="J3070">
        <f t="shared" si="350"/>
        <v>5.0399393432063002</v>
      </c>
      <c r="K3070">
        <f t="shared" si="351"/>
        <v>0.22663322032090893</v>
      </c>
      <c r="L3070">
        <f t="shared" si="352"/>
        <v>0.11331661016045447</v>
      </c>
      <c r="M3070">
        <f t="shared" si="353"/>
        <v>0</v>
      </c>
      <c r="N3070" s="45">
        <f t="shared" si="354"/>
        <v>45053.499999992637</v>
      </c>
    </row>
    <row r="3071" spans="2:14" x14ac:dyDescent="0.25">
      <c r="B3071">
        <f t="shared" si="348"/>
        <v>7</v>
      </c>
      <c r="C3071" s="16">
        <v>3037</v>
      </c>
      <c r="D3071" cm="1">
        <f t="array" ref="D3071">IFERROR(INDEX(Jesper!AH$2:AH$366,ROUNDDOWN($C3071/24,0)+1,1)*INDEX($D$3:$AA$30,INDEX(Jesper!$R$2:$R$366,ROW(INDEX(Jesper!AH$2:AH$366,ROUNDDOWN($C3071/24,0)+1,1))-1)+IF('Standard Profiles'!$G$18=$B$10,7,0)+IF('Standard Profiles'!$G$18=$B$17,14,0)+IF('Standard Profiles'!$G$18=$B$24,21,0),MOD($C3071,24)+1)/SUM(INDEX($D$3:$AA$30,INDEX(Jesper!$R$2:$R$366,ROW(INDEX(Jesper!AH$2:AH$366,ROUNDDOWN($C3071/24,0)+1,1))-1)+IF('Standard Profiles'!$G$18=$B$10,7,0)+IF('Standard Profiles'!$G$18=$B$17,14,0)+IF('Standard Profiles'!$G$18=$B$24,21,0),0)),0)</f>
        <v>0</v>
      </c>
      <c r="E3071" cm="1">
        <f t="array" ref="E3071">IFERROR(INDEX(Jesper!AI$2:AI$366,ROUNDDOWN($C3071/24,0)+1,1)*INDEX($D$3:$AA$30,INDEX(Jesper!$R$2:$R$366,ROW(INDEX(Jesper!AI$2:AI$366,ROUNDDOWN($C3071/24,0)+1,1))-1)+IF('Standard Profiles'!$G$19=$B$10,7,0)+IF('Standard Profiles'!$G$19=$B$17,14,0)+IF('Standard Profiles'!$G$19=$B$24,21,0),MOD($C3071,24)+1)/SUM(INDEX($D$3:$AA$30,INDEX(Jesper!$R$2:$R$366,ROW(INDEX(Jesper!AI$2:AI$366,ROUNDDOWN($C3071/24,0)+1,1))-1)+IF('Standard Profiles'!$G$19=$B$10,7,0)+IF('Standard Profiles'!$G$19=$B$17,14,0)+IF('Standard Profiles'!$G$19=$B$24,21,0),0)),0)</f>
        <v>2.8329152540113616</v>
      </c>
      <c r="F3071" cm="1">
        <f t="array" ref="F3071">IFERROR(INDEX(Jesper!AJ$2:AJ$366,ROUNDDOWN($C3071/24,0)+1,1)*INDEX($D$3:$AA$30,INDEX(Jesper!$R$2:$R$366,ROW(INDEX(Jesper!AJ$2:AJ$366,ROUNDDOWN($C3071/24,0)+1,1))-1)+IF('Standard Profiles'!$G$20=$B$10,7,0)+IF('Standard Profiles'!$G$20=$B$17,14,0)+IF('Standard Profiles'!$G$20=$B$24,21,0),MOD($C3071,24)+1)/SUM(INDEX($D$3:$AA$30,INDEX(Jesper!$R$2:$R$366,ROW(INDEX(Jesper!AJ$2:AJ$366,ROUNDDOWN($C3071/24,0)+1,1))-1)+IF('Standard Profiles'!$G$20=$B$10,7,0)+IF('Standard Profiles'!$G$20=$B$17,14,0)+IF('Standard Profiles'!$G$20=$B$24,21,0),0)),0)</f>
        <v>1.4985849474762796</v>
      </c>
      <c r="G3071" cm="1">
        <f t="array" ref="G3071">IFERROR(INDEX(Jesper!AK$2:AK$366,ROUNDDOWN($C3071/24,0)+1,1)*INDEX($D$3:$AA$30,INDEX(Jesper!$R$2:$R$366,ROW(INDEX(Jesper!AK$2:AK$366,ROUNDDOWN($C3071/24,0)+1,1))-1)+IF('Standard Profiles'!$G$21=$B$10,7,0)+IF('Standard Profiles'!$G$21=$B$17,14,0)+IF('Standard Profiles'!$G$21=$B$24,21,0),MOD($C3071,24)+1)/SUM(INDEX($D$3:$AA$30,INDEX(Jesper!$R$2:$R$366,ROW(INDEX(Jesper!AK$2:AK$366,ROUNDDOWN($C3071/24,0)+1,1))-1)+IF('Standard Profiles'!$G$21=$B$10,7,0)+IF('Standard Profiles'!$G$21=$B$17,14,0)+IF('Standard Profiles'!$G$21=$B$24,21,0),0)),0)</f>
        <v>1.0163805201753149</v>
      </c>
      <c r="H3071" cm="1">
        <f t="array" ref="H3071">IFERROR(INDEX(Jesper!AL$2:AL$366,ROUNDDOWN($C3071/24,0)+1,1)*INDEX($D$3:$AA$30,INDEX(Jesper!$R$2:$R$366,ROW(INDEX(Jesper!AL$2:AL$366,ROUNDDOWN($C3071/24,0)+1,1))-1)+IF('Standard Profiles'!$G$22=$B$10,7,0)+IF('Standard Profiles'!$G$22=$B$17,14,0)+IF('Standard Profiles'!$G$22=$B$24,21,0),MOD($C3071,24)+1)/SUM(INDEX($D$3:$AA$30,INDEX(Jesper!$R$2:$R$366,ROW(INDEX(Jesper!AL$2:AL$366,ROUNDDOWN($C3071/24,0)+1,1))-1)+IF('Standard Profiles'!$G$22=$B$10,7,0)+IF('Standard Profiles'!$G$22=$B$17,14,0)+IF('Standard Profiles'!$G$22=$B$24,21,0),0)),0)</f>
        <v>0.80021130061769996</v>
      </c>
      <c r="I3071">
        <f t="shared" si="349"/>
        <v>0.76820284859299237</v>
      </c>
      <c r="J3071">
        <f t="shared" si="350"/>
        <v>5.0399393432063002</v>
      </c>
      <c r="K3071">
        <f t="shared" si="351"/>
        <v>0.22663322032090893</v>
      </c>
      <c r="L3071">
        <f t="shared" si="352"/>
        <v>0.11331661016045447</v>
      </c>
      <c r="M3071">
        <f t="shared" si="353"/>
        <v>0</v>
      </c>
      <c r="N3071" s="45">
        <f t="shared" si="354"/>
        <v>45053.541666659301</v>
      </c>
    </row>
    <row r="3072" spans="2:14" x14ac:dyDescent="0.25">
      <c r="B3072">
        <f t="shared" si="348"/>
        <v>7</v>
      </c>
      <c r="C3072" s="16">
        <v>3038</v>
      </c>
      <c r="D3072" cm="1">
        <f t="array" ref="D3072">IFERROR(INDEX(Jesper!AH$2:AH$366,ROUNDDOWN($C3072/24,0)+1,1)*INDEX($D$3:$AA$30,INDEX(Jesper!$R$2:$R$366,ROW(INDEX(Jesper!AH$2:AH$366,ROUNDDOWN($C3072/24,0)+1,1))-1)+IF('Standard Profiles'!$G$18=$B$10,7,0)+IF('Standard Profiles'!$G$18=$B$17,14,0)+IF('Standard Profiles'!$G$18=$B$24,21,0),MOD($C3072,24)+1)/SUM(INDEX($D$3:$AA$30,INDEX(Jesper!$R$2:$R$366,ROW(INDEX(Jesper!AH$2:AH$366,ROUNDDOWN($C3072/24,0)+1,1))-1)+IF('Standard Profiles'!$G$18=$B$10,7,0)+IF('Standard Profiles'!$G$18=$B$17,14,0)+IF('Standard Profiles'!$G$18=$B$24,21,0),0)),0)</f>
        <v>0</v>
      </c>
      <c r="E3072" cm="1">
        <f t="array" ref="E3072">IFERROR(INDEX(Jesper!AI$2:AI$366,ROUNDDOWN($C3072/24,0)+1,1)*INDEX($D$3:$AA$30,INDEX(Jesper!$R$2:$R$366,ROW(INDEX(Jesper!AI$2:AI$366,ROUNDDOWN($C3072/24,0)+1,1))-1)+IF('Standard Profiles'!$G$19=$B$10,7,0)+IF('Standard Profiles'!$G$19=$B$17,14,0)+IF('Standard Profiles'!$G$19=$B$24,21,0),MOD($C3072,24)+1)/SUM(INDEX($D$3:$AA$30,INDEX(Jesper!$R$2:$R$366,ROW(INDEX(Jesper!AI$2:AI$366,ROUNDDOWN($C3072/24,0)+1,1))-1)+IF('Standard Profiles'!$G$19=$B$10,7,0)+IF('Standard Profiles'!$G$19=$B$17,14,0)+IF('Standard Profiles'!$G$19=$B$24,21,0),0)),0)</f>
        <v>2.8329152540113616</v>
      </c>
      <c r="F3072" cm="1">
        <f t="array" ref="F3072">IFERROR(INDEX(Jesper!AJ$2:AJ$366,ROUNDDOWN($C3072/24,0)+1,1)*INDEX($D$3:$AA$30,INDEX(Jesper!$R$2:$R$366,ROW(INDEX(Jesper!AJ$2:AJ$366,ROUNDDOWN($C3072/24,0)+1,1))-1)+IF('Standard Profiles'!$G$20=$B$10,7,0)+IF('Standard Profiles'!$G$20=$B$17,14,0)+IF('Standard Profiles'!$G$20=$B$24,21,0),MOD($C3072,24)+1)/SUM(INDEX($D$3:$AA$30,INDEX(Jesper!$R$2:$R$366,ROW(INDEX(Jesper!AJ$2:AJ$366,ROUNDDOWN($C3072/24,0)+1,1))-1)+IF('Standard Profiles'!$G$20=$B$10,7,0)+IF('Standard Profiles'!$G$20=$B$17,14,0)+IF('Standard Profiles'!$G$20=$B$24,21,0),0)),0)</f>
        <v>1.4985849474762796</v>
      </c>
      <c r="G3072" cm="1">
        <f t="array" ref="G3072">IFERROR(INDEX(Jesper!AK$2:AK$366,ROUNDDOWN($C3072/24,0)+1,1)*INDEX($D$3:$AA$30,INDEX(Jesper!$R$2:$R$366,ROW(INDEX(Jesper!AK$2:AK$366,ROUNDDOWN($C3072/24,0)+1,1))-1)+IF('Standard Profiles'!$G$21=$B$10,7,0)+IF('Standard Profiles'!$G$21=$B$17,14,0)+IF('Standard Profiles'!$G$21=$B$24,21,0),MOD($C3072,24)+1)/SUM(INDEX($D$3:$AA$30,INDEX(Jesper!$R$2:$R$366,ROW(INDEX(Jesper!AK$2:AK$366,ROUNDDOWN($C3072/24,0)+1,1))-1)+IF('Standard Profiles'!$G$21=$B$10,7,0)+IF('Standard Profiles'!$G$21=$B$17,14,0)+IF('Standard Profiles'!$G$21=$B$24,21,0),0)),0)</f>
        <v>1.0163805201753149</v>
      </c>
      <c r="H3072" cm="1">
        <f t="array" ref="H3072">IFERROR(INDEX(Jesper!AL$2:AL$366,ROUNDDOWN($C3072/24,0)+1,1)*INDEX($D$3:$AA$30,INDEX(Jesper!$R$2:$R$366,ROW(INDEX(Jesper!AL$2:AL$366,ROUNDDOWN($C3072/24,0)+1,1))-1)+IF('Standard Profiles'!$G$22=$B$10,7,0)+IF('Standard Profiles'!$G$22=$B$17,14,0)+IF('Standard Profiles'!$G$22=$B$24,21,0),MOD($C3072,24)+1)/SUM(INDEX($D$3:$AA$30,INDEX(Jesper!$R$2:$R$366,ROW(INDEX(Jesper!AL$2:AL$366,ROUNDDOWN($C3072/24,0)+1,1))-1)+IF('Standard Profiles'!$G$22=$B$10,7,0)+IF('Standard Profiles'!$G$22=$B$17,14,0)+IF('Standard Profiles'!$G$22=$B$24,21,0),0)),0)</f>
        <v>0.80021130061769996</v>
      </c>
      <c r="I3072">
        <f t="shared" si="349"/>
        <v>0.76820284859299237</v>
      </c>
      <c r="J3072">
        <f t="shared" si="350"/>
        <v>5.0399393432063002</v>
      </c>
      <c r="K3072">
        <f t="shared" si="351"/>
        <v>0.22663322032090893</v>
      </c>
      <c r="L3072">
        <f t="shared" si="352"/>
        <v>0.11331661016045447</v>
      </c>
      <c r="M3072">
        <f t="shared" si="353"/>
        <v>0</v>
      </c>
      <c r="N3072" s="45">
        <f t="shared" si="354"/>
        <v>45053.583333325965</v>
      </c>
    </row>
    <row r="3073" spans="2:14" x14ac:dyDescent="0.25">
      <c r="B3073">
        <f t="shared" si="348"/>
        <v>7</v>
      </c>
      <c r="C3073" s="16">
        <v>3039</v>
      </c>
      <c r="D3073" cm="1">
        <f t="array" ref="D3073">IFERROR(INDEX(Jesper!AH$2:AH$366,ROUNDDOWN($C3073/24,0)+1,1)*INDEX($D$3:$AA$30,INDEX(Jesper!$R$2:$R$366,ROW(INDEX(Jesper!AH$2:AH$366,ROUNDDOWN($C3073/24,0)+1,1))-1)+IF('Standard Profiles'!$G$18=$B$10,7,0)+IF('Standard Profiles'!$G$18=$B$17,14,0)+IF('Standard Profiles'!$G$18=$B$24,21,0),MOD($C3073,24)+1)/SUM(INDEX($D$3:$AA$30,INDEX(Jesper!$R$2:$R$366,ROW(INDEX(Jesper!AH$2:AH$366,ROUNDDOWN($C3073/24,0)+1,1))-1)+IF('Standard Profiles'!$G$18=$B$10,7,0)+IF('Standard Profiles'!$G$18=$B$17,14,0)+IF('Standard Profiles'!$G$18=$B$24,21,0),0)),0)</f>
        <v>0</v>
      </c>
      <c r="E3073" cm="1">
        <f t="array" ref="E3073">IFERROR(INDEX(Jesper!AI$2:AI$366,ROUNDDOWN($C3073/24,0)+1,1)*INDEX($D$3:$AA$30,INDEX(Jesper!$R$2:$R$366,ROW(INDEX(Jesper!AI$2:AI$366,ROUNDDOWN($C3073/24,0)+1,1))-1)+IF('Standard Profiles'!$G$19=$B$10,7,0)+IF('Standard Profiles'!$G$19=$B$17,14,0)+IF('Standard Profiles'!$G$19=$B$24,21,0),MOD($C3073,24)+1)/SUM(INDEX($D$3:$AA$30,INDEX(Jesper!$R$2:$R$366,ROW(INDEX(Jesper!AI$2:AI$366,ROUNDDOWN($C3073/24,0)+1,1))-1)+IF('Standard Profiles'!$G$19=$B$10,7,0)+IF('Standard Profiles'!$G$19=$B$17,14,0)+IF('Standard Profiles'!$G$19=$B$24,21,0),0)),0)</f>
        <v>2.8329152540113616</v>
      </c>
      <c r="F3073" cm="1">
        <f t="array" ref="F3073">IFERROR(INDEX(Jesper!AJ$2:AJ$366,ROUNDDOWN($C3073/24,0)+1,1)*INDEX($D$3:$AA$30,INDEX(Jesper!$R$2:$R$366,ROW(INDEX(Jesper!AJ$2:AJ$366,ROUNDDOWN($C3073/24,0)+1,1))-1)+IF('Standard Profiles'!$G$20=$B$10,7,0)+IF('Standard Profiles'!$G$20=$B$17,14,0)+IF('Standard Profiles'!$G$20=$B$24,21,0),MOD($C3073,24)+1)/SUM(INDEX($D$3:$AA$30,INDEX(Jesper!$R$2:$R$366,ROW(INDEX(Jesper!AJ$2:AJ$366,ROUNDDOWN($C3073/24,0)+1,1))-1)+IF('Standard Profiles'!$G$20=$B$10,7,0)+IF('Standard Profiles'!$G$20=$B$17,14,0)+IF('Standard Profiles'!$G$20=$B$24,21,0),0)),0)</f>
        <v>1.4985849474762796</v>
      </c>
      <c r="G3073" cm="1">
        <f t="array" ref="G3073">IFERROR(INDEX(Jesper!AK$2:AK$366,ROUNDDOWN($C3073/24,0)+1,1)*INDEX($D$3:$AA$30,INDEX(Jesper!$R$2:$R$366,ROW(INDEX(Jesper!AK$2:AK$366,ROUNDDOWN($C3073/24,0)+1,1))-1)+IF('Standard Profiles'!$G$21=$B$10,7,0)+IF('Standard Profiles'!$G$21=$B$17,14,0)+IF('Standard Profiles'!$G$21=$B$24,21,0),MOD($C3073,24)+1)/SUM(INDEX($D$3:$AA$30,INDEX(Jesper!$R$2:$R$366,ROW(INDEX(Jesper!AK$2:AK$366,ROUNDDOWN($C3073/24,0)+1,1))-1)+IF('Standard Profiles'!$G$21=$B$10,7,0)+IF('Standard Profiles'!$G$21=$B$17,14,0)+IF('Standard Profiles'!$G$21=$B$24,21,0),0)),0)</f>
        <v>1.0163805201753149</v>
      </c>
      <c r="H3073" cm="1">
        <f t="array" ref="H3073">IFERROR(INDEX(Jesper!AL$2:AL$366,ROUNDDOWN($C3073/24,0)+1,1)*INDEX($D$3:$AA$30,INDEX(Jesper!$R$2:$R$366,ROW(INDEX(Jesper!AL$2:AL$366,ROUNDDOWN($C3073/24,0)+1,1))-1)+IF('Standard Profiles'!$G$22=$B$10,7,0)+IF('Standard Profiles'!$G$22=$B$17,14,0)+IF('Standard Profiles'!$G$22=$B$24,21,0),MOD($C3073,24)+1)/SUM(INDEX($D$3:$AA$30,INDEX(Jesper!$R$2:$R$366,ROW(INDEX(Jesper!AL$2:AL$366,ROUNDDOWN($C3073/24,0)+1,1))-1)+IF('Standard Profiles'!$G$22=$B$10,7,0)+IF('Standard Profiles'!$G$22=$B$17,14,0)+IF('Standard Profiles'!$G$22=$B$24,21,0),0)),0)</f>
        <v>0.71129893388239984</v>
      </c>
      <c r="I3073">
        <f t="shared" si="349"/>
        <v>0.68284697652710424</v>
      </c>
      <c r="J3073">
        <f t="shared" si="350"/>
        <v>5.0363828485368884</v>
      </c>
      <c r="K3073">
        <f t="shared" si="351"/>
        <v>0.22663322032090893</v>
      </c>
      <c r="L3073">
        <f t="shared" si="352"/>
        <v>0.11331661016045447</v>
      </c>
      <c r="M3073">
        <f t="shared" si="353"/>
        <v>0</v>
      </c>
      <c r="N3073" s="45">
        <f t="shared" si="354"/>
        <v>45053.624999992629</v>
      </c>
    </row>
    <row r="3074" spans="2:14" x14ac:dyDescent="0.25">
      <c r="B3074">
        <f t="shared" si="348"/>
        <v>7</v>
      </c>
      <c r="C3074" s="16">
        <v>3040</v>
      </c>
      <c r="D3074" cm="1">
        <f t="array" ref="D3074">IFERROR(INDEX(Jesper!AH$2:AH$366,ROUNDDOWN($C3074/24,0)+1,1)*INDEX($D$3:$AA$30,INDEX(Jesper!$R$2:$R$366,ROW(INDEX(Jesper!AH$2:AH$366,ROUNDDOWN($C3074/24,0)+1,1))-1)+IF('Standard Profiles'!$G$18=$B$10,7,0)+IF('Standard Profiles'!$G$18=$B$17,14,0)+IF('Standard Profiles'!$G$18=$B$24,21,0),MOD($C3074,24)+1)/SUM(INDEX($D$3:$AA$30,INDEX(Jesper!$R$2:$R$366,ROW(INDEX(Jesper!AH$2:AH$366,ROUNDDOWN($C3074/24,0)+1,1))-1)+IF('Standard Profiles'!$G$18=$B$10,7,0)+IF('Standard Profiles'!$G$18=$B$17,14,0)+IF('Standard Profiles'!$G$18=$B$24,21,0),0)),0)</f>
        <v>0</v>
      </c>
      <c r="E3074" cm="1">
        <f t="array" ref="E3074">IFERROR(INDEX(Jesper!AI$2:AI$366,ROUNDDOWN($C3074/24,0)+1,1)*INDEX($D$3:$AA$30,INDEX(Jesper!$R$2:$R$366,ROW(INDEX(Jesper!AI$2:AI$366,ROUNDDOWN($C3074/24,0)+1,1))-1)+IF('Standard Profiles'!$G$19=$B$10,7,0)+IF('Standard Profiles'!$G$19=$B$17,14,0)+IF('Standard Profiles'!$G$19=$B$24,21,0),MOD($C3074,24)+1)/SUM(INDEX($D$3:$AA$30,INDEX(Jesper!$R$2:$R$366,ROW(INDEX(Jesper!AI$2:AI$366,ROUNDDOWN($C3074/24,0)+1,1))-1)+IF('Standard Profiles'!$G$19=$B$10,7,0)+IF('Standard Profiles'!$G$19=$B$17,14,0)+IF('Standard Profiles'!$G$19=$B$24,21,0),0)),0)</f>
        <v>2.8329152540113616</v>
      </c>
      <c r="F3074" cm="1">
        <f t="array" ref="F3074">IFERROR(INDEX(Jesper!AJ$2:AJ$366,ROUNDDOWN($C3074/24,0)+1,1)*INDEX($D$3:$AA$30,INDEX(Jesper!$R$2:$R$366,ROW(INDEX(Jesper!AJ$2:AJ$366,ROUNDDOWN($C3074/24,0)+1,1))-1)+IF('Standard Profiles'!$G$20=$B$10,7,0)+IF('Standard Profiles'!$G$20=$B$17,14,0)+IF('Standard Profiles'!$G$20=$B$24,21,0),MOD($C3074,24)+1)/SUM(INDEX($D$3:$AA$30,INDEX(Jesper!$R$2:$R$366,ROW(INDEX(Jesper!AJ$2:AJ$366,ROUNDDOWN($C3074/24,0)+1,1))-1)+IF('Standard Profiles'!$G$20=$B$10,7,0)+IF('Standard Profiles'!$G$20=$B$17,14,0)+IF('Standard Profiles'!$G$20=$B$24,21,0),0)),0)</f>
        <v>1.4985849474762796</v>
      </c>
      <c r="G3074" cm="1">
        <f t="array" ref="G3074">IFERROR(INDEX(Jesper!AK$2:AK$366,ROUNDDOWN($C3074/24,0)+1,1)*INDEX($D$3:$AA$30,INDEX(Jesper!$R$2:$R$366,ROW(INDEX(Jesper!AK$2:AK$366,ROUNDDOWN($C3074/24,0)+1,1))-1)+IF('Standard Profiles'!$G$21=$B$10,7,0)+IF('Standard Profiles'!$G$21=$B$17,14,0)+IF('Standard Profiles'!$G$21=$B$24,21,0),MOD($C3074,24)+1)/SUM(INDEX($D$3:$AA$30,INDEX(Jesper!$R$2:$R$366,ROW(INDEX(Jesper!AK$2:AK$366,ROUNDDOWN($C3074/24,0)+1,1))-1)+IF('Standard Profiles'!$G$21=$B$10,7,0)+IF('Standard Profiles'!$G$21=$B$17,14,0)+IF('Standard Profiles'!$G$21=$B$24,21,0),0)),0)</f>
        <v>1.0163805201753149</v>
      </c>
      <c r="H3074" cm="1">
        <f t="array" ref="H3074">IFERROR(INDEX(Jesper!AL$2:AL$366,ROUNDDOWN($C3074/24,0)+1,1)*INDEX($D$3:$AA$30,INDEX(Jesper!$R$2:$R$366,ROW(INDEX(Jesper!AL$2:AL$366,ROUNDDOWN($C3074/24,0)+1,1))-1)+IF('Standard Profiles'!$G$22=$B$10,7,0)+IF('Standard Profiles'!$G$22=$B$17,14,0)+IF('Standard Profiles'!$G$22=$B$24,21,0),MOD($C3074,24)+1)/SUM(INDEX($D$3:$AA$30,INDEX(Jesper!$R$2:$R$366,ROW(INDEX(Jesper!AL$2:AL$366,ROUNDDOWN($C3074/24,0)+1,1))-1)+IF('Standard Profiles'!$G$22=$B$10,7,0)+IF('Standard Profiles'!$G$22=$B$17,14,0)+IF('Standard Profiles'!$G$22=$B$24,21,0),0)),0)</f>
        <v>0.69859716720592846</v>
      </c>
      <c r="I3074">
        <f t="shared" si="349"/>
        <v>0.67065328051769169</v>
      </c>
      <c r="J3074">
        <f t="shared" si="350"/>
        <v>5.0358747778698296</v>
      </c>
      <c r="K3074">
        <f t="shared" si="351"/>
        <v>0.22663322032090893</v>
      </c>
      <c r="L3074">
        <f t="shared" si="352"/>
        <v>0.11331661016045447</v>
      </c>
      <c r="M3074">
        <f t="shared" si="353"/>
        <v>0</v>
      </c>
      <c r="N3074" s="45">
        <f t="shared" si="354"/>
        <v>45053.666666659294</v>
      </c>
    </row>
    <row r="3075" spans="2:14" x14ac:dyDescent="0.25">
      <c r="B3075">
        <f t="shared" si="348"/>
        <v>7</v>
      </c>
      <c r="C3075" s="16">
        <v>3041</v>
      </c>
      <c r="D3075" cm="1">
        <f t="array" ref="D3075">IFERROR(INDEX(Jesper!AH$2:AH$366,ROUNDDOWN($C3075/24,0)+1,1)*INDEX($D$3:$AA$30,INDEX(Jesper!$R$2:$R$366,ROW(INDEX(Jesper!AH$2:AH$366,ROUNDDOWN($C3075/24,0)+1,1))-1)+IF('Standard Profiles'!$G$18=$B$10,7,0)+IF('Standard Profiles'!$G$18=$B$17,14,0)+IF('Standard Profiles'!$G$18=$B$24,21,0),MOD($C3075,24)+1)/SUM(INDEX($D$3:$AA$30,INDEX(Jesper!$R$2:$R$366,ROW(INDEX(Jesper!AH$2:AH$366,ROUNDDOWN($C3075/24,0)+1,1))-1)+IF('Standard Profiles'!$G$18=$B$10,7,0)+IF('Standard Profiles'!$G$18=$B$17,14,0)+IF('Standard Profiles'!$G$18=$B$24,21,0),0)),0)</f>
        <v>0</v>
      </c>
      <c r="E3075" cm="1">
        <f t="array" ref="E3075">IFERROR(INDEX(Jesper!AI$2:AI$366,ROUNDDOWN($C3075/24,0)+1,1)*INDEX($D$3:$AA$30,INDEX(Jesper!$R$2:$R$366,ROW(INDEX(Jesper!AI$2:AI$366,ROUNDDOWN($C3075/24,0)+1,1))-1)+IF('Standard Profiles'!$G$19=$B$10,7,0)+IF('Standard Profiles'!$G$19=$B$17,14,0)+IF('Standard Profiles'!$G$19=$B$24,21,0),MOD($C3075,24)+1)/SUM(INDEX($D$3:$AA$30,INDEX(Jesper!$R$2:$R$366,ROW(INDEX(Jesper!AI$2:AI$366,ROUNDDOWN($C3075/24,0)+1,1))-1)+IF('Standard Profiles'!$G$19=$B$10,7,0)+IF('Standard Profiles'!$G$19=$B$17,14,0)+IF('Standard Profiles'!$G$19=$B$24,21,0),0)),0)</f>
        <v>2.8329152540113616</v>
      </c>
      <c r="F3075" cm="1">
        <f t="array" ref="F3075">IFERROR(INDEX(Jesper!AJ$2:AJ$366,ROUNDDOWN($C3075/24,0)+1,1)*INDEX($D$3:$AA$30,INDEX(Jesper!$R$2:$R$366,ROW(INDEX(Jesper!AJ$2:AJ$366,ROUNDDOWN($C3075/24,0)+1,1))-1)+IF('Standard Profiles'!$G$20=$B$10,7,0)+IF('Standard Profiles'!$G$20=$B$17,14,0)+IF('Standard Profiles'!$G$20=$B$24,21,0),MOD($C3075,24)+1)/SUM(INDEX($D$3:$AA$30,INDEX(Jesper!$R$2:$R$366,ROW(INDEX(Jesper!AJ$2:AJ$366,ROUNDDOWN($C3075/24,0)+1,1))-1)+IF('Standard Profiles'!$G$20=$B$10,7,0)+IF('Standard Profiles'!$G$20=$B$17,14,0)+IF('Standard Profiles'!$G$20=$B$24,21,0),0)),0)</f>
        <v>1.4985849474762796</v>
      </c>
      <c r="G3075" cm="1">
        <f t="array" ref="G3075">IFERROR(INDEX(Jesper!AK$2:AK$366,ROUNDDOWN($C3075/24,0)+1,1)*INDEX($D$3:$AA$30,INDEX(Jesper!$R$2:$R$366,ROW(INDEX(Jesper!AK$2:AK$366,ROUNDDOWN($C3075/24,0)+1,1))-1)+IF('Standard Profiles'!$G$21=$B$10,7,0)+IF('Standard Profiles'!$G$21=$B$17,14,0)+IF('Standard Profiles'!$G$21=$B$24,21,0),MOD($C3075,24)+1)/SUM(INDEX($D$3:$AA$30,INDEX(Jesper!$R$2:$R$366,ROW(INDEX(Jesper!AK$2:AK$366,ROUNDDOWN($C3075/24,0)+1,1))-1)+IF('Standard Profiles'!$G$21=$B$10,7,0)+IF('Standard Profiles'!$G$21=$B$17,14,0)+IF('Standard Profiles'!$G$21=$B$24,21,0),0)),0)</f>
        <v>1.0163805201753149</v>
      </c>
      <c r="H3075" cm="1">
        <f t="array" ref="H3075">IFERROR(INDEX(Jesper!AL$2:AL$366,ROUNDDOWN($C3075/24,0)+1,1)*INDEX($D$3:$AA$30,INDEX(Jesper!$R$2:$R$366,ROW(INDEX(Jesper!AL$2:AL$366,ROUNDDOWN($C3075/24,0)+1,1))-1)+IF('Standard Profiles'!$G$22=$B$10,7,0)+IF('Standard Profiles'!$G$22=$B$17,14,0)+IF('Standard Profiles'!$G$22=$B$24,21,0),MOD($C3075,24)+1)/SUM(INDEX($D$3:$AA$30,INDEX(Jesper!$R$2:$R$366,ROW(INDEX(Jesper!AL$2:AL$366,ROUNDDOWN($C3075/24,0)+1,1))-1)+IF('Standard Profiles'!$G$22=$B$10,7,0)+IF('Standard Profiles'!$G$22=$B$17,14,0)+IF('Standard Profiles'!$G$22=$B$24,21,0),0)),0)</f>
        <v>0.59698303379415707</v>
      </c>
      <c r="I3075">
        <f t="shared" si="349"/>
        <v>0.57310371244239111</v>
      </c>
      <c r="J3075">
        <f t="shared" si="350"/>
        <v>5.0318102125333581</v>
      </c>
      <c r="K3075">
        <f t="shared" si="351"/>
        <v>0.22663322032090893</v>
      </c>
      <c r="L3075">
        <f t="shared" si="352"/>
        <v>0.11331661016045447</v>
      </c>
      <c r="M3075">
        <f t="shared" si="353"/>
        <v>0</v>
      </c>
      <c r="N3075" s="45">
        <f t="shared" si="354"/>
        <v>45053.708333325958</v>
      </c>
    </row>
    <row r="3076" spans="2:14" x14ac:dyDescent="0.25">
      <c r="B3076">
        <f t="shared" si="348"/>
        <v>7</v>
      </c>
      <c r="C3076" s="16">
        <v>3042</v>
      </c>
      <c r="D3076" cm="1">
        <f t="array" ref="D3076">IFERROR(INDEX(Jesper!AH$2:AH$366,ROUNDDOWN($C3076/24,0)+1,1)*INDEX($D$3:$AA$30,INDEX(Jesper!$R$2:$R$366,ROW(INDEX(Jesper!AH$2:AH$366,ROUNDDOWN($C3076/24,0)+1,1))-1)+IF('Standard Profiles'!$G$18=$B$10,7,0)+IF('Standard Profiles'!$G$18=$B$17,14,0)+IF('Standard Profiles'!$G$18=$B$24,21,0),MOD($C3076,24)+1)/SUM(INDEX($D$3:$AA$30,INDEX(Jesper!$R$2:$R$366,ROW(INDEX(Jesper!AH$2:AH$366,ROUNDDOWN($C3076/24,0)+1,1))-1)+IF('Standard Profiles'!$G$18=$B$10,7,0)+IF('Standard Profiles'!$G$18=$B$17,14,0)+IF('Standard Profiles'!$G$18=$B$24,21,0),0)),0)</f>
        <v>0</v>
      </c>
      <c r="E3076" cm="1">
        <f t="array" ref="E3076">IFERROR(INDEX(Jesper!AI$2:AI$366,ROUNDDOWN($C3076/24,0)+1,1)*INDEX($D$3:$AA$30,INDEX(Jesper!$R$2:$R$366,ROW(INDEX(Jesper!AI$2:AI$366,ROUNDDOWN($C3076/24,0)+1,1))-1)+IF('Standard Profiles'!$G$19=$B$10,7,0)+IF('Standard Profiles'!$G$19=$B$17,14,0)+IF('Standard Profiles'!$G$19=$B$24,21,0),MOD($C3076,24)+1)/SUM(INDEX($D$3:$AA$30,INDEX(Jesper!$R$2:$R$366,ROW(INDEX(Jesper!AI$2:AI$366,ROUNDDOWN($C3076/24,0)+1,1))-1)+IF('Standard Profiles'!$G$19=$B$10,7,0)+IF('Standard Profiles'!$G$19=$B$17,14,0)+IF('Standard Profiles'!$G$19=$B$24,21,0),0)),0)</f>
        <v>2.8329152540113616</v>
      </c>
      <c r="F3076" cm="1">
        <f t="array" ref="F3076">IFERROR(INDEX(Jesper!AJ$2:AJ$366,ROUNDDOWN($C3076/24,0)+1,1)*INDEX($D$3:$AA$30,INDEX(Jesper!$R$2:$R$366,ROW(INDEX(Jesper!AJ$2:AJ$366,ROUNDDOWN($C3076/24,0)+1,1))-1)+IF('Standard Profiles'!$G$20=$B$10,7,0)+IF('Standard Profiles'!$G$20=$B$17,14,0)+IF('Standard Profiles'!$G$20=$B$24,21,0),MOD($C3076,24)+1)/SUM(INDEX($D$3:$AA$30,INDEX(Jesper!$R$2:$R$366,ROW(INDEX(Jesper!AJ$2:AJ$366,ROUNDDOWN($C3076/24,0)+1,1))-1)+IF('Standard Profiles'!$G$20=$B$10,7,0)+IF('Standard Profiles'!$G$20=$B$17,14,0)+IF('Standard Profiles'!$G$20=$B$24,21,0),0)),0)</f>
        <v>1.4985849474762796</v>
      </c>
      <c r="G3076" cm="1">
        <f t="array" ref="G3076">IFERROR(INDEX(Jesper!AK$2:AK$366,ROUNDDOWN($C3076/24,0)+1,1)*INDEX($D$3:$AA$30,INDEX(Jesper!$R$2:$R$366,ROW(INDEX(Jesper!AK$2:AK$366,ROUNDDOWN($C3076/24,0)+1,1))-1)+IF('Standard Profiles'!$G$21=$B$10,7,0)+IF('Standard Profiles'!$G$21=$B$17,14,0)+IF('Standard Profiles'!$G$21=$B$24,21,0),MOD($C3076,24)+1)/SUM(INDEX($D$3:$AA$30,INDEX(Jesper!$R$2:$R$366,ROW(INDEX(Jesper!AK$2:AK$366,ROUNDDOWN($C3076/24,0)+1,1))-1)+IF('Standard Profiles'!$G$21=$B$10,7,0)+IF('Standard Profiles'!$G$21=$B$17,14,0)+IF('Standard Profiles'!$G$21=$B$24,21,0),0)),0)</f>
        <v>1.0163805201753149</v>
      </c>
      <c r="H3076" cm="1">
        <f t="array" ref="H3076">IFERROR(INDEX(Jesper!AL$2:AL$366,ROUNDDOWN($C3076/24,0)+1,1)*INDEX($D$3:$AA$30,INDEX(Jesper!$R$2:$R$366,ROW(INDEX(Jesper!AL$2:AL$366,ROUNDDOWN($C3076/24,0)+1,1))-1)+IF('Standard Profiles'!$G$22=$B$10,7,0)+IF('Standard Profiles'!$G$22=$B$17,14,0)+IF('Standard Profiles'!$G$22=$B$24,21,0),MOD($C3076,24)+1)/SUM(INDEX($D$3:$AA$30,INDEX(Jesper!$R$2:$R$366,ROW(INDEX(Jesper!AL$2:AL$366,ROUNDDOWN($C3076/24,0)+1,1))-1)+IF('Standard Profiles'!$G$22=$B$10,7,0)+IF('Standard Profiles'!$G$22=$B$17,14,0)+IF('Standard Profiles'!$G$22=$B$24,21,0),0)),0)</f>
        <v>0.55887773376474281</v>
      </c>
      <c r="I3076">
        <f t="shared" si="349"/>
        <v>0.53652262441415344</v>
      </c>
      <c r="J3076">
        <f t="shared" si="350"/>
        <v>5.0302860005321817</v>
      </c>
      <c r="K3076">
        <f t="shared" si="351"/>
        <v>0.22663322032090893</v>
      </c>
      <c r="L3076">
        <f t="shared" si="352"/>
        <v>0.11331661016045447</v>
      </c>
      <c r="M3076">
        <f t="shared" si="353"/>
        <v>0</v>
      </c>
      <c r="N3076" s="45">
        <f t="shared" si="354"/>
        <v>45053.749999992622</v>
      </c>
    </row>
    <row r="3077" spans="2:14" x14ac:dyDescent="0.25">
      <c r="B3077">
        <f t="shared" si="348"/>
        <v>7</v>
      </c>
      <c r="C3077" s="16">
        <v>3043</v>
      </c>
      <c r="D3077" cm="1">
        <f t="array" ref="D3077">IFERROR(INDEX(Jesper!AH$2:AH$366,ROUNDDOWN($C3077/24,0)+1,1)*INDEX($D$3:$AA$30,INDEX(Jesper!$R$2:$R$366,ROW(INDEX(Jesper!AH$2:AH$366,ROUNDDOWN($C3077/24,0)+1,1))-1)+IF('Standard Profiles'!$G$18=$B$10,7,0)+IF('Standard Profiles'!$G$18=$B$17,14,0)+IF('Standard Profiles'!$G$18=$B$24,21,0),MOD($C3077,24)+1)/SUM(INDEX($D$3:$AA$30,INDEX(Jesper!$R$2:$R$366,ROW(INDEX(Jesper!AH$2:AH$366,ROUNDDOWN($C3077/24,0)+1,1))-1)+IF('Standard Profiles'!$G$18=$B$10,7,0)+IF('Standard Profiles'!$G$18=$B$17,14,0)+IF('Standard Profiles'!$G$18=$B$24,21,0),0)),0)</f>
        <v>0</v>
      </c>
      <c r="E3077" cm="1">
        <f t="array" ref="E3077">IFERROR(INDEX(Jesper!AI$2:AI$366,ROUNDDOWN($C3077/24,0)+1,1)*INDEX($D$3:$AA$30,INDEX(Jesper!$R$2:$R$366,ROW(INDEX(Jesper!AI$2:AI$366,ROUNDDOWN($C3077/24,0)+1,1))-1)+IF('Standard Profiles'!$G$19=$B$10,7,0)+IF('Standard Profiles'!$G$19=$B$17,14,0)+IF('Standard Profiles'!$G$19=$B$24,21,0),MOD($C3077,24)+1)/SUM(INDEX($D$3:$AA$30,INDEX(Jesper!$R$2:$R$366,ROW(INDEX(Jesper!AI$2:AI$366,ROUNDDOWN($C3077/24,0)+1,1))-1)+IF('Standard Profiles'!$G$19=$B$10,7,0)+IF('Standard Profiles'!$G$19=$B$17,14,0)+IF('Standard Profiles'!$G$19=$B$24,21,0),0)),0)</f>
        <v>2.8329152540113616</v>
      </c>
      <c r="F3077" cm="1">
        <f t="array" ref="F3077">IFERROR(INDEX(Jesper!AJ$2:AJ$366,ROUNDDOWN($C3077/24,0)+1,1)*INDEX($D$3:$AA$30,INDEX(Jesper!$R$2:$R$366,ROW(INDEX(Jesper!AJ$2:AJ$366,ROUNDDOWN($C3077/24,0)+1,1))-1)+IF('Standard Profiles'!$G$20=$B$10,7,0)+IF('Standard Profiles'!$G$20=$B$17,14,0)+IF('Standard Profiles'!$G$20=$B$24,21,0),MOD($C3077,24)+1)/SUM(INDEX($D$3:$AA$30,INDEX(Jesper!$R$2:$R$366,ROW(INDEX(Jesper!AJ$2:AJ$366,ROUNDDOWN($C3077/24,0)+1,1))-1)+IF('Standard Profiles'!$G$20=$B$10,7,0)+IF('Standard Profiles'!$G$20=$B$17,14,0)+IF('Standard Profiles'!$G$20=$B$24,21,0),0)),0)</f>
        <v>1.4985849474762796</v>
      </c>
      <c r="G3077" cm="1">
        <f t="array" ref="G3077">IFERROR(INDEX(Jesper!AK$2:AK$366,ROUNDDOWN($C3077/24,0)+1,1)*INDEX($D$3:$AA$30,INDEX(Jesper!$R$2:$R$366,ROW(INDEX(Jesper!AK$2:AK$366,ROUNDDOWN($C3077/24,0)+1,1))-1)+IF('Standard Profiles'!$G$21=$B$10,7,0)+IF('Standard Profiles'!$G$21=$B$17,14,0)+IF('Standard Profiles'!$G$21=$B$24,21,0),MOD($C3077,24)+1)/SUM(INDEX($D$3:$AA$30,INDEX(Jesper!$R$2:$R$366,ROW(INDEX(Jesper!AK$2:AK$366,ROUNDDOWN($C3077/24,0)+1,1))-1)+IF('Standard Profiles'!$G$21=$B$10,7,0)+IF('Standard Profiles'!$G$21=$B$17,14,0)+IF('Standard Profiles'!$G$21=$B$24,21,0),0)),0)</f>
        <v>1.0163805201753149</v>
      </c>
      <c r="H3077" cm="1">
        <f t="array" ref="H3077">IFERROR(INDEX(Jesper!AL$2:AL$366,ROUNDDOWN($C3077/24,0)+1,1)*INDEX($D$3:$AA$30,INDEX(Jesper!$R$2:$R$366,ROW(INDEX(Jesper!AL$2:AL$366,ROUNDDOWN($C3077/24,0)+1,1))-1)+IF('Standard Profiles'!$G$22=$B$10,7,0)+IF('Standard Profiles'!$G$22=$B$17,14,0)+IF('Standard Profiles'!$G$22=$B$24,21,0),MOD($C3077,24)+1)/SUM(INDEX($D$3:$AA$30,INDEX(Jesper!$R$2:$R$366,ROW(INDEX(Jesper!AL$2:AL$366,ROUNDDOWN($C3077/24,0)+1,1))-1)+IF('Standard Profiles'!$G$22=$B$10,7,0)+IF('Standard Profiles'!$G$22=$B$17,14,0)+IF('Standard Profiles'!$G$22=$B$24,21,0),0)),0)</f>
        <v>0.46996536702944286</v>
      </c>
      <c r="I3077">
        <f t="shared" si="349"/>
        <v>0.45116675234826537</v>
      </c>
      <c r="J3077">
        <f t="shared" si="350"/>
        <v>5.0267295058627699</v>
      </c>
      <c r="K3077">
        <f t="shared" si="351"/>
        <v>0.22663322032090893</v>
      </c>
      <c r="L3077">
        <f t="shared" si="352"/>
        <v>0.11331661016045447</v>
      </c>
      <c r="M3077">
        <f t="shared" si="353"/>
        <v>0</v>
      </c>
      <c r="N3077" s="45">
        <f t="shared" si="354"/>
        <v>45053.791666659286</v>
      </c>
    </row>
    <row r="3078" spans="2:14" x14ac:dyDescent="0.25">
      <c r="B3078">
        <f t="shared" si="348"/>
        <v>7</v>
      </c>
      <c r="C3078" s="16">
        <v>3044</v>
      </c>
      <c r="D3078" cm="1">
        <f t="array" ref="D3078">IFERROR(INDEX(Jesper!AH$2:AH$366,ROUNDDOWN($C3078/24,0)+1,1)*INDEX($D$3:$AA$30,INDEX(Jesper!$R$2:$R$366,ROW(INDEX(Jesper!AH$2:AH$366,ROUNDDOWN($C3078/24,0)+1,1))-1)+IF('Standard Profiles'!$G$18=$B$10,7,0)+IF('Standard Profiles'!$G$18=$B$17,14,0)+IF('Standard Profiles'!$G$18=$B$24,21,0),MOD($C3078,24)+1)/SUM(INDEX($D$3:$AA$30,INDEX(Jesper!$R$2:$R$366,ROW(INDEX(Jesper!AH$2:AH$366,ROUNDDOWN($C3078/24,0)+1,1))-1)+IF('Standard Profiles'!$G$18=$B$10,7,0)+IF('Standard Profiles'!$G$18=$B$17,14,0)+IF('Standard Profiles'!$G$18=$B$24,21,0),0)),0)</f>
        <v>0</v>
      </c>
      <c r="E3078" cm="1">
        <f t="array" ref="E3078">IFERROR(INDEX(Jesper!AI$2:AI$366,ROUNDDOWN($C3078/24,0)+1,1)*INDEX($D$3:$AA$30,INDEX(Jesper!$R$2:$R$366,ROW(INDEX(Jesper!AI$2:AI$366,ROUNDDOWN($C3078/24,0)+1,1))-1)+IF('Standard Profiles'!$G$19=$B$10,7,0)+IF('Standard Profiles'!$G$19=$B$17,14,0)+IF('Standard Profiles'!$G$19=$B$24,21,0),MOD($C3078,24)+1)/SUM(INDEX($D$3:$AA$30,INDEX(Jesper!$R$2:$R$366,ROW(INDEX(Jesper!AI$2:AI$366,ROUNDDOWN($C3078/24,0)+1,1))-1)+IF('Standard Profiles'!$G$19=$B$10,7,0)+IF('Standard Profiles'!$G$19=$B$17,14,0)+IF('Standard Profiles'!$G$19=$B$24,21,0),0)),0)</f>
        <v>2.8329152540113616</v>
      </c>
      <c r="F3078" cm="1">
        <f t="array" ref="F3078">IFERROR(INDEX(Jesper!AJ$2:AJ$366,ROUNDDOWN($C3078/24,0)+1,1)*INDEX($D$3:$AA$30,INDEX(Jesper!$R$2:$R$366,ROW(INDEX(Jesper!AJ$2:AJ$366,ROUNDDOWN($C3078/24,0)+1,1))-1)+IF('Standard Profiles'!$G$20=$B$10,7,0)+IF('Standard Profiles'!$G$20=$B$17,14,0)+IF('Standard Profiles'!$G$20=$B$24,21,0),MOD($C3078,24)+1)/SUM(INDEX($D$3:$AA$30,INDEX(Jesper!$R$2:$R$366,ROW(INDEX(Jesper!AJ$2:AJ$366,ROUNDDOWN($C3078/24,0)+1,1))-1)+IF('Standard Profiles'!$G$20=$B$10,7,0)+IF('Standard Profiles'!$G$20=$B$17,14,0)+IF('Standard Profiles'!$G$20=$B$24,21,0),0)),0)</f>
        <v>1.4985849474762796</v>
      </c>
      <c r="G3078" cm="1">
        <f t="array" ref="G3078">IFERROR(INDEX(Jesper!AK$2:AK$366,ROUNDDOWN($C3078/24,0)+1,1)*INDEX($D$3:$AA$30,INDEX(Jesper!$R$2:$R$366,ROW(INDEX(Jesper!AK$2:AK$366,ROUNDDOWN($C3078/24,0)+1,1))-1)+IF('Standard Profiles'!$G$21=$B$10,7,0)+IF('Standard Profiles'!$G$21=$B$17,14,0)+IF('Standard Profiles'!$G$21=$B$24,21,0),MOD($C3078,24)+1)/SUM(INDEX($D$3:$AA$30,INDEX(Jesper!$R$2:$R$366,ROW(INDEX(Jesper!AK$2:AK$366,ROUNDDOWN($C3078/24,0)+1,1))-1)+IF('Standard Profiles'!$G$21=$B$10,7,0)+IF('Standard Profiles'!$G$21=$B$17,14,0)+IF('Standard Profiles'!$G$21=$B$24,21,0),0)),0)</f>
        <v>1.0163805201753149</v>
      </c>
      <c r="H3078" cm="1">
        <f t="array" ref="H3078">IFERROR(INDEX(Jesper!AL$2:AL$366,ROUNDDOWN($C3078/24,0)+1,1)*INDEX($D$3:$AA$30,INDEX(Jesper!$R$2:$R$366,ROW(INDEX(Jesper!AL$2:AL$366,ROUNDDOWN($C3078/24,0)+1,1))-1)+IF('Standard Profiles'!$G$22=$B$10,7,0)+IF('Standard Profiles'!$G$22=$B$17,14,0)+IF('Standard Profiles'!$G$22=$B$24,21,0),MOD($C3078,24)+1)/SUM(INDEX($D$3:$AA$30,INDEX(Jesper!$R$2:$R$366,ROW(INDEX(Jesper!AL$2:AL$366,ROUNDDOWN($C3078/24,0)+1,1))-1)+IF('Standard Profiles'!$G$22=$B$10,7,0)+IF('Standard Profiles'!$G$22=$B$17,14,0)+IF('Standard Profiles'!$G$22=$B$24,21,0),0)),0)</f>
        <v>0.39375476697061423</v>
      </c>
      <c r="I3078">
        <f t="shared" si="349"/>
        <v>0.37800457629178985</v>
      </c>
      <c r="J3078">
        <f t="shared" si="350"/>
        <v>5.023681081860417</v>
      </c>
      <c r="K3078">
        <f t="shared" si="351"/>
        <v>0.22663322032090893</v>
      </c>
      <c r="L3078">
        <f t="shared" si="352"/>
        <v>0.11331661016045447</v>
      </c>
      <c r="M3078">
        <f t="shared" si="353"/>
        <v>0</v>
      </c>
      <c r="N3078" s="45">
        <f t="shared" si="354"/>
        <v>45053.833333325951</v>
      </c>
    </row>
    <row r="3079" spans="2:14" x14ac:dyDescent="0.25">
      <c r="B3079">
        <f t="shared" si="348"/>
        <v>7</v>
      </c>
      <c r="C3079" s="16">
        <v>3045</v>
      </c>
      <c r="D3079" cm="1">
        <f t="array" ref="D3079">IFERROR(INDEX(Jesper!AH$2:AH$366,ROUNDDOWN($C3079/24,0)+1,1)*INDEX($D$3:$AA$30,INDEX(Jesper!$R$2:$R$366,ROW(INDEX(Jesper!AH$2:AH$366,ROUNDDOWN($C3079/24,0)+1,1))-1)+IF('Standard Profiles'!$G$18=$B$10,7,0)+IF('Standard Profiles'!$G$18=$B$17,14,0)+IF('Standard Profiles'!$G$18=$B$24,21,0),MOD($C3079,24)+1)/SUM(INDEX($D$3:$AA$30,INDEX(Jesper!$R$2:$R$366,ROW(INDEX(Jesper!AH$2:AH$366,ROUNDDOWN($C3079/24,0)+1,1))-1)+IF('Standard Profiles'!$G$18=$B$10,7,0)+IF('Standard Profiles'!$G$18=$B$17,14,0)+IF('Standard Profiles'!$G$18=$B$24,21,0),0)),0)</f>
        <v>0</v>
      </c>
      <c r="E3079" cm="1">
        <f t="array" ref="E3079">IFERROR(INDEX(Jesper!AI$2:AI$366,ROUNDDOWN($C3079/24,0)+1,1)*INDEX($D$3:$AA$30,INDEX(Jesper!$R$2:$R$366,ROW(INDEX(Jesper!AI$2:AI$366,ROUNDDOWN($C3079/24,0)+1,1))-1)+IF('Standard Profiles'!$G$19=$B$10,7,0)+IF('Standard Profiles'!$G$19=$B$17,14,0)+IF('Standard Profiles'!$G$19=$B$24,21,0),MOD($C3079,24)+1)/SUM(INDEX($D$3:$AA$30,INDEX(Jesper!$R$2:$R$366,ROW(INDEX(Jesper!AI$2:AI$366,ROUNDDOWN($C3079/24,0)+1,1))-1)+IF('Standard Profiles'!$G$19=$B$10,7,0)+IF('Standard Profiles'!$G$19=$B$17,14,0)+IF('Standard Profiles'!$G$19=$B$24,21,0),0)),0)</f>
        <v>2.8329152540113616</v>
      </c>
      <c r="F3079" cm="1">
        <f t="array" ref="F3079">IFERROR(INDEX(Jesper!AJ$2:AJ$366,ROUNDDOWN($C3079/24,0)+1,1)*INDEX($D$3:$AA$30,INDEX(Jesper!$R$2:$R$366,ROW(INDEX(Jesper!AJ$2:AJ$366,ROUNDDOWN($C3079/24,0)+1,1))-1)+IF('Standard Profiles'!$G$20=$B$10,7,0)+IF('Standard Profiles'!$G$20=$B$17,14,0)+IF('Standard Profiles'!$G$20=$B$24,21,0),MOD($C3079,24)+1)/SUM(INDEX($D$3:$AA$30,INDEX(Jesper!$R$2:$R$366,ROW(INDEX(Jesper!AJ$2:AJ$366,ROUNDDOWN($C3079/24,0)+1,1))-1)+IF('Standard Profiles'!$G$20=$B$10,7,0)+IF('Standard Profiles'!$G$20=$B$17,14,0)+IF('Standard Profiles'!$G$20=$B$24,21,0),0)),0)</f>
        <v>1.4985849474762796</v>
      </c>
      <c r="G3079" cm="1">
        <f t="array" ref="G3079">IFERROR(INDEX(Jesper!AK$2:AK$366,ROUNDDOWN($C3079/24,0)+1,1)*INDEX($D$3:$AA$30,INDEX(Jesper!$R$2:$R$366,ROW(INDEX(Jesper!AK$2:AK$366,ROUNDDOWN($C3079/24,0)+1,1))-1)+IF('Standard Profiles'!$G$21=$B$10,7,0)+IF('Standard Profiles'!$G$21=$B$17,14,0)+IF('Standard Profiles'!$G$21=$B$24,21,0),MOD($C3079,24)+1)/SUM(INDEX($D$3:$AA$30,INDEX(Jesper!$R$2:$R$366,ROW(INDEX(Jesper!AK$2:AK$366,ROUNDDOWN($C3079/24,0)+1,1))-1)+IF('Standard Profiles'!$G$21=$B$10,7,0)+IF('Standard Profiles'!$G$21=$B$17,14,0)+IF('Standard Profiles'!$G$21=$B$24,21,0),0)),0)</f>
        <v>1.0163805201753149</v>
      </c>
      <c r="H3079" cm="1">
        <f t="array" ref="H3079">IFERROR(INDEX(Jesper!AL$2:AL$366,ROUNDDOWN($C3079/24,0)+1,1)*INDEX($D$3:$AA$30,INDEX(Jesper!$R$2:$R$366,ROW(INDEX(Jesper!AL$2:AL$366,ROUNDDOWN($C3079/24,0)+1,1))-1)+IF('Standard Profiles'!$G$22=$B$10,7,0)+IF('Standard Profiles'!$G$22=$B$17,14,0)+IF('Standard Profiles'!$G$22=$B$24,21,0),MOD($C3079,24)+1)/SUM(INDEX($D$3:$AA$30,INDEX(Jesper!$R$2:$R$366,ROW(INDEX(Jesper!AL$2:AL$366,ROUNDDOWN($C3079/24,0)+1,1))-1)+IF('Standard Profiles'!$G$22=$B$10,7,0)+IF('Standard Profiles'!$G$22=$B$17,14,0)+IF('Standard Profiles'!$G$22=$B$24,21,0),0)),0)</f>
        <v>0.34294770026472854</v>
      </c>
      <c r="I3079">
        <f t="shared" si="349"/>
        <v>0.32922979225413956</v>
      </c>
      <c r="J3079">
        <f t="shared" si="350"/>
        <v>5.0216487991921817</v>
      </c>
      <c r="K3079">
        <f t="shared" si="351"/>
        <v>0.22663322032090893</v>
      </c>
      <c r="L3079">
        <f t="shared" si="352"/>
        <v>0.11331661016045447</v>
      </c>
      <c r="M3079">
        <f t="shared" si="353"/>
        <v>0</v>
      </c>
      <c r="N3079" s="45">
        <f t="shared" si="354"/>
        <v>45053.874999992615</v>
      </c>
    </row>
    <row r="3080" spans="2:14" x14ac:dyDescent="0.25">
      <c r="B3080">
        <f t="shared" si="348"/>
        <v>7</v>
      </c>
      <c r="C3080" s="16">
        <v>3046</v>
      </c>
      <c r="D3080" cm="1">
        <f t="array" ref="D3080">IFERROR(INDEX(Jesper!AH$2:AH$366,ROUNDDOWN($C3080/24,0)+1,1)*INDEX($D$3:$AA$30,INDEX(Jesper!$R$2:$R$366,ROW(INDEX(Jesper!AH$2:AH$366,ROUNDDOWN($C3080/24,0)+1,1))-1)+IF('Standard Profiles'!$G$18=$B$10,7,0)+IF('Standard Profiles'!$G$18=$B$17,14,0)+IF('Standard Profiles'!$G$18=$B$24,21,0),MOD($C3080,24)+1)/SUM(INDEX($D$3:$AA$30,INDEX(Jesper!$R$2:$R$366,ROW(INDEX(Jesper!AH$2:AH$366,ROUNDDOWN($C3080/24,0)+1,1))-1)+IF('Standard Profiles'!$G$18=$B$10,7,0)+IF('Standard Profiles'!$G$18=$B$17,14,0)+IF('Standard Profiles'!$G$18=$B$24,21,0),0)),0)</f>
        <v>0</v>
      </c>
      <c r="E3080" cm="1">
        <f t="array" ref="E3080">IFERROR(INDEX(Jesper!AI$2:AI$366,ROUNDDOWN($C3080/24,0)+1,1)*INDEX($D$3:$AA$30,INDEX(Jesper!$R$2:$R$366,ROW(INDEX(Jesper!AI$2:AI$366,ROUNDDOWN($C3080/24,0)+1,1))-1)+IF('Standard Profiles'!$G$19=$B$10,7,0)+IF('Standard Profiles'!$G$19=$B$17,14,0)+IF('Standard Profiles'!$G$19=$B$24,21,0),MOD($C3080,24)+1)/SUM(INDEX($D$3:$AA$30,INDEX(Jesper!$R$2:$R$366,ROW(INDEX(Jesper!AI$2:AI$366,ROUNDDOWN($C3080/24,0)+1,1))-1)+IF('Standard Profiles'!$G$19=$B$10,7,0)+IF('Standard Profiles'!$G$19=$B$17,14,0)+IF('Standard Profiles'!$G$19=$B$24,21,0),0)),0)</f>
        <v>2.8329152540113616</v>
      </c>
      <c r="F3080" cm="1">
        <f t="array" ref="F3080">IFERROR(INDEX(Jesper!AJ$2:AJ$366,ROUNDDOWN($C3080/24,0)+1,1)*INDEX($D$3:$AA$30,INDEX(Jesper!$R$2:$R$366,ROW(INDEX(Jesper!AJ$2:AJ$366,ROUNDDOWN($C3080/24,0)+1,1))-1)+IF('Standard Profiles'!$G$20=$B$10,7,0)+IF('Standard Profiles'!$G$20=$B$17,14,0)+IF('Standard Profiles'!$G$20=$B$24,21,0),MOD($C3080,24)+1)/SUM(INDEX($D$3:$AA$30,INDEX(Jesper!$R$2:$R$366,ROW(INDEX(Jesper!AJ$2:AJ$366,ROUNDDOWN($C3080/24,0)+1,1))-1)+IF('Standard Profiles'!$G$20=$B$10,7,0)+IF('Standard Profiles'!$G$20=$B$17,14,0)+IF('Standard Profiles'!$G$20=$B$24,21,0),0)),0)</f>
        <v>1.4985849474762796</v>
      </c>
      <c r="G3080" cm="1">
        <f t="array" ref="G3080">IFERROR(INDEX(Jesper!AK$2:AK$366,ROUNDDOWN($C3080/24,0)+1,1)*INDEX($D$3:$AA$30,INDEX(Jesper!$R$2:$R$366,ROW(INDEX(Jesper!AK$2:AK$366,ROUNDDOWN($C3080/24,0)+1,1))-1)+IF('Standard Profiles'!$G$21=$B$10,7,0)+IF('Standard Profiles'!$G$21=$B$17,14,0)+IF('Standard Profiles'!$G$21=$B$24,21,0),MOD($C3080,24)+1)/SUM(INDEX($D$3:$AA$30,INDEX(Jesper!$R$2:$R$366,ROW(INDEX(Jesper!AK$2:AK$366,ROUNDDOWN($C3080/24,0)+1,1))-1)+IF('Standard Profiles'!$G$21=$B$10,7,0)+IF('Standard Profiles'!$G$21=$B$17,14,0)+IF('Standard Profiles'!$G$21=$B$24,21,0),0)),0)</f>
        <v>1.0163805201753149</v>
      </c>
      <c r="H3080" cm="1">
        <f t="array" ref="H3080">IFERROR(INDEX(Jesper!AL$2:AL$366,ROUNDDOWN($C3080/24,0)+1,1)*INDEX($D$3:$AA$30,INDEX(Jesper!$R$2:$R$366,ROW(INDEX(Jesper!AL$2:AL$366,ROUNDDOWN($C3080/24,0)+1,1))-1)+IF('Standard Profiles'!$G$22=$B$10,7,0)+IF('Standard Profiles'!$G$22=$B$17,14,0)+IF('Standard Profiles'!$G$22=$B$24,21,0),MOD($C3080,24)+1)/SUM(INDEX($D$3:$AA$30,INDEX(Jesper!$R$2:$R$366,ROW(INDEX(Jesper!AL$2:AL$366,ROUNDDOWN($C3080/24,0)+1,1))-1)+IF('Standard Profiles'!$G$22=$B$10,7,0)+IF('Standard Profiles'!$G$22=$B$17,14,0)+IF('Standard Profiles'!$G$22=$B$24,21,0),0)),0)</f>
        <v>0.34294770026472854</v>
      </c>
      <c r="I3080">
        <f t="shared" si="349"/>
        <v>0.32922979225413956</v>
      </c>
      <c r="J3080">
        <f t="shared" si="350"/>
        <v>5.0216487991921817</v>
      </c>
      <c r="K3080">
        <f t="shared" si="351"/>
        <v>0.22663322032090893</v>
      </c>
      <c r="L3080">
        <f t="shared" si="352"/>
        <v>0.11331661016045447</v>
      </c>
      <c r="M3080">
        <f t="shared" si="353"/>
        <v>0</v>
      </c>
      <c r="N3080" s="45">
        <f t="shared" si="354"/>
        <v>45053.916666659279</v>
      </c>
    </row>
    <row r="3081" spans="2:14" x14ac:dyDescent="0.25">
      <c r="B3081">
        <f t="shared" si="348"/>
        <v>7</v>
      </c>
      <c r="C3081" s="16">
        <v>3047</v>
      </c>
      <c r="D3081" cm="1">
        <f t="array" ref="D3081">IFERROR(INDEX(Jesper!AH$2:AH$366,ROUNDDOWN($C3081/24,0)+1,1)*INDEX($D$3:$AA$30,INDEX(Jesper!$R$2:$R$366,ROW(INDEX(Jesper!AH$2:AH$366,ROUNDDOWN($C3081/24,0)+1,1))-1)+IF('Standard Profiles'!$G$18=$B$10,7,0)+IF('Standard Profiles'!$G$18=$B$17,14,0)+IF('Standard Profiles'!$G$18=$B$24,21,0),MOD($C3081,24)+1)/SUM(INDEX($D$3:$AA$30,INDEX(Jesper!$R$2:$R$366,ROW(INDEX(Jesper!AH$2:AH$366,ROUNDDOWN($C3081/24,0)+1,1))-1)+IF('Standard Profiles'!$G$18=$B$10,7,0)+IF('Standard Profiles'!$G$18=$B$17,14,0)+IF('Standard Profiles'!$G$18=$B$24,21,0),0)),0)</f>
        <v>0</v>
      </c>
      <c r="E3081" cm="1">
        <f t="array" ref="E3081">IFERROR(INDEX(Jesper!AI$2:AI$366,ROUNDDOWN($C3081/24,0)+1,1)*INDEX($D$3:$AA$30,INDEX(Jesper!$R$2:$R$366,ROW(INDEX(Jesper!AI$2:AI$366,ROUNDDOWN($C3081/24,0)+1,1))-1)+IF('Standard Profiles'!$G$19=$B$10,7,0)+IF('Standard Profiles'!$G$19=$B$17,14,0)+IF('Standard Profiles'!$G$19=$B$24,21,0),MOD($C3081,24)+1)/SUM(INDEX($D$3:$AA$30,INDEX(Jesper!$R$2:$R$366,ROW(INDEX(Jesper!AI$2:AI$366,ROUNDDOWN($C3081/24,0)+1,1))-1)+IF('Standard Profiles'!$G$19=$B$10,7,0)+IF('Standard Profiles'!$G$19=$B$17,14,0)+IF('Standard Profiles'!$G$19=$B$24,21,0),0)),0)</f>
        <v>2.8329152540113616</v>
      </c>
      <c r="F3081" cm="1">
        <f t="array" ref="F3081">IFERROR(INDEX(Jesper!AJ$2:AJ$366,ROUNDDOWN($C3081/24,0)+1,1)*INDEX($D$3:$AA$30,INDEX(Jesper!$R$2:$R$366,ROW(INDEX(Jesper!AJ$2:AJ$366,ROUNDDOWN($C3081/24,0)+1,1))-1)+IF('Standard Profiles'!$G$20=$B$10,7,0)+IF('Standard Profiles'!$G$20=$B$17,14,0)+IF('Standard Profiles'!$G$20=$B$24,21,0),MOD($C3081,24)+1)/SUM(INDEX($D$3:$AA$30,INDEX(Jesper!$R$2:$R$366,ROW(INDEX(Jesper!AJ$2:AJ$366,ROUNDDOWN($C3081/24,0)+1,1))-1)+IF('Standard Profiles'!$G$20=$B$10,7,0)+IF('Standard Profiles'!$G$20=$B$17,14,0)+IF('Standard Profiles'!$G$20=$B$24,21,0),0)),0)</f>
        <v>1.4985849474762796</v>
      </c>
      <c r="G3081" cm="1">
        <f t="array" ref="G3081">IFERROR(INDEX(Jesper!AK$2:AK$366,ROUNDDOWN($C3081/24,0)+1,1)*INDEX($D$3:$AA$30,INDEX(Jesper!$R$2:$R$366,ROW(INDEX(Jesper!AK$2:AK$366,ROUNDDOWN($C3081/24,0)+1,1))-1)+IF('Standard Profiles'!$G$21=$B$10,7,0)+IF('Standard Profiles'!$G$21=$B$17,14,0)+IF('Standard Profiles'!$G$21=$B$24,21,0),MOD($C3081,24)+1)/SUM(INDEX($D$3:$AA$30,INDEX(Jesper!$R$2:$R$366,ROW(INDEX(Jesper!AK$2:AK$366,ROUNDDOWN($C3081/24,0)+1,1))-1)+IF('Standard Profiles'!$G$21=$B$10,7,0)+IF('Standard Profiles'!$G$21=$B$17,14,0)+IF('Standard Profiles'!$G$21=$B$24,21,0),0)),0)</f>
        <v>1.0163805201753149</v>
      </c>
      <c r="H3081" cm="1">
        <f t="array" ref="H3081">IFERROR(INDEX(Jesper!AL$2:AL$366,ROUNDDOWN($C3081/24,0)+1,1)*INDEX($D$3:$AA$30,INDEX(Jesper!$R$2:$R$366,ROW(INDEX(Jesper!AL$2:AL$366,ROUNDDOWN($C3081/24,0)+1,1))-1)+IF('Standard Profiles'!$G$22=$B$10,7,0)+IF('Standard Profiles'!$G$22=$B$17,14,0)+IF('Standard Profiles'!$G$22=$B$24,21,0),MOD($C3081,24)+1)/SUM(INDEX($D$3:$AA$30,INDEX(Jesper!$R$2:$R$366,ROW(INDEX(Jesper!AL$2:AL$366,ROUNDDOWN($C3081/24,0)+1,1))-1)+IF('Standard Profiles'!$G$22=$B$10,7,0)+IF('Standard Profiles'!$G$22=$B$17,14,0)+IF('Standard Profiles'!$G$22=$B$24,21,0),0)),0)</f>
        <v>0.34294770026472854</v>
      </c>
      <c r="I3081">
        <f t="shared" si="349"/>
        <v>0.32922979225413956</v>
      </c>
      <c r="J3081">
        <f t="shared" si="350"/>
        <v>5.0216487991921817</v>
      </c>
      <c r="K3081">
        <f t="shared" si="351"/>
        <v>0.22663322032090893</v>
      </c>
      <c r="L3081">
        <f t="shared" si="352"/>
        <v>0.11331661016045447</v>
      </c>
      <c r="M3081">
        <f t="shared" si="353"/>
        <v>0</v>
      </c>
      <c r="N3081" s="45">
        <f t="shared" si="354"/>
        <v>45053.958333325943</v>
      </c>
    </row>
    <row r="3082" spans="2:14" x14ac:dyDescent="0.25">
      <c r="B3082">
        <f t="shared" si="348"/>
        <v>1</v>
      </c>
      <c r="C3082" s="16">
        <v>3048</v>
      </c>
      <c r="D3082" cm="1">
        <f t="array" ref="D3082">IFERROR(INDEX(Jesper!AH$2:AH$366,ROUNDDOWN($C3082/24,0)+1,1)*INDEX($D$3:$AA$30,INDEX(Jesper!$R$2:$R$366,ROW(INDEX(Jesper!AH$2:AH$366,ROUNDDOWN($C3082/24,0)+1,1))-1)+IF('Standard Profiles'!$G$18=$B$10,7,0)+IF('Standard Profiles'!$G$18=$B$17,14,0)+IF('Standard Profiles'!$G$18=$B$24,21,0),MOD($C3082,24)+1)/SUM(INDEX($D$3:$AA$30,INDEX(Jesper!$R$2:$R$366,ROW(INDEX(Jesper!AH$2:AH$366,ROUNDDOWN($C3082/24,0)+1,1))-1)+IF('Standard Profiles'!$G$18=$B$10,7,0)+IF('Standard Profiles'!$G$18=$B$17,14,0)+IF('Standard Profiles'!$G$18=$B$24,21,0),0)),0)</f>
        <v>5.513869643574032</v>
      </c>
      <c r="E3082" cm="1">
        <f t="array" ref="E3082">IFERROR(INDEX(Jesper!AI$2:AI$366,ROUNDDOWN($C3082/24,0)+1,1)*INDEX($D$3:$AA$30,INDEX(Jesper!$R$2:$R$366,ROW(INDEX(Jesper!AI$2:AI$366,ROUNDDOWN($C3082/24,0)+1,1))-1)+IF('Standard Profiles'!$G$19=$B$10,7,0)+IF('Standard Profiles'!$G$19=$B$17,14,0)+IF('Standard Profiles'!$G$19=$B$24,21,0),MOD($C3082,24)+1)/SUM(INDEX($D$3:$AA$30,INDEX(Jesper!$R$2:$R$366,ROW(INDEX(Jesper!AI$2:AI$366,ROUNDDOWN($C3082/24,0)+1,1))-1)+IF('Standard Profiles'!$G$19=$B$10,7,0)+IF('Standard Profiles'!$G$19=$B$17,14,0)+IF('Standard Profiles'!$G$19=$B$24,21,0),0)),0)</f>
        <v>4.1077791614455252</v>
      </c>
      <c r="F3082" cm="1">
        <f t="array" ref="F3082">IFERROR(INDEX(Jesper!AJ$2:AJ$366,ROUNDDOWN($C3082/24,0)+1,1)*INDEX($D$3:$AA$30,INDEX(Jesper!$R$2:$R$366,ROW(INDEX(Jesper!AJ$2:AJ$366,ROUNDDOWN($C3082/24,0)+1,1))-1)+IF('Standard Profiles'!$G$20=$B$10,7,0)+IF('Standard Profiles'!$G$20=$B$17,14,0)+IF('Standard Profiles'!$G$20=$B$24,21,0),MOD($C3082,24)+1)/SUM(INDEX($D$3:$AA$30,INDEX(Jesper!$R$2:$R$366,ROW(INDEX(Jesper!AJ$2:AJ$366,ROUNDDOWN($C3082/24,0)+1,1))-1)+IF('Standard Profiles'!$G$20=$B$10,7,0)+IF('Standard Profiles'!$G$20=$B$17,14,0)+IF('Standard Profiles'!$G$20=$B$24,21,0),0)),0)</f>
        <v>0</v>
      </c>
      <c r="G3082" cm="1">
        <f t="array" ref="G3082">IFERROR(INDEX(Jesper!AK$2:AK$366,ROUNDDOWN($C3082/24,0)+1,1)*INDEX($D$3:$AA$30,INDEX(Jesper!$R$2:$R$366,ROW(INDEX(Jesper!AK$2:AK$366,ROUNDDOWN($C3082/24,0)+1,1))-1)+IF('Standard Profiles'!$G$21=$B$10,7,0)+IF('Standard Profiles'!$G$21=$B$17,14,0)+IF('Standard Profiles'!$G$21=$B$24,21,0),MOD($C3082,24)+1)/SUM(INDEX($D$3:$AA$30,INDEX(Jesper!$R$2:$R$366,ROW(INDEX(Jesper!AK$2:AK$366,ROUNDDOWN($C3082/24,0)+1,1))-1)+IF('Standard Profiles'!$G$21=$B$10,7,0)+IF('Standard Profiles'!$G$21=$B$17,14,0)+IF('Standard Profiles'!$G$21=$B$24,21,0),0)),0)</f>
        <v>0.93252862806180536</v>
      </c>
      <c r="H3082" cm="1">
        <f t="array" ref="H3082">IFERROR(INDEX(Jesper!AL$2:AL$366,ROUNDDOWN($C3082/24,0)+1,1)*INDEX($D$3:$AA$30,INDEX(Jesper!$R$2:$R$366,ROW(INDEX(Jesper!AL$2:AL$366,ROUNDDOWN($C3082/24,0)+1,1))-1)+IF('Standard Profiles'!$G$22=$B$10,7,0)+IF('Standard Profiles'!$G$22=$B$17,14,0)+IF('Standard Profiles'!$G$22=$B$24,21,0),MOD($C3082,24)+1)/SUM(INDEX($D$3:$AA$30,INDEX(Jesper!$R$2:$R$366,ROW(INDEX(Jesper!AL$2:AL$366,ROUNDDOWN($C3082/24,0)+1,1))-1)+IF('Standard Profiles'!$G$22=$B$10,7,0)+IF('Standard Profiles'!$G$22=$B$17,14,0)+IF('Standard Profiles'!$G$22=$B$24,21,0),0)),0)</f>
        <v>0</v>
      </c>
      <c r="I3082">
        <f t="shared" si="349"/>
        <v>0.44761374146966637</v>
      </c>
      <c r="J3082">
        <f t="shared" si="350"/>
        <v>9.2243445486398503</v>
      </c>
      <c r="K3082">
        <f t="shared" si="351"/>
        <v>0.58814609531456341</v>
      </c>
      <c r="L3082">
        <f t="shared" si="352"/>
        <v>0.29407304765728171</v>
      </c>
      <c r="M3082">
        <f t="shared" si="353"/>
        <v>0</v>
      </c>
      <c r="N3082" s="45">
        <f t="shared" si="354"/>
        <v>45053.999999992608</v>
      </c>
    </row>
    <row r="3083" spans="2:14" x14ac:dyDescent="0.25">
      <c r="B3083">
        <f t="shared" si="348"/>
        <v>1</v>
      </c>
      <c r="C3083" s="16">
        <v>3049</v>
      </c>
      <c r="D3083" cm="1">
        <f t="array" ref="D3083">IFERROR(INDEX(Jesper!AH$2:AH$366,ROUNDDOWN($C3083/24,0)+1,1)*INDEX($D$3:$AA$30,INDEX(Jesper!$R$2:$R$366,ROW(INDEX(Jesper!AH$2:AH$366,ROUNDDOWN($C3083/24,0)+1,1))-1)+IF('Standard Profiles'!$G$18=$B$10,7,0)+IF('Standard Profiles'!$G$18=$B$17,14,0)+IF('Standard Profiles'!$G$18=$B$24,21,0),MOD($C3083,24)+1)/SUM(INDEX($D$3:$AA$30,INDEX(Jesper!$R$2:$R$366,ROW(INDEX(Jesper!AH$2:AH$366,ROUNDDOWN($C3083/24,0)+1,1))-1)+IF('Standard Profiles'!$G$18=$B$10,7,0)+IF('Standard Profiles'!$G$18=$B$17,14,0)+IF('Standard Profiles'!$G$18=$B$24,21,0),0)),0)</f>
        <v>5.513869643574032</v>
      </c>
      <c r="E3083" cm="1">
        <f t="array" ref="E3083">IFERROR(INDEX(Jesper!AI$2:AI$366,ROUNDDOWN($C3083/24,0)+1,1)*INDEX($D$3:$AA$30,INDEX(Jesper!$R$2:$R$366,ROW(INDEX(Jesper!AI$2:AI$366,ROUNDDOWN($C3083/24,0)+1,1))-1)+IF('Standard Profiles'!$G$19=$B$10,7,0)+IF('Standard Profiles'!$G$19=$B$17,14,0)+IF('Standard Profiles'!$G$19=$B$24,21,0),MOD($C3083,24)+1)/SUM(INDEX($D$3:$AA$30,INDEX(Jesper!$R$2:$R$366,ROW(INDEX(Jesper!AI$2:AI$366,ROUNDDOWN($C3083/24,0)+1,1))-1)+IF('Standard Profiles'!$G$19=$B$10,7,0)+IF('Standard Profiles'!$G$19=$B$17,14,0)+IF('Standard Profiles'!$G$19=$B$24,21,0),0)),0)</f>
        <v>4.1077791614455252</v>
      </c>
      <c r="F3083" cm="1">
        <f t="array" ref="F3083">IFERROR(INDEX(Jesper!AJ$2:AJ$366,ROUNDDOWN($C3083/24,0)+1,1)*INDEX($D$3:$AA$30,INDEX(Jesper!$R$2:$R$366,ROW(INDEX(Jesper!AJ$2:AJ$366,ROUNDDOWN($C3083/24,0)+1,1))-1)+IF('Standard Profiles'!$G$20=$B$10,7,0)+IF('Standard Profiles'!$G$20=$B$17,14,0)+IF('Standard Profiles'!$G$20=$B$24,21,0),MOD($C3083,24)+1)/SUM(INDEX($D$3:$AA$30,INDEX(Jesper!$R$2:$R$366,ROW(INDEX(Jesper!AJ$2:AJ$366,ROUNDDOWN($C3083/24,0)+1,1))-1)+IF('Standard Profiles'!$G$20=$B$10,7,0)+IF('Standard Profiles'!$G$20=$B$17,14,0)+IF('Standard Profiles'!$G$20=$B$24,21,0),0)),0)</f>
        <v>0</v>
      </c>
      <c r="G3083" cm="1">
        <f t="array" ref="G3083">IFERROR(INDEX(Jesper!AK$2:AK$366,ROUNDDOWN($C3083/24,0)+1,1)*INDEX($D$3:$AA$30,INDEX(Jesper!$R$2:$R$366,ROW(INDEX(Jesper!AK$2:AK$366,ROUNDDOWN($C3083/24,0)+1,1))-1)+IF('Standard Profiles'!$G$21=$B$10,7,0)+IF('Standard Profiles'!$G$21=$B$17,14,0)+IF('Standard Profiles'!$G$21=$B$24,21,0),MOD($C3083,24)+1)/SUM(INDEX($D$3:$AA$30,INDEX(Jesper!$R$2:$R$366,ROW(INDEX(Jesper!AK$2:AK$366,ROUNDDOWN($C3083/24,0)+1,1))-1)+IF('Standard Profiles'!$G$21=$B$10,7,0)+IF('Standard Profiles'!$G$21=$B$17,14,0)+IF('Standard Profiles'!$G$21=$B$24,21,0),0)),0)</f>
        <v>0.93252862806180536</v>
      </c>
      <c r="H3083" cm="1">
        <f t="array" ref="H3083">IFERROR(INDEX(Jesper!AL$2:AL$366,ROUNDDOWN($C3083/24,0)+1,1)*INDEX($D$3:$AA$30,INDEX(Jesper!$R$2:$R$366,ROW(INDEX(Jesper!AL$2:AL$366,ROUNDDOWN($C3083/24,0)+1,1))-1)+IF('Standard Profiles'!$G$22=$B$10,7,0)+IF('Standard Profiles'!$G$22=$B$17,14,0)+IF('Standard Profiles'!$G$22=$B$24,21,0),MOD($C3083,24)+1)/SUM(INDEX($D$3:$AA$30,INDEX(Jesper!$R$2:$R$366,ROW(INDEX(Jesper!AL$2:AL$366,ROUNDDOWN($C3083/24,0)+1,1))-1)+IF('Standard Profiles'!$G$22=$B$10,7,0)+IF('Standard Profiles'!$G$22=$B$17,14,0)+IF('Standard Profiles'!$G$22=$B$24,21,0),0)),0)</f>
        <v>0</v>
      </c>
      <c r="I3083">
        <f t="shared" si="349"/>
        <v>0.44761374146966637</v>
      </c>
      <c r="J3083">
        <f t="shared" si="350"/>
        <v>9.2243445486398503</v>
      </c>
      <c r="K3083">
        <f t="shared" si="351"/>
        <v>0.58814609531456341</v>
      </c>
      <c r="L3083">
        <f t="shared" si="352"/>
        <v>0.29407304765728171</v>
      </c>
      <c r="M3083">
        <f t="shared" si="353"/>
        <v>0</v>
      </c>
      <c r="N3083" s="45">
        <f t="shared" si="354"/>
        <v>45054.041666659272</v>
      </c>
    </row>
    <row r="3084" spans="2:14" x14ac:dyDescent="0.25">
      <c r="B3084">
        <f t="shared" si="348"/>
        <v>1</v>
      </c>
      <c r="C3084" s="16">
        <v>3050</v>
      </c>
      <c r="D3084" cm="1">
        <f t="array" ref="D3084">IFERROR(INDEX(Jesper!AH$2:AH$366,ROUNDDOWN($C3084/24,0)+1,1)*INDEX($D$3:$AA$30,INDEX(Jesper!$R$2:$R$366,ROW(INDEX(Jesper!AH$2:AH$366,ROUNDDOWN($C3084/24,0)+1,1))-1)+IF('Standard Profiles'!$G$18=$B$10,7,0)+IF('Standard Profiles'!$G$18=$B$17,14,0)+IF('Standard Profiles'!$G$18=$B$24,21,0),MOD($C3084,24)+1)/SUM(INDEX($D$3:$AA$30,INDEX(Jesper!$R$2:$R$366,ROW(INDEX(Jesper!AH$2:AH$366,ROUNDDOWN($C3084/24,0)+1,1))-1)+IF('Standard Profiles'!$G$18=$B$10,7,0)+IF('Standard Profiles'!$G$18=$B$17,14,0)+IF('Standard Profiles'!$G$18=$B$24,21,0),0)),0)</f>
        <v>5.513869643574032</v>
      </c>
      <c r="E3084" cm="1">
        <f t="array" ref="E3084">IFERROR(INDEX(Jesper!AI$2:AI$366,ROUNDDOWN($C3084/24,0)+1,1)*INDEX($D$3:$AA$30,INDEX(Jesper!$R$2:$R$366,ROW(INDEX(Jesper!AI$2:AI$366,ROUNDDOWN($C3084/24,0)+1,1))-1)+IF('Standard Profiles'!$G$19=$B$10,7,0)+IF('Standard Profiles'!$G$19=$B$17,14,0)+IF('Standard Profiles'!$G$19=$B$24,21,0),MOD($C3084,24)+1)/SUM(INDEX($D$3:$AA$30,INDEX(Jesper!$R$2:$R$366,ROW(INDEX(Jesper!AI$2:AI$366,ROUNDDOWN($C3084/24,0)+1,1))-1)+IF('Standard Profiles'!$G$19=$B$10,7,0)+IF('Standard Profiles'!$G$19=$B$17,14,0)+IF('Standard Profiles'!$G$19=$B$24,21,0),0)),0)</f>
        <v>4.1077791614455252</v>
      </c>
      <c r="F3084" cm="1">
        <f t="array" ref="F3084">IFERROR(INDEX(Jesper!AJ$2:AJ$366,ROUNDDOWN($C3084/24,0)+1,1)*INDEX($D$3:$AA$30,INDEX(Jesper!$R$2:$R$366,ROW(INDEX(Jesper!AJ$2:AJ$366,ROUNDDOWN($C3084/24,0)+1,1))-1)+IF('Standard Profiles'!$G$20=$B$10,7,0)+IF('Standard Profiles'!$G$20=$B$17,14,0)+IF('Standard Profiles'!$G$20=$B$24,21,0),MOD($C3084,24)+1)/SUM(INDEX($D$3:$AA$30,INDEX(Jesper!$R$2:$R$366,ROW(INDEX(Jesper!AJ$2:AJ$366,ROUNDDOWN($C3084/24,0)+1,1))-1)+IF('Standard Profiles'!$G$20=$B$10,7,0)+IF('Standard Profiles'!$G$20=$B$17,14,0)+IF('Standard Profiles'!$G$20=$B$24,21,0),0)),0)</f>
        <v>0</v>
      </c>
      <c r="G3084" cm="1">
        <f t="array" ref="G3084">IFERROR(INDEX(Jesper!AK$2:AK$366,ROUNDDOWN($C3084/24,0)+1,1)*INDEX($D$3:$AA$30,INDEX(Jesper!$R$2:$R$366,ROW(INDEX(Jesper!AK$2:AK$366,ROUNDDOWN($C3084/24,0)+1,1))-1)+IF('Standard Profiles'!$G$21=$B$10,7,0)+IF('Standard Profiles'!$G$21=$B$17,14,0)+IF('Standard Profiles'!$G$21=$B$24,21,0),MOD($C3084,24)+1)/SUM(INDEX($D$3:$AA$30,INDEX(Jesper!$R$2:$R$366,ROW(INDEX(Jesper!AK$2:AK$366,ROUNDDOWN($C3084/24,0)+1,1))-1)+IF('Standard Profiles'!$G$21=$B$10,7,0)+IF('Standard Profiles'!$G$21=$B$17,14,0)+IF('Standard Profiles'!$G$21=$B$24,21,0),0)),0)</f>
        <v>0.93252862806180536</v>
      </c>
      <c r="H3084" cm="1">
        <f t="array" ref="H3084">IFERROR(INDEX(Jesper!AL$2:AL$366,ROUNDDOWN($C3084/24,0)+1,1)*INDEX($D$3:$AA$30,INDEX(Jesper!$R$2:$R$366,ROW(INDEX(Jesper!AL$2:AL$366,ROUNDDOWN($C3084/24,0)+1,1))-1)+IF('Standard Profiles'!$G$22=$B$10,7,0)+IF('Standard Profiles'!$G$22=$B$17,14,0)+IF('Standard Profiles'!$G$22=$B$24,21,0),MOD($C3084,24)+1)/SUM(INDEX($D$3:$AA$30,INDEX(Jesper!$R$2:$R$366,ROW(INDEX(Jesper!AL$2:AL$366,ROUNDDOWN($C3084/24,0)+1,1))-1)+IF('Standard Profiles'!$G$22=$B$10,7,0)+IF('Standard Profiles'!$G$22=$B$17,14,0)+IF('Standard Profiles'!$G$22=$B$24,21,0),0)),0)</f>
        <v>0</v>
      </c>
      <c r="I3084">
        <f t="shared" si="349"/>
        <v>0.44761374146966637</v>
      </c>
      <c r="J3084">
        <f t="shared" si="350"/>
        <v>9.2243445486398503</v>
      </c>
      <c r="K3084">
        <f t="shared" si="351"/>
        <v>0.58814609531456341</v>
      </c>
      <c r="L3084">
        <f t="shared" si="352"/>
        <v>0.29407304765728171</v>
      </c>
      <c r="M3084">
        <f t="shared" si="353"/>
        <v>0</v>
      </c>
      <c r="N3084" s="45">
        <f t="shared" si="354"/>
        <v>45054.083333325936</v>
      </c>
    </row>
    <row r="3085" spans="2:14" x14ac:dyDescent="0.25">
      <c r="B3085">
        <f t="shared" si="348"/>
        <v>1</v>
      </c>
      <c r="C3085" s="16">
        <v>3051</v>
      </c>
      <c r="D3085" cm="1">
        <f t="array" ref="D3085">IFERROR(INDEX(Jesper!AH$2:AH$366,ROUNDDOWN($C3085/24,0)+1,1)*INDEX($D$3:$AA$30,INDEX(Jesper!$R$2:$R$366,ROW(INDEX(Jesper!AH$2:AH$366,ROUNDDOWN($C3085/24,0)+1,1))-1)+IF('Standard Profiles'!$G$18=$B$10,7,0)+IF('Standard Profiles'!$G$18=$B$17,14,0)+IF('Standard Profiles'!$G$18=$B$24,21,0),MOD($C3085,24)+1)/SUM(INDEX($D$3:$AA$30,INDEX(Jesper!$R$2:$R$366,ROW(INDEX(Jesper!AH$2:AH$366,ROUNDDOWN($C3085/24,0)+1,1))-1)+IF('Standard Profiles'!$G$18=$B$10,7,0)+IF('Standard Profiles'!$G$18=$B$17,14,0)+IF('Standard Profiles'!$G$18=$B$24,21,0),0)),0)</f>
        <v>5.513869643574032</v>
      </c>
      <c r="E3085" cm="1">
        <f t="array" ref="E3085">IFERROR(INDEX(Jesper!AI$2:AI$366,ROUNDDOWN($C3085/24,0)+1,1)*INDEX($D$3:$AA$30,INDEX(Jesper!$R$2:$R$366,ROW(INDEX(Jesper!AI$2:AI$366,ROUNDDOWN($C3085/24,0)+1,1))-1)+IF('Standard Profiles'!$G$19=$B$10,7,0)+IF('Standard Profiles'!$G$19=$B$17,14,0)+IF('Standard Profiles'!$G$19=$B$24,21,0),MOD($C3085,24)+1)/SUM(INDEX($D$3:$AA$30,INDEX(Jesper!$R$2:$R$366,ROW(INDEX(Jesper!AI$2:AI$366,ROUNDDOWN($C3085/24,0)+1,1))-1)+IF('Standard Profiles'!$G$19=$B$10,7,0)+IF('Standard Profiles'!$G$19=$B$17,14,0)+IF('Standard Profiles'!$G$19=$B$24,21,0),0)),0)</f>
        <v>4.1077791614455252</v>
      </c>
      <c r="F3085" cm="1">
        <f t="array" ref="F3085">IFERROR(INDEX(Jesper!AJ$2:AJ$366,ROUNDDOWN($C3085/24,0)+1,1)*INDEX($D$3:$AA$30,INDEX(Jesper!$R$2:$R$366,ROW(INDEX(Jesper!AJ$2:AJ$366,ROUNDDOWN($C3085/24,0)+1,1))-1)+IF('Standard Profiles'!$G$20=$B$10,7,0)+IF('Standard Profiles'!$G$20=$B$17,14,0)+IF('Standard Profiles'!$G$20=$B$24,21,0),MOD($C3085,24)+1)/SUM(INDEX($D$3:$AA$30,INDEX(Jesper!$R$2:$R$366,ROW(INDEX(Jesper!AJ$2:AJ$366,ROUNDDOWN($C3085/24,0)+1,1))-1)+IF('Standard Profiles'!$G$20=$B$10,7,0)+IF('Standard Profiles'!$G$20=$B$17,14,0)+IF('Standard Profiles'!$G$20=$B$24,21,0),0)),0)</f>
        <v>0</v>
      </c>
      <c r="G3085" cm="1">
        <f t="array" ref="G3085">IFERROR(INDEX(Jesper!AK$2:AK$366,ROUNDDOWN($C3085/24,0)+1,1)*INDEX($D$3:$AA$30,INDEX(Jesper!$R$2:$R$366,ROW(INDEX(Jesper!AK$2:AK$366,ROUNDDOWN($C3085/24,0)+1,1))-1)+IF('Standard Profiles'!$G$21=$B$10,7,0)+IF('Standard Profiles'!$G$21=$B$17,14,0)+IF('Standard Profiles'!$G$21=$B$24,21,0),MOD($C3085,24)+1)/SUM(INDEX($D$3:$AA$30,INDEX(Jesper!$R$2:$R$366,ROW(INDEX(Jesper!AK$2:AK$366,ROUNDDOWN($C3085/24,0)+1,1))-1)+IF('Standard Profiles'!$G$21=$B$10,7,0)+IF('Standard Profiles'!$G$21=$B$17,14,0)+IF('Standard Profiles'!$G$21=$B$24,21,0),0)),0)</f>
        <v>0.93252862806180536</v>
      </c>
      <c r="H3085" cm="1">
        <f t="array" ref="H3085">IFERROR(INDEX(Jesper!AL$2:AL$366,ROUNDDOWN($C3085/24,0)+1,1)*INDEX($D$3:$AA$30,INDEX(Jesper!$R$2:$R$366,ROW(INDEX(Jesper!AL$2:AL$366,ROUNDDOWN($C3085/24,0)+1,1))-1)+IF('Standard Profiles'!$G$22=$B$10,7,0)+IF('Standard Profiles'!$G$22=$B$17,14,0)+IF('Standard Profiles'!$G$22=$B$24,21,0),MOD($C3085,24)+1)/SUM(INDEX($D$3:$AA$30,INDEX(Jesper!$R$2:$R$366,ROW(INDEX(Jesper!AL$2:AL$366,ROUNDDOWN($C3085/24,0)+1,1))-1)+IF('Standard Profiles'!$G$22=$B$10,7,0)+IF('Standard Profiles'!$G$22=$B$17,14,0)+IF('Standard Profiles'!$G$22=$B$24,21,0),0)),0)</f>
        <v>0</v>
      </c>
      <c r="I3085">
        <f t="shared" si="349"/>
        <v>0.44761374146966637</v>
      </c>
      <c r="J3085">
        <f t="shared" si="350"/>
        <v>9.2243445486398503</v>
      </c>
      <c r="K3085">
        <f t="shared" si="351"/>
        <v>0.58814609531456341</v>
      </c>
      <c r="L3085">
        <f t="shared" si="352"/>
        <v>0.29407304765728171</v>
      </c>
      <c r="M3085">
        <f t="shared" si="353"/>
        <v>0</v>
      </c>
      <c r="N3085" s="45">
        <f t="shared" si="354"/>
        <v>45054.1249999926</v>
      </c>
    </row>
    <row r="3086" spans="2:14" x14ac:dyDescent="0.25">
      <c r="B3086">
        <f t="shared" si="348"/>
        <v>1</v>
      </c>
      <c r="C3086" s="16">
        <v>3052</v>
      </c>
      <c r="D3086" cm="1">
        <f t="array" ref="D3086">IFERROR(INDEX(Jesper!AH$2:AH$366,ROUNDDOWN($C3086/24,0)+1,1)*INDEX($D$3:$AA$30,INDEX(Jesper!$R$2:$R$366,ROW(INDEX(Jesper!AH$2:AH$366,ROUNDDOWN($C3086/24,0)+1,1))-1)+IF('Standard Profiles'!$G$18=$B$10,7,0)+IF('Standard Profiles'!$G$18=$B$17,14,0)+IF('Standard Profiles'!$G$18=$B$24,21,0),MOD($C3086,24)+1)/SUM(INDEX($D$3:$AA$30,INDEX(Jesper!$R$2:$R$366,ROW(INDEX(Jesper!AH$2:AH$366,ROUNDDOWN($C3086/24,0)+1,1))-1)+IF('Standard Profiles'!$G$18=$B$10,7,0)+IF('Standard Profiles'!$G$18=$B$17,14,0)+IF('Standard Profiles'!$G$18=$B$24,21,0),0)),0)</f>
        <v>5.513869643574032</v>
      </c>
      <c r="E3086" cm="1">
        <f t="array" ref="E3086">IFERROR(INDEX(Jesper!AI$2:AI$366,ROUNDDOWN($C3086/24,0)+1,1)*INDEX($D$3:$AA$30,INDEX(Jesper!$R$2:$R$366,ROW(INDEX(Jesper!AI$2:AI$366,ROUNDDOWN($C3086/24,0)+1,1))-1)+IF('Standard Profiles'!$G$19=$B$10,7,0)+IF('Standard Profiles'!$G$19=$B$17,14,0)+IF('Standard Profiles'!$G$19=$B$24,21,0),MOD($C3086,24)+1)/SUM(INDEX($D$3:$AA$30,INDEX(Jesper!$R$2:$R$366,ROW(INDEX(Jesper!AI$2:AI$366,ROUNDDOWN($C3086/24,0)+1,1))-1)+IF('Standard Profiles'!$G$19=$B$10,7,0)+IF('Standard Profiles'!$G$19=$B$17,14,0)+IF('Standard Profiles'!$G$19=$B$24,21,0),0)),0)</f>
        <v>4.1077791614455252</v>
      </c>
      <c r="F3086" cm="1">
        <f t="array" ref="F3086">IFERROR(INDEX(Jesper!AJ$2:AJ$366,ROUNDDOWN($C3086/24,0)+1,1)*INDEX($D$3:$AA$30,INDEX(Jesper!$R$2:$R$366,ROW(INDEX(Jesper!AJ$2:AJ$366,ROUNDDOWN($C3086/24,0)+1,1))-1)+IF('Standard Profiles'!$G$20=$B$10,7,0)+IF('Standard Profiles'!$G$20=$B$17,14,0)+IF('Standard Profiles'!$G$20=$B$24,21,0),MOD($C3086,24)+1)/SUM(INDEX($D$3:$AA$30,INDEX(Jesper!$R$2:$R$366,ROW(INDEX(Jesper!AJ$2:AJ$366,ROUNDDOWN($C3086/24,0)+1,1))-1)+IF('Standard Profiles'!$G$20=$B$10,7,0)+IF('Standard Profiles'!$G$20=$B$17,14,0)+IF('Standard Profiles'!$G$20=$B$24,21,0),0)),0)</f>
        <v>0</v>
      </c>
      <c r="G3086" cm="1">
        <f t="array" ref="G3086">IFERROR(INDEX(Jesper!AK$2:AK$366,ROUNDDOWN($C3086/24,0)+1,1)*INDEX($D$3:$AA$30,INDEX(Jesper!$R$2:$R$366,ROW(INDEX(Jesper!AK$2:AK$366,ROUNDDOWN($C3086/24,0)+1,1))-1)+IF('Standard Profiles'!$G$21=$B$10,7,0)+IF('Standard Profiles'!$G$21=$B$17,14,0)+IF('Standard Profiles'!$G$21=$B$24,21,0),MOD($C3086,24)+1)/SUM(INDEX($D$3:$AA$30,INDEX(Jesper!$R$2:$R$366,ROW(INDEX(Jesper!AK$2:AK$366,ROUNDDOWN($C3086/24,0)+1,1))-1)+IF('Standard Profiles'!$G$21=$B$10,7,0)+IF('Standard Profiles'!$G$21=$B$17,14,0)+IF('Standard Profiles'!$G$21=$B$24,21,0),0)),0)</f>
        <v>0.93252862806180536</v>
      </c>
      <c r="H3086" cm="1">
        <f t="array" ref="H3086">IFERROR(INDEX(Jesper!AL$2:AL$366,ROUNDDOWN($C3086/24,0)+1,1)*INDEX($D$3:$AA$30,INDEX(Jesper!$R$2:$R$366,ROW(INDEX(Jesper!AL$2:AL$366,ROUNDDOWN($C3086/24,0)+1,1))-1)+IF('Standard Profiles'!$G$22=$B$10,7,0)+IF('Standard Profiles'!$G$22=$B$17,14,0)+IF('Standard Profiles'!$G$22=$B$24,21,0),MOD($C3086,24)+1)/SUM(INDEX($D$3:$AA$30,INDEX(Jesper!$R$2:$R$366,ROW(INDEX(Jesper!AL$2:AL$366,ROUNDDOWN($C3086/24,0)+1,1))-1)+IF('Standard Profiles'!$G$22=$B$10,7,0)+IF('Standard Profiles'!$G$22=$B$17,14,0)+IF('Standard Profiles'!$G$22=$B$24,21,0),0)),0)</f>
        <v>0</v>
      </c>
      <c r="I3086">
        <f t="shared" si="349"/>
        <v>0.44761374146966637</v>
      </c>
      <c r="J3086">
        <f t="shared" si="350"/>
        <v>9.2243445486398503</v>
      </c>
      <c r="K3086">
        <f t="shared" si="351"/>
        <v>0.58814609531456341</v>
      </c>
      <c r="L3086">
        <f t="shared" si="352"/>
        <v>0.29407304765728171</v>
      </c>
      <c r="M3086">
        <f t="shared" si="353"/>
        <v>0</v>
      </c>
      <c r="N3086" s="45">
        <f t="shared" si="354"/>
        <v>45054.166666659265</v>
      </c>
    </row>
    <row r="3087" spans="2:14" x14ac:dyDescent="0.25">
      <c r="B3087">
        <f t="shared" si="348"/>
        <v>1</v>
      </c>
      <c r="C3087" s="16">
        <v>3053</v>
      </c>
      <c r="D3087" cm="1">
        <f t="array" ref="D3087">IFERROR(INDEX(Jesper!AH$2:AH$366,ROUNDDOWN($C3087/24,0)+1,1)*INDEX($D$3:$AA$30,INDEX(Jesper!$R$2:$R$366,ROW(INDEX(Jesper!AH$2:AH$366,ROUNDDOWN($C3087/24,0)+1,1))-1)+IF('Standard Profiles'!$G$18=$B$10,7,0)+IF('Standard Profiles'!$G$18=$B$17,14,0)+IF('Standard Profiles'!$G$18=$B$24,21,0),MOD($C3087,24)+1)/SUM(INDEX($D$3:$AA$30,INDEX(Jesper!$R$2:$R$366,ROW(INDEX(Jesper!AH$2:AH$366,ROUNDDOWN($C3087/24,0)+1,1))-1)+IF('Standard Profiles'!$G$18=$B$10,7,0)+IF('Standard Profiles'!$G$18=$B$17,14,0)+IF('Standard Profiles'!$G$18=$B$24,21,0),0)),0)</f>
        <v>5.513869643574032</v>
      </c>
      <c r="E3087" cm="1">
        <f t="array" ref="E3087">IFERROR(INDEX(Jesper!AI$2:AI$366,ROUNDDOWN($C3087/24,0)+1,1)*INDEX($D$3:$AA$30,INDEX(Jesper!$R$2:$R$366,ROW(INDEX(Jesper!AI$2:AI$366,ROUNDDOWN($C3087/24,0)+1,1))-1)+IF('Standard Profiles'!$G$19=$B$10,7,0)+IF('Standard Profiles'!$G$19=$B$17,14,0)+IF('Standard Profiles'!$G$19=$B$24,21,0),MOD($C3087,24)+1)/SUM(INDEX($D$3:$AA$30,INDEX(Jesper!$R$2:$R$366,ROW(INDEX(Jesper!AI$2:AI$366,ROUNDDOWN($C3087/24,0)+1,1))-1)+IF('Standard Profiles'!$G$19=$B$10,7,0)+IF('Standard Profiles'!$G$19=$B$17,14,0)+IF('Standard Profiles'!$G$19=$B$24,21,0),0)),0)</f>
        <v>4.1077791614455252</v>
      </c>
      <c r="F3087" cm="1">
        <f t="array" ref="F3087">IFERROR(INDEX(Jesper!AJ$2:AJ$366,ROUNDDOWN($C3087/24,0)+1,1)*INDEX($D$3:$AA$30,INDEX(Jesper!$R$2:$R$366,ROW(INDEX(Jesper!AJ$2:AJ$366,ROUNDDOWN($C3087/24,0)+1,1))-1)+IF('Standard Profiles'!$G$20=$B$10,7,0)+IF('Standard Profiles'!$G$20=$B$17,14,0)+IF('Standard Profiles'!$G$20=$B$24,21,0),MOD($C3087,24)+1)/SUM(INDEX($D$3:$AA$30,INDEX(Jesper!$R$2:$R$366,ROW(INDEX(Jesper!AJ$2:AJ$366,ROUNDDOWN($C3087/24,0)+1,1))-1)+IF('Standard Profiles'!$G$20=$B$10,7,0)+IF('Standard Profiles'!$G$20=$B$17,14,0)+IF('Standard Profiles'!$G$20=$B$24,21,0),0)),0)</f>
        <v>0</v>
      </c>
      <c r="G3087" cm="1">
        <f t="array" ref="G3087">IFERROR(INDEX(Jesper!AK$2:AK$366,ROUNDDOWN($C3087/24,0)+1,1)*INDEX($D$3:$AA$30,INDEX(Jesper!$R$2:$R$366,ROW(INDEX(Jesper!AK$2:AK$366,ROUNDDOWN($C3087/24,0)+1,1))-1)+IF('Standard Profiles'!$G$21=$B$10,7,0)+IF('Standard Profiles'!$G$21=$B$17,14,0)+IF('Standard Profiles'!$G$21=$B$24,21,0),MOD($C3087,24)+1)/SUM(INDEX($D$3:$AA$30,INDEX(Jesper!$R$2:$R$366,ROW(INDEX(Jesper!AK$2:AK$366,ROUNDDOWN($C3087/24,0)+1,1))-1)+IF('Standard Profiles'!$G$21=$B$10,7,0)+IF('Standard Profiles'!$G$21=$B$17,14,0)+IF('Standard Profiles'!$G$21=$B$24,21,0),0)),0)</f>
        <v>0.93252862806180536</v>
      </c>
      <c r="H3087" cm="1">
        <f t="array" ref="H3087">IFERROR(INDEX(Jesper!AL$2:AL$366,ROUNDDOWN($C3087/24,0)+1,1)*INDEX($D$3:$AA$30,INDEX(Jesper!$R$2:$R$366,ROW(INDEX(Jesper!AL$2:AL$366,ROUNDDOWN($C3087/24,0)+1,1))-1)+IF('Standard Profiles'!$G$22=$B$10,7,0)+IF('Standard Profiles'!$G$22=$B$17,14,0)+IF('Standard Profiles'!$G$22=$B$24,21,0),MOD($C3087,24)+1)/SUM(INDEX($D$3:$AA$30,INDEX(Jesper!$R$2:$R$366,ROW(INDEX(Jesper!AL$2:AL$366,ROUNDDOWN($C3087/24,0)+1,1))-1)+IF('Standard Profiles'!$G$22=$B$10,7,0)+IF('Standard Profiles'!$G$22=$B$17,14,0)+IF('Standard Profiles'!$G$22=$B$24,21,0),0)),0)</f>
        <v>0</v>
      </c>
      <c r="I3087">
        <f t="shared" si="349"/>
        <v>0.44761374146966637</v>
      </c>
      <c r="J3087">
        <f t="shared" si="350"/>
        <v>9.2243445486398503</v>
      </c>
      <c r="K3087">
        <f t="shared" si="351"/>
        <v>0.58814609531456341</v>
      </c>
      <c r="L3087">
        <f t="shared" si="352"/>
        <v>0.29407304765728171</v>
      </c>
      <c r="M3087">
        <f t="shared" si="353"/>
        <v>0</v>
      </c>
      <c r="N3087" s="45">
        <f t="shared" si="354"/>
        <v>45054.208333325929</v>
      </c>
    </row>
    <row r="3088" spans="2:14" x14ac:dyDescent="0.25">
      <c r="B3088">
        <f t="shared" si="348"/>
        <v>1</v>
      </c>
      <c r="C3088" s="16">
        <v>3054</v>
      </c>
      <c r="D3088" cm="1">
        <f t="array" ref="D3088">IFERROR(INDEX(Jesper!AH$2:AH$366,ROUNDDOWN($C3088/24,0)+1,1)*INDEX($D$3:$AA$30,INDEX(Jesper!$R$2:$R$366,ROW(INDEX(Jesper!AH$2:AH$366,ROUNDDOWN($C3088/24,0)+1,1))-1)+IF('Standard Profiles'!$G$18=$B$10,7,0)+IF('Standard Profiles'!$G$18=$B$17,14,0)+IF('Standard Profiles'!$G$18=$B$24,21,0),MOD($C3088,24)+1)/SUM(INDEX($D$3:$AA$30,INDEX(Jesper!$R$2:$R$366,ROW(INDEX(Jesper!AH$2:AH$366,ROUNDDOWN($C3088/24,0)+1,1))-1)+IF('Standard Profiles'!$G$18=$B$10,7,0)+IF('Standard Profiles'!$G$18=$B$17,14,0)+IF('Standard Profiles'!$G$18=$B$24,21,0),0)),0)</f>
        <v>5.513869643574032</v>
      </c>
      <c r="E3088" cm="1">
        <f t="array" ref="E3088">IFERROR(INDEX(Jesper!AI$2:AI$366,ROUNDDOWN($C3088/24,0)+1,1)*INDEX($D$3:$AA$30,INDEX(Jesper!$R$2:$R$366,ROW(INDEX(Jesper!AI$2:AI$366,ROUNDDOWN($C3088/24,0)+1,1))-1)+IF('Standard Profiles'!$G$19=$B$10,7,0)+IF('Standard Profiles'!$G$19=$B$17,14,0)+IF('Standard Profiles'!$G$19=$B$24,21,0),MOD($C3088,24)+1)/SUM(INDEX($D$3:$AA$30,INDEX(Jesper!$R$2:$R$366,ROW(INDEX(Jesper!AI$2:AI$366,ROUNDDOWN($C3088/24,0)+1,1))-1)+IF('Standard Profiles'!$G$19=$B$10,7,0)+IF('Standard Profiles'!$G$19=$B$17,14,0)+IF('Standard Profiles'!$G$19=$B$24,21,0),0)),0)</f>
        <v>4.1077791614455252</v>
      </c>
      <c r="F3088" cm="1">
        <f t="array" ref="F3088">IFERROR(INDEX(Jesper!AJ$2:AJ$366,ROUNDDOWN($C3088/24,0)+1,1)*INDEX($D$3:$AA$30,INDEX(Jesper!$R$2:$R$366,ROW(INDEX(Jesper!AJ$2:AJ$366,ROUNDDOWN($C3088/24,0)+1,1))-1)+IF('Standard Profiles'!$G$20=$B$10,7,0)+IF('Standard Profiles'!$G$20=$B$17,14,0)+IF('Standard Profiles'!$G$20=$B$24,21,0),MOD($C3088,24)+1)/SUM(INDEX($D$3:$AA$30,INDEX(Jesper!$R$2:$R$366,ROW(INDEX(Jesper!AJ$2:AJ$366,ROUNDDOWN($C3088/24,0)+1,1))-1)+IF('Standard Profiles'!$G$20=$B$10,7,0)+IF('Standard Profiles'!$G$20=$B$17,14,0)+IF('Standard Profiles'!$G$20=$B$24,21,0),0)),0)</f>
        <v>0</v>
      </c>
      <c r="G3088" cm="1">
        <f t="array" ref="G3088">IFERROR(INDEX(Jesper!AK$2:AK$366,ROUNDDOWN($C3088/24,0)+1,1)*INDEX($D$3:$AA$30,INDEX(Jesper!$R$2:$R$366,ROW(INDEX(Jesper!AK$2:AK$366,ROUNDDOWN($C3088/24,0)+1,1))-1)+IF('Standard Profiles'!$G$21=$B$10,7,0)+IF('Standard Profiles'!$G$21=$B$17,14,0)+IF('Standard Profiles'!$G$21=$B$24,21,0),MOD($C3088,24)+1)/SUM(INDEX($D$3:$AA$30,INDEX(Jesper!$R$2:$R$366,ROW(INDEX(Jesper!AK$2:AK$366,ROUNDDOWN($C3088/24,0)+1,1))-1)+IF('Standard Profiles'!$G$21=$B$10,7,0)+IF('Standard Profiles'!$G$21=$B$17,14,0)+IF('Standard Profiles'!$G$21=$B$24,21,0),0)),0)</f>
        <v>0.93252862806180536</v>
      </c>
      <c r="H3088" cm="1">
        <f t="array" ref="H3088">IFERROR(INDEX(Jesper!AL$2:AL$366,ROUNDDOWN($C3088/24,0)+1,1)*INDEX($D$3:$AA$30,INDEX(Jesper!$R$2:$R$366,ROW(INDEX(Jesper!AL$2:AL$366,ROUNDDOWN($C3088/24,0)+1,1))-1)+IF('Standard Profiles'!$G$22=$B$10,7,0)+IF('Standard Profiles'!$G$22=$B$17,14,0)+IF('Standard Profiles'!$G$22=$B$24,21,0),MOD($C3088,24)+1)/SUM(INDEX($D$3:$AA$30,INDEX(Jesper!$R$2:$R$366,ROW(INDEX(Jesper!AL$2:AL$366,ROUNDDOWN($C3088/24,0)+1,1))-1)+IF('Standard Profiles'!$G$22=$B$10,7,0)+IF('Standard Profiles'!$G$22=$B$17,14,0)+IF('Standard Profiles'!$G$22=$B$24,21,0),0)),0)</f>
        <v>0</v>
      </c>
      <c r="I3088">
        <f t="shared" si="349"/>
        <v>0.44761374146966637</v>
      </c>
      <c r="J3088">
        <f t="shared" si="350"/>
        <v>9.2243445486398503</v>
      </c>
      <c r="K3088">
        <f t="shared" si="351"/>
        <v>0.58814609531456341</v>
      </c>
      <c r="L3088">
        <f t="shared" si="352"/>
        <v>0.29407304765728171</v>
      </c>
      <c r="M3088">
        <f t="shared" si="353"/>
        <v>0</v>
      </c>
      <c r="N3088" s="45">
        <f t="shared" si="354"/>
        <v>45054.249999992593</v>
      </c>
    </row>
    <row r="3089" spans="2:14" x14ac:dyDescent="0.25">
      <c r="B3089">
        <f t="shared" si="348"/>
        <v>1</v>
      </c>
      <c r="C3089" s="16">
        <v>3055</v>
      </c>
      <c r="D3089" cm="1">
        <f t="array" ref="D3089">IFERROR(INDEX(Jesper!AH$2:AH$366,ROUNDDOWN($C3089/24,0)+1,1)*INDEX($D$3:$AA$30,INDEX(Jesper!$R$2:$R$366,ROW(INDEX(Jesper!AH$2:AH$366,ROUNDDOWN($C3089/24,0)+1,1))-1)+IF('Standard Profiles'!$G$18=$B$10,7,0)+IF('Standard Profiles'!$G$18=$B$17,14,0)+IF('Standard Profiles'!$G$18=$B$24,21,0),MOD($C3089,24)+1)/SUM(INDEX($D$3:$AA$30,INDEX(Jesper!$R$2:$R$366,ROW(INDEX(Jesper!AH$2:AH$366,ROUNDDOWN($C3089/24,0)+1,1))-1)+IF('Standard Profiles'!$G$18=$B$10,7,0)+IF('Standard Profiles'!$G$18=$B$17,14,0)+IF('Standard Profiles'!$G$18=$B$24,21,0),0)),0)</f>
        <v>23.489084681625375</v>
      </c>
      <c r="E3089" cm="1">
        <f t="array" ref="E3089">IFERROR(INDEX(Jesper!AI$2:AI$366,ROUNDDOWN($C3089/24,0)+1,1)*INDEX($D$3:$AA$30,INDEX(Jesper!$R$2:$R$366,ROW(INDEX(Jesper!AI$2:AI$366,ROUNDDOWN($C3089/24,0)+1,1))-1)+IF('Standard Profiles'!$G$19=$B$10,7,0)+IF('Standard Profiles'!$G$19=$B$17,14,0)+IF('Standard Profiles'!$G$19=$B$24,21,0),MOD($C3089,24)+1)/SUM(INDEX($D$3:$AA$30,INDEX(Jesper!$R$2:$R$366,ROW(INDEX(Jesper!AI$2:AI$366,ROUNDDOWN($C3089/24,0)+1,1))-1)+IF('Standard Profiles'!$G$19=$B$10,7,0)+IF('Standard Profiles'!$G$19=$B$17,14,0)+IF('Standard Profiles'!$G$19=$B$24,21,0),0)),0)</f>
        <v>17.499139227757937</v>
      </c>
      <c r="F3089" cm="1">
        <f t="array" ref="F3089">IFERROR(INDEX(Jesper!AJ$2:AJ$366,ROUNDDOWN($C3089/24,0)+1,1)*INDEX($D$3:$AA$30,INDEX(Jesper!$R$2:$R$366,ROW(INDEX(Jesper!AJ$2:AJ$366,ROUNDDOWN($C3089/24,0)+1,1))-1)+IF('Standard Profiles'!$G$20=$B$10,7,0)+IF('Standard Profiles'!$G$20=$B$17,14,0)+IF('Standard Profiles'!$G$20=$B$24,21,0),MOD($C3089,24)+1)/SUM(INDEX($D$3:$AA$30,INDEX(Jesper!$R$2:$R$366,ROW(INDEX(Jesper!AJ$2:AJ$366,ROUNDDOWN($C3089/24,0)+1,1))-1)+IF('Standard Profiles'!$G$20=$B$10,7,0)+IF('Standard Profiles'!$G$20=$B$17,14,0)+IF('Standard Profiles'!$G$20=$B$24,21,0),0)),0)</f>
        <v>0</v>
      </c>
      <c r="G3089" cm="1">
        <f t="array" ref="G3089">IFERROR(INDEX(Jesper!AK$2:AK$366,ROUNDDOWN($C3089/24,0)+1,1)*INDEX($D$3:$AA$30,INDEX(Jesper!$R$2:$R$366,ROW(INDEX(Jesper!AK$2:AK$366,ROUNDDOWN($C3089/24,0)+1,1))-1)+IF('Standard Profiles'!$G$21=$B$10,7,0)+IF('Standard Profiles'!$G$21=$B$17,14,0)+IF('Standard Profiles'!$G$21=$B$24,21,0),MOD($C3089,24)+1)/SUM(INDEX($D$3:$AA$30,INDEX(Jesper!$R$2:$R$366,ROW(INDEX(Jesper!AK$2:AK$366,ROUNDDOWN($C3089/24,0)+1,1))-1)+IF('Standard Profiles'!$G$21=$B$10,7,0)+IF('Standard Profiles'!$G$21=$B$17,14,0)+IF('Standard Profiles'!$G$21=$B$24,21,0),0)),0)</f>
        <v>4.0564995320688535</v>
      </c>
      <c r="H3089" cm="1">
        <f t="array" ref="H3089">IFERROR(INDEX(Jesper!AL$2:AL$366,ROUNDDOWN($C3089/24,0)+1,1)*INDEX($D$3:$AA$30,INDEX(Jesper!$R$2:$R$366,ROW(INDEX(Jesper!AL$2:AL$366,ROUNDDOWN($C3089/24,0)+1,1))-1)+IF('Standard Profiles'!$G$22=$B$10,7,0)+IF('Standard Profiles'!$G$22=$B$17,14,0)+IF('Standard Profiles'!$G$22=$B$24,21,0),MOD($C3089,24)+1)/SUM(INDEX($D$3:$AA$30,INDEX(Jesper!$R$2:$R$366,ROW(INDEX(Jesper!AL$2:AL$366,ROUNDDOWN($C3089/24,0)+1,1))-1)+IF('Standard Profiles'!$G$22=$B$10,7,0)+IF('Standard Profiles'!$G$22=$B$17,14,0)+IF('Standard Profiles'!$G$22=$B$24,21,0),0)),0)</f>
        <v>0</v>
      </c>
      <c r="I3089">
        <f t="shared" si="349"/>
        <v>1.9471197753930487</v>
      </c>
      <c r="J3089">
        <f t="shared" si="350"/>
        <v>39.339350116999057</v>
      </c>
      <c r="K3089">
        <f t="shared" si="351"/>
        <v>2.50550236604004</v>
      </c>
      <c r="L3089">
        <f t="shared" si="352"/>
        <v>1.25275118302002</v>
      </c>
      <c r="M3089">
        <f t="shared" si="353"/>
        <v>0</v>
      </c>
      <c r="N3089" s="45">
        <f t="shared" si="354"/>
        <v>45054.291666659257</v>
      </c>
    </row>
    <row r="3090" spans="2:14" x14ac:dyDescent="0.25">
      <c r="B3090">
        <f t="shared" si="348"/>
        <v>1</v>
      </c>
      <c r="C3090" s="16">
        <v>3056</v>
      </c>
      <c r="D3090" cm="1">
        <f t="array" ref="D3090">IFERROR(INDEX(Jesper!AH$2:AH$366,ROUNDDOWN($C3090/24,0)+1,1)*INDEX($D$3:$AA$30,INDEX(Jesper!$R$2:$R$366,ROW(INDEX(Jesper!AH$2:AH$366,ROUNDDOWN($C3090/24,0)+1,1))-1)+IF('Standard Profiles'!$G$18=$B$10,7,0)+IF('Standard Profiles'!$G$18=$B$17,14,0)+IF('Standard Profiles'!$G$18=$B$24,21,0),MOD($C3090,24)+1)/SUM(INDEX($D$3:$AA$30,INDEX(Jesper!$R$2:$R$366,ROW(INDEX(Jesper!AH$2:AH$366,ROUNDDOWN($C3090/24,0)+1,1))-1)+IF('Standard Profiles'!$G$18=$B$10,7,0)+IF('Standard Profiles'!$G$18=$B$17,14,0)+IF('Standard Profiles'!$G$18=$B$24,21,0),0)),0)</f>
        <v>26.425220266828546</v>
      </c>
      <c r="E3090" cm="1">
        <f t="array" ref="E3090">IFERROR(INDEX(Jesper!AI$2:AI$366,ROUNDDOWN($C3090/24,0)+1,1)*INDEX($D$3:$AA$30,INDEX(Jesper!$R$2:$R$366,ROW(INDEX(Jesper!AI$2:AI$366,ROUNDDOWN($C3090/24,0)+1,1))-1)+IF('Standard Profiles'!$G$19=$B$10,7,0)+IF('Standard Profiles'!$G$19=$B$17,14,0)+IF('Standard Profiles'!$G$19=$B$24,21,0),MOD($C3090,24)+1)/SUM(INDEX($D$3:$AA$30,INDEX(Jesper!$R$2:$R$366,ROW(INDEX(Jesper!AI$2:AI$366,ROUNDDOWN($C3090/24,0)+1,1))-1)+IF('Standard Profiles'!$G$19=$B$10,7,0)+IF('Standard Profiles'!$G$19=$B$17,14,0)+IF('Standard Profiles'!$G$19=$B$24,21,0),0)),0)</f>
        <v>19.68653163122768</v>
      </c>
      <c r="F3090" cm="1">
        <f t="array" ref="F3090">IFERROR(INDEX(Jesper!AJ$2:AJ$366,ROUNDDOWN($C3090/24,0)+1,1)*INDEX($D$3:$AA$30,INDEX(Jesper!$R$2:$R$366,ROW(INDEX(Jesper!AJ$2:AJ$366,ROUNDDOWN($C3090/24,0)+1,1))-1)+IF('Standard Profiles'!$G$20=$B$10,7,0)+IF('Standard Profiles'!$G$20=$B$17,14,0)+IF('Standard Profiles'!$G$20=$B$24,21,0),MOD($C3090,24)+1)/SUM(INDEX($D$3:$AA$30,INDEX(Jesper!$R$2:$R$366,ROW(INDEX(Jesper!AJ$2:AJ$366,ROUNDDOWN($C3090/24,0)+1,1))-1)+IF('Standard Profiles'!$G$20=$B$10,7,0)+IF('Standard Profiles'!$G$20=$B$17,14,0)+IF('Standard Profiles'!$G$20=$B$24,21,0),0)),0)</f>
        <v>0</v>
      </c>
      <c r="G3090" cm="1">
        <f t="array" ref="G3090">IFERROR(INDEX(Jesper!AK$2:AK$366,ROUNDDOWN($C3090/24,0)+1,1)*INDEX($D$3:$AA$30,INDEX(Jesper!$R$2:$R$366,ROW(INDEX(Jesper!AK$2:AK$366,ROUNDDOWN($C3090/24,0)+1,1))-1)+IF('Standard Profiles'!$G$21=$B$10,7,0)+IF('Standard Profiles'!$G$21=$B$17,14,0)+IF('Standard Profiles'!$G$21=$B$24,21,0),MOD($C3090,24)+1)/SUM(INDEX($D$3:$AA$30,INDEX(Jesper!$R$2:$R$366,ROW(INDEX(Jesper!AK$2:AK$366,ROUNDDOWN($C3090/24,0)+1,1))-1)+IF('Standard Profiles'!$G$21=$B$10,7,0)+IF('Standard Profiles'!$G$21=$B$17,14,0)+IF('Standard Profiles'!$G$21=$B$24,21,0),0)),0)</f>
        <v>4.5635619735774595</v>
      </c>
      <c r="H3090" cm="1">
        <f t="array" ref="H3090">IFERROR(INDEX(Jesper!AL$2:AL$366,ROUNDDOWN($C3090/24,0)+1,1)*INDEX($D$3:$AA$30,INDEX(Jesper!$R$2:$R$366,ROW(INDEX(Jesper!AL$2:AL$366,ROUNDDOWN($C3090/24,0)+1,1))-1)+IF('Standard Profiles'!$G$22=$B$10,7,0)+IF('Standard Profiles'!$G$22=$B$17,14,0)+IF('Standard Profiles'!$G$22=$B$24,21,0),MOD($C3090,24)+1)/SUM(INDEX($D$3:$AA$30,INDEX(Jesper!$R$2:$R$366,ROW(INDEX(Jesper!AL$2:AL$366,ROUNDDOWN($C3090/24,0)+1,1))-1)+IF('Standard Profiles'!$G$22=$B$10,7,0)+IF('Standard Profiles'!$G$22=$B$17,14,0)+IF('Standard Profiles'!$G$22=$B$24,21,0),0)),0)</f>
        <v>0</v>
      </c>
      <c r="I3090">
        <f t="shared" si="349"/>
        <v>2.1905097473171793</v>
      </c>
      <c r="J3090">
        <f t="shared" si="350"/>
        <v>44.256768881623934</v>
      </c>
      <c r="K3090">
        <f t="shared" si="351"/>
        <v>2.8186901617950451</v>
      </c>
      <c r="L3090">
        <f t="shared" si="352"/>
        <v>1.4093450808975225</v>
      </c>
      <c r="M3090">
        <f t="shared" si="353"/>
        <v>0</v>
      </c>
      <c r="N3090" s="45">
        <f t="shared" si="354"/>
        <v>45054.333333325922</v>
      </c>
    </row>
    <row r="3091" spans="2:14" x14ac:dyDescent="0.25">
      <c r="B3091">
        <f t="shared" si="348"/>
        <v>1</v>
      </c>
      <c r="C3091" s="16">
        <v>3057</v>
      </c>
      <c r="D3091" cm="1">
        <f t="array" ref="D3091">IFERROR(INDEX(Jesper!AH$2:AH$366,ROUNDDOWN($C3091/24,0)+1,1)*INDEX($D$3:$AA$30,INDEX(Jesper!$R$2:$R$366,ROW(INDEX(Jesper!AH$2:AH$366,ROUNDDOWN($C3091/24,0)+1,1))-1)+IF('Standard Profiles'!$G$18=$B$10,7,0)+IF('Standard Profiles'!$G$18=$B$17,14,0)+IF('Standard Profiles'!$G$18=$B$24,21,0),MOD($C3091,24)+1)/SUM(INDEX($D$3:$AA$30,INDEX(Jesper!$R$2:$R$366,ROW(INDEX(Jesper!AH$2:AH$366,ROUNDDOWN($C3091/24,0)+1,1))-1)+IF('Standard Profiles'!$G$18=$B$10,7,0)+IF('Standard Profiles'!$G$18=$B$17,14,0)+IF('Standard Profiles'!$G$18=$B$24,21,0),0)),0)</f>
        <v>29.361355852031721</v>
      </c>
      <c r="E3091" cm="1">
        <f t="array" ref="E3091">IFERROR(INDEX(Jesper!AI$2:AI$366,ROUNDDOWN($C3091/24,0)+1,1)*INDEX($D$3:$AA$30,INDEX(Jesper!$R$2:$R$366,ROW(INDEX(Jesper!AI$2:AI$366,ROUNDDOWN($C3091/24,0)+1,1))-1)+IF('Standard Profiles'!$G$19=$B$10,7,0)+IF('Standard Profiles'!$G$19=$B$17,14,0)+IF('Standard Profiles'!$G$19=$B$24,21,0),MOD($C3091,24)+1)/SUM(INDEX($D$3:$AA$30,INDEX(Jesper!$R$2:$R$366,ROW(INDEX(Jesper!AI$2:AI$366,ROUNDDOWN($C3091/24,0)+1,1))-1)+IF('Standard Profiles'!$G$19=$B$10,7,0)+IF('Standard Profiles'!$G$19=$B$17,14,0)+IF('Standard Profiles'!$G$19=$B$24,21,0),0)),0)</f>
        <v>21.873924034697421</v>
      </c>
      <c r="F3091" cm="1">
        <f t="array" ref="F3091">IFERROR(INDEX(Jesper!AJ$2:AJ$366,ROUNDDOWN($C3091/24,0)+1,1)*INDEX($D$3:$AA$30,INDEX(Jesper!$R$2:$R$366,ROW(INDEX(Jesper!AJ$2:AJ$366,ROUNDDOWN($C3091/24,0)+1,1))-1)+IF('Standard Profiles'!$G$20=$B$10,7,0)+IF('Standard Profiles'!$G$20=$B$17,14,0)+IF('Standard Profiles'!$G$20=$B$24,21,0),MOD($C3091,24)+1)/SUM(INDEX($D$3:$AA$30,INDEX(Jesper!$R$2:$R$366,ROW(INDEX(Jesper!AJ$2:AJ$366,ROUNDDOWN($C3091/24,0)+1,1))-1)+IF('Standard Profiles'!$G$20=$B$10,7,0)+IF('Standard Profiles'!$G$20=$B$17,14,0)+IF('Standard Profiles'!$G$20=$B$24,21,0),0)),0)</f>
        <v>0</v>
      </c>
      <c r="G3091" cm="1">
        <f t="array" ref="G3091">IFERROR(INDEX(Jesper!AK$2:AK$366,ROUNDDOWN($C3091/24,0)+1,1)*INDEX($D$3:$AA$30,INDEX(Jesper!$R$2:$R$366,ROW(INDEX(Jesper!AK$2:AK$366,ROUNDDOWN($C3091/24,0)+1,1))-1)+IF('Standard Profiles'!$G$21=$B$10,7,0)+IF('Standard Profiles'!$G$21=$B$17,14,0)+IF('Standard Profiles'!$G$21=$B$24,21,0),MOD($C3091,24)+1)/SUM(INDEX($D$3:$AA$30,INDEX(Jesper!$R$2:$R$366,ROW(INDEX(Jesper!AK$2:AK$366,ROUNDDOWN($C3091/24,0)+1,1))-1)+IF('Standard Profiles'!$G$21=$B$10,7,0)+IF('Standard Profiles'!$G$21=$B$17,14,0)+IF('Standard Profiles'!$G$21=$B$24,21,0),0)),0)</f>
        <v>5.0706244150860655</v>
      </c>
      <c r="H3091" cm="1">
        <f t="array" ref="H3091">IFERROR(INDEX(Jesper!AL$2:AL$366,ROUNDDOWN($C3091/24,0)+1,1)*INDEX($D$3:$AA$30,INDEX(Jesper!$R$2:$R$366,ROW(INDEX(Jesper!AL$2:AL$366,ROUNDDOWN($C3091/24,0)+1,1))-1)+IF('Standard Profiles'!$G$22=$B$10,7,0)+IF('Standard Profiles'!$G$22=$B$17,14,0)+IF('Standard Profiles'!$G$22=$B$24,21,0),MOD($C3091,24)+1)/SUM(INDEX($D$3:$AA$30,INDEX(Jesper!$R$2:$R$366,ROW(INDEX(Jesper!AL$2:AL$366,ROUNDDOWN($C3091/24,0)+1,1))-1)+IF('Standard Profiles'!$G$22=$B$10,7,0)+IF('Standard Profiles'!$G$22=$B$17,14,0)+IF('Standard Profiles'!$G$22=$B$24,21,0),0)),0)</f>
        <v>0</v>
      </c>
      <c r="I3091">
        <f t="shared" si="349"/>
        <v>2.4338997192413103</v>
      </c>
      <c r="J3091">
        <f t="shared" si="350"/>
        <v>49.174187646248818</v>
      </c>
      <c r="K3091">
        <f t="shared" si="351"/>
        <v>3.1318779575500506</v>
      </c>
      <c r="L3091">
        <f t="shared" si="352"/>
        <v>1.5659389787750253</v>
      </c>
      <c r="M3091">
        <f t="shared" si="353"/>
        <v>0</v>
      </c>
      <c r="N3091" s="45">
        <f t="shared" si="354"/>
        <v>45054.374999992586</v>
      </c>
    </row>
    <row r="3092" spans="2:14" x14ac:dyDescent="0.25">
      <c r="B3092">
        <f t="shared" si="348"/>
        <v>1</v>
      </c>
      <c r="C3092" s="16">
        <v>3058</v>
      </c>
      <c r="D3092" cm="1">
        <f t="array" ref="D3092">IFERROR(INDEX(Jesper!AH$2:AH$366,ROUNDDOWN($C3092/24,0)+1,1)*INDEX($D$3:$AA$30,INDEX(Jesper!$R$2:$R$366,ROW(INDEX(Jesper!AH$2:AH$366,ROUNDDOWN($C3092/24,0)+1,1))-1)+IF('Standard Profiles'!$G$18=$B$10,7,0)+IF('Standard Profiles'!$G$18=$B$17,14,0)+IF('Standard Profiles'!$G$18=$B$24,21,0),MOD($C3092,24)+1)/SUM(INDEX($D$3:$AA$30,INDEX(Jesper!$R$2:$R$366,ROW(INDEX(Jesper!AH$2:AH$366,ROUNDDOWN($C3092/24,0)+1,1))-1)+IF('Standard Profiles'!$G$18=$B$10,7,0)+IF('Standard Profiles'!$G$18=$B$17,14,0)+IF('Standard Profiles'!$G$18=$B$24,21,0),0)),0)</f>
        <v>29.361355852031721</v>
      </c>
      <c r="E3092" cm="1">
        <f t="array" ref="E3092">IFERROR(INDEX(Jesper!AI$2:AI$366,ROUNDDOWN($C3092/24,0)+1,1)*INDEX($D$3:$AA$30,INDEX(Jesper!$R$2:$R$366,ROW(INDEX(Jesper!AI$2:AI$366,ROUNDDOWN($C3092/24,0)+1,1))-1)+IF('Standard Profiles'!$G$19=$B$10,7,0)+IF('Standard Profiles'!$G$19=$B$17,14,0)+IF('Standard Profiles'!$G$19=$B$24,21,0),MOD($C3092,24)+1)/SUM(INDEX($D$3:$AA$30,INDEX(Jesper!$R$2:$R$366,ROW(INDEX(Jesper!AI$2:AI$366,ROUNDDOWN($C3092/24,0)+1,1))-1)+IF('Standard Profiles'!$G$19=$B$10,7,0)+IF('Standard Profiles'!$G$19=$B$17,14,0)+IF('Standard Profiles'!$G$19=$B$24,21,0),0)),0)</f>
        <v>21.873924034697421</v>
      </c>
      <c r="F3092" cm="1">
        <f t="array" ref="F3092">IFERROR(INDEX(Jesper!AJ$2:AJ$366,ROUNDDOWN($C3092/24,0)+1,1)*INDEX($D$3:$AA$30,INDEX(Jesper!$R$2:$R$366,ROW(INDEX(Jesper!AJ$2:AJ$366,ROUNDDOWN($C3092/24,0)+1,1))-1)+IF('Standard Profiles'!$G$20=$B$10,7,0)+IF('Standard Profiles'!$G$20=$B$17,14,0)+IF('Standard Profiles'!$G$20=$B$24,21,0),MOD($C3092,24)+1)/SUM(INDEX($D$3:$AA$30,INDEX(Jesper!$R$2:$R$366,ROW(INDEX(Jesper!AJ$2:AJ$366,ROUNDDOWN($C3092/24,0)+1,1))-1)+IF('Standard Profiles'!$G$20=$B$10,7,0)+IF('Standard Profiles'!$G$20=$B$17,14,0)+IF('Standard Profiles'!$G$20=$B$24,21,0),0)),0)</f>
        <v>0</v>
      </c>
      <c r="G3092" cm="1">
        <f t="array" ref="G3092">IFERROR(INDEX(Jesper!AK$2:AK$366,ROUNDDOWN($C3092/24,0)+1,1)*INDEX($D$3:$AA$30,INDEX(Jesper!$R$2:$R$366,ROW(INDEX(Jesper!AK$2:AK$366,ROUNDDOWN($C3092/24,0)+1,1))-1)+IF('Standard Profiles'!$G$21=$B$10,7,0)+IF('Standard Profiles'!$G$21=$B$17,14,0)+IF('Standard Profiles'!$G$21=$B$24,21,0),MOD($C3092,24)+1)/SUM(INDEX($D$3:$AA$30,INDEX(Jesper!$R$2:$R$366,ROW(INDEX(Jesper!AK$2:AK$366,ROUNDDOWN($C3092/24,0)+1,1))-1)+IF('Standard Profiles'!$G$21=$B$10,7,0)+IF('Standard Profiles'!$G$21=$B$17,14,0)+IF('Standard Profiles'!$G$21=$B$24,21,0),0)),0)</f>
        <v>5.0706244150860655</v>
      </c>
      <c r="H3092" cm="1">
        <f t="array" ref="H3092">IFERROR(INDEX(Jesper!AL$2:AL$366,ROUNDDOWN($C3092/24,0)+1,1)*INDEX($D$3:$AA$30,INDEX(Jesper!$R$2:$R$366,ROW(INDEX(Jesper!AL$2:AL$366,ROUNDDOWN($C3092/24,0)+1,1))-1)+IF('Standard Profiles'!$G$22=$B$10,7,0)+IF('Standard Profiles'!$G$22=$B$17,14,0)+IF('Standard Profiles'!$G$22=$B$24,21,0),MOD($C3092,24)+1)/SUM(INDEX($D$3:$AA$30,INDEX(Jesper!$R$2:$R$366,ROW(INDEX(Jesper!AL$2:AL$366,ROUNDDOWN($C3092/24,0)+1,1))-1)+IF('Standard Profiles'!$G$22=$B$10,7,0)+IF('Standard Profiles'!$G$22=$B$17,14,0)+IF('Standard Profiles'!$G$22=$B$24,21,0),0)),0)</f>
        <v>0</v>
      </c>
      <c r="I3092">
        <f t="shared" si="349"/>
        <v>2.4338997192413103</v>
      </c>
      <c r="J3092">
        <f t="shared" si="350"/>
        <v>49.174187646248818</v>
      </c>
      <c r="K3092">
        <f t="shared" si="351"/>
        <v>3.1318779575500506</v>
      </c>
      <c r="L3092">
        <f t="shared" si="352"/>
        <v>1.5659389787750253</v>
      </c>
      <c r="M3092">
        <f t="shared" si="353"/>
        <v>0</v>
      </c>
      <c r="N3092" s="45">
        <f t="shared" si="354"/>
        <v>45054.41666665925</v>
      </c>
    </row>
    <row r="3093" spans="2:14" x14ac:dyDescent="0.25">
      <c r="B3093">
        <f t="shared" si="348"/>
        <v>1</v>
      </c>
      <c r="C3093" s="16">
        <v>3059</v>
      </c>
      <c r="D3093" cm="1">
        <f t="array" ref="D3093">IFERROR(INDEX(Jesper!AH$2:AH$366,ROUNDDOWN($C3093/24,0)+1,1)*INDEX($D$3:$AA$30,INDEX(Jesper!$R$2:$R$366,ROW(INDEX(Jesper!AH$2:AH$366,ROUNDDOWN($C3093/24,0)+1,1))-1)+IF('Standard Profiles'!$G$18=$B$10,7,0)+IF('Standard Profiles'!$G$18=$B$17,14,0)+IF('Standard Profiles'!$G$18=$B$24,21,0),MOD($C3093,24)+1)/SUM(INDEX($D$3:$AA$30,INDEX(Jesper!$R$2:$R$366,ROW(INDEX(Jesper!AH$2:AH$366,ROUNDDOWN($C3093/24,0)+1,1))-1)+IF('Standard Profiles'!$G$18=$B$10,7,0)+IF('Standard Profiles'!$G$18=$B$17,14,0)+IF('Standard Profiles'!$G$18=$B$24,21,0),0)),0)</f>
        <v>35.233627022438057</v>
      </c>
      <c r="E3093" cm="1">
        <f t="array" ref="E3093">IFERROR(INDEX(Jesper!AI$2:AI$366,ROUNDDOWN($C3093/24,0)+1,1)*INDEX($D$3:$AA$30,INDEX(Jesper!$R$2:$R$366,ROW(INDEX(Jesper!AI$2:AI$366,ROUNDDOWN($C3093/24,0)+1,1))-1)+IF('Standard Profiles'!$G$19=$B$10,7,0)+IF('Standard Profiles'!$G$19=$B$17,14,0)+IF('Standard Profiles'!$G$19=$B$24,21,0),MOD($C3093,24)+1)/SUM(INDEX($D$3:$AA$30,INDEX(Jesper!$R$2:$R$366,ROW(INDEX(Jesper!AI$2:AI$366,ROUNDDOWN($C3093/24,0)+1,1))-1)+IF('Standard Profiles'!$G$19=$B$10,7,0)+IF('Standard Profiles'!$G$19=$B$17,14,0)+IF('Standard Profiles'!$G$19=$B$24,21,0),0)),0)</f>
        <v>26.248708841636905</v>
      </c>
      <c r="F3093" cm="1">
        <f t="array" ref="F3093">IFERROR(INDEX(Jesper!AJ$2:AJ$366,ROUNDDOWN($C3093/24,0)+1,1)*INDEX($D$3:$AA$30,INDEX(Jesper!$R$2:$R$366,ROW(INDEX(Jesper!AJ$2:AJ$366,ROUNDDOWN($C3093/24,0)+1,1))-1)+IF('Standard Profiles'!$G$20=$B$10,7,0)+IF('Standard Profiles'!$G$20=$B$17,14,0)+IF('Standard Profiles'!$G$20=$B$24,21,0),MOD($C3093,24)+1)/SUM(INDEX($D$3:$AA$30,INDEX(Jesper!$R$2:$R$366,ROW(INDEX(Jesper!AJ$2:AJ$366,ROUNDDOWN($C3093/24,0)+1,1))-1)+IF('Standard Profiles'!$G$20=$B$10,7,0)+IF('Standard Profiles'!$G$20=$B$17,14,0)+IF('Standard Profiles'!$G$20=$B$24,21,0),0)),0)</f>
        <v>0</v>
      </c>
      <c r="G3093" cm="1">
        <f t="array" ref="G3093">IFERROR(INDEX(Jesper!AK$2:AK$366,ROUNDDOWN($C3093/24,0)+1,1)*INDEX($D$3:$AA$30,INDEX(Jesper!$R$2:$R$366,ROW(INDEX(Jesper!AK$2:AK$366,ROUNDDOWN($C3093/24,0)+1,1))-1)+IF('Standard Profiles'!$G$21=$B$10,7,0)+IF('Standard Profiles'!$G$21=$B$17,14,0)+IF('Standard Profiles'!$G$21=$B$24,21,0),MOD($C3093,24)+1)/SUM(INDEX($D$3:$AA$30,INDEX(Jesper!$R$2:$R$366,ROW(INDEX(Jesper!AK$2:AK$366,ROUNDDOWN($C3093/24,0)+1,1))-1)+IF('Standard Profiles'!$G$21=$B$10,7,0)+IF('Standard Profiles'!$G$21=$B$17,14,0)+IF('Standard Profiles'!$G$21=$B$24,21,0),0)),0)</f>
        <v>6.0847492981032785</v>
      </c>
      <c r="H3093" cm="1">
        <f t="array" ref="H3093">IFERROR(INDEX(Jesper!AL$2:AL$366,ROUNDDOWN($C3093/24,0)+1,1)*INDEX($D$3:$AA$30,INDEX(Jesper!$R$2:$R$366,ROW(INDEX(Jesper!AL$2:AL$366,ROUNDDOWN($C3093/24,0)+1,1))-1)+IF('Standard Profiles'!$G$22=$B$10,7,0)+IF('Standard Profiles'!$G$22=$B$17,14,0)+IF('Standard Profiles'!$G$22=$B$24,21,0),MOD($C3093,24)+1)/SUM(INDEX($D$3:$AA$30,INDEX(Jesper!$R$2:$R$366,ROW(INDEX(Jesper!AL$2:AL$366,ROUNDDOWN($C3093/24,0)+1,1))-1)+IF('Standard Profiles'!$G$22=$B$10,7,0)+IF('Standard Profiles'!$G$22=$B$17,14,0)+IF('Standard Profiles'!$G$22=$B$24,21,0),0)),0)</f>
        <v>0</v>
      </c>
      <c r="I3093">
        <f t="shared" si="349"/>
        <v>2.9206796630895724</v>
      </c>
      <c r="J3093">
        <f t="shared" si="350"/>
        <v>59.009025175498579</v>
      </c>
      <c r="K3093">
        <f t="shared" si="351"/>
        <v>3.7582535490600595</v>
      </c>
      <c r="L3093">
        <f t="shared" si="352"/>
        <v>1.8791267745300297</v>
      </c>
      <c r="M3093">
        <f t="shared" si="353"/>
        <v>0</v>
      </c>
      <c r="N3093" s="45">
        <f t="shared" si="354"/>
        <v>45054.458333325914</v>
      </c>
    </row>
    <row r="3094" spans="2:14" x14ac:dyDescent="0.25">
      <c r="B3094">
        <f t="shared" si="348"/>
        <v>1</v>
      </c>
      <c r="C3094" s="16">
        <v>3060</v>
      </c>
      <c r="D3094" cm="1">
        <f t="array" ref="D3094">IFERROR(INDEX(Jesper!AH$2:AH$366,ROUNDDOWN($C3094/24,0)+1,1)*INDEX($D$3:$AA$30,INDEX(Jesper!$R$2:$R$366,ROW(INDEX(Jesper!AH$2:AH$366,ROUNDDOWN($C3094/24,0)+1,1))-1)+IF('Standard Profiles'!$G$18=$B$10,7,0)+IF('Standard Profiles'!$G$18=$B$17,14,0)+IF('Standard Profiles'!$G$18=$B$24,21,0),MOD($C3094,24)+1)/SUM(INDEX($D$3:$AA$30,INDEX(Jesper!$R$2:$R$366,ROW(INDEX(Jesper!AH$2:AH$366,ROUNDDOWN($C3094/24,0)+1,1))-1)+IF('Standard Profiles'!$G$18=$B$10,7,0)+IF('Standard Profiles'!$G$18=$B$17,14,0)+IF('Standard Profiles'!$G$18=$B$24,21,0),0)),0)</f>
        <v>35.233627022438057</v>
      </c>
      <c r="E3094" cm="1">
        <f t="array" ref="E3094">IFERROR(INDEX(Jesper!AI$2:AI$366,ROUNDDOWN($C3094/24,0)+1,1)*INDEX($D$3:$AA$30,INDEX(Jesper!$R$2:$R$366,ROW(INDEX(Jesper!AI$2:AI$366,ROUNDDOWN($C3094/24,0)+1,1))-1)+IF('Standard Profiles'!$G$19=$B$10,7,0)+IF('Standard Profiles'!$G$19=$B$17,14,0)+IF('Standard Profiles'!$G$19=$B$24,21,0),MOD($C3094,24)+1)/SUM(INDEX($D$3:$AA$30,INDEX(Jesper!$R$2:$R$366,ROW(INDEX(Jesper!AI$2:AI$366,ROUNDDOWN($C3094/24,0)+1,1))-1)+IF('Standard Profiles'!$G$19=$B$10,7,0)+IF('Standard Profiles'!$G$19=$B$17,14,0)+IF('Standard Profiles'!$G$19=$B$24,21,0),0)),0)</f>
        <v>26.248708841636905</v>
      </c>
      <c r="F3094" cm="1">
        <f t="array" ref="F3094">IFERROR(INDEX(Jesper!AJ$2:AJ$366,ROUNDDOWN($C3094/24,0)+1,1)*INDEX($D$3:$AA$30,INDEX(Jesper!$R$2:$R$366,ROW(INDEX(Jesper!AJ$2:AJ$366,ROUNDDOWN($C3094/24,0)+1,1))-1)+IF('Standard Profiles'!$G$20=$B$10,7,0)+IF('Standard Profiles'!$G$20=$B$17,14,0)+IF('Standard Profiles'!$G$20=$B$24,21,0),MOD($C3094,24)+1)/SUM(INDEX($D$3:$AA$30,INDEX(Jesper!$R$2:$R$366,ROW(INDEX(Jesper!AJ$2:AJ$366,ROUNDDOWN($C3094/24,0)+1,1))-1)+IF('Standard Profiles'!$G$20=$B$10,7,0)+IF('Standard Profiles'!$G$20=$B$17,14,0)+IF('Standard Profiles'!$G$20=$B$24,21,0),0)),0)</f>
        <v>0</v>
      </c>
      <c r="G3094" cm="1">
        <f t="array" ref="G3094">IFERROR(INDEX(Jesper!AK$2:AK$366,ROUNDDOWN($C3094/24,0)+1,1)*INDEX($D$3:$AA$30,INDEX(Jesper!$R$2:$R$366,ROW(INDEX(Jesper!AK$2:AK$366,ROUNDDOWN($C3094/24,0)+1,1))-1)+IF('Standard Profiles'!$G$21=$B$10,7,0)+IF('Standard Profiles'!$G$21=$B$17,14,0)+IF('Standard Profiles'!$G$21=$B$24,21,0),MOD($C3094,24)+1)/SUM(INDEX($D$3:$AA$30,INDEX(Jesper!$R$2:$R$366,ROW(INDEX(Jesper!AK$2:AK$366,ROUNDDOWN($C3094/24,0)+1,1))-1)+IF('Standard Profiles'!$G$21=$B$10,7,0)+IF('Standard Profiles'!$G$21=$B$17,14,0)+IF('Standard Profiles'!$G$21=$B$24,21,0),0)),0)</f>
        <v>6.0847492981032785</v>
      </c>
      <c r="H3094" cm="1">
        <f t="array" ref="H3094">IFERROR(INDEX(Jesper!AL$2:AL$366,ROUNDDOWN($C3094/24,0)+1,1)*INDEX($D$3:$AA$30,INDEX(Jesper!$R$2:$R$366,ROW(INDEX(Jesper!AL$2:AL$366,ROUNDDOWN($C3094/24,0)+1,1))-1)+IF('Standard Profiles'!$G$22=$B$10,7,0)+IF('Standard Profiles'!$G$22=$B$17,14,0)+IF('Standard Profiles'!$G$22=$B$24,21,0),MOD($C3094,24)+1)/SUM(INDEX($D$3:$AA$30,INDEX(Jesper!$R$2:$R$366,ROW(INDEX(Jesper!AL$2:AL$366,ROUNDDOWN($C3094/24,0)+1,1))-1)+IF('Standard Profiles'!$G$22=$B$10,7,0)+IF('Standard Profiles'!$G$22=$B$17,14,0)+IF('Standard Profiles'!$G$22=$B$24,21,0),0)),0)</f>
        <v>0</v>
      </c>
      <c r="I3094">
        <f t="shared" si="349"/>
        <v>2.9206796630895724</v>
      </c>
      <c r="J3094">
        <f t="shared" si="350"/>
        <v>59.009025175498579</v>
      </c>
      <c r="K3094">
        <f t="shared" si="351"/>
        <v>3.7582535490600595</v>
      </c>
      <c r="L3094">
        <f t="shared" si="352"/>
        <v>1.8791267745300297</v>
      </c>
      <c r="M3094">
        <f t="shared" si="353"/>
        <v>0</v>
      </c>
      <c r="N3094" s="45">
        <f t="shared" si="354"/>
        <v>45054.499999992579</v>
      </c>
    </row>
    <row r="3095" spans="2:14" x14ac:dyDescent="0.25">
      <c r="B3095">
        <f t="shared" si="348"/>
        <v>1</v>
      </c>
      <c r="C3095" s="16">
        <v>3061</v>
      </c>
      <c r="D3095" cm="1">
        <f t="array" ref="D3095">IFERROR(INDEX(Jesper!AH$2:AH$366,ROUNDDOWN($C3095/24,0)+1,1)*INDEX($D$3:$AA$30,INDEX(Jesper!$R$2:$R$366,ROW(INDEX(Jesper!AH$2:AH$366,ROUNDDOWN($C3095/24,0)+1,1))-1)+IF('Standard Profiles'!$G$18=$B$10,7,0)+IF('Standard Profiles'!$G$18=$B$17,14,0)+IF('Standard Profiles'!$G$18=$B$24,21,0),MOD($C3095,24)+1)/SUM(INDEX($D$3:$AA$30,INDEX(Jesper!$R$2:$R$366,ROW(INDEX(Jesper!AH$2:AH$366,ROUNDDOWN($C3095/24,0)+1,1))-1)+IF('Standard Profiles'!$G$18=$B$10,7,0)+IF('Standard Profiles'!$G$18=$B$17,14,0)+IF('Standard Profiles'!$G$18=$B$24,21,0),0)),0)</f>
        <v>23.489084681625375</v>
      </c>
      <c r="E3095" cm="1">
        <f t="array" ref="E3095">IFERROR(INDEX(Jesper!AI$2:AI$366,ROUNDDOWN($C3095/24,0)+1,1)*INDEX($D$3:$AA$30,INDEX(Jesper!$R$2:$R$366,ROW(INDEX(Jesper!AI$2:AI$366,ROUNDDOWN($C3095/24,0)+1,1))-1)+IF('Standard Profiles'!$G$19=$B$10,7,0)+IF('Standard Profiles'!$G$19=$B$17,14,0)+IF('Standard Profiles'!$G$19=$B$24,21,0),MOD($C3095,24)+1)/SUM(INDEX($D$3:$AA$30,INDEX(Jesper!$R$2:$R$366,ROW(INDEX(Jesper!AI$2:AI$366,ROUNDDOWN($C3095/24,0)+1,1))-1)+IF('Standard Profiles'!$G$19=$B$10,7,0)+IF('Standard Profiles'!$G$19=$B$17,14,0)+IF('Standard Profiles'!$G$19=$B$24,21,0),0)),0)</f>
        <v>17.499139227757937</v>
      </c>
      <c r="F3095" cm="1">
        <f t="array" ref="F3095">IFERROR(INDEX(Jesper!AJ$2:AJ$366,ROUNDDOWN($C3095/24,0)+1,1)*INDEX($D$3:$AA$30,INDEX(Jesper!$R$2:$R$366,ROW(INDEX(Jesper!AJ$2:AJ$366,ROUNDDOWN($C3095/24,0)+1,1))-1)+IF('Standard Profiles'!$G$20=$B$10,7,0)+IF('Standard Profiles'!$G$20=$B$17,14,0)+IF('Standard Profiles'!$G$20=$B$24,21,0),MOD($C3095,24)+1)/SUM(INDEX($D$3:$AA$30,INDEX(Jesper!$R$2:$R$366,ROW(INDEX(Jesper!AJ$2:AJ$366,ROUNDDOWN($C3095/24,0)+1,1))-1)+IF('Standard Profiles'!$G$20=$B$10,7,0)+IF('Standard Profiles'!$G$20=$B$17,14,0)+IF('Standard Profiles'!$G$20=$B$24,21,0),0)),0)</f>
        <v>0</v>
      </c>
      <c r="G3095" cm="1">
        <f t="array" ref="G3095">IFERROR(INDEX(Jesper!AK$2:AK$366,ROUNDDOWN($C3095/24,0)+1,1)*INDEX($D$3:$AA$30,INDEX(Jesper!$R$2:$R$366,ROW(INDEX(Jesper!AK$2:AK$366,ROUNDDOWN($C3095/24,0)+1,1))-1)+IF('Standard Profiles'!$G$21=$B$10,7,0)+IF('Standard Profiles'!$G$21=$B$17,14,0)+IF('Standard Profiles'!$G$21=$B$24,21,0),MOD($C3095,24)+1)/SUM(INDEX($D$3:$AA$30,INDEX(Jesper!$R$2:$R$366,ROW(INDEX(Jesper!AK$2:AK$366,ROUNDDOWN($C3095/24,0)+1,1))-1)+IF('Standard Profiles'!$G$21=$B$10,7,0)+IF('Standard Profiles'!$G$21=$B$17,14,0)+IF('Standard Profiles'!$G$21=$B$24,21,0),0)),0)</f>
        <v>4.0564995320688535</v>
      </c>
      <c r="H3095" cm="1">
        <f t="array" ref="H3095">IFERROR(INDEX(Jesper!AL$2:AL$366,ROUNDDOWN($C3095/24,0)+1,1)*INDEX($D$3:$AA$30,INDEX(Jesper!$R$2:$R$366,ROW(INDEX(Jesper!AL$2:AL$366,ROUNDDOWN($C3095/24,0)+1,1))-1)+IF('Standard Profiles'!$G$22=$B$10,7,0)+IF('Standard Profiles'!$G$22=$B$17,14,0)+IF('Standard Profiles'!$G$22=$B$24,21,0),MOD($C3095,24)+1)/SUM(INDEX($D$3:$AA$30,INDEX(Jesper!$R$2:$R$366,ROW(INDEX(Jesper!AL$2:AL$366,ROUNDDOWN($C3095/24,0)+1,1))-1)+IF('Standard Profiles'!$G$22=$B$10,7,0)+IF('Standard Profiles'!$G$22=$B$17,14,0)+IF('Standard Profiles'!$G$22=$B$24,21,0),0)),0)</f>
        <v>0</v>
      </c>
      <c r="I3095">
        <f t="shared" si="349"/>
        <v>1.9471197753930487</v>
      </c>
      <c r="J3095">
        <f t="shared" si="350"/>
        <v>39.339350116999057</v>
      </c>
      <c r="K3095">
        <f t="shared" si="351"/>
        <v>2.50550236604004</v>
      </c>
      <c r="L3095">
        <f t="shared" si="352"/>
        <v>1.25275118302002</v>
      </c>
      <c r="M3095">
        <f t="shared" si="353"/>
        <v>0</v>
      </c>
      <c r="N3095" s="45">
        <f t="shared" si="354"/>
        <v>45054.541666659243</v>
      </c>
    </row>
    <row r="3096" spans="2:14" x14ac:dyDescent="0.25">
      <c r="B3096">
        <f t="shared" si="348"/>
        <v>1</v>
      </c>
      <c r="C3096" s="16">
        <v>3062</v>
      </c>
      <c r="D3096" cm="1">
        <f t="array" ref="D3096">IFERROR(INDEX(Jesper!AH$2:AH$366,ROUNDDOWN($C3096/24,0)+1,1)*INDEX($D$3:$AA$30,INDEX(Jesper!$R$2:$R$366,ROW(INDEX(Jesper!AH$2:AH$366,ROUNDDOWN($C3096/24,0)+1,1))-1)+IF('Standard Profiles'!$G$18=$B$10,7,0)+IF('Standard Profiles'!$G$18=$B$17,14,0)+IF('Standard Profiles'!$G$18=$B$24,21,0),MOD($C3096,24)+1)/SUM(INDEX($D$3:$AA$30,INDEX(Jesper!$R$2:$R$366,ROW(INDEX(Jesper!AH$2:AH$366,ROUNDDOWN($C3096/24,0)+1,1))-1)+IF('Standard Profiles'!$G$18=$B$10,7,0)+IF('Standard Profiles'!$G$18=$B$17,14,0)+IF('Standard Profiles'!$G$18=$B$24,21,0),0)),0)</f>
        <v>35.233627022438057</v>
      </c>
      <c r="E3096" cm="1">
        <f t="array" ref="E3096">IFERROR(INDEX(Jesper!AI$2:AI$366,ROUNDDOWN($C3096/24,0)+1,1)*INDEX($D$3:$AA$30,INDEX(Jesper!$R$2:$R$366,ROW(INDEX(Jesper!AI$2:AI$366,ROUNDDOWN($C3096/24,0)+1,1))-1)+IF('Standard Profiles'!$G$19=$B$10,7,0)+IF('Standard Profiles'!$G$19=$B$17,14,0)+IF('Standard Profiles'!$G$19=$B$24,21,0),MOD($C3096,24)+1)/SUM(INDEX($D$3:$AA$30,INDEX(Jesper!$R$2:$R$366,ROW(INDEX(Jesper!AI$2:AI$366,ROUNDDOWN($C3096/24,0)+1,1))-1)+IF('Standard Profiles'!$G$19=$B$10,7,0)+IF('Standard Profiles'!$G$19=$B$17,14,0)+IF('Standard Profiles'!$G$19=$B$24,21,0),0)),0)</f>
        <v>26.248708841636905</v>
      </c>
      <c r="F3096" cm="1">
        <f t="array" ref="F3096">IFERROR(INDEX(Jesper!AJ$2:AJ$366,ROUNDDOWN($C3096/24,0)+1,1)*INDEX($D$3:$AA$30,INDEX(Jesper!$R$2:$R$366,ROW(INDEX(Jesper!AJ$2:AJ$366,ROUNDDOWN($C3096/24,0)+1,1))-1)+IF('Standard Profiles'!$G$20=$B$10,7,0)+IF('Standard Profiles'!$G$20=$B$17,14,0)+IF('Standard Profiles'!$G$20=$B$24,21,0),MOD($C3096,24)+1)/SUM(INDEX($D$3:$AA$30,INDEX(Jesper!$R$2:$R$366,ROW(INDEX(Jesper!AJ$2:AJ$366,ROUNDDOWN($C3096/24,0)+1,1))-1)+IF('Standard Profiles'!$G$20=$B$10,7,0)+IF('Standard Profiles'!$G$20=$B$17,14,0)+IF('Standard Profiles'!$G$20=$B$24,21,0),0)),0)</f>
        <v>0</v>
      </c>
      <c r="G3096" cm="1">
        <f t="array" ref="G3096">IFERROR(INDEX(Jesper!AK$2:AK$366,ROUNDDOWN($C3096/24,0)+1,1)*INDEX($D$3:$AA$30,INDEX(Jesper!$R$2:$R$366,ROW(INDEX(Jesper!AK$2:AK$366,ROUNDDOWN($C3096/24,0)+1,1))-1)+IF('Standard Profiles'!$G$21=$B$10,7,0)+IF('Standard Profiles'!$G$21=$B$17,14,0)+IF('Standard Profiles'!$G$21=$B$24,21,0),MOD($C3096,24)+1)/SUM(INDEX($D$3:$AA$30,INDEX(Jesper!$R$2:$R$366,ROW(INDEX(Jesper!AK$2:AK$366,ROUNDDOWN($C3096/24,0)+1,1))-1)+IF('Standard Profiles'!$G$21=$B$10,7,0)+IF('Standard Profiles'!$G$21=$B$17,14,0)+IF('Standard Profiles'!$G$21=$B$24,21,0),0)),0)</f>
        <v>6.0847492981032785</v>
      </c>
      <c r="H3096" cm="1">
        <f t="array" ref="H3096">IFERROR(INDEX(Jesper!AL$2:AL$366,ROUNDDOWN($C3096/24,0)+1,1)*INDEX($D$3:$AA$30,INDEX(Jesper!$R$2:$R$366,ROW(INDEX(Jesper!AL$2:AL$366,ROUNDDOWN($C3096/24,0)+1,1))-1)+IF('Standard Profiles'!$G$22=$B$10,7,0)+IF('Standard Profiles'!$G$22=$B$17,14,0)+IF('Standard Profiles'!$G$22=$B$24,21,0),MOD($C3096,24)+1)/SUM(INDEX($D$3:$AA$30,INDEX(Jesper!$R$2:$R$366,ROW(INDEX(Jesper!AL$2:AL$366,ROUNDDOWN($C3096/24,0)+1,1))-1)+IF('Standard Profiles'!$G$22=$B$10,7,0)+IF('Standard Profiles'!$G$22=$B$17,14,0)+IF('Standard Profiles'!$G$22=$B$24,21,0),0)),0)</f>
        <v>0</v>
      </c>
      <c r="I3096">
        <f t="shared" si="349"/>
        <v>2.9206796630895724</v>
      </c>
      <c r="J3096">
        <f t="shared" si="350"/>
        <v>59.009025175498579</v>
      </c>
      <c r="K3096">
        <f t="shared" si="351"/>
        <v>3.7582535490600595</v>
      </c>
      <c r="L3096">
        <f t="shared" si="352"/>
        <v>1.8791267745300297</v>
      </c>
      <c r="M3096">
        <f t="shared" si="353"/>
        <v>0</v>
      </c>
      <c r="N3096" s="45">
        <f t="shared" si="354"/>
        <v>45054.583333325907</v>
      </c>
    </row>
    <row r="3097" spans="2:14" x14ac:dyDescent="0.25">
      <c r="B3097">
        <f t="shared" si="348"/>
        <v>1</v>
      </c>
      <c r="C3097" s="16">
        <v>3063</v>
      </c>
      <c r="D3097" cm="1">
        <f t="array" ref="D3097">IFERROR(INDEX(Jesper!AH$2:AH$366,ROUNDDOWN($C3097/24,0)+1,1)*INDEX($D$3:$AA$30,INDEX(Jesper!$R$2:$R$366,ROW(INDEX(Jesper!AH$2:AH$366,ROUNDDOWN($C3097/24,0)+1,1))-1)+IF('Standard Profiles'!$G$18=$B$10,7,0)+IF('Standard Profiles'!$G$18=$B$17,14,0)+IF('Standard Profiles'!$G$18=$B$24,21,0),MOD($C3097,24)+1)/SUM(INDEX($D$3:$AA$30,INDEX(Jesper!$R$2:$R$366,ROW(INDEX(Jesper!AH$2:AH$366,ROUNDDOWN($C3097/24,0)+1,1))-1)+IF('Standard Profiles'!$G$18=$B$10,7,0)+IF('Standard Profiles'!$G$18=$B$17,14,0)+IF('Standard Profiles'!$G$18=$B$24,21,0),0)),0)</f>
        <v>35.233627022438057</v>
      </c>
      <c r="E3097" cm="1">
        <f t="array" ref="E3097">IFERROR(INDEX(Jesper!AI$2:AI$366,ROUNDDOWN($C3097/24,0)+1,1)*INDEX($D$3:$AA$30,INDEX(Jesper!$R$2:$R$366,ROW(INDEX(Jesper!AI$2:AI$366,ROUNDDOWN($C3097/24,0)+1,1))-1)+IF('Standard Profiles'!$G$19=$B$10,7,0)+IF('Standard Profiles'!$G$19=$B$17,14,0)+IF('Standard Profiles'!$G$19=$B$24,21,0),MOD($C3097,24)+1)/SUM(INDEX($D$3:$AA$30,INDEX(Jesper!$R$2:$R$366,ROW(INDEX(Jesper!AI$2:AI$366,ROUNDDOWN($C3097/24,0)+1,1))-1)+IF('Standard Profiles'!$G$19=$B$10,7,0)+IF('Standard Profiles'!$G$19=$B$17,14,0)+IF('Standard Profiles'!$G$19=$B$24,21,0),0)),0)</f>
        <v>26.248708841636905</v>
      </c>
      <c r="F3097" cm="1">
        <f t="array" ref="F3097">IFERROR(INDEX(Jesper!AJ$2:AJ$366,ROUNDDOWN($C3097/24,0)+1,1)*INDEX($D$3:$AA$30,INDEX(Jesper!$R$2:$R$366,ROW(INDEX(Jesper!AJ$2:AJ$366,ROUNDDOWN($C3097/24,0)+1,1))-1)+IF('Standard Profiles'!$G$20=$B$10,7,0)+IF('Standard Profiles'!$G$20=$B$17,14,0)+IF('Standard Profiles'!$G$20=$B$24,21,0),MOD($C3097,24)+1)/SUM(INDEX($D$3:$AA$30,INDEX(Jesper!$R$2:$R$366,ROW(INDEX(Jesper!AJ$2:AJ$366,ROUNDDOWN($C3097/24,0)+1,1))-1)+IF('Standard Profiles'!$G$20=$B$10,7,0)+IF('Standard Profiles'!$G$20=$B$17,14,0)+IF('Standard Profiles'!$G$20=$B$24,21,0),0)),0)</f>
        <v>0</v>
      </c>
      <c r="G3097" cm="1">
        <f t="array" ref="G3097">IFERROR(INDEX(Jesper!AK$2:AK$366,ROUNDDOWN($C3097/24,0)+1,1)*INDEX($D$3:$AA$30,INDEX(Jesper!$R$2:$R$366,ROW(INDEX(Jesper!AK$2:AK$366,ROUNDDOWN($C3097/24,0)+1,1))-1)+IF('Standard Profiles'!$G$21=$B$10,7,0)+IF('Standard Profiles'!$G$21=$B$17,14,0)+IF('Standard Profiles'!$G$21=$B$24,21,0),MOD($C3097,24)+1)/SUM(INDEX($D$3:$AA$30,INDEX(Jesper!$R$2:$R$366,ROW(INDEX(Jesper!AK$2:AK$366,ROUNDDOWN($C3097/24,0)+1,1))-1)+IF('Standard Profiles'!$G$21=$B$10,7,0)+IF('Standard Profiles'!$G$21=$B$17,14,0)+IF('Standard Profiles'!$G$21=$B$24,21,0),0)),0)</f>
        <v>6.0847492981032785</v>
      </c>
      <c r="H3097" cm="1">
        <f t="array" ref="H3097">IFERROR(INDEX(Jesper!AL$2:AL$366,ROUNDDOWN($C3097/24,0)+1,1)*INDEX($D$3:$AA$30,INDEX(Jesper!$R$2:$R$366,ROW(INDEX(Jesper!AL$2:AL$366,ROUNDDOWN($C3097/24,0)+1,1))-1)+IF('Standard Profiles'!$G$22=$B$10,7,0)+IF('Standard Profiles'!$G$22=$B$17,14,0)+IF('Standard Profiles'!$G$22=$B$24,21,0),MOD($C3097,24)+1)/SUM(INDEX($D$3:$AA$30,INDEX(Jesper!$R$2:$R$366,ROW(INDEX(Jesper!AL$2:AL$366,ROUNDDOWN($C3097/24,0)+1,1))-1)+IF('Standard Profiles'!$G$22=$B$10,7,0)+IF('Standard Profiles'!$G$22=$B$17,14,0)+IF('Standard Profiles'!$G$22=$B$24,21,0),0)),0)</f>
        <v>0</v>
      </c>
      <c r="I3097">
        <f t="shared" si="349"/>
        <v>2.9206796630895724</v>
      </c>
      <c r="J3097">
        <f t="shared" si="350"/>
        <v>59.009025175498579</v>
      </c>
      <c r="K3097">
        <f t="shared" si="351"/>
        <v>3.7582535490600595</v>
      </c>
      <c r="L3097">
        <f t="shared" si="352"/>
        <v>1.8791267745300297</v>
      </c>
      <c r="M3097">
        <f t="shared" si="353"/>
        <v>0</v>
      </c>
      <c r="N3097" s="45">
        <f t="shared" si="354"/>
        <v>45054.624999992571</v>
      </c>
    </row>
    <row r="3098" spans="2:14" x14ac:dyDescent="0.25">
      <c r="B3098">
        <f t="shared" si="348"/>
        <v>1</v>
      </c>
      <c r="C3098" s="16">
        <v>3064</v>
      </c>
      <c r="D3098" cm="1">
        <f t="array" ref="D3098">IFERROR(INDEX(Jesper!AH$2:AH$366,ROUNDDOWN($C3098/24,0)+1,1)*INDEX($D$3:$AA$30,INDEX(Jesper!$R$2:$R$366,ROW(INDEX(Jesper!AH$2:AH$366,ROUNDDOWN($C3098/24,0)+1,1))-1)+IF('Standard Profiles'!$G$18=$B$10,7,0)+IF('Standard Profiles'!$G$18=$B$17,14,0)+IF('Standard Profiles'!$G$18=$B$24,21,0),MOD($C3098,24)+1)/SUM(INDEX($D$3:$AA$30,INDEX(Jesper!$R$2:$R$366,ROW(INDEX(Jesper!AH$2:AH$366,ROUNDDOWN($C3098/24,0)+1,1))-1)+IF('Standard Profiles'!$G$18=$B$10,7,0)+IF('Standard Profiles'!$G$18=$B$17,14,0)+IF('Standard Profiles'!$G$18=$B$24,21,0),0)),0)</f>
        <v>20.5529490964222</v>
      </c>
      <c r="E3098" cm="1">
        <f t="array" ref="E3098">IFERROR(INDEX(Jesper!AI$2:AI$366,ROUNDDOWN($C3098/24,0)+1,1)*INDEX($D$3:$AA$30,INDEX(Jesper!$R$2:$R$366,ROW(INDEX(Jesper!AI$2:AI$366,ROUNDDOWN($C3098/24,0)+1,1))-1)+IF('Standard Profiles'!$G$19=$B$10,7,0)+IF('Standard Profiles'!$G$19=$B$17,14,0)+IF('Standard Profiles'!$G$19=$B$24,21,0),MOD($C3098,24)+1)/SUM(INDEX($D$3:$AA$30,INDEX(Jesper!$R$2:$R$366,ROW(INDEX(Jesper!AI$2:AI$366,ROUNDDOWN($C3098/24,0)+1,1))-1)+IF('Standard Profiles'!$G$19=$B$10,7,0)+IF('Standard Profiles'!$G$19=$B$17,14,0)+IF('Standard Profiles'!$G$19=$B$24,21,0),0)),0)</f>
        <v>15.311746824288194</v>
      </c>
      <c r="F3098" cm="1">
        <f t="array" ref="F3098">IFERROR(INDEX(Jesper!AJ$2:AJ$366,ROUNDDOWN($C3098/24,0)+1,1)*INDEX($D$3:$AA$30,INDEX(Jesper!$R$2:$R$366,ROW(INDEX(Jesper!AJ$2:AJ$366,ROUNDDOWN($C3098/24,0)+1,1))-1)+IF('Standard Profiles'!$G$20=$B$10,7,0)+IF('Standard Profiles'!$G$20=$B$17,14,0)+IF('Standard Profiles'!$G$20=$B$24,21,0),MOD($C3098,24)+1)/SUM(INDEX($D$3:$AA$30,INDEX(Jesper!$R$2:$R$366,ROW(INDEX(Jesper!AJ$2:AJ$366,ROUNDDOWN($C3098/24,0)+1,1))-1)+IF('Standard Profiles'!$G$20=$B$10,7,0)+IF('Standard Profiles'!$G$20=$B$17,14,0)+IF('Standard Profiles'!$G$20=$B$24,21,0),0)),0)</f>
        <v>0</v>
      </c>
      <c r="G3098" cm="1">
        <f t="array" ref="G3098">IFERROR(INDEX(Jesper!AK$2:AK$366,ROUNDDOWN($C3098/24,0)+1,1)*INDEX($D$3:$AA$30,INDEX(Jesper!$R$2:$R$366,ROW(INDEX(Jesper!AK$2:AK$366,ROUNDDOWN($C3098/24,0)+1,1))-1)+IF('Standard Profiles'!$G$21=$B$10,7,0)+IF('Standard Profiles'!$G$21=$B$17,14,0)+IF('Standard Profiles'!$G$21=$B$24,21,0),MOD($C3098,24)+1)/SUM(INDEX($D$3:$AA$30,INDEX(Jesper!$R$2:$R$366,ROW(INDEX(Jesper!AK$2:AK$366,ROUNDDOWN($C3098/24,0)+1,1))-1)+IF('Standard Profiles'!$G$21=$B$10,7,0)+IF('Standard Profiles'!$G$21=$B$17,14,0)+IF('Standard Profiles'!$G$21=$B$24,21,0),0)),0)</f>
        <v>5.0706244150860655</v>
      </c>
      <c r="H3098" cm="1">
        <f t="array" ref="H3098">IFERROR(INDEX(Jesper!AL$2:AL$366,ROUNDDOWN($C3098/24,0)+1,1)*INDEX($D$3:$AA$30,INDEX(Jesper!$R$2:$R$366,ROW(INDEX(Jesper!AL$2:AL$366,ROUNDDOWN($C3098/24,0)+1,1))-1)+IF('Standard Profiles'!$G$22=$B$10,7,0)+IF('Standard Profiles'!$G$22=$B$17,14,0)+IF('Standard Profiles'!$G$22=$B$24,21,0),MOD($C3098,24)+1)/SUM(INDEX($D$3:$AA$30,INDEX(Jesper!$R$2:$R$366,ROW(INDEX(Jesper!AL$2:AL$366,ROUNDDOWN($C3098/24,0)+1,1))-1)+IF('Standard Profiles'!$G$22=$B$10,7,0)+IF('Standard Profiles'!$G$22=$B$17,14,0)+IF('Standard Profiles'!$G$22=$B$24,21,0),0)),0)</f>
        <v>0</v>
      </c>
      <c r="I3098">
        <f t="shared" si="349"/>
        <v>2.4338997192413103</v>
      </c>
      <c r="J3098">
        <f t="shared" si="350"/>
        <v>35.212948761127599</v>
      </c>
      <c r="K3098">
        <f t="shared" si="351"/>
        <v>2.1923145702850348</v>
      </c>
      <c r="L3098">
        <f t="shared" si="352"/>
        <v>1.0961572851425174</v>
      </c>
      <c r="M3098">
        <f t="shared" si="353"/>
        <v>0</v>
      </c>
      <c r="N3098" s="45">
        <f t="shared" si="354"/>
        <v>45054.666666659235</v>
      </c>
    </row>
    <row r="3099" spans="2:14" x14ac:dyDescent="0.25">
      <c r="B3099">
        <f t="shared" si="348"/>
        <v>1</v>
      </c>
      <c r="C3099" s="16">
        <v>3065</v>
      </c>
      <c r="D3099" cm="1">
        <f t="array" ref="D3099">IFERROR(INDEX(Jesper!AH$2:AH$366,ROUNDDOWN($C3099/24,0)+1,1)*INDEX($D$3:$AA$30,INDEX(Jesper!$R$2:$R$366,ROW(INDEX(Jesper!AH$2:AH$366,ROUNDDOWN($C3099/24,0)+1,1))-1)+IF('Standard Profiles'!$G$18=$B$10,7,0)+IF('Standard Profiles'!$G$18=$B$17,14,0)+IF('Standard Profiles'!$G$18=$B$24,21,0),MOD($C3099,24)+1)/SUM(INDEX($D$3:$AA$30,INDEX(Jesper!$R$2:$R$366,ROW(INDEX(Jesper!AH$2:AH$366,ROUNDDOWN($C3099/24,0)+1,1))-1)+IF('Standard Profiles'!$G$18=$B$10,7,0)+IF('Standard Profiles'!$G$18=$B$17,14,0)+IF('Standard Profiles'!$G$18=$B$24,21,0),0)),0)</f>
        <v>5.8722711704063437</v>
      </c>
      <c r="E3099" cm="1">
        <f t="array" ref="E3099">IFERROR(INDEX(Jesper!AI$2:AI$366,ROUNDDOWN($C3099/24,0)+1,1)*INDEX($D$3:$AA$30,INDEX(Jesper!$R$2:$R$366,ROW(INDEX(Jesper!AI$2:AI$366,ROUNDDOWN($C3099/24,0)+1,1))-1)+IF('Standard Profiles'!$G$19=$B$10,7,0)+IF('Standard Profiles'!$G$19=$B$17,14,0)+IF('Standard Profiles'!$G$19=$B$24,21,0),MOD($C3099,24)+1)/SUM(INDEX($D$3:$AA$30,INDEX(Jesper!$R$2:$R$366,ROW(INDEX(Jesper!AI$2:AI$366,ROUNDDOWN($C3099/24,0)+1,1))-1)+IF('Standard Profiles'!$G$19=$B$10,7,0)+IF('Standard Profiles'!$G$19=$B$17,14,0)+IF('Standard Profiles'!$G$19=$B$24,21,0),0)),0)</f>
        <v>4.3747848069394841</v>
      </c>
      <c r="F3099" cm="1">
        <f t="array" ref="F3099">IFERROR(INDEX(Jesper!AJ$2:AJ$366,ROUNDDOWN($C3099/24,0)+1,1)*INDEX($D$3:$AA$30,INDEX(Jesper!$R$2:$R$366,ROW(INDEX(Jesper!AJ$2:AJ$366,ROUNDDOWN($C3099/24,0)+1,1))-1)+IF('Standard Profiles'!$G$20=$B$10,7,0)+IF('Standard Profiles'!$G$20=$B$17,14,0)+IF('Standard Profiles'!$G$20=$B$24,21,0),MOD($C3099,24)+1)/SUM(INDEX($D$3:$AA$30,INDEX(Jesper!$R$2:$R$366,ROW(INDEX(Jesper!AJ$2:AJ$366,ROUNDDOWN($C3099/24,0)+1,1))-1)+IF('Standard Profiles'!$G$20=$B$10,7,0)+IF('Standard Profiles'!$G$20=$B$17,14,0)+IF('Standard Profiles'!$G$20=$B$24,21,0),0)),0)</f>
        <v>0</v>
      </c>
      <c r="G3099" cm="1">
        <f t="array" ref="G3099">IFERROR(INDEX(Jesper!AK$2:AK$366,ROUNDDOWN($C3099/24,0)+1,1)*INDEX($D$3:$AA$30,INDEX(Jesper!$R$2:$R$366,ROW(INDEX(Jesper!AK$2:AK$366,ROUNDDOWN($C3099/24,0)+1,1))-1)+IF('Standard Profiles'!$G$21=$B$10,7,0)+IF('Standard Profiles'!$G$21=$B$17,14,0)+IF('Standard Profiles'!$G$21=$B$24,21,0),MOD($C3099,24)+1)/SUM(INDEX($D$3:$AA$30,INDEX(Jesper!$R$2:$R$366,ROW(INDEX(Jesper!AK$2:AK$366,ROUNDDOWN($C3099/24,0)+1,1))-1)+IF('Standard Profiles'!$G$21=$B$10,7,0)+IF('Standard Profiles'!$G$21=$B$17,14,0)+IF('Standard Profiles'!$G$21=$B$24,21,0),0)),0)</f>
        <v>4.079812747770398</v>
      </c>
      <c r="H3099" cm="1">
        <f t="array" ref="H3099">IFERROR(INDEX(Jesper!AL$2:AL$366,ROUNDDOWN($C3099/24,0)+1,1)*INDEX($D$3:$AA$30,INDEX(Jesper!$R$2:$R$366,ROW(INDEX(Jesper!AL$2:AL$366,ROUNDDOWN($C3099/24,0)+1,1))-1)+IF('Standard Profiles'!$G$22=$B$10,7,0)+IF('Standard Profiles'!$G$22=$B$17,14,0)+IF('Standard Profiles'!$G$22=$B$24,21,0),MOD($C3099,24)+1)/SUM(INDEX($D$3:$AA$30,INDEX(Jesper!$R$2:$R$366,ROW(INDEX(Jesper!AL$2:AL$366,ROUNDDOWN($C3099/24,0)+1,1))-1)+IF('Standard Profiles'!$G$22=$B$10,7,0)+IF('Standard Profiles'!$G$22=$B$17,14,0)+IF('Standard Profiles'!$G$22=$B$24,21,0),0)),0)</f>
        <v>0</v>
      </c>
      <c r="I3099">
        <f t="shared" si="349"/>
        <v>1.95831011892979</v>
      </c>
      <c r="J3099">
        <f t="shared" si="350"/>
        <v>11.42899521892142</v>
      </c>
      <c r="K3099">
        <f t="shared" si="351"/>
        <v>0.62637559151000999</v>
      </c>
      <c r="L3099">
        <f t="shared" si="352"/>
        <v>0.31318779575500499</v>
      </c>
      <c r="M3099">
        <f t="shared" si="353"/>
        <v>0</v>
      </c>
      <c r="N3099" s="45">
        <f t="shared" si="354"/>
        <v>45054.7083333259</v>
      </c>
    </row>
    <row r="3100" spans="2:14" x14ac:dyDescent="0.25">
      <c r="B3100">
        <f t="shared" si="348"/>
        <v>1</v>
      </c>
      <c r="C3100" s="16">
        <v>3066</v>
      </c>
      <c r="D3100" cm="1">
        <f t="array" ref="D3100">IFERROR(INDEX(Jesper!AH$2:AH$366,ROUNDDOWN($C3100/24,0)+1,1)*INDEX($D$3:$AA$30,INDEX(Jesper!$R$2:$R$366,ROW(INDEX(Jesper!AH$2:AH$366,ROUNDDOWN($C3100/24,0)+1,1))-1)+IF('Standard Profiles'!$G$18=$B$10,7,0)+IF('Standard Profiles'!$G$18=$B$17,14,0)+IF('Standard Profiles'!$G$18=$B$24,21,0),MOD($C3100,24)+1)/SUM(INDEX($D$3:$AA$30,INDEX(Jesper!$R$2:$R$366,ROW(INDEX(Jesper!AH$2:AH$366,ROUNDDOWN($C3100/24,0)+1,1))-1)+IF('Standard Profiles'!$G$18=$B$10,7,0)+IF('Standard Profiles'!$G$18=$B$17,14,0)+IF('Standard Profiles'!$G$18=$B$24,21,0),0)),0)</f>
        <v>5.7895631257527338</v>
      </c>
      <c r="E3100" cm="1">
        <f t="array" ref="E3100">IFERROR(INDEX(Jesper!AI$2:AI$366,ROUNDDOWN($C3100/24,0)+1,1)*INDEX($D$3:$AA$30,INDEX(Jesper!$R$2:$R$366,ROW(INDEX(Jesper!AI$2:AI$366,ROUNDDOWN($C3100/24,0)+1,1))-1)+IF('Standard Profiles'!$G$19=$B$10,7,0)+IF('Standard Profiles'!$G$19=$B$17,14,0)+IF('Standard Profiles'!$G$19=$B$24,21,0),MOD($C3100,24)+1)/SUM(INDEX($D$3:$AA$30,INDEX(Jesper!$R$2:$R$366,ROW(INDEX(Jesper!AI$2:AI$366,ROUNDDOWN($C3100/24,0)+1,1))-1)+IF('Standard Profiles'!$G$19=$B$10,7,0)+IF('Standard Profiles'!$G$19=$B$17,14,0)+IF('Standard Profiles'!$G$19=$B$24,21,0),0)),0)</f>
        <v>4.313168119517802</v>
      </c>
      <c r="F3100" cm="1">
        <f t="array" ref="F3100">IFERROR(INDEX(Jesper!AJ$2:AJ$366,ROUNDDOWN($C3100/24,0)+1,1)*INDEX($D$3:$AA$30,INDEX(Jesper!$R$2:$R$366,ROW(INDEX(Jesper!AJ$2:AJ$366,ROUNDDOWN($C3100/24,0)+1,1))-1)+IF('Standard Profiles'!$G$20=$B$10,7,0)+IF('Standard Profiles'!$G$20=$B$17,14,0)+IF('Standard Profiles'!$G$20=$B$24,21,0),MOD($C3100,24)+1)/SUM(INDEX($D$3:$AA$30,INDEX(Jesper!$R$2:$R$366,ROW(INDEX(Jesper!AJ$2:AJ$366,ROUNDDOWN($C3100/24,0)+1,1))-1)+IF('Standard Profiles'!$G$20=$B$10,7,0)+IF('Standard Profiles'!$G$20=$B$17,14,0)+IF('Standard Profiles'!$G$20=$B$24,21,0),0)),0)</f>
        <v>0</v>
      </c>
      <c r="G3100" cm="1">
        <f t="array" ref="G3100">IFERROR(INDEX(Jesper!AK$2:AK$366,ROUNDDOWN($C3100/24,0)+1,1)*INDEX($D$3:$AA$30,INDEX(Jesper!$R$2:$R$366,ROW(INDEX(Jesper!AK$2:AK$366,ROUNDDOWN($C3100/24,0)+1,1))-1)+IF('Standard Profiles'!$G$21=$B$10,7,0)+IF('Standard Profiles'!$G$21=$B$17,14,0)+IF('Standard Profiles'!$G$21=$B$24,21,0),MOD($C3100,24)+1)/SUM(INDEX($D$3:$AA$30,INDEX(Jesper!$R$2:$R$366,ROW(INDEX(Jesper!AK$2:AK$366,ROUNDDOWN($C3100/24,0)+1,1))-1)+IF('Standard Profiles'!$G$21=$B$10,7,0)+IF('Standard Profiles'!$G$21=$B$17,14,0)+IF('Standard Profiles'!$G$21=$B$24,21,0),0)),0)</f>
        <v>1.4570759813465708</v>
      </c>
      <c r="H3100" cm="1">
        <f t="array" ref="H3100">IFERROR(INDEX(Jesper!AL$2:AL$366,ROUNDDOWN($C3100/24,0)+1,1)*INDEX($D$3:$AA$30,INDEX(Jesper!$R$2:$R$366,ROW(INDEX(Jesper!AL$2:AL$366,ROUNDDOWN($C3100/24,0)+1,1))-1)+IF('Standard Profiles'!$G$22=$B$10,7,0)+IF('Standard Profiles'!$G$22=$B$17,14,0)+IF('Standard Profiles'!$G$22=$B$24,21,0),MOD($C3100,24)+1)/SUM(INDEX($D$3:$AA$30,INDEX(Jesper!$R$2:$R$366,ROW(INDEX(Jesper!AL$2:AL$366,ROUNDDOWN($C3100/24,0)+1,1))-1)+IF('Standard Profiles'!$G$22=$B$10,7,0)+IF('Standard Profiles'!$G$22=$B$17,14,0)+IF('Standard Profiles'!$G$22=$B$24,21,0),0)),0)</f>
        <v>0</v>
      </c>
      <c r="I3100">
        <f t="shared" si="349"/>
        <v>0.69939647104635361</v>
      </c>
      <c r="J3100">
        <f t="shared" si="350"/>
        <v>9.934080655450316</v>
      </c>
      <c r="K3100">
        <f t="shared" si="351"/>
        <v>0.61755340008029169</v>
      </c>
      <c r="L3100">
        <f t="shared" si="352"/>
        <v>0.30877670004014585</v>
      </c>
      <c r="M3100">
        <f t="shared" si="353"/>
        <v>0</v>
      </c>
      <c r="N3100" s="45">
        <f t="shared" si="354"/>
        <v>45054.749999992564</v>
      </c>
    </row>
    <row r="3101" spans="2:14" x14ac:dyDescent="0.25">
      <c r="B3101">
        <f t="shared" si="348"/>
        <v>1</v>
      </c>
      <c r="C3101" s="16">
        <v>3067</v>
      </c>
      <c r="D3101" cm="1">
        <f t="array" ref="D3101">IFERROR(INDEX(Jesper!AH$2:AH$366,ROUNDDOWN($C3101/24,0)+1,1)*INDEX($D$3:$AA$30,INDEX(Jesper!$R$2:$R$366,ROW(INDEX(Jesper!AH$2:AH$366,ROUNDDOWN($C3101/24,0)+1,1))-1)+IF('Standard Profiles'!$G$18=$B$10,7,0)+IF('Standard Profiles'!$G$18=$B$17,14,0)+IF('Standard Profiles'!$G$18=$B$24,21,0),MOD($C3101,24)+1)/SUM(INDEX($D$3:$AA$30,INDEX(Jesper!$R$2:$R$366,ROW(INDEX(Jesper!AH$2:AH$366,ROUNDDOWN($C3101/24,0)+1,1))-1)+IF('Standard Profiles'!$G$18=$B$10,7,0)+IF('Standard Profiles'!$G$18=$B$17,14,0)+IF('Standard Profiles'!$G$18=$B$24,21,0),0)),0)</f>
        <v>5.7895631257527338</v>
      </c>
      <c r="E3101" cm="1">
        <f t="array" ref="E3101">IFERROR(INDEX(Jesper!AI$2:AI$366,ROUNDDOWN($C3101/24,0)+1,1)*INDEX($D$3:$AA$30,INDEX(Jesper!$R$2:$R$366,ROW(INDEX(Jesper!AI$2:AI$366,ROUNDDOWN($C3101/24,0)+1,1))-1)+IF('Standard Profiles'!$G$19=$B$10,7,0)+IF('Standard Profiles'!$G$19=$B$17,14,0)+IF('Standard Profiles'!$G$19=$B$24,21,0),MOD($C3101,24)+1)/SUM(INDEX($D$3:$AA$30,INDEX(Jesper!$R$2:$R$366,ROW(INDEX(Jesper!AI$2:AI$366,ROUNDDOWN($C3101/24,0)+1,1))-1)+IF('Standard Profiles'!$G$19=$B$10,7,0)+IF('Standard Profiles'!$G$19=$B$17,14,0)+IF('Standard Profiles'!$G$19=$B$24,21,0),0)),0)</f>
        <v>4.313168119517802</v>
      </c>
      <c r="F3101" cm="1">
        <f t="array" ref="F3101">IFERROR(INDEX(Jesper!AJ$2:AJ$366,ROUNDDOWN($C3101/24,0)+1,1)*INDEX($D$3:$AA$30,INDEX(Jesper!$R$2:$R$366,ROW(INDEX(Jesper!AJ$2:AJ$366,ROUNDDOWN($C3101/24,0)+1,1))-1)+IF('Standard Profiles'!$G$20=$B$10,7,0)+IF('Standard Profiles'!$G$20=$B$17,14,0)+IF('Standard Profiles'!$G$20=$B$24,21,0),MOD($C3101,24)+1)/SUM(INDEX($D$3:$AA$30,INDEX(Jesper!$R$2:$R$366,ROW(INDEX(Jesper!AJ$2:AJ$366,ROUNDDOWN($C3101/24,0)+1,1))-1)+IF('Standard Profiles'!$G$20=$B$10,7,0)+IF('Standard Profiles'!$G$20=$B$17,14,0)+IF('Standard Profiles'!$G$20=$B$24,21,0),0)),0)</f>
        <v>0</v>
      </c>
      <c r="G3101" cm="1">
        <f t="array" ref="G3101">IFERROR(INDEX(Jesper!AK$2:AK$366,ROUNDDOWN($C3101/24,0)+1,1)*INDEX($D$3:$AA$30,INDEX(Jesper!$R$2:$R$366,ROW(INDEX(Jesper!AK$2:AK$366,ROUNDDOWN($C3101/24,0)+1,1))-1)+IF('Standard Profiles'!$G$21=$B$10,7,0)+IF('Standard Profiles'!$G$21=$B$17,14,0)+IF('Standard Profiles'!$G$21=$B$24,21,0),MOD($C3101,24)+1)/SUM(INDEX($D$3:$AA$30,INDEX(Jesper!$R$2:$R$366,ROW(INDEX(Jesper!AK$2:AK$366,ROUNDDOWN($C3101/24,0)+1,1))-1)+IF('Standard Profiles'!$G$21=$B$10,7,0)+IF('Standard Profiles'!$G$21=$B$17,14,0)+IF('Standard Profiles'!$G$21=$B$24,21,0),0)),0)</f>
        <v>1.4570759813465708</v>
      </c>
      <c r="H3101" cm="1">
        <f t="array" ref="H3101">IFERROR(INDEX(Jesper!AL$2:AL$366,ROUNDDOWN($C3101/24,0)+1,1)*INDEX($D$3:$AA$30,INDEX(Jesper!$R$2:$R$366,ROW(INDEX(Jesper!AL$2:AL$366,ROUNDDOWN($C3101/24,0)+1,1))-1)+IF('Standard Profiles'!$G$22=$B$10,7,0)+IF('Standard Profiles'!$G$22=$B$17,14,0)+IF('Standard Profiles'!$G$22=$B$24,21,0),MOD($C3101,24)+1)/SUM(INDEX($D$3:$AA$30,INDEX(Jesper!$R$2:$R$366,ROW(INDEX(Jesper!AL$2:AL$366,ROUNDDOWN($C3101/24,0)+1,1))-1)+IF('Standard Profiles'!$G$22=$B$10,7,0)+IF('Standard Profiles'!$G$22=$B$17,14,0)+IF('Standard Profiles'!$G$22=$B$24,21,0),0)),0)</f>
        <v>0</v>
      </c>
      <c r="I3101">
        <f t="shared" si="349"/>
        <v>0.69939647104635361</v>
      </c>
      <c r="J3101">
        <f t="shared" si="350"/>
        <v>9.934080655450316</v>
      </c>
      <c r="K3101">
        <f t="shared" si="351"/>
        <v>0.61755340008029169</v>
      </c>
      <c r="L3101">
        <f t="shared" si="352"/>
        <v>0.30877670004014585</v>
      </c>
      <c r="M3101">
        <f t="shared" si="353"/>
        <v>0</v>
      </c>
      <c r="N3101" s="45">
        <f t="shared" si="354"/>
        <v>45054.791666659228</v>
      </c>
    </row>
    <row r="3102" spans="2:14" x14ac:dyDescent="0.25">
      <c r="B3102">
        <f t="shared" si="348"/>
        <v>1</v>
      </c>
      <c r="C3102" s="16">
        <v>3068</v>
      </c>
      <c r="D3102" cm="1">
        <f t="array" ref="D3102">IFERROR(INDEX(Jesper!AH$2:AH$366,ROUNDDOWN($C3102/24,0)+1,1)*INDEX($D$3:$AA$30,INDEX(Jesper!$R$2:$R$366,ROW(INDEX(Jesper!AH$2:AH$366,ROUNDDOWN($C3102/24,0)+1,1))-1)+IF('Standard Profiles'!$G$18=$B$10,7,0)+IF('Standard Profiles'!$G$18=$B$17,14,0)+IF('Standard Profiles'!$G$18=$B$24,21,0),MOD($C3102,24)+1)/SUM(INDEX($D$3:$AA$30,INDEX(Jesper!$R$2:$R$366,ROW(INDEX(Jesper!AH$2:AH$366,ROUNDDOWN($C3102/24,0)+1,1))-1)+IF('Standard Profiles'!$G$18=$B$10,7,0)+IF('Standard Profiles'!$G$18=$B$17,14,0)+IF('Standard Profiles'!$G$18=$B$24,21,0),0)),0)</f>
        <v>5.7895631257527338</v>
      </c>
      <c r="E3102" cm="1">
        <f t="array" ref="E3102">IFERROR(INDEX(Jesper!AI$2:AI$366,ROUNDDOWN($C3102/24,0)+1,1)*INDEX($D$3:$AA$30,INDEX(Jesper!$R$2:$R$366,ROW(INDEX(Jesper!AI$2:AI$366,ROUNDDOWN($C3102/24,0)+1,1))-1)+IF('Standard Profiles'!$G$19=$B$10,7,0)+IF('Standard Profiles'!$G$19=$B$17,14,0)+IF('Standard Profiles'!$G$19=$B$24,21,0),MOD($C3102,24)+1)/SUM(INDEX($D$3:$AA$30,INDEX(Jesper!$R$2:$R$366,ROW(INDEX(Jesper!AI$2:AI$366,ROUNDDOWN($C3102/24,0)+1,1))-1)+IF('Standard Profiles'!$G$19=$B$10,7,0)+IF('Standard Profiles'!$G$19=$B$17,14,0)+IF('Standard Profiles'!$G$19=$B$24,21,0),0)),0)</f>
        <v>4.313168119517802</v>
      </c>
      <c r="F3102" cm="1">
        <f t="array" ref="F3102">IFERROR(INDEX(Jesper!AJ$2:AJ$366,ROUNDDOWN($C3102/24,0)+1,1)*INDEX($D$3:$AA$30,INDEX(Jesper!$R$2:$R$366,ROW(INDEX(Jesper!AJ$2:AJ$366,ROUNDDOWN($C3102/24,0)+1,1))-1)+IF('Standard Profiles'!$G$20=$B$10,7,0)+IF('Standard Profiles'!$G$20=$B$17,14,0)+IF('Standard Profiles'!$G$20=$B$24,21,0),MOD($C3102,24)+1)/SUM(INDEX($D$3:$AA$30,INDEX(Jesper!$R$2:$R$366,ROW(INDEX(Jesper!AJ$2:AJ$366,ROUNDDOWN($C3102/24,0)+1,1))-1)+IF('Standard Profiles'!$G$20=$B$10,7,0)+IF('Standard Profiles'!$G$20=$B$17,14,0)+IF('Standard Profiles'!$G$20=$B$24,21,0),0)),0)</f>
        <v>0</v>
      </c>
      <c r="G3102" cm="1">
        <f t="array" ref="G3102">IFERROR(INDEX(Jesper!AK$2:AK$366,ROUNDDOWN($C3102/24,0)+1,1)*INDEX($D$3:$AA$30,INDEX(Jesper!$R$2:$R$366,ROW(INDEX(Jesper!AK$2:AK$366,ROUNDDOWN($C3102/24,0)+1,1))-1)+IF('Standard Profiles'!$G$21=$B$10,7,0)+IF('Standard Profiles'!$G$21=$B$17,14,0)+IF('Standard Profiles'!$G$21=$B$24,21,0),MOD($C3102,24)+1)/SUM(INDEX($D$3:$AA$30,INDEX(Jesper!$R$2:$R$366,ROW(INDEX(Jesper!AK$2:AK$366,ROUNDDOWN($C3102/24,0)+1,1))-1)+IF('Standard Profiles'!$G$21=$B$10,7,0)+IF('Standard Profiles'!$G$21=$B$17,14,0)+IF('Standard Profiles'!$G$21=$B$24,21,0),0)),0)</f>
        <v>1.4570759813465708</v>
      </c>
      <c r="H3102" cm="1">
        <f t="array" ref="H3102">IFERROR(INDEX(Jesper!AL$2:AL$366,ROUNDDOWN($C3102/24,0)+1,1)*INDEX($D$3:$AA$30,INDEX(Jesper!$R$2:$R$366,ROW(INDEX(Jesper!AL$2:AL$366,ROUNDDOWN($C3102/24,0)+1,1))-1)+IF('Standard Profiles'!$G$22=$B$10,7,0)+IF('Standard Profiles'!$G$22=$B$17,14,0)+IF('Standard Profiles'!$G$22=$B$24,21,0),MOD($C3102,24)+1)/SUM(INDEX($D$3:$AA$30,INDEX(Jesper!$R$2:$R$366,ROW(INDEX(Jesper!AL$2:AL$366,ROUNDDOWN($C3102/24,0)+1,1))-1)+IF('Standard Profiles'!$G$22=$B$10,7,0)+IF('Standard Profiles'!$G$22=$B$17,14,0)+IF('Standard Profiles'!$G$22=$B$24,21,0),0)),0)</f>
        <v>0</v>
      </c>
      <c r="I3102">
        <f t="shared" si="349"/>
        <v>0.69939647104635361</v>
      </c>
      <c r="J3102">
        <f t="shared" si="350"/>
        <v>9.934080655450316</v>
      </c>
      <c r="K3102">
        <f t="shared" si="351"/>
        <v>0.61755340008029169</v>
      </c>
      <c r="L3102">
        <f t="shared" si="352"/>
        <v>0.30877670004014585</v>
      </c>
      <c r="M3102">
        <f t="shared" si="353"/>
        <v>0</v>
      </c>
      <c r="N3102" s="45">
        <f t="shared" si="354"/>
        <v>45054.833333325892</v>
      </c>
    </row>
    <row r="3103" spans="2:14" x14ac:dyDescent="0.25">
      <c r="B3103">
        <f t="shared" si="348"/>
        <v>1</v>
      </c>
      <c r="C3103" s="16">
        <v>3069</v>
      </c>
      <c r="D3103" cm="1">
        <f t="array" ref="D3103">IFERROR(INDEX(Jesper!AH$2:AH$366,ROUNDDOWN($C3103/24,0)+1,1)*INDEX($D$3:$AA$30,INDEX(Jesper!$R$2:$R$366,ROW(INDEX(Jesper!AH$2:AH$366,ROUNDDOWN($C3103/24,0)+1,1))-1)+IF('Standard Profiles'!$G$18=$B$10,7,0)+IF('Standard Profiles'!$G$18=$B$17,14,0)+IF('Standard Profiles'!$G$18=$B$24,21,0),MOD($C3103,24)+1)/SUM(INDEX($D$3:$AA$30,INDEX(Jesper!$R$2:$R$366,ROW(INDEX(Jesper!AH$2:AH$366,ROUNDDOWN($C3103/24,0)+1,1))-1)+IF('Standard Profiles'!$G$18=$B$10,7,0)+IF('Standard Profiles'!$G$18=$B$17,14,0)+IF('Standard Profiles'!$G$18=$B$24,21,0),0)),0)</f>
        <v>5.7895631257527338</v>
      </c>
      <c r="E3103" cm="1">
        <f t="array" ref="E3103">IFERROR(INDEX(Jesper!AI$2:AI$366,ROUNDDOWN($C3103/24,0)+1,1)*INDEX($D$3:$AA$30,INDEX(Jesper!$R$2:$R$366,ROW(INDEX(Jesper!AI$2:AI$366,ROUNDDOWN($C3103/24,0)+1,1))-1)+IF('Standard Profiles'!$G$19=$B$10,7,0)+IF('Standard Profiles'!$G$19=$B$17,14,0)+IF('Standard Profiles'!$G$19=$B$24,21,0),MOD($C3103,24)+1)/SUM(INDEX($D$3:$AA$30,INDEX(Jesper!$R$2:$R$366,ROW(INDEX(Jesper!AI$2:AI$366,ROUNDDOWN($C3103/24,0)+1,1))-1)+IF('Standard Profiles'!$G$19=$B$10,7,0)+IF('Standard Profiles'!$G$19=$B$17,14,0)+IF('Standard Profiles'!$G$19=$B$24,21,0),0)),0)</f>
        <v>4.313168119517802</v>
      </c>
      <c r="F3103" cm="1">
        <f t="array" ref="F3103">IFERROR(INDEX(Jesper!AJ$2:AJ$366,ROUNDDOWN($C3103/24,0)+1,1)*INDEX($D$3:$AA$30,INDEX(Jesper!$R$2:$R$366,ROW(INDEX(Jesper!AJ$2:AJ$366,ROUNDDOWN($C3103/24,0)+1,1))-1)+IF('Standard Profiles'!$G$20=$B$10,7,0)+IF('Standard Profiles'!$G$20=$B$17,14,0)+IF('Standard Profiles'!$G$20=$B$24,21,0),MOD($C3103,24)+1)/SUM(INDEX($D$3:$AA$30,INDEX(Jesper!$R$2:$R$366,ROW(INDEX(Jesper!AJ$2:AJ$366,ROUNDDOWN($C3103/24,0)+1,1))-1)+IF('Standard Profiles'!$G$20=$B$10,7,0)+IF('Standard Profiles'!$G$20=$B$17,14,0)+IF('Standard Profiles'!$G$20=$B$24,21,0),0)),0)</f>
        <v>0</v>
      </c>
      <c r="G3103" cm="1">
        <f t="array" ref="G3103">IFERROR(INDEX(Jesper!AK$2:AK$366,ROUNDDOWN($C3103/24,0)+1,1)*INDEX($D$3:$AA$30,INDEX(Jesper!$R$2:$R$366,ROW(INDEX(Jesper!AK$2:AK$366,ROUNDDOWN($C3103/24,0)+1,1))-1)+IF('Standard Profiles'!$G$21=$B$10,7,0)+IF('Standard Profiles'!$G$21=$B$17,14,0)+IF('Standard Profiles'!$G$21=$B$24,21,0),MOD($C3103,24)+1)/SUM(INDEX($D$3:$AA$30,INDEX(Jesper!$R$2:$R$366,ROW(INDEX(Jesper!AK$2:AK$366,ROUNDDOWN($C3103/24,0)+1,1))-1)+IF('Standard Profiles'!$G$21=$B$10,7,0)+IF('Standard Profiles'!$G$21=$B$17,14,0)+IF('Standard Profiles'!$G$21=$B$24,21,0),0)),0)</f>
        <v>1.4570759813465708</v>
      </c>
      <c r="H3103" cm="1">
        <f t="array" ref="H3103">IFERROR(INDEX(Jesper!AL$2:AL$366,ROUNDDOWN($C3103/24,0)+1,1)*INDEX($D$3:$AA$30,INDEX(Jesper!$R$2:$R$366,ROW(INDEX(Jesper!AL$2:AL$366,ROUNDDOWN($C3103/24,0)+1,1))-1)+IF('Standard Profiles'!$G$22=$B$10,7,0)+IF('Standard Profiles'!$G$22=$B$17,14,0)+IF('Standard Profiles'!$G$22=$B$24,21,0),MOD($C3103,24)+1)/SUM(INDEX($D$3:$AA$30,INDEX(Jesper!$R$2:$R$366,ROW(INDEX(Jesper!AL$2:AL$366,ROUNDDOWN($C3103/24,0)+1,1))-1)+IF('Standard Profiles'!$G$22=$B$10,7,0)+IF('Standard Profiles'!$G$22=$B$17,14,0)+IF('Standard Profiles'!$G$22=$B$24,21,0),0)),0)</f>
        <v>0</v>
      </c>
      <c r="I3103">
        <f t="shared" si="349"/>
        <v>0.69939647104635361</v>
      </c>
      <c r="J3103">
        <f t="shared" si="350"/>
        <v>9.934080655450316</v>
      </c>
      <c r="K3103">
        <f t="shared" si="351"/>
        <v>0.61755340008029169</v>
      </c>
      <c r="L3103">
        <f t="shared" si="352"/>
        <v>0.30877670004014585</v>
      </c>
      <c r="M3103">
        <f t="shared" si="353"/>
        <v>0</v>
      </c>
      <c r="N3103" s="45">
        <f t="shared" si="354"/>
        <v>45054.874999992557</v>
      </c>
    </row>
    <row r="3104" spans="2:14" x14ac:dyDescent="0.25">
      <c r="B3104">
        <f t="shared" si="348"/>
        <v>1</v>
      </c>
      <c r="C3104" s="16">
        <v>3070</v>
      </c>
      <c r="D3104" cm="1">
        <f t="array" ref="D3104">IFERROR(INDEX(Jesper!AH$2:AH$366,ROUNDDOWN($C3104/24,0)+1,1)*INDEX($D$3:$AA$30,INDEX(Jesper!$R$2:$R$366,ROW(INDEX(Jesper!AH$2:AH$366,ROUNDDOWN($C3104/24,0)+1,1))-1)+IF('Standard Profiles'!$G$18=$B$10,7,0)+IF('Standard Profiles'!$G$18=$B$17,14,0)+IF('Standard Profiles'!$G$18=$B$24,21,0),MOD($C3104,24)+1)/SUM(INDEX($D$3:$AA$30,INDEX(Jesper!$R$2:$R$366,ROW(INDEX(Jesper!AH$2:AH$366,ROUNDDOWN($C3104/24,0)+1,1))-1)+IF('Standard Profiles'!$G$18=$B$10,7,0)+IF('Standard Profiles'!$G$18=$B$17,14,0)+IF('Standard Profiles'!$G$18=$B$24,21,0),0)),0)</f>
        <v>5.7895631257527338</v>
      </c>
      <c r="E3104" cm="1">
        <f t="array" ref="E3104">IFERROR(INDEX(Jesper!AI$2:AI$366,ROUNDDOWN($C3104/24,0)+1,1)*INDEX($D$3:$AA$30,INDEX(Jesper!$R$2:$R$366,ROW(INDEX(Jesper!AI$2:AI$366,ROUNDDOWN($C3104/24,0)+1,1))-1)+IF('Standard Profiles'!$G$19=$B$10,7,0)+IF('Standard Profiles'!$G$19=$B$17,14,0)+IF('Standard Profiles'!$G$19=$B$24,21,0),MOD($C3104,24)+1)/SUM(INDEX($D$3:$AA$30,INDEX(Jesper!$R$2:$R$366,ROW(INDEX(Jesper!AI$2:AI$366,ROUNDDOWN($C3104/24,0)+1,1))-1)+IF('Standard Profiles'!$G$19=$B$10,7,0)+IF('Standard Profiles'!$G$19=$B$17,14,0)+IF('Standard Profiles'!$G$19=$B$24,21,0),0)),0)</f>
        <v>4.313168119517802</v>
      </c>
      <c r="F3104" cm="1">
        <f t="array" ref="F3104">IFERROR(INDEX(Jesper!AJ$2:AJ$366,ROUNDDOWN($C3104/24,0)+1,1)*INDEX($D$3:$AA$30,INDEX(Jesper!$R$2:$R$366,ROW(INDEX(Jesper!AJ$2:AJ$366,ROUNDDOWN($C3104/24,0)+1,1))-1)+IF('Standard Profiles'!$G$20=$B$10,7,0)+IF('Standard Profiles'!$G$20=$B$17,14,0)+IF('Standard Profiles'!$G$20=$B$24,21,0),MOD($C3104,24)+1)/SUM(INDEX($D$3:$AA$30,INDEX(Jesper!$R$2:$R$366,ROW(INDEX(Jesper!AJ$2:AJ$366,ROUNDDOWN($C3104/24,0)+1,1))-1)+IF('Standard Profiles'!$G$20=$B$10,7,0)+IF('Standard Profiles'!$G$20=$B$17,14,0)+IF('Standard Profiles'!$G$20=$B$24,21,0),0)),0)</f>
        <v>0</v>
      </c>
      <c r="G3104" cm="1">
        <f t="array" ref="G3104">IFERROR(INDEX(Jesper!AK$2:AK$366,ROUNDDOWN($C3104/24,0)+1,1)*INDEX($D$3:$AA$30,INDEX(Jesper!$R$2:$R$366,ROW(INDEX(Jesper!AK$2:AK$366,ROUNDDOWN($C3104/24,0)+1,1))-1)+IF('Standard Profiles'!$G$21=$B$10,7,0)+IF('Standard Profiles'!$G$21=$B$17,14,0)+IF('Standard Profiles'!$G$21=$B$24,21,0),MOD($C3104,24)+1)/SUM(INDEX($D$3:$AA$30,INDEX(Jesper!$R$2:$R$366,ROW(INDEX(Jesper!AK$2:AK$366,ROUNDDOWN($C3104/24,0)+1,1))-1)+IF('Standard Profiles'!$G$21=$B$10,7,0)+IF('Standard Profiles'!$G$21=$B$17,14,0)+IF('Standard Profiles'!$G$21=$B$24,21,0),0)),0)</f>
        <v>1.4570759813465708</v>
      </c>
      <c r="H3104" cm="1">
        <f t="array" ref="H3104">IFERROR(INDEX(Jesper!AL$2:AL$366,ROUNDDOWN($C3104/24,0)+1,1)*INDEX($D$3:$AA$30,INDEX(Jesper!$R$2:$R$366,ROW(INDEX(Jesper!AL$2:AL$366,ROUNDDOWN($C3104/24,0)+1,1))-1)+IF('Standard Profiles'!$G$22=$B$10,7,0)+IF('Standard Profiles'!$G$22=$B$17,14,0)+IF('Standard Profiles'!$G$22=$B$24,21,0),MOD($C3104,24)+1)/SUM(INDEX($D$3:$AA$30,INDEX(Jesper!$R$2:$R$366,ROW(INDEX(Jesper!AL$2:AL$366,ROUNDDOWN($C3104/24,0)+1,1))-1)+IF('Standard Profiles'!$G$22=$B$10,7,0)+IF('Standard Profiles'!$G$22=$B$17,14,0)+IF('Standard Profiles'!$G$22=$B$24,21,0),0)),0)</f>
        <v>0</v>
      </c>
      <c r="I3104">
        <f t="shared" si="349"/>
        <v>0.69939647104635361</v>
      </c>
      <c r="J3104">
        <f t="shared" si="350"/>
        <v>9.934080655450316</v>
      </c>
      <c r="K3104">
        <f t="shared" si="351"/>
        <v>0.61755340008029169</v>
      </c>
      <c r="L3104">
        <f t="shared" si="352"/>
        <v>0.30877670004014585</v>
      </c>
      <c r="M3104">
        <f t="shared" si="353"/>
        <v>0</v>
      </c>
      <c r="N3104" s="45">
        <f t="shared" si="354"/>
        <v>45054.916666659221</v>
      </c>
    </row>
    <row r="3105" spans="2:14" x14ac:dyDescent="0.25">
      <c r="B3105">
        <f t="shared" si="348"/>
        <v>1</v>
      </c>
      <c r="C3105" s="16">
        <v>3071</v>
      </c>
      <c r="D3105" cm="1">
        <f t="array" ref="D3105">IFERROR(INDEX(Jesper!AH$2:AH$366,ROUNDDOWN($C3105/24,0)+1,1)*INDEX($D$3:$AA$30,INDEX(Jesper!$R$2:$R$366,ROW(INDEX(Jesper!AH$2:AH$366,ROUNDDOWN($C3105/24,0)+1,1))-1)+IF('Standard Profiles'!$G$18=$B$10,7,0)+IF('Standard Profiles'!$G$18=$B$17,14,0)+IF('Standard Profiles'!$G$18=$B$24,21,0),MOD($C3105,24)+1)/SUM(INDEX($D$3:$AA$30,INDEX(Jesper!$R$2:$R$366,ROW(INDEX(Jesper!AH$2:AH$366,ROUNDDOWN($C3105/24,0)+1,1))-1)+IF('Standard Profiles'!$G$18=$B$10,7,0)+IF('Standard Profiles'!$G$18=$B$17,14,0)+IF('Standard Profiles'!$G$18=$B$24,21,0),0)),0)</f>
        <v>5.7895631257527338</v>
      </c>
      <c r="E3105" cm="1">
        <f t="array" ref="E3105">IFERROR(INDEX(Jesper!AI$2:AI$366,ROUNDDOWN($C3105/24,0)+1,1)*INDEX($D$3:$AA$30,INDEX(Jesper!$R$2:$R$366,ROW(INDEX(Jesper!AI$2:AI$366,ROUNDDOWN($C3105/24,0)+1,1))-1)+IF('Standard Profiles'!$G$19=$B$10,7,0)+IF('Standard Profiles'!$G$19=$B$17,14,0)+IF('Standard Profiles'!$G$19=$B$24,21,0),MOD($C3105,24)+1)/SUM(INDEX($D$3:$AA$30,INDEX(Jesper!$R$2:$R$366,ROW(INDEX(Jesper!AI$2:AI$366,ROUNDDOWN($C3105/24,0)+1,1))-1)+IF('Standard Profiles'!$G$19=$B$10,7,0)+IF('Standard Profiles'!$G$19=$B$17,14,0)+IF('Standard Profiles'!$G$19=$B$24,21,0),0)),0)</f>
        <v>4.313168119517802</v>
      </c>
      <c r="F3105" cm="1">
        <f t="array" ref="F3105">IFERROR(INDEX(Jesper!AJ$2:AJ$366,ROUNDDOWN($C3105/24,0)+1,1)*INDEX($D$3:$AA$30,INDEX(Jesper!$R$2:$R$366,ROW(INDEX(Jesper!AJ$2:AJ$366,ROUNDDOWN($C3105/24,0)+1,1))-1)+IF('Standard Profiles'!$G$20=$B$10,7,0)+IF('Standard Profiles'!$G$20=$B$17,14,0)+IF('Standard Profiles'!$G$20=$B$24,21,0),MOD($C3105,24)+1)/SUM(INDEX($D$3:$AA$30,INDEX(Jesper!$R$2:$R$366,ROW(INDEX(Jesper!AJ$2:AJ$366,ROUNDDOWN($C3105/24,0)+1,1))-1)+IF('Standard Profiles'!$G$20=$B$10,7,0)+IF('Standard Profiles'!$G$20=$B$17,14,0)+IF('Standard Profiles'!$G$20=$B$24,21,0),0)),0)</f>
        <v>0</v>
      </c>
      <c r="G3105" cm="1">
        <f t="array" ref="G3105">IFERROR(INDEX(Jesper!AK$2:AK$366,ROUNDDOWN($C3105/24,0)+1,1)*INDEX($D$3:$AA$30,INDEX(Jesper!$R$2:$R$366,ROW(INDEX(Jesper!AK$2:AK$366,ROUNDDOWN($C3105/24,0)+1,1))-1)+IF('Standard Profiles'!$G$21=$B$10,7,0)+IF('Standard Profiles'!$G$21=$B$17,14,0)+IF('Standard Profiles'!$G$21=$B$24,21,0),MOD($C3105,24)+1)/SUM(INDEX($D$3:$AA$30,INDEX(Jesper!$R$2:$R$366,ROW(INDEX(Jesper!AK$2:AK$366,ROUNDDOWN($C3105/24,0)+1,1))-1)+IF('Standard Profiles'!$G$21=$B$10,7,0)+IF('Standard Profiles'!$G$21=$B$17,14,0)+IF('Standard Profiles'!$G$21=$B$24,21,0),0)),0)</f>
        <v>1.4570759813465708</v>
      </c>
      <c r="H3105" cm="1">
        <f t="array" ref="H3105">IFERROR(INDEX(Jesper!AL$2:AL$366,ROUNDDOWN($C3105/24,0)+1,1)*INDEX($D$3:$AA$30,INDEX(Jesper!$R$2:$R$366,ROW(INDEX(Jesper!AL$2:AL$366,ROUNDDOWN($C3105/24,0)+1,1))-1)+IF('Standard Profiles'!$G$22=$B$10,7,0)+IF('Standard Profiles'!$G$22=$B$17,14,0)+IF('Standard Profiles'!$G$22=$B$24,21,0),MOD($C3105,24)+1)/SUM(INDEX($D$3:$AA$30,INDEX(Jesper!$R$2:$R$366,ROW(INDEX(Jesper!AL$2:AL$366,ROUNDDOWN($C3105/24,0)+1,1))-1)+IF('Standard Profiles'!$G$22=$B$10,7,0)+IF('Standard Profiles'!$G$22=$B$17,14,0)+IF('Standard Profiles'!$G$22=$B$24,21,0),0)),0)</f>
        <v>0</v>
      </c>
      <c r="I3105">
        <f t="shared" si="349"/>
        <v>0.69939647104635361</v>
      </c>
      <c r="J3105">
        <f t="shared" si="350"/>
        <v>9.934080655450316</v>
      </c>
      <c r="K3105">
        <f t="shared" si="351"/>
        <v>0.61755340008029169</v>
      </c>
      <c r="L3105">
        <f t="shared" si="352"/>
        <v>0.30877670004014585</v>
      </c>
      <c r="M3105">
        <f t="shared" si="353"/>
        <v>0</v>
      </c>
      <c r="N3105" s="45">
        <f t="shared" si="354"/>
        <v>45054.958333325885</v>
      </c>
    </row>
    <row r="3106" spans="2:14" x14ac:dyDescent="0.25">
      <c r="B3106">
        <f t="shared" si="348"/>
        <v>2</v>
      </c>
      <c r="C3106" s="16">
        <v>3072</v>
      </c>
      <c r="D3106" cm="1">
        <f t="array" ref="D3106">IFERROR(INDEX(Jesper!AH$2:AH$366,ROUNDDOWN($C3106/24,0)+1,1)*INDEX($D$3:$AA$30,INDEX(Jesper!$R$2:$R$366,ROW(INDEX(Jesper!AH$2:AH$366,ROUNDDOWN($C3106/24,0)+1,1))-1)+IF('Standard Profiles'!$G$18=$B$10,7,0)+IF('Standard Profiles'!$G$18=$B$17,14,0)+IF('Standard Profiles'!$G$18=$B$24,21,0),MOD($C3106,24)+1)/SUM(INDEX($D$3:$AA$30,INDEX(Jesper!$R$2:$R$366,ROW(INDEX(Jesper!AH$2:AH$366,ROUNDDOWN($C3106/24,0)+1,1))-1)+IF('Standard Profiles'!$G$18=$B$10,7,0)+IF('Standard Profiles'!$G$18=$B$17,14,0)+IF('Standard Profiles'!$G$18=$B$24,21,0),0)),0)</f>
        <v>3.6552818078280427</v>
      </c>
      <c r="E3106" cm="1">
        <f t="array" ref="E3106">IFERROR(INDEX(Jesper!AI$2:AI$366,ROUNDDOWN($C3106/24,0)+1,1)*INDEX($D$3:$AA$30,INDEX(Jesper!$R$2:$R$366,ROW(INDEX(Jesper!AI$2:AI$366,ROUNDDOWN($C3106/24,0)+1,1))-1)+IF('Standard Profiles'!$G$19=$B$10,7,0)+IF('Standard Profiles'!$G$19=$B$17,14,0)+IF('Standard Profiles'!$G$19=$B$24,21,0),MOD($C3106,24)+1)/SUM(INDEX($D$3:$AA$30,INDEX(Jesper!$R$2:$R$366,ROW(INDEX(Jesper!AI$2:AI$366,ROUNDDOWN($C3106/24,0)+1,1))-1)+IF('Standard Profiles'!$G$19=$B$10,7,0)+IF('Standard Profiles'!$G$19=$B$17,14,0)+IF('Standard Profiles'!$G$19=$B$24,21,0),0)),0)</f>
        <v>2.4794238466147083</v>
      </c>
      <c r="F3106" cm="1">
        <f t="array" ref="F3106">IFERROR(INDEX(Jesper!AJ$2:AJ$366,ROUNDDOWN($C3106/24,0)+1,1)*INDEX($D$3:$AA$30,INDEX(Jesper!$R$2:$R$366,ROW(INDEX(Jesper!AJ$2:AJ$366,ROUNDDOWN($C3106/24,0)+1,1))-1)+IF('Standard Profiles'!$G$20=$B$10,7,0)+IF('Standard Profiles'!$G$20=$B$17,14,0)+IF('Standard Profiles'!$G$20=$B$24,21,0),MOD($C3106,24)+1)/SUM(INDEX($D$3:$AA$30,INDEX(Jesper!$R$2:$R$366,ROW(INDEX(Jesper!AJ$2:AJ$366,ROUNDDOWN($C3106/24,0)+1,1))-1)+IF('Standard Profiles'!$G$20=$B$10,7,0)+IF('Standard Profiles'!$G$20=$B$17,14,0)+IF('Standard Profiles'!$G$20=$B$24,21,0),0)),0)</f>
        <v>0</v>
      </c>
      <c r="G3106" cm="1">
        <f t="array" ref="G3106">IFERROR(INDEX(Jesper!AK$2:AK$366,ROUNDDOWN($C3106/24,0)+1,1)*INDEX($D$3:$AA$30,INDEX(Jesper!$R$2:$R$366,ROW(INDEX(Jesper!AK$2:AK$366,ROUNDDOWN($C3106/24,0)+1,1))-1)+IF('Standard Profiles'!$G$21=$B$10,7,0)+IF('Standard Profiles'!$G$21=$B$17,14,0)+IF('Standard Profiles'!$G$21=$B$24,21,0),MOD($C3106,24)+1)/SUM(INDEX($D$3:$AA$30,INDEX(Jesper!$R$2:$R$366,ROW(INDEX(Jesper!AK$2:AK$366,ROUNDDOWN($C3106/24,0)+1,1))-1)+IF('Standard Profiles'!$G$21=$B$10,7,0)+IF('Standard Profiles'!$G$21=$B$17,14,0)+IF('Standard Profiles'!$G$21=$B$24,21,0),0)),0)</f>
        <v>1.0879717654411585</v>
      </c>
      <c r="H3106" cm="1">
        <f t="array" ref="H3106">IFERROR(INDEX(Jesper!AL$2:AL$366,ROUNDDOWN($C3106/24,0)+1,1)*INDEX($D$3:$AA$30,INDEX(Jesper!$R$2:$R$366,ROW(INDEX(Jesper!AL$2:AL$366,ROUNDDOWN($C3106/24,0)+1,1))-1)+IF('Standard Profiles'!$G$22=$B$10,7,0)+IF('Standard Profiles'!$G$22=$B$17,14,0)+IF('Standard Profiles'!$G$22=$B$24,21,0),MOD($C3106,24)+1)/SUM(INDEX($D$3:$AA$30,INDEX(Jesper!$R$2:$R$366,ROW(INDEX(Jesper!AL$2:AL$366,ROUNDDOWN($C3106/24,0)+1,1))-1)+IF('Standard Profiles'!$G$22=$B$10,7,0)+IF('Standard Profiles'!$G$22=$B$17,14,0)+IF('Standard Profiles'!$G$22=$B$24,21,0),0)),0)</f>
        <v>0</v>
      </c>
      <c r="I3106">
        <f t="shared" si="349"/>
        <v>0.52222644741175583</v>
      </c>
      <c r="J3106">
        <f t="shared" si="350"/>
        <v>6.1156058832196667</v>
      </c>
      <c r="K3106">
        <f t="shared" si="351"/>
        <v>0.3898967261683246</v>
      </c>
      <c r="L3106">
        <f t="shared" si="352"/>
        <v>0.1949483630841623</v>
      </c>
      <c r="M3106">
        <f t="shared" si="353"/>
        <v>0</v>
      </c>
      <c r="N3106" s="45">
        <f t="shared" si="354"/>
        <v>45054.999999992549</v>
      </c>
    </row>
    <row r="3107" spans="2:14" x14ac:dyDescent="0.25">
      <c r="B3107">
        <f t="shared" ref="B3107:B3170" si="355">WEEKDAY(N3107,2)</f>
        <v>2</v>
      </c>
      <c r="C3107" s="16">
        <v>3073</v>
      </c>
      <c r="D3107" cm="1">
        <f t="array" ref="D3107">IFERROR(INDEX(Jesper!AH$2:AH$366,ROUNDDOWN($C3107/24,0)+1,1)*INDEX($D$3:$AA$30,INDEX(Jesper!$R$2:$R$366,ROW(INDEX(Jesper!AH$2:AH$366,ROUNDDOWN($C3107/24,0)+1,1))-1)+IF('Standard Profiles'!$G$18=$B$10,7,0)+IF('Standard Profiles'!$G$18=$B$17,14,0)+IF('Standard Profiles'!$G$18=$B$24,21,0),MOD($C3107,24)+1)/SUM(INDEX($D$3:$AA$30,INDEX(Jesper!$R$2:$R$366,ROW(INDEX(Jesper!AH$2:AH$366,ROUNDDOWN($C3107/24,0)+1,1))-1)+IF('Standard Profiles'!$G$18=$B$10,7,0)+IF('Standard Profiles'!$G$18=$B$17,14,0)+IF('Standard Profiles'!$G$18=$B$24,21,0),0)),0)</f>
        <v>5.5699532309760658</v>
      </c>
      <c r="E3107" cm="1">
        <f t="array" ref="E3107">IFERROR(INDEX(Jesper!AI$2:AI$366,ROUNDDOWN($C3107/24,0)+1,1)*INDEX($D$3:$AA$30,INDEX(Jesper!$R$2:$R$366,ROW(INDEX(Jesper!AI$2:AI$366,ROUNDDOWN($C3107/24,0)+1,1))-1)+IF('Standard Profiles'!$G$19=$B$10,7,0)+IF('Standard Profiles'!$G$19=$B$17,14,0)+IF('Standard Profiles'!$G$19=$B$24,21,0),MOD($C3107,24)+1)/SUM(INDEX($D$3:$AA$30,INDEX(Jesper!$R$2:$R$366,ROW(INDEX(Jesper!AI$2:AI$366,ROUNDDOWN($C3107/24,0)+1,1))-1)+IF('Standard Profiles'!$G$19=$B$10,7,0)+IF('Standard Profiles'!$G$19=$B$17,14,0)+IF('Standard Profiles'!$G$19=$B$24,21,0),0)),0)</f>
        <v>3.7781696710319363</v>
      </c>
      <c r="F3107" cm="1">
        <f t="array" ref="F3107">IFERROR(INDEX(Jesper!AJ$2:AJ$366,ROUNDDOWN($C3107/24,0)+1,1)*INDEX($D$3:$AA$30,INDEX(Jesper!$R$2:$R$366,ROW(INDEX(Jesper!AJ$2:AJ$366,ROUNDDOWN($C3107/24,0)+1,1))-1)+IF('Standard Profiles'!$G$20=$B$10,7,0)+IF('Standard Profiles'!$G$20=$B$17,14,0)+IF('Standard Profiles'!$G$20=$B$24,21,0),MOD($C3107,24)+1)/SUM(INDEX($D$3:$AA$30,INDEX(Jesper!$R$2:$R$366,ROW(INDEX(Jesper!AJ$2:AJ$366,ROUNDDOWN($C3107/24,0)+1,1))-1)+IF('Standard Profiles'!$G$20=$B$10,7,0)+IF('Standard Profiles'!$G$20=$B$17,14,0)+IF('Standard Profiles'!$G$20=$B$24,21,0),0)),0)</f>
        <v>0</v>
      </c>
      <c r="G3107" cm="1">
        <f t="array" ref="G3107">IFERROR(INDEX(Jesper!AK$2:AK$366,ROUNDDOWN($C3107/24,0)+1,1)*INDEX($D$3:$AA$30,INDEX(Jesper!$R$2:$R$366,ROW(INDEX(Jesper!AK$2:AK$366,ROUNDDOWN($C3107/24,0)+1,1))-1)+IF('Standard Profiles'!$G$21=$B$10,7,0)+IF('Standard Profiles'!$G$21=$B$17,14,0)+IF('Standard Profiles'!$G$21=$B$24,21,0),MOD($C3107,24)+1)/SUM(INDEX($D$3:$AA$30,INDEX(Jesper!$R$2:$R$366,ROW(INDEX(Jesper!AK$2:AK$366,ROUNDDOWN($C3107/24,0)+1,1))-1)+IF('Standard Profiles'!$G$21=$B$10,7,0)+IF('Standard Profiles'!$G$21=$B$17,14,0)+IF('Standard Profiles'!$G$21=$B$24,21,0),0)),0)</f>
        <v>1.0879717654411585</v>
      </c>
      <c r="H3107" cm="1">
        <f t="array" ref="H3107">IFERROR(INDEX(Jesper!AL$2:AL$366,ROUNDDOWN($C3107/24,0)+1,1)*INDEX($D$3:$AA$30,INDEX(Jesper!$R$2:$R$366,ROW(INDEX(Jesper!AL$2:AL$366,ROUNDDOWN($C3107/24,0)+1,1))-1)+IF('Standard Profiles'!$G$22=$B$10,7,0)+IF('Standard Profiles'!$G$22=$B$17,14,0)+IF('Standard Profiles'!$G$22=$B$24,21,0),MOD($C3107,24)+1)/SUM(INDEX($D$3:$AA$30,INDEX(Jesper!$R$2:$R$366,ROW(INDEX(Jesper!AL$2:AL$366,ROUNDDOWN($C3107/24,0)+1,1))-1)+IF('Standard Profiles'!$G$22=$B$10,7,0)+IF('Standard Profiles'!$G$22=$B$17,14,0)+IF('Standard Profiles'!$G$22=$B$24,21,0),0)),0)</f>
        <v>0</v>
      </c>
      <c r="I3107">
        <f t="shared" ref="I3107:I3170" si="356">IF($B3107&lt;6,AC$37*$D3107+AC$38*$E3107+AC$39*$F3107+AC$40*$G3107,AC$46*$D3107+AC$47*$E3107+AC$48*$F3107+AC$49*$G3107+AC$50*$H3107)</f>
        <v>0.52222644741175583</v>
      </c>
      <c r="J3107">
        <f t="shared" ref="J3107:J3170" si="357">IF($B3107&lt;6,AD$37*$D3107+AD$38*$E3107+AD$39*$F3107+AD$40*$G3107,AD$46*$D3107+AD$47*$E3107+AD$48*$F3107+AD$49*$G3107+AD$50*$H3107)</f>
        <v>9.0226757030812355</v>
      </c>
      <c r="K3107">
        <f t="shared" ref="K3107:K3170" si="358">IF($B3107&lt;6,AE$37*$D3107+AE$38*$E3107+AE$39*$F3107+AE$40*$G3107,AE$46*$D3107+AE$47*$E3107+AE$48*$F3107+AE$49*$G3107+AE$50*$H3107)</f>
        <v>0.59412834463744701</v>
      </c>
      <c r="L3107">
        <f t="shared" ref="L3107:L3170" si="359">IF($B3107&lt;6,AF$37*$D3107+AF$38*$E3107+AF$39*$F3107+AF$40*$G3107,AF$46*$D3107+AF$47*$E3107+AF$48*$F3107+AF$49*$G3107+AF$50*$H3107)</f>
        <v>0.29706417231872351</v>
      </c>
      <c r="M3107">
        <f t="shared" ref="M3107:M3170" si="360">IF($B3107&lt;6,AG$37*$D3107+AG$38*$E3107+AG$39*$F3107+AG$40*$G3107,AG$46*$D3107+AG$47*$E3107+AG$48*$F3107+AG$49*$G3107+AG$50*$H3107)</f>
        <v>0</v>
      </c>
      <c r="N3107" s="45">
        <f t="shared" si="354"/>
        <v>45055.041666659214</v>
      </c>
    </row>
    <row r="3108" spans="2:14" x14ac:dyDescent="0.25">
      <c r="B3108">
        <f t="shared" si="355"/>
        <v>2</v>
      </c>
      <c r="C3108" s="16">
        <v>3074</v>
      </c>
      <c r="D3108" cm="1">
        <f t="array" ref="D3108">IFERROR(INDEX(Jesper!AH$2:AH$366,ROUNDDOWN($C3108/24,0)+1,1)*INDEX($D$3:$AA$30,INDEX(Jesper!$R$2:$R$366,ROW(INDEX(Jesper!AH$2:AH$366,ROUNDDOWN($C3108/24,0)+1,1))-1)+IF('Standard Profiles'!$G$18=$B$10,7,0)+IF('Standard Profiles'!$G$18=$B$17,14,0)+IF('Standard Profiles'!$G$18=$B$24,21,0),MOD($C3108,24)+1)/SUM(INDEX($D$3:$AA$30,INDEX(Jesper!$R$2:$R$366,ROW(INDEX(Jesper!AH$2:AH$366,ROUNDDOWN($C3108/24,0)+1,1))-1)+IF('Standard Profiles'!$G$18=$B$10,7,0)+IF('Standard Profiles'!$G$18=$B$17,14,0)+IF('Standard Profiles'!$G$18=$B$24,21,0),0)),0)</f>
        <v>5.5699532309760658</v>
      </c>
      <c r="E3108" cm="1">
        <f t="array" ref="E3108">IFERROR(INDEX(Jesper!AI$2:AI$366,ROUNDDOWN($C3108/24,0)+1,1)*INDEX($D$3:$AA$30,INDEX(Jesper!$R$2:$R$366,ROW(INDEX(Jesper!AI$2:AI$366,ROUNDDOWN($C3108/24,0)+1,1))-1)+IF('Standard Profiles'!$G$19=$B$10,7,0)+IF('Standard Profiles'!$G$19=$B$17,14,0)+IF('Standard Profiles'!$G$19=$B$24,21,0),MOD($C3108,24)+1)/SUM(INDEX($D$3:$AA$30,INDEX(Jesper!$R$2:$R$366,ROW(INDEX(Jesper!AI$2:AI$366,ROUNDDOWN($C3108/24,0)+1,1))-1)+IF('Standard Profiles'!$G$19=$B$10,7,0)+IF('Standard Profiles'!$G$19=$B$17,14,0)+IF('Standard Profiles'!$G$19=$B$24,21,0),0)),0)</f>
        <v>3.7781696710319363</v>
      </c>
      <c r="F3108" cm="1">
        <f t="array" ref="F3108">IFERROR(INDEX(Jesper!AJ$2:AJ$366,ROUNDDOWN($C3108/24,0)+1,1)*INDEX($D$3:$AA$30,INDEX(Jesper!$R$2:$R$366,ROW(INDEX(Jesper!AJ$2:AJ$366,ROUNDDOWN($C3108/24,0)+1,1))-1)+IF('Standard Profiles'!$G$20=$B$10,7,0)+IF('Standard Profiles'!$G$20=$B$17,14,0)+IF('Standard Profiles'!$G$20=$B$24,21,0),MOD($C3108,24)+1)/SUM(INDEX($D$3:$AA$30,INDEX(Jesper!$R$2:$R$366,ROW(INDEX(Jesper!AJ$2:AJ$366,ROUNDDOWN($C3108/24,0)+1,1))-1)+IF('Standard Profiles'!$G$20=$B$10,7,0)+IF('Standard Profiles'!$G$20=$B$17,14,0)+IF('Standard Profiles'!$G$20=$B$24,21,0),0)),0)</f>
        <v>0</v>
      </c>
      <c r="G3108" cm="1">
        <f t="array" ref="G3108">IFERROR(INDEX(Jesper!AK$2:AK$366,ROUNDDOWN($C3108/24,0)+1,1)*INDEX($D$3:$AA$30,INDEX(Jesper!$R$2:$R$366,ROW(INDEX(Jesper!AK$2:AK$366,ROUNDDOWN($C3108/24,0)+1,1))-1)+IF('Standard Profiles'!$G$21=$B$10,7,0)+IF('Standard Profiles'!$G$21=$B$17,14,0)+IF('Standard Profiles'!$G$21=$B$24,21,0),MOD($C3108,24)+1)/SUM(INDEX($D$3:$AA$30,INDEX(Jesper!$R$2:$R$366,ROW(INDEX(Jesper!AK$2:AK$366,ROUNDDOWN($C3108/24,0)+1,1))-1)+IF('Standard Profiles'!$G$21=$B$10,7,0)+IF('Standard Profiles'!$G$21=$B$17,14,0)+IF('Standard Profiles'!$G$21=$B$24,21,0),0)),0)</f>
        <v>1.0879717654411585</v>
      </c>
      <c r="H3108" cm="1">
        <f t="array" ref="H3108">IFERROR(INDEX(Jesper!AL$2:AL$366,ROUNDDOWN($C3108/24,0)+1,1)*INDEX($D$3:$AA$30,INDEX(Jesper!$R$2:$R$366,ROW(INDEX(Jesper!AL$2:AL$366,ROUNDDOWN($C3108/24,0)+1,1))-1)+IF('Standard Profiles'!$G$22=$B$10,7,0)+IF('Standard Profiles'!$G$22=$B$17,14,0)+IF('Standard Profiles'!$G$22=$B$24,21,0),MOD($C3108,24)+1)/SUM(INDEX($D$3:$AA$30,INDEX(Jesper!$R$2:$R$366,ROW(INDEX(Jesper!AL$2:AL$366,ROUNDDOWN($C3108/24,0)+1,1))-1)+IF('Standard Profiles'!$G$22=$B$10,7,0)+IF('Standard Profiles'!$G$22=$B$17,14,0)+IF('Standard Profiles'!$G$22=$B$24,21,0),0)),0)</f>
        <v>0</v>
      </c>
      <c r="I3108">
        <f t="shared" si="356"/>
        <v>0.52222644741175583</v>
      </c>
      <c r="J3108">
        <f t="shared" si="357"/>
        <v>9.0226757030812355</v>
      </c>
      <c r="K3108">
        <f t="shared" si="358"/>
        <v>0.59412834463744701</v>
      </c>
      <c r="L3108">
        <f t="shared" si="359"/>
        <v>0.29706417231872351</v>
      </c>
      <c r="M3108">
        <f t="shared" si="360"/>
        <v>0</v>
      </c>
      <c r="N3108" s="45">
        <f t="shared" ref="N3108:N3171" si="361">N3107+1/24</f>
        <v>45055.083333325878</v>
      </c>
    </row>
    <row r="3109" spans="2:14" x14ac:dyDescent="0.25">
      <c r="B3109">
        <f t="shared" si="355"/>
        <v>2</v>
      </c>
      <c r="C3109" s="16">
        <v>3075</v>
      </c>
      <c r="D3109" cm="1">
        <f t="array" ref="D3109">IFERROR(INDEX(Jesper!AH$2:AH$366,ROUNDDOWN($C3109/24,0)+1,1)*INDEX($D$3:$AA$30,INDEX(Jesper!$R$2:$R$366,ROW(INDEX(Jesper!AH$2:AH$366,ROUNDDOWN($C3109/24,0)+1,1))-1)+IF('Standard Profiles'!$G$18=$B$10,7,0)+IF('Standard Profiles'!$G$18=$B$17,14,0)+IF('Standard Profiles'!$G$18=$B$24,21,0),MOD($C3109,24)+1)/SUM(INDEX($D$3:$AA$30,INDEX(Jesper!$R$2:$R$366,ROW(INDEX(Jesper!AH$2:AH$366,ROUNDDOWN($C3109/24,0)+1,1))-1)+IF('Standard Profiles'!$G$18=$B$10,7,0)+IF('Standard Profiles'!$G$18=$B$17,14,0)+IF('Standard Profiles'!$G$18=$B$24,21,0),0)),0)</f>
        <v>5.5699532309760658</v>
      </c>
      <c r="E3109" cm="1">
        <f t="array" ref="E3109">IFERROR(INDEX(Jesper!AI$2:AI$366,ROUNDDOWN($C3109/24,0)+1,1)*INDEX($D$3:$AA$30,INDEX(Jesper!$R$2:$R$366,ROW(INDEX(Jesper!AI$2:AI$366,ROUNDDOWN($C3109/24,0)+1,1))-1)+IF('Standard Profiles'!$G$19=$B$10,7,0)+IF('Standard Profiles'!$G$19=$B$17,14,0)+IF('Standard Profiles'!$G$19=$B$24,21,0),MOD($C3109,24)+1)/SUM(INDEX($D$3:$AA$30,INDEX(Jesper!$R$2:$R$366,ROW(INDEX(Jesper!AI$2:AI$366,ROUNDDOWN($C3109/24,0)+1,1))-1)+IF('Standard Profiles'!$G$19=$B$10,7,0)+IF('Standard Profiles'!$G$19=$B$17,14,0)+IF('Standard Profiles'!$G$19=$B$24,21,0),0)),0)</f>
        <v>3.7781696710319363</v>
      </c>
      <c r="F3109" cm="1">
        <f t="array" ref="F3109">IFERROR(INDEX(Jesper!AJ$2:AJ$366,ROUNDDOWN($C3109/24,0)+1,1)*INDEX($D$3:$AA$30,INDEX(Jesper!$R$2:$R$366,ROW(INDEX(Jesper!AJ$2:AJ$366,ROUNDDOWN($C3109/24,0)+1,1))-1)+IF('Standard Profiles'!$G$20=$B$10,7,0)+IF('Standard Profiles'!$G$20=$B$17,14,0)+IF('Standard Profiles'!$G$20=$B$24,21,0),MOD($C3109,24)+1)/SUM(INDEX($D$3:$AA$30,INDEX(Jesper!$R$2:$R$366,ROW(INDEX(Jesper!AJ$2:AJ$366,ROUNDDOWN($C3109/24,0)+1,1))-1)+IF('Standard Profiles'!$G$20=$B$10,7,0)+IF('Standard Profiles'!$G$20=$B$17,14,0)+IF('Standard Profiles'!$G$20=$B$24,21,0),0)),0)</f>
        <v>0</v>
      </c>
      <c r="G3109" cm="1">
        <f t="array" ref="G3109">IFERROR(INDEX(Jesper!AK$2:AK$366,ROUNDDOWN($C3109/24,0)+1,1)*INDEX($D$3:$AA$30,INDEX(Jesper!$R$2:$R$366,ROW(INDEX(Jesper!AK$2:AK$366,ROUNDDOWN($C3109/24,0)+1,1))-1)+IF('Standard Profiles'!$G$21=$B$10,7,0)+IF('Standard Profiles'!$G$21=$B$17,14,0)+IF('Standard Profiles'!$G$21=$B$24,21,0),MOD($C3109,24)+1)/SUM(INDEX($D$3:$AA$30,INDEX(Jesper!$R$2:$R$366,ROW(INDEX(Jesper!AK$2:AK$366,ROUNDDOWN($C3109/24,0)+1,1))-1)+IF('Standard Profiles'!$G$21=$B$10,7,0)+IF('Standard Profiles'!$G$21=$B$17,14,0)+IF('Standard Profiles'!$G$21=$B$24,21,0),0)),0)</f>
        <v>1.0879717654411585</v>
      </c>
      <c r="H3109" cm="1">
        <f t="array" ref="H3109">IFERROR(INDEX(Jesper!AL$2:AL$366,ROUNDDOWN($C3109/24,0)+1,1)*INDEX($D$3:$AA$30,INDEX(Jesper!$R$2:$R$366,ROW(INDEX(Jesper!AL$2:AL$366,ROUNDDOWN($C3109/24,0)+1,1))-1)+IF('Standard Profiles'!$G$22=$B$10,7,0)+IF('Standard Profiles'!$G$22=$B$17,14,0)+IF('Standard Profiles'!$G$22=$B$24,21,0),MOD($C3109,24)+1)/SUM(INDEX($D$3:$AA$30,INDEX(Jesper!$R$2:$R$366,ROW(INDEX(Jesper!AL$2:AL$366,ROUNDDOWN($C3109/24,0)+1,1))-1)+IF('Standard Profiles'!$G$22=$B$10,7,0)+IF('Standard Profiles'!$G$22=$B$17,14,0)+IF('Standard Profiles'!$G$22=$B$24,21,0),0)),0)</f>
        <v>0</v>
      </c>
      <c r="I3109">
        <f t="shared" si="356"/>
        <v>0.52222644741175583</v>
      </c>
      <c r="J3109">
        <f t="shared" si="357"/>
        <v>9.0226757030812355</v>
      </c>
      <c r="K3109">
        <f t="shared" si="358"/>
        <v>0.59412834463744701</v>
      </c>
      <c r="L3109">
        <f t="shared" si="359"/>
        <v>0.29706417231872351</v>
      </c>
      <c r="M3109">
        <f t="shared" si="360"/>
        <v>0</v>
      </c>
      <c r="N3109" s="45">
        <f t="shared" si="361"/>
        <v>45055.124999992542</v>
      </c>
    </row>
    <row r="3110" spans="2:14" x14ac:dyDescent="0.25">
      <c r="B3110">
        <f t="shared" si="355"/>
        <v>2</v>
      </c>
      <c r="C3110" s="16">
        <v>3076</v>
      </c>
      <c r="D3110" cm="1">
        <f t="array" ref="D3110">IFERROR(INDEX(Jesper!AH$2:AH$366,ROUNDDOWN($C3110/24,0)+1,1)*INDEX($D$3:$AA$30,INDEX(Jesper!$R$2:$R$366,ROW(INDEX(Jesper!AH$2:AH$366,ROUNDDOWN($C3110/24,0)+1,1))-1)+IF('Standard Profiles'!$G$18=$B$10,7,0)+IF('Standard Profiles'!$G$18=$B$17,14,0)+IF('Standard Profiles'!$G$18=$B$24,21,0),MOD($C3110,24)+1)/SUM(INDEX($D$3:$AA$30,INDEX(Jesper!$R$2:$R$366,ROW(INDEX(Jesper!AH$2:AH$366,ROUNDDOWN($C3110/24,0)+1,1))-1)+IF('Standard Profiles'!$G$18=$B$10,7,0)+IF('Standard Profiles'!$G$18=$B$17,14,0)+IF('Standard Profiles'!$G$18=$B$24,21,0),0)),0)</f>
        <v>5.5699532309760658</v>
      </c>
      <c r="E3110" cm="1">
        <f t="array" ref="E3110">IFERROR(INDEX(Jesper!AI$2:AI$366,ROUNDDOWN($C3110/24,0)+1,1)*INDEX($D$3:$AA$30,INDEX(Jesper!$R$2:$R$366,ROW(INDEX(Jesper!AI$2:AI$366,ROUNDDOWN($C3110/24,0)+1,1))-1)+IF('Standard Profiles'!$G$19=$B$10,7,0)+IF('Standard Profiles'!$G$19=$B$17,14,0)+IF('Standard Profiles'!$G$19=$B$24,21,0),MOD($C3110,24)+1)/SUM(INDEX($D$3:$AA$30,INDEX(Jesper!$R$2:$R$366,ROW(INDEX(Jesper!AI$2:AI$366,ROUNDDOWN($C3110/24,0)+1,1))-1)+IF('Standard Profiles'!$G$19=$B$10,7,0)+IF('Standard Profiles'!$G$19=$B$17,14,0)+IF('Standard Profiles'!$G$19=$B$24,21,0),0)),0)</f>
        <v>3.7781696710319363</v>
      </c>
      <c r="F3110" cm="1">
        <f t="array" ref="F3110">IFERROR(INDEX(Jesper!AJ$2:AJ$366,ROUNDDOWN($C3110/24,0)+1,1)*INDEX($D$3:$AA$30,INDEX(Jesper!$R$2:$R$366,ROW(INDEX(Jesper!AJ$2:AJ$366,ROUNDDOWN($C3110/24,0)+1,1))-1)+IF('Standard Profiles'!$G$20=$B$10,7,0)+IF('Standard Profiles'!$G$20=$B$17,14,0)+IF('Standard Profiles'!$G$20=$B$24,21,0),MOD($C3110,24)+1)/SUM(INDEX($D$3:$AA$30,INDEX(Jesper!$R$2:$R$366,ROW(INDEX(Jesper!AJ$2:AJ$366,ROUNDDOWN($C3110/24,0)+1,1))-1)+IF('Standard Profiles'!$G$20=$B$10,7,0)+IF('Standard Profiles'!$G$20=$B$17,14,0)+IF('Standard Profiles'!$G$20=$B$24,21,0),0)),0)</f>
        <v>0</v>
      </c>
      <c r="G3110" cm="1">
        <f t="array" ref="G3110">IFERROR(INDEX(Jesper!AK$2:AK$366,ROUNDDOWN($C3110/24,0)+1,1)*INDEX($D$3:$AA$30,INDEX(Jesper!$R$2:$R$366,ROW(INDEX(Jesper!AK$2:AK$366,ROUNDDOWN($C3110/24,0)+1,1))-1)+IF('Standard Profiles'!$G$21=$B$10,7,0)+IF('Standard Profiles'!$G$21=$B$17,14,0)+IF('Standard Profiles'!$G$21=$B$24,21,0),MOD($C3110,24)+1)/SUM(INDEX($D$3:$AA$30,INDEX(Jesper!$R$2:$R$366,ROW(INDEX(Jesper!AK$2:AK$366,ROUNDDOWN($C3110/24,0)+1,1))-1)+IF('Standard Profiles'!$G$21=$B$10,7,0)+IF('Standard Profiles'!$G$21=$B$17,14,0)+IF('Standard Profiles'!$G$21=$B$24,21,0),0)),0)</f>
        <v>1.0879717654411585</v>
      </c>
      <c r="H3110" cm="1">
        <f t="array" ref="H3110">IFERROR(INDEX(Jesper!AL$2:AL$366,ROUNDDOWN($C3110/24,0)+1,1)*INDEX($D$3:$AA$30,INDEX(Jesper!$R$2:$R$366,ROW(INDEX(Jesper!AL$2:AL$366,ROUNDDOWN($C3110/24,0)+1,1))-1)+IF('Standard Profiles'!$G$22=$B$10,7,0)+IF('Standard Profiles'!$G$22=$B$17,14,0)+IF('Standard Profiles'!$G$22=$B$24,21,0),MOD($C3110,24)+1)/SUM(INDEX($D$3:$AA$30,INDEX(Jesper!$R$2:$R$366,ROW(INDEX(Jesper!AL$2:AL$366,ROUNDDOWN($C3110/24,0)+1,1))-1)+IF('Standard Profiles'!$G$22=$B$10,7,0)+IF('Standard Profiles'!$G$22=$B$17,14,0)+IF('Standard Profiles'!$G$22=$B$24,21,0),0)),0)</f>
        <v>0</v>
      </c>
      <c r="I3110">
        <f t="shared" si="356"/>
        <v>0.52222644741175583</v>
      </c>
      <c r="J3110">
        <f t="shared" si="357"/>
        <v>9.0226757030812355</v>
      </c>
      <c r="K3110">
        <f t="shared" si="358"/>
        <v>0.59412834463744701</v>
      </c>
      <c r="L3110">
        <f t="shared" si="359"/>
        <v>0.29706417231872351</v>
      </c>
      <c r="M3110">
        <f t="shared" si="360"/>
        <v>0</v>
      </c>
      <c r="N3110" s="45">
        <f t="shared" si="361"/>
        <v>45055.166666659206</v>
      </c>
    </row>
    <row r="3111" spans="2:14" x14ac:dyDescent="0.25">
      <c r="B3111">
        <f t="shared" si="355"/>
        <v>2</v>
      </c>
      <c r="C3111" s="16">
        <v>3077</v>
      </c>
      <c r="D3111" cm="1">
        <f t="array" ref="D3111">IFERROR(INDEX(Jesper!AH$2:AH$366,ROUNDDOWN($C3111/24,0)+1,1)*INDEX($D$3:$AA$30,INDEX(Jesper!$R$2:$R$366,ROW(INDEX(Jesper!AH$2:AH$366,ROUNDDOWN($C3111/24,0)+1,1))-1)+IF('Standard Profiles'!$G$18=$B$10,7,0)+IF('Standard Profiles'!$G$18=$B$17,14,0)+IF('Standard Profiles'!$G$18=$B$24,21,0),MOD($C3111,24)+1)/SUM(INDEX($D$3:$AA$30,INDEX(Jesper!$R$2:$R$366,ROW(INDEX(Jesper!AH$2:AH$366,ROUNDDOWN($C3111/24,0)+1,1))-1)+IF('Standard Profiles'!$G$18=$B$10,7,0)+IF('Standard Profiles'!$G$18=$B$17,14,0)+IF('Standard Profiles'!$G$18=$B$24,21,0),0)),0)</f>
        <v>5.5699532309760658</v>
      </c>
      <c r="E3111" cm="1">
        <f t="array" ref="E3111">IFERROR(INDEX(Jesper!AI$2:AI$366,ROUNDDOWN($C3111/24,0)+1,1)*INDEX($D$3:$AA$30,INDEX(Jesper!$R$2:$R$366,ROW(INDEX(Jesper!AI$2:AI$366,ROUNDDOWN($C3111/24,0)+1,1))-1)+IF('Standard Profiles'!$G$19=$B$10,7,0)+IF('Standard Profiles'!$G$19=$B$17,14,0)+IF('Standard Profiles'!$G$19=$B$24,21,0),MOD($C3111,24)+1)/SUM(INDEX($D$3:$AA$30,INDEX(Jesper!$R$2:$R$366,ROW(INDEX(Jesper!AI$2:AI$366,ROUNDDOWN($C3111/24,0)+1,1))-1)+IF('Standard Profiles'!$G$19=$B$10,7,0)+IF('Standard Profiles'!$G$19=$B$17,14,0)+IF('Standard Profiles'!$G$19=$B$24,21,0),0)),0)</f>
        <v>3.7781696710319363</v>
      </c>
      <c r="F3111" cm="1">
        <f t="array" ref="F3111">IFERROR(INDEX(Jesper!AJ$2:AJ$366,ROUNDDOWN($C3111/24,0)+1,1)*INDEX($D$3:$AA$30,INDEX(Jesper!$R$2:$R$366,ROW(INDEX(Jesper!AJ$2:AJ$366,ROUNDDOWN($C3111/24,0)+1,1))-1)+IF('Standard Profiles'!$G$20=$B$10,7,0)+IF('Standard Profiles'!$G$20=$B$17,14,0)+IF('Standard Profiles'!$G$20=$B$24,21,0),MOD($C3111,24)+1)/SUM(INDEX($D$3:$AA$30,INDEX(Jesper!$R$2:$R$366,ROW(INDEX(Jesper!AJ$2:AJ$366,ROUNDDOWN($C3111/24,0)+1,1))-1)+IF('Standard Profiles'!$G$20=$B$10,7,0)+IF('Standard Profiles'!$G$20=$B$17,14,0)+IF('Standard Profiles'!$G$20=$B$24,21,0),0)),0)</f>
        <v>0</v>
      </c>
      <c r="G3111" cm="1">
        <f t="array" ref="G3111">IFERROR(INDEX(Jesper!AK$2:AK$366,ROUNDDOWN($C3111/24,0)+1,1)*INDEX($D$3:$AA$30,INDEX(Jesper!$R$2:$R$366,ROW(INDEX(Jesper!AK$2:AK$366,ROUNDDOWN($C3111/24,0)+1,1))-1)+IF('Standard Profiles'!$G$21=$B$10,7,0)+IF('Standard Profiles'!$G$21=$B$17,14,0)+IF('Standard Profiles'!$G$21=$B$24,21,0),MOD($C3111,24)+1)/SUM(INDEX($D$3:$AA$30,INDEX(Jesper!$R$2:$R$366,ROW(INDEX(Jesper!AK$2:AK$366,ROUNDDOWN($C3111/24,0)+1,1))-1)+IF('Standard Profiles'!$G$21=$B$10,7,0)+IF('Standard Profiles'!$G$21=$B$17,14,0)+IF('Standard Profiles'!$G$21=$B$24,21,0),0)),0)</f>
        <v>1.0879717654411585</v>
      </c>
      <c r="H3111" cm="1">
        <f t="array" ref="H3111">IFERROR(INDEX(Jesper!AL$2:AL$366,ROUNDDOWN($C3111/24,0)+1,1)*INDEX($D$3:$AA$30,INDEX(Jesper!$R$2:$R$366,ROW(INDEX(Jesper!AL$2:AL$366,ROUNDDOWN($C3111/24,0)+1,1))-1)+IF('Standard Profiles'!$G$22=$B$10,7,0)+IF('Standard Profiles'!$G$22=$B$17,14,0)+IF('Standard Profiles'!$G$22=$B$24,21,0),MOD($C3111,24)+1)/SUM(INDEX($D$3:$AA$30,INDEX(Jesper!$R$2:$R$366,ROW(INDEX(Jesper!AL$2:AL$366,ROUNDDOWN($C3111/24,0)+1,1))-1)+IF('Standard Profiles'!$G$22=$B$10,7,0)+IF('Standard Profiles'!$G$22=$B$17,14,0)+IF('Standard Profiles'!$G$22=$B$24,21,0),0)),0)</f>
        <v>0</v>
      </c>
      <c r="I3111">
        <f t="shared" si="356"/>
        <v>0.52222644741175583</v>
      </c>
      <c r="J3111">
        <f t="shared" si="357"/>
        <v>9.0226757030812355</v>
      </c>
      <c r="K3111">
        <f t="shared" si="358"/>
        <v>0.59412834463744701</v>
      </c>
      <c r="L3111">
        <f t="shared" si="359"/>
        <v>0.29706417231872351</v>
      </c>
      <c r="M3111">
        <f t="shared" si="360"/>
        <v>0</v>
      </c>
      <c r="N3111" s="45">
        <f t="shared" si="361"/>
        <v>45055.208333325871</v>
      </c>
    </row>
    <row r="3112" spans="2:14" x14ac:dyDescent="0.25">
      <c r="B3112">
        <f t="shared" si="355"/>
        <v>2</v>
      </c>
      <c r="C3112" s="16">
        <v>3078</v>
      </c>
      <c r="D3112" cm="1">
        <f t="array" ref="D3112">IFERROR(INDEX(Jesper!AH$2:AH$366,ROUNDDOWN($C3112/24,0)+1,1)*INDEX($D$3:$AA$30,INDEX(Jesper!$R$2:$R$366,ROW(INDEX(Jesper!AH$2:AH$366,ROUNDDOWN($C3112/24,0)+1,1))-1)+IF('Standard Profiles'!$G$18=$B$10,7,0)+IF('Standard Profiles'!$G$18=$B$17,14,0)+IF('Standard Profiles'!$G$18=$B$24,21,0),MOD($C3112,24)+1)/SUM(INDEX($D$3:$AA$30,INDEX(Jesper!$R$2:$R$366,ROW(INDEX(Jesper!AH$2:AH$366,ROUNDDOWN($C3112/24,0)+1,1))-1)+IF('Standard Profiles'!$G$18=$B$10,7,0)+IF('Standard Profiles'!$G$18=$B$17,14,0)+IF('Standard Profiles'!$G$18=$B$24,21,0),0)),0)</f>
        <v>5.5699532309760658</v>
      </c>
      <c r="E3112" cm="1">
        <f t="array" ref="E3112">IFERROR(INDEX(Jesper!AI$2:AI$366,ROUNDDOWN($C3112/24,0)+1,1)*INDEX($D$3:$AA$30,INDEX(Jesper!$R$2:$R$366,ROW(INDEX(Jesper!AI$2:AI$366,ROUNDDOWN($C3112/24,0)+1,1))-1)+IF('Standard Profiles'!$G$19=$B$10,7,0)+IF('Standard Profiles'!$G$19=$B$17,14,0)+IF('Standard Profiles'!$G$19=$B$24,21,0),MOD($C3112,24)+1)/SUM(INDEX($D$3:$AA$30,INDEX(Jesper!$R$2:$R$366,ROW(INDEX(Jesper!AI$2:AI$366,ROUNDDOWN($C3112/24,0)+1,1))-1)+IF('Standard Profiles'!$G$19=$B$10,7,0)+IF('Standard Profiles'!$G$19=$B$17,14,0)+IF('Standard Profiles'!$G$19=$B$24,21,0),0)),0)</f>
        <v>3.7781696710319363</v>
      </c>
      <c r="F3112" cm="1">
        <f t="array" ref="F3112">IFERROR(INDEX(Jesper!AJ$2:AJ$366,ROUNDDOWN($C3112/24,0)+1,1)*INDEX($D$3:$AA$30,INDEX(Jesper!$R$2:$R$366,ROW(INDEX(Jesper!AJ$2:AJ$366,ROUNDDOWN($C3112/24,0)+1,1))-1)+IF('Standard Profiles'!$G$20=$B$10,7,0)+IF('Standard Profiles'!$G$20=$B$17,14,0)+IF('Standard Profiles'!$G$20=$B$24,21,0),MOD($C3112,24)+1)/SUM(INDEX($D$3:$AA$30,INDEX(Jesper!$R$2:$R$366,ROW(INDEX(Jesper!AJ$2:AJ$366,ROUNDDOWN($C3112/24,0)+1,1))-1)+IF('Standard Profiles'!$G$20=$B$10,7,0)+IF('Standard Profiles'!$G$20=$B$17,14,0)+IF('Standard Profiles'!$G$20=$B$24,21,0),0)),0)</f>
        <v>0</v>
      </c>
      <c r="G3112" cm="1">
        <f t="array" ref="G3112">IFERROR(INDEX(Jesper!AK$2:AK$366,ROUNDDOWN($C3112/24,0)+1,1)*INDEX($D$3:$AA$30,INDEX(Jesper!$R$2:$R$366,ROW(INDEX(Jesper!AK$2:AK$366,ROUNDDOWN($C3112/24,0)+1,1))-1)+IF('Standard Profiles'!$G$21=$B$10,7,0)+IF('Standard Profiles'!$G$21=$B$17,14,0)+IF('Standard Profiles'!$G$21=$B$24,21,0),MOD($C3112,24)+1)/SUM(INDEX($D$3:$AA$30,INDEX(Jesper!$R$2:$R$366,ROW(INDEX(Jesper!AK$2:AK$366,ROUNDDOWN($C3112/24,0)+1,1))-1)+IF('Standard Profiles'!$G$21=$B$10,7,0)+IF('Standard Profiles'!$G$21=$B$17,14,0)+IF('Standard Profiles'!$G$21=$B$24,21,0),0)),0)</f>
        <v>1.0879717654411585</v>
      </c>
      <c r="H3112" cm="1">
        <f t="array" ref="H3112">IFERROR(INDEX(Jesper!AL$2:AL$366,ROUNDDOWN($C3112/24,0)+1,1)*INDEX($D$3:$AA$30,INDEX(Jesper!$R$2:$R$366,ROW(INDEX(Jesper!AL$2:AL$366,ROUNDDOWN($C3112/24,0)+1,1))-1)+IF('Standard Profiles'!$G$22=$B$10,7,0)+IF('Standard Profiles'!$G$22=$B$17,14,0)+IF('Standard Profiles'!$G$22=$B$24,21,0),MOD($C3112,24)+1)/SUM(INDEX($D$3:$AA$30,INDEX(Jesper!$R$2:$R$366,ROW(INDEX(Jesper!AL$2:AL$366,ROUNDDOWN($C3112/24,0)+1,1))-1)+IF('Standard Profiles'!$G$22=$B$10,7,0)+IF('Standard Profiles'!$G$22=$B$17,14,0)+IF('Standard Profiles'!$G$22=$B$24,21,0),0)),0)</f>
        <v>0</v>
      </c>
      <c r="I3112">
        <f t="shared" si="356"/>
        <v>0.52222644741175583</v>
      </c>
      <c r="J3112">
        <f t="shared" si="357"/>
        <v>9.0226757030812355</v>
      </c>
      <c r="K3112">
        <f t="shared" si="358"/>
        <v>0.59412834463744701</v>
      </c>
      <c r="L3112">
        <f t="shared" si="359"/>
        <v>0.29706417231872351</v>
      </c>
      <c r="M3112">
        <f t="shared" si="360"/>
        <v>0</v>
      </c>
      <c r="N3112" s="45">
        <f t="shared" si="361"/>
        <v>45055.249999992535</v>
      </c>
    </row>
    <row r="3113" spans="2:14" x14ac:dyDescent="0.25">
      <c r="B3113">
        <f t="shared" si="355"/>
        <v>2</v>
      </c>
      <c r="C3113" s="16">
        <v>3079</v>
      </c>
      <c r="D3113" cm="1">
        <f t="array" ref="D3113">IFERROR(INDEX(Jesper!AH$2:AH$366,ROUNDDOWN($C3113/24,0)+1,1)*INDEX($D$3:$AA$30,INDEX(Jesper!$R$2:$R$366,ROW(INDEX(Jesper!AH$2:AH$366,ROUNDDOWN($C3113/24,0)+1,1))-1)+IF('Standard Profiles'!$G$18=$B$10,7,0)+IF('Standard Profiles'!$G$18=$B$17,14,0)+IF('Standard Profiles'!$G$18=$B$24,21,0),MOD($C3113,24)+1)/SUM(INDEX($D$3:$AA$30,INDEX(Jesper!$R$2:$R$366,ROW(INDEX(Jesper!AH$2:AH$366,ROUNDDOWN($C3113/24,0)+1,1))-1)+IF('Standard Profiles'!$G$18=$B$10,7,0)+IF('Standard Profiles'!$G$18=$B$17,14,0)+IF('Standard Profiles'!$G$18=$B$24,21,0),0)),0)</f>
        <v>23.480834089333474</v>
      </c>
      <c r="E3113" cm="1">
        <f t="array" ref="E3113">IFERROR(INDEX(Jesper!AI$2:AI$366,ROUNDDOWN($C3113/24,0)+1,1)*INDEX($D$3:$AA$30,INDEX(Jesper!$R$2:$R$366,ROW(INDEX(Jesper!AI$2:AI$366,ROUNDDOWN($C3113/24,0)+1,1))-1)+IF('Standard Profiles'!$G$19=$B$10,7,0)+IF('Standard Profiles'!$G$19=$B$17,14,0)+IF('Standard Profiles'!$G$19=$B$24,21,0),MOD($C3113,24)+1)/SUM(INDEX($D$3:$AA$30,INDEX(Jesper!$R$2:$R$366,ROW(INDEX(Jesper!AI$2:AI$366,ROUNDDOWN($C3113/24,0)+1,1))-1)+IF('Standard Profiles'!$G$19=$B$10,7,0)+IF('Standard Profiles'!$G$19=$B$17,14,0)+IF('Standard Profiles'!$G$19=$B$24,21,0),0)),0)</f>
        <v>15.927346519444006</v>
      </c>
      <c r="F3113" cm="1">
        <f t="array" ref="F3113">IFERROR(INDEX(Jesper!AJ$2:AJ$366,ROUNDDOWN($C3113/24,0)+1,1)*INDEX($D$3:$AA$30,INDEX(Jesper!$R$2:$R$366,ROW(INDEX(Jesper!AJ$2:AJ$366,ROUNDDOWN($C3113/24,0)+1,1))-1)+IF('Standard Profiles'!$G$20=$B$10,7,0)+IF('Standard Profiles'!$G$20=$B$17,14,0)+IF('Standard Profiles'!$G$20=$B$24,21,0),MOD($C3113,24)+1)/SUM(INDEX($D$3:$AA$30,INDEX(Jesper!$R$2:$R$366,ROW(INDEX(Jesper!AJ$2:AJ$366,ROUNDDOWN($C3113/24,0)+1,1))-1)+IF('Standard Profiles'!$G$20=$B$10,7,0)+IF('Standard Profiles'!$G$20=$B$17,14,0)+IF('Standard Profiles'!$G$20=$B$24,21,0),0)),0)</f>
        <v>0</v>
      </c>
      <c r="G3113" cm="1">
        <f t="array" ref="G3113">IFERROR(INDEX(Jesper!AK$2:AK$366,ROUNDDOWN($C3113/24,0)+1,1)*INDEX($D$3:$AA$30,INDEX(Jesper!$R$2:$R$366,ROW(INDEX(Jesper!AK$2:AK$366,ROUNDDOWN($C3113/24,0)+1,1))-1)+IF('Standard Profiles'!$G$21=$B$10,7,0)+IF('Standard Profiles'!$G$21=$B$17,14,0)+IF('Standard Profiles'!$G$21=$B$24,21,0),MOD($C3113,24)+1)/SUM(INDEX($D$3:$AA$30,INDEX(Jesper!$R$2:$R$366,ROW(INDEX(Jesper!AK$2:AK$366,ROUNDDOWN($C3113/24,0)+1,1))-1)+IF('Standard Profiles'!$G$21=$B$10,7,0)+IF('Standard Profiles'!$G$21=$B$17,14,0)+IF('Standard Profiles'!$G$21=$B$24,21,0),0)),0)</f>
        <v>3.1340606017385633</v>
      </c>
      <c r="H3113" cm="1">
        <f t="array" ref="H3113">IFERROR(INDEX(Jesper!AL$2:AL$366,ROUNDDOWN($C3113/24,0)+1,1)*INDEX($D$3:$AA$30,INDEX(Jesper!$R$2:$R$366,ROW(INDEX(Jesper!AL$2:AL$366,ROUNDDOWN($C3113/24,0)+1,1))-1)+IF('Standard Profiles'!$G$22=$B$10,7,0)+IF('Standard Profiles'!$G$22=$B$17,14,0)+IF('Standard Profiles'!$G$22=$B$24,21,0),MOD($C3113,24)+1)/SUM(INDEX($D$3:$AA$30,INDEX(Jesper!$R$2:$R$366,ROW(INDEX(Jesper!AL$2:AL$366,ROUNDDOWN($C3113/24,0)+1,1))-1)+IF('Standard Profiles'!$G$22=$B$10,7,0)+IF('Standard Profiles'!$G$22=$B$17,14,0)+IF('Standard Profiles'!$G$22=$B$24,21,0),0)),0)</f>
        <v>0</v>
      </c>
      <c r="I3113">
        <f t="shared" si="356"/>
        <v>1.5043490888345097</v>
      </c>
      <c r="J3113">
        <f t="shared" si="357"/>
        <v>37.280958667388177</v>
      </c>
      <c r="K3113">
        <f t="shared" si="358"/>
        <v>2.5046223028622374</v>
      </c>
      <c r="L3113">
        <f t="shared" si="359"/>
        <v>1.2523111514311187</v>
      </c>
      <c r="M3113">
        <f t="shared" si="360"/>
        <v>0</v>
      </c>
      <c r="N3113" s="45">
        <f t="shared" si="361"/>
        <v>45055.291666659199</v>
      </c>
    </row>
    <row r="3114" spans="2:14" x14ac:dyDescent="0.25">
      <c r="B3114">
        <f t="shared" si="355"/>
        <v>2</v>
      </c>
      <c r="C3114" s="16">
        <v>3080</v>
      </c>
      <c r="D3114" cm="1">
        <f t="array" ref="D3114">IFERROR(INDEX(Jesper!AH$2:AH$366,ROUNDDOWN($C3114/24,0)+1,1)*INDEX($D$3:$AA$30,INDEX(Jesper!$R$2:$R$366,ROW(INDEX(Jesper!AH$2:AH$366,ROUNDDOWN($C3114/24,0)+1,1))-1)+IF('Standard Profiles'!$G$18=$B$10,7,0)+IF('Standard Profiles'!$G$18=$B$17,14,0)+IF('Standard Profiles'!$G$18=$B$24,21,0),MOD($C3114,24)+1)/SUM(INDEX($D$3:$AA$30,INDEX(Jesper!$R$2:$R$366,ROW(INDEX(Jesper!AH$2:AH$366,ROUNDDOWN($C3114/24,0)+1,1))-1)+IF('Standard Profiles'!$G$18=$B$10,7,0)+IF('Standard Profiles'!$G$18=$B$17,14,0)+IF('Standard Profiles'!$G$18=$B$24,21,0),0)),0)</f>
        <v>26.199667510203668</v>
      </c>
      <c r="E3114" cm="1">
        <f t="array" ref="E3114">IFERROR(INDEX(Jesper!AI$2:AI$366,ROUNDDOWN($C3114/24,0)+1,1)*INDEX($D$3:$AA$30,INDEX(Jesper!$R$2:$R$366,ROW(INDEX(Jesper!AI$2:AI$366,ROUNDDOWN($C3114/24,0)+1,1))-1)+IF('Standard Profiles'!$G$19=$B$10,7,0)+IF('Standard Profiles'!$G$19=$B$17,14,0)+IF('Standard Profiles'!$G$19=$B$24,21,0),MOD($C3114,24)+1)/SUM(INDEX($D$3:$AA$30,INDEX(Jesper!$R$2:$R$366,ROW(INDEX(Jesper!AI$2:AI$366,ROUNDDOWN($C3114/24,0)+1,1))-1)+IF('Standard Profiles'!$G$19=$B$10,7,0)+IF('Standard Profiles'!$G$19=$B$17,14,0)+IF('Standard Profiles'!$G$19=$B$24,21,0),0)),0)</f>
        <v>17.77156559011647</v>
      </c>
      <c r="F3114" cm="1">
        <f t="array" ref="F3114">IFERROR(INDEX(Jesper!AJ$2:AJ$366,ROUNDDOWN($C3114/24,0)+1,1)*INDEX($D$3:$AA$30,INDEX(Jesper!$R$2:$R$366,ROW(INDEX(Jesper!AJ$2:AJ$366,ROUNDDOWN($C3114/24,0)+1,1))-1)+IF('Standard Profiles'!$G$20=$B$10,7,0)+IF('Standard Profiles'!$G$20=$B$17,14,0)+IF('Standard Profiles'!$G$20=$B$24,21,0),MOD($C3114,24)+1)/SUM(INDEX($D$3:$AA$30,INDEX(Jesper!$R$2:$R$366,ROW(INDEX(Jesper!AJ$2:AJ$366,ROUNDDOWN($C3114/24,0)+1,1))-1)+IF('Standard Profiles'!$G$20=$B$10,7,0)+IF('Standard Profiles'!$G$20=$B$17,14,0)+IF('Standard Profiles'!$G$20=$B$24,21,0),0)),0)</f>
        <v>0</v>
      </c>
      <c r="G3114" cm="1">
        <f t="array" ref="G3114">IFERROR(INDEX(Jesper!AK$2:AK$366,ROUNDDOWN($C3114/24,0)+1,1)*INDEX($D$3:$AA$30,INDEX(Jesper!$R$2:$R$366,ROW(INDEX(Jesper!AK$2:AK$366,ROUNDDOWN($C3114/24,0)+1,1))-1)+IF('Standard Profiles'!$G$21=$B$10,7,0)+IF('Standard Profiles'!$G$21=$B$17,14,0)+IF('Standard Profiles'!$G$21=$B$24,21,0),MOD($C3114,24)+1)/SUM(INDEX($D$3:$AA$30,INDEX(Jesper!$R$2:$R$366,ROW(INDEX(Jesper!AK$2:AK$366,ROUNDDOWN($C3114/24,0)+1,1))-1)+IF('Standard Profiles'!$G$21=$B$10,7,0)+IF('Standard Profiles'!$G$21=$B$17,14,0)+IF('Standard Profiles'!$G$21=$B$24,21,0),0)),0)</f>
        <v>3.4969518293082915</v>
      </c>
      <c r="H3114" cm="1">
        <f t="array" ref="H3114">IFERROR(INDEX(Jesper!AL$2:AL$366,ROUNDDOWN($C3114/24,0)+1,1)*INDEX($D$3:$AA$30,INDEX(Jesper!$R$2:$R$366,ROW(INDEX(Jesper!AL$2:AL$366,ROUNDDOWN($C3114/24,0)+1,1))-1)+IF('Standard Profiles'!$G$22=$B$10,7,0)+IF('Standard Profiles'!$G$22=$B$17,14,0)+IF('Standard Profiles'!$G$22=$B$24,21,0),MOD($C3114,24)+1)/SUM(INDEX($D$3:$AA$30,INDEX(Jesper!$R$2:$R$366,ROW(INDEX(Jesper!AL$2:AL$366,ROUNDDOWN($C3114/24,0)+1,1))-1)+IF('Standard Profiles'!$G$22=$B$10,7,0)+IF('Standard Profiles'!$G$22=$B$17,14,0)+IF('Standard Profiles'!$G$22=$B$24,21,0),0)),0)</f>
        <v>0</v>
      </c>
      <c r="I3114">
        <f t="shared" si="356"/>
        <v>1.678536878067979</v>
      </c>
      <c r="J3114">
        <f t="shared" si="357"/>
        <v>41.597701249927866</v>
      </c>
      <c r="K3114">
        <f t="shared" si="358"/>
        <v>2.7946312010883916</v>
      </c>
      <c r="L3114">
        <f t="shared" si="359"/>
        <v>1.3973156005441958</v>
      </c>
      <c r="M3114">
        <f t="shared" si="360"/>
        <v>0</v>
      </c>
      <c r="N3114" s="45">
        <f t="shared" si="361"/>
        <v>45055.333333325863</v>
      </c>
    </row>
    <row r="3115" spans="2:14" x14ac:dyDescent="0.25">
      <c r="B3115">
        <f t="shared" si="355"/>
        <v>2</v>
      </c>
      <c r="C3115" s="16">
        <v>3081</v>
      </c>
      <c r="D3115" cm="1">
        <f t="array" ref="D3115">IFERROR(INDEX(Jesper!AH$2:AH$366,ROUNDDOWN($C3115/24,0)+1,1)*INDEX($D$3:$AA$30,INDEX(Jesper!$R$2:$R$366,ROW(INDEX(Jesper!AH$2:AH$366,ROUNDDOWN($C3115/24,0)+1,1))-1)+IF('Standard Profiles'!$G$18=$B$10,7,0)+IF('Standard Profiles'!$G$18=$B$17,14,0)+IF('Standard Profiles'!$G$18=$B$24,21,0),MOD($C3115,24)+1)/SUM(INDEX($D$3:$AA$30,INDEX(Jesper!$R$2:$R$366,ROW(INDEX(Jesper!AH$2:AH$366,ROUNDDOWN($C3115/24,0)+1,1))-1)+IF('Standard Profiles'!$G$18=$B$10,7,0)+IF('Standard Profiles'!$G$18=$B$17,14,0)+IF('Standard Profiles'!$G$18=$B$24,21,0),0)),0)</f>
        <v>28.918500931073861</v>
      </c>
      <c r="E3115" cm="1">
        <f t="array" ref="E3115">IFERROR(INDEX(Jesper!AI$2:AI$366,ROUNDDOWN($C3115/24,0)+1,1)*INDEX($D$3:$AA$30,INDEX(Jesper!$R$2:$R$366,ROW(INDEX(Jesper!AI$2:AI$366,ROUNDDOWN($C3115/24,0)+1,1))-1)+IF('Standard Profiles'!$G$19=$B$10,7,0)+IF('Standard Profiles'!$G$19=$B$17,14,0)+IF('Standard Profiles'!$G$19=$B$24,21,0),MOD($C3115,24)+1)/SUM(INDEX($D$3:$AA$30,INDEX(Jesper!$R$2:$R$366,ROW(INDEX(Jesper!AI$2:AI$366,ROUNDDOWN($C3115/24,0)+1,1))-1)+IF('Standard Profiles'!$G$19=$B$10,7,0)+IF('Standard Profiles'!$G$19=$B$17,14,0)+IF('Standard Profiles'!$G$19=$B$24,21,0),0)),0)</f>
        <v>19.615784660788933</v>
      </c>
      <c r="F3115" cm="1">
        <f t="array" ref="F3115">IFERROR(INDEX(Jesper!AJ$2:AJ$366,ROUNDDOWN($C3115/24,0)+1,1)*INDEX($D$3:$AA$30,INDEX(Jesper!$R$2:$R$366,ROW(INDEX(Jesper!AJ$2:AJ$366,ROUNDDOWN($C3115/24,0)+1,1))-1)+IF('Standard Profiles'!$G$20=$B$10,7,0)+IF('Standard Profiles'!$G$20=$B$17,14,0)+IF('Standard Profiles'!$G$20=$B$24,21,0),MOD($C3115,24)+1)/SUM(INDEX($D$3:$AA$30,INDEX(Jesper!$R$2:$R$366,ROW(INDEX(Jesper!AJ$2:AJ$366,ROUNDDOWN($C3115/24,0)+1,1))-1)+IF('Standard Profiles'!$G$20=$B$10,7,0)+IF('Standard Profiles'!$G$20=$B$17,14,0)+IF('Standard Profiles'!$G$20=$B$24,21,0),0)),0)</f>
        <v>0</v>
      </c>
      <c r="G3115" cm="1">
        <f t="array" ref="G3115">IFERROR(INDEX(Jesper!AK$2:AK$366,ROUNDDOWN($C3115/24,0)+1,1)*INDEX($D$3:$AA$30,INDEX(Jesper!$R$2:$R$366,ROW(INDEX(Jesper!AK$2:AK$366,ROUNDDOWN($C3115/24,0)+1,1))-1)+IF('Standard Profiles'!$G$21=$B$10,7,0)+IF('Standard Profiles'!$G$21=$B$17,14,0)+IF('Standard Profiles'!$G$21=$B$24,21,0),MOD($C3115,24)+1)/SUM(INDEX($D$3:$AA$30,INDEX(Jesper!$R$2:$R$366,ROW(INDEX(Jesper!AK$2:AK$366,ROUNDDOWN($C3115/24,0)+1,1))-1)+IF('Standard Profiles'!$G$21=$B$10,7,0)+IF('Standard Profiles'!$G$21=$B$17,14,0)+IF('Standard Profiles'!$G$21=$B$24,21,0),0)),0)</f>
        <v>3.8598430568780202</v>
      </c>
      <c r="H3115" cm="1">
        <f t="array" ref="H3115">IFERROR(INDEX(Jesper!AL$2:AL$366,ROUNDDOWN($C3115/24,0)+1,1)*INDEX($D$3:$AA$30,INDEX(Jesper!$R$2:$R$366,ROW(INDEX(Jesper!AL$2:AL$366,ROUNDDOWN($C3115/24,0)+1,1))-1)+IF('Standard Profiles'!$G$22=$B$10,7,0)+IF('Standard Profiles'!$G$22=$B$17,14,0)+IF('Standard Profiles'!$G$22=$B$24,21,0),MOD($C3115,24)+1)/SUM(INDEX($D$3:$AA$30,INDEX(Jesper!$R$2:$R$366,ROW(INDEX(Jesper!AL$2:AL$366,ROUNDDOWN($C3115/24,0)+1,1))-1)+IF('Standard Profiles'!$G$22=$B$10,7,0)+IF('Standard Profiles'!$G$22=$B$17,14,0)+IF('Standard Profiles'!$G$22=$B$24,21,0),0)),0)</f>
        <v>0</v>
      </c>
      <c r="I3115">
        <f t="shared" si="356"/>
        <v>1.8527246673014488</v>
      </c>
      <c r="J3115">
        <f t="shared" si="357"/>
        <v>45.914443832467548</v>
      </c>
      <c r="K3115">
        <f t="shared" si="358"/>
        <v>3.0846400993145453</v>
      </c>
      <c r="L3115">
        <f t="shared" si="359"/>
        <v>1.5423200496572727</v>
      </c>
      <c r="M3115">
        <f t="shared" si="360"/>
        <v>0</v>
      </c>
      <c r="N3115" s="45">
        <f t="shared" si="361"/>
        <v>45055.374999992528</v>
      </c>
    </row>
    <row r="3116" spans="2:14" x14ac:dyDescent="0.25">
      <c r="B3116">
        <f t="shared" si="355"/>
        <v>2</v>
      </c>
      <c r="C3116" s="16">
        <v>3082</v>
      </c>
      <c r="D3116" cm="1">
        <f t="array" ref="D3116">IFERROR(INDEX(Jesper!AH$2:AH$366,ROUNDDOWN($C3116/24,0)+1,1)*INDEX($D$3:$AA$30,INDEX(Jesper!$R$2:$R$366,ROW(INDEX(Jesper!AH$2:AH$366,ROUNDDOWN($C3116/24,0)+1,1))-1)+IF('Standard Profiles'!$G$18=$B$10,7,0)+IF('Standard Profiles'!$G$18=$B$17,14,0)+IF('Standard Profiles'!$G$18=$B$24,21,0),MOD($C3116,24)+1)/SUM(INDEX($D$3:$AA$30,INDEX(Jesper!$R$2:$R$366,ROW(INDEX(Jesper!AH$2:AH$366,ROUNDDOWN($C3116/24,0)+1,1))-1)+IF('Standard Profiles'!$G$18=$B$10,7,0)+IF('Standard Profiles'!$G$18=$B$17,14,0)+IF('Standard Profiles'!$G$18=$B$24,21,0),0)),0)</f>
        <v>28.918500931073861</v>
      </c>
      <c r="E3116" cm="1">
        <f t="array" ref="E3116">IFERROR(INDEX(Jesper!AI$2:AI$366,ROUNDDOWN($C3116/24,0)+1,1)*INDEX($D$3:$AA$30,INDEX(Jesper!$R$2:$R$366,ROW(INDEX(Jesper!AI$2:AI$366,ROUNDDOWN($C3116/24,0)+1,1))-1)+IF('Standard Profiles'!$G$19=$B$10,7,0)+IF('Standard Profiles'!$G$19=$B$17,14,0)+IF('Standard Profiles'!$G$19=$B$24,21,0),MOD($C3116,24)+1)/SUM(INDEX($D$3:$AA$30,INDEX(Jesper!$R$2:$R$366,ROW(INDEX(Jesper!AI$2:AI$366,ROUNDDOWN($C3116/24,0)+1,1))-1)+IF('Standard Profiles'!$G$19=$B$10,7,0)+IF('Standard Profiles'!$G$19=$B$17,14,0)+IF('Standard Profiles'!$G$19=$B$24,21,0),0)),0)</f>
        <v>19.615784660788933</v>
      </c>
      <c r="F3116" cm="1">
        <f t="array" ref="F3116">IFERROR(INDEX(Jesper!AJ$2:AJ$366,ROUNDDOWN($C3116/24,0)+1,1)*INDEX($D$3:$AA$30,INDEX(Jesper!$R$2:$R$366,ROW(INDEX(Jesper!AJ$2:AJ$366,ROUNDDOWN($C3116/24,0)+1,1))-1)+IF('Standard Profiles'!$G$20=$B$10,7,0)+IF('Standard Profiles'!$G$20=$B$17,14,0)+IF('Standard Profiles'!$G$20=$B$24,21,0),MOD($C3116,24)+1)/SUM(INDEX($D$3:$AA$30,INDEX(Jesper!$R$2:$R$366,ROW(INDEX(Jesper!AJ$2:AJ$366,ROUNDDOWN($C3116/24,0)+1,1))-1)+IF('Standard Profiles'!$G$20=$B$10,7,0)+IF('Standard Profiles'!$G$20=$B$17,14,0)+IF('Standard Profiles'!$G$20=$B$24,21,0),0)),0)</f>
        <v>0</v>
      </c>
      <c r="G3116" cm="1">
        <f t="array" ref="G3116">IFERROR(INDEX(Jesper!AK$2:AK$366,ROUNDDOWN($C3116/24,0)+1,1)*INDEX($D$3:$AA$30,INDEX(Jesper!$R$2:$R$366,ROW(INDEX(Jesper!AK$2:AK$366,ROUNDDOWN($C3116/24,0)+1,1))-1)+IF('Standard Profiles'!$G$21=$B$10,7,0)+IF('Standard Profiles'!$G$21=$B$17,14,0)+IF('Standard Profiles'!$G$21=$B$24,21,0),MOD($C3116,24)+1)/SUM(INDEX($D$3:$AA$30,INDEX(Jesper!$R$2:$R$366,ROW(INDEX(Jesper!AK$2:AK$366,ROUNDDOWN($C3116/24,0)+1,1))-1)+IF('Standard Profiles'!$G$21=$B$10,7,0)+IF('Standard Profiles'!$G$21=$B$17,14,0)+IF('Standard Profiles'!$G$21=$B$24,21,0),0)),0)</f>
        <v>3.8598430568780202</v>
      </c>
      <c r="H3116" cm="1">
        <f t="array" ref="H3116">IFERROR(INDEX(Jesper!AL$2:AL$366,ROUNDDOWN($C3116/24,0)+1,1)*INDEX($D$3:$AA$30,INDEX(Jesper!$R$2:$R$366,ROW(INDEX(Jesper!AL$2:AL$366,ROUNDDOWN($C3116/24,0)+1,1))-1)+IF('Standard Profiles'!$G$22=$B$10,7,0)+IF('Standard Profiles'!$G$22=$B$17,14,0)+IF('Standard Profiles'!$G$22=$B$24,21,0),MOD($C3116,24)+1)/SUM(INDEX($D$3:$AA$30,INDEX(Jesper!$R$2:$R$366,ROW(INDEX(Jesper!AL$2:AL$366,ROUNDDOWN($C3116/24,0)+1,1))-1)+IF('Standard Profiles'!$G$22=$B$10,7,0)+IF('Standard Profiles'!$G$22=$B$17,14,0)+IF('Standard Profiles'!$G$22=$B$24,21,0),0)),0)</f>
        <v>0</v>
      </c>
      <c r="I3116">
        <f t="shared" si="356"/>
        <v>1.8527246673014488</v>
      </c>
      <c r="J3116">
        <f t="shared" si="357"/>
        <v>45.914443832467548</v>
      </c>
      <c r="K3116">
        <f t="shared" si="358"/>
        <v>3.0846400993145453</v>
      </c>
      <c r="L3116">
        <f t="shared" si="359"/>
        <v>1.5423200496572727</v>
      </c>
      <c r="M3116">
        <f t="shared" si="360"/>
        <v>0</v>
      </c>
      <c r="N3116" s="45">
        <f t="shared" si="361"/>
        <v>45055.416666659192</v>
      </c>
    </row>
    <row r="3117" spans="2:14" x14ac:dyDescent="0.25">
      <c r="B3117">
        <f t="shared" si="355"/>
        <v>2</v>
      </c>
      <c r="C3117" s="16">
        <v>3083</v>
      </c>
      <c r="D3117" cm="1">
        <f t="array" ref="D3117">IFERROR(INDEX(Jesper!AH$2:AH$366,ROUNDDOWN($C3117/24,0)+1,1)*INDEX($D$3:$AA$30,INDEX(Jesper!$R$2:$R$366,ROW(INDEX(Jesper!AH$2:AH$366,ROUNDDOWN($C3117/24,0)+1,1))-1)+IF('Standard Profiles'!$G$18=$B$10,7,0)+IF('Standard Profiles'!$G$18=$B$17,14,0)+IF('Standard Profiles'!$G$18=$B$24,21,0),MOD($C3117,24)+1)/SUM(INDEX($D$3:$AA$30,INDEX(Jesper!$R$2:$R$366,ROW(INDEX(Jesper!AH$2:AH$366,ROUNDDOWN($C3117/24,0)+1,1))-1)+IF('Standard Profiles'!$G$18=$B$10,7,0)+IF('Standard Profiles'!$G$18=$B$17,14,0)+IF('Standard Profiles'!$G$18=$B$24,21,0),0)),0)</f>
        <v>34.603334447438804</v>
      </c>
      <c r="E3117" cm="1">
        <f t="array" ref="E3117">IFERROR(INDEX(Jesper!AI$2:AI$366,ROUNDDOWN($C3117/24,0)+1,1)*INDEX($D$3:$AA$30,INDEX(Jesper!$R$2:$R$366,ROW(INDEX(Jesper!AI$2:AI$366,ROUNDDOWN($C3117/24,0)+1,1))-1)+IF('Standard Profiles'!$G$19=$B$10,7,0)+IF('Standard Profiles'!$G$19=$B$17,14,0)+IF('Standard Profiles'!$G$19=$B$24,21,0),MOD($C3117,24)+1)/SUM(INDEX($D$3:$AA$30,INDEX(Jesper!$R$2:$R$366,ROW(INDEX(Jesper!AI$2:AI$366,ROUNDDOWN($C3117/24,0)+1,1))-1)+IF('Standard Profiles'!$G$19=$B$10,7,0)+IF('Standard Profiles'!$G$19=$B$17,14,0)+IF('Standard Profiles'!$G$19=$B$24,21,0),0)),0)</f>
        <v>23.471879081285902</v>
      </c>
      <c r="F3117" cm="1">
        <f t="array" ref="F3117">IFERROR(INDEX(Jesper!AJ$2:AJ$366,ROUNDDOWN($C3117/24,0)+1,1)*INDEX($D$3:$AA$30,INDEX(Jesper!$R$2:$R$366,ROW(INDEX(Jesper!AJ$2:AJ$366,ROUNDDOWN($C3117/24,0)+1,1))-1)+IF('Standard Profiles'!$G$20=$B$10,7,0)+IF('Standard Profiles'!$G$20=$B$17,14,0)+IF('Standard Profiles'!$G$20=$B$24,21,0),MOD($C3117,24)+1)/SUM(INDEX($D$3:$AA$30,INDEX(Jesper!$R$2:$R$366,ROW(INDEX(Jesper!AJ$2:AJ$366,ROUNDDOWN($C3117/24,0)+1,1))-1)+IF('Standard Profiles'!$G$20=$B$10,7,0)+IF('Standard Profiles'!$G$20=$B$17,14,0)+IF('Standard Profiles'!$G$20=$B$24,21,0),0)),0)</f>
        <v>0</v>
      </c>
      <c r="G3117" cm="1">
        <f t="array" ref="G3117">IFERROR(INDEX(Jesper!AK$2:AK$366,ROUNDDOWN($C3117/24,0)+1,1)*INDEX($D$3:$AA$30,INDEX(Jesper!$R$2:$R$366,ROW(INDEX(Jesper!AK$2:AK$366,ROUNDDOWN($C3117/24,0)+1,1))-1)+IF('Standard Profiles'!$G$21=$B$10,7,0)+IF('Standard Profiles'!$G$21=$B$17,14,0)+IF('Standard Profiles'!$G$21=$B$24,21,0),MOD($C3117,24)+1)/SUM(INDEX($D$3:$AA$30,INDEX(Jesper!$R$2:$R$366,ROW(INDEX(Jesper!AK$2:AK$366,ROUNDDOWN($C3117/24,0)+1,1))-1)+IF('Standard Profiles'!$G$21=$B$10,7,0)+IF('Standard Profiles'!$G$21=$B$17,14,0)+IF('Standard Profiles'!$G$21=$B$24,21,0),0)),0)</f>
        <v>4.6186156236147244</v>
      </c>
      <c r="H3117" cm="1">
        <f t="array" ref="H3117">IFERROR(INDEX(Jesper!AL$2:AL$366,ROUNDDOWN($C3117/24,0)+1,1)*INDEX($D$3:$AA$30,INDEX(Jesper!$R$2:$R$366,ROW(INDEX(Jesper!AL$2:AL$366,ROUNDDOWN($C3117/24,0)+1,1))-1)+IF('Standard Profiles'!$G$22=$B$10,7,0)+IF('Standard Profiles'!$G$22=$B$17,14,0)+IF('Standard Profiles'!$G$22=$B$24,21,0),MOD($C3117,24)+1)/SUM(INDEX($D$3:$AA$30,INDEX(Jesper!$R$2:$R$366,ROW(INDEX(Jesper!AL$2:AL$366,ROUNDDOWN($C3117/24,0)+1,1))-1)+IF('Standard Profiles'!$G$22=$B$10,7,0)+IF('Standard Profiles'!$G$22=$B$17,14,0)+IF('Standard Profiles'!$G$22=$B$24,21,0),0)),0)</f>
        <v>0</v>
      </c>
      <c r="I3117">
        <f t="shared" si="356"/>
        <v>2.2169354993350665</v>
      </c>
      <c r="J3117">
        <f t="shared" si="357"/>
        <v>54.940360141414153</v>
      </c>
      <c r="K3117">
        <f t="shared" si="358"/>
        <v>3.6910223410601395</v>
      </c>
      <c r="L3117">
        <f t="shared" si="359"/>
        <v>1.8455111705300697</v>
      </c>
      <c r="M3117">
        <f t="shared" si="360"/>
        <v>0</v>
      </c>
      <c r="N3117" s="45">
        <f t="shared" si="361"/>
        <v>45055.458333325856</v>
      </c>
    </row>
    <row r="3118" spans="2:14" x14ac:dyDescent="0.25">
      <c r="B3118">
        <f t="shared" si="355"/>
        <v>2</v>
      </c>
      <c r="C3118" s="16">
        <v>3084</v>
      </c>
      <c r="D3118" cm="1">
        <f t="array" ref="D3118">IFERROR(INDEX(Jesper!AH$2:AH$366,ROUNDDOWN($C3118/24,0)+1,1)*INDEX($D$3:$AA$30,INDEX(Jesper!$R$2:$R$366,ROW(INDEX(Jesper!AH$2:AH$366,ROUNDDOWN($C3118/24,0)+1,1))-1)+IF('Standard Profiles'!$G$18=$B$10,7,0)+IF('Standard Profiles'!$G$18=$B$17,14,0)+IF('Standard Profiles'!$G$18=$B$24,21,0),MOD($C3118,24)+1)/SUM(INDEX($D$3:$AA$30,INDEX(Jesper!$R$2:$R$366,ROW(INDEX(Jesper!AH$2:AH$366,ROUNDDOWN($C3118/24,0)+1,1))-1)+IF('Standard Profiles'!$G$18=$B$10,7,0)+IF('Standard Profiles'!$G$18=$B$17,14,0)+IF('Standard Profiles'!$G$18=$B$24,21,0),0)),0)</f>
        <v>34.603334447438804</v>
      </c>
      <c r="E3118" cm="1">
        <f t="array" ref="E3118">IFERROR(INDEX(Jesper!AI$2:AI$366,ROUNDDOWN($C3118/24,0)+1,1)*INDEX($D$3:$AA$30,INDEX(Jesper!$R$2:$R$366,ROW(INDEX(Jesper!AI$2:AI$366,ROUNDDOWN($C3118/24,0)+1,1))-1)+IF('Standard Profiles'!$G$19=$B$10,7,0)+IF('Standard Profiles'!$G$19=$B$17,14,0)+IF('Standard Profiles'!$G$19=$B$24,21,0),MOD($C3118,24)+1)/SUM(INDEX($D$3:$AA$30,INDEX(Jesper!$R$2:$R$366,ROW(INDEX(Jesper!AI$2:AI$366,ROUNDDOWN($C3118/24,0)+1,1))-1)+IF('Standard Profiles'!$G$19=$B$10,7,0)+IF('Standard Profiles'!$G$19=$B$17,14,0)+IF('Standard Profiles'!$G$19=$B$24,21,0),0)),0)</f>
        <v>23.471879081285902</v>
      </c>
      <c r="F3118" cm="1">
        <f t="array" ref="F3118">IFERROR(INDEX(Jesper!AJ$2:AJ$366,ROUNDDOWN($C3118/24,0)+1,1)*INDEX($D$3:$AA$30,INDEX(Jesper!$R$2:$R$366,ROW(INDEX(Jesper!AJ$2:AJ$366,ROUNDDOWN($C3118/24,0)+1,1))-1)+IF('Standard Profiles'!$G$20=$B$10,7,0)+IF('Standard Profiles'!$G$20=$B$17,14,0)+IF('Standard Profiles'!$G$20=$B$24,21,0),MOD($C3118,24)+1)/SUM(INDEX($D$3:$AA$30,INDEX(Jesper!$R$2:$R$366,ROW(INDEX(Jesper!AJ$2:AJ$366,ROUNDDOWN($C3118/24,0)+1,1))-1)+IF('Standard Profiles'!$G$20=$B$10,7,0)+IF('Standard Profiles'!$G$20=$B$17,14,0)+IF('Standard Profiles'!$G$20=$B$24,21,0),0)),0)</f>
        <v>0</v>
      </c>
      <c r="G3118" cm="1">
        <f t="array" ref="G3118">IFERROR(INDEX(Jesper!AK$2:AK$366,ROUNDDOWN($C3118/24,0)+1,1)*INDEX($D$3:$AA$30,INDEX(Jesper!$R$2:$R$366,ROW(INDEX(Jesper!AK$2:AK$366,ROUNDDOWN($C3118/24,0)+1,1))-1)+IF('Standard Profiles'!$G$21=$B$10,7,0)+IF('Standard Profiles'!$G$21=$B$17,14,0)+IF('Standard Profiles'!$G$21=$B$24,21,0),MOD($C3118,24)+1)/SUM(INDEX($D$3:$AA$30,INDEX(Jesper!$R$2:$R$366,ROW(INDEX(Jesper!AK$2:AK$366,ROUNDDOWN($C3118/24,0)+1,1))-1)+IF('Standard Profiles'!$G$21=$B$10,7,0)+IF('Standard Profiles'!$G$21=$B$17,14,0)+IF('Standard Profiles'!$G$21=$B$24,21,0),0)),0)</f>
        <v>4.6186156236147244</v>
      </c>
      <c r="H3118" cm="1">
        <f t="array" ref="H3118">IFERROR(INDEX(Jesper!AL$2:AL$366,ROUNDDOWN($C3118/24,0)+1,1)*INDEX($D$3:$AA$30,INDEX(Jesper!$R$2:$R$366,ROW(INDEX(Jesper!AL$2:AL$366,ROUNDDOWN($C3118/24,0)+1,1))-1)+IF('Standard Profiles'!$G$22=$B$10,7,0)+IF('Standard Profiles'!$G$22=$B$17,14,0)+IF('Standard Profiles'!$G$22=$B$24,21,0),MOD($C3118,24)+1)/SUM(INDEX($D$3:$AA$30,INDEX(Jesper!$R$2:$R$366,ROW(INDEX(Jesper!AL$2:AL$366,ROUNDDOWN($C3118/24,0)+1,1))-1)+IF('Standard Profiles'!$G$22=$B$10,7,0)+IF('Standard Profiles'!$G$22=$B$17,14,0)+IF('Standard Profiles'!$G$22=$B$24,21,0),0)),0)</f>
        <v>0</v>
      </c>
      <c r="I3118">
        <f t="shared" si="356"/>
        <v>2.2169354993350665</v>
      </c>
      <c r="J3118">
        <f t="shared" si="357"/>
        <v>54.940360141414153</v>
      </c>
      <c r="K3118">
        <f t="shared" si="358"/>
        <v>3.6910223410601395</v>
      </c>
      <c r="L3118">
        <f t="shared" si="359"/>
        <v>1.8455111705300697</v>
      </c>
      <c r="M3118">
        <f t="shared" si="360"/>
        <v>0</v>
      </c>
      <c r="N3118" s="45">
        <f t="shared" si="361"/>
        <v>45055.49999999252</v>
      </c>
    </row>
    <row r="3119" spans="2:14" x14ac:dyDescent="0.25">
      <c r="B3119">
        <f t="shared" si="355"/>
        <v>2</v>
      </c>
      <c r="C3119" s="16">
        <v>3085</v>
      </c>
      <c r="D3119" cm="1">
        <f t="array" ref="D3119">IFERROR(INDEX(Jesper!AH$2:AH$366,ROUNDDOWN($C3119/24,0)+1,1)*INDEX($D$3:$AA$30,INDEX(Jesper!$R$2:$R$366,ROW(INDEX(Jesper!AH$2:AH$366,ROUNDDOWN($C3119/24,0)+1,1))-1)+IF('Standard Profiles'!$G$18=$B$10,7,0)+IF('Standard Profiles'!$G$18=$B$17,14,0)+IF('Standard Profiles'!$G$18=$B$24,21,0),MOD($C3119,24)+1)/SUM(INDEX($D$3:$AA$30,INDEX(Jesper!$R$2:$R$366,ROW(INDEX(Jesper!AH$2:AH$366,ROUNDDOWN($C3119/24,0)+1,1))-1)+IF('Standard Profiles'!$G$18=$B$10,7,0)+IF('Standard Profiles'!$G$18=$B$17,14,0)+IF('Standard Profiles'!$G$18=$B$24,21,0),0)),0)</f>
        <v>22.986500740084349</v>
      </c>
      <c r="E3119" cm="1">
        <f t="array" ref="E3119">IFERROR(INDEX(Jesper!AI$2:AI$366,ROUNDDOWN($C3119/24,0)+1,1)*INDEX($D$3:$AA$30,INDEX(Jesper!$R$2:$R$366,ROW(INDEX(Jesper!AI$2:AI$366,ROUNDDOWN($C3119/24,0)+1,1))-1)+IF('Standard Profiles'!$G$19=$B$10,7,0)+IF('Standard Profiles'!$G$19=$B$17,14,0)+IF('Standard Profiles'!$G$19=$B$24,21,0),MOD($C3119,24)+1)/SUM(INDEX($D$3:$AA$30,INDEX(Jesper!$R$2:$R$366,ROW(INDEX(Jesper!AI$2:AI$366,ROUNDDOWN($C3119/24,0)+1,1))-1)+IF('Standard Profiles'!$G$19=$B$10,7,0)+IF('Standard Profiles'!$G$19=$B$17,14,0)+IF('Standard Profiles'!$G$19=$B$24,21,0),0)),0)</f>
        <v>15.59203396113992</v>
      </c>
      <c r="F3119" cm="1">
        <f t="array" ref="F3119">IFERROR(INDEX(Jesper!AJ$2:AJ$366,ROUNDDOWN($C3119/24,0)+1,1)*INDEX($D$3:$AA$30,INDEX(Jesper!$R$2:$R$366,ROW(INDEX(Jesper!AJ$2:AJ$366,ROUNDDOWN($C3119/24,0)+1,1))-1)+IF('Standard Profiles'!$G$20=$B$10,7,0)+IF('Standard Profiles'!$G$20=$B$17,14,0)+IF('Standard Profiles'!$G$20=$B$24,21,0),MOD($C3119,24)+1)/SUM(INDEX($D$3:$AA$30,INDEX(Jesper!$R$2:$R$366,ROW(INDEX(Jesper!AJ$2:AJ$366,ROUNDDOWN($C3119/24,0)+1,1))-1)+IF('Standard Profiles'!$G$20=$B$10,7,0)+IF('Standard Profiles'!$G$20=$B$17,14,0)+IF('Standard Profiles'!$G$20=$B$24,21,0),0)),0)</f>
        <v>0</v>
      </c>
      <c r="G3119" cm="1">
        <f t="array" ref="G3119">IFERROR(INDEX(Jesper!AK$2:AK$366,ROUNDDOWN($C3119/24,0)+1,1)*INDEX($D$3:$AA$30,INDEX(Jesper!$R$2:$R$366,ROW(INDEX(Jesper!AK$2:AK$366,ROUNDDOWN($C3119/24,0)+1,1))-1)+IF('Standard Profiles'!$G$21=$B$10,7,0)+IF('Standard Profiles'!$G$21=$B$17,14,0)+IF('Standard Profiles'!$G$21=$B$24,21,0),MOD($C3119,24)+1)/SUM(INDEX($D$3:$AA$30,INDEX(Jesper!$R$2:$R$366,ROW(INDEX(Jesper!AK$2:AK$366,ROUNDDOWN($C3119/24,0)+1,1))-1)+IF('Standard Profiles'!$G$21=$B$10,7,0)+IF('Standard Profiles'!$G$21=$B$17,14,0)+IF('Standard Profiles'!$G$21=$B$24,21,0),0)),0)</f>
        <v>3.0680803785440665</v>
      </c>
      <c r="H3119" cm="1">
        <f t="array" ref="H3119">IFERROR(INDEX(Jesper!AL$2:AL$366,ROUNDDOWN($C3119/24,0)+1,1)*INDEX($D$3:$AA$30,INDEX(Jesper!$R$2:$R$366,ROW(INDEX(Jesper!AL$2:AL$366,ROUNDDOWN($C3119/24,0)+1,1))-1)+IF('Standard Profiles'!$G$22=$B$10,7,0)+IF('Standard Profiles'!$G$22=$B$17,14,0)+IF('Standard Profiles'!$G$22=$B$24,21,0),MOD($C3119,24)+1)/SUM(INDEX($D$3:$AA$30,INDEX(Jesper!$R$2:$R$366,ROW(INDEX(Jesper!AL$2:AL$366,ROUNDDOWN($C3119/24,0)+1,1))-1)+IF('Standard Profiles'!$G$22=$B$10,7,0)+IF('Standard Profiles'!$G$22=$B$17,14,0)+IF('Standard Profiles'!$G$22=$B$24,21,0),0)),0)</f>
        <v>0</v>
      </c>
      <c r="I3119">
        <f t="shared" si="356"/>
        <v>1.4726785817011512</v>
      </c>
      <c r="J3119">
        <f t="shared" si="357"/>
        <v>36.496096379653686</v>
      </c>
      <c r="K3119">
        <f t="shared" si="358"/>
        <v>2.4518934122756639</v>
      </c>
      <c r="L3119">
        <f t="shared" si="359"/>
        <v>1.225946706137832</v>
      </c>
      <c r="M3119">
        <f t="shared" si="360"/>
        <v>0</v>
      </c>
      <c r="N3119" s="45">
        <f t="shared" si="361"/>
        <v>45055.541666659185</v>
      </c>
    </row>
    <row r="3120" spans="2:14" x14ac:dyDescent="0.25">
      <c r="B3120">
        <f t="shared" si="355"/>
        <v>2</v>
      </c>
      <c r="C3120" s="16">
        <v>3086</v>
      </c>
      <c r="D3120" cm="1">
        <f t="array" ref="D3120">IFERROR(INDEX(Jesper!AH$2:AH$366,ROUNDDOWN($C3120/24,0)+1,1)*INDEX($D$3:$AA$30,INDEX(Jesper!$R$2:$R$366,ROW(INDEX(Jesper!AH$2:AH$366,ROUNDDOWN($C3120/24,0)+1,1))-1)+IF('Standard Profiles'!$G$18=$B$10,7,0)+IF('Standard Profiles'!$G$18=$B$17,14,0)+IF('Standard Profiles'!$G$18=$B$24,21,0),MOD($C3120,24)+1)/SUM(INDEX($D$3:$AA$30,INDEX(Jesper!$R$2:$R$366,ROW(INDEX(Jesper!AH$2:AH$366,ROUNDDOWN($C3120/24,0)+1,1))-1)+IF('Standard Profiles'!$G$18=$B$10,7,0)+IF('Standard Profiles'!$G$18=$B$17,14,0)+IF('Standard Profiles'!$G$18=$B$24,21,0),0)),0)</f>
        <v>34.603334447438804</v>
      </c>
      <c r="E3120" cm="1">
        <f t="array" ref="E3120">IFERROR(INDEX(Jesper!AI$2:AI$366,ROUNDDOWN($C3120/24,0)+1,1)*INDEX($D$3:$AA$30,INDEX(Jesper!$R$2:$R$366,ROW(INDEX(Jesper!AI$2:AI$366,ROUNDDOWN($C3120/24,0)+1,1))-1)+IF('Standard Profiles'!$G$19=$B$10,7,0)+IF('Standard Profiles'!$G$19=$B$17,14,0)+IF('Standard Profiles'!$G$19=$B$24,21,0),MOD($C3120,24)+1)/SUM(INDEX($D$3:$AA$30,INDEX(Jesper!$R$2:$R$366,ROW(INDEX(Jesper!AI$2:AI$366,ROUNDDOWN($C3120/24,0)+1,1))-1)+IF('Standard Profiles'!$G$19=$B$10,7,0)+IF('Standard Profiles'!$G$19=$B$17,14,0)+IF('Standard Profiles'!$G$19=$B$24,21,0),0)),0)</f>
        <v>23.471879081285902</v>
      </c>
      <c r="F3120" cm="1">
        <f t="array" ref="F3120">IFERROR(INDEX(Jesper!AJ$2:AJ$366,ROUNDDOWN($C3120/24,0)+1,1)*INDEX($D$3:$AA$30,INDEX(Jesper!$R$2:$R$366,ROW(INDEX(Jesper!AJ$2:AJ$366,ROUNDDOWN($C3120/24,0)+1,1))-1)+IF('Standard Profiles'!$G$20=$B$10,7,0)+IF('Standard Profiles'!$G$20=$B$17,14,0)+IF('Standard Profiles'!$G$20=$B$24,21,0),MOD($C3120,24)+1)/SUM(INDEX($D$3:$AA$30,INDEX(Jesper!$R$2:$R$366,ROW(INDEX(Jesper!AJ$2:AJ$366,ROUNDDOWN($C3120/24,0)+1,1))-1)+IF('Standard Profiles'!$G$20=$B$10,7,0)+IF('Standard Profiles'!$G$20=$B$17,14,0)+IF('Standard Profiles'!$G$20=$B$24,21,0),0)),0)</f>
        <v>0</v>
      </c>
      <c r="G3120" cm="1">
        <f t="array" ref="G3120">IFERROR(INDEX(Jesper!AK$2:AK$366,ROUNDDOWN($C3120/24,0)+1,1)*INDEX($D$3:$AA$30,INDEX(Jesper!$R$2:$R$366,ROW(INDEX(Jesper!AK$2:AK$366,ROUNDDOWN($C3120/24,0)+1,1))-1)+IF('Standard Profiles'!$G$21=$B$10,7,0)+IF('Standard Profiles'!$G$21=$B$17,14,0)+IF('Standard Profiles'!$G$21=$B$24,21,0),MOD($C3120,24)+1)/SUM(INDEX($D$3:$AA$30,INDEX(Jesper!$R$2:$R$366,ROW(INDEX(Jesper!AK$2:AK$366,ROUNDDOWN($C3120/24,0)+1,1))-1)+IF('Standard Profiles'!$G$21=$B$10,7,0)+IF('Standard Profiles'!$G$21=$B$17,14,0)+IF('Standard Profiles'!$G$21=$B$24,21,0),0)),0)</f>
        <v>4.6186156236147244</v>
      </c>
      <c r="H3120" cm="1">
        <f t="array" ref="H3120">IFERROR(INDEX(Jesper!AL$2:AL$366,ROUNDDOWN($C3120/24,0)+1,1)*INDEX($D$3:$AA$30,INDEX(Jesper!$R$2:$R$366,ROW(INDEX(Jesper!AL$2:AL$366,ROUNDDOWN($C3120/24,0)+1,1))-1)+IF('Standard Profiles'!$G$22=$B$10,7,0)+IF('Standard Profiles'!$G$22=$B$17,14,0)+IF('Standard Profiles'!$G$22=$B$24,21,0),MOD($C3120,24)+1)/SUM(INDEX($D$3:$AA$30,INDEX(Jesper!$R$2:$R$366,ROW(INDEX(Jesper!AL$2:AL$366,ROUNDDOWN($C3120/24,0)+1,1))-1)+IF('Standard Profiles'!$G$22=$B$10,7,0)+IF('Standard Profiles'!$G$22=$B$17,14,0)+IF('Standard Profiles'!$G$22=$B$24,21,0),0)),0)</f>
        <v>0</v>
      </c>
      <c r="I3120">
        <f t="shared" si="356"/>
        <v>2.2169354993350665</v>
      </c>
      <c r="J3120">
        <f t="shared" si="357"/>
        <v>54.940360141414153</v>
      </c>
      <c r="K3120">
        <f t="shared" si="358"/>
        <v>3.6910223410601395</v>
      </c>
      <c r="L3120">
        <f t="shared" si="359"/>
        <v>1.8455111705300697</v>
      </c>
      <c r="M3120">
        <f t="shared" si="360"/>
        <v>0</v>
      </c>
      <c r="N3120" s="45">
        <f t="shared" si="361"/>
        <v>45055.583333325849</v>
      </c>
    </row>
    <row r="3121" spans="2:14" x14ac:dyDescent="0.25">
      <c r="B3121">
        <f t="shared" si="355"/>
        <v>2</v>
      </c>
      <c r="C3121" s="16">
        <v>3087</v>
      </c>
      <c r="D3121" cm="1">
        <f t="array" ref="D3121">IFERROR(INDEX(Jesper!AH$2:AH$366,ROUNDDOWN($C3121/24,0)+1,1)*INDEX($D$3:$AA$30,INDEX(Jesper!$R$2:$R$366,ROW(INDEX(Jesper!AH$2:AH$366,ROUNDDOWN($C3121/24,0)+1,1))-1)+IF('Standard Profiles'!$G$18=$B$10,7,0)+IF('Standard Profiles'!$G$18=$B$17,14,0)+IF('Standard Profiles'!$G$18=$B$24,21,0),MOD($C3121,24)+1)/SUM(INDEX($D$3:$AA$30,INDEX(Jesper!$R$2:$R$366,ROW(INDEX(Jesper!AH$2:AH$366,ROUNDDOWN($C3121/24,0)+1,1))-1)+IF('Standard Profiles'!$G$18=$B$10,7,0)+IF('Standard Profiles'!$G$18=$B$17,14,0)+IF('Standard Profiles'!$G$18=$B$24,21,0),0)),0)</f>
        <v>34.603334447438804</v>
      </c>
      <c r="E3121" cm="1">
        <f t="array" ref="E3121">IFERROR(INDEX(Jesper!AI$2:AI$366,ROUNDDOWN($C3121/24,0)+1,1)*INDEX($D$3:$AA$30,INDEX(Jesper!$R$2:$R$366,ROW(INDEX(Jesper!AI$2:AI$366,ROUNDDOWN($C3121/24,0)+1,1))-1)+IF('Standard Profiles'!$G$19=$B$10,7,0)+IF('Standard Profiles'!$G$19=$B$17,14,0)+IF('Standard Profiles'!$G$19=$B$24,21,0),MOD($C3121,24)+1)/SUM(INDEX($D$3:$AA$30,INDEX(Jesper!$R$2:$R$366,ROW(INDEX(Jesper!AI$2:AI$366,ROUNDDOWN($C3121/24,0)+1,1))-1)+IF('Standard Profiles'!$G$19=$B$10,7,0)+IF('Standard Profiles'!$G$19=$B$17,14,0)+IF('Standard Profiles'!$G$19=$B$24,21,0),0)),0)</f>
        <v>23.471879081285902</v>
      </c>
      <c r="F3121" cm="1">
        <f t="array" ref="F3121">IFERROR(INDEX(Jesper!AJ$2:AJ$366,ROUNDDOWN($C3121/24,0)+1,1)*INDEX($D$3:$AA$30,INDEX(Jesper!$R$2:$R$366,ROW(INDEX(Jesper!AJ$2:AJ$366,ROUNDDOWN($C3121/24,0)+1,1))-1)+IF('Standard Profiles'!$G$20=$B$10,7,0)+IF('Standard Profiles'!$G$20=$B$17,14,0)+IF('Standard Profiles'!$G$20=$B$24,21,0),MOD($C3121,24)+1)/SUM(INDEX($D$3:$AA$30,INDEX(Jesper!$R$2:$R$366,ROW(INDEX(Jesper!AJ$2:AJ$366,ROUNDDOWN($C3121/24,0)+1,1))-1)+IF('Standard Profiles'!$G$20=$B$10,7,0)+IF('Standard Profiles'!$G$20=$B$17,14,0)+IF('Standard Profiles'!$G$20=$B$24,21,0),0)),0)</f>
        <v>0</v>
      </c>
      <c r="G3121" cm="1">
        <f t="array" ref="G3121">IFERROR(INDEX(Jesper!AK$2:AK$366,ROUNDDOWN($C3121/24,0)+1,1)*INDEX($D$3:$AA$30,INDEX(Jesper!$R$2:$R$366,ROW(INDEX(Jesper!AK$2:AK$366,ROUNDDOWN($C3121/24,0)+1,1))-1)+IF('Standard Profiles'!$G$21=$B$10,7,0)+IF('Standard Profiles'!$G$21=$B$17,14,0)+IF('Standard Profiles'!$G$21=$B$24,21,0),MOD($C3121,24)+1)/SUM(INDEX($D$3:$AA$30,INDEX(Jesper!$R$2:$R$366,ROW(INDEX(Jesper!AK$2:AK$366,ROUNDDOWN($C3121/24,0)+1,1))-1)+IF('Standard Profiles'!$G$21=$B$10,7,0)+IF('Standard Profiles'!$G$21=$B$17,14,0)+IF('Standard Profiles'!$G$21=$B$24,21,0),0)),0)</f>
        <v>4.6186156236147244</v>
      </c>
      <c r="H3121" cm="1">
        <f t="array" ref="H3121">IFERROR(INDEX(Jesper!AL$2:AL$366,ROUNDDOWN($C3121/24,0)+1,1)*INDEX($D$3:$AA$30,INDEX(Jesper!$R$2:$R$366,ROW(INDEX(Jesper!AL$2:AL$366,ROUNDDOWN($C3121/24,0)+1,1))-1)+IF('Standard Profiles'!$G$22=$B$10,7,0)+IF('Standard Profiles'!$G$22=$B$17,14,0)+IF('Standard Profiles'!$G$22=$B$24,21,0),MOD($C3121,24)+1)/SUM(INDEX($D$3:$AA$30,INDEX(Jesper!$R$2:$R$366,ROW(INDEX(Jesper!AL$2:AL$366,ROUNDDOWN($C3121/24,0)+1,1))-1)+IF('Standard Profiles'!$G$22=$B$10,7,0)+IF('Standard Profiles'!$G$22=$B$17,14,0)+IF('Standard Profiles'!$G$22=$B$24,21,0),0)),0)</f>
        <v>0</v>
      </c>
      <c r="I3121">
        <f t="shared" si="356"/>
        <v>2.2169354993350665</v>
      </c>
      <c r="J3121">
        <f t="shared" si="357"/>
        <v>54.940360141414153</v>
      </c>
      <c r="K3121">
        <f t="shared" si="358"/>
        <v>3.6910223410601395</v>
      </c>
      <c r="L3121">
        <f t="shared" si="359"/>
        <v>1.8455111705300697</v>
      </c>
      <c r="M3121">
        <f t="shared" si="360"/>
        <v>0</v>
      </c>
      <c r="N3121" s="45">
        <f t="shared" si="361"/>
        <v>45055.624999992513</v>
      </c>
    </row>
    <row r="3122" spans="2:14" x14ac:dyDescent="0.25">
      <c r="B3122">
        <f t="shared" si="355"/>
        <v>2</v>
      </c>
      <c r="C3122" s="16">
        <v>3088</v>
      </c>
      <c r="D3122" cm="1">
        <f t="array" ref="D3122">IFERROR(INDEX(Jesper!AH$2:AH$366,ROUNDDOWN($C3122/24,0)+1,1)*INDEX($D$3:$AA$30,INDEX(Jesper!$R$2:$R$366,ROW(INDEX(Jesper!AH$2:AH$366,ROUNDDOWN($C3122/24,0)+1,1))-1)+IF('Standard Profiles'!$G$18=$B$10,7,0)+IF('Standard Profiles'!$G$18=$B$17,14,0)+IF('Standard Profiles'!$G$18=$B$24,21,0),MOD($C3122,24)+1)/SUM(INDEX($D$3:$AA$30,INDEX(Jesper!$R$2:$R$366,ROW(INDEX(Jesper!AH$2:AH$366,ROUNDDOWN($C3122/24,0)+1,1))-1)+IF('Standard Profiles'!$G$18=$B$10,7,0)+IF('Standard Profiles'!$G$18=$B$17,14,0)+IF('Standard Profiles'!$G$18=$B$24,21,0),0)),0)</f>
        <v>20.391250656526438</v>
      </c>
      <c r="E3122" cm="1">
        <f t="array" ref="E3122">IFERROR(INDEX(Jesper!AI$2:AI$366,ROUNDDOWN($C3122/24,0)+1,1)*INDEX($D$3:$AA$30,INDEX(Jesper!$R$2:$R$366,ROW(INDEX(Jesper!AI$2:AI$366,ROUNDDOWN($C3122/24,0)+1,1))-1)+IF('Standard Profiles'!$G$19=$B$10,7,0)+IF('Standard Profiles'!$G$19=$B$17,14,0)+IF('Standard Profiles'!$G$19=$B$24,21,0),MOD($C3122,24)+1)/SUM(INDEX($D$3:$AA$30,INDEX(Jesper!$R$2:$R$366,ROW(INDEX(Jesper!AI$2:AI$366,ROUNDDOWN($C3122/24,0)+1,1))-1)+IF('Standard Profiles'!$G$19=$B$10,7,0)+IF('Standard Profiles'!$G$19=$B$17,14,0)+IF('Standard Profiles'!$G$19=$B$24,21,0),0)),0)</f>
        <v>13.831643030043479</v>
      </c>
      <c r="F3122" cm="1">
        <f t="array" ref="F3122">IFERROR(INDEX(Jesper!AJ$2:AJ$366,ROUNDDOWN($C3122/24,0)+1,1)*INDEX($D$3:$AA$30,INDEX(Jesper!$R$2:$R$366,ROW(INDEX(Jesper!AJ$2:AJ$366,ROUNDDOWN($C3122/24,0)+1,1))-1)+IF('Standard Profiles'!$G$20=$B$10,7,0)+IF('Standard Profiles'!$G$20=$B$17,14,0)+IF('Standard Profiles'!$G$20=$B$24,21,0),MOD($C3122,24)+1)/SUM(INDEX($D$3:$AA$30,INDEX(Jesper!$R$2:$R$366,ROW(INDEX(Jesper!AJ$2:AJ$366,ROUNDDOWN($C3122/24,0)+1,1))-1)+IF('Standard Profiles'!$G$20=$B$10,7,0)+IF('Standard Profiles'!$G$20=$B$17,14,0)+IF('Standard Profiles'!$G$20=$B$24,21,0),0)),0)</f>
        <v>0</v>
      </c>
      <c r="G3122" cm="1">
        <f t="array" ref="G3122">IFERROR(INDEX(Jesper!AK$2:AK$366,ROUNDDOWN($C3122/24,0)+1,1)*INDEX($D$3:$AA$30,INDEX(Jesper!$R$2:$R$366,ROW(INDEX(Jesper!AK$2:AK$366,ROUNDDOWN($C3122/24,0)+1,1))-1)+IF('Standard Profiles'!$G$21=$B$10,7,0)+IF('Standard Profiles'!$G$21=$B$17,14,0)+IF('Standard Profiles'!$G$21=$B$24,21,0),MOD($C3122,24)+1)/SUM(INDEX($D$3:$AA$30,INDEX(Jesper!$R$2:$R$366,ROW(INDEX(Jesper!AK$2:AK$366,ROUNDDOWN($C3122/24,0)+1,1))-1)+IF('Standard Profiles'!$G$21=$B$10,7,0)+IF('Standard Profiles'!$G$21=$B$17,14,0)+IF('Standard Profiles'!$G$21=$B$24,21,0),0)),0)</f>
        <v>3.860544974146046</v>
      </c>
      <c r="H3122" cm="1">
        <f t="array" ref="H3122">IFERROR(INDEX(Jesper!AL$2:AL$366,ROUNDDOWN($C3122/24,0)+1,1)*INDEX($D$3:$AA$30,INDEX(Jesper!$R$2:$R$366,ROW(INDEX(Jesper!AL$2:AL$366,ROUNDDOWN($C3122/24,0)+1,1))-1)+IF('Standard Profiles'!$G$22=$B$10,7,0)+IF('Standard Profiles'!$G$22=$B$17,14,0)+IF('Standard Profiles'!$G$22=$B$24,21,0),MOD($C3122,24)+1)/SUM(INDEX($D$3:$AA$30,INDEX(Jesper!$R$2:$R$366,ROW(INDEX(Jesper!AL$2:AL$366,ROUNDDOWN($C3122/24,0)+1,1))-1)+IF('Standard Profiles'!$G$22=$B$10,7,0)+IF('Standard Profiles'!$G$22=$B$17,14,0)+IF('Standard Profiles'!$G$22=$B$24,21,0),0)),0)</f>
        <v>0</v>
      </c>
      <c r="I3122">
        <f t="shared" si="356"/>
        <v>1.8530615875901011</v>
      </c>
      <c r="J3122">
        <f t="shared" si="357"/>
        <v>32.96777696808163</v>
      </c>
      <c r="K3122">
        <f t="shared" si="358"/>
        <v>2.1750667366961536</v>
      </c>
      <c r="L3122">
        <f t="shared" si="359"/>
        <v>1.0875333683480768</v>
      </c>
      <c r="M3122">
        <f t="shared" si="360"/>
        <v>0</v>
      </c>
      <c r="N3122" s="45">
        <f t="shared" si="361"/>
        <v>45055.666666659177</v>
      </c>
    </row>
    <row r="3123" spans="2:14" x14ac:dyDescent="0.25">
      <c r="B3123">
        <f t="shared" si="355"/>
        <v>2</v>
      </c>
      <c r="C3123" s="16">
        <v>3089</v>
      </c>
      <c r="D3123" cm="1">
        <f t="array" ref="D3123">IFERROR(INDEX(Jesper!AH$2:AH$366,ROUNDDOWN($C3123/24,0)+1,1)*INDEX($D$3:$AA$30,INDEX(Jesper!$R$2:$R$366,ROW(INDEX(Jesper!AH$2:AH$366,ROUNDDOWN($C3123/24,0)+1,1))-1)+IF('Standard Profiles'!$G$18=$B$10,7,0)+IF('Standard Profiles'!$G$18=$B$17,14,0)+IF('Standard Profiles'!$G$18=$B$24,21,0),MOD($C3123,24)+1)/SUM(INDEX($D$3:$AA$30,INDEX(Jesper!$R$2:$R$366,ROW(INDEX(Jesper!AH$2:AH$366,ROUNDDOWN($C3123/24,0)+1,1))-1)+IF('Standard Profiles'!$G$18=$B$10,7,0)+IF('Standard Profiles'!$G$18=$B$17,14,0)+IF('Standard Profiles'!$G$18=$B$24,21,0),0)),0)</f>
        <v>8.7030519234001034</v>
      </c>
      <c r="E3123" cm="1">
        <f t="array" ref="E3123">IFERROR(INDEX(Jesper!AI$2:AI$366,ROUNDDOWN($C3123/24,0)+1,1)*INDEX($D$3:$AA$30,INDEX(Jesper!$R$2:$R$366,ROW(INDEX(Jesper!AI$2:AI$366,ROUNDDOWN($C3123/24,0)+1,1))-1)+IF('Standard Profiles'!$G$19=$B$10,7,0)+IF('Standard Profiles'!$G$19=$B$17,14,0)+IF('Standard Profiles'!$G$19=$B$24,21,0),MOD($C3123,24)+1)/SUM(INDEX($D$3:$AA$30,INDEX(Jesper!$R$2:$R$366,ROW(INDEX(Jesper!AI$2:AI$366,ROUNDDOWN($C3123/24,0)+1,1))-1)+IF('Standard Profiles'!$G$19=$B$10,7,0)+IF('Standard Profiles'!$G$19=$B$17,14,0)+IF('Standard Profiles'!$G$19=$B$24,21,0),0)),0)</f>
        <v>5.9033901109874005</v>
      </c>
      <c r="F3123" cm="1">
        <f t="array" ref="F3123">IFERROR(INDEX(Jesper!AJ$2:AJ$366,ROUNDDOWN($C3123/24,0)+1,1)*INDEX($D$3:$AA$30,INDEX(Jesper!$R$2:$R$366,ROW(INDEX(Jesper!AJ$2:AJ$366,ROUNDDOWN($C3123/24,0)+1,1))-1)+IF('Standard Profiles'!$G$20=$B$10,7,0)+IF('Standard Profiles'!$G$20=$B$17,14,0)+IF('Standard Profiles'!$G$20=$B$24,21,0),MOD($C3123,24)+1)/SUM(INDEX($D$3:$AA$30,INDEX(Jesper!$R$2:$R$366,ROW(INDEX(Jesper!AJ$2:AJ$366,ROUNDDOWN($C3123/24,0)+1,1))-1)+IF('Standard Profiles'!$G$20=$B$10,7,0)+IF('Standard Profiles'!$G$20=$B$17,14,0)+IF('Standard Profiles'!$G$20=$B$24,21,0),0)),0)</f>
        <v>0</v>
      </c>
      <c r="G3123" cm="1">
        <f t="array" ref="G3123">IFERROR(INDEX(Jesper!AK$2:AK$366,ROUNDDOWN($C3123/24,0)+1,1)*INDEX($D$3:$AA$30,INDEX(Jesper!$R$2:$R$366,ROW(INDEX(Jesper!AK$2:AK$366,ROUNDDOWN($C3123/24,0)+1,1))-1)+IF('Standard Profiles'!$G$21=$B$10,7,0)+IF('Standard Profiles'!$G$21=$B$17,14,0)+IF('Standard Profiles'!$G$21=$B$24,21,0),MOD($C3123,24)+1)/SUM(INDEX($D$3:$AA$30,INDEX(Jesper!$R$2:$R$366,ROW(INDEX(Jesper!AK$2:AK$366,ROUNDDOWN($C3123/24,0)+1,1))-1)+IF('Standard Profiles'!$G$21=$B$10,7,0)+IF('Standard Profiles'!$G$21=$B$17,14,0)+IF('Standard Profiles'!$G$21=$B$24,21,0),0)),0)</f>
        <v>3.0673784612760406</v>
      </c>
      <c r="H3123" cm="1">
        <f t="array" ref="H3123">IFERROR(INDEX(Jesper!AL$2:AL$366,ROUNDDOWN($C3123/24,0)+1,1)*INDEX($D$3:$AA$30,INDEX(Jesper!$R$2:$R$366,ROW(INDEX(Jesper!AL$2:AL$366,ROUNDDOWN($C3123/24,0)+1,1))-1)+IF('Standard Profiles'!$G$22=$B$10,7,0)+IF('Standard Profiles'!$G$22=$B$17,14,0)+IF('Standard Profiles'!$G$22=$B$24,21,0),MOD($C3123,24)+1)/SUM(INDEX($D$3:$AA$30,INDEX(Jesper!$R$2:$R$366,ROW(INDEX(Jesper!AL$2:AL$366,ROUNDDOWN($C3123/24,0)+1,1))-1)+IF('Standard Profiles'!$G$22=$B$10,7,0)+IF('Standard Profiles'!$G$22=$B$17,14,0)+IF('Standard Profiles'!$G$22=$B$24,21,0),0)),0)</f>
        <v>0</v>
      </c>
      <c r="I3123">
        <f t="shared" si="356"/>
        <v>1.4723416614124987</v>
      </c>
      <c r="J3123">
        <f t="shared" si="357"/>
        <v>14.808990526507028</v>
      </c>
      <c r="K3123">
        <f t="shared" si="358"/>
        <v>0.92832553849601107</v>
      </c>
      <c r="L3123">
        <f t="shared" si="359"/>
        <v>0.46416276924800554</v>
      </c>
      <c r="M3123">
        <f t="shared" si="360"/>
        <v>0</v>
      </c>
      <c r="N3123" s="45">
        <f t="shared" si="361"/>
        <v>45055.708333325842</v>
      </c>
    </row>
    <row r="3124" spans="2:14" x14ac:dyDescent="0.25">
      <c r="B3124">
        <f t="shared" si="355"/>
        <v>2</v>
      </c>
      <c r="C3124" s="16">
        <v>3090</v>
      </c>
      <c r="D3124" cm="1">
        <f t="array" ref="D3124">IFERROR(INDEX(Jesper!AH$2:AH$366,ROUNDDOWN($C3124/24,0)+1,1)*INDEX($D$3:$AA$30,INDEX(Jesper!$R$2:$R$366,ROW(INDEX(Jesper!AH$2:AH$366,ROUNDDOWN($C3124/24,0)+1,1))-1)+IF('Standard Profiles'!$G$18=$B$10,7,0)+IF('Standard Profiles'!$G$18=$B$17,14,0)+IF('Standard Profiles'!$G$18=$B$24,21,0),MOD($C3124,24)+1)/SUM(INDEX($D$3:$AA$30,INDEX(Jesper!$R$2:$R$366,ROW(INDEX(Jesper!AH$2:AH$366,ROUNDDOWN($C3124/24,0)+1,1))-1)+IF('Standard Profiles'!$G$18=$B$10,7,0)+IF('Standard Profiles'!$G$18=$B$17,14,0)+IF('Standard Profiles'!$G$18=$B$24,21,0),0)),0)</f>
        <v>5.744014269444067</v>
      </c>
      <c r="E3124" cm="1">
        <f t="array" ref="E3124">IFERROR(INDEX(Jesper!AI$2:AI$366,ROUNDDOWN($C3124/24,0)+1,1)*INDEX($D$3:$AA$30,INDEX(Jesper!$R$2:$R$366,ROW(INDEX(Jesper!AI$2:AI$366,ROUNDDOWN($C3124/24,0)+1,1))-1)+IF('Standard Profiles'!$G$19=$B$10,7,0)+IF('Standard Profiles'!$G$19=$B$17,14,0)+IF('Standard Profiles'!$G$19=$B$24,21,0),MOD($C3124,24)+1)/SUM(INDEX($D$3:$AA$30,INDEX(Jesper!$R$2:$R$366,ROW(INDEX(Jesper!AI$2:AI$366,ROUNDDOWN($C3124/24,0)+1,1))-1)+IF('Standard Profiles'!$G$19=$B$10,7,0)+IF('Standard Profiles'!$G$19=$B$17,14,0)+IF('Standard Profiles'!$G$19=$B$24,21,0),0)),0)</f>
        <v>3.8962374732516842</v>
      </c>
      <c r="F3124" cm="1">
        <f t="array" ref="F3124">IFERROR(INDEX(Jesper!AJ$2:AJ$366,ROUNDDOWN($C3124/24,0)+1,1)*INDEX($D$3:$AA$30,INDEX(Jesper!$R$2:$R$366,ROW(INDEX(Jesper!AJ$2:AJ$366,ROUNDDOWN($C3124/24,0)+1,1))-1)+IF('Standard Profiles'!$G$20=$B$10,7,0)+IF('Standard Profiles'!$G$20=$B$17,14,0)+IF('Standard Profiles'!$G$20=$B$24,21,0),MOD($C3124,24)+1)/SUM(INDEX($D$3:$AA$30,INDEX(Jesper!$R$2:$R$366,ROW(INDEX(Jesper!AJ$2:AJ$366,ROUNDDOWN($C3124/24,0)+1,1))-1)+IF('Standard Profiles'!$G$20=$B$10,7,0)+IF('Standard Profiles'!$G$20=$B$17,14,0)+IF('Standard Profiles'!$G$20=$B$24,21,0),0)),0)</f>
        <v>0</v>
      </c>
      <c r="G3124" cm="1">
        <f t="array" ref="G3124">IFERROR(INDEX(Jesper!AK$2:AK$366,ROUNDDOWN($C3124/24,0)+1,1)*INDEX($D$3:$AA$30,INDEX(Jesper!$R$2:$R$366,ROW(INDEX(Jesper!AK$2:AK$366,ROUNDDOWN($C3124/24,0)+1,1))-1)+IF('Standard Profiles'!$G$21=$B$10,7,0)+IF('Standard Profiles'!$G$21=$B$17,14,0)+IF('Standard Profiles'!$G$21=$B$24,21,0),MOD($C3124,24)+1)/SUM(INDEX($D$3:$AA$30,INDEX(Jesper!$R$2:$R$366,ROW(INDEX(Jesper!AK$2:AK$366,ROUNDDOWN($C3124/24,0)+1,1))-1)+IF('Standard Profiles'!$G$21=$B$10,7,0)+IF('Standard Profiles'!$G$21=$B$17,14,0)+IF('Standard Profiles'!$G$21=$B$24,21,0),0)),0)</f>
        <v>1.0879717654411585</v>
      </c>
      <c r="H3124" cm="1">
        <f t="array" ref="H3124">IFERROR(INDEX(Jesper!AL$2:AL$366,ROUNDDOWN($C3124/24,0)+1,1)*INDEX($D$3:$AA$30,INDEX(Jesper!$R$2:$R$366,ROW(INDEX(Jesper!AL$2:AL$366,ROUNDDOWN($C3124/24,0)+1,1))-1)+IF('Standard Profiles'!$G$22=$B$10,7,0)+IF('Standard Profiles'!$G$22=$B$17,14,0)+IF('Standard Profiles'!$G$22=$B$24,21,0),MOD($C3124,24)+1)/SUM(INDEX($D$3:$AA$30,INDEX(Jesper!$R$2:$R$366,ROW(INDEX(Jesper!AL$2:AL$366,ROUNDDOWN($C3124/24,0)+1,1))-1)+IF('Standard Profiles'!$G$22=$B$10,7,0)+IF('Standard Profiles'!$G$22=$B$17,14,0)+IF('Standard Profiles'!$G$22=$B$24,21,0),0)),0)</f>
        <v>0</v>
      </c>
      <c r="I3124">
        <f t="shared" si="356"/>
        <v>0.52222644741175583</v>
      </c>
      <c r="J3124">
        <f t="shared" si="357"/>
        <v>9.2869547776141026</v>
      </c>
      <c r="K3124">
        <f t="shared" si="358"/>
        <v>0.61269485540736723</v>
      </c>
      <c r="L3124">
        <f t="shared" si="359"/>
        <v>0.30634742770368362</v>
      </c>
      <c r="M3124">
        <f t="shared" si="360"/>
        <v>0</v>
      </c>
      <c r="N3124" s="45">
        <f t="shared" si="361"/>
        <v>45055.749999992506</v>
      </c>
    </row>
    <row r="3125" spans="2:14" x14ac:dyDescent="0.25">
      <c r="B3125">
        <f t="shared" si="355"/>
        <v>2</v>
      </c>
      <c r="C3125" s="16">
        <v>3091</v>
      </c>
      <c r="D3125" cm="1">
        <f t="array" ref="D3125">IFERROR(INDEX(Jesper!AH$2:AH$366,ROUNDDOWN($C3125/24,0)+1,1)*INDEX($D$3:$AA$30,INDEX(Jesper!$R$2:$R$366,ROW(INDEX(Jesper!AH$2:AH$366,ROUNDDOWN($C3125/24,0)+1,1))-1)+IF('Standard Profiles'!$G$18=$B$10,7,0)+IF('Standard Profiles'!$G$18=$B$17,14,0)+IF('Standard Profiles'!$G$18=$B$24,21,0),MOD($C3125,24)+1)/SUM(INDEX($D$3:$AA$30,INDEX(Jesper!$R$2:$R$366,ROW(INDEX(Jesper!AH$2:AH$366,ROUNDDOWN($C3125/24,0)+1,1))-1)+IF('Standard Profiles'!$G$18=$B$10,7,0)+IF('Standard Profiles'!$G$18=$B$17,14,0)+IF('Standard Profiles'!$G$18=$B$24,21,0),0)),0)</f>
        <v>5.744014269444067</v>
      </c>
      <c r="E3125" cm="1">
        <f t="array" ref="E3125">IFERROR(INDEX(Jesper!AI$2:AI$366,ROUNDDOWN($C3125/24,0)+1,1)*INDEX($D$3:$AA$30,INDEX(Jesper!$R$2:$R$366,ROW(INDEX(Jesper!AI$2:AI$366,ROUNDDOWN($C3125/24,0)+1,1))-1)+IF('Standard Profiles'!$G$19=$B$10,7,0)+IF('Standard Profiles'!$G$19=$B$17,14,0)+IF('Standard Profiles'!$G$19=$B$24,21,0),MOD($C3125,24)+1)/SUM(INDEX($D$3:$AA$30,INDEX(Jesper!$R$2:$R$366,ROW(INDEX(Jesper!AI$2:AI$366,ROUNDDOWN($C3125/24,0)+1,1))-1)+IF('Standard Profiles'!$G$19=$B$10,7,0)+IF('Standard Profiles'!$G$19=$B$17,14,0)+IF('Standard Profiles'!$G$19=$B$24,21,0),0)),0)</f>
        <v>3.8962374732516842</v>
      </c>
      <c r="F3125" cm="1">
        <f t="array" ref="F3125">IFERROR(INDEX(Jesper!AJ$2:AJ$366,ROUNDDOWN($C3125/24,0)+1,1)*INDEX($D$3:$AA$30,INDEX(Jesper!$R$2:$R$366,ROW(INDEX(Jesper!AJ$2:AJ$366,ROUNDDOWN($C3125/24,0)+1,1))-1)+IF('Standard Profiles'!$G$20=$B$10,7,0)+IF('Standard Profiles'!$G$20=$B$17,14,0)+IF('Standard Profiles'!$G$20=$B$24,21,0),MOD($C3125,24)+1)/SUM(INDEX($D$3:$AA$30,INDEX(Jesper!$R$2:$R$366,ROW(INDEX(Jesper!AJ$2:AJ$366,ROUNDDOWN($C3125/24,0)+1,1))-1)+IF('Standard Profiles'!$G$20=$B$10,7,0)+IF('Standard Profiles'!$G$20=$B$17,14,0)+IF('Standard Profiles'!$G$20=$B$24,21,0),0)),0)</f>
        <v>0</v>
      </c>
      <c r="G3125" cm="1">
        <f t="array" ref="G3125">IFERROR(INDEX(Jesper!AK$2:AK$366,ROUNDDOWN($C3125/24,0)+1,1)*INDEX($D$3:$AA$30,INDEX(Jesper!$R$2:$R$366,ROW(INDEX(Jesper!AK$2:AK$366,ROUNDDOWN($C3125/24,0)+1,1))-1)+IF('Standard Profiles'!$G$21=$B$10,7,0)+IF('Standard Profiles'!$G$21=$B$17,14,0)+IF('Standard Profiles'!$G$21=$B$24,21,0),MOD($C3125,24)+1)/SUM(INDEX($D$3:$AA$30,INDEX(Jesper!$R$2:$R$366,ROW(INDEX(Jesper!AK$2:AK$366,ROUNDDOWN($C3125/24,0)+1,1))-1)+IF('Standard Profiles'!$G$21=$B$10,7,0)+IF('Standard Profiles'!$G$21=$B$17,14,0)+IF('Standard Profiles'!$G$21=$B$24,21,0),0)),0)</f>
        <v>1.0879717654411585</v>
      </c>
      <c r="H3125" cm="1">
        <f t="array" ref="H3125">IFERROR(INDEX(Jesper!AL$2:AL$366,ROUNDDOWN($C3125/24,0)+1,1)*INDEX($D$3:$AA$30,INDEX(Jesper!$R$2:$R$366,ROW(INDEX(Jesper!AL$2:AL$366,ROUNDDOWN($C3125/24,0)+1,1))-1)+IF('Standard Profiles'!$G$22=$B$10,7,0)+IF('Standard Profiles'!$G$22=$B$17,14,0)+IF('Standard Profiles'!$G$22=$B$24,21,0),MOD($C3125,24)+1)/SUM(INDEX($D$3:$AA$30,INDEX(Jesper!$R$2:$R$366,ROW(INDEX(Jesper!AL$2:AL$366,ROUNDDOWN($C3125/24,0)+1,1))-1)+IF('Standard Profiles'!$G$22=$B$10,7,0)+IF('Standard Profiles'!$G$22=$B$17,14,0)+IF('Standard Profiles'!$G$22=$B$24,21,0),0)),0)</f>
        <v>0</v>
      </c>
      <c r="I3125">
        <f t="shared" si="356"/>
        <v>0.52222644741175583</v>
      </c>
      <c r="J3125">
        <f t="shared" si="357"/>
        <v>9.2869547776141026</v>
      </c>
      <c r="K3125">
        <f t="shared" si="358"/>
        <v>0.61269485540736723</v>
      </c>
      <c r="L3125">
        <f t="shared" si="359"/>
        <v>0.30634742770368362</v>
      </c>
      <c r="M3125">
        <f t="shared" si="360"/>
        <v>0</v>
      </c>
      <c r="N3125" s="45">
        <f t="shared" si="361"/>
        <v>45055.79166665917</v>
      </c>
    </row>
    <row r="3126" spans="2:14" x14ac:dyDescent="0.25">
      <c r="B3126">
        <f t="shared" si="355"/>
        <v>2</v>
      </c>
      <c r="C3126" s="16">
        <v>3092</v>
      </c>
      <c r="D3126" cm="1">
        <f t="array" ref="D3126">IFERROR(INDEX(Jesper!AH$2:AH$366,ROUNDDOWN($C3126/24,0)+1,1)*INDEX($D$3:$AA$30,INDEX(Jesper!$R$2:$R$366,ROW(INDEX(Jesper!AH$2:AH$366,ROUNDDOWN($C3126/24,0)+1,1))-1)+IF('Standard Profiles'!$G$18=$B$10,7,0)+IF('Standard Profiles'!$G$18=$B$17,14,0)+IF('Standard Profiles'!$G$18=$B$24,21,0),MOD($C3126,24)+1)/SUM(INDEX($D$3:$AA$30,INDEX(Jesper!$R$2:$R$366,ROW(INDEX(Jesper!AH$2:AH$366,ROUNDDOWN($C3126/24,0)+1,1))-1)+IF('Standard Profiles'!$G$18=$B$10,7,0)+IF('Standard Profiles'!$G$18=$B$17,14,0)+IF('Standard Profiles'!$G$18=$B$24,21,0),0)),0)</f>
        <v>5.744014269444067</v>
      </c>
      <c r="E3126" cm="1">
        <f t="array" ref="E3126">IFERROR(INDEX(Jesper!AI$2:AI$366,ROUNDDOWN($C3126/24,0)+1,1)*INDEX($D$3:$AA$30,INDEX(Jesper!$R$2:$R$366,ROW(INDEX(Jesper!AI$2:AI$366,ROUNDDOWN($C3126/24,0)+1,1))-1)+IF('Standard Profiles'!$G$19=$B$10,7,0)+IF('Standard Profiles'!$G$19=$B$17,14,0)+IF('Standard Profiles'!$G$19=$B$24,21,0),MOD($C3126,24)+1)/SUM(INDEX($D$3:$AA$30,INDEX(Jesper!$R$2:$R$366,ROW(INDEX(Jesper!AI$2:AI$366,ROUNDDOWN($C3126/24,0)+1,1))-1)+IF('Standard Profiles'!$G$19=$B$10,7,0)+IF('Standard Profiles'!$G$19=$B$17,14,0)+IF('Standard Profiles'!$G$19=$B$24,21,0),0)),0)</f>
        <v>3.8962374732516842</v>
      </c>
      <c r="F3126" cm="1">
        <f t="array" ref="F3126">IFERROR(INDEX(Jesper!AJ$2:AJ$366,ROUNDDOWN($C3126/24,0)+1,1)*INDEX($D$3:$AA$30,INDEX(Jesper!$R$2:$R$366,ROW(INDEX(Jesper!AJ$2:AJ$366,ROUNDDOWN($C3126/24,0)+1,1))-1)+IF('Standard Profiles'!$G$20=$B$10,7,0)+IF('Standard Profiles'!$G$20=$B$17,14,0)+IF('Standard Profiles'!$G$20=$B$24,21,0),MOD($C3126,24)+1)/SUM(INDEX($D$3:$AA$30,INDEX(Jesper!$R$2:$R$366,ROW(INDEX(Jesper!AJ$2:AJ$366,ROUNDDOWN($C3126/24,0)+1,1))-1)+IF('Standard Profiles'!$G$20=$B$10,7,0)+IF('Standard Profiles'!$G$20=$B$17,14,0)+IF('Standard Profiles'!$G$20=$B$24,21,0),0)),0)</f>
        <v>0</v>
      </c>
      <c r="G3126" cm="1">
        <f t="array" ref="G3126">IFERROR(INDEX(Jesper!AK$2:AK$366,ROUNDDOWN($C3126/24,0)+1,1)*INDEX($D$3:$AA$30,INDEX(Jesper!$R$2:$R$366,ROW(INDEX(Jesper!AK$2:AK$366,ROUNDDOWN($C3126/24,0)+1,1))-1)+IF('Standard Profiles'!$G$21=$B$10,7,0)+IF('Standard Profiles'!$G$21=$B$17,14,0)+IF('Standard Profiles'!$G$21=$B$24,21,0),MOD($C3126,24)+1)/SUM(INDEX($D$3:$AA$30,INDEX(Jesper!$R$2:$R$366,ROW(INDEX(Jesper!AK$2:AK$366,ROUNDDOWN($C3126/24,0)+1,1))-1)+IF('Standard Profiles'!$G$21=$B$10,7,0)+IF('Standard Profiles'!$G$21=$B$17,14,0)+IF('Standard Profiles'!$G$21=$B$24,21,0),0)),0)</f>
        <v>1.0879717654411585</v>
      </c>
      <c r="H3126" cm="1">
        <f t="array" ref="H3126">IFERROR(INDEX(Jesper!AL$2:AL$366,ROUNDDOWN($C3126/24,0)+1,1)*INDEX($D$3:$AA$30,INDEX(Jesper!$R$2:$R$366,ROW(INDEX(Jesper!AL$2:AL$366,ROUNDDOWN($C3126/24,0)+1,1))-1)+IF('Standard Profiles'!$G$22=$B$10,7,0)+IF('Standard Profiles'!$G$22=$B$17,14,0)+IF('Standard Profiles'!$G$22=$B$24,21,0),MOD($C3126,24)+1)/SUM(INDEX($D$3:$AA$30,INDEX(Jesper!$R$2:$R$366,ROW(INDEX(Jesper!AL$2:AL$366,ROUNDDOWN($C3126/24,0)+1,1))-1)+IF('Standard Profiles'!$G$22=$B$10,7,0)+IF('Standard Profiles'!$G$22=$B$17,14,0)+IF('Standard Profiles'!$G$22=$B$24,21,0),0)),0)</f>
        <v>0</v>
      </c>
      <c r="I3126">
        <f t="shared" si="356"/>
        <v>0.52222644741175583</v>
      </c>
      <c r="J3126">
        <f t="shared" si="357"/>
        <v>9.2869547776141026</v>
      </c>
      <c r="K3126">
        <f t="shared" si="358"/>
        <v>0.61269485540736723</v>
      </c>
      <c r="L3126">
        <f t="shared" si="359"/>
        <v>0.30634742770368362</v>
      </c>
      <c r="M3126">
        <f t="shared" si="360"/>
        <v>0</v>
      </c>
      <c r="N3126" s="45">
        <f t="shared" si="361"/>
        <v>45055.833333325834</v>
      </c>
    </row>
    <row r="3127" spans="2:14" x14ac:dyDescent="0.25">
      <c r="B3127">
        <f t="shared" si="355"/>
        <v>2</v>
      </c>
      <c r="C3127" s="16">
        <v>3093</v>
      </c>
      <c r="D3127" cm="1">
        <f t="array" ref="D3127">IFERROR(INDEX(Jesper!AH$2:AH$366,ROUNDDOWN($C3127/24,0)+1,1)*INDEX($D$3:$AA$30,INDEX(Jesper!$R$2:$R$366,ROW(INDEX(Jesper!AH$2:AH$366,ROUNDDOWN($C3127/24,0)+1,1))-1)+IF('Standard Profiles'!$G$18=$B$10,7,0)+IF('Standard Profiles'!$G$18=$B$17,14,0)+IF('Standard Profiles'!$G$18=$B$24,21,0),MOD($C3127,24)+1)/SUM(INDEX($D$3:$AA$30,INDEX(Jesper!$R$2:$R$366,ROW(INDEX(Jesper!AH$2:AH$366,ROUNDDOWN($C3127/24,0)+1,1))-1)+IF('Standard Profiles'!$G$18=$B$10,7,0)+IF('Standard Profiles'!$G$18=$B$17,14,0)+IF('Standard Profiles'!$G$18=$B$24,21,0),0)),0)</f>
        <v>5.744014269444067</v>
      </c>
      <c r="E3127" cm="1">
        <f t="array" ref="E3127">IFERROR(INDEX(Jesper!AI$2:AI$366,ROUNDDOWN($C3127/24,0)+1,1)*INDEX($D$3:$AA$30,INDEX(Jesper!$R$2:$R$366,ROW(INDEX(Jesper!AI$2:AI$366,ROUNDDOWN($C3127/24,0)+1,1))-1)+IF('Standard Profiles'!$G$19=$B$10,7,0)+IF('Standard Profiles'!$G$19=$B$17,14,0)+IF('Standard Profiles'!$G$19=$B$24,21,0),MOD($C3127,24)+1)/SUM(INDEX($D$3:$AA$30,INDEX(Jesper!$R$2:$R$366,ROW(INDEX(Jesper!AI$2:AI$366,ROUNDDOWN($C3127/24,0)+1,1))-1)+IF('Standard Profiles'!$G$19=$B$10,7,0)+IF('Standard Profiles'!$G$19=$B$17,14,0)+IF('Standard Profiles'!$G$19=$B$24,21,0),0)),0)</f>
        <v>3.8962374732516842</v>
      </c>
      <c r="F3127" cm="1">
        <f t="array" ref="F3127">IFERROR(INDEX(Jesper!AJ$2:AJ$366,ROUNDDOWN($C3127/24,0)+1,1)*INDEX($D$3:$AA$30,INDEX(Jesper!$R$2:$R$366,ROW(INDEX(Jesper!AJ$2:AJ$366,ROUNDDOWN($C3127/24,0)+1,1))-1)+IF('Standard Profiles'!$G$20=$B$10,7,0)+IF('Standard Profiles'!$G$20=$B$17,14,0)+IF('Standard Profiles'!$G$20=$B$24,21,0),MOD($C3127,24)+1)/SUM(INDEX($D$3:$AA$30,INDEX(Jesper!$R$2:$R$366,ROW(INDEX(Jesper!AJ$2:AJ$366,ROUNDDOWN($C3127/24,0)+1,1))-1)+IF('Standard Profiles'!$G$20=$B$10,7,0)+IF('Standard Profiles'!$G$20=$B$17,14,0)+IF('Standard Profiles'!$G$20=$B$24,21,0),0)),0)</f>
        <v>0</v>
      </c>
      <c r="G3127" cm="1">
        <f t="array" ref="G3127">IFERROR(INDEX(Jesper!AK$2:AK$366,ROUNDDOWN($C3127/24,0)+1,1)*INDEX($D$3:$AA$30,INDEX(Jesper!$R$2:$R$366,ROW(INDEX(Jesper!AK$2:AK$366,ROUNDDOWN($C3127/24,0)+1,1))-1)+IF('Standard Profiles'!$G$21=$B$10,7,0)+IF('Standard Profiles'!$G$21=$B$17,14,0)+IF('Standard Profiles'!$G$21=$B$24,21,0),MOD($C3127,24)+1)/SUM(INDEX($D$3:$AA$30,INDEX(Jesper!$R$2:$R$366,ROW(INDEX(Jesper!AK$2:AK$366,ROUNDDOWN($C3127/24,0)+1,1))-1)+IF('Standard Profiles'!$G$21=$B$10,7,0)+IF('Standard Profiles'!$G$21=$B$17,14,0)+IF('Standard Profiles'!$G$21=$B$24,21,0),0)),0)</f>
        <v>1.0879717654411585</v>
      </c>
      <c r="H3127" cm="1">
        <f t="array" ref="H3127">IFERROR(INDEX(Jesper!AL$2:AL$366,ROUNDDOWN($C3127/24,0)+1,1)*INDEX($D$3:$AA$30,INDEX(Jesper!$R$2:$R$366,ROW(INDEX(Jesper!AL$2:AL$366,ROUNDDOWN($C3127/24,0)+1,1))-1)+IF('Standard Profiles'!$G$22=$B$10,7,0)+IF('Standard Profiles'!$G$22=$B$17,14,0)+IF('Standard Profiles'!$G$22=$B$24,21,0),MOD($C3127,24)+1)/SUM(INDEX($D$3:$AA$30,INDEX(Jesper!$R$2:$R$366,ROW(INDEX(Jesper!AL$2:AL$366,ROUNDDOWN($C3127/24,0)+1,1))-1)+IF('Standard Profiles'!$G$22=$B$10,7,0)+IF('Standard Profiles'!$G$22=$B$17,14,0)+IF('Standard Profiles'!$G$22=$B$24,21,0),0)),0)</f>
        <v>0</v>
      </c>
      <c r="I3127">
        <f t="shared" si="356"/>
        <v>0.52222644741175583</v>
      </c>
      <c r="J3127">
        <f t="shared" si="357"/>
        <v>9.2869547776141026</v>
      </c>
      <c r="K3127">
        <f t="shared" si="358"/>
        <v>0.61269485540736723</v>
      </c>
      <c r="L3127">
        <f t="shared" si="359"/>
        <v>0.30634742770368362</v>
      </c>
      <c r="M3127">
        <f t="shared" si="360"/>
        <v>0</v>
      </c>
      <c r="N3127" s="45">
        <f t="shared" si="361"/>
        <v>45055.874999992498</v>
      </c>
    </row>
    <row r="3128" spans="2:14" x14ac:dyDescent="0.25">
      <c r="B3128">
        <f t="shared" si="355"/>
        <v>2</v>
      </c>
      <c r="C3128" s="16">
        <v>3094</v>
      </c>
      <c r="D3128" cm="1">
        <f t="array" ref="D3128">IFERROR(INDEX(Jesper!AH$2:AH$366,ROUNDDOWN($C3128/24,0)+1,1)*INDEX($D$3:$AA$30,INDEX(Jesper!$R$2:$R$366,ROW(INDEX(Jesper!AH$2:AH$366,ROUNDDOWN($C3128/24,0)+1,1))-1)+IF('Standard Profiles'!$G$18=$B$10,7,0)+IF('Standard Profiles'!$G$18=$B$17,14,0)+IF('Standard Profiles'!$G$18=$B$24,21,0),MOD($C3128,24)+1)/SUM(INDEX($D$3:$AA$30,INDEX(Jesper!$R$2:$R$366,ROW(INDEX(Jesper!AH$2:AH$366,ROUNDDOWN($C3128/24,0)+1,1))-1)+IF('Standard Profiles'!$G$18=$B$10,7,0)+IF('Standard Profiles'!$G$18=$B$17,14,0)+IF('Standard Profiles'!$G$18=$B$24,21,0),0)),0)</f>
        <v>5.744014269444067</v>
      </c>
      <c r="E3128" cm="1">
        <f t="array" ref="E3128">IFERROR(INDEX(Jesper!AI$2:AI$366,ROUNDDOWN($C3128/24,0)+1,1)*INDEX($D$3:$AA$30,INDEX(Jesper!$R$2:$R$366,ROW(INDEX(Jesper!AI$2:AI$366,ROUNDDOWN($C3128/24,0)+1,1))-1)+IF('Standard Profiles'!$G$19=$B$10,7,0)+IF('Standard Profiles'!$G$19=$B$17,14,0)+IF('Standard Profiles'!$G$19=$B$24,21,0),MOD($C3128,24)+1)/SUM(INDEX($D$3:$AA$30,INDEX(Jesper!$R$2:$R$366,ROW(INDEX(Jesper!AI$2:AI$366,ROUNDDOWN($C3128/24,0)+1,1))-1)+IF('Standard Profiles'!$G$19=$B$10,7,0)+IF('Standard Profiles'!$G$19=$B$17,14,0)+IF('Standard Profiles'!$G$19=$B$24,21,0),0)),0)</f>
        <v>3.8962374732516842</v>
      </c>
      <c r="F3128" cm="1">
        <f t="array" ref="F3128">IFERROR(INDEX(Jesper!AJ$2:AJ$366,ROUNDDOWN($C3128/24,0)+1,1)*INDEX($D$3:$AA$30,INDEX(Jesper!$R$2:$R$366,ROW(INDEX(Jesper!AJ$2:AJ$366,ROUNDDOWN($C3128/24,0)+1,1))-1)+IF('Standard Profiles'!$G$20=$B$10,7,0)+IF('Standard Profiles'!$G$20=$B$17,14,0)+IF('Standard Profiles'!$G$20=$B$24,21,0),MOD($C3128,24)+1)/SUM(INDEX($D$3:$AA$30,INDEX(Jesper!$R$2:$R$366,ROW(INDEX(Jesper!AJ$2:AJ$366,ROUNDDOWN($C3128/24,0)+1,1))-1)+IF('Standard Profiles'!$G$20=$B$10,7,0)+IF('Standard Profiles'!$G$20=$B$17,14,0)+IF('Standard Profiles'!$G$20=$B$24,21,0),0)),0)</f>
        <v>0</v>
      </c>
      <c r="G3128" cm="1">
        <f t="array" ref="G3128">IFERROR(INDEX(Jesper!AK$2:AK$366,ROUNDDOWN($C3128/24,0)+1,1)*INDEX($D$3:$AA$30,INDEX(Jesper!$R$2:$R$366,ROW(INDEX(Jesper!AK$2:AK$366,ROUNDDOWN($C3128/24,0)+1,1))-1)+IF('Standard Profiles'!$G$21=$B$10,7,0)+IF('Standard Profiles'!$G$21=$B$17,14,0)+IF('Standard Profiles'!$G$21=$B$24,21,0),MOD($C3128,24)+1)/SUM(INDEX($D$3:$AA$30,INDEX(Jesper!$R$2:$R$366,ROW(INDEX(Jesper!AK$2:AK$366,ROUNDDOWN($C3128/24,0)+1,1))-1)+IF('Standard Profiles'!$G$21=$B$10,7,0)+IF('Standard Profiles'!$G$21=$B$17,14,0)+IF('Standard Profiles'!$G$21=$B$24,21,0),0)),0)</f>
        <v>1.0879717654411585</v>
      </c>
      <c r="H3128" cm="1">
        <f t="array" ref="H3128">IFERROR(INDEX(Jesper!AL$2:AL$366,ROUNDDOWN($C3128/24,0)+1,1)*INDEX($D$3:$AA$30,INDEX(Jesper!$R$2:$R$366,ROW(INDEX(Jesper!AL$2:AL$366,ROUNDDOWN($C3128/24,0)+1,1))-1)+IF('Standard Profiles'!$G$22=$B$10,7,0)+IF('Standard Profiles'!$G$22=$B$17,14,0)+IF('Standard Profiles'!$G$22=$B$24,21,0),MOD($C3128,24)+1)/SUM(INDEX($D$3:$AA$30,INDEX(Jesper!$R$2:$R$366,ROW(INDEX(Jesper!AL$2:AL$366,ROUNDDOWN($C3128/24,0)+1,1))-1)+IF('Standard Profiles'!$G$22=$B$10,7,0)+IF('Standard Profiles'!$G$22=$B$17,14,0)+IF('Standard Profiles'!$G$22=$B$24,21,0),0)),0)</f>
        <v>0</v>
      </c>
      <c r="I3128">
        <f t="shared" si="356"/>
        <v>0.52222644741175583</v>
      </c>
      <c r="J3128">
        <f t="shared" si="357"/>
        <v>9.2869547776141026</v>
      </c>
      <c r="K3128">
        <f t="shared" si="358"/>
        <v>0.61269485540736723</v>
      </c>
      <c r="L3128">
        <f t="shared" si="359"/>
        <v>0.30634742770368362</v>
      </c>
      <c r="M3128">
        <f t="shared" si="360"/>
        <v>0</v>
      </c>
      <c r="N3128" s="45">
        <f t="shared" si="361"/>
        <v>45055.916666659163</v>
      </c>
    </row>
    <row r="3129" spans="2:14" x14ac:dyDescent="0.25">
      <c r="B3129">
        <f t="shared" si="355"/>
        <v>2</v>
      </c>
      <c r="C3129" s="16">
        <v>3095</v>
      </c>
      <c r="D3129" cm="1">
        <f t="array" ref="D3129">IFERROR(INDEX(Jesper!AH$2:AH$366,ROUNDDOWN($C3129/24,0)+1,1)*INDEX($D$3:$AA$30,INDEX(Jesper!$R$2:$R$366,ROW(INDEX(Jesper!AH$2:AH$366,ROUNDDOWN($C3129/24,0)+1,1))-1)+IF('Standard Profiles'!$G$18=$B$10,7,0)+IF('Standard Profiles'!$G$18=$B$17,14,0)+IF('Standard Profiles'!$G$18=$B$24,21,0),MOD($C3129,24)+1)/SUM(INDEX($D$3:$AA$30,INDEX(Jesper!$R$2:$R$366,ROW(INDEX(Jesper!AH$2:AH$366,ROUNDDOWN($C3129/24,0)+1,1))-1)+IF('Standard Profiles'!$G$18=$B$10,7,0)+IF('Standard Profiles'!$G$18=$B$17,14,0)+IF('Standard Profiles'!$G$18=$B$24,21,0),0)),0)</f>
        <v>5.744014269444067</v>
      </c>
      <c r="E3129" cm="1">
        <f t="array" ref="E3129">IFERROR(INDEX(Jesper!AI$2:AI$366,ROUNDDOWN($C3129/24,0)+1,1)*INDEX($D$3:$AA$30,INDEX(Jesper!$R$2:$R$366,ROW(INDEX(Jesper!AI$2:AI$366,ROUNDDOWN($C3129/24,0)+1,1))-1)+IF('Standard Profiles'!$G$19=$B$10,7,0)+IF('Standard Profiles'!$G$19=$B$17,14,0)+IF('Standard Profiles'!$G$19=$B$24,21,0),MOD($C3129,24)+1)/SUM(INDEX($D$3:$AA$30,INDEX(Jesper!$R$2:$R$366,ROW(INDEX(Jesper!AI$2:AI$366,ROUNDDOWN($C3129/24,0)+1,1))-1)+IF('Standard Profiles'!$G$19=$B$10,7,0)+IF('Standard Profiles'!$G$19=$B$17,14,0)+IF('Standard Profiles'!$G$19=$B$24,21,0),0)),0)</f>
        <v>3.8962374732516842</v>
      </c>
      <c r="F3129" cm="1">
        <f t="array" ref="F3129">IFERROR(INDEX(Jesper!AJ$2:AJ$366,ROUNDDOWN($C3129/24,0)+1,1)*INDEX($D$3:$AA$30,INDEX(Jesper!$R$2:$R$366,ROW(INDEX(Jesper!AJ$2:AJ$366,ROUNDDOWN($C3129/24,0)+1,1))-1)+IF('Standard Profiles'!$G$20=$B$10,7,0)+IF('Standard Profiles'!$G$20=$B$17,14,0)+IF('Standard Profiles'!$G$20=$B$24,21,0),MOD($C3129,24)+1)/SUM(INDEX($D$3:$AA$30,INDEX(Jesper!$R$2:$R$366,ROW(INDEX(Jesper!AJ$2:AJ$366,ROUNDDOWN($C3129/24,0)+1,1))-1)+IF('Standard Profiles'!$G$20=$B$10,7,0)+IF('Standard Profiles'!$G$20=$B$17,14,0)+IF('Standard Profiles'!$G$20=$B$24,21,0),0)),0)</f>
        <v>0</v>
      </c>
      <c r="G3129" cm="1">
        <f t="array" ref="G3129">IFERROR(INDEX(Jesper!AK$2:AK$366,ROUNDDOWN($C3129/24,0)+1,1)*INDEX($D$3:$AA$30,INDEX(Jesper!$R$2:$R$366,ROW(INDEX(Jesper!AK$2:AK$366,ROUNDDOWN($C3129/24,0)+1,1))-1)+IF('Standard Profiles'!$G$21=$B$10,7,0)+IF('Standard Profiles'!$G$21=$B$17,14,0)+IF('Standard Profiles'!$G$21=$B$24,21,0),MOD($C3129,24)+1)/SUM(INDEX($D$3:$AA$30,INDEX(Jesper!$R$2:$R$366,ROW(INDEX(Jesper!AK$2:AK$366,ROUNDDOWN($C3129/24,0)+1,1))-1)+IF('Standard Profiles'!$G$21=$B$10,7,0)+IF('Standard Profiles'!$G$21=$B$17,14,0)+IF('Standard Profiles'!$G$21=$B$24,21,0),0)),0)</f>
        <v>1.0879717654411585</v>
      </c>
      <c r="H3129" cm="1">
        <f t="array" ref="H3129">IFERROR(INDEX(Jesper!AL$2:AL$366,ROUNDDOWN($C3129/24,0)+1,1)*INDEX($D$3:$AA$30,INDEX(Jesper!$R$2:$R$366,ROW(INDEX(Jesper!AL$2:AL$366,ROUNDDOWN($C3129/24,0)+1,1))-1)+IF('Standard Profiles'!$G$22=$B$10,7,0)+IF('Standard Profiles'!$G$22=$B$17,14,0)+IF('Standard Profiles'!$G$22=$B$24,21,0),MOD($C3129,24)+1)/SUM(INDEX($D$3:$AA$30,INDEX(Jesper!$R$2:$R$366,ROW(INDEX(Jesper!AL$2:AL$366,ROUNDDOWN($C3129/24,0)+1,1))-1)+IF('Standard Profiles'!$G$22=$B$10,7,0)+IF('Standard Profiles'!$G$22=$B$17,14,0)+IF('Standard Profiles'!$G$22=$B$24,21,0),0)),0)</f>
        <v>0</v>
      </c>
      <c r="I3129">
        <f t="shared" si="356"/>
        <v>0.52222644741175583</v>
      </c>
      <c r="J3129">
        <f t="shared" si="357"/>
        <v>9.2869547776141026</v>
      </c>
      <c r="K3129">
        <f t="shared" si="358"/>
        <v>0.61269485540736723</v>
      </c>
      <c r="L3129">
        <f t="shared" si="359"/>
        <v>0.30634742770368362</v>
      </c>
      <c r="M3129">
        <f t="shared" si="360"/>
        <v>0</v>
      </c>
      <c r="N3129" s="45">
        <f t="shared" si="361"/>
        <v>45055.958333325827</v>
      </c>
    </row>
    <row r="3130" spans="2:14" x14ac:dyDescent="0.25">
      <c r="B3130">
        <f t="shared" si="355"/>
        <v>3</v>
      </c>
      <c r="C3130" s="16">
        <v>3096</v>
      </c>
      <c r="D3130" cm="1">
        <f t="array" ref="D3130">IFERROR(INDEX(Jesper!AH$2:AH$366,ROUNDDOWN($C3130/24,0)+1,1)*INDEX($D$3:$AA$30,INDEX(Jesper!$R$2:$R$366,ROW(INDEX(Jesper!AH$2:AH$366,ROUNDDOWN($C3130/24,0)+1,1))-1)+IF('Standard Profiles'!$G$18=$B$10,7,0)+IF('Standard Profiles'!$G$18=$B$17,14,0)+IF('Standard Profiles'!$G$18=$B$24,21,0),MOD($C3130,24)+1)/SUM(INDEX($D$3:$AA$30,INDEX(Jesper!$R$2:$R$366,ROW(INDEX(Jesper!AH$2:AH$366,ROUNDDOWN($C3130/24,0)+1,1))-1)+IF('Standard Profiles'!$G$18=$B$10,7,0)+IF('Standard Profiles'!$G$18=$B$17,14,0)+IF('Standard Profiles'!$G$18=$B$24,21,0),0)),0)</f>
        <v>5.6327347016970144</v>
      </c>
      <c r="E3130" cm="1">
        <f t="array" ref="E3130">IFERROR(INDEX(Jesper!AI$2:AI$366,ROUNDDOWN($C3130/24,0)+1,1)*INDEX($D$3:$AA$30,INDEX(Jesper!$R$2:$R$366,ROW(INDEX(Jesper!AI$2:AI$366,ROUNDDOWN($C3130/24,0)+1,1))-1)+IF('Standard Profiles'!$G$19=$B$10,7,0)+IF('Standard Profiles'!$G$19=$B$17,14,0)+IF('Standard Profiles'!$G$19=$B$24,21,0),MOD($C3130,24)+1)/SUM(INDEX($D$3:$AA$30,INDEX(Jesper!$R$2:$R$366,ROW(INDEX(Jesper!AI$2:AI$366,ROUNDDOWN($C3130/24,0)+1,1))-1)+IF('Standard Profiles'!$G$19=$B$10,7,0)+IF('Standard Profiles'!$G$19=$B$17,14,0)+IF('Standard Profiles'!$G$19=$B$24,21,0),0)),0)</f>
        <v>3.3418333430242368</v>
      </c>
      <c r="F3130" cm="1">
        <f t="array" ref="F3130">IFERROR(INDEX(Jesper!AJ$2:AJ$366,ROUNDDOWN($C3130/24,0)+1,1)*INDEX($D$3:$AA$30,INDEX(Jesper!$R$2:$R$366,ROW(INDEX(Jesper!AJ$2:AJ$366,ROUNDDOWN($C3130/24,0)+1,1))-1)+IF('Standard Profiles'!$G$20=$B$10,7,0)+IF('Standard Profiles'!$G$20=$B$17,14,0)+IF('Standard Profiles'!$G$20=$B$24,21,0),MOD($C3130,24)+1)/SUM(INDEX($D$3:$AA$30,INDEX(Jesper!$R$2:$R$366,ROW(INDEX(Jesper!AJ$2:AJ$366,ROUNDDOWN($C3130/24,0)+1,1))-1)+IF('Standard Profiles'!$G$20=$B$10,7,0)+IF('Standard Profiles'!$G$20=$B$17,14,0)+IF('Standard Profiles'!$G$20=$B$24,21,0),0)),0)</f>
        <v>0</v>
      </c>
      <c r="G3130" cm="1">
        <f t="array" ref="G3130">IFERROR(INDEX(Jesper!AK$2:AK$366,ROUNDDOWN($C3130/24,0)+1,1)*INDEX($D$3:$AA$30,INDEX(Jesper!$R$2:$R$366,ROW(INDEX(Jesper!AK$2:AK$366,ROUNDDOWN($C3130/24,0)+1,1))-1)+IF('Standard Profiles'!$G$21=$B$10,7,0)+IF('Standard Profiles'!$G$21=$B$17,14,0)+IF('Standard Profiles'!$G$21=$B$24,21,0),MOD($C3130,24)+1)/SUM(INDEX($D$3:$AA$30,INDEX(Jesper!$R$2:$R$366,ROW(INDEX(Jesper!AK$2:AK$366,ROUNDDOWN($C3130/24,0)+1,1))-1)+IF('Standard Profiles'!$G$21=$B$10,7,0)+IF('Standard Profiles'!$G$21=$B$17,14,0)+IF('Standard Profiles'!$G$21=$B$24,21,0),0)),0)</f>
        <v>0.96200174672346683</v>
      </c>
      <c r="H3130" cm="1">
        <f t="array" ref="H3130">IFERROR(INDEX(Jesper!AL$2:AL$366,ROUNDDOWN($C3130/24,0)+1,1)*INDEX($D$3:$AA$30,INDEX(Jesper!$R$2:$R$366,ROW(INDEX(Jesper!AL$2:AL$366,ROUNDDOWN($C3130/24,0)+1,1))-1)+IF('Standard Profiles'!$G$22=$B$10,7,0)+IF('Standard Profiles'!$G$22=$B$17,14,0)+IF('Standard Profiles'!$G$22=$B$24,21,0),MOD($C3130,24)+1)/SUM(INDEX($D$3:$AA$30,INDEX(Jesper!$R$2:$R$366,ROW(INDEX(Jesper!AL$2:AL$366,ROUNDDOWN($C3130/24,0)+1,1))-1)+IF('Standard Profiles'!$G$22=$B$10,7,0)+IF('Standard Profiles'!$G$22=$B$17,14,0)+IF('Standard Profiles'!$G$22=$B$24,21,0),0)),0)</f>
        <v>0</v>
      </c>
      <c r="I3130">
        <f t="shared" si="356"/>
        <v>0.46176083842726384</v>
      </c>
      <c r="J3130">
        <f t="shared" si="357"/>
        <v>8.57357140074593</v>
      </c>
      <c r="K3130">
        <f t="shared" si="358"/>
        <v>0.60082503484768157</v>
      </c>
      <c r="L3130">
        <f t="shared" si="359"/>
        <v>0.30041251742384079</v>
      </c>
      <c r="M3130">
        <f t="shared" si="360"/>
        <v>0</v>
      </c>
      <c r="N3130" s="45">
        <f t="shared" si="361"/>
        <v>45055.999999992491</v>
      </c>
    </row>
    <row r="3131" spans="2:14" x14ac:dyDescent="0.25">
      <c r="B3131">
        <f t="shared" si="355"/>
        <v>3</v>
      </c>
      <c r="C3131" s="16">
        <v>3097</v>
      </c>
      <c r="D3131" cm="1">
        <f t="array" ref="D3131">IFERROR(INDEX(Jesper!AH$2:AH$366,ROUNDDOWN($C3131/24,0)+1,1)*INDEX($D$3:$AA$30,INDEX(Jesper!$R$2:$R$366,ROW(INDEX(Jesper!AH$2:AH$366,ROUNDDOWN($C3131/24,0)+1,1))-1)+IF('Standard Profiles'!$G$18=$B$10,7,0)+IF('Standard Profiles'!$G$18=$B$17,14,0)+IF('Standard Profiles'!$G$18=$B$24,21,0),MOD($C3131,24)+1)/SUM(INDEX($D$3:$AA$30,INDEX(Jesper!$R$2:$R$366,ROW(INDEX(Jesper!AH$2:AH$366,ROUNDDOWN($C3131/24,0)+1,1))-1)+IF('Standard Profiles'!$G$18=$B$10,7,0)+IF('Standard Profiles'!$G$18=$B$17,14,0)+IF('Standard Profiles'!$G$18=$B$24,21,0),0)),0)</f>
        <v>5.6327347016970144</v>
      </c>
      <c r="E3131" cm="1">
        <f t="array" ref="E3131">IFERROR(INDEX(Jesper!AI$2:AI$366,ROUNDDOWN($C3131/24,0)+1,1)*INDEX($D$3:$AA$30,INDEX(Jesper!$R$2:$R$366,ROW(INDEX(Jesper!AI$2:AI$366,ROUNDDOWN($C3131/24,0)+1,1))-1)+IF('Standard Profiles'!$G$19=$B$10,7,0)+IF('Standard Profiles'!$G$19=$B$17,14,0)+IF('Standard Profiles'!$G$19=$B$24,21,0),MOD($C3131,24)+1)/SUM(INDEX($D$3:$AA$30,INDEX(Jesper!$R$2:$R$366,ROW(INDEX(Jesper!AI$2:AI$366,ROUNDDOWN($C3131/24,0)+1,1))-1)+IF('Standard Profiles'!$G$19=$B$10,7,0)+IF('Standard Profiles'!$G$19=$B$17,14,0)+IF('Standard Profiles'!$G$19=$B$24,21,0),0)),0)</f>
        <v>3.3418333430242368</v>
      </c>
      <c r="F3131" cm="1">
        <f t="array" ref="F3131">IFERROR(INDEX(Jesper!AJ$2:AJ$366,ROUNDDOWN($C3131/24,0)+1,1)*INDEX($D$3:$AA$30,INDEX(Jesper!$R$2:$R$366,ROW(INDEX(Jesper!AJ$2:AJ$366,ROUNDDOWN($C3131/24,0)+1,1))-1)+IF('Standard Profiles'!$G$20=$B$10,7,0)+IF('Standard Profiles'!$G$20=$B$17,14,0)+IF('Standard Profiles'!$G$20=$B$24,21,0),MOD($C3131,24)+1)/SUM(INDEX($D$3:$AA$30,INDEX(Jesper!$R$2:$R$366,ROW(INDEX(Jesper!AJ$2:AJ$366,ROUNDDOWN($C3131/24,0)+1,1))-1)+IF('Standard Profiles'!$G$20=$B$10,7,0)+IF('Standard Profiles'!$G$20=$B$17,14,0)+IF('Standard Profiles'!$G$20=$B$24,21,0),0)),0)</f>
        <v>0</v>
      </c>
      <c r="G3131" cm="1">
        <f t="array" ref="G3131">IFERROR(INDEX(Jesper!AK$2:AK$366,ROUNDDOWN($C3131/24,0)+1,1)*INDEX($D$3:$AA$30,INDEX(Jesper!$R$2:$R$366,ROW(INDEX(Jesper!AK$2:AK$366,ROUNDDOWN($C3131/24,0)+1,1))-1)+IF('Standard Profiles'!$G$21=$B$10,7,0)+IF('Standard Profiles'!$G$21=$B$17,14,0)+IF('Standard Profiles'!$G$21=$B$24,21,0),MOD($C3131,24)+1)/SUM(INDEX($D$3:$AA$30,INDEX(Jesper!$R$2:$R$366,ROW(INDEX(Jesper!AK$2:AK$366,ROUNDDOWN($C3131/24,0)+1,1))-1)+IF('Standard Profiles'!$G$21=$B$10,7,0)+IF('Standard Profiles'!$G$21=$B$17,14,0)+IF('Standard Profiles'!$G$21=$B$24,21,0),0)),0)</f>
        <v>0.96200174672346683</v>
      </c>
      <c r="H3131" cm="1">
        <f t="array" ref="H3131">IFERROR(INDEX(Jesper!AL$2:AL$366,ROUNDDOWN($C3131/24,0)+1,1)*INDEX($D$3:$AA$30,INDEX(Jesper!$R$2:$R$366,ROW(INDEX(Jesper!AL$2:AL$366,ROUNDDOWN($C3131/24,0)+1,1))-1)+IF('Standard Profiles'!$G$22=$B$10,7,0)+IF('Standard Profiles'!$G$22=$B$17,14,0)+IF('Standard Profiles'!$G$22=$B$24,21,0),MOD($C3131,24)+1)/SUM(INDEX($D$3:$AA$30,INDEX(Jesper!$R$2:$R$366,ROW(INDEX(Jesper!AL$2:AL$366,ROUNDDOWN($C3131/24,0)+1,1))-1)+IF('Standard Profiles'!$G$22=$B$10,7,0)+IF('Standard Profiles'!$G$22=$B$17,14,0)+IF('Standard Profiles'!$G$22=$B$24,21,0),0)),0)</f>
        <v>0</v>
      </c>
      <c r="I3131">
        <f t="shared" si="356"/>
        <v>0.46176083842726384</v>
      </c>
      <c r="J3131">
        <f t="shared" si="357"/>
        <v>8.57357140074593</v>
      </c>
      <c r="K3131">
        <f t="shared" si="358"/>
        <v>0.60082503484768157</v>
      </c>
      <c r="L3131">
        <f t="shared" si="359"/>
        <v>0.30041251742384079</v>
      </c>
      <c r="M3131">
        <f t="shared" si="360"/>
        <v>0</v>
      </c>
      <c r="N3131" s="45">
        <f t="shared" si="361"/>
        <v>45056.041666659155</v>
      </c>
    </row>
    <row r="3132" spans="2:14" x14ac:dyDescent="0.25">
      <c r="B3132">
        <f t="shared" si="355"/>
        <v>3</v>
      </c>
      <c r="C3132" s="16">
        <v>3098</v>
      </c>
      <c r="D3132" cm="1">
        <f t="array" ref="D3132">IFERROR(INDEX(Jesper!AH$2:AH$366,ROUNDDOWN($C3132/24,0)+1,1)*INDEX($D$3:$AA$30,INDEX(Jesper!$R$2:$R$366,ROW(INDEX(Jesper!AH$2:AH$366,ROUNDDOWN($C3132/24,0)+1,1))-1)+IF('Standard Profiles'!$G$18=$B$10,7,0)+IF('Standard Profiles'!$G$18=$B$17,14,0)+IF('Standard Profiles'!$G$18=$B$24,21,0),MOD($C3132,24)+1)/SUM(INDEX($D$3:$AA$30,INDEX(Jesper!$R$2:$R$366,ROW(INDEX(Jesper!AH$2:AH$366,ROUNDDOWN($C3132/24,0)+1,1))-1)+IF('Standard Profiles'!$G$18=$B$10,7,0)+IF('Standard Profiles'!$G$18=$B$17,14,0)+IF('Standard Profiles'!$G$18=$B$24,21,0),0)),0)</f>
        <v>5.6327347016970144</v>
      </c>
      <c r="E3132" cm="1">
        <f t="array" ref="E3132">IFERROR(INDEX(Jesper!AI$2:AI$366,ROUNDDOWN($C3132/24,0)+1,1)*INDEX($D$3:$AA$30,INDEX(Jesper!$R$2:$R$366,ROW(INDEX(Jesper!AI$2:AI$366,ROUNDDOWN($C3132/24,0)+1,1))-1)+IF('Standard Profiles'!$G$19=$B$10,7,0)+IF('Standard Profiles'!$G$19=$B$17,14,0)+IF('Standard Profiles'!$G$19=$B$24,21,0),MOD($C3132,24)+1)/SUM(INDEX($D$3:$AA$30,INDEX(Jesper!$R$2:$R$366,ROW(INDEX(Jesper!AI$2:AI$366,ROUNDDOWN($C3132/24,0)+1,1))-1)+IF('Standard Profiles'!$G$19=$B$10,7,0)+IF('Standard Profiles'!$G$19=$B$17,14,0)+IF('Standard Profiles'!$G$19=$B$24,21,0),0)),0)</f>
        <v>3.3418333430242368</v>
      </c>
      <c r="F3132" cm="1">
        <f t="array" ref="F3132">IFERROR(INDEX(Jesper!AJ$2:AJ$366,ROUNDDOWN($C3132/24,0)+1,1)*INDEX($D$3:$AA$30,INDEX(Jesper!$R$2:$R$366,ROW(INDEX(Jesper!AJ$2:AJ$366,ROUNDDOWN($C3132/24,0)+1,1))-1)+IF('Standard Profiles'!$G$20=$B$10,7,0)+IF('Standard Profiles'!$G$20=$B$17,14,0)+IF('Standard Profiles'!$G$20=$B$24,21,0),MOD($C3132,24)+1)/SUM(INDEX($D$3:$AA$30,INDEX(Jesper!$R$2:$R$366,ROW(INDEX(Jesper!AJ$2:AJ$366,ROUNDDOWN($C3132/24,0)+1,1))-1)+IF('Standard Profiles'!$G$20=$B$10,7,0)+IF('Standard Profiles'!$G$20=$B$17,14,0)+IF('Standard Profiles'!$G$20=$B$24,21,0),0)),0)</f>
        <v>0</v>
      </c>
      <c r="G3132" cm="1">
        <f t="array" ref="G3132">IFERROR(INDEX(Jesper!AK$2:AK$366,ROUNDDOWN($C3132/24,0)+1,1)*INDEX($D$3:$AA$30,INDEX(Jesper!$R$2:$R$366,ROW(INDEX(Jesper!AK$2:AK$366,ROUNDDOWN($C3132/24,0)+1,1))-1)+IF('Standard Profiles'!$G$21=$B$10,7,0)+IF('Standard Profiles'!$G$21=$B$17,14,0)+IF('Standard Profiles'!$G$21=$B$24,21,0),MOD($C3132,24)+1)/SUM(INDEX($D$3:$AA$30,INDEX(Jesper!$R$2:$R$366,ROW(INDEX(Jesper!AK$2:AK$366,ROUNDDOWN($C3132/24,0)+1,1))-1)+IF('Standard Profiles'!$G$21=$B$10,7,0)+IF('Standard Profiles'!$G$21=$B$17,14,0)+IF('Standard Profiles'!$G$21=$B$24,21,0),0)),0)</f>
        <v>0.96200174672346683</v>
      </c>
      <c r="H3132" cm="1">
        <f t="array" ref="H3132">IFERROR(INDEX(Jesper!AL$2:AL$366,ROUNDDOWN($C3132/24,0)+1,1)*INDEX($D$3:$AA$30,INDEX(Jesper!$R$2:$R$366,ROW(INDEX(Jesper!AL$2:AL$366,ROUNDDOWN($C3132/24,0)+1,1))-1)+IF('Standard Profiles'!$G$22=$B$10,7,0)+IF('Standard Profiles'!$G$22=$B$17,14,0)+IF('Standard Profiles'!$G$22=$B$24,21,0),MOD($C3132,24)+1)/SUM(INDEX($D$3:$AA$30,INDEX(Jesper!$R$2:$R$366,ROW(INDEX(Jesper!AL$2:AL$366,ROUNDDOWN($C3132/24,0)+1,1))-1)+IF('Standard Profiles'!$G$22=$B$10,7,0)+IF('Standard Profiles'!$G$22=$B$17,14,0)+IF('Standard Profiles'!$G$22=$B$24,21,0),0)),0)</f>
        <v>0</v>
      </c>
      <c r="I3132">
        <f t="shared" si="356"/>
        <v>0.46176083842726384</v>
      </c>
      <c r="J3132">
        <f t="shared" si="357"/>
        <v>8.57357140074593</v>
      </c>
      <c r="K3132">
        <f t="shared" si="358"/>
        <v>0.60082503484768157</v>
      </c>
      <c r="L3132">
        <f t="shared" si="359"/>
        <v>0.30041251742384079</v>
      </c>
      <c r="M3132">
        <f t="shared" si="360"/>
        <v>0</v>
      </c>
      <c r="N3132" s="45">
        <f t="shared" si="361"/>
        <v>45056.08333332582</v>
      </c>
    </row>
    <row r="3133" spans="2:14" x14ac:dyDescent="0.25">
      <c r="B3133">
        <f t="shared" si="355"/>
        <v>3</v>
      </c>
      <c r="C3133" s="16">
        <v>3099</v>
      </c>
      <c r="D3133" cm="1">
        <f t="array" ref="D3133">IFERROR(INDEX(Jesper!AH$2:AH$366,ROUNDDOWN($C3133/24,0)+1,1)*INDEX($D$3:$AA$30,INDEX(Jesper!$R$2:$R$366,ROW(INDEX(Jesper!AH$2:AH$366,ROUNDDOWN($C3133/24,0)+1,1))-1)+IF('Standard Profiles'!$G$18=$B$10,7,0)+IF('Standard Profiles'!$G$18=$B$17,14,0)+IF('Standard Profiles'!$G$18=$B$24,21,0),MOD($C3133,24)+1)/SUM(INDEX($D$3:$AA$30,INDEX(Jesper!$R$2:$R$366,ROW(INDEX(Jesper!AH$2:AH$366,ROUNDDOWN($C3133/24,0)+1,1))-1)+IF('Standard Profiles'!$G$18=$B$10,7,0)+IF('Standard Profiles'!$G$18=$B$17,14,0)+IF('Standard Profiles'!$G$18=$B$24,21,0),0)),0)</f>
        <v>5.6327347016970144</v>
      </c>
      <c r="E3133" cm="1">
        <f t="array" ref="E3133">IFERROR(INDEX(Jesper!AI$2:AI$366,ROUNDDOWN($C3133/24,0)+1,1)*INDEX($D$3:$AA$30,INDEX(Jesper!$R$2:$R$366,ROW(INDEX(Jesper!AI$2:AI$366,ROUNDDOWN($C3133/24,0)+1,1))-1)+IF('Standard Profiles'!$G$19=$B$10,7,0)+IF('Standard Profiles'!$G$19=$B$17,14,0)+IF('Standard Profiles'!$G$19=$B$24,21,0),MOD($C3133,24)+1)/SUM(INDEX($D$3:$AA$30,INDEX(Jesper!$R$2:$R$366,ROW(INDEX(Jesper!AI$2:AI$366,ROUNDDOWN($C3133/24,0)+1,1))-1)+IF('Standard Profiles'!$G$19=$B$10,7,0)+IF('Standard Profiles'!$G$19=$B$17,14,0)+IF('Standard Profiles'!$G$19=$B$24,21,0),0)),0)</f>
        <v>3.3418333430242368</v>
      </c>
      <c r="F3133" cm="1">
        <f t="array" ref="F3133">IFERROR(INDEX(Jesper!AJ$2:AJ$366,ROUNDDOWN($C3133/24,0)+1,1)*INDEX($D$3:$AA$30,INDEX(Jesper!$R$2:$R$366,ROW(INDEX(Jesper!AJ$2:AJ$366,ROUNDDOWN($C3133/24,0)+1,1))-1)+IF('Standard Profiles'!$G$20=$B$10,7,0)+IF('Standard Profiles'!$G$20=$B$17,14,0)+IF('Standard Profiles'!$G$20=$B$24,21,0),MOD($C3133,24)+1)/SUM(INDEX($D$3:$AA$30,INDEX(Jesper!$R$2:$R$366,ROW(INDEX(Jesper!AJ$2:AJ$366,ROUNDDOWN($C3133/24,0)+1,1))-1)+IF('Standard Profiles'!$G$20=$B$10,7,0)+IF('Standard Profiles'!$G$20=$B$17,14,0)+IF('Standard Profiles'!$G$20=$B$24,21,0),0)),0)</f>
        <v>0</v>
      </c>
      <c r="G3133" cm="1">
        <f t="array" ref="G3133">IFERROR(INDEX(Jesper!AK$2:AK$366,ROUNDDOWN($C3133/24,0)+1,1)*INDEX($D$3:$AA$30,INDEX(Jesper!$R$2:$R$366,ROW(INDEX(Jesper!AK$2:AK$366,ROUNDDOWN($C3133/24,0)+1,1))-1)+IF('Standard Profiles'!$G$21=$B$10,7,0)+IF('Standard Profiles'!$G$21=$B$17,14,0)+IF('Standard Profiles'!$G$21=$B$24,21,0),MOD($C3133,24)+1)/SUM(INDEX($D$3:$AA$30,INDEX(Jesper!$R$2:$R$366,ROW(INDEX(Jesper!AK$2:AK$366,ROUNDDOWN($C3133/24,0)+1,1))-1)+IF('Standard Profiles'!$G$21=$B$10,7,0)+IF('Standard Profiles'!$G$21=$B$17,14,0)+IF('Standard Profiles'!$G$21=$B$24,21,0),0)),0)</f>
        <v>0.96200174672346683</v>
      </c>
      <c r="H3133" cm="1">
        <f t="array" ref="H3133">IFERROR(INDEX(Jesper!AL$2:AL$366,ROUNDDOWN($C3133/24,0)+1,1)*INDEX($D$3:$AA$30,INDEX(Jesper!$R$2:$R$366,ROW(INDEX(Jesper!AL$2:AL$366,ROUNDDOWN($C3133/24,0)+1,1))-1)+IF('Standard Profiles'!$G$22=$B$10,7,0)+IF('Standard Profiles'!$G$22=$B$17,14,0)+IF('Standard Profiles'!$G$22=$B$24,21,0),MOD($C3133,24)+1)/SUM(INDEX($D$3:$AA$30,INDEX(Jesper!$R$2:$R$366,ROW(INDEX(Jesper!AL$2:AL$366,ROUNDDOWN($C3133/24,0)+1,1))-1)+IF('Standard Profiles'!$G$22=$B$10,7,0)+IF('Standard Profiles'!$G$22=$B$17,14,0)+IF('Standard Profiles'!$G$22=$B$24,21,0),0)),0)</f>
        <v>0</v>
      </c>
      <c r="I3133">
        <f t="shared" si="356"/>
        <v>0.46176083842726384</v>
      </c>
      <c r="J3133">
        <f t="shared" si="357"/>
        <v>8.57357140074593</v>
      </c>
      <c r="K3133">
        <f t="shared" si="358"/>
        <v>0.60082503484768157</v>
      </c>
      <c r="L3133">
        <f t="shared" si="359"/>
        <v>0.30041251742384079</v>
      </c>
      <c r="M3133">
        <f t="shared" si="360"/>
        <v>0</v>
      </c>
      <c r="N3133" s="45">
        <f t="shared" si="361"/>
        <v>45056.124999992484</v>
      </c>
    </row>
    <row r="3134" spans="2:14" x14ac:dyDescent="0.25">
      <c r="B3134">
        <f t="shared" si="355"/>
        <v>3</v>
      </c>
      <c r="C3134" s="16">
        <v>3100</v>
      </c>
      <c r="D3134" cm="1">
        <f t="array" ref="D3134">IFERROR(INDEX(Jesper!AH$2:AH$366,ROUNDDOWN($C3134/24,0)+1,1)*INDEX($D$3:$AA$30,INDEX(Jesper!$R$2:$R$366,ROW(INDEX(Jesper!AH$2:AH$366,ROUNDDOWN($C3134/24,0)+1,1))-1)+IF('Standard Profiles'!$G$18=$B$10,7,0)+IF('Standard Profiles'!$G$18=$B$17,14,0)+IF('Standard Profiles'!$G$18=$B$24,21,0),MOD($C3134,24)+1)/SUM(INDEX($D$3:$AA$30,INDEX(Jesper!$R$2:$R$366,ROW(INDEX(Jesper!AH$2:AH$366,ROUNDDOWN($C3134/24,0)+1,1))-1)+IF('Standard Profiles'!$G$18=$B$10,7,0)+IF('Standard Profiles'!$G$18=$B$17,14,0)+IF('Standard Profiles'!$G$18=$B$24,21,0),0)),0)</f>
        <v>5.6327347016970144</v>
      </c>
      <c r="E3134" cm="1">
        <f t="array" ref="E3134">IFERROR(INDEX(Jesper!AI$2:AI$366,ROUNDDOWN($C3134/24,0)+1,1)*INDEX($D$3:$AA$30,INDEX(Jesper!$R$2:$R$366,ROW(INDEX(Jesper!AI$2:AI$366,ROUNDDOWN($C3134/24,0)+1,1))-1)+IF('Standard Profiles'!$G$19=$B$10,7,0)+IF('Standard Profiles'!$G$19=$B$17,14,0)+IF('Standard Profiles'!$G$19=$B$24,21,0),MOD($C3134,24)+1)/SUM(INDEX($D$3:$AA$30,INDEX(Jesper!$R$2:$R$366,ROW(INDEX(Jesper!AI$2:AI$366,ROUNDDOWN($C3134/24,0)+1,1))-1)+IF('Standard Profiles'!$G$19=$B$10,7,0)+IF('Standard Profiles'!$G$19=$B$17,14,0)+IF('Standard Profiles'!$G$19=$B$24,21,0),0)),0)</f>
        <v>3.3418333430242368</v>
      </c>
      <c r="F3134" cm="1">
        <f t="array" ref="F3134">IFERROR(INDEX(Jesper!AJ$2:AJ$366,ROUNDDOWN($C3134/24,0)+1,1)*INDEX($D$3:$AA$30,INDEX(Jesper!$R$2:$R$366,ROW(INDEX(Jesper!AJ$2:AJ$366,ROUNDDOWN($C3134/24,0)+1,1))-1)+IF('Standard Profiles'!$G$20=$B$10,7,0)+IF('Standard Profiles'!$G$20=$B$17,14,0)+IF('Standard Profiles'!$G$20=$B$24,21,0),MOD($C3134,24)+1)/SUM(INDEX($D$3:$AA$30,INDEX(Jesper!$R$2:$R$366,ROW(INDEX(Jesper!AJ$2:AJ$366,ROUNDDOWN($C3134/24,0)+1,1))-1)+IF('Standard Profiles'!$G$20=$B$10,7,0)+IF('Standard Profiles'!$G$20=$B$17,14,0)+IF('Standard Profiles'!$G$20=$B$24,21,0),0)),0)</f>
        <v>0</v>
      </c>
      <c r="G3134" cm="1">
        <f t="array" ref="G3134">IFERROR(INDEX(Jesper!AK$2:AK$366,ROUNDDOWN($C3134/24,0)+1,1)*INDEX($D$3:$AA$30,INDEX(Jesper!$R$2:$R$366,ROW(INDEX(Jesper!AK$2:AK$366,ROUNDDOWN($C3134/24,0)+1,1))-1)+IF('Standard Profiles'!$G$21=$B$10,7,0)+IF('Standard Profiles'!$G$21=$B$17,14,0)+IF('Standard Profiles'!$G$21=$B$24,21,0),MOD($C3134,24)+1)/SUM(INDEX($D$3:$AA$30,INDEX(Jesper!$R$2:$R$366,ROW(INDEX(Jesper!AK$2:AK$366,ROUNDDOWN($C3134/24,0)+1,1))-1)+IF('Standard Profiles'!$G$21=$B$10,7,0)+IF('Standard Profiles'!$G$21=$B$17,14,0)+IF('Standard Profiles'!$G$21=$B$24,21,0),0)),0)</f>
        <v>0.96200174672346683</v>
      </c>
      <c r="H3134" cm="1">
        <f t="array" ref="H3134">IFERROR(INDEX(Jesper!AL$2:AL$366,ROUNDDOWN($C3134/24,0)+1,1)*INDEX($D$3:$AA$30,INDEX(Jesper!$R$2:$R$366,ROW(INDEX(Jesper!AL$2:AL$366,ROUNDDOWN($C3134/24,0)+1,1))-1)+IF('Standard Profiles'!$G$22=$B$10,7,0)+IF('Standard Profiles'!$G$22=$B$17,14,0)+IF('Standard Profiles'!$G$22=$B$24,21,0),MOD($C3134,24)+1)/SUM(INDEX($D$3:$AA$30,INDEX(Jesper!$R$2:$R$366,ROW(INDEX(Jesper!AL$2:AL$366,ROUNDDOWN($C3134/24,0)+1,1))-1)+IF('Standard Profiles'!$G$22=$B$10,7,0)+IF('Standard Profiles'!$G$22=$B$17,14,0)+IF('Standard Profiles'!$G$22=$B$24,21,0),0)),0)</f>
        <v>0</v>
      </c>
      <c r="I3134">
        <f t="shared" si="356"/>
        <v>0.46176083842726384</v>
      </c>
      <c r="J3134">
        <f t="shared" si="357"/>
        <v>8.57357140074593</v>
      </c>
      <c r="K3134">
        <f t="shared" si="358"/>
        <v>0.60082503484768157</v>
      </c>
      <c r="L3134">
        <f t="shared" si="359"/>
        <v>0.30041251742384079</v>
      </c>
      <c r="M3134">
        <f t="shared" si="360"/>
        <v>0</v>
      </c>
      <c r="N3134" s="45">
        <f t="shared" si="361"/>
        <v>45056.166666659148</v>
      </c>
    </row>
    <row r="3135" spans="2:14" x14ac:dyDescent="0.25">
      <c r="B3135">
        <f t="shared" si="355"/>
        <v>3</v>
      </c>
      <c r="C3135" s="16">
        <v>3101</v>
      </c>
      <c r="D3135" cm="1">
        <f t="array" ref="D3135">IFERROR(INDEX(Jesper!AH$2:AH$366,ROUNDDOWN($C3135/24,0)+1,1)*INDEX($D$3:$AA$30,INDEX(Jesper!$R$2:$R$366,ROW(INDEX(Jesper!AH$2:AH$366,ROUNDDOWN($C3135/24,0)+1,1))-1)+IF('Standard Profiles'!$G$18=$B$10,7,0)+IF('Standard Profiles'!$G$18=$B$17,14,0)+IF('Standard Profiles'!$G$18=$B$24,21,0),MOD($C3135,24)+1)/SUM(INDEX($D$3:$AA$30,INDEX(Jesper!$R$2:$R$366,ROW(INDEX(Jesper!AH$2:AH$366,ROUNDDOWN($C3135/24,0)+1,1))-1)+IF('Standard Profiles'!$G$18=$B$10,7,0)+IF('Standard Profiles'!$G$18=$B$17,14,0)+IF('Standard Profiles'!$G$18=$B$24,21,0),0)),0)</f>
        <v>5.6327347016970144</v>
      </c>
      <c r="E3135" cm="1">
        <f t="array" ref="E3135">IFERROR(INDEX(Jesper!AI$2:AI$366,ROUNDDOWN($C3135/24,0)+1,1)*INDEX($D$3:$AA$30,INDEX(Jesper!$R$2:$R$366,ROW(INDEX(Jesper!AI$2:AI$366,ROUNDDOWN($C3135/24,0)+1,1))-1)+IF('Standard Profiles'!$G$19=$B$10,7,0)+IF('Standard Profiles'!$G$19=$B$17,14,0)+IF('Standard Profiles'!$G$19=$B$24,21,0),MOD($C3135,24)+1)/SUM(INDEX($D$3:$AA$30,INDEX(Jesper!$R$2:$R$366,ROW(INDEX(Jesper!AI$2:AI$366,ROUNDDOWN($C3135/24,0)+1,1))-1)+IF('Standard Profiles'!$G$19=$B$10,7,0)+IF('Standard Profiles'!$G$19=$B$17,14,0)+IF('Standard Profiles'!$G$19=$B$24,21,0),0)),0)</f>
        <v>3.3418333430242368</v>
      </c>
      <c r="F3135" cm="1">
        <f t="array" ref="F3135">IFERROR(INDEX(Jesper!AJ$2:AJ$366,ROUNDDOWN($C3135/24,0)+1,1)*INDEX($D$3:$AA$30,INDEX(Jesper!$R$2:$R$366,ROW(INDEX(Jesper!AJ$2:AJ$366,ROUNDDOWN($C3135/24,0)+1,1))-1)+IF('Standard Profiles'!$G$20=$B$10,7,0)+IF('Standard Profiles'!$G$20=$B$17,14,0)+IF('Standard Profiles'!$G$20=$B$24,21,0),MOD($C3135,24)+1)/SUM(INDEX($D$3:$AA$30,INDEX(Jesper!$R$2:$R$366,ROW(INDEX(Jesper!AJ$2:AJ$366,ROUNDDOWN($C3135/24,0)+1,1))-1)+IF('Standard Profiles'!$G$20=$B$10,7,0)+IF('Standard Profiles'!$G$20=$B$17,14,0)+IF('Standard Profiles'!$G$20=$B$24,21,0),0)),0)</f>
        <v>0</v>
      </c>
      <c r="G3135" cm="1">
        <f t="array" ref="G3135">IFERROR(INDEX(Jesper!AK$2:AK$366,ROUNDDOWN($C3135/24,0)+1,1)*INDEX($D$3:$AA$30,INDEX(Jesper!$R$2:$R$366,ROW(INDEX(Jesper!AK$2:AK$366,ROUNDDOWN($C3135/24,0)+1,1))-1)+IF('Standard Profiles'!$G$21=$B$10,7,0)+IF('Standard Profiles'!$G$21=$B$17,14,0)+IF('Standard Profiles'!$G$21=$B$24,21,0),MOD($C3135,24)+1)/SUM(INDEX($D$3:$AA$30,INDEX(Jesper!$R$2:$R$366,ROW(INDEX(Jesper!AK$2:AK$366,ROUNDDOWN($C3135/24,0)+1,1))-1)+IF('Standard Profiles'!$G$21=$B$10,7,0)+IF('Standard Profiles'!$G$21=$B$17,14,0)+IF('Standard Profiles'!$G$21=$B$24,21,0),0)),0)</f>
        <v>0.96200174672346683</v>
      </c>
      <c r="H3135" cm="1">
        <f t="array" ref="H3135">IFERROR(INDEX(Jesper!AL$2:AL$366,ROUNDDOWN($C3135/24,0)+1,1)*INDEX($D$3:$AA$30,INDEX(Jesper!$R$2:$R$366,ROW(INDEX(Jesper!AL$2:AL$366,ROUNDDOWN($C3135/24,0)+1,1))-1)+IF('Standard Profiles'!$G$22=$B$10,7,0)+IF('Standard Profiles'!$G$22=$B$17,14,0)+IF('Standard Profiles'!$G$22=$B$24,21,0),MOD($C3135,24)+1)/SUM(INDEX($D$3:$AA$30,INDEX(Jesper!$R$2:$R$366,ROW(INDEX(Jesper!AL$2:AL$366,ROUNDDOWN($C3135/24,0)+1,1))-1)+IF('Standard Profiles'!$G$22=$B$10,7,0)+IF('Standard Profiles'!$G$22=$B$17,14,0)+IF('Standard Profiles'!$G$22=$B$24,21,0),0)),0)</f>
        <v>0</v>
      </c>
      <c r="I3135">
        <f t="shared" si="356"/>
        <v>0.46176083842726384</v>
      </c>
      <c r="J3135">
        <f t="shared" si="357"/>
        <v>8.57357140074593</v>
      </c>
      <c r="K3135">
        <f t="shared" si="358"/>
        <v>0.60082503484768157</v>
      </c>
      <c r="L3135">
        <f t="shared" si="359"/>
        <v>0.30041251742384079</v>
      </c>
      <c r="M3135">
        <f t="shared" si="360"/>
        <v>0</v>
      </c>
      <c r="N3135" s="45">
        <f t="shared" si="361"/>
        <v>45056.208333325812</v>
      </c>
    </row>
    <row r="3136" spans="2:14" x14ac:dyDescent="0.25">
      <c r="B3136">
        <f t="shared" si="355"/>
        <v>3</v>
      </c>
      <c r="C3136" s="16">
        <v>3102</v>
      </c>
      <c r="D3136" cm="1">
        <f t="array" ref="D3136">IFERROR(INDEX(Jesper!AH$2:AH$366,ROUNDDOWN($C3136/24,0)+1,1)*INDEX($D$3:$AA$30,INDEX(Jesper!$R$2:$R$366,ROW(INDEX(Jesper!AH$2:AH$366,ROUNDDOWN($C3136/24,0)+1,1))-1)+IF('Standard Profiles'!$G$18=$B$10,7,0)+IF('Standard Profiles'!$G$18=$B$17,14,0)+IF('Standard Profiles'!$G$18=$B$24,21,0),MOD($C3136,24)+1)/SUM(INDEX($D$3:$AA$30,INDEX(Jesper!$R$2:$R$366,ROW(INDEX(Jesper!AH$2:AH$366,ROUNDDOWN($C3136/24,0)+1,1))-1)+IF('Standard Profiles'!$G$18=$B$10,7,0)+IF('Standard Profiles'!$G$18=$B$17,14,0)+IF('Standard Profiles'!$G$18=$B$24,21,0),0)),0)</f>
        <v>5.6327347016970144</v>
      </c>
      <c r="E3136" cm="1">
        <f t="array" ref="E3136">IFERROR(INDEX(Jesper!AI$2:AI$366,ROUNDDOWN($C3136/24,0)+1,1)*INDEX($D$3:$AA$30,INDEX(Jesper!$R$2:$R$366,ROW(INDEX(Jesper!AI$2:AI$366,ROUNDDOWN($C3136/24,0)+1,1))-1)+IF('Standard Profiles'!$G$19=$B$10,7,0)+IF('Standard Profiles'!$G$19=$B$17,14,0)+IF('Standard Profiles'!$G$19=$B$24,21,0),MOD($C3136,24)+1)/SUM(INDEX($D$3:$AA$30,INDEX(Jesper!$R$2:$R$366,ROW(INDEX(Jesper!AI$2:AI$366,ROUNDDOWN($C3136/24,0)+1,1))-1)+IF('Standard Profiles'!$G$19=$B$10,7,0)+IF('Standard Profiles'!$G$19=$B$17,14,0)+IF('Standard Profiles'!$G$19=$B$24,21,0),0)),0)</f>
        <v>3.3418333430242368</v>
      </c>
      <c r="F3136" cm="1">
        <f t="array" ref="F3136">IFERROR(INDEX(Jesper!AJ$2:AJ$366,ROUNDDOWN($C3136/24,0)+1,1)*INDEX($D$3:$AA$30,INDEX(Jesper!$R$2:$R$366,ROW(INDEX(Jesper!AJ$2:AJ$366,ROUNDDOWN($C3136/24,0)+1,1))-1)+IF('Standard Profiles'!$G$20=$B$10,7,0)+IF('Standard Profiles'!$G$20=$B$17,14,0)+IF('Standard Profiles'!$G$20=$B$24,21,0),MOD($C3136,24)+1)/SUM(INDEX($D$3:$AA$30,INDEX(Jesper!$R$2:$R$366,ROW(INDEX(Jesper!AJ$2:AJ$366,ROUNDDOWN($C3136/24,0)+1,1))-1)+IF('Standard Profiles'!$G$20=$B$10,7,0)+IF('Standard Profiles'!$G$20=$B$17,14,0)+IF('Standard Profiles'!$G$20=$B$24,21,0),0)),0)</f>
        <v>0</v>
      </c>
      <c r="G3136" cm="1">
        <f t="array" ref="G3136">IFERROR(INDEX(Jesper!AK$2:AK$366,ROUNDDOWN($C3136/24,0)+1,1)*INDEX($D$3:$AA$30,INDEX(Jesper!$R$2:$R$366,ROW(INDEX(Jesper!AK$2:AK$366,ROUNDDOWN($C3136/24,0)+1,1))-1)+IF('Standard Profiles'!$G$21=$B$10,7,0)+IF('Standard Profiles'!$G$21=$B$17,14,0)+IF('Standard Profiles'!$G$21=$B$24,21,0),MOD($C3136,24)+1)/SUM(INDEX($D$3:$AA$30,INDEX(Jesper!$R$2:$R$366,ROW(INDEX(Jesper!AK$2:AK$366,ROUNDDOWN($C3136/24,0)+1,1))-1)+IF('Standard Profiles'!$G$21=$B$10,7,0)+IF('Standard Profiles'!$G$21=$B$17,14,0)+IF('Standard Profiles'!$G$21=$B$24,21,0),0)),0)</f>
        <v>0.96200174672346683</v>
      </c>
      <c r="H3136" cm="1">
        <f t="array" ref="H3136">IFERROR(INDEX(Jesper!AL$2:AL$366,ROUNDDOWN($C3136/24,0)+1,1)*INDEX($D$3:$AA$30,INDEX(Jesper!$R$2:$R$366,ROW(INDEX(Jesper!AL$2:AL$366,ROUNDDOWN($C3136/24,0)+1,1))-1)+IF('Standard Profiles'!$G$22=$B$10,7,0)+IF('Standard Profiles'!$G$22=$B$17,14,0)+IF('Standard Profiles'!$G$22=$B$24,21,0),MOD($C3136,24)+1)/SUM(INDEX($D$3:$AA$30,INDEX(Jesper!$R$2:$R$366,ROW(INDEX(Jesper!AL$2:AL$366,ROUNDDOWN($C3136/24,0)+1,1))-1)+IF('Standard Profiles'!$G$22=$B$10,7,0)+IF('Standard Profiles'!$G$22=$B$17,14,0)+IF('Standard Profiles'!$G$22=$B$24,21,0),0)),0)</f>
        <v>0</v>
      </c>
      <c r="I3136">
        <f t="shared" si="356"/>
        <v>0.46176083842726384</v>
      </c>
      <c r="J3136">
        <f t="shared" si="357"/>
        <v>8.57357140074593</v>
      </c>
      <c r="K3136">
        <f t="shared" si="358"/>
        <v>0.60082503484768157</v>
      </c>
      <c r="L3136">
        <f t="shared" si="359"/>
        <v>0.30041251742384079</v>
      </c>
      <c r="M3136">
        <f t="shared" si="360"/>
        <v>0</v>
      </c>
      <c r="N3136" s="45">
        <f t="shared" si="361"/>
        <v>45056.249999992477</v>
      </c>
    </row>
    <row r="3137" spans="2:14" x14ac:dyDescent="0.25">
      <c r="B3137">
        <f t="shared" si="355"/>
        <v>3</v>
      </c>
      <c r="C3137" s="16">
        <v>3103</v>
      </c>
      <c r="D3137" cm="1">
        <f t="array" ref="D3137">IFERROR(INDEX(Jesper!AH$2:AH$366,ROUNDDOWN($C3137/24,0)+1,1)*INDEX($D$3:$AA$30,INDEX(Jesper!$R$2:$R$366,ROW(INDEX(Jesper!AH$2:AH$366,ROUNDDOWN($C3137/24,0)+1,1))-1)+IF('Standard Profiles'!$G$18=$B$10,7,0)+IF('Standard Profiles'!$G$18=$B$17,14,0)+IF('Standard Profiles'!$G$18=$B$24,21,0),MOD($C3137,24)+1)/SUM(INDEX($D$3:$AA$30,INDEX(Jesper!$R$2:$R$366,ROW(INDEX(Jesper!AH$2:AH$366,ROUNDDOWN($C3137/24,0)+1,1))-1)+IF('Standard Profiles'!$G$18=$B$10,7,0)+IF('Standard Profiles'!$G$18=$B$17,14,0)+IF('Standard Profiles'!$G$18=$B$24,21,0),0)),0)</f>
        <v>23.025936704815976</v>
      </c>
      <c r="E3137" cm="1">
        <f t="array" ref="E3137">IFERROR(INDEX(Jesper!AI$2:AI$366,ROUNDDOWN($C3137/24,0)+1,1)*INDEX($D$3:$AA$30,INDEX(Jesper!$R$2:$R$366,ROW(INDEX(Jesper!AI$2:AI$366,ROUNDDOWN($C3137/24,0)+1,1))-1)+IF('Standard Profiles'!$G$19=$B$10,7,0)+IF('Standard Profiles'!$G$19=$B$17,14,0)+IF('Standard Profiles'!$G$19=$B$24,21,0),MOD($C3137,24)+1)/SUM(INDEX($D$3:$AA$30,INDEX(Jesper!$R$2:$R$366,ROW(INDEX(Jesper!AI$2:AI$366,ROUNDDOWN($C3137/24,0)+1,1))-1)+IF('Standard Profiles'!$G$19=$B$10,7,0)+IF('Standard Profiles'!$G$19=$B$17,14,0)+IF('Standard Profiles'!$G$19=$B$24,21,0),0)),0)</f>
        <v>13.661009635574835</v>
      </c>
      <c r="F3137" cm="1">
        <f t="array" ref="F3137">IFERROR(INDEX(Jesper!AJ$2:AJ$366,ROUNDDOWN($C3137/24,0)+1,1)*INDEX($D$3:$AA$30,INDEX(Jesper!$R$2:$R$366,ROW(INDEX(Jesper!AJ$2:AJ$366,ROUNDDOWN($C3137/24,0)+1,1))-1)+IF('Standard Profiles'!$G$20=$B$10,7,0)+IF('Standard Profiles'!$G$20=$B$17,14,0)+IF('Standard Profiles'!$G$20=$B$24,21,0),MOD($C3137,24)+1)/SUM(INDEX($D$3:$AA$30,INDEX(Jesper!$R$2:$R$366,ROW(INDEX(Jesper!AJ$2:AJ$366,ROUNDDOWN($C3137/24,0)+1,1))-1)+IF('Standard Profiles'!$G$20=$B$10,7,0)+IF('Standard Profiles'!$G$20=$B$17,14,0)+IF('Standard Profiles'!$G$20=$B$24,21,0),0)),0)</f>
        <v>0</v>
      </c>
      <c r="G3137" cm="1">
        <f t="array" ref="G3137">IFERROR(INDEX(Jesper!AK$2:AK$366,ROUNDDOWN($C3137/24,0)+1,1)*INDEX($D$3:$AA$30,INDEX(Jesper!$R$2:$R$366,ROW(INDEX(Jesper!AK$2:AK$366,ROUNDDOWN($C3137/24,0)+1,1))-1)+IF('Standard Profiles'!$G$21=$B$10,7,0)+IF('Standard Profiles'!$G$21=$B$17,14,0)+IF('Standard Profiles'!$G$21=$B$24,21,0),MOD($C3137,24)+1)/SUM(INDEX($D$3:$AA$30,INDEX(Jesper!$R$2:$R$366,ROW(INDEX(Jesper!AK$2:AK$366,ROUNDDOWN($C3137/24,0)+1,1))-1)+IF('Standard Profiles'!$G$21=$B$10,7,0)+IF('Standard Profiles'!$G$21=$B$17,14,0)+IF('Standard Profiles'!$G$21=$B$24,21,0),0)),0)</f>
        <v>2.6503148122231508</v>
      </c>
      <c r="H3137" cm="1">
        <f t="array" ref="H3137">IFERROR(INDEX(Jesper!AL$2:AL$366,ROUNDDOWN($C3137/24,0)+1,1)*INDEX($D$3:$AA$30,INDEX(Jesper!$R$2:$R$366,ROW(INDEX(Jesper!AL$2:AL$366,ROUNDDOWN($C3137/24,0)+1,1))-1)+IF('Standard Profiles'!$G$22=$B$10,7,0)+IF('Standard Profiles'!$G$22=$B$17,14,0)+IF('Standard Profiles'!$G$22=$B$24,21,0),MOD($C3137,24)+1)/SUM(INDEX($D$3:$AA$30,INDEX(Jesper!$R$2:$R$366,ROW(INDEX(Jesper!AL$2:AL$366,ROUNDDOWN($C3137/24,0)+1,1))-1)+IF('Standard Profiles'!$G$22=$B$10,7,0)+IF('Standard Profiles'!$G$22=$B$17,14,0)+IF('Standard Profiles'!$G$22=$B$24,21,0),0)),0)</f>
        <v>0</v>
      </c>
      <c r="I3137">
        <f t="shared" si="356"/>
        <v>1.2721511098671117</v>
      </c>
      <c r="J3137">
        <f t="shared" si="357"/>
        <v>34.380960169976298</v>
      </c>
      <c r="K3137">
        <f t="shared" si="358"/>
        <v>2.4560999151803711</v>
      </c>
      <c r="L3137">
        <f t="shared" si="359"/>
        <v>1.2280499575901855</v>
      </c>
      <c r="M3137">
        <f t="shared" si="360"/>
        <v>0</v>
      </c>
      <c r="N3137" s="45">
        <f t="shared" si="361"/>
        <v>45056.291666659141</v>
      </c>
    </row>
    <row r="3138" spans="2:14" x14ac:dyDescent="0.25">
      <c r="B3138">
        <f t="shared" si="355"/>
        <v>3</v>
      </c>
      <c r="C3138" s="16">
        <v>3104</v>
      </c>
      <c r="D3138" cm="1">
        <f t="array" ref="D3138">IFERROR(INDEX(Jesper!AH$2:AH$366,ROUNDDOWN($C3138/24,0)+1,1)*INDEX($D$3:$AA$30,INDEX(Jesper!$R$2:$R$366,ROW(INDEX(Jesper!AH$2:AH$366,ROUNDDOWN($C3138/24,0)+1,1))-1)+IF('Standard Profiles'!$G$18=$B$10,7,0)+IF('Standard Profiles'!$G$18=$B$17,14,0)+IF('Standard Profiles'!$G$18=$B$24,21,0),MOD($C3138,24)+1)/SUM(INDEX($D$3:$AA$30,INDEX(Jesper!$R$2:$R$366,ROW(INDEX(Jesper!AH$2:AH$366,ROUNDDOWN($C3138/24,0)+1,1))-1)+IF('Standard Profiles'!$G$18=$B$10,7,0)+IF('Standard Profiles'!$G$18=$B$17,14,0)+IF('Standard Profiles'!$G$18=$B$24,21,0),0)),0)</f>
        <v>25.692097796952563</v>
      </c>
      <c r="E3138" cm="1">
        <f t="array" ref="E3138">IFERROR(INDEX(Jesper!AI$2:AI$366,ROUNDDOWN($C3138/24,0)+1,1)*INDEX($D$3:$AA$30,INDEX(Jesper!$R$2:$R$366,ROW(INDEX(Jesper!AI$2:AI$366,ROUNDDOWN($C3138/24,0)+1,1))-1)+IF('Standard Profiles'!$G$19=$B$10,7,0)+IF('Standard Profiles'!$G$19=$B$17,14,0)+IF('Standard Profiles'!$G$19=$B$24,21,0),MOD($C3138,24)+1)/SUM(INDEX($D$3:$AA$30,INDEX(Jesper!$R$2:$R$366,ROW(INDEX(Jesper!AI$2:AI$366,ROUNDDOWN($C3138/24,0)+1,1))-1)+IF('Standard Profiles'!$G$19=$B$10,7,0)+IF('Standard Profiles'!$G$19=$B$17,14,0)+IF('Standard Profiles'!$G$19=$B$24,21,0),0)),0)</f>
        <v>15.242810751272973</v>
      </c>
      <c r="F3138" cm="1">
        <f t="array" ref="F3138">IFERROR(INDEX(Jesper!AJ$2:AJ$366,ROUNDDOWN($C3138/24,0)+1,1)*INDEX($D$3:$AA$30,INDEX(Jesper!$R$2:$R$366,ROW(INDEX(Jesper!AJ$2:AJ$366,ROUNDDOWN($C3138/24,0)+1,1))-1)+IF('Standard Profiles'!$G$20=$B$10,7,0)+IF('Standard Profiles'!$G$20=$B$17,14,0)+IF('Standard Profiles'!$G$20=$B$24,21,0),MOD($C3138,24)+1)/SUM(INDEX($D$3:$AA$30,INDEX(Jesper!$R$2:$R$366,ROW(INDEX(Jesper!AJ$2:AJ$366,ROUNDDOWN($C3138/24,0)+1,1))-1)+IF('Standard Profiles'!$G$20=$B$10,7,0)+IF('Standard Profiles'!$G$20=$B$17,14,0)+IF('Standard Profiles'!$G$20=$B$24,21,0),0)),0)</f>
        <v>0</v>
      </c>
      <c r="G3138" cm="1">
        <f t="array" ref="G3138">IFERROR(INDEX(Jesper!AK$2:AK$366,ROUNDDOWN($C3138/24,0)+1,1)*INDEX($D$3:$AA$30,INDEX(Jesper!$R$2:$R$366,ROW(INDEX(Jesper!AK$2:AK$366,ROUNDDOWN($C3138/24,0)+1,1))-1)+IF('Standard Profiles'!$G$21=$B$10,7,0)+IF('Standard Profiles'!$G$21=$B$17,14,0)+IF('Standard Profiles'!$G$21=$B$24,21,0),MOD($C3138,24)+1)/SUM(INDEX($D$3:$AA$30,INDEX(Jesper!$R$2:$R$366,ROW(INDEX(Jesper!AK$2:AK$366,ROUNDDOWN($C3138/24,0)+1,1))-1)+IF('Standard Profiles'!$G$21=$B$10,7,0)+IF('Standard Profiles'!$G$21=$B$17,14,0)+IF('Standard Profiles'!$G$21=$B$24,21,0),0)),0)</f>
        <v>2.9571933694279369</v>
      </c>
      <c r="H3138" cm="1">
        <f t="array" ref="H3138">IFERROR(INDEX(Jesper!AL$2:AL$366,ROUNDDOWN($C3138/24,0)+1,1)*INDEX($D$3:$AA$30,INDEX(Jesper!$R$2:$R$366,ROW(INDEX(Jesper!AL$2:AL$366,ROUNDDOWN($C3138/24,0)+1,1))-1)+IF('Standard Profiles'!$G$22=$B$10,7,0)+IF('Standard Profiles'!$G$22=$B$17,14,0)+IF('Standard Profiles'!$G$22=$B$24,21,0),MOD($C3138,24)+1)/SUM(INDEX($D$3:$AA$30,INDEX(Jesper!$R$2:$R$366,ROW(INDEX(Jesper!AL$2:AL$366,ROUNDDOWN($C3138/24,0)+1,1))-1)+IF('Standard Profiles'!$G$22=$B$10,7,0)+IF('Standard Profiles'!$G$22=$B$17,14,0)+IF('Standard Profiles'!$G$22=$B$24,21,0),0)),0)</f>
        <v>0</v>
      </c>
      <c r="I3138">
        <f t="shared" si="356"/>
        <v>1.4194528173254091</v>
      </c>
      <c r="J3138">
        <f t="shared" si="357"/>
        <v>38.361913452815649</v>
      </c>
      <c r="K3138">
        <f t="shared" si="358"/>
        <v>2.7404904316749401</v>
      </c>
      <c r="L3138">
        <f t="shared" si="359"/>
        <v>1.3702452158374701</v>
      </c>
      <c r="M3138">
        <f t="shared" si="360"/>
        <v>0</v>
      </c>
      <c r="N3138" s="45">
        <f t="shared" si="361"/>
        <v>45056.333333325805</v>
      </c>
    </row>
    <row r="3139" spans="2:14" x14ac:dyDescent="0.25">
      <c r="B3139">
        <f t="shared" si="355"/>
        <v>3</v>
      </c>
      <c r="C3139" s="16">
        <v>3105</v>
      </c>
      <c r="D3139" cm="1">
        <f t="array" ref="D3139">IFERROR(INDEX(Jesper!AH$2:AH$366,ROUNDDOWN($C3139/24,0)+1,1)*INDEX($D$3:$AA$30,INDEX(Jesper!$R$2:$R$366,ROW(INDEX(Jesper!AH$2:AH$366,ROUNDDOWN($C3139/24,0)+1,1))-1)+IF('Standard Profiles'!$G$18=$B$10,7,0)+IF('Standard Profiles'!$G$18=$B$17,14,0)+IF('Standard Profiles'!$G$18=$B$24,21,0),MOD($C3139,24)+1)/SUM(INDEX($D$3:$AA$30,INDEX(Jesper!$R$2:$R$366,ROW(INDEX(Jesper!AH$2:AH$366,ROUNDDOWN($C3139/24,0)+1,1))-1)+IF('Standard Profiles'!$G$18=$B$10,7,0)+IF('Standard Profiles'!$G$18=$B$17,14,0)+IF('Standard Profiles'!$G$18=$B$24,21,0),0)),0)</f>
        <v>28.35825888908915</v>
      </c>
      <c r="E3139" cm="1">
        <f t="array" ref="E3139">IFERROR(INDEX(Jesper!AI$2:AI$366,ROUNDDOWN($C3139/24,0)+1,1)*INDEX($D$3:$AA$30,INDEX(Jesper!$R$2:$R$366,ROW(INDEX(Jesper!AI$2:AI$366,ROUNDDOWN($C3139/24,0)+1,1))-1)+IF('Standard Profiles'!$G$19=$B$10,7,0)+IF('Standard Profiles'!$G$19=$B$17,14,0)+IF('Standard Profiles'!$G$19=$B$24,21,0),MOD($C3139,24)+1)/SUM(INDEX($D$3:$AA$30,INDEX(Jesper!$R$2:$R$366,ROW(INDEX(Jesper!AI$2:AI$366,ROUNDDOWN($C3139/24,0)+1,1))-1)+IF('Standard Profiles'!$G$19=$B$10,7,0)+IF('Standard Profiles'!$G$19=$B$17,14,0)+IF('Standard Profiles'!$G$19=$B$24,21,0),0)),0)</f>
        <v>16.824611866971114</v>
      </c>
      <c r="F3139" cm="1">
        <f t="array" ref="F3139">IFERROR(INDEX(Jesper!AJ$2:AJ$366,ROUNDDOWN($C3139/24,0)+1,1)*INDEX($D$3:$AA$30,INDEX(Jesper!$R$2:$R$366,ROW(INDEX(Jesper!AJ$2:AJ$366,ROUNDDOWN($C3139/24,0)+1,1))-1)+IF('Standard Profiles'!$G$20=$B$10,7,0)+IF('Standard Profiles'!$G$20=$B$17,14,0)+IF('Standard Profiles'!$G$20=$B$24,21,0),MOD($C3139,24)+1)/SUM(INDEX($D$3:$AA$30,INDEX(Jesper!$R$2:$R$366,ROW(INDEX(Jesper!AJ$2:AJ$366,ROUNDDOWN($C3139/24,0)+1,1))-1)+IF('Standard Profiles'!$G$20=$B$10,7,0)+IF('Standard Profiles'!$G$20=$B$17,14,0)+IF('Standard Profiles'!$G$20=$B$24,21,0),0)),0)</f>
        <v>0</v>
      </c>
      <c r="G3139" cm="1">
        <f t="array" ref="G3139">IFERROR(INDEX(Jesper!AK$2:AK$366,ROUNDDOWN($C3139/24,0)+1,1)*INDEX($D$3:$AA$30,INDEX(Jesper!$R$2:$R$366,ROW(INDEX(Jesper!AK$2:AK$366,ROUNDDOWN($C3139/24,0)+1,1))-1)+IF('Standard Profiles'!$G$21=$B$10,7,0)+IF('Standard Profiles'!$G$21=$B$17,14,0)+IF('Standard Profiles'!$G$21=$B$24,21,0),MOD($C3139,24)+1)/SUM(INDEX($D$3:$AA$30,INDEX(Jesper!$R$2:$R$366,ROW(INDEX(Jesper!AK$2:AK$366,ROUNDDOWN($C3139/24,0)+1,1))-1)+IF('Standard Profiles'!$G$21=$B$10,7,0)+IF('Standard Profiles'!$G$21=$B$17,14,0)+IF('Standard Profiles'!$G$21=$B$24,21,0),0)),0)</f>
        <v>3.2640719266327229</v>
      </c>
      <c r="H3139" cm="1">
        <f t="array" ref="H3139">IFERROR(INDEX(Jesper!AL$2:AL$366,ROUNDDOWN($C3139/24,0)+1,1)*INDEX($D$3:$AA$30,INDEX(Jesper!$R$2:$R$366,ROW(INDEX(Jesper!AL$2:AL$366,ROUNDDOWN($C3139/24,0)+1,1))-1)+IF('Standard Profiles'!$G$22=$B$10,7,0)+IF('Standard Profiles'!$G$22=$B$17,14,0)+IF('Standard Profiles'!$G$22=$B$24,21,0),MOD($C3139,24)+1)/SUM(INDEX($D$3:$AA$30,INDEX(Jesper!$R$2:$R$366,ROW(INDEX(Jesper!AL$2:AL$366,ROUNDDOWN($C3139/24,0)+1,1))-1)+IF('Standard Profiles'!$G$22=$B$10,7,0)+IF('Standard Profiles'!$G$22=$B$17,14,0)+IF('Standard Profiles'!$G$22=$B$24,21,0),0)),0)</f>
        <v>0</v>
      </c>
      <c r="I3139">
        <f t="shared" si="356"/>
        <v>1.5667545247837062</v>
      </c>
      <c r="J3139">
        <f t="shared" si="357"/>
        <v>42.342866735655022</v>
      </c>
      <c r="K3139">
        <f t="shared" si="358"/>
        <v>3.0248809481695096</v>
      </c>
      <c r="L3139">
        <f t="shared" si="359"/>
        <v>1.5124404740847548</v>
      </c>
      <c r="M3139">
        <f t="shared" si="360"/>
        <v>0</v>
      </c>
      <c r="N3139" s="45">
        <f t="shared" si="361"/>
        <v>45056.374999992469</v>
      </c>
    </row>
    <row r="3140" spans="2:14" x14ac:dyDescent="0.25">
      <c r="B3140">
        <f t="shared" si="355"/>
        <v>3</v>
      </c>
      <c r="C3140" s="16">
        <v>3106</v>
      </c>
      <c r="D3140" cm="1">
        <f t="array" ref="D3140">IFERROR(INDEX(Jesper!AH$2:AH$366,ROUNDDOWN($C3140/24,0)+1,1)*INDEX($D$3:$AA$30,INDEX(Jesper!$R$2:$R$366,ROW(INDEX(Jesper!AH$2:AH$366,ROUNDDOWN($C3140/24,0)+1,1))-1)+IF('Standard Profiles'!$G$18=$B$10,7,0)+IF('Standard Profiles'!$G$18=$B$17,14,0)+IF('Standard Profiles'!$G$18=$B$24,21,0),MOD($C3140,24)+1)/SUM(INDEX($D$3:$AA$30,INDEX(Jesper!$R$2:$R$366,ROW(INDEX(Jesper!AH$2:AH$366,ROUNDDOWN($C3140/24,0)+1,1))-1)+IF('Standard Profiles'!$G$18=$B$10,7,0)+IF('Standard Profiles'!$G$18=$B$17,14,0)+IF('Standard Profiles'!$G$18=$B$24,21,0),0)),0)</f>
        <v>28.35825888908915</v>
      </c>
      <c r="E3140" cm="1">
        <f t="array" ref="E3140">IFERROR(INDEX(Jesper!AI$2:AI$366,ROUNDDOWN($C3140/24,0)+1,1)*INDEX($D$3:$AA$30,INDEX(Jesper!$R$2:$R$366,ROW(INDEX(Jesper!AI$2:AI$366,ROUNDDOWN($C3140/24,0)+1,1))-1)+IF('Standard Profiles'!$G$19=$B$10,7,0)+IF('Standard Profiles'!$G$19=$B$17,14,0)+IF('Standard Profiles'!$G$19=$B$24,21,0),MOD($C3140,24)+1)/SUM(INDEX($D$3:$AA$30,INDEX(Jesper!$R$2:$R$366,ROW(INDEX(Jesper!AI$2:AI$366,ROUNDDOWN($C3140/24,0)+1,1))-1)+IF('Standard Profiles'!$G$19=$B$10,7,0)+IF('Standard Profiles'!$G$19=$B$17,14,0)+IF('Standard Profiles'!$G$19=$B$24,21,0),0)),0)</f>
        <v>16.824611866971114</v>
      </c>
      <c r="F3140" cm="1">
        <f t="array" ref="F3140">IFERROR(INDEX(Jesper!AJ$2:AJ$366,ROUNDDOWN($C3140/24,0)+1,1)*INDEX($D$3:$AA$30,INDEX(Jesper!$R$2:$R$366,ROW(INDEX(Jesper!AJ$2:AJ$366,ROUNDDOWN($C3140/24,0)+1,1))-1)+IF('Standard Profiles'!$G$20=$B$10,7,0)+IF('Standard Profiles'!$G$20=$B$17,14,0)+IF('Standard Profiles'!$G$20=$B$24,21,0),MOD($C3140,24)+1)/SUM(INDEX($D$3:$AA$30,INDEX(Jesper!$R$2:$R$366,ROW(INDEX(Jesper!AJ$2:AJ$366,ROUNDDOWN($C3140/24,0)+1,1))-1)+IF('Standard Profiles'!$G$20=$B$10,7,0)+IF('Standard Profiles'!$G$20=$B$17,14,0)+IF('Standard Profiles'!$G$20=$B$24,21,0),0)),0)</f>
        <v>0</v>
      </c>
      <c r="G3140" cm="1">
        <f t="array" ref="G3140">IFERROR(INDEX(Jesper!AK$2:AK$366,ROUNDDOWN($C3140/24,0)+1,1)*INDEX($D$3:$AA$30,INDEX(Jesper!$R$2:$R$366,ROW(INDEX(Jesper!AK$2:AK$366,ROUNDDOWN($C3140/24,0)+1,1))-1)+IF('Standard Profiles'!$G$21=$B$10,7,0)+IF('Standard Profiles'!$G$21=$B$17,14,0)+IF('Standard Profiles'!$G$21=$B$24,21,0),MOD($C3140,24)+1)/SUM(INDEX($D$3:$AA$30,INDEX(Jesper!$R$2:$R$366,ROW(INDEX(Jesper!AK$2:AK$366,ROUNDDOWN($C3140/24,0)+1,1))-1)+IF('Standard Profiles'!$G$21=$B$10,7,0)+IF('Standard Profiles'!$G$21=$B$17,14,0)+IF('Standard Profiles'!$G$21=$B$24,21,0),0)),0)</f>
        <v>3.2640719266327229</v>
      </c>
      <c r="H3140" cm="1">
        <f t="array" ref="H3140">IFERROR(INDEX(Jesper!AL$2:AL$366,ROUNDDOWN($C3140/24,0)+1,1)*INDEX($D$3:$AA$30,INDEX(Jesper!$R$2:$R$366,ROW(INDEX(Jesper!AL$2:AL$366,ROUNDDOWN($C3140/24,0)+1,1))-1)+IF('Standard Profiles'!$G$22=$B$10,7,0)+IF('Standard Profiles'!$G$22=$B$17,14,0)+IF('Standard Profiles'!$G$22=$B$24,21,0),MOD($C3140,24)+1)/SUM(INDEX($D$3:$AA$30,INDEX(Jesper!$R$2:$R$366,ROW(INDEX(Jesper!AL$2:AL$366,ROUNDDOWN($C3140/24,0)+1,1))-1)+IF('Standard Profiles'!$G$22=$B$10,7,0)+IF('Standard Profiles'!$G$22=$B$17,14,0)+IF('Standard Profiles'!$G$22=$B$24,21,0),0)),0)</f>
        <v>0</v>
      </c>
      <c r="I3140">
        <f t="shared" si="356"/>
        <v>1.5667545247837062</v>
      </c>
      <c r="J3140">
        <f t="shared" si="357"/>
        <v>42.342866735655022</v>
      </c>
      <c r="K3140">
        <f t="shared" si="358"/>
        <v>3.0248809481695096</v>
      </c>
      <c r="L3140">
        <f t="shared" si="359"/>
        <v>1.5124404740847548</v>
      </c>
      <c r="M3140">
        <f t="shared" si="360"/>
        <v>0</v>
      </c>
      <c r="N3140" s="45">
        <f t="shared" si="361"/>
        <v>45056.416666659134</v>
      </c>
    </row>
    <row r="3141" spans="2:14" x14ac:dyDescent="0.25">
      <c r="B3141">
        <f t="shared" si="355"/>
        <v>3</v>
      </c>
      <c r="C3141" s="16">
        <v>3107</v>
      </c>
      <c r="D3141" cm="1">
        <f t="array" ref="D3141">IFERROR(INDEX(Jesper!AH$2:AH$366,ROUNDDOWN($C3141/24,0)+1,1)*INDEX($D$3:$AA$30,INDEX(Jesper!$R$2:$R$366,ROW(INDEX(Jesper!AH$2:AH$366,ROUNDDOWN($C3141/24,0)+1,1))-1)+IF('Standard Profiles'!$G$18=$B$10,7,0)+IF('Standard Profiles'!$G$18=$B$17,14,0)+IF('Standard Profiles'!$G$18=$B$24,21,0),MOD($C3141,24)+1)/SUM(INDEX($D$3:$AA$30,INDEX(Jesper!$R$2:$R$366,ROW(INDEX(Jesper!AH$2:AH$366,ROUNDDOWN($C3141/24,0)+1,1))-1)+IF('Standard Profiles'!$G$18=$B$10,7,0)+IF('Standard Profiles'!$G$18=$B$17,14,0)+IF('Standard Profiles'!$G$18=$B$24,21,0),0)),0)</f>
        <v>33.932959354465645</v>
      </c>
      <c r="E3141" cm="1">
        <f t="array" ref="E3141">IFERROR(INDEX(Jesper!AI$2:AI$366,ROUNDDOWN($C3141/24,0)+1,1)*INDEX($D$3:$AA$30,INDEX(Jesper!$R$2:$R$366,ROW(INDEX(Jesper!AI$2:AI$366,ROUNDDOWN($C3141/24,0)+1,1))-1)+IF('Standard Profiles'!$G$19=$B$10,7,0)+IF('Standard Profiles'!$G$19=$B$17,14,0)+IF('Standard Profiles'!$G$19=$B$24,21,0),MOD($C3141,24)+1)/SUM(INDEX($D$3:$AA$30,INDEX(Jesper!$R$2:$R$366,ROW(INDEX(Jesper!AI$2:AI$366,ROUNDDOWN($C3141/24,0)+1,1))-1)+IF('Standard Profiles'!$G$19=$B$10,7,0)+IF('Standard Profiles'!$G$19=$B$17,14,0)+IF('Standard Profiles'!$G$19=$B$24,21,0),0)),0)</f>
        <v>20.132014199794494</v>
      </c>
      <c r="F3141" cm="1">
        <f t="array" ref="F3141">IFERROR(INDEX(Jesper!AJ$2:AJ$366,ROUNDDOWN($C3141/24,0)+1,1)*INDEX($D$3:$AA$30,INDEX(Jesper!$R$2:$R$366,ROW(INDEX(Jesper!AJ$2:AJ$366,ROUNDDOWN($C3141/24,0)+1,1))-1)+IF('Standard Profiles'!$G$20=$B$10,7,0)+IF('Standard Profiles'!$G$20=$B$17,14,0)+IF('Standard Profiles'!$G$20=$B$24,21,0),MOD($C3141,24)+1)/SUM(INDEX($D$3:$AA$30,INDEX(Jesper!$R$2:$R$366,ROW(INDEX(Jesper!AJ$2:AJ$366,ROUNDDOWN($C3141/24,0)+1,1))-1)+IF('Standard Profiles'!$G$20=$B$10,7,0)+IF('Standard Profiles'!$G$20=$B$17,14,0)+IF('Standard Profiles'!$G$20=$B$24,21,0),0)),0)</f>
        <v>0</v>
      </c>
      <c r="G3141" cm="1">
        <f t="array" ref="G3141">IFERROR(INDEX(Jesper!AK$2:AK$366,ROUNDDOWN($C3141/24,0)+1,1)*INDEX($D$3:$AA$30,INDEX(Jesper!$R$2:$R$366,ROW(INDEX(Jesper!AK$2:AK$366,ROUNDDOWN($C3141/24,0)+1,1))-1)+IF('Standard Profiles'!$G$21=$B$10,7,0)+IF('Standard Profiles'!$G$21=$B$17,14,0)+IF('Standard Profiles'!$G$21=$B$24,21,0),MOD($C3141,24)+1)/SUM(INDEX($D$3:$AA$30,INDEX(Jesper!$R$2:$R$366,ROW(INDEX(Jesper!AK$2:AK$366,ROUNDDOWN($C3141/24,0)+1,1))-1)+IF('Standard Profiles'!$G$21=$B$10,7,0)+IF('Standard Profiles'!$G$21=$B$17,14,0)+IF('Standard Profiles'!$G$21=$B$24,21,0),0)),0)</f>
        <v>3.9057270916972744</v>
      </c>
      <c r="H3141" cm="1">
        <f t="array" ref="H3141">IFERROR(INDEX(Jesper!AL$2:AL$366,ROUNDDOWN($C3141/24,0)+1,1)*INDEX($D$3:$AA$30,INDEX(Jesper!$R$2:$R$366,ROW(INDEX(Jesper!AL$2:AL$366,ROUNDDOWN($C3141/24,0)+1,1))-1)+IF('Standard Profiles'!$G$22=$B$10,7,0)+IF('Standard Profiles'!$G$22=$B$17,14,0)+IF('Standard Profiles'!$G$22=$B$24,21,0),MOD($C3141,24)+1)/SUM(INDEX($D$3:$AA$30,INDEX(Jesper!$R$2:$R$366,ROW(INDEX(Jesper!AL$2:AL$366,ROUNDDOWN($C3141/24,0)+1,1))-1)+IF('Standard Profiles'!$G$22=$B$10,7,0)+IF('Standard Profiles'!$G$22=$B$17,14,0)+IF('Standard Profiles'!$G$22=$B$24,21,0),0)),0)</f>
        <v>0</v>
      </c>
      <c r="I3141">
        <f t="shared" si="356"/>
        <v>1.8747490040146908</v>
      </c>
      <c r="J3141">
        <f t="shared" si="357"/>
        <v>50.666678145228218</v>
      </c>
      <c r="K3141">
        <f t="shared" si="358"/>
        <v>3.6195156644763355</v>
      </c>
      <c r="L3141">
        <f t="shared" si="359"/>
        <v>1.8097578322381678</v>
      </c>
      <c r="M3141">
        <f t="shared" si="360"/>
        <v>0</v>
      </c>
      <c r="N3141" s="45">
        <f t="shared" si="361"/>
        <v>45056.458333325798</v>
      </c>
    </row>
    <row r="3142" spans="2:14" x14ac:dyDescent="0.25">
      <c r="B3142">
        <f t="shared" si="355"/>
        <v>3</v>
      </c>
      <c r="C3142" s="16">
        <v>3108</v>
      </c>
      <c r="D3142" cm="1">
        <f t="array" ref="D3142">IFERROR(INDEX(Jesper!AH$2:AH$366,ROUNDDOWN($C3142/24,0)+1,1)*INDEX($D$3:$AA$30,INDEX(Jesper!$R$2:$R$366,ROW(INDEX(Jesper!AH$2:AH$366,ROUNDDOWN($C3142/24,0)+1,1))-1)+IF('Standard Profiles'!$G$18=$B$10,7,0)+IF('Standard Profiles'!$G$18=$B$17,14,0)+IF('Standard Profiles'!$G$18=$B$24,21,0),MOD($C3142,24)+1)/SUM(INDEX($D$3:$AA$30,INDEX(Jesper!$R$2:$R$366,ROW(INDEX(Jesper!AH$2:AH$366,ROUNDDOWN($C3142/24,0)+1,1))-1)+IF('Standard Profiles'!$G$18=$B$10,7,0)+IF('Standard Profiles'!$G$18=$B$17,14,0)+IF('Standard Profiles'!$G$18=$B$24,21,0),0)),0)</f>
        <v>33.932959354465645</v>
      </c>
      <c r="E3142" cm="1">
        <f t="array" ref="E3142">IFERROR(INDEX(Jesper!AI$2:AI$366,ROUNDDOWN($C3142/24,0)+1,1)*INDEX($D$3:$AA$30,INDEX(Jesper!$R$2:$R$366,ROW(INDEX(Jesper!AI$2:AI$366,ROUNDDOWN($C3142/24,0)+1,1))-1)+IF('Standard Profiles'!$G$19=$B$10,7,0)+IF('Standard Profiles'!$G$19=$B$17,14,0)+IF('Standard Profiles'!$G$19=$B$24,21,0),MOD($C3142,24)+1)/SUM(INDEX($D$3:$AA$30,INDEX(Jesper!$R$2:$R$366,ROW(INDEX(Jesper!AI$2:AI$366,ROUNDDOWN($C3142/24,0)+1,1))-1)+IF('Standard Profiles'!$G$19=$B$10,7,0)+IF('Standard Profiles'!$G$19=$B$17,14,0)+IF('Standard Profiles'!$G$19=$B$24,21,0),0)),0)</f>
        <v>20.132014199794494</v>
      </c>
      <c r="F3142" cm="1">
        <f t="array" ref="F3142">IFERROR(INDEX(Jesper!AJ$2:AJ$366,ROUNDDOWN($C3142/24,0)+1,1)*INDEX($D$3:$AA$30,INDEX(Jesper!$R$2:$R$366,ROW(INDEX(Jesper!AJ$2:AJ$366,ROUNDDOWN($C3142/24,0)+1,1))-1)+IF('Standard Profiles'!$G$20=$B$10,7,0)+IF('Standard Profiles'!$G$20=$B$17,14,0)+IF('Standard Profiles'!$G$20=$B$24,21,0),MOD($C3142,24)+1)/SUM(INDEX($D$3:$AA$30,INDEX(Jesper!$R$2:$R$366,ROW(INDEX(Jesper!AJ$2:AJ$366,ROUNDDOWN($C3142/24,0)+1,1))-1)+IF('Standard Profiles'!$G$20=$B$10,7,0)+IF('Standard Profiles'!$G$20=$B$17,14,0)+IF('Standard Profiles'!$G$20=$B$24,21,0),0)),0)</f>
        <v>0</v>
      </c>
      <c r="G3142" cm="1">
        <f t="array" ref="G3142">IFERROR(INDEX(Jesper!AK$2:AK$366,ROUNDDOWN($C3142/24,0)+1,1)*INDEX($D$3:$AA$30,INDEX(Jesper!$R$2:$R$366,ROW(INDEX(Jesper!AK$2:AK$366,ROUNDDOWN($C3142/24,0)+1,1))-1)+IF('Standard Profiles'!$G$21=$B$10,7,0)+IF('Standard Profiles'!$G$21=$B$17,14,0)+IF('Standard Profiles'!$G$21=$B$24,21,0),MOD($C3142,24)+1)/SUM(INDEX($D$3:$AA$30,INDEX(Jesper!$R$2:$R$366,ROW(INDEX(Jesper!AK$2:AK$366,ROUNDDOWN($C3142/24,0)+1,1))-1)+IF('Standard Profiles'!$G$21=$B$10,7,0)+IF('Standard Profiles'!$G$21=$B$17,14,0)+IF('Standard Profiles'!$G$21=$B$24,21,0),0)),0)</f>
        <v>3.9057270916972744</v>
      </c>
      <c r="H3142" cm="1">
        <f t="array" ref="H3142">IFERROR(INDEX(Jesper!AL$2:AL$366,ROUNDDOWN($C3142/24,0)+1,1)*INDEX($D$3:$AA$30,INDEX(Jesper!$R$2:$R$366,ROW(INDEX(Jesper!AL$2:AL$366,ROUNDDOWN($C3142/24,0)+1,1))-1)+IF('Standard Profiles'!$G$22=$B$10,7,0)+IF('Standard Profiles'!$G$22=$B$17,14,0)+IF('Standard Profiles'!$G$22=$B$24,21,0),MOD($C3142,24)+1)/SUM(INDEX($D$3:$AA$30,INDEX(Jesper!$R$2:$R$366,ROW(INDEX(Jesper!AL$2:AL$366,ROUNDDOWN($C3142/24,0)+1,1))-1)+IF('Standard Profiles'!$G$22=$B$10,7,0)+IF('Standard Profiles'!$G$22=$B$17,14,0)+IF('Standard Profiles'!$G$22=$B$24,21,0),0)),0)</f>
        <v>0</v>
      </c>
      <c r="I3142">
        <f t="shared" si="356"/>
        <v>1.8747490040146908</v>
      </c>
      <c r="J3142">
        <f t="shared" si="357"/>
        <v>50.666678145228218</v>
      </c>
      <c r="K3142">
        <f t="shared" si="358"/>
        <v>3.6195156644763355</v>
      </c>
      <c r="L3142">
        <f t="shared" si="359"/>
        <v>1.8097578322381678</v>
      </c>
      <c r="M3142">
        <f t="shared" si="360"/>
        <v>0</v>
      </c>
      <c r="N3142" s="45">
        <f t="shared" si="361"/>
        <v>45056.499999992462</v>
      </c>
    </row>
    <row r="3143" spans="2:14" x14ac:dyDescent="0.25">
      <c r="B3143">
        <f t="shared" si="355"/>
        <v>3</v>
      </c>
      <c r="C3143" s="16">
        <v>3109</v>
      </c>
      <c r="D3143" cm="1">
        <f t="array" ref="D3143">IFERROR(INDEX(Jesper!AH$2:AH$366,ROUNDDOWN($C3143/24,0)+1,1)*INDEX($D$3:$AA$30,INDEX(Jesper!$R$2:$R$366,ROW(INDEX(Jesper!AH$2:AH$366,ROUNDDOWN($C3143/24,0)+1,1))-1)+IF('Standard Profiles'!$G$18=$B$10,7,0)+IF('Standard Profiles'!$G$18=$B$17,14,0)+IF('Standard Profiles'!$G$18=$B$24,21,0),MOD($C3143,24)+1)/SUM(INDEX($D$3:$AA$30,INDEX(Jesper!$R$2:$R$366,ROW(INDEX(Jesper!AH$2:AH$366,ROUNDDOWN($C3143/24,0)+1,1))-1)+IF('Standard Profiles'!$G$18=$B$10,7,0)+IF('Standard Profiles'!$G$18=$B$17,14,0)+IF('Standard Profiles'!$G$18=$B$24,21,0),0)),0)</f>
        <v>22.541180142609324</v>
      </c>
      <c r="E3143" cm="1">
        <f t="array" ref="E3143">IFERROR(INDEX(Jesper!AI$2:AI$366,ROUNDDOWN($C3143/24,0)+1,1)*INDEX($D$3:$AA$30,INDEX(Jesper!$R$2:$R$366,ROW(INDEX(Jesper!AI$2:AI$366,ROUNDDOWN($C3143/24,0)+1,1))-1)+IF('Standard Profiles'!$G$19=$B$10,7,0)+IF('Standard Profiles'!$G$19=$B$17,14,0)+IF('Standard Profiles'!$G$19=$B$24,21,0),MOD($C3143,24)+1)/SUM(INDEX($D$3:$AA$30,INDEX(Jesper!$R$2:$R$366,ROW(INDEX(Jesper!AI$2:AI$366,ROUNDDOWN($C3143/24,0)+1,1))-1)+IF('Standard Profiles'!$G$19=$B$10,7,0)+IF('Standard Profiles'!$G$19=$B$17,14,0)+IF('Standard Profiles'!$G$19=$B$24,21,0),0)),0)</f>
        <v>13.37340943272063</v>
      </c>
      <c r="F3143" cm="1">
        <f t="array" ref="F3143">IFERROR(INDEX(Jesper!AJ$2:AJ$366,ROUNDDOWN($C3143/24,0)+1,1)*INDEX($D$3:$AA$30,INDEX(Jesper!$R$2:$R$366,ROW(INDEX(Jesper!AJ$2:AJ$366,ROUNDDOWN($C3143/24,0)+1,1))-1)+IF('Standard Profiles'!$G$20=$B$10,7,0)+IF('Standard Profiles'!$G$20=$B$17,14,0)+IF('Standard Profiles'!$G$20=$B$24,21,0),MOD($C3143,24)+1)/SUM(INDEX($D$3:$AA$30,INDEX(Jesper!$R$2:$R$366,ROW(INDEX(Jesper!AJ$2:AJ$366,ROUNDDOWN($C3143/24,0)+1,1))-1)+IF('Standard Profiles'!$G$20=$B$10,7,0)+IF('Standard Profiles'!$G$20=$B$17,14,0)+IF('Standard Profiles'!$G$20=$B$24,21,0),0)),0)</f>
        <v>0</v>
      </c>
      <c r="G3143" cm="1">
        <f t="array" ref="G3143">IFERROR(INDEX(Jesper!AK$2:AK$366,ROUNDDOWN($C3143/24,0)+1,1)*INDEX($D$3:$AA$30,INDEX(Jesper!$R$2:$R$366,ROW(INDEX(Jesper!AK$2:AK$366,ROUNDDOWN($C3143/24,0)+1,1))-1)+IF('Standard Profiles'!$G$21=$B$10,7,0)+IF('Standard Profiles'!$G$21=$B$17,14,0)+IF('Standard Profiles'!$G$21=$B$24,21,0),MOD($C3143,24)+1)/SUM(INDEX($D$3:$AA$30,INDEX(Jesper!$R$2:$R$366,ROW(INDEX(Jesper!AK$2:AK$366,ROUNDDOWN($C3143/24,0)+1,1))-1)+IF('Standard Profiles'!$G$21=$B$10,7,0)+IF('Standard Profiles'!$G$21=$B$17,14,0)+IF('Standard Profiles'!$G$21=$B$24,21,0),0)),0)</f>
        <v>2.59451871091319</v>
      </c>
      <c r="H3143" cm="1">
        <f t="array" ref="H3143">IFERROR(INDEX(Jesper!AL$2:AL$366,ROUNDDOWN($C3143/24,0)+1,1)*INDEX($D$3:$AA$30,INDEX(Jesper!$R$2:$R$366,ROW(INDEX(Jesper!AL$2:AL$366,ROUNDDOWN($C3143/24,0)+1,1))-1)+IF('Standard Profiles'!$G$22=$B$10,7,0)+IF('Standard Profiles'!$G$22=$B$17,14,0)+IF('Standard Profiles'!$G$22=$B$24,21,0),MOD($C3143,24)+1)/SUM(INDEX($D$3:$AA$30,INDEX(Jesper!$R$2:$R$366,ROW(INDEX(Jesper!AL$2:AL$366,ROUNDDOWN($C3143/24,0)+1,1))-1)+IF('Standard Profiles'!$G$22=$B$10,7,0)+IF('Standard Profiles'!$G$22=$B$17,14,0)+IF('Standard Profiles'!$G$22=$B$24,21,0),0)),0)</f>
        <v>0</v>
      </c>
      <c r="I3143">
        <f t="shared" si="356"/>
        <v>1.2453689812383306</v>
      </c>
      <c r="J3143">
        <f t="shared" si="357"/>
        <v>33.657150482187319</v>
      </c>
      <c r="K3143">
        <f t="shared" si="358"/>
        <v>2.4043925485449948</v>
      </c>
      <c r="L3143">
        <f t="shared" si="359"/>
        <v>1.2021962742724974</v>
      </c>
      <c r="M3143">
        <f t="shared" si="360"/>
        <v>0</v>
      </c>
      <c r="N3143" s="45">
        <f t="shared" si="361"/>
        <v>45056.541666659126</v>
      </c>
    </row>
    <row r="3144" spans="2:14" x14ac:dyDescent="0.25">
      <c r="B3144">
        <f t="shared" si="355"/>
        <v>3</v>
      </c>
      <c r="C3144" s="16">
        <v>3110</v>
      </c>
      <c r="D3144" cm="1">
        <f t="array" ref="D3144">IFERROR(INDEX(Jesper!AH$2:AH$366,ROUNDDOWN($C3144/24,0)+1,1)*INDEX($D$3:$AA$30,INDEX(Jesper!$R$2:$R$366,ROW(INDEX(Jesper!AH$2:AH$366,ROUNDDOWN($C3144/24,0)+1,1))-1)+IF('Standard Profiles'!$G$18=$B$10,7,0)+IF('Standard Profiles'!$G$18=$B$17,14,0)+IF('Standard Profiles'!$G$18=$B$24,21,0),MOD($C3144,24)+1)/SUM(INDEX($D$3:$AA$30,INDEX(Jesper!$R$2:$R$366,ROW(INDEX(Jesper!AH$2:AH$366,ROUNDDOWN($C3144/24,0)+1,1))-1)+IF('Standard Profiles'!$G$18=$B$10,7,0)+IF('Standard Profiles'!$G$18=$B$17,14,0)+IF('Standard Profiles'!$G$18=$B$24,21,0),0)),0)</f>
        <v>33.932959354465645</v>
      </c>
      <c r="E3144" cm="1">
        <f t="array" ref="E3144">IFERROR(INDEX(Jesper!AI$2:AI$366,ROUNDDOWN($C3144/24,0)+1,1)*INDEX($D$3:$AA$30,INDEX(Jesper!$R$2:$R$366,ROW(INDEX(Jesper!AI$2:AI$366,ROUNDDOWN($C3144/24,0)+1,1))-1)+IF('Standard Profiles'!$G$19=$B$10,7,0)+IF('Standard Profiles'!$G$19=$B$17,14,0)+IF('Standard Profiles'!$G$19=$B$24,21,0),MOD($C3144,24)+1)/SUM(INDEX($D$3:$AA$30,INDEX(Jesper!$R$2:$R$366,ROW(INDEX(Jesper!AI$2:AI$366,ROUNDDOWN($C3144/24,0)+1,1))-1)+IF('Standard Profiles'!$G$19=$B$10,7,0)+IF('Standard Profiles'!$G$19=$B$17,14,0)+IF('Standard Profiles'!$G$19=$B$24,21,0),0)),0)</f>
        <v>20.132014199794494</v>
      </c>
      <c r="F3144" cm="1">
        <f t="array" ref="F3144">IFERROR(INDEX(Jesper!AJ$2:AJ$366,ROUNDDOWN($C3144/24,0)+1,1)*INDEX($D$3:$AA$30,INDEX(Jesper!$R$2:$R$366,ROW(INDEX(Jesper!AJ$2:AJ$366,ROUNDDOWN($C3144/24,0)+1,1))-1)+IF('Standard Profiles'!$G$20=$B$10,7,0)+IF('Standard Profiles'!$G$20=$B$17,14,0)+IF('Standard Profiles'!$G$20=$B$24,21,0),MOD($C3144,24)+1)/SUM(INDEX($D$3:$AA$30,INDEX(Jesper!$R$2:$R$366,ROW(INDEX(Jesper!AJ$2:AJ$366,ROUNDDOWN($C3144/24,0)+1,1))-1)+IF('Standard Profiles'!$G$20=$B$10,7,0)+IF('Standard Profiles'!$G$20=$B$17,14,0)+IF('Standard Profiles'!$G$20=$B$24,21,0),0)),0)</f>
        <v>0</v>
      </c>
      <c r="G3144" cm="1">
        <f t="array" ref="G3144">IFERROR(INDEX(Jesper!AK$2:AK$366,ROUNDDOWN($C3144/24,0)+1,1)*INDEX($D$3:$AA$30,INDEX(Jesper!$R$2:$R$366,ROW(INDEX(Jesper!AK$2:AK$366,ROUNDDOWN($C3144/24,0)+1,1))-1)+IF('Standard Profiles'!$G$21=$B$10,7,0)+IF('Standard Profiles'!$G$21=$B$17,14,0)+IF('Standard Profiles'!$G$21=$B$24,21,0),MOD($C3144,24)+1)/SUM(INDEX($D$3:$AA$30,INDEX(Jesper!$R$2:$R$366,ROW(INDEX(Jesper!AK$2:AK$366,ROUNDDOWN($C3144/24,0)+1,1))-1)+IF('Standard Profiles'!$G$21=$B$10,7,0)+IF('Standard Profiles'!$G$21=$B$17,14,0)+IF('Standard Profiles'!$G$21=$B$24,21,0),0)),0)</f>
        <v>3.9057270916972744</v>
      </c>
      <c r="H3144" cm="1">
        <f t="array" ref="H3144">IFERROR(INDEX(Jesper!AL$2:AL$366,ROUNDDOWN($C3144/24,0)+1,1)*INDEX($D$3:$AA$30,INDEX(Jesper!$R$2:$R$366,ROW(INDEX(Jesper!AL$2:AL$366,ROUNDDOWN($C3144/24,0)+1,1))-1)+IF('Standard Profiles'!$G$22=$B$10,7,0)+IF('Standard Profiles'!$G$22=$B$17,14,0)+IF('Standard Profiles'!$G$22=$B$24,21,0),MOD($C3144,24)+1)/SUM(INDEX($D$3:$AA$30,INDEX(Jesper!$R$2:$R$366,ROW(INDEX(Jesper!AL$2:AL$366,ROUNDDOWN($C3144/24,0)+1,1))-1)+IF('Standard Profiles'!$G$22=$B$10,7,0)+IF('Standard Profiles'!$G$22=$B$17,14,0)+IF('Standard Profiles'!$G$22=$B$24,21,0),0)),0)</f>
        <v>0</v>
      </c>
      <c r="I3144">
        <f t="shared" si="356"/>
        <v>1.8747490040146908</v>
      </c>
      <c r="J3144">
        <f t="shared" si="357"/>
        <v>50.666678145228218</v>
      </c>
      <c r="K3144">
        <f t="shared" si="358"/>
        <v>3.6195156644763355</v>
      </c>
      <c r="L3144">
        <f t="shared" si="359"/>
        <v>1.8097578322381678</v>
      </c>
      <c r="M3144">
        <f t="shared" si="360"/>
        <v>0</v>
      </c>
      <c r="N3144" s="45">
        <f t="shared" si="361"/>
        <v>45056.583333325791</v>
      </c>
    </row>
    <row r="3145" spans="2:14" x14ac:dyDescent="0.25">
      <c r="B3145">
        <f t="shared" si="355"/>
        <v>3</v>
      </c>
      <c r="C3145" s="16">
        <v>3111</v>
      </c>
      <c r="D3145" cm="1">
        <f t="array" ref="D3145">IFERROR(INDEX(Jesper!AH$2:AH$366,ROUNDDOWN($C3145/24,0)+1,1)*INDEX($D$3:$AA$30,INDEX(Jesper!$R$2:$R$366,ROW(INDEX(Jesper!AH$2:AH$366,ROUNDDOWN($C3145/24,0)+1,1))-1)+IF('Standard Profiles'!$G$18=$B$10,7,0)+IF('Standard Profiles'!$G$18=$B$17,14,0)+IF('Standard Profiles'!$G$18=$B$24,21,0),MOD($C3145,24)+1)/SUM(INDEX($D$3:$AA$30,INDEX(Jesper!$R$2:$R$366,ROW(INDEX(Jesper!AH$2:AH$366,ROUNDDOWN($C3145/24,0)+1,1))-1)+IF('Standard Profiles'!$G$18=$B$10,7,0)+IF('Standard Profiles'!$G$18=$B$17,14,0)+IF('Standard Profiles'!$G$18=$B$24,21,0),0)),0)</f>
        <v>33.932959354465645</v>
      </c>
      <c r="E3145" cm="1">
        <f t="array" ref="E3145">IFERROR(INDEX(Jesper!AI$2:AI$366,ROUNDDOWN($C3145/24,0)+1,1)*INDEX($D$3:$AA$30,INDEX(Jesper!$R$2:$R$366,ROW(INDEX(Jesper!AI$2:AI$366,ROUNDDOWN($C3145/24,0)+1,1))-1)+IF('Standard Profiles'!$G$19=$B$10,7,0)+IF('Standard Profiles'!$G$19=$B$17,14,0)+IF('Standard Profiles'!$G$19=$B$24,21,0),MOD($C3145,24)+1)/SUM(INDEX($D$3:$AA$30,INDEX(Jesper!$R$2:$R$366,ROW(INDEX(Jesper!AI$2:AI$366,ROUNDDOWN($C3145/24,0)+1,1))-1)+IF('Standard Profiles'!$G$19=$B$10,7,0)+IF('Standard Profiles'!$G$19=$B$17,14,0)+IF('Standard Profiles'!$G$19=$B$24,21,0),0)),0)</f>
        <v>20.132014199794494</v>
      </c>
      <c r="F3145" cm="1">
        <f t="array" ref="F3145">IFERROR(INDEX(Jesper!AJ$2:AJ$366,ROUNDDOWN($C3145/24,0)+1,1)*INDEX($D$3:$AA$30,INDEX(Jesper!$R$2:$R$366,ROW(INDEX(Jesper!AJ$2:AJ$366,ROUNDDOWN($C3145/24,0)+1,1))-1)+IF('Standard Profiles'!$G$20=$B$10,7,0)+IF('Standard Profiles'!$G$20=$B$17,14,0)+IF('Standard Profiles'!$G$20=$B$24,21,0),MOD($C3145,24)+1)/SUM(INDEX($D$3:$AA$30,INDEX(Jesper!$R$2:$R$366,ROW(INDEX(Jesper!AJ$2:AJ$366,ROUNDDOWN($C3145/24,0)+1,1))-1)+IF('Standard Profiles'!$G$20=$B$10,7,0)+IF('Standard Profiles'!$G$20=$B$17,14,0)+IF('Standard Profiles'!$G$20=$B$24,21,0),0)),0)</f>
        <v>0</v>
      </c>
      <c r="G3145" cm="1">
        <f t="array" ref="G3145">IFERROR(INDEX(Jesper!AK$2:AK$366,ROUNDDOWN($C3145/24,0)+1,1)*INDEX($D$3:$AA$30,INDEX(Jesper!$R$2:$R$366,ROW(INDEX(Jesper!AK$2:AK$366,ROUNDDOWN($C3145/24,0)+1,1))-1)+IF('Standard Profiles'!$G$21=$B$10,7,0)+IF('Standard Profiles'!$G$21=$B$17,14,0)+IF('Standard Profiles'!$G$21=$B$24,21,0),MOD($C3145,24)+1)/SUM(INDEX($D$3:$AA$30,INDEX(Jesper!$R$2:$R$366,ROW(INDEX(Jesper!AK$2:AK$366,ROUNDDOWN($C3145/24,0)+1,1))-1)+IF('Standard Profiles'!$G$21=$B$10,7,0)+IF('Standard Profiles'!$G$21=$B$17,14,0)+IF('Standard Profiles'!$G$21=$B$24,21,0),0)),0)</f>
        <v>3.9057270916972744</v>
      </c>
      <c r="H3145" cm="1">
        <f t="array" ref="H3145">IFERROR(INDEX(Jesper!AL$2:AL$366,ROUNDDOWN($C3145/24,0)+1,1)*INDEX($D$3:$AA$30,INDEX(Jesper!$R$2:$R$366,ROW(INDEX(Jesper!AL$2:AL$366,ROUNDDOWN($C3145/24,0)+1,1))-1)+IF('Standard Profiles'!$G$22=$B$10,7,0)+IF('Standard Profiles'!$G$22=$B$17,14,0)+IF('Standard Profiles'!$G$22=$B$24,21,0),MOD($C3145,24)+1)/SUM(INDEX($D$3:$AA$30,INDEX(Jesper!$R$2:$R$366,ROW(INDEX(Jesper!AL$2:AL$366,ROUNDDOWN($C3145/24,0)+1,1))-1)+IF('Standard Profiles'!$G$22=$B$10,7,0)+IF('Standard Profiles'!$G$22=$B$17,14,0)+IF('Standard Profiles'!$G$22=$B$24,21,0),0)),0)</f>
        <v>0</v>
      </c>
      <c r="I3145">
        <f t="shared" si="356"/>
        <v>1.8747490040146908</v>
      </c>
      <c r="J3145">
        <f t="shared" si="357"/>
        <v>50.666678145228218</v>
      </c>
      <c r="K3145">
        <f t="shared" si="358"/>
        <v>3.6195156644763355</v>
      </c>
      <c r="L3145">
        <f t="shared" si="359"/>
        <v>1.8097578322381678</v>
      </c>
      <c r="M3145">
        <f t="shared" si="360"/>
        <v>0</v>
      </c>
      <c r="N3145" s="45">
        <f t="shared" si="361"/>
        <v>45056.624999992455</v>
      </c>
    </row>
    <row r="3146" spans="2:14" x14ac:dyDescent="0.25">
      <c r="B3146">
        <f t="shared" si="355"/>
        <v>3</v>
      </c>
      <c r="C3146" s="16">
        <v>3112</v>
      </c>
      <c r="D3146" cm="1">
        <f t="array" ref="D3146">IFERROR(INDEX(Jesper!AH$2:AH$366,ROUNDDOWN($C3146/24,0)+1,1)*INDEX($D$3:$AA$30,INDEX(Jesper!$R$2:$R$366,ROW(INDEX(Jesper!AH$2:AH$366,ROUNDDOWN($C3146/24,0)+1,1))-1)+IF('Standard Profiles'!$G$18=$B$10,7,0)+IF('Standard Profiles'!$G$18=$B$17,14,0)+IF('Standard Profiles'!$G$18=$B$24,21,0),MOD($C3146,24)+1)/SUM(INDEX($D$3:$AA$30,INDEX(Jesper!$R$2:$R$366,ROW(INDEX(Jesper!AH$2:AH$366,ROUNDDOWN($C3146/24,0)+1,1))-1)+IF('Standard Profiles'!$G$18=$B$10,7,0)+IF('Standard Profiles'!$G$18=$B$17,14,0)+IF('Standard Profiles'!$G$18=$B$24,21,0),0)),0)</f>
        <v>19.996208191024401</v>
      </c>
      <c r="E3146" cm="1">
        <f t="array" ref="E3146">IFERROR(INDEX(Jesper!AI$2:AI$366,ROUNDDOWN($C3146/24,0)+1,1)*INDEX($D$3:$AA$30,INDEX(Jesper!$R$2:$R$366,ROW(INDEX(Jesper!AI$2:AI$366,ROUNDDOWN($C3146/24,0)+1,1))-1)+IF('Standard Profiles'!$G$19=$B$10,7,0)+IF('Standard Profiles'!$G$19=$B$17,14,0)+IF('Standard Profiles'!$G$19=$B$24,21,0),MOD($C3146,24)+1)/SUM(INDEX($D$3:$AA$30,INDEX(Jesper!$R$2:$R$366,ROW(INDEX(Jesper!AI$2:AI$366,ROUNDDOWN($C3146/24,0)+1,1))-1)+IF('Standard Profiles'!$G$19=$B$10,7,0)+IF('Standard Profiles'!$G$19=$B$17,14,0)+IF('Standard Profiles'!$G$19=$B$24,21,0),0)),0)</f>
        <v>11.863508367736042</v>
      </c>
      <c r="F3146" cm="1">
        <f t="array" ref="F3146">IFERROR(INDEX(Jesper!AJ$2:AJ$366,ROUNDDOWN($C3146/24,0)+1,1)*INDEX($D$3:$AA$30,INDEX(Jesper!$R$2:$R$366,ROW(INDEX(Jesper!AJ$2:AJ$366,ROUNDDOWN($C3146/24,0)+1,1))-1)+IF('Standard Profiles'!$G$20=$B$10,7,0)+IF('Standard Profiles'!$G$20=$B$17,14,0)+IF('Standard Profiles'!$G$20=$B$24,21,0),MOD($C3146,24)+1)/SUM(INDEX($D$3:$AA$30,INDEX(Jesper!$R$2:$R$366,ROW(INDEX(Jesper!AJ$2:AJ$366,ROUNDDOWN($C3146/24,0)+1,1))-1)+IF('Standard Profiles'!$G$20=$B$10,7,0)+IF('Standard Profiles'!$G$20=$B$17,14,0)+IF('Standard Profiles'!$G$20=$B$24,21,0),0)),0)</f>
        <v>0</v>
      </c>
      <c r="G3146" cm="1">
        <f t="array" ref="G3146">IFERROR(INDEX(Jesper!AK$2:AK$366,ROUNDDOWN($C3146/24,0)+1,1)*INDEX($D$3:$AA$30,INDEX(Jesper!$R$2:$R$366,ROW(INDEX(Jesper!AK$2:AK$366,ROUNDDOWN($C3146/24,0)+1,1))-1)+IF('Standard Profiles'!$G$21=$B$10,7,0)+IF('Standard Profiles'!$G$21=$B$17,14,0)+IF('Standard Profiles'!$G$21=$B$24,21,0),MOD($C3146,24)+1)/SUM(INDEX($D$3:$AA$30,INDEX(Jesper!$R$2:$R$366,ROW(INDEX(Jesper!AK$2:AK$366,ROUNDDOWN($C3146/24,0)+1,1))-1)+IF('Standard Profiles'!$G$21=$B$10,7,0)+IF('Standard Profiles'!$G$21=$B$17,14,0)+IF('Standard Profiles'!$G$21=$B$24,21,0),0)),0)</f>
        <v>3.2635909257593609</v>
      </c>
      <c r="H3146" cm="1">
        <f t="array" ref="H3146">IFERROR(INDEX(Jesper!AL$2:AL$366,ROUNDDOWN($C3146/24,0)+1,1)*INDEX($D$3:$AA$30,INDEX(Jesper!$R$2:$R$366,ROW(INDEX(Jesper!AL$2:AL$366,ROUNDDOWN($C3146/24,0)+1,1))-1)+IF('Standard Profiles'!$G$22=$B$10,7,0)+IF('Standard Profiles'!$G$22=$B$17,14,0)+IF('Standard Profiles'!$G$22=$B$24,21,0),MOD($C3146,24)+1)/SUM(INDEX($D$3:$AA$30,INDEX(Jesper!$R$2:$R$366,ROW(INDEX(Jesper!AL$2:AL$366,ROUNDDOWN($C3146/24,0)+1,1))-1)+IF('Standard Profiles'!$G$22=$B$10,7,0)+IF('Standard Profiles'!$G$22=$B$17,14,0)+IF('Standard Profiles'!$G$22=$B$24,21,0),0)),0)</f>
        <v>0</v>
      </c>
      <c r="I3146">
        <f t="shared" si="356"/>
        <v>1.5665236443644925</v>
      </c>
      <c r="J3146">
        <f t="shared" si="357"/>
        <v>30.357390529591406</v>
      </c>
      <c r="K3146">
        <f t="shared" si="358"/>
        <v>2.1329288737092695</v>
      </c>
      <c r="L3146">
        <f t="shared" si="359"/>
        <v>1.0664644368546348</v>
      </c>
      <c r="M3146">
        <f t="shared" si="360"/>
        <v>0</v>
      </c>
      <c r="N3146" s="45">
        <f t="shared" si="361"/>
        <v>45056.666666659119</v>
      </c>
    </row>
    <row r="3147" spans="2:14" x14ac:dyDescent="0.25">
      <c r="B3147">
        <f t="shared" si="355"/>
        <v>3</v>
      </c>
      <c r="C3147" s="16">
        <v>3113</v>
      </c>
      <c r="D3147" cm="1">
        <f t="array" ref="D3147">IFERROR(INDEX(Jesper!AH$2:AH$366,ROUNDDOWN($C3147/24,0)+1,1)*INDEX($D$3:$AA$30,INDEX(Jesper!$R$2:$R$366,ROW(INDEX(Jesper!AH$2:AH$366,ROUNDDOWN($C3147/24,0)+1,1))-1)+IF('Standard Profiles'!$G$18=$B$10,7,0)+IF('Standard Profiles'!$G$18=$B$17,14,0)+IF('Standard Profiles'!$G$18=$B$24,21,0),MOD($C3147,24)+1)/SUM(INDEX($D$3:$AA$30,INDEX(Jesper!$R$2:$R$366,ROW(INDEX(Jesper!AH$2:AH$366,ROUNDDOWN($C3147/24,0)+1,1))-1)+IF('Standard Profiles'!$G$18=$B$10,7,0)+IF('Standard Profiles'!$G$18=$B$17,14,0)+IF('Standard Profiles'!$G$18=$B$24,21,0),0)),0)</f>
        <v>8.5344465177227491</v>
      </c>
      <c r="E3147" cm="1">
        <f t="array" ref="E3147">IFERROR(INDEX(Jesper!AI$2:AI$366,ROUNDDOWN($C3147/24,0)+1,1)*INDEX($D$3:$AA$30,INDEX(Jesper!$R$2:$R$366,ROW(INDEX(Jesper!AI$2:AI$366,ROUNDDOWN($C3147/24,0)+1,1))-1)+IF('Standard Profiles'!$G$19=$B$10,7,0)+IF('Standard Profiles'!$G$19=$B$17,14,0)+IF('Standard Profiles'!$G$19=$B$24,21,0),MOD($C3147,24)+1)/SUM(INDEX($D$3:$AA$30,INDEX(Jesper!$R$2:$R$366,ROW(INDEX(Jesper!AI$2:AI$366,ROUNDDOWN($C3147/24,0)+1,1))-1)+IF('Standard Profiles'!$G$19=$B$10,7,0)+IF('Standard Profiles'!$G$19=$B$17,14,0)+IF('Standard Profiles'!$G$19=$B$24,21,0),0)),0)</f>
        <v>5.0633838530670268</v>
      </c>
      <c r="F3147" cm="1">
        <f t="array" ref="F3147">IFERROR(INDEX(Jesper!AJ$2:AJ$366,ROUNDDOWN($C3147/24,0)+1,1)*INDEX($D$3:$AA$30,INDEX(Jesper!$R$2:$R$366,ROW(INDEX(Jesper!AJ$2:AJ$366,ROUNDDOWN($C3147/24,0)+1,1))-1)+IF('Standard Profiles'!$G$20=$B$10,7,0)+IF('Standard Profiles'!$G$20=$B$17,14,0)+IF('Standard Profiles'!$G$20=$B$24,21,0),MOD($C3147,24)+1)/SUM(INDEX($D$3:$AA$30,INDEX(Jesper!$R$2:$R$366,ROW(INDEX(Jesper!AJ$2:AJ$366,ROUNDDOWN($C3147/24,0)+1,1))-1)+IF('Standard Profiles'!$G$20=$B$10,7,0)+IF('Standard Profiles'!$G$20=$B$17,14,0)+IF('Standard Profiles'!$G$20=$B$24,21,0),0)),0)</f>
        <v>0</v>
      </c>
      <c r="G3147" cm="1">
        <f t="array" ref="G3147">IFERROR(INDEX(Jesper!AK$2:AK$366,ROUNDDOWN($C3147/24,0)+1,1)*INDEX($D$3:$AA$30,INDEX(Jesper!$R$2:$R$366,ROW(INDEX(Jesper!AK$2:AK$366,ROUNDDOWN($C3147/24,0)+1,1))-1)+IF('Standard Profiles'!$G$21=$B$10,7,0)+IF('Standard Profiles'!$G$21=$B$17,14,0)+IF('Standard Profiles'!$G$21=$B$24,21,0),MOD($C3147,24)+1)/SUM(INDEX($D$3:$AA$30,INDEX(Jesper!$R$2:$R$366,ROW(INDEX(Jesper!AK$2:AK$366,ROUNDDOWN($C3147/24,0)+1,1))-1)+IF('Standard Profiles'!$G$21=$B$10,7,0)+IF('Standard Profiles'!$G$21=$B$17,14,0)+IF('Standard Profiles'!$G$21=$B$24,21,0),0)),0)</f>
        <v>2.5949997117865515</v>
      </c>
      <c r="H3147" cm="1">
        <f t="array" ref="H3147">IFERROR(INDEX(Jesper!AL$2:AL$366,ROUNDDOWN($C3147/24,0)+1,1)*INDEX($D$3:$AA$30,INDEX(Jesper!$R$2:$R$366,ROW(INDEX(Jesper!AL$2:AL$366,ROUNDDOWN($C3147/24,0)+1,1))-1)+IF('Standard Profiles'!$G$22=$B$10,7,0)+IF('Standard Profiles'!$G$22=$B$17,14,0)+IF('Standard Profiles'!$G$22=$B$24,21,0),MOD($C3147,24)+1)/SUM(INDEX($D$3:$AA$30,INDEX(Jesper!$R$2:$R$366,ROW(INDEX(Jesper!AL$2:AL$366,ROUNDDOWN($C3147/24,0)+1,1))-1)+IF('Standard Profiles'!$G$22=$B$10,7,0)+IF('Standard Profiles'!$G$22=$B$17,14,0)+IF('Standard Profiles'!$G$22=$B$24,21,0),0)),0)</f>
        <v>0</v>
      </c>
      <c r="I3147">
        <f t="shared" si="356"/>
        <v>1.2455998616575441</v>
      </c>
      <c r="J3147">
        <f t="shared" si="357"/>
        <v>13.581718778083143</v>
      </c>
      <c r="K3147">
        <f t="shared" si="358"/>
        <v>0.91034096189042668</v>
      </c>
      <c r="L3147">
        <f t="shared" si="359"/>
        <v>0.45517048094521334</v>
      </c>
      <c r="M3147">
        <f t="shared" si="360"/>
        <v>0</v>
      </c>
      <c r="N3147" s="45">
        <f t="shared" si="361"/>
        <v>45056.708333325783</v>
      </c>
    </row>
    <row r="3148" spans="2:14" x14ac:dyDescent="0.25">
      <c r="B3148">
        <f t="shared" si="355"/>
        <v>3</v>
      </c>
      <c r="C3148" s="16">
        <v>3114</v>
      </c>
      <c r="D3148" cm="1">
        <f t="array" ref="D3148">IFERROR(INDEX(Jesper!AH$2:AH$366,ROUNDDOWN($C3148/24,0)+1,1)*INDEX($D$3:$AA$30,INDEX(Jesper!$R$2:$R$366,ROW(INDEX(Jesper!AH$2:AH$366,ROUNDDOWN($C3148/24,0)+1,1))-1)+IF('Standard Profiles'!$G$18=$B$10,7,0)+IF('Standard Profiles'!$G$18=$B$17,14,0)+IF('Standard Profiles'!$G$18=$B$24,21,0),MOD($C3148,24)+1)/SUM(INDEX($D$3:$AA$30,INDEX(Jesper!$R$2:$R$366,ROW(INDEX(Jesper!AH$2:AH$366,ROUNDDOWN($C3148/24,0)+1,1))-1)+IF('Standard Profiles'!$G$18=$B$10,7,0)+IF('Standard Profiles'!$G$18=$B$17,14,0)+IF('Standard Profiles'!$G$18=$B$24,21,0),0)),0)</f>
        <v>5.6327347016970144</v>
      </c>
      <c r="E3148" cm="1">
        <f t="array" ref="E3148">IFERROR(INDEX(Jesper!AI$2:AI$366,ROUNDDOWN($C3148/24,0)+1,1)*INDEX($D$3:$AA$30,INDEX(Jesper!$R$2:$R$366,ROW(INDEX(Jesper!AI$2:AI$366,ROUNDDOWN($C3148/24,0)+1,1))-1)+IF('Standard Profiles'!$G$19=$B$10,7,0)+IF('Standard Profiles'!$G$19=$B$17,14,0)+IF('Standard Profiles'!$G$19=$B$24,21,0),MOD($C3148,24)+1)/SUM(INDEX($D$3:$AA$30,INDEX(Jesper!$R$2:$R$366,ROW(INDEX(Jesper!AI$2:AI$366,ROUNDDOWN($C3148/24,0)+1,1))-1)+IF('Standard Profiles'!$G$19=$B$10,7,0)+IF('Standard Profiles'!$G$19=$B$17,14,0)+IF('Standard Profiles'!$G$19=$B$24,21,0),0)),0)</f>
        <v>3.3418333430242368</v>
      </c>
      <c r="F3148" cm="1">
        <f t="array" ref="F3148">IFERROR(INDEX(Jesper!AJ$2:AJ$366,ROUNDDOWN($C3148/24,0)+1,1)*INDEX($D$3:$AA$30,INDEX(Jesper!$R$2:$R$366,ROW(INDEX(Jesper!AJ$2:AJ$366,ROUNDDOWN($C3148/24,0)+1,1))-1)+IF('Standard Profiles'!$G$20=$B$10,7,0)+IF('Standard Profiles'!$G$20=$B$17,14,0)+IF('Standard Profiles'!$G$20=$B$24,21,0),MOD($C3148,24)+1)/SUM(INDEX($D$3:$AA$30,INDEX(Jesper!$R$2:$R$366,ROW(INDEX(Jesper!AJ$2:AJ$366,ROUNDDOWN($C3148/24,0)+1,1))-1)+IF('Standard Profiles'!$G$20=$B$10,7,0)+IF('Standard Profiles'!$G$20=$B$17,14,0)+IF('Standard Profiles'!$G$20=$B$24,21,0),0)),0)</f>
        <v>0</v>
      </c>
      <c r="G3148" cm="1">
        <f t="array" ref="G3148">IFERROR(INDEX(Jesper!AK$2:AK$366,ROUNDDOWN($C3148/24,0)+1,1)*INDEX($D$3:$AA$30,INDEX(Jesper!$R$2:$R$366,ROW(INDEX(Jesper!AK$2:AK$366,ROUNDDOWN($C3148/24,0)+1,1))-1)+IF('Standard Profiles'!$G$21=$B$10,7,0)+IF('Standard Profiles'!$G$21=$B$17,14,0)+IF('Standard Profiles'!$G$21=$B$24,21,0),MOD($C3148,24)+1)/SUM(INDEX($D$3:$AA$30,INDEX(Jesper!$R$2:$R$366,ROW(INDEX(Jesper!AK$2:AK$366,ROUNDDOWN($C3148/24,0)+1,1))-1)+IF('Standard Profiles'!$G$21=$B$10,7,0)+IF('Standard Profiles'!$G$21=$B$17,14,0)+IF('Standard Profiles'!$G$21=$B$24,21,0),0)),0)</f>
        <v>0.96200174672346683</v>
      </c>
      <c r="H3148" cm="1">
        <f t="array" ref="H3148">IFERROR(INDEX(Jesper!AL$2:AL$366,ROUNDDOWN($C3148/24,0)+1,1)*INDEX($D$3:$AA$30,INDEX(Jesper!$R$2:$R$366,ROW(INDEX(Jesper!AL$2:AL$366,ROUNDDOWN($C3148/24,0)+1,1))-1)+IF('Standard Profiles'!$G$22=$B$10,7,0)+IF('Standard Profiles'!$G$22=$B$17,14,0)+IF('Standard Profiles'!$G$22=$B$24,21,0),MOD($C3148,24)+1)/SUM(INDEX($D$3:$AA$30,INDEX(Jesper!$R$2:$R$366,ROW(INDEX(Jesper!AL$2:AL$366,ROUNDDOWN($C3148/24,0)+1,1))-1)+IF('Standard Profiles'!$G$22=$B$10,7,0)+IF('Standard Profiles'!$G$22=$B$17,14,0)+IF('Standard Profiles'!$G$22=$B$24,21,0),0)),0)</f>
        <v>0</v>
      </c>
      <c r="I3148">
        <f t="shared" si="356"/>
        <v>0.46176083842726384</v>
      </c>
      <c r="J3148">
        <f t="shared" si="357"/>
        <v>8.57357140074593</v>
      </c>
      <c r="K3148">
        <f t="shared" si="358"/>
        <v>0.60082503484768157</v>
      </c>
      <c r="L3148">
        <f t="shared" si="359"/>
        <v>0.30041251742384079</v>
      </c>
      <c r="M3148">
        <f t="shared" si="360"/>
        <v>0</v>
      </c>
      <c r="N3148" s="45">
        <f t="shared" si="361"/>
        <v>45056.749999992448</v>
      </c>
    </row>
    <row r="3149" spans="2:14" x14ac:dyDescent="0.25">
      <c r="B3149">
        <f t="shared" si="355"/>
        <v>3</v>
      </c>
      <c r="C3149" s="16">
        <v>3115</v>
      </c>
      <c r="D3149" cm="1">
        <f t="array" ref="D3149">IFERROR(INDEX(Jesper!AH$2:AH$366,ROUNDDOWN($C3149/24,0)+1,1)*INDEX($D$3:$AA$30,INDEX(Jesper!$R$2:$R$366,ROW(INDEX(Jesper!AH$2:AH$366,ROUNDDOWN($C3149/24,0)+1,1))-1)+IF('Standard Profiles'!$G$18=$B$10,7,0)+IF('Standard Profiles'!$G$18=$B$17,14,0)+IF('Standard Profiles'!$G$18=$B$24,21,0),MOD($C3149,24)+1)/SUM(INDEX($D$3:$AA$30,INDEX(Jesper!$R$2:$R$366,ROW(INDEX(Jesper!AH$2:AH$366,ROUNDDOWN($C3149/24,0)+1,1))-1)+IF('Standard Profiles'!$G$18=$B$10,7,0)+IF('Standard Profiles'!$G$18=$B$17,14,0)+IF('Standard Profiles'!$G$18=$B$24,21,0),0)),0)</f>
        <v>5.6327347016970144</v>
      </c>
      <c r="E3149" cm="1">
        <f t="array" ref="E3149">IFERROR(INDEX(Jesper!AI$2:AI$366,ROUNDDOWN($C3149/24,0)+1,1)*INDEX($D$3:$AA$30,INDEX(Jesper!$R$2:$R$366,ROW(INDEX(Jesper!AI$2:AI$366,ROUNDDOWN($C3149/24,0)+1,1))-1)+IF('Standard Profiles'!$G$19=$B$10,7,0)+IF('Standard Profiles'!$G$19=$B$17,14,0)+IF('Standard Profiles'!$G$19=$B$24,21,0),MOD($C3149,24)+1)/SUM(INDEX($D$3:$AA$30,INDEX(Jesper!$R$2:$R$366,ROW(INDEX(Jesper!AI$2:AI$366,ROUNDDOWN($C3149/24,0)+1,1))-1)+IF('Standard Profiles'!$G$19=$B$10,7,0)+IF('Standard Profiles'!$G$19=$B$17,14,0)+IF('Standard Profiles'!$G$19=$B$24,21,0),0)),0)</f>
        <v>3.3418333430242368</v>
      </c>
      <c r="F3149" cm="1">
        <f t="array" ref="F3149">IFERROR(INDEX(Jesper!AJ$2:AJ$366,ROUNDDOWN($C3149/24,0)+1,1)*INDEX($D$3:$AA$30,INDEX(Jesper!$R$2:$R$366,ROW(INDEX(Jesper!AJ$2:AJ$366,ROUNDDOWN($C3149/24,0)+1,1))-1)+IF('Standard Profiles'!$G$20=$B$10,7,0)+IF('Standard Profiles'!$G$20=$B$17,14,0)+IF('Standard Profiles'!$G$20=$B$24,21,0),MOD($C3149,24)+1)/SUM(INDEX($D$3:$AA$30,INDEX(Jesper!$R$2:$R$366,ROW(INDEX(Jesper!AJ$2:AJ$366,ROUNDDOWN($C3149/24,0)+1,1))-1)+IF('Standard Profiles'!$G$20=$B$10,7,0)+IF('Standard Profiles'!$G$20=$B$17,14,0)+IF('Standard Profiles'!$G$20=$B$24,21,0),0)),0)</f>
        <v>0</v>
      </c>
      <c r="G3149" cm="1">
        <f t="array" ref="G3149">IFERROR(INDEX(Jesper!AK$2:AK$366,ROUNDDOWN($C3149/24,0)+1,1)*INDEX($D$3:$AA$30,INDEX(Jesper!$R$2:$R$366,ROW(INDEX(Jesper!AK$2:AK$366,ROUNDDOWN($C3149/24,0)+1,1))-1)+IF('Standard Profiles'!$G$21=$B$10,7,0)+IF('Standard Profiles'!$G$21=$B$17,14,0)+IF('Standard Profiles'!$G$21=$B$24,21,0),MOD($C3149,24)+1)/SUM(INDEX($D$3:$AA$30,INDEX(Jesper!$R$2:$R$366,ROW(INDEX(Jesper!AK$2:AK$366,ROUNDDOWN($C3149/24,0)+1,1))-1)+IF('Standard Profiles'!$G$21=$B$10,7,0)+IF('Standard Profiles'!$G$21=$B$17,14,0)+IF('Standard Profiles'!$G$21=$B$24,21,0),0)),0)</f>
        <v>0.96200174672346683</v>
      </c>
      <c r="H3149" cm="1">
        <f t="array" ref="H3149">IFERROR(INDEX(Jesper!AL$2:AL$366,ROUNDDOWN($C3149/24,0)+1,1)*INDEX($D$3:$AA$30,INDEX(Jesper!$R$2:$R$366,ROW(INDEX(Jesper!AL$2:AL$366,ROUNDDOWN($C3149/24,0)+1,1))-1)+IF('Standard Profiles'!$G$22=$B$10,7,0)+IF('Standard Profiles'!$G$22=$B$17,14,0)+IF('Standard Profiles'!$G$22=$B$24,21,0),MOD($C3149,24)+1)/SUM(INDEX($D$3:$AA$30,INDEX(Jesper!$R$2:$R$366,ROW(INDEX(Jesper!AL$2:AL$366,ROUNDDOWN($C3149/24,0)+1,1))-1)+IF('Standard Profiles'!$G$22=$B$10,7,0)+IF('Standard Profiles'!$G$22=$B$17,14,0)+IF('Standard Profiles'!$G$22=$B$24,21,0),0)),0)</f>
        <v>0</v>
      </c>
      <c r="I3149">
        <f t="shared" si="356"/>
        <v>0.46176083842726384</v>
      </c>
      <c r="J3149">
        <f t="shared" si="357"/>
        <v>8.57357140074593</v>
      </c>
      <c r="K3149">
        <f t="shared" si="358"/>
        <v>0.60082503484768157</v>
      </c>
      <c r="L3149">
        <f t="shared" si="359"/>
        <v>0.30041251742384079</v>
      </c>
      <c r="M3149">
        <f t="shared" si="360"/>
        <v>0</v>
      </c>
      <c r="N3149" s="45">
        <f t="shared" si="361"/>
        <v>45056.791666659112</v>
      </c>
    </row>
    <row r="3150" spans="2:14" x14ac:dyDescent="0.25">
      <c r="B3150">
        <f t="shared" si="355"/>
        <v>3</v>
      </c>
      <c r="C3150" s="16">
        <v>3116</v>
      </c>
      <c r="D3150" cm="1">
        <f t="array" ref="D3150">IFERROR(INDEX(Jesper!AH$2:AH$366,ROUNDDOWN($C3150/24,0)+1,1)*INDEX($D$3:$AA$30,INDEX(Jesper!$R$2:$R$366,ROW(INDEX(Jesper!AH$2:AH$366,ROUNDDOWN($C3150/24,0)+1,1))-1)+IF('Standard Profiles'!$G$18=$B$10,7,0)+IF('Standard Profiles'!$G$18=$B$17,14,0)+IF('Standard Profiles'!$G$18=$B$24,21,0),MOD($C3150,24)+1)/SUM(INDEX($D$3:$AA$30,INDEX(Jesper!$R$2:$R$366,ROW(INDEX(Jesper!AH$2:AH$366,ROUNDDOWN($C3150/24,0)+1,1))-1)+IF('Standard Profiles'!$G$18=$B$10,7,0)+IF('Standard Profiles'!$G$18=$B$17,14,0)+IF('Standard Profiles'!$G$18=$B$24,21,0),0)),0)</f>
        <v>5.6327347016970144</v>
      </c>
      <c r="E3150" cm="1">
        <f t="array" ref="E3150">IFERROR(INDEX(Jesper!AI$2:AI$366,ROUNDDOWN($C3150/24,0)+1,1)*INDEX($D$3:$AA$30,INDEX(Jesper!$R$2:$R$366,ROW(INDEX(Jesper!AI$2:AI$366,ROUNDDOWN($C3150/24,0)+1,1))-1)+IF('Standard Profiles'!$G$19=$B$10,7,0)+IF('Standard Profiles'!$G$19=$B$17,14,0)+IF('Standard Profiles'!$G$19=$B$24,21,0),MOD($C3150,24)+1)/SUM(INDEX($D$3:$AA$30,INDEX(Jesper!$R$2:$R$366,ROW(INDEX(Jesper!AI$2:AI$366,ROUNDDOWN($C3150/24,0)+1,1))-1)+IF('Standard Profiles'!$G$19=$B$10,7,0)+IF('Standard Profiles'!$G$19=$B$17,14,0)+IF('Standard Profiles'!$G$19=$B$24,21,0),0)),0)</f>
        <v>3.3418333430242368</v>
      </c>
      <c r="F3150" cm="1">
        <f t="array" ref="F3150">IFERROR(INDEX(Jesper!AJ$2:AJ$366,ROUNDDOWN($C3150/24,0)+1,1)*INDEX($D$3:$AA$30,INDEX(Jesper!$R$2:$R$366,ROW(INDEX(Jesper!AJ$2:AJ$366,ROUNDDOWN($C3150/24,0)+1,1))-1)+IF('Standard Profiles'!$G$20=$B$10,7,0)+IF('Standard Profiles'!$G$20=$B$17,14,0)+IF('Standard Profiles'!$G$20=$B$24,21,0),MOD($C3150,24)+1)/SUM(INDEX($D$3:$AA$30,INDEX(Jesper!$R$2:$R$366,ROW(INDEX(Jesper!AJ$2:AJ$366,ROUNDDOWN($C3150/24,0)+1,1))-1)+IF('Standard Profiles'!$G$20=$B$10,7,0)+IF('Standard Profiles'!$G$20=$B$17,14,0)+IF('Standard Profiles'!$G$20=$B$24,21,0),0)),0)</f>
        <v>0</v>
      </c>
      <c r="G3150" cm="1">
        <f t="array" ref="G3150">IFERROR(INDEX(Jesper!AK$2:AK$366,ROUNDDOWN($C3150/24,0)+1,1)*INDEX($D$3:$AA$30,INDEX(Jesper!$R$2:$R$366,ROW(INDEX(Jesper!AK$2:AK$366,ROUNDDOWN($C3150/24,0)+1,1))-1)+IF('Standard Profiles'!$G$21=$B$10,7,0)+IF('Standard Profiles'!$G$21=$B$17,14,0)+IF('Standard Profiles'!$G$21=$B$24,21,0),MOD($C3150,24)+1)/SUM(INDEX($D$3:$AA$30,INDEX(Jesper!$R$2:$R$366,ROW(INDEX(Jesper!AK$2:AK$366,ROUNDDOWN($C3150/24,0)+1,1))-1)+IF('Standard Profiles'!$G$21=$B$10,7,0)+IF('Standard Profiles'!$G$21=$B$17,14,0)+IF('Standard Profiles'!$G$21=$B$24,21,0),0)),0)</f>
        <v>0.96200174672346683</v>
      </c>
      <c r="H3150" cm="1">
        <f t="array" ref="H3150">IFERROR(INDEX(Jesper!AL$2:AL$366,ROUNDDOWN($C3150/24,0)+1,1)*INDEX($D$3:$AA$30,INDEX(Jesper!$R$2:$R$366,ROW(INDEX(Jesper!AL$2:AL$366,ROUNDDOWN($C3150/24,0)+1,1))-1)+IF('Standard Profiles'!$G$22=$B$10,7,0)+IF('Standard Profiles'!$G$22=$B$17,14,0)+IF('Standard Profiles'!$G$22=$B$24,21,0),MOD($C3150,24)+1)/SUM(INDEX($D$3:$AA$30,INDEX(Jesper!$R$2:$R$366,ROW(INDEX(Jesper!AL$2:AL$366,ROUNDDOWN($C3150/24,0)+1,1))-1)+IF('Standard Profiles'!$G$22=$B$10,7,0)+IF('Standard Profiles'!$G$22=$B$17,14,0)+IF('Standard Profiles'!$G$22=$B$24,21,0),0)),0)</f>
        <v>0</v>
      </c>
      <c r="I3150">
        <f t="shared" si="356"/>
        <v>0.46176083842726384</v>
      </c>
      <c r="J3150">
        <f t="shared" si="357"/>
        <v>8.57357140074593</v>
      </c>
      <c r="K3150">
        <f t="shared" si="358"/>
        <v>0.60082503484768157</v>
      </c>
      <c r="L3150">
        <f t="shared" si="359"/>
        <v>0.30041251742384079</v>
      </c>
      <c r="M3150">
        <f t="shared" si="360"/>
        <v>0</v>
      </c>
      <c r="N3150" s="45">
        <f t="shared" si="361"/>
        <v>45056.833333325776</v>
      </c>
    </row>
    <row r="3151" spans="2:14" x14ac:dyDescent="0.25">
      <c r="B3151">
        <f t="shared" si="355"/>
        <v>3</v>
      </c>
      <c r="C3151" s="16">
        <v>3117</v>
      </c>
      <c r="D3151" cm="1">
        <f t="array" ref="D3151">IFERROR(INDEX(Jesper!AH$2:AH$366,ROUNDDOWN($C3151/24,0)+1,1)*INDEX($D$3:$AA$30,INDEX(Jesper!$R$2:$R$366,ROW(INDEX(Jesper!AH$2:AH$366,ROUNDDOWN($C3151/24,0)+1,1))-1)+IF('Standard Profiles'!$G$18=$B$10,7,0)+IF('Standard Profiles'!$G$18=$B$17,14,0)+IF('Standard Profiles'!$G$18=$B$24,21,0),MOD($C3151,24)+1)/SUM(INDEX($D$3:$AA$30,INDEX(Jesper!$R$2:$R$366,ROW(INDEX(Jesper!AH$2:AH$366,ROUNDDOWN($C3151/24,0)+1,1))-1)+IF('Standard Profiles'!$G$18=$B$10,7,0)+IF('Standard Profiles'!$G$18=$B$17,14,0)+IF('Standard Profiles'!$G$18=$B$24,21,0),0)),0)</f>
        <v>5.6327347016970144</v>
      </c>
      <c r="E3151" cm="1">
        <f t="array" ref="E3151">IFERROR(INDEX(Jesper!AI$2:AI$366,ROUNDDOWN($C3151/24,0)+1,1)*INDEX($D$3:$AA$30,INDEX(Jesper!$R$2:$R$366,ROW(INDEX(Jesper!AI$2:AI$366,ROUNDDOWN($C3151/24,0)+1,1))-1)+IF('Standard Profiles'!$G$19=$B$10,7,0)+IF('Standard Profiles'!$G$19=$B$17,14,0)+IF('Standard Profiles'!$G$19=$B$24,21,0),MOD($C3151,24)+1)/SUM(INDEX($D$3:$AA$30,INDEX(Jesper!$R$2:$R$366,ROW(INDEX(Jesper!AI$2:AI$366,ROUNDDOWN($C3151/24,0)+1,1))-1)+IF('Standard Profiles'!$G$19=$B$10,7,0)+IF('Standard Profiles'!$G$19=$B$17,14,0)+IF('Standard Profiles'!$G$19=$B$24,21,0),0)),0)</f>
        <v>3.3418333430242368</v>
      </c>
      <c r="F3151" cm="1">
        <f t="array" ref="F3151">IFERROR(INDEX(Jesper!AJ$2:AJ$366,ROUNDDOWN($C3151/24,0)+1,1)*INDEX($D$3:$AA$30,INDEX(Jesper!$R$2:$R$366,ROW(INDEX(Jesper!AJ$2:AJ$366,ROUNDDOWN($C3151/24,0)+1,1))-1)+IF('Standard Profiles'!$G$20=$B$10,7,0)+IF('Standard Profiles'!$G$20=$B$17,14,0)+IF('Standard Profiles'!$G$20=$B$24,21,0),MOD($C3151,24)+1)/SUM(INDEX($D$3:$AA$30,INDEX(Jesper!$R$2:$R$366,ROW(INDEX(Jesper!AJ$2:AJ$366,ROUNDDOWN($C3151/24,0)+1,1))-1)+IF('Standard Profiles'!$G$20=$B$10,7,0)+IF('Standard Profiles'!$G$20=$B$17,14,0)+IF('Standard Profiles'!$G$20=$B$24,21,0),0)),0)</f>
        <v>0</v>
      </c>
      <c r="G3151" cm="1">
        <f t="array" ref="G3151">IFERROR(INDEX(Jesper!AK$2:AK$366,ROUNDDOWN($C3151/24,0)+1,1)*INDEX($D$3:$AA$30,INDEX(Jesper!$R$2:$R$366,ROW(INDEX(Jesper!AK$2:AK$366,ROUNDDOWN($C3151/24,0)+1,1))-1)+IF('Standard Profiles'!$G$21=$B$10,7,0)+IF('Standard Profiles'!$G$21=$B$17,14,0)+IF('Standard Profiles'!$G$21=$B$24,21,0),MOD($C3151,24)+1)/SUM(INDEX($D$3:$AA$30,INDEX(Jesper!$R$2:$R$366,ROW(INDEX(Jesper!AK$2:AK$366,ROUNDDOWN($C3151/24,0)+1,1))-1)+IF('Standard Profiles'!$G$21=$B$10,7,0)+IF('Standard Profiles'!$G$21=$B$17,14,0)+IF('Standard Profiles'!$G$21=$B$24,21,0),0)),0)</f>
        <v>0.96200174672346683</v>
      </c>
      <c r="H3151" cm="1">
        <f t="array" ref="H3151">IFERROR(INDEX(Jesper!AL$2:AL$366,ROUNDDOWN($C3151/24,0)+1,1)*INDEX($D$3:$AA$30,INDEX(Jesper!$R$2:$R$366,ROW(INDEX(Jesper!AL$2:AL$366,ROUNDDOWN($C3151/24,0)+1,1))-1)+IF('Standard Profiles'!$G$22=$B$10,7,0)+IF('Standard Profiles'!$G$22=$B$17,14,0)+IF('Standard Profiles'!$G$22=$B$24,21,0),MOD($C3151,24)+1)/SUM(INDEX($D$3:$AA$30,INDEX(Jesper!$R$2:$R$366,ROW(INDEX(Jesper!AL$2:AL$366,ROUNDDOWN($C3151/24,0)+1,1))-1)+IF('Standard Profiles'!$G$22=$B$10,7,0)+IF('Standard Profiles'!$G$22=$B$17,14,0)+IF('Standard Profiles'!$G$22=$B$24,21,0),0)),0)</f>
        <v>0</v>
      </c>
      <c r="I3151">
        <f t="shared" si="356"/>
        <v>0.46176083842726384</v>
      </c>
      <c r="J3151">
        <f t="shared" si="357"/>
        <v>8.57357140074593</v>
      </c>
      <c r="K3151">
        <f t="shared" si="358"/>
        <v>0.60082503484768157</v>
      </c>
      <c r="L3151">
        <f t="shared" si="359"/>
        <v>0.30041251742384079</v>
      </c>
      <c r="M3151">
        <f t="shared" si="360"/>
        <v>0</v>
      </c>
      <c r="N3151" s="45">
        <f t="shared" si="361"/>
        <v>45056.87499999244</v>
      </c>
    </row>
    <row r="3152" spans="2:14" x14ac:dyDescent="0.25">
      <c r="B3152">
        <f t="shared" si="355"/>
        <v>3</v>
      </c>
      <c r="C3152" s="16">
        <v>3118</v>
      </c>
      <c r="D3152" cm="1">
        <f t="array" ref="D3152">IFERROR(INDEX(Jesper!AH$2:AH$366,ROUNDDOWN($C3152/24,0)+1,1)*INDEX($D$3:$AA$30,INDEX(Jesper!$R$2:$R$366,ROW(INDEX(Jesper!AH$2:AH$366,ROUNDDOWN($C3152/24,0)+1,1))-1)+IF('Standard Profiles'!$G$18=$B$10,7,0)+IF('Standard Profiles'!$G$18=$B$17,14,0)+IF('Standard Profiles'!$G$18=$B$24,21,0),MOD($C3152,24)+1)/SUM(INDEX($D$3:$AA$30,INDEX(Jesper!$R$2:$R$366,ROW(INDEX(Jesper!AH$2:AH$366,ROUNDDOWN($C3152/24,0)+1,1))-1)+IF('Standard Profiles'!$G$18=$B$10,7,0)+IF('Standard Profiles'!$G$18=$B$17,14,0)+IF('Standard Profiles'!$G$18=$B$24,21,0),0)),0)</f>
        <v>5.6327347016970144</v>
      </c>
      <c r="E3152" cm="1">
        <f t="array" ref="E3152">IFERROR(INDEX(Jesper!AI$2:AI$366,ROUNDDOWN($C3152/24,0)+1,1)*INDEX($D$3:$AA$30,INDEX(Jesper!$R$2:$R$366,ROW(INDEX(Jesper!AI$2:AI$366,ROUNDDOWN($C3152/24,0)+1,1))-1)+IF('Standard Profiles'!$G$19=$B$10,7,0)+IF('Standard Profiles'!$G$19=$B$17,14,0)+IF('Standard Profiles'!$G$19=$B$24,21,0),MOD($C3152,24)+1)/SUM(INDEX($D$3:$AA$30,INDEX(Jesper!$R$2:$R$366,ROW(INDEX(Jesper!AI$2:AI$366,ROUNDDOWN($C3152/24,0)+1,1))-1)+IF('Standard Profiles'!$G$19=$B$10,7,0)+IF('Standard Profiles'!$G$19=$B$17,14,0)+IF('Standard Profiles'!$G$19=$B$24,21,0),0)),0)</f>
        <v>3.3418333430242368</v>
      </c>
      <c r="F3152" cm="1">
        <f t="array" ref="F3152">IFERROR(INDEX(Jesper!AJ$2:AJ$366,ROUNDDOWN($C3152/24,0)+1,1)*INDEX($D$3:$AA$30,INDEX(Jesper!$R$2:$R$366,ROW(INDEX(Jesper!AJ$2:AJ$366,ROUNDDOWN($C3152/24,0)+1,1))-1)+IF('Standard Profiles'!$G$20=$B$10,7,0)+IF('Standard Profiles'!$G$20=$B$17,14,0)+IF('Standard Profiles'!$G$20=$B$24,21,0),MOD($C3152,24)+1)/SUM(INDEX($D$3:$AA$30,INDEX(Jesper!$R$2:$R$366,ROW(INDEX(Jesper!AJ$2:AJ$366,ROUNDDOWN($C3152/24,0)+1,1))-1)+IF('Standard Profiles'!$G$20=$B$10,7,0)+IF('Standard Profiles'!$G$20=$B$17,14,0)+IF('Standard Profiles'!$G$20=$B$24,21,0),0)),0)</f>
        <v>0</v>
      </c>
      <c r="G3152" cm="1">
        <f t="array" ref="G3152">IFERROR(INDEX(Jesper!AK$2:AK$366,ROUNDDOWN($C3152/24,0)+1,1)*INDEX($D$3:$AA$30,INDEX(Jesper!$R$2:$R$366,ROW(INDEX(Jesper!AK$2:AK$366,ROUNDDOWN($C3152/24,0)+1,1))-1)+IF('Standard Profiles'!$G$21=$B$10,7,0)+IF('Standard Profiles'!$G$21=$B$17,14,0)+IF('Standard Profiles'!$G$21=$B$24,21,0),MOD($C3152,24)+1)/SUM(INDEX($D$3:$AA$30,INDEX(Jesper!$R$2:$R$366,ROW(INDEX(Jesper!AK$2:AK$366,ROUNDDOWN($C3152/24,0)+1,1))-1)+IF('Standard Profiles'!$G$21=$B$10,7,0)+IF('Standard Profiles'!$G$21=$B$17,14,0)+IF('Standard Profiles'!$G$21=$B$24,21,0),0)),0)</f>
        <v>0.96200174672346683</v>
      </c>
      <c r="H3152" cm="1">
        <f t="array" ref="H3152">IFERROR(INDEX(Jesper!AL$2:AL$366,ROUNDDOWN($C3152/24,0)+1,1)*INDEX($D$3:$AA$30,INDEX(Jesper!$R$2:$R$366,ROW(INDEX(Jesper!AL$2:AL$366,ROUNDDOWN($C3152/24,0)+1,1))-1)+IF('Standard Profiles'!$G$22=$B$10,7,0)+IF('Standard Profiles'!$G$22=$B$17,14,0)+IF('Standard Profiles'!$G$22=$B$24,21,0),MOD($C3152,24)+1)/SUM(INDEX($D$3:$AA$30,INDEX(Jesper!$R$2:$R$366,ROW(INDEX(Jesper!AL$2:AL$366,ROUNDDOWN($C3152/24,0)+1,1))-1)+IF('Standard Profiles'!$G$22=$B$10,7,0)+IF('Standard Profiles'!$G$22=$B$17,14,0)+IF('Standard Profiles'!$G$22=$B$24,21,0),0)),0)</f>
        <v>0</v>
      </c>
      <c r="I3152">
        <f t="shared" si="356"/>
        <v>0.46176083842726384</v>
      </c>
      <c r="J3152">
        <f t="shared" si="357"/>
        <v>8.57357140074593</v>
      </c>
      <c r="K3152">
        <f t="shared" si="358"/>
        <v>0.60082503484768157</v>
      </c>
      <c r="L3152">
        <f t="shared" si="359"/>
        <v>0.30041251742384079</v>
      </c>
      <c r="M3152">
        <f t="shared" si="360"/>
        <v>0</v>
      </c>
      <c r="N3152" s="45">
        <f t="shared" si="361"/>
        <v>45056.916666659105</v>
      </c>
    </row>
    <row r="3153" spans="2:14" x14ac:dyDescent="0.25">
      <c r="B3153">
        <f t="shared" si="355"/>
        <v>3</v>
      </c>
      <c r="C3153" s="16">
        <v>3119</v>
      </c>
      <c r="D3153" cm="1">
        <f t="array" ref="D3153">IFERROR(INDEX(Jesper!AH$2:AH$366,ROUNDDOWN($C3153/24,0)+1,1)*INDEX($D$3:$AA$30,INDEX(Jesper!$R$2:$R$366,ROW(INDEX(Jesper!AH$2:AH$366,ROUNDDOWN($C3153/24,0)+1,1))-1)+IF('Standard Profiles'!$G$18=$B$10,7,0)+IF('Standard Profiles'!$G$18=$B$17,14,0)+IF('Standard Profiles'!$G$18=$B$24,21,0),MOD($C3153,24)+1)/SUM(INDEX($D$3:$AA$30,INDEX(Jesper!$R$2:$R$366,ROW(INDEX(Jesper!AH$2:AH$366,ROUNDDOWN($C3153/24,0)+1,1))-1)+IF('Standard Profiles'!$G$18=$B$10,7,0)+IF('Standard Profiles'!$G$18=$B$17,14,0)+IF('Standard Profiles'!$G$18=$B$24,21,0),0)),0)</f>
        <v>5.6327347016970144</v>
      </c>
      <c r="E3153" cm="1">
        <f t="array" ref="E3153">IFERROR(INDEX(Jesper!AI$2:AI$366,ROUNDDOWN($C3153/24,0)+1,1)*INDEX($D$3:$AA$30,INDEX(Jesper!$R$2:$R$366,ROW(INDEX(Jesper!AI$2:AI$366,ROUNDDOWN($C3153/24,0)+1,1))-1)+IF('Standard Profiles'!$G$19=$B$10,7,0)+IF('Standard Profiles'!$G$19=$B$17,14,0)+IF('Standard Profiles'!$G$19=$B$24,21,0),MOD($C3153,24)+1)/SUM(INDEX($D$3:$AA$30,INDEX(Jesper!$R$2:$R$366,ROW(INDEX(Jesper!AI$2:AI$366,ROUNDDOWN($C3153/24,0)+1,1))-1)+IF('Standard Profiles'!$G$19=$B$10,7,0)+IF('Standard Profiles'!$G$19=$B$17,14,0)+IF('Standard Profiles'!$G$19=$B$24,21,0),0)),0)</f>
        <v>3.3418333430242368</v>
      </c>
      <c r="F3153" cm="1">
        <f t="array" ref="F3153">IFERROR(INDEX(Jesper!AJ$2:AJ$366,ROUNDDOWN($C3153/24,0)+1,1)*INDEX($D$3:$AA$30,INDEX(Jesper!$R$2:$R$366,ROW(INDEX(Jesper!AJ$2:AJ$366,ROUNDDOWN($C3153/24,0)+1,1))-1)+IF('Standard Profiles'!$G$20=$B$10,7,0)+IF('Standard Profiles'!$G$20=$B$17,14,0)+IF('Standard Profiles'!$G$20=$B$24,21,0),MOD($C3153,24)+1)/SUM(INDEX($D$3:$AA$30,INDEX(Jesper!$R$2:$R$366,ROW(INDEX(Jesper!AJ$2:AJ$366,ROUNDDOWN($C3153/24,0)+1,1))-1)+IF('Standard Profiles'!$G$20=$B$10,7,0)+IF('Standard Profiles'!$G$20=$B$17,14,0)+IF('Standard Profiles'!$G$20=$B$24,21,0),0)),0)</f>
        <v>0</v>
      </c>
      <c r="G3153" cm="1">
        <f t="array" ref="G3153">IFERROR(INDEX(Jesper!AK$2:AK$366,ROUNDDOWN($C3153/24,0)+1,1)*INDEX($D$3:$AA$30,INDEX(Jesper!$R$2:$R$366,ROW(INDEX(Jesper!AK$2:AK$366,ROUNDDOWN($C3153/24,0)+1,1))-1)+IF('Standard Profiles'!$G$21=$B$10,7,0)+IF('Standard Profiles'!$G$21=$B$17,14,0)+IF('Standard Profiles'!$G$21=$B$24,21,0),MOD($C3153,24)+1)/SUM(INDEX($D$3:$AA$30,INDEX(Jesper!$R$2:$R$366,ROW(INDEX(Jesper!AK$2:AK$366,ROUNDDOWN($C3153/24,0)+1,1))-1)+IF('Standard Profiles'!$G$21=$B$10,7,0)+IF('Standard Profiles'!$G$21=$B$17,14,0)+IF('Standard Profiles'!$G$21=$B$24,21,0),0)),0)</f>
        <v>0.96200174672346683</v>
      </c>
      <c r="H3153" cm="1">
        <f t="array" ref="H3153">IFERROR(INDEX(Jesper!AL$2:AL$366,ROUNDDOWN($C3153/24,0)+1,1)*INDEX($D$3:$AA$30,INDEX(Jesper!$R$2:$R$366,ROW(INDEX(Jesper!AL$2:AL$366,ROUNDDOWN($C3153/24,0)+1,1))-1)+IF('Standard Profiles'!$G$22=$B$10,7,0)+IF('Standard Profiles'!$G$22=$B$17,14,0)+IF('Standard Profiles'!$G$22=$B$24,21,0),MOD($C3153,24)+1)/SUM(INDEX($D$3:$AA$30,INDEX(Jesper!$R$2:$R$366,ROW(INDEX(Jesper!AL$2:AL$366,ROUNDDOWN($C3153/24,0)+1,1))-1)+IF('Standard Profiles'!$G$22=$B$10,7,0)+IF('Standard Profiles'!$G$22=$B$17,14,0)+IF('Standard Profiles'!$G$22=$B$24,21,0),0)),0)</f>
        <v>0</v>
      </c>
      <c r="I3153">
        <f t="shared" si="356"/>
        <v>0.46176083842726384</v>
      </c>
      <c r="J3153">
        <f t="shared" si="357"/>
        <v>8.57357140074593</v>
      </c>
      <c r="K3153">
        <f t="shared" si="358"/>
        <v>0.60082503484768157</v>
      </c>
      <c r="L3153">
        <f t="shared" si="359"/>
        <v>0.30041251742384079</v>
      </c>
      <c r="M3153">
        <f t="shared" si="360"/>
        <v>0</v>
      </c>
      <c r="N3153" s="45">
        <f t="shared" si="361"/>
        <v>45056.958333325769</v>
      </c>
    </row>
    <row r="3154" spans="2:14" x14ac:dyDescent="0.25">
      <c r="B3154">
        <f t="shared" si="355"/>
        <v>4</v>
      </c>
      <c r="C3154" s="16">
        <v>3120</v>
      </c>
      <c r="D3154" cm="1">
        <f t="array" ref="D3154">IFERROR(INDEX(Jesper!AH$2:AH$366,ROUNDDOWN($C3154/24,0)+1,1)*INDEX($D$3:$AA$30,INDEX(Jesper!$R$2:$R$366,ROW(INDEX(Jesper!AH$2:AH$366,ROUNDDOWN($C3154/24,0)+1,1))-1)+IF('Standard Profiles'!$G$18=$B$10,7,0)+IF('Standard Profiles'!$G$18=$B$17,14,0)+IF('Standard Profiles'!$G$18=$B$24,21,0),MOD($C3154,24)+1)/SUM(INDEX($D$3:$AA$30,INDEX(Jesper!$R$2:$R$366,ROW(INDEX(Jesper!AH$2:AH$366,ROUNDDOWN($C3154/24,0)+1,1))-1)+IF('Standard Profiles'!$G$18=$B$10,7,0)+IF('Standard Profiles'!$G$18=$B$17,14,0)+IF('Standard Profiles'!$G$18=$B$24,21,0),0)),0)</f>
        <v>5.5865416858333443</v>
      </c>
      <c r="E3154" cm="1">
        <f t="array" ref="E3154">IFERROR(INDEX(Jesper!AI$2:AI$366,ROUNDDOWN($C3154/24,0)+1,1)*INDEX($D$3:$AA$30,INDEX(Jesper!$R$2:$R$366,ROW(INDEX(Jesper!AI$2:AI$366,ROUNDDOWN($C3154/24,0)+1,1))-1)+IF('Standard Profiles'!$G$19=$B$10,7,0)+IF('Standard Profiles'!$G$19=$B$17,14,0)+IF('Standard Profiles'!$G$19=$B$24,21,0),MOD($C3154,24)+1)/SUM(INDEX($D$3:$AA$30,INDEX(Jesper!$R$2:$R$366,ROW(INDEX(Jesper!AI$2:AI$366,ROUNDDOWN($C3154/24,0)+1,1))-1)+IF('Standard Profiles'!$G$19=$B$10,7,0)+IF('Standard Profiles'!$G$19=$B$17,14,0)+IF('Standard Profiles'!$G$19=$B$24,21,0),0)),0)</f>
        <v>2.9592907216649009</v>
      </c>
      <c r="F3154" cm="1">
        <f t="array" ref="F3154">IFERROR(INDEX(Jesper!AJ$2:AJ$366,ROUNDDOWN($C3154/24,0)+1,1)*INDEX($D$3:$AA$30,INDEX(Jesper!$R$2:$R$366,ROW(INDEX(Jesper!AJ$2:AJ$366,ROUNDDOWN($C3154/24,0)+1,1))-1)+IF('Standard Profiles'!$G$20=$B$10,7,0)+IF('Standard Profiles'!$G$20=$B$17,14,0)+IF('Standard Profiles'!$G$20=$B$24,21,0),MOD($C3154,24)+1)/SUM(INDEX($D$3:$AA$30,INDEX(Jesper!$R$2:$R$366,ROW(INDEX(Jesper!AJ$2:AJ$366,ROUNDDOWN($C3154/24,0)+1,1))-1)+IF('Standard Profiles'!$G$20=$B$10,7,0)+IF('Standard Profiles'!$G$20=$B$17,14,0)+IF('Standard Profiles'!$G$20=$B$24,21,0),0)),0)</f>
        <v>0</v>
      </c>
      <c r="G3154" cm="1">
        <f t="array" ref="G3154">IFERROR(INDEX(Jesper!AK$2:AK$366,ROUNDDOWN($C3154/24,0)+1,1)*INDEX($D$3:$AA$30,INDEX(Jesper!$R$2:$R$366,ROW(INDEX(Jesper!AK$2:AK$366,ROUNDDOWN($C3154/24,0)+1,1))-1)+IF('Standard Profiles'!$G$21=$B$10,7,0)+IF('Standard Profiles'!$G$21=$B$17,14,0)+IF('Standard Profiles'!$G$21=$B$24,21,0),MOD($C3154,24)+1)/SUM(INDEX($D$3:$AA$30,INDEX(Jesper!$R$2:$R$366,ROW(INDEX(Jesper!AK$2:AK$366,ROUNDDOWN($C3154/24,0)+1,1))-1)+IF('Standard Profiles'!$G$21=$B$10,7,0)+IF('Standard Profiles'!$G$21=$B$17,14,0)+IF('Standard Profiles'!$G$21=$B$24,21,0),0)),0)</f>
        <v>0.8425776075895135</v>
      </c>
      <c r="H3154" cm="1">
        <f t="array" ref="H3154">IFERROR(INDEX(Jesper!AL$2:AL$366,ROUNDDOWN($C3154/24,0)+1,1)*INDEX($D$3:$AA$30,INDEX(Jesper!$R$2:$R$366,ROW(INDEX(Jesper!AL$2:AL$366,ROUNDDOWN($C3154/24,0)+1,1))-1)+IF('Standard Profiles'!$G$22=$B$10,7,0)+IF('Standard Profiles'!$G$22=$B$17,14,0)+IF('Standard Profiles'!$G$22=$B$24,21,0),MOD($C3154,24)+1)/SUM(INDEX($D$3:$AA$30,INDEX(Jesper!$R$2:$R$366,ROW(INDEX(Jesper!AL$2:AL$366,ROUNDDOWN($C3154/24,0)+1,1))-1)+IF('Standard Profiles'!$G$22=$B$10,7,0)+IF('Standard Profiles'!$G$22=$B$17,14,0)+IF('Standard Profiles'!$G$22=$B$24,21,0),0)),0)</f>
        <v>0</v>
      </c>
      <c r="I3154">
        <f t="shared" si="356"/>
        <v>0.40443725164296629</v>
      </c>
      <c r="J3154">
        <f t="shared" si="357"/>
        <v>8.0901260937114579</v>
      </c>
      <c r="K3154">
        <f t="shared" si="358"/>
        <v>0.59589777982222347</v>
      </c>
      <c r="L3154">
        <f t="shared" si="359"/>
        <v>0.29794888991111174</v>
      </c>
      <c r="M3154">
        <f t="shared" si="360"/>
        <v>0</v>
      </c>
      <c r="N3154" s="45">
        <f t="shared" si="361"/>
        <v>45056.999999992433</v>
      </c>
    </row>
    <row r="3155" spans="2:14" x14ac:dyDescent="0.25">
      <c r="B3155">
        <f t="shared" si="355"/>
        <v>4</v>
      </c>
      <c r="C3155" s="16">
        <v>3121</v>
      </c>
      <c r="D3155" cm="1">
        <f t="array" ref="D3155">IFERROR(INDEX(Jesper!AH$2:AH$366,ROUNDDOWN($C3155/24,0)+1,1)*INDEX($D$3:$AA$30,INDEX(Jesper!$R$2:$R$366,ROW(INDEX(Jesper!AH$2:AH$366,ROUNDDOWN($C3155/24,0)+1,1))-1)+IF('Standard Profiles'!$G$18=$B$10,7,0)+IF('Standard Profiles'!$G$18=$B$17,14,0)+IF('Standard Profiles'!$G$18=$B$24,21,0),MOD($C3155,24)+1)/SUM(INDEX($D$3:$AA$30,INDEX(Jesper!$R$2:$R$366,ROW(INDEX(Jesper!AH$2:AH$366,ROUNDDOWN($C3155/24,0)+1,1))-1)+IF('Standard Profiles'!$G$18=$B$10,7,0)+IF('Standard Profiles'!$G$18=$B$17,14,0)+IF('Standard Profiles'!$G$18=$B$24,21,0),0)),0)</f>
        <v>5.5865416858333443</v>
      </c>
      <c r="E3155" cm="1">
        <f t="array" ref="E3155">IFERROR(INDEX(Jesper!AI$2:AI$366,ROUNDDOWN($C3155/24,0)+1,1)*INDEX($D$3:$AA$30,INDEX(Jesper!$R$2:$R$366,ROW(INDEX(Jesper!AI$2:AI$366,ROUNDDOWN($C3155/24,0)+1,1))-1)+IF('Standard Profiles'!$G$19=$B$10,7,0)+IF('Standard Profiles'!$G$19=$B$17,14,0)+IF('Standard Profiles'!$G$19=$B$24,21,0),MOD($C3155,24)+1)/SUM(INDEX($D$3:$AA$30,INDEX(Jesper!$R$2:$R$366,ROW(INDEX(Jesper!AI$2:AI$366,ROUNDDOWN($C3155/24,0)+1,1))-1)+IF('Standard Profiles'!$G$19=$B$10,7,0)+IF('Standard Profiles'!$G$19=$B$17,14,0)+IF('Standard Profiles'!$G$19=$B$24,21,0),0)),0)</f>
        <v>2.9592907216649009</v>
      </c>
      <c r="F3155" cm="1">
        <f t="array" ref="F3155">IFERROR(INDEX(Jesper!AJ$2:AJ$366,ROUNDDOWN($C3155/24,0)+1,1)*INDEX($D$3:$AA$30,INDEX(Jesper!$R$2:$R$366,ROW(INDEX(Jesper!AJ$2:AJ$366,ROUNDDOWN($C3155/24,0)+1,1))-1)+IF('Standard Profiles'!$G$20=$B$10,7,0)+IF('Standard Profiles'!$G$20=$B$17,14,0)+IF('Standard Profiles'!$G$20=$B$24,21,0),MOD($C3155,24)+1)/SUM(INDEX($D$3:$AA$30,INDEX(Jesper!$R$2:$R$366,ROW(INDEX(Jesper!AJ$2:AJ$366,ROUNDDOWN($C3155/24,0)+1,1))-1)+IF('Standard Profiles'!$G$20=$B$10,7,0)+IF('Standard Profiles'!$G$20=$B$17,14,0)+IF('Standard Profiles'!$G$20=$B$24,21,0),0)),0)</f>
        <v>0</v>
      </c>
      <c r="G3155" cm="1">
        <f t="array" ref="G3155">IFERROR(INDEX(Jesper!AK$2:AK$366,ROUNDDOWN($C3155/24,0)+1,1)*INDEX($D$3:$AA$30,INDEX(Jesper!$R$2:$R$366,ROW(INDEX(Jesper!AK$2:AK$366,ROUNDDOWN($C3155/24,0)+1,1))-1)+IF('Standard Profiles'!$G$21=$B$10,7,0)+IF('Standard Profiles'!$G$21=$B$17,14,0)+IF('Standard Profiles'!$G$21=$B$24,21,0),MOD($C3155,24)+1)/SUM(INDEX($D$3:$AA$30,INDEX(Jesper!$R$2:$R$366,ROW(INDEX(Jesper!AK$2:AK$366,ROUNDDOWN($C3155/24,0)+1,1))-1)+IF('Standard Profiles'!$G$21=$B$10,7,0)+IF('Standard Profiles'!$G$21=$B$17,14,0)+IF('Standard Profiles'!$G$21=$B$24,21,0),0)),0)</f>
        <v>0.8425776075895135</v>
      </c>
      <c r="H3155" cm="1">
        <f t="array" ref="H3155">IFERROR(INDEX(Jesper!AL$2:AL$366,ROUNDDOWN($C3155/24,0)+1,1)*INDEX($D$3:$AA$30,INDEX(Jesper!$R$2:$R$366,ROW(INDEX(Jesper!AL$2:AL$366,ROUNDDOWN($C3155/24,0)+1,1))-1)+IF('Standard Profiles'!$G$22=$B$10,7,0)+IF('Standard Profiles'!$G$22=$B$17,14,0)+IF('Standard Profiles'!$G$22=$B$24,21,0),MOD($C3155,24)+1)/SUM(INDEX($D$3:$AA$30,INDEX(Jesper!$R$2:$R$366,ROW(INDEX(Jesper!AL$2:AL$366,ROUNDDOWN($C3155/24,0)+1,1))-1)+IF('Standard Profiles'!$G$22=$B$10,7,0)+IF('Standard Profiles'!$G$22=$B$17,14,0)+IF('Standard Profiles'!$G$22=$B$24,21,0),0)),0)</f>
        <v>0</v>
      </c>
      <c r="I3155">
        <f t="shared" si="356"/>
        <v>0.40443725164296629</v>
      </c>
      <c r="J3155">
        <f t="shared" si="357"/>
        <v>8.0901260937114579</v>
      </c>
      <c r="K3155">
        <f t="shared" si="358"/>
        <v>0.59589777982222347</v>
      </c>
      <c r="L3155">
        <f t="shared" si="359"/>
        <v>0.29794888991111174</v>
      </c>
      <c r="M3155">
        <f t="shared" si="360"/>
        <v>0</v>
      </c>
      <c r="N3155" s="45">
        <f t="shared" si="361"/>
        <v>45057.041666659097</v>
      </c>
    </row>
    <row r="3156" spans="2:14" x14ac:dyDescent="0.25">
      <c r="B3156">
        <f t="shared" si="355"/>
        <v>4</v>
      </c>
      <c r="C3156" s="16">
        <v>3122</v>
      </c>
      <c r="D3156" cm="1">
        <f t="array" ref="D3156">IFERROR(INDEX(Jesper!AH$2:AH$366,ROUNDDOWN($C3156/24,0)+1,1)*INDEX($D$3:$AA$30,INDEX(Jesper!$R$2:$R$366,ROW(INDEX(Jesper!AH$2:AH$366,ROUNDDOWN($C3156/24,0)+1,1))-1)+IF('Standard Profiles'!$G$18=$B$10,7,0)+IF('Standard Profiles'!$G$18=$B$17,14,0)+IF('Standard Profiles'!$G$18=$B$24,21,0),MOD($C3156,24)+1)/SUM(INDEX($D$3:$AA$30,INDEX(Jesper!$R$2:$R$366,ROW(INDEX(Jesper!AH$2:AH$366,ROUNDDOWN($C3156/24,0)+1,1))-1)+IF('Standard Profiles'!$G$18=$B$10,7,0)+IF('Standard Profiles'!$G$18=$B$17,14,0)+IF('Standard Profiles'!$G$18=$B$24,21,0),0)),0)</f>
        <v>5.5865416858333443</v>
      </c>
      <c r="E3156" cm="1">
        <f t="array" ref="E3156">IFERROR(INDEX(Jesper!AI$2:AI$366,ROUNDDOWN($C3156/24,0)+1,1)*INDEX($D$3:$AA$30,INDEX(Jesper!$R$2:$R$366,ROW(INDEX(Jesper!AI$2:AI$366,ROUNDDOWN($C3156/24,0)+1,1))-1)+IF('Standard Profiles'!$G$19=$B$10,7,0)+IF('Standard Profiles'!$G$19=$B$17,14,0)+IF('Standard Profiles'!$G$19=$B$24,21,0),MOD($C3156,24)+1)/SUM(INDEX($D$3:$AA$30,INDEX(Jesper!$R$2:$R$366,ROW(INDEX(Jesper!AI$2:AI$366,ROUNDDOWN($C3156/24,0)+1,1))-1)+IF('Standard Profiles'!$G$19=$B$10,7,0)+IF('Standard Profiles'!$G$19=$B$17,14,0)+IF('Standard Profiles'!$G$19=$B$24,21,0),0)),0)</f>
        <v>2.9592907216649009</v>
      </c>
      <c r="F3156" cm="1">
        <f t="array" ref="F3156">IFERROR(INDEX(Jesper!AJ$2:AJ$366,ROUNDDOWN($C3156/24,0)+1,1)*INDEX($D$3:$AA$30,INDEX(Jesper!$R$2:$R$366,ROW(INDEX(Jesper!AJ$2:AJ$366,ROUNDDOWN($C3156/24,0)+1,1))-1)+IF('Standard Profiles'!$G$20=$B$10,7,0)+IF('Standard Profiles'!$G$20=$B$17,14,0)+IF('Standard Profiles'!$G$20=$B$24,21,0),MOD($C3156,24)+1)/SUM(INDEX($D$3:$AA$30,INDEX(Jesper!$R$2:$R$366,ROW(INDEX(Jesper!AJ$2:AJ$366,ROUNDDOWN($C3156/24,0)+1,1))-1)+IF('Standard Profiles'!$G$20=$B$10,7,0)+IF('Standard Profiles'!$G$20=$B$17,14,0)+IF('Standard Profiles'!$G$20=$B$24,21,0),0)),0)</f>
        <v>0</v>
      </c>
      <c r="G3156" cm="1">
        <f t="array" ref="G3156">IFERROR(INDEX(Jesper!AK$2:AK$366,ROUNDDOWN($C3156/24,0)+1,1)*INDEX($D$3:$AA$30,INDEX(Jesper!$R$2:$R$366,ROW(INDEX(Jesper!AK$2:AK$366,ROUNDDOWN($C3156/24,0)+1,1))-1)+IF('Standard Profiles'!$G$21=$B$10,7,0)+IF('Standard Profiles'!$G$21=$B$17,14,0)+IF('Standard Profiles'!$G$21=$B$24,21,0),MOD($C3156,24)+1)/SUM(INDEX($D$3:$AA$30,INDEX(Jesper!$R$2:$R$366,ROW(INDEX(Jesper!AK$2:AK$366,ROUNDDOWN($C3156/24,0)+1,1))-1)+IF('Standard Profiles'!$G$21=$B$10,7,0)+IF('Standard Profiles'!$G$21=$B$17,14,0)+IF('Standard Profiles'!$G$21=$B$24,21,0),0)),0)</f>
        <v>0.8425776075895135</v>
      </c>
      <c r="H3156" cm="1">
        <f t="array" ref="H3156">IFERROR(INDEX(Jesper!AL$2:AL$366,ROUNDDOWN($C3156/24,0)+1,1)*INDEX($D$3:$AA$30,INDEX(Jesper!$R$2:$R$366,ROW(INDEX(Jesper!AL$2:AL$366,ROUNDDOWN($C3156/24,0)+1,1))-1)+IF('Standard Profiles'!$G$22=$B$10,7,0)+IF('Standard Profiles'!$G$22=$B$17,14,0)+IF('Standard Profiles'!$G$22=$B$24,21,0),MOD($C3156,24)+1)/SUM(INDEX($D$3:$AA$30,INDEX(Jesper!$R$2:$R$366,ROW(INDEX(Jesper!AL$2:AL$366,ROUNDDOWN($C3156/24,0)+1,1))-1)+IF('Standard Profiles'!$G$22=$B$10,7,0)+IF('Standard Profiles'!$G$22=$B$17,14,0)+IF('Standard Profiles'!$G$22=$B$24,21,0),0)),0)</f>
        <v>0</v>
      </c>
      <c r="I3156">
        <f t="shared" si="356"/>
        <v>0.40443725164296629</v>
      </c>
      <c r="J3156">
        <f t="shared" si="357"/>
        <v>8.0901260937114579</v>
      </c>
      <c r="K3156">
        <f t="shared" si="358"/>
        <v>0.59589777982222347</v>
      </c>
      <c r="L3156">
        <f t="shared" si="359"/>
        <v>0.29794888991111174</v>
      </c>
      <c r="M3156">
        <f t="shared" si="360"/>
        <v>0</v>
      </c>
      <c r="N3156" s="45">
        <f t="shared" si="361"/>
        <v>45057.083333325761</v>
      </c>
    </row>
    <row r="3157" spans="2:14" x14ac:dyDescent="0.25">
      <c r="B3157">
        <f t="shared" si="355"/>
        <v>4</v>
      </c>
      <c r="C3157" s="16">
        <v>3123</v>
      </c>
      <c r="D3157" cm="1">
        <f t="array" ref="D3157">IFERROR(INDEX(Jesper!AH$2:AH$366,ROUNDDOWN($C3157/24,0)+1,1)*INDEX($D$3:$AA$30,INDEX(Jesper!$R$2:$R$366,ROW(INDEX(Jesper!AH$2:AH$366,ROUNDDOWN($C3157/24,0)+1,1))-1)+IF('Standard Profiles'!$G$18=$B$10,7,0)+IF('Standard Profiles'!$G$18=$B$17,14,0)+IF('Standard Profiles'!$G$18=$B$24,21,0),MOD($C3157,24)+1)/SUM(INDEX($D$3:$AA$30,INDEX(Jesper!$R$2:$R$366,ROW(INDEX(Jesper!AH$2:AH$366,ROUNDDOWN($C3157/24,0)+1,1))-1)+IF('Standard Profiles'!$G$18=$B$10,7,0)+IF('Standard Profiles'!$G$18=$B$17,14,0)+IF('Standard Profiles'!$G$18=$B$24,21,0),0)),0)</f>
        <v>5.5865416858333443</v>
      </c>
      <c r="E3157" cm="1">
        <f t="array" ref="E3157">IFERROR(INDEX(Jesper!AI$2:AI$366,ROUNDDOWN($C3157/24,0)+1,1)*INDEX($D$3:$AA$30,INDEX(Jesper!$R$2:$R$366,ROW(INDEX(Jesper!AI$2:AI$366,ROUNDDOWN($C3157/24,0)+1,1))-1)+IF('Standard Profiles'!$G$19=$B$10,7,0)+IF('Standard Profiles'!$G$19=$B$17,14,0)+IF('Standard Profiles'!$G$19=$B$24,21,0),MOD($C3157,24)+1)/SUM(INDEX($D$3:$AA$30,INDEX(Jesper!$R$2:$R$366,ROW(INDEX(Jesper!AI$2:AI$366,ROUNDDOWN($C3157/24,0)+1,1))-1)+IF('Standard Profiles'!$G$19=$B$10,7,0)+IF('Standard Profiles'!$G$19=$B$17,14,0)+IF('Standard Profiles'!$G$19=$B$24,21,0),0)),0)</f>
        <v>2.9592907216649009</v>
      </c>
      <c r="F3157" cm="1">
        <f t="array" ref="F3157">IFERROR(INDEX(Jesper!AJ$2:AJ$366,ROUNDDOWN($C3157/24,0)+1,1)*INDEX($D$3:$AA$30,INDEX(Jesper!$R$2:$R$366,ROW(INDEX(Jesper!AJ$2:AJ$366,ROUNDDOWN($C3157/24,0)+1,1))-1)+IF('Standard Profiles'!$G$20=$B$10,7,0)+IF('Standard Profiles'!$G$20=$B$17,14,0)+IF('Standard Profiles'!$G$20=$B$24,21,0),MOD($C3157,24)+1)/SUM(INDEX($D$3:$AA$30,INDEX(Jesper!$R$2:$R$366,ROW(INDEX(Jesper!AJ$2:AJ$366,ROUNDDOWN($C3157/24,0)+1,1))-1)+IF('Standard Profiles'!$G$20=$B$10,7,0)+IF('Standard Profiles'!$G$20=$B$17,14,0)+IF('Standard Profiles'!$G$20=$B$24,21,0),0)),0)</f>
        <v>0</v>
      </c>
      <c r="G3157" cm="1">
        <f t="array" ref="G3157">IFERROR(INDEX(Jesper!AK$2:AK$366,ROUNDDOWN($C3157/24,0)+1,1)*INDEX($D$3:$AA$30,INDEX(Jesper!$R$2:$R$366,ROW(INDEX(Jesper!AK$2:AK$366,ROUNDDOWN($C3157/24,0)+1,1))-1)+IF('Standard Profiles'!$G$21=$B$10,7,0)+IF('Standard Profiles'!$G$21=$B$17,14,0)+IF('Standard Profiles'!$G$21=$B$24,21,0),MOD($C3157,24)+1)/SUM(INDEX($D$3:$AA$30,INDEX(Jesper!$R$2:$R$366,ROW(INDEX(Jesper!AK$2:AK$366,ROUNDDOWN($C3157/24,0)+1,1))-1)+IF('Standard Profiles'!$G$21=$B$10,7,0)+IF('Standard Profiles'!$G$21=$B$17,14,0)+IF('Standard Profiles'!$G$21=$B$24,21,0),0)),0)</f>
        <v>0.8425776075895135</v>
      </c>
      <c r="H3157" cm="1">
        <f t="array" ref="H3157">IFERROR(INDEX(Jesper!AL$2:AL$366,ROUNDDOWN($C3157/24,0)+1,1)*INDEX($D$3:$AA$30,INDEX(Jesper!$R$2:$R$366,ROW(INDEX(Jesper!AL$2:AL$366,ROUNDDOWN($C3157/24,0)+1,1))-1)+IF('Standard Profiles'!$G$22=$B$10,7,0)+IF('Standard Profiles'!$G$22=$B$17,14,0)+IF('Standard Profiles'!$G$22=$B$24,21,0),MOD($C3157,24)+1)/SUM(INDEX($D$3:$AA$30,INDEX(Jesper!$R$2:$R$366,ROW(INDEX(Jesper!AL$2:AL$366,ROUNDDOWN($C3157/24,0)+1,1))-1)+IF('Standard Profiles'!$G$22=$B$10,7,0)+IF('Standard Profiles'!$G$22=$B$17,14,0)+IF('Standard Profiles'!$G$22=$B$24,21,0),0)),0)</f>
        <v>0</v>
      </c>
      <c r="I3157">
        <f t="shared" si="356"/>
        <v>0.40443725164296629</v>
      </c>
      <c r="J3157">
        <f t="shared" si="357"/>
        <v>8.0901260937114579</v>
      </c>
      <c r="K3157">
        <f t="shared" si="358"/>
        <v>0.59589777982222347</v>
      </c>
      <c r="L3157">
        <f t="shared" si="359"/>
        <v>0.29794888991111174</v>
      </c>
      <c r="M3157">
        <f t="shared" si="360"/>
        <v>0</v>
      </c>
      <c r="N3157" s="45">
        <f t="shared" si="361"/>
        <v>45057.124999992426</v>
      </c>
    </row>
    <row r="3158" spans="2:14" x14ac:dyDescent="0.25">
      <c r="B3158">
        <f t="shared" si="355"/>
        <v>4</v>
      </c>
      <c r="C3158" s="16">
        <v>3124</v>
      </c>
      <c r="D3158" cm="1">
        <f t="array" ref="D3158">IFERROR(INDEX(Jesper!AH$2:AH$366,ROUNDDOWN($C3158/24,0)+1,1)*INDEX($D$3:$AA$30,INDEX(Jesper!$R$2:$R$366,ROW(INDEX(Jesper!AH$2:AH$366,ROUNDDOWN($C3158/24,0)+1,1))-1)+IF('Standard Profiles'!$G$18=$B$10,7,0)+IF('Standard Profiles'!$G$18=$B$17,14,0)+IF('Standard Profiles'!$G$18=$B$24,21,0),MOD($C3158,24)+1)/SUM(INDEX($D$3:$AA$30,INDEX(Jesper!$R$2:$R$366,ROW(INDEX(Jesper!AH$2:AH$366,ROUNDDOWN($C3158/24,0)+1,1))-1)+IF('Standard Profiles'!$G$18=$B$10,7,0)+IF('Standard Profiles'!$G$18=$B$17,14,0)+IF('Standard Profiles'!$G$18=$B$24,21,0),0)),0)</f>
        <v>5.5865416858333443</v>
      </c>
      <c r="E3158" cm="1">
        <f t="array" ref="E3158">IFERROR(INDEX(Jesper!AI$2:AI$366,ROUNDDOWN($C3158/24,0)+1,1)*INDEX($D$3:$AA$30,INDEX(Jesper!$R$2:$R$366,ROW(INDEX(Jesper!AI$2:AI$366,ROUNDDOWN($C3158/24,0)+1,1))-1)+IF('Standard Profiles'!$G$19=$B$10,7,0)+IF('Standard Profiles'!$G$19=$B$17,14,0)+IF('Standard Profiles'!$G$19=$B$24,21,0),MOD($C3158,24)+1)/SUM(INDEX($D$3:$AA$30,INDEX(Jesper!$R$2:$R$366,ROW(INDEX(Jesper!AI$2:AI$366,ROUNDDOWN($C3158/24,0)+1,1))-1)+IF('Standard Profiles'!$G$19=$B$10,7,0)+IF('Standard Profiles'!$G$19=$B$17,14,0)+IF('Standard Profiles'!$G$19=$B$24,21,0),0)),0)</f>
        <v>2.9592907216649009</v>
      </c>
      <c r="F3158" cm="1">
        <f t="array" ref="F3158">IFERROR(INDEX(Jesper!AJ$2:AJ$366,ROUNDDOWN($C3158/24,0)+1,1)*INDEX($D$3:$AA$30,INDEX(Jesper!$R$2:$R$366,ROW(INDEX(Jesper!AJ$2:AJ$366,ROUNDDOWN($C3158/24,0)+1,1))-1)+IF('Standard Profiles'!$G$20=$B$10,7,0)+IF('Standard Profiles'!$G$20=$B$17,14,0)+IF('Standard Profiles'!$G$20=$B$24,21,0),MOD($C3158,24)+1)/SUM(INDEX($D$3:$AA$30,INDEX(Jesper!$R$2:$R$366,ROW(INDEX(Jesper!AJ$2:AJ$366,ROUNDDOWN($C3158/24,0)+1,1))-1)+IF('Standard Profiles'!$G$20=$B$10,7,0)+IF('Standard Profiles'!$G$20=$B$17,14,0)+IF('Standard Profiles'!$G$20=$B$24,21,0),0)),0)</f>
        <v>0</v>
      </c>
      <c r="G3158" cm="1">
        <f t="array" ref="G3158">IFERROR(INDEX(Jesper!AK$2:AK$366,ROUNDDOWN($C3158/24,0)+1,1)*INDEX($D$3:$AA$30,INDEX(Jesper!$R$2:$R$366,ROW(INDEX(Jesper!AK$2:AK$366,ROUNDDOWN($C3158/24,0)+1,1))-1)+IF('Standard Profiles'!$G$21=$B$10,7,0)+IF('Standard Profiles'!$G$21=$B$17,14,0)+IF('Standard Profiles'!$G$21=$B$24,21,0),MOD($C3158,24)+1)/SUM(INDEX($D$3:$AA$30,INDEX(Jesper!$R$2:$R$366,ROW(INDEX(Jesper!AK$2:AK$366,ROUNDDOWN($C3158/24,0)+1,1))-1)+IF('Standard Profiles'!$G$21=$B$10,7,0)+IF('Standard Profiles'!$G$21=$B$17,14,0)+IF('Standard Profiles'!$G$21=$B$24,21,0),0)),0)</f>
        <v>0.8425776075895135</v>
      </c>
      <c r="H3158" cm="1">
        <f t="array" ref="H3158">IFERROR(INDEX(Jesper!AL$2:AL$366,ROUNDDOWN($C3158/24,0)+1,1)*INDEX($D$3:$AA$30,INDEX(Jesper!$R$2:$R$366,ROW(INDEX(Jesper!AL$2:AL$366,ROUNDDOWN($C3158/24,0)+1,1))-1)+IF('Standard Profiles'!$G$22=$B$10,7,0)+IF('Standard Profiles'!$G$22=$B$17,14,0)+IF('Standard Profiles'!$G$22=$B$24,21,0),MOD($C3158,24)+1)/SUM(INDEX($D$3:$AA$30,INDEX(Jesper!$R$2:$R$366,ROW(INDEX(Jesper!AL$2:AL$366,ROUNDDOWN($C3158/24,0)+1,1))-1)+IF('Standard Profiles'!$G$22=$B$10,7,0)+IF('Standard Profiles'!$G$22=$B$17,14,0)+IF('Standard Profiles'!$G$22=$B$24,21,0),0)),0)</f>
        <v>0</v>
      </c>
      <c r="I3158">
        <f t="shared" si="356"/>
        <v>0.40443725164296629</v>
      </c>
      <c r="J3158">
        <f t="shared" si="357"/>
        <v>8.0901260937114579</v>
      </c>
      <c r="K3158">
        <f t="shared" si="358"/>
        <v>0.59589777982222347</v>
      </c>
      <c r="L3158">
        <f t="shared" si="359"/>
        <v>0.29794888991111174</v>
      </c>
      <c r="M3158">
        <f t="shared" si="360"/>
        <v>0</v>
      </c>
      <c r="N3158" s="45">
        <f t="shared" si="361"/>
        <v>45057.16666665909</v>
      </c>
    </row>
    <row r="3159" spans="2:14" x14ac:dyDescent="0.25">
      <c r="B3159">
        <f t="shared" si="355"/>
        <v>4</v>
      </c>
      <c r="C3159" s="16">
        <v>3125</v>
      </c>
      <c r="D3159" cm="1">
        <f t="array" ref="D3159">IFERROR(INDEX(Jesper!AH$2:AH$366,ROUNDDOWN($C3159/24,0)+1,1)*INDEX($D$3:$AA$30,INDEX(Jesper!$R$2:$R$366,ROW(INDEX(Jesper!AH$2:AH$366,ROUNDDOWN($C3159/24,0)+1,1))-1)+IF('Standard Profiles'!$G$18=$B$10,7,0)+IF('Standard Profiles'!$G$18=$B$17,14,0)+IF('Standard Profiles'!$G$18=$B$24,21,0),MOD($C3159,24)+1)/SUM(INDEX($D$3:$AA$30,INDEX(Jesper!$R$2:$R$366,ROW(INDEX(Jesper!AH$2:AH$366,ROUNDDOWN($C3159/24,0)+1,1))-1)+IF('Standard Profiles'!$G$18=$B$10,7,0)+IF('Standard Profiles'!$G$18=$B$17,14,0)+IF('Standard Profiles'!$G$18=$B$24,21,0),0)),0)</f>
        <v>5.5865416858333443</v>
      </c>
      <c r="E3159" cm="1">
        <f t="array" ref="E3159">IFERROR(INDEX(Jesper!AI$2:AI$366,ROUNDDOWN($C3159/24,0)+1,1)*INDEX($D$3:$AA$30,INDEX(Jesper!$R$2:$R$366,ROW(INDEX(Jesper!AI$2:AI$366,ROUNDDOWN($C3159/24,0)+1,1))-1)+IF('Standard Profiles'!$G$19=$B$10,7,0)+IF('Standard Profiles'!$G$19=$B$17,14,0)+IF('Standard Profiles'!$G$19=$B$24,21,0),MOD($C3159,24)+1)/SUM(INDEX($D$3:$AA$30,INDEX(Jesper!$R$2:$R$366,ROW(INDEX(Jesper!AI$2:AI$366,ROUNDDOWN($C3159/24,0)+1,1))-1)+IF('Standard Profiles'!$G$19=$B$10,7,0)+IF('Standard Profiles'!$G$19=$B$17,14,0)+IF('Standard Profiles'!$G$19=$B$24,21,0),0)),0)</f>
        <v>2.9592907216649009</v>
      </c>
      <c r="F3159" cm="1">
        <f t="array" ref="F3159">IFERROR(INDEX(Jesper!AJ$2:AJ$366,ROUNDDOWN($C3159/24,0)+1,1)*INDEX($D$3:$AA$30,INDEX(Jesper!$R$2:$R$366,ROW(INDEX(Jesper!AJ$2:AJ$366,ROUNDDOWN($C3159/24,0)+1,1))-1)+IF('Standard Profiles'!$G$20=$B$10,7,0)+IF('Standard Profiles'!$G$20=$B$17,14,0)+IF('Standard Profiles'!$G$20=$B$24,21,0),MOD($C3159,24)+1)/SUM(INDEX($D$3:$AA$30,INDEX(Jesper!$R$2:$R$366,ROW(INDEX(Jesper!AJ$2:AJ$366,ROUNDDOWN($C3159/24,0)+1,1))-1)+IF('Standard Profiles'!$G$20=$B$10,7,0)+IF('Standard Profiles'!$G$20=$B$17,14,0)+IF('Standard Profiles'!$G$20=$B$24,21,0),0)),0)</f>
        <v>0</v>
      </c>
      <c r="G3159" cm="1">
        <f t="array" ref="G3159">IFERROR(INDEX(Jesper!AK$2:AK$366,ROUNDDOWN($C3159/24,0)+1,1)*INDEX($D$3:$AA$30,INDEX(Jesper!$R$2:$R$366,ROW(INDEX(Jesper!AK$2:AK$366,ROUNDDOWN($C3159/24,0)+1,1))-1)+IF('Standard Profiles'!$G$21=$B$10,7,0)+IF('Standard Profiles'!$G$21=$B$17,14,0)+IF('Standard Profiles'!$G$21=$B$24,21,0),MOD($C3159,24)+1)/SUM(INDEX($D$3:$AA$30,INDEX(Jesper!$R$2:$R$366,ROW(INDEX(Jesper!AK$2:AK$366,ROUNDDOWN($C3159/24,0)+1,1))-1)+IF('Standard Profiles'!$G$21=$B$10,7,0)+IF('Standard Profiles'!$G$21=$B$17,14,0)+IF('Standard Profiles'!$G$21=$B$24,21,0),0)),0)</f>
        <v>0.8425776075895135</v>
      </c>
      <c r="H3159" cm="1">
        <f t="array" ref="H3159">IFERROR(INDEX(Jesper!AL$2:AL$366,ROUNDDOWN($C3159/24,0)+1,1)*INDEX($D$3:$AA$30,INDEX(Jesper!$R$2:$R$366,ROW(INDEX(Jesper!AL$2:AL$366,ROUNDDOWN($C3159/24,0)+1,1))-1)+IF('Standard Profiles'!$G$22=$B$10,7,0)+IF('Standard Profiles'!$G$22=$B$17,14,0)+IF('Standard Profiles'!$G$22=$B$24,21,0),MOD($C3159,24)+1)/SUM(INDEX($D$3:$AA$30,INDEX(Jesper!$R$2:$R$366,ROW(INDEX(Jesper!AL$2:AL$366,ROUNDDOWN($C3159/24,0)+1,1))-1)+IF('Standard Profiles'!$G$22=$B$10,7,0)+IF('Standard Profiles'!$G$22=$B$17,14,0)+IF('Standard Profiles'!$G$22=$B$24,21,0),0)),0)</f>
        <v>0</v>
      </c>
      <c r="I3159">
        <f t="shared" si="356"/>
        <v>0.40443725164296629</v>
      </c>
      <c r="J3159">
        <f t="shared" si="357"/>
        <v>8.0901260937114579</v>
      </c>
      <c r="K3159">
        <f t="shared" si="358"/>
        <v>0.59589777982222347</v>
      </c>
      <c r="L3159">
        <f t="shared" si="359"/>
        <v>0.29794888991111174</v>
      </c>
      <c r="M3159">
        <f t="shared" si="360"/>
        <v>0</v>
      </c>
      <c r="N3159" s="45">
        <f t="shared" si="361"/>
        <v>45057.208333325754</v>
      </c>
    </row>
    <row r="3160" spans="2:14" x14ac:dyDescent="0.25">
      <c r="B3160">
        <f t="shared" si="355"/>
        <v>4</v>
      </c>
      <c r="C3160" s="16">
        <v>3126</v>
      </c>
      <c r="D3160" cm="1">
        <f t="array" ref="D3160">IFERROR(INDEX(Jesper!AH$2:AH$366,ROUNDDOWN($C3160/24,0)+1,1)*INDEX($D$3:$AA$30,INDEX(Jesper!$R$2:$R$366,ROW(INDEX(Jesper!AH$2:AH$366,ROUNDDOWN($C3160/24,0)+1,1))-1)+IF('Standard Profiles'!$G$18=$B$10,7,0)+IF('Standard Profiles'!$G$18=$B$17,14,0)+IF('Standard Profiles'!$G$18=$B$24,21,0),MOD($C3160,24)+1)/SUM(INDEX($D$3:$AA$30,INDEX(Jesper!$R$2:$R$366,ROW(INDEX(Jesper!AH$2:AH$366,ROUNDDOWN($C3160/24,0)+1,1))-1)+IF('Standard Profiles'!$G$18=$B$10,7,0)+IF('Standard Profiles'!$G$18=$B$17,14,0)+IF('Standard Profiles'!$G$18=$B$24,21,0),0)),0)</f>
        <v>5.5865416858333443</v>
      </c>
      <c r="E3160" cm="1">
        <f t="array" ref="E3160">IFERROR(INDEX(Jesper!AI$2:AI$366,ROUNDDOWN($C3160/24,0)+1,1)*INDEX($D$3:$AA$30,INDEX(Jesper!$R$2:$R$366,ROW(INDEX(Jesper!AI$2:AI$366,ROUNDDOWN($C3160/24,0)+1,1))-1)+IF('Standard Profiles'!$G$19=$B$10,7,0)+IF('Standard Profiles'!$G$19=$B$17,14,0)+IF('Standard Profiles'!$G$19=$B$24,21,0),MOD($C3160,24)+1)/SUM(INDEX($D$3:$AA$30,INDEX(Jesper!$R$2:$R$366,ROW(INDEX(Jesper!AI$2:AI$366,ROUNDDOWN($C3160/24,0)+1,1))-1)+IF('Standard Profiles'!$G$19=$B$10,7,0)+IF('Standard Profiles'!$G$19=$B$17,14,0)+IF('Standard Profiles'!$G$19=$B$24,21,0),0)),0)</f>
        <v>2.9592907216649009</v>
      </c>
      <c r="F3160" cm="1">
        <f t="array" ref="F3160">IFERROR(INDEX(Jesper!AJ$2:AJ$366,ROUNDDOWN($C3160/24,0)+1,1)*INDEX($D$3:$AA$30,INDEX(Jesper!$R$2:$R$366,ROW(INDEX(Jesper!AJ$2:AJ$366,ROUNDDOWN($C3160/24,0)+1,1))-1)+IF('Standard Profiles'!$G$20=$B$10,7,0)+IF('Standard Profiles'!$G$20=$B$17,14,0)+IF('Standard Profiles'!$G$20=$B$24,21,0),MOD($C3160,24)+1)/SUM(INDEX($D$3:$AA$30,INDEX(Jesper!$R$2:$R$366,ROW(INDEX(Jesper!AJ$2:AJ$366,ROUNDDOWN($C3160/24,0)+1,1))-1)+IF('Standard Profiles'!$G$20=$B$10,7,0)+IF('Standard Profiles'!$G$20=$B$17,14,0)+IF('Standard Profiles'!$G$20=$B$24,21,0),0)),0)</f>
        <v>0</v>
      </c>
      <c r="G3160" cm="1">
        <f t="array" ref="G3160">IFERROR(INDEX(Jesper!AK$2:AK$366,ROUNDDOWN($C3160/24,0)+1,1)*INDEX($D$3:$AA$30,INDEX(Jesper!$R$2:$R$366,ROW(INDEX(Jesper!AK$2:AK$366,ROUNDDOWN($C3160/24,0)+1,1))-1)+IF('Standard Profiles'!$G$21=$B$10,7,0)+IF('Standard Profiles'!$G$21=$B$17,14,0)+IF('Standard Profiles'!$G$21=$B$24,21,0),MOD($C3160,24)+1)/SUM(INDEX($D$3:$AA$30,INDEX(Jesper!$R$2:$R$366,ROW(INDEX(Jesper!AK$2:AK$366,ROUNDDOWN($C3160/24,0)+1,1))-1)+IF('Standard Profiles'!$G$21=$B$10,7,0)+IF('Standard Profiles'!$G$21=$B$17,14,0)+IF('Standard Profiles'!$G$21=$B$24,21,0),0)),0)</f>
        <v>0.8425776075895135</v>
      </c>
      <c r="H3160" cm="1">
        <f t="array" ref="H3160">IFERROR(INDEX(Jesper!AL$2:AL$366,ROUNDDOWN($C3160/24,0)+1,1)*INDEX($D$3:$AA$30,INDEX(Jesper!$R$2:$R$366,ROW(INDEX(Jesper!AL$2:AL$366,ROUNDDOWN($C3160/24,0)+1,1))-1)+IF('Standard Profiles'!$G$22=$B$10,7,0)+IF('Standard Profiles'!$G$22=$B$17,14,0)+IF('Standard Profiles'!$G$22=$B$24,21,0),MOD($C3160,24)+1)/SUM(INDEX($D$3:$AA$30,INDEX(Jesper!$R$2:$R$366,ROW(INDEX(Jesper!AL$2:AL$366,ROUNDDOWN($C3160/24,0)+1,1))-1)+IF('Standard Profiles'!$G$22=$B$10,7,0)+IF('Standard Profiles'!$G$22=$B$17,14,0)+IF('Standard Profiles'!$G$22=$B$24,21,0),0)),0)</f>
        <v>0</v>
      </c>
      <c r="I3160">
        <f t="shared" si="356"/>
        <v>0.40443725164296629</v>
      </c>
      <c r="J3160">
        <f t="shared" si="357"/>
        <v>8.0901260937114579</v>
      </c>
      <c r="K3160">
        <f t="shared" si="358"/>
        <v>0.59589777982222347</v>
      </c>
      <c r="L3160">
        <f t="shared" si="359"/>
        <v>0.29794888991111174</v>
      </c>
      <c r="M3160">
        <f t="shared" si="360"/>
        <v>0</v>
      </c>
      <c r="N3160" s="45">
        <f t="shared" si="361"/>
        <v>45057.249999992418</v>
      </c>
    </row>
    <row r="3161" spans="2:14" x14ac:dyDescent="0.25">
      <c r="B3161">
        <f t="shared" si="355"/>
        <v>4</v>
      </c>
      <c r="C3161" s="16">
        <v>3127</v>
      </c>
      <c r="D3161" cm="1">
        <f t="array" ref="D3161">IFERROR(INDEX(Jesper!AH$2:AH$366,ROUNDDOWN($C3161/24,0)+1,1)*INDEX($D$3:$AA$30,INDEX(Jesper!$R$2:$R$366,ROW(INDEX(Jesper!AH$2:AH$366,ROUNDDOWN($C3161/24,0)+1,1))-1)+IF('Standard Profiles'!$G$18=$B$10,7,0)+IF('Standard Profiles'!$G$18=$B$17,14,0)+IF('Standard Profiles'!$G$18=$B$24,21,0),MOD($C3161,24)+1)/SUM(INDEX($D$3:$AA$30,INDEX(Jesper!$R$2:$R$366,ROW(INDEX(Jesper!AH$2:AH$366,ROUNDDOWN($C3161/24,0)+1,1))-1)+IF('Standard Profiles'!$G$18=$B$10,7,0)+IF('Standard Profiles'!$G$18=$B$17,14,0)+IF('Standard Profiles'!$G$18=$B$24,21,0),0)),0)</f>
        <v>22.837105255118729</v>
      </c>
      <c r="E3161" cm="1">
        <f t="array" ref="E3161">IFERROR(INDEX(Jesper!AI$2:AI$366,ROUNDDOWN($C3161/24,0)+1,1)*INDEX($D$3:$AA$30,INDEX(Jesper!$R$2:$R$366,ROW(INDEX(Jesper!AI$2:AI$366,ROUNDDOWN($C3161/24,0)+1,1))-1)+IF('Standard Profiles'!$G$19=$B$10,7,0)+IF('Standard Profiles'!$G$19=$B$17,14,0)+IF('Standard Profiles'!$G$19=$B$24,21,0),MOD($C3161,24)+1)/SUM(INDEX($D$3:$AA$30,INDEX(Jesper!$R$2:$R$366,ROW(INDEX(Jesper!AI$2:AI$366,ROUNDDOWN($C3161/24,0)+1,1))-1)+IF('Standard Profiles'!$G$19=$B$10,7,0)+IF('Standard Profiles'!$G$19=$B$17,14,0)+IF('Standard Profiles'!$G$19=$B$24,21,0),0)),0)</f>
        <v>12.097221768260455</v>
      </c>
      <c r="F3161" cm="1">
        <f t="array" ref="F3161">IFERROR(INDEX(Jesper!AJ$2:AJ$366,ROUNDDOWN($C3161/24,0)+1,1)*INDEX($D$3:$AA$30,INDEX(Jesper!$R$2:$R$366,ROW(INDEX(Jesper!AJ$2:AJ$366,ROUNDDOWN($C3161/24,0)+1,1))-1)+IF('Standard Profiles'!$G$20=$B$10,7,0)+IF('Standard Profiles'!$G$20=$B$17,14,0)+IF('Standard Profiles'!$G$20=$B$24,21,0),MOD($C3161,24)+1)/SUM(INDEX($D$3:$AA$30,INDEX(Jesper!$R$2:$R$366,ROW(INDEX(Jesper!AJ$2:AJ$366,ROUNDDOWN($C3161/24,0)+1,1))-1)+IF('Standard Profiles'!$G$20=$B$10,7,0)+IF('Standard Profiles'!$G$20=$B$17,14,0)+IF('Standard Profiles'!$G$20=$B$24,21,0),0)),0)</f>
        <v>0</v>
      </c>
      <c r="G3161" cm="1">
        <f t="array" ref="G3161">IFERROR(INDEX(Jesper!AK$2:AK$366,ROUNDDOWN($C3161/24,0)+1,1)*INDEX($D$3:$AA$30,INDEX(Jesper!$R$2:$R$366,ROW(INDEX(Jesper!AK$2:AK$366,ROUNDDOWN($C3161/24,0)+1,1))-1)+IF('Standard Profiles'!$G$21=$B$10,7,0)+IF('Standard Profiles'!$G$21=$B$17,14,0)+IF('Standard Profiles'!$G$21=$B$24,21,0),MOD($C3161,24)+1)/SUM(INDEX($D$3:$AA$30,INDEX(Jesper!$R$2:$R$366,ROW(INDEX(Jesper!AK$2:AK$366,ROUNDDOWN($C3161/24,0)+1,1))-1)+IF('Standard Profiles'!$G$21=$B$10,7,0)+IF('Standard Profiles'!$G$21=$B$17,14,0)+IF('Standard Profiles'!$G$21=$B$24,21,0),0)),0)</f>
        <v>2.3213013089091095</v>
      </c>
      <c r="H3161" cm="1">
        <f t="array" ref="H3161">IFERROR(INDEX(Jesper!AL$2:AL$366,ROUNDDOWN($C3161/24,0)+1,1)*INDEX($D$3:$AA$30,INDEX(Jesper!$R$2:$R$366,ROW(INDEX(Jesper!AL$2:AL$366,ROUNDDOWN($C3161/24,0)+1,1))-1)+IF('Standard Profiles'!$G$22=$B$10,7,0)+IF('Standard Profiles'!$G$22=$B$17,14,0)+IF('Standard Profiles'!$G$22=$B$24,21,0),MOD($C3161,24)+1)/SUM(INDEX($D$3:$AA$30,INDEX(Jesper!$R$2:$R$366,ROW(INDEX(Jesper!AL$2:AL$366,ROUNDDOWN($C3161/24,0)+1,1))-1)+IF('Standard Profiles'!$G$22=$B$10,7,0)+IF('Standard Profiles'!$G$22=$B$17,14,0)+IF('Standard Profiles'!$G$22=$B$24,21,0),0)),0)</f>
        <v>0</v>
      </c>
      <c r="I3161">
        <f t="shared" si="356"/>
        <v>1.1142246282763719</v>
      </c>
      <c r="J3161">
        <f t="shared" si="357"/>
        <v>32.487466863192928</v>
      </c>
      <c r="K3161">
        <f t="shared" si="358"/>
        <v>2.4359578938793311</v>
      </c>
      <c r="L3161">
        <f t="shared" si="359"/>
        <v>1.2179789469396656</v>
      </c>
      <c r="M3161">
        <f t="shared" si="360"/>
        <v>0</v>
      </c>
      <c r="N3161" s="45">
        <f t="shared" si="361"/>
        <v>45057.291666659083</v>
      </c>
    </row>
    <row r="3162" spans="2:14" x14ac:dyDescent="0.25">
      <c r="B3162">
        <f t="shared" si="355"/>
        <v>4</v>
      </c>
      <c r="C3162" s="16">
        <v>3128</v>
      </c>
      <c r="D3162" cm="1">
        <f t="array" ref="D3162">IFERROR(INDEX(Jesper!AH$2:AH$366,ROUNDDOWN($C3162/24,0)+1,1)*INDEX($D$3:$AA$30,INDEX(Jesper!$R$2:$R$366,ROW(INDEX(Jesper!AH$2:AH$366,ROUNDDOWN($C3162/24,0)+1,1))-1)+IF('Standard Profiles'!$G$18=$B$10,7,0)+IF('Standard Profiles'!$G$18=$B$17,14,0)+IF('Standard Profiles'!$G$18=$B$24,21,0),MOD($C3162,24)+1)/SUM(INDEX($D$3:$AA$30,INDEX(Jesper!$R$2:$R$366,ROW(INDEX(Jesper!AH$2:AH$366,ROUNDDOWN($C3162/24,0)+1,1))-1)+IF('Standard Profiles'!$G$18=$B$10,7,0)+IF('Standard Profiles'!$G$18=$B$17,14,0)+IF('Standard Profiles'!$G$18=$B$24,21,0),0)),0)</f>
        <v>25.481401653079846</v>
      </c>
      <c r="E3162" cm="1">
        <f t="array" ref="E3162">IFERROR(INDEX(Jesper!AI$2:AI$366,ROUNDDOWN($C3162/24,0)+1,1)*INDEX($D$3:$AA$30,INDEX(Jesper!$R$2:$R$366,ROW(INDEX(Jesper!AI$2:AI$366,ROUNDDOWN($C3162/24,0)+1,1))-1)+IF('Standard Profiles'!$G$19=$B$10,7,0)+IF('Standard Profiles'!$G$19=$B$17,14,0)+IF('Standard Profiles'!$G$19=$B$24,21,0),MOD($C3162,24)+1)/SUM(INDEX($D$3:$AA$30,INDEX(Jesper!$R$2:$R$366,ROW(INDEX(Jesper!AI$2:AI$366,ROUNDDOWN($C3162/24,0)+1,1))-1)+IF('Standard Profiles'!$G$19=$B$10,7,0)+IF('Standard Profiles'!$G$19=$B$17,14,0)+IF('Standard Profiles'!$G$19=$B$24,21,0),0)),0)</f>
        <v>13.49795270984851</v>
      </c>
      <c r="F3162" cm="1">
        <f t="array" ref="F3162">IFERROR(INDEX(Jesper!AJ$2:AJ$366,ROUNDDOWN($C3162/24,0)+1,1)*INDEX($D$3:$AA$30,INDEX(Jesper!$R$2:$R$366,ROW(INDEX(Jesper!AJ$2:AJ$366,ROUNDDOWN($C3162/24,0)+1,1))-1)+IF('Standard Profiles'!$G$20=$B$10,7,0)+IF('Standard Profiles'!$G$20=$B$17,14,0)+IF('Standard Profiles'!$G$20=$B$24,21,0),MOD($C3162,24)+1)/SUM(INDEX($D$3:$AA$30,INDEX(Jesper!$R$2:$R$366,ROW(INDEX(Jesper!AJ$2:AJ$366,ROUNDDOWN($C3162/24,0)+1,1))-1)+IF('Standard Profiles'!$G$20=$B$10,7,0)+IF('Standard Profiles'!$G$20=$B$17,14,0)+IF('Standard Profiles'!$G$20=$B$24,21,0),0)),0)</f>
        <v>0</v>
      </c>
      <c r="G3162" cm="1">
        <f t="array" ref="G3162">IFERROR(INDEX(Jesper!AK$2:AK$366,ROUNDDOWN($C3162/24,0)+1,1)*INDEX($D$3:$AA$30,INDEX(Jesper!$R$2:$R$366,ROW(INDEX(Jesper!AK$2:AK$366,ROUNDDOWN($C3162/24,0)+1,1))-1)+IF('Standard Profiles'!$G$21=$B$10,7,0)+IF('Standard Profiles'!$G$21=$B$17,14,0)+IF('Standard Profiles'!$G$21=$B$24,21,0),MOD($C3162,24)+1)/SUM(INDEX($D$3:$AA$30,INDEX(Jesper!$R$2:$R$366,ROW(INDEX(Jesper!AK$2:AK$366,ROUNDDOWN($C3162/24,0)+1,1))-1)+IF('Standard Profiles'!$G$21=$B$10,7,0)+IF('Standard Profiles'!$G$21=$B$17,14,0)+IF('Standard Profiles'!$G$21=$B$24,21,0),0)),0)</f>
        <v>2.5900835657301644</v>
      </c>
      <c r="H3162" cm="1">
        <f t="array" ref="H3162">IFERROR(INDEX(Jesper!AL$2:AL$366,ROUNDDOWN($C3162/24,0)+1,1)*INDEX($D$3:$AA$30,INDEX(Jesper!$R$2:$R$366,ROW(INDEX(Jesper!AL$2:AL$366,ROUNDDOWN($C3162/24,0)+1,1))-1)+IF('Standard Profiles'!$G$22=$B$10,7,0)+IF('Standard Profiles'!$G$22=$B$17,14,0)+IF('Standard Profiles'!$G$22=$B$24,21,0),MOD($C3162,24)+1)/SUM(INDEX($D$3:$AA$30,INDEX(Jesper!$R$2:$R$366,ROW(INDEX(Jesper!AL$2:AL$366,ROUNDDOWN($C3162/24,0)+1,1))-1)+IF('Standard Profiles'!$G$22=$B$10,7,0)+IF('Standard Profiles'!$G$22=$B$17,14,0)+IF('Standard Profiles'!$G$22=$B$24,21,0),0)),0)</f>
        <v>0</v>
      </c>
      <c r="I3162">
        <f t="shared" si="356"/>
        <v>1.2432401115504783</v>
      </c>
      <c r="J3162">
        <f t="shared" si="357"/>
        <v>36.249173552615261</v>
      </c>
      <c r="K3162">
        <f t="shared" si="358"/>
        <v>2.7180161763285171</v>
      </c>
      <c r="L3162">
        <f t="shared" si="359"/>
        <v>1.3590080881642586</v>
      </c>
      <c r="M3162">
        <f t="shared" si="360"/>
        <v>0</v>
      </c>
      <c r="N3162" s="45">
        <f t="shared" si="361"/>
        <v>45057.333333325747</v>
      </c>
    </row>
    <row r="3163" spans="2:14" x14ac:dyDescent="0.25">
      <c r="B3163">
        <f t="shared" si="355"/>
        <v>4</v>
      </c>
      <c r="C3163" s="16">
        <v>3129</v>
      </c>
      <c r="D3163" cm="1">
        <f t="array" ref="D3163">IFERROR(INDEX(Jesper!AH$2:AH$366,ROUNDDOWN($C3163/24,0)+1,1)*INDEX($D$3:$AA$30,INDEX(Jesper!$R$2:$R$366,ROW(INDEX(Jesper!AH$2:AH$366,ROUNDDOWN($C3163/24,0)+1,1))-1)+IF('Standard Profiles'!$G$18=$B$10,7,0)+IF('Standard Profiles'!$G$18=$B$17,14,0)+IF('Standard Profiles'!$G$18=$B$24,21,0),MOD($C3163,24)+1)/SUM(INDEX($D$3:$AA$30,INDEX(Jesper!$R$2:$R$366,ROW(INDEX(Jesper!AH$2:AH$366,ROUNDDOWN($C3163/24,0)+1,1))-1)+IF('Standard Profiles'!$G$18=$B$10,7,0)+IF('Standard Profiles'!$G$18=$B$17,14,0)+IF('Standard Profiles'!$G$18=$B$24,21,0),0)),0)</f>
        <v>28.125698051040967</v>
      </c>
      <c r="E3163" cm="1">
        <f t="array" ref="E3163">IFERROR(INDEX(Jesper!AI$2:AI$366,ROUNDDOWN($C3163/24,0)+1,1)*INDEX($D$3:$AA$30,INDEX(Jesper!$R$2:$R$366,ROW(INDEX(Jesper!AI$2:AI$366,ROUNDDOWN($C3163/24,0)+1,1))-1)+IF('Standard Profiles'!$G$19=$B$10,7,0)+IF('Standard Profiles'!$G$19=$B$17,14,0)+IF('Standard Profiles'!$G$19=$B$24,21,0),MOD($C3163,24)+1)/SUM(INDEX($D$3:$AA$30,INDEX(Jesper!$R$2:$R$366,ROW(INDEX(Jesper!AI$2:AI$366,ROUNDDOWN($C3163/24,0)+1,1))-1)+IF('Standard Profiles'!$G$19=$B$10,7,0)+IF('Standard Profiles'!$G$19=$B$17,14,0)+IF('Standard Profiles'!$G$19=$B$24,21,0),0)),0)</f>
        <v>14.898683651436563</v>
      </c>
      <c r="F3163" cm="1">
        <f t="array" ref="F3163">IFERROR(INDEX(Jesper!AJ$2:AJ$366,ROUNDDOWN($C3163/24,0)+1,1)*INDEX($D$3:$AA$30,INDEX(Jesper!$R$2:$R$366,ROW(INDEX(Jesper!AJ$2:AJ$366,ROUNDDOWN($C3163/24,0)+1,1))-1)+IF('Standard Profiles'!$G$20=$B$10,7,0)+IF('Standard Profiles'!$G$20=$B$17,14,0)+IF('Standard Profiles'!$G$20=$B$24,21,0),MOD($C3163,24)+1)/SUM(INDEX($D$3:$AA$30,INDEX(Jesper!$R$2:$R$366,ROW(INDEX(Jesper!AJ$2:AJ$366,ROUNDDOWN($C3163/24,0)+1,1))-1)+IF('Standard Profiles'!$G$20=$B$10,7,0)+IF('Standard Profiles'!$G$20=$B$17,14,0)+IF('Standard Profiles'!$G$20=$B$24,21,0),0)),0)</f>
        <v>0</v>
      </c>
      <c r="G3163" cm="1">
        <f t="array" ref="G3163">IFERROR(INDEX(Jesper!AK$2:AK$366,ROUNDDOWN($C3163/24,0)+1,1)*INDEX($D$3:$AA$30,INDEX(Jesper!$R$2:$R$366,ROW(INDEX(Jesper!AK$2:AK$366,ROUNDDOWN($C3163/24,0)+1,1))-1)+IF('Standard Profiles'!$G$21=$B$10,7,0)+IF('Standard Profiles'!$G$21=$B$17,14,0)+IF('Standard Profiles'!$G$21=$B$24,21,0),MOD($C3163,24)+1)/SUM(INDEX($D$3:$AA$30,INDEX(Jesper!$R$2:$R$366,ROW(INDEX(Jesper!AK$2:AK$366,ROUNDDOWN($C3163/24,0)+1,1))-1)+IF('Standard Profiles'!$G$21=$B$10,7,0)+IF('Standard Profiles'!$G$21=$B$17,14,0)+IF('Standard Profiles'!$G$21=$B$24,21,0),0)),0)</f>
        <v>2.8588658225512189</v>
      </c>
      <c r="H3163" cm="1">
        <f t="array" ref="H3163">IFERROR(INDEX(Jesper!AL$2:AL$366,ROUNDDOWN($C3163/24,0)+1,1)*INDEX($D$3:$AA$30,INDEX(Jesper!$R$2:$R$366,ROW(INDEX(Jesper!AL$2:AL$366,ROUNDDOWN($C3163/24,0)+1,1))-1)+IF('Standard Profiles'!$G$22=$B$10,7,0)+IF('Standard Profiles'!$G$22=$B$17,14,0)+IF('Standard Profiles'!$G$22=$B$24,21,0),MOD($C3163,24)+1)/SUM(INDEX($D$3:$AA$30,INDEX(Jesper!$R$2:$R$366,ROW(INDEX(Jesper!AL$2:AL$366,ROUNDDOWN($C3163/24,0)+1,1))-1)+IF('Standard Profiles'!$G$22=$B$10,7,0)+IF('Standard Profiles'!$G$22=$B$17,14,0)+IF('Standard Profiles'!$G$22=$B$24,21,0),0)),0)</f>
        <v>0</v>
      </c>
      <c r="I3163">
        <f t="shared" si="356"/>
        <v>1.3722555948245845</v>
      </c>
      <c r="J3163">
        <f t="shared" si="357"/>
        <v>40.010880242037608</v>
      </c>
      <c r="K3163">
        <f t="shared" si="358"/>
        <v>3.0000744587777035</v>
      </c>
      <c r="L3163">
        <f t="shared" si="359"/>
        <v>1.5000372293888518</v>
      </c>
      <c r="M3163">
        <f t="shared" si="360"/>
        <v>0</v>
      </c>
      <c r="N3163" s="45">
        <f t="shared" si="361"/>
        <v>45057.374999992411</v>
      </c>
    </row>
    <row r="3164" spans="2:14" x14ac:dyDescent="0.25">
      <c r="B3164">
        <f t="shared" si="355"/>
        <v>4</v>
      </c>
      <c r="C3164" s="16">
        <v>3130</v>
      </c>
      <c r="D3164" cm="1">
        <f t="array" ref="D3164">IFERROR(INDEX(Jesper!AH$2:AH$366,ROUNDDOWN($C3164/24,0)+1,1)*INDEX($D$3:$AA$30,INDEX(Jesper!$R$2:$R$366,ROW(INDEX(Jesper!AH$2:AH$366,ROUNDDOWN($C3164/24,0)+1,1))-1)+IF('Standard Profiles'!$G$18=$B$10,7,0)+IF('Standard Profiles'!$G$18=$B$17,14,0)+IF('Standard Profiles'!$G$18=$B$24,21,0),MOD($C3164,24)+1)/SUM(INDEX($D$3:$AA$30,INDEX(Jesper!$R$2:$R$366,ROW(INDEX(Jesper!AH$2:AH$366,ROUNDDOWN($C3164/24,0)+1,1))-1)+IF('Standard Profiles'!$G$18=$B$10,7,0)+IF('Standard Profiles'!$G$18=$B$17,14,0)+IF('Standard Profiles'!$G$18=$B$24,21,0),0)),0)</f>
        <v>28.125698051040967</v>
      </c>
      <c r="E3164" cm="1">
        <f t="array" ref="E3164">IFERROR(INDEX(Jesper!AI$2:AI$366,ROUNDDOWN($C3164/24,0)+1,1)*INDEX($D$3:$AA$30,INDEX(Jesper!$R$2:$R$366,ROW(INDEX(Jesper!AI$2:AI$366,ROUNDDOWN($C3164/24,0)+1,1))-1)+IF('Standard Profiles'!$G$19=$B$10,7,0)+IF('Standard Profiles'!$G$19=$B$17,14,0)+IF('Standard Profiles'!$G$19=$B$24,21,0),MOD($C3164,24)+1)/SUM(INDEX($D$3:$AA$30,INDEX(Jesper!$R$2:$R$366,ROW(INDEX(Jesper!AI$2:AI$366,ROUNDDOWN($C3164/24,0)+1,1))-1)+IF('Standard Profiles'!$G$19=$B$10,7,0)+IF('Standard Profiles'!$G$19=$B$17,14,0)+IF('Standard Profiles'!$G$19=$B$24,21,0),0)),0)</f>
        <v>14.898683651436563</v>
      </c>
      <c r="F3164" cm="1">
        <f t="array" ref="F3164">IFERROR(INDEX(Jesper!AJ$2:AJ$366,ROUNDDOWN($C3164/24,0)+1,1)*INDEX($D$3:$AA$30,INDEX(Jesper!$R$2:$R$366,ROW(INDEX(Jesper!AJ$2:AJ$366,ROUNDDOWN($C3164/24,0)+1,1))-1)+IF('Standard Profiles'!$G$20=$B$10,7,0)+IF('Standard Profiles'!$G$20=$B$17,14,0)+IF('Standard Profiles'!$G$20=$B$24,21,0),MOD($C3164,24)+1)/SUM(INDEX($D$3:$AA$30,INDEX(Jesper!$R$2:$R$366,ROW(INDEX(Jesper!AJ$2:AJ$366,ROUNDDOWN($C3164/24,0)+1,1))-1)+IF('Standard Profiles'!$G$20=$B$10,7,0)+IF('Standard Profiles'!$G$20=$B$17,14,0)+IF('Standard Profiles'!$G$20=$B$24,21,0),0)),0)</f>
        <v>0</v>
      </c>
      <c r="G3164" cm="1">
        <f t="array" ref="G3164">IFERROR(INDEX(Jesper!AK$2:AK$366,ROUNDDOWN($C3164/24,0)+1,1)*INDEX($D$3:$AA$30,INDEX(Jesper!$R$2:$R$366,ROW(INDEX(Jesper!AK$2:AK$366,ROUNDDOWN($C3164/24,0)+1,1))-1)+IF('Standard Profiles'!$G$21=$B$10,7,0)+IF('Standard Profiles'!$G$21=$B$17,14,0)+IF('Standard Profiles'!$G$21=$B$24,21,0),MOD($C3164,24)+1)/SUM(INDEX($D$3:$AA$30,INDEX(Jesper!$R$2:$R$366,ROW(INDEX(Jesper!AK$2:AK$366,ROUNDDOWN($C3164/24,0)+1,1))-1)+IF('Standard Profiles'!$G$21=$B$10,7,0)+IF('Standard Profiles'!$G$21=$B$17,14,0)+IF('Standard Profiles'!$G$21=$B$24,21,0),0)),0)</f>
        <v>2.8588658225512189</v>
      </c>
      <c r="H3164" cm="1">
        <f t="array" ref="H3164">IFERROR(INDEX(Jesper!AL$2:AL$366,ROUNDDOWN($C3164/24,0)+1,1)*INDEX($D$3:$AA$30,INDEX(Jesper!$R$2:$R$366,ROW(INDEX(Jesper!AL$2:AL$366,ROUNDDOWN($C3164/24,0)+1,1))-1)+IF('Standard Profiles'!$G$22=$B$10,7,0)+IF('Standard Profiles'!$G$22=$B$17,14,0)+IF('Standard Profiles'!$G$22=$B$24,21,0),MOD($C3164,24)+1)/SUM(INDEX($D$3:$AA$30,INDEX(Jesper!$R$2:$R$366,ROW(INDEX(Jesper!AL$2:AL$366,ROUNDDOWN($C3164/24,0)+1,1))-1)+IF('Standard Profiles'!$G$22=$B$10,7,0)+IF('Standard Profiles'!$G$22=$B$17,14,0)+IF('Standard Profiles'!$G$22=$B$24,21,0),0)),0)</f>
        <v>0</v>
      </c>
      <c r="I3164">
        <f t="shared" si="356"/>
        <v>1.3722555948245845</v>
      </c>
      <c r="J3164">
        <f t="shared" si="357"/>
        <v>40.010880242037608</v>
      </c>
      <c r="K3164">
        <f t="shared" si="358"/>
        <v>3.0000744587777035</v>
      </c>
      <c r="L3164">
        <f t="shared" si="359"/>
        <v>1.5000372293888518</v>
      </c>
      <c r="M3164">
        <f t="shared" si="360"/>
        <v>0</v>
      </c>
      <c r="N3164" s="45">
        <f t="shared" si="361"/>
        <v>45057.416666659075</v>
      </c>
    </row>
    <row r="3165" spans="2:14" x14ac:dyDescent="0.25">
      <c r="B3165">
        <f t="shared" si="355"/>
        <v>4</v>
      </c>
      <c r="C3165" s="16">
        <v>3131</v>
      </c>
      <c r="D3165" cm="1">
        <f t="array" ref="D3165">IFERROR(INDEX(Jesper!AH$2:AH$366,ROUNDDOWN($C3165/24,0)+1,1)*INDEX($D$3:$AA$30,INDEX(Jesper!$R$2:$R$366,ROW(INDEX(Jesper!AH$2:AH$366,ROUNDDOWN($C3165/24,0)+1,1))-1)+IF('Standard Profiles'!$G$18=$B$10,7,0)+IF('Standard Profiles'!$G$18=$B$17,14,0)+IF('Standard Profiles'!$G$18=$B$24,21,0),MOD($C3165,24)+1)/SUM(INDEX($D$3:$AA$30,INDEX(Jesper!$R$2:$R$366,ROW(INDEX(Jesper!AH$2:AH$366,ROUNDDOWN($C3165/24,0)+1,1))-1)+IF('Standard Profiles'!$G$18=$B$10,7,0)+IF('Standard Profiles'!$G$18=$B$17,14,0)+IF('Standard Profiles'!$G$18=$B$24,21,0),0)),0)</f>
        <v>33.654681428596021</v>
      </c>
      <c r="E3165" cm="1">
        <f t="array" ref="E3165">IFERROR(INDEX(Jesper!AI$2:AI$366,ROUNDDOWN($C3165/24,0)+1,1)*INDEX($D$3:$AA$30,INDEX(Jesper!$R$2:$R$366,ROW(INDEX(Jesper!AI$2:AI$366,ROUNDDOWN($C3165/24,0)+1,1))-1)+IF('Standard Profiles'!$G$19=$B$10,7,0)+IF('Standard Profiles'!$G$19=$B$17,14,0)+IF('Standard Profiles'!$G$19=$B$24,21,0),MOD($C3165,24)+1)/SUM(INDEX($D$3:$AA$30,INDEX(Jesper!$R$2:$R$366,ROW(INDEX(Jesper!AI$2:AI$366,ROUNDDOWN($C3165/24,0)+1,1))-1)+IF('Standard Profiles'!$G$19=$B$10,7,0)+IF('Standard Profiles'!$G$19=$B$17,14,0)+IF('Standard Profiles'!$G$19=$B$24,21,0),0)),0)</f>
        <v>17.827484711120672</v>
      </c>
      <c r="F3165" cm="1">
        <f t="array" ref="F3165">IFERROR(INDEX(Jesper!AJ$2:AJ$366,ROUNDDOWN($C3165/24,0)+1,1)*INDEX($D$3:$AA$30,INDEX(Jesper!$R$2:$R$366,ROW(INDEX(Jesper!AJ$2:AJ$366,ROUNDDOWN($C3165/24,0)+1,1))-1)+IF('Standard Profiles'!$G$20=$B$10,7,0)+IF('Standard Profiles'!$G$20=$B$17,14,0)+IF('Standard Profiles'!$G$20=$B$24,21,0),MOD($C3165,24)+1)/SUM(INDEX($D$3:$AA$30,INDEX(Jesper!$R$2:$R$366,ROW(INDEX(Jesper!AJ$2:AJ$366,ROUNDDOWN($C3165/24,0)+1,1))-1)+IF('Standard Profiles'!$G$20=$B$10,7,0)+IF('Standard Profiles'!$G$20=$B$17,14,0)+IF('Standard Profiles'!$G$20=$B$24,21,0),0)),0)</f>
        <v>0</v>
      </c>
      <c r="G3165" cm="1">
        <f t="array" ref="G3165">IFERROR(INDEX(Jesper!AK$2:AK$366,ROUNDDOWN($C3165/24,0)+1,1)*INDEX($D$3:$AA$30,INDEX(Jesper!$R$2:$R$366,ROW(INDEX(Jesper!AK$2:AK$366,ROUNDDOWN($C3165/24,0)+1,1))-1)+IF('Standard Profiles'!$G$21=$B$10,7,0)+IF('Standard Profiles'!$G$21=$B$17,14,0)+IF('Standard Profiles'!$G$21=$B$24,21,0),MOD($C3165,24)+1)/SUM(INDEX($D$3:$AA$30,INDEX(Jesper!$R$2:$R$366,ROW(INDEX(Jesper!AK$2:AK$366,ROUNDDOWN($C3165/24,0)+1,1))-1)+IF('Standard Profiles'!$G$21=$B$10,7,0)+IF('Standard Profiles'!$G$21=$B$17,14,0)+IF('Standard Profiles'!$G$21=$B$24,21,0),0)),0)</f>
        <v>3.420865086813424</v>
      </c>
      <c r="H3165" cm="1">
        <f t="array" ref="H3165">IFERROR(INDEX(Jesper!AL$2:AL$366,ROUNDDOWN($C3165/24,0)+1,1)*INDEX($D$3:$AA$30,INDEX(Jesper!$R$2:$R$366,ROW(INDEX(Jesper!AL$2:AL$366,ROUNDDOWN($C3165/24,0)+1,1))-1)+IF('Standard Profiles'!$G$22=$B$10,7,0)+IF('Standard Profiles'!$G$22=$B$17,14,0)+IF('Standard Profiles'!$G$22=$B$24,21,0),MOD($C3165,24)+1)/SUM(INDEX($D$3:$AA$30,INDEX(Jesper!$R$2:$R$366,ROW(INDEX(Jesper!AL$2:AL$366,ROUNDDOWN($C3165/24,0)+1,1))-1)+IF('Standard Profiles'!$G$22=$B$10,7,0)+IF('Standard Profiles'!$G$22=$B$17,14,0)+IF('Standard Profiles'!$G$22=$B$24,21,0),0)),0)</f>
        <v>0</v>
      </c>
      <c r="I3165">
        <f t="shared" si="356"/>
        <v>1.6420152416704428</v>
      </c>
      <c r="J3165">
        <f t="shared" si="357"/>
        <v>47.876266956284304</v>
      </c>
      <c r="K3165">
        <f t="shared" si="358"/>
        <v>3.5898326857169089</v>
      </c>
      <c r="L3165">
        <f t="shared" si="359"/>
        <v>1.7949163428584545</v>
      </c>
      <c r="M3165">
        <f t="shared" si="360"/>
        <v>0</v>
      </c>
      <c r="N3165" s="45">
        <f t="shared" si="361"/>
        <v>45057.45833332574</v>
      </c>
    </row>
    <row r="3166" spans="2:14" x14ac:dyDescent="0.25">
      <c r="B3166">
        <f t="shared" si="355"/>
        <v>4</v>
      </c>
      <c r="C3166" s="16">
        <v>3132</v>
      </c>
      <c r="D3166" cm="1">
        <f t="array" ref="D3166">IFERROR(INDEX(Jesper!AH$2:AH$366,ROUNDDOWN($C3166/24,0)+1,1)*INDEX($D$3:$AA$30,INDEX(Jesper!$R$2:$R$366,ROW(INDEX(Jesper!AH$2:AH$366,ROUNDDOWN($C3166/24,0)+1,1))-1)+IF('Standard Profiles'!$G$18=$B$10,7,0)+IF('Standard Profiles'!$G$18=$B$17,14,0)+IF('Standard Profiles'!$G$18=$B$24,21,0),MOD($C3166,24)+1)/SUM(INDEX($D$3:$AA$30,INDEX(Jesper!$R$2:$R$366,ROW(INDEX(Jesper!AH$2:AH$366,ROUNDDOWN($C3166/24,0)+1,1))-1)+IF('Standard Profiles'!$G$18=$B$10,7,0)+IF('Standard Profiles'!$G$18=$B$17,14,0)+IF('Standard Profiles'!$G$18=$B$24,21,0),0)),0)</f>
        <v>33.654681428596021</v>
      </c>
      <c r="E3166" cm="1">
        <f t="array" ref="E3166">IFERROR(INDEX(Jesper!AI$2:AI$366,ROUNDDOWN($C3166/24,0)+1,1)*INDEX($D$3:$AA$30,INDEX(Jesper!$R$2:$R$366,ROW(INDEX(Jesper!AI$2:AI$366,ROUNDDOWN($C3166/24,0)+1,1))-1)+IF('Standard Profiles'!$G$19=$B$10,7,0)+IF('Standard Profiles'!$G$19=$B$17,14,0)+IF('Standard Profiles'!$G$19=$B$24,21,0),MOD($C3166,24)+1)/SUM(INDEX($D$3:$AA$30,INDEX(Jesper!$R$2:$R$366,ROW(INDEX(Jesper!AI$2:AI$366,ROUNDDOWN($C3166/24,0)+1,1))-1)+IF('Standard Profiles'!$G$19=$B$10,7,0)+IF('Standard Profiles'!$G$19=$B$17,14,0)+IF('Standard Profiles'!$G$19=$B$24,21,0),0)),0)</f>
        <v>17.827484711120672</v>
      </c>
      <c r="F3166" cm="1">
        <f t="array" ref="F3166">IFERROR(INDEX(Jesper!AJ$2:AJ$366,ROUNDDOWN($C3166/24,0)+1,1)*INDEX($D$3:$AA$30,INDEX(Jesper!$R$2:$R$366,ROW(INDEX(Jesper!AJ$2:AJ$366,ROUNDDOWN($C3166/24,0)+1,1))-1)+IF('Standard Profiles'!$G$20=$B$10,7,0)+IF('Standard Profiles'!$G$20=$B$17,14,0)+IF('Standard Profiles'!$G$20=$B$24,21,0),MOD($C3166,24)+1)/SUM(INDEX($D$3:$AA$30,INDEX(Jesper!$R$2:$R$366,ROW(INDEX(Jesper!AJ$2:AJ$366,ROUNDDOWN($C3166/24,0)+1,1))-1)+IF('Standard Profiles'!$G$20=$B$10,7,0)+IF('Standard Profiles'!$G$20=$B$17,14,0)+IF('Standard Profiles'!$G$20=$B$24,21,0),0)),0)</f>
        <v>0</v>
      </c>
      <c r="G3166" cm="1">
        <f t="array" ref="G3166">IFERROR(INDEX(Jesper!AK$2:AK$366,ROUNDDOWN($C3166/24,0)+1,1)*INDEX($D$3:$AA$30,INDEX(Jesper!$R$2:$R$366,ROW(INDEX(Jesper!AK$2:AK$366,ROUNDDOWN($C3166/24,0)+1,1))-1)+IF('Standard Profiles'!$G$21=$B$10,7,0)+IF('Standard Profiles'!$G$21=$B$17,14,0)+IF('Standard Profiles'!$G$21=$B$24,21,0),MOD($C3166,24)+1)/SUM(INDEX($D$3:$AA$30,INDEX(Jesper!$R$2:$R$366,ROW(INDEX(Jesper!AK$2:AK$366,ROUNDDOWN($C3166/24,0)+1,1))-1)+IF('Standard Profiles'!$G$21=$B$10,7,0)+IF('Standard Profiles'!$G$21=$B$17,14,0)+IF('Standard Profiles'!$G$21=$B$24,21,0),0)),0)</f>
        <v>3.420865086813424</v>
      </c>
      <c r="H3166" cm="1">
        <f t="array" ref="H3166">IFERROR(INDEX(Jesper!AL$2:AL$366,ROUNDDOWN($C3166/24,0)+1,1)*INDEX($D$3:$AA$30,INDEX(Jesper!$R$2:$R$366,ROW(INDEX(Jesper!AL$2:AL$366,ROUNDDOWN($C3166/24,0)+1,1))-1)+IF('Standard Profiles'!$G$22=$B$10,7,0)+IF('Standard Profiles'!$G$22=$B$17,14,0)+IF('Standard Profiles'!$G$22=$B$24,21,0),MOD($C3166,24)+1)/SUM(INDEX($D$3:$AA$30,INDEX(Jesper!$R$2:$R$366,ROW(INDEX(Jesper!AL$2:AL$366,ROUNDDOWN($C3166/24,0)+1,1))-1)+IF('Standard Profiles'!$G$22=$B$10,7,0)+IF('Standard Profiles'!$G$22=$B$17,14,0)+IF('Standard Profiles'!$G$22=$B$24,21,0),0)),0)</f>
        <v>0</v>
      </c>
      <c r="I3166">
        <f t="shared" si="356"/>
        <v>1.6420152416704428</v>
      </c>
      <c r="J3166">
        <f t="shared" si="357"/>
        <v>47.876266956284304</v>
      </c>
      <c r="K3166">
        <f t="shared" si="358"/>
        <v>3.5898326857169089</v>
      </c>
      <c r="L3166">
        <f t="shared" si="359"/>
        <v>1.7949163428584545</v>
      </c>
      <c r="M3166">
        <f t="shared" si="360"/>
        <v>0</v>
      </c>
      <c r="N3166" s="45">
        <f t="shared" si="361"/>
        <v>45057.499999992404</v>
      </c>
    </row>
    <row r="3167" spans="2:14" x14ac:dyDescent="0.25">
      <c r="B3167">
        <f t="shared" si="355"/>
        <v>4</v>
      </c>
      <c r="C3167" s="16">
        <v>3133</v>
      </c>
      <c r="D3167" cm="1">
        <f t="array" ref="D3167">IFERROR(INDEX(Jesper!AH$2:AH$366,ROUNDDOWN($C3167/24,0)+1,1)*INDEX($D$3:$AA$30,INDEX(Jesper!$R$2:$R$366,ROW(INDEX(Jesper!AH$2:AH$366,ROUNDDOWN($C3167/24,0)+1,1))-1)+IF('Standard Profiles'!$G$18=$B$10,7,0)+IF('Standard Profiles'!$G$18=$B$17,14,0)+IF('Standard Profiles'!$G$18=$B$24,21,0),MOD($C3167,24)+1)/SUM(INDEX($D$3:$AA$30,INDEX(Jesper!$R$2:$R$366,ROW(INDEX(Jesper!AH$2:AH$366,ROUNDDOWN($C3167/24,0)+1,1))-1)+IF('Standard Profiles'!$G$18=$B$10,7,0)+IF('Standard Profiles'!$G$18=$B$17,14,0)+IF('Standard Profiles'!$G$18=$B$24,21,0),0)),0)</f>
        <v>22.356324091853072</v>
      </c>
      <c r="E3167" cm="1">
        <f t="array" ref="E3167">IFERROR(INDEX(Jesper!AI$2:AI$366,ROUNDDOWN($C3167/24,0)+1,1)*INDEX($D$3:$AA$30,INDEX(Jesper!$R$2:$R$366,ROW(INDEX(Jesper!AI$2:AI$366,ROUNDDOWN($C3167/24,0)+1,1))-1)+IF('Standard Profiles'!$G$19=$B$10,7,0)+IF('Standard Profiles'!$G$19=$B$17,14,0)+IF('Standard Profiles'!$G$19=$B$24,21,0),MOD($C3167,24)+1)/SUM(INDEX($D$3:$AA$30,INDEX(Jesper!$R$2:$R$366,ROW(INDEX(Jesper!AI$2:AI$366,ROUNDDOWN($C3167/24,0)+1,1))-1)+IF('Standard Profiles'!$G$19=$B$10,7,0)+IF('Standard Profiles'!$G$19=$B$17,14,0)+IF('Standard Profiles'!$G$19=$B$24,21,0),0)),0)</f>
        <v>11.842543415244448</v>
      </c>
      <c r="F3167" cm="1">
        <f t="array" ref="F3167">IFERROR(INDEX(Jesper!AJ$2:AJ$366,ROUNDDOWN($C3167/24,0)+1,1)*INDEX($D$3:$AA$30,INDEX(Jesper!$R$2:$R$366,ROW(INDEX(Jesper!AJ$2:AJ$366,ROUNDDOWN($C3167/24,0)+1,1))-1)+IF('Standard Profiles'!$G$20=$B$10,7,0)+IF('Standard Profiles'!$G$20=$B$17,14,0)+IF('Standard Profiles'!$G$20=$B$24,21,0),MOD($C3167,24)+1)/SUM(INDEX($D$3:$AA$30,INDEX(Jesper!$R$2:$R$366,ROW(INDEX(Jesper!AJ$2:AJ$366,ROUNDDOWN($C3167/24,0)+1,1))-1)+IF('Standard Profiles'!$G$20=$B$10,7,0)+IF('Standard Profiles'!$G$20=$B$17,14,0)+IF('Standard Profiles'!$G$20=$B$24,21,0),0)),0)</f>
        <v>0</v>
      </c>
      <c r="G3167" cm="1">
        <f t="array" ref="G3167">IFERROR(INDEX(Jesper!AK$2:AK$366,ROUNDDOWN($C3167/24,0)+1,1)*INDEX($D$3:$AA$30,INDEX(Jesper!$R$2:$R$366,ROW(INDEX(Jesper!AK$2:AK$366,ROUNDDOWN($C3167/24,0)+1,1))-1)+IF('Standard Profiles'!$G$21=$B$10,7,0)+IF('Standard Profiles'!$G$21=$B$17,14,0)+IF('Standard Profiles'!$G$21=$B$24,21,0),MOD($C3167,24)+1)/SUM(INDEX($D$3:$AA$30,INDEX(Jesper!$R$2:$R$366,ROW(INDEX(Jesper!AK$2:AK$366,ROUNDDOWN($C3167/24,0)+1,1))-1)+IF('Standard Profiles'!$G$21=$B$10,7,0)+IF('Standard Profiles'!$G$21=$B$17,14,0)+IF('Standard Profiles'!$G$21=$B$24,21,0),0)),0)</f>
        <v>2.2724318076689176</v>
      </c>
      <c r="H3167" cm="1">
        <f t="array" ref="H3167">IFERROR(INDEX(Jesper!AL$2:AL$366,ROUNDDOWN($C3167/24,0)+1,1)*INDEX($D$3:$AA$30,INDEX(Jesper!$R$2:$R$366,ROW(INDEX(Jesper!AL$2:AL$366,ROUNDDOWN($C3167/24,0)+1,1))-1)+IF('Standard Profiles'!$G$22=$B$10,7,0)+IF('Standard Profiles'!$G$22=$B$17,14,0)+IF('Standard Profiles'!$G$22=$B$24,21,0),MOD($C3167,24)+1)/SUM(INDEX($D$3:$AA$30,INDEX(Jesper!$R$2:$R$366,ROW(INDEX(Jesper!AL$2:AL$366,ROUNDDOWN($C3167/24,0)+1,1))-1)+IF('Standard Profiles'!$G$22=$B$10,7,0)+IF('Standard Profiles'!$G$22=$B$17,14,0)+IF('Standard Profiles'!$G$22=$B$24,21,0),0)),0)</f>
        <v>0</v>
      </c>
      <c r="I3167">
        <f t="shared" si="356"/>
        <v>1.09076726768108</v>
      </c>
      <c r="J3167">
        <f t="shared" si="357"/>
        <v>31.803520192388863</v>
      </c>
      <c r="K3167">
        <f t="shared" si="358"/>
        <v>2.384674569797661</v>
      </c>
      <c r="L3167">
        <f t="shared" si="359"/>
        <v>1.1923372848988305</v>
      </c>
      <c r="M3167">
        <f t="shared" si="360"/>
        <v>0</v>
      </c>
      <c r="N3167" s="45">
        <f t="shared" si="361"/>
        <v>45057.541666659068</v>
      </c>
    </row>
    <row r="3168" spans="2:14" x14ac:dyDescent="0.25">
      <c r="B3168">
        <f t="shared" si="355"/>
        <v>4</v>
      </c>
      <c r="C3168" s="16">
        <v>3134</v>
      </c>
      <c r="D3168" cm="1">
        <f t="array" ref="D3168">IFERROR(INDEX(Jesper!AH$2:AH$366,ROUNDDOWN($C3168/24,0)+1,1)*INDEX($D$3:$AA$30,INDEX(Jesper!$R$2:$R$366,ROW(INDEX(Jesper!AH$2:AH$366,ROUNDDOWN($C3168/24,0)+1,1))-1)+IF('Standard Profiles'!$G$18=$B$10,7,0)+IF('Standard Profiles'!$G$18=$B$17,14,0)+IF('Standard Profiles'!$G$18=$B$24,21,0),MOD($C3168,24)+1)/SUM(INDEX($D$3:$AA$30,INDEX(Jesper!$R$2:$R$366,ROW(INDEX(Jesper!AH$2:AH$366,ROUNDDOWN($C3168/24,0)+1,1))-1)+IF('Standard Profiles'!$G$18=$B$10,7,0)+IF('Standard Profiles'!$G$18=$B$17,14,0)+IF('Standard Profiles'!$G$18=$B$24,21,0),0)),0)</f>
        <v>33.654681428596021</v>
      </c>
      <c r="E3168" cm="1">
        <f t="array" ref="E3168">IFERROR(INDEX(Jesper!AI$2:AI$366,ROUNDDOWN($C3168/24,0)+1,1)*INDEX($D$3:$AA$30,INDEX(Jesper!$R$2:$R$366,ROW(INDEX(Jesper!AI$2:AI$366,ROUNDDOWN($C3168/24,0)+1,1))-1)+IF('Standard Profiles'!$G$19=$B$10,7,0)+IF('Standard Profiles'!$G$19=$B$17,14,0)+IF('Standard Profiles'!$G$19=$B$24,21,0),MOD($C3168,24)+1)/SUM(INDEX($D$3:$AA$30,INDEX(Jesper!$R$2:$R$366,ROW(INDEX(Jesper!AI$2:AI$366,ROUNDDOWN($C3168/24,0)+1,1))-1)+IF('Standard Profiles'!$G$19=$B$10,7,0)+IF('Standard Profiles'!$G$19=$B$17,14,0)+IF('Standard Profiles'!$G$19=$B$24,21,0),0)),0)</f>
        <v>17.827484711120672</v>
      </c>
      <c r="F3168" cm="1">
        <f t="array" ref="F3168">IFERROR(INDEX(Jesper!AJ$2:AJ$366,ROUNDDOWN($C3168/24,0)+1,1)*INDEX($D$3:$AA$30,INDEX(Jesper!$R$2:$R$366,ROW(INDEX(Jesper!AJ$2:AJ$366,ROUNDDOWN($C3168/24,0)+1,1))-1)+IF('Standard Profiles'!$G$20=$B$10,7,0)+IF('Standard Profiles'!$G$20=$B$17,14,0)+IF('Standard Profiles'!$G$20=$B$24,21,0),MOD($C3168,24)+1)/SUM(INDEX($D$3:$AA$30,INDEX(Jesper!$R$2:$R$366,ROW(INDEX(Jesper!AJ$2:AJ$366,ROUNDDOWN($C3168/24,0)+1,1))-1)+IF('Standard Profiles'!$G$20=$B$10,7,0)+IF('Standard Profiles'!$G$20=$B$17,14,0)+IF('Standard Profiles'!$G$20=$B$24,21,0),0)),0)</f>
        <v>0</v>
      </c>
      <c r="G3168" cm="1">
        <f t="array" ref="G3168">IFERROR(INDEX(Jesper!AK$2:AK$366,ROUNDDOWN($C3168/24,0)+1,1)*INDEX($D$3:$AA$30,INDEX(Jesper!$R$2:$R$366,ROW(INDEX(Jesper!AK$2:AK$366,ROUNDDOWN($C3168/24,0)+1,1))-1)+IF('Standard Profiles'!$G$21=$B$10,7,0)+IF('Standard Profiles'!$G$21=$B$17,14,0)+IF('Standard Profiles'!$G$21=$B$24,21,0),MOD($C3168,24)+1)/SUM(INDEX($D$3:$AA$30,INDEX(Jesper!$R$2:$R$366,ROW(INDEX(Jesper!AK$2:AK$366,ROUNDDOWN($C3168/24,0)+1,1))-1)+IF('Standard Profiles'!$G$21=$B$10,7,0)+IF('Standard Profiles'!$G$21=$B$17,14,0)+IF('Standard Profiles'!$G$21=$B$24,21,0),0)),0)</f>
        <v>3.420865086813424</v>
      </c>
      <c r="H3168" cm="1">
        <f t="array" ref="H3168">IFERROR(INDEX(Jesper!AL$2:AL$366,ROUNDDOWN($C3168/24,0)+1,1)*INDEX($D$3:$AA$30,INDEX(Jesper!$R$2:$R$366,ROW(INDEX(Jesper!AL$2:AL$366,ROUNDDOWN($C3168/24,0)+1,1))-1)+IF('Standard Profiles'!$G$22=$B$10,7,0)+IF('Standard Profiles'!$G$22=$B$17,14,0)+IF('Standard Profiles'!$G$22=$B$24,21,0),MOD($C3168,24)+1)/SUM(INDEX($D$3:$AA$30,INDEX(Jesper!$R$2:$R$366,ROW(INDEX(Jesper!AL$2:AL$366,ROUNDDOWN($C3168/24,0)+1,1))-1)+IF('Standard Profiles'!$G$22=$B$10,7,0)+IF('Standard Profiles'!$G$22=$B$17,14,0)+IF('Standard Profiles'!$G$22=$B$24,21,0),0)),0)</f>
        <v>0</v>
      </c>
      <c r="I3168">
        <f t="shared" si="356"/>
        <v>1.6420152416704428</v>
      </c>
      <c r="J3168">
        <f t="shared" si="357"/>
        <v>47.876266956284304</v>
      </c>
      <c r="K3168">
        <f t="shared" si="358"/>
        <v>3.5898326857169089</v>
      </c>
      <c r="L3168">
        <f t="shared" si="359"/>
        <v>1.7949163428584545</v>
      </c>
      <c r="M3168">
        <f t="shared" si="360"/>
        <v>0</v>
      </c>
      <c r="N3168" s="45">
        <f t="shared" si="361"/>
        <v>45057.583333325732</v>
      </c>
    </row>
    <row r="3169" spans="2:14" x14ac:dyDescent="0.25">
      <c r="B3169">
        <f t="shared" si="355"/>
        <v>4</v>
      </c>
      <c r="C3169" s="16">
        <v>3135</v>
      </c>
      <c r="D3169" cm="1">
        <f t="array" ref="D3169">IFERROR(INDEX(Jesper!AH$2:AH$366,ROUNDDOWN($C3169/24,0)+1,1)*INDEX($D$3:$AA$30,INDEX(Jesper!$R$2:$R$366,ROW(INDEX(Jesper!AH$2:AH$366,ROUNDDOWN($C3169/24,0)+1,1))-1)+IF('Standard Profiles'!$G$18=$B$10,7,0)+IF('Standard Profiles'!$G$18=$B$17,14,0)+IF('Standard Profiles'!$G$18=$B$24,21,0),MOD($C3169,24)+1)/SUM(INDEX($D$3:$AA$30,INDEX(Jesper!$R$2:$R$366,ROW(INDEX(Jesper!AH$2:AH$366,ROUNDDOWN($C3169/24,0)+1,1))-1)+IF('Standard Profiles'!$G$18=$B$10,7,0)+IF('Standard Profiles'!$G$18=$B$17,14,0)+IF('Standard Profiles'!$G$18=$B$24,21,0),0)),0)</f>
        <v>33.654681428596021</v>
      </c>
      <c r="E3169" cm="1">
        <f t="array" ref="E3169">IFERROR(INDEX(Jesper!AI$2:AI$366,ROUNDDOWN($C3169/24,0)+1,1)*INDEX($D$3:$AA$30,INDEX(Jesper!$R$2:$R$366,ROW(INDEX(Jesper!AI$2:AI$366,ROUNDDOWN($C3169/24,0)+1,1))-1)+IF('Standard Profiles'!$G$19=$B$10,7,0)+IF('Standard Profiles'!$G$19=$B$17,14,0)+IF('Standard Profiles'!$G$19=$B$24,21,0),MOD($C3169,24)+1)/SUM(INDEX($D$3:$AA$30,INDEX(Jesper!$R$2:$R$366,ROW(INDEX(Jesper!AI$2:AI$366,ROUNDDOWN($C3169/24,0)+1,1))-1)+IF('Standard Profiles'!$G$19=$B$10,7,0)+IF('Standard Profiles'!$G$19=$B$17,14,0)+IF('Standard Profiles'!$G$19=$B$24,21,0),0)),0)</f>
        <v>17.827484711120672</v>
      </c>
      <c r="F3169" cm="1">
        <f t="array" ref="F3169">IFERROR(INDEX(Jesper!AJ$2:AJ$366,ROUNDDOWN($C3169/24,0)+1,1)*INDEX($D$3:$AA$30,INDEX(Jesper!$R$2:$R$366,ROW(INDEX(Jesper!AJ$2:AJ$366,ROUNDDOWN($C3169/24,0)+1,1))-1)+IF('Standard Profiles'!$G$20=$B$10,7,0)+IF('Standard Profiles'!$G$20=$B$17,14,0)+IF('Standard Profiles'!$G$20=$B$24,21,0),MOD($C3169,24)+1)/SUM(INDEX($D$3:$AA$30,INDEX(Jesper!$R$2:$R$366,ROW(INDEX(Jesper!AJ$2:AJ$366,ROUNDDOWN($C3169/24,0)+1,1))-1)+IF('Standard Profiles'!$G$20=$B$10,7,0)+IF('Standard Profiles'!$G$20=$B$17,14,0)+IF('Standard Profiles'!$G$20=$B$24,21,0),0)),0)</f>
        <v>0</v>
      </c>
      <c r="G3169" cm="1">
        <f t="array" ref="G3169">IFERROR(INDEX(Jesper!AK$2:AK$366,ROUNDDOWN($C3169/24,0)+1,1)*INDEX($D$3:$AA$30,INDEX(Jesper!$R$2:$R$366,ROW(INDEX(Jesper!AK$2:AK$366,ROUNDDOWN($C3169/24,0)+1,1))-1)+IF('Standard Profiles'!$G$21=$B$10,7,0)+IF('Standard Profiles'!$G$21=$B$17,14,0)+IF('Standard Profiles'!$G$21=$B$24,21,0),MOD($C3169,24)+1)/SUM(INDEX($D$3:$AA$30,INDEX(Jesper!$R$2:$R$366,ROW(INDEX(Jesper!AK$2:AK$366,ROUNDDOWN($C3169/24,0)+1,1))-1)+IF('Standard Profiles'!$G$21=$B$10,7,0)+IF('Standard Profiles'!$G$21=$B$17,14,0)+IF('Standard Profiles'!$G$21=$B$24,21,0),0)),0)</f>
        <v>3.420865086813424</v>
      </c>
      <c r="H3169" cm="1">
        <f t="array" ref="H3169">IFERROR(INDEX(Jesper!AL$2:AL$366,ROUNDDOWN($C3169/24,0)+1,1)*INDEX($D$3:$AA$30,INDEX(Jesper!$R$2:$R$366,ROW(INDEX(Jesper!AL$2:AL$366,ROUNDDOWN($C3169/24,0)+1,1))-1)+IF('Standard Profiles'!$G$22=$B$10,7,0)+IF('Standard Profiles'!$G$22=$B$17,14,0)+IF('Standard Profiles'!$G$22=$B$24,21,0),MOD($C3169,24)+1)/SUM(INDEX($D$3:$AA$30,INDEX(Jesper!$R$2:$R$366,ROW(INDEX(Jesper!AL$2:AL$366,ROUNDDOWN($C3169/24,0)+1,1))-1)+IF('Standard Profiles'!$G$22=$B$10,7,0)+IF('Standard Profiles'!$G$22=$B$17,14,0)+IF('Standard Profiles'!$G$22=$B$24,21,0),0)),0)</f>
        <v>0</v>
      </c>
      <c r="I3169">
        <f t="shared" si="356"/>
        <v>1.6420152416704428</v>
      </c>
      <c r="J3169">
        <f t="shared" si="357"/>
        <v>47.876266956284304</v>
      </c>
      <c r="K3169">
        <f t="shared" si="358"/>
        <v>3.5898326857169089</v>
      </c>
      <c r="L3169">
        <f t="shared" si="359"/>
        <v>1.7949163428584545</v>
      </c>
      <c r="M3169">
        <f t="shared" si="360"/>
        <v>0</v>
      </c>
      <c r="N3169" s="45">
        <f t="shared" si="361"/>
        <v>45057.624999992397</v>
      </c>
    </row>
    <row r="3170" spans="2:14" x14ac:dyDescent="0.25">
      <c r="B3170">
        <f t="shared" si="355"/>
        <v>4</v>
      </c>
      <c r="C3170" s="16">
        <v>3136</v>
      </c>
      <c r="D3170" cm="1">
        <f t="array" ref="D3170">IFERROR(INDEX(Jesper!AH$2:AH$366,ROUNDDOWN($C3170/24,0)+1,1)*INDEX($D$3:$AA$30,INDEX(Jesper!$R$2:$R$366,ROW(INDEX(Jesper!AH$2:AH$366,ROUNDDOWN($C3170/24,0)+1,1))-1)+IF('Standard Profiles'!$G$18=$B$10,7,0)+IF('Standard Profiles'!$G$18=$B$17,14,0)+IF('Standard Profiles'!$G$18=$B$24,21,0),MOD($C3170,24)+1)/SUM(INDEX($D$3:$AA$30,INDEX(Jesper!$R$2:$R$366,ROW(INDEX(Jesper!AH$2:AH$366,ROUNDDOWN($C3170/24,0)+1,1))-1)+IF('Standard Profiles'!$G$18=$B$10,7,0)+IF('Standard Profiles'!$G$18=$B$17,14,0)+IF('Standard Profiles'!$G$18=$B$24,21,0),0)),0)</f>
        <v>19.832222984708373</v>
      </c>
      <c r="E3170" cm="1">
        <f t="array" ref="E3170">IFERROR(INDEX(Jesper!AI$2:AI$366,ROUNDDOWN($C3170/24,0)+1,1)*INDEX($D$3:$AA$30,INDEX(Jesper!$R$2:$R$366,ROW(INDEX(Jesper!AI$2:AI$366,ROUNDDOWN($C3170/24,0)+1,1))-1)+IF('Standard Profiles'!$G$19=$B$10,7,0)+IF('Standard Profiles'!$G$19=$B$17,14,0)+IF('Standard Profiles'!$G$19=$B$24,21,0),MOD($C3170,24)+1)/SUM(INDEX($D$3:$AA$30,INDEX(Jesper!$R$2:$R$366,ROW(INDEX(Jesper!AI$2:AI$366,ROUNDDOWN($C3170/24,0)+1,1))-1)+IF('Standard Profiles'!$G$19=$B$10,7,0)+IF('Standard Profiles'!$G$19=$B$17,14,0)+IF('Standard Profiles'!$G$19=$B$24,21,0),0)),0)</f>
        <v>10.505482061910397</v>
      </c>
      <c r="F3170" cm="1">
        <f t="array" ref="F3170">IFERROR(INDEX(Jesper!AJ$2:AJ$366,ROUNDDOWN($C3170/24,0)+1,1)*INDEX($D$3:$AA$30,INDEX(Jesper!$R$2:$R$366,ROW(INDEX(Jesper!AJ$2:AJ$366,ROUNDDOWN($C3170/24,0)+1,1))-1)+IF('Standard Profiles'!$G$20=$B$10,7,0)+IF('Standard Profiles'!$G$20=$B$17,14,0)+IF('Standard Profiles'!$G$20=$B$24,21,0),MOD($C3170,24)+1)/SUM(INDEX($D$3:$AA$30,INDEX(Jesper!$R$2:$R$366,ROW(INDEX(Jesper!AJ$2:AJ$366,ROUNDDOWN($C3170/24,0)+1,1))-1)+IF('Standard Profiles'!$G$20=$B$10,7,0)+IF('Standard Profiles'!$G$20=$B$17,14,0)+IF('Standard Profiles'!$G$20=$B$24,21,0),0)),0)</f>
        <v>0</v>
      </c>
      <c r="G3170" cm="1">
        <f t="array" ref="G3170">IFERROR(INDEX(Jesper!AK$2:AK$366,ROUNDDOWN($C3170/24,0)+1,1)*INDEX($D$3:$AA$30,INDEX(Jesper!$R$2:$R$366,ROW(INDEX(Jesper!AK$2:AK$366,ROUNDDOWN($C3170/24,0)+1,1))-1)+IF('Standard Profiles'!$G$21=$B$10,7,0)+IF('Standard Profiles'!$G$21=$B$17,14,0)+IF('Standard Profiles'!$G$21=$B$24,21,0),MOD($C3170,24)+1)/SUM(INDEX($D$3:$AA$30,INDEX(Jesper!$R$2:$R$366,ROW(INDEX(Jesper!AK$2:AK$366,ROUNDDOWN($C3170/24,0)+1,1))-1)+IF('Standard Profiles'!$G$21=$B$10,7,0)+IF('Standard Profiles'!$G$21=$B$17,14,0)+IF('Standard Profiles'!$G$21=$B$24,21,0),0)),0)</f>
        <v>2.8584445337474245</v>
      </c>
      <c r="H3170" cm="1">
        <f t="array" ref="H3170">IFERROR(INDEX(Jesper!AL$2:AL$366,ROUNDDOWN($C3170/24,0)+1,1)*INDEX($D$3:$AA$30,INDEX(Jesper!$R$2:$R$366,ROW(INDEX(Jesper!AL$2:AL$366,ROUNDDOWN($C3170/24,0)+1,1))-1)+IF('Standard Profiles'!$G$22=$B$10,7,0)+IF('Standard Profiles'!$G$22=$B$17,14,0)+IF('Standard Profiles'!$G$22=$B$24,21,0),MOD($C3170,24)+1)/SUM(INDEX($D$3:$AA$30,INDEX(Jesper!$R$2:$R$366,ROW(INDEX(Jesper!AL$2:AL$366,ROUNDDOWN($C3170/24,0)+1,1))-1)+IF('Standard Profiles'!$G$22=$B$10,7,0)+IF('Standard Profiles'!$G$22=$B$17,14,0)+IF('Standard Profiles'!$G$22=$B$24,21,0),0)),0)</f>
        <v>0</v>
      </c>
      <c r="I3170">
        <f t="shared" si="356"/>
        <v>1.372053376198763</v>
      </c>
      <c r="J3170">
        <f t="shared" si="357"/>
        <v>28.650940526614093</v>
      </c>
      <c r="K3170">
        <f t="shared" si="358"/>
        <v>2.1154371183688934</v>
      </c>
      <c r="L3170">
        <f t="shared" si="359"/>
        <v>1.0577185591844467</v>
      </c>
      <c r="M3170">
        <f t="shared" si="360"/>
        <v>0</v>
      </c>
      <c r="N3170" s="45">
        <f t="shared" si="361"/>
        <v>45057.666666659061</v>
      </c>
    </row>
    <row r="3171" spans="2:14" x14ac:dyDescent="0.25">
      <c r="B3171">
        <f t="shared" ref="B3171:B3234" si="362">WEEKDAY(N3171,2)</f>
        <v>4</v>
      </c>
      <c r="C3171" s="16">
        <v>3137</v>
      </c>
      <c r="D3171" cm="1">
        <f t="array" ref="D3171">IFERROR(INDEX(Jesper!AH$2:AH$366,ROUNDDOWN($C3171/24,0)+1,1)*INDEX($D$3:$AA$30,INDEX(Jesper!$R$2:$R$366,ROW(INDEX(Jesper!AH$2:AH$366,ROUNDDOWN($C3171/24,0)+1,1))-1)+IF('Standard Profiles'!$G$18=$B$10,7,0)+IF('Standard Profiles'!$G$18=$B$17,14,0)+IF('Standard Profiles'!$G$18=$B$24,21,0),MOD($C3171,24)+1)/SUM(INDEX($D$3:$AA$30,INDEX(Jesper!$R$2:$R$366,ROW(INDEX(Jesper!AH$2:AH$366,ROUNDDOWN($C3171/24,0)+1,1))-1)+IF('Standard Profiles'!$G$18=$B$10,7,0)+IF('Standard Profiles'!$G$18=$B$17,14,0)+IF('Standard Profiles'!$G$18=$B$24,21,0),0)),0)</f>
        <v>8.4644570997474915</v>
      </c>
      <c r="E3171" cm="1">
        <f t="array" ref="E3171">IFERROR(INDEX(Jesper!AI$2:AI$366,ROUNDDOWN($C3171/24,0)+1,1)*INDEX($D$3:$AA$30,INDEX(Jesper!$R$2:$R$366,ROW(INDEX(Jesper!AI$2:AI$366,ROUNDDOWN($C3171/24,0)+1,1))-1)+IF('Standard Profiles'!$G$19=$B$10,7,0)+IF('Standard Profiles'!$G$19=$B$17,14,0)+IF('Standard Profiles'!$G$19=$B$24,21,0),MOD($C3171,24)+1)/SUM(INDEX($D$3:$AA$30,INDEX(Jesper!$R$2:$R$366,ROW(INDEX(Jesper!AI$2:AI$366,ROUNDDOWN($C3171/24,0)+1,1))-1)+IF('Standard Profiles'!$G$19=$B$10,7,0)+IF('Standard Profiles'!$G$19=$B$17,14,0)+IF('Standard Profiles'!$G$19=$B$24,21,0),0)),0)</f>
        <v>4.4837738207043953</v>
      </c>
      <c r="F3171" cm="1">
        <f t="array" ref="F3171">IFERROR(INDEX(Jesper!AJ$2:AJ$366,ROUNDDOWN($C3171/24,0)+1,1)*INDEX($D$3:$AA$30,INDEX(Jesper!$R$2:$R$366,ROW(INDEX(Jesper!AJ$2:AJ$366,ROUNDDOWN($C3171/24,0)+1,1))-1)+IF('Standard Profiles'!$G$20=$B$10,7,0)+IF('Standard Profiles'!$G$20=$B$17,14,0)+IF('Standard Profiles'!$G$20=$B$24,21,0),MOD($C3171,24)+1)/SUM(INDEX($D$3:$AA$30,INDEX(Jesper!$R$2:$R$366,ROW(INDEX(Jesper!AJ$2:AJ$366,ROUNDDOWN($C3171/24,0)+1,1))-1)+IF('Standard Profiles'!$G$20=$B$10,7,0)+IF('Standard Profiles'!$G$20=$B$17,14,0)+IF('Standard Profiles'!$G$20=$B$24,21,0),0)),0)</f>
        <v>0</v>
      </c>
      <c r="G3171" cm="1">
        <f t="array" ref="G3171">IFERROR(INDEX(Jesper!AK$2:AK$366,ROUNDDOWN($C3171/24,0)+1,1)*INDEX($D$3:$AA$30,INDEX(Jesper!$R$2:$R$366,ROW(INDEX(Jesper!AK$2:AK$366,ROUNDDOWN($C3171/24,0)+1,1))-1)+IF('Standard Profiles'!$G$21=$B$10,7,0)+IF('Standard Profiles'!$G$21=$B$17,14,0)+IF('Standard Profiles'!$G$21=$B$24,21,0),MOD($C3171,24)+1)/SUM(INDEX($D$3:$AA$30,INDEX(Jesper!$R$2:$R$366,ROW(INDEX(Jesper!AK$2:AK$366,ROUNDDOWN($C3171/24,0)+1,1))-1)+IF('Standard Profiles'!$G$21=$B$10,7,0)+IF('Standard Profiles'!$G$21=$B$17,14,0)+IF('Standard Profiles'!$G$21=$B$24,21,0),0)),0)</f>
        <v>2.2728530964727125</v>
      </c>
      <c r="H3171" cm="1">
        <f t="array" ref="H3171">IFERROR(INDEX(Jesper!AL$2:AL$366,ROUNDDOWN($C3171/24,0)+1,1)*INDEX($D$3:$AA$30,INDEX(Jesper!$R$2:$R$366,ROW(INDEX(Jesper!AL$2:AL$366,ROUNDDOWN($C3171/24,0)+1,1))-1)+IF('Standard Profiles'!$G$22=$B$10,7,0)+IF('Standard Profiles'!$G$22=$B$17,14,0)+IF('Standard Profiles'!$G$22=$B$24,21,0),MOD($C3171,24)+1)/SUM(INDEX($D$3:$AA$30,INDEX(Jesper!$R$2:$R$366,ROW(INDEX(Jesper!AL$2:AL$366,ROUNDDOWN($C3171/24,0)+1,1))-1)+IF('Standard Profiles'!$G$22=$B$10,7,0)+IF('Standard Profiles'!$G$22=$B$17,14,0)+IF('Standard Profiles'!$G$22=$B$24,21,0),0)),0)</f>
        <v>0</v>
      </c>
      <c r="I3171">
        <f t="shared" ref="I3171:I3234" si="363">IF($B3171&lt;6,AC$37*$D3171+AC$38*$E3171+AC$39*$F3171+AC$40*$G3171,AC$46*$D3171+AC$47*$E3171+AC$48*$F3171+AC$49*$G3171+AC$50*$H3171)</f>
        <v>1.0909694863069015</v>
      </c>
      <c r="J3171">
        <f t="shared" ref="J3171:J3234" si="364">IF($B3171&lt;6,AD$37*$D3171+AD$38*$E3171+AD$39*$F3171+AD$40*$G3171,AD$46*$D3171+AD$47*$E3171+AD$48*$F3171+AD$49*$G3171+AD$50*$H3171)</f>
        <v>12.775801394658098</v>
      </c>
      <c r="K3171">
        <f t="shared" ref="K3171:K3234" si="365">IF($B3171&lt;6,AE$37*$D3171+AE$38*$E3171+AE$39*$F3171+AE$40*$G3171,AE$46*$D3171+AE$47*$E3171+AE$48*$F3171+AE$49*$G3171+AE$50*$H3171)</f>
        <v>0.90287542397306586</v>
      </c>
      <c r="L3171">
        <f t="shared" ref="L3171:L3234" si="366">IF($B3171&lt;6,AF$37*$D3171+AF$38*$E3171+AF$39*$F3171+AF$40*$G3171,AF$46*$D3171+AF$47*$E3171+AF$48*$F3171+AF$49*$G3171+AF$50*$H3171)</f>
        <v>0.45143771198653293</v>
      </c>
      <c r="M3171">
        <f t="shared" ref="M3171:M3234" si="367">IF($B3171&lt;6,AG$37*$D3171+AG$38*$E3171+AG$39*$F3171+AG$40*$G3171,AG$46*$D3171+AG$47*$E3171+AG$48*$F3171+AG$49*$G3171+AG$50*$H3171)</f>
        <v>0</v>
      </c>
      <c r="N3171" s="45">
        <f t="shared" si="361"/>
        <v>45057.708333325725</v>
      </c>
    </row>
    <row r="3172" spans="2:14" x14ac:dyDescent="0.25">
      <c r="B3172">
        <f t="shared" si="362"/>
        <v>4</v>
      </c>
      <c r="C3172" s="16">
        <v>3138</v>
      </c>
      <c r="D3172" cm="1">
        <f t="array" ref="D3172">IFERROR(INDEX(Jesper!AH$2:AH$366,ROUNDDOWN($C3172/24,0)+1,1)*INDEX($D$3:$AA$30,INDEX(Jesper!$R$2:$R$366,ROW(INDEX(Jesper!AH$2:AH$366,ROUNDDOWN($C3172/24,0)+1,1))-1)+IF('Standard Profiles'!$G$18=$B$10,7,0)+IF('Standard Profiles'!$G$18=$B$17,14,0)+IF('Standard Profiles'!$G$18=$B$24,21,0),MOD($C3172,24)+1)/SUM(INDEX($D$3:$AA$30,INDEX(Jesper!$R$2:$R$366,ROW(INDEX(Jesper!AH$2:AH$366,ROUNDDOWN($C3172/24,0)+1,1))-1)+IF('Standard Profiles'!$G$18=$B$10,7,0)+IF('Standard Profiles'!$G$18=$B$17,14,0)+IF('Standard Profiles'!$G$18=$B$24,21,0),0)),0)</f>
        <v>5.5865416858333443</v>
      </c>
      <c r="E3172" cm="1">
        <f t="array" ref="E3172">IFERROR(INDEX(Jesper!AI$2:AI$366,ROUNDDOWN($C3172/24,0)+1,1)*INDEX($D$3:$AA$30,INDEX(Jesper!$R$2:$R$366,ROW(INDEX(Jesper!AI$2:AI$366,ROUNDDOWN($C3172/24,0)+1,1))-1)+IF('Standard Profiles'!$G$19=$B$10,7,0)+IF('Standard Profiles'!$G$19=$B$17,14,0)+IF('Standard Profiles'!$G$19=$B$24,21,0),MOD($C3172,24)+1)/SUM(INDEX($D$3:$AA$30,INDEX(Jesper!$R$2:$R$366,ROW(INDEX(Jesper!AI$2:AI$366,ROUNDDOWN($C3172/24,0)+1,1))-1)+IF('Standard Profiles'!$G$19=$B$10,7,0)+IF('Standard Profiles'!$G$19=$B$17,14,0)+IF('Standard Profiles'!$G$19=$B$24,21,0),0)),0)</f>
        <v>2.9592907216649009</v>
      </c>
      <c r="F3172" cm="1">
        <f t="array" ref="F3172">IFERROR(INDEX(Jesper!AJ$2:AJ$366,ROUNDDOWN($C3172/24,0)+1,1)*INDEX($D$3:$AA$30,INDEX(Jesper!$R$2:$R$366,ROW(INDEX(Jesper!AJ$2:AJ$366,ROUNDDOWN($C3172/24,0)+1,1))-1)+IF('Standard Profiles'!$G$20=$B$10,7,0)+IF('Standard Profiles'!$G$20=$B$17,14,0)+IF('Standard Profiles'!$G$20=$B$24,21,0),MOD($C3172,24)+1)/SUM(INDEX($D$3:$AA$30,INDEX(Jesper!$R$2:$R$366,ROW(INDEX(Jesper!AJ$2:AJ$366,ROUNDDOWN($C3172/24,0)+1,1))-1)+IF('Standard Profiles'!$G$20=$B$10,7,0)+IF('Standard Profiles'!$G$20=$B$17,14,0)+IF('Standard Profiles'!$G$20=$B$24,21,0),0)),0)</f>
        <v>0</v>
      </c>
      <c r="G3172" cm="1">
        <f t="array" ref="G3172">IFERROR(INDEX(Jesper!AK$2:AK$366,ROUNDDOWN($C3172/24,0)+1,1)*INDEX($D$3:$AA$30,INDEX(Jesper!$R$2:$R$366,ROW(INDEX(Jesper!AK$2:AK$366,ROUNDDOWN($C3172/24,0)+1,1))-1)+IF('Standard Profiles'!$G$21=$B$10,7,0)+IF('Standard Profiles'!$G$21=$B$17,14,0)+IF('Standard Profiles'!$G$21=$B$24,21,0),MOD($C3172,24)+1)/SUM(INDEX($D$3:$AA$30,INDEX(Jesper!$R$2:$R$366,ROW(INDEX(Jesper!AK$2:AK$366,ROUNDDOWN($C3172/24,0)+1,1))-1)+IF('Standard Profiles'!$G$21=$B$10,7,0)+IF('Standard Profiles'!$G$21=$B$17,14,0)+IF('Standard Profiles'!$G$21=$B$24,21,0),0)),0)</f>
        <v>0.8425776075895135</v>
      </c>
      <c r="H3172" cm="1">
        <f t="array" ref="H3172">IFERROR(INDEX(Jesper!AL$2:AL$366,ROUNDDOWN($C3172/24,0)+1,1)*INDEX($D$3:$AA$30,INDEX(Jesper!$R$2:$R$366,ROW(INDEX(Jesper!AL$2:AL$366,ROUNDDOWN($C3172/24,0)+1,1))-1)+IF('Standard Profiles'!$G$22=$B$10,7,0)+IF('Standard Profiles'!$G$22=$B$17,14,0)+IF('Standard Profiles'!$G$22=$B$24,21,0),MOD($C3172,24)+1)/SUM(INDEX($D$3:$AA$30,INDEX(Jesper!$R$2:$R$366,ROW(INDEX(Jesper!AL$2:AL$366,ROUNDDOWN($C3172/24,0)+1,1))-1)+IF('Standard Profiles'!$G$22=$B$10,7,0)+IF('Standard Profiles'!$G$22=$B$17,14,0)+IF('Standard Profiles'!$G$22=$B$24,21,0),0)),0)</f>
        <v>0</v>
      </c>
      <c r="I3172">
        <f t="shared" si="363"/>
        <v>0.40443725164296629</v>
      </c>
      <c r="J3172">
        <f t="shared" si="364"/>
        <v>8.0901260937114579</v>
      </c>
      <c r="K3172">
        <f t="shared" si="365"/>
        <v>0.59589777982222347</v>
      </c>
      <c r="L3172">
        <f t="shared" si="366"/>
        <v>0.29794888991111174</v>
      </c>
      <c r="M3172">
        <f t="shared" si="367"/>
        <v>0</v>
      </c>
      <c r="N3172" s="45">
        <f t="shared" ref="N3172:N3235" si="368">N3171+1/24</f>
        <v>45057.749999992389</v>
      </c>
    </row>
    <row r="3173" spans="2:14" x14ac:dyDescent="0.25">
      <c r="B3173">
        <f t="shared" si="362"/>
        <v>4</v>
      </c>
      <c r="C3173" s="16">
        <v>3139</v>
      </c>
      <c r="D3173" cm="1">
        <f t="array" ref="D3173">IFERROR(INDEX(Jesper!AH$2:AH$366,ROUNDDOWN($C3173/24,0)+1,1)*INDEX($D$3:$AA$30,INDEX(Jesper!$R$2:$R$366,ROW(INDEX(Jesper!AH$2:AH$366,ROUNDDOWN($C3173/24,0)+1,1))-1)+IF('Standard Profiles'!$G$18=$B$10,7,0)+IF('Standard Profiles'!$G$18=$B$17,14,0)+IF('Standard Profiles'!$G$18=$B$24,21,0),MOD($C3173,24)+1)/SUM(INDEX($D$3:$AA$30,INDEX(Jesper!$R$2:$R$366,ROW(INDEX(Jesper!AH$2:AH$366,ROUNDDOWN($C3173/24,0)+1,1))-1)+IF('Standard Profiles'!$G$18=$B$10,7,0)+IF('Standard Profiles'!$G$18=$B$17,14,0)+IF('Standard Profiles'!$G$18=$B$24,21,0),0)),0)</f>
        <v>5.5865416858333443</v>
      </c>
      <c r="E3173" cm="1">
        <f t="array" ref="E3173">IFERROR(INDEX(Jesper!AI$2:AI$366,ROUNDDOWN($C3173/24,0)+1,1)*INDEX($D$3:$AA$30,INDEX(Jesper!$R$2:$R$366,ROW(INDEX(Jesper!AI$2:AI$366,ROUNDDOWN($C3173/24,0)+1,1))-1)+IF('Standard Profiles'!$G$19=$B$10,7,0)+IF('Standard Profiles'!$G$19=$B$17,14,0)+IF('Standard Profiles'!$G$19=$B$24,21,0),MOD($C3173,24)+1)/SUM(INDEX($D$3:$AA$30,INDEX(Jesper!$R$2:$R$366,ROW(INDEX(Jesper!AI$2:AI$366,ROUNDDOWN($C3173/24,0)+1,1))-1)+IF('Standard Profiles'!$G$19=$B$10,7,0)+IF('Standard Profiles'!$G$19=$B$17,14,0)+IF('Standard Profiles'!$G$19=$B$24,21,0),0)),0)</f>
        <v>2.9592907216649009</v>
      </c>
      <c r="F3173" cm="1">
        <f t="array" ref="F3173">IFERROR(INDEX(Jesper!AJ$2:AJ$366,ROUNDDOWN($C3173/24,0)+1,1)*INDEX($D$3:$AA$30,INDEX(Jesper!$R$2:$R$366,ROW(INDEX(Jesper!AJ$2:AJ$366,ROUNDDOWN($C3173/24,0)+1,1))-1)+IF('Standard Profiles'!$G$20=$B$10,7,0)+IF('Standard Profiles'!$G$20=$B$17,14,0)+IF('Standard Profiles'!$G$20=$B$24,21,0),MOD($C3173,24)+1)/SUM(INDEX($D$3:$AA$30,INDEX(Jesper!$R$2:$R$366,ROW(INDEX(Jesper!AJ$2:AJ$366,ROUNDDOWN($C3173/24,0)+1,1))-1)+IF('Standard Profiles'!$G$20=$B$10,7,0)+IF('Standard Profiles'!$G$20=$B$17,14,0)+IF('Standard Profiles'!$G$20=$B$24,21,0),0)),0)</f>
        <v>0</v>
      </c>
      <c r="G3173" cm="1">
        <f t="array" ref="G3173">IFERROR(INDEX(Jesper!AK$2:AK$366,ROUNDDOWN($C3173/24,0)+1,1)*INDEX($D$3:$AA$30,INDEX(Jesper!$R$2:$R$366,ROW(INDEX(Jesper!AK$2:AK$366,ROUNDDOWN($C3173/24,0)+1,1))-1)+IF('Standard Profiles'!$G$21=$B$10,7,0)+IF('Standard Profiles'!$G$21=$B$17,14,0)+IF('Standard Profiles'!$G$21=$B$24,21,0),MOD($C3173,24)+1)/SUM(INDEX($D$3:$AA$30,INDEX(Jesper!$R$2:$R$366,ROW(INDEX(Jesper!AK$2:AK$366,ROUNDDOWN($C3173/24,0)+1,1))-1)+IF('Standard Profiles'!$G$21=$B$10,7,0)+IF('Standard Profiles'!$G$21=$B$17,14,0)+IF('Standard Profiles'!$G$21=$B$24,21,0),0)),0)</f>
        <v>0.8425776075895135</v>
      </c>
      <c r="H3173" cm="1">
        <f t="array" ref="H3173">IFERROR(INDEX(Jesper!AL$2:AL$366,ROUNDDOWN($C3173/24,0)+1,1)*INDEX($D$3:$AA$30,INDEX(Jesper!$R$2:$R$366,ROW(INDEX(Jesper!AL$2:AL$366,ROUNDDOWN($C3173/24,0)+1,1))-1)+IF('Standard Profiles'!$G$22=$B$10,7,0)+IF('Standard Profiles'!$G$22=$B$17,14,0)+IF('Standard Profiles'!$G$22=$B$24,21,0),MOD($C3173,24)+1)/SUM(INDEX($D$3:$AA$30,INDEX(Jesper!$R$2:$R$366,ROW(INDEX(Jesper!AL$2:AL$366,ROUNDDOWN($C3173/24,0)+1,1))-1)+IF('Standard Profiles'!$G$22=$B$10,7,0)+IF('Standard Profiles'!$G$22=$B$17,14,0)+IF('Standard Profiles'!$G$22=$B$24,21,0),0)),0)</f>
        <v>0</v>
      </c>
      <c r="I3173">
        <f t="shared" si="363"/>
        <v>0.40443725164296629</v>
      </c>
      <c r="J3173">
        <f t="shared" si="364"/>
        <v>8.0901260937114579</v>
      </c>
      <c r="K3173">
        <f t="shared" si="365"/>
        <v>0.59589777982222347</v>
      </c>
      <c r="L3173">
        <f t="shared" si="366"/>
        <v>0.29794888991111174</v>
      </c>
      <c r="M3173">
        <f t="shared" si="367"/>
        <v>0</v>
      </c>
      <c r="N3173" s="45">
        <f t="shared" si="368"/>
        <v>45057.791666659054</v>
      </c>
    </row>
    <row r="3174" spans="2:14" x14ac:dyDescent="0.25">
      <c r="B3174">
        <f t="shared" si="362"/>
        <v>4</v>
      </c>
      <c r="C3174" s="16">
        <v>3140</v>
      </c>
      <c r="D3174" cm="1">
        <f t="array" ref="D3174">IFERROR(INDEX(Jesper!AH$2:AH$366,ROUNDDOWN($C3174/24,0)+1,1)*INDEX($D$3:$AA$30,INDEX(Jesper!$R$2:$R$366,ROW(INDEX(Jesper!AH$2:AH$366,ROUNDDOWN($C3174/24,0)+1,1))-1)+IF('Standard Profiles'!$G$18=$B$10,7,0)+IF('Standard Profiles'!$G$18=$B$17,14,0)+IF('Standard Profiles'!$G$18=$B$24,21,0),MOD($C3174,24)+1)/SUM(INDEX($D$3:$AA$30,INDEX(Jesper!$R$2:$R$366,ROW(INDEX(Jesper!AH$2:AH$366,ROUNDDOWN($C3174/24,0)+1,1))-1)+IF('Standard Profiles'!$G$18=$B$10,7,0)+IF('Standard Profiles'!$G$18=$B$17,14,0)+IF('Standard Profiles'!$G$18=$B$24,21,0),0)),0)</f>
        <v>5.5865416858333443</v>
      </c>
      <c r="E3174" cm="1">
        <f t="array" ref="E3174">IFERROR(INDEX(Jesper!AI$2:AI$366,ROUNDDOWN($C3174/24,0)+1,1)*INDEX($D$3:$AA$30,INDEX(Jesper!$R$2:$R$366,ROW(INDEX(Jesper!AI$2:AI$366,ROUNDDOWN($C3174/24,0)+1,1))-1)+IF('Standard Profiles'!$G$19=$B$10,7,0)+IF('Standard Profiles'!$G$19=$B$17,14,0)+IF('Standard Profiles'!$G$19=$B$24,21,0),MOD($C3174,24)+1)/SUM(INDEX($D$3:$AA$30,INDEX(Jesper!$R$2:$R$366,ROW(INDEX(Jesper!AI$2:AI$366,ROUNDDOWN($C3174/24,0)+1,1))-1)+IF('Standard Profiles'!$G$19=$B$10,7,0)+IF('Standard Profiles'!$G$19=$B$17,14,0)+IF('Standard Profiles'!$G$19=$B$24,21,0),0)),0)</f>
        <v>2.9592907216649009</v>
      </c>
      <c r="F3174" cm="1">
        <f t="array" ref="F3174">IFERROR(INDEX(Jesper!AJ$2:AJ$366,ROUNDDOWN($C3174/24,0)+1,1)*INDEX($D$3:$AA$30,INDEX(Jesper!$R$2:$R$366,ROW(INDEX(Jesper!AJ$2:AJ$366,ROUNDDOWN($C3174/24,0)+1,1))-1)+IF('Standard Profiles'!$G$20=$B$10,7,0)+IF('Standard Profiles'!$G$20=$B$17,14,0)+IF('Standard Profiles'!$G$20=$B$24,21,0),MOD($C3174,24)+1)/SUM(INDEX($D$3:$AA$30,INDEX(Jesper!$R$2:$R$366,ROW(INDEX(Jesper!AJ$2:AJ$366,ROUNDDOWN($C3174/24,0)+1,1))-1)+IF('Standard Profiles'!$G$20=$B$10,7,0)+IF('Standard Profiles'!$G$20=$B$17,14,0)+IF('Standard Profiles'!$G$20=$B$24,21,0),0)),0)</f>
        <v>0</v>
      </c>
      <c r="G3174" cm="1">
        <f t="array" ref="G3174">IFERROR(INDEX(Jesper!AK$2:AK$366,ROUNDDOWN($C3174/24,0)+1,1)*INDEX($D$3:$AA$30,INDEX(Jesper!$R$2:$R$366,ROW(INDEX(Jesper!AK$2:AK$366,ROUNDDOWN($C3174/24,0)+1,1))-1)+IF('Standard Profiles'!$G$21=$B$10,7,0)+IF('Standard Profiles'!$G$21=$B$17,14,0)+IF('Standard Profiles'!$G$21=$B$24,21,0),MOD($C3174,24)+1)/SUM(INDEX($D$3:$AA$30,INDEX(Jesper!$R$2:$R$366,ROW(INDEX(Jesper!AK$2:AK$366,ROUNDDOWN($C3174/24,0)+1,1))-1)+IF('Standard Profiles'!$G$21=$B$10,7,0)+IF('Standard Profiles'!$G$21=$B$17,14,0)+IF('Standard Profiles'!$G$21=$B$24,21,0),0)),0)</f>
        <v>0.8425776075895135</v>
      </c>
      <c r="H3174" cm="1">
        <f t="array" ref="H3174">IFERROR(INDEX(Jesper!AL$2:AL$366,ROUNDDOWN($C3174/24,0)+1,1)*INDEX($D$3:$AA$30,INDEX(Jesper!$R$2:$R$366,ROW(INDEX(Jesper!AL$2:AL$366,ROUNDDOWN($C3174/24,0)+1,1))-1)+IF('Standard Profiles'!$G$22=$B$10,7,0)+IF('Standard Profiles'!$G$22=$B$17,14,0)+IF('Standard Profiles'!$G$22=$B$24,21,0),MOD($C3174,24)+1)/SUM(INDEX($D$3:$AA$30,INDEX(Jesper!$R$2:$R$366,ROW(INDEX(Jesper!AL$2:AL$366,ROUNDDOWN($C3174/24,0)+1,1))-1)+IF('Standard Profiles'!$G$22=$B$10,7,0)+IF('Standard Profiles'!$G$22=$B$17,14,0)+IF('Standard Profiles'!$G$22=$B$24,21,0),0)),0)</f>
        <v>0</v>
      </c>
      <c r="I3174">
        <f t="shared" si="363"/>
        <v>0.40443725164296629</v>
      </c>
      <c r="J3174">
        <f t="shared" si="364"/>
        <v>8.0901260937114579</v>
      </c>
      <c r="K3174">
        <f t="shared" si="365"/>
        <v>0.59589777982222347</v>
      </c>
      <c r="L3174">
        <f t="shared" si="366"/>
        <v>0.29794888991111174</v>
      </c>
      <c r="M3174">
        <f t="shared" si="367"/>
        <v>0</v>
      </c>
      <c r="N3174" s="45">
        <f t="shared" si="368"/>
        <v>45057.833333325718</v>
      </c>
    </row>
    <row r="3175" spans="2:14" x14ac:dyDescent="0.25">
      <c r="B3175">
        <f t="shared" si="362"/>
        <v>4</v>
      </c>
      <c r="C3175" s="16">
        <v>3141</v>
      </c>
      <c r="D3175" cm="1">
        <f t="array" ref="D3175">IFERROR(INDEX(Jesper!AH$2:AH$366,ROUNDDOWN($C3175/24,0)+1,1)*INDEX($D$3:$AA$30,INDEX(Jesper!$R$2:$R$366,ROW(INDEX(Jesper!AH$2:AH$366,ROUNDDOWN($C3175/24,0)+1,1))-1)+IF('Standard Profiles'!$G$18=$B$10,7,0)+IF('Standard Profiles'!$G$18=$B$17,14,0)+IF('Standard Profiles'!$G$18=$B$24,21,0),MOD($C3175,24)+1)/SUM(INDEX($D$3:$AA$30,INDEX(Jesper!$R$2:$R$366,ROW(INDEX(Jesper!AH$2:AH$366,ROUNDDOWN($C3175/24,0)+1,1))-1)+IF('Standard Profiles'!$G$18=$B$10,7,0)+IF('Standard Profiles'!$G$18=$B$17,14,0)+IF('Standard Profiles'!$G$18=$B$24,21,0),0)),0)</f>
        <v>5.5865416858333443</v>
      </c>
      <c r="E3175" cm="1">
        <f t="array" ref="E3175">IFERROR(INDEX(Jesper!AI$2:AI$366,ROUNDDOWN($C3175/24,0)+1,1)*INDEX($D$3:$AA$30,INDEX(Jesper!$R$2:$R$366,ROW(INDEX(Jesper!AI$2:AI$366,ROUNDDOWN($C3175/24,0)+1,1))-1)+IF('Standard Profiles'!$G$19=$B$10,7,0)+IF('Standard Profiles'!$G$19=$B$17,14,0)+IF('Standard Profiles'!$G$19=$B$24,21,0),MOD($C3175,24)+1)/SUM(INDEX($D$3:$AA$30,INDEX(Jesper!$R$2:$R$366,ROW(INDEX(Jesper!AI$2:AI$366,ROUNDDOWN($C3175/24,0)+1,1))-1)+IF('Standard Profiles'!$G$19=$B$10,7,0)+IF('Standard Profiles'!$G$19=$B$17,14,0)+IF('Standard Profiles'!$G$19=$B$24,21,0),0)),0)</f>
        <v>2.9592907216649009</v>
      </c>
      <c r="F3175" cm="1">
        <f t="array" ref="F3175">IFERROR(INDEX(Jesper!AJ$2:AJ$366,ROUNDDOWN($C3175/24,0)+1,1)*INDEX($D$3:$AA$30,INDEX(Jesper!$R$2:$R$366,ROW(INDEX(Jesper!AJ$2:AJ$366,ROUNDDOWN($C3175/24,0)+1,1))-1)+IF('Standard Profiles'!$G$20=$B$10,7,0)+IF('Standard Profiles'!$G$20=$B$17,14,0)+IF('Standard Profiles'!$G$20=$B$24,21,0),MOD($C3175,24)+1)/SUM(INDEX($D$3:$AA$30,INDEX(Jesper!$R$2:$R$366,ROW(INDEX(Jesper!AJ$2:AJ$366,ROUNDDOWN($C3175/24,0)+1,1))-1)+IF('Standard Profiles'!$G$20=$B$10,7,0)+IF('Standard Profiles'!$G$20=$B$17,14,0)+IF('Standard Profiles'!$G$20=$B$24,21,0),0)),0)</f>
        <v>0</v>
      </c>
      <c r="G3175" cm="1">
        <f t="array" ref="G3175">IFERROR(INDEX(Jesper!AK$2:AK$366,ROUNDDOWN($C3175/24,0)+1,1)*INDEX($D$3:$AA$30,INDEX(Jesper!$R$2:$R$366,ROW(INDEX(Jesper!AK$2:AK$366,ROUNDDOWN($C3175/24,0)+1,1))-1)+IF('Standard Profiles'!$G$21=$B$10,7,0)+IF('Standard Profiles'!$G$21=$B$17,14,0)+IF('Standard Profiles'!$G$21=$B$24,21,0),MOD($C3175,24)+1)/SUM(INDEX($D$3:$AA$30,INDEX(Jesper!$R$2:$R$366,ROW(INDEX(Jesper!AK$2:AK$366,ROUNDDOWN($C3175/24,0)+1,1))-1)+IF('Standard Profiles'!$G$21=$B$10,7,0)+IF('Standard Profiles'!$G$21=$B$17,14,0)+IF('Standard Profiles'!$G$21=$B$24,21,0),0)),0)</f>
        <v>0.8425776075895135</v>
      </c>
      <c r="H3175" cm="1">
        <f t="array" ref="H3175">IFERROR(INDEX(Jesper!AL$2:AL$366,ROUNDDOWN($C3175/24,0)+1,1)*INDEX($D$3:$AA$30,INDEX(Jesper!$R$2:$R$366,ROW(INDEX(Jesper!AL$2:AL$366,ROUNDDOWN($C3175/24,0)+1,1))-1)+IF('Standard Profiles'!$G$22=$B$10,7,0)+IF('Standard Profiles'!$G$22=$B$17,14,0)+IF('Standard Profiles'!$G$22=$B$24,21,0),MOD($C3175,24)+1)/SUM(INDEX($D$3:$AA$30,INDEX(Jesper!$R$2:$R$366,ROW(INDEX(Jesper!AL$2:AL$366,ROUNDDOWN($C3175/24,0)+1,1))-1)+IF('Standard Profiles'!$G$22=$B$10,7,0)+IF('Standard Profiles'!$G$22=$B$17,14,0)+IF('Standard Profiles'!$G$22=$B$24,21,0),0)),0)</f>
        <v>0</v>
      </c>
      <c r="I3175">
        <f t="shared" si="363"/>
        <v>0.40443725164296629</v>
      </c>
      <c r="J3175">
        <f t="shared" si="364"/>
        <v>8.0901260937114579</v>
      </c>
      <c r="K3175">
        <f t="shared" si="365"/>
        <v>0.59589777982222347</v>
      </c>
      <c r="L3175">
        <f t="shared" si="366"/>
        <v>0.29794888991111174</v>
      </c>
      <c r="M3175">
        <f t="shared" si="367"/>
        <v>0</v>
      </c>
      <c r="N3175" s="45">
        <f t="shared" si="368"/>
        <v>45057.874999992382</v>
      </c>
    </row>
    <row r="3176" spans="2:14" x14ac:dyDescent="0.25">
      <c r="B3176">
        <f t="shared" si="362"/>
        <v>4</v>
      </c>
      <c r="C3176" s="16">
        <v>3142</v>
      </c>
      <c r="D3176" cm="1">
        <f t="array" ref="D3176">IFERROR(INDEX(Jesper!AH$2:AH$366,ROUNDDOWN($C3176/24,0)+1,1)*INDEX($D$3:$AA$30,INDEX(Jesper!$R$2:$R$366,ROW(INDEX(Jesper!AH$2:AH$366,ROUNDDOWN($C3176/24,0)+1,1))-1)+IF('Standard Profiles'!$G$18=$B$10,7,0)+IF('Standard Profiles'!$G$18=$B$17,14,0)+IF('Standard Profiles'!$G$18=$B$24,21,0),MOD($C3176,24)+1)/SUM(INDEX($D$3:$AA$30,INDEX(Jesper!$R$2:$R$366,ROW(INDEX(Jesper!AH$2:AH$366,ROUNDDOWN($C3176/24,0)+1,1))-1)+IF('Standard Profiles'!$G$18=$B$10,7,0)+IF('Standard Profiles'!$G$18=$B$17,14,0)+IF('Standard Profiles'!$G$18=$B$24,21,0),0)),0)</f>
        <v>5.5865416858333443</v>
      </c>
      <c r="E3176" cm="1">
        <f t="array" ref="E3176">IFERROR(INDEX(Jesper!AI$2:AI$366,ROUNDDOWN($C3176/24,0)+1,1)*INDEX($D$3:$AA$30,INDEX(Jesper!$R$2:$R$366,ROW(INDEX(Jesper!AI$2:AI$366,ROUNDDOWN($C3176/24,0)+1,1))-1)+IF('Standard Profiles'!$G$19=$B$10,7,0)+IF('Standard Profiles'!$G$19=$B$17,14,0)+IF('Standard Profiles'!$G$19=$B$24,21,0),MOD($C3176,24)+1)/SUM(INDEX($D$3:$AA$30,INDEX(Jesper!$R$2:$R$366,ROW(INDEX(Jesper!AI$2:AI$366,ROUNDDOWN($C3176/24,0)+1,1))-1)+IF('Standard Profiles'!$G$19=$B$10,7,0)+IF('Standard Profiles'!$G$19=$B$17,14,0)+IF('Standard Profiles'!$G$19=$B$24,21,0),0)),0)</f>
        <v>2.9592907216649009</v>
      </c>
      <c r="F3176" cm="1">
        <f t="array" ref="F3176">IFERROR(INDEX(Jesper!AJ$2:AJ$366,ROUNDDOWN($C3176/24,0)+1,1)*INDEX($D$3:$AA$30,INDEX(Jesper!$R$2:$R$366,ROW(INDEX(Jesper!AJ$2:AJ$366,ROUNDDOWN($C3176/24,0)+1,1))-1)+IF('Standard Profiles'!$G$20=$B$10,7,0)+IF('Standard Profiles'!$G$20=$B$17,14,0)+IF('Standard Profiles'!$G$20=$B$24,21,0),MOD($C3176,24)+1)/SUM(INDEX($D$3:$AA$30,INDEX(Jesper!$R$2:$R$366,ROW(INDEX(Jesper!AJ$2:AJ$366,ROUNDDOWN($C3176/24,0)+1,1))-1)+IF('Standard Profiles'!$G$20=$B$10,7,0)+IF('Standard Profiles'!$G$20=$B$17,14,0)+IF('Standard Profiles'!$G$20=$B$24,21,0),0)),0)</f>
        <v>0</v>
      </c>
      <c r="G3176" cm="1">
        <f t="array" ref="G3176">IFERROR(INDEX(Jesper!AK$2:AK$366,ROUNDDOWN($C3176/24,0)+1,1)*INDEX($D$3:$AA$30,INDEX(Jesper!$R$2:$R$366,ROW(INDEX(Jesper!AK$2:AK$366,ROUNDDOWN($C3176/24,0)+1,1))-1)+IF('Standard Profiles'!$G$21=$B$10,7,0)+IF('Standard Profiles'!$G$21=$B$17,14,0)+IF('Standard Profiles'!$G$21=$B$24,21,0),MOD($C3176,24)+1)/SUM(INDEX($D$3:$AA$30,INDEX(Jesper!$R$2:$R$366,ROW(INDEX(Jesper!AK$2:AK$366,ROUNDDOWN($C3176/24,0)+1,1))-1)+IF('Standard Profiles'!$G$21=$B$10,7,0)+IF('Standard Profiles'!$G$21=$B$17,14,0)+IF('Standard Profiles'!$G$21=$B$24,21,0),0)),0)</f>
        <v>0.8425776075895135</v>
      </c>
      <c r="H3176" cm="1">
        <f t="array" ref="H3176">IFERROR(INDEX(Jesper!AL$2:AL$366,ROUNDDOWN($C3176/24,0)+1,1)*INDEX($D$3:$AA$30,INDEX(Jesper!$R$2:$R$366,ROW(INDEX(Jesper!AL$2:AL$366,ROUNDDOWN($C3176/24,0)+1,1))-1)+IF('Standard Profiles'!$G$22=$B$10,7,0)+IF('Standard Profiles'!$G$22=$B$17,14,0)+IF('Standard Profiles'!$G$22=$B$24,21,0),MOD($C3176,24)+1)/SUM(INDEX($D$3:$AA$30,INDEX(Jesper!$R$2:$R$366,ROW(INDEX(Jesper!AL$2:AL$366,ROUNDDOWN($C3176/24,0)+1,1))-1)+IF('Standard Profiles'!$G$22=$B$10,7,0)+IF('Standard Profiles'!$G$22=$B$17,14,0)+IF('Standard Profiles'!$G$22=$B$24,21,0),0)),0)</f>
        <v>0</v>
      </c>
      <c r="I3176">
        <f t="shared" si="363"/>
        <v>0.40443725164296629</v>
      </c>
      <c r="J3176">
        <f t="shared" si="364"/>
        <v>8.0901260937114579</v>
      </c>
      <c r="K3176">
        <f t="shared" si="365"/>
        <v>0.59589777982222347</v>
      </c>
      <c r="L3176">
        <f t="shared" si="366"/>
        <v>0.29794888991111174</v>
      </c>
      <c r="M3176">
        <f t="shared" si="367"/>
        <v>0</v>
      </c>
      <c r="N3176" s="45">
        <f t="shared" si="368"/>
        <v>45057.916666659046</v>
      </c>
    </row>
    <row r="3177" spans="2:14" x14ac:dyDescent="0.25">
      <c r="B3177">
        <f t="shared" si="362"/>
        <v>4</v>
      </c>
      <c r="C3177" s="16">
        <v>3143</v>
      </c>
      <c r="D3177" cm="1">
        <f t="array" ref="D3177">IFERROR(INDEX(Jesper!AH$2:AH$366,ROUNDDOWN($C3177/24,0)+1,1)*INDEX($D$3:$AA$30,INDEX(Jesper!$R$2:$R$366,ROW(INDEX(Jesper!AH$2:AH$366,ROUNDDOWN($C3177/24,0)+1,1))-1)+IF('Standard Profiles'!$G$18=$B$10,7,0)+IF('Standard Profiles'!$G$18=$B$17,14,0)+IF('Standard Profiles'!$G$18=$B$24,21,0),MOD($C3177,24)+1)/SUM(INDEX($D$3:$AA$30,INDEX(Jesper!$R$2:$R$366,ROW(INDEX(Jesper!AH$2:AH$366,ROUNDDOWN($C3177/24,0)+1,1))-1)+IF('Standard Profiles'!$G$18=$B$10,7,0)+IF('Standard Profiles'!$G$18=$B$17,14,0)+IF('Standard Profiles'!$G$18=$B$24,21,0),0)),0)</f>
        <v>5.5865416858333443</v>
      </c>
      <c r="E3177" cm="1">
        <f t="array" ref="E3177">IFERROR(INDEX(Jesper!AI$2:AI$366,ROUNDDOWN($C3177/24,0)+1,1)*INDEX($D$3:$AA$30,INDEX(Jesper!$R$2:$R$366,ROW(INDEX(Jesper!AI$2:AI$366,ROUNDDOWN($C3177/24,0)+1,1))-1)+IF('Standard Profiles'!$G$19=$B$10,7,0)+IF('Standard Profiles'!$G$19=$B$17,14,0)+IF('Standard Profiles'!$G$19=$B$24,21,0),MOD($C3177,24)+1)/SUM(INDEX($D$3:$AA$30,INDEX(Jesper!$R$2:$R$366,ROW(INDEX(Jesper!AI$2:AI$366,ROUNDDOWN($C3177/24,0)+1,1))-1)+IF('Standard Profiles'!$G$19=$B$10,7,0)+IF('Standard Profiles'!$G$19=$B$17,14,0)+IF('Standard Profiles'!$G$19=$B$24,21,0),0)),0)</f>
        <v>2.9592907216649009</v>
      </c>
      <c r="F3177" cm="1">
        <f t="array" ref="F3177">IFERROR(INDEX(Jesper!AJ$2:AJ$366,ROUNDDOWN($C3177/24,0)+1,1)*INDEX($D$3:$AA$30,INDEX(Jesper!$R$2:$R$366,ROW(INDEX(Jesper!AJ$2:AJ$366,ROUNDDOWN($C3177/24,0)+1,1))-1)+IF('Standard Profiles'!$G$20=$B$10,7,0)+IF('Standard Profiles'!$G$20=$B$17,14,0)+IF('Standard Profiles'!$G$20=$B$24,21,0),MOD($C3177,24)+1)/SUM(INDEX($D$3:$AA$30,INDEX(Jesper!$R$2:$R$366,ROW(INDEX(Jesper!AJ$2:AJ$366,ROUNDDOWN($C3177/24,0)+1,1))-1)+IF('Standard Profiles'!$G$20=$B$10,7,0)+IF('Standard Profiles'!$G$20=$B$17,14,0)+IF('Standard Profiles'!$G$20=$B$24,21,0),0)),0)</f>
        <v>0</v>
      </c>
      <c r="G3177" cm="1">
        <f t="array" ref="G3177">IFERROR(INDEX(Jesper!AK$2:AK$366,ROUNDDOWN($C3177/24,0)+1,1)*INDEX($D$3:$AA$30,INDEX(Jesper!$R$2:$R$366,ROW(INDEX(Jesper!AK$2:AK$366,ROUNDDOWN($C3177/24,0)+1,1))-1)+IF('Standard Profiles'!$G$21=$B$10,7,0)+IF('Standard Profiles'!$G$21=$B$17,14,0)+IF('Standard Profiles'!$G$21=$B$24,21,0),MOD($C3177,24)+1)/SUM(INDEX($D$3:$AA$30,INDEX(Jesper!$R$2:$R$366,ROW(INDEX(Jesper!AK$2:AK$366,ROUNDDOWN($C3177/24,0)+1,1))-1)+IF('Standard Profiles'!$G$21=$B$10,7,0)+IF('Standard Profiles'!$G$21=$B$17,14,0)+IF('Standard Profiles'!$G$21=$B$24,21,0),0)),0)</f>
        <v>0.8425776075895135</v>
      </c>
      <c r="H3177" cm="1">
        <f t="array" ref="H3177">IFERROR(INDEX(Jesper!AL$2:AL$366,ROUNDDOWN($C3177/24,0)+1,1)*INDEX($D$3:$AA$30,INDEX(Jesper!$R$2:$R$366,ROW(INDEX(Jesper!AL$2:AL$366,ROUNDDOWN($C3177/24,0)+1,1))-1)+IF('Standard Profiles'!$G$22=$B$10,7,0)+IF('Standard Profiles'!$G$22=$B$17,14,0)+IF('Standard Profiles'!$G$22=$B$24,21,0),MOD($C3177,24)+1)/SUM(INDEX($D$3:$AA$30,INDEX(Jesper!$R$2:$R$366,ROW(INDEX(Jesper!AL$2:AL$366,ROUNDDOWN($C3177/24,0)+1,1))-1)+IF('Standard Profiles'!$G$22=$B$10,7,0)+IF('Standard Profiles'!$G$22=$B$17,14,0)+IF('Standard Profiles'!$G$22=$B$24,21,0),0)),0)</f>
        <v>0</v>
      </c>
      <c r="I3177">
        <f t="shared" si="363"/>
        <v>0.40443725164296629</v>
      </c>
      <c r="J3177">
        <f t="shared" si="364"/>
        <v>8.0901260937114579</v>
      </c>
      <c r="K3177">
        <f t="shared" si="365"/>
        <v>0.59589777982222347</v>
      </c>
      <c r="L3177">
        <f t="shared" si="366"/>
        <v>0.29794888991111174</v>
      </c>
      <c r="M3177">
        <f t="shared" si="367"/>
        <v>0</v>
      </c>
      <c r="N3177" s="45">
        <f t="shared" si="368"/>
        <v>45057.958333325711</v>
      </c>
    </row>
    <row r="3178" spans="2:14" x14ac:dyDescent="0.25">
      <c r="B3178">
        <f t="shared" si="362"/>
        <v>5</v>
      </c>
      <c r="C3178" s="16">
        <v>3144</v>
      </c>
      <c r="D3178" cm="1">
        <f t="array" ref="D3178">IFERROR(INDEX(Jesper!AH$2:AH$366,ROUNDDOWN($C3178/24,0)+1,1)*INDEX($D$3:$AA$30,INDEX(Jesper!$R$2:$R$366,ROW(INDEX(Jesper!AH$2:AH$366,ROUNDDOWN($C3178/24,0)+1,1))-1)+IF('Standard Profiles'!$G$18=$B$10,7,0)+IF('Standard Profiles'!$G$18=$B$17,14,0)+IF('Standard Profiles'!$G$18=$B$24,21,0),MOD($C3178,24)+1)/SUM(INDEX($D$3:$AA$30,INDEX(Jesper!$R$2:$R$366,ROW(INDEX(Jesper!AH$2:AH$366,ROUNDDOWN($C3178/24,0)+1,1))-1)+IF('Standard Profiles'!$G$18=$B$10,7,0)+IF('Standard Profiles'!$G$18=$B$17,14,0)+IF('Standard Profiles'!$G$18=$B$24,21,0),0)),0)</f>
        <v>8.6551322303800351</v>
      </c>
      <c r="E3178" cm="1">
        <f t="array" ref="E3178">IFERROR(INDEX(Jesper!AI$2:AI$366,ROUNDDOWN($C3178/24,0)+1,1)*INDEX($D$3:$AA$30,INDEX(Jesper!$R$2:$R$366,ROW(INDEX(Jesper!AI$2:AI$366,ROUNDDOWN($C3178/24,0)+1,1))-1)+IF('Standard Profiles'!$G$19=$B$10,7,0)+IF('Standard Profiles'!$G$19=$B$17,14,0)+IF('Standard Profiles'!$G$19=$B$24,21,0),MOD($C3178,24)+1)/SUM(INDEX($D$3:$AA$30,INDEX(Jesper!$R$2:$R$366,ROW(INDEX(Jesper!AI$2:AI$366,ROUNDDOWN($C3178/24,0)+1,1))-1)+IF('Standard Profiles'!$G$19=$B$10,7,0)+IF('Standard Profiles'!$G$19=$B$17,14,0)+IF('Standard Profiles'!$G$19=$B$24,21,0),0)),0)</f>
        <v>5.4804429930515077</v>
      </c>
      <c r="F3178" cm="1">
        <f t="array" ref="F3178">IFERROR(INDEX(Jesper!AJ$2:AJ$366,ROUNDDOWN($C3178/24,0)+1,1)*INDEX($D$3:$AA$30,INDEX(Jesper!$R$2:$R$366,ROW(INDEX(Jesper!AJ$2:AJ$366,ROUNDDOWN($C3178/24,0)+1,1))-1)+IF('Standard Profiles'!$G$20=$B$10,7,0)+IF('Standard Profiles'!$G$20=$B$17,14,0)+IF('Standard Profiles'!$G$20=$B$24,21,0),MOD($C3178,24)+1)/SUM(INDEX($D$3:$AA$30,INDEX(Jesper!$R$2:$R$366,ROW(INDEX(Jesper!AJ$2:AJ$366,ROUNDDOWN($C3178/24,0)+1,1))-1)+IF('Standard Profiles'!$G$20=$B$10,7,0)+IF('Standard Profiles'!$G$20=$B$17,14,0)+IF('Standard Profiles'!$G$20=$B$24,21,0),0)),0)</f>
        <v>0</v>
      </c>
      <c r="G3178" cm="1">
        <f t="array" ref="G3178">IFERROR(INDEX(Jesper!AK$2:AK$366,ROUNDDOWN($C3178/24,0)+1,1)*INDEX($D$3:$AA$30,INDEX(Jesper!$R$2:$R$366,ROW(INDEX(Jesper!AK$2:AK$366,ROUNDDOWN($C3178/24,0)+1,1))-1)+IF('Standard Profiles'!$G$21=$B$10,7,0)+IF('Standard Profiles'!$G$21=$B$17,14,0)+IF('Standard Profiles'!$G$21=$B$24,21,0),MOD($C3178,24)+1)/SUM(INDEX($D$3:$AA$30,INDEX(Jesper!$R$2:$R$366,ROW(INDEX(Jesper!AK$2:AK$366,ROUNDDOWN($C3178/24,0)+1,1))-1)+IF('Standard Profiles'!$G$21=$B$10,7,0)+IF('Standard Profiles'!$G$21=$B$17,14,0)+IF('Standard Profiles'!$G$21=$B$24,21,0),0)),0)</f>
        <v>1.0018792438953701</v>
      </c>
      <c r="H3178" cm="1">
        <f t="array" ref="H3178">IFERROR(INDEX(Jesper!AL$2:AL$366,ROUNDDOWN($C3178/24,0)+1,1)*INDEX($D$3:$AA$30,INDEX(Jesper!$R$2:$R$366,ROW(INDEX(Jesper!AL$2:AL$366,ROUNDDOWN($C3178/24,0)+1,1))-1)+IF('Standard Profiles'!$G$22=$B$10,7,0)+IF('Standard Profiles'!$G$22=$B$17,14,0)+IF('Standard Profiles'!$G$22=$B$24,21,0),MOD($C3178,24)+1)/SUM(INDEX($D$3:$AA$30,INDEX(Jesper!$R$2:$R$366,ROW(INDEX(Jesper!AL$2:AL$366,ROUNDDOWN($C3178/24,0)+1,1))-1)+IF('Standard Profiles'!$G$22=$B$10,7,0)+IF('Standard Profiles'!$G$22=$B$17,14,0)+IF('Standard Profiles'!$G$22=$B$24,21,0),0)),0)</f>
        <v>0</v>
      </c>
      <c r="I3178">
        <f t="shared" si="363"/>
        <v>0.48090203706977741</v>
      </c>
      <c r="J3178">
        <f t="shared" si="364"/>
        <v>13.27173127339633</v>
      </c>
      <c r="K3178">
        <f t="shared" si="365"/>
        <v>0.92321410457387043</v>
      </c>
      <c r="L3178">
        <f t="shared" si="366"/>
        <v>0.46160705228693522</v>
      </c>
      <c r="M3178">
        <f t="shared" si="367"/>
        <v>0</v>
      </c>
      <c r="N3178" s="45">
        <f t="shared" si="368"/>
        <v>45057.999999992375</v>
      </c>
    </row>
    <row r="3179" spans="2:14" x14ac:dyDescent="0.25">
      <c r="B3179">
        <f t="shared" si="362"/>
        <v>5</v>
      </c>
      <c r="C3179" s="16">
        <v>3145</v>
      </c>
      <c r="D3179" cm="1">
        <f t="array" ref="D3179">IFERROR(INDEX(Jesper!AH$2:AH$366,ROUNDDOWN($C3179/24,0)+1,1)*INDEX($D$3:$AA$30,INDEX(Jesper!$R$2:$R$366,ROW(INDEX(Jesper!AH$2:AH$366,ROUNDDOWN($C3179/24,0)+1,1))-1)+IF('Standard Profiles'!$G$18=$B$10,7,0)+IF('Standard Profiles'!$G$18=$B$17,14,0)+IF('Standard Profiles'!$G$18=$B$24,21,0),MOD($C3179,24)+1)/SUM(INDEX($D$3:$AA$30,INDEX(Jesper!$R$2:$R$366,ROW(INDEX(Jesper!AH$2:AH$366,ROUNDDOWN($C3179/24,0)+1,1))-1)+IF('Standard Profiles'!$G$18=$B$10,7,0)+IF('Standard Profiles'!$G$18=$B$17,14,0)+IF('Standard Profiles'!$G$18=$B$24,21,0),0)),0)</f>
        <v>5.2455346850788089</v>
      </c>
      <c r="E3179" cm="1">
        <f t="array" ref="E3179">IFERROR(INDEX(Jesper!AI$2:AI$366,ROUNDDOWN($C3179/24,0)+1,1)*INDEX($D$3:$AA$30,INDEX(Jesper!$R$2:$R$366,ROW(INDEX(Jesper!AI$2:AI$366,ROUNDDOWN($C3179/24,0)+1,1))-1)+IF('Standard Profiles'!$G$19=$B$10,7,0)+IF('Standard Profiles'!$G$19=$B$17,14,0)+IF('Standard Profiles'!$G$19=$B$24,21,0),MOD($C3179,24)+1)/SUM(INDEX($D$3:$AA$30,INDEX(Jesper!$R$2:$R$366,ROW(INDEX(Jesper!AI$2:AI$366,ROUNDDOWN($C3179/24,0)+1,1))-1)+IF('Standard Profiles'!$G$19=$B$10,7,0)+IF('Standard Profiles'!$G$19=$B$17,14,0)+IF('Standard Profiles'!$G$19=$B$24,21,0),0)),0)</f>
        <v>3.3214806018493985</v>
      </c>
      <c r="F3179" cm="1">
        <f t="array" ref="F3179">IFERROR(INDEX(Jesper!AJ$2:AJ$366,ROUNDDOWN($C3179/24,0)+1,1)*INDEX($D$3:$AA$30,INDEX(Jesper!$R$2:$R$366,ROW(INDEX(Jesper!AJ$2:AJ$366,ROUNDDOWN($C3179/24,0)+1,1))-1)+IF('Standard Profiles'!$G$20=$B$10,7,0)+IF('Standard Profiles'!$G$20=$B$17,14,0)+IF('Standard Profiles'!$G$20=$B$24,21,0),MOD($C3179,24)+1)/SUM(INDEX($D$3:$AA$30,INDEX(Jesper!$R$2:$R$366,ROW(INDEX(Jesper!AJ$2:AJ$366,ROUNDDOWN($C3179/24,0)+1,1))-1)+IF('Standard Profiles'!$G$20=$B$10,7,0)+IF('Standard Profiles'!$G$20=$B$17,14,0)+IF('Standard Profiles'!$G$20=$B$24,21,0),0)),0)</f>
        <v>0</v>
      </c>
      <c r="G3179" cm="1">
        <f t="array" ref="G3179">IFERROR(INDEX(Jesper!AK$2:AK$366,ROUNDDOWN($C3179/24,0)+1,1)*INDEX($D$3:$AA$30,INDEX(Jesper!$R$2:$R$366,ROW(INDEX(Jesper!AK$2:AK$366,ROUNDDOWN($C3179/24,0)+1,1))-1)+IF('Standard Profiles'!$G$21=$B$10,7,0)+IF('Standard Profiles'!$G$21=$B$17,14,0)+IF('Standard Profiles'!$G$21=$B$24,21,0),MOD($C3179,24)+1)/SUM(INDEX($D$3:$AA$30,INDEX(Jesper!$R$2:$R$366,ROW(INDEX(Jesper!AK$2:AK$366,ROUNDDOWN($C3179/24,0)+1,1))-1)+IF('Standard Profiles'!$G$21=$B$10,7,0)+IF('Standard Profiles'!$G$21=$B$17,14,0)+IF('Standard Profiles'!$G$21=$B$24,21,0),0)),0)</f>
        <v>1.0018792438953701</v>
      </c>
      <c r="H3179" cm="1">
        <f t="array" ref="H3179">IFERROR(INDEX(Jesper!AL$2:AL$366,ROUNDDOWN($C3179/24,0)+1,1)*INDEX($D$3:$AA$30,INDEX(Jesper!$R$2:$R$366,ROW(INDEX(Jesper!AL$2:AL$366,ROUNDDOWN($C3179/24,0)+1,1))-1)+IF('Standard Profiles'!$G$22=$B$10,7,0)+IF('Standard Profiles'!$G$22=$B$17,14,0)+IF('Standard Profiles'!$G$22=$B$24,21,0),MOD($C3179,24)+1)/SUM(INDEX($D$3:$AA$30,INDEX(Jesper!$R$2:$R$366,ROW(INDEX(Jesper!AL$2:AL$366,ROUNDDOWN($C3179/24,0)+1,1))-1)+IF('Standard Profiles'!$G$22=$B$10,7,0)+IF('Standard Profiles'!$G$22=$B$17,14,0)+IF('Standard Profiles'!$G$22=$B$24,21,0),0)),0)</f>
        <v>0</v>
      </c>
      <c r="I3179">
        <f t="shared" si="363"/>
        <v>0.48090203706977741</v>
      </c>
      <c r="J3179">
        <f t="shared" si="364"/>
        <v>8.2487069441411904</v>
      </c>
      <c r="K3179">
        <f t="shared" si="365"/>
        <v>0.55952369974173966</v>
      </c>
      <c r="L3179">
        <f t="shared" si="366"/>
        <v>0.27976184987086983</v>
      </c>
      <c r="M3179">
        <f t="shared" si="367"/>
        <v>0</v>
      </c>
      <c r="N3179" s="45">
        <f t="shared" si="368"/>
        <v>45058.041666659039</v>
      </c>
    </row>
    <row r="3180" spans="2:14" x14ac:dyDescent="0.25">
      <c r="B3180">
        <f t="shared" si="362"/>
        <v>5</v>
      </c>
      <c r="C3180" s="16">
        <v>3146</v>
      </c>
      <c r="D3180" cm="1">
        <f t="array" ref="D3180">IFERROR(INDEX(Jesper!AH$2:AH$366,ROUNDDOWN($C3180/24,0)+1,1)*INDEX($D$3:$AA$30,INDEX(Jesper!$R$2:$R$366,ROW(INDEX(Jesper!AH$2:AH$366,ROUNDDOWN($C3180/24,0)+1,1))-1)+IF('Standard Profiles'!$G$18=$B$10,7,0)+IF('Standard Profiles'!$G$18=$B$17,14,0)+IF('Standard Profiles'!$G$18=$B$24,21,0),MOD($C3180,24)+1)/SUM(INDEX($D$3:$AA$30,INDEX(Jesper!$R$2:$R$366,ROW(INDEX(Jesper!AH$2:AH$366,ROUNDDOWN($C3180/24,0)+1,1))-1)+IF('Standard Profiles'!$G$18=$B$10,7,0)+IF('Standard Profiles'!$G$18=$B$17,14,0)+IF('Standard Profiles'!$G$18=$B$24,21,0),0)),0)</f>
        <v>5.2455346850788089</v>
      </c>
      <c r="E3180" cm="1">
        <f t="array" ref="E3180">IFERROR(INDEX(Jesper!AI$2:AI$366,ROUNDDOWN($C3180/24,0)+1,1)*INDEX($D$3:$AA$30,INDEX(Jesper!$R$2:$R$366,ROW(INDEX(Jesper!AI$2:AI$366,ROUNDDOWN($C3180/24,0)+1,1))-1)+IF('Standard Profiles'!$G$19=$B$10,7,0)+IF('Standard Profiles'!$G$19=$B$17,14,0)+IF('Standard Profiles'!$G$19=$B$24,21,0),MOD($C3180,24)+1)/SUM(INDEX($D$3:$AA$30,INDEX(Jesper!$R$2:$R$366,ROW(INDEX(Jesper!AI$2:AI$366,ROUNDDOWN($C3180/24,0)+1,1))-1)+IF('Standard Profiles'!$G$19=$B$10,7,0)+IF('Standard Profiles'!$G$19=$B$17,14,0)+IF('Standard Profiles'!$G$19=$B$24,21,0),0)),0)</f>
        <v>3.3214806018493985</v>
      </c>
      <c r="F3180" cm="1">
        <f t="array" ref="F3180">IFERROR(INDEX(Jesper!AJ$2:AJ$366,ROUNDDOWN($C3180/24,0)+1,1)*INDEX($D$3:$AA$30,INDEX(Jesper!$R$2:$R$366,ROW(INDEX(Jesper!AJ$2:AJ$366,ROUNDDOWN($C3180/24,0)+1,1))-1)+IF('Standard Profiles'!$G$20=$B$10,7,0)+IF('Standard Profiles'!$G$20=$B$17,14,0)+IF('Standard Profiles'!$G$20=$B$24,21,0),MOD($C3180,24)+1)/SUM(INDEX($D$3:$AA$30,INDEX(Jesper!$R$2:$R$366,ROW(INDEX(Jesper!AJ$2:AJ$366,ROUNDDOWN($C3180/24,0)+1,1))-1)+IF('Standard Profiles'!$G$20=$B$10,7,0)+IF('Standard Profiles'!$G$20=$B$17,14,0)+IF('Standard Profiles'!$G$20=$B$24,21,0),0)),0)</f>
        <v>0</v>
      </c>
      <c r="G3180" cm="1">
        <f t="array" ref="G3180">IFERROR(INDEX(Jesper!AK$2:AK$366,ROUNDDOWN($C3180/24,0)+1,1)*INDEX($D$3:$AA$30,INDEX(Jesper!$R$2:$R$366,ROW(INDEX(Jesper!AK$2:AK$366,ROUNDDOWN($C3180/24,0)+1,1))-1)+IF('Standard Profiles'!$G$21=$B$10,7,0)+IF('Standard Profiles'!$G$21=$B$17,14,0)+IF('Standard Profiles'!$G$21=$B$24,21,0),MOD($C3180,24)+1)/SUM(INDEX($D$3:$AA$30,INDEX(Jesper!$R$2:$R$366,ROW(INDEX(Jesper!AK$2:AK$366,ROUNDDOWN($C3180/24,0)+1,1))-1)+IF('Standard Profiles'!$G$21=$B$10,7,0)+IF('Standard Profiles'!$G$21=$B$17,14,0)+IF('Standard Profiles'!$G$21=$B$24,21,0),0)),0)</f>
        <v>1.0018792438953701</v>
      </c>
      <c r="H3180" cm="1">
        <f t="array" ref="H3180">IFERROR(INDEX(Jesper!AL$2:AL$366,ROUNDDOWN($C3180/24,0)+1,1)*INDEX($D$3:$AA$30,INDEX(Jesper!$R$2:$R$366,ROW(INDEX(Jesper!AL$2:AL$366,ROUNDDOWN($C3180/24,0)+1,1))-1)+IF('Standard Profiles'!$G$22=$B$10,7,0)+IF('Standard Profiles'!$G$22=$B$17,14,0)+IF('Standard Profiles'!$G$22=$B$24,21,0),MOD($C3180,24)+1)/SUM(INDEX($D$3:$AA$30,INDEX(Jesper!$R$2:$R$366,ROW(INDEX(Jesper!AL$2:AL$366,ROUNDDOWN($C3180/24,0)+1,1))-1)+IF('Standard Profiles'!$G$22=$B$10,7,0)+IF('Standard Profiles'!$G$22=$B$17,14,0)+IF('Standard Profiles'!$G$22=$B$24,21,0),0)),0)</f>
        <v>0</v>
      </c>
      <c r="I3180">
        <f t="shared" si="363"/>
        <v>0.48090203706977741</v>
      </c>
      <c r="J3180">
        <f t="shared" si="364"/>
        <v>8.2487069441411904</v>
      </c>
      <c r="K3180">
        <f t="shared" si="365"/>
        <v>0.55952369974173966</v>
      </c>
      <c r="L3180">
        <f t="shared" si="366"/>
        <v>0.27976184987086983</v>
      </c>
      <c r="M3180">
        <f t="shared" si="367"/>
        <v>0</v>
      </c>
      <c r="N3180" s="45">
        <f t="shared" si="368"/>
        <v>45058.083333325703</v>
      </c>
    </row>
    <row r="3181" spans="2:14" x14ac:dyDescent="0.25">
      <c r="B3181">
        <f t="shared" si="362"/>
        <v>5</v>
      </c>
      <c r="C3181" s="16">
        <v>3147</v>
      </c>
      <c r="D3181" cm="1">
        <f t="array" ref="D3181">IFERROR(INDEX(Jesper!AH$2:AH$366,ROUNDDOWN($C3181/24,0)+1,1)*INDEX($D$3:$AA$30,INDEX(Jesper!$R$2:$R$366,ROW(INDEX(Jesper!AH$2:AH$366,ROUNDDOWN($C3181/24,0)+1,1))-1)+IF('Standard Profiles'!$G$18=$B$10,7,0)+IF('Standard Profiles'!$G$18=$B$17,14,0)+IF('Standard Profiles'!$G$18=$B$24,21,0),MOD($C3181,24)+1)/SUM(INDEX($D$3:$AA$30,INDEX(Jesper!$R$2:$R$366,ROW(INDEX(Jesper!AH$2:AH$366,ROUNDDOWN($C3181/24,0)+1,1))-1)+IF('Standard Profiles'!$G$18=$B$10,7,0)+IF('Standard Profiles'!$G$18=$B$17,14,0)+IF('Standard Profiles'!$G$18=$B$24,21,0),0)),0)</f>
        <v>5.2455346850788089</v>
      </c>
      <c r="E3181" cm="1">
        <f t="array" ref="E3181">IFERROR(INDEX(Jesper!AI$2:AI$366,ROUNDDOWN($C3181/24,0)+1,1)*INDEX($D$3:$AA$30,INDEX(Jesper!$R$2:$R$366,ROW(INDEX(Jesper!AI$2:AI$366,ROUNDDOWN($C3181/24,0)+1,1))-1)+IF('Standard Profiles'!$G$19=$B$10,7,0)+IF('Standard Profiles'!$G$19=$B$17,14,0)+IF('Standard Profiles'!$G$19=$B$24,21,0),MOD($C3181,24)+1)/SUM(INDEX($D$3:$AA$30,INDEX(Jesper!$R$2:$R$366,ROW(INDEX(Jesper!AI$2:AI$366,ROUNDDOWN($C3181/24,0)+1,1))-1)+IF('Standard Profiles'!$G$19=$B$10,7,0)+IF('Standard Profiles'!$G$19=$B$17,14,0)+IF('Standard Profiles'!$G$19=$B$24,21,0),0)),0)</f>
        <v>3.3214806018493985</v>
      </c>
      <c r="F3181" cm="1">
        <f t="array" ref="F3181">IFERROR(INDEX(Jesper!AJ$2:AJ$366,ROUNDDOWN($C3181/24,0)+1,1)*INDEX($D$3:$AA$30,INDEX(Jesper!$R$2:$R$366,ROW(INDEX(Jesper!AJ$2:AJ$366,ROUNDDOWN($C3181/24,0)+1,1))-1)+IF('Standard Profiles'!$G$20=$B$10,7,0)+IF('Standard Profiles'!$G$20=$B$17,14,0)+IF('Standard Profiles'!$G$20=$B$24,21,0),MOD($C3181,24)+1)/SUM(INDEX($D$3:$AA$30,INDEX(Jesper!$R$2:$R$366,ROW(INDEX(Jesper!AJ$2:AJ$366,ROUNDDOWN($C3181/24,0)+1,1))-1)+IF('Standard Profiles'!$G$20=$B$10,7,0)+IF('Standard Profiles'!$G$20=$B$17,14,0)+IF('Standard Profiles'!$G$20=$B$24,21,0),0)),0)</f>
        <v>0</v>
      </c>
      <c r="G3181" cm="1">
        <f t="array" ref="G3181">IFERROR(INDEX(Jesper!AK$2:AK$366,ROUNDDOWN($C3181/24,0)+1,1)*INDEX($D$3:$AA$30,INDEX(Jesper!$R$2:$R$366,ROW(INDEX(Jesper!AK$2:AK$366,ROUNDDOWN($C3181/24,0)+1,1))-1)+IF('Standard Profiles'!$G$21=$B$10,7,0)+IF('Standard Profiles'!$G$21=$B$17,14,0)+IF('Standard Profiles'!$G$21=$B$24,21,0),MOD($C3181,24)+1)/SUM(INDEX($D$3:$AA$30,INDEX(Jesper!$R$2:$R$366,ROW(INDEX(Jesper!AK$2:AK$366,ROUNDDOWN($C3181/24,0)+1,1))-1)+IF('Standard Profiles'!$G$21=$B$10,7,0)+IF('Standard Profiles'!$G$21=$B$17,14,0)+IF('Standard Profiles'!$G$21=$B$24,21,0),0)),0)</f>
        <v>1.0018792438953701</v>
      </c>
      <c r="H3181" cm="1">
        <f t="array" ref="H3181">IFERROR(INDEX(Jesper!AL$2:AL$366,ROUNDDOWN($C3181/24,0)+1,1)*INDEX($D$3:$AA$30,INDEX(Jesper!$R$2:$R$366,ROW(INDEX(Jesper!AL$2:AL$366,ROUNDDOWN($C3181/24,0)+1,1))-1)+IF('Standard Profiles'!$G$22=$B$10,7,0)+IF('Standard Profiles'!$G$22=$B$17,14,0)+IF('Standard Profiles'!$G$22=$B$24,21,0),MOD($C3181,24)+1)/SUM(INDEX($D$3:$AA$30,INDEX(Jesper!$R$2:$R$366,ROW(INDEX(Jesper!AL$2:AL$366,ROUNDDOWN($C3181/24,0)+1,1))-1)+IF('Standard Profiles'!$G$22=$B$10,7,0)+IF('Standard Profiles'!$G$22=$B$17,14,0)+IF('Standard Profiles'!$G$22=$B$24,21,0),0)),0)</f>
        <v>0</v>
      </c>
      <c r="I3181">
        <f t="shared" si="363"/>
        <v>0.48090203706977741</v>
      </c>
      <c r="J3181">
        <f t="shared" si="364"/>
        <v>8.2487069441411904</v>
      </c>
      <c r="K3181">
        <f t="shared" si="365"/>
        <v>0.55952369974173966</v>
      </c>
      <c r="L3181">
        <f t="shared" si="366"/>
        <v>0.27976184987086983</v>
      </c>
      <c r="M3181">
        <f t="shared" si="367"/>
        <v>0</v>
      </c>
      <c r="N3181" s="45">
        <f t="shared" si="368"/>
        <v>45058.124999992368</v>
      </c>
    </row>
    <row r="3182" spans="2:14" x14ac:dyDescent="0.25">
      <c r="B3182">
        <f t="shared" si="362"/>
        <v>5</v>
      </c>
      <c r="C3182" s="16">
        <v>3148</v>
      </c>
      <c r="D3182" cm="1">
        <f t="array" ref="D3182">IFERROR(INDEX(Jesper!AH$2:AH$366,ROUNDDOWN($C3182/24,0)+1,1)*INDEX($D$3:$AA$30,INDEX(Jesper!$R$2:$R$366,ROW(INDEX(Jesper!AH$2:AH$366,ROUNDDOWN($C3182/24,0)+1,1))-1)+IF('Standard Profiles'!$G$18=$B$10,7,0)+IF('Standard Profiles'!$G$18=$B$17,14,0)+IF('Standard Profiles'!$G$18=$B$24,21,0),MOD($C3182,24)+1)/SUM(INDEX($D$3:$AA$30,INDEX(Jesper!$R$2:$R$366,ROW(INDEX(Jesper!AH$2:AH$366,ROUNDDOWN($C3182/24,0)+1,1))-1)+IF('Standard Profiles'!$G$18=$B$10,7,0)+IF('Standard Profiles'!$G$18=$B$17,14,0)+IF('Standard Profiles'!$G$18=$B$24,21,0),0)),0)</f>
        <v>5.2455346850788089</v>
      </c>
      <c r="E3182" cm="1">
        <f t="array" ref="E3182">IFERROR(INDEX(Jesper!AI$2:AI$366,ROUNDDOWN($C3182/24,0)+1,1)*INDEX($D$3:$AA$30,INDEX(Jesper!$R$2:$R$366,ROW(INDEX(Jesper!AI$2:AI$366,ROUNDDOWN($C3182/24,0)+1,1))-1)+IF('Standard Profiles'!$G$19=$B$10,7,0)+IF('Standard Profiles'!$G$19=$B$17,14,0)+IF('Standard Profiles'!$G$19=$B$24,21,0),MOD($C3182,24)+1)/SUM(INDEX($D$3:$AA$30,INDEX(Jesper!$R$2:$R$366,ROW(INDEX(Jesper!AI$2:AI$366,ROUNDDOWN($C3182/24,0)+1,1))-1)+IF('Standard Profiles'!$G$19=$B$10,7,0)+IF('Standard Profiles'!$G$19=$B$17,14,0)+IF('Standard Profiles'!$G$19=$B$24,21,0),0)),0)</f>
        <v>3.3214806018493985</v>
      </c>
      <c r="F3182" cm="1">
        <f t="array" ref="F3182">IFERROR(INDEX(Jesper!AJ$2:AJ$366,ROUNDDOWN($C3182/24,0)+1,1)*INDEX($D$3:$AA$30,INDEX(Jesper!$R$2:$R$366,ROW(INDEX(Jesper!AJ$2:AJ$366,ROUNDDOWN($C3182/24,0)+1,1))-1)+IF('Standard Profiles'!$G$20=$B$10,7,0)+IF('Standard Profiles'!$G$20=$B$17,14,0)+IF('Standard Profiles'!$G$20=$B$24,21,0),MOD($C3182,24)+1)/SUM(INDEX($D$3:$AA$30,INDEX(Jesper!$R$2:$R$366,ROW(INDEX(Jesper!AJ$2:AJ$366,ROUNDDOWN($C3182/24,0)+1,1))-1)+IF('Standard Profiles'!$G$20=$B$10,7,0)+IF('Standard Profiles'!$G$20=$B$17,14,0)+IF('Standard Profiles'!$G$20=$B$24,21,0),0)),0)</f>
        <v>0</v>
      </c>
      <c r="G3182" cm="1">
        <f t="array" ref="G3182">IFERROR(INDEX(Jesper!AK$2:AK$366,ROUNDDOWN($C3182/24,0)+1,1)*INDEX($D$3:$AA$30,INDEX(Jesper!$R$2:$R$366,ROW(INDEX(Jesper!AK$2:AK$366,ROUNDDOWN($C3182/24,0)+1,1))-1)+IF('Standard Profiles'!$G$21=$B$10,7,0)+IF('Standard Profiles'!$G$21=$B$17,14,0)+IF('Standard Profiles'!$G$21=$B$24,21,0),MOD($C3182,24)+1)/SUM(INDEX($D$3:$AA$30,INDEX(Jesper!$R$2:$R$366,ROW(INDEX(Jesper!AK$2:AK$366,ROUNDDOWN($C3182/24,0)+1,1))-1)+IF('Standard Profiles'!$G$21=$B$10,7,0)+IF('Standard Profiles'!$G$21=$B$17,14,0)+IF('Standard Profiles'!$G$21=$B$24,21,0),0)),0)</f>
        <v>1.0018792438953701</v>
      </c>
      <c r="H3182" cm="1">
        <f t="array" ref="H3182">IFERROR(INDEX(Jesper!AL$2:AL$366,ROUNDDOWN($C3182/24,0)+1,1)*INDEX($D$3:$AA$30,INDEX(Jesper!$R$2:$R$366,ROW(INDEX(Jesper!AL$2:AL$366,ROUNDDOWN($C3182/24,0)+1,1))-1)+IF('Standard Profiles'!$G$22=$B$10,7,0)+IF('Standard Profiles'!$G$22=$B$17,14,0)+IF('Standard Profiles'!$G$22=$B$24,21,0),MOD($C3182,24)+1)/SUM(INDEX($D$3:$AA$30,INDEX(Jesper!$R$2:$R$366,ROW(INDEX(Jesper!AL$2:AL$366,ROUNDDOWN($C3182/24,0)+1,1))-1)+IF('Standard Profiles'!$G$22=$B$10,7,0)+IF('Standard Profiles'!$G$22=$B$17,14,0)+IF('Standard Profiles'!$G$22=$B$24,21,0),0)),0)</f>
        <v>0</v>
      </c>
      <c r="I3182">
        <f t="shared" si="363"/>
        <v>0.48090203706977741</v>
      </c>
      <c r="J3182">
        <f t="shared" si="364"/>
        <v>8.2487069441411904</v>
      </c>
      <c r="K3182">
        <f t="shared" si="365"/>
        <v>0.55952369974173966</v>
      </c>
      <c r="L3182">
        <f t="shared" si="366"/>
        <v>0.27976184987086983</v>
      </c>
      <c r="M3182">
        <f t="shared" si="367"/>
        <v>0</v>
      </c>
      <c r="N3182" s="45">
        <f t="shared" si="368"/>
        <v>45058.166666659032</v>
      </c>
    </row>
    <row r="3183" spans="2:14" x14ac:dyDescent="0.25">
      <c r="B3183">
        <f t="shared" si="362"/>
        <v>5</v>
      </c>
      <c r="C3183" s="16">
        <v>3149</v>
      </c>
      <c r="D3183" cm="1">
        <f t="array" ref="D3183">IFERROR(INDEX(Jesper!AH$2:AH$366,ROUNDDOWN($C3183/24,0)+1,1)*INDEX($D$3:$AA$30,INDEX(Jesper!$R$2:$R$366,ROW(INDEX(Jesper!AH$2:AH$366,ROUNDDOWN($C3183/24,0)+1,1))-1)+IF('Standard Profiles'!$G$18=$B$10,7,0)+IF('Standard Profiles'!$G$18=$B$17,14,0)+IF('Standard Profiles'!$G$18=$B$24,21,0),MOD($C3183,24)+1)/SUM(INDEX($D$3:$AA$30,INDEX(Jesper!$R$2:$R$366,ROW(INDEX(Jesper!AH$2:AH$366,ROUNDDOWN($C3183/24,0)+1,1))-1)+IF('Standard Profiles'!$G$18=$B$10,7,0)+IF('Standard Profiles'!$G$18=$B$17,14,0)+IF('Standard Profiles'!$G$18=$B$24,21,0),0)),0)</f>
        <v>5.2455346850788089</v>
      </c>
      <c r="E3183" cm="1">
        <f t="array" ref="E3183">IFERROR(INDEX(Jesper!AI$2:AI$366,ROUNDDOWN($C3183/24,0)+1,1)*INDEX($D$3:$AA$30,INDEX(Jesper!$R$2:$R$366,ROW(INDEX(Jesper!AI$2:AI$366,ROUNDDOWN($C3183/24,0)+1,1))-1)+IF('Standard Profiles'!$G$19=$B$10,7,0)+IF('Standard Profiles'!$G$19=$B$17,14,0)+IF('Standard Profiles'!$G$19=$B$24,21,0),MOD($C3183,24)+1)/SUM(INDEX($D$3:$AA$30,INDEX(Jesper!$R$2:$R$366,ROW(INDEX(Jesper!AI$2:AI$366,ROUNDDOWN($C3183/24,0)+1,1))-1)+IF('Standard Profiles'!$G$19=$B$10,7,0)+IF('Standard Profiles'!$G$19=$B$17,14,0)+IF('Standard Profiles'!$G$19=$B$24,21,0),0)),0)</f>
        <v>3.3214806018493985</v>
      </c>
      <c r="F3183" cm="1">
        <f t="array" ref="F3183">IFERROR(INDEX(Jesper!AJ$2:AJ$366,ROUNDDOWN($C3183/24,0)+1,1)*INDEX($D$3:$AA$30,INDEX(Jesper!$R$2:$R$366,ROW(INDEX(Jesper!AJ$2:AJ$366,ROUNDDOWN($C3183/24,0)+1,1))-1)+IF('Standard Profiles'!$G$20=$B$10,7,0)+IF('Standard Profiles'!$G$20=$B$17,14,0)+IF('Standard Profiles'!$G$20=$B$24,21,0),MOD($C3183,24)+1)/SUM(INDEX($D$3:$AA$30,INDEX(Jesper!$R$2:$R$366,ROW(INDEX(Jesper!AJ$2:AJ$366,ROUNDDOWN($C3183/24,0)+1,1))-1)+IF('Standard Profiles'!$G$20=$B$10,7,0)+IF('Standard Profiles'!$G$20=$B$17,14,0)+IF('Standard Profiles'!$G$20=$B$24,21,0),0)),0)</f>
        <v>0</v>
      </c>
      <c r="G3183" cm="1">
        <f t="array" ref="G3183">IFERROR(INDEX(Jesper!AK$2:AK$366,ROUNDDOWN($C3183/24,0)+1,1)*INDEX($D$3:$AA$30,INDEX(Jesper!$R$2:$R$366,ROW(INDEX(Jesper!AK$2:AK$366,ROUNDDOWN($C3183/24,0)+1,1))-1)+IF('Standard Profiles'!$G$21=$B$10,7,0)+IF('Standard Profiles'!$G$21=$B$17,14,0)+IF('Standard Profiles'!$G$21=$B$24,21,0),MOD($C3183,24)+1)/SUM(INDEX($D$3:$AA$30,INDEX(Jesper!$R$2:$R$366,ROW(INDEX(Jesper!AK$2:AK$366,ROUNDDOWN($C3183/24,0)+1,1))-1)+IF('Standard Profiles'!$G$21=$B$10,7,0)+IF('Standard Profiles'!$G$21=$B$17,14,0)+IF('Standard Profiles'!$G$21=$B$24,21,0),0)),0)</f>
        <v>1.0018792438953701</v>
      </c>
      <c r="H3183" cm="1">
        <f t="array" ref="H3183">IFERROR(INDEX(Jesper!AL$2:AL$366,ROUNDDOWN($C3183/24,0)+1,1)*INDEX($D$3:$AA$30,INDEX(Jesper!$R$2:$R$366,ROW(INDEX(Jesper!AL$2:AL$366,ROUNDDOWN($C3183/24,0)+1,1))-1)+IF('Standard Profiles'!$G$22=$B$10,7,0)+IF('Standard Profiles'!$G$22=$B$17,14,0)+IF('Standard Profiles'!$G$22=$B$24,21,0),MOD($C3183,24)+1)/SUM(INDEX($D$3:$AA$30,INDEX(Jesper!$R$2:$R$366,ROW(INDEX(Jesper!AL$2:AL$366,ROUNDDOWN($C3183/24,0)+1,1))-1)+IF('Standard Profiles'!$G$22=$B$10,7,0)+IF('Standard Profiles'!$G$22=$B$17,14,0)+IF('Standard Profiles'!$G$22=$B$24,21,0),0)),0)</f>
        <v>0</v>
      </c>
      <c r="I3183">
        <f t="shared" si="363"/>
        <v>0.48090203706977741</v>
      </c>
      <c r="J3183">
        <f t="shared" si="364"/>
        <v>8.2487069441411904</v>
      </c>
      <c r="K3183">
        <f t="shared" si="365"/>
        <v>0.55952369974173966</v>
      </c>
      <c r="L3183">
        <f t="shared" si="366"/>
        <v>0.27976184987086983</v>
      </c>
      <c r="M3183">
        <f t="shared" si="367"/>
        <v>0</v>
      </c>
      <c r="N3183" s="45">
        <f t="shared" si="368"/>
        <v>45058.208333325696</v>
      </c>
    </row>
    <row r="3184" spans="2:14" x14ac:dyDescent="0.25">
      <c r="B3184">
        <f t="shared" si="362"/>
        <v>5</v>
      </c>
      <c r="C3184" s="16">
        <v>3150</v>
      </c>
      <c r="D3184" cm="1">
        <f t="array" ref="D3184">IFERROR(INDEX(Jesper!AH$2:AH$366,ROUNDDOWN($C3184/24,0)+1,1)*INDEX($D$3:$AA$30,INDEX(Jesper!$R$2:$R$366,ROW(INDEX(Jesper!AH$2:AH$366,ROUNDDOWN($C3184/24,0)+1,1))-1)+IF('Standard Profiles'!$G$18=$B$10,7,0)+IF('Standard Profiles'!$G$18=$B$17,14,0)+IF('Standard Profiles'!$G$18=$B$24,21,0),MOD($C3184,24)+1)/SUM(INDEX($D$3:$AA$30,INDEX(Jesper!$R$2:$R$366,ROW(INDEX(Jesper!AH$2:AH$366,ROUNDDOWN($C3184/24,0)+1,1))-1)+IF('Standard Profiles'!$G$18=$B$10,7,0)+IF('Standard Profiles'!$G$18=$B$17,14,0)+IF('Standard Profiles'!$G$18=$B$24,21,0),0)),0)</f>
        <v>5.2455346850788089</v>
      </c>
      <c r="E3184" cm="1">
        <f t="array" ref="E3184">IFERROR(INDEX(Jesper!AI$2:AI$366,ROUNDDOWN($C3184/24,0)+1,1)*INDEX($D$3:$AA$30,INDEX(Jesper!$R$2:$R$366,ROW(INDEX(Jesper!AI$2:AI$366,ROUNDDOWN($C3184/24,0)+1,1))-1)+IF('Standard Profiles'!$G$19=$B$10,7,0)+IF('Standard Profiles'!$G$19=$B$17,14,0)+IF('Standard Profiles'!$G$19=$B$24,21,0),MOD($C3184,24)+1)/SUM(INDEX($D$3:$AA$30,INDEX(Jesper!$R$2:$R$366,ROW(INDEX(Jesper!AI$2:AI$366,ROUNDDOWN($C3184/24,0)+1,1))-1)+IF('Standard Profiles'!$G$19=$B$10,7,0)+IF('Standard Profiles'!$G$19=$B$17,14,0)+IF('Standard Profiles'!$G$19=$B$24,21,0),0)),0)</f>
        <v>3.3214806018493985</v>
      </c>
      <c r="F3184" cm="1">
        <f t="array" ref="F3184">IFERROR(INDEX(Jesper!AJ$2:AJ$366,ROUNDDOWN($C3184/24,0)+1,1)*INDEX($D$3:$AA$30,INDEX(Jesper!$R$2:$R$366,ROW(INDEX(Jesper!AJ$2:AJ$366,ROUNDDOWN($C3184/24,0)+1,1))-1)+IF('Standard Profiles'!$G$20=$B$10,7,0)+IF('Standard Profiles'!$G$20=$B$17,14,0)+IF('Standard Profiles'!$G$20=$B$24,21,0),MOD($C3184,24)+1)/SUM(INDEX($D$3:$AA$30,INDEX(Jesper!$R$2:$R$366,ROW(INDEX(Jesper!AJ$2:AJ$366,ROUNDDOWN($C3184/24,0)+1,1))-1)+IF('Standard Profiles'!$G$20=$B$10,7,0)+IF('Standard Profiles'!$G$20=$B$17,14,0)+IF('Standard Profiles'!$G$20=$B$24,21,0),0)),0)</f>
        <v>0</v>
      </c>
      <c r="G3184" cm="1">
        <f t="array" ref="G3184">IFERROR(INDEX(Jesper!AK$2:AK$366,ROUNDDOWN($C3184/24,0)+1,1)*INDEX($D$3:$AA$30,INDEX(Jesper!$R$2:$R$366,ROW(INDEX(Jesper!AK$2:AK$366,ROUNDDOWN($C3184/24,0)+1,1))-1)+IF('Standard Profiles'!$G$21=$B$10,7,0)+IF('Standard Profiles'!$G$21=$B$17,14,0)+IF('Standard Profiles'!$G$21=$B$24,21,0),MOD($C3184,24)+1)/SUM(INDEX($D$3:$AA$30,INDEX(Jesper!$R$2:$R$366,ROW(INDEX(Jesper!AK$2:AK$366,ROUNDDOWN($C3184/24,0)+1,1))-1)+IF('Standard Profiles'!$G$21=$B$10,7,0)+IF('Standard Profiles'!$G$21=$B$17,14,0)+IF('Standard Profiles'!$G$21=$B$24,21,0),0)),0)</f>
        <v>1.0018792438953701</v>
      </c>
      <c r="H3184" cm="1">
        <f t="array" ref="H3184">IFERROR(INDEX(Jesper!AL$2:AL$366,ROUNDDOWN($C3184/24,0)+1,1)*INDEX($D$3:$AA$30,INDEX(Jesper!$R$2:$R$366,ROW(INDEX(Jesper!AL$2:AL$366,ROUNDDOWN($C3184/24,0)+1,1))-1)+IF('Standard Profiles'!$G$22=$B$10,7,0)+IF('Standard Profiles'!$G$22=$B$17,14,0)+IF('Standard Profiles'!$G$22=$B$24,21,0),MOD($C3184,24)+1)/SUM(INDEX($D$3:$AA$30,INDEX(Jesper!$R$2:$R$366,ROW(INDEX(Jesper!AL$2:AL$366,ROUNDDOWN($C3184/24,0)+1,1))-1)+IF('Standard Profiles'!$G$22=$B$10,7,0)+IF('Standard Profiles'!$G$22=$B$17,14,0)+IF('Standard Profiles'!$G$22=$B$24,21,0),0)),0)</f>
        <v>0</v>
      </c>
      <c r="I3184">
        <f t="shared" si="363"/>
        <v>0.48090203706977741</v>
      </c>
      <c r="J3184">
        <f t="shared" si="364"/>
        <v>8.2487069441411904</v>
      </c>
      <c r="K3184">
        <f t="shared" si="365"/>
        <v>0.55952369974173966</v>
      </c>
      <c r="L3184">
        <f t="shared" si="366"/>
        <v>0.27976184987086983</v>
      </c>
      <c r="M3184">
        <f t="shared" si="367"/>
        <v>0</v>
      </c>
      <c r="N3184" s="45">
        <f t="shared" si="368"/>
        <v>45058.24999999236</v>
      </c>
    </row>
    <row r="3185" spans="2:14" x14ac:dyDescent="0.25">
      <c r="B3185">
        <f t="shared" si="362"/>
        <v>5</v>
      </c>
      <c r="C3185" s="16">
        <v>3151</v>
      </c>
      <c r="D3185" cm="1">
        <f t="array" ref="D3185">IFERROR(INDEX(Jesper!AH$2:AH$366,ROUNDDOWN($C3185/24,0)+1,1)*INDEX($D$3:$AA$30,INDEX(Jesper!$R$2:$R$366,ROW(INDEX(Jesper!AH$2:AH$366,ROUNDDOWN($C3185/24,0)+1,1))-1)+IF('Standard Profiles'!$G$18=$B$10,7,0)+IF('Standard Profiles'!$G$18=$B$17,14,0)+IF('Standard Profiles'!$G$18=$B$24,21,0),MOD($C3185,24)+1)/SUM(INDEX($D$3:$AA$30,INDEX(Jesper!$R$2:$R$366,ROW(INDEX(Jesper!AH$2:AH$366,ROUNDDOWN($C3185/24,0)+1,1))-1)+IF('Standard Profiles'!$G$18=$B$10,7,0)+IF('Standard Profiles'!$G$18=$B$17,14,0)+IF('Standard Profiles'!$G$18=$B$24,21,0),0)),0)</f>
        <v>22.345977758435726</v>
      </c>
      <c r="E3185" cm="1">
        <f t="array" ref="E3185">IFERROR(INDEX(Jesper!AI$2:AI$366,ROUNDDOWN($C3185/24,0)+1,1)*INDEX($D$3:$AA$30,INDEX(Jesper!$R$2:$R$366,ROW(INDEX(Jesper!AI$2:AI$366,ROUNDDOWN($C3185/24,0)+1,1))-1)+IF('Standard Profiles'!$G$19=$B$10,7,0)+IF('Standard Profiles'!$G$19=$B$17,14,0)+IF('Standard Profiles'!$G$19=$B$24,21,0),MOD($C3185,24)+1)/SUM(INDEX($D$3:$AA$30,INDEX(Jesper!$R$2:$R$366,ROW(INDEX(Jesper!AI$2:AI$366,ROUNDDOWN($C3185/24,0)+1,1))-1)+IF('Standard Profiles'!$G$19=$B$10,7,0)+IF('Standard Profiles'!$G$19=$B$17,14,0)+IF('Standard Profiles'!$G$19=$B$24,21,0),0)),0)</f>
        <v>14.149507363878437</v>
      </c>
      <c r="F3185" cm="1">
        <f t="array" ref="F3185">IFERROR(INDEX(Jesper!AJ$2:AJ$366,ROUNDDOWN($C3185/24,0)+1,1)*INDEX($D$3:$AA$30,INDEX(Jesper!$R$2:$R$366,ROW(INDEX(Jesper!AJ$2:AJ$366,ROUNDDOWN($C3185/24,0)+1,1))-1)+IF('Standard Profiles'!$G$20=$B$10,7,0)+IF('Standard Profiles'!$G$20=$B$17,14,0)+IF('Standard Profiles'!$G$20=$B$24,21,0),MOD($C3185,24)+1)/SUM(INDEX($D$3:$AA$30,INDEX(Jesper!$R$2:$R$366,ROW(INDEX(Jesper!AJ$2:AJ$366,ROUNDDOWN($C3185/24,0)+1,1))-1)+IF('Standard Profiles'!$G$20=$B$10,7,0)+IF('Standard Profiles'!$G$20=$B$17,14,0)+IF('Standard Profiles'!$G$20=$B$24,21,0),0)),0)</f>
        <v>0</v>
      </c>
      <c r="G3185" cm="1">
        <f t="array" ref="G3185">IFERROR(INDEX(Jesper!AK$2:AK$366,ROUNDDOWN($C3185/24,0)+1,1)*INDEX($D$3:$AA$30,INDEX(Jesper!$R$2:$R$366,ROW(INDEX(Jesper!AK$2:AK$366,ROUNDDOWN($C3185/24,0)+1,1))-1)+IF('Standard Profiles'!$G$21=$B$10,7,0)+IF('Standard Profiles'!$G$21=$B$17,14,0)+IF('Standard Profiles'!$G$21=$B$24,21,0),MOD($C3185,24)+1)/SUM(INDEX($D$3:$AA$30,INDEX(Jesper!$R$2:$R$366,ROW(INDEX(Jesper!AK$2:AK$366,ROUNDDOWN($C3185/24,0)+1,1))-1)+IF('Standard Profiles'!$G$21=$B$10,7,0)+IF('Standard Profiles'!$G$21=$B$17,14,0)+IF('Standard Profiles'!$G$21=$B$24,21,0),0)),0)</f>
        <v>2.7147695641035838</v>
      </c>
      <c r="H3185" cm="1">
        <f t="array" ref="H3185">IFERROR(INDEX(Jesper!AL$2:AL$366,ROUNDDOWN($C3185/24,0)+1,1)*INDEX($D$3:$AA$30,INDEX(Jesper!$R$2:$R$366,ROW(INDEX(Jesper!AL$2:AL$366,ROUNDDOWN($C3185/24,0)+1,1))-1)+IF('Standard Profiles'!$G$22=$B$10,7,0)+IF('Standard Profiles'!$G$22=$B$17,14,0)+IF('Standard Profiles'!$G$22=$B$24,21,0),MOD($C3185,24)+1)/SUM(INDEX($D$3:$AA$30,INDEX(Jesper!$R$2:$R$366,ROW(INDEX(Jesper!AL$2:AL$366,ROUNDDOWN($C3185/24,0)+1,1))-1)+IF('Standard Profiles'!$G$22=$B$10,7,0)+IF('Standard Profiles'!$G$22=$B$17,14,0)+IF('Standard Profiles'!$G$22=$B$24,21,0),0)),0)</f>
        <v>0</v>
      </c>
      <c r="I3185">
        <f t="shared" si="363"/>
        <v>1.3030893907697196</v>
      </c>
      <c r="J3185">
        <f t="shared" si="364"/>
        <v>34.331808854298309</v>
      </c>
      <c r="K3185">
        <f t="shared" si="365"/>
        <v>2.383570960899811</v>
      </c>
      <c r="L3185">
        <f t="shared" si="366"/>
        <v>1.1917854804499055</v>
      </c>
      <c r="M3185">
        <f t="shared" si="367"/>
        <v>0</v>
      </c>
      <c r="N3185" s="45">
        <f t="shared" si="368"/>
        <v>45058.291666659024</v>
      </c>
    </row>
    <row r="3186" spans="2:14" x14ac:dyDescent="0.25">
      <c r="B3186">
        <f t="shared" si="362"/>
        <v>5</v>
      </c>
      <c r="C3186" s="16">
        <v>3152</v>
      </c>
      <c r="D3186" cm="1">
        <f t="array" ref="D3186">IFERROR(INDEX(Jesper!AH$2:AH$366,ROUNDDOWN($C3186/24,0)+1,1)*INDEX($D$3:$AA$30,INDEX(Jesper!$R$2:$R$366,ROW(INDEX(Jesper!AH$2:AH$366,ROUNDDOWN($C3186/24,0)+1,1))-1)+IF('Standard Profiles'!$G$18=$B$10,7,0)+IF('Standard Profiles'!$G$18=$B$17,14,0)+IF('Standard Profiles'!$G$18=$B$24,21,0),MOD($C3186,24)+1)/SUM(INDEX($D$3:$AA$30,INDEX(Jesper!$R$2:$R$366,ROW(INDEX(Jesper!AH$2:AH$366,ROUNDDOWN($C3186/24,0)+1,1))-1)+IF('Standard Profiles'!$G$18=$B$10,7,0)+IF('Standard Profiles'!$G$18=$B$17,14,0)+IF('Standard Profiles'!$G$18=$B$24,21,0),0)),0)</f>
        <v>27.932472198044657</v>
      </c>
      <c r="E3186" cm="1">
        <f t="array" ref="E3186">IFERROR(INDEX(Jesper!AI$2:AI$366,ROUNDDOWN($C3186/24,0)+1,1)*INDEX($D$3:$AA$30,INDEX(Jesper!$R$2:$R$366,ROW(INDEX(Jesper!AI$2:AI$366,ROUNDDOWN($C3186/24,0)+1,1))-1)+IF('Standard Profiles'!$G$19=$B$10,7,0)+IF('Standard Profiles'!$G$19=$B$17,14,0)+IF('Standard Profiles'!$G$19=$B$24,21,0),MOD($C3186,24)+1)/SUM(INDEX($D$3:$AA$30,INDEX(Jesper!$R$2:$R$366,ROW(INDEX(Jesper!AI$2:AI$366,ROUNDDOWN($C3186/24,0)+1,1))-1)+IF('Standard Profiles'!$G$19=$B$10,7,0)+IF('Standard Profiles'!$G$19=$B$17,14,0)+IF('Standard Profiles'!$G$19=$B$24,21,0),0)),0)</f>
        <v>17.686884204848049</v>
      </c>
      <c r="F3186" cm="1">
        <f t="array" ref="F3186">IFERROR(INDEX(Jesper!AJ$2:AJ$366,ROUNDDOWN($C3186/24,0)+1,1)*INDEX($D$3:$AA$30,INDEX(Jesper!$R$2:$R$366,ROW(INDEX(Jesper!AJ$2:AJ$366,ROUNDDOWN($C3186/24,0)+1,1))-1)+IF('Standard Profiles'!$G$20=$B$10,7,0)+IF('Standard Profiles'!$G$20=$B$17,14,0)+IF('Standard Profiles'!$G$20=$B$24,21,0),MOD($C3186,24)+1)/SUM(INDEX($D$3:$AA$30,INDEX(Jesper!$R$2:$R$366,ROW(INDEX(Jesper!AJ$2:AJ$366,ROUNDDOWN($C3186/24,0)+1,1))-1)+IF('Standard Profiles'!$G$20=$B$10,7,0)+IF('Standard Profiles'!$G$20=$B$17,14,0)+IF('Standard Profiles'!$G$20=$B$24,21,0),0)),0)</f>
        <v>0</v>
      </c>
      <c r="G3186" cm="1">
        <f t="array" ref="G3186">IFERROR(INDEX(Jesper!AK$2:AK$366,ROUNDDOWN($C3186/24,0)+1,1)*INDEX($D$3:$AA$30,INDEX(Jesper!$R$2:$R$366,ROW(INDEX(Jesper!AK$2:AK$366,ROUNDDOWN($C3186/24,0)+1,1))-1)+IF('Standard Profiles'!$G$21=$B$10,7,0)+IF('Standard Profiles'!$G$21=$B$17,14,0)+IF('Standard Profiles'!$G$21=$B$24,21,0),MOD($C3186,24)+1)/SUM(INDEX($D$3:$AA$30,INDEX(Jesper!$R$2:$R$366,ROW(INDEX(Jesper!AK$2:AK$366,ROUNDDOWN($C3186/24,0)+1,1))-1)+IF('Standard Profiles'!$G$21=$B$10,7,0)+IF('Standard Profiles'!$G$21=$B$17,14,0)+IF('Standard Profiles'!$G$21=$B$24,21,0),0)),0)</f>
        <v>3.3934619551294798</v>
      </c>
      <c r="H3186" cm="1">
        <f t="array" ref="H3186">IFERROR(INDEX(Jesper!AL$2:AL$366,ROUNDDOWN($C3186/24,0)+1,1)*INDEX($D$3:$AA$30,INDEX(Jesper!$R$2:$R$366,ROW(INDEX(Jesper!AL$2:AL$366,ROUNDDOWN($C3186/24,0)+1,1))-1)+IF('Standard Profiles'!$G$22=$B$10,7,0)+IF('Standard Profiles'!$G$22=$B$17,14,0)+IF('Standard Profiles'!$G$22=$B$24,21,0),MOD($C3186,24)+1)/SUM(INDEX($D$3:$AA$30,INDEX(Jesper!$R$2:$R$366,ROW(INDEX(Jesper!AL$2:AL$366,ROUNDDOWN($C3186/24,0)+1,1))-1)+IF('Standard Profiles'!$G$22=$B$10,7,0)+IF('Standard Profiles'!$G$22=$B$17,14,0)+IF('Standard Profiles'!$G$22=$B$24,21,0),0)),0)</f>
        <v>0</v>
      </c>
      <c r="I3186">
        <f t="shared" si="363"/>
        <v>1.6288617384621495</v>
      </c>
      <c r="J3186">
        <f t="shared" si="364"/>
        <v>42.914761067872888</v>
      </c>
      <c r="K3186">
        <f t="shared" si="365"/>
        <v>2.9794637011247636</v>
      </c>
      <c r="L3186">
        <f t="shared" si="366"/>
        <v>1.4897318505623818</v>
      </c>
      <c r="M3186">
        <f t="shared" si="367"/>
        <v>0</v>
      </c>
      <c r="N3186" s="45">
        <f t="shared" si="368"/>
        <v>45058.333333325689</v>
      </c>
    </row>
    <row r="3187" spans="2:14" x14ac:dyDescent="0.25">
      <c r="B3187">
        <f t="shared" si="362"/>
        <v>5</v>
      </c>
      <c r="C3187" s="16">
        <v>3153</v>
      </c>
      <c r="D3187" cm="1">
        <f t="array" ref="D3187">IFERROR(INDEX(Jesper!AH$2:AH$366,ROUNDDOWN($C3187/24,0)+1,1)*INDEX($D$3:$AA$30,INDEX(Jesper!$R$2:$R$366,ROW(INDEX(Jesper!AH$2:AH$366,ROUNDDOWN($C3187/24,0)+1,1))-1)+IF('Standard Profiles'!$G$18=$B$10,7,0)+IF('Standard Profiles'!$G$18=$B$17,14,0)+IF('Standard Profiles'!$G$18=$B$24,21,0),MOD($C3187,24)+1)/SUM(INDEX($D$3:$AA$30,INDEX(Jesper!$R$2:$R$366,ROW(INDEX(Jesper!AH$2:AH$366,ROUNDDOWN($C3187/24,0)+1,1))-1)+IF('Standard Profiles'!$G$18=$B$10,7,0)+IF('Standard Profiles'!$G$18=$B$17,14,0)+IF('Standard Profiles'!$G$18=$B$24,21,0),0)),0)</f>
        <v>30.72571941784912</v>
      </c>
      <c r="E3187" cm="1">
        <f t="array" ref="E3187">IFERROR(INDEX(Jesper!AI$2:AI$366,ROUNDDOWN($C3187/24,0)+1,1)*INDEX($D$3:$AA$30,INDEX(Jesper!$R$2:$R$366,ROW(INDEX(Jesper!AI$2:AI$366,ROUNDDOWN($C3187/24,0)+1,1))-1)+IF('Standard Profiles'!$G$19=$B$10,7,0)+IF('Standard Profiles'!$G$19=$B$17,14,0)+IF('Standard Profiles'!$G$19=$B$24,21,0),MOD($C3187,24)+1)/SUM(INDEX($D$3:$AA$30,INDEX(Jesper!$R$2:$R$366,ROW(INDEX(Jesper!AI$2:AI$366,ROUNDDOWN($C3187/24,0)+1,1))-1)+IF('Standard Profiles'!$G$19=$B$10,7,0)+IF('Standard Profiles'!$G$19=$B$17,14,0)+IF('Standard Profiles'!$G$19=$B$24,21,0),0)),0)</f>
        <v>19.455572625332852</v>
      </c>
      <c r="F3187" cm="1">
        <f t="array" ref="F3187">IFERROR(INDEX(Jesper!AJ$2:AJ$366,ROUNDDOWN($C3187/24,0)+1,1)*INDEX($D$3:$AA$30,INDEX(Jesper!$R$2:$R$366,ROW(INDEX(Jesper!AJ$2:AJ$366,ROUNDDOWN($C3187/24,0)+1,1))-1)+IF('Standard Profiles'!$G$20=$B$10,7,0)+IF('Standard Profiles'!$G$20=$B$17,14,0)+IF('Standard Profiles'!$G$20=$B$24,21,0),MOD($C3187,24)+1)/SUM(INDEX($D$3:$AA$30,INDEX(Jesper!$R$2:$R$366,ROW(INDEX(Jesper!AJ$2:AJ$366,ROUNDDOWN($C3187/24,0)+1,1))-1)+IF('Standard Profiles'!$G$20=$B$10,7,0)+IF('Standard Profiles'!$G$20=$B$17,14,0)+IF('Standard Profiles'!$G$20=$B$24,21,0),0)),0)</f>
        <v>0</v>
      </c>
      <c r="G3187" cm="1">
        <f t="array" ref="G3187">IFERROR(INDEX(Jesper!AK$2:AK$366,ROUNDDOWN($C3187/24,0)+1,1)*INDEX($D$3:$AA$30,INDEX(Jesper!$R$2:$R$366,ROW(INDEX(Jesper!AK$2:AK$366,ROUNDDOWN($C3187/24,0)+1,1))-1)+IF('Standard Profiles'!$G$21=$B$10,7,0)+IF('Standard Profiles'!$G$21=$B$17,14,0)+IF('Standard Profiles'!$G$21=$B$24,21,0),MOD($C3187,24)+1)/SUM(INDEX($D$3:$AA$30,INDEX(Jesper!$R$2:$R$366,ROW(INDEX(Jesper!AK$2:AK$366,ROUNDDOWN($C3187/24,0)+1,1))-1)+IF('Standard Profiles'!$G$21=$B$10,7,0)+IF('Standard Profiles'!$G$21=$B$17,14,0)+IF('Standard Profiles'!$G$21=$B$24,21,0),0)),0)</f>
        <v>3.7328081506424273</v>
      </c>
      <c r="H3187" cm="1">
        <f t="array" ref="H3187">IFERROR(INDEX(Jesper!AL$2:AL$366,ROUNDDOWN($C3187/24,0)+1,1)*INDEX($D$3:$AA$30,INDEX(Jesper!$R$2:$R$366,ROW(INDEX(Jesper!AL$2:AL$366,ROUNDDOWN($C3187/24,0)+1,1))-1)+IF('Standard Profiles'!$G$22=$B$10,7,0)+IF('Standard Profiles'!$G$22=$B$17,14,0)+IF('Standard Profiles'!$G$22=$B$24,21,0),MOD($C3187,24)+1)/SUM(INDEX($D$3:$AA$30,INDEX(Jesper!$R$2:$R$366,ROW(INDEX(Jesper!AL$2:AL$366,ROUNDDOWN($C3187/24,0)+1,1))-1)+IF('Standard Profiles'!$G$22=$B$10,7,0)+IF('Standard Profiles'!$G$22=$B$17,14,0)+IF('Standard Profiles'!$G$22=$B$24,21,0),0)),0)</f>
        <v>0</v>
      </c>
      <c r="I3187">
        <f t="shared" si="363"/>
        <v>1.7917479123083642</v>
      </c>
      <c r="J3187">
        <f t="shared" si="364"/>
        <v>47.206237174660174</v>
      </c>
      <c r="K3187">
        <f t="shared" si="365"/>
        <v>3.2774100712372398</v>
      </c>
      <c r="L3187">
        <f t="shared" si="366"/>
        <v>1.6387050356186199</v>
      </c>
      <c r="M3187">
        <f t="shared" si="367"/>
        <v>0</v>
      </c>
      <c r="N3187" s="45">
        <f t="shared" si="368"/>
        <v>45058.374999992353</v>
      </c>
    </row>
    <row r="3188" spans="2:14" x14ac:dyDescent="0.25">
      <c r="B3188">
        <f t="shared" si="362"/>
        <v>5</v>
      </c>
      <c r="C3188" s="16">
        <v>3154</v>
      </c>
      <c r="D3188" cm="1">
        <f t="array" ref="D3188">IFERROR(INDEX(Jesper!AH$2:AH$366,ROUNDDOWN($C3188/24,0)+1,1)*INDEX($D$3:$AA$30,INDEX(Jesper!$R$2:$R$366,ROW(INDEX(Jesper!AH$2:AH$366,ROUNDDOWN($C3188/24,0)+1,1))-1)+IF('Standard Profiles'!$G$18=$B$10,7,0)+IF('Standard Profiles'!$G$18=$B$17,14,0)+IF('Standard Profiles'!$G$18=$B$24,21,0),MOD($C3188,24)+1)/SUM(INDEX($D$3:$AA$30,INDEX(Jesper!$R$2:$R$366,ROW(INDEX(Jesper!AH$2:AH$366,ROUNDDOWN($C3188/24,0)+1,1))-1)+IF('Standard Profiles'!$G$18=$B$10,7,0)+IF('Standard Profiles'!$G$18=$B$17,14,0)+IF('Standard Profiles'!$G$18=$B$24,21,0),0)),0)</f>
        <v>30.72571941784912</v>
      </c>
      <c r="E3188" cm="1">
        <f t="array" ref="E3188">IFERROR(INDEX(Jesper!AI$2:AI$366,ROUNDDOWN($C3188/24,0)+1,1)*INDEX($D$3:$AA$30,INDEX(Jesper!$R$2:$R$366,ROW(INDEX(Jesper!AI$2:AI$366,ROUNDDOWN($C3188/24,0)+1,1))-1)+IF('Standard Profiles'!$G$19=$B$10,7,0)+IF('Standard Profiles'!$G$19=$B$17,14,0)+IF('Standard Profiles'!$G$19=$B$24,21,0),MOD($C3188,24)+1)/SUM(INDEX($D$3:$AA$30,INDEX(Jesper!$R$2:$R$366,ROW(INDEX(Jesper!AI$2:AI$366,ROUNDDOWN($C3188/24,0)+1,1))-1)+IF('Standard Profiles'!$G$19=$B$10,7,0)+IF('Standard Profiles'!$G$19=$B$17,14,0)+IF('Standard Profiles'!$G$19=$B$24,21,0),0)),0)</f>
        <v>19.455572625332852</v>
      </c>
      <c r="F3188" cm="1">
        <f t="array" ref="F3188">IFERROR(INDEX(Jesper!AJ$2:AJ$366,ROUNDDOWN($C3188/24,0)+1,1)*INDEX($D$3:$AA$30,INDEX(Jesper!$R$2:$R$366,ROW(INDEX(Jesper!AJ$2:AJ$366,ROUNDDOWN($C3188/24,0)+1,1))-1)+IF('Standard Profiles'!$G$20=$B$10,7,0)+IF('Standard Profiles'!$G$20=$B$17,14,0)+IF('Standard Profiles'!$G$20=$B$24,21,0),MOD($C3188,24)+1)/SUM(INDEX($D$3:$AA$30,INDEX(Jesper!$R$2:$R$366,ROW(INDEX(Jesper!AJ$2:AJ$366,ROUNDDOWN($C3188/24,0)+1,1))-1)+IF('Standard Profiles'!$G$20=$B$10,7,0)+IF('Standard Profiles'!$G$20=$B$17,14,0)+IF('Standard Profiles'!$G$20=$B$24,21,0),0)),0)</f>
        <v>0</v>
      </c>
      <c r="G3188" cm="1">
        <f t="array" ref="G3188">IFERROR(INDEX(Jesper!AK$2:AK$366,ROUNDDOWN($C3188/24,0)+1,1)*INDEX($D$3:$AA$30,INDEX(Jesper!$R$2:$R$366,ROW(INDEX(Jesper!AK$2:AK$366,ROUNDDOWN($C3188/24,0)+1,1))-1)+IF('Standard Profiles'!$G$21=$B$10,7,0)+IF('Standard Profiles'!$G$21=$B$17,14,0)+IF('Standard Profiles'!$G$21=$B$24,21,0),MOD($C3188,24)+1)/SUM(INDEX($D$3:$AA$30,INDEX(Jesper!$R$2:$R$366,ROW(INDEX(Jesper!AK$2:AK$366,ROUNDDOWN($C3188/24,0)+1,1))-1)+IF('Standard Profiles'!$G$21=$B$10,7,0)+IF('Standard Profiles'!$G$21=$B$17,14,0)+IF('Standard Profiles'!$G$21=$B$24,21,0),0)),0)</f>
        <v>3.7328081506424273</v>
      </c>
      <c r="H3188" cm="1">
        <f t="array" ref="H3188">IFERROR(INDEX(Jesper!AL$2:AL$366,ROUNDDOWN($C3188/24,0)+1,1)*INDEX($D$3:$AA$30,INDEX(Jesper!$R$2:$R$366,ROW(INDEX(Jesper!AL$2:AL$366,ROUNDDOWN($C3188/24,0)+1,1))-1)+IF('Standard Profiles'!$G$22=$B$10,7,0)+IF('Standard Profiles'!$G$22=$B$17,14,0)+IF('Standard Profiles'!$G$22=$B$24,21,0),MOD($C3188,24)+1)/SUM(INDEX($D$3:$AA$30,INDEX(Jesper!$R$2:$R$366,ROW(INDEX(Jesper!AL$2:AL$366,ROUNDDOWN($C3188/24,0)+1,1))-1)+IF('Standard Profiles'!$G$22=$B$10,7,0)+IF('Standard Profiles'!$G$22=$B$17,14,0)+IF('Standard Profiles'!$G$22=$B$24,21,0),0)),0)</f>
        <v>0</v>
      </c>
      <c r="I3188">
        <f t="shared" si="363"/>
        <v>1.7917479123083642</v>
      </c>
      <c r="J3188">
        <f t="shared" si="364"/>
        <v>47.206237174660174</v>
      </c>
      <c r="K3188">
        <f t="shared" si="365"/>
        <v>3.2774100712372398</v>
      </c>
      <c r="L3188">
        <f t="shared" si="366"/>
        <v>1.6387050356186199</v>
      </c>
      <c r="M3188">
        <f t="shared" si="367"/>
        <v>0</v>
      </c>
      <c r="N3188" s="45">
        <f t="shared" si="368"/>
        <v>45058.416666659017</v>
      </c>
    </row>
    <row r="3189" spans="2:14" x14ac:dyDescent="0.25">
      <c r="B3189">
        <f t="shared" si="362"/>
        <v>5</v>
      </c>
      <c r="C3189" s="16">
        <v>3155</v>
      </c>
      <c r="D3189" cm="1">
        <f t="array" ref="D3189">IFERROR(INDEX(Jesper!AH$2:AH$366,ROUNDDOWN($C3189/24,0)+1,1)*INDEX($D$3:$AA$30,INDEX(Jesper!$R$2:$R$366,ROW(INDEX(Jesper!AH$2:AH$366,ROUNDDOWN($C3189/24,0)+1,1))-1)+IF('Standard Profiles'!$G$18=$B$10,7,0)+IF('Standard Profiles'!$G$18=$B$17,14,0)+IF('Standard Profiles'!$G$18=$B$24,21,0),MOD($C3189,24)+1)/SUM(INDEX($D$3:$AA$30,INDEX(Jesper!$R$2:$R$366,ROW(INDEX(Jesper!AH$2:AH$366,ROUNDDOWN($C3189/24,0)+1,1))-1)+IF('Standard Profiles'!$G$18=$B$10,7,0)+IF('Standard Profiles'!$G$18=$B$17,14,0)+IF('Standard Profiles'!$G$18=$B$24,21,0),0)),0)</f>
        <v>36.312213857458055</v>
      </c>
      <c r="E3189" cm="1">
        <f t="array" ref="E3189">IFERROR(INDEX(Jesper!AI$2:AI$366,ROUNDDOWN($C3189/24,0)+1,1)*INDEX($D$3:$AA$30,INDEX(Jesper!$R$2:$R$366,ROW(INDEX(Jesper!AI$2:AI$366,ROUNDDOWN($C3189/24,0)+1,1))-1)+IF('Standard Profiles'!$G$19=$B$10,7,0)+IF('Standard Profiles'!$G$19=$B$17,14,0)+IF('Standard Profiles'!$G$19=$B$24,21,0),MOD($C3189,24)+1)/SUM(INDEX($D$3:$AA$30,INDEX(Jesper!$R$2:$R$366,ROW(INDEX(Jesper!AI$2:AI$366,ROUNDDOWN($C3189/24,0)+1,1))-1)+IF('Standard Profiles'!$G$19=$B$10,7,0)+IF('Standard Profiles'!$G$19=$B$17,14,0)+IF('Standard Profiles'!$G$19=$B$24,21,0),0)),0)</f>
        <v>22.992949466302459</v>
      </c>
      <c r="F3189" cm="1">
        <f t="array" ref="F3189">IFERROR(INDEX(Jesper!AJ$2:AJ$366,ROUNDDOWN($C3189/24,0)+1,1)*INDEX($D$3:$AA$30,INDEX(Jesper!$R$2:$R$366,ROW(INDEX(Jesper!AJ$2:AJ$366,ROUNDDOWN($C3189/24,0)+1,1))-1)+IF('Standard Profiles'!$G$20=$B$10,7,0)+IF('Standard Profiles'!$G$20=$B$17,14,0)+IF('Standard Profiles'!$G$20=$B$24,21,0),MOD($C3189,24)+1)/SUM(INDEX($D$3:$AA$30,INDEX(Jesper!$R$2:$R$366,ROW(INDEX(Jesper!AJ$2:AJ$366,ROUNDDOWN($C3189/24,0)+1,1))-1)+IF('Standard Profiles'!$G$20=$B$10,7,0)+IF('Standard Profiles'!$G$20=$B$17,14,0)+IF('Standard Profiles'!$G$20=$B$24,21,0),0)),0)</f>
        <v>0</v>
      </c>
      <c r="G3189" cm="1">
        <f t="array" ref="G3189">IFERROR(INDEX(Jesper!AK$2:AK$366,ROUNDDOWN($C3189/24,0)+1,1)*INDEX($D$3:$AA$30,INDEX(Jesper!$R$2:$R$366,ROW(INDEX(Jesper!AK$2:AK$366,ROUNDDOWN($C3189/24,0)+1,1))-1)+IF('Standard Profiles'!$G$21=$B$10,7,0)+IF('Standard Profiles'!$G$21=$B$17,14,0)+IF('Standard Profiles'!$G$21=$B$24,21,0),MOD($C3189,24)+1)/SUM(INDEX($D$3:$AA$30,INDEX(Jesper!$R$2:$R$366,ROW(INDEX(Jesper!AK$2:AK$366,ROUNDDOWN($C3189/24,0)+1,1))-1)+IF('Standard Profiles'!$G$21=$B$10,7,0)+IF('Standard Profiles'!$G$21=$B$17,14,0)+IF('Standard Profiles'!$G$21=$B$24,21,0),0)),0)</f>
        <v>4.4115005416683237</v>
      </c>
      <c r="H3189" cm="1">
        <f t="array" ref="H3189">IFERROR(INDEX(Jesper!AL$2:AL$366,ROUNDDOWN($C3189/24,0)+1,1)*INDEX($D$3:$AA$30,INDEX(Jesper!$R$2:$R$366,ROW(INDEX(Jesper!AL$2:AL$366,ROUNDDOWN($C3189/24,0)+1,1))-1)+IF('Standard Profiles'!$G$22=$B$10,7,0)+IF('Standard Profiles'!$G$22=$B$17,14,0)+IF('Standard Profiles'!$G$22=$B$24,21,0),MOD($C3189,24)+1)/SUM(INDEX($D$3:$AA$30,INDEX(Jesper!$R$2:$R$366,ROW(INDEX(Jesper!AL$2:AL$366,ROUNDDOWN($C3189/24,0)+1,1))-1)+IF('Standard Profiles'!$G$22=$B$10,7,0)+IF('Standard Profiles'!$G$22=$B$17,14,0)+IF('Standard Profiles'!$G$22=$B$24,21,0),0)),0)</f>
        <v>0</v>
      </c>
      <c r="I3189">
        <f t="shared" si="363"/>
        <v>2.1175202600007945</v>
      </c>
      <c r="J3189">
        <f t="shared" si="364"/>
        <v>55.789189388234753</v>
      </c>
      <c r="K3189">
        <f t="shared" si="365"/>
        <v>3.8733028114621928</v>
      </c>
      <c r="L3189">
        <f t="shared" si="366"/>
        <v>1.9366514057310964</v>
      </c>
      <c r="M3189">
        <f t="shared" si="367"/>
        <v>0</v>
      </c>
      <c r="N3189" s="45">
        <f t="shared" si="368"/>
        <v>45058.458333325681</v>
      </c>
    </row>
    <row r="3190" spans="2:14" x14ac:dyDescent="0.25">
      <c r="B3190">
        <f t="shared" si="362"/>
        <v>5</v>
      </c>
      <c r="C3190" s="16">
        <v>3156</v>
      </c>
      <c r="D3190" cm="1">
        <f t="array" ref="D3190">IFERROR(INDEX(Jesper!AH$2:AH$366,ROUNDDOWN($C3190/24,0)+1,1)*INDEX($D$3:$AA$30,INDEX(Jesper!$R$2:$R$366,ROW(INDEX(Jesper!AH$2:AH$366,ROUNDDOWN($C3190/24,0)+1,1))-1)+IF('Standard Profiles'!$G$18=$B$10,7,0)+IF('Standard Profiles'!$G$18=$B$17,14,0)+IF('Standard Profiles'!$G$18=$B$24,21,0),MOD($C3190,24)+1)/SUM(INDEX($D$3:$AA$30,INDEX(Jesper!$R$2:$R$366,ROW(INDEX(Jesper!AH$2:AH$366,ROUNDDOWN($C3190/24,0)+1,1))-1)+IF('Standard Profiles'!$G$18=$B$10,7,0)+IF('Standard Profiles'!$G$18=$B$17,14,0)+IF('Standard Profiles'!$G$18=$B$24,21,0),0)),0)</f>
        <v>36.312213857458055</v>
      </c>
      <c r="E3190" cm="1">
        <f t="array" ref="E3190">IFERROR(INDEX(Jesper!AI$2:AI$366,ROUNDDOWN($C3190/24,0)+1,1)*INDEX($D$3:$AA$30,INDEX(Jesper!$R$2:$R$366,ROW(INDEX(Jesper!AI$2:AI$366,ROUNDDOWN($C3190/24,0)+1,1))-1)+IF('Standard Profiles'!$G$19=$B$10,7,0)+IF('Standard Profiles'!$G$19=$B$17,14,0)+IF('Standard Profiles'!$G$19=$B$24,21,0),MOD($C3190,24)+1)/SUM(INDEX($D$3:$AA$30,INDEX(Jesper!$R$2:$R$366,ROW(INDEX(Jesper!AI$2:AI$366,ROUNDDOWN($C3190/24,0)+1,1))-1)+IF('Standard Profiles'!$G$19=$B$10,7,0)+IF('Standard Profiles'!$G$19=$B$17,14,0)+IF('Standard Profiles'!$G$19=$B$24,21,0),0)),0)</f>
        <v>22.992949466302459</v>
      </c>
      <c r="F3190" cm="1">
        <f t="array" ref="F3190">IFERROR(INDEX(Jesper!AJ$2:AJ$366,ROUNDDOWN($C3190/24,0)+1,1)*INDEX($D$3:$AA$30,INDEX(Jesper!$R$2:$R$366,ROW(INDEX(Jesper!AJ$2:AJ$366,ROUNDDOWN($C3190/24,0)+1,1))-1)+IF('Standard Profiles'!$G$20=$B$10,7,0)+IF('Standard Profiles'!$G$20=$B$17,14,0)+IF('Standard Profiles'!$G$20=$B$24,21,0),MOD($C3190,24)+1)/SUM(INDEX($D$3:$AA$30,INDEX(Jesper!$R$2:$R$366,ROW(INDEX(Jesper!AJ$2:AJ$366,ROUNDDOWN($C3190/24,0)+1,1))-1)+IF('Standard Profiles'!$G$20=$B$10,7,0)+IF('Standard Profiles'!$G$20=$B$17,14,0)+IF('Standard Profiles'!$G$20=$B$24,21,0),0)),0)</f>
        <v>0</v>
      </c>
      <c r="G3190" cm="1">
        <f t="array" ref="G3190">IFERROR(INDEX(Jesper!AK$2:AK$366,ROUNDDOWN($C3190/24,0)+1,1)*INDEX($D$3:$AA$30,INDEX(Jesper!$R$2:$R$366,ROW(INDEX(Jesper!AK$2:AK$366,ROUNDDOWN($C3190/24,0)+1,1))-1)+IF('Standard Profiles'!$G$21=$B$10,7,0)+IF('Standard Profiles'!$G$21=$B$17,14,0)+IF('Standard Profiles'!$G$21=$B$24,21,0),MOD($C3190,24)+1)/SUM(INDEX($D$3:$AA$30,INDEX(Jesper!$R$2:$R$366,ROW(INDEX(Jesper!AK$2:AK$366,ROUNDDOWN($C3190/24,0)+1,1))-1)+IF('Standard Profiles'!$G$21=$B$10,7,0)+IF('Standard Profiles'!$G$21=$B$17,14,0)+IF('Standard Profiles'!$G$21=$B$24,21,0),0)),0)</f>
        <v>4.4115005416683237</v>
      </c>
      <c r="H3190" cm="1">
        <f t="array" ref="H3190">IFERROR(INDEX(Jesper!AL$2:AL$366,ROUNDDOWN($C3190/24,0)+1,1)*INDEX($D$3:$AA$30,INDEX(Jesper!$R$2:$R$366,ROW(INDEX(Jesper!AL$2:AL$366,ROUNDDOWN($C3190/24,0)+1,1))-1)+IF('Standard Profiles'!$G$22=$B$10,7,0)+IF('Standard Profiles'!$G$22=$B$17,14,0)+IF('Standard Profiles'!$G$22=$B$24,21,0),MOD($C3190,24)+1)/SUM(INDEX($D$3:$AA$30,INDEX(Jesper!$R$2:$R$366,ROW(INDEX(Jesper!AL$2:AL$366,ROUNDDOWN($C3190/24,0)+1,1))-1)+IF('Standard Profiles'!$G$22=$B$10,7,0)+IF('Standard Profiles'!$G$22=$B$17,14,0)+IF('Standard Profiles'!$G$22=$B$24,21,0),0)),0)</f>
        <v>0</v>
      </c>
      <c r="I3190">
        <f t="shared" si="363"/>
        <v>2.1175202600007945</v>
      </c>
      <c r="J3190">
        <f t="shared" si="364"/>
        <v>55.789189388234753</v>
      </c>
      <c r="K3190">
        <f t="shared" si="365"/>
        <v>3.8733028114621928</v>
      </c>
      <c r="L3190">
        <f t="shared" si="366"/>
        <v>1.9366514057310964</v>
      </c>
      <c r="M3190">
        <f t="shared" si="367"/>
        <v>0</v>
      </c>
      <c r="N3190" s="45">
        <f t="shared" si="368"/>
        <v>45058.499999992346</v>
      </c>
    </row>
    <row r="3191" spans="2:14" x14ac:dyDescent="0.25">
      <c r="B3191">
        <f t="shared" si="362"/>
        <v>5</v>
      </c>
      <c r="C3191" s="16">
        <v>3157</v>
      </c>
      <c r="D3191" cm="1">
        <f t="array" ref="D3191">IFERROR(INDEX(Jesper!AH$2:AH$366,ROUNDDOWN($C3191/24,0)+1,1)*INDEX($D$3:$AA$30,INDEX(Jesper!$R$2:$R$366,ROW(INDEX(Jesper!AH$2:AH$366,ROUNDDOWN($C3191/24,0)+1,1))-1)+IF('Standard Profiles'!$G$18=$B$10,7,0)+IF('Standard Profiles'!$G$18=$B$17,14,0)+IF('Standard Profiles'!$G$18=$B$24,21,0),MOD($C3191,24)+1)/SUM(INDEX($D$3:$AA$30,INDEX(Jesper!$R$2:$R$366,ROW(INDEX(Jesper!AH$2:AH$366,ROUNDDOWN($C3191/24,0)+1,1))-1)+IF('Standard Profiles'!$G$18=$B$10,7,0)+IF('Standard Profiles'!$G$18=$B$17,14,0)+IF('Standard Profiles'!$G$18=$B$24,21,0),0)),0)</f>
        <v>25.139224978240193</v>
      </c>
      <c r="E3191" cm="1">
        <f t="array" ref="E3191">IFERROR(INDEX(Jesper!AI$2:AI$366,ROUNDDOWN($C3191/24,0)+1,1)*INDEX($D$3:$AA$30,INDEX(Jesper!$R$2:$R$366,ROW(INDEX(Jesper!AI$2:AI$366,ROUNDDOWN($C3191/24,0)+1,1))-1)+IF('Standard Profiles'!$G$19=$B$10,7,0)+IF('Standard Profiles'!$G$19=$B$17,14,0)+IF('Standard Profiles'!$G$19=$B$24,21,0),MOD($C3191,24)+1)/SUM(INDEX($D$3:$AA$30,INDEX(Jesper!$R$2:$R$366,ROW(INDEX(Jesper!AI$2:AI$366,ROUNDDOWN($C3191/24,0)+1,1))-1)+IF('Standard Profiles'!$G$19=$B$10,7,0)+IF('Standard Profiles'!$G$19=$B$17,14,0)+IF('Standard Profiles'!$G$19=$B$24,21,0),0)),0)</f>
        <v>15.918195784363242</v>
      </c>
      <c r="F3191" cm="1">
        <f t="array" ref="F3191">IFERROR(INDEX(Jesper!AJ$2:AJ$366,ROUNDDOWN($C3191/24,0)+1,1)*INDEX($D$3:$AA$30,INDEX(Jesper!$R$2:$R$366,ROW(INDEX(Jesper!AJ$2:AJ$366,ROUNDDOWN($C3191/24,0)+1,1))-1)+IF('Standard Profiles'!$G$20=$B$10,7,0)+IF('Standard Profiles'!$G$20=$B$17,14,0)+IF('Standard Profiles'!$G$20=$B$24,21,0),MOD($C3191,24)+1)/SUM(INDEX($D$3:$AA$30,INDEX(Jesper!$R$2:$R$366,ROW(INDEX(Jesper!AJ$2:AJ$366,ROUNDDOWN($C3191/24,0)+1,1))-1)+IF('Standard Profiles'!$G$20=$B$10,7,0)+IF('Standard Profiles'!$G$20=$B$17,14,0)+IF('Standard Profiles'!$G$20=$B$24,21,0),0)),0)</f>
        <v>0</v>
      </c>
      <c r="G3191" cm="1">
        <f t="array" ref="G3191">IFERROR(INDEX(Jesper!AK$2:AK$366,ROUNDDOWN($C3191/24,0)+1,1)*INDEX($D$3:$AA$30,INDEX(Jesper!$R$2:$R$366,ROW(INDEX(Jesper!AK$2:AK$366,ROUNDDOWN($C3191/24,0)+1,1))-1)+IF('Standard Profiles'!$G$21=$B$10,7,0)+IF('Standard Profiles'!$G$21=$B$17,14,0)+IF('Standard Profiles'!$G$21=$B$24,21,0),MOD($C3191,24)+1)/SUM(INDEX($D$3:$AA$30,INDEX(Jesper!$R$2:$R$366,ROW(INDEX(Jesper!AK$2:AK$366,ROUNDDOWN($C3191/24,0)+1,1))-1)+IF('Standard Profiles'!$G$21=$B$10,7,0)+IF('Standard Profiles'!$G$21=$B$17,14,0)+IF('Standard Profiles'!$G$21=$B$24,21,0),0)),0)</f>
        <v>3.0541157596165318</v>
      </c>
      <c r="H3191" cm="1">
        <f t="array" ref="H3191">IFERROR(INDEX(Jesper!AL$2:AL$366,ROUNDDOWN($C3191/24,0)+1,1)*INDEX($D$3:$AA$30,INDEX(Jesper!$R$2:$R$366,ROW(INDEX(Jesper!AL$2:AL$366,ROUNDDOWN($C3191/24,0)+1,1))-1)+IF('Standard Profiles'!$G$22=$B$10,7,0)+IF('Standard Profiles'!$G$22=$B$17,14,0)+IF('Standard Profiles'!$G$22=$B$24,21,0),MOD($C3191,24)+1)/SUM(INDEX($D$3:$AA$30,INDEX(Jesper!$R$2:$R$366,ROW(INDEX(Jesper!AL$2:AL$366,ROUNDDOWN($C3191/24,0)+1,1))-1)+IF('Standard Profiles'!$G$22=$B$10,7,0)+IF('Standard Profiles'!$G$22=$B$17,14,0)+IF('Standard Profiles'!$G$22=$B$24,21,0),0)),0)</f>
        <v>0</v>
      </c>
      <c r="I3191">
        <f t="shared" si="363"/>
        <v>1.4659755646159345</v>
      </c>
      <c r="J3191">
        <f t="shared" si="364"/>
        <v>38.623284961085602</v>
      </c>
      <c r="K3191">
        <f t="shared" si="365"/>
        <v>2.6815173310122873</v>
      </c>
      <c r="L3191">
        <f t="shared" si="366"/>
        <v>1.3407586655061436</v>
      </c>
      <c r="M3191">
        <f t="shared" si="367"/>
        <v>0</v>
      </c>
      <c r="N3191" s="45">
        <f t="shared" si="368"/>
        <v>45058.54166665901</v>
      </c>
    </row>
    <row r="3192" spans="2:14" x14ac:dyDescent="0.25">
      <c r="B3192">
        <f t="shared" si="362"/>
        <v>5</v>
      </c>
      <c r="C3192" s="16">
        <v>3158</v>
      </c>
      <c r="D3192" cm="1">
        <f t="array" ref="D3192">IFERROR(INDEX(Jesper!AH$2:AH$366,ROUNDDOWN($C3192/24,0)+1,1)*INDEX($D$3:$AA$30,INDEX(Jesper!$R$2:$R$366,ROW(INDEX(Jesper!AH$2:AH$366,ROUNDDOWN($C3192/24,0)+1,1))-1)+IF('Standard Profiles'!$G$18=$B$10,7,0)+IF('Standard Profiles'!$G$18=$B$17,14,0)+IF('Standard Profiles'!$G$18=$B$24,21,0),MOD($C3192,24)+1)/SUM(INDEX($D$3:$AA$30,INDEX(Jesper!$R$2:$R$366,ROW(INDEX(Jesper!AH$2:AH$366,ROUNDDOWN($C3192/24,0)+1,1))-1)+IF('Standard Profiles'!$G$18=$B$10,7,0)+IF('Standard Profiles'!$G$18=$B$17,14,0)+IF('Standard Profiles'!$G$18=$B$24,21,0),0)),0)</f>
        <v>36.312213857458055</v>
      </c>
      <c r="E3192" cm="1">
        <f t="array" ref="E3192">IFERROR(INDEX(Jesper!AI$2:AI$366,ROUNDDOWN($C3192/24,0)+1,1)*INDEX($D$3:$AA$30,INDEX(Jesper!$R$2:$R$366,ROW(INDEX(Jesper!AI$2:AI$366,ROUNDDOWN($C3192/24,0)+1,1))-1)+IF('Standard Profiles'!$G$19=$B$10,7,0)+IF('Standard Profiles'!$G$19=$B$17,14,0)+IF('Standard Profiles'!$G$19=$B$24,21,0),MOD($C3192,24)+1)/SUM(INDEX($D$3:$AA$30,INDEX(Jesper!$R$2:$R$366,ROW(INDEX(Jesper!AI$2:AI$366,ROUNDDOWN($C3192/24,0)+1,1))-1)+IF('Standard Profiles'!$G$19=$B$10,7,0)+IF('Standard Profiles'!$G$19=$B$17,14,0)+IF('Standard Profiles'!$G$19=$B$24,21,0),0)),0)</f>
        <v>22.992949466302459</v>
      </c>
      <c r="F3192" cm="1">
        <f t="array" ref="F3192">IFERROR(INDEX(Jesper!AJ$2:AJ$366,ROUNDDOWN($C3192/24,0)+1,1)*INDEX($D$3:$AA$30,INDEX(Jesper!$R$2:$R$366,ROW(INDEX(Jesper!AJ$2:AJ$366,ROUNDDOWN($C3192/24,0)+1,1))-1)+IF('Standard Profiles'!$G$20=$B$10,7,0)+IF('Standard Profiles'!$G$20=$B$17,14,0)+IF('Standard Profiles'!$G$20=$B$24,21,0),MOD($C3192,24)+1)/SUM(INDEX($D$3:$AA$30,INDEX(Jesper!$R$2:$R$366,ROW(INDEX(Jesper!AJ$2:AJ$366,ROUNDDOWN($C3192/24,0)+1,1))-1)+IF('Standard Profiles'!$G$20=$B$10,7,0)+IF('Standard Profiles'!$G$20=$B$17,14,0)+IF('Standard Profiles'!$G$20=$B$24,21,0),0)),0)</f>
        <v>0</v>
      </c>
      <c r="G3192" cm="1">
        <f t="array" ref="G3192">IFERROR(INDEX(Jesper!AK$2:AK$366,ROUNDDOWN($C3192/24,0)+1,1)*INDEX($D$3:$AA$30,INDEX(Jesper!$R$2:$R$366,ROW(INDEX(Jesper!AK$2:AK$366,ROUNDDOWN($C3192/24,0)+1,1))-1)+IF('Standard Profiles'!$G$21=$B$10,7,0)+IF('Standard Profiles'!$G$21=$B$17,14,0)+IF('Standard Profiles'!$G$21=$B$24,21,0),MOD($C3192,24)+1)/SUM(INDEX($D$3:$AA$30,INDEX(Jesper!$R$2:$R$366,ROW(INDEX(Jesper!AK$2:AK$366,ROUNDDOWN($C3192/24,0)+1,1))-1)+IF('Standard Profiles'!$G$21=$B$10,7,0)+IF('Standard Profiles'!$G$21=$B$17,14,0)+IF('Standard Profiles'!$G$21=$B$24,21,0),0)),0)</f>
        <v>4.4115005416683237</v>
      </c>
      <c r="H3192" cm="1">
        <f t="array" ref="H3192">IFERROR(INDEX(Jesper!AL$2:AL$366,ROUNDDOWN($C3192/24,0)+1,1)*INDEX($D$3:$AA$30,INDEX(Jesper!$R$2:$R$366,ROW(INDEX(Jesper!AL$2:AL$366,ROUNDDOWN($C3192/24,0)+1,1))-1)+IF('Standard Profiles'!$G$22=$B$10,7,0)+IF('Standard Profiles'!$G$22=$B$17,14,0)+IF('Standard Profiles'!$G$22=$B$24,21,0),MOD($C3192,24)+1)/SUM(INDEX($D$3:$AA$30,INDEX(Jesper!$R$2:$R$366,ROW(INDEX(Jesper!AL$2:AL$366,ROUNDDOWN($C3192/24,0)+1,1))-1)+IF('Standard Profiles'!$G$22=$B$10,7,0)+IF('Standard Profiles'!$G$22=$B$17,14,0)+IF('Standard Profiles'!$G$22=$B$24,21,0),0)),0)</f>
        <v>0</v>
      </c>
      <c r="I3192">
        <f t="shared" si="363"/>
        <v>2.1175202600007945</v>
      </c>
      <c r="J3192">
        <f t="shared" si="364"/>
        <v>55.789189388234753</v>
      </c>
      <c r="K3192">
        <f t="shared" si="365"/>
        <v>3.8733028114621928</v>
      </c>
      <c r="L3192">
        <f t="shared" si="366"/>
        <v>1.9366514057310964</v>
      </c>
      <c r="M3192">
        <f t="shared" si="367"/>
        <v>0</v>
      </c>
      <c r="N3192" s="45">
        <f t="shared" si="368"/>
        <v>45058.583333325674</v>
      </c>
    </row>
    <row r="3193" spans="2:14" x14ac:dyDescent="0.25">
      <c r="B3193">
        <f t="shared" si="362"/>
        <v>5</v>
      </c>
      <c r="C3193" s="16">
        <v>3159</v>
      </c>
      <c r="D3193" cm="1">
        <f t="array" ref="D3193">IFERROR(INDEX(Jesper!AH$2:AH$366,ROUNDDOWN($C3193/24,0)+1,1)*INDEX($D$3:$AA$30,INDEX(Jesper!$R$2:$R$366,ROW(INDEX(Jesper!AH$2:AH$366,ROUNDDOWN($C3193/24,0)+1,1))-1)+IF('Standard Profiles'!$G$18=$B$10,7,0)+IF('Standard Profiles'!$G$18=$B$17,14,0)+IF('Standard Profiles'!$G$18=$B$24,21,0),MOD($C3193,24)+1)/SUM(INDEX($D$3:$AA$30,INDEX(Jesper!$R$2:$R$366,ROW(INDEX(Jesper!AH$2:AH$366,ROUNDDOWN($C3193/24,0)+1,1))-1)+IF('Standard Profiles'!$G$18=$B$10,7,0)+IF('Standard Profiles'!$G$18=$B$17,14,0)+IF('Standard Profiles'!$G$18=$B$24,21,0),0)),0)</f>
        <v>27.932472198044657</v>
      </c>
      <c r="E3193" cm="1">
        <f t="array" ref="E3193">IFERROR(INDEX(Jesper!AI$2:AI$366,ROUNDDOWN($C3193/24,0)+1,1)*INDEX($D$3:$AA$30,INDEX(Jesper!$R$2:$R$366,ROW(INDEX(Jesper!AI$2:AI$366,ROUNDDOWN($C3193/24,0)+1,1))-1)+IF('Standard Profiles'!$G$19=$B$10,7,0)+IF('Standard Profiles'!$G$19=$B$17,14,0)+IF('Standard Profiles'!$G$19=$B$24,21,0),MOD($C3193,24)+1)/SUM(INDEX($D$3:$AA$30,INDEX(Jesper!$R$2:$R$366,ROW(INDEX(Jesper!AI$2:AI$366,ROUNDDOWN($C3193/24,0)+1,1))-1)+IF('Standard Profiles'!$G$19=$B$10,7,0)+IF('Standard Profiles'!$G$19=$B$17,14,0)+IF('Standard Profiles'!$G$19=$B$24,21,0),0)),0)</f>
        <v>17.686884204848049</v>
      </c>
      <c r="F3193" cm="1">
        <f t="array" ref="F3193">IFERROR(INDEX(Jesper!AJ$2:AJ$366,ROUNDDOWN($C3193/24,0)+1,1)*INDEX($D$3:$AA$30,INDEX(Jesper!$R$2:$R$366,ROW(INDEX(Jesper!AJ$2:AJ$366,ROUNDDOWN($C3193/24,0)+1,1))-1)+IF('Standard Profiles'!$G$20=$B$10,7,0)+IF('Standard Profiles'!$G$20=$B$17,14,0)+IF('Standard Profiles'!$G$20=$B$24,21,0),MOD($C3193,24)+1)/SUM(INDEX($D$3:$AA$30,INDEX(Jesper!$R$2:$R$366,ROW(INDEX(Jesper!AJ$2:AJ$366,ROUNDDOWN($C3193/24,0)+1,1))-1)+IF('Standard Profiles'!$G$20=$B$10,7,0)+IF('Standard Profiles'!$G$20=$B$17,14,0)+IF('Standard Profiles'!$G$20=$B$24,21,0),0)),0)</f>
        <v>0</v>
      </c>
      <c r="G3193" cm="1">
        <f t="array" ref="G3193">IFERROR(INDEX(Jesper!AK$2:AK$366,ROUNDDOWN($C3193/24,0)+1,1)*INDEX($D$3:$AA$30,INDEX(Jesper!$R$2:$R$366,ROW(INDEX(Jesper!AK$2:AK$366,ROUNDDOWN($C3193/24,0)+1,1))-1)+IF('Standard Profiles'!$G$21=$B$10,7,0)+IF('Standard Profiles'!$G$21=$B$17,14,0)+IF('Standard Profiles'!$G$21=$B$24,21,0),MOD($C3193,24)+1)/SUM(INDEX($D$3:$AA$30,INDEX(Jesper!$R$2:$R$366,ROW(INDEX(Jesper!AK$2:AK$366,ROUNDDOWN($C3193/24,0)+1,1))-1)+IF('Standard Profiles'!$G$21=$B$10,7,0)+IF('Standard Profiles'!$G$21=$B$17,14,0)+IF('Standard Profiles'!$G$21=$B$24,21,0),0)),0)</f>
        <v>3.7328081506424273</v>
      </c>
      <c r="H3193" cm="1">
        <f t="array" ref="H3193">IFERROR(INDEX(Jesper!AL$2:AL$366,ROUNDDOWN($C3193/24,0)+1,1)*INDEX($D$3:$AA$30,INDEX(Jesper!$R$2:$R$366,ROW(INDEX(Jesper!AL$2:AL$366,ROUNDDOWN($C3193/24,0)+1,1))-1)+IF('Standard Profiles'!$G$22=$B$10,7,0)+IF('Standard Profiles'!$G$22=$B$17,14,0)+IF('Standard Profiles'!$G$22=$B$24,21,0),MOD($C3193,24)+1)/SUM(INDEX($D$3:$AA$30,INDEX(Jesper!$R$2:$R$366,ROW(INDEX(Jesper!AL$2:AL$366,ROUNDDOWN($C3193/24,0)+1,1))-1)+IF('Standard Profiles'!$G$22=$B$10,7,0)+IF('Standard Profiles'!$G$22=$B$17,14,0)+IF('Standard Profiles'!$G$22=$B$24,21,0),0)),0)</f>
        <v>0</v>
      </c>
      <c r="I3193">
        <f t="shared" si="363"/>
        <v>1.7917479123083642</v>
      </c>
      <c r="J3193">
        <f t="shared" si="364"/>
        <v>43.091221089539616</v>
      </c>
      <c r="K3193">
        <f t="shared" si="365"/>
        <v>2.9794637011247636</v>
      </c>
      <c r="L3193">
        <f t="shared" si="366"/>
        <v>1.4897318505623818</v>
      </c>
      <c r="M3193">
        <f t="shared" si="367"/>
        <v>0</v>
      </c>
      <c r="N3193" s="45">
        <f t="shared" si="368"/>
        <v>45058.624999992338</v>
      </c>
    </row>
    <row r="3194" spans="2:14" x14ac:dyDescent="0.25">
      <c r="B3194">
        <f t="shared" si="362"/>
        <v>5</v>
      </c>
      <c r="C3194" s="16">
        <v>3160</v>
      </c>
      <c r="D3194" cm="1">
        <f t="array" ref="D3194">IFERROR(INDEX(Jesper!AH$2:AH$366,ROUNDDOWN($C3194/24,0)+1,1)*INDEX($D$3:$AA$30,INDEX(Jesper!$R$2:$R$366,ROW(INDEX(Jesper!AH$2:AH$366,ROUNDDOWN($C3194/24,0)+1,1))-1)+IF('Standard Profiles'!$G$18=$B$10,7,0)+IF('Standard Profiles'!$G$18=$B$17,14,0)+IF('Standard Profiles'!$G$18=$B$24,21,0),MOD($C3194,24)+1)/SUM(INDEX($D$3:$AA$30,INDEX(Jesper!$R$2:$R$366,ROW(INDEX(Jesper!AH$2:AH$366,ROUNDDOWN($C3194/24,0)+1,1))-1)+IF('Standard Profiles'!$G$18=$B$10,7,0)+IF('Standard Profiles'!$G$18=$B$17,14,0)+IF('Standard Profiles'!$G$18=$B$24,21,0),0)),0)</f>
        <v>13.113836712697022</v>
      </c>
      <c r="E3194" cm="1">
        <f t="array" ref="E3194">IFERROR(INDEX(Jesper!AI$2:AI$366,ROUNDDOWN($C3194/24,0)+1,1)*INDEX($D$3:$AA$30,INDEX(Jesper!$R$2:$R$366,ROW(INDEX(Jesper!AI$2:AI$366,ROUNDDOWN($C3194/24,0)+1,1))-1)+IF('Standard Profiles'!$G$19=$B$10,7,0)+IF('Standard Profiles'!$G$19=$B$17,14,0)+IF('Standard Profiles'!$G$19=$B$24,21,0),MOD($C3194,24)+1)/SUM(INDEX($D$3:$AA$30,INDEX(Jesper!$R$2:$R$366,ROW(INDEX(Jesper!AI$2:AI$366,ROUNDDOWN($C3194/24,0)+1,1))-1)+IF('Standard Profiles'!$G$19=$B$10,7,0)+IF('Standard Profiles'!$G$19=$B$17,14,0)+IF('Standard Profiles'!$G$19=$B$24,21,0),0)),0)</f>
        <v>8.303701504623497</v>
      </c>
      <c r="F3194" cm="1">
        <f t="array" ref="F3194">IFERROR(INDEX(Jesper!AJ$2:AJ$366,ROUNDDOWN($C3194/24,0)+1,1)*INDEX($D$3:$AA$30,INDEX(Jesper!$R$2:$R$366,ROW(INDEX(Jesper!AJ$2:AJ$366,ROUNDDOWN($C3194/24,0)+1,1))-1)+IF('Standard Profiles'!$G$20=$B$10,7,0)+IF('Standard Profiles'!$G$20=$B$17,14,0)+IF('Standard Profiles'!$G$20=$B$24,21,0),MOD($C3194,24)+1)/SUM(INDEX($D$3:$AA$30,INDEX(Jesper!$R$2:$R$366,ROW(INDEX(Jesper!AJ$2:AJ$366,ROUNDDOWN($C3194/24,0)+1,1))-1)+IF('Standard Profiles'!$G$20=$B$10,7,0)+IF('Standard Profiles'!$G$20=$B$17,14,0)+IF('Standard Profiles'!$G$20=$B$24,21,0),0)),0)</f>
        <v>0</v>
      </c>
      <c r="G3194" cm="1">
        <f t="array" ref="G3194">IFERROR(INDEX(Jesper!AK$2:AK$366,ROUNDDOWN($C3194/24,0)+1,1)*INDEX($D$3:$AA$30,INDEX(Jesper!$R$2:$R$366,ROW(INDEX(Jesper!AK$2:AK$366,ROUNDDOWN($C3194/24,0)+1,1))-1)+IF('Standard Profiles'!$G$21=$B$10,7,0)+IF('Standard Profiles'!$G$21=$B$17,14,0)+IF('Standard Profiles'!$G$21=$B$24,21,0),MOD($C3194,24)+1)/SUM(INDEX($D$3:$AA$30,INDEX(Jesper!$R$2:$R$366,ROW(INDEX(Jesper!AK$2:AK$366,ROUNDDOWN($C3194/24,0)+1,1))-1)+IF('Standard Profiles'!$G$21=$B$10,7,0)+IF('Standard Profiles'!$G$21=$B$17,14,0)+IF('Standard Profiles'!$G$21=$B$24,21,0),0)),0)</f>
        <v>3.2318685286947426</v>
      </c>
      <c r="H3194" cm="1">
        <f t="array" ref="H3194">IFERROR(INDEX(Jesper!AL$2:AL$366,ROUNDDOWN($C3194/24,0)+1,1)*INDEX($D$3:$AA$30,INDEX(Jesper!$R$2:$R$366,ROW(INDEX(Jesper!AL$2:AL$366,ROUNDDOWN($C3194/24,0)+1,1))-1)+IF('Standard Profiles'!$G$22=$B$10,7,0)+IF('Standard Profiles'!$G$22=$B$17,14,0)+IF('Standard Profiles'!$G$22=$B$24,21,0),MOD($C3194,24)+1)/SUM(INDEX($D$3:$AA$30,INDEX(Jesper!$R$2:$R$366,ROW(INDEX(Jesper!AL$2:AL$366,ROUNDDOWN($C3194/24,0)+1,1))-1)+IF('Standard Profiles'!$G$22=$B$10,7,0)+IF('Standard Profiles'!$G$22=$B$17,14,0)+IF('Standard Profiles'!$G$22=$B$24,21,0),0)),0)</f>
        <v>0</v>
      </c>
      <c r="I3194">
        <f t="shared" si="363"/>
        <v>1.5512968937734757</v>
      </c>
      <c r="J3194">
        <f t="shared" si="364"/>
        <v>20.999895978210265</v>
      </c>
      <c r="K3194">
        <f t="shared" si="365"/>
        <v>1.3988092493543491</v>
      </c>
      <c r="L3194">
        <f t="shared" si="366"/>
        <v>0.69940462467717457</v>
      </c>
      <c r="M3194">
        <f t="shared" si="367"/>
        <v>0</v>
      </c>
      <c r="N3194" s="45">
        <f t="shared" si="368"/>
        <v>45058.666666659003</v>
      </c>
    </row>
    <row r="3195" spans="2:14" x14ac:dyDescent="0.25">
      <c r="B3195">
        <f t="shared" si="362"/>
        <v>5</v>
      </c>
      <c r="C3195" s="16">
        <v>3161</v>
      </c>
      <c r="D3195" cm="1">
        <f t="array" ref="D3195">IFERROR(INDEX(Jesper!AH$2:AH$366,ROUNDDOWN($C3195/24,0)+1,1)*INDEX($D$3:$AA$30,INDEX(Jesper!$R$2:$R$366,ROW(INDEX(Jesper!AH$2:AH$366,ROUNDDOWN($C3195/24,0)+1,1))-1)+IF('Standard Profiles'!$G$18=$B$10,7,0)+IF('Standard Profiles'!$G$18=$B$17,14,0)+IF('Standard Profiles'!$G$18=$B$24,21,0),MOD($C3195,24)+1)/SUM(INDEX($D$3:$AA$30,INDEX(Jesper!$R$2:$R$366,ROW(INDEX(Jesper!AH$2:AH$366,ROUNDDOWN($C3195/24,0)+1,1))-1)+IF('Standard Profiles'!$G$18=$B$10,7,0)+IF('Standard Profiles'!$G$18=$B$17,14,0)+IF('Standard Profiles'!$G$18=$B$24,21,0),0)),0)</f>
        <v>8.6551322303800351</v>
      </c>
      <c r="E3195" cm="1">
        <f t="array" ref="E3195">IFERROR(INDEX(Jesper!AI$2:AI$366,ROUNDDOWN($C3195/24,0)+1,1)*INDEX($D$3:$AA$30,INDEX(Jesper!$R$2:$R$366,ROW(INDEX(Jesper!AI$2:AI$366,ROUNDDOWN($C3195/24,0)+1,1))-1)+IF('Standard Profiles'!$G$19=$B$10,7,0)+IF('Standard Profiles'!$G$19=$B$17,14,0)+IF('Standard Profiles'!$G$19=$B$24,21,0),MOD($C3195,24)+1)/SUM(INDEX($D$3:$AA$30,INDEX(Jesper!$R$2:$R$366,ROW(INDEX(Jesper!AI$2:AI$366,ROUNDDOWN($C3195/24,0)+1,1))-1)+IF('Standard Profiles'!$G$19=$B$10,7,0)+IF('Standard Profiles'!$G$19=$B$17,14,0)+IF('Standard Profiles'!$G$19=$B$24,21,0),0)),0)</f>
        <v>5.4804429930515077</v>
      </c>
      <c r="F3195" cm="1">
        <f t="array" ref="F3195">IFERROR(INDEX(Jesper!AJ$2:AJ$366,ROUNDDOWN($C3195/24,0)+1,1)*INDEX($D$3:$AA$30,INDEX(Jesper!$R$2:$R$366,ROW(INDEX(Jesper!AJ$2:AJ$366,ROUNDDOWN($C3195/24,0)+1,1))-1)+IF('Standard Profiles'!$G$20=$B$10,7,0)+IF('Standard Profiles'!$G$20=$B$17,14,0)+IF('Standard Profiles'!$G$20=$B$24,21,0),MOD($C3195,24)+1)/SUM(INDEX($D$3:$AA$30,INDEX(Jesper!$R$2:$R$366,ROW(INDEX(Jesper!AJ$2:AJ$366,ROUNDDOWN($C3195/24,0)+1,1))-1)+IF('Standard Profiles'!$G$20=$B$10,7,0)+IF('Standard Profiles'!$G$20=$B$17,14,0)+IF('Standard Profiles'!$G$20=$B$24,21,0),0)),0)</f>
        <v>0</v>
      </c>
      <c r="G3195" cm="1">
        <f t="array" ref="G3195">IFERROR(INDEX(Jesper!AK$2:AK$366,ROUNDDOWN($C3195/24,0)+1,1)*INDEX($D$3:$AA$30,INDEX(Jesper!$R$2:$R$366,ROW(INDEX(Jesper!AK$2:AK$366,ROUNDDOWN($C3195/24,0)+1,1))-1)+IF('Standard Profiles'!$G$21=$B$10,7,0)+IF('Standard Profiles'!$G$21=$B$17,14,0)+IF('Standard Profiles'!$G$21=$B$24,21,0),MOD($C3195,24)+1)/SUM(INDEX($D$3:$AA$30,INDEX(Jesper!$R$2:$R$366,ROW(INDEX(Jesper!AK$2:AK$366,ROUNDDOWN($C3195/24,0)+1,1))-1)+IF('Standard Profiles'!$G$21=$B$10,7,0)+IF('Standard Profiles'!$G$21=$B$17,14,0)+IF('Standard Profiles'!$G$21=$B$24,21,0),0)),0)</f>
        <v>2.7147695641035838</v>
      </c>
      <c r="H3195" cm="1">
        <f t="array" ref="H3195">IFERROR(INDEX(Jesper!AL$2:AL$366,ROUNDDOWN($C3195/24,0)+1,1)*INDEX($D$3:$AA$30,INDEX(Jesper!$R$2:$R$366,ROW(INDEX(Jesper!AL$2:AL$366,ROUNDDOWN($C3195/24,0)+1,1))-1)+IF('Standard Profiles'!$G$22=$B$10,7,0)+IF('Standard Profiles'!$G$22=$B$17,14,0)+IF('Standard Profiles'!$G$22=$B$24,21,0),MOD($C3195,24)+1)/SUM(INDEX($D$3:$AA$30,INDEX(Jesper!$R$2:$R$366,ROW(INDEX(Jesper!AL$2:AL$366,ROUNDDOWN($C3195/24,0)+1,1))-1)+IF('Standard Profiles'!$G$22=$B$10,7,0)+IF('Standard Profiles'!$G$22=$B$17,14,0)+IF('Standard Profiles'!$G$22=$B$24,21,0),0)),0)</f>
        <v>0</v>
      </c>
      <c r="I3195">
        <f t="shared" si="363"/>
        <v>1.3030893907697196</v>
      </c>
      <c r="J3195">
        <f t="shared" si="364"/>
        <v>14.162434239904602</v>
      </c>
      <c r="K3195">
        <f t="shared" si="365"/>
        <v>0.92321410457387043</v>
      </c>
      <c r="L3195">
        <f t="shared" si="366"/>
        <v>0.46160705228693522</v>
      </c>
      <c r="M3195">
        <f t="shared" si="367"/>
        <v>0</v>
      </c>
      <c r="N3195" s="45">
        <f t="shared" si="368"/>
        <v>45058.708333325667</v>
      </c>
    </row>
    <row r="3196" spans="2:14" x14ac:dyDescent="0.25">
      <c r="B3196">
        <f t="shared" si="362"/>
        <v>5</v>
      </c>
      <c r="C3196" s="16">
        <v>3162</v>
      </c>
      <c r="D3196" cm="1">
        <f t="array" ref="D3196">IFERROR(INDEX(Jesper!AH$2:AH$366,ROUNDDOWN($C3196/24,0)+1,1)*INDEX($D$3:$AA$30,INDEX(Jesper!$R$2:$R$366,ROW(INDEX(Jesper!AH$2:AH$366,ROUNDDOWN($C3196/24,0)+1,1))-1)+IF('Standard Profiles'!$G$18=$B$10,7,0)+IF('Standard Profiles'!$G$18=$B$17,14,0)+IF('Standard Profiles'!$G$18=$B$24,21,0),MOD($C3196,24)+1)/SUM(INDEX($D$3:$AA$30,INDEX(Jesper!$R$2:$R$366,ROW(INDEX(Jesper!AH$2:AH$366,ROUNDDOWN($C3196/24,0)+1,1))-1)+IF('Standard Profiles'!$G$18=$B$10,7,0)+IF('Standard Profiles'!$G$18=$B$17,14,0)+IF('Standard Profiles'!$G$18=$B$24,21,0),0)),0)</f>
        <v>5.5078114193327483</v>
      </c>
      <c r="E3196" cm="1">
        <f t="array" ref="E3196">IFERROR(INDEX(Jesper!AI$2:AI$366,ROUNDDOWN($C3196/24,0)+1,1)*INDEX($D$3:$AA$30,INDEX(Jesper!$R$2:$R$366,ROW(INDEX(Jesper!AI$2:AI$366,ROUNDDOWN($C3196/24,0)+1,1))-1)+IF('Standard Profiles'!$G$19=$B$10,7,0)+IF('Standard Profiles'!$G$19=$B$17,14,0)+IF('Standard Profiles'!$G$19=$B$24,21,0),MOD($C3196,24)+1)/SUM(INDEX($D$3:$AA$30,INDEX(Jesper!$R$2:$R$366,ROW(INDEX(Jesper!AI$2:AI$366,ROUNDDOWN($C3196/24,0)+1,1))-1)+IF('Standard Profiles'!$G$19=$B$10,7,0)+IF('Standard Profiles'!$G$19=$B$17,14,0)+IF('Standard Profiles'!$G$19=$B$24,21,0),0)),0)</f>
        <v>3.4875546319418684</v>
      </c>
      <c r="F3196" cm="1">
        <f t="array" ref="F3196">IFERROR(INDEX(Jesper!AJ$2:AJ$366,ROUNDDOWN($C3196/24,0)+1,1)*INDEX($D$3:$AA$30,INDEX(Jesper!$R$2:$R$366,ROW(INDEX(Jesper!AJ$2:AJ$366,ROUNDDOWN($C3196/24,0)+1,1))-1)+IF('Standard Profiles'!$G$20=$B$10,7,0)+IF('Standard Profiles'!$G$20=$B$17,14,0)+IF('Standard Profiles'!$G$20=$B$24,21,0),MOD($C3196,24)+1)/SUM(INDEX($D$3:$AA$30,INDEX(Jesper!$R$2:$R$366,ROW(INDEX(Jesper!AJ$2:AJ$366,ROUNDDOWN($C3196/24,0)+1,1))-1)+IF('Standard Profiles'!$G$20=$B$10,7,0)+IF('Standard Profiles'!$G$20=$B$17,14,0)+IF('Standard Profiles'!$G$20=$B$24,21,0),0)),0)</f>
        <v>0</v>
      </c>
      <c r="G3196" cm="1">
        <f t="array" ref="G3196">IFERROR(INDEX(Jesper!AK$2:AK$366,ROUNDDOWN($C3196/24,0)+1,1)*INDEX($D$3:$AA$30,INDEX(Jesper!$R$2:$R$366,ROW(INDEX(Jesper!AK$2:AK$366,ROUNDDOWN($C3196/24,0)+1,1))-1)+IF('Standard Profiles'!$G$21=$B$10,7,0)+IF('Standard Profiles'!$G$21=$B$17,14,0)+IF('Standard Profiles'!$G$21=$B$24,21,0),MOD($C3196,24)+1)/SUM(INDEX($D$3:$AA$30,INDEX(Jesper!$R$2:$R$366,ROW(INDEX(Jesper!AK$2:AK$366,ROUNDDOWN($C3196/24,0)+1,1))-1)+IF('Standard Profiles'!$G$21=$B$10,7,0)+IF('Standard Profiles'!$G$21=$B$17,14,0)+IF('Standard Profiles'!$G$21=$B$24,21,0),0)),0)</f>
        <v>1.0018792438953701</v>
      </c>
      <c r="H3196" cm="1">
        <f t="array" ref="H3196">IFERROR(INDEX(Jesper!AL$2:AL$366,ROUNDDOWN($C3196/24,0)+1,1)*INDEX($D$3:$AA$30,INDEX(Jesper!$R$2:$R$366,ROW(INDEX(Jesper!AL$2:AL$366,ROUNDDOWN($C3196/24,0)+1,1))-1)+IF('Standard Profiles'!$G$22=$B$10,7,0)+IF('Standard Profiles'!$G$22=$B$17,14,0)+IF('Standard Profiles'!$G$22=$B$24,21,0),MOD($C3196,24)+1)/SUM(INDEX($D$3:$AA$30,INDEX(Jesper!$R$2:$R$366,ROW(INDEX(Jesper!AL$2:AL$366,ROUNDDOWN($C3196/24,0)+1,1))-1)+IF('Standard Profiles'!$G$22=$B$10,7,0)+IF('Standard Profiles'!$G$22=$B$17,14,0)+IF('Standard Profiles'!$G$22=$B$24,21,0),0)),0)</f>
        <v>0</v>
      </c>
      <c r="I3196">
        <f t="shared" si="363"/>
        <v>0.48090203706977741</v>
      </c>
      <c r="J3196">
        <f t="shared" si="364"/>
        <v>8.63509343100697</v>
      </c>
      <c r="K3196">
        <f t="shared" si="365"/>
        <v>0.58749988472882653</v>
      </c>
      <c r="L3196">
        <f t="shared" si="366"/>
        <v>0.29374994236441326</v>
      </c>
      <c r="M3196">
        <f t="shared" si="367"/>
        <v>0</v>
      </c>
      <c r="N3196" s="45">
        <f t="shared" si="368"/>
        <v>45058.749999992331</v>
      </c>
    </row>
    <row r="3197" spans="2:14" x14ac:dyDescent="0.25">
      <c r="B3197">
        <f t="shared" si="362"/>
        <v>5</v>
      </c>
      <c r="C3197" s="16">
        <v>3163</v>
      </c>
      <c r="D3197" cm="1">
        <f t="array" ref="D3197">IFERROR(INDEX(Jesper!AH$2:AH$366,ROUNDDOWN($C3197/24,0)+1,1)*INDEX($D$3:$AA$30,INDEX(Jesper!$R$2:$R$366,ROW(INDEX(Jesper!AH$2:AH$366,ROUNDDOWN($C3197/24,0)+1,1))-1)+IF('Standard Profiles'!$G$18=$B$10,7,0)+IF('Standard Profiles'!$G$18=$B$17,14,0)+IF('Standard Profiles'!$G$18=$B$24,21,0),MOD($C3197,24)+1)/SUM(INDEX($D$3:$AA$30,INDEX(Jesper!$R$2:$R$366,ROW(INDEX(Jesper!AH$2:AH$366,ROUNDDOWN($C3197/24,0)+1,1))-1)+IF('Standard Profiles'!$G$18=$B$10,7,0)+IF('Standard Profiles'!$G$18=$B$17,14,0)+IF('Standard Profiles'!$G$18=$B$24,21,0),0)),0)</f>
        <v>5.2455346850788089</v>
      </c>
      <c r="E3197" cm="1">
        <f t="array" ref="E3197">IFERROR(INDEX(Jesper!AI$2:AI$366,ROUNDDOWN($C3197/24,0)+1,1)*INDEX($D$3:$AA$30,INDEX(Jesper!$R$2:$R$366,ROW(INDEX(Jesper!AI$2:AI$366,ROUNDDOWN($C3197/24,0)+1,1))-1)+IF('Standard Profiles'!$G$19=$B$10,7,0)+IF('Standard Profiles'!$G$19=$B$17,14,0)+IF('Standard Profiles'!$G$19=$B$24,21,0),MOD($C3197,24)+1)/SUM(INDEX($D$3:$AA$30,INDEX(Jesper!$R$2:$R$366,ROW(INDEX(Jesper!AI$2:AI$366,ROUNDDOWN($C3197/24,0)+1,1))-1)+IF('Standard Profiles'!$G$19=$B$10,7,0)+IF('Standard Profiles'!$G$19=$B$17,14,0)+IF('Standard Profiles'!$G$19=$B$24,21,0),0)),0)</f>
        <v>3.3214806018493985</v>
      </c>
      <c r="F3197" cm="1">
        <f t="array" ref="F3197">IFERROR(INDEX(Jesper!AJ$2:AJ$366,ROUNDDOWN($C3197/24,0)+1,1)*INDEX($D$3:$AA$30,INDEX(Jesper!$R$2:$R$366,ROW(INDEX(Jesper!AJ$2:AJ$366,ROUNDDOWN($C3197/24,0)+1,1))-1)+IF('Standard Profiles'!$G$20=$B$10,7,0)+IF('Standard Profiles'!$G$20=$B$17,14,0)+IF('Standard Profiles'!$G$20=$B$24,21,0),MOD($C3197,24)+1)/SUM(INDEX($D$3:$AA$30,INDEX(Jesper!$R$2:$R$366,ROW(INDEX(Jesper!AJ$2:AJ$366,ROUNDDOWN($C3197/24,0)+1,1))-1)+IF('Standard Profiles'!$G$20=$B$10,7,0)+IF('Standard Profiles'!$G$20=$B$17,14,0)+IF('Standard Profiles'!$G$20=$B$24,21,0),0)),0)</f>
        <v>0</v>
      </c>
      <c r="G3197" cm="1">
        <f t="array" ref="G3197">IFERROR(INDEX(Jesper!AK$2:AK$366,ROUNDDOWN($C3197/24,0)+1,1)*INDEX($D$3:$AA$30,INDEX(Jesper!$R$2:$R$366,ROW(INDEX(Jesper!AK$2:AK$366,ROUNDDOWN($C3197/24,0)+1,1))-1)+IF('Standard Profiles'!$G$21=$B$10,7,0)+IF('Standard Profiles'!$G$21=$B$17,14,0)+IF('Standard Profiles'!$G$21=$B$24,21,0),MOD($C3197,24)+1)/SUM(INDEX($D$3:$AA$30,INDEX(Jesper!$R$2:$R$366,ROW(INDEX(Jesper!AK$2:AK$366,ROUNDDOWN($C3197/24,0)+1,1))-1)+IF('Standard Profiles'!$G$21=$B$10,7,0)+IF('Standard Profiles'!$G$21=$B$17,14,0)+IF('Standard Profiles'!$G$21=$B$24,21,0),0)),0)</f>
        <v>1.0018792438953701</v>
      </c>
      <c r="H3197" cm="1">
        <f t="array" ref="H3197">IFERROR(INDEX(Jesper!AL$2:AL$366,ROUNDDOWN($C3197/24,0)+1,1)*INDEX($D$3:$AA$30,INDEX(Jesper!$R$2:$R$366,ROW(INDEX(Jesper!AL$2:AL$366,ROUNDDOWN($C3197/24,0)+1,1))-1)+IF('Standard Profiles'!$G$22=$B$10,7,0)+IF('Standard Profiles'!$G$22=$B$17,14,0)+IF('Standard Profiles'!$G$22=$B$24,21,0),MOD($C3197,24)+1)/SUM(INDEX($D$3:$AA$30,INDEX(Jesper!$R$2:$R$366,ROW(INDEX(Jesper!AL$2:AL$366,ROUNDDOWN($C3197/24,0)+1,1))-1)+IF('Standard Profiles'!$G$22=$B$10,7,0)+IF('Standard Profiles'!$G$22=$B$17,14,0)+IF('Standard Profiles'!$G$22=$B$24,21,0),0)),0)</f>
        <v>0</v>
      </c>
      <c r="I3197">
        <f t="shared" si="363"/>
        <v>0.48090203706977741</v>
      </c>
      <c r="J3197">
        <f t="shared" si="364"/>
        <v>8.2487069441411904</v>
      </c>
      <c r="K3197">
        <f t="shared" si="365"/>
        <v>0.55952369974173966</v>
      </c>
      <c r="L3197">
        <f t="shared" si="366"/>
        <v>0.27976184987086983</v>
      </c>
      <c r="M3197">
        <f t="shared" si="367"/>
        <v>0</v>
      </c>
      <c r="N3197" s="45">
        <f t="shared" si="368"/>
        <v>45058.791666658995</v>
      </c>
    </row>
    <row r="3198" spans="2:14" x14ac:dyDescent="0.25">
      <c r="B3198">
        <f t="shared" si="362"/>
        <v>5</v>
      </c>
      <c r="C3198" s="16">
        <v>3164</v>
      </c>
      <c r="D3198" cm="1">
        <f t="array" ref="D3198">IFERROR(INDEX(Jesper!AH$2:AH$366,ROUNDDOWN($C3198/24,0)+1,1)*INDEX($D$3:$AA$30,INDEX(Jesper!$R$2:$R$366,ROW(INDEX(Jesper!AH$2:AH$366,ROUNDDOWN($C3198/24,0)+1,1))-1)+IF('Standard Profiles'!$G$18=$B$10,7,0)+IF('Standard Profiles'!$G$18=$B$17,14,0)+IF('Standard Profiles'!$G$18=$B$24,21,0),MOD($C3198,24)+1)/SUM(INDEX($D$3:$AA$30,INDEX(Jesper!$R$2:$R$366,ROW(INDEX(Jesper!AH$2:AH$366,ROUNDDOWN($C3198/24,0)+1,1))-1)+IF('Standard Profiles'!$G$18=$B$10,7,0)+IF('Standard Profiles'!$G$18=$B$17,14,0)+IF('Standard Profiles'!$G$18=$B$24,21,0),0)),0)</f>
        <v>5.2455346850788089</v>
      </c>
      <c r="E3198" cm="1">
        <f t="array" ref="E3198">IFERROR(INDEX(Jesper!AI$2:AI$366,ROUNDDOWN($C3198/24,0)+1,1)*INDEX($D$3:$AA$30,INDEX(Jesper!$R$2:$R$366,ROW(INDEX(Jesper!AI$2:AI$366,ROUNDDOWN($C3198/24,0)+1,1))-1)+IF('Standard Profiles'!$G$19=$B$10,7,0)+IF('Standard Profiles'!$G$19=$B$17,14,0)+IF('Standard Profiles'!$G$19=$B$24,21,0),MOD($C3198,24)+1)/SUM(INDEX($D$3:$AA$30,INDEX(Jesper!$R$2:$R$366,ROW(INDEX(Jesper!AI$2:AI$366,ROUNDDOWN($C3198/24,0)+1,1))-1)+IF('Standard Profiles'!$G$19=$B$10,7,0)+IF('Standard Profiles'!$G$19=$B$17,14,0)+IF('Standard Profiles'!$G$19=$B$24,21,0),0)),0)</f>
        <v>3.3214806018493985</v>
      </c>
      <c r="F3198" cm="1">
        <f t="array" ref="F3198">IFERROR(INDEX(Jesper!AJ$2:AJ$366,ROUNDDOWN($C3198/24,0)+1,1)*INDEX($D$3:$AA$30,INDEX(Jesper!$R$2:$R$366,ROW(INDEX(Jesper!AJ$2:AJ$366,ROUNDDOWN($C3198/24,0)+1,1))-1)+IF('Standard Profiles'!$G$20=$B$10,7,0)+IF('Standard Profiles'!$G$20=$B$17,14,0)+IF('Standard Profiles'!$G$20=$B$24,21,0),MOD($C3198,24)+1)/SUM(INDEX($D$3:$AA$30,INDEX(Jesper!$R$2:$R$366,ROW(INDEX(Jesper!AJ$2:AJ$366,ROUNDDOWN($C3198/24,0)+1,1))-1)+IF('Standard Profiles'!$G$20=$B$10,7,0)+IF('Standard Profiles'!$G$20=$B$17,14,0)+IF('Standard Profiles'!$G$20=$B$24,21,0),0)),0)</f>
        <v>0</v>
      </c>
      <c r="G3198" cm="1">
        <f t="array" ref="G3198">IFERROR(INDEX(Jesper!AK$2:AK$366,ROUNDDOWN($C3198/24,0)+1,1)*INDEX($D$3:$AA$30,INDEX(Jesper!$R$2:$R$366,ROW(INDEX(Jesper!AK$2:AK$366,ROUNDDOWN($C3198/24,0)+1,1))-1)+IF('Standard Profiles'!$G$21=$B$10,7,0)+IF('Standard Profiles'!$G$21=$B$17,14,0)+IF('Standard Profiles'!$G$21=$B$24,21,0),MOD($C3198,24)+1)/SUM(INDEX($D$3:$AA$30,INDEX(Jesper!$R$2:$R$366,ROW(INDEX(Jesper!AK$2:AK$366,ROUNDDOWN($C3198/24,0)+1,1))-1)+IF('Standard Profiles'!$G$21=$B$10,7,0)+IF('Standard Profiles'!$G$21=$B$17,14,0)+IF('Standard Profiles'!$G$21=$B$24,21,0),0)),0)</f>
        <v>1.0018792438953701</v>
      </c>
      <c r="H3198" cm="1">
        <f t="array" ref="H3198">IFERROR(INDEX(Jesper!AL$2:AL$366,ROUNDDOWN($C3198/24,0)+1,1)*INDEX($D$3:$AA$30,INDEX(Jesper!$R$2:$R$366,ROW(INDEX(Jesper!AL$2:AL$366,ROUNDDOWN($C3198/24,0)+1,1))-1)+IF('Standard Profiles'!$G$22=$B$10,7,0)+IF('Standard Profiles'!$G$22=$B$17,14,0)+IF('Standard Profiles'!$G$22=$B$24,21,0),MOD($C3198,24)+1)/SUM(INDEX($D$3:$AA$30,INDEX(Jesper!$R$2:$R$366,ROW(INDEX(Jesper!AL$2:AL$366,ROUNDDOWN($C3198/24,0)+1,1))-1)+IF('Standard Profiles'!$G$22=$B$10,7,0)+IF('Standard Profiles'!$G$22=$B$17,14,0)+IF('Standard Profiles'!$G$22=$B$24,21,0),0)),0)</f>
        <v>0</v>
      </c>
      <c r="I3198">
        <f t="shared" si="363"/>
        <v>0.48090203706977741</v>
      </c>
      <c r="J3198">
        <f t="shared" si="364"/>
        <v>8.2487069441411904</v>
      </c>
      <c r="K3198">
        <f t="shared" si="365"/>
        <v>0.55952369974173966</v>
      </c>
      <c r="L3198">
        <f t="shared" si="366"/>
        <v>0.27976184987086983</v>
      </c>
      <c r="M3198">
        <f t="shared" si="367"/>
        <v>0</v>
      </c>
      <c r="N3198" s="45">
        <f t="shared" si="368"/>
        <v>45058.83333332566</v>
      </c>
    </row>
    <row r="3199" spans="2:14" x14ac:dyDescent="0.25">
      <c r="B3199">
        <f t="shared" si="362"/>
        <v>5</v>
      </c>
      <c r="C3199" s="16">
        <v>3165</v>
      </c>
      <c r="D3199" cm="1">
        <f t="array" ref="D3199">IFERROR(INDEX(Jesper!AH$2:AH$366,ROUNDDOWN($C3199/24,0)+1,1)*INDEX($D$3:$AA$30,INDEX(Jesper!$R$2:$R$366,ROW(INDEX(Jesper!AH$2:AH$366,ROUNDDOWN($C3199/24,0)+1,1))-1)+IF('Standard Profiles'!$G$18=$B$10,7,0)+IF('Standard Profiles'!$G$18=$B$17,14,0)+IF('Standard Profiles'!$G$18=$B$24,21,0),MOD($C3199,24)+1)/SUM(INDEX($D$3:$AA$30,INDEX(Jesper!$R$2:$R$366,ROW(INDEX(Jesper!AH$2:AH$366,ROUNDDOWN($C3199/24,0)+1,1))-1)+IF('Standard Profiles'!$G$18=$B$10,7,0)+IF('Standard Profiles'!$G$18=$B$17,14,0)+IF('Standard Profiles'!$G$18=$B$24,21,0),0)),0)</f>
        <v>5.2455346850788089</v>
      </c>
      <c r="E3199" cm="1">
        <f t="array" ref="E3199">IFERROR(INDEX(Jesper!AI$2:AI$366,ROUNDDOWN($C3199/24,0)+1,1)*INDEX($D$3:$AA$30,INDEX(Jesper!$R$2:$R$366,ROW(INDEX(Jesper!AI$2:AI$366,ROUNDDOWN($C3199/24,0)+1,1))-1)+IF('Standard Profiles'!$G$19=$B$10,7,0)+IF('Standard Profiles'!$G$19=$B$17,14,0)+IF('Standard Profiles'!$G$19=$B$24,21,0),MOD($C3199,24)+1)/SUM(INDEX($D$3:$AA$30,INDEX(Jesper!$R$2:$R$366,ROW(INDEX(Jesper!AI$2:AI$366,ROUNDDOWN($C3199/24,0)+1,1))-1)+IF('Standard Profiles'!$G$19=$B$10,7,0)+IF('Standard Profiles'!$G$19=$B$17,14,0)+IF('Standard Profiles'!$G$19=$B$24,21,0),0)),0)</f>
        <v>3.3214806018493985</v>
      </c>
      <c r="F3199" cm="1">
        <f t="array" ref="F3199">IFERROR(INDEX(Jesper!AJ$2:AJ$366,ROUNDDOWN($C3199/24,0)+1,1)*INDEX($D$3:$AA$30,INDEX(Jesper!$R$2:$R$366,ROW(INDEX(Jesper!AJ$2:AJ$366,ROUNDDOWN($C3199/24,0)+1,1))-1)+IF('Standard Profiles'!$G$20=$B$10,7,0)+IF('Standard Profiles'!$G$20=$B$17,14,0)+IF('Standard Profiles'!$G$20=$B$24,21,0),MOD($C3199,24)+1)/SUM(INDEX($D$3:$AA$30,INDEX(Jesper!$R$2:$R$366,ROW(INDEX(Jesper!AJ$2:AJ$366,ROUNDDOWN($C3199/24,0)+1,1))-1)+IF('Standard Profiles'!$G$20=$B$10,7,0)+IF('Standard Profiles'!$G$20=$B$17,14,0)+IF('Standard Profiles'!$G$20=$B$24,21,0),0)),0)</f>
        <v>0</v>
      </c>
      <c r="G3199" cm="1">
        <f t="array" ref="G3199">IFERROR(INDEX(Jesper!AK$2:AK$366,ROUNDDOWN($C3199/24,0)+1,1)*INDEX($D$3:$AA$30,INDEX(Jesper!$R$2:$R$366,ROW(INDEX(Jesper!AK$2:AK$366,ROUNDDOWN($C3199/24,0)+1,1))-1)+IF('Standard Profiles'!$G$21=$B$10,7,0)+IF('Standard Profiles'!$G$21=$B$17,14,0)+IF('Standard Profiles'!$G$21=$B$24,21,0),MOD($C3199,24)+1)/SUM(INDEX($D$3:$AA$30,INDEX(Jesper!$R$2:$R$366,ROW(INDEX(Jesper!AK$2:AK$366,ROUNDDOWN($C3199/24,0)+1,1))-1)+IF('Standard Profiles'!$G$21=$B$10,7,0)+IF('Standard Profiles'!$G$21=$B$17,14,0)+IF('Standard Profiles'!$G$21=$B$24,21,0),0)),0)</f>
        <v>1.0018792438953701</v>
      </c>
      <c r="H3199" cm="1">
        <f t="array" ref="H3199">IFERROR(INDEX(Jesper!AL$2:AL$366,ROUNDDOWN($C3199/24,0)+1,1)*INDEX($D$3:$AA$30,INDEX(Jesper!$R$2:$R$366,ROW(INDEX(Jesper!AL$2:AL$366,ROUNDDOWN($C3199/24,0)+1,1))-1)+IF('Standard Profiles'!$G$22=$B$10,7,0)+IF('Standard Profiles'!$G$22=$B$17,14,0)+IF('Standard Profiles'!$G$22=$B$24,21,0),MOD($C3199,24)+1)/SUM(INDEX($D$3:$AA$30,INDEX(Jesper!$R$2:$R$366,ROW(INDEX(Jesper!AL$2:AL$366,ROUNDDOWN($C3199/24,0)+1,1))-1)+IF('Standard Profiles'!$G$22=$B$10,7,0)+IF('Standard Profiles'!$G$22=$B$17,14,0)+IF('Standard Profiles'!$G$22=$B$24,21,0),0)),0)</f>
        <v>0</v>
      </c>
      <c r="I3199">
        <f t="shared" si="363"/>
        <v>0.48090203706977741</v>
      </c>
      <c r="J3199">
        <f t="shared" si="364"/>
        <v>8.2487069441411904</v>
      </c>
      <c r="K3199">
        <f t="shared" si="365"/>
        <v>0.55952369974173966</v>
      </c>
      <c r="L3199">
        <f t="shared" si="366"/>
        <v>0.27976184987086983</v>
      </c>
      <c r="M3199">
        <f t="shared" si="367"/>
        <v>0</v>
      </c>
      <c r="N3199" s="45">
        <f t="shared" si="368"/>
        <v>45058.874999992324</v>
      </c>
    </row>
    <row r="3200" spans="2:14" x14ac:dyDescent="0.25">
      <c r="B3200">
        <f t="shared" si="362"/>
        <v>5</v>
      </c>
      <c r="C3200" s="16">
        <v>3166</v>
      </c>
      <c r="D3200" cm="1">
        <f t="array" ref="D3200">IFERROR(INDEX(Jesper!AH$2:AH$366,ROUNDDOWN($C3200/24,0)+1,1)*INDEX($D$3:$AA$30,INDEX(Jesper!$R$2:$R$366,ROW(INDEX(Jesper!AH$2:AH$366,ROUNDDOWN($C3200/24,0)+1,1))-1)+IF('Standard Profiles'!$G$18=$B$10,7,0)+IF('Standard Profiles'!$G$18=$B$17,14,0)+IF('Standard Profiles'!$G$18=$B$24,21,0),MOD($C3200,24)+1)/SUM(INDEX($D$3:$AA$30,INDEX(Jesper!$R$2:$R$366,ROW(INDEX(Jesper!AH$2:AH$366,ROUNDDOWN($C3200/24,0)+1,1))-1)+IF('Standard Profiles'!$G$18=$B$10,7,0)+IF('Standard Profiles'!$G$18=$B$17,14,0)+IF('Standard Profiles'!$G$18=$B$24,21,0),0)),0)</f>
        <v>5.2455346850788089</v>
      </c>
      <c r="E3200" cm="1">
        <f t="array" ref="E3200">IFERROR(INDEX(Jesper!AI$2:AI$366,ROUNDDOWN($C3200/24,0)+1,1)*INDEX($D$3:$AA$30,INDEX(Jesper!$R$2:$R$366,ROW(INDEX(Jesper!AI$2:AI$366,ROUNDDOWN($C3200/24,0)+1,1))-1)+IF('Standard Profiles'!$G$19=$B$10,7,0)+IF('Standard Profiles'!$G$19=$B$17,14,0)+IF('Standard Profiles'!$G$19=$B$24,21,0),MOD($C3200,24)+1)/SUM(INDEX($D$3:$AA$30,INDEX(Jesper!$R$2:$R$366,ROW(INDEX(Jesper!AI$2:AI$366,ROUNDDOWN($C3200/24,0)+1,1))-1)+IF('Standard Profiles'!$G$19=$B$10,7,0)+IF('Standard Profiles'!$G$19=$B$17,14,0)+IF('Standard Profiles'!$G$19=$B$24,21,0),0)),0)</f>
        <v>3.3214806018493985</v>
      </c>
      <c r="F3200" cm="1">
        <f t="array" ref="F3200">IFERROR(INDEX(Jesper!AJ$2:AJ$366,ROUNDDOWN($C3200/24,0)+1,1)*INDEX($D$3:$AA$30,INDEX(Jesper!$R$2:$R$366,ROW(INDEX(Jesper!AJ$2:AJ$366,ROUNDDOWN($C3200/24,0)+1,1))-1)+IF('Standard Profiles'!$G$20=$B$10,7,0)+IF('Standard Profiles'!$G$20=$B$17,14,0)+IF('Standard Profiles'!$G$20=$B$24,21,0),MOD($C3200,24)+1)/SUM(INDEX($D$3:$AA$30,INDEX(Jesper!$R$2:$R$366,ROW(INDEX(Jesper!AJ$2:AJ$366,ROUNDDOWN($C3200/24,0)+1,1))-1)+IF('Standard Profiles'!$G$20=$B$10,7,0)+IF('Standard Profiles'!$G$20=$B$17,14,0)+IF('Standard Profiles'!$G$20=$B$24,21,0),0)),0)</f>
        <v>0</v>
      </c>
      <c r="G3200" cm="1">
        <f t="array" ref="G3200">IFERROR(INDEX(Jesper!AK$2:AK$366,ROUNDDOWN($C3200/24,0)+1,1)*INDEX($D$3:$AA$30,INDEX(Jesper!$R$2:$R$366,ROW(INDEX(Jesper!AK$2:AK$366,ROUNDDOWN($C3200/24,0)+1,1))-1)+IF('Standard Profiles'!$G$21=$B$10,7,0)+IF('Standard Profiles'!$G$21=$B$17,14,0)+IF('Standard Profiles'!$G$21=$B$24,21,0),MOD($C3200,24)+1)/SUM(INDEX($D$3:$AA$30,INDEX(Jesper!$R$2:$R$366,ROW(INDEX(Jesper!AK$2:AK$366,ROUNDDOWN($C3200/24,0)+1,1))-1)+IF('Standard Profiles'!$G$21=$B$10,7,0)+IF('Standard Profiles'!$G$21=$B$17,14,0)+IF('Standard Profiles'!$G$21=$B$24,21,0),0)),0)</f>
        <v>1.0018792438953701</v>
      </c>
      <c r="H3200" cm="1">
        <f t="array" ref="H3200">IFERROR(INDEX(Jesper!AL$2:AL$366,ROUNDDOWN($C3200/24,0)+1,1)*INDEX($D$3:$AA$30,INDEX(Jesper!$R$2:$R$366,ROW(INDEX(Jesper!AL$2:AL$366,ROUNDDOWN($C3200/24,0)+1,1))-1)+IF('Standard Profiles'!$G$22=$B$10,7,0)+IF('Standard Profiles'!$G$22=$B$17,14,0)+IF('Standard Profiles'!$G$22=$B$24,21,0),MOD($C3200,24)+1)/SUM(INDEX($D$3:$AA$30,INDEX(Jesper!$R$2:$R$366,ROW(INDEX(Jesper!AL$2:AL$366,ROUNDDOWN($C3200/24,0)+1,1))-1)+IF('Standard Profiles'!$G$22=$B$10,7,0)+IF('Standard Profiles'!$G$22=$B$17,14,0)+IF('Standard Profiles'!$G$22=$B$24,21,0),0)),0)</f>
        <v>0</v>
      </c>
      <c r="I3200">
        <f t="shared" si="363"/>
        <v>0.48090203706977741</v>
      </c>
      <c r="J3200">
        <f t="shared" si="364"/>
        <v>8.2487069441411904</v>
      </c>
      <c r="K3200">
        <f t="shared" si="365"/>
        <v>0.55952369974173966</v>
      </c>
      <c r="L3200">
        <f t="shared" si="366"/>
        <v>0.27976184987086983</v>
      </c>
      <c r="M3200">
        <f t="shared" si="367"/>
        <v>0</v>
      </c>
      <c r="N3200" s="45">
        <f t="shared" si="368"/>
        <v>45058.916666658988</v>
      </c>
    </row>
    <row r="3201" spans="2:14" x14ac:dyDescent="0.25">
      <c r="B3201">
        <f t="shared" si="362"/>
        <v>5</v>
      </c>
      <c r="C3201" s="16">
        <v>3167</v>
      </c>
      <c r="D3201" cm="1">
        <f t="array" ref="D3201">IFERROR(INDEX(Jesper!AH$2:AH$366,ROUNDDOWN($C3201/24,0)+1,1)*INDEX($D$3:$AA$30,INDEX(Jesper!$R$2:$R$366,ROW(INDEX(Jesper!AH$2:AH$366,ROUNDDOWN($C3201/24,0)+1,1))-1)+IF('Standard Profiles'!$G$18=$B$10,7,0)+IF('Standard Profiles'!$G$18=$B$17,14,0)+IF('Standard Profiles'!$G$18=$B$24,21,0),MOD($C3201,24)+1)/SUM(INDEX($D$3:$AA$30,INDEX(Jesper!$R$2:$R$366,ROW(INDEX(Jesper!AH$2:AH$366,ROUNDDOWN($C3201/24,0)+1,1))-1)+IF('Standard Profiles'!$G$18=$B$10,7,0)+IF('Standard Profiles'!$G$18=$B$17,14,0)+IF('Standard Profiles'!$G$18=$B$24,21,0),0)),0)</f>
        <v>5.2455346850788089</v>
      </c>
      <c r="E3201" cm="1">
        <f t="array" ref="E3201">IFERROR(INDEX(Jesper!AI$2:AI$366,ROUNDDOWN($C3201/24,0)+1,1)*INDEX($D$3:$AA$30,INDEX(Jesper!$R$2:$R$366,ROW(INDEX(Jesper!AI$2:AI$366,ROUNDDOWN($C3201/24,0)+1,1))-1)+IF('Standard Profiles'!$G$19=$B$10,7,0)+IF('Standard Profiles'!$G$19=$B$17,14,0)+IF('Standard Profiles'!$G$19=$B$24,21,0),MOD($C3201,24)+1)/SUM(INDEX($D$3:$AA$30,INDEX(Jesper!$R$2:$R$366,ROW(INDEX(Jesper!AI$2:AI$366,ROUNDDOWN($C3201/24,0)+1,1))-1)+IF('Standard Profiles'!$G$19=$B$10,7,0)+IF('Standard Profiles'!$G$19=$B$17,14,0)+IF('Standard Profiles'!$G$19=$B$24,21,0),0)),0)</f>
        <v>3.3214806018493985</v>
      </c>
      <c r="F3201" cm="1">
        <f t="array" ref="F3201">IFERROR(INDEX(Jesper!AJ$2:AJ$366,ROUNDDOWN($C3201/24,0)+1,1)*INDEX($D$3:$AA$30,INDEX(Jesper!$R$2:$R$366,ROW(INDEX(Jesper!AJ$2:AJ$366,ROUNDDOWN($C3201/24,0)+1,1))-1)+IF('Standard Profiles'!$G$20=$B$10,7,0)+IF('Standard Profiles'!$G$20=$B$17,14,0)+IF('Standard Profiles'!$G$20=$B$24,21,0),MOD($C3201,24)+1)/SUM(INDEX($D$3:$AA$30,INDEX(Jesper!$R$2:$R$366,ROW(INDEX(Jesper!AJ$2:AJ$366,ROUNDDOWN($C3201/24,0)+1,1))-1)+IF('Standard Profiles'!$G$20=$B$10,7,0)+IF('Standard Profiles'!$G$20=$B$17,14,0)+IF('Standard Profiles'!$G$20=$B$24,21,0),0)),0)</f>
        <v>0</v>
      </c>
      <c r="G3201" cm="1">
        <f t="array" ref="G3201">IFERROR(INDEX(Jesper!AK$2:AK$366,ROUNDDOWN($C3201/24,0)+1,1)*INDEX($D$3:$AA$30,INDEX(Jesper!$R$2:$R$366,ROW(INDEX(Jesper!AK$2:AK$366,ROUNDDOWN($C3201/24,0)+1,1))-1)+IF('Standard Profiles'!$G$21=$B$10,7,0)+IF('Standard Profiles'!$G$21=$B$17,14,0)+IF('Standard Profiles'!$G$21=$B$24,21,0),MOD($C3201,24)+1)/SUM(INDEX($D$3:$AA$30,INDEX(Jesper!$R$2:$R$366,ROW(INDEX(Jesper!AK$2:AK$366,ROUNDDOWN($C3201/24,0)+1,1))-1)+IF('Standard Profiles'!$G$21=$B$10,7,0)+IF('Standard Profiles'!$G$21=$B$17,14,0)+IF('Standard Profiles'!$G$21=$B$24,21,0),0)),0)</f>
        <v>1.0018792438953701</v>
      </c>
      <c r="H3201" cm="1">
        <f t="array" ref="H3201">IFERROR(INDEX(Jesper!AL$2:AL$366,ROUNDDOWN($C3201/24,0)+1,1)*INDEX($D$3:$AA$30,INDEX(Jesper!$R$2:$R$366,ROW(INDEX(Jesper!AL$2:AL$366,ROUNDDOWN($C3201/24,0)+1,1))-1)+IF('Standard Profiles'!$G$22=$B$10,7,0)+IF('Standard Profiles'!$G$22=$B$17,14,0)+IF('Standard Profiles'!$G$22=$B$24,21,0),MOD($C3201,24)+1)/SUM(INDEX($D$3:$AA$30,INDEX(Jesper!$R$2:$R$366,ROW(INDEX(Jesper!AL$2:AL$366,ROUNDDOWN($C3201/24,0)+1,1))-1)+IF('Standard Profiles'!$G$22=$B$10,7,0)+IF('Standard Profiles'!$G$22=$B$17,14,0)+IF('Standard Profiles'!$G$22=$B$24,21,0),0)),0)</f>
        <v>0</v>
      </c>
      <c r="I3201">
        <f t="shared" si="363"/>
        <v>0.48090203706977741</v>
      </c>
      <c r="J3201">
        <f t="shared" si="364"/>
        <v>8.2487069441411904</v>
      </c>
      <c r="K3201">
        <f t="shared" si="365"/>
        <v>0.55952369974173966</v>
      </c>
      <c r="L3201">
        <f t="shared" si="366"/>
        <v>0.27976184987086983</v>
      </c>
      <c r="M3201">
        <f t="shared" si="367"/>
        <v>0</v>
      </c>
      <c r="N3201" s="45">
        <f t="shared" si="368"/>
        <v>45058.958333325652</v>
      </c>
    </row>
    <row r="3202" spans="2:14" x14ac:dyDescent="0.25">
      <c r="B3202">
        <f t="shared" si="362"/>
        <v>6</v>
      </c>
      <c r="C3202" s="16">
        <v>3168</v>
      </c>
      <c r="D3202" cm="1">
        <f t="array" ref="D3202">IFERROR(INDEX(Jesper!AH$2:AH$366,ROUNDDOWN($C3202/24,0)+1,1)*INDEX($D$3:$AA$30,INDEX(Jesper!$R$2:$R$366,ROW(INDEX(Jesper!AH$2:AH$366,ROUNDDOWN($C3202/24,0)+1,1))-1)+IF('Standard Profiles'!$G$18=$B$10,7,0)+IF('Standard Profiles'!$G$18=$B$17,14,0)+IF('Standard Profiles'!$G$18=$B$24,21,0),MOD($C3202,24)+1)/SUM(INDEX($D$3:$AA$30,INDEX(Jesper!$R$2:$R$366,ROW(INDEX(Jesper!AH$2:AH$366,ROUNDDOWN($C3202/24,0)+1,1))-1)+IF('Standard Profiles'!$G$18=$B$10,7,0)+IF('Standard Profiles'!$G$18=$B$17,14,0)+IF('Standard Profiles'!$G$18=$B$24,21,0),0)),0)</f>
        <v>0</v>
      </c>
      <c r="E3202" cm="1">
        <f t="array" ref="E3202">IFERROR(INDEX(Jesper!AI$2:AI$366,ROUNDDOWN($C3202/24,0)+1,1)*INDEX($D$3:$AA$30,INDEX(Jesper!$R$2:$R$366,ROW(INDEX(Jesper!AI$2:AI$366,ROUNDDOWN($C3202/24,0)+1,1))-1)+IF('Standard Profiles'!$G$19=$B$10,7,0)+IF('Standard Profiles'!$G$19=$B$17,14,0)+IF('Standard Profiles'!$G$19=$B$24,21,0),MOD($C3202,24)+1)/SUM(INDEX($D$3:$AA$30,INDEX(Jesper!$R$2:$R$366,ROW(INDEX(Jesper!AI$2:AI$366,ROUNDDOWN($C3202/24,0)+1,1))-1)+IF('Standard Profiles'!$G$19=$B$10,7,0)+IF('Standard Profiles'!$G$19=$B$17,14,0)+IF('Standard Profiles'!$G$19=$B$24,21,0),0)),0)</f>
        <v>4.0943584509967543</v>
      </c>
      <c r="F3202" cm="1">
        <f t="array" ref="F3202">IFERROR(INDEX(Jesper!AJ$2:AJ$366,ROUNDDOWN($C3202/24,0)+1,1)*INDEX($D$3:$AA$30,INDEX(Jesper!$R$2:$R$366,ROW(INDEX(Jesper!AJ$2:AJ$366,ROUNDDOWN($C3202/24,0)+1,1))-1)+IF('Standard Profiles'!$G$20=$B$10,7,0)+IF('Standard Profiles'!$G$20=$B$17,14,0)+IF('Standard Profiles'!$G$20=$B$24,21,0),MOD($C3202,24)+1)/SUM(INDEX($D$3:$AA$30,INDEX(Jesper!$R$2:$R$366,ROW(INDEX(Jesper!AJ$2:AJ$366,ROUNDDOWN($C3202/24,0)+1,1))-1)+IF('Standard Profiles'!$G$20=$B$10,7,0)+IF('Standard Profiles'!$G$20=$B$17,14,0)+IF('Standard Profiles'!$G$20=$B$24,21,0),0)),0)</f>
        <v>2.8586840428132541</v>
      </c>
      <c r="G3202" cm="1">
        <f t="array" ref="G3202">IFERROR(INDEX(Jesper!AK$2:AK$366,ROUNDDOWN($C3202/24,0)+1,1)*INDEX($D$3:$AA$30,INDEX(Jesper!$R$2:$R$366,ROW(INDEX(Jesper!AK$2:AK$366,ROUNDDOWN($C3202/24,0)+1,1))-1)+IF('Standard Profiles'!$G$21=$B$10,7,0)+IF('Standard Profiles'!$G$21=$B$17,14,0)+IF('Standard Profiles'!$G$21=$B$24,21,0),MOD($C3202,24)+1)/SUM(INDEX($D$3:$AA$30,INDEX(Jesper!$R$2:$R$366,ROW(INDEX(Jesper!AK$2:AK$366,ROUNDDOWN($C3202/24,0)+1,1))-1)+IF('Standard Profiles'!$G$21=$B$10,7,0)+IF('Standard Profiles'!$G$21=$B$17,14,0)+IF('Standard Profiles'!$G$21=$B$24,21,0),0)),0)</f>
        <v>3.0990697248456014</v>
      </c>
      <c r="H3202" cm="1">
        <f t="array" ref="H3202">IFERROR(INDEX(Jesper!AL$2:AL$366,ROUNDDOWN($C3202/24,0)+1,1)*INDEX($D$3:$AA$30,INDEX(Jesper!$R$2:$R$366,ROW(INDEX(Jesper!AL$2:AL$366,ROUNDDOWN($C3202/24,0)+1,1))-1)+IF('Standard Profiles'!$G$22=$B$10,7,0)+IF('Standard Profiles'!$G$22=$B$17,14,0)+IF('Standard Profiles'!$G$22=$B$24,21,0),MOD($C3202,24)+1)/SUM(INDEX($D$3:$AA$30,INDEX(Jesper!$R$2:$R$366,ROW(INDEX(Jesper!AL$2:AL$366,ROUNDDOWN($C3202/24,0)+1,1))-1)+IF('Standard Profiles'!$G$22=$B$10,7,0)+IF('Standard Profiles'!$G$22=$B$17,14,0)+IF('Standard Profiles'!$G$22=$B$24,21,0),0)),0)</f>
        <v>0.7540960267371809</v>
      </c>
      <c r="I3202">
        <f t="shared" si="363"/>
        <v>0.72393218566769402</v>
      </c>
      <c r="J3202">
        <f t="shared" si="364"/>
        <v>9.5909530456054863</v>
      </c>
      <c r="K3202">
        <f t="shared" si="365"/>
        <v>0.32754867607974036</v>
      </c>
      <c r="L3202">
        <f t="shared" si="366"/>
        <v>0.16377433803987018</v>
      </c>
      <c r="M3202">
        <f t="shared" si="367"/>
        <v>0</v>
      </c>
      <c r="N3202" s="45">
        <f t="shared" si="368"/>
        <v>45058.999999992317</v>
      </c>
    </row>
    <row r="3203" spans="2:14" x14ac:dyDescent="0.25">
      <c r="B3203">
        <f t="shared" si="362"/>
        <v>6</v>
      </c>
      <c r="C3203" s="16">
        <v>3169</v>
      </c>
      <c r="D3203" cm="1">
        <f t="array" ref="D3203">IFERROR(INDEX(Jesper!AH$2:AH$366,ROUNDDOWN($C3203/24,0)+1,1)*INDEX($D$3:$AA$30,INDEX(Jesper!$R$2:$R$366,ROW(INDEX(Jesper!AH$2:AH$366,ROUNDDOWN($C3203/24,0)+1,1))-1)+IF('Standard Profiles'!$G$18=$B$10,7,0)+IF('Standard Profiles'!$G$18=$B$17,14,0)+IF('Standard Profiles'!$G$18=$B$24,21,0),MOD($C3203,24)+1)/SUM(INDEX($D$3:$AA$30,INDEX(Jesper!$R$2:$R$366,ROW(INDEX(Jesper!AH$2:AH$366,ROUNDDOWN($C3203/24,0)+1,1))-1)+IF('Standard Profiles'!$G$18=$B$10,7,0)+IF('Standard Profiles'!$G$18=$B$17,14,0)+IF('Standard Profiles'!$G$18=$B$24,21,0),0)),0)</f>
        <v>0</v>
      </c>
      <c r="E3203" cm="1">
        <f t="array" ref="E3203">IFERROR(INDEX(Jesper!AI$2:AI$366,ROUNDDOWN($C3203/24,0)+1,1)*INDEX($D$3:$AA$30,INDEX(Jesper!$R$2:$R$366,ROW(INDEX(Jesper!AI$2:AI$366,ROUNDDOWN($C3203/24,0)+1,1))-1)+IF('Standard Profiles'!$G$19=$B$10,7,0)+IF('Standard Profiles'!$G$19=$B$17,14,0)+IF('Standard Profiles'!$G$19=$B$24,21,0),MOD($C3203,24)+1)/SUM(INDEX($D$3:$AA$30,INDEX(Jesper!$R$2:$R$366,ROW(INDEX(Jesper!AI$2:AI$366,ROUNDDOWN($C3203/24,0)+1,1))-1)+IF('Standard Profiles'!$G$19=$B$10,7,0)+IF('Standard Profiles'!$G$19=$B$17,14,0)+IF('Standard Profiles'!$G$19=$B$24,21,0),0)),0)</f>
        <v>3.6849226058970785</v>
      </c>
      <c r="F3203" cm="1">
        <f t="array" ref="F3203">IFERROR(INDEX(Jesper!AJ$2:AJ$366,ROUNDDOWN($C3203/24,0)+1,1)*INDEX($D$3:$AA$30,INDEX(Jesper!$R$2:$R$366,ROW(INDEX(Jesper!AJ$2:AJ$366,ROUNDDOWN($C3203/24,0)+1,1))-1)+IF('Standard Profiles'!$G$20=$B$10,7,0)+IF('Standard Profiles'!$G$20=$B$17,14,0)+IF('Standard Profiles'!$G$20=$B$24,21,0),MOD($C3203,24)+1)/SUM(INDEX($D$3:$AA$30,INDEX(Jesper!$R$2:$R$366,ROW(INDEX(Jesper!AJ$2:AJ$366,ROUNDDOWN($C3203/24,0)+1,1))-1)+IF('Standard Profiles'!$G$20=$B$10,7,0)+IF('Standard Profiles'!$G$20=$B$17,14,0)+IF('Standard Profiles'!$G$20=$B$24,21,0),0)),0)</f>
        <v>2.5728156385319285</v>
      </c>
      <c r="G3203" cm="1">
        <f t="array" ref="G3203">IFERROR(INDEX(Jesper!AK$2:AK$366,ROUNDDOWN($C3203/24,0)+1,1)*INDEX($D$3:$AA$30,INDEX(Jesper!$R$2:$R$366,ROW(INDEX(Jesper!AK$2:AK$366,ROUNDDOWN($C3203/24,0)+1,1))-1)+IF('Standard Profiles'!$G$21=$B$10,7,0)+IF('Standard Profiles'!$G$21=$B$17,14,0)+IF('Standard Profiles'!$G$21=$B$24,21,0),MOD($C3203,24)+1)/SUM(INDEX($D$3:$AA$30,INDEX(Jesper!$R$2:$R$366,ROW(INDEX(Jesper!AK$2:AK$366,ROUNDDOWN($C3203/24,0)+1,1))-1)+IF('Standard Profiles'!$G$21=$B$10,7,0)+IF('Standard Profiles'!$G$21=$B$17,14,0)+IF('Standard Profiles'!$G$21=$B$24,21,0),0)),0)</f>
        <v>3.0990697248456014</v>
      </c>
      <c r="H3203" cm="1">
        <f t="array" ref="H3203">IFERROR(INDEX(Jesper!AL$2:AL$366,ROUNDDOWN($C3203/24,0)+1,1)*INDEX($D$3:$AA$30,INDEX(Jesper!$R$2:$R$366,ROW(INDEX(Jesper!AL$2:AL$366,ROUNDDOWN($C3203/24,0)+1,1))-1)+IF('Standard Profiles'!$G$22=$B$10,7,0)+IF('Standard Profiles'!$G$22=$B$17,14,0)+IF('Standard Profiles'!$G$22=$B$24,21,0),MOD($C3203,24)+1)/SUM(INDEX($D$3:$AA$30,INDEX(Jesper!$R$2:$R$366,ROW(INDEX(Jesper!AL$2:AL$366,ROUNDDOWN($C3203/24,0)+1,1))-1)+IF('Standard Profiles'!$G$22=$B$10,7,0)+IF('Standard Profiles'!$G$22=$B$17,14,0)+IF('Standard Profiles'!$G$22=$B$24,21,0),0)),0)</f>
        <v>1.4722827188678296</v>
      </c>
      <c r="I3203">
        <f t="shared" si="363"/>
        <v>1.4133914101131171</v>
      </c>
      <c r="J3203">
        <f t="shared" si="364"/>
        <v>8.9735085653216711</v>
      </c>
      <c r="K3203">
        <f t="shared" si="365"/>
        <v>0.29479380847176628</v>
      </c>
      <c r="L3203">
        <f t="shared" si="366"/>
        <v>0.14739690423588314</v>
      </c>
      <c r="M3203">
        <f t="shared" si="367"/>
        <v>0</v>
      </c>
      <c r="N3203" s="45">
        <f t="shared" si="368"/>
        <v>45059.041666658981</v>
      </c>
    </row>
    <row r="3204" spans="2:14" x14ac:dyDescent="0.25">
      <c r="B3204">
        <f t="shared" si="362"/>
        <v>6</v>
      </c>
      <c r="C3204" s="16">
        <v>3170</v>
      </c>
      <c r="D3204" cm="1">
        <f t="array" ref="D3204">IFERROR(INDEX(Jesper!AH$2:AH$366,ROUNDDOWN($C3204/24,0)+1,1)*INDEX($D$3:$AA$30,INDEX(Jesper!$R$2:$R$366,ROW(INDEX(Jesper!AH$2:AH$366,ROUNDDOWN($C3204/24,0)+1,1))-1)+IF('Standard Profiles'!$G$18=$B$10,7,0)+IF('Standard Profiles'!$G$18=$B$17,14,0)+IF('Standard Profiles'!$G$18=$B$24,21,0),MOD($C3204,24)+1)/SUM(INDEX($D$3:$AA$30,INDEX(Jesper!$R$2:$R$366,ROW(INDEX(Jesper!AH$2:AH$366,ROUNDDOWN($C3204/24,0)+1,1))-1)+IF('Standard Profiles'!$G$18=$B$10,7,0)+IF('Standard Profiles'!$G$18=$B$17,14,0)+IF('Standard Profiles'!$G$18=$B$24,21,0),0)),0)</f>
        <v>0</v>
      </c>
      <c r="E3204" cm="1">
        <f t="array" ref="E3204">IFERROR(INDEX(Jesper!AI$2:AI$366,ROUNDDOWN($C3204/24,0)+1,1)*INDEX($D$3:$AA$30,INDEX(Jesper!$R$2:$R$366,ROW(INDEX(Jesper!AI$2:AI$366,ROUNDDOWN($C3204/24,0)+1,1))-1)+IF('Standard Profiles'!$G$19=$B$10,7,0)+IF('Standard Profiles'!$G$19=$B$17,14,0)+IF('Standard Profiles'!$G$19=$B$24,21,0),MOD($C3204,24)+1)/SUM(INDEX($D$3:$AA$30,INDEX(Jesper!$R$2:$R$366,ROW(INDEX(Jesper!AI$2:AI$366,ROUNDDOWN($C3204/24,0)+1,1))-1)+IF('Standard Profiles'!$G$19=$B$10,7,0)+IF('Standard Profiles'!$G$19=$B$17,14,0)+IF('Standard Profiles'!$G$19=$B$24,21,0),0)),0)</f>
        <v>3.6849226058970785</v>
      </c>
      <c r="F3204" cm="1">
        <f t="array" ref="F3204">IFERROR(INDEX(Jesper!AJ$2:AJ$366,ROUNDDOWN($C3204/24,0)+1,1)*INDEX($D$3:$AA$30,INDEX(Jesper!$R$2:$R$366,ROW(INDEX(Jesper!AJ$2:AJ$366,ROUNDDOWN($C3204/24,0)+1,1))-1)+IF('Standard Profiles'!$G$20=$B$10,7,0)+IF('Standard Profiles'!$G$20=$B$17,14,0)+IF('Standard Profiles'!$G$20=$B$24,21,0),MOD($C3204,24)+1)/SUM(INDEX($D$3:$AA$30,INDEX(Jesper!$R$2:$R$366,ROW(INDEX(Jesper!AJ$2:AJ$366,ROUNDDOWN($C3204/24,0)+1,1))-1)+IF('Standard Profiles'!$G$20=$B$10,7,0)+IF('Standard Profiles'!$G$20=$B$17,14,0)+IF('Standard Profiles'!$G$20=$B$24,21,0),0)),0)</f>
        <v>2.5728156385319285</v>
      </c>
      <c r="G3204" cm="1">
        <f t="array" ref="G3204">IFERROR(INDEX(Jesper!AK$2:AK$366,ROUNDDOWN($C3204/24,0)+1,1)*INDEX($D$3:$AA$30,INDEX(Jesper!$R$2:$R$366,ROW(INDEX(Jesper!AK$2:AK$366,ROUNDDOWN($C3204/24,0)+1,1))-1)+IF('Standard Profiles'!$G$21=$B$10,7,0)+IF('Standard Profiles'!$G$21=$B$17,14,0)+IF('Standard Profiles'!$G$21=$B$24,21,0),MOD($C3204,24)+1)/SUM(INDEX($D$3:$AA$30,INDEX(Jesper!$R$2:$R$366,ROW(INDEX(Jesper!AK$2:AK$366,ROUNDDOWN($C3204/24,0)+1,1))-1)+IF('Standard Profiles'!$G$21=$B$10,7,0)+IF('Standard Profiles'!$G$21=$B$17,14,0)+IF('Standard Profiles'!$G$21=$B$24,21,0),0)),0)</f>
        <v>3.0990697248456014</v>
      </c>
      <c r="H3204" cm="1">
        <f t="array" ref="H3204">IFERROR(INDEX(Jesper!AL$2:AL$366,ROUNDDOWN($C3204/24,0)+1,1)*INDEX($D$3:$AA$30,INDEX(Jesper!$R$2:$R$366,ROW(INDEX(Jesper!AL$2:AL$366,ROUNDDOWN($C3204/24,0)+1,1))-1)+IF('Standard Profiles'!$G$22=$B$10,7,0)+IF('Standard Profiles'!$G$22=$B$17,14,0)+IF('Standard Profiles'!$G$22=$B$24,21,0),MOD($C3204,24)+1)/SUM(INDEX($D$3:$AA$30,INDEX(Jesper!$R$2:$R$366,ROW(INDEX(Jesper!AL$2:AL$366,ROUNDDOWN($C3204/24,0)+1,1))-1)+IF('Standard Profiles'!$G$22=$B$10,7,0)+IF('Standard Profiles'!$G$22=$B$17,14,0)+IF('Standard Profiles'!$G$22=$B$24,21,0),0)),0)</f>
        <v>1.4722827188678296</v>
      </c>
      <c r="I3204">
        <f t="shared" si="363"/>
        <v>1.4133914101131171</v>
      </c>
      <c r="J3204">
        <f t="shared" si="364"/>
        <v>8.9735085653216711</v>
      </c>
      <c r="K3204">
        <f t="shared" si="365"/>
        <v>0.29479380847176628</v>
      </c>
      <c r="L3204">
        <f t="shared" si="366"/>
        <v>0.14739690423588314</v>
      </c>
      <c r="M3204">
        <f t="shared" si="367"/>
        <v>0</v>
      </c>
      <c r="N3204" s="45">
        <f t="shared" si="368"/>
        <v>45059.083333325645</v>
      </c>
    </row>
    <row r="3205" spans="2:14" x14ac:dyDescent="0.25">
      <c r="B3205">
        <f t="shared" si="362"/>
        <v>6</v>
      </c>
      <c r="C3205" s="16">
        <v>3171</v>
      </c>
      <c r="D3205" cm="1">
        <f t="array" ref="D3205">IFERROR(INDEX(Jesper!AH$2:AH$366,ROUNDDOWN($C3205/24,0)+1,1)*INDEX($D$3:$AA$30,INDEX(Jesper!$R$2:$R$366,ROW(INDEX(Jesper!AH$2:AH$366,ROUNDDOWN($C3205/24,0)+1,1))-1)+IF('Standard Profiles'!$G$18=$B$10,7,0)+IF('Standard Profiles'!$G$18=$B$17,14,0)+IF('Standard Profiles'!$G$18=$B$24,21,0),MOD($C3205,24)+1)/SUM(INDEX($D$3:$AA$30,INDEX(Jesper!$R$2:$R$366,ROW(INDEX(Jesper!AH$2:AH$366,ROUNDDOWN($C3205/24,0)+1,1))-1)+IF('Standard Profiles'!$G$18=$B$10,7,0)+IF('Standard Profiles'!$G$18=$B$17,14,0)+IF('Standard Profiles'!$G$18=$B$24,21,0),0)),0)</f>
        <v>0</v>
      </c>
      <c r="E3205" cm="1">
        <f t="array" ref="E3205">IFERROR(INDEX(Jesper!AI$2:AI$366,ROUNDDOWN($C3205/24,0)+1,1)*INDEX($D$3:$AA$30,INDEX(Jesper!$R$2:$R$366,ROW(INDEX(Jesper!AI$2:AI$366,ROUNDDOWN($C3205/24,0)+1,1))-1)+IF('Standard Profiles'!$G$19=$B$10,7,0)+IF('Standard Profiles'!$G$19=$B$17,14,0)+IF('Standard Profiles'!$G$19=$B$24,21,0),MOD($C3205,24)+1)/SUM(INDEX($D$3:$AA$30,INDEX(Jesper!$R$2:$R$366,ROW(INDEX(Jesper!AI$2:AI$366,ROUNDDOWN($C3205/24,0)+1,1))-1)+IF('Standard Profiles'!$G$19=$B$10,7,0)+IF('Standard Profiles'!$G$19=$B$17,14,0)+IF('Standard Profiles'!$G$19=$B$24,21,0),0)),0)</f>
        <v>3.6849226058970785</v>
      </c>
      <c r="F3205" cm="1">
        <f t="array" ref="F3205">IFERROR(INDEX(Jesper!AJ$2:AJ$366,ROUNDDOWN($C3205/24,0)+1,1)*INDEX($D$3:$AA$30,INDEX(Jesper!$R$2:$R$366,ROW(INDEX(Jesper!AJ$2:AJ$366,ROUNDDOWN($C3205/24,0)+1,1))-1)+IF('Standard Profiles'!$G$20=$B$10,7,0)+IF('Standard Profiles'!$G$20=$B$17,14,0)+IF('Standard Profiles'!$G$20=$B$24,21,0),MOD($C3205,24)+1)/SUM(INDEX($D$3:$AA$30,INDEX(Jesper!$R$2:$R$366,ROW(INDEX(Jesper!AJ$2:AJ$366,ROUNDDOWN($C3205/24,0)+1,1))-1)+IF('Standard Profiles'!$G$20=$B$10,7,0)+IF('Standard Profiles'!$G$20=$B$17,14,0)+IF('Standard Profiles'!$G$20=$B$24,21,0),0)),0)</f>
        <v>2.5728156385319285</v>
      </c>
      <c r="G3205" cm="1">
        <f t="array" ref="G3205">IFERROR(INDEX(Jesper!AK$2:AK$366,ROUNDDOWN($C3205/24,0)+1,1)*INDEX($D$3:$AA$30,INDEX(Jesper!$R$2:$R$366,ROW(INDEX(Jesper!AK$2:AK$366,ROUNDDOWN($C3205/24,0)+1,1))-1)+IF('Standard Profiles'!$G$21=$B$10,7,0)+IF('Standard Profiles'!$G$21=$B$17,14,0)+IF('Standard Profiles'!$G$21=$B$24,21,0),MOD($C3205,24)+1)/SUM(INDEX($D$3:$AA$30,INDEX(Jesper!$R$2:$R$366,ROW(INDEX(Jesper!AK$2:AK$366,ROUNDDOWN($C3205/24,0)+1,1))-1)+IF('Standard Profiles'!$G$21=$B$10,7,0)+IF('Standard Profiles'!$G$21=$B$17,14,0)+IF('Standard Profiles'!$G$21=$B$24,21,0),0)),0)</f>
        <v>3.0990697248456014</v>
      </c>
      <c r="H3205" cm="1">
        <f t="array" ref="H3205">IFERROR(INDEX(Jesper!AL$2:AL$366,ROUNDDOWN($C3205/24,0)+1,1)*INDEX($D$3:$AA$30,INDEX(Jesper!$R$2:$R$366,ROW(INDEX(Jesper!AL$2:AL$366,ROUNDDOWN($C3205/24,0)+1,1))-1)+IF('Standard Profiles'!$G$22=$B$10,7,0)+IF('Standard Profiles'!$G$22=$B$17,14,0)+IF('Standard Profiles'!$G$22=$B$24,21,0),MOD($C3205,24)+1)/SUM(INDEX($D$3:$AA$30,INDEX(Jesper!$R$2:$R$366,ROW(INDEX(Jesper!AL$2:AL$366,ROUNDDOWN($C3205/24,0)+1,1))-1)+IF('Standard Profiles'!$G$22=$B$10,7,0)+IF('Standard Profiles'!$G$22=$B$17,14,0)+IF('Standard Profiles'!$G$22=$B$24,21,0),0)),0)</f>
        <v>1.4722827188678296</v>
      </c>
      <c r="I3205">
        <f t="shared" si="363"/>
        <v>1.4133914101131171</v>
      </c>
      <c r="J3205">
        <f t="shared" si="364"/>
        <v>8.9735085653216711</v>
      </c>
      <c r="K3205">
        <f t="shared" si="365"/>
        <v>0.29479380847176628</v>
      </c>
      <c r="L3205">
        <f t="shared" si="366"/>
        <v>0.14739690423588314</v>
      </c>
      <c r="M3205">
        <f t="shared" si="367"/>
        <v>0</v>
      </c>
      <c r="N3205" s="45">
        <f t="shared" si="368"/>
        <v>45059.124999992309</v>
      </c>
    </row>
    <row r="3206" spans="2:14" x14ac:dyDescent="0.25">
      <c r="B3206">
        <f t="shared" si="362"/>
        <v>6</v>
      </c>
      <c r="C3206" s="16">
        <v>3172</v>
      </c>
      <c r="D3206" cm="1">
        <f t="array" ref="D3206">IFERROR(INDEX(Jesper!AH$2:AH$366,ROUNDDOWN($C3206/24,0)+1,1)*INDEX($D$3:$AA$30,INDEX(Jesper!$R$2:$R$366,ROW(INDEX(Jesper!AH$2:AH$366,ROUNDDOWN($C3206/24,0)+1,1))-1)+IF('Standard Profiles'!$G$18=$B$10,7,0)+IF('Standard Profiles'!$G$18=$B$17,14,0)+IF('Standard Profiles'!$G$18=$B$24,21,0),MOD($C3206,24)+1)/SUM(INDEX($D$3:$AA$30,INDEX(Jesper!$R$2:$R$366,ROW(INDEX(Jesper!AH$2:AH$366,ROUNDDOWN($C3206/24,0)+1,1))-1)+IF('Standard Profiles'!$G$18=$B$10,7,0)+IF('Standard Profiles'!$G$18=$B$17,14,0)+IF('Standard Profiles'!$G$18=$B$24,21,0),0)),0)</f>
        <v>0</v>
      </c>
      <c r="E3206" cm="1">
        <f t="array" ref="E3206">IFERROR(INDEX(Jesper!AI$2:AI$366,ROUNDDOWN($C3206/24,0)+1,1)*INDEX($D$3:$AA$30,INDEX(Jesper!$R$2:$R$366,ROW(INDEX(Jesper!AI$2:AI$366,ROUNDDOWN($C3206/24,0)+1,1))-1)+IF('Standard Profiles'!$G$19=$B$10,7,0)+IF('Standard Profiles'!$G$19=$B$17,14,0)+IF('Standard Profiles'!$G$19=$B$24,21,0),MOD($C3206,24)+1)/SUM(INDEX($D$3:$AA$30,INDEX(Jesper!$R$2:$R$366,ROW(INDEX(Jesper!AI$2:AI$366,ROUNDDOWN($C3206/24,0)+1,1))-1)+IF('Standard Profiles'!$G$19=$B$10,7,0)+IF('Standard Profiles'!$G$19=$B$17,14,0)+IF('Standard Profiles'!$G$19=$B$24,21,0),0)),0)</f>
        <v>3.6849226058970785</v>
      </c>
      <c r="F3206" cm="1">
        <f t="array" ref="F3206">IFERROR(INDEX(Jesper!AJ$2:AJ$366,ROUNDDOWN($C3206/24,0)+1,1)*INDEX($D$3:$AA$30,INDEX(Jesper!$R$2:$R$366,ROW(INDEX(Jesper!AJ$2:AJ$366,ROUNDDOWN($C3206/24,0)+1,1))-1)+IF('Standard Profiles'!$G$20=$B$10,7,0)+IF('Standard Profiles'!$G$20=$B$17,14,0)+IF('Standard Profiles'!$G$20=$B$24,21,0),MOD($C3206,24)+1)/SUM(INDEX($D$3:$AA$30,INDEX(Jesper!$R$2:$R$366,ROW(INDEX(Jesper!AJ$2:AJ$366,ROUNDDOWN($C3206/24,0)+1,1))-1)+IF('Standard Profiles'!$G$20=$B$10,7,0)+IF('Standard Profiles'!$G$20=$B$17,14,0)+IF('Standard Profiles'!$G$20=$B$24,21,0),0)),0)</f>
        <v>2.5728156385319285</v>
      </c>
      <c r="G3206" cm="1">
        <f t="array" ref="G3206">IFERROR(INDEX(Jesper!AK$2:AK$366,ROUNDDOWN($C3206/24,0)+1,1)*INDEX($D$3:$AA$30,INDEX(Jesper!$R$2:$R$366,ROW(INDEX(Jesper!AK$2:AK$366,ROUNDDOWN($C3206/24,0)+1,1))-1)+IF('Standard Profiles'!$G$21=$B$10,7,0)+IF('Standard Profiles'!$G$21=$B$17,14,0)+IF('Standard Profiles'!$G$21=$B$24,21,0),MOD($C3206,24)+1)/SUM(INDEX($D$3:$AA$30,INDEX(Jesper!$R$2:$R$366,ROW(INDEX(Jesper!AK$2:AK$366,ROUNDDOWN($C3206/24,0)+1,1))-1)+IF('Standard Profiles'!$G$21=$B$10,7,0)+IF('Standard Profiles'!$G$21=$B$17,14,0)+IF('Standard Profiles'!$G$21=$B$24,21,0),0)),0)</f>
        <v>3.0990697248456014</v>
      </c>
      <c r="H3206" cm="1">
        <f t="array" ref="H3206">IFERROR(INDEX(Jesper!AL$2:AL$366,ROUNDDOWN($C3206/24,0)+1,1)*INDEX($D$3:$AA$30,INDEX(Jesper!$R$2:$R$366,ROW(INDEX(Jesper!AL$2:AL$366,ROUNDDOWN($C3206/24,0)+1,1))-1)+IF('Standard Profiles'!$G$22=$B$10,7,0)+IF('Standard Profiles'!$G$22=$B$17,14,0)+IF('Standard Profiles'!$G$22=$B$24,21,0),MOD($C3206,24)+1)/SUM(INDEX($D$3:$AA$30,INDEX(Jesper!$R$2:$R$366,ROW(INDEX(Jesper!AL$2:AL$366,ROUNDDOWN($C3206/24,0)+1,1))-1)+IF('Standard Profiles'!$G$22=$B$10,7,0)+IF('Standard Profiles'!$G$22=$B$17,14,0)+IF('Standard Profiles'!$G$22=$B$24,21,0),0)),0)</f>
        <v>1.4722827188678296</v>
      </c>
      <c r="I3206">
        <f t="shared" si="363"/>
        <v>1.4133914101131171</v>
      </c>
      <c r="J3206">
        <f t="shared" si="364"/>
        <v>8.9735085653216711</v>
      </c>
      <c r="K3206">
        <f t="shared" si="365"/>
        <v>0.29479380847176628</v>
      </c>
      <c r="L3206">
        <f t="shared" si="366"/>
        <v>0.14739690423588314</v>
      </c>
      <c r="M3206">
        <f t="shared" si="367"/>
        <v>0</v>
      </c>
      <c r="N3206" s="45">
        <f t="shared" si="368"/>
        <v>45059.166666658974</v>
      </c>
    </row>
    <row r="3207" spans="2:14" x14ac:dyDescent="0.25">
      <c r="B3207">
        <f t="shared" si="362"/>
        <v>6</v>
      </c>
      <c r="C3207" s="16">
        <v>3173</v>
      </c>
      <c r="D3207" cm="1">
        <f t="array" ref="D3207">IFERROR(INDEX(Jesper!AH$2:AH$366,ROUNDDOWN($C3207/24,0)+1,1)*INDEX($D$3:$AA$30,INDEX(Jesper!$R$2:$R$366,ROW(INDEX(Jesper!AH$2:AH$366,ROUNDDOWN($C3207/24,0)+1,1))-1)+IF('Standard Profiles'!$G$18=$B$10,7,0)+IF('Standard Profiles'!$G$18=$B$17,14,0)+IF('Standard Profiles'!$G$18=$B$24,21,0),MOD($C3207,24)+1)/SUM(INDEX($D$3:$AA$30,INDEX(Jesper!$R$2:$R$366,ROW(INDEX(Jesper!AH$2:AH$366,ROUNDDOWN($C3207/24,0)+1,1))-1)+IF('Standard Profiles'!$G$18=$B$10,7,0)+IF('Standard Profiles'!$G$18=$B$17,14,0)+IF('Standard Profiles'!$G$18=$B$24,21,0),0)),0)</f>
        <v>0</v>
      </c>
      <c r="E3207" cm="1">
        <f t="array" ref="E3207">IFERROR(INDEX(Jesper!AI$2:AI$366,ROUNDDOWN($C3207/24,0)+1,1)*INDEX($D$3:$AA$30,INDEX(Jesper!$R$2:$R$366,ROW(INDEX(Jesper!AI$2:AI$366,ROUNDDOWN($C3207/24,0)+1,1))-1)+IF('Standard Profiles'!$G$19=$B$10,7,0)+IF('Standard Profiles'!$G$19=$B$17,14,0)+IF('Standard Profiles'!$G$19=$B$24,21,0),MOD($C3207,24)+1)/SUM(INDEX($D$3:$AA$30,INDEX(Jesper!$R$2:$R$366,ROW(INDEX(Jesper!AI$2:AI$366,ROUNDDOWN($C3207/24,0)+1,1))-1)+IF('Standard Profiles'!$G$19=$B$10,7,0)+IF('Standard Profiles'!$G$19=$B$17,14,0)+IF('Standard Profiles'!$G$19=$B$24,21,0),0)),0)</f>
        <v>3.6849226058970785</v>
      </c>
      <c r="F3207" cm="1">
        <f t="array" ref="F3207">IFERROR(INDEX(Jesper!AJ$2:AJ$366,ROUNDDOWN($C3207/24,0)+1,1)*INDEX($D$3:$AA$30,INDEX(Jesper!$R$2:$R$366,ROW(INDEX(Jesper!AJ$2:AJ$366,ROUNDDOWN($C3207/24,0)+1,1))-1)+IF('Standard Profiles'!$G$20=$B$10,7,0)+IF('Standard Profiles'!$G$20=$B$17,14,0)+IF('Standard Profiles'!$G$20=$B$24,21,0),MOD($C3207,24)+1)/SUM(INDEX($D$3:$AA$30,INDEX(Jesper!$R$2:$R$366,ROW(INDEX(Jesper!AJ$2:AJ$366,ROUNDDOWN($C3207/24,0)+1,1))-1)+IF('Standard Profiles'!$G$20=$B$10,7,0)+IF('Standard Profiles'!$G$20=$B$17,14,0)+IF('Standard Profiles'!$G$20=$B$24,21,0),0)),0)</f>
        <v>2.5728156385319285</v>
      </c>
      <c r="G3207" cm="1">
        <f t="array" ref="G3207">IFERROR(INDEX(Jesper!AK$2:AK$366,ROUNDDOWN($C3207/24,0)+1,1)*INDEX($D$3:$AA$30,INDEX(Jesper!$R$2:$R$366,ROW(INDEX(Jesper!AK$2:AK$366,ROUNDDOWN($C3207/24,0)+1,1))-1)+IF('Standard Profiles'!$G$21=$B$10,7,0)+IF('Standard Profiles'!$G$21=$B$17,14,0)+IF('Standard Profiles'!$G$21=$B$24,21,0),MOD($C3207,24)+1)/SUM(INDEX($D$3:$AA$30,INDEX(Jesper!$R$2:$R$366,ROW(INDEX(Jesper!AK$2:AK$366,ROUNDDOWN($C3207/24,0)+1,1))-1)+IF('Standard Profiles'!$G$21=$B$10,7,0)+IF('Standard Profiles'!$G$21=$B$17,14,0)+IF('Standard Profiles'!$G$21=$B$24,21,0),0)),0)</f>
        <v>3.0990697248456014</v>
      </c>
      <c r="H3207" cm="1">
        <f t="array" ref="H3207">IFERROR(INDEX(Jesper!AL$2:AL$366,ROUNDDOWN($C3207/24,0)+1,1)*INDEX($D$3:$AA$30,INDEX(Jesper!$R$2:$R$366,ROW(INDEX(Jesper!AL$2:AL$366,ROUNDDOWN($C3207/24,0)+1,1))-1)+IF('Standard Profiles'!$G$22=$B$10,7,0)+IF('Standard Profiles'!$G$22=$B$17,14,0)+IF('Standard Profiles'!$G$22=$B$24,21,0),MOD($C3207,24)+1)/SUM(INDEX($D$3:$AA$30,INDEX(Jesper!$R$2:$R$366,ROW(INDEX(Jesper!AL$2:AL$366,ROUNDDOWN($C3207/24,0)+1,1))-1)+IF('Standard Profiles'!$G$22=$B$10,7,0)+IF('Standard Profiles'!$G$22=$B$17,14,0)+IF('Standard Profiles'!$G$22=$B$24,21,0),0)),0)</f>
        <v>1.8313760649331541</v>
      </c>
      <c r="I3207">
        <f t="shared" si="363"/>
        <v>1.7581210223358288</v>
      </c>
      <c r="J3207">
        <f t="shared" si="364"/>
        <v>8.9878722991642839</v>
      </c>
      <c r="K3207">
        <f t="shared" si="365"/>
        <v>0.29479380847176628</v>
      </c>
      <c r="L3207">
        <f t="shared" si="366"/>
        <v>0.14739690423588314</v>
      </c>
      <c r="M3207">
        <f t="shared" si="367"/>
        <v>0</v>
      </c>
      <c r="N3207" s="45">
        <f t="shared" si="368"/>
        <v>45059.208333325638</v>
      </c>
    </row>
    <row r="3208" spans="2:14" x14ac:dyDescent="0.25">
      <c r="B3208">
        <f t="shared" si="362"/>
        <v>6</v>
      </c>
      <c r="C3208" s="16">
        <v>3174</v>
      </c>
      <c r="D3208" cm="1">
        <f t="array" ref="D3208">IFERROR(INDEX(Jesper!AH$2:AH$366,ROUNDDOWN($C3208/24,0)+1,1)*INDEX($D$3:$AA$30,INDEX(Jesper!$R$2:$R$366,ROW(INDEX(Jesper!AH$2:AH$366,ROUNDDOWN($C3208/24,0)+1,1))-1)+IF('Standard Profiles'!$G$18=$B$10,7,0)+IF('Standard Profiles'!$G$18=$B$17,14,0)+IF('Standard Profiles'!$G$18=$B$24,21,0),MOD($C3208,24)+1)/SUM(INDEX($D$3:$AA$30,INDEX(Jesper!$R$2:$R$366,ROW(INDEX(Jesper!AH$2:AH$366,ROUNDDOWN($C3208/24,0)+1,1))-1)+IF('Standard Profiles'!$G$18=$B$10,7,0)+IF('Standard Profiles'!$G$18=$B$17,14,0)+IF('Standard Profiles'!$G$18=$B$24,21,0),0)),0)</f>
        <v>0</v>
      </c>
      <c r="E3208" cm="1">
        <f t="array" ref="E3208">IFERROR(INDEX(Jesper!AI$2:AI$366,ROUNDDOWN($C3208/24,0)+1,1)*INDEX($D$3:$AA$30,INDEX(Jesper!$R$2:$R$366,ROW(INDEX(Jesper!AI$2:AI$366,ROUNDDOWN($C3208/24,0)+1,1))-1)+IF('Standard Profiles'!$G$19=$B$10,7,0)+IF('Standard Profiles'!$G$19=$B$17,14,0)+IF('Standard Profiles'!$G$19=$B$24,21,0),MOD($C3208,24)+1)/SUM(INDEX($D$3:$AA$30,INDEX(Jesper!$R$2:$R$366,ROW(INDEX(Jesper!AI$2:AI$366,ROUNDDOWN($C3208/24,0)+1,1))-1)+IF('Standard Profiles'!$G$19=$B$10,7,0)+IF('Standard Profiles'!$G$19=$B$17,14,0)+IF('Standard Profiles'!$G$19=$B$24,21,0),0)),0)</f>
        <v>3.6849226058970785</v>
      </c>
      <c r="F3208" cm="1">
        <f t="array" ref="F3208">IFERROR(INDEX(Jesper!AJ$2:AJ$366,ROUNDDOWN($C3208/24,0)+1,1)*INDEX($D$3:$AA$30,INDEX(Jesper!$R$2:$R$366,ROW(INDEX(Jesper!AJ$2:AJ$366,ROUNDDOWN($C3208/24,0)+1,1))-1)+IF('Standard Profiles'!$G$20=$B$10,7,0)+IF('Standard Profiles'!$G$20=$B$17,14,0)+IF('Standard Profiles'!$G$20=$B$24,21,0),MOD($C3208,24)+1)/SUM(INDEX($D$3:$AA$30,INDEX(Jesper!$R$2:$R$366,ROW(INDEX(Jesper!AJ$2:AJ$366,ROUNDDOWN($C3208/24,0)+1,1))-1)+IF('Standard Profiles'!$G$20=$B$10,7,0)+IF('Standard Profiles'!$G$20=$B$17,14,0)+IF('Standard Profiles'!$G$20=$B$24,21,0),0)),0)</f>
        <v>2.5728156385319285</v>
      </c>
      <c r="G3208" cm="1">
        <f t="array" ref="G3208">IFERROR(INDEX(Jesper!AK$2:AK$366,ROUNDDOWN($C3208/24,0)+1,1)*INDEX($D$3:$AA$30,INDEX(Jesper!$R$2:$R$366,ROW(INDEX(Jesper!AK$2:AK$366,ROUNDDOWN($C3208/24,0)+1,1))-1)+IF('Standard Profiles'!$G$21=$B$10,7,0)+IF('Standard Profiles'!$G$21=$B$17,14,0)+IF('Standard Profiles'!$G$21=$B$24,21,0),MOD($C3208,24)+1)/SUM(INDEX($D$3:$AA$30,INDEX(Jesper!$R$2:$R$366,ROW(INDEX(Jesper!AK$2:AK$366,ROUNDDOWN($C3208/24,0)+1,1))-1)+IF('Standard Profiles'!$G$21=$B$10,7,0)+IF('Standard Profiles'!$G$21=$B$17,14,0)+IF('Standard Profiles'!$G$21=$B$24,21,0),0)),0)</f>
        <v>3.0990697248456014</v>
      </c>
      <c r="H3208" cm="1">
        <f t="array" ref="H3208">IFERROR(INDEX(Jesper!AL$2:AL$366,ROUNDDOWN($C3208/24,0)+1,1)*INDEX($D$3:$AA$30,INDEX(Jesper!$R$2:$R$366,ROW(INDEX(Jesper!AL$2:AL$366,ROUNDDOWN($C3208/24,0)+1,1))-1)+IF('Standard Profiles'!$G$22=$B$10,7,0)+IF('Standard Profiles'!$G$22=$B$17,14,0)+IF('Standard Profiles'!$G$22=$B$24,21,0),MOD($C3208,24)+1)/SUM(INDEX($D$3:$AA$30,INDEX(Jesper!$R$2:$R$366,ROW(INDEX(Jesper!AL$2:AL$366,ROUNDDOWN($C3208/24,0)+1,1))-1)+IF('Standard Profiles'!$G$22=$B$10,7,0)+IF('Standard Profiles'!$G$22=$B$17,14,0)+IF('Standard Profiles'!$G$22=$B$24,21,0),0)),0)</f>
        <v>2.2981974148180755</v>
      </c>
      <c r="I3208">
        <f t="shared" si="363"/>
        <v>2.2062695182253536</v>
      </c>
      <c r="J3208">
        <f t="shared" si="364"/>
        <v>9.0065451531596814</v>
      </c>
      <c r="K3208">
        <f t="shared" si="365"/>
        <v>0.29479380847176628</v>
      </c>
      <c r="L3208">
        <f t="shared" si="366"/>
        <v>0.14739690423588314</v>
      </c>
      <c r="M3208">
        <f t="shared" si="367"/>
        <v>0</v>
      </c>
      <c r="N3208" s="45">
        <f t="shared" si="368"/>
        <v>45059.249999992302</v>
      </c>
    </row>
    <row r="3209" spans="2:14" x14ac:dyDescent="0.25">
      <c r="B3209">
        <f t="shared" si="362"/>
        <v>6</v>
      </c>
      <c r="C3209" s="16">
        <v>3175</v>
      </c>
      <c r="D3209" cm="1">
        <f t="array" ref="D3209">IFERROR(INDEX(Jesper!AH$2:AH$366,ROUNDDOWN($C3209/24,0)+1,1)*INDEX($D$3:$AA$30,INDEX(Jesper!$R$2:$R$366,ROW(INDEX(Jesper!AH$2:AH$366,ROUNDDOWN($C3209/24,0)+1,1))-1)+IF('Standard Profiles'!$G$18=$B$10,7,0)+IF('Standard Profiles'!$G$18=$B$17,14,0)+IF('Standard Profiles'!$G$18=$B$24,21,0),MOD($C3209,24)+1)/SUM(INDEX($D$3:$AA$30,INDEX(Jesper!$R$2:$R$366,ROW(INDEX(Jesper!AH$2:AH$366,ROUNDDOWN($C3209/24,0)+1,1))-1)+IF('Standard Profiles'!$G$18=$B$10,7,0)+IF('Standard Profiles'!$G$18=$B$17,14,0)+IF('Standard Profiles'!$G$18=$B$24,21,0),0)),0)</f>
        <v>0</v>
      </c>
      <c r="E3209" cm="1">
        <f t="array" ref="E3209">IFERROR(INDEX(Jesper!AI$2:AI$366,ROUNDDOWN($C3209/24,0)+1,1)*INDEX($D$3:$AA$30,INDEX(Jesper!$R$2:$R$366,ROW(INDEX(Jesper!AI$2:AI$366,ROUNDDOWN($C3209/24,0)+1,1))-1)+IF('Standard Profiles'!$G$19=$B$10,7,0)+IF('Standard Profiles'!$G$19=$B$17,14,0)+IF('Standard Profiles'!$G$19=$B$24,21,0),MOD($C3209,24)+1)/SUM(INDEX($D$3:$AA$30,INDEX(Jesper!$R$2:$R$366,ROW(INDEX(Jesper!AI$2:AI$366,ROUNDDOWN($C3209/24,0)+1,1))-1)+IF('Standard Profiles'!$G$19=$B$10,7,0)+IF('Standard Profiles'!$G$19=$B$17,14,0)+IF('Standard Profiles'!$G$19=$B$24,21,0),0)),0)</f>
        <v>3.6849226058970785</v>
      </c>
      <c r="F3209" cm="1">
        <f t="array" ref="F3209">IFERROR(INDEX(Jesper!AJ$2:AJ$366,ROUNDDOWN($C3209/24,0)+1,1)*INDEX($D$3:$AA$30,INDEX(Jesper!$R$2:$R$366,ROW(INDEX(Jesper!AJ$2:AJ$366,ROUNDDOWN($C3209/24,0)+1,1))-1)+IF('Standard Profiles'!$G$20=$B$10,7,0)+IF('Standard Profiles'!$G$20=$B$17,14,0)+IF('Standard Profiles'!$G$20=$B$24,21,0),MOD($C3209,24)+1)/SUM(INDEX($D$3:$AA$30,INDEX(Jesper!$R$2:$R$366,ROW(INDEX(Jesper!AJ$2:AJ$366,ROUNDDOWN($C3209/24,0)+1,1))-1)+IF('Standard Profiles'!$G$20=$B$10,7,0)+IF('Standard Profiles'!$G$20=$B$17,14,0)+IF('Standard Profiles'!$G$20=$B$24,21,0),0)),0)</f>
        <v>2.5728156385319285</v>
      </c>
      <c r="G3209" cm="1">
        <f t="array" ref="G3209">IFERROR(INDEX(Jesper!AK$2:AK$366,ROUNDDOWN($C3209/24,0)+1,1)*INDEX($D$3:$AA$30,INDEX(Jesper!$R$2:$R$366,ROW(INDEX(Jesper!AK$2:AK$366,ROUNDDOWN($C3209/24,0)+1,1))-1)+IF('Standard Profiles'!$G$21=$B$10,7,0)+IF('Standard Profiles'!$G$21=$B$17,14,0)+IF('Standard Profiles'!$G$21=$B$24,21,0),MOD($C3209,24)+1)/SUM(INDEX($D$3:$AA$30,INDEX(Jesper!$R$2:$R$366,ROW(INDEX(Jesper!AK$2:AK$366,ROUNDDOWN($C3209/24,0)+1,1))-1)+IF('Standard Profiles'!$G$21=$B$10,7,0)+IF('Standard Profiles'!$G$21=$B$17,14,0)+IF('Standard Profiles'!$G$21=$B$24,21,0),0)),0)</f>
        <v>3.0990697248456014</v>
      </c>
      <c r="H3209" cm="1">
        <f t="array" ref="H3209">IFERROR(INDEX(Jesper!AL$2:AL$366,ROUNDDOWN($C3209/24,0)+1,1)*INDEX($D$3:$AA$30,INDEX(Jesper!$R$2:$R$366,ROW(INDEX(Jesper!AL$2:AL$366,ROUNDDOWN($C3209/24,0)+1,1))-1)+IF('Standard Profiles'!$G$22=$B$10,7,0)+IF('Standard Profiles'!$G$22=$B$17,14,0)+IF('Standard Profiles'!$G$22=$B$24,21,0),MOD($C3209,24)+1)/SUM(INDEX($D$3:$AA$30,INDEX(Jesper!$R$2:$R$366,ROW(INDEX(Jesper!AL$2:AL$366,ROUNDDOWN($C3209/24,0)+1,1))-1)+IF('Standard Profiles'!$G$22=$B$10,7,0)+IF('Standard Profiles'!$G$22=$B$17,14,0)+IF('Standard Profiles'!$G$22=$B$24,21,0),0)),0)</f>
        <v>2.6213814262768671</v>
      </c>
      <c r="I3209">
        <f t="shared" si="363"/>
        <v>2.5165261692257936</v>
      </c>
      <c r="J3209">
        <f t="shared" si="364"/>
        <v>9.019472513618032</v>
      </c>
      <c r="K3209">
        <f t="shared" si="365"/>
        <v>0.29479380847176628</v>
      </c>
      <c r="L3209">
        <f t="shared" si="366"/>
        <v>0.14739690423588314</v>
      </c>
      <c r="M3209">
        <f t="shared" si="367"/>
        <v>0</v>
      </c>
      <c r="N3209" s="45">
        <f t="shared" si="368"/>
        <v>45059.291666658966</v>
      </c>
    </row>
    <row r="3210" spans="2:14" x14ac:dyDescent="0.25">
      <c r="B3210">
        <f t="shared" si="362"/>
        <v>6</v>
      </c>
      <c r="C3210" s="16">
        <v>3176</v>
      </c>
      <c r="D3210" cm="1">
        <f t="array" ref="D3210">IFERROR(INDEX(Jesper!AH$2:AH$366,ROUNDDOWN($C3210/24,0)+1,1)*INDEX($D$3:$AA$30,INDEX(Jesper!$R$2:$R$366,ROW(INDEX(Jesper!AH$2:AH$366,ROUNDDOWN($C3210/24,0)+1,1))-1)+IF('Standard Profiles'!$G$18=$B$10,7,0)+IF('Standard Profiles'!$G$18=$B$17,14,0)+IF('Standard Profiles'!$G$18=$B$24,21,0),MOD($C3210,24)+1)/SUM(INDEX($D$3:$AA$30,INDEX(Jesper!$R$2:$R$366,ROW(INDEX(Jesper!AH$2:AH$366,ROUNDDOWN($C3210/24,0)+1,1))-1)+IF('Standard Profiles'!$G$18=$B$10,7,0)+IF('Standard Profiles'!$G$18=$B$17,14,0)+IF('Standard Profiles'!$G$18=$B$24,21,0),0)),0)</f>
        <v>0</v>
      </c>
      <c r="E3210" cm="1">
        <f t="array" ref="E3210">IFERROR(INDEX(Jesper!AI$2:AI$366,ROUNDDOWN($C3210/24,0)+1,1)*INDEX($D$3:$AA$30,INDEX(Jesper!$R$2:$R$366,ROW(INDEX(Jesper!AI$2:AI$366,ROUNDDOWN($C3210/24,0)+1,1))-1)+IF('Standard Profiles'!$G$19=$B$10,7,0)+IF('Standard Profiles'!$G$19=$B$17,14,0)+IF('Standard Profiles'!$G$19=$B$24,21,0),MOD($C3210,24)+1)/SUM(INDEX($D$3:$AA$30,INDEX(Jesper!$R$2:$R$366,ROW(INDEX(Jesper!AI$2:AI$366,ROUNDDOWN($C3210/24,0)+1,1))-1)+IF('Standard Profiles'!$G$19=$B$10,7,0)+IF('Standard Profiles'!$G$19=$B$17,14,0)+IF('Standard Profiles'!$G$19=$B$24,21,0),0)),0)</f>
        <v>3.6849226058970785</v>
      </c>
      <c r="F3210" cm="1">
        <f t="array" ref="F3210">IFERROR(INDEX(Jesper!AJ$2:AJ$366,ROUNDDOWN($C3210/24,0)+1,1)*INDEX($D$3:$AA$30,INDEX(Jesper!$R$2:$R$366,ROW(INDEX(Jesper!AJ$2:AJ$366,ROUNDDOWN($C3210/24,0)+1,1))-1)+IF('Standard Profiles'!$G$20=$B$10,7,0)+IF('Standard Profiles'!$G$20=$B$17,14,0)+IF('Standard Profiles'!$G$20=$B$24,21,0),MOD($C3210,24)+1)/SUM(INDEX($D$3:$AA$30,INDEX(Jesper!$R$2:$R$366,ROW(INDEX(Jesper!AJ$2:AJ$366,ROUNDDOWN($C3210/24,0)+1,1))-1)+IF('Standard Profiles'!$G$20=$B$10,7,0)+IF('Standard Profiles'!$G$20=$B$17,14,0)+IF('Standard Profiles'!$G$20=$B$24,21,0),0)),0)</f>
        <v>2.5728156385319285</v>
      </c>
      <c r="G3210" cm="1">
        <f t="array" ref="G3210">IFERROR(INDEX(Jesper!AK$2:AK$366,ROUNDDOWN($C3210/24,0)+1,1)*INDEX($D$3:$AA$30,INDEX(Jesper!$R$2:$R$366,ROW(INDEX(Jesper!AK$2:AK$366,ROUNDDOWN($C3210/24,0)+1,1))-1)+IF('Standard Profiles'!$G$21=$B$10,7,0)+IF('Standard Profiles'!$G$21=$B$17,14,0)+IF('Standard Profiles'!$G$21=$B$24,21,0),MOD($C3210,24)+1)/SUM(INDEX($D$3:$AA$30,INDEX(Jesper!$R$2:$R$366,ROW(INDEX(Jesper!AK$2:AK$366,ROUNDDOWN($C3210/24,0)+1,1))-1)+IF('Standard Profiles'!$G$21=$B$10,7,0)+IF('Standard Profiles'!$G$21=$B$17,14,0)+IF('Standard Profiles'!$G$21=$B$24,21,0),0)),0)</f>
        <v>3.0990697248456014</v>
      </c>
      <c r="H3210" cm="1">
        <f t="array" ref="H3210">IFERROR(INDEX(Jesper!AL$2:AL$366,ROUNDDOWN($C3210/24,0)+1,1)*INDEX($D$3:$AA$30,INDEX(Jesper!$R$2:$R$366,ROW(INDEX(Jesper!AL$2:AL$366,ROUNDDOWN($C3210/24,0)+1,1))-1)+IF('Standard Profiles'!$G$22=$B$10,7,0)+IF('Standard Profiles'!$G$22=$B$17,14,0)+IF('Standard Profiles'!$G$22=$B$24,21,0),MOD($C3210,24)+1)/SUM(INDEX($D$3:$AA$30,INDEX(Jesper!$R$2:$R$366,ROW(INDEX(Jesper!AL$2:AL$366,ROUNDDOWN($C3210/24,0)+1,1))-1)+IF('Standard Profiles'!$G$22=$B$10,7,0)+IF('Standard Profiles'!$G$22=$B$17,14,0)+IF('Standard Profiles'!$G$22=$B$24,21,0),0)),0)</f>
        <v>2.6213814262768671</v>
      </c>
      <c r="I3210">
        <f t="shared" si="363"/>
        <v>2.5165261692257936</v>
      </c>
      <c r="J3210">
        <f t="shared" si="364"/>
        <v>9.019472513618032</v>
      </c>
      <c r="K3210">
        <f t="shared" si="365"/>
        <v>0.29479380847176628</v>
      </c>
      <c r="L3210">
        <f t="shared" si="366"/>
        <v>0.14739690423588314</v>
      </c>
      <c r="M3210">
        <f t="shared" si="367"/>
        <v>0</v>
      </c>
      <c r="N3210" s="45">
        <f t="shared" si="368"/>
        <v>45059.333333325631</v>
      </c>
    </row>
    <row r="3211" spans="2:14" x14ac:dyDescent="0.25">
      <c r="B3211">
        <f t="shared" si="362"/>
        <v>6</v>
      </c>
      <c r="C3211" s="16">
        <v>3177</v>
      </c>
      <c r="D3211" cm="1">
        <f t="array" ref="D3211">IFERROR(INDEX(Jesper!AH$2:AH$366,ROUNDDOWN($C3211/24,0)+1,1)*INDEX($D$3:$AA$30,INDEX(Jesper!$R$2:$R$366,ROW(INDEX(Jesper!AH$2:AH$366,ROUNDDOWN($C3211/24,0)+1,1))-1)+IF('Standard Profiles'!$G$18=$B$10,7,0)+IF('Standard Profiles'!$G$18=$B$17,14,0)+IF('Standard Profiles'!$G$18=$B$24,21,0),MOD($C3211,24)+1)/SUM(INDEX($D$3:$AA$30,INDEX(Jesper!$R$2:$R$366,ROW(INDEX(Jesper!AH$2:AH$366,ROUNDDOWN($C3211/24,0)+1,1))-1)+IF('Standard Profiles'!$G$18=$B$10,7,0)+IF('Standard Profiles'!$G$18=$B$17,14,0)+IF('Standard Profiles'!$G$18=$B$24,21,0),0)),0)</f>
        <v>0</v>
      </c>
      <c r="E3211" cm="1">
        <f t="array" ref="E3211">IFERROR(INDEX(Jesper!AI$2:AI$366,ROUNDDOWN($C3211/24,0)+1,1)*INDEX($D$3:$AA$30,INDEX(Jesper!$R$2:$R$366,ROW(INDEX(Jesper!AI$2:AI$366,ROUNDDOWN($C3211/24,0)+1,1))-1)+IF('Standard Profiles'!$G$19=$B$10,7,0)+IF('Standard Profiles'!$G$19=$B$17,14,0)+IF('Standard Profiles'!$G$19=$B$24,21,0),MOD($C3211,24)+1)/SUM(INDEX($D$3:$AA$30,INDEX(Jesper!$R$2:$R$366,ROW(INDEX(Jesper!AI$2:AI$366,ROUNDDOWN($C3211/24,0)+1,1))-1)+IF('Standard Profiles'!$G$19=$B$10,7,0)+IF('Standard Profiles'!$G$19=$B$17,14,0)+IF('Standard Profiles'!$G$19=$B$24,21,0),0)),0)</f>
        <v>3.6849226058970785</v>
      </c>
      <c r="F3211" cm="1">
        <f t="array" ref="F3211">IFERROR(INDEX(Jesper!AJ$2:AJ$366,ROUNDDOWN($C3211/24,0)+1,1)*INDEX($D$3:$AA$30,INDEX(Jesper!$R$2:$R$366,ROW(INDEX(Jesper!AJ$2:AJ$366,ROUNDDOWN($C3211/24,0)+1,1))-1)+IF('Standard Profiles'!$G$20=$B$10,7,0)+IF('Standard Profiles'!$G$20=$B$17,14,0)+IF('Standard Profiles'!$G$20=$B$24,21,0),MOD($C3211,24)+1)/SUM(INDEX($D$3:$AA$30,INDEX(Jesper!$R$2:$R$366,ROW(INDEX(Jesper!AJ$2:AJ$366,ROUNDDOWN($C3211/24,0)+1,1))-1)+IF('Standard Profiles'!$G$20=$B$10,7,0)+IF('Standard Profiles'!$G$20=$B$17,14,0)+IF('Standard Profiles'!$G$20=$B$24,21,0),0)),0)</f>
        <v>2.5728156385319285</v>
      </c>
      <c r="G3211" cm="1">
        <f t="array" ref="G3211">IFERROR(INDEX(Jesper!AK$2:AK$366,ROUNDDOWN($C3211/24,0)+1,1)*INDEX($D$3:$AA$30,INDEX(Jesper!$R$2:$R$366,ROW(INDEX(Jesper!AK$2:AK$366,ROUNDDOWN($C3211/24,0)+1,1))-1)+IF('Standard Profiles'!$G$21=$B$10,7,0)+IF('Standard Profiles'!$G$21=$B$17,14,0)+IF('Standard Profiles'!$G$21=$B$24,21,0),MOD($C3211,24)+1)/SUM(INDEX($D$3:$AA$30,INDEX(Jesper!$R$2:$R$366,ROW(INDEX(Jesper!AK$2:AK$366,ROUNDDOWN($C3211/24,0)+1,1))-1)+IF('Standard Profiles'!$G$21=$B$10,7,0)+IF('Standard Profiles'!$G$21=$B$17,14,0)+IF('Standard Profiles'!$G$21=$B$24,21,0),0)),0)</f>
        <v>3.0990697248456014</v>
      </c>
      <c r="H3211" cm="1">
        <f t="array" ref="H3211">IFERROR(INDEX(Jesper!AL$2:AL$366,ROUNDDOWN($C3211/24,0)+1,1)*INDEX($D$3:$AA$30,INDEX(Jesper!$R$2:$R$366,ROW(INDEX(Jesper!AL$2:AL$366,ROUNDDOWN($C3211/24,0)+1,1))-1)+IF('Standard Profiles'!$G$22=$B$10,7,0)+IF('Standard Profiles'!$G$22=$B$17,14,0)+IF('Standard Profiles'!$G$22=$B$24,21,0),MOD($C3211,24)+1)/SUM(INDEX($D$3:$AA$30,INDEX(Jesper!$R$2:$R$366,ROW(INDEX(Jesper!AL$2:AL$366,ROUNDDOWN($C3211/24,0)+1,1))-1)+IF('Standard Profiles'!$G$22=$B$10,7,0)+IF('Standard Profiles'!$G$22=$B$17,14,0)+IF('Standard Profiles'!$G$22=$B$24,21,0),0)),0)</f>
        <v>2.6213814262768671</v>
      </c>
      <c r="I3211">
        <f t="shared" si="363"/>
        <v>2.5165261692257936</v>
      </c>
      <c r="J3211">
        <f t="shared" si="364"/>
        <v>9.019472513618032</v>
      </c>
      <c r="K3211">
        <f t="shared" si="365"/>
        <v>0.29479380847176628</v>
      </c>
      <c r="L3211">
        <f t="shared" si="366"/>
        <v>0.14739690423588314</v>
      </c>
      <c r="M3211">
        <f t="shared" si="367"/>
        <v>0</v>
      </c>
      <c r="N3211" s="45">
        <f t="shared" si="368"/>
        <v>45059.374999992295</v>
      </c>
    </row>
    <row r="3212" spans="2:14" x14ac:dyDescent="0.25">
      <c r="B3212">
        <f t="shared" si="362"/>
        <v>6</v>
      </c>
      <c r="C3212" s="16">
        <v>3178</v>
      </c>
      <c r="D3212" cm="1">
        <f t="array" ref="D3212">IFERROR(INDEX(Jesper!AH$2:AH$366,ROUNDDOWN($C3212/24,0)+1,1)*INDEX($D$3:$AA$30,INDEX(Jesper!$R$2:$R$366,ROW(INDEX(Jesper!AH$2:AH$366,ROUNDDOWN($C3212/24,0)+1,1))-1)+IF('Standard Profiles'!$G$18=$B$10,7,0)+IF('Standard Profiles'!$G$18=$B$17,14,0)+IF('Standard Profiles'!$G$18=$B$24,21,0),MOD($C3212,24)+1)/SUM(INDEX($D$3:$AA$30,INDEX(Jesper!$R$2:$R$366,ROW(INDEX(Jesper!AH$2:AH$366,ROUNDDOWN($C3212/24,0)+1,1))-1)+IF('Standard Profiles'!$G$18=$B$10,7,0)+IF('Standard Profiles'!$G$18=$B$17,14,0)+IF('Standard Profiles'!$G$18=$B$24,21,0),0)),0)</f>
        <v>0</v>
      </c>
      <c r="E3212" cm="1">
        <f t="array" ref="E3212">IFERROR(INDEX(Jesper!AI$2:AI$366,ROUNDDOWN($C3212/24,0)+1,1)*INDEX($D$3:$AA$30,INDEX(Jesper!$R$2:$R$366,ROW(INDEX(Jesper!AI$2:AI$366,ROUNDDOWN($C3212/24,0)+1,1))-1)+IF('Standard Profiles'!$G$19=$B$10,7,0)+IF('Standard Profiles'!$G$19=$B$17,14,0)+IF('Standard Profiles'!$G$19=$B$24,21,0),MOD($C3212,24)+1)/SUM(INDEX($D$3:$AA$30,INDEX(Jesper!$R$2:$R$366,ROW(INDEX(Jesper!AI$2:AI$366,ROUNDDOWN($C3212/24,0)+1,1))-1)+IF('Standard Profiles'!$G$19=$B$10,7,0)+IF('Standard Profiles'!$G$19=$B$17,14,0)+IF('Standard Profiles'!$G$19=$B$24,21,0),0)),0)</f>
        <v>3.6849226058970785</v>
      </c>
      <c r="F3212" cm="1">
        <f t="array" ref="F3212">IFERROR(INDEX(Jesper!AJ$2:AJ$366,ROUNDDOWN($C3212/24,0)+1,1)*INDEX($D$3:$AA$30,INDEX(Jesper!$R$2:$R$366,ROW(INDEX(Jesper!AJ$2:AJ$366,ROUNDDOWN($C3212/24,0)+1,1))-1)+IF('Standard Profiles'!$G$20=$B$10,7,0)+IF('Standard Profiles'!$G$20=$B$17,14,0)+IF('Standard Profiles'!$G$20=$B$24,21,0),MOD($C3212,24)+1)/SUM(INDEX($D$3:$AA$30,INDEX(Jesper!$R$2:$R$366,ROW(INDEX(Jesper!AJ$2:AJ$366,ROUNDDOWN($C3212/24,0)+1,1))-1)+IF('Standard Profiles'!$G$20=$B$10,7,0)+IF('Standard Profiles'!$G$20=$B$17,14,0)+IF('Standard Profiles'!$G$20=$B$24,21,0),0)),0)</f>
        <v>2.5728156385319285</v>
      </c>
      <c r="G3212" cm="1">
        <f t="array" ref="G3212">IFERROR(INDEX(Jesper!AK$2:AK$366,ROUNDDOWN($C3212/24,0)+1,1)*INDEX($D$3:$AA$30,INDEX(Jesper!$R$2:$R$366,ROW(INDEX(Jesper!AK$2:AK$366,ROUNDDOWN($C3212/24,0)+1,1))-1)+IF('Standard Profiles'!$G$21=$B$10,7,0)+IF('Standard Profiles'!$G$21=$B$17,14,0)+IF('Standard Profiles'!$G$21=$B$24,21,0),MOD($C3212,24)+1)/SUM(INDEX($D$3:$AA$30,INDEX(Jesper!$R$2:$R$366,ROW(INDEX(Jesper!AK$2:AK$366,ROUNDDOWN($C3212/24,0)+1,1))-1)+IF('Standard Profiles'!$G$21=$B$10,7,0)+IF('Standard Profiles'!$G$21=$B$17,14,0)+IF('Standard Profiles'!$G$21=$B$24,21,0),0)),0)</f>
        <v>3.0990697248456014</v>
      </c>
      <c r="H3212" cm="1">
        <f t="array" ref="H3212">IFERROR(INDEX(Jesper!AL$2:AL$366,ROUNDDOWN($C3212/24,0)+1,1)*INDEX($D$3:$AA$30,INDEX(Jesper!$R$2:$R$366,ROW(INDEX(Jesper!AL$2:AL$366,ROUNDDOWN($C3212/24,0)+1,1))-1)+IF('Standard Profiles'!$G$22=$B$10,7,0)+IF('Standard Profiles'!$G$22=$B$17,14,0)+IF('Standard Profiles'!$G$22=$B$24,21,0),MOD($C3212,24)+1)/SUM(INDEX($D$3:$AA$30,INDEX(Jesper!$R$2:$R$366,ROW(INDEX(Jesper!AL$2:AL$366,ROUNDDOWN($C3212/24,0)+1,1))-1)+IF('Standard Profiles'!$G$22=$B$10,7,0)+IF('Standard Profiles'!$G$22=$B$17,14,0)+IF('Standard Profiles'!$G$22=$B$24,21,0),0)),0)</f>
        <v>2.6213814262768671</v>
      </c>
      <c r="I3212">
        <f t="shared" si="363"/>
        <v>2.5165261692257936</v>
      </c>
      <c r="J3212">
        <f t="shared" si="364"/>
        <v>9.019472513618032</v>
      </c>
      <c r="K3212">
        <f t="shared" si="365"/>
        <v>0.29479380847176628</v>
      </c>
      <c r="L3212">
        <f t="shared" si="366"/>
        <v>0.14739690423588314</v>
      </c>
      <c r="M3212">
        <f t="shared" si="367"/>
        <v>0</v>
      </c>
      <c r="N3212" s="45">
        <f t="shared" si="368"/>
        <v>45059.416666658959</v>
      </c>
    </row>
    <row r="3213" spans="2:14" x14ac:dyDescent="0.25">
      <c r="B3213">
        <f t="shared" si="362"/>
        <v>6</v>
      </c>
      <c r="C3213" s="16">
        <v>3179</v>
      </c>
      <c r="D3213" cm="1">
        <f t="array" ref="D3213">IFERROR(INDEX(Jesper!AH$2:AH$366,ROUNDDOWN($C3213/24,0)+1,1)*INDEX($D$3:$AA$30,INDEX(Jesper!$R$2:$R$366,ROW(INDEX(Jesper!AH$2:AH$366,ROUNDDOWN($C3213/24,0)+1,1))-1)+IF('Standard Profiles'!$G$18=$B$10,7,0)+IF('Standard Profiles'!$G$18=$B$17,14,0)+IF('Standard Profiles'!$G$18=$B$24,21,0),MOD($C3213,24)+1)/SUM(INDEX($D$3:$AA$30,INDEX(Jesper!$R$2:$R$366,ROW(INDEX(Jesper!AH$2:AH$366,ROUNDDOWN($C3213/24,0)+1,1))-1)+IF('Standard Profiles'!$G$18=$B$10,7,0)+IF('Standard Profiles'!$G$18=$B$17,14,0)+IF('Standard Profiles'!$G$18=$B$24,21,0),0)),0)</f>
        <v>0</v>
      </c>
      <c r="E3213" cm="1">
        <f t="array" ref="E3213">IFERROR(INDEX(Jesper!AI$2:AI$366,ROUNDDOWN($C3213/24,0)+1,1)*INDEX($D$3:$AA$30,INDEX(Jesper!$R$2:$R$366,ROW(INDEX(Jesper!AI$2:AI$366,ROUNDDOWN($C3213/24,0)+1,1))-1)+IF('Standard Profiles'!$G$19=$B$10,7,0)+IF('Standard Profiles'!$G$19=$B$17,14,0)+IF('Standard Profiles'!$G$19=$B$24,21,0),MOD($C3213,24)+1)/SUM(INDEX($D$3:$AA$30,INDEX(Jesper!$R$2:$R$366,ROW(INDEX(Jesper!AI$2:AI$366,ROUNDDOWN($C3213/24,0)+1,1))-1)+IF('Standard Profiles'!$G$19=$B$10,7,0)+IF('Standard Profiles'!$G$19=$B$17,14,0)+IF('Standard Profiles'!$G$19=$B$24,21,0),0)),0)</f>
        <v>3.6849226058970785</v>
      </c>
      <c r="F3213" cm="1">
        <f t="array" ref="F3213">IFERROR(INDEX(Jesper!AJ$2:AJ$366,ROUNDDOWN($C3213/24,0)+1,1)*INDEX($D$3:$AA$30,INDEX(Jesper!$R$2:$R$366,ROW(INDEX(Jesper!AJ$2:AJ$366,ROUNDDOWN($C3213/24,0)+1,1))-1)+IF('Standard Profiles'!$G$20=$B$10,7,0)+IF('Standard Profiles'!$G$20=$B$17,14,0)+IF('Standard Profiles'!$G$20=$B$24,21,0),MOD($C3213,24)+1)/SUM(INDEX($D$3:$AA$30,INDEX(Jesper!$R$2:$R$366,ROW(INDEX(Jesper!AJ$2:AJ$366,ROUNDDOWN($C3213/24,0)+1,1))-1)+IF('Standard Profiles'!$G$20=$B$10,7,0)+IF('Standard Profiles'!$G$20=$B$17,14,0)+IF('Standard Profiles'!$G$20=$B$24,21,0),0)),0)</f>
        <v>2.5728156385319285</v>
      </c>
      <c r="G3213" cm="1">
        <f t="array" ref="G3213">IFERROR(INDEX(Jesper!AK$2:AK$366,ROUNDDOWN($C3213/24,0)+1,1)*INDEX($D$3:$AA$30,INDEX(Jesper!$R$2:$R$366,ROW(INDEX(Jesper!AK$2:AK$366,ROUNDDOWN($C3213/24,0)+1,1))-1)+IF('Standard Profiles'!$G$21=$B$10,7,0)+IF('Standard Profiles'!$G$21=$B$17,14,0)+IF('Standard Profiles'!$G$21=$B$24,21,0),MOD($C3213,24)+1)/SUM(INDEX($D$3:$AA$30,INDEX(Jesper!$R$2:$R$366,ROW(INDEX(Jesper!AK$2:AK$366,ROUNDDOWN($C3213/24,0)+1,1))-1)+IF('Standard Profiles'!$G$21=$B$10,7,0)+IF('Standard Profiles'!$G$21=$B$17,14,0)+IF('Standard Profiles'!$G$21=$B$24,21,0),0)),0)</f>
        <v>3.0990697248456014</v>
      </c>
      <c r="H3213" cm="1">
        <f t="array" ref="H3213">IFERROR(INDEX(Jesper!AL$2:AL$366,ROUNDDOWN($C3213/24,0)+1,1)*INDEX($D$3:$AA$30,INDEX(Jesper!$R$2:$R$366,ROW(INDEX(Jesper!AL$2:AL$366,ROUNDDOWN($C3213/24,0)+1,1))-1)+IF('Standard Profiles'!$G$22=$B$10,7,0)+IF('Standard Profiles'!$G$22=$B$17,14,0)+IF('Standard Profiles'!$G$22=$B$24,21,0),MOD($C3213,24)+1)/SUM(INDEX($D$3:$AA$30,INDEX(Jesper!$R$2:$R$366,ROW(INDEX(Jesper!AL$2:AL$366,ROUNDDOWN($C3213/24,0)+1,1))-1)+IF('Standard Profiles'!$G$22=$B$10,7,0)+IF('Standard Profiles'!$G$22=$B$17,14,0)+IF('Standard Profiles'!$G$22=$B$24,21,0),0)),0)</f>
        <v>2.6213814262768671</v>
      </c>
      <c r="I3213">
        <f t="shared" si="363"/>
        <v>2.5165261692257936</v>
      </c>
      <c r="J3213">
        <f t="shared" si="364"/>
        <v>9.019472513618032</v>
      </c>
      <c r="K3213">
        <f t="shared" si="365"/>
        <v>0.29479380847176628</v>
      </c>
      <c r="L3213">
        <f t="shared" si="366"/>
        <v>0.14739690423588314</v>
      </c>
      <c r="M3213">
        <f t="shared" si="367"/>
        <v>0</v>
      </c>
      <c r="N3213" s="45">
        <f t="shared" si="368"/>
        <v>45059.458333325623</v>
      </c>
    </row>
    <row r="3214" spans="2:14" x14ac:dyDescent="0.25">
      <c r="B3214">
        <f t="shared" si="362"/>
        <v>6</v>
      </c>
      <c r="C3214" s="16">
        <v>3180</v>
      </c>
      <c r="D3214" cm="1">
        <f t="array" ref="D3214">IFERROR(INDEX(Jesper!AH$2:AH$366,ROUNDDOWN($C3214/24,0)+1,1)*INDEX($D$3:$AA$30,INDEX(Jesper!$R$2:$R$366,ROW(INDEX(Jesper!AH$2:AH$366,ROUNDDOWN($C3214/24,0)+1,1))-1)+IF('Standard Profiles'!$G$18=$B$10,7,0)+IF('Standard Profiles'!$G$18=$B$17,14,0)+IF('Standard Profiles'!$G$18=$B$24,21,0),MOD($C3214,24)+1)/SUM(INDEX($D$3:$AA$30,INDEX(Jesper!$R$2:$R$366,ROW(INDEX(Jesper!AH$2:AH$366,ROUNDDOWN($C3214/24,0)+1,1))-1)+IF('Standard Profiles'!$G$18=$B$10,7,0)+IF('Standard Profiles'!$G$18=$B$17,14,0)+IF('Standard Profiles'!$G$18=$B$24,21,0),0)),0)</f>
        <v>0</v>
      </c>
      <c r="E3214" cm="1">
        <f t="array" ref="E3214">IFERROR(INDEX(Jesper!AI$2:AI$366,ROUNDDOWN($C3214/24,0)+1,1)*INDEX($D$3:$AA$30,INDEX(Jesper!$R$2:$R$366,ROW(INDEX(Jesper!AI$2:AI$366,ROUNDDOWN($C3214/24,0)+1,1))-1)+IF('Standard Profiles'!$G$19=$B$10,7,0)+IF('Standard Profiles'!$G$19=$B$17,14,0)+IF('Standard Profiles'!$G$19=$B$24,21,0),MOD($C3214,24)+1)/SUM(INDEX($D$3:$AA$30,INDEX(Jesper!$R$2:$R$366,ROW(INDEX(Jesper!AI$2:AI$366,ROUNDDOWN($C3214/24,0)+1,1))-1)+IF('Standard Profiles'!$G$19=$B$10,7,0)+IF('Standard Profiles'!$G$19=$B$17,14,0)+IF('Standard Profiles'!$G$19=$B$24,21,0),0)),0)</f>
        <v>3.6849226058970785</v>
      </c>
      <c r="F3214" cm="1">
        <f t="array" ref="F3214">IFERROR(INDEX(Jesper!AJ$2:AJ$366,ROUNDDOWN($C3214/24,0)+1,1)*INDEX($D$3:$AA$30,INDEX(Jesper!$R$2:$R$366,ROW(INDEX(Jesper!AJ$2:AJ$366,ROUNDDOWN($C3214/24,0)+1,1))-1)+IF('Standard Profiles'!$G$20=$B$10,7,0)+IF('Standard Profiles'!$G$20=$B$17,14,0)+IF('Standard Profiles'!$G$20=$B$24,21,0),MOD($C3214,24)+1)/SUM(INDEX($D$3:$AA$30,INDEX(Jesper!$R$2:$R$366,ROW(INDEX(Jesper!AJ$2:AJ$366,ROUNDDOWN($C3214/24,0)+1,1))-1)+IF('Standard Profiles'!$G$20=$B$10,7,0)+IF('Standard Profiles'!$G$20=$B$17,14,0)+IF('Standard Profiles'!$G$20=$B$24,21,0),0)),0)</f>
        <v>2.5728156385319285</v>
      </c>
      <c r="G3214" cm="1">
        <f t="array" ref="G3214">IFERROR(INDEX(Jesper!AK$2:AK$366,ROUNDDOWN($C3214/24,0)+1,1)*INDEX($D$3:$AA$30,INDEX(Jesper!$R$2:$R$366,ROW(INDEX(Jesper!AK$2:AK$366,ROUNDDOWN($C3214/24,0)+1,1))-1)+IF('Standard Profiles'!$G$21=$B$10,7,0)+IF('Standard Profiles'!$G$21=$B$17,14,0)+IF('Standard Profiles'!$G$21=$B$24,21,0),MOD($C3214,24)+1)/SUM(INDEX($D$3:$AA$30,INDEX(Jesper!$R$2:$R$366,ROW(INDEX(Jesper!AK$2:AK$366,ROUNDDOWN($C3214/24,0)+1,1))-1)+IF('Standard Profiles'!$G$21=$B$10,7,0)+IF('Standard Profiles'!$G$21=$B$17,14,0)+IF('Standard Profiles'!$G$21=$B$24,21,0),0)),0)</f>
        <v>3.0990697248456014</v>
      </c>
      <c r="H3214" cm="1">
        <f t="array" ref="H3214">IFERROR(INDEX(Jesper!AL$2:AL$366,ROUNDDOWN($C3214/24,0)+1,1)*INDEX($D$3:$AA$30,INDEX(Jesper!$R$2:$R$366,ROW(INDEX(Jesper!AL$2:AL$366,ROUNDDOWN($C3214/24,0)+1,1))-1)+IF('Standard Profiles'!$G$22=$B$10,7,0)+IF('Standard Profiles'!$G$22=$B$17,14,0)+IF('Standard Profiles'!$G$22=$B$24,21,0),MOD($C3214,24)+1)/SUM(INDEX($D$3:$AA$30,INDEX(Jesper!$R$2:$R$366,ROW(INDEX(Jesper!AL$2:AL$366,ROUNDDOWN($C3214/24,0)+1,1))-1)+IF('Standard Profiles'!$G$22=$B$10,7,0)+IF('Standard Profiles'!$G$22=$B$17,14,0)+IF('Standard Profiles'!$G$22=$B$24,21,0),0)),0)</f>
        <v>2.6213814262768671</v>
      </c>
      <c r="I3214">
        <f t="shared" si="363"/>
        <v>2.5165261692257936</v>
      </c>
      <c r="J3214">
        <f t="shared" si="364"/>
        <v>9.019472513618032</v>
      </c>
      <c r="K3214">
        <f t="shared" si="365"/>
        <v>0.29479380847176628</v>
      </c>
      <c r="L3214">
        <f t="shared" si="366"/>
        <v>0.14739690423588314</v>
      </c>
      <c r="M3214">
        <f t="shared" si="367"/>
        <v>0</v>
      </c>
      <c r="N3214" s="45">
        <f t="shared" si="368"/>
        <v>45059.499999992287</v>
      </c>
    </row>
    <row r="3215" spans="2:14" x14ac:dyDescent="0.25">
      <c r="B3215">
        <f t="shared" si="362"/>
        <v>6</v>
      </c>
      <c r="C3215" s="16">
        <v>3181</v>
      </c>
      <c r="D3215" cm="1">
        <f t="array" ref="D3215">IFERROR(INDEX(Jesper!AH$2:AH$366,ROUNDDOWN($C3215/24,0)+1,1)*INDEX($D$3:$AA$30,INDEX(Jesper!$R$2:$R$366,ROW(INDEX(Jesper!AH$2:AH$366,ROUNDDOWN($C3215/24,0)+1,1))-1)+IF('Standard Profiles'!$G$18=$B$10,7,0)+IF('Standard Profiles'!$G$18=$B$17,14,0)+IF('Standard Profiles'!$G$18=$B$24,21,0),MOD($C3215,24)+1)/SUM(INDEX($D$3:$AA$30,INDEX(Jesper!$R$2:$R$366,ROW(INDEX(Jesper!AH$2:AH$366,ROUNDDOWN($C3215/24,0)+1,1))-1)+IF('Standard Profiles'!$G$18=$B$10,7,0)+IF('Standard Profiles'!$G$18=$B$17,14,0)+IF('Standard Profiles'!$G$18=$B$24,21,0),0)),0)</f>
        <v>0</v>
      </c>
      <c r="E3215" cm="1">
        <f t="array" ref="E3215">IFERROR(INDEX(Jesper!AI$2:AI$366,ROUNDDOWN($C3215/24,0)+1,1)*INDEX($D$3:$AA$30,INDEX(Jesper!$R$2:$R$366,ROW(INDEX(Jesper!AI$2:AI$366,ROUNDDOWN($C3215/24,0)+1,1))-1)+IF('Standard Profiles'!$G$19=$B$10,7,0)+IF('Standard Profiles'!$G$19=$B$17,14,0)+IF('Standard Profiles'!$G$19=$B$24,21,0),MOD($C3215,24)+1)/SUM(INDEX($D$3:$AA$30,INDEX(Jesper!$R$2:$R$366,ROW(INDEX(Jesper!AI$2:AI$366,ROUNDDOWN($C3215/24,0)+1,1))-1)+IF('Standard Profiles'!$G$19=$B$10,7,0)+IF('Standard Profiles'!$G$19=$B$17,14,0)+IF('Standard Profiles'!$G$19=$B$24,21,0),0)),0)</f>
        <v>3.6849226058970785</v>
      </c>
      <c r="F3215" cm="1">
        <f t="array" ref="F3215">IFERROR(INDEX(Jesper!AJ$2:AJ$366,ROUNDDOWN($C3215/24,0)+1,1)*INDEX($D$3:$AA$30,INDEX(Jesper!$R$2:$R$366,ROW(INDEX(Jesper!AJ$2:AJ$366,ROUNDDOWN($C3215/24,0)+1,1))-1)+IF('Standard Profiles'!$G$20=$B$10,7,0)+IF('Standard Profiles'!$G$20=$B$17,14,0)+IF('Standard Profiles'!$G$20=$B$24,21,0),MOD($C3215,24)+1)/SUM(INDEX($D$3:$AA$30,INDEX(Jesper!$R$2:$R$366,ROW(INDEX(Jesper!AJ$2:AJ$366,ROUNDDOWN($C3215/24,0)+1,1))-1)+IF('Standard Profiles'!$G$20=$B$10,7,0)+IF('Standard Profiles'!$G$20=$B$17,14,0)+IF('Standard Profiles'!$G$20=$B$24,21,0),0)),0)</f>
        <v>2.5728156385319285</v>
      </c>
      <c r="G3215" cm="1">
        <f t="array" ref="G3215">IFERROR(INDEX(Jesper!AK$2:AK$366,ROUNDDOWN($C3215/24,0)+1,1)*INDEX($D$3:$AA$30,INDEX(Jesper!$R$2:$R$366,ROW(INDEX(Jesper!AK$2:AK$366,ROUNDDOWN($C3215/24,0)+1,1))-1)+IF('Standard Profiles'!$G$21=$B$10,7,0)+IF('Standard Profiles'!$G$21=$B$17,14,0)+IF('Standard Profiles'!$G$21=$B$24,21,0),MOD($C3215,24)+1)/SUM(INDEX($D$3:$AA$30,INDEX(Jesper!$R$2:$R$366,ROW(INDEX(Jesper!AK$2:AK$366,ROUNDDOWN($C3215/24,0)+1,1))-1)+IF('Standard Profiles'!$G$21=$B$10,7,0)+IF('Standard Profiles'!$G$21=$B$17,14,0)+IF('Standard Profiles'!$G$21=$B$24,21,0),0)),0)</f>
        <v>3.0990697248456014</v>
      </c>
      <c r="H3215" cm="1">
        <f t="array" ref="H3215">IFERROR(INDEX(Jesper!AL$2:AL$366,ROUNDDOWN($C3215/24,0)+1,1)*INDEX($D$3:$AA$30,INDEX(Jesper!$R$2:$R$366,ROW(INDEX(Jesper!AL$2:AL$366,ROUNDDOWN($C3215/24,0)+1,1))-1)+IF('Standard Profiles'!$G$22=$B$10,7,0)+IF('Standard Profiles'!$G$22=$B$17,14,0)+IF('Standard Profiles'!$G$22=$B$24,21,0),MOD($C3215,24)+1)/SUM(INDEX($D$3:$AA$30,INDEX(Jesper!$R$2:$R$366,ROW(INDEX(Jesper!AL$2:AL$366,ROUNDDOWN($C3215/24,0)+1,1))-1)+IF('Standard Profiles'!$G$22=$B$10,7,0)+IF('Standard Profiles'!$G$22=$B$17,14,0)+IF('Standard Profiles'!$G$22=$B$24,21,0),0)),0)</f>
        <v>2.6213814262768671</v>
      </c>
      <c r="I3215">
        <f t="shared" si="363"/>
        <v>2.5165261692257936</v>
      </c>
      <c r="J3215">
        <f t="shared" si="364"/>
        <v>9.019472513618032</v>
      </c>
      <c r="K3215">
        <f t="shared" si="365"/>
        <v>0.29479380847176628</v>
      </c>
      <c r="L3215">
        <f t="shared" si="366"/>
        <v>0.14739690423588314</v>
      </c>
      <c r="M3215">
        <f t="shared" si="367"/>
        <v>0</v>
      </c>
      <c r="N3215" s="45">
        <f t="shared" si="368"/>
        <v>45059.541666658952</v>
      </c>
    </row>
    <row r="3216" spans="2:14" x14ac:dyDescent="0.25">
      <c r="B3216">
        <f t="shared" si="362"/>
        <v>6</v>
      </c>
      <c r="C3216" s="16">
        <v>3182</v>
      </c>
      <c r="D3216" cm="1">
        <f t="array" ref="D3216">IFERROR(INDEX(Jesper!AH$2:AH$366,ROUNDDOWN($C3216/24,0)+1,1)*INDEX($D$3:$AA$30,INDEX(Jesper!$R$2:$R$366,ROW(INDEX(Jesper!AH$2:AH$366,ROUNDDOWN($C3216/24,0)+1,1))-1)+IF('Standard Profiles'!$G$18=$B$10,7,0)+IF('Standard Profiles'!$G$18=$B$17,14,0)+IF('Standard Profiles'!$G$18=$B$24,21,0),MOD($C3216,24)+1)/SUM(INDEX($D$3:$AA$30,INDEX(Jesper!$R$2:$R$366,ROW(INDEX(Jesper!AH$2:AH$366,ROUNDDOWN($C3216/24,0)+1,1))-1)+IF('Standard Profiles'!$G$18=$B$10,7,0)+IF('Standard Profiles'!$G$18=$B$17,14,0)+IF('Standard Profiles'!$G$18=$B$24,21,0),0)),0)</f>
        <v>0</v>
      </c>
      <c r="E3216" cm="1">
        <f t="array" ref="E3216">IFERROR(INDEX(Jesper!AI$2:AI$366,ROUNDDOWN($C3216/24,0)+1,1)*INDEX($D$3:$AA$30,INDEX(Jesper!$R$2:$R$366,ROW(INDEX(Jesper!AI$2:AI$366,ROUNDDOWN($C3216/24,0)+1,1))-1)+IF('Standard Profiles'!$G$19=$B$10,7,0)+IF('Standard Profiles'!$G$19=$B$17,14,0)+IF('Standard Profiles'!$G$19=$B$24,21,0),MOD($C3216,24)+1)/SUM(INDEX($D$3:$AA$30,INDEX(Jesper!$R$2:$R$366,ROW(INDEX(Jesper!AI$2:AI$366,ROUNDDOWN($C3216/24,0)+1,1))-1)+IF('Standard Profiles'!$G$19=$B$10,7,0)+IF('Standard Profiles'!$G$19=$B$17,14,0)+IF('Standard Profiles'!$G$19=$B$24,21,0),0)),0)</f>
        <v>3.6849226058970785</v>
      </c>
      <c r="F3216" cm="1">
        <f t="array" ref="F3216">IFERROR(INDEX(Jesper!AJ$2:AJ$366,ROUNDDOWN($C3216/24,0)+1,1)*INDEX($D$3:$AA$30,INDEX(Jesper!$R$2:$R$366,ROW(INDEX(Jesper!AJ$2:AJ$366,ROUNDDOWN($C3216/24,0)+1,1))-1)+IF('Standard Profiles'!$G$20=$B$10,7,0)+IF('Standard Profiles'!$G$20=$B$17,14,0)+IF('Standard Profiles'!$G$20=$B$24,21,0),MOD($C3216,24)+1)/SUM(INDEX($D$3:$AA$30,INDEX(Jesper!$R$2:$R$366,ROW(INDEX(Jesper!AJ$2:AJ$366,ROUNDDOWN($C3216/24,0)+1,1))-1)+IF('Standard Profiles'!$G$20=$B$10,7,0)+IF('Standard Profiles'!$G$20=$B$17,14,0)+IF('Standard Profiles'!$G$20=$B$24,21,0),0)),0)</f>
        <v>2.5728156385319285</v>
      </c>
      <c r="G3216" cm="1">
        <f t="array" ref="G3216">IFERROR(INDEX(Jesper!AK$2:AK$366,ROUNDDOWN($C3216/24,0)+1,1)*INDEX($D$3:$AA$30,INDEX(Jesper!$R$2:$R$366,ROW(INDEX(Jesper!AK$2:AK$366,ROUNDDOWN($C3216/24,0)+1,1))-1)+IF('Standard Profiles'!$G$21=$B$10,7,0)+IF('Standard Profiles'!$G$21=$B$17,14,0)+IF('Standard Profiles'!$G$21=$B$24,21,0),MOD($C3216,24)+1)/SUM(INDEX($D$3:$AA$30,INDEX(Jesper!$R$2:$R$366,ROW(INDEX(Jesper!AK$2:AK$366,ROUNDDOWN($C3216/24,0)+1,1))-1)+IF('Standard Profiles'!$G$21=$B$10,7,0)+IF('Standard Profiles'!$G$21=$B$17,14,0)+IF('Standard Profiles'!$G$21=$B$24,21,0),0)),0)</f>
        <v>3.0990697248456014</v>
      </c>
      <c r="H3216" cm="1">
        <f t="array" ref="H3216">IFERROR(INDEX(Jesper!AL$2:AL$366,ROUNDDOWN($C3216/24,0)+1,1)*INDEX($D$3:$AA$30,INDEX(Jesper!$R$2:$R$366,ROW(INDEX(Jesper!AL$2:AL$366,ROUNDDOWN($C3216/24,0)+1,1))-1)+IF('Standard Profiles'!$G$22=$B$10,7,0)+IF('Standard Profiles'!$G$22=$B$17,14,0)+IF('Standard Profiles'!$G$22=$B$24,21,0),MOD($C3216,24)+1)/SUM(INDEX($D$3:$AA$30,INDEX(Jesper!$R$2:$R$366,ROW(INDEX(Jesper!AL$2:AL$366,ROUNDDOWN($C3216/24,0)+1,1))-1)+IF('Standard Profiles'!$G$22=$B$10,7,0)+IF('Standard Profiles'!$G$22=$B$17,14,0)+IF('Standard Profiles'!$G$22=$B$24,21,0),0)),0)</f>
        <v>2.6213814262768671</v>
      </c>
      <c r="I3216">
        <f t="shared" si="363"/>
        <v>2.5165261692257936</v>
      </c>
      <c r="J3216">
        <f t="shared" si="364"/>
        <v>9.019472513618032</v>
      </c>
      <c r="K3216">
        <f t="shared" si="365"/>
        <v>0.29479380847176628</v>
      </c>
      <c r="L3216">
        <f t="shared" si="366"/>
        <v>0.14739690423588314</v>
      </c>
      <c r="M3216">
        <f t="shared" si="367"/>
        <v>0</v>
      </c>
      <c r="N3216" s="45">
        <f t="shared" si="368"/>
        <v>45059.583333325616</v>
      </c>
    </row>
    <row r="3217" spans="2:14" x14ac:dyDescent="0.25">
      <c r="B3217">
        <f t="shared" si="362"/>
        <v>6</v>
      </c>
      <c r="C3217" s="16">
        <v>3183</v>
      </c>
      <c r="D3217" cm="1">
        <f t="array" ref="D3217">IFERROR(INDEX(Jesper!AH$2:AH$366,ROUNDDOWN($C3217/24,0)+1,1)*INDEX($D$3:$AA$30,INDEX(Jesper!$R$2:$R$366,ROW(INDEX(Jesper!AH$2:AH$366,ROUNDDOWN($C3217/24,0)+1,1))-1)+IF('Standard Profiles'!$G$18=$B$10,7,0)+IF('Standard Profiles'!$G$18=$B$17,14,0)+IF('Standard Profiles'!$G$18=$B$24,21,0),MOD($C3217,24)+1)/SUM(INDEX($D$3:$AA$30,INDEX(Jesper!$R$2:$R$366,ROW(INDEX(Jesper!AH$2:AH$366,ROUNDDOWN($C3217/24,0)+1,1))-1)+IF('Standard Profiles'!$G$18=$B$10,7,0)+IF('Standard Profiles'!$G$18=$B$17,14,0)+IF('Standard Profiles'!$G$18=$B$24,21,0),0)),0)</f>
        <v>0</v>
      </c>
      <c r="E3217" cm="1">
        <f t="array" ref="E3217">IFERROR(INDEX(Jesper!AI$2:AI$366,ROUNDDOWN($C3217/24,0)+1,1)*INDEX($D$3:$AA$30,INDEX(Jesper!$R$2:$R$366,ROW(INDEX(Jesper!AI$2:AI$366,ROUNDDOWN($C3217/24,0)+1,1))-1)+IF('Standard Profiles'!$G$19=$B$10,7,0)+IF('Standard Profiles'!$G$19=$B$17,14,0)+IF('Standard Profiles'!$G$19=$B$24,21,0),MOD($C3217,24)+1)/SUM(INDEX($D$3:$AA$30,INDEX(Jesper!$R$2:$R$366,ROW(INDEX(Jesper!AI$2:AI$366,ROUNDDOWN($C3217/24,0)+1,1))-1)+IF('Standard Profiles'!$G$19=$B$10,7,0)+IF('Standard Profiles'!$G$19=$B$17,14,0)+IF('Standard Profiles'!$G$19=$B$24,21,0),0)),0)</f>
        <v>3.6849226058970785</v>
      </c>
      <c r="F3217" cm="1">
        <f t="array" ref="F3217">IFERROR(INDEX(Jesper!AJ$2:AJ$366,ROUNDDOWN($C3217/24,0)+1,1)*INDEX($D$3:$AA$30,INDEX(Jesper!$R$2:$R$366,ROW(INDEX(Jesper!AJ$2:AJ$366,ROUNDDOWN($C3217/24,0)+1,1))-1)+IF('Standard Profiles'!$G$20=$B$10,7,0)+IF('Standard Profiles'!$G$20=$B$17,14,0)+IF('Standard Profiles'!$G$20=$B$24,21,0),MOD($C3217,24)+1)/SUM(INDEX($D$3:$AA$30,INDEX(Jesper!$R$2:$R$366,ROW(INDEX(Jesper!AJ$2:AJ$366,ROUNDDOWN($C3217/24,0)+1,1))-1)+IF('Standard Profiles'!$G$20=$B$10,7,0)+IF('Standard Profiles'!$G$20=$B$17,14,0)+IF('Standard Profiles'!$G$20=$B$24,21,0),0)),0)</f>
        <v>2.5728156385319285</v>
      </c>
      <c r="G3217" cm="1">
        <f t="array" ref="G3217">IFERROR(INDEX(Jesper!AK$2:AK$366,ROUNDDOWN($C3217/24,0)+1,1)*INDEX($D$3:$AA$30,INDEX(Jesper!$R$2:$R$366,ROW(INDEX(Jesper!AK$2:AK$366,ROUNDDOWN($C3217/24,0)+1,1))-1)+IF('Standard Profiles'!$G$21=$B$10,7,0)+IF('Standard Profiles'!$G$21=$B$17,14,0)+IF('Standard Profiles'!$G$21=$B$24,21,0),MOD($C3217,24)+1)/SUM(INDEX($D$3:$AA$30,INDEX(Jesper!$R$2:$R$366,ROW(INDEX(Jesper!AK$2:AK$366,ROUNDDOWN($C3217/24,0)+1,1))-1)+IF('Standard Profiles'!$G$21=$B$10,7,0)+IF('Standard Profiles'!$G$21=$B$17,14,0)+IF('Standard Profiles'!$G$21=$B$24,21,0),0)),0)</f>
        <v>3.0990697248456014</v>
      </c>
      <c r="H3217" cm="1">
        <f t="array" ref="H3217">IFERROR(INDEX(Jesper!AL$2:AL$366,ROUNDDOWN($C3217/24,0)+1,1)*INDEX($D$3:$AA$30,INDEX(Jesper!$R$2:$R$366,ROW(INDEX(Jesper!AL$2:AL$366,ROUNDDOWN($C3217/24,0)+1,1))-1)+IF('Standard Profiles'!$G$22=$B$10,7,0)+IF('Standard Profiles'!$G$22=$B$17,14,0)+IF('Standard Profiles'!$G$22=$B$24,21,0),MOD($C3217,24)+1)/SUM(INDEX($D$3:$AA$30,INDEX(Jesper!$R$2:$R$366,ROW(INDEX(Jesper!AL$2:AL$366,ROUNDDOWN($C3217/24,0)+1,1))-1)+IF('Standard Profiles'!$G$22=$B$10,7,0)+IF('Standard Profiles'!$G$22=$B$17,14,0)+IF('Standard Profiles'!$G$22=$B$24,21,0),0)),0)</f>
        <v>2.3700160840311399</v>
      </c>
      <c r="I3217">
        <f t="shared" si="363"/>
        <v>2.2752154406698955</v>
      </c>
      <c r="J3217">
        <f t="shared" si="364"/>
        <v>9.009417899928204</v>
      </c>
      <c r="K3217">
        <f t="shared" si="365"/>
        <v>0.29479380847176628</v>
      </c>
      <c r="L3217">
        <f t="shared" si="366"/>
        <v>0.14739690423588314</v>
      </c>
      <c r="M3217">
        <f t="shared" si="367"/>
        <v>0</v>
      </c>
      <c r="N3217" s="45">
        <f t="shared" si="368"/>
        <v>45059.62499999228</v>
      </c>
    </row>
    <row r="3218" spans="2:14" x14ac:dyDescent="0.25">
      <c r="B3218">
        <f t="shared" si="362"/>
        <v>6</v>
      </c>
      <c r="C3218" s="16">
        <v>3184</v>
      </c>
      <c r="D3218" cm="1">
        <f t="array" ref="D3218">IFERROR(INDEX(Jesper!AH$2:AH$366,ROUNDDOWN($C3218/24,0)+1,1)*INDEX($D$3:$AA$30,INDEX(Jesper!$R$2:$R$366,ROW(INDEX(Jesper!AH$2:AH$366,ROUNDDOWN($C3218/24,0)+1,1))-1)+IF('Standard Profiles'!$G$18=$B$10,7,0)+IF('Standard Profiles'!$G$18=$B$17,14,0)+IF('Standard Profiles'!$G$18=$B$24,21,0),MOD($C3218,24)+1)/SUM(INDEX($D$3:$AA$30,INDEX(Jesper!$R$2:$R$366,ROW(INDEX(Jesper!AH$2:AH$366,ROUNDDOWN($C3218/24,0)+1,1))-1)+IF('Standard Profiles'!$G$18=$B$10,7,0)+IF('Standard Profiles'!$G$18=$B$17,14,0)+IF('Standard Profiles'!$G$18=$B$24,21,0),0)),0)</f>
        <v>0</v>
      </c>
      <c r="E3218" cm="1">
        <f t="array" ref="E3218">IFERROR(INDEX(Jesper!AI$2:AI$366,ROUNDDOWN($C3218/24,0)+1,1)*INDEX($D$3:$AA$30,INDEX(Jesper!$R$2:$R$366,ROW(INDEX(Jesper!AI$2:AI$366,ROUNDDOWN($C3218/24,0)+1,1))-1)+IF('Standard Profiles'!$G$19=$B$10,7,0)+IF('Standard Profiles'!$G$19=$B$17,14,0)+IF('Standard Profiles'!$G$19=$B$24,21,0),MOD($C3218,24)+1)/SUM(INDEX($D$3:$AA$30,INDEX(Jesper!$R$2:$R$366,ROW(INDEX(Jesper!AI$2:AI$366,ROUNDDOWN($C3218/24,0)+1,1))-1)+IF('Standard Profiles'!$G$19=$B$10,7,0)+IF('Standard Profiles'!$G$19=$B$17,14,0)+IF('Standard Profiles'!$G$19=$B$24,21,0),0)),0)</f>
        <v>3.6849226058970785</v>
      </c>
      <c r="F3218" cm="1">
        <f t="array" ref="F3218">IFERROR(INDEX(Jesper!AJ$2:AJ$366,ROUNDDOWN($C3218/24,0)+1,1)*INDEX($D$3:$AA$30,INDEX(Jesper!$R$2:$R$366,ROW(INDEX(Jesper!AJ$2:AJ$366,ROUNDDOWN($C3218/24,0)+1,1))-1)+IF('Standard Profiles'!$G$20=$B$10,7,0)+IF('Standard Profiles'!$G$20=$B$17,14,0)+IF('Standard Profiles'!$G$20=$B$24,21,0),MOD($C3218,24)+1)/SUM(INDEX($D$3:$AA$30,INDEX(Jesper!$R$2:$R$366,ROW(INDEX(Jesper!AJ$2:AJ$366,ROUNDDOWN($C3218/24,0)+1,1))-1)+IF('Standard Profiles'!$G$20=$B$10,7,0)+IF('Standard Profiles'!$G$20=$B$17,14,0)+IF('Standard Profiles'!$G$20=$B$24,21,0),0)),0)</f>
        <v>2.5728156385319285</v>
      </c>
      <c r="G3218" cm="1">
        <f t="array" ref="G3218">IFERROR(INDEX(Jesper!AK$2:AK$366,ROUNDDOWN($C3218/24,0)+1,1)*INDEX($D$3:$AA$30,INDEX(Jesper!$R$2:$R$366,ROW(INDEX(Jesper!AK$2:AK$366,ROUNDDOWN($C3218/24,0)+1,1))-1)+IF('Standard Profiles'!$G$21=$B$10,7,0)+IF('Standard Profiles'!$G$21=$B$17,14,0)+IF('Standard Profiles'!$G$21=$B$24,21,0),MOD($C3218,24)+1)/SUM(INDEX($D$3:$AA$30,INDEX(Jesper!$R$2:$R$366,ROW(INDEX(Jesper!AK$2:AK$366,ROUNDDOWN($C3218/24,0)+1,1))-1)+IF('Standard Profiles'!$G$21=$B$10,7,0)+IF('Standard Profiles'!$G$21=$B$17,14,0)+IF('Standard Profiles'!$G$21=$B$24,21,0),0)),0)</f>
        <v>3.0990697248456014</v>
      </c>
      <c r="H3218" cm="1">
        <f t="array" ref="H3218">IFERROR(INDEX(Jesper!AL$2:AL$366,ROUNDDOWN($C3218/24,0)+1,1)*INDEX($D$3:$AA$30,INDEX(Jesper!$R$2:$R$366,ROW(INDEX(Jesper!AL$2:AL$366,ROUNDDOWN($C3218/24,0)+1,1))-1)+IF('Standard Profiles'!$G$22=$B$10,7,0)+IF('Standard Profiles'!$G$22=$B$17,14,0)+IF('Standard Profiles'!$G$22=$B$24,21,0),MOD($C3218,24)+1)/SUM(INDEX($D$3:$AA$30,INDEX(Jesper!$R$2:$R$366,ROW(INDEX(Jesper!AL$2:AL$366,ROUNDDOWN($C3218/24,0)+1,1))-1)+IF('Standard Profiles'!$G$22=$B$10,7,0)+IF('Standard Profiles'!$G$22=$B$17,14,0)+IF('Standard Profiles'!$G$22=$B$24,21,0),0)),0)</f>
        <v>2.1545600763919452</v>
      </c>
      <c r="I3218">
        <f t="shared" si="363"/>
        <v>2.0683776733362684</v>
      </c>
      <c r="J3218">
        <f t="shared" si="364"/>
        <v>9.0007996596226363</v>
      </c>
      <c r="K3218">
        <f t="shared" si="365"/>
        <v>0.29479380847176628</v>
      </c>
      <c r="L3218">
        <f t="shared" si="366"/>
        <v>0.14739690423588314</v>
      </c>
      <c r="M3218">
        <f t="shared" si="367"/>
        <v>0</v>
      </c>
      <c r="N3218" s="45">
        <f t="shared" si="368"/>
        <v>45059.666666658944</v>
      </c>
    </row>
    <row r="3219" spans="2:14" x14ac:dyDescent="0.25">
      <c r="B3219">
        <f t="shared" si="362"/>
        <v>6</v>
      </c>
      <c r="C3219" s="16">
        <v>3185</v>
      </c>
      <c r="D3219" cm="1">
        <f t="array" ref="D3219">IFERROR(INDEX(Jesper!AH$2:AH$366,ROUNDDOWN($C3219/24,0)+1,1)*INDEX($D$3:$AA$30,INDEX(Jesper!$R$2:$R$366,ROW(INDEX(Jesper!AH$2:AH$366,ROUNDDOWN($C3219/24,0)+1,1))-1)+IF('Standard Profiles'!$G$18=$B$10,7,0)+IF('Standard Profiles'!$G$18=$B$17,14,0)+IF('Standard Profiles'!$G$18=$B$24,21,0),MOD($C3219,24)+1)/SUM(INDEX($D$3:$AA$30,INDEX(Jesper!$R$2:$R$366,ROW(INDEX(Jesper!AH$2:AH$366,ROUNDDOWN($C3219/24,0)+1,1))-1)+IF('Standard Profiles'!$G$18=$B$10,7,0)+IF('Standard Profiles'!$G$18=$B$17,14,0)+IF('Standard Profiles'!$G$18=$B$24,21,0),0)),0)</f>
        <v>0</v>
      </c>
      <c r="E3219" cm="1">
        <f t="array" ref="E3219">IFERROR(INDEX(Jesper!AI$2:AI$366,ROUNDDOWN($C3219/24,0)+1,1)*INDEX($D$3:$AA$30,INDEX(Jesper!$R$2:$R$366,ROW(INDEX(Jesper!AI$2:AI$366,ROUNDDOWN($C3219/24,0)+1,1))-1)+IF('Standard Profiles'!$G$19=$B$10,7,0)+IF('Standard Profiles'!$G$19=$B$17,14,0)+IF('Standard Profiles'!$G$19=$B$24,21,0),MOD($C3219,24)+1)/SUM(INDEX($D$3:$AA$30,INDEX(Jesper!$R$2:$R$366,ROW(INDEX(Jesper!AI$2:AI$366,ROUNDDOWN($C3219/24,0)+1,1))-1)+IF('Standard Profiles'!$G$19=$B$10,7,0)+IF('Standard Profiles'!$G$19=$B$17,14,0)+IF('Standard Profiles'!$G$19=$B$24,21,0),0)),0)</f>
        <v>3.6849226058970785</v>
      </c>
      <c r="F3219" cm="1">
        <f t="array" ref="F3219">IFERROR(INDEX(Jesper!AJ$2:AJ$366,ROUNDDOWN($C3219/24,0)+1,1)*INDEX($D$3:$AA$30,INDEX(Jesper!$R$2:$R$366,ROW(INDEX(Jesper!AJ$2:AJ$366,ROUNDDOWN($C3219/24,0)+1,1))-1)+IF('Standard Profiles'!$G$20=$B$10,7,0)+IF('Standard Profiles'!$G$20=$B$17,14,0)+IF('Standard Profiles'!$G$20=$B$24,21,0),MOD($C3219,24)+1)/SUM(INDEX($D$3:$AA$30,INDEX(Jesper!$R$2:$R$366,ROW(INDEX(Jesper!AJ$2:AJ$366,ROUNDDOWN($C3219/24,0)+1,1))-1)+IF('Standard Profiles'!$G$20=$B$10,7,0)+IF('Standard Profiles'!$G$20=$B$17,14,0)+IF('Standard Profiles'!$G$20=$B$24,21,0),0)),0)</f>
        <v>2.5728156385319285</v>
      </c>
      <c r="G3219" cm="1">
        <f t="array" ref="G3219">IFERROR(INDEX(Jesper!AK$2:AK$366,ROUNDDOWN($C3219/24,0)+1,1)*INDEX($D$3:$AA$30,INDEX(Jesper!$R$2:$R$366,ROW(INDEX(Jesper!AK$2:AK$366,ROUNDDOWN($C3219/24,0)+1,1))-1)+IF('Standard Profiles'!$G$21=$B$10,7,0)+IF('Standard Profiles'!$G$21=$B$17,14,0)+IF('Standard Profiles'!$G$21=$B$24,21,0),MOD($C3219,24)+1)/SUM(INDEX($D$3:$AA$30,INDEX(Jesper!$R$2:$R$366,ROW(INDEX(Jesper!AK$2:AK$366,ROUNDDOWN($C3219/24,0)+1,1))-1)+IF('Standard Profiles'!$G$21=$B$10,7,0)+IF('Standard Profiles'!$G$21=$B$17,14,0)+IF('Standard Profiles'!$G$21=$B$24,21,0),0)),0)</f>
        <v>3.0990697248456014</v>
      </c>
      <c r="H3219" cm="1">
        <f t="array" ref="H3219">IFERROR(INDEX(Jesper!AL$2:AL$366,ROUNDDOWN($C3219/24,0)+1,1)*INDEX($D$3:$AA$30,INDEX(Jesper!$R$2:$R$366,ROW(INDEX(Jesper!AL$2:AL$366,ROUNDDOWN($C3219/24,0)+1,1))-1)+IF('Standard Profiles'!$G$22=$B$10,7,0)+IF('Standard Profiles'!$G$22=$B$17,14,0)+IF('Standard Profiles'!$G$22=$B$24,21,0),MOD($C3219,24)+1)/SUM(INDEX($D$3:$AA$30,INDEX(Jesper!$R$2:$R$366,ROW(INDEX(Jesper!AL$2:AL$366,ROUNDDOWN($C3219/24,0)+1,1))-1)+IF('Standard Profiles'!$G$22=$B$10,7,0)+IF('Standard Profiles'!$G$22=$B$17,14,0)+IF('Standard Profiles'!$G$22=$B$24,21,0),0)),0)</f>
        <v>1.939104068752751</v>
      </c>
      <c r="I3219">
        <f t="shared" si="363"/>
        <v>1.8615399060026419</v>
      </c>
      <c r="J3219">
        <f t="shared" si="364"/>
        <v>8.9921814193170686</v>
      </c>
      <c r="K3219">
        <f t="shared" si="365"/>
        <v>0.29479380847176628</v>
      </c>
      <c r="L3219">
        <f t="shared" si="366"/>
        <v>0.14739690423588314</v>
      </c>
      <c r="M3219">
        <f t="shared" si="367"/>
        <v>0</v>
      </c>
      <c r="N3219" s="45">
        <f t="shared" si="368"/>
        <v>45059.708333325609</v>
      </c>
    </row>
    <row r="3220" spans="2:14" x14ac:dyDescent="0.25">
      <c r="B3220">
        <f t="shared" si="362"/>
        <v>6</v>
      </c>
      <c r="C3220" s="16">
        <v>3186</v>
      </c>
      <c r="D3220" cm="1">
        <f t="array" ref="D3220">IFERROR(INDEX(Jesper!AH$2:AH$366,ROUNDDOWN($C3220/24,0)+1,1)*INDEX($D$3:$AA$30,INDEX(Jesper!$R$2:$R$366,ROW(INDEX(Jesper!AH$2:AH$366,ROUNDDOWN($C3220/24,0)+1,1))-1)+IF('Standard Profiles'!$G$18=$B$10,7,0)+IF('Standard Profiles'!$G$18=$B$17,14,0)+IF('Standard Profiles'!$G$18=$B$24,21,0),MOD($C3220,24)+1)/SUM(INDEX($D$3:$AA$30,INDEX(Jesper!$R$2:$R$366,ROW(INDEX(Jesper!AH$2:AH$366,ROUNDDOWN($C3220/24,0)+1,1))-1)+IF('Standard Profiles'!$G$18=$B$10,7,0)+IF('Standard Profiles'!$G$18=$B$17,14,0)+IF('Standard Profiles'!$G$18=$B$24,21,0),0)),0)</f>
        <v>0</v>
      </c>
      <c r="E3220" cm="1">
        <f t="array" ref="E3220">IFERROR(INDEX(Jesper!AI$2:AI$366,ROUNDDOWN($C3220/24,0)+1,1)*INDEX($D$3:$AA$30,INDEX(Jesper!$R$2:$R$366,ROW(INDEX(Jesper!AI$2:AI$366,ROUNDDOWN($C3220/24,0)+1,1))-1)+IF('Standard Profiles'!$G$19=$B$10,7,0)+IF('Standard Profiles'!$G$19=$B$17,14,0)+IF('Standard Profiles'!$G$19=$B$24,21,0),MOD($C3220,24)+1)/SUM(INDEX($D$3:$AA$30,INDEX(Jesper!$R$2:$R$366,ROW(INDEX(Jesper!AI$2:AI$366,ROUNDDOWN($C3220/24,0)+1,1))-1)+IF('Standard Profiles'!$G$19=$B$10,7,0)+IF('Standard Profiles'!$G$19=$B$17,14,0)+IF('Standard Profiles'!$G$19=$B$24,21,0),0)),0)</f>
        <v>3.6849226058970785</v>
      </c>
      <c r="F3220" cm="1">
        <f t="array" ref="F3220">IFERROR(INDEX(Jesper!AJ$2:AJ$366,ROUNDDOWN($C3220/24,0)+1,1)*INDEX($D$3:$AA$30,INDEX(Jesper!$R$2:$R$366,ROW(INDEX(Jesper!AJ$2:AJ$366,ROUNDDOWN($C3220/24,0)+1,1))-1)+IF('Standard Profiles'!$G$20=$B$10,7,0)+IF('Standard Profiles'!$G$20=$B$17,14,0)+IF('Standard Profiles'!$G$20=$B$24,21,0),MOD($C3220,24)+1)/SUM(INDEX($D$3:$AA$30,INDEX(Jesper!$R$2:$R$366,ROW(INDEX(Jesper!AJ$2:AJ$366,ROUNDDOWN($C3220/24,0)+1,1))-1)+IF('Standard Profiles'!$G$20=$B$10,7,0)+IF('Standard Profiles'!$G$20=$B$17,14,0)+IF('Standard Profiles'!$G$20=$B$24,21,0),0)),0)</f>
        <v>2.5728156385319285</v>
      </c>
      <c r="G3220" cm="1">
        <f t="array" ref="G3220">IFERROR(INDEX(Jesper!AK$2:AK$366,ROUNDDOWN($C3220/24,0)+1,1)*INDEX($D$3:$AA$30,INDEX(Jesper!$R$2:$R$366,ROW(INDEX(Jesper!AK$2:AK$366,ROUNDDOWN($C3220/24,0)+1,1))-1)+IF('Standard Profiles'!$G$21=$B$10,7,0)+IF('Standard Profiles'!$G$21=$B$17,14,0)+IF('Standard Profiles'!$G$21=$B$24,21,0),MOD($C3220,24)+1)/SUM(INDEX($D$3:$AA$30,INDEX(Jesper!$R$2:$R$366,ROW(INDEX(Jesper!AK$2:AK$366,ROUNDDOWN($C3220/24,0)+1,1))-1)+IF('Standard Profiles'!$G$21=$B$10,7,0)+IF('Standard Profiles'!$G$21=$B$17,14,0)+IF('Standard Profiles'!$G$21=$B$24,21,0),0)),0)</f>
        <v>3.0990697248456014</v>
      </c>
      <c r="H3220" cm="1">
        <f t="array" ref="H3220">IFERROR(INDEX(Jesper!AL$2:AL$366,ROUNDDOWN($C3220/24,0)+1,1)*INDEX($D$3:$AA$30,INDEX(Jesper!$R$2:$R$366,ROW(INDEX(Jesper!AL$2:AL$366,ROUNDDOWN($C3220/24,0)+1,1))-1)+IF('Standard Profiles'!$G$22=$B$10,7,0)+IF('Standard Profiles'!$G$22=$B$17,14,0)+IF('Standard Profiles'!$G$22=$B$24,21,0),MOD($C3220,24)+1)/SUM(INDEX($D$3:$AA$30,INDEX(Jesper!$R$2:$R$366,ROW(INDEX(Jesper!AL$2:AL$366,ROUNDDOWN($C3220/24,0)+1,1))-1)+IF('Standard Profiles'!$G$22=$B$10,7,0)+IF('Standard Profiles'!$G$22=$B$17,14,0)+IF('Standard Profiles'!$G$22=$B$24,21,0),0)),0)</f>
        <v>1.8672853995396861</v>
      </c>
      <c r="I3220">
        <f t="shared" si="363"/>
        <v>1.7925939835580995</v>
      </c>
      <c r="J3220">
        <f t="shared" si="364"/>
        <v>8.989308672548546</v>
      </c>
      <c r="K3220">
        <f t="shared" si="365"/>
        <v>0.29479380847176628</v>
      </c>
      <c r="L3220">
        <f t="shared" si="366"/>
        <v>0.14739690423588314</v>
      </c>
      <c r="M3220">
        <f t="shared" si="367"/>
        <v>0</v>
      </c>
      <c r="N3220" s="45">
        <f t="shared" si="368"/>
        <v>45059.749999992273</v>
      </c>
    </row>
    <row r="3221" spans="2:14" x14ac:dyDescent="0.25">
      <c r="B3221">
        <f t="shared" si="362"/>
        <v>6</v>
      </c>
      <c r="C3221" s="16">
        <v>3187</v>
      </c>
      <c r="D3221" cm="1">
        <f t="array" ref="D3221">IFERROR(INDEX(Jesper!AH$2:AH$366,ROUNDDOWN($C3221/24,0)+1,1)*INDEX($D$3:$AA$30,INDEX(Jesper!$R$2:$R$366,ROW(INDEX(Jesper!AH$2:AH$366,ROUNDDOWN($C3221/24,0)+1,1))-1)+IF('Standard Profiles'!$G$18=$B$10,7,0)+IF('Standard Profiles'!$G$18=$B$17,14,0)+IF('Standard Profiles'!$G$18=$B$24,21,0),MOD($C3221,24)+1)/SUM(INDEX($D$3:$AA$30,INDEX(Jesper!$R$2:$R$366,ROW(INDEX(Jesper!AH$2:AH$366,ROUNDDOWN($C3221/24,0)+1,1))-1)+IF('Standard Profiles'!$G$18=$B$10,7,0)+IF('Standard Profiles'!$G$18=$B$17,14,0)+IF('Standard Profiles'!$G$18=$B$24,21,0),0)),0)</f>
        <v>0</v>
      </c>
      <c r="E3221" cm="1">
        <f t="array" ref="E3221">IFERROR(INDEX(Jesper!AI$2:AI$366,ROUNDDOWN($C3221/24,0)+1,1)*INDEX($D$3:$AA$30,INDEX(Jesper!$R$2:$R$366,ROW(INDEX(Jesper!AI$2:AI$366,ROUNDDOWN($C3221/24,0)+1,1))-1)+IF('Standard Profiles'!$G$19=$B$10,7,0)+IF('Standard Profiles'!$G$19=$B$17,14,0)+IF('Standard Profiles'!$G$19=$B$24,21,0),MOD($C3221,24)+1)/SUM(INDEX($D$3:$AA$30,INDEX(Jesper!$R$2:$R$366,ROW(INDEX(Jesper!AI$2:AI$366,ROUNDDOWN($C3221/24,0)+1,1))-1)+IF('Standard Profiles'!$G$19=$B$10,7,0)+IF('Standard Profiles'!$G$19=$B$17,14,0)+IF('Standard Profiles'!$G$19=$B$24,21,0),0)),0)</f>
        <v>3.6849226058970785</v>
      </c>
      <c r="F3221" cm="1">
        <f t="array" ref="F3221">IFERROR(INDEX(Jesper!AJ$2:AJ$366,ROUNDDOWN($C3221/24,0)+1,1)*INDEX($D$3:$AA$30,INDEX(Jesper!$R$2:$R$366,ROW(INDEX(Jesper!AJ$2:AJ$366,ROUNDDOWN($C3221/24,0)+1,1))-1)+IF('Standard Profiles'!$G$20=$B$10,7,0)+IF('Standard Profiles'!$G$20=$B$17,14,0)+IF('Standard Profiles'!$G$20=$B$24,21,0),MOD($C3221,24)+1)/SUM(INDEX($D$3:$AA$30,INDEX(Jesper!$R$2:$R$366,ROW(INDEX(Jesper!AJ$2:AJ$366,ROUNDDOWN($C3221/24,0)+1,1))-1)+IF('Standard Profiles'!$G$20=$B$10,7,0)+IF('Standard Profiles'!$G$20=$B$17,14,0)+IF('Standard Profiles'!$G$20=$B$24,21,0),0)),0)</f>
        <v>2.5728156385319285</v>
      </c>
      <c r="G3221" cm="1">
        <f t="array" ref="G3221">IFERROR(INDEX(Jesper!AK$2:AK$366,ROUNDDOWN($C3221/24,0)+1,1)*INDEX($D$3:$AA$30,INDEX(Jesper!$R$2:$R$366,ROW(INDEX(Jesper!AK$2:AK$366,ROUNDDOWN($C3221/24,0)+1,1))-1)+IF('Standard Profiles'!$G$21=$B$10,7,0)+IF('Standard Profiles'!$G$21=$B$17,14,0)+IF('Standard Profiles'!$G$21=$B$24,21,0),MOD($C3221,24)+1)/SUM(INDEX($D$3:$AA$30,INDEX(Jesper!$R$2:$R$366,ROW(INDEX(Jesper!AK$2:AK$366,ROUNDDOWN($C3221/24,0)+1,1))-1)+IF('Standard Profiles'!$G$21=$B$10,7,0)+IF('Standard Profiles'!$G$21=$B$17,14,0)+IF('Standard Profiles'!$G$21=$B$24,21,0),0)),0)</f>
        <v>3.0990697248456014</v>
      </c>
      <c r="H3221" cm="1">
        <f t="array" ref="H3221">IFERROR(INDEX(Jesper!AL$2:AL$366,ROUNDDOWN($C3221/24,0)+1,1)*INDEX($D$3:$AA$30,INDEX(Jesper!$R$2:$R$366,ROW(INDEX(Jesper!AL$2:AL$366,ROUNDDOWN($C3221/24,0)+1,1))-1)+IF('Standard Profiles'!$G$22=$B$10,7,0)+IF('Standard Profiles'!$G$22=$B$17,14,0)+IF('Standard Profiles'!$G$22=$B$24,21,0),MOD($C3221,24)+1)/SUM(INDEX($D$3:$AA$30,INDEX(Jesper!$R$2:$R$366,ROW(INDEX(Jesper!AL$2:AL$366,ROUNDDOWN($C3221/24,0)+1,1))-1)+IF('Standard Profiles'!$G$22=$B$10,7,0)+IF('Standard Profiles'!$G$22=$B$17,14,0)+IF('Standard Profiles'!$G$22=$B$24,21,0),0)),0)</f>
        <v>1.5081920534743618</v>
      </c>
      <c r="I3221">
        <f t="shared" si="363"/>
        <v>1.447864371335388</v>
      </c>
      <c r="J3221">
        <f t="shared" si="364"/>
        <v>8.9749449387059332</v>
      </c>
      <c r="K3221">
        <f t="shared" si="365"/>
        <v>0.29479380847176628</v>
      </c>
      <c r="L3221">
        <f t="shared" si="366"/>
        <v>0.14739690423588314</v>
      </c>
      <c r="M3221">
        <f t="shared" si="367"/>
        <v>0</v>
      </c>
      <c r="N3221" s="45">
        <f t="shared" si="368"/>
        <v>45059.791666658937</v>
      </c>
    </row>
    <row r="3222" spans="2:14" x14ac:dyDescent="0.25">
      <c r="B3222">
        <f t="shared" si="362"/>
        <v>6</v>
      </c>
      <c r="C3222" s="16">
        <v>3188</v>
      </c>
      <c r="D3222" cm="1">
        <f t="array" ref="D3222">IFERROR(INDEX(Jesper!AH$2:AH$366,ROUNDDOWN($C3222/24,0)+1,1)*INDEX($D$3:$AA$30,INDEX(Jesper!$R$2:$R$366,ROW(INDEX(Jesper!AH$2:AH$366,ROUNDDOWN($C3222/24,0)+1,1))-1)+IF('Standard Profiles'!$G$18=$B$10,7,0)+IF('Standard Profiles'!$G$18=$B$17,14,0)+IF('Standard Profiles'!$G$18=$B$24,21,0),MOD($C3222,24)+1)/SUM(INDEX($D$3:$AA$30,INDEX(Jesper!$R$2:$R$366,ROW(INDEX(Jesper!AH$2:AH$366,ROUNDDOWN($C3222/24,0)+1,1))-1)+IF('Standard Profiles'!$G$18=$B$10,7,0)+IF('Standard Profiles'!$G$18=$B$17,14,0)+IF('Standard Profiles'!$G$18=$B$24,21,0),0)),0)</f>
        <v>0</v>
      </c>
      <c r="E3222" cm="1">
        <f t="array" ref="E3222">IFERROR(INDEX(Jesper!AI$2:AI$366,ROUNDDOWN($C3222/24,0)+1,1)*INDEX($D$3:$AA$30,INDEX(Jesper!$R$2:$R$366,ROW(INDEX(Jesper!AI$2:AI$366,ROUNDDOWN($C3222/24,0)+1,1))-1)+IF('Standard Profiles'!$G$19=$B$10,7,0)+IF('Standard Profiles'!$G$19=$B$17,14,0)+IF('Standard Profiles'!$G$19=$B$24,21,0),MOD($C3222,24)+1)/SUM(INDEX($D$3:$AA$30,INDEX(Jesper!$R$2:$R$366,ROW(INDEX(Jesper!AI$2:AI$366,ROUNDDOWN($C3222/24,0)+1,1))-1)+IF('Standard Profiles'!$G$19=$B$10,7,0)+IF('Standard Profiles'!$G$19=$B$17,14,0)+IF('Standard Profiles'!$G$19=$B$24,21,0),0)),0)</f>
        <v>3.6849226058970785</v>
      </c>
      <c r="F3222" cm="1">
        <f t="array" ref="F3222">IFERROR(INDEX(Jesper!AJ$2:AJ$366,ROUNDDOWN($C3222/24,0)+1,1)*INDEX($D$3:$AA$30,INDEX(Jesper!$R$2:$R$366,ROW(INDEX(Jesper!AJ$2:AJ$366,ROUNDDOWN($C3222/24,0)+1,1))-1)+IF('Standard Profiles'!$G$20=$B$10,7,0)+IF('Standard Profiles'!$G$20=$B$17,14,0)+IF('Standard Profiles'!$G$20=$B$24,21,0),MOD($C3222,24)+1)/SUM(INDEX($D$3:$AA$30,INDEX(Jesper!$R$2:$R$366,ROW(INDEX(Jesper!AJ$2:AJ$366,ROUNDDOWN($C3222/24,0)+1,1))-1)+IF('Standard Profiles'!$G$20=$B$10,7,0)+IF('Standard Profiles'!$G$20=$B$17,14,0)+IF('Standard Profiles'!$G$20=$B$24,21,0),0)),0)</f>
        <v>2.5728156385319285</v>
      </c>
      <c r="G3222" cm="1">
        <f t="array" ref="G3222">IFERROR(INDEX(Jesper!AK$2:AK$366,ROUNDDOWN($C3222/24,0)+1,1)*INDEX($D$3:$AA$30,INDEX(Jesper!$R$2:$R$366,ROW(INDEX(Jesper!AK$2:AK$366,ROUNDDOWN($C3222/24,0)+1,1))-1)+IF('Standard Profiles'!$G$21=$B$10,7,0)+IF('Standard Profiles'!$G$21=$B$17,14,0)+IF('Standard Profiles'!$G$21=$B$24,21,0),MOD($C3222,24)+1)/SUM(INDEX($D$3:$AA$30,INDEX(Jesper!$R$2:$R$366,ROW(INDEX(Jesper!AK$2:AK$366,ROUNDDOWN($C3222/24,0)+1,1))-1)+IF('Standard Profiles'!$G$21=$B$10,7,0)+IF('Standard Profiles'!$G$21=$B$17,14,0)+IF('Standard Profiles'!$G$21=$B$24,21,0),0)),0)</f>
        <v>3.0990697248456014</v>
      </c>
      <c r="H3222" cm="1">
        <f t="array" ref="H3222">IFERROR(INDEX(Jesper!AL$2:AL$366,ROUNDDOWN($C3222/24,0)+1,1)*INDEX($D$3:$AA$30,INDEX(Jesper!$R$2:$R$366,ROW(INDEX(Jesper!AL$2:AL$366,ROUNDDOWN($C3222/24,0)+1,1))-1)+IF('Standard Profiles'!$G$22=$B$10,7,0)+IF('Standard Profiles'!$G$22=$B$17,14,0)+IF('Standard Profiles'!$G$22=$B$24,21,0),MOD($C3222,24)+1)/SUM(INDEX($D$3:$AA$30,INDEX(Jesper!$R$2:$R$366,ROW(INDEX(Jesper!AL$2:AL$366,ROUNDDOWN($C3222/24,0)+1,1))-1)+IF('Standard Profiles'!$G$22=$B$10,7,0)+IF('Standard Profiles'!$G$22=$B$17,14,0)+IF('Standard Profiles'!$G$22=$B$24,21,0),0)),0)</f>
        <v>1.1131893728025051</v>
      </c>
      <c r="I3222">
        <f t="shared" si="363"/>
        <v>1.0686617978904054</v>
      </c>
      <c r="J3222">
        <f t="shared" si="364"/>
        <v>8.9591448314790583</v>
      </c>
      <c r="K3222">
        <f t="shared" si="365"/>
        <v>0.29479380847176628</v>
      </c>
      <c r="L3222">
        <f t="shared" si="366"/>
        <v>0.14739690423588314</v>
      </c>
      <c r="M3222">
        <f t="shared" si="367"/>
        <v>0</v>
      </c>
      <c r="N3222" s="45">
        <f t="shared" si="368"/>
        <v>45059.833333325601</v>
      </c>
    </row>
    <row r="3223" spans="2:14" x14ac:dyDescent="0.25">
      <c r="B3223">
        <f t="shared" si="362"/>
        <v>6</v>
      </c>
      <c r="C3223" s="16">
        <v>3189</v>
      </c>
      <c r="D3223" cm="1">
        <f t="array" ref="D3223">IFERROR(INDEX(Jesper!AH$2:AH$366,ROUNDDOWN($C3223/24,0)+1,1)*INDEX($D$3:$AA$30,INDEX(Jesper!$R$2:$R$366,ROW(INDEX(Jesper!AH$2:AH$366,ROUNDDOWN($C3223/24,0)+1,1))-1)+IF('Standard Profiles'!$G$18=$B$10,7,0)+IF('Standard Profiles'!$G$18=$B$17,14,0)+IF('Standard Profiles'!$G$18=$B$24,21,0),MOD($C3223,24)+1)/SUM(INDEX($D$3:$AA$30,INDEX(Jesper!$R$2:$R$366,ROW(INDEX(Jesper!AH$2:AH$366,ROUNDDOWN($C3223/24,0)+1,1))-1)+IF('Standard Profiles'!$G$18=$B$10,7,0)+IF('Standard Profiles'!$G$18=$B$17,14,0)+IF('Standard Profiles'!$G$18=$B$24,21,0),0)),0)</f>
        <v>0</v>
      </c>
      <c r="E3223" cm="1">
        <f t="array" ref="E3223">IFERROR(INDEX(Jesper!AI$2:AI$366,ROUNDDOWN($C3223/24,0)+1,1)*INDEX($D$3:$AA$30,INDEX(Jesper!$R$2:$R$366,ROW(INDEX(Jesper!AI$2:AI$366,ROUNDDOWN($C3223/24,0)+1,1))-1)+IF('Standard Profiles'!$G$19=$B$10,7,0)+IF('Standard Profiles'!$G$19=$B$17,14,0)+IF('Standard Profiles'!$G$19=$B$24,21,0),MOD($C3223,24)+1)/SUM(INDEX($D$3:$AA$30,INDEX(Jesper!$R$2:$R$366,ROW(INDEX(Jesper!AI$2:AI$366,ROUNDDOWN($C3223/24,0)+1,1))-1)+IF('Standard Profiles'!$G$19=$B$10,7,0)+IF('Standard Profiles'!$G$19=$B$17,14,0)+IF('Standard Profiles'!$G$19=$B$24,21,0),0)),0)</f>
        <v>3.6849226058970785</v>
      </c>
      <c r="F3223" cm="1">
        <f t="array" ref="F3223">IFERROR(INDEX(Jesper!AJ$2:AJ$366,ROUNDDOWN($C3223/24,0)+1,1)*INDEX($D$3:$AA$30,INDEX(Jesper!$R$2:$R$366,ROW(INDEX(Jesper!AJ$2:AJ$366,ROUNDDOWN($C3223/24,0)+1,1))-1)+IF('Standard Profiles'!$G$20=$B$10,7,0)+IF('Standard Profiles'!$G$20=$B$17,14,0)+IF('Standard Profiles'!$G$20=$B$24,21,0),MOD($C3223,24)+1)/SUM(INDEX($D$3:$AA$30,INDEX(Jesper!$R$2:$R$366,ROW(INDEX(Jesper!AJ$2:AJ$366,ROUNDDOWN($C3223/24,0)+1,1))-1)+IF('Standard Profiles'!$G$20=$B$10,7,0)+IF('Standard Profiles'!$G$20=$B$17,14,0)+IF('Standard Profiles'!$G$20=$B$24,21,0),0)),0)</f>
        <v>2.5728156385319285</v>
      </c>
      <c r="G3223" cm="1">
        <f t="array" ref="G3223">IFERROR(INDEX(Jesper!AK$2:AK$366,ROUNDDOWN($C3223/24,0)+1,1)*INDEX($D$3:$AA$30,INDEX(Jesper!$R$2:$R$366,ROW(INDEX(Jesper!AK$2:AK$366,ROUNDDOWN($C3223/24,0)+1,1))-1)+IF('Standard Profiles'!$G$21=$B$10,7,0)+IF('Standard Profiles'!$G$21=$B$17,14,0)+IF('Standard Profiles'!$G$21=$B$24,21,0),MOD($C3223,24)+1)/SUM(INDEX($D$3:$AA$30,INDEX(Jesper!$R$2:$R$366,ROW(INDEX(Jesper!AK$2:AK$366,ROUNDDOWN($C3223/24,0)+1,1))-1)+IF('Standard Profiles'!$G$21=$B$10,7,0)+IF('Standard Profiles'!$G$21=$B$17,14,0)+IF('Standard Profiles'!$G$21=$B$24,21,0),0)),0)</f>
        <v>3.0990697248456014</v>
      </c>
      <c r="H3223" cm="1">
        <f t="array" ref="H3223">IFERROR(INDEX(Jesper!AL$2:AL$366,ROUNDDOWN($C3223/24,0)+1,1)*INDEX($D$3:$AA$30,INDEX(Jesper!$R$2:$R$366,ROW(INDEX(Jesper!AL$2:AL$366,ROUNDDOWN($C3223/24,0)+1,1))-1)+IF('Standard Profiles'!$G$22=$B$10,7,0)+IF('Standard Profiles'!$G$22=$B$17,14,0)+IF('Standard Profiles'!$G$22=$B$24,21,0),MOD($C3223,24)+1)/SUM(INDEX($D$3:$AA$30,INDEX(Jesper!$R$2:$R$366,ROW(INDEX(Jesper!AL$2:AL$366,ROUNDDOWN($C3223/24,0)+1,1))-1)+IF('Standard Profiles'!$G$22=$B$10,7,0)+IF('Standard Profiles'!$G$22=$B$17,14,0)+IF('Standard Profiles'!$G$22=$B$24,21,0),0)),0)</f>
        <v>1.1131893728025051</v>
      </c>
      <c r="I3223">
        <f t="shared" si="363"/>
        <v>1.0686617978904054</v>
      </c>
      <c r="J3223">
        <f t="shared" si="364"/>
        <v>8.9591448314790583</v>
      </c>
      <c r="K3223">
        <f t="shared" si="365"/>
        <v>0.29479380847176628</v>
      </c>
      <c r="L3223">
        <f t="shared" si="366"/>
        <v>0.14739690423588314</v>
      </c>
      <c r="M3223">
        <f t="shared" si="367"/>
        <v>0</v>
      </c>
      <c r="N3223" s="45">
        <f t="shared" si="368"/>
        <v>45059.874999992266</v>
      </c>
    </row>
    <row r="3224" spans="2:14" x14ac:dyDescent="0.25">
      <c r="B3224">
        <f t="shared" si="362"/>
        <v>6</v>
      </c>
      <c r="C3224" s="16">
        <v>3190</v>
      </c>
      <c r="D3224" cm="1">
        <f t="array" ref="D3224">IFERROR(INDEX(Jesper!AH$2:AH$366,ROUNDDOWN($C3224/24,0)+1,1)*INDEX($D$3:$AA$30,INDEX(Jesper!$R$2:$R$366,ROW(INDEX(Jesper!AH$2:AH$366,ROUNDDOWN($C3224/24,0)+1,1))-1)+IF('Standard Profiles'!$G$18=$B$10,7,0)+IF('Standard Profiles'!$G$18=$B$17,14,0)+IF('Standard Profiles'!$G$18=$B$24,21,0),MOD($C3224,24)+1)/SUM(INDEX($D$3:$AA$30,INDEX(Jesper!$R$2:$R$366,ROW(INDEX(Jesper!AH$2:AH$366,ROUNDDOWN($C3224/24,0)+1,1))-1)+IF('Standard Profiles'!$G$18=$B$10,7,0)+IF('Standard Profiles'!$G$18=$B$17,14,0)+IF('Standard Profiles'!$G$18=$B$24,21,0),0)),0)</f>
        <v>0</v>
      </c>
      <c r="E3224" cm="1">
        <f t="array" ref="E3224">IFERROR(INDEX(Jesper!AI$2:AI$366,ROUNDDOWN($C3224/24,0)+1,1)*INDEX($D$3:$AA$30,INDEX(Jesper!$R$2:$R$366,ROW(INDEX(Jesper!AI$2:AI$366,ROUNDDOWN($C3224/24,0)+1,1))-1)+IF('Standard Profiles'!$G$19=$B$10,7,0)+IF('Standard Profiles'!$G$19=$B$17,14,0)+IF('Standard Profiles'!$G$19=$B$24,21,0),MOD($C3224,24)+1)/SUM(INDEX($D$3:$AA$30,INDEX(Jesper!$R$2:$R$366,ROW(INDEX(Jesper!AI$2:AI$366,ROUNDDOWN($C3224/24,0)+1,1))-1)+IF('Standard Profiles'!$G$19=$B$10,7,0)+IF('Standard Profiles'!$G$19=$B$17,14,0)+IF('Standard Profiles'!$G$19=$B$24,21,0),0)),0)</f>
        <v>3.6849226058970785</v>
      </c>
      <c r="F3224" cm="1">
        <f t="array" ref="F3224">IFERROR(INDEX(Jesper!AJ$2:AJ$366,ROUNDDOWN($C3224/24,0)+1,1)*INDEX($D$3:$AA$30,INDEX(Jesper!$R$2:$R$366,ROW(INDEX(Jesper!AJ$2:AJ$366,ROUNDDOWN($C3224/24,0)+1,1))-1)+IF('Standard Profiles'!$G$20=$B$10,7,0)+IF('Standard Profiles'!$G$20=$B$17,14,0)+IF('Standard Profiles'!$G$20=$B$24,21,0),MOD($C3224,24)+1)/SUM(INDEX($D$3:$AA$30,INDEX(Jesper!$R$2:$R$366,ROW(INDEX(Jesper!AJ$2:AJ$366,ROUNDDOWN($C3224/24,0)+1,1))-1)+IF('Standard Profiles'!$G$20=$B$10,7,0)+IF('Standard Profiles'!$G$20=$B$17,14,0)+IF('Standard Profiles'!$G$20=$B$24,21,0),0)),0)</f>
        <v>2.5728156385319285</v>
      </c>
      <c r="G3224" cm="1">
        <f t="array" ref="G3224">IFERROR(INDEX(Jesper!AK$2:AK$366,ROUNDDOWN($C3224/24,0)+1,1)*INDEX($D$3:$AA$30,INDEX(Jesper!$R$2:$R$366,ROW(INDEX(Jesper!AK$2:AK$366,ROUNDDOWN($C3224/24,0)+1,1))-1)+IF('Standard Profiles'!$G$21=$B$10,7,0)+IF('Standard Profiles'!$G$21=$B$17,14,0)+IF('Standard Profiles'!$G$21=$B$24,21,0),MOD($C3224,24)+1)/SUM(INDEX($D$3:$AA$30,INDEX(Jesper!$R$2:$R$366,ROW(INDEX(Jesper!AK$2:AK$366,ROUNDDOWN($C3224/24,0)+1,1))-1)+IF('Standard Profiles'!$G$21=$B$10,7,0)+IF('Standard Profiles'!$G$21=$B$17,14,0)+IF('Standard Profiles'!$G$21=$B$24,21,0),0)),0)</f>
        <v>3.0990697248456014</v>
      </c>
      <c r="H3224" cm="1">
        <f t="array" ref="H3224">IFERROR(INDEX(Jesper!AL$2:AL$366,ROUNDDOWN($C3224/24,0)+1,1)*INDEX($D$3:$AA$30,INDEX(Jesper!$R$2:$R$366,ROW(INDEX(Jesper!AL$2:AL$366,ROUNDDOWN($C3224/24,0)+1,1))-1)+IF('Standard Profiles'!$G$22=$B$10,7,0)+IF('Standard Profiles'!$G$22=$B$17,14,0)+IF('Standard Profiles'!$G$22=$B$24,21,0),MOD($C3224,24)+1)/SUM(INDEX($D$3:$AA$30,INDEX(Jesper!$R$2:$R$366,ROW(INDEX(Jesper!AL$2:AL$366,ROUNDDOWN($C3224/24,0)+1,1))-1)+IF('Standard Profiles'!$G$22=$B$10,7,0)+IF('Standard Profiles'!$G$22=$B$17,14,0)+IF('Standard Profiles'!$G$22=$B$24,21,0),0)),0)</f>
        <v>1.1131893728025051</v>
      </c>
      <c r="I3224">
        <f t="shared" si="363"/>
        <v>1.0686617978904054</v>
      </c>
      <c r="J3224">
        <f t="shared" si="364"/>
        <v>8.9591448314790583</v>
      </c>
      <c r="K3224">
        <f t="shared" si="365"/>
        <v>0.29479380847176628</v>
      </c>
      <c r="L3224">
        <f t="shared" si="366"/>
        <v>0.14739690423588314</v>
      </c>
      <c r="M3224">
        <f t="shared" si="367"/>
        <v>0</v>
      </c>
      <c r="N3224" s="45">
        <f t="shared" si="368"/>
        <v>45059.91666665893</v>
      </c>
    </row>
    <row r="3225" spans="2:14" x14ac:dyDescent="0.25">
      <c r="B3225">
        <f t="shared" si="362"/>
        <v>6</v>
      </c>
      <c r="C3225" s="16">
        <v>3191</v>
      </c>
      <c r="D3225" cm="1">
        <f t="array" ref="D3225">IFERROR(INDEX(Jesper!AH$2:AH$366,ROUNDDOWN($C3225/24,0)+1,1)*INDEX($D$3:$AA$30,INDEX(Jesper!$R$2:$R$366,ROW(INDEX(Jesper!AH$2:AH$366,ROUNDDOWN($C3225/24,0)+1,1))-1)+IF('Standard Profiles'!$G$18=$B$10,7,0)+IF('Standard Profiles'!$G$18=$B$17,14,0)+IF('Standard Profiles'!$G$18=$B$24,21,0),MOD($C3225,24)+1)/SUM(INDEX($D$3:$AA$30,INDEX(Jesper!$R$2:$R$366,ROW(INDEX(Jesper!AH$2:AH$366,ROUNDDOWN($C3225/24,0)+1,1))-1)+IF('Standard Profiles'!$G$18=$B$10,7,0)+IF('Standard Profiles'!$G$18=$B$17,14,0)+IF('Standard Profiles'!$G$18=$B$24,21,0),0)),0)</f>
        <v>0</v>
      </c>
      <c r="E3225" cm="1">
        <f t="array" ref="E3225">IFERROR(INDEX(Jesper!AI$2:AI$366,ROUNDDOWN($C3225/24,0)+1,1)*INDEX($D$3:$AA$30,INDEX(Jesper!$R$2:$R$366,ROW(INDEX(Jesper!AI$2:AI$366,ROUNDDOWN($C3225/24,0)+1,1))-1)+IF('Standard Profiles'!$G$19=$B$10,7,0)+IF('Standard Profiles'!$G$19=$B$17,14,0)+IF('Standard Profiles'!$G$19=$B$24,21,0),MOD($C3225,24)+1)/SUM(INDEX($D$3:$AA$30,INDEX(Jesper!$R$2:$R$366,ROW(INDEX(Jesper!AI$2:AI$366,ROUNDDOWN($C3225/24,0)+1,1))-1)+IF('Standard Profiles'!$G$19=$B$10,7,0)+IF('Standard Profiles'!$G$19=$B$17,14,0)+IF('Standard Profiles'!$G$19=$B$24,21,0),0)),0)</f>
        <v>3.6849226058970785</v>
      </c>
      <c r="F3225" cm="1">
        <f t="array" ref="F3225">IFERROR(INDEX(Jesper!AJ$2:AJ$366,ROUNDDOWN($C3225/24,0)+1,1)*INDEX($D$3:$AA$30,INDEX(Jesper!$R$2:$R$366,ROW(INDEX(Jesper!AJ$2:AJ$366,ROUNDDOWN($C3225/24,0)+1,1))-1)+IF('Standard Profiles'!$G$20=$B$10,7,0)+IF('Standard Profiles'!$G$20=$B$17,14,0)+IF('Standard Profiles'!$G$20=$B$24,21,0),MOD($C3225,24)+1)/SUM(INDEX($D$3:$AA$30,INDEX(Jesper!$R$2:$R$366,ROW(INDEX(Jesper!AJ$2:AJ$366,ROUNDDOWN($C3225/24,0)+1,1))-1)+IF('Standard Profiles'!$G$20=$B$10,7,0)+IF('Standard Profiles'!$G$20=$B$17,14,0)+IF('Standard Profiles'!$G$20=$B$24,21,0),0)),0)</f>
        <v>2.5728156385319285</v>
      </c>
      <c r="G3225" cm="1">
        <f t="array" ref="G3225">IFERROR(INDEX(Jesper!AK$2:AK$366,ROUNDDOWN($C3225/24,0)+1,1)*INDEX($D$3:$AA$30,INDEX(Jesper!$R$2:$R$366,ROW(INDEX(Jesper!AK$2:AK$366,ROUNDDOWN($C3225/24,0)+1,1))-1)+IF('Standard Profiles'!$G$21=$B$10,7,0)+IF('Standard Profiles'!$G$21=$B$17,14,0)+IF('Standard Profiles'!$G$21=$B$24,21,0),MOD($C3225,24)+1)/SUM(INDEX($D$3:$AA$30,INDEX(Jesper!$R$2:$R$366,ROW(INDEX(Jesper!AK$2:AK$366,ROUNDDOWN($C3225/24,0)+1,1))-1)+IF('Standard Profiles'!$G$21=$B$10,7,0)+IF('Standard Profiles'!$G$21=$B$17,14,0)+IF('Standard Profiles'!$G$21=$B$24,21,0),0)),0)</f>
        <v>3.0990697248456014</v>
      </c>
      <c r="H3225" cm="1">
        <f t="array" ref="H3225">IFERROR(INDEX(Jesper!AL$2:AL$366,ROUNDDOWN($C3225/24,0)+1,1)*INDEX($D$3:$AA$30,INDEX(Jesper!$R$2:$R$366,ROW(INDEX(Jesper!AL$2:AL$366,ROUNDDOWN($C3225/24,0)+1,1))-1)+IF('Standard Profiles'!$G$22=$B$10,7,0)+IF('Standard Profiles'!$G$22=$B$17,14,0)+IF('Standard Profiles'!$G$22=$B$24,21,0),MOD($C3225,24)+1)/SUM(INDEX($D$3:$AA$30,INDEX(Jesper!$R$2:$R$366,ROW(INDEX(Jesper!AL$2:AL$366,ROUNDDOWN($C3225/24,0)+1,1))-1)+IF('Standard Profiles'!$G$22=$B$10,7,0)+IF('Standard Profiles'!$G$22=$B$17,14,0)+IF('Standard Profiles'!$G$22=$B$24,21,0),0)),0)</f>
        <v>1.1131893728025051</v>
      </c>
      <c r="I3225">
        <f t="shared" si="363"/>
        <v>1.0686617978904054</v>
      </c>
      <c r="J3225">
        <f t="shared" si="364"/>
        <v>8.9591448314790583</v>
      </c>
      <c r="K3225">
        <f t="shared" si="365"/>
        <v>0.29479380847176628</v>
      </c>
      <c r="L3225">
        <f t="shared" si="366"/>
        <v>0.14739690423588314</v>
      </c>
      <c r="M3225">
        <f t="shared" si="367"/>
        <v>0</v>
      </c>
      <c r="N3225" s="45">
        <f t="shared" si="368"/>
        <v>45059.958333325594</v>
      </c>
    </row>
    <row r="3226" spans="2:14" x14ac:dyDescent="0.25">
      <c r="B3226">
        <f t="shared" si="362"/>
        <v>7</v>
      </c>
      <c r="C3226" s="16">
        <v>3192</v>
      </c>
      <c r="D3226" cm="1">
        <f t="array" ref="D3226">IFERROR(INDEX(Jesper!AH$2:AH$366,ROUNDDOWN($C3226/24,0)+1,1)*INDEX($D$3:$AA$30,INDEX(Jesper!$R$2:$R$366,ROW(INDEX(Jesper!AH$2:AH$366,ROUNDDOWN($C3226/24,0)+1,1))-1)+IF('Standard Profiles'!$G$18=$B$10,7,0)+IF('Standard Profiles'!$G$18=$B$17,14,0)+IF('Standard Profiles'!$G$18=$B$24,21,0),MOD($C3226,24)+1)/SUM(INDEX($D$3:$AA$30,INDEX(Jesper!$R$2:$R$366,ROW(INDEX(Jesper!AH$2:AH$366,ROUNDDOWN($C3226/24,0)+1,1))-1)+IF('Standard Profiles'!$G$18=$B$10,7,0)+IF('Standard Profiles'!$G$18=$B$17,14,0)+IF('Standard Profiles'!$G$18=$B$24,21,0),0)),0)</f>
        <v>0</v>
      </c>
      <c r="E3226" cm="1">
        <f t="array" ref="E3226">IFERROR(INDEX(Jesper!AI$2:AI$366,ROUNDDOWN($C3226/24,0)+1,1)*INDEX($D$3:$AA$30,INDEX(Jesper!$R$2:$R$366,ROW(INDEX(Jesper!AI$2:AI$366,ROUNDDOWN($C3226/24,0)+1,1))-1)+IF('Standard Profiles'!$G$19=$B$10,7,0)+IF('Standard Profiles'!$G$19=$B$17,14,0)+IF('Standard Profiles'!$G$19=$B$24,21,0),MOD($C3226,24)+1)/SUM(INDEX($D$3:$AA$30,INDEX(Jesper!$R$2:$R$366,ROW(INDEX(Jesper!AI$2:AI$366,ROUNDDOWN($C3226/24,0)+1,1))-1)+IF('Standard Profiles'!$G$19=$B$10,7,0)+IF('Standard Profiles'!$G$19=$B$17,14,0)+IF('Standard Profiles'!$G$19=$B$24,21,0),0)),0)</f>
        <v>3.8007400667267839</v>
      </c>
      <c r="F3226" cm="1">
        <f t="array" ref="F3226">IFERROR(INDEX(Jesper!AJ$2:AJ$366,ROUNDDOWN($C3226/24,0)+1,1)*INDEX($D$3:$AA$30,INDEX(Jesper!$R$2:$R$366,ROW(INDEX(Jesper!AJ$2:AJ$366,ROUNDDOWN($C3226/24,0)+1,1))-1)+IF('Standard Profiles'!$G$20=$B$10,7,0)+IF('Standard Profiles'!$G$20=$B$17,14,0)+IF('Standard Profiles'!$G$20=$B$24,21,0),MOD($C3226,24)+1)/SUM(INDEX($D$3:$AA$30,INDEX(Jesper!$R$2:$R$366,ROW(INDEX(Jesper!AJ$2:AJ$366,ROUNDDOWN($C3226/24,0)+1,1))-1)+IF('Standard Profiles'!$G$20=$B$10,7,0)+IF('Standard Profiles'!$G$20=$B$17,14,0)+IF('Standard Profiles'!$G$20=$B$24,21,0),0)),0)</f>
        <v>2.7081520350626698</v>
      </c>
      <c r="G3226" cm="1">
        <f t="array" ref="G3226">IFERROR(INDEX(Jesper!AK$2:AK$366,ROUNDDOWN($C3226/24,0)+1,1)*INDEX($D$3:$AA$30,INDEX(Jesper!$R$2:$R$366,ROW(INDEX(Jesper!AK$2:AK$366,ROUNDDOWN($C3226/24,0)+1,1))-1)+IF('Standard Profiles'!$G$21=$B$10,7,0)+IF('Standard Profiles'!$G$21=$B$17,14,0)+IF('Standard Profiles'!$G$21=$B$24,21,0),MOD($C3226,24)+1)/SUM(INDEX($D$3:$AA$30,INDEX(Jesper!$R$2:$R$366,ROW(INDEX(Jesper!AK$2:AK$366,ROUNDDOWN($C3226/24,0)+1,1))-1)+IF('Standard Profiles'!$G$21=$B$10,7,0)+IF('Standard Profiles'!$G$21=$B$17,14,0)+IF('Standard Profiles'!$G$21=$B$24,21,0),0)),0)</f>
        <v>3.3802330154366347</v>
      </c>
      <c r="H3226" cm="1">
        <f t="array" ref="H3226">IFERROR(INDEX(Jesper!AL$2:AL$366,ROUNDDOWN($C3226/24,0)+1,1)*INDEX($D$3:$AA$30,INDEX(Jesper!$R$2:$R$366,ROW(INDEX(Jesper!AL$2:AL$366,ROUNDDOWN($C3226/24,0)+1,1))-1)+IF('Standard Profiles'!$G$22=$B$10,7,0)+IF('Standard Profiles'!$G$22=$B$17,14,0)+IF('Standard Profiles'!$G$22=$B$24,21,0),MOD($C3226,24)+1)/SUM(INDEX($D$3:$AA$30,INDEX(Jesper!$R$2:$R$366,ROW(INDEX(Jesper!AL$2:AL$366,ROUNDDOWN($C3226/24,0)+1,1))-1)+IF('Standard Profiles'!$G$22=$B$10,7,0)+IF('Standard Profiles'!$G$22=$B$17,14,0)+IF('Standard Profiles'!$G$22=$B$24,21,0),0)),0)</f>
        <v>1.4129870481895415</v>
      </c>
      <c r="I3226">
        <f t="shared" si="363"/>
        <v>1.3564675662619605</v>
      </c>
      <c r="J3226">
        <f t="shared" si="364"/>
        <v>9.4895557911464543</v>
      </c>
      <c r="K3226">
        <f t="shared" si="365"/>
        <v>0.30405920533814274</v>
      </c>
      <c r="L3226">
        <f t="shared" si="366"/>
        <v>0.15202960266907137</v>
      </c>
      <c r="M3226">
        <f t="shared" si="367"/>
        <v>0</v>
      </c>
      <c r="N3226" s="45">
        <f t="shared" si="368"/>
        <v>45059.999999992258</v>
      </c>
    </row>
    <row r="3227" spans="2:14" x14ac:dyDescent="0.25">
      <c r="B3227">
        <f t="shared" si="362"/>
        <v>7</v>
      </c>
      <c r="C3227" s="16">
        <v>3193</v>
      </c>
      <c r="D3227" cm="1">
        <f t="array" ref="D3227">IFERROR(INDEX(Jesper!AH$2:AH$366,ROUNDDOWN($C3227/24,0)+1,1)*INDEX($D$3:$AA$30,INDEX(Jesper!$R$2:$R$366,ROW(INDEX(Jesper!AH$2:AH$366,ROUNDDOWN($C3227/24,0)+1,1))-1)+IF('Standard Profiles'!$G$18=$B$10,7,0)+IF('Standard Profiles'!$G$18=$B$17,14,0)+IF('Standard Profiles'!$G$18=$B$24,21,0),MOD($C3227,24)+1)/SUM(INDEX($D$3:$AA$30,INDEX(Jesper!$R$2:$R$366,ROW(INDEX(Jesper!AH$2:AH$366,ROUNDDOWN($C3227/24,0)+1,1))-1)+IF('Standard Profiles'!$G$18=$B$10,7,0)+IF('Standard Profiles'!$G$18=$B$17,14,0)+IF('Standard Profiles'!$G$18=$B$24,21,0),0)),0)</f>
        <v>0</v>
      </c>
      <c r="E3227" cm="1">
        <f t="array" ref="E3227">IFERROR(INDEX(Jesper!AI$2:AI$366,ROUNDDOWN($C3227/24,0)+1,1)*INDEX($D$3:$AA$30,INDEX(Jesper!$R$2:$R$366,ROW(INDEX(Jesper!AI$2:AI$366,ROUNDDOWN($C3227/24,0)+1,1))-1)+IF('Standard Profiles'!$G$19=$B$10,7,0)+IF('Standard Profiles'!$G$19=$B$17,14,0)+IF('Standard Profiles'!$G$19=$B$24,21,0),MOD($C3227,24)+1)/SUM(INDEX($D$3:$AA$30,INDEX(Jesper!$R$2:$R$366,ROW(INDEX(Jesper!AI$2:AI$366,ROUNDDOWN($C3227/24,0)+1,1))-1)+IF('Standard Profiles'!$G$19=$B$10,7,0)+IF('Standard Profiles'!$G$19=$B$17,14,0)+IF('Standard Profiles'!$G$19=$B$24,21,0),0)),0)</f>
        <v>3.8007400667267839</v>
      </c>
      <c r="F3227" cm="1">
        <f t="array" ref="F3227">IFERROR(INDEX(Jesper!AJ$2:AJ$366,ROUNDDOWN($C3227/24,0)+1,1)*INDEX($D$3:$AA$30,INDEX(Jesper!$R$2:$R$366,ROW(INDEX(Jesper!AJ$2:AJ$366,ROUNDDOWN($C3227/24,0)+1,1))-1)+IF('Standard Profiles'!$G$20=$B$10,7,0)+IF('Standard Profiles'!$G$20=$B$17,14,0)+IF('Standard Profiles'!$G$20=$B$24,21,0),MOD($C3227,24)+1)/SUM(INDEX($D$3:$AA$30,INDEX(Jesper!$R$2:$R$366,ROW(INDEX(Jesper!AJ$2:AJ$366,ROUNDDOWN($C3227/24,0)+1,1))-1)+IF('Standard Profiles'!$G$20=$B$10,7,0)+IF('Standard Profiles'!$G$20=$B$17,14,0)+IF('Standard Profiles'!$G$20=$B$24,21,0),0)),0)</f>
        <v>2.7081520350626698</v>
      </c>
      <c r="G3227" cm="1">
        <f t="array" ref="G3227">IFERROR(INDEX(Jesper!AK$2:AK$366,ROUNDDOWN($C3227/24,0)+1,1)*INDEX($D$3:$AA$30,INDEX(Jesper!$R$2:$R$366,ROW(INDEX(Jesper!AK$2:AK$366,ROUNDDOWN($C3227/24,0)+1,1))-1)+IF('Standard Profiles'!$G$21=$B$10,7,0)+IF('Standard Profiles'!$G$21=$B$17,14,0)+IF('Standard Profiles'!$G$21=$B$24,21,0),MOD($C3227,24)+1)/SUM(INDEX($D$3:$AA$30,INDEX(Jesper!$R$2:$R$366,ROW(INDEX(Jesper!AK$2:AK$366,ROUNDDOWN($C3227/24,0)+1,1))-1)+IF('Standard Profiles'!$G$21=$B$10,7,0)+IF('Standard Profiles'!$G$21=$B$17,14,0)+IF('Standard Profiles'!$G$21=$B$24,21,0),0)),0)</f>
        <v>3.3802330154366347</v>
      </c>
      <c r="H3227" cm="1">
        <f t="array" ref="H3227">IFERROR(INDEX(Jesper!AL$2:AL$366,ROUNDDOWN($C3227/24,0)+1,1)*INDEX($D$3:$AA$30,INDEX(Jesper!$R$2:$R$366,ROW(INDEX(Jesper!AL$2:AL$366,ROUNDDOWN($C3227/24,0)+1,1))-1)+IF('Standard Profiles'!$G$22=$B$10,7,0)+IF('Standard Profiles'!$G$22=$B$17,14,0)+IF('Standard Profiles'!$G$22=$B$24,21,0),MOD($C3227,24)+1)/SUM(INDEX($D$3:$AA$30,INDEX(Jesper!$R$2:$R$366,ROW(INDEX(Jesper!AL$2:AL$366,ROUNDDOWN($C3227/24,0)+1,1))-1)+IF('Standard Profiles'!$G$22=$B$10,7,0)+IF('Standard Profiles'!$G$22=$B$17,14,0)+IF('Standard Profiles'!$G$22=$B$24,21,0),0)),0)</f>
        <v>1.6408881849943064</v>
      </c>
      <c r="I3227">
        <f t="shared" si="363"/>
        <v>1.5752526575945351</v>
      </c>
      <c r="J3227">
        <f t="shared" si="364"/>
        <v>9.4986718366186462</v>
      </c>
      <c r="K3227">
        <f t="shared" si="365"/>
        <v>0.30405920533814274</v>
      </c>
      <c r="L3227">
        <f t="shared" si="366"/>
        <v>0.15202960266907137</v>
      </c>
      <c r="M3227">
        <f t="shared" si="367"/>
        <v>0</v>
      </c>
      <c r="N3227" s="45">
        <f t="shared" si="368"/>
        <v>45060.041666658923</v>
      </c>
    </row>
    <row r="3228" spans="2:14" x14ac:dyDescent="0.25">
      <c r="B3228">
        <f t="shared" si="362"/>
        <v>7</v>
      </c>
      <c r="C3228" s="16">
        <v>3194</v>
      </c>
      <c r="D3228" cm="1">
        <f t="array" ref="D3228">IFERROR(INDEX(Jesper!AH$2:AH$366,ROUNDDOWN($C3228/24,0)+1,1)*INDEX($D$3:$AA$30,INDEX(Jesper!$R$2:$R$366,ROW(INDEX(Jesper!AH$2:AH$366,ROUNDDOWN($C3228/24,0)+1,1))-1)+IF('Standard Profiles'!$G$18=$B$10,7,0)+IF('Standard Profiles'!$G$18=$B$17,14,0)+IF('Standard Profiles'!$G$18=$B$24,21,0),MOD($C3228,24)+1)/SUM(INDEX($D$3:$AA$30,INDEX(Jesper!$R$2:$R$366,ROW(INDEX(Jesper!AH$2:AH$366,ROUNDDOWN($C3228/24,0)+1,1))-1)+IF('Standard Profiles'!$G$18=$B$10,7,0)+IF('Standard Profiles'!$G$18=$B$17,14,0)+IF('Standard Profiles'!$G$18=$B$24,21,0),0)),0)</f>
        <v>0</v>
      </c>
      <c r="E3228" cm="1">
        <f t="array" ref="E3228">IFERROR(INDEX(Jesper!AI$2:AI$366,ROUNDDOWN($C3228/24,0)+1,1)*INDEX($D$3:$AA$30,INDEX(Jesper!$R$2:$R$366,ROW(INDEX(Jesper!AI$2:AI$366,ROUNDDOWN($C3228/24,0)+1,1))-1)+IF('Standard Profiles'!$G$19=$B$10,7,0)+IF('Standard Profiles'!$G$19=$B$17,14,0)+IF('Standard Profiles'!$G$19=$B$24,21,0),MOD($C3228,24)+1)/SUM(INDEX($D$3:$AA$30,INDEX(Jesper!$R$2:$R$366,ROW(INDEX(Jesper!AI$2:AI$366,ROUNDDOWN($C3228/24,0)+1,1))-1)+IF('Standard Profiles'!$G$19=$B$10,7,0)+IF('Standard Profiles'!$G$19=$B$17,14,0)+IF('Standard Profiles'!$G$19=$B$24,21,0),0)),0)</f>
        <v>3.8007400667267839</v>
      </c>
      <c r="F3228" cm="1">
        <f t="array" ref="F3228">IFERROR(INDEX(Jesper!AJ$2:AJ$366,ROUNDDOWN($C3228/24,0)+1,1)*INDEX($D$3:$AA$30,INDEX(Jesper!$R$2:$R$366,ROW(INDEX(Jesper!AJ$2:AJ$366,ROUNDDOWN($C3228/24,0)+1,1))-1)+IF('Standard Profiles'!$G$20=$B$10,7,0)+IF('Standard Profiles'!$G$20=$B$17,14,0)+IF('Standard Profiles'!$G$20=$B$24,21,0),MOD($C3228,24)+1)/SUM(INDEX($D$3:$AA$30,INDEX(Jesper!$R$2:$R$366,ROW(INDEX(Jesper!AJ$2:AJ$366,ROUNDDOWN($C3228/24,0)+1,1))-1)+IF('Standard Profiles'!$G$20=$B$10,7,0)+IF('Standard Profiles'!$G$20=$B$17,14,0)+IF('Standard Profiles'!$G$20=$B$24,21,0),0)),0)</f>
        <v>2.7081520350626698</v>
      </c>
      <c r="G3228" cm="1">
        <f t="array" ref="G3228">IFERROR(INDEX(Jesper!AK$2:AK$366,ROUNDDOWN($C3228/24,0)+1,1)*INDEX($D$3:$AA$30,INDEX(Jesper!$R$2:$R$366,ROW(INDEX(Jesper!AK$2:AK$366,ROUNDDOWN($C3228/24,0)+1,1))-1)+IF('Standard Profiles'!$G$21=$B$10,7,0)+IF('Standard Profiles'!$G$21=$B$17,14,0)+IF('Standard Profiles'!$G$21=$B$24,21,0),MOD($C3228,24)+1)/SUM(INDEX($D$3:$AA$30,INDEX(Jesper!$R$2:$R$366,ROW(INDEX(Jesper!AK$2:AK$366,ROUNDDOWN($C3228/24,0)+1,1))-1)+IF('Standard Profiles'!$G$21=$B$10,7,0)+IF('Standard Profiles'!$G$21=$B$17,14,0)+IF('Standard Profiles'!$G$21=$B$24,21,0),0)),0)</f>
        <v>3.3802330154366347</v>
      </c>
      <c r="H3228" cm="1">
        <f t="array" ref="H3228">IFERROR(INDEX(Jesper!AL$2:AL$366,ROUNDDOWN($C3228/24,0)+1,1)*INDEX($D$3:$AA$30,INDEX(Jesper!$R$2:$R$366,ROW(INDEX(Jesper!AL$2:AL$366,ROUNDDOWN($C3228/24,0)+1,1))-1)+IF('Standard Profiles'!$G$22=$B$10,7,0)+IF('Standard Profiles'!$G$22=$B$17,14,0)+IF('Standard Profiles'!$G$22=$B$24,21,0),MOD($C3228,24)+1)/SUM(INDEX($D$3:$AA$30,INDEX(Jesper!$R$2:$R$366,ROW(INDEX(Jesper!AL$2:AL$366,ROUNDDOWN($C3228/24,0)+1,1))-1)+IF('Standard Profiles'!$G$22=$B$10,7,0)+IF('Standard Profiles'!$G$22=$B$17,14,0)+IF('Standard Profiles'!$G$22=$B$24,21,0),0)),0)</f>
        <v>1.6408881849943064</v>
      </c>
      <c r="I3228">
        <f t="shared" si="363"/>
        <v>1.5752526575945351</v>
      </c>
      <c r="J3228">
        <f t="shared" si="364"/>
        <v>9.4986718366186462</v>
      </c>
      <c r="K3228">
        <f t="shared" si="365"/>
        <v>0.30405920533814274</v>
      </c>
      <c r="L3228">
        <f t="shared" si="366"/>
        <v>0.15202960266907137</v>
      </c>
      <c r="M3228">
        <f t="shared" si="367"/>
        <v>0</v>
      </c>
      <c r="N3228" s="45">
        <f t="shared" si="368"/>
        <v>45060.083333325587</v>
      </c>
    </row>
    <row r="3229" spans="2:14" x14ac:dyDescent="0.25">
      <c r="B3229">
        <f t="shared" si="362"/>
        <v>7</v>
      </c>
      <c r="C3229" s="16">
        <v>3195</v>
      </c>
      <c r="D3229" cm="1">
        <f t="array" ref="D3229">IFERROR(INDEX(Jesper!AH$2:AH$366,ROUNDDOWN($C3229/24,0)+1,1)*INDEX($D$3:$AA$30,INDEX(Jesper!$R$2:$R$366,ROW(INDEX(Jesper!AH$2:AH$366,ROUNDDOWN($C3229/24,0)+1,1))-1)+IF('Standard Profiles'!$G$18=$B$10,7,0)+IF('Standard Profiles'!$G$18=$B$17,14,0)+IF('Standard Profiles'!$G$18=$B$24,21,0),MOD($C3229,24)+1)/SUM(INDEX($D$3:$AA$30,INDEX(Jesper!$R$2:$R$366,ROW(INDEX(Jesper!AH$2:AH$366,ROUNDDOWN($C3229/24,0)+1,1))-1)+IF('Standard Profiles'!$G$18=$B$10,7,0)+IF('Standard Profiles'!$G$18=$B$17,14,0)+IF('Standard Profiles'!$G$18=$B$24,21,0),0)),0)</f>
        <v>0</v>
      </c>
      <c r="E3229" cm="1">
        <f t="array" ref="E3229">IFERROR(INDEX(Jesper!AI$2:AI$366,ROUNDDOWN($C3229/24,0)+1,1)*INDEX($D$3:$AA$30,INDEX(Jesper!$R$2:$R$366,ROW(INDEX(Jesper!AI$2:AI$366,ROUNDDOWN($C3229/24,0)+1,1))-1)+IF('Standard Profiles'!$G$19=$B$10,7,0)+IF('Standard Profiles'!$G$19=$B$17,14,0)+IF('Standard Profiles'!$G$19=$B$24,21,0),MOD($C3229,24)+1)/SUM(INDEX($D$3:$AA$30,INDEX(Jesper!$R$2:$R$366,ROW(INDEX(Jesper!AI$2:AI$366,ROUNDDOWN($C3229/24,0)+1,1))-1)+IF('Standard Profiles'!$G$19=$B$10,7,0)+IF('Standard Profiles'!$G$19=$B$17,14,0)+IF('Standard Profiles'!$G$19=$B$24,21,0),0)),0)</f>
        <v>3.8007400667267839</v>
      </c>
      <c r="F3229" cm="1">
        <f t="array" ref="F3229">IFERROR(INDEX(Jesper!AJ$2:AJ$366,ROUNDDOWN($C3229/24,0)+1,1)*INDEX($D$3:$AA$30,INDEX(Jesper!$R$2:$R$366,ROW(INDEX(Jesper!AJ$2:AJ$366,ROUNDDOWN($C3229/24,0)+1,1))-1)+IF('Standard Profiles'!$G$20=$B$10,7,0)+IF('Standard Profiles'!$G$20=$B$17,14,0)+IF('Standard Profiles'!$G$20=$B$24,21,0),MOD($C3229,24)+1)/SUM(INDEX($D$3:$AA$30,INDEX(Jesper!$R$2:$R$366,ROW(INDEX(Jesper!AJ$2:AJ$366,ROUNDDOWN($C3229/24,0)+1,1))-1)+IF('Standard Profiles'!$G$20=$B$10,7,0)+IF('Standard Profiles'!$G$20=$B$17,14,0)+IF('Standard Profiles'!$G$20=$B$24,21,0),0)),0)</f>
        <v>2.7081520350626698</v>
      </c>
      <c r="G3229" cm="1">
        <f t="array" ref="G3229">IFERROR(INDEX(Jesper!AK$2:AK$366,ROUNDDOWN($C3229/24,0)+1,1)*INDEX($D$3:$AA$30,INDEX(Jesper!$R$2:$R$366,ROW(INDEX(Jesper!AK$2:AK$366,ROUNDDOWN($C3229/24,0)+1,1))-1)+IF('Standard Profiles'!$G$21=$B$10,7,0)+IF('Standard Profiles'!$G$21=$B$17,14,0)+IF('Standard Profiles'!$G$21=$B$24,21,0),MOD($C3229,24)+1)/SUM(INDEX($D$3:$AA$30,INDEX(Jesper!$R$2:$R$366,ROW(INDEX(Jesper!AK$2:AK$366,ROUNDDOWN($C3229/24,0)+1,1))-1)+IF('Standard Profiles'!$G$21=$B$10,7,0)+IF('Standard Profiles'!$G$21=$B$17,14,0)+IF('Standard Profiles'!$G$21=$B$24,21,0),0)),0)</f>
        <v>3.3802330154366347</v>
      </c>
      <c r="H3229" cm="1">
        <f t="array" ref="H3229">IFERROR(INDEX(Jesper!AL$2:AL$366,ROUNDDOWN($C3229/24,0)+1,1)*INDEX($D$3:$AA$30,INDEX(Jesper!$R$2:$R$366,ROW(INDEX(Jesper!AL$2:AL$366,ROUNDDOWN($C3229/24,0)+1,1))-1)+IF('Standard Profiles'!$G$22=$B$10,7,0)+IF('Standard Profiles'!$G$22=$B$17,14,0)+IF('Standard Profiles'!$G$22=$B$24,21,0),MOD($C3229,24)+1)/SUM(INDEX($D$3:$AA$30,INDEX(Jesper!$R$2:$R$366,ROW(INDEX(Jesper!AL$2:AL$366,ROUNDDOWN($C3229/24,0)+1,1))-1)+IF('Standard Profiles'!$G$22=$B$10,7,0)+IF('Standard Profiles'!$G$22=$B$17,14,0)+IF('Standard Profiles'!$G$22=$B$24,21,0),0)),0)</f>
        <v>1.6408881849943064</v>
      </c>
      <c r="I3229">
        <f t="shared" si="363"/>
        <v>1.5752526575945351</v>
      </c>
      <c r="J3229">
        <f t="shared" si="364"/>
        <v>9.4986718366186462</v>
      </c>
      <c r="K3229">
        <f t="shared" si="365"/>
        <v>0.30405920533814274</v>
      </c>
      <c r="L3229">
        <f t="shared" si="366"/>
        <v>0.15202960266907137</v>
      </c>
      <c r="M3229">
        <f t="shared" si="367"/>
        <v>0</v>
      </c>
      <c r="N3229" s="45">
        <f t="shared" si="368"/>
        <v>45060.124999992251</v>
      </c>
    </row>
    <row r="3230" spans="2:14" x14ac:dyDescent="0.25">
      <c r="B3230">
        <f t="shared" si="362"/>
        <v>7</v>
      </c>
      <c r="C3230" s="16">
        <v>3196</v>
      </c>
      <c r="D3230" cm="1">
        <f t="array" ref="D3230">IFERROR(INDEX(Jesper!AH$2:AH$366,ROUNDDOWN($C3230/24,0)+1,1)*INDEX($D$3:$AA$30,INDEX(Jesper!$R$2:$R$366,ROW(INDEX(Jesper!AH$2:AH$366,ROUNDDOWN($C3230/24,0)+1,1))-1)+IF('Standard Profiles'!$G$18=$B$10,7,0)+IF('Standard Profiles'!$G$18=$B$17,14,0)+IF('Standard Profiles'!$G$18=$B$24,21,0),MOD($C3230,24)+1)/SUM(INDEX($D$3:$AA$30,INDEX(Jesper!$R$2:$R$366,ROW(INDEX(Jesper!AH$2:AH$366,ROUNDDOWN($C3230/24,0)+1,1))-1)+IF('Standard Profiles'!$G$18=$B$10,7,0)+IF('Standard Profiles'!$G$18=$B$17,14,0)+IF('Standard Profiles'!$G$18=$B$24,21,0),0)),0)</f>
        <v>0</v>
      </c>
      <c r="E3230" cm="1">
        <f t="array" ref="E3230">IFERROR(INDEX(Jesper!AI$2:AI$366,ROUNDDOWN($C3230/24,0)+1,1)*INDEX($D$3:$AA$30,INDEX(Jesper!$R$2:$R$366,ROW(INDEX(Jesper!AI$2:AI$366,ROUNDDOWN($C3230/24,0)+1,1))-1)+IF('Standard Profiles'!$G$19=$B$10,7,0)+IF('Standard Profiles'!$G$19=$B$17,14,0)+IF('Standard Profiles'!$G$19=$B$24,21,0),MOD($C3230,24)+1)/SUM(INDEX($D$3:$AA$30,INDEX(Jesper!$R$2:$R$366,ROW(INDEX(Jesper!AI$2:AI$366,ROUNDDOWN($C3230/24,0)+1,1))-1)+IF('Standard Profiles'!$G$19=$B$10,7,0)+IF('Standard Profiles'!$G$19=$B$17,14,0)+IF('Standard Profiles'!$G$19=$B$24,21,0),0)),0)</f>
        <v>3.8007400667267839</v>
      </c>
      <c r="F3230" cm="1">
        <f t="array" ref="F3230">IFERROR(INDEX(Jesper!AJ$2:AJ$366,ROUNDDOWN($C3230/24,0)+1,1)*INDEX($D$3:$AA$30,INDEX(Jesper!$R$2:$R$366,ROW(INDEX(Jesper!AJ$2:AJ$366,ROUNDDOWN($C3230/24,0)+1,1))-1)+IF('Standard Profiles'!$G$20=$B$10,7,0)+IF('Standard Profiles'!$G$20=$B$17,14,0)+IF('Standard Profiles'!$G$20=$B$24,21,0),MOD($C3230,24)+1)/SUM(INDEX($D$3:$AA$30,INDEX(Jesper!$R$2:$R$366,ROW(INDEX(Jesper!AJ$2:AJ$366,ROUNDDOWN($C3230/24,0)+1,1))-1)+IF('Standard Profiles'!$G$20=$B$10,7,0)+IF('Standard Profiles'!$G$20=$B$17,14,0)+IF('Standard Profiles'!$G$20=$B$24,21,0),0)),0)</f>
        <v>2.7081520350626698</v>
      </c>
      <c r="G3230" cm="1">
        <f t="array" ref="G3230">IFERROR(INDEX(Jesper!AK$2:AK$366,ROUNDDOWN($C3230/24,0)+1,1)*INDEX($D$3:$AA$30,INDEX(Jesper!$R$2:$R$366,ROW(INDEX(Jesper!AK$2:AK$366,ROUNDDOWN($C3230/24,0)+1,1))-1)+IF('Standard Profiles'!$G$21=$B$10,7,0)+IF('Standard Profiles'!$G$21=$B$17,14,0)+IF('Standard Profiles'!$G$21=$B$24,21,0),MOD($C3230,24)+1)/SUM(INDEX($D$3:$AA$30,INDEX(Jesper!$R$2:$R$366,ROW(INDEX(Jesper!AK$2:AK$366,ROUNDDOWN($C3230/24,0)+1,1))-1)+IF('Standard Profiles'!$G$21=$B$10,7,0)+IF('Standard Profiles'!$G$21=$B$17,14,0)+IF('Standard Profiles'!$G$21=$B$24,21,0),0)),0)</f>
        <v>3.3802330154366347</v>
      </c>
      <c r="H3230" cm="1">
        <f t="array" ref="H3230">IFERROR(INDEX(Jesper!AL$2:AL$366,ROUNDDOWN($C3230/24,0)+1,1)*INDEX($D$3:$AA$30,INDEX(Jesper!$R$2:$R$366,ROW(INDEX(Jesper!AL$2:AL$366,ROUNDDOWN($C3230/24,0)+1,1))-1)+IF('Standard Profiles'!$G$22=$B$10,7,0)+IF('Standard Profiles'!$G$22=$B$17,14,0)+IF('Standard Profiles'!$G$22=$B$24,21,0),MOD($C3230,24)+1)/SUM(INDEX($D$3:$AA$30,INDEX(Jesper!$R$2:$R$366,ROW(INDEX(Jesper!AL$2:AL$366,ROUNDDOWN($C3230/24,0)+1,1))-1)+IF('Standard Profiles'!$G$22=$B$10,7,0)+IF('Standard Profiles'!$G$22=$B$17,14,0)+IF('Standard Profiles'!$G$22=$B$24,21,0),0)),0)</f>
        <v>1.6408881849943064</v>
      </c>
      <c r="I3230">
        <f t="shared" si="363"/>
        <v>1.5752526575945351</v>
      </c>
      <c r="J3230">
        <f t="shared" si="364"/>
        <v>9.4986718366186462</v>
      </c>
      <c r="K3230">
        <f t="shared" si="365"/>
        <v>0.30405920533814274</v>
      </c>
      <c r="L3230">
        <f t="shared" si="366"/>
        <v>0.15202960266907137</v>
      </c>
      <c r="M3230">
        <f t="shared" si="367"/>
        <v>0</v>
      </c>
      <c r="N3230" s="45">
        <f t="shared" si="368"/>
        <v>45060.166666658915</v>
      </c>
    </row>
    <row r="3231" spans="2:14" x14ac:dyDescent="0.25">
      <c r="B3231">
        <f t="shared" si="362"/>
        <v>7</v>
      </c>
      <c r="C3231" s="16">
        <v>3197</v>
      </c>
      <c r="D3231" cm="1">
        <f t="array" ref="D3231">IFERROR(INDEX(Jesper!AH$2:AH$366,ROUNDDOWN($C3231/24,0)+1,1)*INDEX($D$3:$AA$30,INDEX(Jesper!$R$2:$R$366,ROW(INDEX(Jesper!AH$2:AH$366,ROUNDDOWN($C3231/24,0)+1,1))-1)+IF('Standard Profiles'!$G$18=$B$10,7,0)+IF('Standard Profiles'!$G$18=$B$17,14,0)+IF('Standard Profiles'!$G$18=$B$24,21,0),MOD($C3231,24)+1)/SUM(INDEX($D$3:$AA$30,INDEX(Jesper!$R$2:$R$366,ROW(INDEX(Jesper!AH$2:AH$366,ROUNDDOWN($C3231/24,0)+1,1))-1)+IF('Standard Profiles'!$G$18=$B$10,7,0)+IF('Standard Profiles'!$G$18=$B$17,14,0)+IF('Standard Profiles'!$G$18=$B$24,21,0),0)),0)</f>
        <v>0</v>
      </c>
      <c r="E3231" cm="1">
        <f t="array" ref="E3231">IFERROR(INDEX(Jesper!AI$2:AI$366,ROUNDDOWN($C3231/24,0)+1,1)*INDEX($D$3:$AA$30,INDEX(Jesper!$R$2:$R$366,ROW(INDEX(Jesper!AI$2:AI$366,ROUNDDOWN($C3231/24,0)+1,1))-1)+IF('Standard Profiles'!$G$19=$B$10,7,0)+IF('Standard Profiles'!$G$19=$B$17,14,0)+IF('Standard Profiles'!$G$19=$B$24,21,0),MOD($C3231,24)+1)/SUM(INDEX($D$3:$AA$30,INDEX(Jesper!$R$2:$R$366,ROW(INDEX(Jesper!AI$2:AI$366,ROUNDDOWN($C3231/24,0)+1,1))-1)+IF('Standard Profiles'!$G$19=$B$10,7,0)+IF('Standard Profiles'!$G$19=$B$17,14,0)+IF('Standard Profiles'!$G$19=$B$24,21,0),0)),0)</f>
        <v>3.8007400667267839</v>
      </c>
      <c r="F3231" cm="1">
        <f t="array" ref="F3231">IFERROR(INDEX(Jesper!AJ$2:AJ$366,ROUNDDOWN($C3231/24,0)+1,1)*INDEX($D$3:$AA$30,INDEX(Jesper!$R$2:$R$366,ROW(INDEX(Jesper!AJ$2:AJ$366,ROUNDDOWN($C3231/24,0)+1,1))-1)+IF('Standard Profiles'!$G$20=$B$10,7,0)+IF('Standard Profiles'!$G$20=$B$17,14,0)+IF('Standard Profiles'!$G$20=$B$24,21,0),MOD($C3231,24)+1)/SUM(INDEX($D$3:$AA$30,INDEX(Jesper!$R$2:$R$366,ROW(INDEX(Jesper!AJ$2:AJ$366,ROUNDDOWN($C3231/24,0)+1,1))-1)+IF('Standard Profiles'!$G$20=$B$10,7,0)+IF('Standard Profiles'!$G$20=$B$17,14,0)+IF('Standard Profiles'!$G$20=$B$24,21,0),0)),0)</f>
        <v>2.7081520350626698</v>
      </c>
      <c r="G3231" cm="1">
        <f t="array" ref="G3231">IFERROR(INDEX(Jesper!AK$2:AK$366,ROUNDDOWN($C3231/24,0)+1,1)*INDEX($D$3:$AA$30,INDEX(Jesper!$R$2:$R$366,ROW(INDEX(Jesper!AK$2:AK$366,ROUNDDOWN($C3231/24,0)+1,1))-1)+IF('Standard Profiles'!$G$21=$B$10,7,0)+IF('Standard Profiles'!$G$21=$B$17,14,0)+IF('Standard Profiles'!$G$21=$B$24,21,0),MOD($C3231,24)+1)/SUM(INDEX($D$3:$AA$30,INDEX(Jesper!$R$2:$R$366,ROW(INDEX(Jesper!AK$2:AK$366,ROUNDDOWN($C3231/24,0)+1,1))-1)+IF('Standard Profiles'!$G$21=$B$10,7,0)+IF('Standard Profiles'!$G$21=$B$17,14,0)+IF('Standard Profiles'!$G$21=$B$24,21,0),0)),0)</f>
        <v>3.3802330154366347</v>
      </c>
      <c r="H3231" cm="1">
        <f t="array" ref="H3231">IFERROR(INDEX(Jesper!AL$2:AL$366,ROUNDDOWN($C3231/24,0)+1,1)*INDEX($D$3:$AA$30,INDEX(Jesper!$R$2:$R$366,ROW(INDEX(Jesper!AL$2:AL$366,ROUNDDOWN($C3231/24,0)+1,1))-1)+IF('Standard Profiles'!$G$22=$B$10,7,0)+IF('Standard Profiles'!$G$22=$B$17,14,0)+IF('Standard Profiles'!$G$22=$B$24,21,0),MOD($C3231,24)+1)/SUM(INDEX($D$3:$AA$30,INDEX(Jesper!$R$2:$R$366,ROW(INDEX(Jesper!AL$2:AL$366,ROUNDDOWN($C3231/24,0)+1,1))-1)+IF('Standard Profiles'!$G$22=$B$10,7,0)+IF('Standard Profiles'!$G$22=$B$17,14,0)+IF('Standard Profiles'!$G$22=$B$24,21,0),0)),0)</f>
        <v>2.0511102312428831</v>
      </c>
      <c r="I3231">
        <f t="shared" si="363"/>
        <v>1.9690658219931687</v>
      </c>
      <c r="J3231">
        <f t="shared" si="364"/>
        <v>9.5150807184685888</v>
      </c>
      <c r="K3231">
        <f t="shared" si="365"/>
        <v>0.30405920533814274</v>
      </c>
      <c r="L3231">
        <f t="shared" si="366"/>
        <v>0.15202960266907137</v>
      </c>
      <c r="M3231">
        <f t="shared" si="367"/>
        <v>0</v>
      </c>
      <c r="N3231" s="45">
        <f t="shared" si="368"/>
        <v>45060.20833332558</v>
      </c>
    </row>
    <row r="3232" spans="2:14" x14ac:dyDescent="0.25">
      <c r="B3232">
        <f t="shared" si="362"/>
        <v>7</v>
      </c>
      <c r="C3232" s="16">
        <v>3198</v>
      </c>
      <c r="D3232" cm="1">
        <f t="array" ref="D3232">IFERROR(INDEX(Jesper!AH$2:AH$366,ROUNDDOWN($C3232/24,0)+1,1)*INDEX($D$3:$AA$30,INDEX(Jesper!$R$2:$R$366,ROW(INDEX(Jesper!AH$2:AH$366,ROUNDDOWN($C3232/24,0)+1,1))-1)+IF('Standard Profiles'!$G$18=$B$10,7,0)+IF('Standard Profiles'!$G$18=$B$17,14,0)+IF('Standard Profiles'!$G$18=$B$24,21,0),MOD($C3232,24)+1)/SUM(INDEX($D$3:$AA$30,INDEX(Jesper!$R$2:$R$366,ROW(INDEX(Jesper!AH$2:AH$366,ROUNDDOWN($C3232/24,0)+1,1))-1)+IF('Standard Profiles'!$G$18=$B$10,7,0)+IF('Standard Profiles'!$G$18=$B$17,14,0)+IF('Standard Profiles'!$G$18=$B$24,21,0),0)),0)</f>
        <v>0</v>
      </c>
      <c r="E3232" cm="1">
        <f t="array" ref="E3232">IFERROR(INDEX(Jesper!AI$2:AI$366,ROUNDDOWN($C3232/24,0)+1,1)*INDEX($D$3:$AA$30,INDEX(Jesper!$R$2:$R$366,ROW(INDEX(Jesper!AI$2:AI$366,ROUNDDOWN($C3232/24,0)+1,1))-1)+IF('Standard Profiles'!$G$19=$B$10,7,0)+IF('Standard Profiles'!$G$19=$B$17,14,0)+IF('Standard Profiles'!$G$19=$B$24,21,0),MOD($C3232,24)+1)/SUM(INDEX($D$3:$AA$30,INDEX(Jesper!$R$2:$R$366,ROW(INDEX(Jesper!AI$2:AI$366,ROUNDDOWN($C3232/24,0)+1,1))-1)+IF('Standard Profiles'!$G$19=$B$10,7,0)+IF('Standard Profiles'!$G$19=$B$17,14,0)+IF('Standard Profiles'!$G$19=$B$24,21,0),0)),0)</f>
        <v>3.8007400667267839</v>
      </c>
      <c r="F3232" cm="1">
        <f t="array" ref="F3232">IFERROR(INDEX(Jesper!AJ$2:AJ$366,ROUNDDOWN($C3232/24,0)+1,1)*INDEX($D$3:$AA$30,INDEX(Jesper!$R$2:$R$366,ROW(INDEX(Jesper!AJ$2:AJ$366,ROUNDDOWN($C3232/24,0)+1,1))-1)+IF('Standard Profiles'!$G$20=$B$10,7,0)+IF('Standard Profiles'!$G$20=$B$17,14,0)+IF('Standard Profiles'!$G$20=$B$24,21,0),MOD($C3232,24)+1)/SUM(INDEX($D$3:$AA$30,INDEX(Jesper!$R$2:$R$366,ROW(INDEX(Jesper!AJ$2:AJ$366,ROUNDDOWN($C3232/24,0)+1,1))-1)+IF('Standard Profiles'!$G$20=$B$10,7,0)+IF('Standard Profiles'!$G$20=$B$17,14,0)+IF('Standard Profiles'!$G$20=$B$24,21,0),0)),0)</f>
        <v>2.7081520350626698</v>
      </c>
      <c r="G3232" cm="1">
        <f t="array" ref="G3232">IFERROR(INDEX(Jesper!AK$2:AK$366,ROUNDDOWN($C3232/24,0)+1,1)*INDEX($D$3:$AA$30,INDEX(Jesper!$R$2:$R$366,ROW(INDEX(Jesper!AK$2:AK$366,ROUNDDOWN($C3232/24,0)+1,1))-1)+IF('Standard Profiles'!$G$21=$B$10,7,0)+IF('Standard Profiles'!$G$21=$B$17,14,0)+IF('Standard Profiles'!$G$21=$B$24,21,0),MOD($C3232,24)+1)/SUM(INDEX($D$3:$AA$30,INDEX(Jesper!$R$2:$R$366,ROW(INDEX(Jesper!AK$2:AK$366,ROUNDDOWN($C3232/24,0)+1,1))-1)+IF('Standard Profiles'!$G$21=$B$10,7,0)+IF('Standard Profiles'!$G$21=$B$17,14,0)+IF('Standard Profiles'!$G$21=$B$24,21,0),0)),0)</f>
        <v>3.3802330154366347</v>
      </c>
      <c r="H3232" cm="1">
        <f t="array" ref="H3232">IFERROR(INDEX(Jesper!AL$2:AL$366,ROUNDDOWN($C3232/24,0)+1,1)*INDEX($D$3:$AA$30,INDEX(Jesper!$R$2:$R$366,ROW(INDEX(Jesper!AL$2:AL$366,ROUNDDOWN($C3232/24,0)+1,1))-1)+IF('Standard Profiles'!$G$22=$B$10,7,0)+IF('Standard Profiles'!$G$22=$B$17,14,0)+IF('Standard Profiles'!$G$22=$B$24,21,0),MOD($C3232,24)+1)/SUM(INDEX($D$3:$AA$30,INDEX(Jesper!$R$2:$R$366,ROW(INDEX(Jesper!AL$2:AL$366,ROUNDDOWN($C3232/24,0)+1,1))-1)+IF('Standard Profiles'!$G$22=$B$10,7,0)+IF('Standard Profiles'!$G$22=$B$17,14,0)+IF('Standard Profiles'!$G$22=$B$24,21,0),0)),0)</f>
        <v>2.4157520501305068</v>
      </c>
      <c r="I3232">
        <f t="shared" si="363"/>
        <v>2.3191219681252879</v>
      </c>
      <c r="J3232">
        <f t="shared" si="364"/>
        <v>9.5296663912240938</v>
      </c>
      <c r="K3232">
        <f t="shared" si="365"/>
        <v>0.30405920533814274</v>
      </c>
      <c r="L3232">
        <f t="shared" si="366"/>
        <v>0.15202960266907137</v>
      </c>
      <c r="M3232">
        <f t="shared" si="367"/>
        <v>0</v>
      </c>
      <c r="N3232" s="45">
        <f t="shared" si="368"/>
        <v>45060.249999992244</v>
      </c>
    </row>
    <row r="3233" spans="2:14" x14ac:dyDescent="0.25">
      <c r="B3233">
        <f t="shared" si="362"/>
        <v>7</v>
      </c>
      <c r="C3233" s="16">
        <v>3199</v>
      </c>
      <c r="D3233" cm="1">
        <f t="array" ref="D3233">IFERROR(INDEX(Jesper!AH$2:AH$366,ROUNDDOWN($C3233/24,0)+1,1)*INDEX($D$3:$AA$30,INDEX(Jesper!$R$2:$R$366,ROW(INDEX(Jesper!AH$2:AH$366,ROUNDDOWN($C3233/24,0)+1,1))-1)+IF('Standard Profiles'!$G$18=$B$10,7,0)+IF('Standard Profiles'!$G$18=$B$17,14,0)+IF('Standard Profiles'!$G$18=$B$24,21,0),MOD($C3233,24)+1)/SUM(INDEX($D$3:$AA$30,INDEX(Jesper!$R$2:$R$366,ROW(INDEX(Jesper!AH$2:AH$366,ROUNDDOWN($C3233/24,0)+1,1))-1)+IF('Standard Profiles'!$G$18=$B$10,7,0)+IF('Standard Profiles'!$G$18=$B$17,14,0)+IF('Standard Profiles'!$G$18=$B$24,21,0),0)),0)</f>
        <v>0</v>
      </c>
      <c r="E3233" cm="1">
        <f t="array" ref="E3233">IFERROR(INDEX(Jesper!AI$2:AI$366,ROUNDDOWN($C3233/24,0)+1,1)*INDEX($D$3:$AA$30,INDEX(Jesper!$R$2:$R$366,ROW(INDEX(Jesper!AI$2:AI$366,ROUNDDOWN($C3233/24,0)+1,1))-1)+IF('Standard Profiles'!$G$19=$B$10,7,0)+IF('Standard Profiles'!$G$19=$B$17,14,0)+IF('Standard Profiles'!$G$19=$B$24,21,0),MOD($C3233,24)+1)/SUM(INDEX($D$3:$AA$30,INDEX(Jesper!$R$2:$R$366,ROW(INDEX(Jesper!AI$2:AI$366,ROUNDDOWN($C3233/24,0)+1,1))-1)+IF('Standard Profiles'!$G$19=$B$10,7,0)+IF('Standard Profiles'!$G$19=$B$17,14,0)+IF('Standard Profiles'!$G$19=$B$24,21,0),0)),0)</f>
        <v>3.8007400667267839</v>
      </c>
      <c r="F3233" cm="1">
        <f t="array" ref="F3233">IFERROR(INDEX(Jesper!AJ$2:AJ$366,ROUNDDOWN($C3233/24,0)+1,1)*INDEX($D$3:$AA$30,INDEX(Jesper!$R$2:$R$366,ROW(INDEX(Jesper!AJ$2:AJ$366,ROUNDDOWN($C3233/24,0)+1,1))-1)+IF('Standard Profiles'!$G$20=$B$10,7,0)+IF('Standard Profiles'!$G$20=$B$17,14,0)+IF('Standard Profiles'!$G$20=$B$24,21,0),MOD($C3233,24)+1)/SUM(INDEX($D$3:$AA$30,INDEX(Jesper!$R$2:$R$366,ROW(INDEX(Jesper!AJ$2:AJ$366,ROUNDDOWN($C3233/24,0)+1,1))-1)+IF('Standard Profiles'!$G$20=$B$10,7,0)+IF('Standard Profiles'!$G$20=$B$17,14,0)+IF('Standard Profiles'!$G$20=$B$24,21,0),0)),0)</f>
        <v>2.7081520350626698</v>
      </c>
      <c r="G3233" cm="1">
        <f t="array" ref="G3233">IFERROR(INDEX(Jesper!AK$2:AK$366,ROUNDDOWN($C3233/24,0)+1,1)*INDEX($D$3:$AA$30,INDEX(Jesper!$R$2:$R$366,ROW(INDEX(Jesper!AK$2:AK$366,ROUNDDOWN($C3233/24,0)+1,1))-1)+IF('Standard Profiles'!$G$21=$B$10,7,0)+IF('Standard Profiles'!$G$21=$B$17,14,0)+IF('Standard Profiles'!$G$21=$B$24,21,0),MOD($C3233,24)+1)/SUM(INDEX($D$3:$AA$30,INDEX(Jesper!$R$2:$R$366,ROW(INDEX(Jesper!AK$2:AK$366,ROUNDDOWN($C3233/24,0)+1,1))-1)+IF('Standard Profiles'!$G$21=$B$10,7,0)+IF('Standard Profiles'!$G$21=$B$17,14,0)+IF('Standard Profiles'!$G$21=$B$24,21,0),0)),0)</f>
        <v>3.3802330154366347</v>
      </c>
      <c r="H3233" cm="1">
        <f t="array" ref="H3233">IFERROR(INDEX(Jesper!AL$2:AL$366,ROUNDDOWN($C3233/24,0)+1,1)*INDEX($D$3:$AA$30,INDEX(Jesper!$R$2:$R$366,ROW(INDEX(Jesper!AL$2:AL$366,ROUNDDOWN($C3233/24,0)+1,1))-1)+IF('Standard Profiles'!$G$22=$B$10,7,0)+IF('Standard Profiles'!$G$22=$B$17,14,0)+IF('Standard Profiles'!$G$22=$B$24,21,0),MOD($C3233,24)+1)/SUM(INDEX($D$3:$AA$30,INDEX(Jesper!$R$2:$R$366,ROW(INDEX(Jesper!AL$2:AL$366,ROUNDDOWN($C3233/24,0)+1,1))-1)+IF('Standard Profiles'!$G$22=$B$10,7,0)+IF('Standard Profiles'!$G$22=$B$17,14,0)+IF('Standard Profiles'!$G$22=$B$24,21,0),0)),0)</f>
        <v>2.8715543237400363</v>
      </c>
      <c r="I3233">
        <f t="shared" si="363"/>
        <v>2.7566921507904363</v>
      </c>
      <c r="J3233">
        <f t="shared" si="364"/>
        <v>9.547898482168474</v>
      </c>
      <c r="K3233">
        <f t="shared" si="365"/>
        <v>0.30405920533814274</v>
      </c>
      <c r="L3233">
        <f t="shared" si="366"/>
        <v>0.15202960266907137</v>
      </c>
      <c r="M3233">
        <f t="shared" si="367"/>
        <v>0</v>
      </c>
      <c r="N3233" s="45">
        <f t="shared" si="368"/>
        <v>45060.291666658908</v>
      </c>
    </row>
    <row r="3234" spans="2:14" x14ac:dyDescent="0.25">
      <c r="B3234">
        <f t="shared" si="362"/>
        <v>7</v>
      </c>
      <c r="C3234" s="16">
        <v>3200</v>
      </c>
      <c r="D3234" cm="1">
        <f t="array" ref="D3234">IFERROR(INDEX(Jesper!AH$2:AH$366,ROUNDDOWN($C3234/24,0)+1,1)*INDEX($D$3:$AA$30,INDEX(Jesper!$R$2:$R$366,ROW(INDEX(Jesper!AH$2:AH$366,ROUNDDOWN($C3234/24,0)+1,1))-1)+IF('Standard Profiles'!$G$18=$B$10,7,0)+IF('Standard Profiles'!$G$18=$B$17,14,0)+IF('Standard Profiles'!$G$18=$B$24,21,0),MOD($C3234,24)+1)/SUM(INDEX($D$3:$AA$30,INDEX(Jesper!$R$2:$R$366,ROW(INDEX(Jesper!AH$2:AH$366,ROUNDDOWN($C3234/24,0)+1,1))-1)+IF('Standard Profiles'!$G$18=$B$10,7,0)+IF('Standard Profiles'!$G$18=$B$17,14,0)+IF('Standard Profiles'!$G$18=$B$24,21,0),0)),0)</f>
        <v>0</v>
      </c>
      <c r="E3234" cm="1">
        <f t="array" ref="E3234">IFERROR(INDEX(Jesper!AI$2:AI$366,ROUNDDOWN($C3234/24,0)+1,1)*INDEX($D$3:$AA$30,INDEX(Jesper!$R$2:$R$366,ROW(INDEX(Jesper!AI$2:AI$366,ROUNDDOWN($C3234/24,0)+1,1))-1)+IF('Standard Profiles'!$G$19=$B$10,7,0)+IF('Standard Profiles'!$G$19=$B$17,14,0)+IF('Standard Profiles'!$G$19=$B$24,21,0),MOD($C3234,24)+1)/SUM(INDEX($D$3:$AA$30,INDEX(Jesper!$R$2:$R$366,ROW(INDEX(Jesper!AI$2:AI$366,ROUNDDOWN($C3234/24,0)+1,1))-1)+IF('Standard Profiles'!$G$19=$B$10,7,0)+IF('Standard Profiles'!$G$19=$B$17,14,0)+IF('Standard Profiles'!$G$19=$B$24,21,0),0)),0)</f>
        <v>3.8007400667267839</v>
      </c>
      <c r="F3234" cm="1">
        <f t="array" ref="F3234">IFERROR(INDEX(Jesper!AJ$2:AJ$366,ROUNDDOWN($C3234/24,0)+1,1)*INDEX($D$3:$AA$30,INDEX(Jesper!$R$2:$R$366,ROW(INDEX(Jesper!AJ$2:AJ$366,ROUNDDOWN($C3234/24,0)+1,1))-1)+IF('Standard Profiles'!$G$20=$B$10,7,0)+IF('Standard Profiles'!$G$20=$B$17,14,0)+IF('Standard Profiles'!$G$20=$B$24,21,0),MOD($C3234,24)+1)/SUM(INDEX($D$3:$AA$30,INDEX(Jesper!$R$2:$R$366,ROW(INDEX(Jesper!AJ$2:AJ$366,ROUNDDOWN($C3234/24,0)+1,1))-1)+IF('Standard Profiles'!$G$20=$B$10,7,0)+IF('Standard Profiles'!$G$20=$B$17,14,0)+IF('Standard Profiles'!$G$20=$B$24,21,0),0)),0)</f>
        <v>2.7081520350626698</v>
      </c>
      <c r="G3234" cm="1">
        <f t="array" ref="G3234">IFERROR(INDEX(Jesper!AK$2:AK$366,ROUNDDOWN($C3234/24,0)+1,1)*INDEX($D$3:$AA$30,INDEX(Jesper!$R$2:$R$366,ROW(INDEX(Jesper!AK$2:AK$366,ROUNDDOWN($C3234/24,0)+1,1))-1)+IF('Standard Profiles'!$G$21=$B$10,7,0)+IF('Standard Profiles'!$G$21=$B$17,14,0)+IF('Standard Profiles'!$G$21=$B$24,21,0),MOD($C3234,24)+1)/SUM(INDEX($D$3:$AA$30,INDEX(Jesper!$R$2:$R$366,ROW(INDEX(Jesper!AK$2:AK$366,ROUNDDOWN($C3234/24,0)+1,1))-1)+IF('Standard Profiles'!$G$21=$B$10,7,0)+IF('Standard Profiles'!$G$21=$B$17,14,0)+IF('Standard Profiles'!$G$21=$B$24,21,0),0)),0)</f>
        <v>3.3802330154366347</v>
      </c>
      <c r="H3234" cm="1">
        <f t="array" ref="H3234">IFERROR(INDEX(Jesper!AL$2:AL$366,ROUNDDOWN($C3234/24,0)+1,1)*INDEX($D$3:$AA$30,INDEX(Jesper!$R$2:$R$366,ROW(INDEX(Jesper!AL$2:AL$366,ROUNDDOWN($C3234/24,0)+1,1))-1)+IF('Standard Profiles'!$G$22=$B$10,7,0)+IF('Standard Profiles'!$G$22=$B$17,14,0)+IF('Standard Profiles'!$G$22=$B$24,21,0),MOD($C3234,24)+1)/SUM(INDEX($D$3:$AA$30,INDEX(Jesper!$R$2:$R$366,ROW(INDEX(Jesper!AL$2:AL$366,ROUNDDOWN($C3234/24,0)+1,1))-1)+IF('Standard Profiles'!$G$22=$B$10,7,0)+IF('Standard Profiles'!$G$22=$B$17,14,0)+IF('Standard Profiles'!$G$22=$B$24,21,0),0)),0)</f>
        <v>2.8715543237400363</v>
      </c>
      <c r="I3234">
        <f t="shared" si="363"/>
        <v>2.7566921507904363</v>
      </c>
      <c r="J3234">
        <f t="shared" si="364"/>
        <v>9.547898482168474</v>
      </c>
      <c r="K3234">
        <f t="shared" si="365"/>
        <v>0.30405920533814274</v>
      </c>
      <c r="L3234">
        <f t="shared" si="366"/>
        <v>0.15202960266907137</v>
      </c>
      <c r="M3234">
        <f t="shared" si="367"/>
        <v>0</v>
      </c>
      <c r="N3234" s="45">
        <f t="shared" si="368"/>
        <v>45060.333333325572</v>
      </c>
    </row>
    <row r="3235" spans="2:14" x14ac:dyDescent="0.25">
      <c r="B3235">
        <f t="shared" ref="B3235:B3298" si="369">WEEKDAY(N3235,2)</f>
        <v>7</v>
      </c>
      <c r="C3235" s="16">
        <v>3201</v>
      </c>
      <c r="D3235" cm="1">
        <f t="array" ref="D3235">IFERROR(INDEX(Jesper!AH$2:AH$366,ROUNDDOWN($C3235/24,0)+1,1)*INDEX($D$3:$AA$30,INDEX(Jesper!$R$2:$R$366,ROW(INDEX(Jesper!AH$2:AH$366,ROUNDDOWN($C3235/24,0)+1,1))-1)+IF('Standard Profiles'!$G$18=$B$10,7,0)+IF('Standard Profiles'!$G$18=$B$17,14,0)+IF('Standard Profiles'!$G$18=$B$24,21,0),MOD($C3235,24)+1)/SUM(INDEX($D$3:$AA$30,INDEX(Jesper!$R$2:$R$366,ROW(INDEX(Jesper!AH$2:AH$366,ROUNDDOWN($C3235/24,0)+1,1))-1)+IF('Standard Profiles'!$G$18=$B$10,7,0)+IF('Standard Profiles'!$G$18=$B$17,14,0)+IF('Standard Profiles'!$G$18=$B$24,21,0),0)),0)</f>
        <v>0</v>
      </c>
      <c r="E3235" cm="1">
        <f t="array" ref="E3235">IFERROR(INDEX(Jesper!AI$2:AI$366,ROUNDDOWN($C3235/24,0)+1,1)*INDEX($D$3:$AA$30,INDEX(Jesper!$R$2:$R$366,ROW(INDEX(Jesper!AI$2:AI$366,ROUNDDOWN($C3235/24,0)+1,1))-1)+IF('Standard Profiles'!$G$19=$B$10,7,0)+IF('Standard Profiles'!$G$19=$B$17,14,0)+IF('Standard Profiles'!$G$19=$B$24,21,0),MOD($C3235,24)+1)/SUM(INDEX($D$3:$AA$30,INDEX(Jesper!$R$2:$R$366,ROW(INDEX(Jesper!AI$2:AI$366,ROUNDDOWN($C3235/24,0)+1,1))-1)+IF('Standard Profiles'!$G$19=$B$10,7,0)+IF('Standard Profiles'!$G$19=$B$17,14,0)+IF('Standard Profiles'!$G$19=$B$24,21,0),0)),0)</f>
        <v>3.8007400667267839</v>
      </c>
      <c r="F3235" cm="1">
        <f t="array" ref="F3235">IFERROR(INDEX(Jesper!AJ$2:AJ$366,ROUNDDOWN($C3235/24,0)+1,1)*INDEX($D$3:$AA$30,INDEX(Jesper!$R$2:$R$366,ROW(INDEX(Jesper!AJ$2:AJ$366,ROUNDDOWN($C3235/24,0)+1,1))-1)+IF('Standard Profiles'!$G$20=$B$10,7,0)+IF('Standard Profiles'!$G$20=$B$17,14,0)+IF('Standard Profiles'!$G$20=$B$24,21,0),MOD($C3235,24)+1)/SUM(INDEX($D$3:$AA$30,INDEX(Jesper!$R$2:$R$366,ROW(INDEX(Jesper!AJ$2:AJ$366,ROUNDDOWN($C3235/24,0)+1,1))-1)+IF('Standard Profiles'!$G$20=$B$10,7,0)+IF('Standard Profiles'!$G$20=$B$17,14,0)+IF('Standard Profiles'!$G$20=$B$24,21,0),0)),0)</f>
        <v>2.7081520350626698</v>
      </c>
      <c r="G3235" cm="1">
        <f t="array" ref="G3235">IFERROR(INDEX(Jesper!AK$2:AK$366,ROUNDDOWN($C3235/24,0)+1,1)*INDEX($D$3:$AA$30,INDEX(Jesper!$R$2:$R$366,ROW(INDEX(Jesper!AK$2:AK$366,ROUNDDOWN($C3235/24,0)+1,1))-1)+IF('Standard Profiles'!$G$21=$B$10,7,0)+IF('Standard Profiles'!$G$21=$B$17,14,0)+IF('Standard Profiles'!$G$21=$B$24,21,0),MOD($C3235,24)+1)/SUM(INDEX($D$3:$AA$30,INDEX(Jesper!$R$2:$R$366,ROW(INDEX(Jesper!AK$2:AK$366,ROUNDDOWN($C3235/24,0)+1,1))-1)+IF('Standard Profiles'!$G$21=$B$10,7,0)+IF('Standard Profiles'!$G$21=$B$17,14,0)+IF('Standard Profiles'!$G$21=$B$24,21,0),0)),0)</f>
        <v>3.3802330154366347</v>
      </c>
      <c r="H3235" cm="1">
        <f t="array" ref="H3235">IFERROR(INDEX(Jesper!AL$2:AL$366,ROUNDDOWN($C3235/24,0)+1,1)*INDEX($D$3:$AA$30,INDEX(Jesper!$R$2:$R$366,ROW(INDEX(Jesper!AL$2:AL$366,ROUNDDOWN($C3235/24,0)+1,1))-1)+IF('Standard Profiles'!$G$22=$B$10,7,0)+IF('Standard Profiles'!$G$22=$B$17,14,0)+IF('Standard Profiles'!$G$22=$B$24,21,0),MOD($C3235,24)+1)/SUM(INDEX($D$3:$AA$30,INDEX(Jesper!$R$2:$R$366,ROW(INDEX(Jesper!AL$2:AL$366,ROUNDDOWN($C3235/24,0)+1,1))-1)+IF('Standard Profiles'!$G$22=$B$10,7,0)+IF('Standard Profiles'!$G$22=$B$17,14,0)+IF('Standard Profiles'!$G$22=$B$24,21,0),0)),0)</f>
        <v>2.8715543237400363</v>
      </c>
      <c r="I3235">
        <f t="shared" ref="I3235:I3298" si="370">IF($B3235&lt;6,AC$37*$D3235+AC$38*$E3235+AC$39*$F3235+AC$40*$G3235,AC$46*$D3235+AC$47*$E3235+AC$48*$F3235+AC$49*$G3235+AC$50*$H3235)</f>
        <v>2.7566921507904363</v>
      </c>
      <c r="J3235">
        <f t="shared" ref="J3235:J3298" si="371">IF($B3235&lt;6,AD$37*$D3235+AD$38*$E3235+AD$39*$F3235+AD$40*$G3235,AD$46*$D3235+AD$47*$E3235+AD$48*$F3235+AD$49*$G3235+AD$50*$H3235)</f>
        <v>9.547898482168474</v>
      </c>
      <c r="K3235">
        <f t="shared" ref="K3235:K3298" si="372">IF($B3235&lt;6,AE$37*$D3235+AE$38*$E3235+AE$39*$F3235+AE$40*$G3235,AE$46*$D3235+AE$47*$E3235+AE$48*$F3235+AE$49*$G3235+AE$50*$H3235)</f>
        <v>0.30405920533814274</v>
      </c>
      <c r="L3235">
        <f t="shared" ref="L3235:L3298" si="373">IF($B3235&lt;6,AF$37*$D3235+AF$38*$E3235+AF$39*$F3235+AF$40*$G3235,AF$46*$D3235+AF$47*$E3235+AF$48*$F3235+AF$49*$G3235+AF$50*$H3235)</f>
        <v>0.15202960266907137</v>
      </c>
      <c r="M3235">
        <f t="shared" ref="M3235:M3298" si="374">IF($B3235&lt;6,AG$37*$D3235+AG$38*$E3235+AG$39*$F3235+AG$40*$G3235,AG$46*$D3235+AG$47*$E3235+AG$48*$F3235+AG$49*$G3235+AG$50*$H3235)</f>
        <v>0</v>
      </c>
      <c r="N3235" s="45">
        <f t="shared" si="368"/>
        <v>45060.374999992237</v>
      </c>
    </row>
    <row r="3236" spans="2:14" x14ac:dyDescent="0.25">
      <c r="B3236">
        <f t="shared" si="369"/>
        <v>7</v>
      </c>
      <c r="C3236" s="16">
        <v>3202</v>
      </c>
      <c r="D3236" cm="1">
        <f t="array" ref="D3236">IFERROR(INDEX(Jesper!AH$2:AH$366,ROUNDDOWN($C3236/24,0)+1,1)*INDEX($D$3:$AA$30,INDEX(Jesper!$R$2:$R$366,ROW(INDEX(Jesper!AH$2:AH$366,ROUNDDOWN($C3236/24,0)+1,1))-1)+IF('Standard Profiles'!$G$18=$B$10,7,0)+IF('Standard Profiles'!$G$18=$B$17,14,0)+IF('Standard Profiles'!$G$18=$B$24,21,0),MOD($C3236,24)+1)/SUM(INDEX($D$3:$AA$30,INDEX(Jesper!$R$2:$R$366,ROW(INDEX(Jesper!AH$2:AH$366,ROUNDDOWN($C3236/24,0)+1,1))-1)+IF('Standard Profiles'!$G$18=$B$10,7,0)+IF('Standard Profiles'!$G$18=$B$17,14,0)+IF('Standard Profiles'!$G$18=$B$24,21,0),0)),0)</f>
        <v>0</v>
      </c>
      <c r="E3236" cm="1">
        <f t="array" ref="E3236">IFERROR(INDEX(Jesper!AI$2:AI$366,ROUNDDOWN($C3236/24,0)+1,1)*INDEX($D$3:$AA$30,INDEX(Jesper!$R$2:$R$366,ROW(INDEX(Jesper!AI$2:AI$366,ROUNDDOWN($C3236/24,0)+1,1))-1)+IF('Standard Profiles'!$G$19=$B$10,7,0)+IF('Standard Profiles'!$G$19=$B$17,14,0)+IF('Standard Profiles'!$G$19=$B$24,21,0),MOD($C3236,24)+1)/SUM(INDEX($D$3:$AA$30,INDEX(Jesper!$R$2:$R$366,ROW(INDEX(Jesper!AI$2:AI$366,ROUNDDOWN($C3236/24,0)+1,1))-1)+IF('Standard Profiles'!$G$19=$B$10,7,0)+IF('Standard Profiles'!$G$19=$B$17,14,0)+IF('Standard Profiles'!$G$19=$B$24,21,0),0)),0)</f>
        <v>3.8007400667267839</v>
      </c>
      <c r="F3236" cm="1">
        <f t="array" ref="F3236">IFERROR(INDEX(Jesper!AJ$2:AJ$366,ROUNDDOWN($C3236/24,0)+1,1)*INDEX($D$3:$AA$30,INDEX(Jesper!$R$2:$R$366,ROW(INDEX(Jesper!AJ$2:AJ$366,ROUNDDOWN($C3236/24,0)+1,1))-1)+IF('Standard Profiles'!$G$20=$B$10,7,0)+IF('Standard Profiles'!$G$20=$B$17,14,0)+IF('Standard Profiles'!$G$20=$B$24,21,0),MOD($C3236,24)+1)/SUM(INDEX($D$3:$AA$30,INDEX(Jesper!$R$2:$R$366,ROW(INDEX(Jesper!AJ$2:AJ$366,ROUNDDOWN($C3236/24,0)+1,1))-1)+IF('Standard Profiles'!$G$20=$B$10,7,0)+IF('Standard Profiles'!$G$20=$B$17,14,0)+IF('Standard Profiles'!$G$20=$B$24,21,0),0)),0)</f>
        <v>2.7081520350626698</v>
      </c>
      <c r="G3236" cm="1">
        <f t="array" ref="G3236">IFERROR(INDEX(Jesper!AK$2:AK$366,ROUNDDOWN($C3236/24,0)+1,1)*INDEX($D$3:$AA$30,INDEX(Jesper!$R$2:$R$366,ROW(INDEX(Jesper!AK$2:AK$366,ROUNDDOWN($C3236/24,0)+1,1))-1)+IF('Standard Profiles'!$G$21=$B$10,7,0)+IF('Standard Profiles'!$G$21=$B$17,14,0)+IF('Standard Profiles'!$G$21=$B$24,21,0),MOD($C3236,24)+1)/SUM(INDEX($D$3:$AA$30,INDEX(Jesper!$R$2:$R$366,ROW(INDEX(Jesper!AK$2:AK$366,ROUNDDOWN($C3236/24,0)+1,1))-1)+IF('Standard Profiles'!$G$21=$B$10,7,0)+IF('Standard Profiles'!$G$21=$B$17,14,0)+IF('Standard Profiles'!$G$21=$B$24,21,0),0)),0)</f>
        <v>3.3802330154366347</v>
      </c>
      <c r="H3236" cm="1">
        <f t="array" ref="H3236">IFERROR(INDEX(Jesper!AL$2:AL$366,ROUNDDOWN($C3236/24,0)+1,1)*INDEX($D$3:$AA$30,INDEX(Jesper!$R$2:$R$366,ROW(INDEX(Jesper!AL$2:AL$366,ROUNDDOWN($C3236/24,0)+1,1))-1)+IF('Standard Profiles'!$G$22=$B$10,7,0)+IF('Standard Profiles'!$G$22=$B$17,14,0)+IF('Standard Profiles'!$G$22=$B$24,21,0),MOD($C3236,24)+1)/SUM(INDEX($D$3:$AA$30,INDEX(Jesper!$R$2:$R$366,ROW(INDEX(Jesper!AL$2:AL$366,ROUNDDOWN($C3236/24,0)+1,1))-1)+IF('Standard Profiles'!$G$22=$B$10,7,0)+IF('Standard Profiles'!$G$22=$B$17,14,0)+IF('Standard Profiles'!$G$22=$B$24,21,0),0)),0)</f>
        <v>2.8715543237400363</v>
      </c>
      <c r="I3236">
        <f t="shared" si="370"/>
        <v>2.7566921507904363</v>
      </c>
      <c r="J3236">
        <f t="shared" si="371"/>
        <v>9.547898482168474</v>
      </c>
      <c r="K3236">
        <f t="shared" si="372"/>
        <v>0.30405920533814274</v>
      </c>
      <c r="L3236">
        <f t="shared" si="373"/>
        <v>0.15202960266907137</v>
      </c>
      <c r="M3236">
        <f t="shared" si="374"/>
        <v>0</v>
      </c>
      <c r="N3236" s="45">
        <f t="shared" ref="N3236:N3299" si="375">N3235+1/24</f>
        <v>45060.416666658901</v>
      </c>
    </row>
    <row r="3237" spans="2:14" x14ac:dyDescent="0.25">
      <c r="B3237">
        <f t="shared" si="369"/>
        <v>7</v>
      </c>
      <c r="C3237" s="16">
        <v>3203</v>
      </c>
      <c r="D3237" cm="1">
        <f t="array" ref="D3237">IFERROR(INDEX(Jesper!AH$2:AH$366,ROUNDDOWN($C3237/24,0)+1,1)*INDEX($D$3:$AA$30,INDEX(Jesper!$R$2:$R$366,ROW(INDEX(Jesper!AH$2:AH$366,ROUNDDOWN($C3237/24,0)+1,1))-1)+IF('Standard Profiles'!$G$18=$B$10,7,0)+IF('Standard Profiles'!$G$18=$B$17,14,0)+IF('Standard Profiles'!$G$18=$B$24,21,0),MOD($C3237,24)+1)/SUM(INDEX($D$3:$AA$30,INDEX(Jesper!$R$2:$R$366,ROW(INDEX(Jesper!AH$2:AH$366,ROUNDDOWN($C3237/24,0)+1,1))-1)+IF('Standard Profiles'!$G$18=$B$10,7,0)+IF('Standard Profiles'!$G$18=$B$17,14,0)+IF('Standard Profiles'!$G$18=$B$24,21,0),0)),0)</f>
        <v>0</v>
      </c>
      <c r="E3237" cm="1">
        <f t="array" ref="E3237">IFERROR(INDEX(Jesper!AI$2:AI$366,ROUNDDOWN($C3237/24,0)+1,1)*INDEX($D$3:$AA$30,INDEX(Jesper!$R$2:$R$366,ROW(INDEX(Jesper!AI$2:AI$366,ROUNDDOWN($C3237/24,0)+1,1))-1)+IF('Standard Profiles'!$G$19=$B$10,7,0)+IF('Standard Profiles'!$G$19=$B$17,14,0)+IF('Standard Profiles'!$G$19=$B$24,21,0),MOD($C3237,24)+1)/SUM(INDEX($D$3:$AA$30,INDEX(Jesper!$R$2:$R$366,ROW(INDEX(Jesper!AI$2:AI$366,ROUNDDOWN($C3237/24,0)+1,1))-1)+IF('Standard Profiles'!$G$19=$B$10,7,0)+IF('Standard Profiles'!$G$19=$B$17,14,0)+IF('Standard Profiles'!$G$19=$B$24,21,0),0)),0)</f>
        <v>3.8007400667267839</v>
      </c>
      <c r="F3237" cm="1">
        <f t="array" ref="F3237">IFERROR(INDEX(Jesper!AJ$2:AJ$366,ROUNDDOWN($C3237/24,0)+1,1)*INDEX($D$3:$AA$30,INDEX(Jesper!$R$2:$R$366,ROW(INDEX(Jesper!AJ$2:AJ$366,ROUNDDOWN($C3237/24,0)+1,1))-1)+IF('Standard Profiles'!$G$20=$B$10,7,0)+IF('Standard Profiles'!$G$20=$B$17,14,0)+IF('Standard Profiles'!$G$20=$B$24,21,0),MOD($C3237,24)+1)/SUM(INDEX($D$3:$AA$30,INDEX(Jesper!$R$2:$R$366,ROW(INDEX(Jesper!AJ$2:AJ$366,ROUNDDOWN($C3237/24,0)+1,1))-1)+IF('Standard Profiles'!$G$20=$B$10,7,0)+IF('Standard Profiles'!$G$20=$B$17,14,0)+IF('Standard Profiles'!$G$20=$B$24,21,0),0)),0)</f>
        <v>2.7081520350626698</v>
      </c>
      <c r="G3237" cm="1">
        <f t="array" ref="G3237">IFERROR(INDEX(Jesper!AK$2:AK$366,ROUNDDOWN($C3237/24,0)+1,1)*INDEX($D$3:$AA$30,INDEX(Jesper!$R$2:$R$366,ROW(INDEX(Jesper!AK$2:AK$366,ROUNDDOWN($C3237/24,0)+1,1))-1)+IF('Standard Profiles'!$G$21=$B$10,7,0)+IF('Standard Profiles'!$G$21=$B$17,14,0)+IF('Standard Profiles'!$G$21=$B$24,21,0),MOD($C3237,24)+1)/SUM(INDEX($D$3:$AA$30,INDEX(Jesper!$R$2:$R$366,ROW(INDEX(Jesper!AK$2:AK$366,ROUNDDOWN($C3237/24,0)+1,1))-1)+IF('Standard Profiles'!$G$21=$B$10,7,0)+IF('Standard Profiles'!$G$21=$B$17,14,0)+IF('Standard Profiles'!$G$21=$B$24,21,0),0)),0)</f>
        <v>3.3802330154366347</v>
      </c>
      <c r="H3237" cm="1">
        <f t="array" ref="H3237">IFERROR(INDEX(Jesper!AL$2:AL$366,ROUNDDOWN($C3237/24,0)+1,1)*INDEX($D$3:$AA$30,INDEX(Jesper!$R$2:$R$366,ROW(INDEX(Jesper!AL$2:AL$366,ROUNDDOWN($C3237/24,0)+1,1))-1)+IF('Standard Profiles'!$G$22=$B$10,7,0)+IF('Standard Profiles'!$G$22=$B$17,14,0)+IF('Standard Profiles'!$G$22=$B$24,21,0),MOD($C3237,24)+1)/SUM(INDEX($D$3:$AA$30,INDEX(Jesper!$R$2:$R$366,ROW(INDEX(Jesper!AL$2:AL$366,ROUNDDOWN($C3237/24,0)+1,1))-1)+IF('Standard Profiles'!$G$22=$B$10,7,0)+IF('Standard Profiles'!$G$22=$B$17,14,0)+IF('Standard Profiles'!$G$22=$B$24,21,0),0)),0)</f>
        <v>2.8715543237400363</v>
      </c>
      <c r="I3237">
        <f t="shared" si="370"/>
        <v>2.7566921507904363</v>
      </c>
      <c r="J3237">
        <f t="shared" si="371"/>
        <v>9.547898482168474</v>
      </c>
      <c r="K3237">
        <f t="shared" si="372"/>
        <v>0.30405920533814274</v>
      </c>
      <c r="L3237">
        <f t="shared" si="373"/>
        <v>0.15202960266907137</v>
      </c>
      <c r="M3237">
        <f t="shared" si="374"/>
        <v>0</v>
      </c>
      <c r="N3237" s="45">
        <f t="shared" si="375"/>
        <v>45060.458333325565</v>
      </c>
    </row>
    <row r="3238" spans="2:14" x14ac:dyDescent="0.25">
      <c r="B3238">
        <f t="shared" si="369"/>
        <v>7</v>
      </c>
      <c r="C3238" s="16">
        <v>3204</v>
      </c>
      <c r="D3238" cm="1">
        <f t="array" ref="D3238">IFERROR(INDEX(Jesper!AH$2:AH$366,ROUNDDOWN($C3238/24,0)+1,1)*INDEX($D$3:$AA$30,INDEX(Jesper!$R$2:$R$366,ROW(INDEX(Jesper!AH$2:AH$366,ROUNDDOWN($C3238/24,0)+1,1))-1)+IF('Standard Profiles'!$G$18=$B$10,7,0)+IF('Standard Profiles'!$G$18=$B$17,14,0)+IF('Standard Profiles'!$G$18=$B$24,21,0),MOD($C3238,24)+1)/SUM(INDEX($D$3:$AA$30,INDEX(Jesper!$R$2:$R$366,ROW(INDEX(Jesper!AH$2:AH$366,ROUNDDOWN($C3238/24,0)+1,1))-1)+IF('Standard Profiles'!$G$18=$B$10,7,0)+IF('Standard Profiles'!$G$18=$B$17,14,0)+IF('Standard Profiles'!$G$18=$B$24,21,0),0)),0)</f>
        <v>0</v>
      </c>
      <c r="E3238" cm="1">
        <f t="array" ref="E3238">IFERROR(INDEX(Jesper!AI$2:AI$366,ROUNDDOWN($C3238/24,0)+1,1)*INDEX($D$3:$AA$30,INDEX(Jesper!$R$2:$R$366,ROW(INDEX(Jesper!AI$2:AI$366,ROUNDDOWN($C3238/24,0)+1,1))-1)+IF('Standard Profiles'!$G$19=$B$10,7,0)+IF('Standard Profiles'!$G$19=$B$17,14,0)+IF('Standard Profiles'!$G$19=$B$24,21,0),MOD($C3238,24)+1)/SUM(INDEX($D$3:$AA$30,INDEX(Jesper!$R$2:$R$366,ROW(INDEX(Jesper!AI$2:AI$366,ROUNDDOWN($C3238/24,0)+1,1))-1)+IF('Standard Profiles'!$G$19=$B$10,7,0)+IF('Standard Profiles'!$G$19=$B$17,14,0)+IF('Standard Profiles'!$G$19=$B$24,21,0),0)),0)</f>
        <v>3.8007400667267839</v>
      </c>
      <c r="F3238" cm="1">
        <f t="array" ref="F3238">IFERROR(INDEX(Jesper!AJ$2:AJ$366,ROUNDDOWN($C3238/24,0)+1,1)*INDEX($D$3:$AA$30,INDEX(Jesper!$R$2:$R$366,ROW(INDEX(Jesper!AJ$2:AJ$366,ROUNDDOWN($C3238/24,0)+1,1))-1)+IF('Standard Profiles'!$G$20=$B$10,7,0)+IF('Standard Profiles'!$G$20=$B$17,14,0)+IF('Standard Profiles'!$G$20=$B$24,21,0),MOD($C3238,24)+1)/SUM(INDEX($D$3:$AA$30,INDEX(Jesper!$R$2:$R$366,ROW(INDEX(Jesper!AJ$2:AJ$366,ROUNDDOWN($C3238/24,0)+1,1))-1)+IF('Standard Profiles'!$G$20=$B$10,7,0)+IF('Standard Profiles'!$G$20=$B$17,14,0)+IF('Standard Profiles'!$G$20=$B$24,21,0),0)),0)</f>
        <v>2.7081520350626698</v>
      </c>
      <c r="G3238" cm="1">
        <f t="array" ref="G3238">IFERROR(INDEX(Jesper!AK$2:AK$366,ROUNDDOWN($C3238/24,0)+1,1)*INDEX($D$3:$AA$30,INDEX(Jesper!$R$2:$R$366,ROW(INDEX(Jesper!AK$2:AK$366,ROUNDDOWN($C3238/24,0)+1,1))-1)+IF('Standard Profiles'!$G$21=$B$10,7,0)+IF('Standard Profiles'!$G$21=$B$17,14,0)+IF('Standard Profiles'!$G$21=$B$24,21,0),MOD($C3238,24)+1)/SUM(INDEX($D$3:$AA$30,INDEX(Jesper!$R$2:$R$366,ROW(INDEX(Jesper!AK$2:AK$366,ROUNDDOWN($C3238/24,0)+1,1))-1)+IF('Standard Profiles'!$G$21=$B$10,7,0)+IF('Standard Profiles'!$G$21=$B$17,14,0)+IF('Standard Profiles'!$G$21=$B$24,21,0),0)),0)</f>
        <v>3.3802330154366347</v>
      </c>
      <c r="H3238" cm="1">
        <f t="array" ref="H3238">IFERROR(INDEX(Jesper!AL$2:AL$366,ROUNDDOWN($C3238/24,0)+1,1)*INDEX($D$3:$AA$30,INDEX(Jesper!$R$2:$R$366,ROW(INDEX(Jesper!AL$2:AL$366,ROUNDDOWN($C3238/24,0)+1,1))-1)+IF('Standard Profiles'!$G$22=$B$10,7,0)+IF('Standard Profiles'!$G$22=$B$17,14,0)+IF('Standard Profiles'!$G$22=$B$24,21,0),MOD($C3238,24)+1)/SUM(INDEX($D$3:$AA$30,INDEX(Jesper!$R$2:$R$366,ROW(INDEX(Jesper!AL$2:AL$366,ROUNDDOWN($C3238/24,0)+1,1))-1)+IF('Standard Profiles'!$G$22=$B$10,7,0)+IF('Standard Profiles'!$G$22=$B$17,14,0)+IF('Standard Profiles'!$G$22=$B$24,21,0),0)),0)</f>
        <v>2.8715543237400363</v>
      </c>
      <c r="I3238">
        <f t="shared" si="370"/>
        <v>2.7566921507904363</v>
      </c>
      <c r="J3238">
        <f t="shared" si="371"/>
        <v>9.547898482168474</v>
      </c>
      <c r="K3238">
        <f t="shared" si="372"/>
        <v>0.30405920533814274</v>
      </c>
      <c r="L3238">
        <f t="shared" si="373"/>
        <v>0.15202960266907137</v>
      </c>
      <c r="M3238">
        <f t="shared" si="374"/>
        <v>0</v>
      </c>
      <c r="N3238" s="45">
        <f t="shared" si="375"/>
        <v>45060.499999992229</v>
      </c>
    </row>
    <row r="3239" spans="2:14" x14ac:dyDescent="0.25">
      <c r="B3239">
        <f t="shared" si="369"/>
        <v>7</v>
      </c>
      <c r="C3239" s="16">
        <v>3205</v>
      </c>
      <c r="D3239" cm="1">
        <f t="array" ref="D3239">IFERROR(INDEX(Jesper!AH$2:AH$366,ROUNDDOWN($C3239/24,0)+1,1)*INDEX($D$3:$AA$30,INDEX(Jesper!$R$2:$R$366,ROW(INDEX(Jesper!AH$2:AH$366,ROUNDDOWN($C3239/24,0)+1,1))-1)+IF('Standard Profiles'!$G$18=$B$10,7,0)+IF('Standard Profiles'!$G$18=$B$17,14,0)+IF('Standard Profiles'!$G$18=$B$24,21,0),MOD($C3239,24)+1)/SUM(INDEX($D$3:$AA$30,INDEX(Jesper!$R$2:$R$366,ROW(INDEX(Jesper!AH$2:AH$366,ROUNDDOWN($C3239/24,0)+1,1))-1)+IF('Standard Profiles'!$G$18=$B$10,7,0)+IF('Standard Profiles'!$G$18=$B$17,14,0)+IF('Standard Profiles'!$G$18=$B$24,21,0),0)),0)</f>
        <v>0</v>
      </c>
      <c r="E3239" cm="1">
        <f t="array" ref="E3239">IFERROR(INDEX(Jesper!AI$2:AI$366,ROUNDDOWN($C3239/24,0)+1,1)*INDEX($D$3:$AA$30,INDEX(Jesper!$R$2:$R$366,ROW(INDEX(Jesper!AI$2:AI$366,ROUNDDOWN($C3239/24,0)+1,1))-1)+IF('Standard Profiles'!$G$19=$B$10,7,0)+IF('Standard Profiles'!$G$19=$B$17,14,0)+IF('Standard Profiles'!$G$19=$B$24,21,0),MOD($C3239,24)+1)/SUM(INDEX($D$3:$AA$30,INDEX(Jesper!$R$2:$R$366,ROW(INDEX(Jesper!AI$2:AI$366,ROUNDDOWN($C3239/24,0)+1,1))-1)+IF('Standard Profiles'!$G$19=$B$10,7,0)+IF('Standard Profiles'!$G$19=$B$17,14,0)+IF('Standard Profiles'!$G$19=$B$24,21,0),0)),0)</f>
        <v>3.8007400667267839</v>
      </c>
      <c r="F3239" cm="1">
        <f t="array" ref="F3239">IFERROR(INDEX(Jesper!AJ$2:AJ$366,ROUNDDOWN($C3239/24,0)+1,1)*INDEX($D$3:$AA$30,INDEX(Jesper!$R$2:$R$366,ROW(INDEX(Jesper!AJ$2:AJ$366,ROUNDDOWN($C3239/24,0)+1,1))-1)+IF('Standard Profiles'!$G$20=$B$10,7,0)+IF('Standard Profiles'!$G$20=$B$17,14,0)+IF('Standard Profiles'!$G$20=$B$24,21,0),MOD($C3239,24)+1)/SUM(INDEX($D$3:$AA$30,INDEX(Jesper!$R$2:$R$366,ROW(INDEX(Jesper!AJ$2:AJ$366,ROUNDDOWN($C3239/24,0)+1,1))-1)+IF('Standard Profiles'!$G$20=$B$10,7,0)+IF('Standard Profiles'!$G$20=$B$17,14,0)+IF('Standard Profiles'!$G$20=$B$24,21,0),0)),0)</f>
        <v>2.7081520350626698</v>
      </c>
      <c r="G3239" cm="1">
        <f t="array" ref="G3239">IFERROR(INDEX(Jesper!AK$2:AK$366,ROUNDDOWN($C3239/24,0)+1,1)*INDEX($D$3:$AA$30,INDEX(Jesper!$R$2:$R$366,ROW(INDEX(Jesper!AK$2:AK$366,ROUNDDOWN($C3239/24,0)+1,1))-1)+IF('Standard Profiles'!$G$21=$B$10,7,0)+IF('Standard Profiles'!$G$21=$B$17,14,0)+IF('Standard Profiles'!$G$21=$B$24,21,0),MOD($C3239,24)+1)/SUM(INDEX($D$3:$AA$30,INDEX(Jesper!$R$2:$R$366,ROW(INDEX(Jesper!AK$2:AK$366,ROUNDDOWN($C3239/24,0)+1,1))-1)+IF('Standard Profiles'!$G$21=$B$10,7,0)+IF('Standard Profiles'!$G$21=$B$17,14,0)+IF('Standard Profiles'!$G$21=$B$24,21,0),0)),0)</f>
        <v>3.3802330154366347</v>
      </c>
      <c r="H3239" cm="1">
        <f t="array" ref="H3239">IFERROR(INDEX(Jesper!AL$2:AL$366,ROUNDDOWN($C3239/24,0)+1,1)*INDEX($D$3:$AA$30,INDEX(Jesper!$R$2:$R$366,ROW(INDEX(Jesper!AL$2:AL$366,ROUNDDOWN($C3239/24,0)+1,1))-1)+IF('Standard Profiles'!$G$22=$B$10,7,0)+IF('Standard Profiles'!$G$22=$B$17,14,0)+IF('Standard Profiles'!$G$22=$B$24,21,0),MOD($C3239,24)+1)/SUM(INDEX($D$3:$AA$30,INDEX(Jesper!$R$2:$R$366,ROW(INDEX(Jesper!AL$2:AL$366,ROUNDDOWN($C3239/24,0)+1,1))-1)+IF('Standard Profiles'!$G$22=$B$10,7,0)+IF('Standard Profiles'!$G$22=$B$17,14,0)+IF('Standard Profiles'!$G$22=$B$24,21,0),0)),0)</f>
        <v>2.8715543237400363</v>
      </c>
      <c r="I3239">
        <f t="shared" si="370"/>
        <v>2.7566921507904363</v>
      </c>
      <c r="J3239">
        <f t="shared" si="371"/>
        <v>9.547898482168474</v>
      </c>
      <c r="K3239">
        <f t="shared" si="372"/>
        <v>0.30405920533814274</v>
      </c>
      <c r="L3239">
        <f t="shared" si="373"/>
        <v>0.15202960266907137</v>
      </c>
      <c r="M3239">
        <f t="shared" si="374"/>
        <v>0</v>
      </c>
      <c r="N3239" s="45">
        <f t="shared" si="375"/>
        <v>45060.541666658894</v>
      </c>
    </row>
    <row r="3240" spans="2:14" x14ac:dyDescent="0.25">
      <c r="B3240">
        <f t="shared" si="369"/>
        <v>7</v>
      </c>
      <c r="C3240" s="16">
        <v>3206</v>
      </c>
      <c r="D3240" cm="1">
        <f t="array" ref="D3240">IFERROR(INDEX(Jesper!AH$2:AH$366,ROUNDDOWN($C3240/24,0)+1,1)*INDEX($D$3:$AA$30,INDEX(Jesper!$R$2:$R$366,ROW(INDEX(Jesper!AH$2:AH$366,ROUNDDOWN($C3240/24,0)+1,1))-1)+IF('Standard Profiles'!$G$18=$B$10,7,0)+IF('Standard Profiles'!$G$18=$B$17,14,0)+IF('Standard Profiles'!$G$18=$B$24,21,0),MOD($C3240,24)+1)/SUM(INDEX($D$3:$AA$30,INDEX(Jesper!$R$2:$R$366,ROW(INDEX(Jesper!AH$2:AH$366,ROUNDDOWN($C3240/24,0)+1,1))-1)+IF('Standard Profiles'!$G$18=$B$10,7,0)+IF('Standard Profiles'!$G$18=$B$17,14,0)+IF('Standard Profiles'!$G$18=$B$24,21,0),0)),0)</f>
        <v>0</v>
      </c>
      <c r="E3240" cm="1">
        <f t="array" ref="E3240">IFERROR(INDEX(Jesper!AI$2:AI$366,ROUNDDOWN($C3240/24,0)+1,1)*INDEX($D$3:$AA$30,INDEX(Jesper!$R$2:$R$366,ROW(INDEX(Jesper!AI$2:AI$366,ROUNDDOWN($C3240/24,0)+1,1))-1)+IF('Standard Profiles'!$G$19=$B$10,7,0)+IF('Standard Profiles'!$G$19=$B$17,14,0)+IF('Standard Profiles'!$G$19=$B$24,21,0),MOD($C3240,24)+1)/SUM(INDEX($D$3:$AA$30,INDEX(Jesper!$R$2:$R$366,ROW(INDEX(Jesper!AI$2:AI$366,ROUNDDOWN($C3240/24,0)+1,1))-1)+IF('Standard Profiles'!$G$19=$B$10,7,0)+IF('Standard Profiles'!$G$19=$B$17,14,0)+IF('Standard Profiles'!$G$19=$B$24,21,0),0)),0)</f>
        <v>3.8007400667267839</v>
      </c>
      <c r="F3240" cm="1">
        <f t="array" ref="F3240">IFERROR(INDEX(Jesper!AJ$2:AJ$366,ROUNDDOWN($C3240/24,0)+1,1)*INDEX($D$3:$AA$30,INDEX(Jesper!$R$2:$R$366,ROW(INDEX(Jesper!AJ$2:AJ$366,ROUNDDOWN($C3240/24,0)+1,1))-1)+IF('Standard Profiles'!$G$20=$B$10,7,0)+IF('Standard Profiles'!$G$20=$B$17,14,0)+IF('Standard Profiles'!$G$20=$B$24,21,0),MOD($C3240,24)+1)/SUM(INDEX($D$3:$AA$30,INDEX(Jesper!$R$2:$R$366,ROW(INDEX(Jesper!AJ$2:AJ$366,ROUNDDOWN($C3240/24,0)+1,1))-1)+IF('Standard Profiles'!$G$20=$B$10,7,0)+IF('Standard Profiles'!$G$20=$B$17,14,0)+IF('Standard Profiles'!$G$20=$B$24,21,0),0)),0)</f>
        <v>2.7081520350626698</v>
      </c>
      <c r="G3240" cm="1">
        <f t="array" ref="G3240">IFERROR(INDEX(Jesper!AK$2:AK$366,ROUNDDOWN($C3240/24,0)+1,1)*INDEX($D$3:$AA$30,INDEX(Jesper!$R$2:$R$366,ROW(INDEX(Jesper!AK$2:AK$366,ROUNDDOWN($C3240/24,0)+1,1))-1)+IF('Standard Profiles'!$G$21=$B$10,7,0)+IF('Standard Profiles'!$G$21=$B$17,14,0)+IF('Standard Profiles'!$G$21=$B$24,21,0),MOD($C3240,24)+1)/SUM(INDEX($D$3:$AA$30,INDEX(Jesper!$R$2:$R$366,ROW(INDEX(Jesper!AK$2:AK$366,ROUNDDOWN($C3240/24,0)+1,1))-1)+IF('Standard Profiles'!$G$21=$B$10,7,0)+IF('Standard Profiles'!$G$21=$B$17,14,0)+IF('Standard Profiles'!$G$21=$B$24,21,0),0)),0)</f>
        <v>3.3802330154366347</v>
      </c>
      <c r="H3240" cm="1">
        <f t="array" ref="H3240">IFERROR(INDEX(Jesper!AL$2:AL$366,ROUNDDOWN($C3240/24,0)+1,1)*INDEX($D$3:$AA$30,INDEX(Jesper!$R$2:$R$366,ROW(INDEX(Jesper!AL$2:AL$366,ROUNDDOWN($C3240/24,0)+1,1))-1)+IF('Standard Profiles'!$G$22=$B$10,7,0)+IF('Standard Profiles'!$G$22=$B$17,14,0)+IF('Standard Profiles'!$G$22=$B$24,21,0),MOD($C3240,24)+1)/SUM(INDEX($D$3:$AA$30,INDEX(Jesper!$R$2:$R$366,ROW(INDEX(Jesper!AL$2:AL$366,ROUNDDOWN($C3240/24,0)+1,1))-1)+IF('Standard Profiles'!$G$22=$B$10,7,0)+IF('Standard Profiles'!$G$22=$B$17,14,0)+IF('Standard Profiles'!$G$22=$B$24,21,0),0)),0)</f>
        <v>2.8715543237400363</v>
      </c>
      <c r="I3240">
        <f t="shared" si="370"/>
        <v>2.7566921507904363</v>
      </c>
      <c r="J3240">
        <f t="shared" si="371"/>
        <v>9.547898482168474</v>
      </c>
      <c r="K3240">
        <f t="shared" si="372"/>
        <v>0.30405920533814274</v>
      </c>
      <c r="L3240">
        <f t="shared" si="373"/>
        <v>0.15202960266907137</v>
      </c>
      <c r="M3240">
        <f t="shared" si="374"/>
        <v>0</v>
      </c>
      <c r="N3240" s="45">
        <f t="shared" si="375"/>
        <v>45060.583333325558</v>
      </c>
    </row>
    <row r="3241" spans="2:14" x14ac:dyDescent="0.25">
      <c r="B3241">
        <f t="shared" si="369"/>
        <v>7</v>
      </c>
      <c r="C3241" s="16">
        <v>3207</v>
      </c>
      <c r="D3241" cm="1">
        <f t="array" ref="D3241">IFERROR(INDEX(Jesper!AH$2:AH$366,ROUNDDOWN($C3241/24,0)+1,1)*INDEX($D$3:$AA$30,INDEX(Jesper!$R$2:$R$366,ROW(INDEX(Jesper!AH$2:AH$366,ROUNDDOWN($C3241/24,0)+1,1))-1)+IF('Standard Profiles'!$G$18=$B$10,7,0)+IF('Standard Profiles'!$G$18=$B$17,14,0)+IF('Standard Profiles'!$G$18=$B$24,21,0),MOD($C3241,24)+1)/SUM(INDEX($D$3:$AA$30,INDEX(Jesper!$R$2:$R$366,ROW(INDEX(Jesper!AH$2:AH$366,ROUNDDOWN($C3241/24,0)+1,1))-1)+IF('Standard Profiles'!$G$18=$B$10,7,0)+IF('Standard Profiles'!$G$18=$B$17,14,0)+IF('Standard Profiles'!$G$18=$B$24,21,0),0)),0)</f>
        <v>0</v>
      </c>
      <c r="E3241" cm="1">
        <f t="array" ref="E3241">IFERROR(INDEX(Jesper!AI$2:AI$366,ROUNDDOWN($C3241/24,0)+1,1)*INDEX($D$3:$AA$30,INDEX(Jesper!$R$2:$R$366,ROW(INDEX(Jesper!AI$2:AI$366,ROUNDDOWN($C3241/24,0)+1,1))-1)+IF('Standard Profiles'!$G$19=$B$10,7,0)+IF('Standard Profiles'!$G$19=$B$17,14,0)+IF('Standard Profiles'!$G$19=$B$24,21,0),MOD($C3241,24)+1)/SUM(INDEX($D$3:$AA$30,INDEX(Jesper!$R$2:$R$366,ROW(INDEX(Jesper!AI$2:AI$366,ROUNDDOWN($C3241/24,0)+1,1))-1)+IF('Standard Profiles'!$G$19=$B$10,7,0)+IF('Standard Profiles'!$G$19=$B$17,14,0)+IF('Standard Profiles'!$G$19=$B$24,21,0),0)),0)</f>
        <v>3.8007400667267839</v>
      </c>
      <c r="F3241" cm="1">
        <f t="array" ref="F3241">IFERROR(INDEX(Jesper!AJ$2:AJ$366,ROUNDDOWN($C3241/24,0)+1,1)*INDEX($D$3:$AA$30,INDEX(Jesper!$R$2:$R$366,ROW(INDEX(Jesper!AJ$2:AJ$366,ROUNDDOWN($C3241/24,0)+1,1))-1)+IF('Standard Profiles'!$G$20=$B$10,7,0)+IF('Standard Profiles'!$G$20=$B$17,14,0)+IF('Standard Profiles'!$G$20=$B$24,21,0),MOD($C3241,24)+1)/SUM(INDEX($D$3:$AA$30,INDEX(Jesper!$R$2:$R$366,ROW(INDEX(Jesper!AJ$2:AJ$366,ROUNDDOWN($C3241/24,0)+1,1))-1)+IF('Standard Profiles'!$G$20=$B$10,7,0)+IF('Standard Profiles'!$G$20=$B$17,14,0)+IF('Standard Profiles'!$G$20=$B$24,21,0),0)),0)</f>
        <v>2.7081520350626698</v>
      </c>
      <c r="G3241" cm="1">
        <f t="array" ref="G3241">IFERROR(INDEX(Jesper!AK$2:AK$366,ROUNDDOWN($C3241/24,0)+1,1)*INDEX($D$3:$AA$30,INDEX(Jesper!$R$2:$R$366,ROW(INDEX(Jesper!AK$2:AK$366,ROUNDDOWN($C3241/24,0)+1,1))-1)+IF('Standard Profiles'!$G$21=$B$10,7,0)+IF('Standard Profiles'!$G$21=$B$17,14,0)+IF('Standard Profiles'!$G$21=$B$24,21,0),MOD($C3241,24)+1)/SUM(INDEX($D$3:$AA$30,INDEX(Jesper!$R$2:$R$366,ROW(INDEX(Jesper!AK$2:AK$366,ROUNDDOWN($C3241/24,0)+1,1))-1)+IF('Standard Profiles'!$G$21=$B$10,7,0)+IF('Standard Profiles'!$G$21=$B$17,14,0)+IF('Standard Profiles'!$G$21=$B$24,21,0),0)),0)</f>
        <v>3.3802330154366347</v>
      </c>
      <c r="H3241" cm="1">
        <f t="array" ref="H3241">IFERROR(INDEX(Jesper!AL$2:AL$366,ROUNDDOWN($C3241/24,0)+1,1)*INDEX($D$3:$AA$30,INDEX(Jesper!$R$2:$R$366,ROW(INDEX(Jesper!AL$2:AL$366,ROUNDDOWN($C3241/24,0)+1,1))-1)+IF('Standard Profiles'!$G$22=$B$10,7,0)+IF('Standard Profiles'!$G$22=$B$17,14,0)+IF('Standard Profiles'!$G$22=$B$24,21,0),MOD($C3241,24)+1)/SUM(INDEX($D$3:$AA$30,INDEX(Jesper!$R$2:$R$366,ROW(INDEX(Jesper!AL$2:AL$366,ROUNDDOWN($C3241/24,0)+1,1))-1)+IF('Standard Profiles'!$G$22=$B$10,7,0)+IF('Standard Profiles'!$G$22=$B$17,14,0)+IF('Standard Profiles'!$G$22=$B$24,21,0),0)),0)</f>
        <v>2.5524927322133655</v>
      </c>
      <c r="I3241">
        <f t="shared" si="370"/>
        <v>2.4503930229248323</v>
      </c>
      <c r="J3241">
        <f t="shared" si="371"/>
        <v>9.5351360185074068</v>
      </c>
      <c r="K3241">
        <f t="shared" si="372"/>
        <v>0.30405920533814274</v>
      </c>
      <c r="L3241">
        <f t="shared" si="373"/>
        <v>0.15202960266907137</v>
      </c>
      <c r="M3241">
        <f t="shared" si="374"/>
        <v>0</v>
      </c>
      <c r="N3241" s="45">
        <f t="shared" si="375"/>
        <v>45060.624999992222</v>
      </c>
    </row>
    <row r="3242" spans="2:14" x14ac:dyDescent="0.25">
      <c r="B3242">
        <f t="shared" si="369"/>
        <v>7</v>
      </c>
      <c r="C3242" s="16">
        <v>3208</v>
      </c>
      <c r="D3242" cm="1">
        <f t="array" ref="D3242">IFERROR(INDEX(Jesper!AH$2:AH$366,ROUNDDOWN($C3242/24,0)+1,1)*INDEX($D$3:$AA$30,INDEX(Jesper!$R$2:$R$366,ROW(INDEX(Jesper!AH$2:AH$366,ROUNDDOWN($C3242/24,0)+1,1))-1)+IF('Standard Profiles'!$G$18=$B$10,7,0)+IF('Standard Profiles'!$G$18=$B$17,14,0)+IF('Standard Profiles'!$G$18=$B$24,21,0),MOD($C3242,24)+1)/SUM(INDEX($D$3:$AA$30,INDEX(Jesper!$R$2:$R$366,ROW(INDEX(Jesper!AH$2:AH$366,ROUNDDOWN($C3242/24,0)+1,1))-1)+IF('Standard Profiles'!$G$18=$B$10,7,0)+IF('Standard Profiles'!$G$18=$B$17,14,0)+IF('Standard Profiles'!$G$18=$B$24,21,0),0)),0)</f>
        <v>0</v>
      </c>
      <c r="E3242" cm="1">
        <f t="array" ref="E3242">IFERROR(INDEX(Jesper!AI$2:AI$366,ROUNDDOWN($C3242/24,0)+1,1)*INDEX($D$3:$AA$30,INDEX(Jesper!$R$2:$R$366,ROW(INDEX(Jesper!AI$2:AI$366,ROUNDDOWN($C3242/24,0)+1,1))-1)+IF('Standard Profiles'!$G$19=$B$10,7,0)+IF('Standard Profiles'!$G$19=$B$17,14,0)+IF('Standard Profiles'!$G$19=$B$24,21,0),MOD($C3242,24)+1)/SUM(INDEX($D$3:$AA$30,INDEX(Jesper!$R$2:$R$366,ROW(INDEX(Jesper!AI$2:AI$366,ROUNDDOWN($C3242/24,0)+1,1))-1)+IF('Standard Profiles'!$G$19=$B$10,7,0)+IF('Standard Profiles'!$G$19=$B$17,14,0)+IF('Standard Profiles'!$G$19=$B$24,21,0),0)),0)</f>
        <v>3.8007400667267839</v>
      </c>
      <c r="F3242" cm="1">
        <f t="array" ref="F3242">IFERROR(INDEX(Jesper!AJ$2:AJ$366,ROUNDDOWN($C3242/24,0)+1,1)*INDEX($D$3:$AA$30,INDEX(Jesper!$R$2:$R$366,ROW(INDEX(Jesper!AJ$2:AJ$366,ROUNDDOWN($C3242/24,0)+1,1))-1)+IF('Standard Profiles'!$G$20=$B$10,7,0)+IF('Standard Profiles'!$G$20=$B$17,14,0)+IF('Standard Profiles'!$G$20=$B$24,21,0),MOD($C3242,24)+1)/SUM(INDEX($D$3:$AA$30,INDEX(Jesper!$R$2:$R$366,ROW(INDEX(Jesper!AJ$2:AJ$366,ROUNDDOWN($C3242/24,0)+1,1))-1)+IF('Standard Profiles'!$G$20=$B$10,7,0)+IF('Standard Profiles'!$G$20=$B$17,14,0)+IF('Standard Profiles'!$G$20=$B$24,21,0),0)),0)</f>
        <v>2.7081520350626698</v>
      </c>
      <c r="G3242" cm="1">
        <f t="array" ref="G3242">IFERROR(INDEX(Jesper!AK$2:AK$366,ROUNDDOWN($C3242/24,0)+1,1)*INDEX($D$3:$AA$30,INDEX(Jesper!$R$2:$R$366,ROW(INDEX(Jesper!AK$2:AK$366,ROUNDDOWN($C3242/24,0)+1,1))-1)+IF('Standard Profiles'!$G$21=$B$10,7,0)+IF('Standard Profiles'!$G$21=$B$17,14,0)+IF('Standard Profiles'!$G$21=$B$24,21,0),MOD($C3242,24)+1)/SUM(INDEX($D$3:$AA$30,INDEX(Jesper!$R$2:$R$366,ROW(INDEX(Jesper!AK$2:AK$366,ROUNDDOWN($C3242/24,0)+1,1))-1)+IF('Standard Profiles'!$G$21=$B$10,7,0)+IF('Standard Profiles'!$G$21=$B$17,14,0)+IF('Standard Profiles'!$G$21=$B$24,21,0),0)),0)</f>
        <v>3.3802330154366347</v>
      </c>
      <c r="H3242" cm="1">
        <f t="array" ref="H3242">IFERROR(INDEX(Jesper!AL$2:AL$366,ROUNDDOWN($C3242/24,0)+1,1)*INDEX($D$3:$AA$30,INDEX(Jesper!$R$2:$R$366,ROW(INDEX(Jesper!AL$2:AL$366,ROUNDDOWN($C3242/24,0)+1,1))-1)+IF('Standard Profiles'!$G$22=$B$10,7,0)+IF('Standard Profiles'!$G$22=$B$17,14,0)+IF('Standard Profiles'!$G$22=$B$24,21,0),MOD($C3242,24)+1)/SUM(INDEX($D$3:$AA$30,INDEX(Jesper!$R$2:$R$366,ROW(INDEX(Jesper!AL$2:AL$366,ROUNDDOWN($C3242/24,0)+1,1))-1)+IF('Standard Profiles'!$G$22=$B$10,7,0)+IF('Standard Profiles'!$G$22=$B$17,14,0)+IF('Standard Profiles'!$G$22=$B$24,21,0),0)),0)</f>
        <v>2.5069125048524126</v>
      </c>
      <c r="I3242">
        <f t="shared" si="370"/>
        <v>2.4066360046583175</v>
      </c>
      <c r="J3242">
        <f t="shared" si="371"/>
        <v>9.5333128094129691</v>
      </c>
      <c r="K3242">
        <f t="shared" si="372"/>
        <v>0.30405920533814274</v>
      </c>
      <c r="L3242">
        <f t="shared" si="373"/>
        <v>0.15202960266907137</v>
      </c>
      <c r="M3242">
        <f t="shared" si="374"/>
        <v>0</v>
      </c>
      <c r="N3242" s="45">
        <f t="shared" si="375"/>
        <v>45060.666666658886</v>
      </c>
    </row>
    <row r="3243" spans="2:14" x14ac:dyDescent="0.25">
      <c r="B3243">
        <f t="shared" si="369"/>
        <v>7</v>
      </c>
      <c r="C3243" s="16">
        <v>3209</v>
      </c>
      <c r="D3243" cm="1">
        <f t="array" ref="D3243">IFERROR(INDEX(Jesper!AH$2:AH$366,ROUNDDOWN($C3243/24,0)+1,1)*INDEX($D$3:$AA$30,INDEX(Jesper!$R$2:$R$366,ROW(INDEX(Jesper!AH$2:AH$366,ROUNDDOWN($C3243/24,0)+1,1))-1)+IF('Standard Profiles'!$G$18=$B$10,7,0)+IF('Standard Profiles'!$G$18=$B$17,14,0)+IF('Standard Profiles'!$G$18=$B$24,21,0),MOD($C3243,24)+1)/SUM(INDEX($D$3:$AA$30,INDEX(Jesper!$R$2:$R$366,ROW(INDEX(Jesper!AH$2:AH$366,ROUNDDOWN($C3243/24,0)+1,1))-1)+IF('Standard Profiles'!$G$18=$B$10,7,0)+IF('Standard Profiles'!$G$18=$B$17,14,0)+IF('Standard Profiles'!$G$18=$B$24,21,0),0)),0)</f>
        <v>0</v>
      </c>
      <c r="E3243" cm="1">
        <f t="array" ref="E3243">IFERROR(INDEX(Jesper!AI$2:AI$366,ROUNDDOWN($C3243/24,0)+1,1)*INDEX($D$3:$AA$30,INDEX(Jesper!$R$2:$R$366,ROW(INDEX(Jesper!AI$2:AI$366,ROUNDDOWN($C3243/24,0)+1,1))-1)+IF('Standard Profiles'!$G$19=$B$10,7,0)+IF('Standard Profiles'!$G$19=$B$17,14,0)+IF('Standard Profiles'!$G$19=$B$24,21,0),MOD($C3243,24)+1)/SUM(INDEX($D$3:$AA$30,INDEX(Jesper!$R$2:$R$366,ROW(INDEX(Jesper!AI$2:AI$366,ROUNDDOWN($C3243/24,0)+1,1))-1)+IF('Standard Profiles'!$G$19=$B$10,7,0)+IF('Standard Profiles'!$G$19=$B$17,14,0)+IF('Standard Profiles'!$G$19=$B$24,21,0),0)),0)</f>
        <v>3.8007400667267839</v>
      </c>
      <c r="F3243" cm="1">
        <f t="array" ref="F3243">IFERROR(INDEX(Jesper!AJ$2:AJ$366,ROUNDDOWN($C3243/24,0)+1,1)*INDEX($D$3:$AA$30,INDEX(Jesper!$R$2:$R$366,ROW(INDEX(Jesper!AJ$2:AJ$366,ROUNDDOWN($C3243/24,0)+1,1))-1)+IF('Standard Profiles'!$G$20=$B$10,7,0)+IF('Standard Profiles'!$G$20=$B$17,14,0)+IF('Standard Profiles'!$G$20=$B$24,21,0),MOD($C3243,24)+1)/SUM(INDEX($D$3:$AA$30,INDEX(Jesper!$R$2:$R$366,ROW(INDEX(Jesper!AJ$2:AJ$366,ROUNDDOWN($C3243/24,0)+1,1))-1)+IF('Standard Profiles'!$G$20=$B$10,7,0)+IF('Standard Profiles'!$G$20=$B$17,14,0)+IF('Standard Profiles'!$G$20=$B$24,21,0),0)),0)</f>
        <v>2.7081520350626698</v>
      </c>
      <c r="G3243" cm="1">
        <f t="array" ref="G3243">IFERROR(INDEX(Jesper!AK$2:AK$366,ROUNDDOWN($C3243/24,0)+1,1)*INDEX($D$3:$AA$30,INDEX(Jesper!$R$2:$R$366,ROW(INDEX(Jesper!AK$2:AK$366,ROUNDDOWN($C3243/24,0)+1,1))-1)+IF('Standard Profiles'!$G$21=$B$10,7,0)+IF('Standard Profiles'!$G$21=$B$17,14,0)+IF('Standard Profiles'!$G$21=$B$24,21,0),MOD($C3243,24)+1)/SUM(INDEX($D$3:$AA$30,INDEX(Jesper!$R$2:$R$366,ROW(INDEX(Jesper!AK$2:AK$366,ROUNDDOWN($C3243/24,0)+1,1))-1)+IF('Standard Profiles'!$G$21=$B$10,7,0)+IF('Standard Profiles'!$G$21=$B$17,14,0)+IF('Standard Profiles'!$G$21=$B$24,21,0),0)),0)</f>
        <v>3.3802330154366347</v>
      </c>
      <c r="H3243" cm="1">
        <f t="array" ref="H3243">IFERROR(INDEX(Jesper!AL$2:AL$366,ROUNDDOWN($C3243/24,0)+1,1)*INDEX($D$3:$AA$30,INDEX(Jesper!$R$2:$R$366,ROW(INDEX(Jesper!AL$2:AL$366,ROUNDDOWN($C3243/24,0)+1,1))-1)+IF('Standard Profiles'!$G$22=$B$10,7,0)+IF('Standard Profiles'!$G$22=$B$17,14,0)+IF('Standard Profiles'!$G$22=$B$24,21,0),MOD($C3243,24)+1)/SUM(INDEX($D$3:$AA$30,INDEX(Jesper!$R$2:$R$366,ROW(INDEX(Jesper!AL$2:AL$366,ROUNDDOWN($C3243/24,0)+1,1))-1)+IF('Standard Profiles'!$G$22=$B$10,7,0)+IF('Standard Profiles'!$G$22=$B$17,14,0)+IF('Standard Profiles'!$G$22=$B$24,21,0),0)),0)</f>
        <v>2.1422706859647889</v>
      </c>
      <c r="I3243">
        <f t="shared" si="370"/>
        <v>2.0565798585261983</v>
      </c>
      <c r="J3243">
        <f t="shared" si="371"/>
        <v>9.5187271366574642</v>
      </c>
      <c r="K3243">
        <f t="shared" si="372"/>
        <v>0.30405920533814274</v>
      </c>
      <c r="L3243">
        <f t="shared" si="373"/>
        <v>0.15202960266907137</v>
      </c>
      <c r="M3243">
        <f t="shared" si="374"/>
        <v>0</v>
      </c>
      <c r="N3243" s="45">
        <f t="shared" si="375"/>
        <v>45060.70833332555</v>
      </c>
    </row>
    <row r="3244" spans="2:14" x14ac:dyDescent="0.25">
      <c r="B3244">
        <f t="shared" si="369"/>
        <v>7</v>
      </c>
      <c r="C3244" s="16">
        <v>3210</v>
      </c>
      <c r="D3244" cm="1">
        <f t="array" ref="D3244">IFERROR(INDEX(Jesper!AH$2:AH$366,ROUNDDOWN($C3244/24,0)+1,1)*INDEX($D$3:$AA$30,INDEX(Jesper!$R$2:$R$366,ROW(INDEX(Jesper!AH$2:AH$366,ROUNDDOWN($C3244/24,0)+1,1))-1)+IF('Standard Profiles'!$G$18=$B$10,7,0)+IF('Standard Profiles'!$G$18=$B$17,14,0)+IF('Standard Profiles'!$G$18=$B$24,21,0),MOD($C3244,24)+1)/SUM(INDEX($D$3:$AA$30,INDEX(Jesper!$R$2:$R$366,ROW(INDEX(Jesper!AH$2:AH$366,ROUNDDOWN($C3244/24,0)+1,1))-1)+IF('Standard Profiles'!$G$18=$B$10,7,0)+IF('Standard Profiles'!$G$18=$B$17,14,0)+IF('Standard Profiles'!$G$18=$B$24,21,0),0)),0)</f>
        <v>0</v>
      </c>
      <c r="E3244" cm="1">
        <f t="array" ref="E3244">IFERROR(INDEX(Jesper!AI$2:AI$366,ROUNDDOWN($C3244/24,0)+1,1)*INDEX($D$3:$AA$30,INDEX(Jesper!$R$2:$R$366,ROW(INDEX(Jesper!AI$2:AI$366,ROUNDDOWN($C3244/24,0)+1,1))-1)+IF('Standard Profiles'!$G$19=$B$10,7,0)+IF('Standard Profiles'!$G$19=$B$17,14,0)+IF('Standard Profiles'!$G$19=$B$24,21,0),MOD($C3244,24)+1)/SUM(INDEX($D$3:$AA$30,INDEX(Jesper!$R$2:$R$366,ROW(INDEX(Jesper!AI$2:AI$366,ROUNDDOWN($C3244/24,0)+1,1))-1)+IF('Standard Profiles'!$G$19=$B$10,7,0)+IF('Standard Profiles'!$G$19=$B$17,14,0)+IF('Standard Profiles'!$G$19=$B$24,21,0),0)),0)</f>
        <v>3.8007400667267839</v>
      </c>
      <c r="F3244" cm="1">
        <f t="array" ref="F3244">IFERROR(INDEX(Jesper!AJ$2:AJ$366,ROUNDDOWN($C3244/24,0)+1,1)*INDEX($D$3:$AA$30,INDEX(Jesper!$R$2:$R$366,ROW(INDEX(Jesper!AJ$2:AJ$366,ROUNDDOWN($C3244/24,0)+1,1))-1)+IF('Standard Profiles'!$G$20=$B$10,7,0)+IF('Standard Profiles'!$G$20=$B$17,14,0)+IF('Standard Profiles'!$G$20=$B$24,21,0),MOD($C3244,24)+1)/SUM(INDEX($D$3:$AA$30,INDEX(Jesper!$R$2:$R$366,ROW(INDEX(Jesper!AJ$2:AJ$366,ROUNDDOWN($C3244/24,0)+1,1))-1)+IF('Standard Profiles'!$G$20=$B$10,7,0)+IF('Standard Profiles'!$G$20=$B$17,14,0)+IF('Standard Profiles'!$G$20=$B$24,21,0),0)),0)</f>
        <v>2.7081520350626698</v>
      </c>
      <c r="G3244" cm="1">
        <f t="array" ref="G3244">IFERROR(INDEX(Jesper!AK$2:AK$366,ROUNDDOWN($C3244/24,0)+1,1)*INDEX($D$3:$AA$30,INDEX(Jesper!$R$2:$R$366,ROW(INDEX(Jesper!AK$2:AK$366,ROUNDDOWN($C3244/24,0)+1,1))-1)+IF('Standard Profiles'!$G$21=$B$10,7,0)+IF('Standard Profiles'!$G$21=$B$17,14,0)+IF('Standard Profiles'!$G$21=$B$24,21,0),MOD($C3244,24)+1)/SUM(INDEX($D$3:$AA$30,INDEX(Jesper!$R$2:$R$366,ROW(INDEX(Jesper!AK$2:AK$366,ROUNDDOWN($C3244/24,0)+1,1))-1)+IF('Standard Profiles'!$G$21=$B$10,7,0)+IF('Standard Profiles'!$G$21=$B$17,14,0)+IF('Standard Profiles'!$G$21=$B$24,21,0),0)),0)</f>
        <v>3.3802330154366347</v>
      </c>
      <c r="H3244" cm="1">
        <f t="array" ref="H3244">IFERROR(INDEX(Jesper!AL$2:AL$366,ROUNDDOWN($C3244/24,0)+1,1)*INDEX($D$3:$AA$30,INDEX(Jesper!$R$2:$R$366,ROW(INDEX(Jesper!AL$2:AL$366,ROUNDDOWN($C3244/24,0)+1,1))-1)+IF('Standard Profiles'!$G$22=$B$10,7,0)+IF('Standard Profiles'!$G$22=$B$17,14,0)+IF('Standard Profiles'!$G$22=$B$24,21,0),MOD($C3244,24)+1)/SUM(INDEX($D$3:$AA$30,INDEX(Jesper!$R$2:$R$366,ROW(INDEX(Jesper!AL$2:AL$366,ROUNDDOWN($C3244/24,0)+1,1))-1)+IF('Standard Profiles'!$G$22=$B$10,7,0)+IF('Standard Profiles'!$G$22=$B$17,14,0)+IF('Standard Profiles'!$G$22=$B$24,21,0),0)),0)</f>
        <v>2.0055300038819301</v>
      </c>
      <c r="I3244">
        <f t="shared" si="370"/>
        <v>1.9253088037266539</v>
      </c>
      <c r="J3244">
        <f t="shared" si="371"/>
        <v>9.5132575093741494</v>
      </c>
      <c r="K3244">
        <f t="shared" si="372"/>
        <v>0.30405920533814274</v>
      </c>
      <c r="L3244">
        <f t="shared" si="373"/>
        <v>0.15202960266907137</v>
      </c>
      <c r="M3244">
        <f t="shared" si="374"/>
        <v>0</v>
      </c>
      <c r="N3244" s="45">
        <f t="shared" si="375"/>
        <v>45060.749999992215</v>
      </c>
    </row>
    <row r="3245" spans="2:14" x14ac:dyDescent="0.25">
      <c r="B3245">
        <f t="shared" si="369"/>
        <v>7</v>
      </c>
      <c r="C3245" s="16">
        <v>3211</v>
      </c>
      <c r="D3245" cm="1">
        <f t="array" ref="D3245">IFERROR(INDEX(Jesper!AH$2:AH$366,ROUNDDOWN($C3245/24,0)+1,1)*INDEX($D$3:$AA$30,INDEX(Jesper!$R$2:$R$366,ROW(INDEX(Jesper!AH$2:AH$366,ROUNDDOWN($C3245/24,0)+1,1))-1)+IF('Standard Profiles'!$G$18=$B$10,7,0)+IF('Standard Profiles'!$G$18=$B$17,14,0)+IF('Standard Profiles'!$G$18=$B$24,21,0),MOD($C3245,24)+1)/SUM(INDEX($D$3:$AA$30,INDEX(Jesper!$R$2:$R$366,ROW(INDEX(Jesper!AH$2:AH$366,ROUNDDOWN($C3245/24,0)+1,1))-1)+IF('Standard Profiles'!$G$18=$B$10,7,0)+IF('Standard Profiles'!$G$18=$B$17,14,0)+IF('Standard Profiles'!$G$18=$B$24,21,0),0)),0)</f>
        <v>0</v>
      </c>
      <c r="E3245" cm="1">
        <f t="array" ref="E3245">IFERROR(INDEX(Jesper!AI$2:AI$366,ROUNDDOWN($C3245/24,0)+1,1)*INDEX($D$3:$AA$30,INDEX(Jesper!$R$2:$R$366,ROW(INDEX(Jesper!AI$2:AI$366,ROUNDDOWN($C3245/24,0)+1,1))-1)+IF('Standard Profiles'!$G$19=$B$10,7,0)+IF('Standard Profiles'!$G$19=$B$17,14,0)+IF('Standard Profiles'!$G$19=$B$24,21,0),MOD($C3245,24)+1)/SUM(INDEX($D$3:$AA$30,INDEX(Jesper!$R$2:$R$366,ROW(INDEX(Jesper!AI$2:AI$366,ROUNDDOWN($C3245/24,0)+1,1))-1)+IF('Standard Profiles'!$G$19=$B$10,7,0)+IF('Standard Profiles'!$G$19=$B$17,14,0)+IF('Standard Profiles'!$G$19=$B$24,21,0),0)),0)</f>
        <v>3.8007400667267839</v>
      </c>
      <c r="F3245" cm="1">
        <f t="array" ref="F3245">IFERROR(INDEX(Jesper!AJ$2:AJ$366,ROUNDDOWN($C3245/24,0)+1,1)*INDEX($D$3:$AA$30,INDEX(Jesper!$R$2:$R$366,ROW(INDEX(Jesper!AJ$2:AJ$366,ROUNDDOWN($C3245/24,0)+1,1))-1)+IF('Standard Profiles'!$G$20=$B$10,7,0)+IF('Standard Profiles'!$G$20=$B$17,14,0)+IF('Standard Profiles'!$G$20=$B$24,21,0),MOD($C3245,24)+1)/SUM(INDEX($D$3:$AA$30,INDEX(Jesper!$R$2:$R$366,ROW(INDEX(Jesper!AJ$2:AJ$366,ROUNDDOWN($C3245/24,0)+1,1))-1)+IF('Standard Profiles'!$G$20=$B$10,7,0)+IF('Standard Profiles'!$G$20=$B$17,14,0)+IF('Standard Profiles'!$G$20=$B$24,21,0),0)),0)</f>
        <v>2.7081520350626698</v>
      </c>
      <c r="G3245" cm="1">
        <f t="array" ref="G3245">IFERROR(INDEX(Jesper!AK$2:AK$366,ROUNDDOWN($C3245/24,0)+1,1)*INDEX($D$3:$AA$30,INDEX(Jesper!$R$2:$R$366,ROW(INDEX(Jesper!AK$2:AK$366,ROUNDDOWN($C3245/24,0)+1,1))-1)+IF('Standard Profiles'!$G$21=$B$10,7,0)+IF('Standard Profiles'!$G$21=$B$17,14,0)+IF('Standard Profiles'!$G$21=$B$24,21,0),MOD($C3245,24)+1)/SUM(INDEX($D$3:$AA$30,INDEX(Jesper!$R$2:$R$366,ROW(INDEX(Jesper!AK$2:AK$366,ROUNDDOWN($C3245/24,0)+1,1))-1)+IF('Standard Profiles'!$G$21=$B$10,7,0)+IF('Standard Profiles'!$G$21=$B$17,14,0)+IF('Standard Profiles'!$G$21=$B$24,21,0),0)),0)</f>
        <v>3.3802330154366347</v>
      </c>
      <c r="H3245" cm="1">
        <f t="array" ref="H3245">IFERROR(INDEX(Jesper!AL$2:AL$366,ROUNDDOWN($C3245/24,0)+1,1)*INDEX($D$3:$AA$30,INDEX(Jesper!$R$2:$R$366,ROW(INDEX(Jesper!AL$2:AL$366,ROUNDDOWN($C3245/24,0)+1,1))-1)+IF('Standard Profiles'!$G$22=$B$10,7,0)+IF('Standard Profiles'!$G$22=$B$17,14,0)+IF('Standard Profiles'!$G$22=$B$24,21,0),MOD($C3245,24)+1)/SUM(INDEX($D$3:$AA$30,INDEX(Jesper!$R$2:$R$366,ROW(INDEX(Jesper!AL$2:AL$366,ROUNDDOWN($C3245/24,0)+1,1))-1)+IF('Standard Profiles'!$G$22=$B$10,7,0)+IF('Standard Profiles'!$G$22=$B$17,14,0)+IF('Standard Profiles'!$G$22=$B$24,21,0),0)),0)</f>
        <v>1.6864684123552593</v>
      </c>
      <c r="I3245">
        <f t="shared" si="370"/>
        <v>1.6190096758610499</v>
      </c>
      <c r="J3245">
        <f t="shared" si="371"/>
        <v>9.5004950457130839</v>
      </c>
      <c r="K3245">
        <f t="shared" si="372"/>
        <v>0.30405920533814274</v>
      </c>
      <c r="L3245">
        <f t="shared" si="373"/>
        <v>0.15202960266907137</v>
      </c>
      <c r="M3245">
        <f t="shared" si="374"/>
        <v>0</v>
      </c>
      <c r="N3245" s="45">
        <f t="shared" si="375"/>
        <v>45060.791666658879</v>
      </c>
    </row>
    <row r="3246" spans="2:14" x14ac:dyDescent="0.25">
      <c r="B3246">
        <f t="shared" si="369"/>
        <v>7</v>
      </c>
      <c r="C3246" s="16">
        <v>3212</v>
      </c>
      <c r="D3246" cm="1">
        <f t="array" ref="D3246">IFERROR(INDEX(Jesper!AH$2:AH$366,ROUNDDOWN($C3246/24,0)+1,1)*INDEX($D$3:$AA$30,INDEX(Jesper!$R$2:$R$366,ROW(INDEX(Jesper!AH$2:AH$366,ROUNDDOWN($C3246/24,0)+1,1))-1)+IF('Standard Profiles'!$G$18=$B$10,7,0)+IF('Standard Profiles'!$G$18=$B$17,14,0)+IF('Standard Profiles'!$G$18=$B$24,21,0),MOD($C3246,24)+1)/SUM(INDEX($D$3:$AA$30,INDEX(Jesper!$R$2:$R$366,ROW(INDEX(Jesper!AH$2:AH$366,ROUNDDOWN($C3246/24,0)+1,1))-1)+IF('Standard Profiles'!$G$18=$B$10,7,0)+IF('Standard Profiles'!$G$18=$B$17,14,0)+IF('Standard Profiles'!$G$18=$B$24,21,0),0)),0)</f>
        <v>0</v>
      </c>
      <c r="E3246" cm="1">
        <f t="array" ref="E3246">IFERROR(INDEX(Jesper!AI$2:AI$366,ROUNDDOWN($C3246/24,0)+1,1)*INDEX($D$3:$AA$30,INDEX(Jesper!$R$2:$R$366,ROW(INDEX(Jesper!AI$2:AI$366,ROUNDDOWN($C3246/24,0)+1,1))-1)+IF('Standard Profiles'!$G$19=$B$10,7,0)+IF('Standard Profiles'!$G$19=$B$17,14,0)+IF('Standard Profiles'!$G$19=$B$24,21,0),MOD($C3246,24)+1)/SUM(INDEX($D$3:$AA$30,INDEX(Jesper!$R$2:$R$366,ROW(INDEX(Jesper!AI$2:AI$366,ROUNDDOWN($C3246/24,0)+1,1))-1)+IF('Standard Profiles'!$G$19=$B$10,7,0)+IF('Standard Profiles'!$G$19=$B$17,14,0)+IF('Standard Profiles'!$G$19=$B$24,21,0),0)),0)</f>
        <v>3.8007400667267839</v>
      </c>
      <c r="F3246" cm="1">
        <f t="array" ref="F3246">IFERROR(INDEX(Jesper!AJ$2:AJ$366,ROUNDDOWN($C3246/24,0)+1,1)*INDEX($D$3:$AA$30,INDEX(Jesper!$R$2:$R$366,ROW(INDEX(Jesper!AJ$2:AJ$366,ROUNDDOWN($C3246/24,0)+1,1))-1)+IF('Standard Profiles'!$G$20=$B$10,7,0)+IF('Standard Profiles'!$G$20=$B$17,14,0)+IF('Standard Profiles'!$G$20=$B$24,21,0),MOD($C3246,24)+1)/SUM(INDEX($D$3:$AA$30,INDEX(Jesper!$R$2:$R$366,ROW(INDEX(Jesper!AJ$2:AJ$366,ROUNDDOWN($C3246/24,0)+1,1))-1)+IF('Standard Profiles'!$G$20=$B$10,7,0)+IF('Standard Profiles'!$G$20=$B$17,14,0)+IF('Standard Profiles'!$G$20=$B$24,21,0),0)),0)</f>
        <v>2.7081520350626698</v>
      </c>
      <c r="G3246" cm="1">
        <f t="array" ref="G3246">IFERROR(INDEX(Jesper!AK$2:AK$366,ROUNDDOWN($C3246/24,0)+1,1)*INDEX($D$3:$AA$30,INDEX(Jesper!$R$2:$R$366,ROW(INDEX(Jesper!AK$2:AK$366,ROUNDDOWN($C3246/24,0)+1,1))-1)+IF('Standard Profiles'!$G$21=$B$10,7,0)+IF('Standard Profiles'!$G$21=$B$17,14,0)+IF('Standard Profiles'!$G$21=$B$24,21,0),MOD($C3246,24)+1)/SUM(INDEX($D$3:$AA$30,INDEX(Jesper!$R$2:$R$366,ROW(INDEX(Jesper!AK$2:AK$366,ROUNDDOWN($C3246/24,0)+1,1))-1)+IF('Standard Profiles'!$G$21=$B$10,7,0)+IF('Standard Profiles'!$G$21=$B$17,14,0)+IF('Standard Profiles'!$G$21=$B$24,21,0),0)),0)</f>
        <v>3.3802330154366347</v>
      </c>
      <c r="H3246" cm="1">
        <f t="array" ref="H3246">IFERROR(INDEX(Jesper!AL$2:AL$366,ROUNDDOWN($C3246/24,0)+1,1)*INDEX($D$3:$AA$30,INDEX(Jesper!$R$2:$R$366,ROW(INDEX(Jesper!AL$2:AL$366,ROUNDDOWN($C3246/24,0)+1,1))-1)+IF('Standard Profiles'!$G$22=$B$10,7,0)+IF('Standard Profiles'!$G$22=$B$17,14,0)+IF('Standard Profiles'!$G$22=$B$24,21,0),MOD($C3246,24)+1)/SUM(INDEX($D$3:$AA$30,INDEX(Jesper!$R$2:$R$366,ROW(INDEX(Jesper!AL$2:AL$366,ROUNDDOWN($C3246/24,0)+1,1))-1)+IF('Standard Profiles'!$G$22=$B$10,7,0)+IF('Standard Profiles'!$G$22=$B$17,14,0)+IF('Standard Profiles'!$G$22=$B$24,21,0),0)),0)</f>
        <v>1.4129870481895415</v>
      </c>
      <c r="I3246">
        <f t="shared" si="370"/>
        <v>1.3564675662619605</v>
      </c>
      <c r="J3246">
        <f t="shared" si="371"/>
        <v>9.4895557911464543</v>
      </c>
      <c r="K3246">
        <f t="shared" si="372"/>
        <v>0.30405920533814274</v>
      </c>
      <c r="L3246">
        <f t="shared" si="373"/>
        <v>0.15202960266907137</v>
      </c>
      <c r="M3246">
        <f t="shared" si="374"/>
        <v>0</v>
      </c>
      <c r="N3246" s="45">
        <f t="shared" si="375"/>
        <v>45060.833333325543</v>
      </c>
    </row>
    <row r="3247" spans="2:14" x14ac:dyDescent="0.25">
      <c r="B3247">
        <f t="shared" si="369"/>
        <v>7</v>
      </c>
      <c r="C3247" s="16">
        <v>3213</v>
      </c>
      <c r="D3247" cm="1">
        <f t="array" ref="D3247">IFERROR(INDEX(Jesper!AH$2:AH$366,ROUNDDOWN($C3247/24,0)+1,1)*INDEX($D$3:$AA$30,INDEX(Jesper!$R$2:$R$366,ROW(INDEX(Jesper!AH$2:AH$366,ROUNDDOWN($C3247/24,0)+1,1))-1)+IF('Standard Profiles'!$G$18=$B$10,7,0)+IF('Standard Profiles'!$G$18=$B$17,14,0)+IF('Standard Profiles'!$G$18=$B$24,21,0),MOD($C3247,24)+1)/SUM(INDEX($D$3:$AA$30,INDEX(Jesper!$R$2:$R$366,ROW(INDEX(Jesper!AH$2:AH$366,ROUNDDOWN($C3247/24,0)+1,1))-1)+IF('Standard Profiles'!$G$18=$B$10,7,0)+IF('Standard Profiles'!$G$18=$B$17,14,0)+IF('Standard Profiles'!$G$18=$B$24,21,0),0)),0)</f>
        <v>0</v>
      </c>
      <c r="E3247" cm="1">
        <f t="array" ref="E3247">IFERROR(INDEX(Jesper!AI$2:AI$366,ROUNDDOWN($C3247/24,0)+1,1)*INDEX($D$3:$AA$30,INDEX(Jesper!$R$2:$R$366,ROW(INDEX(Jesper!AI$2:AI$366,ROUNDDOWN($C3247/24,0)+1,1))-1)+IF('Standard Profiles'!$G$19=$B$10,7,0)+IF('Standard Profiles'!$G$19=$B$17,14,0)+IF('Standard Profiles'!$G$19=$B$24,21,0),MOD($C3247,24)+1)/SUM(INDEX($D$3:$AA$30,INDEX(Jesper!$R$2:$R$366,ROW(INDEX(Jesper!AI$2:AI$366,ROUNDDOWN($C3247/24,0)+1,1))-1)+IF('Standard Profiles'!$G$19=$B$10,7,0)+IF('Standard Profiles'!$G$19=$B$17,14,0)+IF('Standard Profiles'!$G$19=$B$24,21,0),0)),0)</f>
        <v>3.8007400667267839</v>
      </c>
      <c r="F3247" cm="1">
        <f t="array" ref="F3247">IFERROR(INDEX(Jesper!AJ$2:AJ$366,ROUNDDOWN($C3247/24,0)+1,1)*INDEX($D$3:$AA$30,INDEX(Jesper!$R$2:$R$366,ROW(INDEX(Jesper!AJ$2:AJ$366,ROUNDDOWN($C3247/24,0)+1,1))-1)+IF('Standard Profiles'!$G$20=$B$10,7,0)+IF('Standard Profiles'!$G$20=$B$17,14,0)+IF('Standard Profiles'!$G$20=$B$24,21,0),MOD($C3247,24)+1)/SUM(INDEX($D$3:$AA$30,INDEX(Jesper!$R$2:$R$366,ROW(INDEX(Jesper!AJ$2:AJ$366,ROUNDDOWN($C3247/24,0)+1,1))-1)+IF('Standard Profiles'!$G$20=$B$10,7,0)+IF('Standard Profiles'!$G$20=$B$17,14,0)+IF('Standard Profiles'!$G$20=$B$24,21,0),0)),0)</f>
        <v>2.7081520350626698</v>
      </c>
      <c r="G3247" cm="1">
        <f t="array" ref="G3247">IFERROR(INDEX(Jesper!AK$2:AK$366,ROUNDDOWN($C3247/24,0)+1,1)*INDEX($D$3:$AA$30,INDEX(Jesper!$R$2:$R$366,ROW(INDEX(Jesper!AK$2:AK$366,ROUNDDOWN($C3247/24,0)+1,1))-1)+IF('Standard Profiles'!$G$21=$B$10,7,0)+IF('Standard Profiles'!$G$21=$B$17,14,0)+IF('Standard Profiles'!$G$21=$B$24,21,0),MOD($C3247,24)+1)/SUM(INDEX($D$3:$AA$30,INDEX(Jesper!$R$2:$R$366,ROW(INDEX(Jesper!AK$2:AK$366,ROUNDDOWN($C3247/24,0)+1,1))-1)+IF('Standard Profiles'!$G$21=$B$10,7,0)+IF('Standard Profiles'!$G$21=$B$17,14,0)+IF('Standard Profiles'!$G$21=$B$24,21,0),0)),0)</f>
        <v>3.3802330154366347</v>
      </c>
      <c r="H3247" cm="1">
        <f t="array" ref="H3247">IFERROR(INDEX(Jesper!AL$2:AL$366,ROUNDDOWN($C3247/24,0)+1,1)*INDEX($D$3:$AA$30,INDEX(Jesper!$R$2:$R$366,ROW(INDEX(Jesper!AL$2:AL$366,ROUNDDOWN($C3247/24,0)+1,1))-1)+IF('Standard Profiles'!$G$22=$B$10,7,0)+IF('Standard Profiles'!$G$22=$B$17,14,0)+IF('Standard Profiles'!$G$22=$B$24,21,0),MOD($C3247,24)+1)/SUM(INDEX($D$3:$AA$30,INDEX(Jesper!$R$2:$R$366,ROW(INDEX(Jesper!AL$2:AL$366,ROUNDDOWN($C3247/24,0)+1,1))-1)+IF('Standard Profiles'!$G$22=$B$10,7,0)+IF('Standard Profiles'!$G$22=$B$17,14,0)+IF('Standard Profiles'!$G$22=$B$24,21,0),0)),0)</f>
        <v>1.2306661387457298</v>
      </c>
      <c r="I3247">
        <f t="shared" si="370"/>
        <v>1.1814394931959014</v>
      </c>
      <c r="J3247">
        <f t="shared" si="371"/>
        <v>9.4822629547687018</v>
      </c>
      <c r="K3247">
        <f t="shared" si="372"/>
        <v>0.30405920533814274</v>
      </c>
      <c r="L3247">
        <f t="shared" si="373"/>
        <v>0.15202960266907137</v>
      </c>
      <c r="M3247">
        <f t="shared" si="374"/>
        <v>0</v>
      </c>
      <c r="N3247" s="45">
        <f t="shared" si="375"/>
        <v>45060.874999992207</v>
      </c>
    </row>
    <row r="3248" spans="2:14" x14ac:dyDescent="0.25">
      <c r="B3248">
        <f t="shared" si="369"/>
        <v>7</v>
      </c>
      <c r="C3248" s="16">
        <v>3214</v>
      </c>
      <c r="D3248" cm="1">
        <f t="array" ref="D3248">IFERROR(INDEX(Jesper!AH$2:AH$366,ROUNDDOWN($C3248/24,0)+1,1)*INDEX($D$3:$AA$30,INDEX(Jesper!$R$2:$R$366,ROW(INDEX(Jesper!AH$2:AH$366,ROUNDDOWN($C3248/24,0)+1,1))-1)+IF('Standard Profiles'!$G$18=$B$10,7,0)+IF('Standard Profiles'!$G$18=$B$17,14,0)+IF('Standard Profiles'!$G$18=$B$24,21,0),MOD($C3248,24)+1)/SUM(INDEX($D$3:$AA$30,INDEX(Jesper!$R$2:$R$366,ROW(INDEX(Jesper!AH$2:AH$366,ROUNDDOWN($C3248/24,0)+1,1))-1)+IF('Standard Profiles'!$G$18=$B$10,7,0)+IF('Standard Profiles'!$G$18=$B$17,14,0)+IF('Standard Profiles'!$G$18=$B$24,21,0),0)),0)</f>
        <v>0</v>
      </c>
      <c r="E3248" cm="1">
        <f t="array" ref="E3248">IFERROR(INDEX(Jesper!AI$2:AI$366,ROUNDDOWN($C3248/24,0)+1,1)*INDEX($D$3:$AA$30,INDEX(Jesper!$R$2:$R$366,ROW(INDEX(Jesper!AI$2:AI$366,ROUNDDOWN($C3248/24,0)+1,1))-1)+IF('Standard Profiles'!$G$19=$B$10,7,0)+IF('Standard Profiles'!$G$19=$B$17,14,0)+IF('Standard Profiles'!$G$19=$B$24,21,0),MOD($C3248,24)+1)/SUM(INDEX($D$3:$AA$30,INDEX(Jesper!$R$2:$R$366,ROW(INDEX(Jesper!AI$2:AI$366,ROUNDDOWN($C3248/24,0)+1,1))-1)+IF('Standard Profiles'!$G$19=$B$10,7,0)+IF('Standard Profiles'!$G$19=$B$17,14,0)+IF('Standard Profiles'!$G$19=$B$24,21,0),0)),0)</f>
        <v>3.8007400667267839</v>
      </c>
      <c r="F3248" cm="1">
        <f t="array" ref="F3248">IFERROR(INDEX(Jesper!AJ$2:AJ$366,ROUNDDOWN($C3248/24,0)+1,1)*INDEX($D$3:$AA$30,INDEX(Jesper!$R$2:$R$366,ROW(INDEX(Jesper!AJ$2:AJ$366,ROUNDDOWN($C3248/24,0)+1,1))-1)+IF('Standard Profiles'!$G$20=$B$10,7,0)+IF('Standard Profiles'!$G$20=$B$17,14,0)+IF('Standard Profiles'!$G$20=$B$24,21,0),MOD($C3248,24)+1)/SUM(INDEX($D$3:$AA$30,INDEX(Jesper!$R$2:$R$366,ROW(INDEX(Jesper!AJ$2:AJ$366,ROUNDDOWN($C3248/24,0)+1,1))-1)+IF('Standard Profiles'!$G$20=$B$10,7,0)+IF('Standard Profiles'!$G$20=$B$17,14,0)+IF('Standard Profiles'!$G$20=$B$24,21,0),0)),0)</f>
        <v>2.7081520350626698</v>
      </c>
      <c r="G3248" cm="1">
        <f t="array" ref="G3248">IFERROR(INDEX(Jesper!AK$2:AK$366,ROUNDDOWN($C3248/24,0)+1,1)*INDEX($D$3:$AA$30,INDEX(Jesper!$R$2:$R$366,ROW(INDEX(Jesper!AK$2:AK$366,ROUNDDOWN($C3248/24,0)+1,1))-1)+IF('Standard Profiles'!$G$21=$B$10,7,0)+IF('Standard Profiles'!$G$21=$B$17,14,0)+IF('Standard Profiles'!$G$21=$B$24,21,0),MOD($C3248,24)+1)/SUM(INDEX($D$3:$AA$30,INDEX(Jesper!$R$2:$R$366,ROW(INDEX(Jesper!AK$2:AK$366,ROUNDDOWN($C3248/24,0)+1,1))-1)+IF('Standard Profiles'!$G$21=$B$10,7,0)+IF('Standard Profiles'!$G$21=$B$17,14,0)+IF('Standard Profiles'!$G$21=$B$24,21,0),0)),0)</f>
        <v>3.3802330154366347</v>
      </c>
      <c r="H3248" cm="1">
        <f t="array" ref="H3248">IFERROR(INDEX(Jesper!AL$2:AL$366,ROUNDDOWN($C3248/24,0)+1,1)*INDEX($D$3:$AA$30,INDEX(Jesper!$R$2:$R$366,ROW(INDEX(Jesper!AL$2:AL$366,ROUNDDOWN($C3248/24,0)+1,1))-1)+IF('Standard Profiles'!$G$22=$B$10,7,0)+IF('Standard Profiles'!$G$22=$B$17,14,0)+IF('Standard Profiles'!$G$22=$B$24,21,0),MOD($C3248,24)+1)/SUM(INDEX($D$3:$AA$30,INDEX(Jesper!$R$2:$R$366,ROW(INDEX(Jesper!AL$2:AL$366,ROUNDDOWN($C3248/24,0)+1,1))-1)+IF('Standard Profiles'!$G$22=$B$10,7,0)+IF('Standard Profiles'!$G$22=$B$17,14,0)+IF('Standard Profiles'!$G$22=$B$24,21,0),0)),0)</f>
        <v>1.2306661387457298</v>
      </c>
      <c r="I3248">
        <f t="shared" si="370"/>
        <v>1.1814394931959014</v>
      </c>
      <c r="J3248">
        <f t="shared" si="371"/>
        <v>9.4822629547687018</v>
      </c>
      <c r="K3248">
        <f t="shared" si="372"/>
        <v>0.30405920533814274</v>
      </c>
      <c r="L3248">
        <f t="shared" si="373"/>
        <v>0.15202960266907137</v>
      </c>
      <c r="M3248">
        <f t="shared" si="374"/>
        <v>0</v>
      </c>
      <c r="N3248" s="45">
        <f t="shared" si="375"/>
        <v>45060.916666658872</v>
      </c>
    </row>
    <row r="3249" spans="2:14" x14ac:dyDescent="0.25">
      <c r="B3249">
        <f t="shared" si="369"/>
        <v>7</v>
      </c>
      <c r="C3249" s="16">
        <v>3215</v>
      </c>
      <c r="D3249" cm="1">
        <f t="array" ref="D3249">IFERROR(INDEX(Jesper!AH$2:AH$366,ROUNDDOWN($C3249/24,0)+1,1)*INDEX($D$3:$AA$30,INDEX(Jesper!$R$2:$R$366,ROW(INDEX(Jesper!AH$2:AH$366,ROUNDDOWN($C3249/24,0)+1,1))-1)+IF('Standard Profiles'!$G$18=$B$10,7,0)+IF('Standard Profiles'!$G$18=$B$17,14,0)+IF('Standard Profiles'!$G$18=$B$24,21,0),MOD($C3249,24)+1)/SUM(INDEX($D$3:$AA$30,INDEX(Jesper!$R$2:$R$366,ROW(INDEX(Jesper!AH$2:AH$366,ROUNDDOWN($C3249/24,0)+1,1))-1)+IF('Standard Profiles'!$G$18=$B$10,7,0)+IF('Standard Profiles'!$G$18=$B$17,14,0)+IF('Standard Profiles'!$G$18=$B$24,21,0),0)),0)</f>
        <v>0</v>
      </c>
      <c r="E3249" cm="1">
        <f t="array" ref="E3249">IFERROR(INDEX(Jesper!AI$2:AI$366,ROUNDDOWN($C3249/24,0)+1,1)*INDEX($D$3:$AA$30,INDEX(Jesper!$R$2:$R$366,ROW(INDEX(Jesper!AI$2:AI$366,ROUNDDOWN($C3249/24,0)+1,1))-1)+IF('Standard Profiles'!$G$19=$B$10,7,0)+IF('Standard Profiles'!$G$19=$B$17,14,0)+IF('Standard Profiles'!$G$19=$B$24,21,0),MOD($C3249,24)+1)/SUM(INDEX($D$3:$AA$30,INDEX(Jesper!$R$2:$R$366,ROW(INDEX(Jesper!AI$2:AI$366,ROUNDDOWN($C3249/24,0)+1,1))-1)+IF('Standard Profiles'!$G$19=$B$10,7,0)+IF('Standard Profiles'!$G$19=$B$17,14,0)+IF('Standard Profiles'!$G$19=$B$24,21,0),0)),0)</f>
        <v>3.8007400667267839</v>
      </c>
      <c r="F3249" cm="1">
        <f t="array" ref="F3249">IFERROR(INDEX(Jesper!AJ$2:AJ$366,ROUNDDOWN($C3249/24,0)+1,1)*INDEX($D$3:$AA$30,INDEX(Jesper!$R$2:$R$366,ROW(INDEX(Jesper!AJ$2:AJ$366,ROUNDDOWN($C3249/24,0)+1,1))-1)+IF('Standard Profiles'!$G$20=$B$10,7,0)+IF('Standard Profiles'!$G$20=$B$17,14,0)+IF('Standard Profiles'!$G$20=$B$24,21,0),MOD($C3249,24)+1)/SUM(INDEX($D$3:$AA$30,INDEX(Jesper!$R$2:$R$366,ROW(INDEX(Jesper!AJ$2:AJ$366,ROUNDDOWN($C3249/24,0)+1,1))-1)+IF('Standard Profiles'!$G$20=$B$10,7,0)+IF('Standard Profiles'!$G$20=$B$17,14,0)+IF('Standard Profiles'!$G$20=$B$24,21,0),0)),0)</f>
        <v>2.7081520350626698</v>
      </c>
      <c r="G3249" cm="1">
        <f t="array" ref="G3249">IFERROR(INDEX(Jesper!AK$2:AK$366,ROUNDDOWN($C3249/24,0)+1,1)*INDEX($D$3:$AA$30,INDEX(Jesper!$R$2:$R$366,ROW(INDEX(Jesper!AK$2:AK$366,ROUNDDOWN($C3249/24,0)+1,1))-1)+IF('Standard Profiles'!$G$21=$B$10,7,0)+IF('Standard Profiles'!$G$21=$B$17,14,0)+IF('Standard Profiles'!$G$21=$B$24,21,0),MOD($C3249,24)+1)/SUM(INDEX($D$3:$AA$30,INDEX(Jesper!$R$2:$R$366,ROW(INDEX(Jesper!AK$2:AK$366,ROUNDDOWN($C3249/24,0)+1,1))-1)+IF('Standard Profiles'!$G$21=$B$10,7,0)+IF('Standard Profiles'!$G$21=$B$17,14,0)+IF('Standard Profiles'!$G$21=$B$24,21,0),0)),0)</f>
        <v>3.3802330154366347</v>
      </c>
      <c r="H3249" cm="1">
        <f t="array" ref="H3249">IFERROR(INDEX(Jesper!AL$2:AL$366,ROUNDDOWN($C3249/24,0)+1,1)*INDEX($D$3:$AA$30,INDEX(Jesper!$R$2:$R$366,ROW(INDEX(Jesper!AL$2:AL$366,ROUNDDOWN($C3249/24,0)+1,1))-1)+IF('Standard Profiles'!$G$22=$B$10,7,0)+IF('Standard Profiles'!$G$22=$B$17,14,0)+IF('Standard Profiles'!$G$22=$B$24,21,0),MOD($C3249,24)+1)/SUM(INDEX($D$3:$AA$30,INDEX(Jesper!$R$2:$R$366,ROW(INDEX(Jesper!AL$2:AL$366,ROUNDDOWN($C3249/24,0)+1,1))-1)+IF('Standard Profiles'!$G$22=$B$10,7,0)+IF('Standard Profiles'!$G$22=$B$17,14,0)+IF('Standard Profiles'!$G$22=$B$24,21,0),0)),0)</f>
        <v>1.2306661387457298</v>
      </c>
      <c r="I3249">
        <f t="shared" si="370"/>
        <v>1.1814394931959014</v>
      </c>
      <c r="J3249">
        <f t="shared" si="371"/>
        <v>9.4822629547687018</v>
      </c>
      <c r="K3249">
        <f t="shared" si="372"/>
        <v>0.30405920533814274</v>
      </c>
      <c r="L3249">
        <f t="shared" si="373"/>
        <v>0.15202960266907137</v>
      </c>
      <c r="M3249">
        <f t="shared" si="374"/>
        <v>0</v>
      </c>
      <c r="N3249" s="45">
        <f t="shared" si="375"/>
        <v>45060.958333325536</v>
      </c>
    </row>
    <row r="3250" spans="2:14" x14ac:dyDescent="0.25">
      <c r="B3250">
        <f t="shared" si="369"/>
        <v>1</v>
      </c>
      <c r="C3250" s="16">
        <v>3216</v>
      </c>
      <c r="D3250" cm="1">
        <f t="array" ref="D3250">IFERROR(INDEX(Jesper!AH$2:AH$366,ROUNDDOWN($C3250/24,0)+1,1)*INDEX($D$3:$AA$30,INDEX(Jesper!$R$2:$R$366,ROW(INDEX(Jesper!AH$2:AH$366,ROUNDDOWN($C3250/24,0)+1,1))-1)+IF('Standard Profiles'!$G$18=$B$10,7,0)+IF('Standard Profiles'!$G$18=$B$17,14,0)+IF('Standard Profiles'!$G$18=$B$24,21,0),MOD($C3250,24)+1)/SUM(INDEX($D$3:$AA$30,INDEX(Jesper!$R$2:$R$366,ROW(INDEX(Jesper!AH$2:AH$366,ROUNDDOWN($C3250/24,0)+1,1))-1)+IF('Standard Profiles'!$G$18=$B$10,7,0)+IF('Standard Profiles'!$G$18=$B$17,14,0)+IF('Standard Profiles'!$G$18=$B$24,21,0),0)),0)</f>
        <v>5.4171584236240733</v>
      </c>
      <c r="E3250" cm="1">
        <f t="array" ref="E3250">IFERROR(INDEX(Jesper!AI$2:AI$366,ROUNDDOWN($C3250/24,0)+1,1)*INDEX($D$3:$AA$30,INDEX(Jesper!$R$2:$R$366,ROW(INDEX(Jesper!AI$2:AI$366,ROUNDDOWN($C3250/24,0)+1,1))-1)+IF('Standard Profiles'!$G$19=$B$10,7,0)+IF('Standard Profiles'!$G$19=$B$17,14,0)+IF('Standard Profiles'!$G$19=$B$24,21,0),MOD($C3250,24)+1)/SUM(INDEX($D$3:$AA$30,INDEX(Jesper!$R$2:$R$366,ROW(INDEX(Jesper!AI$2:AI$366,ROUNDDOWN($C3250/24,0)+1,1))-1)+IF('Standard Profiles'!$G$19=$B$10,7,0)+IF('Standard Profiles'!$G$19=$B$17,14,0)+IF('Standard Profiles'!$G$19=$B$24,21,0),0)),0)</f>
        <v>3.3068753255993402</v>
      </c>
      <c r="F3250" cm="1">
        <f t="array" ref="F3250">IFERROR(INDEX(Jesper!AJ$2:AJ$366,ROUNDDOWN($C3250/24,0)+1,1)*INDEX($D$3:$AA$30,INDEX(Jesper!$R$2:$R$366,ROW(INDEX(Jesper!AJ$2:AJ$366,ROUNDDOWN($C3250/24,0)+1,1))-1)+IF('Standard Profiles'!$G$20=$B$10,7,0)+IF('Standard Profiles'!$G$20=$B$17,14,0)+IF('Standard Profiles'!$G$20=$B$24,21,0),MOD($C3250,24)+1)/SUM(INDEX($D$3:$AA$30,INDEX(Jesper!$R$2:$R$366,ROW(INDEX(Jesper!AJ$2:AJ$366,ROUNDDOWN($C3250/24,0)+1,1))-1)+IF('Standard Profiles'!$G$20=$B$10,7,0)+IF('Standard Profiles'!$G$20=$B$17,14,0)+IF('Standard Profiles'!$G$20=$B$24,21,0),0)),0)</f>
        <v>0</v>
      </c>
      <c r="G3250" cm="1">
        <f t="array" ref="G3250">IFERROR(INDEX(Jesper!AK$2:AK$366,ROUNDDOWN($C3250/24,0)+1,1)*INDEX($D$3:$AA$30,INDEX(Jesper!$R$2:$R$366,ROW(INDEX(Jesper!AK$2:AK$366,ROUNDDOWN($C3250/24,0)+1,1))-1)+IF('Standard Profiles'!$G$21=$B$10,7,0)+IF('Standard Profiles'!$G$21=$B$17,14,0)+IF('Standard Profiles'!$G$21=$B$24,21,0),MOD($C3250,24)+1)/SUM(INDEX($D$3:$AA$30,INDEX(Jesper!$R$2:$R$366,ROW(INDEX(Jesper!AK$2:AK$366,ROUNDDOWN($C3250/24,0)+1,1))-1)+IF('Standard Profiles'!$G$21=$B$10,7,0)+IF('Standard Profiles'!$G$21=$B$17,14,0)+IF('Standard Profiles'!$G$21=$B$24,21,0),0)),0)</f>
        <v>0.65619560005665278</v>
      </c>
      <c r="H3250" cm="1">
        <f t="array" ref="H3250">IFERROR(INDEX(Jesper!AL$2:AL$366,ROUNDDOWN($C3250/24,0)+1,1)*INDEX($D$3:$AA$30,INDEX(Jesper!$R$2:$R$366,ROW(INDEX(Jesper!AL$2:AL$366,ROUNDDOWN($C3250/24,0)+1,1))-1)+IF('Standard Profiles'!$G$22=$B$10,7,0)+IF('Standard Profiles'!$G$22=$B$17,14,0)+IF('Standard Profiles'!$G$22=$B$24,21,0),MOD($C3250,24)+1)/SUM(INDEX($D$3:$AA$30,INDEX(Jesper!$R$2:$R$366,ROW(INDEX(Jesper!AL$2:AL$366,ROUNDDOWN($C3250/24,0)+1,1))-1)+IF('Standard Profiles'!$G$22=$B$10,7,0)+IF('Standard Profiles'!$G$22=$B$17,14,0)+IF('Standard Profiles'!$G$22=$B$24,21,0),0)),0)</f>
        <v>0</v>
      </c>
      <c r="I3250">
        <f t="shared" si="370"/>
        <v>0.31497388802719317</v>
      </c>
      <c r="J3250">
        <f t="shared" si="371"/>
        <v>8.1985101134730218</v>
      </c>
      <c r="K3250">
        <f t="shared" si="372"/>
        <v>0.57783023185323457</v>
      </c>
      <c r="L3250">
        <f t="shared" si="373"/>
        <v>0.28891511592661728</v>
      </c>
      <c r="M3250">
        <f t="shared" si="374"/>
        <v>0</v>
      </c>
      <c r="N3250" s="45">
        <f t="shared" si="375"/>
        <v>45060.9999999922</v>
      </c>
    </row>
    <row r="3251" spans="2:14" x14ac:dyDescent="0.25">
      <c r="B3251">
        <f t="shared" si="369"/>
        <v>1</v>
      </c>
      <c r="C3251" s="16">
        <v>3217</v>
      </c>
      <c r="D3251" cm="1">
        <f t="array" ref="D3251">IFERROR(INDEX(Jesper!AH$2:AH$366,ROUNDDOWN($C3251/24,0)+1,1)*INDEX($D$3:$AA$30,INDEX(Jesper!$R$2:$R$366,ROW(INDEX(Jesper!AH$2:AH$366,ROUNDDOWN($C3251/24,0)+1,1))-1)+IF('Standard Profiles'!$G$18=$B$10,7,0)+IF('Standard Profiles'!$G$18=$B$17,14,0)+IF('Standard Profiles'!$G$18=$B$24,21,0),MOD($C3251,24)+1)/SUM(INDEX($D$3:$AA$30,INDEX(Jesper!$R$2:$R$366,ROW(INDEX(Jesper!AH$2:AH$366,ROUNDDOWN($C3251/24,0)+1,1))-1)+IF('Standard Profiles'!$G$18=$B$10,7,0)+IF('Standard Profiles'!$G$18=$B$17,14,0)+IF('Standard Profiles'!$G$18=$B$24,21,0),0)),0)</f>
        <v>5.4171584236240733</v>
      </c>
      <c r="E3251" cm="1">
        <f t="array" ref="E3251">IFERROR(INDEX(Jesper!AI$2:AI$366,ROUNDDOWN($C3251/24,0)+1,1)*INDEX($D$3:$AA$30,INDEX(Jesper!$R$2:$R$366,ROW(INDEX(Jesper!AI$2:AI$366,ROUNDDOWN($C3251/24,0)+1,1))-1)+IF('Standard Profiles'!$G$19=$B$10,7,0)+IF('Standard Profiles'!$G$19=$B$17,14,0)+IF('Standard Profiles'!$G$19=$B$24,21,0),MOD($C3251,24)+1)/SUM(INDEX($D$3:$AA$30,INDEX(Jesper!$R$2:$R$366,ROW(INDEX(Jesper!AI$2:AI$366,ROUNDDOWN($C3251/24,0)+1,1))-1)+IF('Standard Profiles'!$G$19=$B$10,7,0)+IF('Standard Profiles'!$G$19=$B$17,14,0)+IF('Standard Profiles'!$G$19=$B$24,21,0),0)),0)</f>
        <v>3.3068753255993402</v>
      </c>
      <c r="F3251" cm="1">
        <f t="array" ref="F3251">IFERROR(INDEX(Jesper!AJ$2:AJ$366,ROUNDDOWN($C3251/24,0)+1,1)*INDEX($D$3:$AA$30,INDEX(Jesper!$R$2:$R$366,ROW(INDEX(Jesper!AJ$2:AJ$366,ROUNDDOWN($C3251/24,0)+1,1))-1)+IF('Standard Profiles'!$G$20=$B$10,7,0)+IF('Standard Profiles'!$G$20=$B$17,14,0)+IF('Standard Profiles'!$G$20=$B$24,21,0),MOD($C3251,24)+1)/SUM(INDEX($D$3:$AA$30,INDEX(Jesper!$R$2:$R$366,ROW(INDEX(Jesper!AJ$2:AJ$366,ROUNDDOWN($C3251/24,0)+1,1))-1)+IF('Standard Profiles'!$G$20=$B$10,7,0)+IF('Standard Profiles'!$G$20=$B$17,14,0)+IF('Standard Profiles'!$G$20=$B$24,21,0),0)),0)</f>
        <v>0</v>
      </c>
      <c r="G3251" cm="1">
        <f t="array" ref="G3251">IFERROR(INDEX(Jesper!AK$2:AK$366,ROUNDDOWN($C3251/24,0)+1,1)*INDEX($D$3:$AA$30,INDEX(Jesper!$R$2:$R$366,ROW(INDEX(Jesper!AK$2:AK$366,ROUNDDOWN($C3251/24,0)+1,1))-1)+IF('Standard Profiles'!$G$21=$B$10,7,0)+IF('Standard Profiles'!$G$21=$B$17,14,0)+IF('Standard Profiles'!$G$21=$B$24,21,0),MOD($C3251,24)+1)/SUM(INDEX($D$3:$AA$30,INDEX(Jesper!$R$2:$R$366,ROW(INDEX(Jesper!AK$2:AK$366,ROUNDDOWN($C3251/24,0)+1,1))-1)+IF('Standard Profiles'!$G$21=$B$10,7,0)+IF('Standard Profiles'!$G$21=$B$17,14,0)+IF('Standard Profiles'!$G$21=$B$24,21,0),0)),0)</f>
        <v>0.65619560005665278</v>
      </c>
      <c r="H3251" cm="1">
        <f t="array" ref="H3251">IFERROR(INDEX(Jesper!AL$2:AL$366,ROUNDDOWN($C3251/24,0)+1,1)*INDEX($D$3:$AA$30,INDEX(Jesper!$R$2:$R$366,ROW(INDEX(Jesper!AL$2:AL$366,ROUNDDOWN($C3251/24,0)+1,1))-1)+IF('Standard Profiles'!$G$22=$B$10,7,0)+IF('Standard Profiles'!$G$22=$B$17,14,0)+IF('Standard Profiles'!$G$22=$B$24,21,0),MOD($C3251,24)+1)/SUM(INDEX($D$3:$AA$30,INDEX(Jesper!$R$2:$R$366,ROW(INDEX(Jesper!AL$2:AL$366,ROUNDDOWN($C3251/24,0)+1,1))-1)+IF('Standard Profiles'!$G$22=$B$10,7,0)+IF('Standard Profiles'!$G$22=$B$17,14,0)+IF('Standard Profiles'!$G$22=$B$24,21,0),0)),0)</f>
        <v>0</v>
      </c>
      <c r="I3251">
        <f t="shared" si="370"/>
        <v>0.31497388802719317</v>
      </c>
      <c r="J3251">
        <f t="shared" si="371"/>
        <v>8.1985101134730218</v>
      </c>
      <c r="K3251">
        <f t="shared" si="372"/>
        <v>0.57783023185323457</v>
      </c>
      <c r="L3251">
        <f t="shared" si="373"/>
        <v>0.28891511592661728</v>
      </c>
      <c r="M3251">
        <f t="shared" si="374"/>
        <v>0</v>
      </c>
      <c r="N3251" s="45">
        <f t="shared" si="375"/>
        <v>45061.041666658864</v>
      </c>
    </row>
    <row r="3252" spans="2:14" x14ac:dyDescent="0.25">
      <c r="B3252">
        <f t="shared" si="369"/>
        <v>1</v>
      </c>
      <c r="C3252" s="16">
        <v>3218</v>
      </c>
      <c r="D3252" cm="1">
        <f t="array" ref="D3252">IFERROR(INDEX(Jesper!AH$2:AH$366,ROUNDDOWN($C3252/24,0)+1,1)*INDEX($D$3:$AA$30,INDEX(Jesper!$R$2:$R$366,ROW(INDEX(Jesper!AH$2:AH$366,ROUNDDOWN($C3252/24,0)+1,1))-1)+IF('Standard Profiles'!$G$18=$B$10,7,0)+IF('Standard Profiles'!$G$18=$B$17,14,0)+IF('Standard Profiles'!$G$18=$B$24,21,0),MOD($C3252,24)+1)/SUM(INDEX($D$3:$AA$30,INDEX(Jesper!$R$2:$R$366,ROW(INDEX(Jesper!AH$2:AH$366,ROUNDDOWN($C3252/24,0)+1,1))-1)+IF('Standard Profiles'!$G$18=$B$10,7,0)+IF('Standard Profiles'!$G$18=$B$17,14,0)+IF('Standard Profiles'!$G$18=$B$24,21,0),0)),0)</f>
        <v>5.4171584236240733</v>
      </c>
      <c r="E3252" cm="1">
        <f t="array" ref="E3252">IFERROR(INDEX(Jesper!AI$2:AI$366,ROUNDDOWN($C3252/24,0)+1,1)*INDEX($D$3:$AA$30,INDEX(Jesper!$R$2:$R$366,ROW(INDEX(Jesper!AI$2:AI$366,ROUNDDOWN($C3252/24,0)+1,1))-1)+IF('Standard Profiles'!$G$19=$B$10,7,0)+IF('Standard Profiles'!$G$19=$B$17,14,0)+IF('Standard Profiles'!$G$19=$B$24,21,0),MOD($C3252,24)+1)/SUM(INDEX($D$3:$AA$30,INDEX(Jesper!$R$2:$R$366,ROW(INDEX(Jesper!AI$2:AI$366,ROUNDDOWN($C3252/24,0)+1,1))-1)+IF('Standard Profiles'!$G$19=$B$10,7,0)+IF('Standard Profiles'!$G$19=$B$17,14,0)+IF('Standard Profiles'!$G$19=$B$24,21,0),0)),0)</f>
        <v>3.3068753255993402</v>
      </c>
      <c r="F3252" cm="1">
        <f t="array" ref="F3252">IFERROR(INDEX(Jesper!AJ$2:AJ$366,ROUNDDOWN($C3252/24,0)+1,1)*INDEX($D$3:$AA$30,INDEX(Jesper!$R$2:$R$366,ROW(INDEX(Jesper!AJ$2:AJ$366,ROUNDDOWN($C3252/24,0)+1,1))-1)+IF('Standard Profiles'!$G$20=$B$10,7,0)+IF('Standard Profiles'!$G$20=$B$17,14,0)+IF('Standard Profiles'!$G$20=$B$24,21,0),MOD($C3252,24)+1)/SUM(INDEX($D$3:$AA$30,INDEX(Jesper!$R$2:$R$366,ROW(INDEX(Jesper!AJ$2:AJ$366,ROUNDDOWN($C3252/24,0)+1,1))-1)+IF('Standard Profiles'!$G$20=$B$10,7,0)+IF('Standard Profiles'!$G$20=$B$17,14,0)+IF('Standard Profiles'!$G$20=$B$24,21,0),0)),0)</f>
        <v>0</v>
      </c>
      <c r="G3252" cm="1">
        <f t="array" ref="G3252">IFERROR(INDEX(Jesper!AK$2:AK$366,ROUNDDOWN($C3252/24,0)+1,1)*INDEX($D$3:$AA$30,INDEX(Jesper!$R$2:$R$366,ROW(INDEX(Jesper!AK$2:AK$366,ROUNDDOWN($C3252/24,0)+1,1))-1)+IF('Standard Profiles'!$G$21=$B$10,7,0)+IF('Standard Profiles'!$G$21=$B$17,14,0)+IF('Standard Profiles'!$G$21=$B$24,21,0),MOD($C3252,24)+1)/SUM(INDEX($D$3:$AA$30,INDEX(Jesper!$R$2:$R$366,ROW(INDEX(Jesper!AK$2:AK$366,ROUNDDOWN($C3252/24,0)+1,1))-1)+IF('Standard Profiles'!$G$21=$B$10,7,0)+IF('Standard Profiles'!$G$21=$B$17,14,0)+IF('Standard Profiles'!$G$21=$B$24,21,0),0)),0)</f>
        <v>0.65619560005665278</v>
      </c>
      <c r="H3252" cm="1">
        <f t="array" ref="H3252">IFERROR(INDEX(Jesper!AL$2:AL$366,ROUNDDOWN($C3252/24,0)+1,1)*INDEX($D$3:$AA$30,INDEX(Jesper!$R$2:$R$366,ROW(INDEX(Jesper!AL$2:AL$366,ROUNDDOWN($C3252/24,0)+1,1))-1)+IF('Standard Profiles'!$G$22=$B$10,7,0)+IF('Standard Profiles'!$G$22=$B$17,14,0)+IF('Standard Profiles'!$G$22=$B$24,21,0),MOD($C3252,24)+1)/SUM(INDEX($D$3:$AA$30,INDEX(Jesper!$R$2:$R$366,ROW(INDEX(Jesper!AL$2:AL$366,ROUNDDOWN($C3252/24,0)+1,1))-1)+IF('Standard Profiles'!$G$22=$B$10,7,0)+IF('Standard Profiles'!$G$22=$B$17,14,0)+IF('Standard Profiles'!$G$22=$B$24,21,0),0)),0)</f>
        <v>0</v>
      </c>
      <c r="I3252">
        <f t="shared" si="370"/>
        <v>0.31497388802719317</v>
      </c>
      <c r="J3252">
        <f t="shared" si="371"/>
        <v>8.1985101134730218</v>
      </c>
      <c r="K3252">
        <f t="shared" si="372"/>
        <v>0.57783023185323457</v>
      </c>
      <c r="L3252">
        <f t="shared" si="373"/>
        <v>0.28891511592661728</v>
      </c>
      <c r="M3252">
        <f t="shared" si="374"/>
        <v>0</v>
      </c>
      <c r="N3252" s="45">
        <f t="shared" si="375"/>
        <v>45061.083333325529</v>
      </c>
    </row>
    <row r="3253" spans="2:14" x14ac:dyDescent="0.25">
      <c r="B3253">
        <f t="shared" si="369"/>
        <v>1</v>
      </c>
      <c r="C3253" s="16">
        <v>3219</v>
      </c>
      <c r="D3253" cm="1">
        <f t="array" ref="D3253">IFERROR(INDEX(Jesper!AH$2:AH$366,ROUNDDOWN($C3253/24,0)+1,1)*INDEX($D$3:$AA$30,INDEX(Jesper!$R$2:$R$366,ROW(INDEX(Jesper!AH$2:AH$366,ROUNDDOWN($C3253/24,0)+1,1))-1)+IF('Standard Profiles'!$G$18=$B$10,7,0)+IF('Standard Profiles'!$G$18=$B$17,14,0)+IF('Standard Profiles'!$G$18=$B$24,21,0),MOD($C3253,24)+1)/SUM(INDEX($D$3:$AA$30,INDEX(Jesper!$R$2:$R$366,ROW(INDEX(Jesper!AH$2:AH$366,ROUNDDOWN($C3253/24,0)+1,1))-1)+IF('Standard Profiles'!$G$18=$B$10,7,0)+IF('Standard Profiles'!$G$18=$B$17,14,0)+IF('Standard Profiles'!$G$18=$B$24,21,0),0)),0)</f>
        <v>5.4171584236240733</v>
      </c>
      <c r="E3253" cm="1">
        <f t="array" ref="E3253">IFERROR(INDEX(Jesper!AI$2:AI$366,ROUNDDOWN($C3253/24,0)+1,1)*INDEX($D$3:$AA$30,INDEX(Jesper!$R$2:$R$366,ROW(INDEX(Jesper!AI$2:AI$366,ROUNDDOWN($C3253/24,0)+1,1))-1)+IF('Standard Profiles'!$G$19=$B$10,7,0)+IF('Standard Profiles'!$G$19=$B$17,14,0)+IF('Standard Profiles'!$G$19=$B$24,21,0),MOD($C3253,24)+1)/SUM(INDEX($D$3:$AA$30,INDEX(Jesper!$R$2:$R$366,ROW(INDEX(Jesper!AI$2:AI$366,ROUNDDOWN($C3253/24,0)+1,1))-1)+IF('Standard Profiles'!$G$19=$B$10,7,0)+IF('Standard Profiles'!$G$19=$B$17,14,0)+IF('Standard Profiles'!$G$19=$B$24,21,0),0)),0)</f>
        <v>3.3068753255993402</v>
      </c>
      <c r="F3253" cm="1">
        <f t="array" ref="F3253">IFERROR(INDEX(Jesper!AJ$2:AJ$366,ROUNDDOWN($C3253/24,0)+1,1)*INDEX($D$3:$AA$30,INDEX(Jesper!$R$2:$R$366,ROW(INDEX(Jesper!AJ$2:AJ$366,ROUNDDOWN($C3253/24,0)+1,1))-1)+IF('Standard Profiles'!$G$20=$B$10,7,0)+IF('Standard Profiles'!$G$20=$B$17,14,0)+IF('Standard Profiles'!$G$20=$B$24,21,0),MOD($C3253,24)+1)/SUM(INDEX($D$3:$AA$30,INDEX(Jesper!$R$2:$R$366,ROW(INDEX(Jesper!AJ$2:AJ$366,ROUNDDOWN($C3253/24,0)+1,1))-1)+IF('Standard Profiles'!$G$20=$B$10,7,0)+IF('Standard Profiles'!$G$20=$B$17,14,0)+IF('Standard Profiles'!$G$20=$B$24,21,0),0)),0)</f>
        <v>0</v>
      </c>
      <c r="G3253" cm="1">
        <f t="array" ref="G3253">IFERROR(INDEX(Jesper!AK$2:AK$366,ROUNDDOWN($C3253/24,0)+1,1)*INDEX($D$3:$AA$30,INDEX(Jesper!$R$2:$R$366,ROW(INDEX(Jesper!AK$2:AK$366,ROUNDDOWN($C3253/24,0)+1,1))-1)+IF('Standard Profiles'!$G$21=$B$10,7,0)+IF('Standard Profiles'!$G$21=$B$17,14,0)+IF('Standard Profiles'!$G$21=$B$24,21,0),MOD($C3253,24)+1)/SUM(INDEX($D$3:$AA$30,INDEX(Jesper!$R$2:$R$366,ROW(INDEX(Jesper!AK$2:AK$366,ROUNDDOWN($C3253/24,0)+1,1))-1)+IF('Standard Profiles'!$G$21=$B$10,7,0)+IF('Standard Profiles'!$G$21=$B$17,14,0)+IF('Standard Profiles'!$G$21=$B$24,21,0),0)),0)</f>
        <v>0.65619560005665278</v>
      </c>
      <c r="H3253" cm="1">
        <f t="array" ref="H3253">IFERROR(INDEX(Jesper!AL$2:AL$366,ROUNDDOWN($C3253/24,0)+1,1)*INDEX($D$3:$AA$30,INDEX(Jesper!$R$2:$R$366,ROW(INDEX(Jesper!AL$2:AL$366,ROUNDDOWN($C3253/24,0)+1,1))-1)+IF('Standard Profiles'!$G$22=$B$10,7,0)+IF('Standard Profiles'!$G$22=$B$17,14,0)+IF('Standard Profiles'!$G$22=$B$24,21,0),MOD($C3253,24)+1)/SUM(INDEX($D$3:$AA$30,INDEX(Jesper!$R$2:$R$366,ROW(INDEX(Jesper!AL$2:AL$366,ROUNDDOWN($C3253/24,0)+1,1))-1)+IF('Standard Profiles'!$G$22=$B$10,7,0)+IF('Standard Profiles'!$G$22=$B$17,14,0)+IF('Standard Profiles'!$G$22=$B$24,21,0),0)),0)</f>
        <v>0</v>
      </c>
      <c r="I3253">
        <f t="shared" si="370"/>
        <v>0.31497388802719317</v>
      </c>
      <c r="J3253">
        <f t="shared" si="371"/>
        <v>8.1985101134730218</v>
      </c>
      <c r="K3253">
        <f t="shared" si="372"/>
        <v>0.57783023185323457</v>
      </c>
      <c r="L3253">
        <f t="shared" si="373"/>
        <v>0.28891511592661728</v>
      </c>
      <c r="M3253">
        <f t="shared" si="374"/>
        <v>0</v>
      </c>
      <c r="N3253" s="45">
        <f t="shared" si="375"/>
        <v>45061.124999992193</v>
      </c>
    </row>
    <row r="3254" spans="2:14" x14ac:dyDescent="0.25">
      <c r="B3254">
        <f t="shared" si="369"/>
        <v>1</v>
      </c>
      <c r="C3254" s="16">
        <v>3220</v>
      </c>
      <c r="D3254" cm="1">
        <f t="array" ref="D3254">IFERROR(INDEX(Jesper!AH$2:AH$366,ROUNDDOWN($C3254/24,0)+1,1)*INDEX($D$3:$AA$30,INDEX(Jesper!$R$2:$R$366,ROW(INDEX(Jesper!AH$2:AH$366,ROUNDDOWN($C3254/24,0)+1,1))-1)+IF('Standard Profiles'!$G$18=$B$10,7,0)+IF('Standard Profiles'!$G$18=$B$17,14,0)+IF('Standard Profiles'!$G$18=$B$24,21,0),MOD($C3254,24)+1)/SUM(INDEX($D$3:$AA$30,INDEX(Jesper!$R$2:$R$366,ROW(INDEX(Jesper!AH$2:AH$366,ROUNDDOWN($C3254/24,0)+1,1))-1)+IF('Standard Profiles'!$G$18=$B$10,7,0)+IF('Standard Profiles'!$G$18=$B$17,14,0)+IF('Standard Profiles'!$G$18=$B$24,21,0),0)),0)</f>
        <v>5.4171584236240733</v>
      </c>
      <c r="E3254" cm="1">
        <f t="array" ref="E3254">IFERROR(INDEX(Jesper!AI$2:AI$366,ROUNDDOWN($C3254/24,0)+1,1)*INDEX($D$3:$AA$30,INDEX(Jesper!$R$2:$R$366,ROW(INDEX(Jesper!AI$2:AI$366,ROUNDDOWN($C3254/24,0)+1,1))-1)+IF('Standard Profiles'!$G$19=$B$10,7,0)+IF('Standard Profiles'!$G$19=$B$17,14,0)+IF('Standard Profiles'!$G$19=$B$24,21,0),MOD($C3254,24)+1)/SUM(INDEX($D$3:$AA$30,INDEX(Jesper!$R$2:$R$366,ROW(INDEX(Jesper!AI$2:AI$366,ROUNDDOWN($C3254/24,0)+1,1))-1)+IF('Standard Profiles'!$G$19=$B$10,7,0)+IF('Standard Profiles'!$G$19=$B$17,14,0)+IF('Standard Profiles'!$G$19=$B$24,21,0),0)),0)</f>
        <v>3.3068753255993402</v>
      </c>
      <c r="F3254" cm="1">
        <f t="array" ref="F3254">IFERROR(INDEX(Jesper!AJ$2:AJ$366,ROUNDDOWN($C3254/24,0)+1,1)*INDEX($D$3:$AA$30,INDEX(Jesper!$R$2:$R$366,ROW(INDEX(Jesper!AJ$2:AJ$366,ROUNDDOWN($C3254/24,0)+1,1))-1)+IF('Standard Profiles'!$G$20=$B$10,7,0)+IF('Standard Profiles'!$G$20=$B$17,14,0)+IF('Standard Profiles'!$G$20=$B$24,21,0),MOD($C3254,24)+1)/SUM(INDEX($D$3:$AA$30,INDEX(Jesper!$R$2:$R$366,ROW(INDEX(Jesper!AJ$2:AJ$366,ROUNDDOWN($C3254/24,0)+1,1))-1)+IF('Standard Profiles'!$G$20=$B$10,7,0)+IF('Standard Profiles'!$G$20=$B$17,14,0)+IF('Standard Profiles'!$G$20=$B$24,21,0),0)),0)</f>
        <v>0</v>
      </c>
      <c r="G3254" cm="1">
        <f t="array" ref="G3254">IFERROR(INDEX(Jesper!AK$2:AK$366,ROUNDDOWN($C3254/24,0)+1,1)*INDEX($D$3:$AA$30,INDEX(Jesper!$R$2:$R$366,ROW(INDEX(Jesper!AK$2:AK$366,ROUNDDOWN($C3254/24,0)+1,1))-1)+IF('Standard Profiles'!$G$21=$B$10,7,0)+IF('Standard Profiles'!$G$21=$B$17,14,0)+IF('Standard Profiles'!$G$21=$B$24,21,0),MOD($C3254,24)+1)/SUM(INDEX($D$3:$AA$30,INDEX(Jesper!$R$2:$R$366,ROW(INDEX(Jesper!AK$2:AK$366,ROUNDDOWN($C3254/24,0)+1,1))-1)+IF('Standard Profiles'!$G$21=$B$10,7,0)+IF('Standard Profiles'!$G$21=$B$17,14,0)+IF('Standard Profiles'!$G$21=$B$24,21,0),0)),0)</f>
        <v>0.65619560005665278</v>
      </c>
      <c r="H3254" cm="1">
        <f t="array" ref="H3254">IFERROR(INDEX(Jesper!AL$2:AL$366,ROUNDDOWN($C3254/24,0)+1,1)*INDEX($D$3:$AA$30,INDEX(Jesper!$R$2:$R$366,ROW(INDEX(Jesper!AL$2:AL$366,ROUNDDOWN($C3254/24,0)+1,1))-1)+IF('Standard Profiles'!$G$22=$B$10,7,0)+IF('Standard Profiles'!$G$22=$B$17,14,0)+IF('Standard Profiles'!$G$22=$B$24,21,0),MOD($C3254,24)+1)/SUM(INDEX($D$3:$AA$30,INDEX(Jesper!$R$2:$R$366,ROW(INDEX(Jesper!AL$2:AL$366,ROUNDDOWN($C3254/24,0)+1,1))-1)+IF('Standard Profiles'!$G$22=$B$10,7,0)+IF('Standard Profiles'!$G$22=$B$17,14,0)+IF('Standard Profiles'!$G$22=$B$24,21,0),0)),0)</f>
        <v>0</v>
      </c>
      <c r="I3254">
        <f t="shared" si="370"/>
        <v>0.31497388802719317</v>
      </c>
      <c r="J3254">
        <f t="shared" si="371"/>
        <v>8.1985101134730218</v>
      </c>
      <c r="K3254">
        <f t="shared" si="372"/>
        <v>0.57783023185323457</v>
      </c>
      <c r="L3254">
        <f t="shared" si="373"/>
        <v>0.28891511592661728</v>
      </c>
      <c r="M3254">
        <f t="shared" si="374"/>
        <v>0</v>
      </c>
      <c r="N3254" s="45">
        <f t="shared" si="375"/>
        <v>45061.166666658857</v>
      </c>
    </row>
    <row r="3255" spans="2:14" x14ac:dyDescent="0.25">
      <c r="B3255">
        <f t="shared" si="369"/>
        <v>1</v>
      </c>
      <c r="C3255" s="16">
        <v>3221</v>
      </c>
      <c r="D3255" cm="1">
        <f t="array" ref="D3255">IFERROR(INDEX(Jesper!AH$2:AH$366,ROUNDDOWN($C3255/24,0)+1,1)*INDEX($D$3:$AA$30,INDEX(Jesper!$R$2:$R$366,ROW(INDEX(Jesper!AH$2:AH$366,ROUNDDOWN($C3255/24,0)+1,1))-1)+IF('Standard Profiles'!$G$18=$B$10,7,0)+IF('Standard Profiles'!$G$18=$B$17,14,0)+IF('Standard Profiles'!$G$18=$B$24,21,0),MOD($C3255,24)+1)/SUM(INDEX($D$3:$AA$30,INDEX(Jesper!$R$2:$R$366,ROW(INDEX(Jesper!AH$2:AH$366,ROUNDDOWN($C3255/24,0)+1,1))-1)+IF('Standard Profiles'!$G$18=$B$10,7,0)+IF('Standard Profiles'!$G$18=$B$17,14,0)+IF('Standard Profiles'!$G$18=$B$24,21,0),0)),0)</f>
        <v>5.4171584236240733</v>
      </c>
      <c r="E3255" cm="1">
        <f t="array" ref="E3255">IFERROR(INDEX(Jesper!AI$2:AI$366,ROUNDDOWN($C3255/24,0)+1,1)*INDEX($D$3:$AA$30,INDEX(Jesper!$R$2:$R$366,ROW(INDEX(Jesper!AI$2:AI$366,ROUNDDOWN($C3255/24,0)+1,1))-1)+IF('Standard Profiles'!$G$19=$B$10,7,0)+IF('Standard Profiles'!$G$19=$B$17,14,0)+IF('Standard Profiles'!$G$19=$B$24,21,0),MOD($C3255,24)+1)/SUM(INDEX($D$3:$AA$30,INDEX(Jesper!$R$2:$R$366,ROW(INDEX(Jesper!AI$2:AI$366,ROUNDDOWN($C3255/24,0)+1,1))-1)+IF('Standard Profiles'!$G$19=$B$10,7,0)+IF('Standard Profiles'!$G$19=$B$17,14,0)+IF('Standard Profiles'!$G$19=$B$24,21,0),0)),0)</f>
        <v>3.3068753255993402</v>
      </c>
      <c r="F3255" cm="1">
        <f t="array" ref="F3255">IFERROR(INDEX(Jesper!AJ$2:AJ$366,ROUNDDOWN($C3255/24,0)+1,1)*INDEX($D$3:$AA$30,INDEX(Jesper!$R$2:$R$366,ROW(INDEX(Jesper!AJ$2:AJ$366,ROUNDDOWN($C3255/24,0)+1,1))-1)+IF('Standard Profiles'!$G$20=$B$10,7,0)+IF('Standard Profiles'!$G$20=$B$17,14,0)+IF('Standard Profiles'!$G$20=$B$24,21,0),MOD($C3255,24)+1)/SUM(INDEX($D$3:$AA$30,INDEX(Jesper!$R$2:$R$366,ROW(INDEX(Jesper!AJ$2:AJ$366,ROUNDDOWN($C3255/24,0)+1,1))-1)+IF('Standard Profiles'!$G$20=$B$10,7,0)+IF('Standard Profiles'!$G$20=$B$17,14,0)+IF('Standard Profiles'!$G$20=$B$24,21,0),0)),0)</f>
        <v>0</v>
      </c>
      <c r="G3255" cm="1">
        <f t="array" ref="G3255">IFERROR(INDEX(Jesper!AK$2:AK$366,ROUNDDOWN($C3255/24,0)+1,1)*INDEX($D$3:$AA$30,INDEX(Jesper!$R$2:$R$366,ROW(INDEX(Jesper!AK$2:AK$366,ROUNDDOWN($C3255/24,0)+1,1))-1)+IF('Standard Profiles'!$G$21=$B$10,7,0)+IF('Standard Profiles'!$G$21=$B$17,14,0)+IF('Standard Profiles'!$G$21=$B$24,21,0),MOD($C3255,24)+1)/SUM(INDEX($D$3:$AA$30,INDEX(Jesper!$R$2:$R$366,ROW(INDEX(Jesper!AK$2:AK$366,ROUNDDOWN($C3255/24,0)+1,1))-1)+IF('Standard Profiles'!$G$21=$B$10,7,0)+IF('Standard Profiles'!$G$21=$B$17,14,0)+IF('Standard Profiles'!$G$21=$B$24,21,0),0)),0)</f>
        <v>0.65619560005665278</v>
      </c>
      <c r="H3255" cm="1">
        <f t="array" ref="H3255">IFERROR(INDEX(Jesper!AL$2:AL$366,ROUNDDOWN($C3255/24,0)+1,1)*INDEX($D$3:$AA$30,INDEX(Jesper!$R$2:$R$366,ROW(INDEX(Jesper!AL$2:AL$366,ROUNDDOWN($C3255/24,0)+1,1))-1)+IF('Standard Profiles'!$G$22=$B$10,7,0)+IF('Standard Profiles'!$G$22=$B$17,14,0)+IF('Standard Profiles'!$G$22=$B$24,21,0),MOD($C3255,24)+1)/SUM(INDEX($D$3:$AA$30,INDEX(Jesper!$R$2:$R$366,ROW(INDEX(Jesper!AL$2:AL$366,ROUNDDOWN($C3255/24,0)+1,1))-1)+IF('Standard Profiles'!$G$22=$B$10,7,0)+IF('Standard Profiles'!$G$22=$B$17,14,0)+IF('Standard Profiles'!$G$22=$B$24,21,0),0)),0)</f>
        <v>0</v>
      </c>
      <c r="I3255">
        <f t="shared" si="370"/>
        <v>0.31497388802719317</v>
      </c>
      <c r="J3255">
        <f t="shared" si="371"/>
        <v>8.1985101134730218</v>
      </c>
      <c r="K3255">
        <f t="shared" si="372"/>
        <v>0.57783023185323457</v>
      </c>
      <c r="L3255">
        <f t="shared" si="373"/>
        <v>0.28891511592661728</v>
      </c>
      <c r="M3255">
        <f t="shared" si="374"/>
        <v>0</v>
      </c>
      <c r="N3255" s="45">
        <f t="shared" si="375"/>
        <v>45061.208333325521</v>
      </c>
    </row>
    <row r="3256" spans="2:14" x14ac:dyDescent="0.25">
      <c r="B3256">
        <f t="shared" si="369"/>
        <v>1</v>
      </c>
      <c r="C3256" s="16">
        <v>3222</v>
      </c>
      <c r="D3256" cm="1">
        <f t="array" ref="D3256">IFERROR(INDEX(Jesper!AH$2:AH$366,ROUNDDOWN($C3256/24,0)+1,1)*INDEX($D$3:$AA$30,INDEX(Jesper!$R$2:$R$366,ROW(INDEX(Jesper!AH$2:AH$366,ROUNDDOWN($C3256/24,0)+1,1))-1)+IF('Standard Profiles'!$G$18=$B$10,7,0)+IF('Standard Profiles'!$G$18=$B$17,14,0)+IF('Standard Profiles'!$G$18=$B$24,21,0),MOD($C3256,24)+1)/SUM(INDEX($D$3:$AA$30,INDEX(Jesper!$R$2:$R$366,ROW(INDEX(Jesper!AH$2:AH$366,ROUNDDOWN($C3256/24,0)+1,1))-1)+IF('Standard Profiles'!$G$18=$B$10,7,0)+IF('Standard Profiles'!$G$18=$B$17,14,0)+IF('Standard Profiles'!$G$18=$B$24,21,0),0)),0)</f>
        <v>5.4171584236240733</v>
      </c>
      <c r="E3256" cm="1">
        <f t="array" ref="E3256">IFERROR(INDEX(Jesper!AI$2:AI$366,ROUNDDOWN($C3256/24,0)+1,1)*INDEX($D$3:$AA$30,INDEX(Jesper!$R$2:$R$366,ROW(INDEX(Jesper!AI$2:AI$366,ROUNDDOWN($C3256/24,0)+1,1))-1)+IF('Standard Profiles'!$G$19=$B$10,7,0)+IF('Standard Profiles'!$G$19=$B$17,14,0)+IF('Standard Profiles'!$G$19=$B$24,21,0),MOD($C3256,24)+1)/SUM(INDEX($D$3:$AA$30,INDEX(Jesper!$R$2:$R$366,ROW(INDEX(Jesper!AI$2:AI$366,ROUNDDOWN($C3256/24,0)+1,1))-1)+IF('Standard Profiles'!$G$19=$B$10,7,0)+IF('Standard Profiles'!$G$19=$B$17,14,0)+IF('Standard Profiles'!$G$19=$B$24,21,0),0)),0)</f>
        <v>3.3068753255993402</v>
      </c>
      <c r="F3256" cm="1">
        <f t="array" ref="F3256">IFERROR(INDEX(Jesper!AJ$2:AJ$366,ROUNDDOWN($C3256/24,0)+1,1)*INDEX($D$3:$AA$30,INDEX(Jesper!$R$2:$R$366,ROW(INDEX(Jesper!AJ$2:AJ$366,ROUNDDOWN($C3256/24,0)+1,1))-1)+IF('Standard Profiles'!$G$20=$B$10,7,0)+IF('Standard Profiles'!$G$20=$B$17,14,0)+IF('Standard Profiles'!$G$20=$B$24,21,0),MOD($C3256,24)+1)/SUM(INDEX($D$3:$AA$30,INDEX(Jesper!$R$2:$R$366,ROW(INDEX(Jesper!AJ$2:AJ$366,ROUNDDOWN($C3256/24,0)+1,1))-1)+IF('Standard Profiles'!$G$20=$B$10,7,0)+IF('Standard Profiles'!$G$20=$B$17,14,0)+IF('Standard Profiles'!$G$20=$B$24,21,0),0)),0)</f>
        <v>0</v>
      </c>
      <c r="G3256" cm="1">
        <f t="array" ref="G3256">IFERROR(INDEX(Jesper!AK$2:AK$366,ROUNDDOWN($C3256/24,0)+1,1)*INDEX($D$3:$AA$30,INDEX(Jesper!$R$2:$R$366,ROW(INDEX(Jesper!AK$2:AK$366,ROUNDDOWN($C3256/24,0)+1,1))-1)+IF('Standard Profiles'!$G$21=$B$10,7,0)+IF('Standard Profiles'!$G$21=$B$17,14,0)+IF('Standard Profiles'!$G$21=$B$24,21,0),MOD($C3256,24)+1)/SUM(INDEX($D$3:$AA$30,INDEX(Jesper!$R$2:$R$366,ROW(INDEX(Jesper!AK$2:AK$366,ROUNDDOWN($C3256/24,0)+1,1))-1)+IF('Standard Profiles'!$G$21=$B$10,7,0)+IF('Standard Profiles'!$G$21=$B$17,14,0)+IF('Standard Profiles'!$G$21=$B$24,21,0),0)),0)</f>
        <v>0.65619560005665278</v>
      </c>
      <c r="H3256" cm="1">
        <f t="array" ref="H3256">IFERROR(INDEX(Jesper!AL$2:AL$366,ROUNDDOWN($C3256/24,0)+1,1)*INDEX($D$3:$AA$30,INDEX(Jesper!$R$2:$R$366,ROW(INDEX(Jesper!AL$2:AL$366,ROUNDDOWN($C3256/24,0)+1,1))-1)+IF('Standard Profiles'!$G$22=$B$10,7,0)+IF('Standard Profiles'!$G$22=$B$17,14,0)+IF('Standard Profiles'!$G$22=$B$24,21,0),MOD($C3256,24)+1)/SUM(INDEX($D$3:$AA$30,INDEX(Jesper!$R$2:$R$366,ROW(INDEX(Jesper!AL$2:AL$366,ROUNDDOWN($C3256/24,0)+1,1))-1)+IF('Standard Profiles'!$G$22=$B$10,7,0)+IF('Standard Profiles'!$G$22=$B$17,14,0)+IF('Standard Profiles'!$G$22=$B$24,21,0),0)),0)</f>
        <v>0</v>
      </c>
      <c r="I3256">
        <f t="shared" si="370"/>
        <v>0.31497388802719317</v>
      </c>
      <c r="J3256">
        <f t="shared" si="371"/>
        <v>8.1985101134730218</v>
      </c>
      <c r="K3256">
        <f t="shared" si="372"/>
        <v>0.57783023185323457</v>
      </c>
      <c r="L3256">
        <f t="shared" si="373"/>
        <v>0.28891511592661728</v>
      </c>
      <c r="M3256">
        <f t="shared" si="374"/>
        <v>0</v>
      </c>
      <c r="N3256" s="45">
        <f t="shared" si="375"/>
        <v>45061.249999992186</v>
      </c>
    </row>
    <row r="3257" spans="2:14" x14ac:dyDescent="0.25">
      <c r="B3257">
        <f t="shared" si="369"/>
        <v>1</v>
      </c>
      <c r="C3257" s="16">
        <v>3223</v>
      </c>
      <c r="D3257" cm="1">
        <f t="array" ref="D3257">IFERROR(INDEX(Jesper!AH$2:AH$366,ROUNDDOWN($C3257/24,0)+1,1)*INDEX($D$3:$AA$30,INDEX(Jesper!$R$2:$R$366,ROW(INDEX(Jesper!AH$2:AH$366,ROUNDDOWN($C3257/24,0)+1,1))-1)+IF('Standard Profiles'!$G$18=$B$10,7,0)+IF('Standard Profiles'!$G$18=$B$17,14,0)+IF('Standard Profiles'!$G$18=$B$24,21,0),MOD($C3257,24)+1)/SUM(INDEX($D$3:$AA$30,INDEX(Jesper!$R$2:$R$366,ROW(INDEX(Jesper!AH$2:AH$366,ROUNDDOWN($C3257/24,0)+1,1))-1)+IF('Standard Profiles'!$G$18=$B$10,7,0)+IF('Standard Profiles'!$G$18=$B$17,14,0)+IF('Standard Profiles'!$G$18=$B$24,21,0),0)),0)</f>
        <v>23.077094884638552</v>
      </c>
      <c r="E3257" cm="1">
        <f t="array" ref="E3257">IFERROR(INDEX(Jesper!AI$2:AI$366,ROUNDDOWN($C3257/24,0)+1,1)*INDEX($D$3:$AA$30,INDEX(Jesper!$R$2:$R$366,ROW(INDEX(Jesper!AI$2:AI$366,ROUNDDOWN($C3257/24,0)+1,1))-1)+IF('Standard Profiles'!$G$19=$B$10,7,0)+IF('Standard Profiles'!$G$19=$B$17,14,0)+IF('Standard Profiles'!$G$19=$B$24,21,0),MOD($C3257,24)+1)/SUM(INDEX($D$3:$AA$30,INDEX(Jesper!$R$2:$R$366,ROW(INDEX(Jesper!AI$2:AI$366,ROUNDDOWN($C3257/24,0)+1,1))-1)+IF('Standard Profiles'!$G$19=$B$10,7,0)+IF('Standard Profiles'!$G$19=$B$17,14,0)+IF('Standard Profiles'!$G$19=$B$24,21,0),0)),0)</f>
        <v>14.087288887053187</v>
      </c>
      <c r="F3257" cm="1">
        <f t="array" ref="F3257">IFERROR(INDEX(Jesper!AJ$2:AJ$366,ROUNDDOWN($C3257/24,0)+1,1)*INDEX($D$3:$AA$30,INDEX(Jesper!$R$2:$R$366,ROW(INDEX(Jesper!AJ$2:AJ$366,ROUNDDOWN($C3257/24,0)+1,1))-1)+IF('Standard Profiles'!$G$20=$B$10,7,0)+IF('Standard Profiles'!$G$20=$B$17,14,0)+IF('Standard Profiles'!$G$20=$B$24,21,0),MOD($C3257,24)+1)/SUM(INDEX($D$3:$AA$30,INDEX(Jesper!$R$2:$R$366,ROW(INDEX(Jesper!AJ$2:AJ$366,ROUNDDOWN($C3257/24,0)+1,1))-1)+IF('Standard Profiles'!$G$20=$B$10,7,0)+IF('Standard Profiles'!$G$20=$B$17,14,0)+IF('Standard Profiles'!$G$20=$B$24,21,0),0)),0)</f>
        <v>0</v>
      </c>
      <c r="G3257" cm="1">
        <f t="array" ref="G3257">IFERROR(INDEX(Jesper!AK$2:AK$366,ROUNDDOWN($C3257/24,0)+1,1)*INDEX($D$3:$AA$30,INDEX(Jesper!$R$2:$R$366,ROW(INDEX(Jesper!AK$2:AK$366,ROUNDDOWN($C3257/24,0)+1,1))-1)+IF('Standard Profiles'!$G$21=$B$10,7,0)+IF('Standard Profiles'!$G$21=$B$17,14,0)+IF('Standard Profiles'!$G$21=$B$24,21,0),MOD($C3257,24)+1)/SUM(INDEX($D$3:$AA$30,INDEX(Jesper!$R$2:$R$366,ROW(INDEX(Jesper!AK$2:AK$366,ROUNDDOWN($C3257/24,0)+1,1))-1)+IF('Standard Profiles'!$G$21=$B$10,7,0)+IF('Standard Profiles'!$G$21=$B$17,14,0)+IF('Standard Profiles'!$G$21=$B$24,21,0),0)),0)</f>
        <v>2.8544508602464393</v>
      </c>
      <c r="H3257" cm="1">
        <f t="array" ref="H3257">IFERROR(INDEX(Jesper!AL$2:AL$366,ROUNDDOWN($C3257/24,0)+1,1)*INDEX($D$3:$AA$30,INDEX(Jesper!$R$2:$R$366,ROW(INDEX(Jesper!AL$2:AL$366,ROUNDDOWN($C3257/24,0)+1,1))-1)+IF('Standard Profiles'!$G$22=$B$10,7,0)+IF('Standard Profiles'!$G$22=$B$17,14,0)+IF('Standard Profiles'!$G$22=$B$24,21,0),MOD($C3257,24)+1)/SUM(INDEX($D$3:$AA$30,INDEX(Jesper!$R$2:$R$366,ROW(INDEX(Jesper!AL$2:AL$366,ROUNDDOWN($C3257/24,0)+1,1))-1)+IF('Standard Profiles'!$G$22=$B$10,7,0)+IF('Standard Profiles'!$G$22=$B$17,14,0)+IF('Standard Profiles'!$G$22=$B$24,21,0),0)),0)</f>
        <v>0</v>
      </c>
      <c r="I3257">
        <f t="shared" si="370"/>
        <v>1.3701364129182902</v>
      </c>
      <c r="J3257">
        <f t="shared" si="371"/>
        <v>34.956363037477715</v>
      </c>
      <c r="K3257">
        <f t="shared" si="372"/>
        <v>2.461556787694779</v>
      </c>
      <c r="L3257">
        <f t="shared" si="373"/>
        <v>1.2307783938473895</v>
      </c>
      <c r="M3257">
        <f t="shared" si="374"/>
        <v>0</v>
      </c>
      <c r="N3257" s="45">
        <f t="shared" si="375"/>
        <v>45061.29166665885</v>
      </c>
    </row>
    <row r="3258" spans="2:14" x14ac:dyDescent="0.25">
      <c r="B3258">
        <f t="shared" si="369"/>
        <v>1</v>
      </c>
      <c r="C3258" s="16">
        <v>3224</v>
      </c>
      <c r="D3258" cm="1">
        <f t="array" ref="D3258">IFERROR(INDEX(Jesper!AH$2:AH$366,ROUNDDOWN($C3258/24,0)+1,1)*INDEX($D$3:$AA$30,INDEX(Jesper!$R$2:$R$366,ROW(INDEX(Jesper!AH$2:AH$366,ROUNDDOWN($C3258/24,0)+1,1))-1)+IF('Standard Profiles'!$G$18=$B$10,7,0)+IF('Standard Profiles'!$G$18=$B$17,14,0)+IF('Standard Profiles'!$G$18=$B$24,21,0),MOD($C3258,24)+1)/SUM(INDEX($D$3:$AA$30,INDEX(Jesper!$R$2:$R$366,ROW(INDEX(Jesper!AH$2:AH$366,ROUNDDOWN($C3258/24,0)+1,1))-1)+IF('Standard Profiles'!$G$18=$B$10,7,0)+IF('Standard Profiles'!$G$18=$B$17,14,0)+IF('Standard Profiles'!$G$18=$B$24,21,0),0)),0)</f>
        <v>25.961731745218369</v>
      </c>
      <c r="E3258" cm="1">
        <f t="array" ref="E3258">IFERROR(INDEX(Jesper!AI$2:AI$366,ROUNDDOWN($C3258/24,0)+1,1)*INDEX($D$3:$AA$30,INDEX(Jesper!$R$2:$R$366,ROW(INDEX(Jesper!AI$2:AI$366,ROUNDDOWN($C3258/24,0)+1,1))-1)+IF('Standard Profiles'!$G$19=$B$10,7,0)+IF('Standard Profiles'!$G$19=$B$17,14,0)+IF('Standard Profiles'!$G$19=$B$24,21,0),MOD($C3258,24)+1)/SUM(INDEX($D$3:$AA$30,INDEX(Jesper!$R$2:$R$366,ROW(INDEX(Jesper!AI$2:AI$366,ROUNDDOWN($C3258/24,0)+1,1))-1)+IF('Standard Profiles'!$G$19=$B$10,7,0)+IF('Standard Profiles'!$G$19=$B$17,14,0)+IF('Standard Profiles'!$G$19=$B$24,21,0),0)),0)</f>
        <v>15.848199997934834</v>
      </c>
      <c r="F3258" cm="1">
        <f t="array" ref="F3258">IFERROR(INDEX(Jesper!AJ$2:AJ$366,ROUNDDOWN($C3258/24,0)+1,1)*INDEX($D$3:$AA$30,INDEX(Jesper!$R$2:$R$366,ROW(INDEX(Jesper!AJ$2:AJ$366,ROUNDDOWN($C3258/24,0)+1,1))-1)+IF('Standard Profiles'!$G$20=$B$10,7,0)+IF('Standard Profiles'!$G$20=$B$17,14,0)+IF('Standard Profiles'!$G$20=$B$24,21,0),MOD($C3258,24)+1)/SUM(INDEX($D$3:$AA$30,INDEX(Jesper!$R$2:$R$366,ROW(INDEX(Jesper!AJ$2:AJ$366,ROUNDDOWN($C3258/24,0)+1,1))-1)+IF('Standard Profiles'!$G$20=$B$10,7,0)+IF('Standard Profiles'!$G$20=$B$17,14,0)+IF('Standard Profiles'!$G$20=$B$24,21,0),0)),0)</f>
        <v>0</v>
      </c>
      <c r="G3258" cm="1">
        <f t="array" ref="G3258">IFERROR(INDEX(Jesper!AK$2:AK$366,ROUNDDOWN($C3258/24,0)+1,1)*INDEX($D$3:$AA$30,INDEX(Jesper!$R$2:$R$366,ROW(INDEX(Jesper!AK$2:AK$366,ROUNDDOWN($C3258/24,0)+1,1))-1)+IF('Standard Profiles'!$G$21=$B$10,7,0)+IF('Standard Profiles'!$G$21=$B$17,14,0)+IF('Standard Profiles'!$G$21=$B$24,21,0),MOD($C3258,24)+1)/SUM(INDEX($D$3:$AA$30,INDEX(Jesper!$R$2:$R$366,ROW(INDEX(Jesper!AK$2:AK$366,ROUNDDOWN($C3258/24,0)+1,1))-1)+IF('Standard Profiles'!$G$21=$B$10,7,0)+IF('Standard Profiles'!$G$21=$B$17,14,0)+IF('Standard Profiles'!$G$21=$B$24,21,0),0)),0)</f>
        <v>3.211257217777244</v>
      </c>
      <c r="H3258" cm="1">
        <f t="array" ref="H3258">IFERROR(INDEX(Jesper!AL$2:AL$366,ROUNDDOWN($C3258/24,0)+1,1)*INDEX($D$3:$AA$30,INDEX(Jesper!$R$2:$R$366,ROW(INDEX(Jesper!AL$2:AL$366,ROUNDDOWN($C3258/24,0)+1,1))-1)+IF('Standard Profiles'!$G$22=$B$10,7,0)+IF('Standard Profiles'!$G$22=$B$17,14,0)+IF('Standard Profiles'!$G$22=$B$24,21,0),MOD($C3258,24)+1)/SUM(INDEX($D$3:$AA$30,INDEX(Jesper!$R$2:$R$366,ROW(INDEX(Jesper!AL$2:AL$366,ROUNDDOWN($C3258/24,0)+1,1))-1)+IF('Standard Profiles'!$G$22=$B$10,7,0)+IF('Standard Profiles'!$G$22=$B$17,14,0)+IF('Standard Profiles'!$G$22=$B$24,21,0),0)),0)</f>
        <v>0</v>
      </c>
      <c r="I3258">
        <f t="shared" si="370"/>
        <v>1.5414034645330763</v>
      </c>
      <c r="J3258">
        <f t="shared" si="371"/>
        <v>39.325908417162438</v>
      </c>
      <c r="K3258">
        <f t="shared" si="372"/>
        <v>2.7692513861566264</v>
      </c>
      <c r="L3258">
        <f t="shared" si="373"/>
        <v>1.3846256930783132</v>
      </c>
      <c r="M3258">
        <f t="shared" si="374"/>
        <v>0</v>
      </c>
      <c r="N3258" s="45">
        <f t="shared" si="375"/>
        <v>45061.333333325514</v>
      </c>
    </row>
    <row r="3259" spans="2:14" x14ac:dyDescent="0.25">
      <c r="B3259">
        <f t="shared" si="369"/>
        <v>1</v>
      </c>
      <c r="C3259" s="16">
        <v>3225</v>
      </c>
      <c r="D3259" cm="1">
        <f t="array" ref="D3259">IFERROR(INDEX(Jesper!AH$2:AH$366,ROUNDDOWN($C3259/24,0)+1,1)*INDEX($D$3:$AA$30,INDEX(Jesper!$R$2:$R$366,ROW(INDEX(Jesper!AH$2:AH$366,ROUNDDOWN($C3259/24,0)+1,1))-1)+IF('Standard Profiles'!$G$18=$B$10,7,0)+IF('Standard Profiles'!$G$18=$B$17,14,0)+IF('Standard Profiles'!$G$18=$B$24,21,0),MOD($C3259,24)+1)/SUM(INDEX($D$3:$AA$30,INDEX(Jesper!$R$2:$R$366,ROW(INDEX(Jesper!AH$2:AH$366,ROUNDDOWN($C3259/24,0)+1,1))-1)+IF('Standard Profiles'!$G$18=$B$10,7,0)+IF('Standard Profiles'!$G$18=$B$17,14,0)+IF('Standard Profiles'!$G$18=$B$24,21,0),0)),0)</f>
        <v>28.84636860579819</v>
      </c>
      <c r="E3259" cm="1">
        <f t="array" ref="E3259">IFERROR(INDEX(Jesper!AI$2:AI$366,ROUNDDOWN($C3259/24,0)+1,1)*INDEX($D$3:$AA$30,INDEX(Jesper!$R$2:$R$366,ROW(INDEX(Jesper!AI$2:AI$366,ROUNDDOWN($C3259/24,0)+1,1))-1)+IF('Standard Profiles'!$G$19=$B$10,7,0)+IF('Standard Profiles'!$G$19=$B$17,14,0)+IF('Standard Profiles'!$G$19=$B$24,21,0),MOD($C3259,24)+1)/SUM(INDEX($D$3:$AA$30,INDEX(Jesper!$R$2:$R$366,ROW(INDEX(Jesper!AI$2:AI$366,ROUNDDOWN($C3259/24,0)+1,1))-1)+IF('Standard Profiles'!$G$19=$B$10,7,0)+IF('Standard Profiles'!$G$19=$B$17,14,0)+IF('Standard Profiles'!$G$19=$B$24,21,0),0)),0)</f>
        <v>17.609111108816485</v>
      </c>
      <c r="F3259" cm="1">
        <f t="array" ref="F3259">IFERROR(INDEX(Jesper!AJ$2:AJ$366,ROUNDDOWN($C3259/24,0)+1,1)*INDEX($D$3:$AA$30,INDEX(Jesper!$R$2:$R$366,ROW(INDEX(Jesper!AJ$2:AJ$366,ROUNDDOWN($C3259/24,0)+1,1))-1)+IF('Standard Profiles'!$G$20=$B$10,7,0)+IF('Standard Profiles'!$G$20=$B$17,14,0)+IF('Standard Profiles'!$G$20=$B$24,21,0),MOD($C3259,24)+1)/SUM(INDEX($D$3:$AA$30,INDEX(Jesper!$R$2:$R$366,ROW(INDEX(Jesper!AJ$2:AJ$366,ROUNDDOWN($C3259/24,0)+1,1))-1)+IF('Standard Profiles'!$G$20=$B$10,7,0)+IF('Standard Profiles'!$G$20=$B$17,14,0)+IF('Standard Profiles'!$G$20=$B$24,21,0),0)),0)</f>
        <v>0</v>
      </c>
      <c r="G3259" cm="1">
        <f t="array" ref="G3259">IFERROR(INDEX(Jesper!AK$2:AK$366,ROUNDDOWN($C3259/24,0)+1,1)*INDEX($D$3:$AA$30,INDEX(Jesper!$R$2:$R$366,ROW(INDEX(Jesper!AK$2:AK$366,ROUNDDOWN($C3259/24,0)+1,1))-1)+IF('Standard Profiles'!$G$21=$B$10,7,0)+IF('Standard Profiles'!$G$21=$B$17,14,0)+IF('Standard Profiles'!$G$21=$B$24,21,0),MOD($C3259,24)+1)/SUM(INDEX($D$3:$AA$30,INDEX(Jesper!$R$2:$R$366,ROW(INDEX(Jesper!AK$2:AK$366,ROUNDDOWN($C3259/24,0)+1,1))-1)+IF('Standard Profiles'!$G$21=$B$10,7,0)+IF('Standard Profiles'!$G$21=$B$17,14,0)+IF('Standard Profiles'!$G$21=$B$24,21,0),0)),0)</f>
        <v>3.5680635753080487</v>
      </c>
      <c r="H3259" cm="1">
        <f t="array" ref="H3259">IFERROR(INDEX(Jesper!AL$2:AL$366,ROUNDDOWN($C3259/24,0)+1,1)*INDEX($D$3:$AA$30,INDEX(Jesper!$R$2:$R$366,ROW(INDEX(Jesper!AL$2:AL$366,ROUNDDOWN($C3259/24,0)+1,1))-1)+IF('Standard Profiles'!$G$22=$B$10,7,0)+IF('Standard Profiles'!$G$22=$B$17,14,0)+IF('Standard Profiles'!$G$22=$B$24,21,0),MOD($C3259,24)+1)/SUM(INDEX($D$3:$AA$30,INDEX(Jesper!$R$2:$R$366,ROW(INDEX(Jesper!AL$2:AL$366,ROUNDDOWN($C3259/24,0)+1,1))-1)+IF('Standard Profiles'!$G$22=$B$10,7,0)+IF('Standard Profiles'!$G$22=$B$17,14,0)+IF('Standard Profiles'!$G$22=$B$24,21,0),0)),0)</f>
        <v>0</v>
      </c>
      <c r="I3259">
        <f t="shared" si="370"/>
        <v>1.7126705161478626</v>
      </c>
      <c r="J3259">
        <f t="shared" si="371"/>
        <v>43.695453796847154</v>
      </c>
      <c r="K3259">
        <f t="shared" si="372"/>
        <v>3.0769459846184737</v>
      </c>
      <c r="L3259">
        <f t="shared" si="373"/>
        <v>1.5384729923092368</v>
      </c>
      <c r="M3259">
        <f t="shared" si="374"/>
        <v>0</v>
      </c>
      <c r="N3259" s="45">
        <f t="shared" si="375"/>
        <v>45061.374999992178</v>
      </c>
    </row>
    <row r="3260" spans="2:14" x14ac:dyDescent="0.25">
      <c r="B3260">
        <f t="shared" si="369"/>
        <v>1</v>
      </c>
      <c r="C3260" s="16">
        <v>3226</v>
      </c>
      <c r="D3260" cm="1">
        <f t="array" ref="D3260">IFERROR(INDEX(Jesper!AH$2:AH$366,ROUNDDOWN($C3260/24,0)+1,1)*INDEX($D$3:$AA$30,INDEX(Jesper!$R$2:$R$366,ROW(INDEX(Jesper!AH$2:AH$366,ROUNDDOWN($C3260/24,0)+1,1))-1)+IF('Standard Profiles'!$G$18=$B$10,7,0)+IF('Standard Profiles'!$G$18=$B$17,14,0)+IF('Standard Profiles'!$G$18=$B$24,21,0),MOD($C3260,24)+1)/SUM(INDEX($D$3:$AA$30,INDEX(Jesper!$R$2:$R$366,ROW(INDEX(Jesper!AH$2:AH$366,ROUNDDOWN($C3260/24,0)+1,1))-1)+IF('Standard Profiles'!$G$18=$B$10,7,0)+IF('Standard Profiles'!$G$18=$B$17,14,0)+IF('Standard Profiles'!$G$18=$B$24,21,0),0)),0)</f>
        <v>28.84636860579819</v>
      </c>
      <c r="E3260" cm="1">
        <f t="array" ref="E3260">IFERROR(INDEX(Jesper!AI$2:AI$366,ROUNDDOWN($C3260/24,0)+1,1)*INDEX($D$3:$AA$30,INDEX(Jesper!$R$2:$R$366,ROW(INDEX(Jesper!AI$2:AI$366,ROUNDDOWN($C3260/24,0)+1,1))-1)+IF('Standard Profiles'!$G$19=$B$10,7,0)+IF('Standard Profiles'!$G$19=$B$17,14,0)+IF('Standard Profiles'!$G$19=$B$24,21,0),MOD($C3260,24)+1)/SUM(INDEX($D$3:$AA$30,INDEX(Jesper!$R$2:$R$366,ROW(INDEX(Jesper!AI$2:AI$366,ROUNDDOWN($C3260/24,0)+1,1))-1)+IF('Standard Profiles'!$G$19=$B$10,7,0)+IF('Standard Profiles'!$G$19=$B$17,14,0)+IF('Standard Profiles'!$G$19=$B$24,21,0),0)),0)</f>
        <v>17.609111108816485</v>
      </c>
      <c r="F3260" cm="1">
        <f t="array" ref="F3260">IFERROR(INDEX(Jesper!AJ$2:AJ$366,ROUNDDOWN($C3260/24,0)+1,1)*INDEX($D$3:$AA$30,INDEX(Jesper!$R$2:$R$366,ROW(INDEX(Jesper!AJ$2:AJ$366,ROUNDDOWN($C3260/24,0)+1,1))-1)+IF('Standard Profiles'!$G$20=$B$10,7,0)+IF('Standard Profiles'!$G$20=$B$17,14,0)+IF('Standard Profiles'!$G$20=$B$24,21,0),MOD($C3260,24)+1)/SUM(INDEX($D$3:$AA$30,INDEX(Jesper!$R$2:$R$366,ROW(INDEX(Jesper!AJ$2:AJ$366,ROUNDDOWN($C3260/24,0)+1,1))-1)+IF('Standard Profiles'!$G$20=$B$10,7,0)+IF('Standard Profiles'!$G$20=$B$17,14,0)+IF('Standard Profiles'!$G$20=$B$24,21,0),0)),0)</f>
        <v>0</v>
      </c>
      <c r="G3260" cm="1">
        <f t="array" ref="G3260">IFERROR(INDEX(Jesper!AK$2:AK$366,ROUNDDOWN($C3260/24,0)+1,1)*INDEX($D$3:$AA$30,INDEX(Jesper!$R$2:$R$366,ROW(INDEX(Jesper!AK$2:AK$366,ROUNDDOWN($C3260/24,0)+1,1))-1)+IF('Standard Profiles'!$G$21=$B$10,7,0)+IF('Standard Profiles'!$G$21=$B$17,14,0)+IF('Standard Profiles'!$G$21=$B$24,21,0),MOD($C3260,24)+1)/SUM(INDEX($D$3:$AA$30,INDEX(Jesper!$R$2:$R$366,ROW(INDEX(Jesper!AK$2:AK$366,ROUNDDOWN($C3260/24,0)+1,1))-1)+IF('Standard Profiles'!$G$21=$B$10,7,0)+IF('Standard Profiles'!$G$21=$B$17,14,0)+IF('Standard Profiles'!$G$21=$B$24,21,0),0)),0)</f>
        <v>3.5680635753080487</v>
      </c>
      <c r="H3260" cm="1">
        <f t="array" ref="H3260">IFERROR(INDEX(Jesper!AL$2:AL$366,ROUNDDOWN($C3260/24,0)+1,1)*INDEX($D$3:$AA$30,INDEX(Jesper!$R$2:$R$366,ROW(INDEX(Jesper!AL$2:AL$366,ROUNDDOWN($C3260/24,0)+1,1))-1)+IF('Standard Profiles'!$G$22=$B$10,7,0)+IF('Standard Profiles'!$G$22=$B$17,14,0)+IF('Standard Profiles'!$G$22=$B$24,21,0),MOD($C3260,24)+1)/SUM(INDEX($D$3:$AA$30,INDEX(Jesper!$R$2:$R$366,ROW(INDEX(Jesper!AL$2:AL$366,ROUNDDOWN($C3260/24,0)+1,1))-1)+IF('Standard Profiles'!$G$22=$B$10,7,0)+IF('Standard Profiles'!$G$22=$B$17,14,0)+IF('Standard Profiles'!$G$22=$B$24,21,0),0)),0)</f>
        <v>0</v>
      </c>
      <c r="I3260">
        <f t="shared" si="370"/>
        <v>1.7126705161478626</v>
      </c>
      <c r="J3260">
        <f t="shared" si="371"/>
        <v>43.695453796847154</v>
      </c>
      <c r="K3260">
        <f t="shared" si="372"/>
        <v>3.0769459846184737</v>
      </c>
      <c r="L3260">
        <f t="shared" si="373"/>
        <v>1.5384729923092368</v>
      </c>
      <c r="M3260">
        <f t="shared" si="374"/>
        <v>0</v>
      </c>
      <c r="N3260" s="45">
        <f t="shared" si="375"/>
        <v>45061.416666658843</v>
      </c>
    </row>
    <row r="3261" spans="2:14" x14ac:dyDescent="0.25">
      <c r="B3261">
        <f t="shared" si="369"/>
        <v>1</v>
      </c>
      <c r="C3261" s="16">
        <v>3227</v>
      </c>
      <c r="D3261" cm="1">
        <f t="array" ref="D3261">IFERROR(INDEX(Jesper!AH$2:AH$366,ROUNDDOWN($C3261/24,0)+1,1)*INDEX($D$3:$AA$30,INDEX(Jesper!$R$2:$R$366,ROW(INDEX(Jesper!AH$2:AH$366,ROUNDDOWN($C3261/24,0)+1,1))-1)+IF('Standard Profiles'!$G$18=$B$10,7,0)+IF('Standard Profiles'!$G$18=$B$17,14,0)+IF('Standard Profiles'!$G$18=$B$24,21,0),MOD($C3261,24)+1)/SUM(INDEX($D$3:$AA$30,INDEX(Jesper!$R$2:$R$366,ROW(INDEX(Jesper!AH$2:AH$366,ROUNDDOWN($C3261/24,0)+1,1))-1)+IF('Standard Profiles'!$G$18=$B$10,7,0)+IF('Standard Profiles'!$G$18=$B$17,14,0)+IF('Standard Profiles'!$G$18=$B$24,21,0),0)),0)</f>
        <v>34.615642326957818</v>
      </c>
      <c r="E3261" cm="1">
        <f t="array" ref="E3261">IFERROR(INDEX(Jesper!AI$2:AI$366,ROUNDDOWN($C3261/24,0)+1,1)*INDEX($D$3:$AA$30,INDEX(Jesper!$R$2:$R$366,ROW(INDEX(Jesper!AI$2:AI$366,ROUNDDOWN($C3261/24,0)+1,1))-1)+IF('Standard Profiles'!$G$19=$B$10,7,0)+IF('Standard Profiles'!$G$19=$B$17,14,0)+IF('Standard Profiles'!$G$19=$B$24,21,0),MOD($C3261,24)+1)/SUM(INDEX($D$3:$AA$30,INDEX(Jesper!$R$2:$R$366,ROW(INDEX(Jesper!AI$2:AI$366,ROUNDDOWN($C3261/24,0)+1,1))-1)+IF('Standard Profiles'!$G$19=$B$10,7,0)+IF('Standard Profiles'!$G$19=$B$17,14,0)+IF('Standard Profiles'!$G$19=$B$24,21,0),0)),0)</f>
        <v>21.130933330579779</v>
      </c>
      <c r="F3261" cm="1">
        <f t="array" ref="F3261">IFERROR(INDEX(Jesper!AJ$2:AJ$366,ROUNDDOWN($C3261/24,0)+1,1)*INDEX($D$3:$AA$30,INDEX(Jesper!$R$2:$R$366,ROW(INDEX(Jesper!AJ$2:AJ$366,ROUNDDOWN($C3261/24,0)+1,1))-1)+IF('Standard Profiles'!$G$20=$B$10,7,0)+IF('Standard Profiles'!$G$20=$B$17,14,0)+IF('Standard Profiles'!$G$20=$B$24,21,0),MOD($C3261,24)+1)/SUM(INDEX($D$3:$AA$30,INDEX(Jesper!$R$2:$R$366,ROW(INDEX(Jesper!AJ$2:AJ$366,ROUNDDOWN($C3261/24,0)+1,1))-1)+IF('Standard Profiles'!$G$20=$B$10,7,0)+IF('Standard Profiles'!$G$20=$B$17,14,0)+IF('Standard Profiles'!$G$20=$B$24,21,0),0)),0)</f>
        <v>0</v>
      </c>
      <c r="G3261" cm="1">
        <f t="array" ref="G3261">IFERROR(INDEX(Jesper!AK$2:AK$366,ROUNDDOWN($C3261/24,0)+1,1)*INDEX($D$3:$AA$30,INDEX(Jesper!$R$2:$R$366,ROW(INDEX(Jesper!AK$2:AK$366,ROUNDDOWN($C3261/24,0)+1,1))-1)+IF('Standard Profiles'!$G$21=$B$10,7,0)+IF('Standard Profiles'!$G$21=$B$17,14,0)+IF('Standard Profiles'!$G$21=$B$24,21,0),MOD($C3261,24)+1)/SUM(INDEX($D$3:$AA$30,INDEX(Jesper!$R$2:$R$366,ROW(INDEX(Jesper!AK$2:AK$366,ROUNDDOWN($C3261/24,0)+1,1))-1)+IF('Standard Profiles'!$G$21=$B$10,7,0)+IF('Standard Profiles'!$G$21=$B$17,14,0)+IF('Standard Profiles'!$G$21=$B$24,21,0),0)),0)</f>
        <v>4.2816762903696581</v>
      </c>
      <c r="H3261" cm="1">
        <f t="array" ref="H3261">IFERROR(INDEX(Jesper!AL$2:AL$366,ROUNDDOWN($C3261/24,0)+1,1)*INDEX($D$3:$AA$30,INDEX(Jesper!$R$2:$R$366,ROW(INDEX(Jesper!AL$2:AL$366,ROUNDDOWN($C3261/24,0)+1,1))-1)+IF('Standard Profiles'!$G$22=$B$10,7,0)+IF('Standard Profiles'!$G$22=$B$17,14,0)+IF('Standard Profiles'!$G$22=$B$24,21,0),MOD($C3261,24)+1)/SUM(INDEX($D$3:$AA$30,INDEX(Jesper!$R$2:$R$366,ROW(INDEX(Jesper!AL$2:AL$366,ROUNDDOWN($C3261/24,0)+1,1))-1)+IF('Standard Profiles'!$G$22=$B$10,7,0)+IF('Standard Profiles'!$G$22=$B$17,14,0)+IF('Standard Profiles'!$G$22=$B$24,21,0),0)),0)</f>
        <v>0</v>
      </c>
      <c r="I3261">
        <f t="shared" si="370"/>
        <v>2.0552046193774349</v>
      </c>
      <c r="J3261">
        <f t="shared" si="371"/>
        <v>52.434544556216572</v>
      </c>
      <c r="K3261">
        <f t="shared" si="372"/>
        <v>3.6923351815421674</v>
      </c>
      <c r="L3261">
        <f t="shared" si="373"/>
        <v>1.8461675907710837</v>
      </c>
      <c r="M3261">
        <f t="shared" si="374"/>
        <v>0</v>
      </c>
      <c r="N3261" s="45">
        <f t="shared" si="375"/>
        <v>45061.458333325507</v>
      </c>
    </row>
    <row r="3262" spans="2:14" x14ac:dyDescent="0.25">
      <c r="B3262">
        <f t="shared" si="369"/>
        <v>1</v>
      </c>
      <c r="C3262" s="16">
        <v>3228</v>
      </c>
      <c r="D3262" cm="1">
        <f t="array" ref="D3262">IFERROR(INDEX(Jesper!AH$2:AH$366,ROUNDDOWN($C3262/24,0)+1,1)*INDEX($D$3:$AA$30,INDEX(Jesper!$R$2:$R$366,ROW(INDEX(Jesper!AH$2:AH$366,ROUNDDOWN($C3262/24,0)+1,1))-1)+IF('Standard Profiles'!$G$18=$B$10,7,0)+IF('Standard Profiles'!$G$18=$B$17,14,0)+IF('Standard Profiles'!$G$18=$B$24,21,0),MOD($C3262,24)+1)/SUM(INDEX($D$3:$AA$30,INDEX(Jesper!$R$2:$R$366,ROW(INDEX(Jesper!AH$2:AH$366,ROUNDDOWN($C3262/24,0)+1,1))-1)+IF('Standard Profiles'!$G$18=$B$10,7,0)+IF('Standard Profiles'!$G$18=$B$17,14,0)+IF('Standard Profiles'!$G$18=$B$24,21,0),0)),0)</f>
        <v>34.615642326957818</v>
      </c>
      <c r="E3262" cm="1">
        <f t="array" ref="E3262">IFERROR(INDEX(Jesper!AI$2:AI$366,ROUNDDOWN($C3262/24,0)+1,1)*INDEX($D$3:$AA$30,INDEX(Jesper!$R$2:$R$366,ROW(INDEX(Jesper!AI$2:AI$366,ROUNDDOWN($C3262/24,0)+1,1))-1)+IF('Standard Profiles'!$G$19=$B$10,7,0)+IF('Standard Profiles'!$G$19=$B$17,14,0)+IF('Standard Profiles'!$G$19=$B$24,21,0),MOD($C3262,24)+1)/SUM(INDEX($D$3:$AA$30,INDEX(Jesper!$R$2:$R$366,ROW(INDEX(Jesper!AI$2:AI$366,ROUNDDOWN($C3262/24,0)+1,1))-1)+IF('Standard Profiles'!$G$19=$B$10,7,0)+IF('Standard Profiles'!$G$19=$B$17,14,0)+IF('Standard Profiles'!$G$19=$B$24,21,0),0)),0)</f>
        <v>21.130933330579779</v>
      </c>
      <c r="F3262" cm="1">
        <f t="array" ref="F3262">IFERROR(INDEX(Jesper!AJ$2:AJ$366,ROUNDDOWN($C3262/24,0)+1,1)*INDEX($D$3:$AA$30,INDEX(Jesper!$R$2:$R$366,ROW(INDEX(Jesper!AJ$2:AJ$366,ROUNDDOWN($C3262/24,0)+1,1))-1)+IF('Standard Profiles'!$G$20=$B$10,7,0)+IF('Standard Profiles'!$G$20=$B$17,14,0)+IF('Standard Profiles'!$G$20=$B$24,21,0),MOD($C3262,24)+1)/SUM(INDEX($D$3:$AA$30,INDEX(Jesper!$R$2:$R$366,ROW(INDEX(Jesper!AJ$2:AJ$366,ROUNDDOWN($C3262/24,0)+1,1))-1)+IF('Standard Profiles'!$G$20=$B$10,7,0)+IF('Standard Profiles'!$G$20=$B$17,14,0)+IF('Standard Profiles'!$G$20=$B$24,21,0),0)),0)</f>
        <v>0</v>
      </c>
      <c r="G3262" cm="1">
        <f t="array" ref="G3262">IFERROR(INDEX(Jesper!AK$2:AK$366,ROUNDDOWN($C3262/24,0)+1,1)*INDEX($D$3:$AA$30,INDEX(Jesper!$R$2:$R$366,ROW(INDEX(Jesper!AK$2:AK$366,ROUNDDOWN($C3262/24,0)+1,1))-1)+IF('Standard Profiles'!$G$21=$B$10,7,0)+IF('Standard Profiles'!$G$21=$B$17,14,0)+IF('Standard Profiles'!$G$21=$B$24,21,0),MOD($C3262,24)+1)/SUM(INDEX($D$3:$AA$30,INDEX(Jesper!$R$2:$R$366,ROW(INDEX(Jesper!AK$2:AK$366,ROUNDDOWN($C3262/24,0)+1,1))-1)+IF('Standard Profiles'!$G$21=$B$10,7,0)+IF('Standard Profiles'!$G$21=$B$17,14,0)+IF('Standard Profiles'!$G$21=$B$24,21,0),0)),0)</f>
        <v>4.2816762903696581</v>
      </c>
      <c r="H3262" cm="1">
        <f t="array" ref="H3262">IFERROR(INDEX(Jesper!AL$2:AL$366,ROUNDDOWN($C3262/24,0)+1,1)*INDEX($D$3:$AA$30,INDEX(Jesper!$R$2:$R$366,ROW(INDEX(Jesper!AL$2:AL$366,ROUNDDOWN($C3262/24,0)+1,1))-1)+IF('Standard Profiles'!$G$22=$B$10,7,0)+IF('Standard Profiles'!$G$22=$B$17,14,0)+IF('Standard Profiles'!$G$22=$B$24,21,0),MOD($C3262,24)+1)/SUM(INDEX($D$3:$AA$30,INDEX(Jesper!$R$2:$R$366,ROW(INDEX(Jesper!AL$2:AL$366,ROUNDDOWN($C3262/24,0)+1,1))-1)+IF('Standard Profiles'!$G$22=$B$10,7,0)+IF('Standard Profiles'!$G$22=$B$17,14,0)+IF('Standard Profiles'!$G$22=$B$24,21,0),0)),0)</f>
        <v>0</v>
      </c>
      <c r="I3262">
        <f t="shared" si="370"/>
        <v>2.0552046193774349</v>
      </c>
      <c r="J3262">
        <f t="shared" si="371"/>
        <v>52.434544556216572</v>
      </c>
      <c r="K3262">
        <f t="shared" si="372"/>
        <v>3.6923351815421674</v>
      </c>
      <c r="L3262">
        <f t="shared" si="373"/>
        <v>1.8461675907710837</v>
      </c>
      <c r="M3262">
        <f t="shared" si="374"/>
        <v>0</v>
      </c>
      <c r="N3262" s="45">
        <f t="shared" si="375"/>
        <v>45061.499999992171</v>
      </c>
    </row>
    <row r="3263" spans="2:14" x14ac:dyDescent="0.25">
      <c r="B3263">
        <f t="shared" si="369"/>
        <v>1</v>
      </c>
      <c r="C3263" s="16">
        <v>3229</v>
      </c>
      <c r="D3263" cm="1">
        <f t="array" ref="D3263">IFERROR(INDEX(Jesper!AH$2:AH$366,ROUNDDOWN($C3263/24,0)+1,1)*INDEX($D$3:$AA$30,INDEX(Jesper!$R$2:$R$366,ROW(INDEX(Jesper!AH$2:AH$366,ROUNDDOWN($C3263/24,0)+1,1))-1)+IF('Standard Profiles'!$G$18=$B$10,7,0)+IF('Standard Profiles'!$G$18=$B$17,14,0)+IF('Standard Profiles'!$G$18=$B$24,21,0),MOD($C3263,24)+1)/SUM(INDEX($D$3:$AA$30,INDEX(Jesper!$R$2:$R$366,ROW(INDEX(Jesper!AH$2:AH$366,ROUNDDOWN($C3263/24,0)+1,1))-1)+IF('Standard Profiles'!$G$18=$B$10,7,0)+IF('Standard Profiles'!$G$18=$B$17,14,0)+IF('Standard Profiles'!$G$18=$B$24,21,0),0)),0)</f>
        <v>23.077094884638552</v>
      </c>
      <c r="E3263" cm="1">
        <f t="array" ref="E3263">IFERROR(INDEX(Jesper!AI$2:AI$366,ROUNDDOWN($C3263/24,0)+1,1)*INDEX($D$3:$AA$30,INDEX(Jesper!$R$2:$R$366,ROW(INDEX(Jesper!AI$2:AI$366,ROUNDDOWN($C3263/24,0)+1,1))-1)+IF('Standard Profiles'!$G$19=$B$10,7,0)+IF('Standard Profiles'!$G$19=$B$17,14,0)+IF('Standard Profiles'!$G$19=$B$24,21,0),MOD($C3263,24)+1)/SUM(INDEX($D$3:$AA$30,INDEX(Jesper!$R$2:$R$366,ROW(INDEX(Jesper!AI$2:AI$366,ROUNDDOWN($C3263/24,0)+1,1))-1)+IF('Standard Profiles'!$G$19=$B$10,7,0)+IF('Standard Profiles'!$G$19=$B$17,14,0)+IF('Standard Profiles'!$G$19=$B$24,21,0),0)),0)</f>
        <v>14.087288887053187</v>
      </c>
      <c r="F3263" cm="1">
        <f t="array" ref="F3263">IFERROR(INDEX(Jesper!AJ$2:AJ$366,ROUNDDOWN($C3263/24,0)+1,1)*INDEX($D$3:$AA$30,INDEX(Jesper!$R$2:$R$366,ROW(INDEX(Jesper!AJ$2:AJ$366,ROUNDDOWN($C3263/24,0)+1,1))-1)+IF('Standard Profiles'!$G$20=$B$10,7,0)+IF('Standard Profiles'!$G$20=$B$17,14,0)+IF('Standard Profiles'!$G$20=$B$24,21,0),MOD($C3263,24)+1)/SUM(INDEX($D$3:$AA$30,INDEX(Jesper!$R$2:$R$366,ROW(INDEX(Jesper!AJ$2:AJ$366,ROUNDDOWN($C3263/24,0)+1,1))-1)+IF('Standard Profiles'!$G$20=$B$10,7,0)+IF('Standard Profiles'!$G$20=$B$17,14,0)+IF('Standard Profiles'!$G$20=$B$24,21,0),0)),0)</f>
        <v>0</v>
      </c>
      <c r="G3263" cm="1">
        <f t="array" ref="G3263">IFERROR(INDEX(Jesper!AK$2:AK$366,ROUNDDOWN($C3263/24,0)+1,1)*INDEX($D$3:$AA$30,INDEX(Jesper!$R$2:$R$366,ROW(INDEX(Jesper!AK$2:AK$366,ROUNDDOWN($C3263/24,0)+1,1))-1)+IF('Standard Profiles'!$G$21=$B$10,7,0)+IF('Standard Profiles'!$G$21=$B$17,14,0)+IF('Standard Profiles'!$G$21=$B$24,21,0),MOD($C3263,24)+1)/SUM(INDEX($D$3:$AA$30,INDEX(Jesper!$R$2:$R$366,ROW(INDEX(Jesper!AK$2:AK$366,ROUNDDOWN($C3263/24,0)+1,1))-1)+IF('Standard Profiles'!$G$21=$B$10,7,0)+IF('Standard Profiles'!$G$21=$B$17,14,0)+IF('Standard Profiles'!$G$21=$B$24,21,0),0)),0)</f>
        <v>2.8544508602464393</v>
      </c>
      <c r="H3263" cm="1">
        <f t="array" ref="H3263">IFERROR(INDEX(Jesper!AL$2:AL$366,ROUNDDOWN($C3263/24,0)+1,1)*INDEX($D$3:$AA$30,INDEX(Jesper!$R$2:$R$366,ROW(INDEX(Jesper!AL$2:AL$366,ROUNDDOWN($C3263/24,0)+1,1))-1)+IF('Standard Profiles'!$G$22=$B$10,7,0)+IF('Standard Profiles'!$G$22=$B$17,14,0)+IF('Standard Profiles'!$G$22=$B$24,21,0),MOD($C3263,24)+1)/SUM(INDEX($D$3:$AA$30,INDEX(Jesper!$R$2:$R$366,ROW(INDEX(Jesper!AL$2:AL$366,ROUNDDOWN($C3263/24,0)+1,1))-1)+IF('Standard Profiles'!$G$22=$B$10,7,0)+IF('Standard Profiles'!$G$22=$B$17,14,0)+IF('Standard Profiles'!$G$22=$B$24,21,0),0)),0)</f>
        <v>0</v>
      </c>
      <c r="I3263">
        <f t="shared" si="370"/>
        <v>1.3701364129182902</v>
      </c>
      <c r="J3263">
        <f t="shared" si="371"/>
        <v>34.956363037477715</v>
      </c>
      <c r="K3263">
        <f t="shared" si="372"/>
        <v>2.461556787694779</v>
      </c>
      <c r="L3263">
        <f t="shared" si="373"/>
        <v>1.2307783938473895</v>
      </c>
      <c r="M3263">
        <f t="shared" si="374"/>
        <v>0</v>
      </c>
      <c r="N3263" s="45">
        <f t="shared" si="375"/>
        <v>45061.541666658835</v>
      </c>
    </row>
    <row r="3264" spans="2:14" x14ac:dyDescent="0.25">
      <c r="B3264">
        <f t="shared" si="369"/>
        <v>1</v>
      </c>
      <c r="C3264" s="16">
        <v>3230</v>
      </c>
      <c r="D3264" cm="1">
        <f t="array" ref="D3264">IFERROR(INDEX(Jesper!AH$2:AH$366,ROUNDDOWN($C3264/24,0)+1,1)*INDEX($D$3:$AA$30,INDEX(Jesper!$R$2:$R$366,ROW(INDEX(Jesper!AH$2:AH$366,ROUNDDOWN($C3264/24,0)+1,1))-1)+IF('Standard Profiles'!$G$18=$B$10,7,0)+IF('Standard Profiles'!$G$18=$B$17,14,0)+IF('Standard Profiles'!$G$18=$B$24,21,0),MOD($C3264,24)+1)/SUM(INDEX($D$3:$AA$30,INDEX(Jesper!$R$2:$R$366,ROW(INDEX(Jesper!AH$2:AH$366,ROUNDDOWN($C3264/24,0)+1,1))-1)+IF('Standard Profiles'!$G$18=$B$10,7,0)+IF('Standard Profiles'!$G$18=$B$17,14,0)+IF('Standard Profiles'!$G$18=$B$24,21,0),0)),0)</f>
        <v>34.615642326957818</v>
      </c>
      <c r="E3264" cm="1">
        <f t="array" ref="E3264">IFERROR(INDEX(Jesper!AI$2:AI$366,ROUNDDOWN($C3264/24,0)+1,1)*INDEX($D$3:$AA$30,INDEX(Jesper!$R$2:$R$366,ROW(INDEX(Jesper!AI$2:AI$366,ROUNDDOWN($C3264/24,0)+1,1))-1)+IF('Standard Profiles'!$G$19=$B$10,7,0)+IF('Standard Profiles'!$G$19=$B$17,14,0)+IF('Standard Profiles'!$G$19=$B$24,21,0),MOD($C3264,24)+1)/SUM(INDEX($D$3:$AA$30,INDEX(Jesper!$R$2:$R$366,ROW(INDEX(Jesper!AI$2:AI$366,ROUNDDOWN($C3264/24,0)+1,1))-1)+IF('Standard Profiles'!$G$19=$B$10,7,0)+IF('Standard Profiles'!$G$19=$B$17,14,0)+IF('Standard Profiles'!$G$19=$B$24,21,0),0)),0)</f>
        <v>21.130933330579779</v>
      </c>
      <c r="F3264" cm="1">
        <f t="array" ref="F3264">IFERROR(INDEX(Jesper!AJ$2:AJ$366,ROUNDDOWN($C3264/24,0)+1,1)*INDEX($D$3:$AA$30,INDEX(Jesper!$R$2:$R$366,ROW(INDEX(Jesper!AJ$2:AJ$366,ROUNDDOWN($C3264/24,0)+1,1))-1)+IF('Standard Profiles'!$G$20=$B$10,7,0)+IF('Standard Profiles'!$G$20=$B$17,14,0)+IF('Standard Profiles'!$G$20=$B$24,21,0),MOD($C3264,24)+1)/SUM(INDEX($D$3:$AA$30,INDEX(Jesper!$R$2:$R$366,ROW(INDEX(Jesper!AJ$2:AJ$366,ROUNDDOWN($C3264/24,0)+1,1))-1)+IF('Standard Profiles'!$G$20=$B$10,7,0)+IF('Standard Profiles'!$G$20=$B$17,14,0)+IF('Standard Profiles'!$G$20=$B$24,21,0),0)),0)</f>
        <v>0</v>
      </c>
      <c r="G3264" cm="1">
        <f t="array" ref="G3264">IFERROR(INDEX(Jesper!AK$2:AK$366,ROUNDDOWN($C3264/24,0)+1,1)*INDEX($D$3:$AA$30,INDEX(Jesper!$R$2:$R$366,ROW(INDEX(Jesper!AK$2:AK$366,ROUNDDOWN($C3264/24,0)+1,1))-1)+IF('Standard Profiles'!$G$21=$B$10,7,0)+IF('Standard Profiles'!$G$21=$B$17,14,0)+IF('Standard Profiles'!$G$21=$B$24,21,0),MOD($C3264,24)+1)/SUM(INDEX($D$3:$AA$30,INDEX(Jesper!$R$2:$R$366,ROW(INDEX(Jesper!AK$2:AK$366,ROUNDDOWN($C3264/24,0)+1,1))-1)+IF('Standard Profiles'!$G$21=$B$10,7,0)+IF('Standard Profiles'!$G$21=$B$17,14,0)+IF('Standard Profiles'!$G$21=$B$24,21,0),0)),0)</f>
        <v>4.2816762903696581</v>
      </c>
      <c r="H3264" cm="1">
        <f t="array" ref="H3264">IFERROR(INDEX(Jesper!AL$2:AL$366,ROUNDDOWN($C3264/24,0)+1,1)*INDEX($D$3:$AA$30,INDEX(Jesper!$R$2:$R$366,ROW(INDEX(Jesper!AL$2:AL$366,ROUNDDOWN($C3264/24,0)+1,1))-1)+IF('Standard Profiles'!$G$22=$B$10,7,0)+IF('Standard Profiles'!$G$22=$B$17,14,0)+IF('Standard Profiles'!$G$22=$B$24,21,0),MOD($C3264,24)+1)/SUM(INDEX($D$3:$AA$30,INDEX(Jesper!$R$2:$R$366,ROW(INDEX(Jesper!AL$2:AL$366,ROUNDDOWN($C3264/24,0)+1,1))-1)+IF('Standard Profiles'!$G$22=$B$10,7,0)+IF('Standard Profiles'!$G$22=$B$17,14,0)+IF('Standard Profiles'!$G$22=$B$24,21,0),0)),0)</f>
        <v>0</v>
      </c>
      <c r="I3264">
        <f t="shared" si="370"/>
        <v>2.0552046193774349</v>
      </c>
      <c r="J3264">
        <f t="shared" si="371"/>
        <v>52.434544556216572</v>
      </c>
      <c r="K3264">
        <f t="shared" si="372"/>
        <v>3.6923351815421674</v>
      </c>
      <c r="L3264">
        <f t="shared" si="373"/>
        <v>1.8461675907710837</v>
      </c>
      <c r="M3264">
        <f t="shared" si="374"/>
        <v>0</v>
      </c>
      <c r="N3264" s="45">
        <f t="shared" si="375"/>
        <v>45061.5833333255</v>
      </c>
    </row>
    <row r="3265" spans="2:14" x14ac:dyDescent="0.25">
      <c r="B3265">
        <f t="shared" si="369"/>
        <v>1</v>
      </c>
      <c r="C3265" s="16">
        <v>3231</v>
      </c>
      <c r="D3265" cm="1">
        <f t="array" ref="D3265">IFERROR(INDEX(Jesper!AH$2:AH$366,ROUNDDOWN($C3265/24,0)+1,1)*INDEX($D$3:$AA$30,INDEX(Jesper!$R$2:$R$366,ROW(INDEX(Jesper!AH$2:AH$366,ROUNDDOWN($C3265/24,0)+1,1))-1)+IF('Standard Profiles'!$G$18=$B$10,7,0)+IF('Standard Profiles'!$G$18=$B$17,14,0)+IF('Standard Profiles'!$G$18=$B$24,21,0),MOD($C3265,24)+1)/SUM(INDEX($D$3:$AA$30,INDEX(Jesper!$R$2:$R$366,ROW(INDEX(Jesper!AH$2:AH$366,ROUNDDOWN($C3265/24,0)+1,1))-1)+IF('Standard Profiles'!$G$18=$B$10,7,0)+IF('Standard Profiles'!$G$18=$B$17,14,0)+IF('Standard Profiles'!$G$18=$B$24,21,0),0)),0)</f>
        <v>34.615642326957818</v>
      </c>
      <c r="E3265" cm="1">
        <f t="array" ref="E3265">IFERROR(INDEX(Jesper!AI$2:AI$366,ROUNDDOWN($C3265/24,0)+1,1)*INDEX($D$3:$AA$30,INDEX(Jesper!$R$2:$R$366,ROW(INDEX(Jesper!AI$2:AI$366,ROUNDDOWN($C3265/24,0)+1,1))-1)+IF('Standard Profiles'!$G$19=$B$10,7,0)+IF('Standard Profiles'!$G$19=$B$17,14,0)+IF('Standard Profiles'!$G$19=$B$24,21,0),MOD($C3265,24)+1)/SUM(INDEX($D$3:$AA$30,INDEX(Jesper!$R$2:$R$366,ROW(INDEX(Jesper!AI$2:AI$366,ROUNDDOWN($C3265/24,0)+1,1))-1)+IF('Standard Profiles'!$G$19=$B$10,7,0)+IF('Standard Profiles'!$G$19=$B$17,14,0)+IF('Standard Profiles'!$G$19=$B$24,21,0),0)),0)</f>
        <v>21.130933330579779</v>
      </c>
      <c r="F3265" cm="1">
        <f t="array" ref="F3265">IFERROR(INDEX(Jesper!AJ$2:AJ$366,ROUNDDOWN($C3265/24,0)+1,1)*INDEX($D$3:$AA$30,INDEX(Jesper!$R$2:$R$366,ROW(INDEX(Jesper!AJ$2:AJ$366,ROUNDDOWN($C3265/24,0)+1,1))-1)+IF('Standard Profiles'!$G$20=$B$10,7,0)+IF('Standard Profiles'!$G$20=$B$17,14,0)+IF('Standard Profiles'!$G$20=$B$24,21,0),MOD($C3265,24)+1)/SUM(INDEX($D$3:$AA$30,INDEX(Jesper!$R$2:$R$366,ROW(INDEX(Jesper!AJ$2:AJ$366,ROUNDDOWN($C3265/24,0)+1,1))-1)+IF('Standard Profiles'!$G$20=$B$10,7,0)+IF('Standard Profiles'!$G$20=$B$17,14,0)+IF('Standard Profiles'!$G$20=$B$24,21,0),0)),0)</f>
        <v>0</v>
      </c>
      <c r="G3265" cm="1">
        <f t="array" ref="G3265">IFERROR(INDEX(Jesper!AK$2:AK$366,ROUNDDOWN($C3265/24,0)+1,1)*INDEX($D$3:$AA$30,INDEX(Jesper!$R$2:$R$366,ROW(INDEX(Jesper!AK$2:AK$366,ROUNDDOWN($C3265/24,0)+1,1))-1)+IF('Standard Profiles'!$G$21=$B$10,7,0)+IF('Standard Profiles'!$G$21=$B$17,14,0)+IF('Standard Profiles'!$G$21=$B$24,21,0),MOD($C3265,24)+1)/SUM(INDEX($D$3:$AA$30,INDEX(Jesper!$R$2:$R$366,ROW(INDEX(Jesper!AK$2:AK$366,ROUNDDOWN($C3265/24,0)+1,1))-1)+IF('Standard Profiles'!$G$21=$B$10,7,0)+IF('Standard Profiles'!$G$21=$B$17,14,0)+IF('Standard Profiles'!$G$21=$B$24,21,0),0)),0)</f>
        <v>4.2816762903696581</v>
      </c>
      <c r="H3265" cm="1">
        <f t="array" ref="H3265">IFERROR(INDEX(Jesper!AL$2:AL$366,ROUNDDOWN($C3265/24,0)+1,1)*INDEX($D$3:$AA$30,INDEX(Jesper!$R$2:$R$366,ROW(INDEX(Jesper!AL$2:AL$366,ROUNDDOWN($C3265/24,0)+1,1))-1)+IF('Standard Profiles'!$G$22=$B$10,7,0)+IF('Standard Profiles'!$G$22=$B$17,14,0)+IF('Standard Profiles'!$G$22=$B$24,21,0),MOD($C3265,24)+1)/SUM(INDEX($D$3:$AA$30,INDEX(Jesper!$R$2:$R$366,ROW(INDEX(Jesper!AL$2:AL$366,ROUNDDOWN($C3265/24,0)+1,1))-1)+IF('Standard Profiles'!$G$22=$B$10,7,0)+IF('Standard Profiles'!$G$22=$B$17,14,0)+IF('Standard Profiles'!$G$22=$B$24,21,0),0)),0)</f>
        <v>0</v>
      </c>
      <c r="I3265">
        <f t="shared" si="370"/>
        <v>2.0552046193774349</v>
      </c>
      <c r="J3265">
        <f t="shared" si="371"/>
        <v>52.434544556216572</v>
      </c>
      <c r="K3265">
        <f t="shared" si="372"/>
        <v>3.6923351815421674</v>
      </c>
      <c r="L3265">
        <f t="shared" si="373"/>
        <v>1.8461675907710837</v>
      </c>
      <c r="M3265">
        <f t="shared" si="374"/>
        <v>0</v>
      </c>
      <c r="N3265" s="45">
        <f t="shared" si="375"/>
        <v>45061.624999992164</v>
      </c>
    </row>
    <row r="3266" spans="2:14" x14ac:dyDescent="0.25">
      <c r="B3266">
        <f t="shared" si="369"/>
        <v>1</v>
      </c>
      <c r="C3266" s="16">
        <v>3232</v>
      </c>
      <c r="D3266" cm="1">
        <f t="array" ref="D3266">IFERROR(INDEX(Jesper!AH$2:AH$366,ROUNDDOWN($C3266/24,0)+1,1)*INDEX($D$3:$AA$30,INDEX(Jesper!$R$2:$R$366,ROW(INDEX(Jesper!AH$2:AH$366,ROUNDDOWN($C3266/24,0)+1,1))-1)+IF('Standard Profiles'!$G$18=$B$10,7,0)+IF('Standard Profiles'!$G$18=$B$17,14,0)+IF('Standard Profiles'!$G$18=$B$24,21,0),MOD($C3266,24)+1)/SUM(INDEX($D$3:$AA$30,INDEX(Jesper!$R$2:$R$366,ROW(INDEX(Jesper!AH$2:AH$366,ROUNDDOWN($C3266/24,0)+1,1))-1)+IF('Standard Profiles'!$G$18=$B$10,7,0)+IF('Standard Profiles'!$G$18=$B$17,14,0)+IF('Standard Profiles'!$G$18=$B$24,21,0),0)),0)</f>
        <v>20.19245802405873</v>
      </c>
      <c r="E3266" cm="1">
        <f t="array" ref="E3266">IFERROR(INDEX(Jesper!AI$2:AI$366,ROUNDDOWN($C3266/24,0)+1,1)*INDEX($D$3:$AA$30,INDEX(Jesper!$R$2:$R$366,ROW(INDEX(Jesper!AI$2:AI$366,ROUNDDOWN($C3266/24,0)+1,1))-1)+IF('Standard Profiles'!$G$19=$B$10,7,0)+IF('Standard Profiles'!$G$19=$B$17,14,0)+IF('Standard Profiles'!$G$19=$B$24,21,0),MOD($C3266,24)+1)/SUM(INDEX($D$3:$AA$30,INDEX(Jesper!$R$2:$R$366,ROW(INDEX(Jesper!AI$2:AI$366,ROUNDDOWN($C3266/24,0)+1,1))-1)+IF('Standard Profiles'!$G$19=$B$10,7,0)+IF('Standard Profiles'!$G$19=$B$17,14,0)+IF('Standard Profiles'!$G$19=$B$24,21,0),0)),0)</f>
        <v>12.326377776171539</v>
      </c>
      <c r="F3266" cm="1">
        <f t="array" ref="F3266">IFERROR(INDEX(Jesper!AJ$2:AJ$366,ROUNDDOWN($C3266/24,0)+1,1)*INDEX($D$3:$AA$30,INDEX(Jesper!$R$2:$R$366,ROW(INDEX(Jesper!AJ$2:AJ$366,ROUNDDOWN($C3266/24,0)+1,1))-1)+IF('Standard Profiles'!$G$20=$B$10,7,0)+IF('Standard Profiles'!$G$20=$B$17,14,0)+IF('Standard Profiles'!$G$20=$B$24,21,0),MOD($C3266,24)+1)/SUM(INDEX($D$3:$AA$30,INDEX(Jesper!$R$2:$R$366,ROW(INDEX(Jesper!AJ$2:AJ$366,ROUNDDOWN($C3266/24,0)+1,1))-1)+IF('Standard Profiles'!$G$20=$B$10,7,0)+IF('Standard Profiles'!$G$20=$B$17,14,0)+IF('Standard Profiles'!$G$20=$B$24,21,0),0)),0)</f>
        <v>0</v>
      </c>
      <c r="G3266" cm="1">
        <f t="array" ref="G3266">IFERROR(INDEX(Jesper!AK$2:AK$366,ROUNDDOWN($C3266/24,0)+1,1)*INDEX($D$3:$AA$30,INDEX(Jesper!$R$2:$R$366,ROW(INDEX(Jesper!AK$2:AK$366,ROUNDDOWN($C3266/24,0)+1,1))-1)+IF('Standard Profiles'!$G$21=$B$10,7,0)+IF('Standard Profiles'!$G$21=$B$17,14,0)+IF('Standard Profiles'!$G$21=$B$24,21,0),MOD($C3266,24)+1)/SUM(INDEX($D$3:$AA$30,INDEX(Jesper!$R$2:$R$366,ROW(INDEX(Jesper!AK$2:AK$366,ROUNDDOWN($C3266/24,0)+1,1))-1)+IF('Standard Profiles'!$G$21=$B$10,7,0)+IF('Standard Profiles'!$G$21=$B$17,14,0)+IF('Standard Profiles'!$G$21=$B$24,21,0),0)),0)</f>
        <v>3.5680635753080487</v>
      </c>
      <c r="H3266" cm="1">
        <f t="array" ref="H3266">IFERROR(INDEX(Jesper!AL$2:AL$366,ROUNDDOWN($C3266/24,0)+1,1)*INDEX($D$3:$AA$30,INDEX(Jesper!$R$2:$R$366,ROW(INDEX(Jesper!AL$2:AL$366,ROUNDDOWN($C3266/24,0)+1,1))-1)+IF('Standard Profiles'!$G$22=$B$10,7,0)+IF('Standard Profiles'!$G$22=$B$17,14,0)+IF('Standard Profiles'!$G$22=$B$24,21,0),MOD($C3266,24)+1)/SUM(INDEX($D$3:$AA$30,INDEX(Jesper!$R$2:$R$366,ROW(INDEX(Jesper!AL$2:AL$366,ROUNDDOWN($C3266/24,0)+1,1))-1)+IF('Standard Profiles'!$G$22=$B$10,7,0)+IF('Standard Profiles'!$G$22=$B$17,14,0)+IF('Standard Profiles'!$G$22=$B$24,21,0),0)),0)</f>
        <v>0</v>
      </c>
      <c r="I3266">
        <f t="shared" si="370"/>
        <v>1.7126705161478626</v>
      </c>
      <c r="J3266">
        <f t="shared" si="371"/>
        <v>31.143435575541055</v>
      </c>
      <c r="K3266">
        <f t="shared" si="372"/>
        <v>2.1538621892329313</v>
      </c>
      <c r="L3266">
        <f t="shared" si="373"/>
        <v>1.0769310946164656</v>
      </c>
      <c r="M3266">
        <f t="shared" si="374"/>
        <v>0</v>
      </c>
      <c r="N3266" s="45">
        <f t="shared" si="375"/>
        <v>45061.666666658828</v>
      </c>
    </row>
    <row r="3267" spans="2:14" x14ac:dyDescent="0.25">
      <c r="B3267">
        <f t="shared" si="369"/>
        <v>1</v>
      </c>
      <c r="C3267" s="16">
        <v>3233</v>
      </c>
      <c r="D3267" cm="1">
        <f t="array" ref="D3267">IFERROR(INDEX(Jesper!AH$2:AH$366,ROUNDDOWN($C3267/24,0)+1,1)*INDEX($D$3:$AA$30,INDEX(Jesper!$R$2:$R$366,ROW(INDEX(Jesper!AH$2:AH$366,ROUNDDOWN($C3267/24,0)+1,1))-1)+IF('Standard Profiles'!$G$18=$B$10,7,0)+IF('Standard Profiles'!$G$18=$B$17,14,0)+IF('Standard Profiles'!$G$18=$B$24,21,0),MOD($C3267,24)+1)/SUM(INDEX($D$3:$AA$30,INDEX(Jesper!$R$2:$R$366,ROW(INDEX(Jesper!AH$2:AH$366,ROUNDDOWN($C3267/24,0)+1,1))-1)+IF('Standard Profiles'!$G$18=$B$10,7,0)+IF('Standard Profiles'!$G$18=$B$17,14,0)+IF('Standard Profiles'!$G$18=$B$24,21,0),0)),0)</f>
        <v>5.7692737211596379</v>
      </c>
      <c r="E3267" cm="1">
        <f t="array" ref="E3267">IFERROR(INDEX(Jesper!AI$2:AI$366,ROUNDDOWN($C3267/24,0)+1,1)*INDEX($D$3:$AA$30,INDEX(Jesper!$R$2:$R$366,ROW(INDEX(Jesper!AI$2:AI$366,ROUNDDOWN($C3267/24,0)+1,1))-1)+IF('Standard Profiles'!$G$19=$B$10,7,0)+IF('Standard Profiles'!$G$19=$B$17,14,0)+IF('Standard Profiles'!$G$19=$B$24,21,0),MOD($C3267,24)+1)/SUM(INDEX($D$3:$AA$30,INDEX(Jesper!$R$2:$R$366,ROW(INDEX(Jesper!AI$2:AI$366,ROUNDDOWN($C3267/24,0)+1,1))-1)+IF('Standard Profiles'!$G$19=$B$10,7,0)+IF('Standard Profiles'!$G$19=$B$17,14,0)+IF('Standard Profiles'!$G$19=$B$24,21,0),0)),0)</f>
        <v>3.5218222217632968</v>
      </c>
      <c r="F3267" cm="1">
        <f t="array" ref="F3267">IFERROR(INDEX(Jesper!AJ$2:AJ$366,ROUNDDOWN($C3267/24,0)+1,1)*INDEX($D$3:$AA$30,INDEX(Jesper!$R$2:$R$366,ROW(INDEX(Jesper!AJ$2:AJ$366,ROUNDDOWN($C3267/24,0)+1,1))-1)+IF('Standard Profiles'!$G$20=$B$10,7,0)+IF('Standard Profiles'!$G$20=$B$17,14,0)+IF('Standard Profiles'!$G$20=$B$24,21,0),MOD($C3267,24)+1)/SUM(INDEX($D$3:$AA$30,INDEX(Jesper!$R$2:$R$366,ROW(INDEX(Jesper!AJ$2:AJ$366,ROUNDDOWN($C3267/24,0)+1,1))-1)+IF('Standard Profiles'!$G$20=$B$10,7,0)+IF('Standard Profiles'!$G$20=$B$17,14,0)+IF('Standard Profiles'!$G$20=$B$24,21,0),0)),0)</f>
        <v>0</v>
      </c>
      <c r="G3267" cm="1">
        <f t="array" ref="G3267">IFERROR(INDEX(Jesper!AK$2:AK$366,ROUNDDOWN($C3267/24,0)+1,1)*INDEX($D$3:$AA$30,INDEX(Jesper!$R$2:$R$366,ROW(INDEX(Jesper!AK$2:AK$366,ROUNDDOWN($C3267/24,0)+1,1))-1)+IF('Standard Profiles'!$G$21=$B$10,7,0)+IF('Standard Profiles'!$G$21=$B$17,14,0)+IF('Standard Profiles'!$G$21=$B$24,21,0),MOD($C3267,24)+1)/SUM(INDEX($D$3:$AA$30,INDEX(Jesper!$R$2:$R$366,ROW(INDEX(Jesper!AK$2:AK$366,ROUNDDOWN($C3267/24,0)+1,1))-1)+IF('Standard Profiles'!$G$21=$B$10,7,0)+IF('Standard Profiles'!$G$21=$B$17,14,0)+IF('Standard Profiles'!$G$21=$B$24,21,0),0)),0)</f>
        <v>2.8708557502478556</v>
      </c>
      <c r="H3267" cm="1">
        <f t="array" ref="H3267">IFERROR(INDEX(Jesper!AL$2:AL$366,ROUNDDOWN($C3267/24,0)+1,1)*INDEX($D$3:$AA$30,INDEX(Jesper!$R$2:$R$366,ROW(INDEX(Jesper!AL$2:AL$366,ROUNDDOWN($C3267/24,0)+1,1))-1)+IF('Standard Profiles'!$G$22=$B$10,7,0)+IF('Standard Profiles'!$G$22=$B$17,14,0)+IF('Standard Profiles'!$G$22=$B$24,21,0),MOD($C3267,24)+1)/SUM(INDEX($D$3:$AA$30,INDEX(Jesper!$R$2:$R$366,ROW(INDEX(Jesper!AL$2:AL$366,ROUNDDOWN($C3267/24,0)+1,1))-1)+IF('Standard Profiles'!$G$22=$B$10,7,0)+IF('Standard Profiles'!$G$22=$B$17,14,0)+IF('Standard Profiles'!$G$22=$B$24,21,0),0)),0)</f>
        <v>0</v>
      </c>
      <c r="I3267">
        <f t="shared" si="370"/>
        <v>1.3780107601189699</v>
      </c>
      <c r="J3267">
        <f t="shared" si="371"/>
        <v>9.8608571376662777</v>
      </c>
      <c r="K3267">
        <f t="shared" si="372"/>
        <v>0.61538919692369476</v>
      </c>
      <c r="L3267">
        <f t="shared" si="373"/>
        <v>0.30769459846184738</v>
      </c>
      <c r="M3267">
        <f t="shared" si="374"/>
        <v>0</v>
      </c>
      <c r="N3267" s="45">
        <f t="shared" si="375"/>
        <v>45061.708333325492</v>
      </c>
    </row>
    <row r="3268" spans="2:14" x14ac:dyDescent="0.25">
      <c r="B3268">
        <f t="shared" si="369"/>
        <v>1</v>
      </c>
      <c r="C3268" s="16">
        <v>3234</v>
      </c>
      <c r="D3268" cm="1">
        <f t="array" ref="D3268">IFERROR(INDEX(Jesper!AH$2:AH$366,ROUNDDOWN($C3268/24,0)+1,1)*INDEX($D$3:$AA$30,INDEX(Jesper!$R$2:$R$366,ROW(INDEX(Jesper!AH$2:AH$366,ROUNDDOWN($C3268/24,0)+1,1))-1)+IF('Standard Profiles'!$G$18=$B$10,7,0)+IF('Standard Profiles'!$G$18=$B$17,14,0)+IF('Standard Profiles'!$G$18=$B$24,21,0),MOD($C3268,24)+1)/SUM(INDEX($D$3:$AA$30,INDEX(Jesper!$R$2:$R$366,ROW(INDEX(Jesper!AH$2:AH$366,ROUNDDOWN($C3268/24,0)+1,1))-1)+IF('Standard Profiles'!$G$18=$B$10,7,0)+IF('Standard Profiles'!$G$18=$B$17,14,0)+IF('Standard Profiles'!$G$18=$B$24,21,0),0)),0)</f>
        <v>5.688016344805277</v>
      </c>
      <c r="E3268" cm="1">
        <f t="array" ref="E3268">IFERROR(INDEX(Jesper!AI$2:AI$366,ROUNDDOWN($C3268/24,0)+1,1)*INDEX($D$3:$AA$30,INDEX(Jesper!$R$2:$R$366,ROW(INDEX(Jesper!AI$2:AI$366,ROUNDDOWN($C3268/24,0)+1,1))-1)+IF('Standard Profiles'!$G$19=$B$10,7,0)+IF('Standard Profiles'!$G$19=$B$17,14,0)+IF('Standard Profiles'!$G$19=$B$24,21,0),MOD($C3268,24)+1)/SUM(INDEX($D$3:$AA$30,INDEX(Jesper!$R$2:$R$366,ROW(INDEX(Jesper!AI$2:AI$366,ROUNDDOWN($C3268/24,0)+1,1))-1)+IF('Standard Profiles'!$G$19=$B$10,7,0)+IF('Standard Profiles'!$G$19=$B$17,14,0)+IF('Standard Profiles'!$G$19=$B$24,21,0),0)),0)</f>
        <v>3.4722190918793068</v>
      </c>
      <c r="F3268" cm="1">
        <f t="array" ref="F3268">IFERROR(INDEX(Jesper!AJ$2:AJ$366,ROUNDDOWN($C3268/24,0)+1,1)*INDEX($D$3:$AA$30,INDEX(Jesper!$R$2:$R$366,ROW(INDEX(Jesper!AJ$2:AJ$366,ROUNDDOWN($C3268/24,0)+1,1))-1)+IF('Standard Profiles'!$G$20=$B$10,7,0)+IF('Standard Profiles'!$G$20=$B$17,14,0)+IF('Standard Profiles'!$G$20=$B$24,21,0),MOD($C3268,24)+1)/SUM(INDEX($D$3:$AA$30,INDEX(Jesper!$R$2:$R$366,ROW(INDEX(Jesper!AJ$2:AJ$366,ROUNDDOWN($C3268/24,0)+1,1))-1)+IF('Standard Profiles'!$G$20=$B$10,7,0)+IF('Standard Profiles'!$G$20=$B$17,14,0)+IF('Standard Profiles'!$G$20=$B$24,21,0),0)),0)</f>
        <v>0</v>
      </c>
      <c r="G3268" cm="1">
        <f t="array" ref="G3268">IFERROR(INDEX(Jesper!AK$2:AK$366,ROUNDDOWN($C3268/24,0)+1,1)*INDEX($D$3:$AA$30,INDEX(Jesper!$R$2:$R$366,ROW(INDEX(Jesper!AK$2:AK$366,ROUNDDOWN($C3268/24,0)+1,1))-1)+IF('Standard Profiles'!$G$21=$B$10,7,0)+IF('Standard Profiles'!$G$21=$B$17,14,0)+IF('Standard Profiles'!$G$21=$B$24,21,0),MOD($C3268,24)+1)/SUM(INDEX($D$3:$AA$30,INDEX(Jesper!$R$2:$R$366,ROW(INDEX(Jesper!AK$2:AK$366,ROUNDDOWN($C3268/24,0)+1,1))-1)+IF('Standard Profiles'!$G$21=$B$10,7,0)+IF('Standard Profiles'!$G$21=$B$17,14,0)+IF('Standard Profiles'!$G$21=$B$24,21,0),0)),0)</f>
        <v>1.02530562508852</v>
      </c>
      <c r="H3268" cm="1">
        <f t="array" ref="H3268">IFERROR(INDEX(Jesper!AL$2:AL$366,ROUNDDOWN($C3268/24,0)+1,1)*INDEX($D$3:$AA$30,INDEX(Jesper!$R$2:$R$366,ROW(INDEX(Jesper!AL$2:AL$366,ROUNDDOWN($C3268/24,0)+1,1))-1)+IF('Standard Profiles'!$G$22=$B$10,7,0)+IF('Standard Profiles'!$G$22=$B$17,14,0)+IF('Standard Profiles'!$G$22=$B$24,21,0),MOD($C3268,24)+1)/SUM(INDEX($D$3:$AA$30,INDEX(Jesper!$R$2:$R$366,ROW(INDEX(Jesper!AL$2:AL$366,ROUNDDOWN($C3268/24,0)+1,1))-1)+IF('Standard Profiles'!$G$22=$B$10,7,0)+IF('Standard Profiles'!$G$22=$B$17,14,0)+IF('Standard Profiles'!$G$22=$B$24,21,0),0)),0)</f>
        <v>0</v>
      </c>
      <c r="I3268">
        <f t="shared" si="370"/>
        <v>0.49214670004248934</v>
      </c>
      <c r="J3268">
        <f t="shared" si="371"/>
        <v>8.7833117465617701</v>
      </c>
      <c r="K3268">
        <f t="shared" si="372"/>
        <v>0.60672174344589624</v>
      </c>
      <c r="L3268">
        <f t="shared" si="373"/>
        <v>0.30336087172294812</v>
      </c>
      <c r="M3268">
        <f t="shared" si="374"/>
        <v>0</v>
      </c>
      <c r="N3268" s="45">
        <f t="shared" si="375"/>
        <v>45061.749999992157</v>
      </c>
    </row>
    <row r="3269" spans="2:14" x14ac:dyDescent="0.25">
      <c r="B3269">
        <f t="shared" si="369"/>
        <v>1</v>
      </c>
      <c r="C3269" s="16">
        <v>3235</v>
      </c>
      <c r="D3269" cm="1">
        <f t="array" ref="D3269">IFERROR(INDEX(Jesper!AH$2:AH$366,ROUNDDOWN($C3269/24,0)+1,1)*INDEX($D$3:$AA$30,INDEX(Jesper!$R$2:$R$366,ROW(INDEX(Jesper!AH$2:AH$366,ROUNDDOWN($C3269/24,0)+1,1))-1)+IF('Standard Profiles'!$G$18=$B$10,7,0)+IF('Standard Profiles'!$G$18=$B$17,14,0)+IF('Standard Profiles'!$G$18=$B$24,21,0),MOD($C3269,24)+1)/SUM(INDEX($D$3:$AA$30,INDEX(Jesper!$R$2:$R$366,ROW(INDEX(Jesper!AH$2:AH$366,ROUNDDOWN($C3269/24,0)+1,1))-1)+IF('Standard Profiles'!$G$18=$B$10,7,0)+IF('Standard Profiles'!$G$18=$B$17,14,0)+IF('Standard Profiles'!$G$18=$B$24,21,0),0)),0)</f>
        <v>5.688016344805277</v>
      </c>
      <c r="E3269" cm="1">
        <f t="array" ref="E3269">IFERROR(INDEX(Jesper!AI$2:AI$366,ROUNDDOWN($C3269/24,0)+1,1)*INDEX($D$3:$AA$30,INDEX(Jesper!$R$2:$R$366,ROW(INDEX(Jesper!AI$2:AI$366,ROUNDDOWN($C3269/24,0)+1,1))-1)+IF('Standard Profiles'!$G$19=$B$10,7,0)+IF('Standard Profiles'!$G$19=$B$17,14,0)+IF('Standard Profiles'!$G$19=$B$24,21,0),MOD($C3269,24)+1)/SUM(INDEX($D$3:$AA$30,INDEX(Jesper!$R$2:$R$366,ROW(INDEX(Jesper!AI$2:AI$366,ROUNDDOWN($C3269/24,0)+1,1))-1)+IF('Standard Profiles'!$G$19=$B$10,7,0)+IF('Standard Profiles'!$G$19=$B$17,14,0)+IF('Standard Profiles'!$G$19=$B$24,21,0),0)),0)</f>
        <v>3.4722190918793068</v>
      </c>
      <c r="F3269" cm="1">
        <f t="array" ref="F3269">IFERROR(INDEX(Jesper!AJ$2:AJ$366,ROUNDDOWN($C3269/24,0)+1,1)*INDEX($D$3:$AA$30,INDEX(Jesper!$R$2:$R$366,ROW(INDEX(Jesper!AJ$2:AJ$366,ROUNDDOWN($C3269/24,0)+1,1))-1)+IF('Standard Profiles'!$G$20=$B$10,7,0)+IF('Standard Profiles'!$G$20=$B$17,14,0)+IF('Standard Profiles'!$G$20=$B$24,21,0),MOD($C3269,24)+1)/SUM(INDEX($D$3:$AA$30,INDEX(Jesper!$R$2:$R$366,ROW(INDEX(Jesper!AJ$2:AJ$366,ROUNDDOWN($C3269/24,0)+1,1))-1)+IF('Standard Profiles'!$G$20=$B$10,7,0)+IF('Standard Profiles'!$G$20=$B$17,14,0)+IF('Standard Profiles'!$G$20=$B$24,21,0),0)),0)</f>
        <v>0</v>
      </c>
      <c r="G3269" cm="1">
        <f t="array" ref="G3269">IFERROR(INDEX(Jesper!AK$2:AK$366,ROUNDDOWN($C3269/24,0)+1,1)*INDEX($D$3:$AA$30,INDEX(Jesper!$R$2:$R$366,ROW(INDEX(Jesper!AK$2:AK$366,ROUNDDOWN($C3269/24,0)+1,1))-1)+IF('Standard Profiles'!$G$21=$B$10,7,0)+IF('Standard Profiles'!$G$21=$B$17,14,0)+IF('Standard Profiles'!$G$21=$B$24,21,0),MOD($C3269,24)+1)/SUM(INDEX($D$3:$AA$30,INDEX(Jesper!$R$2:$R$366,ROW(INDEX(Jesper!AK$2:AK$366,ROUNDDOWN($C3269/24,0)+1,1))-1)+IF('Standard Profiles'!$G$21=$B$10,7,0)+IF('Standard Profiles'!$G$21=$B$17,14,0)+IF('Standard Profiles'!$G$21=$B$24,21,0),0)),0)</f>
        <v>1.02530562508852</v>
      </c>
      <c r="H3269" cm="1">
        <f t="array" ref="H3269">IFERROR(INDEX(Jesper!AL$2:AL$366,ROUNDDOWN($C3269/24,0)+1,1)*INDEX($D$3:$AA$30,INDEX(Jesper!$R$2:$R$366,ROW(INDEX(Jesper!AL$2:AL$366,ROUNDDOWN($C3269/24,0)+1,1))-1)+IF('Standard Profiles'!$G$22=$B$10,7,0)+IF('Standard Profiles'!$G$22=$B$17,14,0)+IF('Standard Profiles'!$G$22=$B$24,21,0),MOD($C3269,24)+1)/SUM(INDEX($D$3:$AA$30,INDEX(Jesper!$R$2:$R$366,ROW(INDEX(Jesper!AL$2:AL$366,ROUNDDOWN($C3269/24,0)+1,1))-1)+IF('Standard Profiles'!$G$22=$B$10,7,0)+IF('Standard Profiles'!$G$22=$B$17,14,0)+IF('Standard Profiles'!$G$22=$B$24,21,0),0)),0)</f>
        <v>0</v>
      </c>
      <c r="I3269">
        <f t="shared" si="370"/>
        <v>0.49214670004248934</v>
      </c>
      <c r="J3269">
        <f t="shared" si="371"/>
        <v>8.7833117465617701</v>
      </c>
      <c r="K3269">
        <f t="shared" si="372"/>
        <v>0.60672174344589624</v>
      </c>
      <c r="L3269">
        <f t="shared" si="373"/>
        <v>0.30336087172294812</v>
      </c>
      <c r="M3269">
        <f t="shared" si="374"/>
        <v>0</v>
      </c>
      <c r="N3269" s="45">
        <f t="shared" si="375"/>
        <v>45061.791666658821</v>
      </c>
    </row>
    <row r="3270" spans="2:14" x14ac:dyDescent="0.25">
      <c r="B3270">
        <f t="shared" si="369"/>
        <v>1</v>
      </c>
      <c r="C3270" s="16">
        <v>3236</v>
      </c>
      <c r="D3270" cm="1">
        <f t="array" ref="D3270">IFERROR(INDEX(Jesper!AH$2:AH$366,ROUNDDOWN($C3270/24,0)+1,1)*INDEX($D$3:$AA$30,INDEX(Jesper!$R$2:$R$366,ROW(INDEX(Jesper!AH$2:AH$366,ROUNDDOWN($C3270/24,0)+1,1))-1)+IF('Standard Profiles'!$G$18=$B$10,7,0)+IF('Standard Profiles'!$G$18=$B$17,14,0)+IF('Standard Profiles'!$G$18=$B$24,21,0),MOD($C3270,24)+1)/SUM(INDEX($D$3:$AA$30,INDEX(Jesper!$R$2:$R$366,ROW(INDEX(Jesper!AH$2:AH$366,ROUNDDOWN($C3270/24,0)+1,1))-1)+IF('Standard Profiles'!$G$18=$B$10,7,0)+IF('Standard Profiles'!$G$18=$B$17,14,0)+IF('Standard Profiles'!$G$18=$B$24,21,0),0)),0)</f>
        <v>5.688016344805277</v>
      </c>
      <c r="E3270" cm="1">
        <f t="array" ref="E3270">IFERROR(INDEX(Jesper!AI$2:AI$366,ROUNDDOWN($C3270/24,0)+1,1)*INDEX($D$3:$AA$30,INDEX(Jesper!$R$2:$R$366,ROW(INDEX(Jesper!AI$2:AI$366,ROUNDDOWN($C3270/24,0)+1,1))-1)+IF('Standard Profiles'!$G$19=$B$10,7,0)+IF('Standard Profiles'!$G$19=$B$17,14,0)+IF('Standard Profiles'!$G$19=$B$24,21,0),MOD($C3270,24)+1)/SUM(INDEX($D$3:$AA$30,INDEX(Jesper!$R$2:$R$366,ROW(INDEX(Jesper!AI$2:AI$366,ROUNDDOWN($C3270/24,0)+1,1))-1)+IF('Standard Profiles'!$G$19=$B$10,7,0)+IF('Standard Profiles'!$G$19=$B$17,14,0)+IF('Standard Profiles'!$G$19=$B$24,21,0),0)),0)</f>
        <v>3.4722190918793068</v>
      </c>
      <c r="F3270" cm="1">
        <f t="array" ref="F3270">IFERROR(INDEX(Jesper!AJ$2:AJ$366,ROUNDDOWN($C3270/24,0)+1,1)*INDEX($D$3:$AA$30,INDEX(Jesper!$R$2:$R$366,ROW(INDEX(Jesper!AJ$2:AJ$366,ROUNDDOWN($C3270/24,0)+1,1))-1)+IF('Standard Profiles'!$G$20=$B$10,7,0)+IF('Standard Profiles'!$G$20=$B$17,14,0)+IF('Standard Profiles'!$G$20=$B$24,21,0),MOD($C3270,24)+1)/SUM(INDEX($D$3:$AA$30,INDEX(Jesper!$R$2:$R$366,ROW(INDEX(Jesper!AJ$2:AJ$366,ROUNDDOWN($C3270/24,0)+1,1))-1)+IF('Standard Profiles'!$G$20=$B$10,7,0)+IF('Standard Profiles'!$G$20=$B$17,14,0)+IF('Standard Profiles'!$G$20=$B$24,21,0),0)),0)</f>
        <v>0</v>
      </c>
      <c r="G3270" cm="1">
        <f t="array" ref="G3270">IFERROR(INDEX(Jesper!AK$2:AK$366,ROUNDDOWN($C3270/24,0)+1,1)*INDEX($D$3:$AA$30,INDEX(Jesper!$R$2:$R$366,ROW(INDEX(Jesper!AK$2:AK$366,ROUNDDOWN($C3270/24,0)+1,1))-1)+IF('Standard Profiles'!$G$21=$B$10,7,0)+IF('Standard Profiles'!$G$21=$B$17,14,0)+IF('Standard Profiles'!$G$21=$B$24,21,0),MOD($C3270,24)+1)/SUM(INDEX($D$3:$AA$30,INDEX(Jesper!$R$2:$R$366,ROW(INDEX(Jesper!AK$2:AK$366,ROUNDDOWN($C3270/24,0)+1,1))-1)+IF('Standard Profiles'!$G$21=$B$10,7,0)+IF('Standard Profiles'!$G$21=$B$17,14,0)+IF('Standard Profiles'!$G$21=$B$24,21,0),0)),0)</f>
        <v>1.02530562508852</v>
      </c>
      <c r="H3270" cm="1">
        <f t="array" ref="H3270">IFERROR(INDEX(Jesper!AL$2:AL$366,ROUNDDOWN($C3270/24,0)+1,1)*INDEX($D$3:$AA$30,INDEX(Jesper!$R$2:$R$366,ROW(INDEX(Jesper!AL$2:AL$366,ROUNDDOWN($C3270/24,0)+1,1))-1)+IF('Standard Profiles'!$G$22=$B$10,7,0)+IF('Standard Profiles'!$G$22=$B$17,14,0)+IF('Standard Profiles'!$G$22=$B$24,21,0),MOD($C3270,24)+1)/SUM(INDEX($D$3:$AA$30,INDEX(Jesper!$R$2:$R$366,ROW(INDEX(Jesper!AL$2:AL$366,ROUNDDOWN($C3270/24,0)+1,1))-1)+IF('Standard Profiles'!$G$22=$B$10,7,0)+IF('Standard Profiles'!$G$22=$B$17,14,0)+IF('Standard Profiles'!$G$22=$B$24,21,0),0)),0)</f>
        <v>0</v>
      </c>
      <c r="I3270">
        <f t="shared" si="370"/>
        <v>0.49214670004248934</v>
      </c>
      <c r="J3270">
        <f t="shared" si="371"/>
        <v>8.7833117465617701</v>
      </c>
      <c r="K3270">
        <f t="shared" si="372"/>
        <v>0.60672174344589624</v>
      </c>
      <c r="L3270">
        <f t="shared" si="373"/>
        <v>0.30336087172294812</v>
      </c>
      <c r="M3270">
        <f t="shared" si="374"/>
        <v>0</v>
      </c>
      <c r="N3270" s="45">
        <f t="shared" si="375"/>
        <v>45061.833333325485</v>
      </c>
    </row>
    <row r="3271" spans="2:14" x14ac:dyDescent="0.25">
      <c r="B3271">
        <f t="shared" si="369"/>
        <v>1</v>
      </c>
      <c r="C3271" s="16">
        <v>3237</v>
      </c>
      <c r="D3271" cm="1">
        <f t="array" ref="D3271">IFERROR(INDEX(Jesper!AH$2:AH$366,ROUNDDOWN($C3271/24,0)+1,1)*INDEX($D$3:$AA$30,INDEX(Jesper!$R$2:$R$366,ROW(INDEX(Jesper!AH$2:AH$366,ROUNDDOWN($C3271/24,0)+1,1))-1)+IF('Standard Profiles'!$G$18=$B$10,7,0)+IF('Standard Profiles'!$G$18=$B$17,14,0)+IF('Standard Profiles'!$G$18=$B$24,21,0),MOD($C3271,24)+1)/SUM(INDEX($D$3:$AA$30,INDEX(Jesper!$R$2:$R$366,ROW(INDEX(Jesper!AH$2:AH$366,ROUNDDOWN($C3271/24,0)+1,1))-1)+IF('Standard Profiles'!$G$18=$B$10,7,0)+IF('Standard Profiles'!$G$18=$B$17,14,0)+IF('Standard Profiles'!$G$18=$B$24,21,0),0)),0)</f>
        <v>5.688016344805277</v>
      </c>
      <c r="E3271" cm="1">
        <f t="array" ref="E3271">IFERROR(INDEX(Jesper!AI$2:AI$366,ROUNDDOWN($C3271/24,0)+1,1)*INDEX($D$3:$AA$30,INDEX(Jesper!$R$2:$R$366,ROW(INDEX(Jesper!AI$2:AI$366,ROUNDDOWN($C3271/24,0)+1,1))-1)+IF('Standard Profiles'!$G$19=$B$10,7,0)+IF('Standard Profiles'!$G$19=$B$17,14,0)+IF('Standard Profiles'!$G$19=$B$24,21,0),MOD($C3271,24)+1)/SUM(INDEX($D$3:$AA$30,INDEX(Jesper!$R$2:$R$366,ROW(INDEX(Jesper!AI$2:AI$366,ROUNDDOWN($C3271/24,0)+1,1))-1)+IF('Standard Profiles'!$G$19=$B$10,7,0)+IF('Standard Profiles'!$G$19=$B$17,14,0)+IF('Standard Profiles'!$G$19=$B$24,21,0),0)),0)</f>
        <v>3.4722190918793068</v>
      </c>
      <c r="F3271" cm="1">
        <f t="array" ref="F3271">IFERROR(INDEX(Jesper!AJ$2:AJ$366,ROUNDDOWN($C3271/24,0)+1,1)*INDEX($D$3:$AA$30,INDEX(Jesper!$R$2:$R$366,ROW(INDEX(Jesper!AJ$2:AJ$366,ROUNDDOWN($C3271/24,0)+1,1))-1)+IF('Standard Profiles'!$G$20=$B$10,7,0)+IF('Standard Profiles'!$G$20=$B$17,14,0)+IF('Standard Profiles'!$G$20=$B$24,21,0),MOD($C3271,24)+1)/SUM(INDEX($D$3:$AA$30,INDEX(Jesper!$R$2:$R$366,ROW(INDEX(Jesper!AJ$2:AJ$366,ROUNDDOWN($C3271/24,0)+1,1))-1)+IF('Standard Profiles'!$G$20=$B$10,7,0)+IF('Standard Profiles'!$G$20=$B$17,14,0)+IF('Standard Profiles'!$G$20=$B$24,21,0),0)),0)</f>
        <v>0</v>
      </c>
      <c r="G3271" cm="1">
        <f t="array" ref="G3271">IFERROR(INDEX(Jesper!AK$2:AK$366,ROUNDDOWN($C3271/24,0)+1,1)*INDEX($D$3:$AA$30,INDEX(Jesper!$R$2:$R$366,ROW(INDEX(Jesper!AK$2:AK$366,ROUNDDOWN($C3271/24,0)+1,1))-1)+IF('Standard Profiles'!$G$21=$B$10,7,0)+IF('Standard Profiles'!$G$21=$B$17,14,0)+IF('Standard Profiles'!$G$21=$B$24,21,0),MOD($C3271,24)+1)/SUM(INDEX($D$3:$AA$30,INDEX(Jesper!$R$2:$R$366,ROW(INDEX(Jesper!AK$2:AK$366,ROUNDDOWN($C3271/24,0)+1,1))-1)+IF('Standard Profiles'!$G$21=$B$10,7,0)+IF('Standard Profiles'!$G$21=$B$17,14,0)+IF('Standard Profiles'!$G$21=$B$24,21,0),0)),0)</f>
        <v>1.02530562508852</v>
      </c>
      <c r="H3271" cm="1">
        <f t="array" ref="H3271">IFERROR(INDEX(Jesper!AL$2:AL$366,ROUNDDOWN($C3271/24,0)+1,1)*INDEX($D$3:$AA$30,INDEX(Jesper!$R$2:$R$366,ROW(INDEX(Jesper!AL$2:AL$366,ROUNDDOWN($C3271/24,0)+1,1))-1)+IF('Standard Profiles'!$G$22=$B$10,7,0)+IF('Standard Profiles'!$G$22=$B$17,14,0)+IF('Standard Profiles'!$G$22=$B$24,21,0),MOD($C3271,24)+1)/SUM(INDEX($D$3:$AA$30,INDEX(Jesper!$R$2:$R$366,ROW(INDEX(Jesper!AL$2:AL$366,ROUNDDOWN($C3271/24,0)+1,1))-1)+IF('Standard Profiles'!$G$22=$B$10,7,0)+IF('Standard Profiles'!$G$22=$B$17,14,0)+IF('Standard Profiles'!$G$22=$B$24,21,0),0)),0)</f>
        <v>0</v>
      </c>
      <c r="I3271">
        <f t="shared" si="370"/>
        <v>0.49214670004248934</v>
      </c>
      <c r="J3271">
        <f t="shared" si="371"/>
        <v>8.7833117465617701</v>
      </c>
      <c r="K3271">
        <f t="shared" si="372"/>
        <v>0.60672174344589624</v>
      </c>
      <c r="L3271">
        <f t="shared" si="373"/>
        <v>0.30336087172294812</v>
      </c>
      <c r="M3271">
        <f t="shared" si="374"/>
        <v>0</v>
      </c>
      <c r="N3271" s="45">
        <f t="shared" si="375"/>
        <v>45061.874999992149</v>
      </c>
    </row>
    <row r="3272" spans="2:14" x14ac:dyDescent="0.25">
      <c r="B3272">
        <f t="shared" si="369"/>
        <v>1</v>
      </c>
      <c r="C3272" s="16">
        <v>3238</v>
      </c>
      <c r="D3272" cm="1">
        <f t="array" ref="D3272">IFERROR(INDEX(Jesper!AH$2:AH$366,ROUNDDOWN($C3272/24,0)+1,1)*INDEX($D$3:$AA$30,INDEX(Jesper!$R$2:$R$366,ROW(INDEX(Jesper!AH$2:AH$366,ROUNDDOWN($C3272/24,0)+1,1))-1)+IF('Standard Profiles'!$G$18=$B$10,7,0)+IF('Standard Profiles'!$G$18=$B$17,14,0)+IF('Standard Profiles'!$G$18=$B$24,21,0),MOD($C3272,24)+1)/SUM(INDEX($D$3:$AA$30,INDEX(Jesper!$R$2:$R$366,ROW(INDEX(Jesper!AH$2:AH$366,ROUNDDOWN($C3272/24,0)+1,1))-1)+IF('Standard Profiles'!$G$18=$B$10,7,0)+IF('Standard Profiles'!$G$18=$B$17,14,0)+IF('Standard Profiles'!$G$18=$B$24,21,0),0)),0)</f>
        <v>5.688016344805277</v>
      </c>
      <c r="E3272" cm="1">
        <f t="array" ref="E3272">IFERROR(INDEX(Jesper!AI$2:AI$366,ROUNDDOWN($C3272/24,0)+1,1)*INDEX($D$3:$AA$30,INDEX(Jesper!$R$2:$R$366,ROW(INDEX(Jesper!AI$2:AI$366,ROUNDDOWN($C3272/24,0)+1,1))-1)+IF('Standard Profiles'!$G$19=$B$10,7,0)+IF('Standard Profiles'!$G$19=$B$17,14,0)+IF('Standard Profiles'!$G$19=$B$24,21,0),MOD($C3272,24)+1)/SUM(INDEX($D$3:$AA$30,INDEX(Jesper!$R$2:$R$366,ROW(INDEX(Jesper!AI$2:AI$366,ROUNDDOWN($C3272/24,0)+1,1))-1)+IF('Standard Profiles'!$G$19=$B$10,7,0)+IF('Standard Profiles'!$G$19=$B$17,14,0)+IF('Standard Profiles'!$G$19=$B$24,21,0),0)),0)</f>
        <v>3.4722190918793068</v>
      </c>
      <c r="F3272" cm="1">
        <f t="array" ref="F3272">IFERROR(INDEX(Jesper!AJ$2:AJ$366,ROUNDDOWN($C3272/24,0)+1,1)*INDEX($D$3:$AA$30,INDEX(Jesper!$R$2:$R$366,ROW(INDEX(Jesper!AJ$2:AJ$366,ROUNDDOWN($C3272/24,0)+1,1))-1)+IF('Standard Profiles'!$G$20=$B$10,7,0)+IF('Standard Profiles'!$G$20=$B$17,14,0)+IF('Standard Profiles'!$G$20=$B$24,21,0),MOD($C3272,24)+1)/SUM(INDEX($D$3:$AA$30,INDEX(Jesper!$R$2:$R$366,ROW(INDEX(Jesper!AJ$2:AJ$366,ROUNDDOWN($C3272/24,0)+1,1))-1)+IF('Standard Profiles'!$G$20=$B$10,7,0)+IF('Standard Profiles'!$G$20=$B$17,14,0)+IF('Standard Profiles'!$G$20=$B$24,21,0),0)),0)</f>
        <v>0</v>
      </c>
      <c r="G3272" cm="1">
        <f t="array" ref="G3272">IFERROR(INDEX(Jesper!AK$2:AK$366,ROUNDDOWN($C3272/24,0)+1,1)*INDEX($D$3:$AA$30,INDEX(Jesper!$R$2:$R$366,ROW(INDEX(Jesper!AK$2:AK$366,ROUNDDOWN($C3272/24,0)+1,1))-1)+IF('Standard Profiles'!$G$21=$B$10,7,0)+IF('Standard Profiles'!$G$21=$B$17,14,0)+IF('Standard Profiles'!$G$21=$B$24,21,0),MOD($C3272,24)+1)/SUM(INDEX($D$3:$AA$30,INDEX(Jesper!$R$2:$R$366,ROW(INDEX(Jesper!AK$2:AK$366,ROUNDDOWN($C3272/24,0)+1,1))-1)+IF('Standard Profiles'!$G$21=$B$10,7,0)+IF('Standard Profiles'!$G$21=$B$17,14,0)+IF('Standard Profiles'!$G$21=$B$24,21,0),0)),0)</f>
        <v>1.02530562508852</v>
      </c>
      <c r="H3272" cm="1">
        <f t="array" ref="H3272">IFERROR(INDEX(Jesper!AL$2:AL$366,ROUNDDOWN($C3272/24,0)+1,1)*INDEX($D$3:$AA$30,INDEX(Jesper!$R$2:$R$366,ROW(INDEX(Jesper!AL$2:AL$366,ROUNDDOWN($C3272/24,0)+1,1))-1)+IF('Standard Profiles'!$G$22=$B$10,7,0)+IF('Standard Profiles'!$G$22=$B$17,14,0)+IF('Standard Profiles'!$G$22=$B$24,21,0),MOD($C3272,24)+1)/SUM(INDEX($D$3:$AA$30,INDEX(Jesper!$R$2:$R$366,ROW(INDEX(Jesper!AL$2:AL$366,ROUNDDOWN($C3272/24,0)+1,1))-1)+IF('Standard Profiles'!$G$22=$B$10,7,0)+IF('Standard Profiles'!$G$22=$B$17,14,0)+IF('Standard Profiles'!$G$22=$B$24,21,0),0)),0)</f>
        <v>0</v>
      </c>
      <c r="I3272">
        <f t="shared" si="370"/>
        <v>0.49214670004248934</v>
      </c>
      <c r="J3272">
        <f t="shared" si="371"/>
        <v>8.7833117465617701</v>
      </c>
      <c r="K3272">
        <f t="shared" si="372"/>
        <v>0.60672174344589624</v>
      </c>
      <c r="L3272">
        <f t="shared" si="373"/>
        <v>0.30336087172294812</v>
      </c>
      <c r="M3272">
        <f t="shared" si="374"/>
        <v>0</v>
      </c>
      <c r="N3272" s="45">
        <f t="shared" si="375"/>
        <v>45061.916666658813</v>
      </c>
    </row>
    <row r="3273" spans="2:14" x14ac:dyDescent="0.25">
      <c r="B3273">
        <f t="shared" si="369"/>
        <v>1</v>
      </c>
      <c r="C3273" s="16">
        <v>3239</v>
      </c>
      <c r="D3273" cm="1">
        <f t="array" ref="D3273">IFERROR(INDEX(Jesper!AH$2:AH$366,ROUNDDOWN($C3273/24,0)+1,1)*INDEX($D$3:$AA$30,INDEX(Jesper!$R$2:$R$366,ROW(INDEX(Jesper!AH$2:AH$366,ROUNDDOWN($C3273/24,0)+1,1))-1)+IF('Standard Profiles'!$G$18=$B$10,7,0)+IF('Standard Profiles'!$G$18=$B$17,14,0)+IF('Standard Profiles'!$G$18=$B$24,21,0),MOD($C3273,24)+1)/SUM(INDEX($D$3:$AA$30,INDEX(Jesper!$R$2:$R$366,ROW(INDEX(Jesper!AH$2:AH$366,ROUNDDOWN($C3273/24,0)+1,1))-1)+IF('Standard Profiles'!$G$18=$B$10,7,0)+IF('Standard Profiles'!$G$18=$B$17,14,0)+IF('Standard Profiles'!$G$18=$B$24,21,0),0)),0)</f>
        <v>5.688016344805277</v>
      </c>
      <c r="E3273" cm="1">
        <f t="array" ref="E3273">IFERROR(INDEX(Jesper!AI$2:AI$366,ROUNDDOWN($C3273/24,0)+1,1)*INDEX($D$3:$AA$30,INDEX(Jesper!$R$2:$R$366,ROW(INDEX(Jesper!AI$2:AI$366,ROUNDDOWN($C3273/24,0)+1,1))-1)+IF('Standard Profiles'!$G$19=$B$10,7,0)+IF('Standard Profiles'!$G$19=$B$17,14,0)+IF('Standard Profiles'!$G$19=$B$24,21,0),MOD($C3273,24)+1)/SUM(INDEX($D$3:$AA$30,INDEX(Jesper!$R$2:$R$366,ROW(INDEX(Jesper!AI$2:AI$366,ROUNDDOWN($C3273/24,0)+1,1))-1)+IF('Standard Profiles'!$G$19=$B$10,7,0)+IF('Standard Profiles'!$G$19=$B$17,14,0)+IF('Standard Profiles'!$G$19=$B$24,21,0),0)),0)</f>
        <v>3.4722190918793068</v>
      </c>
      <c r="F3273" cm="1">
        <f t="array" ref="F3273">IFERROR(INDEX(Jesper!AJ$2:AJ$366,ROUNDDOWN($C3273/24,0)+1,1)*INDEX($D$3:$AA$30,INDEX(Jesper!$R$2:$R$366,ROW(INDEX(Jesper!AJ$2:AJ$366,ROUNDDOWN($C3273/24,0)+1,1))-1)+IF('Standard Profiles'!$G$20=$B$10,7,0)+IF('Standard Profiles'!$G$20=$B$17,14,0)+IF('Standard Profiles'!$G$20=$B$24,21,0),MOD($C3273,24)+1)/SUM(INDEX($D$3:$AA$30,INDEX(Jesper!$R$2:$R$366,ROW(INDEX(Jesper!AJ$2:AJ$366,ROUNDDOWN($C3273/24,0)+1,1))-1)+IF('Standard Profiles'!$G$20=$B$10,7,0)+IF('Standard Profiles'!$G$20=$B$17,14,0)+IF('Standard Profiles'!$G$20=$B$24,21,0),0)),0)</f>
        <v>0</v>
      </c>
      <c r="G3273" cm="1">
        <f t="array" ref="G3273">IFERROR(INDEX(Jesper!AK$2:AK$366,ROUNDDOWN($C3273/24,0)+1,1)*INDEX($D$3:$AA$30,INDEX(Jesper!$R$2:$R$366,ROW(INDEX(Jesper!AK$2:AK$366,ROUNDDOWN($C3273/24,0)+1,1))-1)+IF('Standard Profiles'!$G$21=$B$10,7,0)+IF('Standard Profiles'!$G$21=$B$17,14,0)+IF('Standard Profiles'!$G$21=$B$24,21,0),MOD($C3273,24)+1)/SUM(INDEX($D$3:$AA$30,INDEX(Jesper!$R$2:$R$366,ROW(INDEX(Jesper!AK$2:AK$366,ROUNDDOWN($C3273/24,0)+1,1))-1)+IF('Standard Profiles'!$G$21=$B$10,7,0)+IF('Standard Profiles'!$G$21=$B$17,14,0)+IF('Standard Profiles'!$G$21=$B$24,21,0),0)),0)</f>
        <v>1.02530562508852</v>
      </c>
      <c r="H3273" cm="1">
        <f t="array" ref="H3273">IFERROR(INDEX(Jesper!AL$2:AL$366,ROUNDDOWN($C3273/24,0)+1,1)*INDEX($D$3:$AA$30,INDEX(Jesper!$R$2:$R$366,ROW(INDEX(Jesper!AL$2:AL$366,ROUNDDOWN($C3273/24,0)+1,1))-1)+IF('Standard Profiles'!$G$22=$B$10,7,0)+IF('Standard Profiles'!$G$22=$B$17,14,0)+IF('Standard Profiles'!$G$22=$B$24,21,0),MOD($C3273,24)+1)/SUM(INDEX($D$3:$AA$30,INDEX(Jesper!$R$2:$R$366,ROW(INDEX(Jesper!AL$2:AL$366,ROUNDDOWN($C3273/24,0)+1,1))-1)+IF('Standard Profiles'!$G$22=$B$10,7,0)+IF('Standard Profiles'!$G$22=$B$17,14,0)+IF('Standard Profiles'!$G$22=$B$24,21,0),0)),0)</f>
        <v>0</v>
      </c>
      <c r="I3273">
        <f t="shared" si="370"/>
        <v>0.49214670004248934</v>
      </c>
      <c r="J3273">
        <f t="shared" si="371"/>
        <v>8.7833117465617701</v>
      </c>
      <c r="K3273">
        <f t="shared" si="372"/>
        <v>0.60672174344589624</v>
      </c>
      <c r="L3273">
        <f t="shared" si="373"/>
        <v>0.30336087172294812</v>
      </c>
      <c r="M3273">
        <f t="shared" si="374"/>
        <v>0</v>
      </c>
      <c r="N3273" s="45">
        <f t="shared" si="375"/>
        <v>45061.958333325478</v>
      </c>
    </row>
    <row r="3274" spans="2:14" x14ac:dyDescent="0.25">
      <c r="B3274">
        <f t="shared" si="369"/>
        <v>2</v>
      </c>
      <c r="C3274" s="16">
        <v>3240</v>
      </c>
      <c r="D3274" cm="1">
        <f t="array" ref="D3274">IFERROR(INDEX(Jesper!AH$2:AH$366,ROUNDDOWN($C3274/24,0)+1,1)*INDEX($D$3:$AA$30,INDEX(Jesper!$R$2:$R$366,ROW(INDEX(Jesper!AH$2:AH$366,ROUNDDOWN($C3274/24,0)+1,1))-1)+IF('Standard Profiles'!$G$18=$B$10,7,0)+IF('Standard Profiles'!$G$18=$B$17,14,0)+IF('Standard Profiles'!$G$18=$B$24,21,0),MOD($C3274,24)+1)/SUM(INDEX($D$3:$AA$30,INDEX(Jesper!$R$2:$R$366,ROW(INDEX(Jesper!AH$2:AH$366,ROUNDDOWN($C3274/24,0)+1,1))-1)+IF('Standard Profiles'!$G$18=$B$10,7,0)+IF('Standard Profiles'!$G$18=$B$17,14,0)+IF('Standard Profiles'!$G$18=$B$24,21,0),0)),0)</f>
        <v>3.6202470739082631</v>
      </c>
      <c r="E3274" cm="1">
        <f t="array" ref="E3274">IFERROR(INDEX(Jesper!AI$2:AI$366,ROUNDDOWN($C3274/24,0)+1,1)*INDEX($D$3:$AA$30,INDEX(Jesper!$R$2:$R$366,ROW(INDEX(Jesper!AI$2:AI$366,ROUNDDOWN($C3274/24,0)+1,1))-1)+IF('Standard Profiles'!$G$19=$B$10,7,0)+IF('Standard Profiles'!$G$19=$B$17,14,0)+IF('Standard Profiles'!$G$19=$B$24,21,0),MOD($C3274,24)+1)/SUM(INDEX($D$3:$AA$30,INDEX(Jesper!$R$2:$R$366,ROW(INDEX(Jesper!AI$2:AI$366,ROUNDDOWN($C3274/24,0)+1,1))-1)+IF('Standard Profiles'!$G$19=$B$10,7,0)+IF('Standard Profiles'!$G$19=$B$17,14,0)+IF('Standard Profiles'!$G$19=$B$24,21,0),0)),0)</f>
        <v>2.1892873681510792</v>
      </c>
      <c r="F3274" cm="1">
        <f t="array" ref="F3274">IFERROR(INDEX(Jesper!AJ$2:AJ$366,ROUNDDOWN($C3274/24,0)+1,1)*INDEX($D$3:$AA$30,INDEX(Jesper!$R$2:$R$366,ROW(INDEX(Jesper!AJ$2:AJ$366,ROUNDDOWN($C3274/24,0)+1,1))-1)+IF('Standard Profiles'!$G$20=$B$10,7,0)+IF('Standard Profiles'!$G$20=$B$17,14,0)+IF('Standard Profiles'!$G$20=$B$24,21,0),MOD($C3274,24)+1)/SUM(INDEX($D$3:$AA$30,INDEX(Jesper!$R$2:$R$366,ROW(INDEX(Jesper!AJ$2:AJ$366,ROUNDDOWN($C3274/24,0)+1,1))-1)+IF('Standard Profiles'!$G$20=$B$10,7,0)+IF('Standard Profiles'!$G$20=$B$17,14,0)+IF('Standard Profiles'!$G$20=$B$24,21,0),0)),0)</f>
        <v>0</v>
      </c>
      <c r="G3274" cm="1">
        <f t="array" ref="G3274">IFERROR(INDEX(Jesper!AK$2:AK$366,ROUNDDOWN($C3274/24,0)+1,1)*INDEX($D$3:$AA$30,INDEX(Jesper!$R$2:$R$366,ROW(INDEX(Jesper!AK$2:AK$366,ROUNDDOWN($C3274/24,0)+1,1))-1)+IF('Standard Profiles'!$G$21=$B$10,7,0)+IF('Standard Profiles'!$G$21=$B$17,14,0)+IF('Standard Profiles'!$G$21=$B$24,21,0),MOD($C3274,24)+1)/SUM(INDEX($D$3:$AA$30,INDEX(Jesper!$R$2:$R$366,ROW(INDEX(Jesper!AK$2:AK$366,ROUNDDOWN($C3274/24,0)+1,1))-1)+IF('Standard Profiles'!$G$21=$B$10,7,0)+IF('Standard Profiles'!$G$21=$B$17,14,0)+IF('Standard Profiles'!$G$21=$B$24,21,0),0)),0)</f>
        <v>0.95146169205999764</v>
      </c>
      <c r="H3274" cm="1">
        <f t="array" ref="H3274">IFERROR(INDEX(Jesper!AL$2:AL$366,ROUNDDOWN($C3274/24,0)+1,1)*INDEX($D$3:$AA$30,INDEX(Jesper!$R$2:$R$366,ROW(INDEX(Jesper!AL$2:AL$366,ROUNDDOWN($C3274/24,0)+1,1))-1)+IF('Standard Profiles'!$G$22=$B$10,7,0)+IF('Standard Profiles'!$G$22=$B$17,14,0)+IF('Standard Profiles'!$G$22=$B$24,21,0),MOD($C3274,24)+1)/SUM(INDEX($D$3:$AA$30,INDEX(Jesper!$R$2:$R$366,ROW(INDEX(Jesper!AL$2:AL$366,ROUNDDOWN($C3274/24,0)+1,1))-1)+IF('Standard Profiles'!$G$22=$B$10,7,0)+IF('Standard Profiles'!$G$22=$B$17,14,0)+IF('Standard Profiles'!$G$22=$B$24,21,0),0)),0)</f>
        <v>0</v>
      </c>
      <c r="I3274">
        <f t="shared" si="370"/>
        <v>0.45670161218879862</v>
      </c>
      <c r="J3274">
        <f t="shared" si="371"/>
        <v>5.7250549901052192</v>
      </c>
      <c r="K3274">
        <f t="shared" si="372"/>
        <v>0.3861596878835481</v>
      </c>
      <c r="L3274">
        <f t="shared" si="373"/>
        <v>0.19307984394177405</v>
      </c>
      <c r="M3274">
        <f t="shared" si="374"/>
        <v>0</v>
      </c>
      <c r="N3274" s="45">
        <f t="shared" si="375"/>
        <v>45061.999999992142</v>
      </c>
    </row>
    <row r="3275" spans="2:14" x14ac:dyDescent="0.25">
      <c r="B3275">
        <f t="shared" si="369"/>
        <v>2</v>
      </c>
      <c r="C3275" s="16">
        <v>3241</v>
      </c>
      <c r="D3275" cm="1">
        <f t="array" ref="D3275">IFERROR(INDEX(Jesper!AH$2:AH$366,ROUNDDOWN($C3275/24,0)+1,1)*INDEX($D$3:$AA$30,INDEX(Jesper!$R$2:$R$366,ROW(INDEX(Jesper!AH$2:AH$366,ROUNDDOWN($C3275/24,0)+1,1))-1)+IF('Standard Profiles'!$G$18=$B$10,7,0)+IF('Standard Profiles'!$G$18=$B$17,14,0)+IF('Standard Profiles'!$G$18=$B$24,21,0),MOD($C3275,24)+1)/SUM(INDEX($D$3:$AA$30,INDEX(Jesper!$R$2:$R$366,ROW(INDEX(Jesper!AH$2:AH$366,ROUNDDOWN($C3275/24,0)+1,1))-1)+IF('Standard Profiles'!$G$18=$B$10,7,0)+IF('Standard Profiles'!$G$18=$B$17,14,0)+IF('Standard Profiles'!$G$18=$B$24,21,0),0)),0)</f>
        <v>5.5165669697649724</v>
      </c>
      <c r="E3275" cm="1">
        <f t="array" ref="E3275">IFERROR(INDEX(Jesper!AI$2:AI$366,ROUNDDOWN($C3275/24,0)+1,1)*INDEX($D$3:$AA$30,INDEX(Jesper!$R$2:$R$366,ROW(INDEX(Jesper!AI$2:AI$366,ROUNDDOWN($C3275/24,0)+1,1))-1)+IF('Standard Profiles'!$G$19=$B$10,7,0)+IF('Standard Profiles'!$G$19=$B$17,14,0)+IF('Standard Profiles'!$G$19=$B$24,21,0),MOD($C3275,24)+1)/SUM(INDEX($D$3:$AA$30,INDEX(Jesper!$R$2:$R$366,ROW(INDEX(Jesper!AI$2:AI$366,ROUNDDOWN($C3275/24,0)+1,1))-1)+IF('Standard Profiles'!$G$19=$B$10,7,0)+IF('Standard Profiles'!$G$19=$B$17,14,0)+IF('Standard Profiles'!$G$19=$B$24,21,0),0)),0)</f>
        <v>3.3360569419445025</v>
      </c>
      <c r="F3275" cm="1">
        <f t="array" ref="F3275">IFERROR(INDEX(Jesper!AJ$2:AJ$366,ROUNDDOWN($C3275/24,0)+1,1)*INDEX($D$3:$AA$30,INDEX(Jesper!$R$2:$R$366,ROW(INDEX(Jesper!AJ$2:AJ$366,ROUNDDOWN($C3275/24,0)+1,1))-1)+IF('Standard Profiles'!$G$20=$B$10,7,0)+IF('Standard Profiles'!$G$20=$B$17,14,0)+IF('Standard Profiles'!$G$20=$B$24,21,0),MOD($C3275,24)+1)/SUM(INDEX($D$3:$AA$30,INDEX(Jesper!$R$2:$R$366,ROW(INDEX(Jesper!AJ$2:AJ$366,ROUNDDOWN($C3275/24,0)+1,1))-1)+IF('Standard Profiles'!$G$20=$B$10,7,0)+IF('Standard Profiles'!$G$20=$B$17,14,0)+IF('Standard Profiles'!$G$20=$B$24,21,0),0)),0)</f>
        <v>0</v>
      </c>
      <c r="G3275" cm="1">
        <f t="array" ref="G3275">IFERROR(INDEX(Jesper!AK$2:AK$366,ROUNDDOWN($C3275/24,0)+1,1)*INDEX($D$3:$AA$30,INDEX(Jesper!$R$2:$R$366,ROW(INDEX(Jesper!AK$2:AK$366,ROUNDDOWN($C3275/24,0)+1,1))-1)+IF('Standard Profiles'!$G$21=$B$10,7,0)+IF('Standard Profiles'!$G$21=$B$17,14,0)+IF('Standard Profiles'!$G$21=$B$24,21,0),MOD($C3275,24)+1)/SUM(INDEX($D$3:$AA$30,INDEX(Jesper!$R$2:$R$366,ROW(INDEX(Jesper!AK$2:AK$366,ROUNDDOWN($C3275/24,0)+1,1))-1)+IF('Standard Profiles'!$G$21=$B$10,7,0)+IF('Standard Profiles'!$G$21=$B$17,14,0)+IF('Standard Profiles'!$G$21=$B$24,21,0),0)),0)</f>
        <v>0.95146169205999764</v>
      </c>
      <c r="H3275" cm="1">
        <f t="array" ref="H3275">IFERROR(INDEX(Jesper!AL$2:AL$366,ROUNDDOWN($C3275/24,0)+1,1)*INDEX($D$3:$AA$30,INDEX(Jesper!$R$2:$R$366,ROW(INDEX(Jesper!AL$2:AL$366,ROUNDDOWN($C3275/24,0)+1,1))-1)+IF('Standard Profiles'!$G$22=$B$10,7,0)+IF('Standard Profiles'!$G$22=$B$17,14,0)+IF('Standard Profiles'!$G$22=$B$24,21,0),MOD($C3275,24)+1)/SUM(INDEX($D$3:$AA$30,INDEX(Jesper!$R$2:$R$366,ROW(INDEX(Jesper!AL$2:AL$366,ROUNDDOWN($C3275/24,0)+1,1))-1)+IF('Standard Profiles'!$G$22=$B$10,7,0)+IF('Standard Profiles'!$G$22=$B$17,14,0)+IF('Standard Profiles'!$G$22=$B$24,21,0),0)),0)</f>
        <v>0</v>
      </c>
      <c r="I3275">
        <f t="shared" si="370"/>
        <v>0.45670161218879862</v>
      </c>
      <c r="J3275">
        <f t="shared" si="371"/>
        <v>8.4647332764182774</v>
      </c>
      <c r="K3275">
        <f t="shared" si="372"/>
        <v>0.58843381010826379</v>
      </c>
      <c r="L3275">
        <f t="shared" si="373"/>
        <v>0.29421690505413189</v>
      </c>
      <c r="M3275">
        <f t="shared" si="374"/>
        <v>0</v>
      </c>
      <c r="N3275" s="45">
        <f t="shared" si="375"/>
        <v>45062.041666658806</v>
      </c>
    </row>
    <row r="3276" spans="2:14" x14ac:dyDescent="0.25">
      <c r="B3276">
        <f t="shared" si="369"/>
        <v>2</v>
      </c>
      <c r="C3276" s="16">
        <v>3242</v>
      </c>
      <c r="D3276" cm="1">
        <f t="array" ref="D3276">IFERROR(INDEX(Jesper!AH$2:AH$366,ROUNDDOWN($C3276/24,0)+1,1)*INDEX($D$3:$AA$30,INDEX(Jesper!$R$2:$R$366,ROW(INDEX(Jesper!AH$2:AH$366,ROUNDDOWN($C3276/24,0)+1,1))-1)+IF('Standard Profiles'!$G$18=$B$10,7,0)+IF('Standard Profiles'!$G$18=$B$17,14,0)+IF('Standard Profiles'!$G$18=$B$24,21,0),MOD($C3276,24)+1)/SUM(INDEX($D$3:$AA$30,INDEX(Jesper!$R$2:$R$366,ROW(INDEX(Jesper!AH$2:AH$366,ROUNDDOWN($C3276/24,0)+1,1))-1)+IF('Standard Profiles'!$G$18=$B$10,7,0)+IF('Standard Profiles'!$G$18=$B$17,14,0)+IF('Standard Profiles'!$G$18=$B$24,21,0),0)),0)</f>
        <v>5.5165669697649724</v>
      </c>
      <c r="E3276" cm="1">
        <f t="array" ref="E3276">IFERROR(INDEX(Jesper!AI$2:AI$366,ROUNDDOWN($C3276/24,0)+1,1)*INDEX($D$3:$AA$30,INDEX(Jesper!$R$2:$R$366,ROW(INDEX(Jesper!AI$2:AI$366,ROUNDDOWN($C3276/24,0)+1,1))-1)+IF('Standard Profiles'!$G$19=$B$10,7,0)+IF('Standard Profiles'!$G$19=$B$17,14,0)+IF('Standard Profiles'!$G$19=$B$24,21,0),MOD($C3276,24)+1)/SUM(INDEX($D$3:$AA$30,INDEX(Jesper!$R$2:$R$366,ROW(INDEX(Jesper!AI$2:AI$366,ROUNDDOWN($C3276/24,0)+1,1))-1)+IF('Standard Profiles'!$G$19=$B$10,7,0)+IF('Standard Profiles'!$G$19=$B$17,14,0)+IF('Standard Profiles'!$G$19=$B$24,21,0),0)),0)</f>
        <v>3.3360569419445025</v>
      </c>
      <c r="F3276" cm="1">
        <f t="array" ref="F3276">IFERROR(INDEX(Jesper!AJ$2:AJ$366,ROUNDDOWN($C3276/24,0)+1,1)*INDEX($D$3:$AA$30,INDEX(Jesper!$R$2:$R$366,ROW(INDEX(Jesper!AJ$2:AJ$366,ROUNDDOWN($C3276/24,0)+1,1))-1)+IF('Standard Profiles'!$G$20=$B$10,7,0)+IF('Standard Profiles'!$G$20=$B$17,14,0)+IF('Standard Profiles'!$G$20=$B$24,21,0),MOD($C3276,24)+1)/SUM(INDEX($D$3:$AA$30,INDEX(Jesper!$R$2:$R$366,ROW(INDEX(Jesper!AJ$2:AJ$366,ROUNDDOWN($C3276/24,0)+1,1))-1)+IF('Standard Profiles'!$G$20=$B$10,7,0)+IF('Standard Profiles'!$G$20=$B$17,14,0)+IF('Standard Profiles'!$G$20=$B$24,21,0),0)),0)</f>
        <v>0</v>
      </c>
      <c r="G3276" cm="1">
        <f t="array" ref="G3276">IFERROR(INDEX(Jesper!AK$2:AK$366,ROUNDDOWN($C3276/24,0)+1,1)*INDEX($D$3:$AA$30,INDEX(Jesper!$R$2:$R$366,ROW(INDEX(Jesper!AK$2:AK$366,ROUNDDOWN($C3276/24,0)+1,1))-1)+IF('Standard Profiles'!$G$21=$B$10,7,0)+IF('Standard Profiles'!$G$21=$B$17,14,0)+IF('Standard Profiles'!$G$21=$B$24,21,0),MOD($C3276,24)+1)/SUM(INDEX($D$3:$AA$30,INDEX(Jesper!$R$2:$R$366,ROW(INDEX(Jesper!AK$2:AK$366,ROUNDDOWN($C3276/24,0)+1,1))-1)+IF('Standard Profiles'!$G$21=$B$10,7,0)+IF('Standard Profiles'!$G$21=$B$17,14,0)+IF('Standard Profiles'!$G$21=$B$24,21,0),0)),0)</f>
        <v>0.95146169205999764</v>
      </c>
      <c r="H3276" cm="1">
        <f t="array" ref="H3276">IFERROR(INDEX(Jesper!AL$2:AL$366,ROUNDDOWN($C3276/24,0)+1,1)*INDEX($D$3:$AA$30,INDEX(Jesper!$R$2:$R$366,ROW(INDEX(Jesper!AL$2:AL$366,ROUNDDOWN($C3276/24,0)+1,1))-1)+IF('Standard Profiles'!$G$22=$B$10,7,0)+IF('Standard Profiles'!$G$22=$B$17,14,0)+IF('Standard Profiles'!$G$22=$B$24,21,0),MOD($C3276,24)+1)/SUM(INDEX($D$3:$AA$30,INDEX(Jesper!$R$2:$R$366,ROW(INDEX(Jesper!AL$2:AL$366,ROUNDDOWN($C3276/24,0)+1,1))-1)+IF('Standard Profiles'!$G$22=$B$10,7,0)+IF('Standard Profiles'!$G$22=$B$17,14,0)+IF('Standard Profiles'!$G$22=$B$24,21,0),0)),0)</f>
        <v>0</v>
      </c>
      <c r="I3276">
        <f t="shared" si="370"/>
        <v>0.45670161218879862</v>
      </c>
      <c r="J3276">
        <f t="shared" si="371"/>
        <v>8.4647332764182774</v>
      </c>
      <c r="K3276">
        <f t="shared" si="372"/>
        <v>0.58843381010826379</v>
      </c>
      <c r="L3276">
        <f t="shared" si="373"/>
        <v>0.29421690505413189</v>
      </c>
      <c r="M3276">
        <f t="shared" si="374"/>
        <v>0</v>
      </c>
      <c r="N3276" s="45">
        <f t="shared" si="375"/>
        <v>45062.08333332547</v>
      </c>
    </row>
    <row r="3277" spans="2:14" x14ac:dyDescent="0.25">
      <c r="B3277">
        <f t="shared" si="369"/>
        <v>2</v>
      </c>
      <c r="C3277" s="16">
        <v>3243</v>
      </c>
      <c r="D3277" cm="1">
        <f t="array" ref="D3277">IFERROR(INDEX(Jesper!AH$2:AH$366,ROUNDDOWN($C3277/24,0)+1,1)*INDEX($D$3:$AA$30,INDEX(Jesper!$R$2:$R$366,ROW(INDEX(Jesper!AH$2:AH$366,ROUNDDOWN($C3277/24,0)+1,1))-1)+IF('Standard Profiles'!$G$18=$B$10,7,0)+IF('Standard Profiles'!$G$18=$B$17,14,0)+IF('Standard Profiles'!$G$18=$B$24,21,0),MOD($C3277,24)+1)/SUM(INDEX($D$3:$AA$30,INDEX(Jesper!$R$2:$R$366,ROW(INDEX(Jesper!AH$2:AH$366,ROUNDDOWN($C3277/24,0)+1,1))-1)+IF('Standard Profiles'!$G$18=$B$10,7,0)+IF('Standard Profiles'!$G$18=$B$17,14,0)+IF('Standard Profiles'!$G$18=$B$24,21,0),0)),0)</f>
        <v>5.5165669697649724</v>
      </c>
      <c r="E3277" cm="1">
        <f t="array" ref="E3277">IFERROR(INDEX(Jesper!AI$2:AI$366,ROUNDDOWN($C3277/24,0)+1,1)*INDEX($D$3:$AA$30,INDEX(Jesper!$R$2:$R$366,ROW(INDEX(Jesper!AI$2:AI$366,ROUNDDOWN($C3277/24,0)+1,1))-1)+IF('Standard Profiles'!$G$19=$B$10,7,0)+IF('Standard Profiles'!$G$19=$B$17,14,0)+IF('Standard Profiles'!$G$19=$B$24,21,0),MOD($C3277,24)+1)/SUM(INDEX($D$3:$AA$30,INDEX(Jesper!$R$2:$R$366,ROW(INDEX(Jesper!AI$2:AI$366,ROUNDDOWN($C3277/24,0)+1,1))-1)+IF('Standard Profiles'!$G$19=$B$10,7,0)+IF('Standard Profiles'!$G$19=$B$17,14,0)+IF('Standard Profiles'!$G$19=$B$24,21,0),0)),0)</f>
        <v>3.3360569419445025</v>
      </c>
      <c r="F3277" cm="1">
        <f t="array" ref="F3277">IFERROR(INDEX(Jesper!AJ$2:AJ$366,ROUNDDOWN($C3277/24,0)+1,1)*INDEX($D$3:$AA$30,INDEX(Jesper!$R$2:$R$366,ROW(INDEX(Jesper!AJ$2:AJ$366,ROUNDDOWN($C3277/24,0)+1,1))-1)+IF('Standard Profiles'!$G$20=$B$10,7,0)+IF('Standard Profiles'!$G$20=$B$17,14,0)+IF('Standard Profiles'!$G$20=$B$24,21,0),MOD($C3277,24)+1)/SUM(INDEX($D$3:$AA$30,INDEX(Jesper!$R$2:$R$366,ROW(INDEX(Jesper!AJ$2:AJ$366,ROUNDDOWN($C3277/24,0)+1,1))-1)+IF('Standard Profiles'!$G$20=$B$10,7,0)+IF('Standard Profiles'!$G$20=$B$17,14,0)+IF('Standard Profiles'!$G$20=$B$24,21,0),0)),0)</f>
        <v>0</v>
      </c>
      <c r="G3277" cm="1">
        <f t="array" ref="G3277">IFERROR(INDEX(Jesper!AK$2:AK$366,ROUNDDOWN($C3277/24,0)+1,1)*INDEX($D$3:$AA$30,INDEX(Jesper!$R$2:$R$366,ROW(INDEX(Jesper!AK$2:AK$366,ROUNDDOWN($C3277/24,0)+1,1))-1)+IF('Standard Profiles'!$G$21=$B$10,7,0)+IF('Standard Profiles'!$G$21=$B$17,14,0)+IF('Standard Profiles'!$G$21=$B$24,21,0),MOD($C3277,24)+1)/SUM(INDEX($D$3:$AA$30,INDEX(Jesper!$R$2:$R$366,ROW(INDEX(Jesper!AK$2:AK$366,ROUNDDOWN($C3277/24,0)+1,1))-1)+IF('Standard Profiles'!$G$21=$B$10,7,0)+IF('Standard Profiles'!$G$21=$B$17,14,0)+IF('Standard Profiles'!$G$21=$B$24,21,0),0)),0)</f>
        <v>0.95146169205999764</v>
      </c>
      <c r="H3277" cm="1">
        <f t="array" ref="H3277">IFERROR(INDEX(Jesper!AL$2:AL$366,ROUNDDOWN($C3277/24,0)+1,1)*INDEX($D$3:$AA$30,INDEX(Jesper!$R$2:$R$366,ROW(INDEX(Jesper!AL$2:AL$366,ROUNDDOWN($C3277/24,0)+1,1))-1)+IF('Standard Profiles'!$G$22=$B$10,7,0)+IF('Standard Profiles'!$G$22=$B$17,14,0)+IF('Standard Profiles'!$G$22=$B$24,21,0),MOD($C3277,24)+1)/SUM(INDEX($D$3:$AA$30,INDEX(Jesper!$R$2:$R$366,ROW(INDEX(Jesper!AL$2:AL$366,ROUNDDOWN($C3277/24,0)+1,1))-1)+IF('Standard Profiles'!$G$22=$B$10,7,0)+IF('Standard Profiles'!$G$22=$B$17,14,0)+IF('Standard Profiles'!$G$22=$B$24,21,0),0)),0)</f>
        <v>0</v>
      </c>
      <c r="I3277">
        <f t="shared" si="370"/>
        <v>0.45670161218879862</v>
      </c>
      <c r="J3277">
        <f t="shared" si="371"/>
        <v>8.4647332764182774</v>
      </c>
      <c r="K3277">
        <f t="shared" si="372"/>
        <v>0.58843381010826379</v>
      </c>
      <c r="L3277">
        <f t="shared" si="373"/>
        <v>0.29421690505413189</v>
      </c>
      <c r="M3277">
        <f t="shared" si="374"/>
        <v>0</v>
      </c>
      <c r="N3277" s="45">
        <f t="shared" si="375"/>
        <v>45062.124999992135</v>
      </c>
    </row>
    <row r="3278" spans="2:14" x14ac:dyDescent="0.25">
      <c r="B3278">
        <f t="shared" si="369"/>
        <v>2</v>
      </c>
      <c r="C3278" s="16">
        <v>3244</v>
      </c>
      <c r="D3278" cm="1">
        <f t="array" ref="D3278">IFERROR(INDEX(Jesper!AH$2:AH$366,ROUNDDOWN($C3278/24,0)+1,1)*INDEX($D$3:$AA$30,INDEX(Jesper!$R$2:$R$366,ROW(INDEX(Jesper!AH$2:AH$366,ROUNDDOWN($C3278/24,0)+1,1))-1)+IF('Standard Profiles'!$G$18=$B$10,7,0)+IF('Standard Profiles'!$G$18=$B$17,14,0)+IF('Standard Profiles'!$G$18=$B$24,21,0),MOD($C3278,24)+1)/SUM(INDEX($D$3:$AA$30,INDEX(Jesper!$R$2:$R$366,ROW(INDEX(Jesper!AH$2:AH$366,ROUNDDOWN($C3278/24,0)+1,1))-1)+IF('Standard Profiles'!$G$18=$B$10,7,0)+IF('Standard Profiles'!$G$18=$B$17,14,0)+IF('Standard Profiles'!$G$18=$B$24,21,0),0)),0)</f>
        <v>5.5165669697649724</v>
      </c>
      <c r="E3278" cm="1">
        <f t="array" ref="E3278">IFERROR(INDEX(Jesper!AI$2:AI$366,ROUNDDOWN($C3278/24,0)+1,1)*INDEX($D$3:$AA$30,INDEX(Jesper!$R$2:$R$366,ROW(INDEX(Jesper!AI$2:AI$366,ROUNDDOWN($C3278/24,0)+1,1))-1)+IF('Standard Profiles'!$G$19=$B$10,7,0)+IF('Standard Profiles'!$G$19=$B$17,14,0)+IF('Standard Profiles'!$G$19=$B$24,21,0),MOD($C3278,24)+1)/SUM(INDEX($D$3:$AA$30,INDEX(Jesper!$R$2:$R$366,ROW(INDEX(Jesper!AI$2:AI$366,ROUNDDOWN($C3278/24,0)+1,1))-1)+IF('Standard Profiles'!$G$19=$B$10,7,0)+IF('Standard Profiles'!$G$19=$B$17,14,0)+IF('Standard Profiles'!$G$19=$B$24,21,0),0)),0)</f>
        <v>3.3360569419445025</v>
      </c>
      <c r="F3278" cm="1">
        <f t="array" ref="F3278">IFERROR(INDEX(Jesper!AJ$2:AJ$366,ROUNDDOWN($C3278/24,0)+1,1)*INDEX($D$3:$AA$30,INDEX(Jesper!$R$2:$R$366,ROW(INDEX(Jesper!AJ$2:AJ$366,ROUNDDOWN($C3278/24,0)+1,1))-1)+IF('Standard Profiles'!$G$20=$B$10,7,0)+IF('Standard Profiles'!$G$20=$B$17,14,0)+IF('Standard Profiles'!$G$20=$B$24,21,0),MOD($C3278,24)+1)/SUM(INDEX($D$3:$AA$30,INDEX(Jesper!$R$2:$R$366,ROW(INDEX(Jesper!AJ$2:AJ$366,ROUNDDOWN($C3278/24,0)+1,1))-1)+IF('Standard Profiles'!$G$20=$B$10,7,0)+IF('Standard Profiles'!$G$20=$B$17,14,0)+IF('Standard Profiles'!$G$20=$B$24,21,0),0)),0)</f>
        <v>0</v>
      </c>
      <c r="G3278" cm="1">
        <f t="array" ref="G3278">IFERROR(INDEX(Jesper!AK$2:AK$366,ROUNDDOWN($C3278/24,0)+1,1)*INDEX($D$3:$AA$30,INDEX(Jesper!$R$2:$R$366,ROW(INDEX(Jesper!AK$2:AK$366,ROUNDDOWN($C3278/24,0)+1,1))-1)+IF('Standard Profiles'!$G$21=$B$10,7,0)+IF('Standard Profiles'!$G$21=$B$17,14,0)+IF('Standard Profiles'!$G$21=$B$24,21,0),MOD($C3278,24)+1)/SUM(INDEX($D$3:$AA$30,INDEX(Jesper!$R$2:$R$366,ROW(INDEX(Jesper!AK$2:AK$366,ROUNDDOWN($C3278/24,0)+1,1))-1)+IF('Standard Profiles'!$G$21=$B$10,7,0)+IF('Standard Profiles'!$G$21=$B$17,14,0)+IF('Standard Profiles'!$G$21=$B$24,21,0),0)),0)</f>
        <v>0.95146169205999764</v>
      </c>
      <c r="H3278" cm="1">
        <f t="array" ref="H3278">IFERROR(INDEX(Jesper!AL$2:AL$366,ROUNDDOWN($C3278/24,0)+1,1)*INDEX($D$3:$AA$30,INDEX(Jesper!$R$2:$R$366,ROW(INDEX(Jesper!AL$2:AL$366,ROUNDDOWN($C3278/24,0)+1,1))-1)+IF('Standard Profiles'!$G$22=$B$10,7,0)+IF('Standard Profiles'!$G$22=$B$17,14,0)+IF('Standard Profiles'!$G$22=$B$24,21,0),MOD($C3278,24)+1)/SUM(INDEX($D$3:$AA$30,INDEX(Jesper!$R$2:$R$366,ROW(INDEX(Jesper!AL$2:AL$366,ROUNDDOWN($C3278/24,0)+1,1))-1)+IF('Standard Profiles'!$G$22=$B$10,7,0)+IF('Standard Profiles'!$G$22=$B$17,14,0)+IF('Standard Profiles'!$G$22=$B$24,21,0),0)),0)</f>
        <v>0</v>
      </c>
      <c r="I3278">
        <f t="shared" si="370"/>
        <v>0.45670161218879862</v>
      </c>
      <c r="J3278">
        <f t="shared" si="371"/>
        <v>8.4647332764182774</v>
      </c>
      <c r="K3278">
        <f t="shared" si="372"/>
        <v>0.58843381010826379</v>
      </c>
      <c r="L3278">
        <f t="shared" si="373"/>
        <v>0.29421690505413189</v>
      </c>
      <c r="M3278">
        <f t="shared" si="374"/>
        <v>0</v>
      </c>
      <c r="N3278" s="45">
        <f t="shared" si="375"/>
        <v>45062.166666658799</v>
      </c>
    </row>
    <row r="3279" spans="2:14" x14ac:dyDescent="0.25">
      <c r="B3279">
        <f t="shared" si="369"/>
        <v>2</v>
      </c>
      <c r="C3279" s="16">
        <v>3245</v>
      </c>
      <c r="D3279" cm="1">
        <f t="array" ref="D3279">IFERROR(INDEX(Jesper!AH$2:AH$366,ROUNDDOWN($C3279/24,0)+1,1)*INDEX($D$3:$AA$30,INDEX(Jesper!$R$2:$R$366,ROW(INDEX(Jesper!AH$2:AH$366,ROUNDDOWN($C3279/24,0)+1,1))-1)+IF('Standard Profiles'!$G$18=$B$10,7,0)+IF('Standard Profiles'!$G$18=$B$17,14,0)+IF('Standard Profiles'!$G$18=$B$24,21,0),MOD($C3279,24)+1)/SUM(INDEX($D$3:$AA$30,INDEX(Jesper!$R$2:$R$366,ROW(INDEX(Jesper!AH$2:AH$366,ROUNDDOWN($C3279/24,0)+1,1))-1)+IF('Standard Profiles'!$G$18=$B$10,7,0)+IF('Standard Profiles'!$G$18=$B$17,14,0)+IF('Standard Profiles'!$G$18=$B$24,21,0),0)),0)</f>
        <v>5.5165669697649724</v>
      </c>
      <c r="E3279" cm="1">
        <f t="array" ref="E3279">IFERROR(INDEX(Jesper!AI$2:AI$366,ROUNDDOWN($C3279/24,0)+1,1)*INDEX($D$3:$AA$30,INDEX(Jesper!$R$2:$R$366,ROW(INDEX(Jesper!AI$2:AI$366,ROUNDDOWN($C3279/24,0)+1,1))-1)+IF('Standard Profiles'!$G$19=$B$10,7,0)+IF('Standard Profiles'!$G$19=$B$17,14,0)+IF('Standard Profiles'!$G$19=$B$24,21,0),MOD($C3279,24)+1)/SUM(INDEX($D$3:$AA$30,INDEX(Jesper!$R$2:$R$366,ROW(INDEX(Jesper!AI$2:AI$366,ROUNDDOWN($C3279/24,0)+1,1))-1)+IF('Standard Profiles'!$G$19=$B$10,7,0)+IF('Standard Profiles'!$G$19=$B$17,14,0)+IF('Standard Profiles'!$G$19=$B$24,21,0),0)),0)</f>
        <v>3.3360569419445025</v>
      </c>
      <c r="F3279" cm="1">
        <f t="array" ref="F3279">IFERROR(INDEX(Jesper!AJ$2:AJ$366,ROUNDDOWN($C3279/24,0)+1,1)*INDEX($D$3:$AA$30,INDEX(Jesper!$R$2:$R$366,ROW(INDEX(Jesper!AJ$2:AJ$366,ROUNDDOWN($C3279/24,0)+1,1))-1)+IF('Standard Profiles'!$G$20=$B$10,7,0)+IF('Standard Profiles'!$G$20=$B$17,14,0)+IF('Standard Profiles'!$G$20=$B$24,21,0),MOD($C3279,24)+1)/SUM(INDEX($D$3:$AA$30,INDEX(Jesper!$R$2:$R$366,ROW(INDEX(Jesper!AJ$2:AJ$366,ROUNDDOWN($C3279/24,0)+1,1))-1)+IF('Standard Profiles'!$G$20=$B$10,7,0)+IF('Standard Profiles'!$G$20=$B$17,14,0)+IF('Standard Profiles'!$G$20=$B$24,21,0),0)),0)</f>
        <v>0</v>
      </c>
      <c r="G3279" cm="1">
        <f t="array" ref="G3279">IFERROR(INDEX(Jesper!AK$2:AK$366,ROUNDDOWN($C3279/24,0)+1,1)*INDEX($D$3:$AA$30,INDEX(Jesper!$R$2:$R$366,ROW(INDEX(Jesper!AK$2:AK$366,ROUNDDOWN($C3279/24,0)+1,1))-1)+IF('Standard Profiles'!$G$21=$B$10,7,0)+IF('Standard Profiles'!$G$21=$B$17,14,0)+IF('Standard Profiles'!$G$21=$B$24,21,0),MOD($C3279,24)+1)/SUM(INDEX($D$3:$AA$30,INDEX(Jesper!$R$2:$R$366,ROW(INDEX(Jesper!AK$2:AK$366,ROUNDDOWN($C3279/24,0)+1,1))-1)+IF('Standard Profiles'!$G$21=$B$10,7,0)+IF('Standard Profiles'!$G$21=$B$17,14,0)+IF('Standard Profiles'!$G$21=$B$24,21,0),0)),0)</f>
        <v>0.95146169205999764</v>
      </c>
      <c r="H3279" cm="1">
        <f t="array" ref="H3279">IFERROR(INDEX(Jesper!AL$2:AL$366,ROUNDDOWN($C3279/24,0)+1,1)*INDEX($D$3:$AA$30,INDEX(Jesper!$R$2:$R$366,ROW(INDEX(Jesper!AL$2:AL$366,ROUNDDOWN($C3279/24,0)+1,1))-1)+IF('Standard Profiles'!$G$22=$B$10,7,0)+IF('Standard Profiles'!$G$22=$B$17,14,0)+IF('Standard Profiles'!$G$22=$B$24,21,0),MOD($C3279,24)+1)/SUM(INDEX($D$3:$AA$30,INDEX(Jesper!$R$2:$R$366,ROW(INDEX(Jesper!AL$2:AL$366,ROUNDDOWN($C3279/24,0)+1,1))-1)+IF('Standard Profiles'!$G$22=$B$10,7,0)+IF('Standard Profiles'!$G$22=$B$17,14,0)+IF('Standard Profiles'!$G$22=$B$24,21,0),0)),0)</f>
        <v>0</v>
      </c>
      <c r="I3279">
        <f t="shared" si="370"/>
        <v>0.45670161218879862</v>
      </c>
      <c r="J3279">
        <f t="shared" si="371"/>
        <v>8.4647332764182774</v>
      </c>
      <c r="K3279">
        <f t="shared" si="372"/>
        <v>0.58843381010826379</v>
      </c>
      <c r="L3279">
        <f t="shared" si="373"/>
        <v>0.29421690505413189</v>
      </c>
      <c r="M3279">
        <f t="shared" si="374"/>
        <v>0</v>
      </c>
      <c r="N3279" s="45">
        <f t="shared" si="375"/>
        <v>45062.208333325463</v>
      </c>
    </row>
    <row r="3280" spans="2:14" x14ac:dyDescent="0.25">
      <c r="B3280">
        <f t="shared" si="369"/>
        <v>2</v>
      </c>
      <c r="C3280" s="16">
        <v>3246</v>
      </c>
      <c r="D3280" cm="1">
        <f t="array" ref="D3280">IFERROR(INDEX(Jesper!AH$2:AH$366,ROUNDDOWN($C3280/24,0)+1,1)*INDEX($D$3:$AA$30,INDEX(Jesper!$R$2:$R$366,ROW(INDEX(Jesper!AH$2:AH$366,ROUNDDOWN($C3280/24,0)+1,1))-1)+IF('Standard Profiles'!$G$18=$B$10,7,0)+IF('Standard Profiles'!$G$18=$B$17,14,0)+IF('Standard Profiles'!$G$18=$B$24,21,0),MOD($C3280,24)+1)/SUM(INDEX($D$3:$AA$30,INDEX(Jesper!$R$2:$R$366,ROW(INDEX(Jesper!AH$2:AH$366,ROUNDDOWN($C3280/24,0)+1,1))-1)+IF('Standard Profiles'!$G$18=$B$10,7,0)+IF('Standard Profiles'!$G$18=$B$17,14,0)+IF('Standard Profiles'!$G$18=$B$24,21,0),0)),0)</f>
        <v>5.5165669697649724</v>
      </c>
      <c r="E3280" cm="1">
        <f t="array" ref="E3280">IFERROR(INDEX(Jesper!AI$2:AI$366,ROUNDDOWN($C3280/24,0)+1,1)*INDEX($D$3:$AA$30,INDEX(Jesper!$R$2:$R$366,ROW(INDEX(Jesper!AI$2:AI$366,ROUNDDOWN($C3280/24,0)+1,1))-1)+IF('Standard Profiles'!$G$19=$B$10,7,0)+IF('Standard Profiles'!$G$19=$B$17,14,0)+IF('Standard Profiles'!$G$19=$B$24,21,0),MOD($C3280,24)+1)/SUM(INDEX($D$3:$AA$30,INDEX(Jesper!$R$2:$R$366,ROW(INDEX(Jesper!AI$2:AI$366,ROUNDDOWN($C3280/24,0)+1,1))-1)+IF('Standard Profiles'!$G$19=$B$10,7,0)+IF('Standard Profiles'!$G$19=$B$17,14,0)+IF('Standard Profiles'!$G$19=$B$24,21,0),0)),0)</f>
        <v>3.3360569419445025</v>
      </c>
      <c r="F3280" cm="1">
        <f t="array" ref="F3280">IFERROR(INDEX(Jesper!AJ$2:AJ$366,ROUNDDOWN($C3280/24,0)+1,1)*INDEX($D$3:$AA$30,INDEX(Jesper!$R$2:$R$366,ROW(INDEX(Jesper!AJ$2:AJ$366,ROUNDDOWN($C3280/24,0)+1,1))-1)+IF('Standard Profiles'!$G$20=$B$10,7,0)+IF('Standard Profiles'!$G$20=$B$17,14,0)+IF('Standard Profiles'!$G$20=$B$24,21,0),MOD($C3280,24)+1)/SUM(INDEX($D$3:$AA$30,INDEX(Jesper!$R$2:$R$366,ROW(INDEX(Jesper!AJ$2:AJ$366,ROUNDDOWN($C3280/24,0)+1,1))-1)+IF('Standard Profiles'!$G$20=$B$10,7,0)+IF('Standard Profiles'!$G$20=$B$17,14,0)+IF('Standard Profiles'!$G$20=$B$24,21,0),0)),0)</f>
        <v>0</v>
      </c>
      <c r="G3280" cm="1">
        <f t="array" ref="G3280">IFERROR(INDEX(Jesper!AK$2:AK$366,ROUNDDOWN($C3280/24,0)+1,1)*INDEX($D$3:$AA$30,INDEX(Jesper!$R$2:$R$366,ROW(INDEX(Jesper!AK$2:AK$366,ROUNDDOWN($C3280/24,0)+1,1))-1)+IF('Standard Profiles'!$G$21=$B$10,7,0)+IF('Standard Profiles'!$G$21=$B$17,14,0)+IF('Standard Profiles'!$G$21=$B$24,21,0),MOD($C3280,24)+1)/SUM(INDEX($D$3:$AA$30,INDEX(Jesper!$R$2:$R$366,ROW(INDEX(Jesper!AK$2:AK$366,ROUNDDOWN($C3280/24,0)+1,1))-1)+IF('Standard Profiles'!$G$21=$B$10,7,0)+IF('Standard Profiles'!$G$21=$B$17,14,0)+IF('Standard Profiles'!$G$21=$B$24,21,0),0)),0)</f>
        <v>0.95146169205999764</v>
      </c>
      <c r="H3280" cm="1">
        <f t="array" ref="H3280">IFERROR(INDEX(Jesper!AL$2:AL$366,ROUNDDOWN($C3280/24,0)+1,1)*INDEX($D$3:$AA$30,INDEX(Jesper!$R$2:$R$366,ROW(INDEX(Jesper!AL$2:AL$366,ROUNDDOWN($C3280/24,0)+1,1))-1)+IF('Standard Profiles'!$G$22=$B$10,7,0)+IF('Standard Profiles'!$G$22=$B$17,14,0)+IF('Standard Profiles'!$G$22=$B$24,21,0),MOD($C3280,24)+1)/SUM(INDEX($D$3:$AA$30,INDEX(Jesper!$R$2:$R$366,ROW(INDEX(Jesper!AL$2:AL$366,ROUNDDOWN($C3280/24,0)+1,1))-1)+IF('Standard Profiles'!$G$22=$B$10,7,0)+IF('Standard Profiles'!$G$22=$B$17,14,0)+IF('Standard Profiles'!$G$22=$B$24,21,0),0)),0)</f>
        <v>0</v>
      </c>
      <c r="I3280">
        <f t="shared" si="370"/>
        <v>0.45670161218879862</v>
      </c>
      <c r="J3280">
        <f t="shared" si="371"/>
        <v>8.4647332764182774</v>
      </c>
      <c r="K3280">
        <f t="shared" si="372"/>
        <v>0.58843381010826379</v>
      </c>
      <c r="L3280">
        <f t="shared" si="373"/>
        <v>0.29421690505413189</v>
      </c>
      <c r="M3280">
        <f t="shared" si="374"/>
        <v>0</v>
      </c>
      <c r="N3280" s="45">
        <f t="shared" si="375"/>
        <v>45062.249999992127</v>
      </c>
    </row>
    <row r="3281" spans="2:14" x14ac:dyDescent="0.25">
      <c r="B3281">
        <f t="shared" si="369"/>
        <v>2</v>
      </c>
      <c r="C3281" s="16">
        <v>3247</v>
      </c>
      <c r="D3281" cm="1">
        <f t="array" ref="D3281">IFERROR(INDEX(Jesper!AH$2:AH$366,ROUNDDOWN($C3281/24,0)+1,1)*INDEX($D$3:$AA$30,INDEX(Jesper!$R$2:$R$366,ROW(INDEX(Jesper!AH$2:AH$366,ROUNDDOWN($C3281/24,0)+1,1))-1)+IF('Standard Profiles'!$G$18=$B$10,7,0)+IF('Standard Profiles'!$G$18=$B$17,14,0)+IF('Standard Profiles'!$G$18=$B$24,21,0),MOD($C3281,24)+1)/SUM(INDEX($D$3:$AA$30,INDEX(Jesper!$R$2:$R$366,ROW(INDEX(Jesper!AH$2:AH$366,ROUNDDOWN($C3281/24,0)+1,1))-1)+IF('Standard Profiles'!$G$18=$B$10,7,0)+IF('Standard Profiles'!$G$18=$B$17,14,0)+IF('Standard Profiles'!$G$18=$B$24,21,0),0)),0)</f>
        <v>23.255777631915457</v>
      </c>
      <c r="E3281" cm="1">
        <f t="array" ref="E3281">IFERROR(INDEX(Jesper!AI$2:AI$366,ROUNDDOWN($C3281/24,0)+1,1)*INDEX($D$3:$AA$30,INDEX(Jesper!$R$2:$R$366,ROW(INDEX(Jesper!AI$2:AI$366,ROUNDDOWN($C3281/24,0)+1,1))-1)+IF('Standard Profiles'!$G$19=$B$10,7,0)+IF('Standard Profiles'!$G$19=$B$17,14,0)+IF('Standard Profiles'!$G$19=$B$24,21,0),MOD($C3281,24)+1)/SUM(INDEX($D$3:$AA$30,INDEX(Jesper!$R$2:$R$366,ROW(INDEX(Jesper!AI$2:AI$366,ROUNDDOWN($C3281/24,0)+1,1))-1)+IF('Standard Profiles'!$G$19=$B$10,7,0)+IF('Standard Profiles'!$G$19=$B$17,14,0)+IF('Standard Profiles'!$G$19=$B$24,21,0),0)),0)</f>
        <v>14.06356504588479</v>
      </c>
      <c r="F3281" cm="1">
        <f t="array" ref="F3281">IFERROR(INDEX(Jesper!AJ$2:AJ$366,ROUNDDOWN($C3281/24,0)+1,1)*INDEX($D$3:$AA$30,INDEX(Jesper!$R$2:$R$366,ROW(INDEX(Jesper!AJ$2:AJ$366,ROUNDDOWN($C3281/24,0)+1,1))-1)+IF('Standard Profiles'!$G$20=$B$10,7,0)+IF('Standard Profiles'!$G$20=$B$17,14,0)+IF('Standard Profiles'!$G$20=$B$24,21,0),MOD($C3281,24)+1)/SUM(INDEX($D$3:$AA$30,INDEX(Jesper!$R$2:$R$366,ROW(INDEX(Jesper!AJ$2:AJ$366,ROUNDDOWN($C3281/24,0)+1,1))-1)+IF('Standard Profiles'!$G$20=$B$10,7,0)+IF('Standard Profiles'!$G$20=$B$17,14,0)+IF('Standard Profiles'!$G$20=$B$24,21,0),0)),0)</f>
        <v>0</v>
      </c>
      <c r="G3281" cm="1">
        <f t="array" ref="G3281">IFERROR(INDEX(Jesper!AK$2:AK$366,ROUNDDOWN($C3281/24,0)+1,1)*INDEX($D$3:$AA$30,INDEX(Jesper!$R$2:$R$366,ROW(INDEX(Jesper!AK$2:AK$366,ROUNDDOWN($C3281/24,0)+1,1))-1)+IF('Standard Profiles'!$G$21=$B$10,7,0)+IF('Standard Profiles'!$G$21=$B$17,14,0)+IF('Standard Profiles'!$G$21=$B$24,21,0),MOD($C3281,24)+1)/SUM(INDEX($D$3:$AA$30,INDEX(Jesper!$R$2:$R$366,ROW(INDEX(Jesper!AK$2:AK$366,ROUNDDOWN($C3281/24,0)+1,1))-1)+IF('Standard Profiles'!$G$21=$B$10,7,0)+IF('Standard Profiles'!$G$21=$B$17,14,0)+IF('Standard Profiles'!$G$21=$B$24,21,0),0)),0)</f>
        <v>2.7408235193857347</v>
      </c>
      <c r="H3281" cm="1">
        <f t="array" ref="H3281">IFERROR(INDEX(Jesper!AL$2:AL$366,ROUNDDOWN($C3281/24,0)+1,1)*INDEX($D$3:$AA$30,INDEX(Jesper!$R$2:$R$366,ROW(INDEX(Jesper!AL$2:AL$366,ROUNDDOWN($C3281/24,0)+1,1))-1)+IF('Standard Profiles'!$G$22=$B$10,7,0)+IF('Standard Profiles'!$G$22=$B$17,14,0)+IF('Standard Profiles'!$G$22=$B$24,21,0),MOD($C3281,24)+1)/SUM(INDEX($D$3:$AA$30,INDEX(Jesper!$R$2:$R$366,ROW(INDEX(Jesper!AL$2:AL$366,ROUNDDOWN($C3281/24,0)+1,1))-1)+IF('Standard Profiles'!$G$22=$B$10,7,0)+IF('Standard Profiles'!$G$22=$B$17,14,0)+IF('Standard Profiles'!$G$22=$B$24,21,0),0)),0)</f>
        <v>0</v>
      </c>
      <c r="I3281">
        <f t="shared" si="370"/>
        <v>1.3155952893051519</v>
      </c>
      <c r="J3281">
        <f t="shared" si="371"/>
        <v>35.023646486774361</v>
      </c>
      <c r="K3281">
        <f t="shared" si="372"/>
        <v>2.4806162807376491</v>
      </c>
      <c r="L3281">
        <f t="shared" si="373"/>
        <v>1.2403081403688245</v>
      </c>
      <c r="M3281">
        <f t="shared" si="374"/>
        <v>0</v>
      </c>
      <c r="N3281" s="45">
        <f t="shared" si="375"/>
        <v>45062.291666658792</v>
      </c>
    </row>
    <row r="3282" spans="2:14" x14ac:dyDescent="0.25">
      <c r="B3282">
        <f t="shared" si="369"/>
        <v>2</v>
      </c>
      <c r="C3282" s="16">
        <v>3248</v>
      </c>
      <c r="D3282" cm="1">
        <f t="array" ref="D3282">IFERROR(INDEX(Jesper!AH$2:AH$366,ROUNDDOWN($C3282/24,0)+1,1)*INDEX($D$3:$AA$30,INDEX(Jesper!$R$2:$R$366,ROW(INDEX(Jesper!AH$2:AH$366,ROUNDDOWN($C3282/24,0)+1,1))-1)+IF('Standard Profiles'!$G$18=$B$10,7,0)+IF('Standard Profiles'!$G$18=$B$17,14,0)+IF('Standard Profiles'!$G$18=$B$24,21,0),MOD($C3282,24)+1)/SUM(INDEX($D$3:$AA$30,INDEX(Jesper!$R$2:$R$366,ROW(INDEX(Jesper!AH$2:AH$366,ROUNDDOWN($C3282/24,0)+1,1))-1)+IF('Standard Profiles'!$G$18=$B$10,7,0)+IF('Standard Profiles'!$G$18=$B$17,14,0)+IF('Standard Profiles'!$G$18=$B$24,21,0),0)),0)</f>
        <v>25.948551884031986</v>
      </c>
      <c r="E3282" cm="1">
        <f t="array" ref="E3282">IFERROR(INDEX(Jesper!AI$2:AI$366,ROUNDDOWN($C3282/24,0)+1,1)*INDEX($D$3:$AA$30,INDEX(Jesper!$R$2:$R$366,ROW(INDEX(Jesper!AI$2:AI$366,ROUNDDOWN($C3282/24,0)+1,1))-1)+IF('Standard Profiles'!$G$19=$B$10,7,0)+IF('Standard Profiles'!$G$19=$B$17,14,0)+IF('Standard Profiles'!$G$19=$B$24,21,0),MOD($C3282,24)+1)/SUM(INDEX($D$3:$AA$30,INDEX(Jesper!$R$2:$R$366,ROW(INDEX(Jesper!AI$2:AI$366,ROUNDDOWN($C3282/24,0)+1,1))-1)+IF('Standard Profiles'!$G$19=$B$10,7,0)+IF('Standard Profiles'!$G$19=$B$17,14,0)+IF('Standard Profiles'!$G$19=$B$24,21,0),0)),0)</f>
        <v>15.691977840671452</v>
      </c>
      <c r="F3282" cm="1">
        <f t="array" ref="F3282">IFERROR(INDEX(Jesper!AJ$2:AJ$366,ROUNDDOWN($C3282/24,0)+1,1)*INDEX($D$3:$AA$30,INDEX(Jesper!$R$2:$R$366,ROW(INDEX(Jesper!AJ$2:AJ$366,ROUNDDOWN($C3282/24,0)+1,1))-1)+IF('Standard Profiles'!$G$20=$B$10,7,0)+IF('Standard Profiles'!$G$20=$B$17,14,0)+IF('Standard Profiles'!$G$20=$B$24,21,0),MOD($C3282,24)+1)/SUM(INDEX($D$3:$AA$30,INDEX(Jesper!$R$2:$R$366,ROW(INDEX(Jesper!AJ$2:AJ$366,ROUNDDOWN($C3282/24,0)+1,1))-1)+IF('Standard Profiles'!$G$20=$B$10,7,0)+IF('Standard Profiles'!$G$20=$B$17,14,0)+IF('Standard Profiles'!$G$20=$B$24,21,0),0)),0)</f>
        <v>0</v>
      </c>
      <c r="G3282" cm="1">
        <f t="array" ref="G3282">IFERROR(INDEX(Jesper!AK$2:AK$366,ROUNDDOWN($C3282/24,0)+1,1)*INDEX($D$3:$AA$30,INDEX(Jesper!$R$2:$R$366,ROW(INDEX(Jesper!AK$2:AK$366,ROUNDDOWN($C3282/24,0)+1,1))-1)+IF('Standard Profiles'!$G$21=$B$10,7,0)+IF('Standard Profiles'!$G$21=$B$17,14,0)+IF('Standard Profiles'!$G$21=$B$24,21,0),MOD($C3282,24)+1)/SUM(INDEX($D$3:$AA$30,INDEX(Jesper!$R$2:$R$366,ROW(INDEX(Jesper!AK$2:AK$366,ROUNDDOWN($C3282/24,0)+1,1))-1)+IF('Standard Profiles'!$G$21=$B$10,7,0)+IF('Standard Profiles'!$G$21=$B$17,14,0)+IF('Standard Profiles'!$G$21=$B$24,21,0),0)),0)</f>
        <v>3.0581820321567146</v>
      </c>
      <c r="H3282" cm="1">
        <f t="array" ref="H3282">IFERROR(INDEX(Jesper!AL$2:AL$366,ROUNDDOWN($C3282/24,0)+1,1)*INDEX($D$3:$AA$30,INDEX(Jesper!$R$2:$R$366,ROW(INDEX(Jesper!AL$2:AL$366,ROUNDDOWN($C3282/24,0)+1,1))-1)+IF('Standard Profiles'!$G$22=$B$10,7,0)+IF('Standard Profiles'!$G$22=$B$17,14,0)+IF('Standard Profiles'!$G$22=$B$24,21,0),MOD($C3282,24)+1)/SUM(INDEX($D$3:$AA$30,INDEX(Jesper!$R$2:$R$366,ROW(INDEX(Jesper!AL$2:AL$366,ROUNDDOWN($C3282/24,0)+1,1))-1)+IF('Standard Profiles'!$G$22=$B$10,7,0)+IF('Standard Profiles'!$G$22=$B$17,14,0)+IF('Standard Profiles'!$G$22=$B$24,21,0),0)),0)</f>
        <v>0</v>
      </c>
      <c r="I3282">
        <f t="shared" si="370"/>
        <v>1.4679273754352222</v>
      </c>
      <c r="J3282">
        <f t="shared" si="371"/>
        <v>39.079016079979809</v>
      </c>
      <c r="K3282">
        <f t="shared" si="372"/>
        <v>2.7678455342967454</v>
      </c>
      <c r="L3282">
        <f t="shared" si="373"/>
        <v>1.3839227671483727</v>
      </c>
      <c r="M3282">
        <f t="shared" si="374"/>
        <v>0</v>
      </c>
      <c r="N3282" s="45">
        <f t="shared" si="375"/>
        <v>45062.333333325456</v>
      </c>
    </row>
    <row r="3283" spans="2:14" x14ac:dyDescent="0.25">
      <c r="B3283">
        <f t="shared" si="369"/>
        <v>2</v>
      </c>
      <c r="C3283" s="16">
        <v>3249</v>
      </c>
      <c r="D3283" cm="1">
        <f t="array" ref="D3283">IFERROR(INDEX(Jesper!AH$2:AH$366,ROUNDDOWN($C3283/24,0)+1,1)*INDEX($D$3:$AA$30,INDEX(Jesper!$R$2:$R$366,ROW(INDEX(Jesper!AH$2:AH$366,ROUNDDOWN($C3283/24,0)+1,1))-1)+IF('Standard Profiles'!$G$18=$B$10,7,0)+IF('Standard Profiles'!$G$18=$B$17,14,0)+IF('Standard Profiles'!$G$18=$B$24,21,0),MOD($C3283,24)+1)/SUM(INDEX($D$3:$AA$30,INDEX(Jesper!$R$2:$R$366,ROW(INDEX(Jesper!AH$2:AH$366,ROUNDDOWN($C3283/24,0)+1,1))-1)+IF('Standard Profiles'!$G$18=$B$10,7,0)+IF('Standard Profiles'!$G$18=$B$17,14,0)+IF('Standard Profiles'!$G$18=$B$24,21,0),0)),0)</f>
        <v>28.641326136148514</v>
      </c>
      <c r="E3283" cm="1">
        <f t="array" ref="E3283">IFERROR(INDEX(Jesper!AI$2:AI$366,ROUNDDOWN($C3283/24,0)+1,1)*INDEX($D$3:$AA$30,INDEX(Jesper!$R$2:$R$366,ROW(INDEX(Jesper!AI$2:AI$366,ROUNDDOWN($C3283/24,0)+1,1))-1)+IF('Standard Profiles'!$G$19=$B$10,7,0)+IF('Standard Profiles'!$G$19=$B$17,14,0)+IF('Standard Profiles'!$G$19=$B$24,21,0),MOD($C3283,24)+1)/SUM(INDEX($D$3:$AA$30,INDEX(Jesper!$R$2:$R$366,ROW(INDEX(Jesper!AI$2:AI$366,ROUNDDOWN($C3283/24,0)+1,1))-1)+IF('Standard Profiles'!$G$19=$B$10,7,0)+IF('Standard Profiles'!$G$19=$B$17,14,0)+IF('Standard Profiles'!$G$19=$B$24,21,0),0)),0)</f>
        <v>17.320390635458114</v>
      </c>
      <c r="F3283" cm="1">
        <f t="array" ref="F3283">IFERROR(INDEX(Jesper!AJ$2:AJ$366,ROUNDDOWN($C3283/24,0)+1,1)*INDEX($D$3:$AA$30,INDEX(Jesper!$R$2:$R$366,ROW(INDEX(Jesper!AJ$2:AJ$366,ROUNDDOWN($C3283/24,0)+1,1))-1)+IF('Standard Profiles'!$G$20=$B$10,7,0)+IF('Standard Profiles'!$G$20=$B$17,14,0)+IF('Standard Profiles'!$G$20=$B$24,21,0),MOD($C3283,24)+1)/SUM(INDEX($D$3:$AA$30,INDEX(Jesper!$R$2:$R$366,ROW(INDEX(Jesper!AJ$2:AJ$366,ROUNDDOWN($C3283/24,0)+1,1))-1)+IF('Standard Profiles'!$G$20=$B$10,7,0)+IF('Standard Profiles'!$G$20=$B$17,14,0)+IF('Standard Profiles'!$G$20=$B$24,21,0),0)),0)</f>
        <v>0</v>
      </c>
      <c r="G3283" cm="1">
        <f t="array" ref="G3283">IFERROR(INDEX(Jesper!AK$2:AK$366,ROUNDDOWN($C3283/24,0)+1,1)*INDEX($D$3:$AA$30,INDEX(Jesper!$R$2:$R$366,ROW(INDEX(Jesper!AK$2:AK$366,ROUNDDOWN($C3283/24,0)+1,1))-1)+IF('Standard Profiles'!$G$21=$B$10,7,0)+IF('Standard Profiles'!$G$21=$B$17,14,0)+IF('Standard Profiles'!$G$21=$B$24,21,0),MOD($C3283,24)+1)/SUM(INDEX($D$3:$AA$30,INDEX(Jesper!$R$2:$R$366,ROW(INDEX(Jesper!AK$2:AK$366,ROUNDDOWN($C3283/24,0)+1,1))-1)+IF('Standard Profiles'!$G$21=$B$10,7,0)+IF('Standard Profiles'!$G$21=$B$17,14,0)+IF('Standard Profiles'!$G$21=$B$24,21,0),0)),0)</f>
        <v>3.3755405449276945</v>
      </c>
      <c r="H3283" cm="1">
        <f t="array" ref="H3283">IFERROR(INDEX(Jesper!AL$2:AL$366,ROUNDDOWN($C3283/24,0)+1,1)*INDEX($D$3:$AA$30,INDEX(Jesper!$R$2:$R$366,ROW(INDEX(Jesper!AL$2:AL$366,ROUNDDOWN($C3283/24,0)+1,1))-1)+IF('Standard Profiles'!$G$22=$B$10,7,0)+IF('Standard Profiles'!$G$22=$B$17,14,0)+IF('Standard Profiles'!$G$22=$B$24,21,0),MOD($C3283,24)+1)/SUM(INDEX($D$3:$AA$30,INDEX(Jesper!$R$2:$R$366,ROW(INDEX(Jesper!AL$2:AL$366,ROUNDDOWN($C3283/24,0)+1,1))-1)+IF('Standard Profiles'!$G$22=$B$10,7,0)+IF('Standard Profiles'!$G$22=$B$17,14,0)+IF('Standard Profiles'!$G$22=$B$24,21,0),0)),0)</f>
        <v>0</v>
      </c>
      <c r="I3283">
        <f t="shared" si="370"/>
        <v>1.6202594615652925</v>
      </c>
      <c r="J3283">
        <f t="shared" si="371"/>
        <v>43.134385673185271</v>
      </c>
      <c r="K3283">
        <f t="shared" si="372"/>
        <v>3.0550747878558417</v>
      </c>
      <c r="L3283">
        <f t="shared" si="373"/>
        <v>1.5275373939279209</v>
      </c>
      <c r="M3283">
        <f t="shared" si="374"/>
        <v>0</v>
      </c>
      <c r="N3283" s="45">
        <f t="shared" si="375"/>
        <v>45062.37499999212</v>
      </c>
    </row>
    <row r="3284" spans="2:14" x14ac:dyDescent="0.25">
      <c r="B3284">
        <f t="shared" si="369"/>
        <v>2</v>
      </c>
      <c r="C3284" s="16">
        <v>3250</v>
      </c>
      <c r="D3284" cm="1">
        <f t="array" ref="D3284">IFERROR(INDEX(Jesper!AH$2:AH$366,ROUNDDOWN($C3284/24,0)+1,1)*INDEX($D$3:$AA$30,INDEX(Jesper!$R$2:$R$366,ROW(INDEX(Jesper!AH$2:AH$366,ROUNDDOWN($C3284/24,0)+1,1))-1)+IF('Standard Profiles'!$G$18=$B$10,7,0)+IF('Standard Profiles'!$G$18=$B$17,14,0)+IF('Standard Profiles'!$G$18=$B$24,21,0),MOD($C3284,24)+1)/SUM(INDEX($D$3:$AA$30,INDEX(Jesper!$R$2:$R$366,ROW(INDEX(Jesper!AH$2:AH$366,ROUNDDOWN($C3284/24,0)+1,1))-1)+IF('Standard Profiles'!$G$18=$B$10,7,0)+IF('Standard Profiles'!$G$18=$B$17,14,0)+IF('Standard Profiles'!$G$18=$B$24,21,0),0)),0)</f>
        <v>28.641326136148514</v>
      </c>
      <c r="E3284" cm="1">
        <f t="array" ref="E3284">IFERROR(INDEX(Jesper!AI$2:AI$366,ROUNDDOWN($C3284/24,0)+1,1)*INDEX($D$3:$AA$30,INDEX(Jesper!$R$2:$R$366,ROW(INDEX(Jesper!AI$2:AI$366,ROUNDDOWN($C3284/24,0)+1,1))-1)+IF('Standard Profiles'!$G$19=$B$10,7,0)+IF('Standard Profiles'!$G$19=$B$17,14,0)+IF('Standard Profiles'!$G$19=$B$24,21,0),MOD($C3284,24)+1)/SUM(INDEX($D$3:$AA$30,INDEX(Jesper!$R$2:$R$366,ROW(INDEX(Jesper!AI$2:AI$366,ROUNDDOWN($C3284/24,0)+1,1))-1)+IF('Standard Profiles'!$G$19=$B$10,7,0)+IF('Standard Profiles'!$G$19=$B$17,14,0)+IF('Standard Profiles'!$G$19=$B$24,21,0),0)),0)</f>
        <v>17.320390635458114</v>
      </c>
      <c r="F3284" cm="1">
        <f t="array" ref="F3284">IFERROR(INDEX(Jesper!AJ$2:AJ$366,ROUNDDOWN($C3284/24,0)+1,1)*INDEX($D$3:$AA$30,INDEX(Jesper!$R$2:$R$366,ROW(INDEX(Jesper!AJ$2:AJ$366,ROUNDDOWN($C3284/24,0)+1,1))-1)+IF('Standard Profiles'!$G$20=$B$10,7,0)+IF('Standard Profiles'!$G$20=$B$17,14,0)+IF('Standard Profiles'!$G$20=$B$24,21,0),MOD($C3284,24)+1)/SUM(INDEX($D$3:$AA$30,INDEX(Jesper!$R$2:$R$366,ROW(INDEX(Jesper!AJ$2:AJ$366,ROUNDDOWN($C3284/24,0)+1,1))-1)+IF('Standard Profiles'!$G$20=$B$10,7,0)+IF('Standard Profiles'!$G$20=$B$17,14,0)+IF('Standard Profiles'!$G$20=$B$24,21,0),0)),0)</f>
        <v>0</v>
      </c>
      <c r="G3284" cm="1">
        <f t="array" ref="G3284">IFERROR(INDEX(Jesper!AK$2:AK$366,ROUNDDOWN($C3284/24,0)+1,1)*INDEX($D$3:$AA$30,INDEX(Jesper!$R$2:$R$366,ROW(INDEX(Jesper!AK$2:AK$366,ROUNDDOWN($C3284/24,0)+1,1))-1)+IF('Standard Profiles'!$G$21=$B$10,7,0)+IF('Standard Profiles'!$G$21=$B$17,14,0)+IF('Standard Profiles'!$G$21=$B$24,21,0),MOD($C3284,24)+1)/SUM(INDEX($D$3:$AA$30,INDEX(Jesper!$R$2:$R$366,ROW(INDEX(Jesper!AK$2:AK$366,ROUNDDOWN($C3284/24,0)+1,1))-1)+IF('Standard Profiles'!$G$21=$B$10,7,0)+IF('Standard Profiles'!$G$21=$B$17,14,0)+IF('Standard Profiles'!$G$21=$B$24,21,0),0)),0)</f>
        <v>3.3755405449276945</v>
      </c>
      <c r="H3284" cm="1">
        <f t="array" ref="H3284">IFERROR(INDEX(Jesper!AL$2:AL$366,ROUNDDOWN($C3284/24,0)+1,1)*INDEX($D$3:$AA$30,INDEX(Jesper!$R$2:$R$366,ROW(INDEX(Jesper!AL$2:AL$366,ROUNDDOWN($C3284/24,0)+1,1))-1)+IF('Standard Profiles'!$G$22=$B$10,7,0)+IF('Standard Profiles'!$G$22=$B$17,14,0)+IF('Standard Profiles'!$G$22=$B$24,21,0),MOD($C3284,24)+1)/SUM(INDEX($D$3:$AA$30,INDEX(Jesper!$R$2:$R$366,ROW(INDEX(Jesper!AL$2:AL$366,ROUNDDOWN($C3284/24,0)+1,1))-1)+IF('Standard Profiles'!$G$22=$B$10,7,0)+IF('Standard Profiles'!$G$22=$B$17,14,0)+IF('Standard Profiles'!$G$22=$B$24,21,0),0)),0)</f>
        <v>0</v>
      </c>
      <c r="I3284">
        <f t="shared" si="370"/>
        <v>1.6202594615652925</v>
      </c>
      <c r="J3284">
        <f t="shared" si="371"/>
        <v>43.134385673185271</v>
      </c>
      <c r="K3284">
        <f t="shared" si="372"/>
        <v>3.0550747878558417</v>
      </c>
      <c r="L3284">
        <f t="shared" si="373"/>
        <v>1.5275373939279209</v>
      </c>
      <c r="M3284">
        <f t="shared" si="374"/>
        <v>0</v>
      </c>
      <c r="N3284" s="45">
        <f t="shared" si="375"/>
        <v>45062.416666658784</v>
      </c>
    </row>
    <row r="3285" spans="2:14" x14ac:dyDescent="0.25">
      <c r="B3285">
        <f t="shared" si="369"/>
        <v>2</v>
      </c>
      <c r="C3285" s="16">
        <v>3251</v>
      </c>
      <c r="D3285" cm="1">
        <f t="array" ref="D3285">IFERROR(INDEX(Jesper!AH$2:AH$366,ROUNDDOWN($C3285/24,0)+1,1)*INDEX($D$3:$AA$30,INDEX(Jesper!$R$2:$R$366,ROW(INDEX(Jesper!AH$2:AH$366,ROUNDDOWN($C3285/24,0)+1,1))-1)+IF('Standard Profiles'!$G$18=$B$10,7,0)+IF('Standard Profiles'!$G$18=$B$17,14,0)+IF('Standard Profiles'!$G$18=$B$24,21,0),MOD($C3285,24)+1)/SUM(INDEX($D$3:$AA$30,INDEX(Jesper!$R$2:$R$366,ROW(INDEX(Jesper!AH$2:AH$366,ROUNDDOWN($C3285/24,0)+1,1))-1)+IF('Standard Profiles'!$G$18=$B$10,7,0)+IF('Standard Profiles'!$G$18=$B$17,14,0)+IF('Standard Profiles'!$G$18=$B$24,21,0),0)),0)</f>
        <v>34.271672299664885</v>
      </c>
      <c r="E3285" cm="1">
        <f t="array" ref="E3285">IFERROR(INDEX(Jesper!AI$2:AI$366,ROUNDDOWN($C3285/24,0)+1,1)*INDEX($D$3:$AA$30,INDEX(Jesper!$R$2:$R$366,ROW(INDEX(Jesper!AI$2:AI$366,ROUNDDOWN($C3285/24,0)+1,1))-1)+IF('Standard Profiles'!$G$19=$B$10,7,0)+IF('Standard Profiles'!$G$19=$B$17,14,0)+IF('Standard Profiles'!$G$19=$B$24,21,0),MOD($C3285,24)+1)/SUM(INDEX($D$3:$AA$30,INDEX(Jesper!$R$2:$R$366,ROW(INDEX(Jesper!AI$2:AI$366,ROUNDDOWN($C3285/24,0)+1,1))-1)+IF('Standard Profiles'!$G$19=$B$10,7,0)+IF('Standard Profiles'!$G$19=$B$17,14,0)+IF('Standard Profiles'!$G$19=$B$24,21,0),0)),0)</f>
        <v>20.72525375183022</v>
      </c>
      <c r="F3285" cm="1">
        <f t="array" ref="F3285">IFERROR(INDEX(Jesper!AJ$2:AJ$366,ROUNDDOWN($C3285/24,0)+1,1)*INDEX($D$3:$AA$30,INDEX(Jesper!$R$2:$R$366,ROW(INDEX(Jesper!AJ$2:AJ$366,ROUNDDOWN($C3285/24,0)+1,1))-1)+IF('Standard Profiles'!$G$20=$B$10,7,0)+IF('Standard Profiles'!$G$20=$B$17,14,0)+IF('Standard Profiles'!$G$20=$B$24,21,0),MOD($C3285,24)+1)/SUM(INDEX($D$3:$AA$30,INDEX(Jesper!$R$2:$R$366,ROW(INDEX(Jesper!AJ$2:AJ$366,ROUNDDOWN($C3285/24,0)+1,1))-1)+IF('Standard Profiles'!$G$20=$B$10,7,0)+IF('Standard Profiles'!$G$20=$B$17,14,0)+IF('Standard Profiles'!$G$20=$B$24,21,0),0)),0)</f>
        <v>0</v>
      </c>
      <c r="G3285" cm="1">
        <f t="array" ref="G3285">IFERROR(INDEX(Jesper!AK$2:AK$366,ROUNDDOWN($C3285/24,0)+1,1)*INDEX($D$3:$AA$30,INDEX(Jesper!$R$2:$R$366,ROW(INDEX(Jesper!AK$2:AK$366,ROUNDDOWN($C3285/24,0)+1,1))-1)+IF('Standard Profiles'!$G$21=$B$10,7,0)+IF('Standard Profiles'!$G$21=$B$17,14,0)+IF('Standard Profiles'!$G$21=$B$24,21,0),MOD($C3285,24)+1)/SUM(INDEX($D$3:$AA$30,INDEX(Jesper!$R$2:$R$366,ROW(INDEX(Jesper!AK$2:AK$366,ROUNDDOWN($C3285/24,0)+1,1))-1)+IF('Standard Profiles'!$G$21=$B$10,7,0)+IF('Standard Profiles'!$G$21=$B$17,14,0)+IF('Standard Profiles'!$G$21=$B$24,21,0),0)),0)</f>
        <v>4.039108344357925</v>
      </c>
      <c r="H3285" cm="1">
        <f t="array" ref="H3285">IFERROR(INDEX(Jesper!AL$2:AL$366,ROUNDDOWN($C3285/24,0)+1,1)*INDEX($D$3:$AA$30,INDEX(Jesper!$R$2:$R$366,ROW(INDEX(Jesper!AL$2:AL$366,ROUNDDOWN($C3285/24,0)+1,1))-1)+IF('Standard Profiles'!$G$22=$B$10,7,0)+IF('Standard Profiles'!$G$22=$B$17,14,0)+IF('Standard Profiles'!$G$22=$B$24,21,0),MOD($C3285,24)+1)/SUM(INDEX($D$3:$AA$30,INDEX(Jesper!$R$2:$R$366,ROW(INDEX(Jesper!AL$2:AL$366,ROUNDDOWN($C3285/24,0)+1,1))-1)+IF('Standard Profiles'!$G$22=$B$10,7,0)+IF('Standard Profiles'!$G$22=$B$17,14,0)+IF('Standard Profiles'!$G$22=$B$24,21,0),0)),0)</f>
        <v>0</v>
      </c>
      <c r="I3285">
        <f t="shared" si="370"/>
        <v>1.9387720052918029</v>
      </c>
      <c r="J3285">
        <f t="shared" si="371"/>
        <v>51.613794822614842</v>
      </c>
      <c r="K3285">
        <f t="shared" si="372"/>
        <v>3.6556450452975882</v>
      </c>
      <c r="L3285">
        <f t="shared" si="373"/>
        <v>1.8278225226487941</v>
      </c>
      <c r="M3285">
        <f t="shared" si="374"/>
        <v>0</v>
      </c>
      <c r="N3285" s="45">
        <f t="shared" si="375"/>
        <v>45062.458333325449</v>
      </c>
    </row>
    <row r="3286" spans="2:14" x14ac:dyDescent="0.25">
      <c r="B3286">
        <f t="shared" si="369"/>
        <v>2</v>
      </c>
      <c r="C3286" s="16">
        <v>3252</v>
      </c>
      <c r="D3286" cm="1">
        <f t="array" ref="D3286">IFERROR(INDEX(Jesper!AH$2:AH$366,ROUNDDOWN($C3286/24,0)+1,1)*INDEX($D$3:$AA$30,INDEX(Jesper!$R$2:$R$366,ROW(INDEX(Jesper!AH$2:AH$366,ROUNDDOWN($C3286/24,0)+1,1))-1)+IF('Standard Profiles'!$G$18=$B$10,7,0)+IF('Standard Profiles'!$G$18=$B$17,14,0)+IF('Standard Profiles'!$G$18=$B$24,21,0),MOD($C3286,24)+1)/SUM(INDEX($D$3:$AA$30,INDEX(Jesper!$R$2:$R$366,ROW(INDEX(Jesper!AH$2:AH$366,ROUNDDOWN($C3286/24,0)+1,1))-1)+IF('Standard Profiles'!$G$18=$B$10,7,0)+IF('Standard Profiles'!$G$18=$B$17,14,0)+IF('Standard Profiles'!$G$18=$B$24,21,0),0)),0)</f>
        <v>34.271672299664885</v>
      </c>
      <c r="E3286" cm="1">
        <f t="array" ref="E3286">IFERROR(INDEX(Jesper!AI$2:AI$366,ROUNDDOWN($C3286/24,0)+1,1)*INDEX($D$3:$AA$30,INDEX(Jesper!$R$2:$R$366,ROW(INDEX(Jesper!AI$2:AI$366,ROUNDDOWN($C3286/24,0)+1,1))-1)+IF('Standard Profiles'!$G$19=$B$10,7,0)+IF('Standard Profiles'!$G$19=$B$17,14,0)+IF('Standard Profiles'!$G$19=$B$24,21,0),MOD($C3286,24)+1)/SUM(INDEX($D$3:$AA$30,INDEX(Jesper!$R$2:$R$366,ROW(INDEX(Jesper!AI$2:AI$366,ROUNDDOWN($C3286/24,0)+1,1))-1)+IF('Standard Profiles'!$G$19=$B$10,7,0)+IF('Standard Profiles'!$G$19=$B$17,14,0)+IF('Standard Profiles'!$G$19=$B$24,21,0),0)),0)</f>
        <v>20.72525375183022</v>
      </c>
      <c r="F3286" cm="1">
        <f t="array" ref="F3286">IFERROR(INDEX(Jesper!AJ$2:AJ$366,ROUNDDOWN($C3286/24,0)+1,1)*INDEX($D$3:$AA$30,INDEX(Jesper!$R$2:$R$366,ROW(INDEX(Jesper!AJ$2:AJ$366,ROUNDDOWN($C3286/24,0)+1,1))-1)+IF('Standard Profiles'!$G$20=$B$10,7,0)+IF('Standard Profiles'!$G$20=$B$17,14,0)+IF('Standard Profiles'!$G$20=$B$24,21,0),MOD($C3286,24)+1)/SUM(INDEX($D$3:$AA$30,INDEX(Jesper!$R$2:$R$366,ROW(INDEX(Jesper!AJ$2:AJ$366,ROUNDDOWN($C3286/24,0)+1,1))-1)+IF('Standard Profiles'!$G$20=$B$10,7,0)+IF('Standard Profiles'!$G$20=$B$17,14,0)+IF('Standard Profiles'!$G$20=$B$24,21,0),0)),0)</f>
        <v>0</v>
      </c>
      <c r="G3286" cm="1">
        <f t="array" ref="G3286">IFERROR(INDEX(Jesper!AK$2:AK$366,ROUNDDOWN($C3286/24,0)+1,1)*INDEX($D$3:$AA$30,INDEX(Jesper!$R$2:$R$366,ROW(INDEX(Jesper!AK$2:AK$366,ROUNDDOWN($C3286/24,0)+1,1))-1)+IF('Standard Profiles'!$G$21=$B$10,7,0)+IF('Standard Profiles'!$G$21=$B$17,14,0)+IF('Standard Profiles'!$G$21=$B$24,21,0),MOD($C3286,24)+1)/SUM(INDEX($D$3:$AA$30,INDEX(Jesper!$R$2:$R$366,ROW(INDEX(Jesper!AK$2:AK$366,ROUNDDOWN($C3286/24,0)+1,1))-1)+IF('Standard Profiles'!$G$21=$B$10,7,0)+IF('Standard Profiles'!$G$21=$B$17,14,0)+IF('Standard Profiles'!$G$21=$B$24,21,0),0)),0)</f>
        <v>4.039108344357925</v>
      </c>
      <c r="H3286" cm="1">
        <f t="array" ref="H3286">IFERROR(INDEX(Jesper!AL$2:AL$366,ROUNDDOWN($C3286/24,0)+1,1)*INDEX($D$3:$AA$30,INDEX(Jesper!$R$2:$R$366,ROW(INDEX(Jesper!AL$2:AL$366,ROUNDDOWN($C3286/24,0)+1,1))-1)+IF('Standard Profiles'!$G$22=$B$10,7,0)+IF('Standard Profiles'!$G$22=$B$17,14,0)+IF('Standard Profiles'!$G$22=$B$24,21,0),MOD($C3286,24)+1)/SUM(INDEX($D$3:$AA$30,INDEX(Jesper!$R$2:$R$366,ROW(INDEX(Jesper!AL$2:AL$366,ROUNDDOWN($C3286/24,0)+1,1))-1)+IF('Standard Profiles'!$G$22=$B$10,7,0)+IF('Standard Profiles'!$G$22=$B$17,14,0)+IF('Standard Profiles'!$G$22=$B$24,21,0),0)),0)</f>
        <v>0</v>
      </c>
      <c r="I3286">
        <f t="shared" si="370"/>
        <v>1.9387720052918029</v>
      </c>
      <c r="J3286">
        <f t="shared" si="371"/>
        <v>51.613794822614842</v>
      </c>
      <c r="K3286">
        <f t="shared" si="372"/>
        <v>3.6556450452975882</v>
      </c>
      <c r="L3286">
        <f t="shared" si="373"/>
        <v>1.8278225226487941</v>
      </c>
      <c r="M3286">
        <f t="shared" si="374"/>
        <v>0</v>
      </c>
      <c r="N3286" s="45">
        <f t="shared" si="375"/>
        <v>45062.499999992113</v>
      </c>
    </row>
    <row r="3287" spans="2:14" x14ac:dyDescent="0.25">
      <c r="B3287">
        <f t="shared" si="369"/>
        <v>2</v>
      </c>
      <c r="C3287" s="16">
        <v>3253</v>
      </c>
      <c r="D3287" cm="1">
        <f t="array" ref="D3287">IFERROR(INDEX(Jesper!AH$2:AH$366,ROUNDDOWN($C3287/24,0)+1,1)*INDEX($D$3:$AA$30,INDEX(Jesper!$R$2:$R$366,ROW(INDEX(Jesper!AH$2:AH$366,ROUNDDOWN($C3287/24,0)+1,1))-1)+IF('Standard Profiles'!$G$18=$B$10,7,0)+IF('Standard Profiles'!$G$18=$B$17,14,0)+IF('Standard Profiles'!$G$18=$B$24,21,0),MOD($C3287,24)+1)/SUM(INDEX($D$3:$AA$30,INDEX(Jesper!$R$2:$R$366,ROW(INDEX(Jesper!AH$2:AH$366,ROUNDDOWN($C3287/24,0)+1,1))-1)+IF('Standard Profiles'!$G$18=$B$10,7,0)+IF('Standard Profiles'!$G$18=$B$17,14,0)+IF('Standard Profiles'!$G$18=$B$24,21,0),0)),0)</f>
        <v>22.766182313348818</v>
      </c>
      <c r="E3287" cm="1">
        <f t="array" ref="E3287">IFERROR(INDEX(Jesper!AI$2:AI$366,ROUNDDOWN($C3287/24,0)+1,1)*INDEX($D$3:$AA$30,INDEX(Jesper!$R$2:$R$366,ROW(INDEX(Jesper!AI$2:AI$366,ROUNDDOWN($C3287/24,0)+1,1))-1)+IF('Standard Profiles'!$G$19=$B$10,7,0)+IF('Standard Profiles'!$G$19=$B$17,14,0)+IF('Standard Profiles'!$G$19=$B$24,21,0),MOD($C3287,24)+1)/SUM(INDEX($D$3:$AA$30,INDEX(Jesper!$R$2:$R$366,ROW(INDEX(Jesper!AI$2:AI$366,ROUNDDOWN($C3287/24,0)+1,1))-1)+IF('Standard Profiles'!$G$19=$B$10,7,0)+IF('Standard Profiles'!$G$19=$B$17,14,0)+IF('Standard Profiles'!$G$19=$B$24,21,0),0)),0)</f>
        <v>13.767489992287215</v>
      </c>
      <c r="F3287" cm="1">
        <f t="array" ref="F3287">IFERROR(INDEX(Jesper!AJ$2:AJ$366,ROUNDDOWN($C3287/24,0)+1,1)*INDEX($D$3:$AA$30,INDEX(Jesper!$R$2:$R$366,ROW(INDEX(Jesper!AJ$2:AJ$366,ROUNDDOWN($C3287/24,0)+1,1))-1)+IF('Standard Profiles'!$G$20=$B$10,7,0)+IF('Standard Profiles'!$G$20=$B$17,14,0)+IF('Standard Profiles'!$G$20=$B$24,21,0),MOD($C3287,24)+1)/SUM(INDEX($D$3:$AA$30,INDEX(Jesper!$R$2:$R$366,ROW(INDEX(Jesper!AJ$2:AJ$366,ROUNDDOWN($C3287/24,0)+1,1))-1)+IF('Standard Profiles'!$G$20=$B$10,7,0)+IF('Standard Profiles'!$G$20=$B$17,14,0)+IF('Standard Profiles'!$G$20=$B$24,21,0),0)),0)</f>
        <v>0</v>
      </c>
      <c r="G3287" cm="1">
        <f t="array" ref="G3287">IFERROR(INDEX(Jesper!AK$2:AK$366,ROUNDDOWN($C3287/24,0)+1,1)*INDEX($D$3:$AA$30,INDEX(Jesper!$R$2:$R$366,ROW(INDEX(Jesper!AK$2:AK$366,ROUNDDOWN($C3287/24,0)+1,1))-1)+IF('Standard Profiles'!$G$21=$B$10,7,0)+IF('Standard Profiles'!$G$21=$B$17,14,0)+IF('Standard Profiles'!$G$21=$B$24,21,0),MOD($C3287,24)+1)/SUM(INDEX($D$3:$AA$30,INDEX(Jesper!$R$2:$R$366,ROW(INDEX(Jesper!AK$2:AK$366,ROUNDDOWN($C3287/24,0)+1,1))-1)+IF('Standard Profiles'!$G$21=$B$10,7,0)+IF('Standard Profiles'!$G$21=$B$17,14,0)+IF('Standard Profiles'!$G$21=$B$24,21,0),0)),0)</f>
        <v>2.6831219716091925</v>
      </c>
      <c r="H3287" cm="1">
        <f t="array" ref="H3287">IFERROR(INDEX(Jesper!AL$2:AL$366,ROUNDDOWN($C3287/24,0)+1,1)*INDEX($D$3:$AA$30,INDEX(Jesper!$R$2:$R$366,ROW(INDEX(Jesper!AL$2:AL$366,ROUNDDOWN($C3287/24,0)+1,1))-1)+IF('Standard Profiles'!$G$22=$B$10,7,0)+IF('Standard Profiles'!$G$22=$B$17,14,0)+IF('Standard Profiles'!$G$22=$B$24,21,0),MOD($C3287,24)+1)/SUM(INDEX($D$3:$AA$30,INDEX(Jesper!$R$2:$R$366,ROW(INDEX(Jesper!AL$2:AL$366,ROUNDDOWN($C3287/24,0)+1,1))-1)+IF('Standard Profiles'!$G$22=$B$10,7,0)+IF('Standard Profiles'!$G$22=$B$17,14,0)+IF('Standard Profiles'!$G$22=$B$24,21,0),0)),0)</f>
        <v>0</v>
      </c>
      <c r="I3287">
        <f t="shared" si="370"/>
        <v>1.2878985463724117</v>
      </c>
      <c r="J3287">
        <f t="shared" si="371"/>
        <v>34.286306560737003</v>
      </c>
      <c r="K3287">
        <f t="shared" si="372"/>
        <v>2.4283927800905407</v>
      </c>
      <c r="L3287">
        <f t="shared" si="373"/>
        <v>1.2141963900452704</v>
      </c>
      <c r="M3287">
        <f t="shared" si="374"/>
        <v>0</v>
      </c>
      <c r="N3287" s="45">
        <f t="shared" si="375"/>
        <v>45062.541666658777</v>
      </c>
    </row>
    <row r="3288" spans="2:14" x14ac:dyDescent="0.25">
      <c r="B3288">
        <f t="shared" si="369"/>
        <v>2</v>
      </c>
      <c r="C3288" s="16">
        <v>3254</v>
      </c>
      <c r="D3288" cm="1">
        <f t="array" ref="D3288">IFERROR(INDEX(Jesper!AH$2:AH$366,ROUNDDOWN($C3288/24,0)+1,1)*INDEX($D$3:$AA$30,INDEX(Jesper!$R$2:$R$366,ROW(INDEX(Jesper!AH$2:AH$366,ROUNDDOWN($C3288/24,0)+1,1))-1)+IF('Standard Profiles'!$G$18=$B$10,7,0)+IF('Standard Profiles'!$G$18=$B$17,14,0)+IF('Standard Profiles'!$G$18=$B$24,21,0),MOD($C3288,24)+1)/SUM(INDEX($D$3:$AA$30,INDEX(Jesper!$R$2:$R$366,ROW(INDEX(Jesper!AH$2:AH$366,ROUNDDOWN($C3288/24,0)+1,1))-1)+IF('Standard Profiles'!$G$18=$B$10,7,0)+IF('Standard Profiles'!$G$18=$B$17,14,0)+IF('Standard Profiles'!$G$18=$B$24,21,0),0)),0)</f>
        <v>34.271672299664885</v>
      </c>
      <c r="E3288" cm="1">
        <f t="array" ref="E3288">IFERROR(INDEX(Jesper!AI$2:AI$366,ROUNDDOWN($C3288/24,0)+1,1)*INDEX($D$3:$AA$30,INDEX(Jesper!$R$2:$R$366,ROW(INDEX(Jesper!AI$2:AI$366,ROUNDDOWN($C3288/24,0)+1,1))-1)+IF('Standard Profiles'!$G$19=$B$10,7,0)+IF('Standard Profiles'!$G$19=$B$17,14,0)+IF('Standard Profiles'!$G$19=$B$24,21,0),MOD($C3288,24)+1)/SUM(INDEX($D$3:$AA$30,INDEX(Jesper!$R$2:$R$366,ROW(INDEX(Jesper!AI$2:AI$366,ROUNDDOWN($C3288/24,0)+1,1))-1)+IF('Standard Profiles'!$G$19=$B$10,7,0)+IF('Standard Profiles'!$G$19=$B$17,14,0)+IF('Standard Profiles'!$G$19=$B$24,21,0),0)),0)</f>
        <v>20.72525375183022</v>
      </c>
      <c r="F3288" cm="1">
        <f t="array" ref="F3288">IFERROR(INDEX(Jesper!AJ$2:AJ$366,ROUNDDOWN($C3288/24,0)+1,1)*INDEX($D$3:$AA$30,INDEX(Jesper!$R$2:$R$366,ROW(INDEX(Jesper!AJ$2:AJ$366,ROUNDDOWN($C3288/24,0)+1,1))-1)+IF('Standard Profiles'!$G$20=$B$10,7,0)+IF('Standard Profiles'!$G$20=$B$17,14,0)+IF('Standard Profiles'!$G$20=$B$24,21,0),MOD($C3288,24)+1)/SUM(INDEX($D$3:$AA$30,INDEX(Jesper!$R$2:$R$366,ROW(INDEX(Jesper!AJ$2:AJ$366,ROUNDDOWN($C3288/24,0)+1,1))-1)+IF('Standard Profiles'!$G$20=$B$10,7,0)+IF('Standard Profiles'!$G$20=$B$17,14,0)+IF('Standard Profiles'!$G$20=$B$24,21,0),0)),0)</f>
        <v>0</v>
      </c>
      <c r="G3288" cm="1">
        <f t="array" ref="G3288">IFERROR(INDEX(Jesper!AK$2:AK$366,ROUNDDOWN($C3288/24,0)+1,1)*INDEX($D$3:$AA$30,INDEX(Jesper!$R$2:$R$366,ROW(INDEX(Jesper!AK$2:AK$366,ROUNDDOWN($C3288/24,0)+1,1))-1)+IF('Standard Profiles'!$G$21=$B$10,7,0)+IF('Standard Profiles'!$G$21=$B$17,14,0)+IF('Standard Profiles'!$G$21=$B$24,21,0),MOD($C3288,24)+1)/SUM(INDEX($D$3:$AA$30,INDEX(Jesper!$R$2:$R$366,ROW(INDEX(Jesper!AK$2:AK$366,ROUNDDOWN($C3288/24,0)+1,1))-1)+IF('Standard Profiles'!$G$21=$B$10,7,0)+IF('Standard Profiles'!$G$21=$B$17,14,0)+IF('Standard Profiles'!$G$21=$B$24,21,0),0)),0)</f>
        <v>4.039108344357925</v>
      </c>
      <c r="H3288" cm="1">
        <f t="array" ref="H3288">IFERROR(INDEX(Jesper!AL$2:AL$366,ROUNDDOWN($C3288/24,0)+1,1)*INDEX($D$3:$AA$30,INDEX(Jesper!$R$2:$R$366,ROW(INDEX(Jesper!AL$2:AL$366,ROUNDDOWN($C3288/24,0)+1,1))-1)+IF('Standard Profiles'!$G$22=$B$10,7,0)+IF('Standard Profiles'!$G$22=$B$17,14,0)+IF('Standard Profiles'!$G$22=$B$24,21,0),MOD($C3288,24)+1)/SUM(INDEX($D$3:$AA$30,INDEX(Jesper!$R$2:$R$366,ROW(INDEX(Jesper!AL$2:AL$366,ROUNDDOWN($C3288/24,0)+1,1))-1)+IF('Standard Profiles'!$G$22=$B$10,7,0)+IF('Standard Profiles'!$G$22=$B$17,14,0)+IF('Standard Profiles'!$G$22=$B$24,21,0),0)),0)</f>
        <v>0</v>
      </c>
      <c r="I3288">
        <f t="shared" si="370"/>
        <v>1.9387720052918029</v>
      </c>
      <c r="J3288">
        <f t="shared" si="371"/>
        <v>51.613794822614842</v>
      </c>
      <c r="K3288">
        <f t="shared" si="372"/>
        <v>3.6556450452975882</v>
      </c>
      <c r="L3288">
        <f t="shared" si="373"/>
        <v>1.8278225226487941</v>
      </c>
      <c r="M3288">
        <f t="shared" si="374"/>
        <v>0</v>
      </c>
      <c r="N3288" s="45">
        <f t="shared" si="375"/>
        <v>45062.583333325441</v>
      </c>
    </row>
    <row r="3289" spans="2:14" x14ac:dyDescent="0.25">
      <c r="B3289">
        <f t="shared" si="369"/>
        <v>2</v>
      </c>
      <c r="C3289" s="16">
        <v>3255</v>
      </c>
      <c r="D3289" cm="1">
        <f t="array" ref="D3289">IFERROR(INDEX(Jesper!AH$2:AH$366,ROUNDDOWN($C3289/24,0)+1,1)*INDEX($D$3:$AA$30,INDEX(Jesper!$R$2:$R$366,ROW(INDEX(Jesper!AH$2:AH$366,ROUNDDOWN($C3289/24,0)+1,1))-1)+IF('Standard Profiles'!$G$18=$B$10,7,0)+IF('Standard Profiles'!$G$18=$B$17,14,0)+IF('Standard Profiles'!$G$18=$B$24,21,0),MOD($C3289,24)+1)/SUM(INDEX($D$3:$AA$30,INDEX(Jesper!$R$2:$R$366,ROW(INDEX(Jesper!AH$2:AH$366,ROUNDDOWN($C3289/24,0)+1,1))-1)+IF('Standard Profiles'!$G$18=$B$10,7,0)+IF('Standard Profiles'!$G$18=$B$17,14,0)+IF('Standard Profiles'!$G$18=$B$24,21,0),0)),0)</f>
        <v>34.271672299664885</v>
      </c>
      <c r="E3289" cm="1">
        <f t="array" ref="E3289">IFERROR(INDEX(Jesper!AI$2:AI$366,ROUNDDOWN($C3289/24,0)+1,1)*INDEX($D$3:$AA$30,INDEX(Jesper!$R$2:$R$366,ROW(INDEX(Jesper!AI$2:AI$366,ROUNDDOWN($C3289/24,0)+1,1))-1)+IF('Standard Profiles'!$G$19=$B$10,7,0)+IF('Standard Profiles'!$G$19=$B$17,14,0)+IF('Standard Profiles'!$G$19=$B$24,21,0),MOD($C3289,24)+1)/SUM(INDEX($D$3:$AA$30,INDEX(Jesper!$R$2:$R$366,ROW(INDEX(Jesper!AI$2:AI$366,ROUNDDOWN($C3289/24,0)+1,1))-1)+IF('Standard Profiles'!$G$19=$B$10,7,0)+IF('Standard Profiles'!$G$19=$B$17,14,0)+IF('Standard Profiles'!$G$19=$B$24,21,0),0)),0)</f>
        <v>20.72525375183022</v>
      </c>
      <c r="F3289" cm="1">
        <f t="array" ref="F3289">IFERROR(INDEX(Jesper!AJ$2:AJ$366,ROUNDDOWN($C3289/24,0)+1,1)*INDEX($D$3:$AA$30,INDEX(Jesper!$R$2:$R$366,ROW(INDEX(Jesper!AJ$2:AJ$366,ROUNDDOWN($C3289/24,0)+1,1))-1)+IF('Standard Profiles'!$G$20=$B$10,7,0)+IF('Standard Profiles'!$G$20=$B$17,14,0)+IF('Standard Profiles'!$G$20=$B$24,21,0),MOD($C3289,24)+1)/SUM(INDEX($D$3:$AA$30,INDEX(Jesper!$R$2:$R$366,ROW(INDEX(Jesper!AJ$2:AJ$366,ROUNDDOWN($C3289/24,0)+1,1))-1)+IF('Standard Profiles'!$G$20=$B$10,7,0)+IF('Standard Profiles'!$G$20=$B$17,14,0)+IF('Standard Profiles'!$G$20=$B$24,21,0),0)),0)</f>
        <v>0</v>
      </c>
      <c r="G3289" cm="1">
        <f t="array" ref="G3289">IFERROR(INDEX(Jesper!AK$2:AK$366,ROUNDDOWN($C3289/24,0)+1,1)*INDEX($D$3:$AA$30,INDEX(Jesper!$R$2:$R$366,ROW(INDEX(Jesper!AK$2:AK$366,ROUNDDOWN($C3289/24,0)+1,1))-1)+IF('Standard Profiles'!$G$21=$B$10,7,0)+IF('Standard Profiles'!$G$21=$B$17,14,0)+IF('Standard Profiles'!$G$21=$B$24,21,0),MOD($C3289,24)+1)/SUM(INDEX($D$3:$AA$30,INDEX(Jesper!$R$2:$R$366,ROW(INDEX(Jesper!AK$2:AK$366,ROUNDDOWN($C3289/24,0)+1,1))-1)+IF('Standard Profiles'!$G$21=$B$10,7,0)+IF('Standard Profiles'!$G$21=$B$17,14,0)+IF('Standard Profiles'!$G$21=$B$24,21,0),0)),0)</f>
        <v>4.039108344357925</v>
      </c>
      <c r="H3289" cm="1">
        <f t="array" ref="H3289">IFERROR(INDEX(Jesper!AL$2:AL$366,ROUNDDOWN($C3289/24,0)+1,1)*INDEX($D$3:$AA$30,INDEX(Jesper!$R$2:$R$366,ROW(INDEX(Jesper!AL$2:AL$366,ROUNDDOWN($C3289/24,0)+1,1))-1)+IF('Standard Profiles'!$G$22=$B$10,7,0)+IF('Standard Profiles'!$G$22=$B$17,14,0)+IF('Standard Profiles'!$G$22=$B$24,21,0),MOD($C3289,24)+1)/SUM(INDEX($D$3:$AA$30,INDEX(Jesper!$R$2:$R$366,ROW(INDEX(Jesper!AL$2:AL$366,ROUNDDOWN($C3289/24,0)+1,1))-1)+IF('Standard Profiles'!$G$22=$B$10,7,0)+IF('Standard Profiles'!$G$22=$B$17,14,0)+IF('Standard Profiles'!$G$22=$B$24,21,0),0)),0)</f>
        <v>0</v>
      </c>
      <c r="I3289">
        <f t="shared" si="370"/>
        <v>1.9387720052918029</v>
      </c>
      <c r="J3289">
        <f t="shared" si="371"/>
        <v>51.613794822614842</v>
      </c>
      <c r="K3289">
        <f t="shared" si="372"/>
        <v>3.6556450452975882</v>
      </c>
      <c r="L3289">
        <f t="shared" si="373"/>
        <v>1.8278225226487941</v>
      </c>
      <c r="M3289">
        <f t="shared" si="374"/>
        <v>0</v>
      </c>
      <c r="N3289" s="45">
        <f t="shared" si="375"/>
        <v>45062.624999992106</v>
      </c>
    </row>
    <row r="3290" spans="2:14" x14ac:dyDescent="0.25">
      <c r="B3290">
        <f t="shared" si="369"/>
        <v>2</v>
      </c>
      <c r="C3290" s="16">
        <v>3256</v>
      </c>
      <c r="D3290" cm="1">
        <f t="array" ref="D3290">IFERROR(INDEX(Jesper!AH$2:AH$366,ROUNDDOWN($C3290/24,0)+1,1)*INDEX($D$3:$AA$30,INDEX(Jesper!$R$2:$R$366,ROW(INDEX(Jesper!AH$2:AH$366,ROUNDDOWN($C3290/24,0)+1,1))-1)+IF('Standard Profiles'!$G$18=$B$10,7,0)+IF('Standard Profiles'!$G$18=$B$17,14,0)+IF('Standard Profiles'!$G$18=$B$24,21,0),MOD($C3290,24)+1)/SUM(INDEX($D$3:$AA$30,INDEX(Jesper!$R$2:$R$366,ROW(INDEX(Jesper!AH$2:AH$366,ROUNDDOWN($C3290/24,0)+1,1))-1)+IF('Standard Profiles'!$G$18=$B$10,7,0)+IF('Standard Profiles'!$G$18=$B$17,14,0)+IF('Standard Profiles'!$G$18=$B$24,21,0),0)),0)</f>
        <v>20.195806890873953</v>
      </c>
      <c r="E3290" cm="1">
        <f t="array" ref="E3290">IFERROR(INDEX(Jesper!AI$2:AI$366,ROUNDDOWN($C3290/24,0)+1,1)*INDEX($D$3:$AA$30,INDEX(Jesper!$R$2:$R$366,ROW(INDEX(Jesper!AI$2:AI$366,ROUNDDOWN($C3290/24,0)+1,1))-1)+IF('Standard Profiles'!$G$19=$B$10,7,0)+IF('Standard Profiles'!$G$19=$B$17,14,0)+IF('Standard Profiles'!$G$19=$B$24,21,0),MOD($C3290,24)+1)/SUM(INDEX($D$3:$AA$30,INDEX(Jesper!$R$2:$R$366,ROW(INDEX(Jesper!AI$2:AI$366,ROUNDDOWN($C3290/24,0)+1,1))-1)+IF('Standard Profiles'!$G$19=$B$10,7,0)+IF('Standard Profiles'!$G$19=$B$17,14,0)+IF('Standard Profiles'!$G$19=$B$24,21,0),0)),0)</f>
        <v>12.213095960899951</v>
      </c>
      <c r="F3290" cm="1">
        <f t="array" ref="F3290">IFERROR(INDEX(Jesper!AJ$2:AJ$366,ROUNDDOWN($C3290/24,0)+1,1)*INDEX($D$3:$AA$30,INDEX(Jesper!$R$2:$R$366,ROW(INDEX(Jesper!AJ$2:AJ$366,ROUNDDOWN($C3290/24,0)+1,1))-1)+IF('Standard Profiles'!$G$20=$B$10,7,0)+IF('Standard Profiles'!$G$20=$B$17,14,0)+IF('Standard Profiles'!$G$20=$B$24,21,0),MOD($C3290,24)+1)/SUM(INDEX($D$3:$AA$30,INDEX(Jesper!$R$2:$R$366,ROW(INDEX(Jesper!AJ$2:AJ$366,ROUNDDOWN($C3290/24,0)+1,1))-1)+IF('Standard Profiles'!$G$20=$B$10,7,0)+IF('Standard Profiles'!$G$20=$B$17,14,0)+IF('Standard Profiles'!$G$20=$B$24,21,0),0)),0)</f>
        <v>0</v>
      </c>
      <c r="G3290" cm="1">
        <f t="array" ref="G3290">IFERROR(INDEX(Jesper!AK$2:AK$366,ROUNDDOWN($C3290/24,0)+1,1)*INDEX($D$3:$AA$30,INDEX(Jesper!$R$2:$R$366,ROW(INDEX(Jesper!AK$2:AK$366,ROUNDDOWN($C3290/24,0)+1,1))-1)+IF('Standard Profiles'!$G$21=$B$10,7,0)+IF('Standard Profiles'!$G$21=$B$17,14,0)+IF('Standard Profiles'!$G$21=$B$24,21,0),MOD($C3290,24)+1)/SUM(INDEX($D$3:$AA$30,INDEX(Jesper!$R$2:$R$366,ROW(INDEX(Jesper!AK$2:AK$366,ROUNDDOWN($C3290/24,0)+1,1))-1)+IF('Standard Profiles'!$G$21=$B$10,7,0)+IF('Standard Profiles'!$G$21=$B$17,14,0)+IF('Standard Profiles'!$G$21=$B$24,21,0),0)),0)</f>
        <v>3.376154391180636</v>
      </c>
      <c r="H3290" cm="1">
        <f t="array" ref="H3290">IFERROR(INDEX(Jesper!AL$2:AL$366,ROUNDDOWN($C3290/24,0)+1,1)*INDEX($D$3:$AA$30,INDEX(Jesper!$R$2:$R$366,ROW(INDEX(Jesper!AL$2:AL$366,ROUNDDOWN($C3290/24,0)+1,1))-1)+IF('Standard Profiles'!$G$22=$B$10,7,0)+IF('Standard Profiles'!$G$22=$B$17,14,0)+IF('Standard Profiles'!$G$22=$B$24,21,0),MOD($C3290,24)+1)/SUM(INDEX($D$3:$AA$30,INDEX(Jesper!$R$2:$R$366,ROW(INDEX(Jesper!AL$2:AL$366,ROUNDDOWN($C3290/24,0)+1,1))-1)+IF('Standard Profiles'!$G$22=$B$10,7,0)+IF('Standard Profiles'!$G$22=$B$17,14,0)+IF('Standard Profiles'!$G$22=$B$24,21,0),0)),0)</f>
        <v>0</v>
      </c>
      <c r="I3290">
        <f t="shared" si="370"/>
        <v>1.6205541077667045</v>
      </c>
      <c r="J3290">
        <f t="shared" si="371"/>
        <v>30.933174032648001</v>
      </c>
      <c r="K3290">
        <f t="shared" si="372"/>
        <v>2.1542194016932217</v>
      </c>
      <c r="L3290">
        <f t="shared" si="373"/>
        <v>1.0771097008466108</v>
      </c>
      <c r="M3290">
        <f t="shared" si="374"/>
        <v>0</v>
      </c>
      <c r="N3290" s="45">
        <f t="shared" si="375"/>
        <v>45062.66666665877</v>
      </c>
    </row>
    <row r="3291" spans="2:14" x14ac:dyDescent="0.25">
      <c r="B3291">
        <f t="shared" si="369"/>
        <v>2</v>
      </c>
      <c r="C3291" s="16">
        <v>3257</v>
      </c>
      <c r="D3291" cm="1">
        <f t="array" ref="D3291">IFERROR(INDEX(Jesper!AH$2:AH$366,ROUNDDOWN($C3291/24,0)+1,1)*INDEX($D$3:$AA$30,INDEX(Jesper!$R$2:$R$366,ROW(INDEX(Jesper!AH$2:AH$366,ROUNDDOWN($C3291/24,0)+1,1))-1)+IF('Standard Profiles'!$G$18=$B$10,7,0)+IF('Standard Profiles'!$G$18=$B$17,14,0)+IF('Standard Profiles'!$G$18=$B$24,21,0),MOD($C3291,24)+1)/SUM(INDEX($D$3:$AA$30,INDEX(Jesper!$R$2:$R$366,ROW(INDEX(Jesper!AH$2:AH$366,ROUNDDOWN($C3291/24,0)+1,1))-1)+IF('Standard Profiles'!$G$18=$B$10,7,0)+IF('Standard Profiles'!$G$18=$B$17,14,0)+IF('Standard Profiles'!$G$18=$B$24,21,0),0)),0)</f>
        <v>8.6196358902577686</v>
      </c>
      <c r="E3291" cm="1">
        <f t="array" ref="E3291">IFERROR(INDEX(Jesper!AI$2:AI$366,ROUNDDOWN($C3291/24,0)+1,1)*INDEX($D$3:$AA$30,INDEX(Jesper!$R$2:$R$366,ROW(INDEX(Jesper!AI$2:AI$366,ROUNDDOWN($C3291/24,0)+1,1))-1)+IF('Standard Profiles'!$G$19=$B$10,7,0)+IF('Standard Profiles'!$G$19=$B$17,14,0)+IF('Standard Profiles'!$G$19=$B$24,21,0),MOD($C3291,24)+1)/SUM(INDEX($D$3:$AA$30,INDEX(Jesper!$R$2:$R$366,ROW(INDEX(Jesper!AI$2:AI$366,ROUNDDOWN($C3291/24,0)+1,1))-1)+IF('Standard Profiles'!$G$19=$B$10,7,0)+IF('Standard Profiles'!$G$19=$B$17,14,0)+IF('Standard Profiles'!$G$19=$B$24,21,0),0)),0)</f>
        <v>5.2125889717882847</v>
      </c>
      <c r="F3291" cm="1">
        <f t="array" ref="F3291">IFERROR(INDEX(Jesper!AJ$2:AJ$366,ROUNDDOWN($C3291/24,0)+1,1)*INDEX($D$3:$AA$30,INDEX(Jesper!$R$2:$R$366,ROW(INDEX(Jesper!AJ$2:AJ$366,ROUNDDOWN($C3291/24,0)+1,1))-1)+IF('Standard Profiles'!$G$20=$B$10,7,0)+IF('Standard Profiles'!$G$20=$B$17,14,0)+IF('Standard Profiles'!$G$20=$B$24,21,0),MOD($C3291,24)+1)/SUM(INDEX($D$3:$AA$30,INDEX(Jesper!$R$2:$R$366,ROW(INDEX(Jesper!AJ$2:AJ$366,ROUNDDOWN($C3291/24,0)+1,1))-1)+IF('Standard Profiles'!$G$20=$B$10,7,0)+IF('Standard Profiles'!$G$20=$B$17,14,0)+IF('Standard Profiles'!$G$20=$B$24,21,0),0)),0)</f>
        <v>0</v>
      </c>
      <c r="G3291" cm="1">
        <f t="array" ref="G3291">IFERROR(INDEX(Jesper!AK$2:AK$366,ROUNDDOWN($C3291/24,0)+1,1)*INDEX($D$3:$AA$30,INDEX(Jesper!$R$2:$R$366,ROW(INDEX(Jesper!AK$2:AK$366,ROUNDDOWN($C3291/24,0)+1,1))-1)+IF('Standard Profiles'!$G$21=$B$10,7,0)+IF('Standard Profiles'!$G$21=$B$17,14,0)+IF('Standard Profiles'!$G$21=$B$24,21,0),MOD($C3291,24)+1)/SUM(INDEX($D$3:$AA$30,INDEX(Jesper!$R$2:$R$366,ROW(INDEX(Jesper!AK$2:AK$366,ROUNDDOWN($C3291/24,0)+1,1))-1)+IF('Standard Profiles'!$G$21=$B$10,7,0)+IF('Standard Profiles'!$G$21=$B$17,14,0)+IF('Standard Profiles'!$G$21=$B$24,21,0),0)),0)</f>
        <v>2.682508125356251</v>
      </c>
      <c r="H3291" cm="1">
        <f t="array" ref="H3291">IFERROR(INDEX(Jesper!AL$2:AL$366,ROUNDDOWN($C3291/24,0)+1,1)*INDEX($D$3:$AA$30,INDEX(Jesper!$R$2:$R$366,ROW(INDEX(Jesper!AL$2:AL$366,ROUNDDOWN($C3291/24,0)+1,1))-1)+IF('Standard Profiles'!$G$22=$B$10,7,0)+IF('Standard Profiles'!$G$22=$B$17,14,0)+IF('Standard Profiles'!$G$22=$B$24,21,0),MOD($C3291,24)+1)/SUM(INDEX($D$3:$AA$30,INDEX(Jesper!$R$2:$R$366,ROW(INDEX(Jesper!AL$2:AL$366,ROUNDDOWN($C3291/24,0)+1,1))-1)+IF('Standard Profiles'!$G$22=$B$10,7,0)+IF('Standard Profiles'!$G$22=$B$17,14,0)+IF('Standard Profiles'!$G$22=$B$24,21,0),0)),0)</f>
        <v>0</v>
      </c>
      <c r="I3291">
        <f t="shared" si="370"/>
        <v>1.2876039001709998</v>
      </c>
      <c r="J3291">
        <f t="shared" si="371"/>
        <v>13.847987344790059</v>
      </c>
      <c r="K3291">
        <f t="shared" si="372"/>
        <v>0.91942782829416203</v>
      </c>
      <c r="L3291">
        <f t="shared" si="373"/>
        <v>0.45971391414708102</v>
      </c>
      <c r="M3291">
        <f t="shared" si="374"/>
        <v>0</v>
      </c>
      <c r="N3291" s="45">
        <f t="shared" si="375"/>
        <v>45062.708333325434</v>
      </c>
    </row>
    <row r="3292" spans="2:14" x14ac:dyDescent="0.25">
      <c r="B3292">
        <f t="shared" si="369"/>
        <v>2</v>
      </c>
      <c r="C3292" s="16">
        <v>3258</v>
      </c>
      <c r="D3292" cm="1">
        <f t="array" ref="D3292">IFERROR(INDEX(Jesper!AH$2:AH$366,ROUNDDOWN($C3292/24,0)+1,1)*INDEX($D$3:$AA$30,INDEX(Jesper!$R$2:$R$366,ROW(INDEX(Jesper!AH$2:AH$366,ROUNDDOWN($C3292/24,0)+1,1))-1)+IF('Standard Profiles'!$G$18=$B$10,7,0)+IF('Standard Profiles'!$G$18=$B$17,14,0)+IF('Standard Profiles'!$G$18=$B$24,21,0),MOD($C3292,24)+1)/SUM(INDEX($D$3:$AA$30,INDEX(Jesper!$R$2:$R$366,ROW(INDEX(Jesper!AH$2:AH$366,ROUNDDOWN($C3292/24,0)+1,1))-1)+IF('Standard Profiles'!$G$18=$B$10,7,0)+IF('Standard Profiles'!$G$18=$B$17,14,0)+IF('Standard Profiles'!$G$18=$B$24,21,0),0)),0)</f>
        <v>5.6889596875701276</v>
      </c>
      <c r="E3292" cm="1">
        <f t="array" ref="E3292">IFERROR(INDEX(Jesper!AI$2:AI$366,ROUNDDOWN($C3292/24,0)+1,1)*INDEX($D$3:$AA$30,INDEX(Jesper!$R$2:$R$366,ROW(INDEX(Jesper!AI$2:AI$366,ROUNDDOWN($C3292/24,0)+1,1))-1)+IF('Standard Profiles'!$G$19=$B$10,7,0)+IF('Standard Profiles'!$G$19=$B$17,14,0)+IF('Standard Profiles'!$G$19=$B$24,21,0),MOD($C3292,24)+1)/SUM(INDEX($D$3:$AA$30,INDEX(Jesper!$R$2:$R$366,ROW(INDEX(Jesper!AI$2:AI$366,ROUNDDOWN($C3292/24,0)+1,1))-1)+IF('Standard Profiles'!$G$19=$B$10,7,0)+IF('Standard Profiles'!$G$19=$B$17,14,0)+IF('Standard Profiles'!$G$19=$B$24,21,0),0)),0)</f>
        <v>3.4403087213802679</v>
      </c>
      <c r="F3292" cm="1">
        <f t="array" ref="F3292">IFERROR(INDEX(Jesper!AJ$2:AJ$366,ROUNDDOWN($C3292/24,0)+1,1)*INDEX($D$3:$AA$30,INDEX(Jesper!$R$2:$R$366,ROW(INDEX(Jesper!AJ$2:AJ$366,ROUNDDOWN($C3292/24,0)+1,1))-1)+IF('Standard Profiles'!$G$20=$B$10,7,0)+IF('Standard Profiles'!$G$20=$B$17,14,0)+IF('Standard Profiles'!$G$20=$B$24,21,0),MOD($C3292,24)+1)/SUM(INDEX($D$3:$AA$30,INDEX(Jesper!$R$2:$R$366,ROW(INDEX(Jesper!AJ$2:AJ$366,ROUNDDOWN($C3292/24,0)+1,1))-1)+IF('Standard Profiles'!$G$20=$B$10,7,0)+IF('Standard Profiles'!$G$20=$B$17,14,0)+IF('Standard Profiles'!$G$20=$B$24,21,0),0)),0)</f>
        <v>0</v>
      </c>
      <c r="G3292" cm="1">
        <f t="array" ref="G3292">IFERROR(INDEX(Jesper!AK$2:AK$366,ROUNDDOWN($C3292/24,0)+1,1)*INDEX($D$3:$AA$30,INDEX(Jesper!$R$2:$R$366,ROW(INDEX(Jesper!AK$2:AK$366,ROUNDDOWN($C3292/24,0)+1,1))-1)+IF('Standard Profiles'!$G$21=$B$10,7,0)+IF('Standard Profiles'!$G$21=$B$17,14,0)+IF('Standard Profiles'!$G$21=$B$24,21,0),MOD($C3292,24)+1)/SUM(INDEX($D$3:$AA$30,INDEX(Jesper!$R$2:$R$366,ROW(INDEX(Jesper!AK$2:AK$366,ROUNDDOWN($C3292/24,0)+1,1))-1)+IF('Standard Profiles'!$G$21=$B$10,7,0)+IF('Standard Profiles'!$G$21=$B$17,14,0)+IF('Standard Profiles'!$G$21=$B$24,21,0),0)),0)</f>
        <v>0.95146169205999764</v>
      </c>
      <c r="H3292" cm="1">
        <f t="array" ref="H3292">IFERROR(INDEX(Jesper!AL$2:AL$366,ROUNDDOWN($C3292/24,0)+1,1)*INDEX($D$3:$AA$30,INDEX(Jesper!$R$2:$R$366,ROW(INDEX(Jesper!AL$2:AL$366,ROUNDDOWN($C3292/24,0)+1,1))-1)+IF('Standard Profiles'!$G$22=$B$10,7,0)+IF('Standard Profiles'!$G$22=$B$17,14,0)+IF('Standard Profiles'!$G$22=$B$24,21,0),MOD($C3292,24)+1)/SUM(INDEX($D$3:$AA$30,INDEX(Jesper!$R$2:$R$366,ROW(INDEX(Jesper!AL$2:AL$366,ROUNDDOWN($C3292/24,0)+1,1))-1)+IF('Standard Profiles'!$G$22=$B$10,7,0)+IF('Standard Profiles'!$G$22=$B$17,14,0)+IF('Standard Profiles'!$G$22=$B$24,21,0),0)),0)</f>
        <v>0</v>
      </c>
      <c r="I3292">
        <f t="shared" si="370"/>
        <v>0.45670161218879862</v>
      </c>
      <c r="J3292">
        <f t="shared" si="371"/>
        <v>8.7137949388103735</v>
      </c>
      <c r="K3292">
        <f t="shared" si="372"/>
        <v>0.60682236667414702</v>
      </c>
      <c r="L3292">
        <f t="shared" si="373"/>
        <v>0.30341118333707351</v>
      </c>
      <c r="M3292">
        <f t="shared" si="374"/>
        <v>0</v>
      </c>
      <c r="N3292" s="45">
        <f t="shared" si="375"/>
        <v>45062.749999992098</v>
      </c>
    </row>
    <row r="3293" spans="2:14" x14ac:dyDescent="0.25">
      <c r="B3293">
        <f t="shared" si="369"/>
        <v>2</v>
      </c>
      <c r="C3293" s="16">
        <v>3259</v>
      </c>
      <c r="D3293" cm="1">
        <f t="array" ref="D3293">IFERROR(INDEX(Jesper!AH$2:AH$366,ROUNDDOWN($C3293/24,0)+1,1)*INDEX($D$3:$AA$30,INDEX(Jesper!$R$2:$R$366,ROW(INDEX(Jesper!AH$2:AH$366,ROUNDDOWN($C3293/24,0)+1,1))-1)+IF('Standard Profiles'!$G$18=$B$10,7,0)+IF('Standard Profiles'!$G$18=$B$17,14,0)+IF('Standard Profiles'!$G$18=$B$24,21,0),MOD($C3293,24)+1)/SUM(INDEX($D$3:$AA$30,INDEX(Jesper!$R$2:$R$366,ROW(INDEX(Jesper!AH$2:AH$366,ROUNDDOWN($C3293/24,0)+1,1))-1)+IF('Standard Profiles'!$G$18=$B$10,7,0)+IF('Standard Profiles'!$G$18=$B$17,14,0)+IF('Standard Profiles'!$G$18=$B$24,21,0),0)),0)</f>
        <v>5.6889596875701276</v>
      </c>
      <c r="E3293" cm="1">
        <f t="array" ref="E3293">IFERROR(INDEX(Jesper!AI$2:AI$366,ROUNDDOWN($C3293/24,0)+1,1)*INDEX($D$3:$AA$30,INDEX(Jesper!$R$2:$R$366,ROW(INDEX(Jesper!AI$2:AI$366,ROUNDDOWN($C3293/24,0)+1,1))-1)+IF('Standard Profiles'!$G$19=$B$10,7,0)+IF('Standard Profiles'!$G$19=$B$17,14,0)+IF('Standard Profiles'!$G$19=$B$24,21,0),MOD($C3293,24)+1)/SUM(INDEX($D$3:$AA$30,INDEX(Jesper!$R$2:$R$366,ROW(INDEX(Jesper!AI$2:AI$366,ROUNDDOWN($C3293/24,0)+1,1))-1)+IF('Standard Profiles'!$G$19=$B$10,7,0)+IF('Standard Profiles'!$G$19=$B$17,14,0)+IF('Standard Profiles'!$G$19=$B$24,21,0),0)),0)</f>
        <v>3.4403087213802679</v>
      </c>
      <c r="F3293" cm="1">
        <f t="array" ref="F3293">IFERROR(INDEX(Jesper!AJ$2:AJ$366,ROUNDDOWN($C3293/24,0)+1,1)*INDEX($D$3:$AA$30,INDEX(Jesper!$R$2:$R$366,ROW(INDEX(Jesper!AJ$2:AJ$366,ROUNDDOWN($C3293/24,0)+1,1))-1)+IF('Standard Profiles'!$G$20=$B$10,7,0)+IF('Standard Profiles'!$G$20=$B$17,14,0)+IF('Standard Profiles'!$G$20=$B$24,21,0),MOD($C3293,24)+1)/SUM(INDEX($D$3:$AA$30,INDEX(Jesper!$R$2:$R$366,ROW(INDEX(Jesper!AJ$2:AJ$366,ROUNDDOWN($C3293/24,0)+1,1))-1)+IF('Standard Profiles'!$G$20=$B$10,7,0)+IF('Standard Profiles'!$G$20=$B$17,14,0)+IF('Standard Profiles'!$G$20=$B$24,21,0),0)),0)</f>
        <v>0</v>
      </c>
      <c r="G3293" cm="1">
        <f t="array" ref="G3293">IFERROR(INDEX(Jesper!AK$2:AK$366,ROUNDDOWN($C3293/24,0)+1,1)*INDEX($D$3:$AA$30,INDEX(Jesper!$R$2:$R$366,ROW(INDEX(Jesper!AK$2:AK$366,ROUNDDOWN($C3293/24,0)+1,1))-1)+IF('Standard Profiles'!$G$21=$B$10,7,0)+IF('Standard Profiles'!$G$21=$B$17,14,0)+IF('Standard Profiles'!$G$21=$B$24,21,0),MOD($C3293,24)+1)/SUM(INDEX($D$3:$AA$30,INDEX(Jesper!$R$2:$R$366,ROW(INDEX(Jesper!AK$2:AK$366,ROUNDDOWN($C3293/24,0)+1,1))-1)+IF('Standard Profiles'!$G$21=$B$10,7,0)+IF('Standard Profiles'!$G$21=$B$17,14,0)+IF('Standard Profiles'!$G$21=$B$24,21,0),0)),0)</f>
        <v>0.95146169205999764</v>
      </c>
      <c r="H3293" cm="1">
        <f t="array" ref="H3293">IFERROR(INDEX(Jesper!AL$2:AL$366,ROUNDDOWN($C3293/24,0)+1,1)*INDEX($D$3:$AA$30,INDEX(Jesper!$R$2:$R$366,ROW(INDEX(Jesper!AL$2:AL$366,ROUNDDOWN($C3293/24,0)+1,1))-1)+IF('Standard Profiles'!$G$22=$B$10,7,0)+IF('Standard Profiles'!$G$22=$B$17,14,0)+IF('Standard Profiles'!$G$22=$B$24,21,0),MOD($C3293,24)+1)/SUM(INDEX($D$3:$AA$30,INDEX(Jesper!$R$2:$R$366,ROW(INDEX(Jesper!AL$2:AL$366,ROUNDDOWN($C3293/24,0)+1,1))-1)+IF('Standard Profiles'!$G$22=$B$10,7,0)+IF('Standard Profiles'!$G$22=$B$17,14,0)+IF('Standard Profiles'!$G$22=$B$24,21,0),0)),0)</f>
        <v>0</v>
      </c>
      <c r="I3293">
        <f t="shared" si="370"/>
        <v>0.45670161218879862</v>
      </c>
      <c r="J3293">
        <f t="shared" si="371"/>
        <v>8.7137949388103735</v>
      </c>
      <c r="K3293">
        <f t="shared" si="372"/>
        <v>0.60682236667414702</v>
      </c>
      <c r="L3293">
        <f t="shared" si="373"/>
        <v>0.30341118333707351</v>
      </c>
      <c r="M3293">
        <f t="shared" si="374"/>
        <v>0</v>
      </c>
      <c r="N3293" s="45">
        <f t="shared" si="375"/>
        <v>45062.791666658763</v>
      </c>
    </row>
    <row r="3294" spans="2:14" x14ac:dyDescent="0.25">
      <c r="B3294">
        <f t="shared" si="369"/>
        <v>2</v>
      </c>
      <c r="C3294" s="16">
        <v>3260</v>
      </c>
      <c r="D3294" cm="1">
        <f t="array" ref="D3294">IFERROR(INDEX(Jesper!AH$2:AH$366,ROUNDDOWN($C3294/24,0)+1,1)*INDEX($D$3:$AA$30,INDEX(Jesper!$R$2:$R$366,ROW(INDEX(Jesper!AH$2:AH$366,ROUNDDOWN($C3294/24,0)+1,1))-1)+IF('Standard Profiles'!$G$18=$B$10,7,0)+IF('Standard Profiles'!$G$18=$B$17,14,0)+IF('Standard Profiles'!$G$18=$B$24,21,0),MOD($C3294,24)+1)/SUM(INDEX($D$3:$AA$30,INDEX(Jesper!$R$2:$R$366,ROW(INDEX(Jesper!AH$2:AH$366,ROUNDDOWN($C3294/24,0)+1,1))-1)+IF('Standard Profiles'!$G$18=$B$10,7,0)+IF('Standard Profiles'!$G$18=$B$17,14,0)+IF('Standard Profiles'!$G$18=$B$24,21,0),0)),0)</f>
        <v>5.6889596875701276</v>
      </c>
      <c r="E3294" cm="1">
        <f t="array" ref="E3294">IFERROR(INDEX(Jesper!AI$2:AI$366,ROUNDDOWN($C3294/24,0)+1,1)*INDEX($D$3:$AA$30,INDEX(Jesper!$R$2:$R$366,ROW(INDEX(Jesper!AI$2:AI$366,ROUNDDOWN($C3294/24,0)+1,1))-1)+IF('Standard Profiles'!$G$19=$B$10,7,0)+IF('Standard Profiles'!$G$19=$B$17,14,0)+IF('Standard Profiles'!$G$19=$B$24,21,0),MOD($C3294,24)+1)/SUM(INDEX($D$3:$AA$30,INDEX(Jesper!$R$2:$R$366,ROW(INDEX(Jesper!AI$2:AI$366,ROUNDDOWN($C3294/24,0)+1,1))-1)+IF('Standard Profiles'!$G$19=$B$10,7,0)+IF('Standard Profiles'!$G$19=$B$17,14,0)+IF('Standard Profiles'!$G$19=$B$24,21,0),0)),0)</f>
        <v>3.4403087213802679</v>
      </c>
      <c r="F3294" cm="1">
        <f t="array" ref="F3294">IFERROR(INDEX(Jesper!AJ$2:AJ$366,ROUNDDOWN($C3294/24,0)+1,1)*INDEX($D$3:$AA$30,INDEX(Jesper!$R$2:$R$366,ROW(INDEX(Jesper!AJ$2:AJ$366,ROUNDDOWN($C3294/24,0)+1,1))-1)+IF('Standard Profiles'!$G$20=$B$10,7,0)+IF('Standard Profiles'!$G$20=$B$17,14,0)+IF('Standard Profiles'!$G$20=$B$24,21,0),MOD($C3294,24)+1)/SUM(INDEX($D$3:$AA$30,INDEX(Jesper!$R$2:$R$366,ROW(INDEX(Jesper!AJ$2:AJ$366,ROUNDDOWN($C3294/24,0)+1,1))-1)+IF('Standard Profiles'!$G$20=$B$10,7,0)+IF('Standard Profiles'!$G$20=$B$17,14,0)+IF('Standard Profiles'!$G$20=$B$24,21,0),0)),0)</f>
        <v>0</v>
      </c>
      <c r="G3294" cm="1">
        <f t="array" ref="G3294">IFERROR(INDEX(Jesper!AK$2:AK$366,ROUNDDOWN($C3294/24,0)+1,1)*INDEX($D$3:$AA$30,INDEX(Jesper!$R$2:$R$366,ROW(INDEX(Jesper!AK$2:AK$366,ROUNDDOWN($C3294/24,0)+1,1))-1)+IF('Standard Profiles'!$G$21=$B$10,7,0)+IF('Standard Profiles'!$G$21=$B$17,14,0)+IF('Standard Profiles'!$G$21=$B$24,21,0),MOD($C3294,24)+1)/SUM(INDEX($D$3:$AA$30,INDEX(Jesper!$R$2:$R$366,ROW(INDEX(Jesper!AK$2:AK$366,ROUNDDOWN($C3294/24,0)+1,1))-1)+IF('Standard Profiles'!$G$21=$B$10,7,0)+IF('Standard Profiles'!$G$21=$B$17,14,0)+IF('Standard Profiles'!$G$21=$B$24,21,0),0)),0)</f>
        <v>0.95146169205999764</v>
      </c>
      <c r="H3294" cm="1">
        <f t="array" ref="H3294">IFERROR(INDEX(Jesper!AL$2:AL$366,ROUNDDOWN($C3294/24,0)+1,1)*INDEX($D$3:$AA$30,INDEX(Jesper!$R$2:$R$366,ROW(INDEX(Jesper!AL$2:AL$366,ROUNDDOWN($C3294/24,0)+1,1))-1)+IF('Standard Profiles'!$G$22=$B$10,7,0)+IF('Standard Profiles'!$G$22=$B$17,14,0)+IF('Standard Profiles'!$G$22=$B$24,21,0),MOD($C3294,24)+1)/SUM(INDEX($D$3:$AA$30,INDEX(Jesper!$R$2:$R$366,ROW(INDEX(Jesper!AL$2:AL$366,ROUNDDOWN($C3294/24,0)+1,1))-1)+IF('Standard Profiles'!$G$22=$B$10,7,0)+IF('Standard Profiles'!$G$22=$B$17,14,0)+IF('Standard Profiles'!$G$22=$B$24,21,0),0)),0)</f>
        <v>0</v>
      </c>
      <c r="I3294">
        <f t="shared" si="370"/>
        <v>0.45670161218879862</v>
      </c>
      <c r="J3294">
        <f t="shared" si="371"/>
        <v>8.7137949388103735</v>
      </c>
      <c r="K3294">
        <f t="shared" si="372"/>
        <v>0.60682236667414702</v>
      </c>
      <c r="L3294">
        <f t="shared" si="373"/>
        <v>0.30341118333707351</v>
      </c>
      <c r="M3294">
        <f t="shared" si="374"/>
        <v>0</v>
      </c>
      <c r="N3294" s="45">
        <f t="shared" si="375"/>
        <v>45062.833333325427</v>
      </c>
    </row>
    <row r="3295" spans="2:14" x14ac:dyDescent="0.25">
      <c r="B3295">
        <f t="shared" si="369"/>
        <v>2</v>
      </c>
      <c r="C3295" s="16">
        <v>3261</v>
      </c>
      <c r="D3295" cm="1">
        <f t="array" ref="D3295">IFERROR(INDEX(Jesper!AH$2:AH$366,ROUNDDOWN($C3295/24,0)+1,1)*INDEX($D$3:$AA$30,INDEX(Jesper!$R$2:$R$366,ROW(INDEX(Jesper!AH$2:AH$366,ROUNDDOWN($C3295/24,0)+1,1))-1)+IF('Standard Profiles'!$G$18=$B$10,7,0)+IF('Standard Profiles'!$G$18=$B$17,14,0)+IF('Standard Profiles'!$G$18=$B$24,21,0),MOD($C3295,24)+1)/SUM(INDEX($D$3:$AA$30,INDEX(Jesper!$R$2:$R$366,ROW(INDEX(Jesper!AH$2:AH$366,ROUNDDOWN($C3295/24,0)+1,1))-1)+IF('Standard Profiles'!$G$18=$B$10,7,0)+IF('Standard Profiles'!$G$18=$B$17,14,0)+IF('Standard Profiles'!$G$18=$B$24,21,0),0)),0)</f>
        <v>5.6889596875701276</v>
      </c>
      <c r="E3295" cm="1">
        <f t="array" ref="E3295">IFERROR(INDEX(Jesper!AI$2:AI$366,ROUNDDOWN($C3295/24,0)+1,1)*INDEX($D$3:$AA$30,INDEX(Jesper!$R$2:$R$366,ROW(INDEX(Jesper!AI$2:AI$366,ROUNDDOWN($C3295/24,0)+1,1))-1)+IF('Standard Profiles'!$G$19=$B$10,7,0)+IF('Standard Profiles'!$G$19=$B$17,14,0)+IF('Standard Profiles'!$G$19=$B$24,21,0),MOD($C3295,24)+1)/SUM(INDEX($D$3:$AA$30,INDEX(Jesper!$R$2:$R$366,ROW(INDEX(Jesper!AI$2:AI$366,ROUNDDOWN($C3295/24,0)+1,1))-1)+IF('Standard Profiles'!$G$19=$B$10,7,0)+IF('Standard Profiles'!$G$19=$B$17,14,0)+IF('Standard Profiles'!$G$19=$B$24,21,0),0)),0)</f>
        <v>3.4403087213802679</v>
      </c>
      <c r="F3295" cm="1">
        <f t="array" ref="F3295">IFERROR(INDEX(Jesper!AJ$2:AJ$366,ROUNDDOWN($C3295/24,0)+1,1)*INDEX($D$3:$AA$30,INDEX(Jesper!$R$2:$R$366,ROW(INDEX(Jesper!AJ$2:AJ$366,ROUNDDOWN($C3295/24,0)+1,1))-1)+IF('Standard Profiles'!$G$20=$B$10,7,0)+IF('Standard Profiles'!$G$20=$B$17,14,0)+IF('Standard Profiles'!$G$20=$B$24,21,0),MOD($C3295,24)+1)/SUM(INDEX($D$3:$AA$30,INDEX(Jesper!$R$2:$R$366,ROW(INDEX(Jesper!AJ$2:AJ$366,ROUNDDOWN($C3295/24,0)+1,1))-1)+IF('Standard Profiles'!$G$20=$B$10,7,0)+IF('Standard Profiles'!$G$20=$B$17,14,0)+IF('Standard Profiles'!$G$20=$B$24,21,0),0)),0)</f>
        <v>0</v>
      </c>
      <c r="G3295" cm="1">
        <f t="array" ref="G3295">IFERROR(INDEX(Jesper!AK$2:AK$366,ROUNDDOWN($C3295/24,0)+1,1)*INDEX($D$3:$AA$30,INDEX(Jesper!$R$2:$R$366,ROW(INDEX(Jesper!AK$2:AK$366,ROUNDDOWN($C3295/24,0)+1,1))-1)+IF('Standard Profiles'!$G$21=$B$10,7,0)+IF('Standard Profiles'!$G$21=$B$17,14,0)+IF('Standard Profiles'!$G$21=$B$24,21,0),MOD($C3295,24)+1)/SUM(INDEX($D$3:$AA$30,INDEX(Jesper!$R$2:$R$366,ROW(INDEX(Jesper!AK$2:AK$366,ROUNDDOWN($C3295/24,0)+1,1))-1)+IF('Standard Profiles'!$G$21=$B$10,7,0)+IF('Standard Profiles'!$G$21=$B$17,14,0)+IF('Standard Profiles'!$G$21=$B$24,21,0),0)),0)</f>
        <v>0.95146169205999764</v>
      </c>
      <c r="H3295" cm="1">
        <f t="array" ref="H3295">IFERROR(INDEX(Jesper!AL$2:AL$366,ROUNDDOWN($C3295/24,0)+1,1)*INDEX($D$3:$AA$30,INDEX(Jesper!$R$2:$R$366,ROW(INDEX(Jesper!AL$2:AL$366,ROUNDDOWN($C3295/24,0)+1,1))-1)+IF('Standard Profiles'!$G$22=$B$10,7,0)+IF('Standard Profiles'!$G$22=$B$17,14,0)+IF('Standard Profiles'!$G$22=$B$24,21,0),MOD($C3295,24)+1)/SUM(INDEX($D$3:$AA$30,INDEX(Jesper!$R$2:$R$366,ROW(INDEX(Jesper!AL$2:AL$366,ROUNDDOWN($C3295/24,0)+1,1))-1)+IF('Standard Profiles'!$G$22=$B$10,7,0)+IF('Standard Profiles'!$G$22=$B$17,14,0)+IF('Standard Profiles'!$G$22=$B$24,21,0),0)),0)</f>
        <v>0</v>
      </c>
      <c r="I3295">
        <f t="shared" si="370"/>
        <v>0.45670161218879862</v>
      </c>
      <c r="J3295">
        <f t="shared" si="371"/>
        <v>8.7137949388103735</v>
      </c>
      <c r="K3295">
        <f t="shared" si="372"/>
        <v>0.60682236667414702</v>
      </c>
      <c r="L3295">
        <f t="shared" si="373"/>
        <v>0.30341118333707351</v>
      </c>
      <c r="M3295">
        <f t="shared" si="374"/>
        <v>0</v>
      </c>
      <c r="N3295" s="45">
        <f t="shared" si="375"/>
        <v>45062.874999992091</v>
      </c>
    </row>
    <row r="3296" spans="2:14" x14ac:dyDescent="0.25">
      <c r="B3296">
        <f t="shared" si="369"/>
        <v>2</v>
      </c>
      <c r="C3296" s="16">
        <v>3262</v>
      </c>
      <c r="D3296" cm="1">
        <f t="array" ref="D3296">IFERROR(INDEX(Jesper!AH$2:AH$366,ROUNDDOWN($C3296/24,0)+1,1)*INDEX($D$3:$AA$30,INDEX(Jesper!$R$2:$R$366,ROW(INDEX(Jesper!AH$2:AH$366,ROUNDDOWN($C3296/24,0)+1,1))-1)+IF('Standard Profiles'!$G$18=$B$10,7,0)+IF('Standard Profiles'!$G$18=$B$17,14,0)+IF('Standard Profiles'!$G$18=$B$24,21,0),MOD($C3296,24)+1)/SUM(INDEX($D$3:$AA$30,INDEX(Jesper!$R$2:$R$366,ROW(INDEX(Jesper!AH$2:AH$366,ROUNDDOWN($C3296/24,0)+1,1))-1)+IF('Standard Profiles'!$G$18=$B$10,7,0)+IF('Standard Profiles'!$G$18=$B$17,14,0)+IF('Standard Profiles'!$G$18=$B$24,21,0),0)),0)</f>
        <v>5.6889596875701276</v>
      </c>
      <c r="E3296" cm="1">
        <f t="array" ref="E3296">IFERROR(INDEX(Jesper!AI$2:AI$366,ROUNDDOWN($C3296/24,0)+1,1)*INDEX($D$3:$AA$30,INDEX(Jesper!$R$2:$R$366,ROW(INDEX(Jesper!AI$2:AI$366,ROUNDDOWN($C3296/24,0)+1,1))-1)+IF('Standard Profiles'!$G$19=$B$10,7,0)+IF('Standard Profiles'!$G$19=$B$17,14,0)+IF('Standard Profiles'!$G$19=$B$24,21,0),MOD($C3296,24)+1)/SUM(INDEX($D$3:$AA$30,INDEX(Jesper!$R$2:$R$366,ROW(INDEX(Jesper!AI$2:AI$366,ROUNDDOWN($C3296/24,0)+1,1))-1)+IF('Standard Profiles'!$G$19=$B$10,7,0)+IF('Standard Profiles'!$G$19=$B$17,14,0)+IF('Standard Profiles'!$G$19=$B$24,21,0),0)),0)</f>
        <v>3.4403087213802679</v>
      </c>
      <c r="F3296" cm="1">
        <f t="array" ref="F3296">IFERROR(INDEX(Jesper!AJ$2:AJ$366,ROUNDDOWN($C3296/24,0)+1,1)*INDEX($D$3:$AA$30,INDEX(Jesper!$R$2:$R$366,ROW(INDEX(Jesper!AJ$2:AJ$366,ROUNDDOWN($C3296/24,0)+1,1))-1)+IF('Standard Profiles'!$G$20=$B$10,7,0)+IF('Standard Profiles'!$G$20=$B$17,14,0)+IF('Standard Profiles'!$G$20=$B$24,21,0),MOD($C3296,24)+1)/SUM(INDEX($D$3:$AA$30,INDEX(Jesper!$R$2:$R$366,ROW(INDEX(Jesper!AJ$2:AJ$366,ROUNDDOWN($C3296/24,0)+1,1))-1)+IF('Standard Profiles'!$G$20=$B$10,7,0)+IF('Standard Profiles'!$G$20=$B$17,14,0)+IF('Standard Profiles'!$G$20=$B$24,21,0),0)),0)</f>
        <v>0</v>
      </c>
      <c r="G3296" cm="1">
        <f t="array" ref="G3296">IFERROR(INDEX(Jesper!AK$2:AK$366,ROUNDDOWN($C3296/24,0)+1,1)*INDEX($D$3:$AA$30,INDEX(Jesper!$R$2:$R$366,ROW(INDEX(Jesper!AK$2:AK$366,ROUNDDOWN($C3296/24,0)+1,1))-1)+IF('Standard Profiles'!$G$21=$B$10,7,0)+IF('Standard Profiles'!$G$21=$B$17,14,0)+IF('Standard Profiles'!$G$21=$B$24,21,0),MOD($C3296,24)+1)/SUM(INDEX($D$3:$AA$30,INDEX(Jesper!$R$2:$R$366,ROW(INDEX(Jesper!AK$2:AK$366,ROUNDDOWN($C3296/24,0)+1,1))-1)+IF('Standard Profiles'!$G$21=$B$10,7,0)+IF('Standard Profiles'!$G$21=$B$17,14,0)+IF('Standard Profiles'!$G$21=$B$24,21,0),0)),0)</f>
        <v>0.95146169205999764</v>
      </c>
      <c r="H3296" cm="1">
        <f t="array" ref="H3296">IFERROR(INDEX(Jesper!AL$2:AL$366,ROUNDDOWN($C3296/24,0)+1,1)*INDEX($D$3:$AA$30,INDEX(Jesper!$R$2:$R$366,ROW(INDEX(Jesper!AL$2:AL$366,ROUNDDOWN($C3296/24,0)+1,1))-1)+IF('Standard Profiles'!$G$22=$B$10,7,0)+IF('Standard Profiles'!$G$22=$B$17,14,0)+IF('Standard Profiles'!$G$22=$B$24,21,0),MOD($C3296,24)+1)/SUM(INDEX($D$3:$AA$30,INDEX(Jesper!$R$2:$R$366,ROW(INDEX(Jesper!AL$2:AL$366,ROUNDDOWN($C3296/24,0)+1,1))-1)+IF('Standard Profiles'!$G$22=$B$10,7,0)+IF('Standard Profiles'!$G$22=$B$17,14,0)+IF('Standard Profiles'!$G$22=$B$24,21,0),0)),0)</f>
        <v>0</v>
      </c>
      <c r="I3296">
        <f t="shared" si="370"/>
        <v>0.45670161218879862</v>
      </c>
      <c r="J3296">
        <f t="shared" si="371"/>
        <v>8.7137949388103735</v>
      </c>
      <c r="K3296">
        <f t="shared" si="372"/>
        <v>0.60682236667414702</v>
      </c>
      <c r="L3296">
        <f t="shared" si="373"/>
        <v>0.30341118333707351</v>
      </c>
      <c r="M3296">
        <f t="shared" si="374"/>
        <v>0</v>
      </c>
      <c r="N3296" s="45">
        <f t="shared" si="375"/>
        <v>45062.916666658755</v>
      </c>
    </row>
    <row r="3297" spans="2:14" x14ac:dyDescent="0.25">
      <c r="B3297">
        <f t="shared" si="369"/>
        <v>2</v>
      </c>
      <c r="C3297" s="16">
        <v>3263</v>
      </c>
      <c r="D3297" cm="1">
        <f t="array" ref="D3297">IFERROR(INDEX(Jesper!AH$2:AH$366,ROUNDDOWN($C3297/24,0)+1,1)*INDEX($D$3:$AA$30,INDEX(Jesper!$R$2:$R$366,ROW(INDEX(Jesper!AH$2:AH$366,ROUNDDOWN($C3297/24,0)+1,1))-1)+IF('Standard Profiles'!$G$18=$B$10,7,0)+IF('Standard Profiles'!$G$18=$B$17,14,0)+IF('Standard Profiles'!$G$18=$B$24,21,0),MOD($C3297,24)+1)/SUM(INDEX($D$3:$AA$30,INDEX(Jesper!$R$2:$R$366,ROW(INDEX(Jesper!AH$2:AH$366,ROUNDDOWN($C3297/24,0)+1,1))-1)+IF('Standard Profiles'!$G$18=$B$10,7,0)+IF('Standard Profiles'!$G$18=$B$17,14,0)+IF('Standard Profiles'!$G$18=$B$24,21,0),0)),0)</f>
        <v>5.6889596875701276</v>
      </c>
      <c r="E3297" cm="1">
        <f t="array" ref="E3297">IFERROR(INDEX(Jesper!AI$2:AI$366,ROUNDDOWN($C3297/24,0)+1,1)*INDEX($D$3:$AA$30,INDEX(Jesper!$R$2:$R$366,ROW(INDEX(Jesper!AI$2:AI$366,ROUNDDOWN($C3297/24,0)+1,1))-1)+IF('Standard Profiles'!$G$19=$B$10,7,0)+IF('Standard Profiles'!$G$19=$B$17,14,0)+IF('Standard Profiles'!$G$19=$B$24,21,0),MOD($C3297,24)+1)/SUM(INDEX($D$3:$AA$30,INDEX(Jesper!$R$2:$R$366,ROW(INDEX(Jesper!AI$2:AI$366,ROUNDDOWN($C3297/24,0)+1,1))-1)+IF('Standard Profiles'!$G$19=$B$10,7,0)+IF('Standard Profiles'!$G$19=$B$17,14,0)+IF('Standard Profiles'!$G$19=$B$24,21,0),0)),0)</f>
        <v>3.4403087213802679</v>
      </c>
      <c r="F3297" cm="1">
        <f t="array" ref="F3297">IFERROR(INDEX(Jesper!AJ$2:AJ$366,ROUNDDOWN($C3297/24,0)+1,1)*INDEX($D$3:$AA$30,INDEX(Jesper!$R$2:$R$366,ROW(INDEX(Jesper!AJ$2:AJ$366,ROUNDDOWN($C3297/24,0)+1,1))-1)+IF('Standard Profiles'!$G$20=$B$10,7,0)+IF('Standard Profiles'!$G$20=$B$17,14,0)+IF('Standard Profiles'!$G$20=$B$24,21,0),MOD($C3297,24)+1)/SUM(INDEX($D$3:$AA$30,INDEX(Jesper!$R$2:$R$366,ROW(INDEX(Jesper!AJ$2:AJ$366,ROUNDDOWN($C3297/24,0)+1,1))-1)+IF('Standard Profiles'!$G$20=$B$10,7,0)+IF('Standard Profiles'!$G$20=$B$17,14,0)+IF('Standard Profiles'!$G$20=$B$24,21,0),0)),0)</f>
        <v>0</v>
      </c>
      <c r="G3297" cm="1">
        <f t="array" ref="G3297">IFERROR(INDEX(Jesper!AK$2:AK$366,ROUNDDOWN($C3297/24,0)+1,1)*INDEX($D$3:$AA$30,INDEX(Jesper!$R$2:$R$366,ROW(INDEX(Jesper!AK$2:AK$366,ROUNDDOWN($C3297/24,0)+1,1))-1)+IF('Standard Profiles'!$G$21=$B$10,7,0)+IF('Standard Profiles'!$G$21=$B$17,14,0)+IF('Standard Profiles'!$G$21=$B$24,21,0),MOD($C3297,24)+1)/SUM(INDEX($D$3:$AA$30,INDEX(Jesper!$R$2:$R$366,ROW(INDEX(Jesper!AK$2:AK$366,ROUNDDOWN($C3297/24,0)+1,1))-1)+IF('Standard Profiles'!$G$21=$B$10,7,0)+IF('Standard Profiles'!$G$21=$B$17,14,0)+IF('Standard Profiles'!$G$21=$B$24,21,0),0)),0)</f>
        <v>0.95146169205999764</v>
      </c>
      <c r="H3297" cm="1">
        <f t="array" ref="H3297">IFERROR(INDEX(Jesper!AL$2:AL$366,ROUNDDOWN($C3297/24,0)+1,1)*INDEX($D$3:$AA$30,INDEX(Jesper!$R$2:$R$366,ROW(INDEX(Jesper!AL$2:AL$366,ROUNDDOWN($C3297/24,0)+1,1))-1)+IF('Standard Profiles'!$G$22=$B$10,7,0)+IF('Standard Profiles'!$G$22=$B$17,14,0)+IF('Standard Profiles'!$G$22=$B$24,21,0),MOD($C3297,24)+1)/SUM(INDEX($D$3:$AA$30,INDEX(Jesper!$R$2:$R$366,ROW(INDEX(Jesper!AL$2:AL$366,ROUNDDOWN($C3297/24,0)+1,1))-1)+IF('Standard Profiles'!$G$22=$B$10,7,0)+IF('Standard Profiles'!$G$22=$B$17,14,0)+IF('Standard Profiles'!$G$22=$B$24,21,0),0)),0)</f>
        <v>0</v>
      </c>
      <c r="I3297">
        <f t="shared" si="370"/>
        <v>0.45670161218879862</v>
      </c>
      <c r="J3297">
        <f t="shared" si="371"/>
        <v>8.7137949388103735</v>
      </c>
      <c r="K3297">
        <f t="shared" si="372"/>
        <v>0.60682236667414702</v>
      </c>
      <c r="L3297">
        <f t="shared" si="373"/>
        <v>0.30341118333707351</v>
      </c>
      <c r="M3297">
        <f t="shared" si="374"/>
        <v>0</v>
      </c>
      <c r="N3297" s="45">
        <f t="shared" si="375"/>
        <v>45062.95833332542</v>
      </c>
    </row>
    <row r="3298" spans="2:14" x14ac:dyDescent="0.25">
      <c r="B3298">
        <f t="shared" si="369"/>
        <v>3</v>
      </c>
      <c r="C3298" s="16">
        <v>3264</v>
      </c>
      <c r="D3298" cm="1">
        <f t="array" ref="D3298">IFERROR(INDEX(Jesper!AH$2:AH$366,ROUNDDOWN($C3298/24,0)+1,1)*INDEX($D$3:$AA$30,INDEX(Jesper!$R$2:$R$366,ROW(INDEX(Jesper!AH$2:AH$366,ROUNDDOWN($C3298/24,0)+1,1))-1)+IF('Standard Profiles'!$G$18=$B$10,7,0)+IF('Standard Profiles'!$G$18=$B$17,14,0)+IF('Standard Profiles'!$G$18=$B$24,21,0),MOD($C3298,24)+1)/SUM(INDEX($D$3:$AA$30,INDEX(Jesper!$R$2:$R$366,ROW(INDEX(Jesper!AH$2:AH$366,ROUNDDOWN($C3298/24,0)+1,1))-1)+IF('Standard Profiles'!$G$18=$B$10,7,0)+IF('Standard Profiles'!$G$18=$B$17,14,0)+IF('Standard Profiles'!$G$18=$B$24,21,0),0)),0)</f>
        <v>5.7923105746805978</v>
      </c>
      <c r="E3298" cm="1">
        <f t="array" ref="E3298">IFERROR(INDEX(Jesper!AI$2:AI$366,ROUNDDOWN($C3298/24,0)+1,1)*INDEX($D$3:$AA$30,INDEX(Jesper!$R$2:$R$366,ROW(INDEX(Jesper!AI$2:AI$366,ROUNDDOWN($C3298/24,0)+1,1))-1)+IF('Standard Profiles'!$G$19=$B$10,7,0)+IF('Standard Profiles'!$G$19=$B$17,14,0)+IF('Standard Profiles'!$G$19=$B$24,21,0),MOD($C3298,24)+1)/SUM(INDEX($D$3:$AA$30,INDEX(Jesper!$R$2:$R$366,ROW(INDEX(Jesper!AI$2:AI$366,ROUNDDOWN($C3298/24,0)+1,1))-1)+IF('Standard Profiles'!$G$19=$B$10,7,0)+IF('Standard Profiles'!$G$19=$B$17,14,0)+IF('Standard Profiles'!$G$19=$B$24,21,0),0)),0)</f>
        <v>4.6633442168110371</v>
      </c>
      <c r="F3298" cm="1">
        <f t="array" ref="F3298">IFERROR(INDEX(Jesper!AJ$2:AJ$366,ROUNDDOWN($C3298/24,0)+1,1)*INDEX($D$3:$AA$30,INDEX(Jesper!$R$2:$R$366,ROW(INDEX(Jesper!AJ$2:AJ$366,ROUNDDOWN($C3298/24,0)+1,1))-1)+IF('Standard Profiles'!$G$20=$B$10,7,0)+IF('Standard Profiles'!$G$20=$B$17,14,0)+IF('Standard Profiles'!$G$20=$B$24,21,0),MOD($C3298,24)+1)/SUM(INDEX($D$3:$AA$30,INDEX(Jesper!$R$2:$R$366,ROW(INDEX(Jesper!AJ$2:AJ$366,ROUNDDOWN($C3298/24,0)+1,1))-1)+IF('Standard Profiles'!$G$20=$B$10,7,0)+IF('Standard Profiles'!$G$20=$B$17,14,0)+IF('Standard Profiles'!$G$20=$B$24,21,0),0)),0)</f>
        <v>0</v>
      </c>
      <c r="G3298" cm="1">
        <f t="array" ref="G3298">IFERROR(INDEX(Jesper!AK$2:AK$366,ROUNDDOWN($C3298/24,0)+1,1)*INDEX($D$3:$AA$30,INDEX(Jesper!$R$2:$R$366,ROW(INDEX(Jesper!AK$2:AK$366,ROUNDDOWN($C3298/24,0)+1,1))-1)+IF('Standard Profiles'!$G$21=$B$10,7,0)+IF('Standard Profiles'!$G$21=$B$17,14,0)+IF('Standard Profiles'!$G$21=$B$24,21,0),MOD($C3298,24)+1)/SUM(INDEX($D$3:$AA$30,INDEX(Jesper!$R$2:$R$366,ROW(INDEX(Jesper!AK$2:AK$366,ROUNDDOWN($C3298/24,0)+1,1))-1)+IF('Standard Profiles'!$G$21=$B$10,7,0)+IF('Standard Profiles'!$G$21=$B$17,14,0)+IF('Standard Profiles'!$G$21=$B$24,21,0),0)),0)</f>
        <v>2.4032883596213095</v>
      </c>
      <c r="H3298" cm="1">
        <f t="array" ref="H3298">IFERROR(INDEX(Jesper!AL$2:AL$366,ROUNDDOWN($C3298/24,0)+1,1)*INDEX($D$3:$AA$30,INDEX(Jesper!$R$2:$R$366,ROW(INDEX(Jesper!AL$2:AL$366,ROUNDDOWN($C3298/24,0)+1,1))-1)+IF('Standard Profiles'!$G$22=$B$10,7,0)+IF('Standard Profiles'!$G$22=$B$17,14,0)+IF('Standard Profiles'!$G$22=$B$24,21,0),MOD($C3298,24)+1)/SUM(INDEX($D$3:$AA$30,INDEX(Jesper!$R$2:$R$366,ROW(INDEX(Jesper!AL$2:AL$366,ROUNDDOWN($C3298/24,0)+1,1))-1)+IF('Standard Profiles'!$G$22=$B$10,7,0)+IF('Standard Profiles'!$G$22=$B$17,14,0)+IF('Standard Profiles'!$G$22=$B$24,21,0),0)),0)</f>
        <v>0</v>
      </c>
      <c r="I3298">
        <f t="shared" si="370"/>
        <v>1.153578412618228</v>
      </c>
      <c r="J3298">
        <f t="shared" si="371"/>
        <v>10.778595046545821</v>
      </c>
      <c r="K3298">
        <f t="shared" si="372"/>
        <v>0.61784646129926379</v>
      </c>
      <c r="L3298">
        <f t="shared" si="373"/>
        <v>0.3089232306496319</v>
      </c>
      <c r="M3298">
        <f t="shared" si="374"/>
        <v>0</v>
      </c>
      <c r="N3298" s="45">
        <f t="shared" si="375"/>
        <v>45062.999999992084</v>
      </c>
    </row>
    <row r="3299" spans="2:14" x14ac:dyDescent="0.25">
      <c r="B3299">
        <f t="shared" ref="B3299:B3362" si="376">WEEKDAY(N3299,2)</f>
        <v>3</v>
      </c>
      <c r="C3299" s="16">
        <v>3265</v>
      </c>
      <c r="D3299" cm="1">
        <f t="array" ref="D3299">IFERROR(INDEX(Jesper!AH$2:AH$366,ROUNDDOWN($C3299/24,0)+1,1)*INDEX($D$3:$AA$30,INDEX(Jesper!$R$2:$R$366,ROW(INDEX(Jesper!AH$2:AH$366,ROUNDDOWN($C3299/24,0)+1,1))-1)+IF('Standard Profiles'!$G$18=$B$10,7,0)+IF('Standard Profiles'!$G$18=$B$17,14,0)+IF('Standard Profiles'!$G$18=$B$24,21,0),MOD($C3299,24)+1)/SUM(INDEX($D$3:$AA$30,INDEX(Jesper!$R$2:$R$366,ROW(INDEX(Jesper!AH$2:AH$366,ROUNDDOWN($C3299/24,0)+1,1))-1)+IF('Standard Profiles'!$G$18=$B$10,7,0)+IF('Standard Profiles'!$G$18=$B$17,14,0)+IF('Standard Profiles'!$G$18=$B$24,21,0),0)),0)</f>
        <v>5.7923105746805978</v>
      </c>
      <c r="E3299" cm="1">
        <f t="array" ref="E3299">IFERROR(INDEX(Jesper!AI$2:AI$366,ROUNDDOWN($C3299/24,0)+1,1)*INDEX($D$3:$AA$30,INDEX(Jesper!$R$2:$R$366,ROW(INDEX(Jesper!AI$2:AI$366,ROUNDDOWN($C3299/24,0)+1,1))-1)+IF('Standard Profiles'!$G$19=$B$10,7,0)+IF('Standard Profiles'!$G$19=$B$17,14,0)+IF('Standard Profiles'!$G$19=$B$24,21,0),MOD($C3299,24)+1)/SUM(INDEX($D$3:$AA$30,INDEX(Jesper!$R$2:$R$366,ROW(INDEX(Jesper!AI$2:AI$366,ROUNDDOWN($C3299/24,0)+1,1))-1)+IF('Standard Profiles'!$G$19=$B$10,7,0)+IF('Standard Profiles'!$G$19=$B$17,14,0)+IF('Standard Profiles'!$G$19=$B$24,21,0),0)),0)</f>
        <v>4.6633442168110371</v>
      </c>
      <c r="F3299" cm="1">
        <f t="array" ref="F3299">IFERROR(INDEX(Jesper!AJ$2:AJ$366,ROUNDDOWN($C3299/24,0)+1,1)*INDEX($D$3:$AA$30,INDEX(Jesper!$R$2:$R$366,ROW(INDEX(Jesper!AJ$2:AJ$366,ROUNDDOWN($C3299/24,0)+1,1))-1)+IF('Standard Profiles'!$G$20=$B$10,7,0)+IF('Standard Profiles'!$G$20=$B$17,14,0)+IF('Standard Profiles'!$G$20=$B$24,21,0),MOD($C3299,24)+1)/SUM(INDEX($D$3:$AA$30,INDEX(Jesper!$R$2:$R$366,ROW(INDEX(Jesper!AJ$2:AJ$366,ROUNDDOWN($C3299/24,0)+1,1))-1)+IF('Standard Profiles'!$G$20=$B$10,7,0)+IF('Standard Profiles'!$G$20=$B$17,14,0)+IF('Standard Profiles'!$G$20=$B$24,21,0),0)),0)</f>
        <v>0</v>
      </c>
      <c r="G3299" cm="1">
        <f t="array" ref="G3299">IFERROR(INDEX(Jesper!AK$2:AK$366,ROUNDDOWN($C3299/24,0)+1,1)*INDEX($D$3:$AA$30,INDEX(Jesper!$R$2:$R$366,ROW(INDEX(Jesper!AK$2:AK$366,ROUNDDOWN($C3299/24,0)+1,1))-1)+IF('Standard Profiles'!$G$21=$B$10,7,0)+IF('Standard Profiles'!$G$21=$B$17,14,0)+IF('Standard Profiles'!$G$21=$B$24,21,0),MOD($C3299,24)+1)/SUM(INDEX($D$3:$AA$30,INDEX(Jesper!$R$2:$R$366,ROW(INDEX(Jesper!AK$2:AK$366,ROUNDDOWN($C3299/24,0)+1,1))-1)+IF('Standard Profiles'!$G$21=$B$10,7,0)+IF('Standard Profiles'!$G$21=$B$17,14,0)+IF('Standard Profiles'!$G$21=$B$24,21,0),0)),0)</f>
        <v>2.4032883596213095</v>
      </c>
      <c r="H3299" cm="1">
        <f t="array" ref="H3299">IFERROR(INDEX(Jesper!AL$2:AL$366,ROUNDDOWN($C3299/24,0)+1,1)*INDEX($D$3:$AA$30,INDEX(Jesper!$R$2:$R$366,ROW(INDEX(Jesper!AL$2:AL$366,ROUNDDOWN($C3299/24,0)+1,1))-1)+IF('Standard Profiles'!$G$22=$B$10,7,0)+IF('Standard Profiles'!$G$22=$B$17,14,0)+IF('Standard Profiles'!$G$22=$B$24,21,0),MOD($C3299,24)+1)/SUM(INDEX($D$3:$AA$30,INDEX(Jesper!$R$2:$R$366,ROW(INDEX(Jesper!AL$2:AL$366,ROUNDDOWN($C3299/24,0)+1,1))-1)+IF('Standard Profiles'!$G$22=$B$10,7,0)+IF('Standard Profiles'!$G$22=$B$17,14,0)+IF('Standard Profiles'!$G$22=$B$24,21,0),0)),0)</f>
        <v>0</v>
      </c>
      <c r="I3299">
        <f t="shared" ref="I3299:I3362" si="377">IF($B3299&lt;6,AC$37*$D3299+AC$38*$E3299+AC$39*$F3299+AC$40*$G3299,AC$46*$D3299+AC$47*$E3299+AC$48*$F3299+AC$49*$G3299+AC$50*$H3299)</f>
        <v>1.153578412618228</v>
      </c>
      <c r="J3299">
        <f t="shared" ref="J3299:J3362" si="378">IF($B3299&lt;6,AD$37*$D3299+AD$38*$E3299+AD$39*$F3299+AD$40*$G3299,AD$46*$D3299+AD$47*$E3299+AD$48*$F3299+AD$49*$G3299+AD$50*$H3299)</f>
        <v>10.778595046545821</v>
      </c>
      <c r="K3299">
        <f t="shared" ref="K3299:K3362" si="379">IF($B3299&lt;6,AE$37*$D3299+AE$38*$E3299+AE$39*$F3299+AE$40*$G3299,AE$46*$D3299+AE$47*$E3299+AE$48*$F3299+AE$49*$G3299+AE$50*$H3299)</f>
        <v>0.61784646129926379</v>
      </c>
      <c r="L3299">
        <f t="shared" ref="L3299:L3362" si="380">IF($B3299&lt;6,AF$37*$D3299+AF$38*$E3299+AF$39*$F3299+AF$40*$G3299,AF$46*$D3299+AF$47*$E3299+AF$48*$F3299+AF$49*$G3299+AF$50*$H3299)</f>
        <v>0.3089232306496319</v>
      </c>
      <c r="M3299">
        <f t="shared" ref="M3299:M3362" si="381">IF($B3299&lt;6,AG$37*$D3299+AG$38*$E3299+AG$39*$F3299+AG$40*$G3299,AG$46*$D3299+AG$47*$E3299+AG$48*$F3299+AG$49*$G3299+AG$50*$H3299)</f>
        <v>0</v>
      </c>
      <c r="N3299" s="45">
        <f t="shared" si="375"/>
        <v>45063.041666658748</v>
      </c>
    </row>
    <row r="3300" spans="2:14" x14ac:dyDescent="0.25">
      <c r="B3300">
        <f t="shared" si="376"/>
        <v>3</v>
      </c>
      <c r="C3300" s="16">
        <v>3266</v>
      </c>
      <c r="D3300" cm="1">
        <f t="array" ref="D3300">IFERROR(INDEX(Jesper!AH$2:AH$366,ROUNDDOWN($C3300/24,0)+1,1)*INDEX($D$3:$AA$30,INDEX(Jesper!$R$2:$R$366,ROW(INDEX(Jesper!AH$2:AH$366,ROUNDDOWN($C3300/24,0)+1,1))-1)+IF('Standard Profiles'!$G$18=$B$10,7,0)+IF('Standard Profiles'!$G$18=$B$17,14,0)+IF('Standard Profiles'!$G$18=$B$24,21,0),MOD($C3300,24)+1)/SUM(INDEX($D$3:$AA$30,INDEX(Jesper!$R$2:$R$366,ROW(INDEX(Jesper!AH$2:AH$366,ROUNDDOWN($C3300/24,0)+1,1))-1)+IF('Standard Profiles'!$G$18=$B$10,7,0)+IF('Standard Profiles'!$G$18=$B$17,14,0)+IF('Standard Profiles'!$G$18=$B$24,21,0),0)),0)</f>
        <v>5.7923105746805978</v>
      </c>
      <c r="E3300" cm="1">
        <f t="array" ref="E3300">IFERROR(INDEX(Jesper!AI$2:AI$366,ROUNDDOWN($C3300/24,0)+1,1)*INDEX($D$3:$AA$30,INDEX(Jesper!$R$2:$R$366,ROW(INDEX(Jesper!AI$2:AI$366,ROUNDDOWN($C3300/24,0)+1,1))-1)+IF('Standard Profiles'!$G$19=$B$10,7,0)+IF('Standard Profiles'!$G$19=$B$17,14,0)+IF('Standard Profiles'!$G$19=$B$24,21,0),MOD($C3300,24)+1)/SUM(INDEX($D$3:$AA$30,INDEX(Jesper!$R$2:$R$366,ROW(INDEX(Jesper!AI$2:AI$366,ROUNDDOWN($C3300/24,0)+1,1))-1)+IF('Standard Profiles'!$G$19=$B$10,7,0)+IF('Standard Profiles'!$G$19=$B$17,14,0)+IF('Standard Profiles'!$G$19=$B$24,21,0),0)),0)</f>
        <v>4.6633442168110371</v>
      </c>
      <c r="F3300" cm="1">
        <f t="array" ref="F3300">IFERROR(INDEX(Jesper!AJ$2:AJ$366,ROUNDDOWN($C3300/24,0)+1,1)*INDEX($D$3:$AA$30,INDEX(Jesper!$R$2:$R$366,ROW(INDEX(Jesper!AJ$2:AJ$366,ROUNDDOWN($C3300/24,0)+1,1))-1)+IF('Standard Profiles'!$G$20=$B$10,7,0)+IF('Standard Profiles'!$G$20=$B$17,14,0)+IF('Standard Profiles'!$G$20=$B$24,21,0),MOD($C3300,24)+1)/SUM(INDEX($D$3:$AA$30,INDEX(Jesper!$R$2:$R$366,ROW(INDEX(Jesper!AJ$2:AJ$366,ROUNDDOWN($C3300/24,0)+1,1))-1)+IF('Standard Profiles'!$G$20=$B$10,7,0)+IF('Standard Profiles'!$G$20=$B$17,14,0)+IF('Standard Profiles'!$G$20=$B$24,21,0),0)),0)</f>
        <v>0</v>
      </c>
      <c r="G3300" cm="1">
        <f t="array" ref="G3300">IFERROR(INDEX(Jesper!AK$2:AK$366,ROUNDDOWN($C3300/24,0)+1,1)*INDEX($D$3:$AA$30,INDEX(Jesper!$R$2:$R$366,ROW(INDEX(Jesper!AK$2:AK$366,ROUNDDOWN($C3300/24,0)+1,1))-1)+IF('Standard Profiles'!$G$21=$B$10,7,0)+IF('Standard Profiles'!$G$21=$B$17,14,0)+IF('Standard Profiles'!$G$21=$B$24,21,0),MOD($C3300,24)+1)/SUM(INDEX($D$3:$AA$30,INDEX(Jesper!$R$2:$R$366,ROW(INDEX(Jesper!AK$2:AK$366,ROUNDDOWN($C3300/24,0)+1,1))-1)+IF('Standard Profiles'!$G$21=$B$10,7,0)+IF('Standard Profiles'!$G$21=$B$17,14,0)+IF('Standard Profiles'!$G$21=$B$24,21,0),0)),0)</f>
        <v>2.4032883596213095</v>
      </c>
      <c r="H3300" cm="1">
        <f t="array" ref="H3300">IFERROR(INDEX(Jesper!AL$2:AL$366,ROUNDDOWN($C3300/24,0)+1,1)*INDEX($D$3:$AA$30,INDEX(Jesper!$R$2:$R$366,ROW(INDEX(Jesper!AL$2:AL$366,ROUNDDOWN($C3300/24,0)+1,1))-1)+IF('Standard Profiles'!$G$22=$B$10,7,0)+IF('Standard Profiles'!$G$22=$B$17,14,0)+IF('Standard Profiles'!$G$22=$B$24,21,0),MOD($C3300,24)+1)/SUM(INDEX($D$3:$AA$30,INDEX(Jesper!$R$2:$R$366,ROW(INDEX(Jesper!AL$2:AL$366,ROUNDDOWN($C3300/24,0)+1,1))-1)+IF('Standard Profiles'!$G$22=$B$10,7,0)+IF('Standard Profiles'!$G$22=$B$17,14,0)+IF('Standard Profiles'!$G$22=$B$24,21,0),0)),0)</f>
        <v>0</v>
      </c>
      <c r="I3300">
        <f t="shared" si="377"/>
        <v>1.153578412618228</v>
      </c>
      <c r="J3300">
        <f t="shared" si="378"/>
        <v>10.778595046545821</v>
      </c>
      <c r="K3300">
        <f t="shared" si="379"/>
        <v>0.61784646129926379</v>
      </c>
      <c r="L3300">
        <f t="shared" si="380"/>
        <v>0.3089232306496319</v>
      </c>
      <c r="M3300">
        <f t="shared" si="381"/>
        <v>0</v>
      </c>
      <c r="N3300" s="45">
        <f t="shared" ref="N3300:N3363" si="382">N3299+1/24</f>
        <v>45063.083333325412</v>
      </c>
    </row>
    <row r="3301" spans="2:14" x14ac:dyDescent="0.25">
      <c r="B3301">
        <f t="shared" si="376"/>
        <v>3</v>
      </c>
      <c r="C3301" s="16">
        <v>3267</v>
      </c>
      <c r="D3301" cm="1">
        <f t="array" ref="D3301">IFERROR(INDEX(Jesper!AH$2:AH$366,ROUNDDOWN($C3301/24,0)+1,1)*INDEX($D$3:$AA$30,INDEX(Jesper!$R$2:$R$366,ROW(INDEX(Jesper!AH$2:AH$366,ROUNDDOWN($C3301/24,0)+1,1))-1)+IF('Standard Profiles'!$G$18=$B$10,7,0)+IF('Standard Profiles'!$G$18=$B$17,14,0)+IF('Standard Profiles'!$G$18=$B$24,21,0),MOD($C3301,24)+1)/SUM(INDEX($D$3:$AA$30,INDEX(Jesper!$R$2:$R$366,ROW(INDEX(Jesper!AH$2:AH$366,ROUNDDOWN($C3301/24,0)+1,1))-1)+IF('Standard Profiles'!$G$18=$B$10,7,0)+IF('Standard Profiles'!$G$18=$B$17,14,0)+IF('Standard Profiles'!$G$18=$B$24,21,0),0)),0)</f>
        <v>5.7923105746805978</v>
      </c>
      <c r="E3301" cm="1">
        <f t="array" ref="E3301">IFERROR(INDEX(Jesper!AI$2:AI$366,ROUNDDOWN($C3301/24,0)+1,1)*INDEX($D$3:$AA$30,INDEX(Jesper!$R$2:$R$366,ROW(INDEX(Jesper!AI$2:AI$366,ROUNDDOWN($C3301/24,0)+1,1))-1)+IF('Standard Profiles'!$G$19=$B$10,7,0)+IF('Standard Profiles'!$G$19=$B$17,14,0)+IF('Standard Profiles'!$G$19=$B$24,21,0),MOD($C3301,24)+1)/SUM(INDEX($D$3:$AA$30,INDEX(Jesper!$R$2:$R$366,ROW(INDEX(Jesper!AI$2:AI$366,ROUNDDOWN($C3301/24,0)+1,1))-1)+IF('Standard Profiles'!$G$19=$B$10,7,0)+IF('Standard Profiles'!$G$19=$B$17,14,0)+IF('Standard Profiles'!$G$19=$B$24,21,0),0)),0)</f>
        <v>4.6633442168110371</v>
      </c>
      <c r="F3301" cm="1">
        <f t="array" ref="F3301">IFERROR(INDEX(Jesper!AJ$2:AJ$366,ROUNDDOWN($C3301/24,0)+1,1)*INDEX($D$3:$AA$30,INDEX(Jesper!$R$2:$R$366,ROW(INDEX(Jesper!AJ$2:AJ$366,ROUNDDOWN($C3301/24,0)+1,1))-1)+IF('Standard Profiles'!$G$20=$B$10,7,0)+IF('Standard Profiles'!$G$20=$B$17,14,0)+IF('Standard Profiles'!$G$20=$B$24,21,0),MOD($C3301,24)+1)/SUM(INDEX($D$3:$AA$30,INDEX(Jesper!$R$2:$R$366,ROW(INDEX(Jesper!AJ$2:AJ$366,ROUNDDOWN($C3301/24,0)+1,1))-1)+IF('Standard Profiles'!$G$20=$B$10,7,0)+IF('Standard Profiles'!$G$20=$B$17,14,0)+IF('Standard Profiles'!$G$20=$B$24,21,0),0)),0)</f>
        <v>0</v>
      </c>
      <c r="G3301" cm="1">
        <f t="array" ref="G3301">IFERROR(INDEX(Jesper!AK$2:AK$366,ROUNDDOWN($C3301/24,0)+1,1)*INDEX($D$3:$AA$30,INDEX(Jesper!$R$2:$R$366,ROW(INDEX(Jesper!AK$2:AK$366,ROUNDDOWN($C3301/24,0)+1,1))-1)+IF('Standard Profiles'!$G$21=$B$10,7,0)+IF('Standard Profiles'!$G$21=$B$17,14,0)+IF('Standard Profiles'!$G$21=$B$24,21,0),MOD($C3301,24)+1)/SUM(INDEX($D$3:$AA$30,INDEX(Jesper!$R$2:$R$366,ROW(INDEX(Jesper!AK$2:AK$366,ROUNDDOWN($C3301/24,0)+1,1))-1)+IF('Standard Profiles'!$G$21=$B$10,7,0)+IF('Standard Profiles'!$G$21=$B$17,14,0)+IF('Standard Profiles'!$G$21=$B$24,21,0),0)),0)</f>
        <v>2.4032883596213095</v>
      </c>
      <c r="H3301" cm="1">
        <f t="array" ref="H3301">IFERROR(INDEX(Jesper!AL$2:AL$366,ROUNDDOWN($C3301/24,0)+1,1)*INDEX($D$3:$AA$30,INDEX(Jesper!$R$2:$R$366,ROW(INDEX(Jesper!AL$2:AL$366,ROUNDDOWN($C3301/24,0)+1,1))-1)+IF('Standard Profiles'!$G$22=$B$10,7,0)+IF('Standard Profiles'!$G$22=$B$17,14,0)+IF('Standard Profiles'!$G$22=$B$24,21,0),MOD($C3301,24)+1)/SUM(INDEX($D$3:$AA$30,INDEX(Jesper!$R$2:$R$366,ROW(INDEX(Jesper!AL$2:AL$366,ROUNDDOWN($C3301/24,0)+1,1))-1)+IF('Standard Profiles'!$G$22=$B$10,7,0)+IF('Standard Profiles'!$G$22=$B$17,14,0)+IF('Standard Profiles'!$G$22=$B$24,21,0),0)),0)</f>
        <v>0</v>
      </c>
      <c r="I3301">
        <f t="shared" si="377"/>
        <v>1.153578412618228</v>
      </c>
      <c r="J3301">
        <f t="shared" si="378"/>
        <v>10.778595046545821</v>
      </c>
      <c r="K3301">
        <f t="shared" si="379"/>
        <v>0.61784646129926379</v>
      </c>
      <c r="L3301">
        <f t="shared" si="380"/>
        <v>0.3089232306496319</v>
      </c>
      <c r="M3301">
        <f t="shared" si="381"/>
        <v>0</v>
      </c>
      <c r="N3301" s="45">
        <f t="shared" si="382"/>
        <v>45063.124999992076</v>
      </c>
    </row>
    <row r="3302" spans="2:14" x14ac:dyDescent="0.25">
      <c r="B3302">
        <f t="shared" si="376"/>
        <v>3</v>
      </c>
      <c r="C3302" s="16">
        <v>3268</v>
      </c>
      <c r="D3302" cm="1">
        <f t="array" ref="D3302">IFERROR(INDEX(Jesper!AH$2:AH$366,ROUNDDOWN($C3302/24,0)+1,1)*INDEX($D$3:$AA$30,INDEX(Jesper!$R$2:$R$366,ROW(INDEX(Jesper!AH$2:AH$366,ROUNDDOWN($C3302/24,0)+1,1))-1)+IF('Standard Profiles'!$G$18=$B$10,7,0)+IF('Standard Profiles'!$G$18=$B$17,14,0)+IF('Standard Profiles'!$G$18=$B$24,21,0),MOD($C3302,24)+1)/SUM(INDEX($D$3:$AA$30,INDEX(Jesper!$R$2:$R$366,ROW(INDEX(Jesper!AH$2:AH$366,ROUNDDOWN($C3302/24,0)+1,1))-1)+IF('Standard Profiles'!$G$18=$B$10,7,0)+IF('Standard Profiles'!$G$18=$B$17,14,0)+IF('Standard Profiles'!$G$18=$B$24,21,0),0)),0)</f>
        <v>5.7923105746805978</v>
      </c>
      <c r="E3302" cm="1">
        <f t="array" ref="E3302">IFERROR(INDEX(Jesper!AI$2:AI$366,ROUNDDOWN($C3302/24,0)+1,1)*INDEX($D$3:$AA$30,INDEX(Jesper!$R$2:$R$366,ROW(INDEX(Jesper!AI$2:AI$366,ROUNDDOWN($C3302/24,0)+1,1))-1)+IF('Standard Profiles'!$G$19=$B$10,7,0)+IF('Standard Profiles'!$G$19=$B$17,14,0)+IF('Standard Profiles'!$G$19=$B$24,21,0),MOD($C3302,24)+1)/SUM(INDEX($D$3:$AA$30,INDEX(Jesper!$R$2:$R$366,ROW(INDEX(Jesper!AI$2:AI$366,ROUNDDOWN($C3302/24,0)+1,1))-1)+IF('Standard Profiles'!$G$19=$B$10,7,0)+IF('Standard Profiles'!$G$19=$B$17,14,0)+IF('Standard Profiles'!$G$19=$B$24,21,0),0)),0)</f>
        <v>4.6633442168110371</v>
      </c>
      <c r="F3302" cm="1">
        <f t="array" ref="F3302">IFERROR(INDEX(Jesper!AJ$2:AJ$366,ROUNDDOWN($C3302/24,0)+1,1)*INDEX($D$3:$AA$30,INDEX(Jesper!$R$2:$R$366,ROW(INDEX(Jesper!AJ$2:AJ$366,ROUNDDOWN($C3302/24,0)+1,1))-1)+IF('Standard Profiles'!$G$20=$B$10,7,0)+IF('Standard Profiles'!$G$20=$B$17,14,0)+IF('Standard Profiles'!$G$20=$B$24,21,0),MOD($C3302,24)+1)/SUM(INDEX($D$3:$AA$30,INDEX(Jesper!$R$2:$R$366,ROW(INDEX(Jesper!AJ$2:AJ$366,ROUNDDOWN($C3302/24,0)+1,1))-1)+IF('Standard Profiles'!$G$20=$B$10,7,0)+IF('Standard Profiles'!$G$20=$B$17,14,0)+IF('Standard Profiles'!$G$20=$B$24,21,0),0)),0)</f>
        <v>0</v>
      </c>
      <c r="G3302" cm="1">
        <f t="array" ref="G3302">IFERROR(INDEX(Jesper!AK$2:AK$366,ROUNDDOWN($C3302/24,0)+1,1)*INDEX($D$3:$AA$30,INDEX(Jesper!$R$2:$R$366,ROW(INDEX(Jesper!AK$2:AK$366,ROUNDDOWN($C3302/24,0)+1,1))-1)+IF('Standard Profiles'!$G$21=$B$10,7,0)+IF('Standard Profiles'!$G$21=$B$17,14,0)+IF('Standard Profiles'!$G$21=$B$24,21,0),MOD($C3302,24)+1)/SUM(INDEX($D$3:$AA$30,INDEX(Jesper!$R$2:$R$366,ROW(INDEX(Jesper!AK$2:AK$366,ROUNDDOWN($C3302/24,0)+1,1))-1)+IF('Standard Profiles'!$G$21=$B$10,7,0)+IF('Standard Profiles'!$G$21=$B$17,14,0)+IF('Standard Profiles'!$G$21=$B$24,21,0),0)),0)</f>
        <v>2.4032883596213095</v>
      </c>
      <c r="H3302" cm="1">
        <f t="array" ref="H3302">IFERROR(INDEX(Jesper!AL$2:AL$366,ROUNDDOWN($C3302/24,0)+1,1)*INDEX($D$3:$AA$30,INDEX(Jesper!$R$2:$R$366,ROW(INDEX(Jesper!AL$2:AL$366,ROUNDDOWN($C3302/24,0)+1,1))-1)+IF('Standard Profiles'!$G$22=$B$10,7,0)+IF('Standard Profiles'!$G$22=$B$17,14,0)+IF('Standard Profiles'!$G$22=$B$24,21,0),MOD($C3302,24)+1)/SUM(INDEX($D$3:$AA$30,INDEX(Jesper!$R$2:$R$366,ROW(INDEX(Jesper!AL$2:AL$366,ROUNDDOWN($C3302/24,0)+1,1))-1)+IF('Standard Profiles'!$G$22=$B$10,7,0)+IF('Standard Profiles'!$G$22=$B$17,14,0)+IF('Standard Profiles'!$G$22=$B$24,21,0),0)),0)</f>
        <v>0</v>
      </c>
      <c r="I3302">
        <f t="shared" si="377"/>
        <v>1.153578412618228</v>
      </c>
      <c r="J3302">
        <f t="shared" si="378"/>
        <v>10.778595046545821</v>
      </c>
      <c r="K3302">
        <f t="shared" si="379"/>
        <v>0.61784646129926379</v>
      </c>
      <c r="L3302">
        <f t="shared" si="380"/>
        <v>0.3089232306496319</v>
      </c>
      <c r="M3302">
        <f t="shared" si="381"/>
        <v>0</v>
      </c>
      <c r="N3302" s="45">
        <f t="shared" si="382"/>
        <v>45063.166666658741</v>
      </c>
    </row>
    <row r="3303" spans="2:14" x14ac:dyDescent="0.25">
      <c r="B3303">
        <f t="shared" si="376"/>
        <v>3</v>
      </c>
      <c r="C3303" s="16">
        <v>3269</v>
      </c>
      <c r="D3303" cm="1">
        <f t="array" ref="D3303">IFERROR(INDEX(Jesper!AH$2:AH$366,ROUNDDOWN($C3303/24,0)+1,1)*INDEX($D$3:$AA$30,INDEX(Jesper!$R$2:$R$366,ROW(INDEX(Jesper!AH$2:AH$366,ROUNDDOWN($C3303/24,0)+1,1))-1)+IF('Standard Profiles'!$G$18=$B$10,7,0)+IF('Standard Profiles'!$G$18=$B$17,14,0)+IF('Standard Profiles'!$G$18=$B$24,21,0),MOD($C3303,24)+1)/SUM(INDEX($D$3:$AA$30,INDEX(Jesper!$R$2:$R$366,ROW(INDEX(Jesper!AH$2:AH$366,ROUNDDOWN($C3303/24,0)+1,1))-1)+IF('Standard Profiles'!$G$18=$B$10,7,0)+IF('Standard Profiles'!$G$18=$B$17,14,0)+IF('Standard Profiles'!$G$18=$B$24,21,0),0)),0)</f>
        <v>5.7923105746805978</v>
      </c>
      <c r="E3303" cm="1">
        <f t="array" ref="E3303">IFERROR(INDEX(Jesper!AI$2:AI$366,ROUNDDOWN($C3303/24,0)+1,1)*INDEX($D$3:$AA$30,INDEX(Jesper!$R$2:$R$366,ROW(INDEX(Jesper!AI$2:AI$366,ROUNDDOWN($C3303/24,0)+1,1))-1)+IF('Standard Profiles'!$G$19=$B$10,7,0)+IF('Standard Profiles'!$G$19=$B$17,14,0)+IF('Standard Profiles'!$G$19=$B$24,21,0),MOD($C3303,24)+1)/SUM(INDEX($D$3:$AA$30,INDEX(Jesper!$R$2:$R$366,ROW(INDEX(Jesper!AI$2:AI$366,ROUNDDOWN($C3303/24,0)+1,1))-1)+IF('Standard Profiles'!$G$19=$B$10,7,0)+IF('Standard Profiles'!$G$19=$B$17,14,0)+IF('Standard Profiles'!$G$19=$B$24,21,0),0)),0)</f>
        <v>4.6633442168110371</v>
      </c>
      <c r="F3303" cm="1">
        <f t="array" ref="F3303">IFERROR(INDEX(Jesper!AJ$2:AJ$366,ROUNDDOWN($C3303/24,0)+1,1)*INDEX($D$3:$AA$30,INDEX(Jesper!$R$2:$R$366,ROW(INDEX(Jesper!AJ$2:AJ$366,ROUNDDOWN($C3303/24,0)+1,1))-1)+IF('Standard Profiles'!$G$20=$B$10,7,0)+IF('Standard Profiles'!$G$20=$B$17,14,0)+IF('Standard Profiles'!$G$20=$B$24,21,0),MOD($C3303,24)+1)/SUM(INDEX($D$3:$AA$30,INDEX(Jesper!$R$2:$R$366,ROW(INDEX(Jesper!AJ$2:AJ$366,ROUNDDOWN($C3303/24,0)+1,1))-1)+IF('Standard Profiles'!$G$20=$B$10,7,0)+IF('Standard Profiles'!$G$20=$B$17,14,0)+IF('Standard Profiles'!$G$20=$B$24,21,0),0)),0)</f>
        <v>0</v>
      </c>
      <c r="G3303" cm="1">
        <f t="array" ref="G3303">IFERROR(INDEX(Jesper!AK$2:AK$366,ROUNDDOWN($C3303/24,0)+1,1)*INDEX($D$3:$AA$30,INDEX(Jesper!$R$2:$R$366,ROW(INDEX(Jesper!AK$2:AK$366,ROUNDDOWN($C3303/24,0)+1,1))-1)+IF('Standard Profiles'!$G$21=$B$10,7,0)+IF('Standard Profiles'!$G$21=$B$17,14,0)+IF('Standard Profiles'!$G$21=$B$24,21,0),MOD($C3303,24)+1)/SUM(INDEX($D$3:$AA$30,INDEX(Jesper!$R$2:$R$366,ROW(INDEX(Jesper!AK$2:AK$366,ROUNDDOWN($C3303/24,0)+1,1))-1)+IF('Standard Profiles'!$G$21=$B$10,7,0)+IF('Standard Profiles'!$G$21=$B$17,14,0)+IF('Standard Profiles'!$G$21=$B$24,21,0),0)),0)</f>
        <v>2.4032883596213095</v>
      </c>
      <c r="H3303" cm="1">
        <f t="array" ref="H3303">IFERROR(INDEX(Jesper!AL$2:AL$366,ROUNDDOWN($C3303/24,0)+1,1)*INDEX($D$3:$AA$30,INDEX(Jesper!$R$2:$R$366,ROW(INDEX(Jesper!AL$2:AL$366,ROUNDDOWN($C3303/24,0)+1,1))-1)+IF('Standard Profiles'!$G$22=$B$10,7,0)+IF('Standard Profiles'!$G$22=$B$17,14,0)+IF('Standard Profiles'!$G$22=$B$24,21,0),MOD($C3303,24)+1)/SUM(INDEX($D$3:$AA$30,INDEX(Jesper!$R$2:$R$366,ROW(INDEX(Jesper!AL$2:AL$366,ROUNDDOWN($C3303/24,0)+1,1))-1)+IF('Standard Profiles'!$G$22=$B$10,7,0)+IF('Standard Profiles'!$G$22=$B$17,14,0)+IF('Standard Profiles'!$G$22=$B$24,21,0),0)),0)</f>
        <v>0</v>
      </c>
      <c r="I3303">
        <f t="shared" si="377"/>
        <v>1.153578412618228</v>
      </c>
      <c r="J3303">
        <f t="shared" si="378"/>
        <v>10.778595046545821</v>
      </c>
      <c r="K3303">
        <f t="shared" si="379"/>
        <v>0.61784646129926379</v>
      </c>
      <c r="L3303">
        <f t="shared" si="380"/>
        <v>0.3089232306496319</v>
      </c>
      <c r="M3303">
        <f t="shared" si="381"/>
        <v>0</v>
      </c>
      <c r="N3303" s="45">
        <f t="shared" si="382"/>
        <v>45063.208333325405</v>
      </c>
    </row>
    <row r="3304" spans="2:14" x14ac:dyDescent="0.25">
      <c r="B3304">
        <f t="shared" si="376"/>
        <v>3</v>
      </c>
      <c r="C3304" s="16">
        <v>3270</v>
      </c>
      <c r="D3304" cm="1">
        <f t="array" ref="D3304">IFERROR(INDEX(Jesper!AH$2:AH$366,ROUNDDOWN($C3304/24,0)+1,1)*INDEX($D$3:$AA$30,INDEX(Jesper!$R$2:$R$366,ROW(INDEX(Jesper!AH$2:AH$366,ROUNDDOWN($C3304/24,0)+1,1))-1)+IF('Standard Profiles'!$G$18=$B$10,7,0)+IF('Standard Profiles'!$G$18=$B$17,14,0)+IF('Standard Profiles'!$G$18=$B$24,21,0),MOD($C3304,24)+1)/SUM(INDEX($D$3:$AA$30,INDEX(Jesper!$R$2:$R$366,ROW(INDEX(Jesper!AH$2:AH$366,ROUNDDOWN($C3304/24,0)+1,1))-1)+IF('Standard Profiles'!$G$18=$B$10,7,0)+IF('Standard Profiles'!$G$18=$B$17,14,0)+IF('Standard Profiles'!$G$18=$B$24,21,0),0)),0)</f>
        <v>5.7923105746805978</v>
      </c>
      <c r="E3304" cm="1">
        <f t="array" ref="E3304">IFERROR(INDEX(Jesper!AI$2:AI$366,ROUNDDOWN($C3304/24,0)+1,1)*INDEX($D$3:$AA$30,INDEX(Jesper!$R$2:$R$366,ROW(INDEX(Jesper!AI$2:AI$366,ROUNDDOWN($C3304/24,0)+1,1))-1)+IF('Standard Profiles'!$G$19=$B$10,7,0)+IF('Standard Profiles'!$G$19=$B$17,14,0)+IF('Standard Profiles'!$G$19=$B$24,21,0),MOD($C3304,24)+1)/SUM(INDEX($D$3:$AA$30,INDEX(Jesper!$R$2:$R$366,ROW(INDEX(Jesper!AI$2:AI$366,ROUNDDOWN($C3304/24,0)+1,1))-1)+IF('Standard Profiles'!$G$19=$B$10,7,0)+IF('Standard Profiles'!$G$19=$B$17,14,0)+IF('Standard Profiles'!$G$19=$B$24,21,0),0)),0)</f>
        <v>4.6633442168110371</v>
      </c>
      <c r="F3304" cm="1">
        <f t="array" ref="F3304">IFERROR(INDEX(Jesper!AJ$2:AJ$366,ROUNDDOWN($C3304/24,0)+1,1)*INDEX($D$3:$AA$30,INDEX(Jesper!$R$2:$R$366,ROW(INDEX(Jesper!AJ$2:AJ$366,ROUNDDOWN($C3304/24,0)+1,1))-1)+IF('Standard Profiles'!$G$20=$B$10,7,0)+IF('Standard Profiles'!$G$20=$B$17,14,0)+IF('Standard Profiles'!$G$20=$B$24,21,0),MOD($C3304,24)+1)/SUM(INDEX($D$3:$AA$30,INDEX(Jesper!$R$2:$R$366,ROW(INDEX(Jesper!AJ$2:AJ$366,ROUNDDOWN($C3304/24,0)+1,1))-1)+IF('Standard Profiles'!$G$20=$B$10,7,0)+IF('Standard Profiles'!$G$20=$B$17,14,0)+IF('Standard Profiles'!$G$20=$B$24,21,0),0)),0)</f>
        <v>0</v>
      </c>
      <c r="G3304" cm="1">
        <f t="array" ref="G3304">IFERROR(INDEX(Jesper!AK$2:AK$366,ROUNDDOWN($C3304/24,0)+1,1)*INDEX($D$3:$AA$30,INDEX(Jesper!$R$2:$R$366,ROW(INDEX(Jesper!AK$2:AK$366,ROUNDDOWN($C3304/24,0)+1,1))-1)+IF('Standard Profiles'!$G$21=$B$10,7,0)+IF('Standard Profiles'!$G$21=$B$17,14,0)+IF('Standard Profiles'!$G$21=$B$24,21,0),MOD($C3304,24)+1)/SUM(INDEX($D$3:$AA$30,INDEX(Jesper!$R$2:$R$366,ROW(INDEX(Jesper!AK$2:AK$366,ROUNDDOWN($C3304/24,0)+1,1))-1)+IF('Standard Profiles'!$G$21=$B$10,7,0)+IF('Standard Profiles'!$G$21=$B$17,14,0)+IF('Standard Profiles'!$G$21=$B$24,21,0),0)),0)</f>
        <v>2.4032883596213095</v>
      </c>
      <c r="H3304" cm="1">
        <f t="array" ref="H3304">IFERROR(INDEX(Jesper!AL$2:AL$366,ROUNDDOWN($C3304/24,0)+1,1)*INDEX($D$3:$AA$30,INDEX(Jesper!$R$2:$R$366,ROW(INDEX(Jesper!AL$2:AL$366,ROUNDDOWN($C3304/24,0)+1,1))-1)+IF('Standard Profiles'!$G$22=$B$10,7,0)+IF('Standard Profiles'!$G$22=$B$17,14,0)+IF('Standard Profiles'!$G$22=$B$24,21,0),MOD($C3304,24)+1)/SUM(INDEX($D$3:$AA$30,INDEX(Jesper!$R$2:$R$366,ROW(INDEX(Jesper!AL$2:AL$366,ROUNDDOWN($C3304/24,0)+1,1))-1)+IF('Standard Profiles'!$G$22=$B$10,7,0)+IF('Standard Profiles'!$G$22=$B$17,14,0)+IF('Standard Profiles'!$G$22=$B$24,21,0),0)),0)</f>
        <v>0</v>
      </c>
      <c r="I3304">
        <f t="shared" si="377"/>
        <v>1.153578412618228</v>
      </c>
      <c r="J3304">
        <f t="shared" si="378"/>
        <v>10.778595046545821</v>
      </c>
      <c r="K3304">
        <f t="shared" si="379"/>
        <v>0.61784646129926379</v>
      </c>
      <c r="L3304">
        <f t="shared" si="380"/>
        <v>0.3089232306496319</v>
      </c>
      <c r="M3304">
        <f t="shared" si="381"/>
        <v>0</v>
      </c>
      <c r="N3304" s="45">
        <f t="shared" si="382"/>
        <v>45063.249999992069</v>
      </c>
    </row>
    <row r="3305" spans="2:14" x14ac:dyDescent="0.25">
      <c r="B3305">
        <f t="shared" si="376"/>
        <v>3</v>
      </c>
      <c r="C3305" s="16">
        <v>3271</v>
      </c>
      <c r="D3305" cm="1">
        <f t="array" ref="D3305">IFERROR(INDEX(Jesper!AH$2:AH$366,ROUNDDOWN($C3305/24,0)+1,1)*INDEX($D$3:$AA$30,INDEX(Jesper!$R$2:$R$366,ROW(INDEX(Jesper!AH$2:AH$366,ROUNDDOWN($C3305/24,0)+1,1))-1)+IF('Standard Profiles'!$G$18=$B$10,7,0)+IF('Standard Profiles'!$G$18=$B$17,14,0)+IF('Standard Profiles'!$G$18=$B$24,21,0),MOD($C3305,24)+1)/SUM(INDEX($D$3:$AA$30,INDEX(Jesper!$R$2:$R$366,ROW(INDEX(Jesper!AH$2:AH$366,ROUNDDOWN($C3305/24,0)+1,1))-1)+IF('Standard Profiles'!$G$18=$B$10,7,0)+IF('Standard Profiles'!$G$18=$B$17,14,0)+IF('Standard Profiles'!$G$18=$B$24,21,0),0)),0)</f>
        <v>23.678263531042806</v>
      </c>
      <c r="E3305" cm="1">
        <f t="array" ref="E3305">IFERROR(INDEX(Jesper!AI$2:AI$366,ROUNDDOWN($C3305/24,0)+1,1)*INDEX($D$3:$AA$30,INDEX(Jesper!$R$2:$R$366,ROW(INDEX(Jesper!AI$2:AI$366,ROUNDDOWN($C3305/24,0)+1,1))-1)+IF('Standard Profiles'!$G$19=$B$10,7,0)+IF('Standard Profiles'!$G$19=$B$17,14,0)+IF('Standard Profiles'!$G$19=$B$24,21,0),MOD($C3305,24)+1)/SUM(INDEX($D$3:$AA$30,INDEX(Jesper!$R$2:$R$366,ROW(INDEX(Jesper!AI$2:AI$366,ROUNDDOWN($C3305/24,0)+1,1))-1)+IF('Standard Profiles'!$G$19=$B$10,7,0)+IF('Standard Profiles'!$G$19=$B$17,14,0)+IF('Standard Profiles'!$G$19=$B$24,21,0),0)),0)</f>
        <v>19.063185904479056</v>
      </c>
      <c r="F3305" cm="1">
        <f t="array" ref="F3305">IFERROR(INDEX(Jesper!AJ$2:AJ$366,ROUNDDOWN($C3305/24,0)+1,1)*INDEX($D$3:$AA$30,INDEX(Jesper!$R$2:$R$366,ROW(INDEX(Jesper!AJ$2:AJ$366,ROUNDDOWN($C3305/24,0)+1,1))-1)+IF('Standard Profiles'!$G$20=$B$10,7,0)+IF('Standard Profiles'!$G$20=$B$17,14,0)+IF('Standard Profiles'!$G$20=$B$24,21,0),MOD($C3305,24)+1)/SUM(INDEX($D$3:$AA$30,INDEX(Jesper!$R$2:$R$366,ROW(INDEX(Jesper!AJ$2:AJ$366,ROUNDDOWN($C3305/24,0)+1,1))-1)+IF('Standard Profiles'!$G$20=$B$10,7,0)+IF('Standard Profiles'!$G$20=$B$17,14,0)+IF('Standard Profiles'!$G$20=$B$24,21,0),0)),0)</f>
        <v>0</v>
      </c>
      <c r="G3305" cm="1">
        <f t="array" ref="G3305">IFERROR(INDEX(Jesper!AK$2:AK$366,ROUNDDOWN($C3305/24,0)+1,1)*INDEX($D$3:$AA$30,INDEX(Jesper!$R$2:$R$366,ROW(INDEX(Jesper!AK$2:AK$366,ROUNDDOWN($C3305/24,0)+1,1))-1)+IF('Standard Profiles'!$G$21=$B$10,7,0)+IF('Standard Profiles'!$G$21=$B$17,14,0)+IF('Standard Profiles'!$G$21=$B$24,21,0),MOD($C3305,24)+1)/SUM(INDEX($D$3:$AA$30,INDEX(Jesper!$R$2:$R$366,ROW(INDEX(Jesper!AK$2:AK$366,ROUNDDOWN($C3305/24,0)+1,1))-1)+IF('Standard Profiles'!$G$21=$B$10,7,0)+IF('Standard Profiles'!$G$21=$B$17,14,0)+IF('Standard Profiles'!$G$21=$B$24,21,0),0)),0)</f>
        <v>6.6210594307567066</v>
      </c>
      <c r="H3305" cm="1">
        <f t="array" ref="H3305">IFERROR(INDEX(Jesper!AL$2:AL$366,ROUNDDOWN($C3305/24,0)+1,1)*INDEX($D$3:$AA$30,INDEX(Jesper!$R$2:$R$366,ROW(INDEX(Jesper!AL$2:AL$366,ROUNDDOWN($C3305/24,0)+1,1))-1)+IF('Standard Profiles'!$G$22=$B$10,7,0)+IF('Standard Profiles'!$G$22=$B$17,14,0)+IF('Standard Profiles'!$G$22=$B$24,21,0),MOD($C3305,24)+1)/SUM(INDEX($D$3:$AA$30,INDEX(Jesper!$R$2:$R$366,ROW(INDEX(Jesper!AL$2:AL$366,ROUNDDOWN($C3305/24,0)+1,1))-1)+IF('Standard Profiles'!$G$22=$B$10,7,0)+IF('Standard Profiles'!$G$22=$B$17,14,0)+IF('Standard Profiles'!$G$22=$B$24,21,0),0)),0)</f>
        <v>0</v>
      </c>
      <c r="I3305">
        <f t="shared" si="377"/>
        <v>3.1781085267632174</v>
      </c>
      <c r="J3305">
        <f t="shared" si="378"/>
        <v>42.3958781745485</v>
      </c>
      <c r="K3305">
        <f t="shared" si="379"/>
        <v>2.5256814433112327</v>
      </c>
      <c r="L3305">
        <f t="shared" si="380"/>
        <v>1.2628407216556163</v>
      </c>
      <c r="M3305">
        <f t="shared" si="381"/>
        <v>0</v>
      </c>
      <c r="N3305" s="45">
        <f t="shared" si="382"/>
        <v>45063.291666658733</v>
      </c>
    </row>
    <row r="3306" spans="2:14" x14ac:dyDescent="0.25">
      <c r="B3306">
        <f t="shared" si="376"/>
        <v>3</v>
      </c>
      <c r="C3306" s="16">
        <v>3272</v>
      </c>
      <c r="D3306" cm="1">
        <f t="array" ref="D3306">IFERROR(INDEX(Jesper!AH$2:AH$366,ROUNDDOWN($C3306/24,0)+1,1)*INDEX($D$3:$AA$30,INDEX(Jesper!$R$2:$R$366,ROW(INDEX(Jesper!AH$2:AH$366,ROUNDDOWN($C3306/24,0)+1,1))-1)+IF('Standard Profiles'!$G$18=$B$10,7,0)+IF('Standard Profiles'!$G$18=$B$17,14,0)+IF('Standard Profiles'!$G$18=$B$24,21,0),MOD($C3306,24)+1)/SUM(INDEX($D$3:$AA$30,INDEX(Jesper!$R$2:$R$366,ROW(INDEX(Jesper!AH$2:AH$366,ROUNDDOWN($C3306/24,0)+1,1))-1)+IF('Standard Profiles'!$G$18=$B$10,7,0)+IF('Standard Profiles'!$G$18=$B$17,14,0)+IF('Standard Profiles'!$G$18=$B$24,21,0),0)),0)</f>
        <v>26.419957203058289</v>
      </c>
      <c r="E3306" cm="1">
        <f t="array" ref="E3306">IFERROR(INDEX(Jesper!AI$2:AI$366,ROUNDDOWN($C3306/24,0)+1,1)*INDEX($D$3:$AA$30,INDEX(Jesper!$R$2:$R$366,ROW(INDEX(Jesper!AI$2:AI$366,ROUNDDOWN($C3306/24,0)+1,1))-1)+IF('Standard Profiles'!$G$19=$B$10,7,0)+IF('Standard Profiles'!$G$19=$B$17,14,0)+IF('Standard Profiles'!$G$19=$B$24,21,0),MOD($C3306,24)+1)/SUM(INDEX($D$3:$AA$30,INDEX(Jesper!$R$2:$R$366,ROW(INDEX(Jesper!AI$2:AI$366,ROUNDDOWN($C3306/24,0)+1,1))-1)+IF('Standard Profiles'!$G$19=$B$10,7,0)+IF('Standard Profiles'!$G$19=$B$17,14,0)+IF('Standard Profiles'!$G$19=$B$24,21,0),0)),0)</f>
        <v>21.270502167102947</v>
      </c>
      <c r="F3306" cm="1">
        <f t="array" ref="F3306">IFERROR(INDEX(Jesper!AJ$2:AJ$366,ROUNDDOWN($C3306/24,0)+1,1)*INDEX($D$3:$AA$30,INDEX(Jesper!$R$2:$R$366,ROW(INDEX(Jesper!AJ$2:AJ$366,ROUNDDOWN($C3306/24,0)+1,1))-1)+IF('Standard Profiles'!$G$20=$B$10,7,0)+IF('Standard Profiles'!$G$20=$B$17,14,0)+IF('Standard Profiles'!$G$20=$B$24,21,0),MOD($C3306,24)+1)/SUM(INDEX($D$3:$AA$30,INDEX(Jesper!$R$2:$R$366,ROW(INDEX(Jesper!AJ$2:AJ$366,ROUNDDOWN($C3306/24,0)+1,1))-1)+IF('Standard Profiles'!$G$20=$B$10,7,0)+IF('Standard Profiles'!$G$20=$B$17,14,0)+IF('Standard Profiles'!$G$20=$B$24,21,0),0)),0)</f>
        <v>0</v>
      </c>
      <c r="G3306" cm="1">
        <f t="array" ref="G3306">IFERROR(INDEX(Jesper!AK$2:AK$366,ROUNDDOWN($C3306/24,0)+1,1)*INDEX($D$3:$AA$30,INDEX(Jesper!$R$2:$R$366,ROW(INDEX(Jesper!AK$2:AK$366,ROUNDDOWN($C3306/24,0)+1,1))-1)+IF('Standard Profiles'!$G$21=$B$10,7,0)+IF('Standard Profiles'!$G$21=$B$17,14,0)+IF('Standard Profiles'!$G$21=$B$24,21,0),MOD($C3306,24)+1)/SUM(INDEX($D$3:$AA$30,INDEX(Jesper!$R$2:$R$366,ROW(INDEX(Jesper!AK$2:AK$366,ROUNDDOWN($C3306/24,0)+1,1))-1)+IF('Standard Profiles'!$G$21=$B$10,7,0)+IF('Standard Profiles'!$G$21=$B$17,14,0)+IF('Standard Profiles'!$G$21=$B$24,21,0),0)),0)</f>
        <v>7.3877084174759053</v>
      </c>
      <c r="H3306" cm="1">
        <f t="array" ref="H3306">IFERROR(INDEX(Jesper!AL$2:AL$366,ROUNDDOWN($C3306/24,0)+1,1)*INDEX($D$3:$AA$30,INDEX(Jesper!$R$2:$R$366,ROW(INDEX(Jesper!AL$2:AL$366,ROUNDDOWN($C3306/24,0)+1,1))-1)+IF('Standard Profiles'!$G$22=$B$10,7,0)+IF('Standard Profiles'!$G$22=$B$17,14,0)+IF('Standard Profiles'!$G$22=$B$24,21,0),MOD($C3306,24)+1)/SUM(INDEX($D$3:$AA$30,INDEX(Jesper!$R$2:$R$366,ROW(INDEX(Jesper!AL$2:AL$366,ROUNDDOWN($C3306/24,0)+1,1))-1)+IF('Standard Profiles'!$G$22=$B$10,7,0)+IF('Standard Profiles'!$G$22=$B$17,14,0)+IF('Standard Profiles'!$G$22=$B$24,21,0),0)),0)</f>
        <v>0</v>
      </c>
      <c r="I3306">
        <f t="shared" si="377"/>
        <v>3.5461000403884326</v>
      </c>
      <c r="J3306">
        <f t="shared" si="378"/>
        <v>47.304874594759383</v>
      </c>
      <c r="K3306">
        <f t="shared" si="379"/>
        <v>2.8181287683262175</v>
      </c>
      <c r="L3306">
        <f t="shared" si="380"/>
        <v>1.4090643841631088</v>
      </c>
      <c r="M3306">
        <f t="shared" si="381"/>
        <v>0</v>
      </c>
      <c r="N3306" s="45">
        <f t="shared" si="382"/>
        <v>45063.333333325398</v>
      </c>
    </row>
    <row r="3307" spans="2:14" x14ac:dyDescent="0.25">
      <c r="B3307">
        <f t="shared" si="376"/>
        <v>3</v>
      </c>
      <c r="C3307" s="16">
        <v>3273</v>
      </c>
      <c r="D3307" cm="1">
        <f t="array" ref="D3307">IFERROR(INDEX(Jesper!AH$2:AH$366,ROUNDDOWN($C3307/24,0)+1,1)*INDEX($D$3:$AA$30,INDEX(Jesper!$R$2:$R$366,ROW(INDEX(Jesper!AH$2:AH$366,ROUNDDOWN($C3307/24,0)+1,1))-1)+IF('Standard Profiles'!$G$18=$B$10,7,0)+IF('Standard Profiles'!$G$18=$B$17,14,0)+IF('Standard Profiles'!$G$18=$B$24,21,0),MOD($C3307,24)+1)/SUM(INDEX($D$3:$AA$30,INDEX(Jesper!$R$2:$R$366,ROW(INDEX(Jesper!AH$2:AH$366,ROUNDDOWN($C3307/24,0)+1,1))-1)+IF('Standard Profiles'!$G$18=$B$10,7,0)+IF('Standard Profiles'!$G$18=$B$17,14,0)+IF('Standard Profiles'!$G$18=$B$24,21,0),0)),0)</f>
        <v>29.161650875073775</v>
      </c>
      <c r="E3307" cm="1">
        <f t="array" ref="E3307">IFERROR(INDEX(Jesper!AI$2:AI$366,ROUNDDOWN($C3307/24,0)+1,1)*INDEX($D$3:$AA$30,INDEX(Jesper!$R$2:$R$366,ROW(INDEX(Jesper!AI$2:AI$366,ROUNDDOWN($C3307/24,0)+1,1))-1)+IF('Standard Profiles'!$G$19=$B$10,7,0)+IF('Standard Profiles'!$G$19=$B$17,14,0)+IF('Standard Profiles'!$G$19=$B$24,21,0),MOD($C3307,24)+1)/SUM(INDEX($D$3:$AA$30,INDEX(Jesper!$R$2:$R$366,ROW(INDEX(Jesper!AI$2:AI$366,ROUNDDOWN($C3307/24,0)+1,1))-1)+IF('Standard Profiles'!$G$19=$B$10,7,0)+IF('Standard Profiles'!$G$19=$B$17,14,0)+IF('Standard Profiles'!$G$19=$B$24,21,0),0)),0)</f>
        <v>23.477818429726842</v>
      </c>
      <c r="F3307" cm="1">
        <f t="array" ref="F3307">IFERROR(INDEX(Jesper!AJ$2:AJ$366,ROUNDDOWN($C3307/24,0)+1,1)*INDEX($D$3:$AA$30,INDEX(Jesper!$R$2:$R$366,ROW(INDEX(Jesper!AJ$2:AJ$366,ROUNDDOWN($C3307/24,0)+1,1))-1)+IF('Standard Profiles'!$G$20=$B$10,7,0)+IF('Standard Profiles'!$G$20=$B$17,14,0)+IF('Standard Profiles'!$G$20=$B$24,21,0),MOD($C3307,24)+1)/SUM(INDEX($D$3:$AA$30,INDEX(Jesper!$R$2:$R$366,ROW(INDEX(Jesper!AJ$2:AJ$366,ROUNDDOWN($C3307/24,0)+1,1))-1)+IF('Standard Profiles'!$G$20=$B$10,7,0)+IF('Standard Profiles'!$G$20=$B$17,14,0)+IF('Standard Profiles'!$G$20=$B$24,21,0),0)),0)</f>
        <v>0</v>
      </c>
      <c r="G3307" cm="1">
        <f t="array" ref="G3307">IFERROR(INDEX(Jesper!AK$2:AK$366,ROUNDDOWN($C3307/24,0)+1,1)*INDEX($D$3:$AA$30,INDEX(Jesper!$R$2:$R$366,ROW(INDEX(Jesper!AK$2:AK$366,ROUNDDOWN($C3307/24,0)+1,1))-1)+IF('Standard Profiles'!$G$21=$B$10,7,0)+IF('Standard Profiles'!$G$21=$B$17,14,0)+IF('Standard Profiles'!$G$21=$B$24,21,0),MOD($C3307,24)+1)/SUM(INDEX($D$3:$AA$30,INDEX(Jesper!$R$2:$R$366,ROW(INDEX(Jesper!AK$2:AK$366,ROUNDDOWN($C3307/24,0)+1,1))-1)+IF('Standard Profiles'!$G$21=$B$10,7,0)+IF('Standard Profiles'!$G$21=$B$17,14,0)+IF('Standard Profiles'!$G$21=$B$24,21,0),0)),0)</f>
        <v>8.1543574041951032</v>
      </c>
      <c r="H3307" cm="1">
        <f t="array" ref="H3307">IFERROR(INDEX(Jesper!AL$2:AL$366,ROUNDDOWN($C3307/24,0)+1,1)*INDEX($D$3:$AA$30,INDEX(Jesper!$R$2:$R$366,ROW(INDEX(Jesper!AL$2:AL$366,ROUNDDOWN($C3307/24,0)+1,1))-1)+IF('Standard Profiles'!$G$22=$B$10,7,0)+IF('Standard Profiles'!$G$22=$B$17,14,0)+IF('Standard Profiles'!$G$22=$B$24,21,0),MOD($C3307,24)+1)/SUM(INDEX($D$3:$AA$30,INDEX(Jesper!$R$2:$R$366,ROW(INDEX(Jesper!AL$2:AL$366,ROUNDDOWN($C3307/24,0)+1,1))-1)+IF('Standard Profiles'!$G$22=$B$10,7,0)+IF('Standard Profiles'!$G$22=$B$17,14,0)+IF('Standard Profiles'!$G$22=$B$24,21,0),0)),0)</f>
        <v>0</v>
      </c>
      <c r="I3307">
        <f t="shared" si="377"/>
        <v>3.9140915540136474</v>
      </c>
      <c r="J3307">
        <f t="shared" si="378"/>
        <v>52.213871014970266</v>
      </c>
      <c r="K3307">
        <f t="shared" si="379"/>
        <v>3.1105760933412028</v>
      </c>
      <c r="L3307">
        <f t="shared" si="380"/>
        <v>1.5552880466706014</v>
      </c>
      <c r="M3307">
        <f t="shared" si="381"/>
        <v>0</v>
      </c>
      <c r="N3307" s="45">
        <f t="shared" si="382"/>
        <v>45063.374999992062</v>
      </c>
    </row>
    <row r="3308" spans="2:14" x14ac:dyDescent="0.25">
      <c r="B3308">
        <f t="shared" si="376"/>
        <v>3</v>
      </c>
      <c r="C3308" s="16">
        <v>3274</v>
      </c>
      <c r="D3308" cm="1">
        <f t="array" ref="D3308">IFERROR(INDEX(Jesper!AH$2:AH$366,ROUNDDOWN($C3308/24,0)+1,1)*INDEX($D$3:$AA$30,INDEX(Jesper!$R$2:$R$366,ROW(INDEX(Jesper!AH$2:AH$366,ROUNDDOWN($C3308/24,0)+1,1))-1)+IF('Standard Profiles'!$G$18=$B$10,7,0)+IF('Standard Profiles'!$G$18=$B$17,14,0)+IF('Standard Profiles'!$G$18=$B$24,21,0),MOD($C3308,24)+1)/SUM(INDEX($D$3:$AA$30,INDEX(Jesper!$R$2:$R$366,ROW(INDEX(Jesper!AH$2:AH$366,ROUNDDOWN($C3308/24,0)+1,1))-1)+IF('Standard Profiles'!$G$18=$B$10,7,0)+IF('Standard Profiles'!$G$18=$B$17,14,0)+IF('Standard Profiles'!$G$18=$B$24,21,0),0)),0)</f>
        <v>29.161650875073775</v>
      </c>
      <c r="E3308" cm="1">
        <f t="array" ref="E3308">IFERROR(INDEX(Jesper!AI$2:AI$366,ROUNDDOWN($C3308/24,0)+1,1)*INDEX($D$3:$AA$30,INDEX(Jesper!$R$2:$R$366,ROW(INDEX(Jesper!AI$2:AI$366,ROUNDDOWN($C3308/24,0)+1,1))-1)+IF('Standard Profiles'!$G$19=$B$10,7,0)+IF('Standard Profiles'!$G$19=$B$17,14,0)+IF('Standard Profiles'!$G$19=$B$24,21,0),MOD($C3308,24)+1)/SUM(INDEX($D$3:$AA$30,INDEX(Jesper!$R$2:$R$366,ROW(INDEX(Jesper!AI$2:AI$366,ROUNDDOWN($C3308/24,0)+1,1))-1)+IF('Standard Profiles'!$G$19=$B$10,7,0)+IF('Standard Profiles'!$G$19=$B$17,14,0)+IF('Standard Profiles'!$G$19=$B$24,21,0),0)),0)</f>
        <v>23.477818429726842</v>
      </c>
      <c r="F3308" cm="1">
        <f t="array" ref="F3308">IFERROR(INDEX(Jesper!AJ$2:AJ$366,ROUNDDOWN($C3308/24,0)+1,1)*INDEX($D$3:$AA$30,INDEX(Jesper!$R$2:$R$366,ROW(INDEX(Jesper!AJ$2:AJ$366,ROUNDDOWN($C3308/24,0)+1,1))-1)+IF('Standard Profiles'!$G$20=$B$10,7,0)+IF('Standard Profiles'!$G$20=$B$17,14,0)+IF('Standard Profiles'!$G$20=$B$24,21,0),MOD($C3308,24)+1)/SUM(INDEX($D$3:$AA$30,INDEX(Jesper!$R$2:$R$366,ROW(INDEX(Jesper!AJ$2:AJ$366,ROUNDDOWN($C3308/24,0)+1,1))-1)+IF('Standard Profiles'!$G$20=$B$10,7,0)+IF('Standard Profiles'!$G$20=$B$17,14,0)+IF('Standard Profiles'!$G$20=$B$24,21,0),0)),0)</f>
        <v>0</v>
      </c>
      <c r="G3308" cm="1">
        <f t="array" ref="G3308">IFERROR(INDEX(Jesper!AK$2:AK$366,ROUNDDOWN($C3308/24,0)+1,1)*INDEX($D$3:$AA$30,INDEX(Jesper!$R$2:$R$366,ROW(INDEX(Jesper!AK$2:AK$366,ROUNDDOWN($C3308/24,0)+1,1))-1)+IF('Standard Profiles'!$G$21=$B$10,7,0)+IF('Standard Profiles'!$G$21=$B$17,14,0)+IF('Standard Profiles'!$G$21=$B$24,21,0),MOD($C3308,24)+1)/SUM(INDEX($D$3:$AA$30,INDEX(Jesper!$R$2:$R$366,ROW(INDEX(Jesper!AK$2:AK$366,ROUNDDOWN($C3308/24,0)+1,1))-1)+IF('Standard Profiles'!$G$21=$B$10,7,0)+IF('Standard Profiles'!$G$21=$B$17,14,0)+IF('Standard Profiles'!$G$21=$B$24,21,0),0)),0)</f>
        <v>8.1543574041951032</v>
      </c>
      <c r="H3308" cm="1">
        <f t="array" ref="H3308">IFERROR(INDEX(Jesper!AL$2:AL$366,ROUNDDOWN($C3308/24,0)+1,1)*INDEX($D$3:$AA$30,INDEX(Jesper!$R$2:$R$366,ROW(INDEX(Jesper!AL$2:AL$366,ROUNDDOWN($C3308/24,0)+1,1))-1)+IF('Standard Profiles'!$G$22=$B$10,7,0)+IF('Standard Profiles'!$G$22=$B$17,14,0)+IF('Standard Profiles'!$G$22=$B$24,21,0),MOD($C3308,24)+1)/SUM(INDEX($D$3:$AA$30,INDEX(Jesper!$R$2:$R$366,ROW(INDEX(Jesper!AL$2:AL$366,ROUNDDOWN($C3308/24,0)+1,1))-1)+IF('Standard Profiles'!$G$22=$B$10,7,0)+IF('Standard Profiles'!$G$22=$B$17,14,0)+IF('Standard Profiles'!$G$22=$B$24,21,0),0)),0)</f>
        <v>0</v>
      </c>
      <c r="I3308">
        <f t="shared" si="377"/>
        <v>3.9140915540136474</v>
      </c>
      <c r="J3308">
        <f t="shared" si="378"/>
        <v>52.213871014970266</v>
      </c>
      <c r="K3308">
        <f t="shared" si="379"/>
        <v>3.1105760933412028</v>
      </c>
      <c r="L3308">
        <f t="shared" si="380"/>
        <v>1.5552880466706014</v>
      </c>
      <c r="M3308">
        <f t="shared" si="381"/>
        <v>0</v>
      </c>
      <c r="N3308" s="45">
        <f t="shared" si="382"/>
        <v>45063.416666658726</v>
      </c>
    </row>
    <row r="3309" spans="2:14" x14ac:dyDescent="0.25">
      <c r="B3309">
        <f t="shared" si="376"/>
        <v>3</v>
      </c>
      <c r="C3309" s="16">
        <v>3275</v>
      </c>
      <c r="D3309" cm="1">
        <f t="array" ref="D3309">IFERROR(INDEX(Jesper!AH$2:AH$366,ROUNDDOWN($C3309/24,0)+1,1)*INDEX($D$3:$AA$30,INDEX(Jesper!$R$2:$R$366,ROW(INDEX(Jesper!AH$2:AH$366,ROUNDDOWN($C3309/24,0)+1,1))-1)+IF('Standard Profiles'!$G$18=$B$10,7,0)+IF('Standard Profiles'!$G$18=$B$17,14,0)+IF('Standard Profiles'!$G$18=$B$24,21,0),MOD($C3309,24)+1)/SUM(INDEX($D$3:$AA$30,INDEX(Jesper!$R$2:$R$366,ROW(INDEX(Jesper!AH$2:AH$366,ROUNDDOWN($C3309/24,0)+1,1))-1)+IF('Standard Profiles'!$G$18=$B$10,7,0)+IF('Standard Profiles'!$G$18=$B$17,14,0)+IF('Standard Profiles'!$G$18=$B$24,21,0),0)),0)</f>
        <v>34.894283098378871</v>
      </c>
      <c r="E3309" cm="1">
        <f t="array" ref="E3309">IFERROR(INDEX(Jesper!AI$2:AI$366,ROUNDDOWN($C3309/24,0)+1,1)*INDEX($D$3:$AA$30,INDEX(Jesper!$R$2:$R$366,ROW(INDEX(Jesper!AI$2:AI$366,ROUNDDOWN($C3309/24,0)+1,1))-1)+IF('Standard Profiles'!$G$19=$B$10,7,0)+IF('Standard Profiles'!$G$19=$B$17,14,0)+IF('Standard Profiles'!$G$19=$B$24,21,0),MOD($C3309,24)+1)/SUM(INDEX($D$3:$AA$30,INDEX(Jesper!$R$2:$R$366,ROW(INDEX(Jesper!AI$2:AI$366,ROUNDDOWN($C3309/24,0)+1,1))-1)+IF('Standard Profiles'!$G$19=$B$10,7,0)+IF('Standard Profiles'!$G$19=$B$17,14,0)+IF('Standard Profiles'!$G$19=$B$24,21,0),0)),0)</f>
        <v>28.093116069758608</v>
      </c>
      <c r="F3309" cm="1">
        <f t="array" ref="F3309">IFERROR(INDEX(Jesper!AJ$2:AJ$366,ROUNDDOWN($C3309/24,0)+1,1)*INDEX($D$3:$AA$30,INDEX(Jesper!$R$2:$R$366,ROW(INDEX(Jesper!AJ$2:AJ$366,ROUNDDOWN($C3309/24,0)+1,1))-1)+IF('Standard Profiles'!$G$20=$B$10,7,0)+IF('Standard Profiles'!$G$20=$B$17,14,0)+IF('Standard Profiles'!$G$20=$B$24,21,0),MOD($C3309,24)+1)/SUM(INDEX($D$3:$AA$30,INDEX(Jesper!$R$2:$R$366,ROW(INDEX(Jesper!AJ$2:AJ$366,ROUNDDOWN($C3309/24,0)+1,1))-1)+IF('Standard Profiles'!$G$20=$B$10,7,0)+IF('Standard Profiles'!$G$20=$B$17,14,0)+IF('Standard Profiles'!$G$20=$B$24,21,0),0)),0)</f>
        <v>0</v>
      </c>
      <c r="G3309" cm="1">
        <f t="array" ref="G3309">IFERROR(INDEX(Jesper!AK$2:AK$366,ROUNDDOWN($C3309/24,0)+1,1)*INDEX($D$3:$AA$30,INDEX(Jesper!$R$2:$R$366,ROW(INDEX(Jesper!AK$2:AK$366,ROUNDDOWN($C3309/24,0)+1,1))-1)+IF('Standard Profiles'!$G$21=$B$10,7,0)+IF('Standard Profiles'!$G$21=$B$17,14,0)+IF('Standard Profiles'!$G$21=$B$24,21,0),MOD($C3309,24)+1)/SUM(INDEX($D$3:$AA$30,INDEX(Jesper!$R$2:$R$366,ROW(INDEX(Jesper!AK$2:AK$366,ROUNDDOWN($C3309/24,0)+1,1))-1)+IF('Standard Profiles'!$G$21=$B$10,7,0)+IF('Standard Profiles'!$G$21=$B$17,14,0)+IF('Standard Profiles'!$G$21=$B$24,21,0),0)),0)</f>
        <v>9.757350740062515</v>
      </c>
      <c r="H3309" cm="1">
        <f t="array" ref="H3309">IFERROR(INDEX(Jesper!AL$2:AL$366,ROUNDDOWN($C3309/24,0)+1,1)*INDEX($D$3:$AA$30,INDEX(Jesper!$R$2:$R$366,ROW(INDEX(Jesper!AL$2:AL$366,ROUNDDOWN($C3309/24,0)+1,1))-1)+IF('Standard Profiles'!$G$22=$B$10,7,0)+IF('Standard Profiles'!$G$22=$B$17,14,0)+IF('Standard Profiles'!$G$22=$B$24,21,0),MOD($C3309,24)+1)/SUM(INDEX($D$3:$AA$30,INDEX(Jesper!$R$2:$R$366,ROW(INDEX(Jesper!AL$2:AL$366,ROUNDDOWN($C3309/24,0)+1,1))-1)+IF('Standard Profiles'!$G$22=$B$10,7,0)+IF('Standard Profiles'!$G$22=$B$17,14,0)+IF('Standard Profiles'!$G$22=$B$24,21,0),0)),0)</f>
        <v>0</v>
      </c>
      <c r="I3309">
        <f t="shared" si="377"/>
        <v>4.6835283552300044</v>
      </c>
      <c r="J3309">
        <f t="shared" si="378"/>
        <v>62.478136257229366</v>
      </c>
      <c r="K3309">
        <f t="shared" si="379"/>
        <v>3.7220568638270799</v>
      </c>
      <c r="L3309">
        <f t="shared" si="380"/>
        <v>1.8610284319135399</v>
      </c>
      <c r="M3309">
        <f t="shared" si="381"/>
        <v>0</v>
      </c>
      <c r="N3309" s="45">
        <f t="shared" si="382"/>
        <v>45063.45833332539</v>
      </c>
    </row>
    <row r="3310" spans="2:14" x14ac:dyDescent="0.25">
      <c r="B3310">
        <f t="shared" si="376"/>
        <v>3</v>
      </c>
      <c r="C3310" s="16">
        <v>3276</v>
      </c>
      <c r="D3310" cm="1">
        <f t="array" ref="D3310">IFERROR(INDEX(Jesper!AH$2:AH$366,ROUNDDOWN($C3310/24,0)+1,1)*INDEX($D$3:$AA$30,INDEX(Jesper!$R$2:$R$366,ROW(INDEX(Jesper!AH$2:AH$366,ROUNDDOWN($C3310/24,0)+1,1))-1)+IF('Standard Profiles'!$G$18=$B$10,7,0)+IF('Standard Profiles'!$G$18=$B$17,14,0)+IF('Standard Profiles'!$G$18=$B$24,21,0),MOD($C3310,24)+1)/SUM(INDEX($D$3:$AA$30,INDEX(Jesper!$R$2:$R$366,ROW(INDEX(Jesper!AH$2:AH$366,ROUNDDOWN($C3310/24,0)+1,1))-1)+IF('Standard Profiles'!$G$18=$B$10,7,0)+IF('Standard Profiles'!$G$18=$B$17,14,0)+IF('Standard Profiles'!$G$18=$B$24,21,0),0)),0)</f>
        <v>34.894283098378871</v>
      </c>
      <c r="E3310" cm="1">
        <f t="array" ref="E3310">IFERROR(INDEX(Jesper!AI$2:AI$366,ROUNDDOWN($C3310/24,0)+1,1)*INDEX($D$3:$AA$30,INDEX(Jesper!$R$2:$R$366,ROW(INDEX(Jesper!AI$2:AI$366,ROUNDDOWN($C3310/24,0)+1,1))-1)+IF('Standard Profiles'!$G$19=$B$10,7,0)+IF('Standard Profiles'!$G$19=$B$17,14,0)+IF('Standard Profiles'!$G$19=$B$24,21,0),MOD($C3310,24)+1)/SUM(INDEX($D$3:$AA$30,INDEX(Jesper!$R$2:$R$366,ROW(INDEX(Jesper!AI$2:AI$366,ROUNDDOWN($C3310/24,0)+1,1))-1)+IF('Standard Profiles'!$G$19=$B$10,7,0)+IF('Standard Profiles'!$G$19=$B$17,14,0)+IF('Standard Profiles'!$G$19=$B$24,21,0),0)),0)</f>
        <v>28.093116069758608</v>
      </c>
      <c r="F3310" cm="1">
        <f t="array" ref="F3310">IFERROR(INDEX(Jesper!AJ$2:AJ$366,ROUNDDOWN($C3310/24,0)+1,1)*INDEX($D$3:$AA$30,INDEX(Jesper!$R$2:$R$366,ROW(INDEX(Jesper!AJ$2:AJ$366,ROUNDDOWN($C3310/24,0)+1,1))-1)+IF('Standard Profiles'!$G$20=$B$10,7,0)+IF('Standard Profiles'!$G$20=$B$17,14,0)+IF('Standard Profiles'!$G$20=$B$24,21,0),MOD($C3310,24)+1)/SUM(INDEX($D$3:$AA$30,INDEX(Jesper!$R$2:$R$366,ROW(INDEX(Jesper!AJ$2:AJ$366,ROUNDDOWN($C3310/24,0)+1,1))-1)+IF('Standard Profiles'!$G$20=$B$10,7,0)+IF('Standard Profiles'!$G$20=$B$17,14,0)+IF('Standard Profiles'!$G$20=$B$24,21,0),0)),0)</f>
        <v>0</v>
      </c>
      <c r="G3310" cm="1">
        <f t="array" ref="G3310">IFERROR(INDEX(Jesper!AK$2:AK$366,ROUNDDOWN($C3310/24,0)+1,1)*INDEX($D$3:$AA$30,INDEX(Jesper!$R$2:$R$366,ROW(INDEX(Jesper!AK$2:AK$366,ROUNDDOWN($C3310/24,0)+1,1))-1)+IF('Standard Profiles'!$G$21=$B$10,7,0)+IF('Standard Profiles'!$G$21=$B$17,14,0)+IF('Standard Profiles'!$G$21=$B$24,21,0),MOD($C3310,24)+1)/SUM(INDEX($D$3:$AA$30,INDEX(Jesper!$R$2:$R$366,ROW(INDEX(Jesper!AK$2:AK$366,ROUNDDOWN($C3310/24,0)+1,1))-1)+IF('Standard Profiles'!$G$21=$B$10,7,0)+IF('Standard Profiles'!$G$21=$B$17,14,0)+IF('Standard Profiles'!$G$21=$B$24,21,0),0)),0)</f>
        <v>9.757350740062515</v>
      </c>
      <c r="H3310" cm="1">
        <f t="array" ref="H3310">IFERROR(INDEX(Jesper!AL$2:AL$366,ROUNDDOWN($C3310/24,0)+1,1)*INDEX($D$3:$AA$30,INDEX(Jesper!$R$2:$R$366,ROW(INDEX(Jesper!AL$2:AL$366,ROUNDDOWN($C3310/24,0)+1,1))-1)+IF('Standard Profiles'!$G$22=$B$10,7,0)+IF('Standard Profiles'!$G$22=$B$17,14,0)+IF('Standard Profiles'!$G$22=$B$24,21,0),MOD($C3310,24)+1)/SUM(INDEX($D$3:$AA$30,INDEX(Jesper!$R$2:$R$366,ROW(INDEX(Jesper!AL$2:AL$366,ROUNDDOWN($C3310/24,0)+1,1))-1)+IF('Standard Profiles'!$G$22=$B$10,7,0)+IF('Standard Profiles'!$G$22=$B$17,14,0)+IF('Standard Profiles'!$G$22=$B$24,21,0),0)),0)</f>
        <v>0</v>
      </c>
      <c r="I3310">
        <f t="shared" si="377"/>
        <v>4.6835283552300044</v>
      </c>
      <c r="J3310">
        <f t="shared" si="378"/>
        <v>62.478136257229366</v>
      </c>
      <c r="K3310">
        <f t="shared" si="379"/>
        <v>3.7220568638270799</v>
      </c>
      <c r="L3310">
        <f t="shared" si="380"/>
        <v>1.8610284319135399</v>
      </c>
      <c r="M3310">
        <f t="shared" si="381"/>
        <v>0</v>
      </c>
      <c r="N3310" s="45">
        <f t="shared" si="382"/>
        <v>45063.499999992055</v>
      </c>
    </row>
    <row r="3311" spans="2:14" x14ac:dyDescent="0.25">
      <c r="B3311">
        <f t="shared" si="376"/>
        <v>3</v>
      </c>
      <c r="C3311" s="16">
        <v>3277</v>
      </c>
      <c r="D3311" cm="1">
        <f t="array" ref="D3311">IFERROR(INDEX(Jesper!AH$2:AH$366,ROUNDDOWN($C3311/24,0)+1,1)*INDEX($D$3:$AA$30,INDEX(Jesper!$R$2:$R$366,ROW(INDEX(Jesper!AH$2:AH$366,ROUNDDOWN($C3311/24,0)+1,1))-1)+IF('Standard Profiles'!$G$18=$B$10,7,0)+IF('Standard Profiles'!$G$18=$B$17,14,0)+IF('Standard Profiles'!$G$18=$B$24,21,0),MOD($C3311,24)+1)/SUM(INDEX($D$3:$AA$30,INDEX(Jesper!$R$2:$R$366,ROW(INDEX(Jesper!AH$2:AH$366,ROUNDDOWN($C3311/24,0)+1,1))-1)+IF('Standard Profiles'!$G$18=$B$10,7,0)+IF('Standard Profiles'!$G$18=$B$17,14,0)+IF('Standard Profiles'!$G$18=$B$24,21,0),0)),0)</f>
        <v>23.179773772494539</v>
      </c>
      <c r="E3311" cm="1">
        <f t="array" ref="E3311">IFERROR(INDEX(Jesper!AI$2:AI$366,ROUNDDOWN($C3311/24,0)+1,1)*INDEX($D$3:$AA$30,INDEX(Jesper!$R$2:$R$366,ROW(INDEX(Jesper!AI$2:AI$366,ROUNDDOWN($C3311/24,0)+1,1))-1)+IF('Standard Profiles'!$G$19=$B$10,7,0)+IF('Standard Profiles'!$G$19=$B$17,14,0)+IF('Standard Profiles'!$G$19=$B$24,21,0),MOD($C3311,24)+1)/SUM(INDEX($D$3:$AA$30,INDEX(Jesper!$R$2:$R$366,ROW(INDEX(Jesper!AI$2:AI$366,ROUNDDOWN($C3311/24,0)+1,1))-1)+IF('Standard Profiles'!$G$19=$B$10,7,0)+IF('Standard Profiles'!$G$19=$B$17,14,0)+IF('Standard Profiles'!$G$19=$B$24,21,0),0)),0)</f>
        <v>18.661855674911077</v>
      </c>
      <c r="F3311" cm="1">
        <f t="array" ref="F3311">IFERROR(INDEX(Jesper!AJ$2:AJ$366,ROUNDDOWN($C3311/24,0)+1,1)*INDEX($D$3:$AA$30,INDEX(Jesper!$R$2:$R$366,ROW(INDEX(Jesper!AJ$2:AJ$366,ROUNDDOWN($C3311/24,0)+1,1))-1)+IF('Standard Profiles'!$G$20=$B$10,7,0)+IF('Standard Profiles'!$G$20=$B$17,14,0)+IF('Standard Profiles'!$G$20=$B$24,21,0),MOD($C3311,24)+1)/SUM(INDEX($D$3:$AA$30,INDEX(Jesper!$R$2:$R$366,ROW(INDEX(Jesper!AJ$2:AJ$366,ROUNDDOWN($C3311/24,0)+1,1))-1)+IF('Standard Profiles'!$G$20=$B$10,7,0)+IF('Standard Profiles'!$G$20=$B$17,14,0)+IF('Standard Profiles'!$G$20=$B$24,21,0),0)),0)</f>
        <v>0</v>
      </c>
      <c r="G3311" cm="1">
        <f t="array" ref="G3311">IFERROR(INDEX(Jesper!AK$2:AK$366,ROUNDDOWN($C3311/24,0)+1,1)*INDEX($D$3:$AA$30,INDEX(Jesper!$R$2:$R$366,ROW(INDEX(Jesper!AK$2:AK$366,ROUNDDOWN($C3311/24,0)+1,1))-1)+IF('Standard Profiles'!$G$21=$B$10,7,0)+IF('Standard Profiles'!$G$21=$B$17,14,0)+IF('Standard Profiles'!$G$21=$B$24,21,0),MOD($C3311,24)+1)/SUM(INDEX($D$3:$AA$30,INDEX(Jesper!$R$2:$R$366,ROW(INDEX(Jesper!AK$2:AK$366,ROUNDDOWN($C3311/24,0)+1,1))-1)+IF('Standard Profiles'!$G$21=$B$10,7,0)+IF('Standard Profiles'!$G$21=$B$17,14,0)+IF('Standard Profiles'!$G$21=$B$24,21,0),0)),0)</f>
        <v>6.4816687058986711</v>
      </c>
      <c r="H3311" cm="1">
        <f t="array" ref="H3311">IFERROR(INDEX(Jesper!AL$2:AL$366,ROUNDDOWN($C3311/24,0)+1,1)*INDEX($D$3:$AA$30,INDEX(Jesper!$R$2:$R$366,ROW(INDEX(Jesper!AL$2:AL$366,ROUNDDOWN($C3311/24,0)+1,1))-1)+IF('Standard Profiles'!$G$22=$B$10,7,0)+IF('Standard Profiles'!$G$22=$B$17,14,0)+IF('Standard Profiles'!$G$22=$B$24,21,0),MOD($C3311,24)+1)/SUM(INDEX($D$3:$AA$30,INDEX(Jesper!$R$2:$R$366,ROW(INDEX(Jesper!AL$2:AL$366,ROUNDDOWN($C3311/24,0)+1,1))-1)+IF('Standard Profiles'!$G$22=$B$10,7,0)+IF('Standard Profiles'!$G$22=$B$17,14,0)+IF('Standard Profiles'!$G$22=$B$24,21,0),0)),0)</f>
        <v>0</v>
      </c>
      <c r="I3311">
        <f t="shared" si="377"/>
        <v>3.1112009788313606</v>
      </c>
      <c r="J3311">
        <f t="shared" si="378"/>
        <v>41.503333370873797</v>
      </c>
      <c r="K3311">
        <f t="shared" si="379"/>
        <v>2.4725092023994177</v>
      </c>
      <c r="L3311">
        <f t="shared" si="380"/>
        <v>1.2362546011997089</v>
      </c>
      <c r="M3311">
        <f t="shared" si="381"/>
        <v>0</v>
      </c>
      <c r="N3311" s="45">
        <f t="shared" si="382"/>
        <v>45063.541666658719</v>
      </c>
    </row>
    <row r="3312" spans="2:14" x14ac:dyDescent="0.25">
      <c r="B3312">
        <f t="shared" si="376"/>
        <v>3</v>
      </c>
      <c r="C3312" s="16">
        <v>3278</v>
      </c>
      <c r="D3312" cm="1">
        <f t="array" ref="D3312">IFERROR(INDEX(Jesper!AH$2:AH$366,ROUNDDOWN($C3312/24,0)+1,1)*INDEX($D$3:$AA$30,INDEX(Jesper!$R$2:$R$366,ROW(INDEX(Jesper!AH$2:AH$366,ROUNDDOWN($C3312/24,0)+1,1))-1)+IF('Standard Profiles'!$G$18=$B$10,7,0)+IF('Standard Profiles'!$G$18=$B$17,14,0)+IF('Standard Profiles'!$G$18=$B$24,21,0),MOD($C3312,24)+1)/SUM(INDEX($D$3:$AA$30,INDEX(Jesper!$R$2:$R$366,ROW(INDEX(Jesper!AH$2:AH$366,ROUNDDOWN($C3312/24,0)+1,1))-1)+IF('Standard Profiles'!$G$18=$B$10,7,0)+IF('Standard Profiles'!$G$18=$B$17,14,0)+IF('Standard Profiles'!$G$18=$B$24,21,0),0)),0)</f>
        <v>34.894283098378871</v>
      </c>
      <c r="E3312" cm="1">
        <f t="array" ref="E3312">IFERROR(INDEX(Jesper!AI$2:AI$366,ROUNDDOWN($C3312/24,0)+1,1)*INDEX($D$3:$AA$30,INDEX(Jesper!$R$2:$R$366,ROW(INDEX(Jesper!AI$2:AI$366,ROUNDDOWN($C3312/24,0)+1,1))-1)+IF('Standard Profiles'!$G$19=$B$10,7,0)+IF('Standard Profiles'!$G$19=$B$17,14,0)+IF('Standard Profiles'!$G$19=$B$24,21,0),MOD($C3312,24)+1)/SUM(INDEX($D$3:$AA$30,INDEX(Jesper!$R$2:$R$366,ROW(INDEX(Jesper!AI$2:AI$366,ROUNDDOWN($C3312/24,0)+1,1))-1)+IF('Standard Profiles'!$G$19=$B$10,7,0)+IF('Standard Profiles'!$G$19=$B$17,14,0)+IF('Standard Profiles'!$G$19=$B$24,21,0),0)),0)</f>
        <v>28.093116069758608</v>
      </c>
      <c r="F3312" cm="1">
        <f t="array" ref="F3312">IFERROR(INDEX(Jesper!AJ$2:AJ$366,ROUNDDOWN($C3312/24,0)+1,1)*INDEX($D$3:$AA$30,INDEX(Jesper!$R$2:$R$366,ROW(INDEX(Jesper!AJ$2:AJ$366,ROUNDDOWN($C3312/24,0)+1,1))-1)+IF('Standard Profiles'!$G$20=$B$10,7,0)+IF('Standard Profiles'!$G$20=$B$17,14,0)+IF('Standard Profiles'!$G$20=$B$24,21,0),MOD($C3312,24)+1)/SUM(INDEX($D$3:$AA$30,INDEX(Jesper!$R$2:$R$366,ROW(INDEX(Jesper!AJ$2:AJ$366,ROUNDDOWN($C3312/24,0)+1,1))-1)+IF('Standard Profiles'!$G$20=$B$10,7,0)+IF('Standard Profiles'!$G$20=$B$17,14,0)+IF('Standard Profiles'!$G$20=$B$24,21,0),0)),0)</f>
        <v>0</v>
      </c>
      <c r="G3312" cm="1">
        <f t="array" ref="G3312">IFERROR(INDEX(Jesper!AK$2:AK$366,ROUNDDOWN($C3312/24,0)+1,1)*INDEX($D$3:$AA$30,INDEX(Jesper!$R$2:$R$366,ROW(INDEX(Jesper!AK$2:AK$366,ROUNDDOWN($C3312/24,0)+1,1))-1)+IF('Standard Profiles'!$G$21=$B$10,7,0)+IF('Standard Profiles'!$G$21=$B$17,14,0)+IF('Standard Profiles'!$G$21=$B$24,21,0),MOD($C3312,24)+1)/SUM(INDEX($D$3:$AA$30,INDEX(Jesper!$R$2:$R$366,ROW(INDEX(Jesper!AK$2:AK$366,ROUNDDOWN($C3312/24,0)+1,1))-1)+IF('Standard Profiles'!$G$21=$B$10,7,0)+IF('Standard Profiles'!$G$21=$B$17,14,0)+IF('Standard Profiles'!$G$21=$B$24,21,0),0)),0)</f>
        <v>9.757350740062515</v>
      </c>
      <c r="H3312" cm="1">
        <f t="array" ref="H3312">IFERROR(INDEX(Jesper!AL$2:AL$366,ROUNDDOWN($C3312/24,0)+1,1)*INDEX($D$3:$AA$30,INDEX(Jesper!$R$2:$R$366,ROW(INDEX(Jesper!AL$2:AL$366,ROUNDDOWN($C3312/24,0)+1,1))-1)+IF('Standard Profiles'!$G$22=$B$10,7,0)+IF('Standard Profiles'!$G$22=$B$17,14,0)+IF('Standard Profiles'!$G$22=$B$24,21,0),MOD($C3312,24)+1)/SUM(INDEX($D$3:$AA$30,INDEX(Jesper!$R$2:$R$366,ROW(INDEX(Jesper!AL$2:AL$366,ROUNDDOWN($C3312/24,0)+1,1))-1)+IF('Standard Profiles'!$G$22=$B$10,7,0)+IF('Standard Profiles'!$G$22=$B$17,14,0)+IF('Standard Profiles'!$G$22=$B$24,21,0),0)),0)</f>
        <v>0</v>
      </c>
      <c r="I3312">
        <f t="shared" si="377"/>
        <v>4.6835283552300044</v>
      </c>
      <c r="J3312">
        <f t="shared" si="378"/>
        <v>62.478136257229366</v>
      </c>
      <c r="K3312">
        <f t="shared" si="379"/>
        <v>3.7220568638270799</v>
      </c>
      <c r="L3312">
        <f t="shared" si="380"/>
        <v>1.8610284319135399</v>
      </c>
      <c r="M3312">
        <f t="shared" si="381"/>
        <v>0</v>
      </c>
      <c r="N3312" s="45">
        <f t="shared" si="382"/>
        <v>45063.583333325383</v>
      </c>
    </row>
    <row r="3313" spans="2:14" x14ac:dyDescent="0.25">
      <c r="B3313">
        <f t="shared" si="376"/>
        <v>3</v>
      </c>
      <c r="C3313" s="16">
        <v>3279</v>
      </c>
      <c r="D3313" cm="1">
        <f t="array" ref="D3313">IFERROR(INDEX(Jesper!AH$2:AH$366,ROUNDDOWN($C3313/24,0)+1,1)*INDEX($D$3:$AA$30,INDEX(Jesper!$R$2:$R$366,ROW(INDEX(Jesper!AH$2:AH$366,ROUNDDOWN($C3313/24,0)+1,1))-1)+IF('Standard Profiles'!$G$18=$B$10,7,0)+IF('Standard Profiles'!$G$18=$B$17,14,0)+IF('Standard Profiles'!$G$18=$B$24,21,0),MOD($C3313,24)+1)/SUM(INDEX($D$3:$AA$30,INDEX(Jesper!$R$2:$R$366,ROW(INDEX(Jesper!AH$2:AH$366,ROUNDDOWN($C3313/24,0)+1,1))-1)+IF('Standard Profiles'!$G$18=$B$10,7,0)+IF('Standard Profiles'!$G$18=$B$17,14,0)+IF('Standard Profiles'!$G$18=$B$24,21,0),0)),0)</f>
        <v>34.894283098378871</v>
      </c>
      <c r="E3313" cm="1">
        <f t="array" ref="E3313">IFERROR(INDEX(Jesper!AI$2:AI$366,ROUNDDOWN($C3313/24,0)+1,1)*INDEX($D$3:$AA$30,INDEX(Jesper!$R$2:$R$366,ROW(INDEX(Jesper!AI$2:AI$366,ROUNDDOWN($C3313/24,0)+1,1))-1)+IF('Standard Profiles'!$G$19=$B$10,7,0)+IF('Standard Profiles'!$G$19=$B$17,14,0)+IF('Standard Profiles'!$G$19=$B$24,21,0),MOD($C3313,24)+1)/SUM(INDEX($D$3:$AA$30,INDEX(Jesper!$R$2:$R$366,ROW(INDEX(Jesper!AI$2:AI$366,ROUNDDOWN($C3313/24,0)+1,1))-1)+IF('Standard Profiles'!$G$19=$B$10,7,0)+IF('Standard Profiles'!$G$19=$B$17,14,0)+IF('Standard Profiles'!$G$19=$B$24,21,0),0)),0)</f>
        <v>28.093116069758608</v>
      </c>
      <c r="F3313" cm="1">
        <f t="array" ref="F3313">IFERROR(INDEX(Jesper!AJ$2:AJ$366,ROUNDDOWN($C3313/24,0)+1,1)*INDEX($D$3:$AA$30,INDEX(Jesper!$R$2:$R$366,ROW(INDEX(Jesper!AJ$2:AJ$366,ROUNDDOWN($C3313/24,0)+1,1))-1)+IF('Standard Profiles'!$G$20=$B$10,7,0)+IF('Standard Profiles'!$G$20=$B$17,14,0)+IF('Standard Profiles'!$G$20=$B$24,21,0),MOD($C3313,24)+1)/SUM(INDEX($D$3:$AA$30,INDEX(Jesper!$R$2:$R$366,ROW(INDEX(Jesper!AJ$2:AJ$366,ROUNDDOWN($C3313/24,0)+1,1))-1)+IF('Standard Profiles'!$G$20=$B$10,7,0)+IF('Standard Profiles'!$G$20=$B$17,14,0)+IF('Standard Profiles'!$G$20=$B$24,21,0),0)),0)</f>
        <v>0</v>
      </c>
      <c r="G3313" cm="1">
        <f t="array" ref="G3313">IFERROR(INDEX(Jesper!AK$2:AK$366,ROUNDDOWN($C3313/24,0)+1,1)*INDEX($D$3:$AA$30,INDEX(Jesper!$R$2:$R$366,ROW(INDEX(Jesper!AK$2:AK$366,ROUNDDOWN($C3313/24,0)+1,1))-1)+IF('Standard Profiles'!$G$21=$B$10,7,0)+IF('Standard Profiles'!$G$21=$B$17,14,0)+IF('Standard Profiles'!$G$21=$B$24,21,0),MOD($C3313,24)+1)/SUM(INDEX($D$3:$AA$30,INDEX(Jesper!$R$2:$R$366,ROW(INDEX(Jesper!AK$2:AK$366,ROUNDDOWN($C3313/24,0)+1,1))-1)+IF('Standard Profiles'!$G$21=$B$10,7,0)+IF('Standard Profiles'!$G$21=$B$17,14,0)+IF('Standard Profiles'!$G$21=$B$24,21,0),0)),0)</f>
        <v>9.757350740062515</v>
      </c>
      <c r="H3313" cm="1">
        <f t="array" ref="H3313">IFERROR(INDEX(Jesper!AL$2:AL$366,ROUNDDOWN($C3313/24,0)+1,1)*INDEX($D$3:$AA$30,INDEX(Jesper!$R$2:$R$366,ROW(INDEX(Jesper!AL$2:AL$366,ROUNDDOWN($C3313/24,0)+1,1))-1)+IF('Standard Profiles'!$G$22=$B$10,7,0)+IF('Standard Profiles'!$G$22=$B$17,14,0)+IF('Standard Profiles'!$G$22=$B$24,21,0),MOD($C3313,24)+1)/SUM(INDEX($D$3:$AA$30,INDEX(Jesper!$R$2:$R$366,ROW(INDEX(Jesper!AL$2:AL$366,ROUNDDOWN($C3313/24,0)+1,1))-1)+IF('Standard Profiles'!$G$22=$B$10,7,0)+IF('Standard Profiles'!$G$22=$B$17,14,0)+IF('Standard Profiles'!$G$22=$B$24,21,0),0)),0)</f>
        <v>0</v>
      </c>
      <c r="I3313">
        <f t="shared" si="377"/>
        <v>4.6835283552300044</v>
      </c>
      <c r="J3313">
        <f t="shared" si="378"/>
        <v>62.478136257229366</v>
      </c>
      <c r="K3313">
        <f t="shared" si="379"/>
        <v>3.7220568638270799</v>
      </c>
      <c r="L3313">
        <f t="shared" si="380"/>
        <v>1.8610284319135399</v>
      </c>
      <c r="M3313">
        <f t="shared" si="381"/>
        <v>0</v>
      </c>
      <c r="N3313" s="45">
        <f t="shared" si="382"/>
        <v>45063.624999992047</v>
      </c>
    </row>
    <row r="3314" spans="2:14" x14ac:dyDescent="0.25">
      <c r="B3314">
        <f t="shared" si="376"/>
        <v>3</v>
      </c>
      <c r="C3314" s="16">
        <v>3280</v>
      </c>
      <c r="D3314" cm="1">
        <f t="array" ref="D3314">IFERROR(INDEX(Jesper!AH$2:AH$366,ROUNDDOWN($C3314/24,0)+1,1)*INDEX($D$3:$AA$30,INDEX(Jesper!$R$2:$R$366,ROW(INDEX(Jesper!AH$2:AH$366,ROUNDDOWN($C3314/24,0)+1,1))-1)+IF('Standard Profiles'!$G$18=$B$10,7,0)+IF('Standard Profiles'!$G$18=$B$17,14,0)+IF('Standard Profiles'!$G$18=$B$24,21,0),MOD($C3314,24)+1)/SUM(INDEX($D$3:$AA$30,INDEX(Jesper!$R$2:$R$366,ROW(INDEX(Jesper!AH$2:AH$366,ROUNDDOWN($C3314/24,0)+1,1))-1)+IF('Standard Profiles'!$G$18=$B$10,7,0)+IF('Standard Profiles'!$G$18=$B$17,14,0)+IF('Standard Profiles'!$G$18=$B$24,21,0),0)),0)</f>
        <v>20.562702540116121</v>
      </c>
      <c r="E3314" cm="1">
        <f t="array" ref="E3314">IFERROR(INDEX(Jesper!AI$2:AI$366,ROUNDDOWN($C3314/24,0)+1,1)*INDEX($D$3:$AA$30,INDEX(Jesper!$R$2:$R$366,ROW(INDEX(Jesper!AI$2:AI$366,ROUNDDOWN($C3314/24,0)+1,1))-1)+IF('Standard Profiles'!$G$19=$B$10,7,0)+IF('Standard Profiles'!$G$19=$B$17,14,0)+IF('Standard Profiles'!$G$19=$B$24,21,0),MOD($C3314,24)+1)/SUM(INDEX($D$3:$AA$30,INDEX(Jesper!$R$2:$R$366,ROW(INDEX(Jesper!AI$2:AI$366,ROUNDDOWN($C3314/24,0)+1,1))-1)+IF('Standard Profiles'!$G$19=$B$10,7,0)+IF('Standard Profiles'!$G$19=$B$17,14,0)+IF('Standard Profiles'!$G$19=$B$24,21,0),0)),0)</f>
        <v>16.554871969679184</v>
      </c>
      <c r="F3314" cm="1">
        <f t="array" ref="F3314">IFERROR(INDEX(Jesper!AJ$2:AJ$366,ROUNDDOWN($C3314/24,0)+1,1)*INDEX($D$3:$AA$30,INDEX(Jesper!$R$2:$R$366,ROW(INDEX(Jesper!AJ$2:AJ$366,ROUNDDOWN($C3314/24,0)+1,1))-1)+IF('Standard Profiles'!$G$20=$B$10,7,0)+IF('Standard Profiles'!$G$20=$B$17,14,0)+IF('Standard Profiles'!$G$20=$B$24,21,0),MOD($C3314,24)+1)/SUM(INDEX($D$3:$AA$30,INDEX(Jesper!$R$2:$R$366,ROW(INDEX(Jesper!AJ$2:AJ$366,ROUNDDOWN($C3314/24,0)+1,1))-1)+IF('Standard Profiles'!$G$20=$B$10,7,0)+IF('Standard Profiles'!$G$20=$B$17,14,0)+IF('Standard Profiles'!$G$20=$B$24,21,0),0)),0)</f>
        <v>0</v>
      </c>
      <c r="G3314" cm="1">
        <f t="array" ref="G3314">IFERROR(INDEX(Jesper!AK$2:AK$366,ROUNDDOWN($C3314/24,0)+1,1)*INDEX($D$3:$AA$30,INDEX(Jesper!$R$2:$R$366,ROW(INDEX(Jesper!AK$2:AK$366,ROUNDDOWN($C3314/24,0)+1,1))-1)+IF('Standard Profiles'!$G$21=$B$10,7,0)+IF('Standard Profiles'!$G$21=$B$17,14,0)+IF('Standard Profiles'!$G$21=$B$24,21,0),MOD($C3314,24)+1)/SUM(INDEX($D$3:$AA$30,INDEX(Jesper!$R$2:$R$366,ROW(INDEX(Jesper!AK$2:AK$366,ROUNDDOWN($C3314/24,0)+1,1))-1)+IF('Standard Profiles'!$G$21=$B$10,7,0)+IF('Standard Profiles'!$G$21=$B$17,14,0)+IF('Standard Profiles'!$G$21=$B$24,21,0),0)),0)</f>
        <v>8.1531557600152933</v>
      </c>
      <c r="H3314" cm="1">
        <f t="array" ref="H3314">IFERROR(INDEX(Jesper!AL$2:AL$366,ROUNDDOWN($C3314/24,0)+1,1)*INDEX($D$3:$AA$30,INDEX(Jesper!$R$2:$R$366,ROW(INDEX(Jesper!AL$2:AL$366,ROUNDDOWN($C3314/24,0)+1,1))-1)+IF('Standard Profiles'!$G$22=$B$10,7,0)+IF('Standard Profiles'!$G$22=$B$17,14,0)+IF('Standard Profiles'!$G$22=$B$24,21,0),MOD($C3314,24)+1)/SUM(INDEX($D$3:$AA$30,INDEX(Jesper!$R$2:$R$366,ROW(INDEX(Jesper!AL$2:AL$366,ROUNDDOWN($C3314/24,0)+1,1))-1)+IF('Standard Profiles'!$G$22=$B$10,7,0)+IF('Standard Profiles'!$G$22=$B$17,14,0)+IF('Standard Profiles'!$G$22=$B$24,21,0),0)),0)</f>
        <v>0</v>
      </c>
      <c r="I3314">
        <f t="shared" si="377"/>
        <v>3.913514764807339</v>
      </c>
      <c r="J3314">
        <f t="shared" si="378"/>
        <v>38.067183098584685</v>
      </c>
      <c r="K3314">
        <f t="shared" si="379"/>
        <v>2.1933549376123862</v>
      </c>
      <c r="L3314">
        <f t="shared" si="380"/>
        <v>1.0966774688061931</v>
      </c>
      <c r="M3314">
        <f t="shared" si="381"/>
        <v>0</v>
      </c>
      <c r="N3314" s="45">
        <f t="shared" si="382"/>
        <v>45063.666666658712</v>
      </c>
    </row>
    <row r="3315" spans="2:14" x14ac:dyDescent="0.25">
      <c r="B3315">
        <f t="shared" si="376"/>
        <v>3</v>
      </c>
      <c r="C3315" s="16">
        <v>3281</v>
      </c>
      <c r="D3315" cm="1">
        <f t="array" ref="D3315">IFERROR(INDEX(Jesper!AH$2:AH$366,ROUNDDOWN($C3315/24,0)+1,1)*INDEX($D$3:$AA$30,INDEX(Jesper!$R$2:$R$366,ROW(INDEX(Jesper!AH$2:AH$366,ROUNDDOWN($C3315/24,0)+1,1))-1)+IF('Standard Profiles'!$G$18=$B$10,7,0)+IF('Standard Profiles'!$G$18=$B$17,14,0)+IF('Standard Profiles'!$G$18=$B$24,21,0),MOD($C3315,24)+1)/SUM(INDEX($D$3:$AA$30,INDEX(Jesper!$R$2:$R$366,ROW(INDEX(Jesper!AH$2:AH$366,ROUNDDOWN($C3315/24,0)+1,1))-1)+IF('Standard Profiles'!$G$18=$B$10,7,0)+IF('Standard Profiles'!$G$18=$B$17,14,0)+IF('Standard Profiles'!$G$18=$B$24,21,0),0)),0)</f>
        <v>8.7762281434554517</v>
      </c>
      <c r="E3315" cm="1">
        <f t="array" ref="E3315">IFERROR(INDEX(Jesper!AI$2:AI$366,ROUNDDOWN($C3315/24,0)+1,1)*INDEX($D$3:$AA$30,INDEX(Jesper!$R$2:$R$366,ROW(INDEX(Jesper!AI$2:AI$366,ROUNDDOWN($C3315/24,0)+1,1))-1)+IF('Standard Profiles'!$G$19=$B$10,7,0)+IF('Standard Profiles'!$G$19=$B$17,14,0)+IF('Standard Profiles'!$G$19=$B$24,21,0),MOD($C3315,24)+1)/SUM(INDEX($D$3:$AA$30,INDEX(Jesper!$R$2:$R$366,ROW(INDEX(Jesper!AI$2:AI$366,ROUNDDOWN($C3315/24,0)+1,1))-1)+IF('Standard Profiles'!$G$19=$B$10,7,0)+IF('Standard Profiles'!$G$19=$B$17,14,0)+IF('Standard Profiles'!$G$19=$B$24,21,0),0)),0)</f>
        <v>7.0656730557742984</v>
      </c>
      <c r="F3315" cm="1">
        <f t="array" ref="F3315">IFERROR(INDEX(Jesper!AJ$2:AJ$366,ROUNDDOWN($C3315/24,0)+1,1)*INDEX($D$3:$AA$30,INDEX(Jesper!$R$2:$R$366,ROW(INDEX(Jesper!AJ$2:AJ$366,ROUNDDOWN($C3315/24,0)+1,1))-1)+IF('Standard Profiles'!$G$20=$B$10,7,0)+IF('Standard Profiles'!$G$20=$B$17,14,0)+IF('Standard Profiles'!$G$20=$B$24,21,0),MOD($C3315,24)+1)/SUM(INDEX($D$3:$AA$30,INDEX(Jesper!$R$2:$R$366,ROW(INDEX(Jesper!AJ$2:AJ$366,ROUNDDOWN($C3315/24,0)+1,1))-1)+IF('Standard Profiles'!$G$20=$B$10,7,0)+IF('Standard Profiles'!$G$20=$B$17,14,0)+IF('Standard Profiles'!$G$20=$B$24,21,0),0)),0)</f>
        <v>0</v>
      </c>
      <c r="G3315" cm="1">
        <f t="array" ref="G3315">IFERROR(INDEX(Jesper!AK$2:AK$366,ROUNDDOWN($C3315/24,0)+1,1)*INDEX($D$3:$AA$30,INDEX(Jesper!$R$2:$R$366,ROW(INDEX(Jesper!AK$2:AK$366,ROUNDDOWN($C3315/24,0)+1,1))-1)+IF('Standard Profiles'!$G$21=$B$10,7,0)+IF('Standard Profiles'!$G$21=$B$17,14,0)+IF('Standard Profiles'!$G$21=$B$24,21,0),MOD($C3315,24)+1)/SUM(INDEX($D$3:$AA$30,INDEX(Jesper!$R$2:$R$366,ROW(INDEX(Jesper!AK$2:AK$366,ROUNDDOWN($C3315/24,0)+1,1))-1)+IF('Standard Profiles'!$G$21=$B$10,7,0)+IF('Standard Profiles'!$G$21=$B$17,14,0)+IF('Standard Profiles'!$G$21=$B$24,21,0),0)),0)</f>
        <v>6.4828703500784828</v>
      </c>
      <c r="H3315" cm="1">
        <f t="array" ref="H3315">IFERROR(INDEX(Jesper!AL$2:AL$366,ROUNDDOWN($C3315/24,0)+1,1)*INDEX($D$3:$AA$30,INDEX(Jesper!$R$2:$R$366,ROW(INDEX(Jesper!AL$2:AL$366,ROUNDDOWN($C3315/24,0)+1,1))-1)+IF('Standard Profiles'!$G$22=$B$10,7,0)+IF('Standard Profiles'!$G$22=$B$17,14,0)+IF('Standard Profiles'!$G$22=$B$24,21,0),MOD($C3315,24)+1)/SUM(INDEX($D$3:$AA$30,INDEX(Jesper!$R$2:$R$366,ROW(INDEX(Jesper!AL$2:AL$366,ROUNDDOWN($C3315/24,0)+1,1))-1)+IF('Standard Profiles'!$G$22=$B$10,7,0)+IF('Standard Profiles'!$G$22=$B$17,14,0)+IF('Standard Profiles'!$G$22=$B$24,21,0),0)),0)</f>
        <v>0</v>
      </c>
      <c r="I3315">
        <f t="shared" si="377"/>
        <v>3.1117777680376704</v>
      </c>
      <c r="J3315">
        <f t="shared" si="378"/>
        <v>17.808797278317691</v>
      </c>
      <c r="K3315">
        <f t="shared" si="379"/>
        <v>0.93613100196858157</v>
      </c>
      <c r="L3315">
        <f t="shared" si="380"/>
        <v>0.46806550098429078</v>
      </c>
      <c r="M3315">
        <f t="shared" si="381"/>
        <v>0</v>
      </c>
      <c r="N3315" s="45">
        <f t="shared" si="382"/>
        <v>45063.708333325376</v>
      </c>
    </row>
    <row r="3316" spans="2:14" x14ac:dyDescent="0.25">
      <c r="B3316">
        <f t="shared" si="376"/>
        <v>3</v>
      </c>
      <c r="C3316" s="16">
        <v>3282</v>
      </c>
      <c r="D3316" cm="1">
        <f t="array" ref="D3316">IFERROR(INDEX(Jesper!AH$2:AH$366,ROUNDDOWN($C3316/24,0)+1,1)*INDEX($D$3:$AA$30,INDEX(Jesper!$R$2:$R$366,ROW(INDEX(Jesper!AH$2:AH$366,ROUNDDOWN($C3316/24,0)+1,1))-1)+IF('Standard Profiles'!$G$18=$B$10,7,0)+IF('Standard Profiles'!$G$18=$B$17,14,0)+IF('Standard Profiles'!$G$18=$B$24,21,0),MOD($C3316,24)+1)/SUM(INDEX($D$3:$AA$30,INDEX(Jesper!$R$2:$R$366,ROW(INDEX(Jesper!AH$2:AH$366,ROUNDDOWN($C3316/24,0)+1,1))-1)+IF('Standard Profiles'!$G$18=$B$10,7,0)+IF('Standard Profiles'!$G$18=$B$17,14,0)+IF('Standard Profiles'!$G$18=$B$24,21,0),0)),0)</f>
        <v>5.7923105746805978</v>
      </c>
      <c r="E3316" cm="1">
        <f t="array" ref="E3316">IFERROR(INDEX(Jesper!AI$2:AI$366,ROUNDDOWN($C3316/24,0)+1,1)*INDEX($D$3:$AA$30,INDEX(Jesper!$R$2:$R$366,ROW(INDEX(Jesper!AI$2:AI$366,ROUNDDOWN($C3316/24,0)+1,1))-1)+IF('Standard Profiles'!$G$19=$B$10,7,0)+IF('Standard Profiles'!$G$19=$B$17,14,0)+IF('Standard Profiles'!$G$19=$B$24,21,0),MOD($C3316,24)+1)/SUM(INDEX($D$3:$AA$30,INDEX(Jesper!$R$2:$R$366,ROW(INDEX(Jesper!AI$2:AI$366,ROUNDDOWN($C3316/24,0)+1,1))-1)+IF('Standard Profiles'!$G$19=$B$10,7,0)+IF('Standard Profiles'!$G$19=$B$17,14,0)+IF('Standard Profiles'!$G$19=$B$24,21,0),0)),0)</f>
        <v>4.6633442168110371</v>
      </c>
      <c r="F3316" cm="1">
        <f t="array" ref="F3316">IFERROR(INDEX(Jesper!AJ$2:AJ$366,ROUNDDOWN($C3316/24,0)+1,1)*INDEX($D$3:$AA$30,INDEX(Jesper!$R$2:$R$366,ROW(INDEX(Jesper!AJ$2:AJ$366,ROUNDDOWN($C3316/24,0)+1,1))-1)+IF('Standard Profiles'!$G$20=$B$10,7,0)+IF('Standard Profiles'!$G$20=$B$17,14,0)+IF('Standard Profiles'!$G$20=$B$24,21,0),MOD($C3316,24)+1)/SUM(INDEX($D$3:$AA$30,INDEX(Jesper!$R$2:$R$366,ROW(INDEX(Jesper!AJ$2:AJ$366,ROUNDDOWN($C3316/24,0)+1,1))-1)+IF('Standard Profiles'!$G$20=$B$10,7,0)+IF('Standard Profiles'!$G$20=$B$17,14,0)+IF('Standard Profiles'!$G$20=$B$24,21,0),0)),0)</f>
        <v>0</v>
      </c>
      <c r="G3316" cm="1">
        <f t="array" ref="G3316">IFERROR(INDEX(Jesper!AK$2:AK$366,ROUNDDOWN($C3316/24,0)+1,1)*INDEX($D$3:$AA$30,INDEX(Jesper!$R$2:$R$366,ROW(INDEX(Jesper!AK$2:AK$366,ROUNDDOWN($C3316/24,0)+1,1))-1)+IF('Standard Profiles'!$G$21=$B$10,7,0)+IF('Standard Profiles'!$G$21=$B$17,14,0)+IF('Standard Profiles'!$G$21=$B$24,21,0),MOD($C3316,24)+1)/SUM(INDEX($D$3:$AA$30,INDEX(Jesper!$R$2:$R$366,ROW(INDEX(Jesper!AK$2:AK$366,ROUNDDOWN($C3316/24,0)+1,1))-1)+IF('Standard Profiles'!$G$21=$B$10,7,0)+IF('Standard Profiles'!$G$21=$B$17,14,0)+IF('Standard Profiles'!$G$21=$B$24,21,0),0)),0)</f>
        <v>2.4032883596213095</v>
      </c>
      <c r="H3316" cm="1">
        <f t="array" ref="H3316">IFERROR(INDEX(Jesper!AL$2:AL$366,ROUNDDOWN($C3316/24,0)+1,1)*INDEX($D$3:$AA$30,INDEX(Jesper!$R$2:$R$366,ROW(INDEX(Jesper!AL$2:AL$366,ROUNDDOWN($C3316/24,0)+1,1))-1)+IF('Standard Profiles'!$G$22=$B$10,7,0)+IF('Standard Profiles'!$G$22=$B$17,14,0)+IF('Standard Profiles'!$G$22=$B$24,21,0),MOD($C3316,24)+1)/SUM(INDEX($D$3:$AA$30,INDEX(Jesper!$R$2:$R$366,ROW(INDEX(Jesper!AL$2:AL$366,ROUNDDOWN($C3316/24,0)+1,1))-1)+IF('Standard Profiles'!$G$22=$B$10,7,0)+IF('Standard Profiles'!$G$22=$B$17,14,0)+IF('Standard Profiles'!$G$22=$B$24,21,0),0)),0)</f>
        <v>0</v>
      </c>
      <c r="I3316">
        <f t="shared" si="377"/>
        <v>1.153578412618228</v>
      </c>
      <c r="J3316">
        <f t="shared" si="378"/>
        <v>10.778595046545821</v>
      </c>
      <c r="K3316">
        <f t="shared" si="379"/>
        <v>0.61784646129926379</v>
      </c>
      <c r="L3316">
        <f t="shared" si="380"/>
        <v>0.3089232306496319</v>
      </c>
      <c r="M3316">
        <f t="shared" si="381"/>
        <v>0</v>
      </c>
      <c r="N3316" s="45">
        <f t="shared" si="382"/>
        <v>45063.74999999204</v>
      </c>
    </row>
    <row r="3317" spans="2:14" x14ac:dyDescent="0.25">
      <c r="B3317">
        <f t="shared" si="376"/>
        <v>3</v>
      </c>
      <c r="C3317" s="16">
        <v>3283</v>
      </c>
      <c r="D3317" cm="1">
        <f t="array" ref="D3317">IFERROR(INDEX(Jesper!AH$2:AH$366,ROUNDDOWN($C3317/24,0)+1,1)*INDEX($D$3:$AA$30,INDEX(Jesper!$R$2:$R$366,ROW(INDEX(Jesper!AH$2:AH$366,ROUNDDOWN($C3317/24,0)+1,1))-1)+IF('Standard Profiles'!$G$18=$B$10,7,0)+IF('Standard Profiles'!$G$18=$B$17,14,0)+IF('Standard Profiles'!$G$18=$B$24,21,0),MOD($C3317,24)+1)/SUM(INDEX($D$3:$AA$30,INDEX(Jesper!$R$2:$R$366,ROW(INDEX(Jesper!AH$2:AH$366,ROUNDDOWN($C3317/24,0)+1,1))-1)+IF('Standard Profiles'!$G$18=$B$10,7,0)+IF('Standard Profiles'!$G$18=$B$17,14,0)+IF('Standard Profiles'!$G$18=$B$24,21,0),0)),0)</f>
        <v>5.7923105746805978</v>
      </c>
      <c r="E3317" cm="1">
        <f t="array" ref="E3317">IFERROR(INDEX(Jesper!AI$2:AI$366,ROUNDDOWN($C3317/24,0)+1,1)*INDEX($D$3:$AA$30,INDEX(Jesper!$R$2:$R$366,ROW(INDEX(Jesper!AI$2:AI$366,ROUNDDOWN($C3317/24,0)+1,1))-1)+IF('Standard Profiles'!$G$19=$B$10,7,0)+IF('Standard Profiles'!$G$19=$B$17,14,0)+IF('Standard Profiles'!$G$19=$B$24,21,0),MOD($C3317,24)+1)/SUM(INDEX($D$3:$AA$30,INDEX(Jesper!$R$2:$R$366,ROW(INDEX(Jesper!AI$2:AI$366,ROUNDDOWN($C3317/24,0)+1,1))-1)+IF('Standard Profiles'!$G$19=$B$10,7,0)+IF('Standard Profiles'!$G$19=$B$17,14,0)+IF('Standard Profiles'!$G$19=$B$24,21,0),0)),0)</f>
        <v>4.6633442168110371</v>
      </c>
      <c r="F3317" cm="1">
        <f t="array" ref="F3317">IFERROR(INDEX(Jesper!AJ$2:AJ$366,ROUNDDOWN($C3317/24,0)+1,1)*INDEX($D$3:$AA$30,INDEX(Jesper!$R$2:$R$366,ROW(INDEX(Jesper!AJ$2:AJ$366,ROUNDDOWN($C3317/24,0)+1,1))-1)+IF('Standard Profiles'!$G$20=$B$10,7,0)+IF('Standard Profiles'!$G$20=$B$17,14,0)+IF('Standard Profiles'!$G$20=$B$24,21,0),MOD($C3317,24)+1)/SUM(INDEX($D$3:$AA$30,INDEX(Jesper!$R$2:$R$366,ROW(INDEX(Jesper!AJ$2:AJ$366,ROUNDDOWN($C3317/24,0)+1,1))-1)+IF('Standard Profiles'!$G$20=$B$10,7,0)+IF('Standard Profiles'!$G$20=$B$17,14,0)+IF('Standard Profiles'!$G$20=$B$24,21,0),0)),0)</f>
        <v>0</v>
      </c>
      <c r="G3317" cm="1">
        <f t="array" ref="G3317">IFERROR(INDEX(Jesper!AK$2:AK$366,ROUNDDOWN($C3317/24,0)+1,1)*INDEX($D$3:$AA$30,INDEX(Jesper!$R$2:$R$366,ROW(INDEX(Jesper!AK$2:AK$366,ROUNDDOWN($C3317/24,0)+1,1))-1)+IF('Standard Profiles'!$G$21=$B$10,7,0)+IF('Standard Profiles'!$G$21=$B$17,14,0)+IF('Standard Profiles'!$G$21=$B$24,21,0),MOD($C3317,24)+1)/SUM(INDEX($D$3:$AA$30,INDEX(Jesper!$R$2:$R$366,ROW(INDEX(Jesper!AK$2:AK$366,ROUNDDOWN($C3317/24,0)+1,1))-1)+IF('Standard Profiles'!$G$21=$B$10,7,0)+IF('Standard Profiles'!$G$21=$B$17,14,0)+IF('Standard Profiles'!$G$21=$B$24,21,0),0)),0)</f>
        <v>2.4032883596213095</v>
      </c>
      <c r="H3317" cm="1">
        <f t="array" ref="H3317">IFERROR(INDEX(Jesper!AL$2:AL$366,ROUNDDOWN($C3317/24,0)+1,1)*INDEX($D$3:$AA$30,INDEX(Jesper!$R$2:$R$366,ROW(INDEX(Jesper!AL$2:AL$366,ROUNDDOWN($C3317/24,0)+1,1))-1)+IF('Standard Profiles'!$G$22=$B$10,7,0)+IF('Standard Profiles'!$G$22=$B$17,14,0)+IF('Standard Profiles'!$G$22=$B$24,21,0),MOD($C3317,24)+1)/SUM(INDEX($D$3:$AA$30,INDEX(Jesper!$R$2:$R$366,ROW(INDEX(Jesper!AL$2:AL$366,ROUNDDOWN($C3317/24,0)+1,1))-1)+IF('Standard Profiles'!$G$22=$B$10,7,0)+IF('Standard Profiles'!$G$22=$B$17,14,0)+IF('Standard Profiles'!$G$22=$B$24,21,0),0)),0)</f>
        <v>0</v>
      </c>
      <c r="I3317">
        <f t="shared" si="377"/>
        <v>1.153578412618228</v>
      </c>
      <c r="J3317">
        <f t="shared" si="378"/>
        <v>10.778595046545821</v>
      </c>
      <c r="K3317">
        <f t="shared" si="379"/>
        <v>0.61784646129926379</v>
      </c>
      <c r="L3317">
        <f t="shared" si="380"/>
        <v>0.3089232306496319</v>
      </c>
      <c r="M3317">
        <f t="shared" si="381"/>
        <v>0</v>
      </c>
      <c r="N3317" s="45">
        <f t="shared" si="382"/>
        <v>45063.791666658704</v>
      </c>
    </row>
    <row r="3318" spans="2:14" x14ac:dyDescent="0.25">
      <c r="B3318">
        <f t="shared" si="376"/>
        <v>3</v>
      </c>
      <c r="C3318" s="16">
        <v>3284</v>
      </c>
      <c r="D3318" cm="1">
        <f t="array" ref="D3318">IFERROR(INDEX(Jesper!AH$2:AH$366,ROUNDDOWN($C3318/24,0)+1,1)*INDEX($D$3:$AA$30,INDEX(Jesper!$R$2:$R$366,ROW(INDEX(Jesper!AH$2:AH$366,ROUNDDOWN($C3318/24,0)+1,1))-1)+IF('Standard Profiles'!$G$18=$B$10,7,0)+IF('Standard Profiles'!$G$18=$B$17,14,0)+IF('Standard Profiles'!$G$18=$B$24,21,0),MOD($C3318,24)+1)/SUM(INDEX($D$3:$AA$30,INDEX(Jesper!$R$2:$R$366,ROW(INDEX(Jesper!AH$2:AH$366,ROUNDDOWN($C3318/24,0)+1,1))-1)+IF('Standard Profiles'!$G$18=$B$10,7,0)+IF('Standard Profiles'!$G$18=$B$17,14,0)+IF('Standard Profiles'!$G$18=$B$24,21,0),0)),0)</f>
        <v>5.7923105746805978</v>
      </c>
      <c r="E3318" cm="1">
        <f t="array" ref="E3318">IFERROR(INDEX(Jesper!AI$2:AI$366,ROUNDDOWN($C3318/24,0)+1,1)*INDEX($D$3:$AA$30,INDEX(Jesper!$R$2:$R$366,ROW(INDEX(Jesper!AI$2:AI$366,ROUNDDOWN($C3318/24,0)+1,1))-1)+IF('Standard Profiles'!$G$19=$B$10,7,0)+IF('Standard Profiles'!$G$19=$B$17,14,0)+IF('Standard Profiles'!$G$19=$B$24,21,0),MOD($C3318,24)+1)/SUM(INDEX($D$3:$AA$30,INDEX(Jesper!$R$2:$R$366,ROW(INDEX(Jesper!AI$2:AI$366,ROUNDDOWN($C3318/24,0)+1,1))-1)+IF('Standard Profiles'!$G$19=$B$10,7,0)+IF('Standard Profiles'!$G$19=$B$17,14,0)+IF('Standard Profiles'!$G$19=$B$24,21,0),0)),0)</f>
        <v>4.6633442168110371</v>
      </c>
      <c r="F3318" cm="1">
        <f t="array" ref="F3318">IFERROR(INDEX(Jesper!AJ$2:AJ$366,ROUNDDOWN($C3318/24,0)+1,1)*INDEX($D$3:$AA$30,INDEX(Jesper!$R$2:$R$366,ROW(INDEX(Jesper!AJ$2:AJ$366,ROUNDDOWN($C3318/24,0)+1,1))-1)+IF('Standard Profiles'!$G$20=$B$10,7,0)+IF('Standard Profiles'!$G$20=$B$17,14,0)+IF('Standard Profiles'!$G$20=$B$24,21,0),MOD($C3318,24)+1)/SUM(INDEX($D$3:$AA$30,INDEX(Jesper!$R$2:$R$366,ROW(INDEX(Jesper!AJ$2:AJ$366,ROUNDDOWN($C3318/24,0)+1,1))-1)+IF('Standard Profiles'!$G$20=$B$10,7,0)+IF('Standard Profiles'!$G$20=$B$17,14,0)+IF('Standard Profiles'!$G$20=$B$24,21,0),0)),0)</f>
        <v>0</v>
      </c>
      <c r="G3318" cm="1">
        <f t="array" ref="G3318">IFERROR(INDEX(Jesper!AK$2:AK$366,ROUNDDOWN($C3318/24,0)+1,1)*INDEX($D$3:$AA$30,INDEX(Jesper!$R$2:$R$366,ROW(INDEX(Jesper!AK$2:AK$366,ROUNDDOWN($C3318/24,0)+1,1))-1)+IF('Standard Profiles'!$G$21=$B$10,7,0)+IF('Standard Profiles'!$G$21=$B$17,14,0)+IF('Standard Profiles'!$G$21=$B$24,21,0),MOD($C3318,24)+1)/SUM(INDEX($D$3:$AA$30,INDEX(Jesper!$R$2:$R$366,ROW(INDEX(Jesper!AK$2:AK$366,ROUNDDOWN($C3318/24,0)+1,1))-1)+IF('Standard Profiles'!$G$21=$B$10,7,0)+IF('Standard Profiles'!$G$21=$B$17,14,0)+IF('Standard Profiles'!$G$21=$B$24,21,0),0)),0)</f>
        <v>2.4032883596213095</v>
      </c>
      <c r="H3318" cm="1">
        <f t="array" ref="H3318">IFERROR(INDEX(Jesper!AL$2:AL$366,ROUNDDOWN($C3318/24,0)+1,1)*INDEX($D$3:$AA$30,INDEX(Jesper!$R$2:$R$366,ROW(INDEX(Jesper!AL$2:AL$366,ROUNDDOWN($C3318/24,0)+1,1))-1)+IF('Standard Profiles'!$G$22=$B$10,7,0)+IF('Standard Profiles'!$G$22=$B$17,14,0)+IF('Standard Profiles'!$G$22=$B$24,21,0),MOD($C3318,24)+1)/SUM(INDEX($D$3:$AA$30,INDEX(Jesper!$R$2:$R$366,ROW(INDEX(Jesper!AL$2:AL$366,ROUNDDOWN($C3318/24,0)+1,1))-1)+IF('Standard Profiles'!$G$22=$B$10,7,0)+IF('Standard Profiles'!$G$22=$B$17,14,0)+IF('Standard Profiles'!$G$22=$B$24,21,0),0)),0)</f>
        <v>0</v>
      </c>
      <c r="I3318">
        <f t="shared" si="377"/>
        <v>1.153578412618228</v>
      </c>
      <c r="J3318">
        <f t="shared" si="378"/>
        <v>10.778595046545821</v>
      </c>
      <c r="K3318">
        <f t="shared" si="379"/>
        <v>0.61784646129926379</v>
      </c>
      <c r="L3318">
        <f t="shared" si="380"/>
        <v>0.3089232306496319</v>
      </c>
      <c r="M3318">
        <f t="shared" si="381"/>
        <v>0</v>
      </c>
      <c r="N3318" s="45">
        <f t="shared" si="382"/>
        <v>45063.833333325369</v>
      </c>
    </row>
    <row r="3319" spans="2:14" x14ac:dyDescent="0.25">
      <c r="B3319">
        <f t="shared" si="376"/>
        <v>3</v>
      </c>
      <c r="C3319" s="16">
        <v>3285</v>
      </c>
      <c r="D3319" cm="1">
        <f t="array" ref="D3319">IFERROR(INDEX(Jesper!AH$2:AH$366,ROUNDDOWN($C3319/24,0)+1,1)*INDEX($D$3:$AA$30,INDEX(Jesper!$R$2:$R$366,ROW(INDEX(Jesper!AH$2:AH$366,ROUNDDOWN($C3319/24,0)+1,1))-1)+IF('Standard Profiles'!$G$18=$B$10,7,0)+IF('Standard Profiles'!$G$18=$B$17,14,0)+IF('Standard Profiles'!$G$18=$B$24,21,0),MOD($C3319,24)+1)/SUM(INDEX($D$3:$AA$30,INDEX(Jesper!$R$2:$R$366,ROW(INDEX(Jesper!AH$2:AH$366,ROUNDDOWN($C3319/24,0)+1,1))-1)+IF('Standard Profiles'!$G$18=$B$10,7,0)+IF('Standard Profiles'!$G$18=$B$17,14,0)+IF('Standard Profiles'!$G$18=$B$24,21,0),0)),0)</f>
        <v>5.7923105746805978</v>
      </c>
      <c r="E3319" cm="1">
        <f t="array" ref="E3319">IFERROR(INDEX(Jesper!AI$2:AI$366,ROUNDDOWN($C3319/24,0)+1,1)*INDEX($D$3:$AA$30,INDEX(Jesper!$R$2:$R$366,ROW(INDEX(Jesper!AI$2:AI$366,ROUNDDOWN($C3319/24,0)+1,1))-1)+IF('Standard Profiles'!$G$19=$B$10,7,0)+IF('Standard Profiles'!$G$19=$B$17,14,0)+IF('Standard Profiles'!$G$19=$B$24,21,0),MOD($C3319,24)+1)/SUM(INDEX($D$3:$AA$30,INDEX(Jesper!$R$2:$R$366,ROW(INDEX(Jesper!AI$2:AI$366,ROUNDDOWN($C3319/24,0)+1,1))-1)+IF('Standard Profiles'!$G$19=$B$10,7,0)+IF('Standard Profiles'!$G$19=$B$17,14,0)+IF('Standard Profiles'!$G$19=$B$24,21,0),0)),0)</f>
        <v>4.6633442168110371</v>
      </c>
      <c r="F3319" cm="1">
        <f t="array" ref="F3319">IFERROR(INDEX(Jesper!AJ$2:AJ$366,ROUNDDOWN($C3319/24,0)+1,1)*INDEX($D$3:$AA$30,INDEX(Jesper!$R$2:$R$366,ROW(INDEX(Jesper!AJ$2:AJ$366,ROUNDDOWN($C3319/24,0)+1,1))-1)+IF('Standard Profiles'!$G$20=$B$10,7,0)+IF('Standard Profiles'!$G$20=$B$17,14,0)+IF('Standard Profiles'!$G$20=$B$24,21,0),MOD($C3319,24)+1)/SUM(INDEX($D$3:$AA$30,INDEX(Jesper!$R$2:$R$366,ROW(INDEX(Jesper!AJ$2:AJ$366,ROUNDDOWN($C3319/24,0)+1,1))-1)+IF('Standard Profiles'!$G$20=$B$10,7,0)+IF('Standard Profiles'!$G$20=$B$17,14,0)+IF('Standard Profiles'!$G$20=$B$24,21,0),0)),0)</f>
        <v>0</v>
      </c>
      <c r="G3319" cm="1">
        <f t="array" ref="G3319">IFERROR(INDEX(Jesper!AK$2:AK$366,ROUNDDOWN($C3319/24,0)+1,1)*INDEX($D$3:$AA$30,INDEX(Jesper!$R$2:$R$366,ROW(INDEX(Jesper!AK$2:AK$366,ROUNDDOWN($C3319/24,0)+1,1))-1)+IF('Standard Profiles'!$G$21=$B$10,7,0)+IF('Standard Profiles'!$G$21=$B$17,14,0)+IF('Standard Profiles'!$G$21=$B$24,21,0),MOD($C3319,24)+1)/SUM(INDEX($D$3:$AA$30,INDEX(Jesper!$R$2:$R$366,ROW(INDEX(Jesper!AK$2:AK$366,ROUNDDOWN($C3319/24,0)+1,1))-1)+IF('Standard Profiles'!$G$21=$B$10,7,0)+IF('Standard Profiles'!$G$21=$B$17,14,0)+IF('Standard Profiles'!$G$21=$B$24,21,0),0)),0)</f>
        <v>2.4032883596213095</v>
      </c>
      <c r="H3319" cm="1">
        <f t="array" ref="H3319">IFERROR(INDEX(Jesper!AL$2:AL$366,ROUNDDOWN($C3319/24,0)+1,1)*INDEX($D$3:$AA$30,INDEX(Jesper!$R$2:$R$366,ROW(INDEX(Jesper!AL$2:AL$366,ROUNDDOWN($C3319/24,0)+1,1))-1)+IF('Standard Profiles'!$G$22=$B$10,7,0)+IF('Standard Profiles'!$G$22=$B$17,14,0)+IF('Standard Profiles'!$G$22=$B$24,21,0),MOD($C3319,24)+1)/SUM(INDEX($D$3:$AA$30,INDEX(Jesper!$R$2:$R$366,ROW(INDEX(Jesper!AL$2:AL$366,ROUNDDOWN($C3319/24,0)+1,1))-1)+IF('Standard Profiles'!$G$22=$B$10,7,0)+IF('Standard Profiles'!$G$22=$B$17,14,0)+IF('Standard Profiles'!$G$22=$B$24,21,0),0)),0)</f>
        <v>0</v>
      </c>
      <c r="I3319">
        <f t="shared" si="377"/>
        <v>1.153578412618228</v>
      </c>
      <c r="J3319">
        <f t="shared" si="378"/>
        <v>10.778595046545821</v>
      </c>
      <c r="K3319">
        <f t="shared" si="379"/>
        <v>0.61784646129926379</v>
      </c>
      <c r="L3319">
        <f t="shared" si="380"/>
        <v>0.3089232306496319</v>
      </c>
      <c r="M3319">
        <f t="shared" si="381"/>
        <v>0</v>
      </c>
      <c r="N3319" s="45">
        <f t="shared" si="382"/>
        <v>45063.874999992033</v>
      </c>
    </row>
    <row r="3320" spans="2:14" x14ac:dyDescent="0.25">
      <c r="B3320">
        <f t="shared" si="376"/>
        <v>3</v>
      </c>
      <c r="C3320" s="16">
        <v>3286</v>
      </c>
      <c r="D3320" cm="1">
        <f t="array" ref="D3320">IFERROR(INDEX(Jesper!AH$2:AH$366,ROUNDDOWN($C3320/24,0)+1,1)*INDEX($D$3:$AA$30,INDEX(Jesper!$R$2:$R$366,ROW(INDEX(Jesper!AH$2:AH$366,ROUNDDOWN($C3320/24,0)+1,1))-1)+IF('Standard Profiles'!$G$18=$B$10,7,0)+IF('Standard Profiles'!$G$18=$B$17,14,0)+IF('Standard Profiles'!$G$18=$B$24,21,0),MOD($C3320,24)+1)/SUM(INDEX($D$3:$AA$30,INDEX(Jesper!$R$2:$R$366,ROW(INDEX(Jesper!AH$2:AH$366,ROUNDDOWN($C3320/24,0)+1,1))-1)+IF('Standard Profiles'!$G$18=$B$10,7,0)+IF('Standard Profiles'!$G$18=$B$17,14,0)+IF('Standard Profiles'!$G$18=$B$24,21,0),0)),0)</f>
        <v>5.7923105746805978</v>
      </c>
      <c r="E3320" cm="1">
        <f t="array" ref="E3320">IFERROR(INDEX(Jesper!AI$2:AI$366,ROUNDDOWN($C3320/24,0)+1,1)*INDEX($D$3:$AA$30,INDEX(Jesper!$R$2:$R$366,ROW(INDEX(Jesper!AI$2:AI$366,ROUNDDOWN($C3320/24,0)+1,1))-1)+IF('Standard Profiles'!$G$19=$B$10,7,0)+IF('Standard Profiles'!$G$19=$B$17,14,0)+IF('Standard Profiles'!$G$19=$B$24,21,0),MOD($C3320,24)+1)/SUM(INDEX($D$3:$AA$30,INDEX(Jesper!$R$2:$R$366,ROW(INDEX(Jesper!AI$2:AI$366,ROUNDDOWN($C3320/24,0)+1,1))-1)+IF('Standard Profiles'!$G$19=$B$10,7,0)+IF('Standard Profiles'!$G$19=$B$17,14,0)+IF('Standard Profiles'!$G$19=$B$24,21,0),0)),0)</f>
        <v>4.6633442168110371</v>
      </c>
      <c r="F3320" cm="1">
        <f t="array" ref="F3320">IFERROR(INDEX(Jesper!AJ$2:AJ$366,ROUNDDOWN($C3320/24,0)+1,1)*INDEX($D$3:$AA$30,INDEX(Jesper!$R$2:$R$366,ROW(INDEX(Jesper!AJ$2:AJ$366,ROUNDDOWN($C3320/24,0)+1,1))-1)+IF('Standard Profiles'!$G$20=$B$10,7,0)+IF('Standard Profiles'!$G$20=$B$17,14,0)+IF('Standard Profiles'!$G$20=$B$24,21,0),MOD($C3320,24)+1)/SUM(INDEX($D$3:$AA$30,INDEX(Jesper!$R$2:$R$366,ROW(INDEX(Jesper!AJ$2:AJ$366,ROUNDDOWN($C3320/24,0)+1,1))-1)+IF('Standard Profiles'!$G$20=$B$10,7,0)+IF('Standard Profiles'!$G$20=$B$17,14,0)+IF('Standard Profiles'!$G$20=$B$24,21,0),0)),0)</f>
        <v>0</v>
      </c>
      <c r="G3320" cm="1">
        <f t="array" ref="G3320">IFERROR(INDEX(Jesper!AK$2:AK$366,ROUNDDOWN($C3320/24,0)+1,1)*INDEX($D$3:$AA$30,INDEX(Jesper!$R$2:$R$366,ROW(INDEX(Jesper!AK$2:AK$366,ROUNDDOWN($C3320/24,0)+1,1))-1)+IF('Standard Profiles'!$G$21=$B$10,7,0)+IF('Standard Profiles'!$G$21=$B$17,14,0)+IF('Standard Profiles'!$G$21=$B$24,21,0),MOD($C3320,24)+1)/SUM(INDEX($D$3:$AA$30,INDEX(Jesper!$R$2:$R$366,ROW(INDEX(Jesper!AK$2:AK$366,ROUNDDOWN($C3320/24,0)+1,1))-1)+IF('Standard Profiles'!$G$21=$B$10,7,0)+IF('Standard Profiles'!$G$21=$B$17,14,0)+IF('Standard Profiles'!$G$21=$B$24,21,0),0)),0)</f>
        <v>2.4032883596213095</v>
      </c>
      <c r="H3320" cm="1">
        <f t="array" ref="H3320">IFERROR(INDEX(Jesper!AL$2:AL$366,ROUNDDOWN($C3320/24,0)+1,1)*INDEX($D$3:$AA$30,INDEX(Jesper!$R$2:$R$366,ROW(INDEX(Jesper!AL$2:AL$366,ROUNDDOWN($C3320/24,0)+1,1))-1)+IF('Standard Profiles'!$G$22=$B$10,7,0)+IF('Standard Profiles'!$G$22=$B$17,14,0)+IF('Standard Profiles'!$G$22=$B$24,21,0),MOD($C3320,24)+1)/SUM(INDEX($D$3:$AA$30,INDEX(Jesper!$R$2:$R$366,ROW(INDEX(Jesper!AL$2:AL$366,ROUNDDOWN($C3320/24,0)+1,1))-1)+IF('Standard Profiles'!$G$22=$B$10,7,0)+IF('Standard Profiles'!$G$22=$B$17,14,0)+IF('Standard Profiles'!$G$22=$B$24,21,0),0)),0)</f>
        <v>0</v>
      </c>
      <c r="I3320">
        <f t="shared" si="377"/>
        <v>1.153578412618228</v>
      </c>
      <c r="J3320">
        <f t="shared" si="378"/>
        <v>10.778595046545821</v>
      </c>
      <c r="K3320">
        <f t="shared" si="379"/>
        <v>0.61784646129926379</v>
      </c>
      <c r="L3320">
        <f t="shared" si="380"/>
        <v>0.3089232306496319</v>
      </c>
      <c r="M3320">
        <f t="shared" si="381"/>
        <v>0</v>
      </c>
      <c r="N3320" s="45">
        <f t="shared" si="382"/>
        <v>45063.916666658697</v>
      </c>
    </row>
    <row r="3321" spans="2:14" x14ac:dyDescent="0.25">
      <c r="B3321">
        <f t="shared" si="376"/>
        <v>3</v>
      </c>
      <c r="C3321" s="16">
        <v>3287</v>
      </c>
      <c r="D3321" cm="1">
        <f t="array" ref="D3321">IFERROR(INDEX(Jesper!AH$2:AH$366,ROUNDDOWN($C3321/24,0)+1,1)*INDEX($D$3:$AA$30,INDEX(Jesper!$R$2:$R$366,ROW(INDEX(Jesper!AH$2:AH$366,ROUNDDOWN($C3321/24,0)+1,1))-1)+IF('Standard Profiles'!$G$18=$B$10,7,0)+IF('Standard Profiles'!$G$18=$B$17,14,0)+IF('Standard Profiles'!$G$18=$B$24,21,0),MOD($C3321,24)+1)/SUM(INDEX($D$3:$AA$30,INDEX(Jesper!$R$2:$R$366,ROW(INDEX(Jesper!AH$2:AH$366,ROUNDDOWN($C3321/24,0)+1,1))-1)+IF('Standard Profiles'!$G$18=$B$10,7,0)+IF('Standard Profiles'!$G$18=$B$17,14,0)+IF('Standard Profiles'!$G$18=$B$24,21,0),0)),0)</f>
        <v>5.7923105746805978</v>
      </c>
      <c r="E3321" cm="1">
        <f t="array" ref="E3321">IFERROR(INDEX(Jesper!AI$2:AI$366,ROUNDDOWN($C3321/24,0)+1,1)*INDEX($D$3:$AA$30,INDEX(Jesper!$R$2:$R$366,ROW(INDEX(Jesper!AI$2:AI$366,ROUNDDOWN($C3321/24,0)+1,1))-1)+IF('Standard Profiles'!$G$19=$B$10,7,0)+IF('Standard Profiles'!$G$19=$B$17,14,0)+IF('Standard Profiles'!$G$19=$B$24,21,0),MOD($C3321,24)+1)/SUM(INDEX($D$3:$AA$30,INDEX(Jesper!$R$2:$R$366,ROW(INDEX(Jesper!AI$2:AI$366,ROUNDDOWN($C3321/24,0)+1,1))-1)+IF('Standard Profiles'!$G$19=$B$10,7,0)+IF('Standard Profiles'!$G$19=$B$17,14,0)+IF('Standard Profiles'!$G$19=$B$24,21,0),0)),0)</f>
        <v>4.6633442168110371</v>
      </c>
      <c r="F3321" cm="1">
        <f t="array" ref="F3321">IFERROR(INDEX(Jesper!AJ$2:AJ$366,ROUNDDOWN($C3321/24,0)+1,1)*INDEX($D$3:$AA$30,INDEX(Jesper!$R$2:$R$366,ROW(INDEX(Jesper!AJ$2:AJ$366,ROUNDDOWN($C3321/24,0)+1,1))-1)+IF('Standard Profiles'!$G$20=$B$10,7,0)+IF('Standard Profiles'!$G$20=$B$17,14,0)+IF('Standard Profiles'!$G$20=$B$24,21,0),MOD($C3321,24)+1)/SUM(INDEX($D$3:$AA$30,INDEX(Jesper!$R$2:$R$366,ROW(INDEX(Jesper!AJ$2:AJ$366,ROUNDDOWN($C3321/24,0)+1,1))-1)+IF('Standard Profiles'!$G$20=$B$10,7,0)+IF('Standard Profiles'!$G$20=$B$17,14,0)+IF('Standard Profiles'!$G$20=$B$24,21,0),0)),0)</f>
        <v>0</v>
      </c>
      <c r="G3321" cm="1">
        <f t="array" ref="G3321">IFERROR(INDEX(Jesper!AK$2:AK$366,ROUNDDOWN($C3321/24,0)+1,1)*INDEX($D$3:$AA$30,INDEX(Jesper!$R$2:$R$366,ROW(INDEX(Jesper!AK$2:AK$366,ROUNDDOWN($C3321/24,0)+1,1))-1)+IF('Standard Profiles'!$G$21=$B$10,7,0)+IF('Standard Profiles'!$G$21=$B$17,14,0)+IF('Standard Profiles'!$G$21=$B$24,21,0),MOD($C3321,24)+1)/SUM(INDEX($D$3:$AA$30,INDEX(Jesper!$R$2:$R$366,ROW(INDEX(Jesper!AK$2:AK$366,ROUNDDOWN($C3321/24,0)+1,1))-1)+IF('Standard Profiles'!$G$21=$B$10,7,0)+IF('Standard Profiles'!$G$21=$B$17,14,0)+IF('Standard Profiles'!$G$21=$B$24,21,0),0)),0)</f>
        <v>2.4032883596213095</v>
      </c>
      <c r="H3321" cm="1">
        <f t="array" ref="H3321">IFERROR(INDEX(Jesper!AL$2:AL$366,ROUNDDOWN($C3321/24,0)+1,1)*INDEX($D$3:$AA$30,INDEX(Jesper!$R$2:$R$366,ROW(INDEX(Jesper!AL$2:AL$366,ROUNDDOWN($C3321/24,0)+1,1))-1)+IF('Standard Profiles'!$G$22=$B$10,7,0)+IF('Standard Profiles'!$G$22=$B$17,14,0)+IF('Standard Profiles'!$G$22=$B$24,21,0),MOD($C3321,24)+1)/SUM(INDEX($D$3:$AA$30,INDEX(Jesper!$R$2:$R$366,ROW(INDEX(Jesper!AL$2:AL$366,ROUNDDOWN($C3321/24,0)+1,1))-1)+IF('Standard Profiles'!$G$22=$B$10,7,0)+IF('Standard Profiles'!$G$22=$B$17,14,0)+IF('Standard Profiles'!$G$22=$B$24,21,0),0)),0)</f>
        <v>0</v>
      </c>
      <c r="I3321">
        <f t="shared" si="377"/>
        <v>1.153578412618228</v>
      </c>
      <c r="J3321">
        <f t="shared" si="378"/>
        <v>10.778595046545821</v>
      </c>
      <c r="K3321">
        <f t="shared" si="379"/>
        <v>0.61784646129926379</v>
      </c>
      <c r="L3321">
        <f t="shared" si="380"/>
        <v>0.3089232306496319</v>
      </c>
      <c r="M3321">
        <f t="shared" si="381"/>
        <v>0</v>
      </c>
      <c r="N3321" s="45">
        <f t="shared" si="382"/>
        <v>45063.958333325361</v>
      </c>
    </row>
    <row r="3322" spans="2:14" x14ac:dyDescent="0.25">
      <c r="B3322">
        <f t="shared" si="376"/>
        <v>4</v>
      </c>
      <c r="C3322" s="16">
        <v>3288</v>
      </c>
      <c r="D3322" cm="1">
        <f t="array" ref="D3322">IFERROR(INDEX(Jesper!AH$2:AH$366,ROUNDDOWN($C3322/24,0)+1,1)*INDEX($D$3:$AA$30,INDEX(Jesper!$R$2:$R$366,ROW(INDEX(Jesper!AH$2:AH$366,ROUNDDOWN($C3322/24,0)+1,1))-1)+IF('Standard Profiles'!$G$18=$B$10,7,0)+IF('Standard Profiles'!$G$18=$B$17,14,0)+IF('Standard Profiles'!$G$18=$B$24,21,0),MOD($C3322,24)+1)/SUM(INDEX($D$3:$AA$30,INDEX(Jesper!$R$2:$R$366,ROW(INDEX(Jesper!AH$2:AH$366,ROUNDDOWN($C3322/24,0)+1,1))-1)+IF('Standard Profiles'!$G$18=$B$10,7,0)+IF('Standard Profiles'!$G$18=$B$17,14,0)+IF('Standard Profiles'!$G$18=$B$24,21,0),0)),0)</f>
        <v>5.8049086699161432</v>
      </c>
      <c r="E3322" cm="1">
        <f t="array" ref="E3322">IFERROR(INDEX(Jesper!AI$2:AI$366,ROUNDDOWN($C3322/24,0)+1,1)*INDEX($D$3:$AA$30,INDEX(Jesper!$R$2:$R$366,ROW(INDEX(Jesper!AI$2:AI$366,ROUNDDOWN($C3322/24,0)+1,1))-1)+IF('Standard Profiles'!$G$19=$B$10,7,0)+IF('Standard Profiles'!$G$19=$B$17,14,0)+IF('Standard Profiles'!$G$19=$B$24,21,0),MOD($C3322,24)+1)/SUM(INDEX($D$3:$AA$30,INDEX(Jesper!$R$2:$R$366,ROW(INDEX(Jesper!AI$2:AI$366,ROUNDDOWN($C3322/24,0)+1,1))-1)+IF('Standard Profiles'!$G$19=$B$10,7,0)+IF('Standard Profiles'!$G$19=$B$17,14,0)+IF('Standard Profiles'!$G$19=$B$24,21,0),0)),0)</f>
        <v>4.7676740226363101</v>
      </c>
      <c r="F3322" cm="1">
        <f t="array" ref="F3322">IFERROR(INDEX(Jesper!AJ$2:AJ$366,ROUNDDOWN($C3322/24,0)+1,1)*INDEX($D$3:$AA$30,INDEX(Jesper!$R$2:$R$366,ROW(INDEX(Jesper!AJ$2:AJ$366,ROUNDDOWN($C3322/24,0)+1,1))-1)+IF('Standard Profiles'!$G$20=$B$10,7,0)+IF('Standard Profiles'!$G$20=$B$17,14,0)+IF('Standard Profiles'!$G$20=$B$24,21,0),MOD($C3322,24)+1)/SUM(INDEX($D$3:$AA$30,INDEX(Jesper!$R$2:$R$366,ROW(INDEX(Jesper!AJ$2:AJ$366,ROUNDDOWN($C3322/24,0)+1,1))-1)+IF('Standard Profiles'!$G$20=$B$10,7,0)+IF('Standard Profiles'!$G$20=$B$17,14,0)+IF('Standard Profiles'!$G$20=$B$24,21,0),0)),0)</f>
        <v>0</v>
      </c>
      <c r="G3322" cm="1">
        <f t="array" ref="G3322">IFERROR(INDEX(Jesper!AK$2:AK$366,ROUNDDOWN($C3322/24,0)+1,1)*INDEX($D$3:$AA$30,INDEX(Jesper!$R$2:$R$366,ROW(INDEX(Jesper!AK$2:AK$366,ROUNDDOWN($C3322/24,0)+1,1))-1)+IF('Standard Profiles'!$G$21=$B$10,7,0)+IF('Standard Profiles'!$G$21=$B$17,14,0)+IF('Standard Profiles'!$G$21=$B$24,21,0),MOD($C3322,24)+1)/SUM(INDEX($D$3:$AA$30,INDEX(Jesper!$R$2:$R$366,ROW(INDEX(Jesper!AK$2:AK$366,ROUNDDOWN($C3322/24,0)+1,1))-1)+IF('Standard Profiles'!$G$21=$B$10,7,0)+IF('Standard Profiles'!$G$21=$B$17,14,0)+IF('Standard Profiles'!$G$21=$B$24,21,0),0)),0)</f>
        <v>2.6732579245904136</v>
      </c>
      <c r="H3322" cm="1">
        <f t="array" ref="H3322">IFERROR(INDEX(Jesper!AL$2:AL$366,ROUNDDOWN($C3322/24,0)+1,1)*INDEX($D$3:$AA$30,INDEX(Jesper!$R$2:$R$366,ROW(INDEX(Jesper!AL$2:AL$366,ROUNDDOWN($C3322/24,0)+1,1))-1)+IF('Standard Profiles'!$G$22=$B$10,7,0)+IF('Standard Profiles'!$G$22=$B$17,14,0)+IF('Standard Profiles'!$G$22=$B$24,21,0),MOD($C3322,24)+1)/SUM(INDEX($D$3:$AA$30,INDEX(Jesper!$R$2:$R$366,ROW(INDEX(Jesper!AL$2:AL$366,ROUNDDOWN($C3322/24,0)+1,1))-1)+IF('Standard Profiles'!$G$22=$B$10,7,0)+IF('Standard Profiles'!$G$22=$B$17,14,0)+IF('Standard Profiles'!$G$22=$B$24,21,0),0)),0)</f>
        <v>0</v>
      </c>
      <c r="I3322">
        <f t="shared" si="377"/>
        <v>1.2831638038033979</v>
      </c>
      <c r="J3322">
        <f t="shared" si="378"/>
        <v>11.033891426152886</v>
      </c>
      <c r="K3322">
        <f t="shared" si="379"/>
        <v>0.61919025812438866</v>
      </c>
      <c r="L3322">
        <f t="shared" si="380"/>
        <v>0.30959512906219433</v>
      </c>
      <c r="M3322">
        <f t="shared" si="381"/>
        <v>0</v>
      </c>
      <c r="N3322" s="45">
        <f t="shared" si="382"/>
        <v>45063.999999992026</v>
      </c>
    </row>
    <row r="3323" spans="2:14" x14ac:dyDescent="0.25">
      <c r="B3323">
        <f t="shared" si="376"/>
        <v>4</v>
      </c>
      <c r="C3323" s="16">
        <v>3289</v>
      </c>
      <c r="D3323" cm="1">
        <f t="array" ref="D3323">IFERROR(INDEX(Jesper!AH$2:AH$366,ROUNDDOWN($C3323/24,0)+1,1)*INDEX($D$3:$AA$30,INDEX(Jesper!$R$2:$R$366,ROW(INDEX(Jesper!AH$2:AH$366,ROUNDDOWN($C3323/24,0)+1,1))-1)+IF('Standard Profiles'!$G$18=$B$10,7,0)+IF('Standard Profiles'!$G$18=$B$17,14,0)+IF('Standard Profiles'!$G$18=$B$24,21,0),MOD($C3323,24)+1)/SUM(INDEX($D$3:$AA$30,INDEX(Jesper!$R$2:$R$366,ROW(INDEX(Jesper!AH$2:AH$366,ROUNDDOWN($C3323/24,0)+1,1))-1)+IF('Standard Profiles'!$G$18=$B$10,7,0)+IF('Standard Profiles'!$G$18=$B$17,14,0)+IF('Standard Profiles'!$G$18=$B$24,21,0),0)),0)</f>
        <v>5.8049086699161432</v>
      </c>
      <c r="E3323" cm="1">
        <f t="array" ref="E3323">IFERROR(INDEX(Jesper!AI$2:AI$366,ROUNDDOWN($C3323/24,0)+1,1)*INDEX($D$3:$AA$30,INDEX(Jesper!$R$2:$R$366,ROW(INDEX(Jesper!AI$2:AI$366,ROUNDDOWN($C3323/24,0)+1,1))-1)+IF('Standard Profiles'!$G$19=$B$10,7,0)+IF('Standard Profiles'!$G$19=$B$17,14,0)+IF('Standard Profiles'!$G$19=$B$24,21,0),MOD($C3323,24)+1)/SUM(INDEX($D$3:$AA$30,INDEX(Jesper!$R$2:$R$366,ROW(INDEX(Jesper!AI$2:AI$366,ROUNDDOWN($C3323/24,0)+1,1))-1)+IF('Standard Profiles'!$G$19=$B$10,7,0)+IF('Standard Profiles'!$G$19=$B$17,14,0)+IF('Standard Profiles'!$G$19=$B$24,21,0),0)),0)</f>
        <v>4.7676740226363101</v>
      </c>
      <c r="F3323" cm="1">
        <f t="array" ref="F3323">IFERROR(INDEX(Jesper!AJ$2:AJ$366,ROUNDDOWN($C3323/24,0)+1,1)*INDEX($D$3:$AA$30,INDEX(Jesper!$R$2:$R$366,ROW(INDEX(Jesper!AJ$2:AJ$366,ROUNDDOWN($C3323/24,0)+1,1))-1)+IF('Standard Profiles'!$G$20=$B$10,7,0)+IF('Standard Profiles'!$G$20=$B$17,14,0)+IF('Standard Profiles'!$G$20=$B$24,21,0),MOD($C3323,24)+1)/SUM(INDEX($D$3:$AA$30,INDEX(Jesper!$R$2:$R$366,ROW(INDEX(Jesper!AJ$2:AJ$366,ROUNDDOWN($C3323/24,0)+1,1))-1)+IF('Standard Profiles'!$G$20=$B$10,7,0)+IF('Standard Profiles'!$G$20=$B$17,14,0)+IF('Standard Profiles'!$G$20=$B$24,21,0),0)),0)</f>
        <v>0</v>
      </c>
      <c r="G3323" cm="1">
        <f t="array" ref="G3323">IFERROR(INDEX(Jesper!AK$2:AK$366,ROUNDDOWN($C3323/24,0)+1,1)*INDEX($D$3:$AA$30,INDEX(Jesper!$R$2:$R$366,ROW(INDEX(Jesper!AK$2:AK$366,ROUNDDOWN($C3323/24,0)+1,1))-1)+IF('Standard Profiles'!$G$21=$B$10,7,0)+IF('Standard Profiles'!$G$21=$B$17,14,0)+IF('Standard Profiles'!$G$21=$B$24,21,0),MOD($C3323,24)+1)/SUM(INDEX($D$3:$AA$30,INDEX(Jesper!$R$2:$R$366,ROW(INDEX(Jesper!AK$2:AK$366,ROUNDDOWN($C3323/24,0)+1,1))-1)+IF('Standard Profiles'!$G$21=$B$10,7,0)+IF('Standard Profiles'!$G$21=$B$17,14,0)+IF('Standard Profiles'!$G$21=$B$24,21,0),0)),0)</f>
        <v>2.6732579245904136</v>
      </c>
      <c r="H3323" cm="1">
        <f t="array" ref="H3323">IFERROR(INDEX(Jesper!AL$2:AL$366,ROUNDDOWN($C3323/24,0)+1,1)*INDEX($D$3:$AA$30,INDEX(Jesper!$R$2:$R$366,ROW(INDEX(Jesper!AL$2:AL$366,ROUNDDOWN($C3323/24,0)+1,1))-1)+IF('Standard Profiles'!$G$22=$B$10,7,0)+IF('Standard Profiles'!$G$22=$B$17,14,0)+IF('Standard Profiles'!$G$22=$B$24,21,0),MOD($C3323,24)+1)/SUM(INDEX($D$3:$AA$30,INDEX(Jesper!$R$2:$R$366,ROW(INDEX(Jesper!AL$2:AL$366,ROUNDDOWN($C3323/24,0)+1,1))-1)+IF('Standard Profiles'!$G$22=$B$10,7,0)+IF('Standard Profiles'!$G$22=$B$17,14,0)+IF('Standard Profiles'!$G$22=$B$24,21,0),0)),0)</f>
        <v>0</v>
      </c>
      <c r="I3323">
        <f t="shared" si="377"/>
        <v>1.2831638038033979</v>
      </c>
      <c r="J3323">
        <f t="shared" si="378"/>
        <v>11.033891426152886</v>
      </c>
      <c r="K3323">
        <f t="shared" si="379"/>
        <v>0.61919025812438866</v>
      </c>
      <c r="L3323">
        <f t="shared" si="380"/>
        <v>0.30959512906219433</v>
      </c>
      <c r="M3323">
        <f t="shared" si="381"/>
        <v>0</v>
      </c>
      <c r="N3323" s="45">
        <f t="shared" si="382"/>
        <v>45064.04166665869</v>
      </c>
    </row>
    <row r="3324" spans="2:14" x14ac:dyDescent="0.25">
      <c r="B3324">
        <f t="shared" si="376"/>
        <v>4</v>
      </c>
      <c r="C3324" s="16">
        <v>3290</v>
      </c>
      <c r="D3324" cm="1">
        <f t="array" ref="D3324">IFERROR(INDEX(Jesper!AH$2:AH$366,ROUNDDOWN($C3324/24,0)+1,1)*INDEX($D$3:$AA$30,INDEX(Jesper!$R$2:$R$366,ROW(INDEX(Jesper!AH$2:AH$366,ROUNDDOWN($C3324/24,0)+1,1))-1)+IF('Standard Profiles'!$G$18=$B$10,7,0)+IF('Standard Profiles'!$G$18=$B$17,14,0)+IF('Standard Profiles'!$G$18=$B$24,21,0),MOD($C3324,24)+1)/SUM(INDEX($D$3:$AA$30,INDEX(Jesper!$R$2:$R$366,ROW(INDEX(Jesper!AH$2:AH$366,ROUNDDOWN($C3324/24,0)+1,1))-1)+IF('Standard Profiles'!$G$18=$B$10,7,0)+IF('Standard Profiles'!$G$18=$B$17,14,0)+IF('Standard Profiles'!$G$18=$B$24,21,0),0)),0)</f>
        <v>5.8049086699161432</v>
      </c>
      <c r="E3324" cm="1">
        <f t="array" ref="E3324">IFERROR(INDEX(Jesper!AI$2:AI$366,ROUNDDOWN($C3324/24,0)+1,1)*INDEX($D$3:$AA$30,INDEX(Jesper!$R$2:$R$366,ROW(INDEX(Jesper!AI$2:AI$366,ROUNDDOWN($C3324/24,0)+1,1))-1)+IF('Standard Profiles'!$G$19=$B$10,7,0)+IF('Standard Profiles'!$G$19=$B$17,14,0)+IF('Standard Profiles'!$G$19=$B$24,21,0),MOD($C3324,24)+1)/SUM(INDEX($D$3:$AA$30,INDEX(Jesper!$R$2:$R$366,ROW(INDEX(Jesper!AI$2:AI$366,ROUNDDOWN($C3324/24,0)+1,1))-1)+IF('Standard Profiles'!$G$19=$B$10,7,0)+IF('Standard Profiles'!$G$19=$B$17,14,0)+IF('Standard Profiles'!$G$19=$B$24,21,0),0)),0)</f>
        <v>4.7676740226363101</v>
      </c>
      <c r="F3324" cm="1">
        <f t="array" ref="F3324">IFERROR(INDEX(Jesper!AJ$2:AJ$366,ROUNDDOWN($C3324/24,0)+1,1)*INDEX($D$3:$AA$30,INDEX(Jesper!$R$2:$R$366,ROW(INDEX(Jesper!AJ$2:AJ$366,ROUNDDOWN($C3324/24,0)+1,1))-1)+IF('Standard Profiles'!$G$20=$B$10,7,0)+IF('Standard Profiles'!$G$20=$B$17,14,0)+IF('Standard Profiles'!$G$20=$B$24,21,0),MOD($C3324,24)+1)/SUM(INDEX($D$3:$AA$30,INDEX(Jesper!$R$2:$R$366,ROW(INDEX(Jesper!AJ$2:AJ$366,ROUNDDOWN($C3324/24,0)+1,1))-1)+IF('Standard Profiles'!$G$20=$B$10,7,0)+IF('Standard Profiles'!$G$20=$B$17,14,0)+IF('Standard Profiles'!$G$20=$B$24,21,0),0)),0)</f>
        <v>0</v>
      </c>
      <c r="G3324" cm="1">
        <f t="array" ref="G3324">IFERROR(INDEX(Jesper!AK$2:AK$366,ROUNDDOWN($C3324/24,0)+1,1)*INDEX($D$3:$AA$30,INDEX(Jesper!$R$2:$R$366,ROW(INDEX(Jesper!AK$2:AK$366,ROUNDDOWN($C3324/24,0)+1,1))-1)+IF('Standard Profiles'!$G$21=$B$10,7,0)+IF('Standard Profiles'!$G$21=$B$17,14,0)+IF('Standard Profiles'!$G$21=$B$24,21,0),MOD($C3324,24)+1)/SUM(INDEX($D$3:$AA$30,INDEX(Jesper!$R$2:$R$366,ROW(INDEX(Jesper!AK$2:AK$366,ROUNDDOWN($C3324/24,0)+1,1))-1)+IF('Standard Profiles'!$G$21=$B$10,7,0)+IF('Standard Profiles'!$G$21=$B$17,14,0)+IF('Standard Profiles'!$G$21=$B$24,21,0),0)),0)</f>
        <v>2.6732579245904136</v>
      </c>
      <c r="H3324" cm="1">
        <f t="array" ref="H3324">IFERROR(INDEX(Jesper!AL$2:AL$366,ROUNDDOWN($C3324/24,0)+1,1)*INDEX($D$3:$AA$30,INDEX(Jesper!$R$2:$R$366,ROW(INDEX(Jesper!AL$2:AL$366,ROUNDDOWN($C3324/24,0)+1,1))-1)+IF('Standard Profiles'!$G$22=$B$10,7,0)+IF('Standard Profiles'!$G$22=$B$17,14,0)+IF('Standard Profiles'!$G$22=$B$24,21,0),MOD($C3324,24)+1)/SUM(INDEX($D$3:$AA$30,INDEX(Jesper!$R$2:$R$366,ROW(INDEX(Jesper!AL$2:AL$366,ROUNDDOWN($C3324/24,0)+1,1))-1)+IF('Standard Profiles'!$G$22=$B$10,7,0)+IF('Standard Profiles'!$G$22=$B$17,14,0)+IF('Standard Profiles'!$G$22=$B$24,21,0),0)),0)</f>
        <v>0</v>
      </c>
      <c r="I3324">
        <f t="shared" si="377"/>
        <v>1.2831638038033979</v>
      </c>
      <c r="J3324">
        <f t="shared" si="378"/>
        <v>11.033891426152886</v>
      </c>
      <c r="K3324">
        <f t="shared" si="379"/>
        <v>0.61919025812438866</v>
      </c>
      <c r="L3324">
        <f t="shared" si="380"/>
        <v>0.30959512906219433</v>
      </c>
      <c r="M3324">
        <f t="shared" si="381"/>
        <v>0</v>
      </c>
      <c r="N3324" s="45">
        <f t="shared" si="382"/>
        <v>45064.083333325354</v>
      </c>
    </row>
    <row r="3325" spans="2:14" x14ac:dyDescent="0.25">
      <c r="B3325">
        <f t="shared" si="376"/>
        <v>4</v>
      </c>
      <c r="C3325" s="16">
        <v>3291</v>
      </c>
      <c r="D3325" cm="1">
        <f t="array" ref="D3325">IFERROR(INDEX(Jesper!AH$2:AH$366,ROUNDDOWN($C3325/24,0)+1,1)*INDEX($D$3:$AA$30,INDEX(Jesper!$R$2:$R$366,ROW(INDEX(Jesper!AH$2:AH$366,ROUNDDOWN($C3325/24,0)+1,1))-1)+IF('Standard Profiles'!$G$18=$B$10,7,0)+IF('Standard Profiles'!$G$18=$B$17,14,0)+IF('Standard Profiles'!$G$18=$B$24,21,0),MOD($C3325,24)+1)/SUM(INDEX($D$3:$AA$30,INDEX(Jesper!$R$2:$R$366,ROW(INDEX(Jesper!AH$2:AH$366,ROUNDDOWN($C3325/24,0)+1,1))-1)+IF('Standard Profiles'!$G$18=$B$10,7,0)+IF('Standard Profiles'!$G$18=$B$17,14,0)+IF('Standard Profiles'!$G$18=$B$24,21,0),0)),0)</f>
        <v>5.8049086699161432</v>
      </c>
      <c r="E3325" cm="1">
        <f t="array" ref="E3325">IFERROR(INDEX(Jesper!AI$2:AI$366,ROUNDDOWN($C3325/24,0)+1,1)*INDEX($D$3:$AA$30,INDEX(Jesper!$R$2:$R$366,ROW(INDEX(Jesper!AI$2:AI$366,ROUNDDOWN($C3325/24,0)+1,1))-1)+IF('Standard Profiles'!$G$19=$B$10,7,0)+IF('Standard Profiles'!$G$19=$B$17,14,0)+IF('Standard Profiles'!$G$19=$B$24,21,0),MOD($C3325,24)+1)/SUM(INDEX($D$3:$AA$30,INDEX(Jesper!$R$2:$R$366,ROW(INDEX(Jesper!AI$2:AI$366,ROUNDDOWN($C3325/24,0)+1,1))-1)+IF('Standard Profiles'!$G$19=$B$10,7,0)+IF('Standard Profiles'!$G$19=$B$17,14,0)+IF('Standard Profiles'!$G$19=$B$24,21,0),0)),0)</f>
        <v>4.7676740226363101</v>
      </c>
      <c r="F3325" cm="1">
        <f t="array" ref="F3325">IFERROR(INDEX(Jesper!AJ$2:AJ$366,ROUNDDOWN($C3325/24,0)+1,1)*INDEX($D$3:$AA$30,INDEX(Jesper!$R$2:$R$366,ROW(INDEX(Jesper!AJ$2:AJ$366,ROUNDDOWN($C3325/24,0)+1,1))-1)+IF('Standard Profiles'!$G$20=$B$10,7,0)+IF('Standard Profiles'!$G$20=$B$17,14,0)+IF('Standard Profiles'!$G$20=$B$24,21,0),MOD($C3325,24)+1)/SUM(INDEX($D$3:$AA$30,INDEX(Jesper!$R$2:$R$366,ROW(INDEX(Jesper!AJ$2:AJ$366,ROUNDDOWN($C3325/24,0)+1,1))-1)+IF('Standard Profiles'!$G$20=$B$10,7,0)+IF('Standard Profiles'!$G$20=$B$17,14,0)+IF('Standard Profiles'!$G$20=$B$24,21,0),0)),0)</f>
        <v>0</v>
      </c>
      <c r="G3325" cm="1">
        <f t="array" ref="G3325">IFERROR(INDEX(Jesper!AK$2:AK$366,ROUNDDOWN($C3325/24,0)+1,1)*INDEX($D$3:$AA$30,INDEX(Jesper!$R$2:$R$366,ROW(INDEX(Jesper!AK$2:AK$366,ROUNDDOWN($C3325/24,0)+1,1))-1)+IF('Standard Profiles'!$G$21=$B$10,7,0)+IF('Standard Profiles'!$G$21=$B$17,14,0)+IF('Standard Profiles'!$G$21=$B$24,21,0),MOD($C3325,24)+1)/SUM(INDEX($D$3:$AA$30,INDEX(Jesper!$R$2:$R$366,ROW(INDEX(Jesper!AK$2:AK$366,ROUNDDOWN($C3325/24,0)+1,1))-1)+IF('Standard Profiles'!$G$21=$B$10,7,0)+IF('Standard Profiles'!$G$21=$B$17,14,0)+IF('Standard Profiles'!$G$21=$B$24,21,0),0)),0)</f>
        <v>2.6732579245904136</v>
      </c>
      <c r="H3325" cm="1">
        <f t="array" ref="H3325">IFERROR(INDEX(Jesper!AL$2:AL$366,ROUNDDOWN($C3325/24,0)+1,1)*INDEX($D$3:$AA$30,INDEX(Jesper!$R$2:$R$366,ROW(INDEX(Jesper!AL$2:AL$366,ROUNDDOWN($C3325/24,0)+1,1))-1)+IF('Standard Profiles'!$G$22=$B$10,7,0)+IF('Standard Profiles'!$G$22=$B$17,14,0)+IF('Standard Profiles'!$G$22=$B$24,21,0),MOD($C3325,24)+1)/SUM(INDEX($D$3:$AA$30,INDEX(Jesper!$R$2:$R$366,ROW(INDEX(Jesper!AL$2:AL$366,ROUNDDOWN($C3325/24,0)+1,1))-1)+IF('Standard Profiles'!$G$22=$B$10,7,0)+IF('Standard Profiles'!$G$22=$B$17,14,0)+IF('Standard Profiles'!$G$22=$B$24,21,0),0)),0)</f>
        <v>0</v>
      </c>
      <c r="I3325">
        <f t="shared" si="377"/>
        <v>1.2831638038033979</v>
      </c>
      <c r="J3325">
        <f t="shared" si="378"/>
        <v>11.033891426152886</v>
      </c>
      <c r="K3325">
        <f t="shared" si="379"/>
        <v>0.61919025812438866</v>
      </c>
      <c r="L3325">
        <f t="shared" si="380"/>
        <v>0.30959512906219433</v>
      </c>
      <c r="M3325">
        <f t="shared" si="381"/>
        <v>0</v>
      </c>
      <c r="N3325" s="45">
        <f t="shared" si="382"/>
        <v>45064.124999992018</v>
      </c>
    </row>
    <row r="3326" spans="2:14" x14ac:dyDescent="0.25">
      <c r="B3326">
        <f t="shared" si="376"/>
        <v>4</v>
      </c>
      <c r="C3326" s="16">
        <v>3292</v>
      </c>
      <c r="D3326" cm="1">
        <f t="array" ref="D3326">IFERROR(INDEX(Jesper!AH$2:AH$366,ROUNDDOWN($C3326/24,0)+1,1)*INDEX($D$3:$AA$30,INDEX(Jesper!$R$2:$R$366,ROW(INDEX(Jesper!AH$2:AH$366,ROUNDDOWN($C3326/24,0)+1,1))-1)+IF('Standard Profiles'!$G$18=$B$10,7,0)+IF('Standard Profiles'!$G$18=$B$17,14,0)+IF('Standard Profiles'!$G$18=$B$24,21,0),MOD($C3326,24)+1)/SUM(INDEX($D$3:$AA$30,INDEX(Jesper!$R$2:$R$366,ROW(INDEX(Jesper!AH$2:AH$366,ROUNDDOWN($C3326/24,0)+1,1))-1)+IF('Standard Profiles'!$G$18=$B$10,7,0)+IF('Standard Profiles'!$G$18=$B$17,14,0)+IF('Standard Profiles'!$G$18=$B$24,21,0),0)),0)</f>
        <v>5.8049086699161432</v>
      </c>
      <c r="E3326" cm="1">
        <f t="array" ref="E3326">IFERROR(INDEX(Jesper!AI$2:AI$366,ROUNDDOWN($C3326/24,0)+1,1)*INDEX($D$3:$AA$30,INDEX(Jesper!$R$2:$R$366,ROW(INDEX(Jesper!AI$2:AI$366,ROUNDDOWN($C3326/24,0)+1,1))-1)+IF('Standard Profiles'!$G$19=$B$10,7,0)+IF('Standard Profiles'!$G$19=$B$17,14,0)+IF('Standard Profiles'!$G$19=$B$24,21,0),MOD($C3326,24)+1)/SUM(INDEX($D$3:$AA$30,INDEX(Jesper!$R$2:$R$366,ROW(INDEX(Jesper!AI$2:AI$366,ROUNDDOWN($C3326/24,0)+1,1))-1)+IF('Standard Profiles'!$G$19=$B$10,7,0)+IF('Standard Profiles'!$G$19=$B$17,14,0)+IF('Standard Profiles'!$G$19=$B$24,21,0),0)),0)</f>
        <v>4.7676740226363101</v>
      </c>
      <c r="F3326" cm="1">
        <f t="array" ref="F3326">IFERROR(INDEX(Jesper!AJ$2:AJ$366,ROUNDDOWN($C3326/24,0)+1,1)*INDEX($D$3:$AA$30,INDEX(Jesper!$R$2:$R$366,ROW(INDEX(Jesper!AJ$2:AJ$366,ROUNDDOWN($C3326/24,0)+1,1))-1)+IF('Standard Profiles'!$G$20=$B$10,7,0)+IF('Standard Profiles'!$G$20=$B$17,14,0)+IF('Standard Profiles'!$G$20=$B$24,21,0),MOD($C3326,24)+1)/SUM(INDEX($D$3:$AA$30,INDEX(Jesper!$R$2:$R$366,ROW(INDEX(Jesper!AJ$2:AJ$366,ROUNDDOWN($C3326/24,0)+1,1))-1)+IF('Standard Profiles'!$G$20=$B$10,7,0)+IF('Standard Profiles'!$G$20=$B$17,14,0)+IF('Standard Profiles'!$G$20=$B$24,21,0),0)),0)</f>
        <v>0</v>
      </c>
      <c r="G3326" cm="1">
        <f t="array" ref="G3326">IFERROR(INDEX(Jesper!AK$2:AK$366,ROUNDDOWN($C3326/24,0)+1,1)*INDEX($D$3:$AA$30,INDEX(Jesper!$R$2:$R$366,ROW(INDEX(Jesper!AK$2:AK$366,ROUNDDOWN($C3326/24,0)+1,1))-1)+IF('Standard Profiles'!$G$21=$B$10,7,0)+IF('Standard Profiles'!$G$21=$B$17,14,0)+IF('Standard Profiles'!$G$21=$B$24,21,0),MOD($C3326,24)+1)/SUM(INDEX($D$3:$AA$30,INDEX(Jesper!$R$2:$R$366,ROW(INDEX(Jesper!AK$2:AK$366,ROUNDDOWN($C3326/24,0)+1,1))-1)+IF('Standard Profiles'!$G$21=$B$10,7,0)+IF('Standard Profiles'!$G$21=$B$17,14,0)+IF('Standard Profiles'!$G$21=$B$24,21,0),0)),0)</f>
        <v>2.6732579245904136</v>
      </c>
      <c r="H3326" cm="1">
        <f t="array" ref="H3326">IFERROR(INDEX(Jesper!AL$2:AL$366,ROUNDDOWN($C3326/24,0)+1,1)*INDEX($D$3:$AA$30,INDEX(Jesper!$R$2:$R$366,ROW(INDEX(Jesper!AL$2:AL$366,ROUNDDOWN($C3326/24,0)+1,1))-1)+IF('Standard Profiles'!$G$22=$B$10,7,0)+IF('Standard Profiles'!$G$22=$B$17,14,0)+IF('Standard Profiles'!$G$22=$B$24,21,0),MOD($C3326,24)+1)/SUM(INDEX($D$3:$AA$30,INDEX(Jesper!$R$2:$R$366,ROW(INDEX(Jesper!AL$2:AL$366,ROUNDDOWN($C3326/24,0)+1,1))-1)+IF('Standard Profiles'!$G$22=$B$10,7,0)+IF('Standard Profiles'!$G$22=$B$17,14,0)+IF('Standard Profiles'!$G$22=$B$24,21,0),0)),0)</f>
        <v>0</v>
      </c>
      <c r="I3326">
        <f t="shared" si="377"/>
        <v>1.2831638038033979</v>
      </c>
      <c r="J3326">
        <f t="shared" si="378"/>
        <v>11.033891426152886</v>
      </c>
      <c r="K3326">
        <f t="shared" si="379"/>
        <v>0.61919025812438866</v>
      </c>
      <c r="L3326">
        <f t="shared" si="380"/>
        <v>0.30959512906219433</v>
      </c>
      <c r="M3326">
        <f t="shared" si="381"/>
        <v>0</v>
      </c>
      <c r="N3326" s="45">
        <f t="shared" si="382"/>
        <v>45064.166666658683</v>
      </c>
    </row>
    <row r="3327" spans="2:14" x14ac:dyDescent="0.25">
      <c r="B3327">
        <f t="shared" si="376"/>
        <v>4</v>
      </c>
      <c r="C3327" s="16">
        <v>3293</v>
      </c>
      <c r="D3327" cm="1">
        <f t="array" ref="D3327">IFERROR(INDEX(Jesper!AH$2:AH$366,ROUNDDOWN($C3327/24,0)+1,1)*INDEX($D$3:$AA$30,INDEX(Jesper!$R$2:$R$366,ROW(INDEX(Jesper!AH$2:AH$366,ROUNDDOWN($C3327/24,0)+1,1))-1)+IF('Standard Profiles'!$G$18=$B$10,7,0)+IF('Standard Profiles'!$G$18=$B$17,14,0)+IF('Standard Profiles'!$G$18=$B$24,21,0),MOD($C3327,24)+1)/SUM(INDEX($D$3:$AA$30,INDEX(Jesper!$R$2:$R$366,ROW(INDEX(Jesper!AH$2:AH$366,ROUNDDOWN($C3327/24,0)+1,1))-1)+IF('Standard Profiles'!$G$18=$B$10,7,0)+IF('Standard Profiles'!$G$18=$B$17,14,0)+IF('Standard Profiles'!$G$18=$B$24,21,0),0)),0)</f>
        <v>5.8049086699161432</v>
      </c>
      <c r="E3327" cm="1">
        <f t="array" ref="E3327">IFERROR(INDEX(Jesper!AI$2:AI$366,ROUNDDOWN($C3327/24,0)+1,1)*INDEX($D$3:$AA$30,INDEX(Jesper!$R$2:$R$366,ROW(INDEX(Jesper!AI$2:AI$366,ROUNDDOWN($C3327/24,0)+1,1))-1)+IF('Standard Profiles'!$G$19=$B$10,7,0)+IF('Standard Profiles'!$G$19=$B$17,14,0)+IF('Standard Profiles'!$G$19=$B$24,21,0),MOD($C3327,24)+1)/SUM(INDEX($D$3:$AA$30,INDEX(Jesper!$R$2:$R$366,ROW(INDEX(Jesper!AI$2:AI$366,ROUNDDOWN($C3327/24,0)+1,1))-1)+IF('Standard Profiles'!$G$19=$B$10,7,0)+IF('Standard Profiles'!$G$19=$B$17,14,0)+IF('Standard Profiles'!$G$19=$B$24,21,0),0)),0)</f>
        <v>4.7676740226363101</v>
      </c>
      <c r="F3327" cm="1">
        <f t="array" ref="F3327">IFERROR(INDEX(Jesper!AJ$2:AJ$366,ROUNDDOWN($C3327/24,0)+1,1)*INDEX($D$3:$AA$30,INDEX(Jesper!$R$2:$R$366,ROW(INDEX(Jesper!AJ$2:AJ$366,ROUNDDOWN($C3327/24,0)+1,1))-1)+IF('Standard Profiles'!$G$20=$B$10,7,0)+IF('Standard Profiles'!$G$20=$B$17,14,0)+IF('Standard Profiles'!$G$20=$B$24,21,0),MOD($C3327,24)+1)/SUM(INDEX($D$3:$AA$30,INDEX(Jesper!$R$2:$R$366,ROW(INDEX(Jesper!AJ$2:AJ$366,ROUNDDOWN($C3327/24,0)+1,1))-1)+IF('Standard Profiles'!$G$20=$B$10,7,0)+IF('Standard Profiles'!$G$20=$B$17,14,0)+IF('Standard Profiles'!$G$20=$B$24,21,0),0)),0)</f>
        <v>0</v>
      </c>
      <c r="G3327" cm="1">
        <f t="array" ref="G3327">IFERROR(INDEX(Jesper!AK$2:AK$366,ROUNDDOWN($C3327/24,0)+1,1)*INDEX($D$3:$AA$30,INDEX(Jesper!$R$2:$R$366,ROW(INDEX(Jesper!AK$2:AK$366,ROUNDDOWN($C3327/24,0)+1,1))-1)+IF('Standard Profiles'!$G$21=$B$10,7,0)+IF('Standard Profiles'!$G$21=$B$17,14,0)+IF('Standard Profiles'!$G$21=$B$24,21,0),MOD($C3327,24)+1)/SUM(INDEX($D$3:$AA$30,INDEX(Jesper!$R$2:$R$366,ROW(INDEX(Jesper!AK$2:AK$366,ROUNDDOWN($C3327/24,0)+1,1))-1)+IF('Standard Profiles'!$G$21=$B$10,7,0)+IF('Standard Profiles'!$G$21=$B$17,14,0)+IF('Standard Profiles'!$G$21=$B$24,21,0),0)),0)</f>
        <v>2.6732579245904136</v>
      </c>
      <c r="H3327" cm="1">
        <f t="array" ref="H3327">IFERROR(INDEX(Jesper!AL$2:AL$366,ROUNDDOWN($C3327/24,0)+1,1)*INDEX($D$3:$AA$30,INDEX(Jesper!$R$2:$R$366,ROW(INDEX(Jesper!AL$2:AL$366,ROUNDDOWN($C3327/24,0)+1,1))-1)+IF('Standard Profiles'!$G$22=$B$10,7,0)+IF('Standard Profiles'!$G$22=$B$17,14,0)+IF('Standard Profiles'!$G$22=$B$24,21,0),MOD($C3327,24)+1)/SUM(INDEX($D$3:$AA$30,INDEX(Jesper!$R$2:$R$366,ROW(INDEX(Jesper!AL$2:AL$366,ROUNDDOWN($C3327/24,0)+1,1))-1)+IF('Standard Profiles'!$G$22=$B$10,7,0)+IF('Standard Profiles'!$G$22=$B$17,14,0)+IF('Standard Profiles'!$G$22=$B$24,21,0),0)),0)</f>
        <v>0</v>
      </c>
      <c r="I3327">
        <f t="shared" si="377"/>
        <v>1.2831638038033979</v>
      </c>
      <c r="J3327">
        <f t="shared" si="378"/>
        <v>11.033891426152886</v>
      </c>
      <c r="K3327">
        <f t="shared" si="379"/>
        <v>0.61919025812438866</v>
      </c>
      <c r="L3327">
        <f t="shared" si="380"/>
        <v>0.30959512906219433</v>
      </c>
      <c r="M3327">
        <f t="shared" si="381"/>
        <v>0</v>
      </c>
      <c r="N3327" s="45">
        <f t="shared" si="382"/>
        <v>45064.208333325347</v>
      </c>
    </row>
    <row r="3328" spans="2:14" x14ac:dyDescent="0.25">
      <c r="B3328">
        <f t="shared" si="376"/>
        <v>4</v>
      </c>
      <c r="C3328" s="16">
        <v>3294</v>
      </c>
      <c r="D3328" cm="1">
        <f t="array" ref="D3328">IFERROR(INDEX(Jesper!AH$2:AH$366,ROUNDDOWN($C3328/24,0)+1,1)*INDEX($D$3:$AA$30,INDEX(Jesper!$R$2:$R$366,ROW(INDEX(Jesper!AH$2:AH$366,ROUNDDOWN($C3328/24,0)+1,1))-1)+IF('Standard Profiles'!$G$18=$B$10,7,0)+IF('Standard Profiles'!$G$18=$B$17,14,0)+IF('Standard Profiles'!$G$18=$B$24,21,0),MOD($C3328,24)+1)/SUM(INDEX($D$3:$AA$30,INDEX(Jesper!$R$2:$R$366,ROW(INDEX(Jesper!AH$2:AH$366,ROUNDDOWN($C3328/24,0)+1,1))-1)+IF('Standard Profiles'!$G$18=$B$10,7,0)+IF('Standard Profiles'!$G$18=$B$17,14,0)+IF('Standard Profiles'!$G$18=$B$24,21,0),0)),0)</f>
        <v>5.8049086699161432</v>
      </c>
      <c r="E3328" cm="1">
        <f t="array" ref="E3328">IFERROR(INDEX(Jesper!AI$2:AI$366,ROUNDDOWN($C3328/24,0)+1,1)*INDEX($D$3:$AA$30,INDEX(Jesper!$R$2:$R$366,ROW(INDEX(Jesper!AI$2:AI$366,ROUNDDOWN($C3328/24,0)+1,1))-1)+IF('Standard Profiles'!$G$19=$B$10,7,0)+IF('Standard Profiles'!$G$19=$B$17,14,0)+IF('Standard Profiles'!$G$19=$B$24,21,0),MOD($C3328,24)+1)/SUM(INDEX($D$3:$AA$30,INDEX(Jesper!$R$2:$R$366,ROW(INDEX(Jesper!AI$2:AI$366,ROUNDDOWN($C3328/24,0)+1,1))-1)+IF('Standard Profiles'!$G$19=$B$10,7,0)+IF('Standard Profiles'!$G$19=$B$17,14,0)+IF('Standard Profiles'!$G$19=$B$24,21,0),0)),0)</f>
        <v>4.7676740226363101</v>
      </c>
      <c r="F3328" cm="1">
        <f t="array" ref="F3328">IFERROR(INDEX(Jesper!AJ$2:AJ$366,ROUNDDOWN($C3328/24,0)+1,1)*INDEX($D$3:$AA$30,INDEX(Jesper!$R$2:$R$366,ROW(INDEX(Jesper!AJ$2:AJ$366,ROUNDDOWN($C3328/24,0)+1,1))-1)+IF('Standard Profiles'!$G$20=$B$10,7,0)+IF('Standard Profiles'!$G$20=$B$17,14,0)+IF('Standard Profiles'!$G$20=$B$24,21,0),MOD($C3328,24)+1)/SUM(INDEX($D$3:$AA$30,INDEX(Jesper!$R$2:$R$366,ROW(INDEX(Jesper!AJ$2:AJ$366,ROUNDDOWN($C3328/24,0)+1,1))-1)+IF('Standard Profiles'!$G$20=$B$10,7,0)+IF('Standard Profiles'!$G$20=$B$17,14,0)+IF('Standard Profiles'!$G$20=$B$24,21,0),0)),0)</f>
        <v>0</v>
      </c>
      <c r="G3328" cm="1">
        <f t="array" ref="G3328">IFERROR(INDEX(Jesper!AK$2:AK$366,ROUNDDOWN($C3328/24,0)+1,1)*INDEX($D$3:$AA$30,INDEX(Jesper!$R$2:$R$366,ROW(INDEX(Jesper!AK$2:AK$366,ROUNDDOWN($C3328/24,0)+1,1))-1)+IF('Standard Profiles'!$G$21=$B$10,7,0)+IF('Standard Profiles'!$G$21=$B$17,14,0)+IF('Standard Profiles'!$G$21=$B$24,21,0),MOD($C3328,24)+1)/SUM(INDEX($D$3:$AA$30,INDEX(Jesper!$R$2:$R$366,ROW(INDEX(Jesper!AK$2:AK$366,ROUNDDOWN($C3328/24,0)+1,1))-1)+IF('Standard Profiles'!$G$21=$B$10,7,0)+IF('Standard Profiles'!$G$21=$B$17,14,0)+IF('Standard Profiles'!$G$21=$B$24,21,0),0)),0)</f>
        <v>2.6732579245904136</v>
      </c>
      <c r="H3328" cm="1">
        <f t="array" ref="H3328">IFERROR(INDEX(Jesper!AL$2:AL$366,ROUNDDOWN($C3328/24,0)+1,1)*INDEX($D$3:$AA$30,INDEX(Jesper!$R$2:$R$366,ROW(INDEX(Jesper!AL$2:AL$366,ROUNDDOWN($C3328/24,0)+1,1))-1)+IF('Standard Profiles'!$G$22=$B$10,7,0)+IF('Standard Profiles'!$G$22=$B$17,14,0)+IF('Standard Profiles'!$G$22=$B$24,21,0),MOD($C3328,24)+1)/SUM(INDEX($D$3:$AA$30,INDEX(Jesper!$R$2:$R$366,ROW(INDEX(Jesper!AL$2:AL$366,ROUNDDOWN($C3328/24,0)+1,1))-1)+IF('Standard Profiles'!$G$22=$B$10,7,0)+IF('Standard Profiles'!$G$22=$B$17,14,0)+IF('Standard Profiles'!$G$22=$B$24,21,0),0)),0)</f>
        <v>0</v>
      </c>
      <c r="I3328">
        <f t="shared" si="377"/>
        <v>1.2831638038033979</v>
      </c>
      <c r="J3328">
        <f t="shared" si="378"/>
        <v>11.033891426152886</v>
      </c>
      <c r="K3328">
        <f t="shared" si="379"/>
        <v>0.61919025812438866</v>
      </c>
      <c r="L3328">
        <f t="shared" si="380"/>
        <v>0.30959512906219433</v>
      </c>
      <c r="M3328">
        <f t="shared" si="381"/>
        <v>0</v>
      </c>
      <c r="N3328" s="45">
        <f t="shared" si="382"/>
        <v>45064.249999992011</v>
      </c>
    </row>
    <row r="3329" spans="2:14" x14ac:dyDescent="0.25">
      <c r="B3329">
        <f t="shared" si="376"/>
        <v>4</v>
      </c>
      <c r="C3329" s="16">
        <v>3295</v>
      </c>
      <c r="D3329" cm="1">
        <f t="array" ref="D3329">IFERROR(INDEX(Jesper!AH$2:AH$366,ROUNDDOWN($C3329/24,0)+1,1)*INDEX($D$3:$AA$30,INDEX(Jesper!$R$2:$R$366,ROW(INDEX(Jesper!AH$2:AH$366,ROUNDDOWN($C3329/24,0)+1,1))-1)+IF('Standard Profiles'!$G$18=$B$10,7,0)+IF('Standard Profiles'!$G$18=$B$17,14,0)+IF('Standard Profiles'!$G$18=$B$24,21,0),MOD($C3329,24)+1)/SUM(INDEX($D$3:$AA$30,INDEX(Jesper!$R$2:$R$366,ROW(INDEX(Jesper!AH$2:AH$366,ROUNDDOWN($C3329/24,0)+1,1))-1)+IF('Standard Profiles'!$G$18=$B$10,7,0)+IF('Standard Profiles'!$G$18=$B$17,14,0)+IF('Standard Profiles'!$G$18=$B$24,21,0),0)),0)</f>
        <v>23.729763017323869</v>
      </c>
      <c r="E3329" cm="1">
        <f t="array" ref="E3329">IFERROR(INDEX(Jesper!AI$2:AI$366,ROUNDDOWN($C3329/24,0)+1,1)*INDEX($D$3:$AA$30,INDEX(Jesper!$R$2:$R$366,ROW(INDEX(Jesper!AI$2:AI$366,ROUNDDOWN($C3329/24,0)+1,1))-1)+IF('Standard Profiles'!$G$19=$B$10,7,0)+IF('Standard Profiles'!$G$19=$B$17,14,0)+IF('Standard Profiles'!$G$19=$B$24,21,0),MOD($C3329,24)+1)/SUM(INDEX($D$3:$AA$30,INDEX(Jesper!$R$2:$R$366,ROW(INDEX(Jesper!AI$2:AI$366,ROUNDDOWN($C3329/24,0)+1,1))-1)+IF('Standard Profiles'!$G$19=$B$10,7,0)+IF('Standard Profiles'!$G$19=$B$17,14,0)+IF('Standard Profiles'!$G$19=$B$24,21,0),0)),0)</f>
        <v>19.489673504655705</v>
      </c>
      <c r="F3329" cm="1">
        <f t="array" ref="F3329">IFERROR(INDEX(Jesper!AJ$2:AJ$366,ROUNDDOWN($C3329/24,0)+1,1)*INDEX($D$3:$AA$30,INDEX(Jesper!$R$2:$R$366,ROW(INDEX(Jesper!AJ$2:AJ$366,ROUNDDOWN($C3329/24,0)+1,1))-1)+IF('Standard Profiles'!$G$20=$B$10,7,0)+IF('Standard Profiles'!$G$20=$B$17,14,0)+IF('Standard Profiles'!$G$20=$B$24,21,0),MOD($C3329,24)+1)/SUM(INDEX($D$3:$AA$30,INDEX(Jesper!$R$2:$R$366,ROW(INDEX(Jesper!AJ$2:AJ$366,ROUNDDOWN($C3329/24,0)+1,1))-1)+IF('Standard Profiles'!$G$20=$B$10,7,0)+IF('Standard Profiles'!$G$20=$B$17,14,0)+IF('Standard Profiles'!$G$20=$B$24,21,0),0)),0)</f>
        <v>0</v>
      </c>
      <c r="G3329" cm="1">
        <f t="array" ref="G3329">IFERROR(INDEX(Jesper!AK$2:AK$366,ROUNDDOWN($C3329/24,0)+1,1)*INDEX($D$3:$AA$30,INDEX(Jesper!$R$2:$R$366,ROW(INDEX(Jesper!AK$2:AK$366,ROUNDDOWN($C3329/24,0)+1,1))-1)+IF('Standard Profiles'!$G$21=$B$10,7,0)+IF('Standard Profiles'!$G$21=$B$17,14,0)+IF('Standard Profiles'!$G$21=$B$24,21,0),MOD($C3329,24)+1)/SUM(INDEX($D$3:$AA$30,INDEX(Jesper!$R$2:$R$366,ROW(INDEX(Jesper!AK$2:AK$366,ROUNDDOWN($C3329/24,0)+1,1))-1)+IF('Standard Profiles'!$G$21=$B$10,7,0)+IF('Standard Profiles'!$G$21=$B$17,14,0)+IF('Standard Profiles'!$G$21=$B$24,21,0),0)),0)</f>
        <v>7.3648255822465876</v>
      </c>
      <c r="H3329" cm="1">
        <f t="array" ref="H3329">IFERROR(INDEX(Jesper!AL$2:AL$366,ROUNDDOWN($C3329/24,0)+1,1)*INDEX($D$3:$AA$30,INDEX(Jesper!$R$2:$R$366,ROW(INDEX(Jesper!AL$2:AL$366,ROUNDDOWN($C3329/24,0)+1,1))-1)+IF('Standard Profiles'!$G$22=$B$10,7,0)+IF('Standard Profiles'!$G$22=$B$17,14,0)+IF('Standard Profiles'!$G$22=$B$24,21,0),MOD($C3329,24)+1)/SUM(INDEX($D$3:$AA$30,INDEX(Jesper!$R$2:$R$366,ROW(INDEX(Jesper!AL$2:AL$366,ROUNDDOWN($C3329/24,0)+1,1))-1)+IF('Standard Profiles'!$G$22=$B$10,7,0)+IF('Standard Profiles'!$G$22=$B$17,14,0)+IF('Standard Profiles'!$G$22=$B$24,21,0),0)),0)</f>
        <v>0</v>
      </c>
      <c r="I3329">
        <f t="shared" si="377"/>
        <v>3.5351162794783604</v>
      </c>
      <c r="J3329">
        <f t="shared" si="378"/>
        <v>43.252383741975983</v>
      </c>
      <c r="K3329">
        <f t="shared" si="379"/>
        <v>2.5311747218478793</v>
      </c>
      <c r="L3329">
        <f t="shared" si="380"/>
        <v>1.2655873609239396</v>
      </c>
      <c r="M3329">
        <f t="shared" si="381"/>
        <v>0</v>
      </c>
      <c r="N3329" s="45">
        <f t="shared" si="382"/>
        <v>45064.291666658675</v>
      </c>
    </row>
    <row r="3330" spans="2:14" x14ac:dyDescent="0.25">
      <c r="B3330">
        <f t="shared" si="376"/>
        <v>4</v>
      </c>
      <c r="C3330" s="16">
        <v>3296</v>
      </c>
      <c r="D3330" cm="1">
        <f t="array" ref="D3330">IFERROR(INDEX(Jesper!AH$2:AH$366,ROUNDDOWN($C3330/24,0)+1,1)*INDEX($D$3:$AA$30,INDEX(Jesper!$R$2:$R$366,ROW(INDEX(Jesper!AH$2:AH$366,ROUNDDOWN($C3330/24,0)+1,1))-1)+IF('Standard Profiles'!$G$18=$B$10,7,0)+IF('Standard Profiles'!$G$18=$B$17,14,0)+IF('Standard Profiles'!$G$18=$B$24,21,0),MOD($C3330,24)+1)/SUM(INDEX($D$3:$AA$30,INDEX(Jesper!$R$2:$R$366,ROW(INDEX(Jesper!AH$2:AH$366,ROUNDDOWN($C3330/24,0)+1,1))-1)+IF('Standard Profiles'!$G$18=$B$10,7,0)+IF('Standard Profiles'!$G$18=$B$17,14,0)+IF('Standard Profiles'!$G$18=$B$24,21,0),0)),0)</f>
        <v>26.477419787750843</v>
      </c>
      <c r="E3330" cm="1">
        <f t="array" ref="E3330">IFERROR(INDEX(Jesper!AI$2:AI$366,ROUNDDOWN($C3330/24,0)+1,1)*INDEX($D$3:$AA$30,INDEX(Jesper!$R$2:$R$366,ROW(INDEX(Jesper!AI$2:AI$366,ROUNDDOWN($C3330/24,0)+1,1))-1)+IF('Standard Profiles'!$G$19=$B$10,7,0)+IF('Standard Profiles'!$G$19=$B$17,14,0)+IF('Standard Profiles'!$G$19=$B$24,21,0),MOD($C3330,24)+1)/SUM(INDEX($D$3:$AA$30,INDEX(Jesper!$R$2:$R$366,ROW(INDEX(Jesper!AI$2:AI$366,ROUNDDOWN($C3330/24,0)+1,1))-1)+IF('Standard Profiles'!$G$19=$B$10,7,0)+IF('Standard Profiles'!$G$19=$B$17,14,0)+IF('Standard Profiles'!$G$19=$B$24,21,0),0)),0)</f>
        <v>21.746372542036895</v>
      </c>
      <c r="F3330" cm="1">
        <f t="array" ref="F3330">IFERROR(INDEX(Jesper!AJ$2:AJ$366,ROUNDDOWN($C3330/24,0)+1,1)*INDEX($D$3:$AA$30,INDEX(Jesper!$R$2:$R$366,ROW(INDEX(Jesper!AJ$2:AJ$366,ROUNDDOWN($C3330/24,0)+1,1))-1)+IF('Standard Profiles'!$G$20=$B$10,7,0)+IF('Standard Profiles'!$G$20=$B$17,14,0)+IF('Standard Profiles'!$G$20=$B$24,21,0),MOD($C3330,24)+1)/SUM(INDEX($D$3:$AA$30,INDEX(Jesper!$R$2:$R$366,ROW(INDEX(Jesper!AJ$2:AJ$366,ROUNDDOWN($C3330/24,0)+1,1))-1)+IF('Standard Profiles'!$G$20=$B$10,7,0)+IF('Standard Profiles'!$G$20=$B$17,14,0)+IF('Standard Profiles'!$G$20=$B$24,21,0),0)),0)</f>
        <v>0</v>
      </c>
      <c r="G3330" cm="1">
        <f t="array" ref="G3330">IFERROR(INDEX(Jesper!AK$2:AK$366,ROUNDDOWN($C3330/24,0)+1,1)*INDEX($D$3:$AA$30,INDEX(Jesper!$R$2:$R$366,ROW(INDEX(Jesper!AK$2:AK$366,ROUNDDOWN($C3330/24,0)+1,1))-1)+IF('Standard Profiles'!$G$21=$B$10,7,0)+IF('Standard Profiles'!$G$21=$B$17,14,0)+IF('Standard Profiles'!$G$21=$B$24,21,0),MOD($C3330,24)+1)/SUM(INDEX($D$3:$AA$30,INDEX(Jesper!$R$2:$R$366,ROW(INDEX(Jesper!AK$2:AK$366,ROUNDDOWN($C3330/24,0)+1,1))-1)+IF('Standard Profiles'!$G$21=$B$10,7,0)+IF('Standard Profiles'!$G$21=$B$17,14,0)+IF('Standard Profiles'!$G$21=$B$24,21,0),0)),0)</f>
        <v>8.2175948601909301</v>
      </c>
      <c r="H3330" cm="1">
        <f t="array" ref="H3330">IFERROR(INDEX(Jesper!AL$2:AL$366,ROUNDDOWN($C3330/24,0)+1,1)*INDEX($D$3:$AA$30,INDEX(Jesper!$R$2:$R$366,ROW(INDEX(Jesper!AL$2:AL$366,ROUNDDOWN($C3330/24,0)+1,1))-1)+IF('Standard Profiles'!$G$22=$B$10,7,0)+IF('Standard Profiles'!$G$22=$B$17,14,0)+IF('Standard Profiles'!$G$22=$B$24,21,0),MOD($C3330,24)+1)/SUM(INDEX($D$3:$AA$30,INDEX(Jesper!$R$2:$R$366,ROW(INDEX(Jesper!AL$2:AL$366,ROUNDDOWN($C3330/24,0)+1,1))-1)+IF('Standard Profiles'!$G$22=$B$10,7,0)+IF('Standard Profiles'!$G$22=$B$17,14,0)+IF('Standard Profiles'!$G$22=$B$24,21,0),0)),0)</f>
        <v>0</v>
      </c>
      <c r="I3330">
        <f t="shared" si="377"/>
        <v>3.9444455328916446</v>
      </c>
      <c r="J3330">
        <f t="shared" si="378"/>
        <v>48.260554491046889</v>
      </c>
      <c r="K3330">
        <f t="shared" si="379"/>
        <v>2.8242581106934237</v>
      </c>
      <c r="L3330">
        <f t="shared" si="380"/>
        <v>1.4121290553467118</v>
      </c>
      <c r="M3330">
        <f t="shared" si="381"/>
        <v>0</v>
      </c>
      <c r="N3330" s="45">
        <f t="shared" si="382"/>
        <v>45064.333333325339</v>
      </c>
    </row>
    <row r="3331" spans="2:14" x14ac:dyDescent="0.25">
      <c r="B3331">
        <f t="shared" si="376"/>
        <v>4</v>
      </c>
      <c r="C3331" s="16">
        <v>3297</v>
      </c>
      <c r="D3331" cm="1">
        <f t="array" ref="D3331">IFERROR(INDEX(Jesper!AH$2:AH$366,ROUNDDOWN($C3331/24,0)+1,1)*INDEX($D$3:$AA$30,INDEX(Jesper!$R$2:$R$366,ROW(INDEX(Jesper!AH$2:AH$366,ROUNDDOWN($C3331/24,0)+1,1))-1)+IF('Standard Profiles'!$G$18=$B$10,7,0)+IF('Standard Profiles'!$G$18=$B$17,14,0)+IF('Standard Profiles'!$G$18=$B$24,21,0),MOD($C3331,24)+1)/SUM(INDEX($D$3:$AA$30,INDEX(Jesper!$R$2:$R$366,ROW(INDEX(Jesper!AH$2:AH$366,ROUNDDOWN($C3331/24,0)+1,1))-1)+IF('Standard Profiles'!$G$18=$B$10,7,0)+IF('Standard Profiles'!$G$18=$B$17,14,0)+IF('Standard Profiles'!$G$18=$B$24,21,0),0)),0)</f>
        <v>29.225076558177818</v>
      </c>
      <c r="E3331" cm="1">
        <f t="array" ref="E3331">IFERROR(INDEX(Jesper!AI$2:AI$366,ROUNDDOWN($C3331/24,0)+1,1)*INDEX($D$3:$AA$30,INDEX(Jesper!$R$2:$R$366,ROW(INDEX(Jesper!AI$2:AI$366,ROUNDDOWN($C3331/24,0)+1,1))-1)+IF('Standard Profiles'!$G$19=$B$10,7,0)+IF('Standard Profiles'!$G$19=$B$17,14,0)+IF('Standard Profiles'!$G$19=$B$24,21,0),MOD($C3331,24)+1)/SUM(INDEX($D$3:$AA$30,INDEX(Jesper!$R$2:$R$366,ROW(INDEX(Jesper!AI$2:AI$366,ROUNDDOWN($C3331/24,0)+1,1))-1)+IF('Standard Profiles'!$G$19=$B$10,7,0)+IF('Standard Profiles'!$G$19=$B$17,14,0)+IF('Standard Profiles'!$G$19=$B$24,21,0),0)),0)</f>
        <v>24.003071579418084</v>
      </c>
      <c r="F3331" cm="1">
        <f t="array" ref="F3331">IFERROR(INDEX(Jesper!AJ$2:AJ$366,ROUNDDOWN($C3331/24,0)+1,1)*INDEX($D$3:$AA$30,INDEX(Jesper!$R$2:$R$366,ROW(INDEX(Jesper!AJ$2:AJ$366,ROUNDDOWN($C3331/24,0)+1,1))-1)+IF('Standard Profiles'!$G$20=$B$10,7,0)+IF('Standard Profiles'!$G$20=$B$17,14,0)+IF('Standard Profiles'!$G$20=$B$24,21,0),MOD($C3331,24)+1)/SUM(INDEX($D$3:$AA$30,INDEX(Jesper!$R$2:$R$366,ROW(INDEX(Jesper!AJ$2:AJ$366,ROUNDDOWN($C3331/24,0)+1,1))-1)+IF('Standard Profiles'!$G$20=$B$10,7,0)+IF('Standard Profiles'!$G$20=$B$17,14,0)+IF('Standard Profiles'!$G$20=$B$24,21,0),0)),0)</f>
        <v>0</v>
      </c>
      <c r="G3331" cm="1">
        <f t="array" ref="G3331">IFERROR(INDEX(Jesper!AK$2:AK$366,ROUNDDOWN($C3331/24,0)+1,1)*INDEX($D$3:$AA$30,INDEX(Jesper!$R$2:$R$366,ROW(INDEX(Jesper!AK$2:AK$366,ROUNDDOWN($C3331/24,0)+1,1))-1)+IF('Standard Profiles'!$G$21=$B$10,7,0)+IF('Standard Profiles'!$G$21=$B$17,14,0)+IF('Standard Profiles'!$G$21=$B$24,21,0),MOD($C3331,24)+1)/SUM(INDEX($D$3:$AA$30,INDEX(Jesper!$R$2:$R$366,ROW(INDEX(Jesper!AK$2:AK$366,ROUNDDOWN($C3331/24,0)+1,1))-1)+IF('Standard Profiles'!$G$21=$B$10,7,0)+IF('Standard Profiles'!$G$21=$B$17,14,0)+IF('Standard Profiles'!$G$21=$B$24,21,0),0)),0)</f>
        <v>9.0703641381352718</v>
      </c>
      <c r="H3331" cm="1">
        <f t="array" ref="H3331">IFERROR(INDEX(Jesper!AL$2:AL$366,ROUNDDOWN($C3331/24,0)+1,1)*INDEX($D$3:$AA$30,INDEX(Jesper!$R$2:$R$366,ROW(INDEX(Jesper!AL$2:AL$366,ROUNDDOWN($C3331/24,0)+1,1))-1)+IF('Standard Profiles'!$G$22=$B$10,7,0)+IF('Standard Profiles'!$G$22=$B$17,14,0)+IF('Standard Profiles'!$G$22=$B$24,21,0),MOD($C3331,24)+1)/SUM(INDEX($D$3:$AA$30,INDEX(Jesper!$R$2:$R$366,ROW(INDEX(Jesper!AL$2:AL$366,ROUNDDOWN($C3331/24,0)+1,1))-1)+IF('Standard Profiles'!$G$22=$B$10,7,0)+IF('Standard Profiles'!$G$22=$B$17,14,0)+IF('Standard Profiles'!$G$22=$B$24,21,0),0)),0)</f>
        <v>0</v>
      </c>
      <c r="I3331">
        <f t="shared" si="377"/>
        <v>4.3537747863049283</v>
      </c>
      <c r="J3331">
        <f t="shared" si="378"/>
        <v>53.268725240117796</v>
      </c>
      <c r="K3331">
        <f t="shared" si="379"/>
        <v>3.1173414995389677</v>
      </c>
      <c r="L3331">
        <f t="shared" si="380"/>
        <v>1.5586707497694838</v>
      </c>
      <c r="M3331">
        <f t="shared" si="381"/>
        <v>0</v>
      </c>
      <c r="N3331" s="45">
        <f t="shared" si="382"/>
        <v>45064.374999992004</v>
      </c>
    </row>
    <row r="3332" spans="2:14" x14ac:dyDescent="0.25">
      <c r="B3332">
        <f t="shared" si="376"/>
        <v>4</v>
      </c>
      <c r="C3332" s="16">
        <v>3298</v>
      </c>
      <c r="D3332" cm="1">
        <f t="array" ref="D3332">IFERROR(INDEX(Jesper!AH$2:AH$366,ROUNDDOWN($C3332/24,0)+1,1)*INDEX($D$3:$AA$30,INDEX(Jesper!$R$2:$R$366,ROW(INDEX(Jesper!AH$2:AH$366,ROUNDDOWN($C3332/24,0)+1,1))-1)+IF('Standard Profiles'!$G$18=$B$10,7,0)+IF('Standard Profiles'!$G$18=$B$17,14,0)+IF('Standard Profiles'!$G$18=$B$24,21,0),MOD($C3332,24)+1)/SUM(INDEX($D$3:$AA$30,INDEX(Jesper!$R$2:$R$366,ROW(INDEX(Jesper!AH$2:AH$366,ROUNDDOWN($C3332/24,0)+1,1))-1)+IF('Standard Profiles'!$G$18=$B$10,7,0)+IF('Standard Profiles'!$G$18=$B$17,14,0)+IF('Standard Profiles'!$G$18=$B$24,21,0),0)),0)</f>
        <v>29.225076558177818</v>
      </c>
      <c r="E3332" cm="1">
        <f t="array" ref="E3332">IFERROR(INDEX(Jesper!AI$2:AI$366,ROUNDDOWN($C3332/24,0)+1,1)*INDEX($D$3:$AA$30,INDEX(Jesper!$R$2:$R$366,ROW(INDEX(Jesper!AI$2:AI$366,ROUNDDOWN($C3332/24,0)+1,1))-1)+IF('Standard Profiles'!$G$19=$B$10,7,0)+IF('Standard Profiles'!$G$19=$B$17,14,0)+IF('Standard Profiles'!$G$19=$B$24,21,0),MOD($C3332,24)+1)/SUM(INDEX($D$3:$AA$30,INDEX(Jesper!$R$2:$R$366,ROW(INDEX(Jesper!AI$2:AI$366,ROUNDDOWN($C3332/24,0)+1,1))-1)+IF('Standard Profiles'!$G$19=$B$10,7,0)+IF('Standard Profiles'!$G$19=$B$17,14,0)+IF('Standard Profiles'!$G$19=$B$24,21,0),0)),0)</f>
        <v>24.003071579418084</v>
      </c>
      <c r="F3332" cm="1">
        <f t="array" ref="F3332">IFERROR(INDEX(Jesper!AJ$2:AJ$366,ROUNDDOWN($C3332/24,0)+1,1)*INDEX($D$3:$AA$30,INDEX(Jesper!$R$2:$R$366,ROW(INDEX(Jesper!AJ$2:AJ$366,ROUNDDOWN($C3332/24,0)+1,1))-1)+IF('Standard Profiles'!$G$20=$B$10,7,0)+IF('Standard Profiles'!$G$20=$B$17,14,0)+IF('Standard Profiles'!$G$20=$B$24,21,0),MOD($C3332,24)+1)/SUM(INDEX($D$3:$AA$30,INDEX(Jesper!$R$2:$R$366,ROW(INDEX(Jesper!AJ$2:AJ$366,ROUNDDOWN($C3332/24,0)+1,1))-1)+IF('Standard Profiles'!$G$20=$B$10,7,0)+IF('Standard Profiles'!$G$20=$B$17,14,0)+IF('Standard Profiles'!$G$20=$B$24,21,0),0)),0)</f>
        <v>0</v>
      </c>
      <c r="G3332" cm="1">
        <f t="array" ref="G3332">IFERROR(INDEX(Jesper!AK$2:AK$366,ROUNDDOWN($C3332/24,0)+1,1)*INDEX($D$3:$AA$30,INDEX(Jesper!$R$2:$R$366,ROW(INDEX(Jesper!AK$2:AK$366,ROUNDDOWN($C3332/24,0)+1,1))-1)+IF('Standard Profiles'!$G$21=$B$10,7,0)+IF('Standard Profiles'!$G$21=$B$17,14,0)+IF('Standard Profiles'!$G$21=$B$24,21,0),MOD($C3332,24)+1)/SUM(INDEX($D$3:$AA$30,INDEX(Jesper!$R$2:$R$366,ROW(INDEX(Jesper!AK$2:AK$366,ROUNDDOWN($C3332/24,0)+1,1))-1)+IF('Standard Profiles'!$G$21=$B$10,7,0)+IF('Standard Profiles'!$G$21=$B$17,14,0)+IF('Standard Profiles'!$G$21=$B$24,21,0),0)),0)</f>
        <v>9.0703641381352718</v>
      </c>
      <c r="H3332" cm="1">
        <f t="array" ref="H3332">IFERROR(INDEX(Jesper!AL$2:AL$366,ROUNDDOWN($C3332/24,0)+1,1)*INDEX($D$3:$AA$30,INDEX(Jesper!$R$2:$R$366,ROW(INDEX(Jesper!AL$2:AL$366,ROUNDDOWN($C3332/24,0)+1,1))-1)+IF('Standard Profiles'!$G$22=$B$10,7,0)+IF('Standard Profiles'!$G$22=$B$17,14,0)+IF('Standard Profiles'!$G$22=$B$24,21,0),MOD($C3332,24)+1)/SUM(INDEX($D$3:$AA$30,INDEX(Jesper!$R$2:$R$366,ROW(INDEX(Jesper!AL$2:AL$366,ROUNDDOWN($C3332/24,0)+1,1))-1)+IF('Standard Profiles'!$G$22=$B$10,7,0)+IF('Standard Profiles'!$G$22=$B$17,14,0)+IF('Standard Profiles'!$G$22=$B$24,21,0),0)),0)</f>
        <v>0</v>
      </c>
      <c r="I3332">
        <f t="shared" si="377"/>
        <v>4.3537747863049283</v>
      </c>
      <c r="J3332">
        <f t="shared" si="378"/>
        <v>53.268725240117796</v>
      </c>
      <c r="K3332">
        <f t="shared" si="379"/>
        <v>3.1173414995389677</v>
      </c>
      <c r="L3332">
        <f t="shared" si="380"/>
        <v>1.5586707497694838</v>
      </c>
      <c r="M3332">
        <f t="shared" si="381"/>
        <v>0</v>
      </c>
      <c r="N3332" s="45">
        <f t="shared" si="382"/>
        <v>45064.416666658668</v>
      </c>
    </row>
    <row r="3333" spans="2:14" x14ac:dyDescent="0.25">
      <c r="B3333">
        <f t="shared" si="376"/>
        <v>4</v>
      </c>
      <c r="C3333" s="16">
        <v>3299</v>
      </c>
      <c r="D3333" cm="1">
        <f t="array" ref="D3333">IFERROR(INDEX(Jesper!AH$2:AH$366,ROUNDDOWN($C3333/24,0)+1,1)*INDEX($D$3:$AA$30,INDEX(Jesper!$R$2:$R$366,ROW(INDEX(Jesper!AH$2:AH$366,ROUNDDOWN($C3333/24,0)+1,1))-1)+IF('Standard Profiles'!$G$18=$B$10,7,0)+IF('Standard Profiles'!$G$18=$B$17,14,0)+IF('Standard Profiles'!$G$18=$B$24,21,0),MOD($C3333,24)+1)/SUM(INDEX($D$3:$AA$30,INDEX(Jesper!$R$2:$R$366,ROW(INDEX(Jesper!AH$2:AH$366,ROUNDDOWN($C3333/24,0)+1,1))-1)+IF('Standard Profiles'!$G$18=$B$10,7,0)+IF('Standard Profiles'!$G$18=$B$17,14,0)+IF('Standard Profiles'!$G$18=$B$24,21,0),0)),0)</f>
        <v>34.970177078161491</v>
      </c>
      <c r="E3333" cm="1">
        <f t="array" ref="E3333">IFERROR(INDEX(Jesper!AI$2:AI$366,ROUNDDOWN($C3333/24,0)+1,1)*INDEX($D$3:$AA$30,INDEX(Jesper!$R$2:$R$366,ROW(INDEX(Jesper!AI$2:AI$366,ROUNDDOWN($C3333/24,0)+1,1))-1)+IF('Standard Profiles'!$G$19=$B$10,7,0)+IF('Standard Profiles'!$G$19=$B$17,14,0)+IF('Standard Profiles'!$G$19=$B$24,21,0),MOD($C3333,24)+1)/SUM(INDEX($D$3:$AA$30,INDEX(Jesper!$R$2:$R$366,ROW(INDEX(Jesper!AI$2:AI$366,ROUNDDOWN($C3333/24,0)+1,1))-1)+IF('Standard Profiles'!$G$19=$B$10,7,0)+IF('Standard Profiles'!$G$19=$B$17,14,0)+IF('Standard Profiles'!$G$19=$B$24,21,0),0)),0)</f>
        <v>28.7216241121242</v>
      </c>
      <c r="F3333" cm="1">
        <f t="array" ref="F3333">IFERROR(INDEX(Jesper!AJ$2:AJ$366,ROUNDDOWN($C3333/24,0)+1,1)*INDEX($D$3:$AA$30,INDEX(Jesper!$R$2:$R$366,ROW(INDEX(Jesper!AJ$2:AJ$366,ROUNDDOWN($C3333/24,0)+1,1))-1)+IF('Standard Profiles'!$G$20=$B$10,7,0)+IF('Standard Profiles'!$G$20=$B$17,14,0)+IF('Standard Profiles'!$G$20=$B$24,21,0),MOD($C3333,24)+1)/SUM(INDEX($D$3:$AA$30,INDEX(Jesper!$R$2:$R$366,ROW(INDEX(Jesper!AJ$2:AJ$366,ROUNDDOWN($C3333/24,0)+1,1))-1)+IF('Standard Profiles'!$G$20=$B$10,7,0)+IF('Standard Profiles'!$G$20=$B$17,14,0)+IF('Standard Profiles'!$G$20=$B$24,21,0),0)),0)</f>
        <v>0</v>
      </c>
      <c r="G3333" cm="1">
        <f t="array" ref="G3333">IFERROR(INDEX(Jesper!AK$2:AK$366,ROUNDDOWN($C3333/24,0)+1,1)*INDEX($D$3:$AA$30,INDEX(Jesper!$R$2:$R$366,ROW(INDEX(Jesper!AK$2:AK$366,ROUNDDOWN($C3333/24,0)+1,1))-1)+IF('Standard Profiles'!$G$21=$B$10,7,0)+IF('Standard Profiles'!$G$21=$B$17,14,0)+IF('Standard Profiles'!$G$21=$B$24,21,0),MOD($C3333,24)+1)/SUM(INDEX($D$3:$AA$30,INDEX(Jesper!$R$2:$R$366,ROW(INDEX(Jesper!AK$2:AK$366,ROUNDDOWN($C3333/24,0)+1,1))-1)+IF('Standard Profiles'!$G$21=$B$10,7,0)+IF('Standard Profiles'!$G$21=$B$17,14,0)+IF('Standard Profiles'!$G$21=$B$24,21,0),0)),0)</f>
        <v>10.853427173837076</v>
      </c>
      <c r="H3333" cm="1">
        <f t="array" ref="H3333">IFERROR(INDEX(Jesper!AL$2:AL$366,ROUNDDOWN($C3333/24,0)+1,1)*INDEX($D$3:$AA$30,INDEX(Jesper!$R$2:$R$366,ROW(INDEX(Jesper!AL$2:AL$366,ROUNDDOWN($C3333/24,0)+1,1))-1)+IF('Standard Profiles'!$G$22=$B$10,7,0)+IF('Standard Profiles'!$G$22=$B$17,14,0)+IF('Standard Profiles'!$G$22=$B$24,21,0),MOD($C3333,24)+1)/SUM(INDEX($D$3:$AA$30,INDEX(Jesper!$R$2:$R$366,ROW(INDEX(Jesper!AL$2:AL$366,ROUNDDOWN($C3333/24,0)+1,1))-1)+IF('Standard Profiles'!$G$22=$B$10,7,0)+IF('Standard Profiles'!$G$22=$B$17,14,0)+IF('Standard Profiles'!$G$22=$B$24,21,0),0)),0)</f>
        <v>0</v>
      </c>
      <c r="I3333">
        <f t="shared" si="377"/>
        <v>5.2096450434417942</v>
      </c>
      <c r="J3333">
        <f t="shared" si="378"/>
        <v>63.740354988175127</v>
      </c>
      <c r="K3333">
        <f t="shared" si="379"/>
        <v>3.7301522216705592</v>
      </c>
      <c r="L3333">
        <f t="shared" si="380"/>
        <v>1.8650761108352796</v>
      </c>
      <c r="M3333">
        <f t="shared" si="381"/>
        <v>0</v>
      </c>
      <c r="N3333" s="45">
        <f t="shared" si="382"/>
        <v>45064.458333325332</v>
      </c>
    </row>
    <row r="3334" spans="2:14" x14ac:dyDescent="0.25">
      <c r="B3334">
        <f t="shared" si="376"/>
        <v>4</v>
      </c>
      <c r="C3334" s="16">
        <v>3300</v>
      </c>
      <c r="D3334" cm="1">
        <f t="array" ref="D3334">IFERROR(INDEX(Jesper!AH$2:AH$366,ROUNDDOWN($C3334/24,0)+1,1)*INDEX($D$3:$AA$30,INDEX(Jesper!$R$2:$R$366,ROW(INDEX(Jesper!AH$2:AH$366,ROUNDDOWN($C3334/24,0)+1,1))-1)+IF('Standard Profiles'!$G$18=$B$10,7,0)+IF('Standard Profiles'!$G$18=$B$17,14,0)+IF('Standard Profiles'!$G$18=$B$24,21,0),MOD($C3334,24)+1)/SUM(INDEX($D$3:$AA$30,INDEX(Jesper!$R$2:$R$366,ROW(INDEX(Jesper!AH$2:AH$366,ROUNDDOWN($C3334/24,0)+1,1))-1)+IF('Standard Profiles'!$G$18=$B$10,7,0)+IF('Standard Profiles'!$G$18=$B$17,14,0)+IF('Standard Profiles'!$G$18=$B$24,21,0),0)),0)</f>
        <v>34.970177078161491</v>
      </c>
      <c r="E3334" cm="1">
        <f t="array" ref="E3334">IFERROR(INDEX(Jesper!AI$2:AI$366,ROUNDDOWN($C3334/24,0)+1,1)*INDEX($D$3:$AA$30,INDEX(Jesper!$R$2:$R$366,ROW(INDEX(Jesper!AI$2:AI$366,ROUNDDOWN($C3334/24,0)+1,1))-1)+IF('Standard Profiles'!$G$19=$B$10,7,0)+IF('Standard Profiles'!$G$19=$B$17,14,0)+IF('Standard Profiles'!$G$19=$B$24,21,0),MOD($C3334,24)+1)/SUM(INDEX($D$3:$AA$30,INDEX(Jesper!$R$2:$R$366,ROW(INDEX(Jesper!AI$2:AI$366,ROUNDDOWN($C3334/24,0)+1,1))-1)+IF('Standard Profiles'!$G$19=$B$10,7,0)+IF('Standard Profiles'!$G$19=$B$17,14,0)+IF('Standard Profiles'!$G$19=$B$24,21,0),0)),0)</f>
        <v>28.7216241121242</v>
      </c>
      <c r="F3334" cm="1">
        <f t="array" ref="F3334">IFERROR(INDEX(Jesper!AJ$2:AJ$366,ROUNDDOWN($C3334/24,0)+1,1)*INDEX($D$3:$AA$30,INDEX(Jesper!$R$2:$R$366,ROW(INDEX(Jesper!AJ$2:AJ$366,ROUNDDOWN($C3334/24,0)+1,1))-1)+IF('Standard Profiles'!$G$20=$B$10,7,0)+IF('Standard Profiles'!$G$20=$B$17,14,0)+IF('Standard Profiles'!$G$20=$B$24,21,0),MOD($C3334,24)+1)/SUM(INDEX($D$3:$AA$30,INDEX(Jesper!$R$2:$R$366,ROW(INDEX(Jesper!AJ$2:AJ$366,ROUNDDOWN($C3334/24,0)+1,1))-1)+IF('Standard Profiles'!$G$20=$B$10,7,0)+IF('Standard Profiles'!$G$20=$B$17,14,0)+IF('Standard Profiles'!$G$20=$B$24,21,0),0)),0)</f>
        <v>0</v>
      </c>
      <c r="G3334" cm="1">
        <f t="array" ref="G3334">IFERROR(INDEX(Jesper!AK$2:AK$366,ROUNDDOWN($C3334/24,0)+1,1)*INDEX($D$3:$AA$30,INDEX(Jesper!$R$2:$R$366,ROW(INDEX(Jesper!AK$2:AK$366,ROUNDDOWN($C3334/24,0)+1,1))-1)+IF('Standard Profiles'!$G$21=$B$10,7,0)+IF('Standard Profiles'!$G$21=$B$17,14,0)+IF('Standard Profiles'!$G$21=$B$24,21,0),MOD($C3334,24)+1)/SUM(INDEX($D$3:$AA$30,INDEX(Jesper!$R$2:$R$366,ROW(INDEX(Jesper!AK$2:AK$366,ROUNDDOWN($C3334/24,0)+1,1))-1)+IF('Standard Profiles'!$G$21=$B$10,7,0)+IF('Standard Profiles'!$G$21=$B$17,14,0)+IF('Standard Profiles'!$G$21=$B$24,21,0),0)),0)</f>
        <v>10.853427173837076</v>
      </c>
      <c r="H3334" cm="1">
        <f t="array" ref="H3334">IFERROR(INDEX(Jesper!AL$2:AL$366,ROUNDDOWN($C3334/24,0)+1,1)*INDEX($D$3:$AA$30,INDEX(Jesper!$R$2:$R$366,ROW(INDEX(Jesper!AL$2:AL$366,ROUNDDOWN($C3334/24,0)+1,1))-1)+IF('Standard Profiles'!$G$22=$B$10,7,0)+IF('Standard Profiles'!$G$22=$B$17,14,0)+IF('Standard Profiles'!$G$22=$B$24,21,0),MOD($C3334,24)+1)/SUM(INDEX($D$3:$AA$30,INDEX(Jesper!$R$2:$R$366,ROW(INDEX(Jesper!AL$2:AL$366,ROUNDDOWN($C3334/24,0)+1,1))-1)+IF('Standard Profiles'!$G$22=$B$10,7,0)+IF('Standard Profiles'!$G$22=$B$17,14,0)+IF('Standard Profiles'!$G$22=$B$24,21,0),0)),0)</f>
        <v>0</v>
      </c>
      <c r="I3334">
        <f t="shared" si="377"/>
        <v>5.2096450434417942</v>
      </c>
      <c r="J3334">
        <f t="shared" si="378"/>
        <v>63.740354988175127</v>
      </c>
      <c r="K3334">
        <f t="shared" si="379"/>
        <v>3.7301522216705592</v>
      </c>
      <c r="L3334">
        <f t="shared" si="380"/>
        <v>1.8650761108352796</v>
      </c>
      <c r="M3334">
        <f t="shared" si="381"/>
        <v>0</v>
      </c>
      <c r="N3334" s="45">
        <f t="shared" si="382"/>
        <v>45064.499999991996</v>
      </c>
    </row>
    <row r="3335" spans="2:14" x14ac:dyDescent="0.25">
      <c r="B3335">
        <f t="shared" si="376"/>
        <v>4</v>
      </c>
      <c r="C3335" s="16">
        <v>3301</v>
      </c>
      <c r="D3335" cm="1">
        <f t="array" ref="D3335">IFERROR(INDEX(Jesper!AH$2:AH$366,ROUNDDOWN($C3335/24,0)+1,1)*INDEX($D$3:$AA$30,INDEX(Jesper!$R$2:$R$366,ROW(INDEX(Jesper!AH$2:AH$366,ROUNDDOWN($C3335/24,0)+1,1))-1)+IF('Standard Profiles'!$G$18=$B$10,7,0)+IF('Standard Profiles'!$G$18=$B$17,14,0)+IF('Standard Profiles'!$G$18=$B$24,21,0),MOD($C3335,24)+1)/SUM(INDEX($D$3:$AA$30,INDEX(Jesper!$R$2:$R$366,ROW(INDEX(Jesper!AH$2:AH$366,ROUNDDOWN($C3335/24,0)+1,1))-1)+IF('Standard Profiles'!$G$18=$B$10,7,0)+IF('Standard Profiles'!$G$18=$B$17,14,0)+IF('Standard Profiles'!$G$18=$B$24,21,0),0)),0)</f>
        <v>23.230189059064418</v>
      </c>
      <c r="E3335" cm="1">
        <f t="array" ref="E3335">IFERROR(INDEX(Jesper!AI$2:AI$366,ROUNDDOWN($C3335/24,0)+1,1)*INDEX($D$3:$AA$30,INDEX(Jesper!$R$2:$R$366,ROW(INDEX(Jesper!AI$2:AI$366,ROUNDDOWN($C3335/24,0)+1,1))-1)+IF('Standard Profiles'!$G$19=$B$10,7,0)+IF('Standard Profiles'!$G$19=$B$17,14,0)+IF('Standard Profiles'!$G$19=$B$24,21,0),MOD($C3335,24)+1)/SUM(INDEX($D$3:$AA$30,INDEX(Jesper!$R$2:$R$366,ROW(INDEX(Jesper!AI$2:AI$366,ROUNDDOWN($C3335/24,0)+1,1))-1)+IF('Standard Profiles'!$G$19=$B$10,7,0)+IF('Standard Profiles'!$G$19=$B$17,14,0)+IF('Standard Profiles'!$G$19=$B$24,21,0),0)),0)</f>
        <v>19.079364588768218</v>
      </c>
      <c r="F3335" cm="1">
        <f t="array" ref="F3335">IFERROR(INDEX(Jesper!AJ$2:AJ$366,ROUNDDOWN($C3335/24,0)+1,1)*INDEX($D$3:$AA$30,INDEX(Jesper!$R$2:$R$366,ROW(INDEX(Jesper!AJ$2:AJ$366,ROUNDDOWN($C3335/24,0)+1,1))-1)+IF('Standard Profiles'!$G$20=$B$10,7,0)+IF('Standard Profiles'!$G$20=$B$17,14,0)+IF('Standard Profiles'!$G$20=$B$24,21,0),MOD($C3335,24)+1)/SUM(INDEX($D$3:$AA$30,INDEX(Jesper!$R$2:$R$366,ROW(INDEX(Jesper!AJ$2:AJ$366,ROUNDDOWN($C3335/24,0)+1,1))-1)+IF('Standard Profiles'!$G$20=$B$10,7,0)+IF('Standard Profiles'!$G$20=$B$17,14,0)+IF('Standard Profiles'!$G$20=$B$24,21,0),0)),0)</f>
        <v>0</v>
      </c>
      <c r="G3335" cm="1">
        <f t="array" ref="G3335">IFERROR(INDEX(Jesper!AK$2:AK$366,ROUNDDOWN($C3335/24,0)+1,1)*INDEX($D$3:$AA$30,INDEX(Jesper!$R$2:$R$366,ROW(INDEX(Jesper!AK$2:AK$366,ROUNDDOWN($C3335/24,0)+1,1))-1)+IF('Standard Profiles'!$G$21=$B$10,7,0)+IF('Standard Profiles'!$G$21=$B$17,14,0)+IF('Standard Profiles'!$G$21=$B$24,21,0),MOD($C3335,24)+1)/SUM(INDEX($D$3:$AA$30,INDEX(Jesper!$R$2:$R$366,ROW(INDEX(Jesper!AK$2:AK$366,ROUNDDOWN($C3335/24,0)+1,1))-1)+IF('Standard Profiles'!$G$21=$B$10,7,0)+IF('Standard Profiles'!$G$21=$B$17,14,0)+IF('Standard Profiles'!$G$21=$B$24,21,0),0)),0)</f>
        <v>7.2097766226203435</v>
      </c>
      <c r="H3335" cm="1">
        <f t="array" ref="H3335">IFERROR(INDEX(Jesper!AL$2:AL$366,ROUNDDOWN($C3335/24,0)+1,1)*INDEX($D$3:$AA$30,INDEX(Jesper!$R$2:$R$366,ROW(INDEX(Jesper!AL$2:AL$366,ROUNDDOWN($C3335/24,0)+1,1))-1)+IF('Standard Profiles'!$G$22=$B$10,7,0)+IF('Standard Profiles'!$G$22=$B$17,14,0)+IF('Standard Profiles'!$G$22=$B$24,21,0),MOD($C3335,24)+1)/SUM(INDEX($D$3:$AA$30,INDEX(Jesper!$R$2:$R$366,ROW(INDEX(Jesper!AL$2:AL$366,ROUNDDOWN($C3335/24,0)+1,1))-1)+IF('Standard Profiles'!$G$22=$B$10,7,0)+IF('Standard Profiles'!$G$22=$B$17,14,0)+IF('Standard Profiles'!$G$22=$B$24,21,0),0)),0)</f>
        <v>0</v>
      </c>
      <c r="I3335">
        <f t="shared" si="377"/>
        <v>3.4606927788577631</v>
      </c>
      <c r="J3335">
        <f t="shared" si="378"/>
        <v>42.34180724214491</v>
      </c>
      <c r="K3335">
        <f t="shared" si="379"/>
        <v>2.4778868329668713</v>
      </c>
      <c r="L3335">
        <f t="shared" si="380"/>
        <v>1.2389434164834356</v>
      </c>
      <c r="M3335">
        <f t="shared" si="381"/>
        <v>0</v>
      </c>
      <c r="N3335" s="45">
        <f t="shared" si="382"/>
        <v>45064.541666658661</v>
      </c>
    </row>
    <row r="3336" spans="2:14" x14ac:dyDescent="0.25">
      <c r="B3336">
        <f t="shared" si="376"/>
        <v>4</v>
      </c>
      <c r="C3336" s="16">
        <v>3302</v>
      </c>
      <c r="D3336" cm="1">
        <f t="array" ref="D3336">IFERROR(INDEX(Jesper!AH$2:AH$366,ROUNDDOWN($C3336/24,0)+1,1)*INDEX($D$3:$AA$30,INDEX(Jesper!$R$2:$R$366,ROW(INDEX(Jesper!AH$2:AH$366,ROUNDDOWN($C3336/24,0)+1,1))-1)+IF('Standard Profiles'!$G$18=$B$10,7,0)+IF('Standard Profiles'!$G$18=$B$17,14,0)+IF('Standard Profiles'!$G$18=$B$24,21,0),MOD($C3336,24)+1)/SUM(INDEX($D$3:$AA$30,INDEX(Jesper!$R$2:$R$366,ROW(INDEX(Jesper!AH$2:AH$366,ROUNDDOWN($C3336/24,0)+1,1))-1)+IF('Standard Profiles'!$G$18=$B$10,7,0)+IF('Standard Profiles'!$G$18=$B$17,14,0)+IF('Standard Profiles'!$G$18=$B$24,21,0),0)),0)</f>
        <v>34.970177078161491</v>
      </c>
      <c r="E3336" cm="1">
        <f t="array" ref="E3336">IFERROR(INDEX(Jesper!AI$2:AI$366,ROUNDDOWN($C3336/24,0)+1,1)*INDEX($D$3:$AA$30,INDEX(Jesper!$R$2:$R$366,ROW(INDEX(Jesper!AI$2:AI$366,ROUNDDOWN($C3336/24,0)+1,1))-1)+IF('Standard Profiles'!$G$19=$B$10,7,0)+IF('Standard Profiles'!$G$19=$B$17,14,0)+IF('Standard Profiles'!$G$19=$B$24,21,0),MOD($C3336,24)+1)/SUM(INDEX($D$3:$AA$30,INDEX(Jesper!$R$2:$R$366,ROW(INDEX(Jesper!AI$2:AI$366,ROUNDDOWN($C3336/24,0)+1,1))-1)+IF('Standard Profiles'!$G$19=$B$10,7,0)+IF('Standard Profiles'!$G$19=$B$17,14,0)+IF('Standard Profiles'!$G$19=$B$24,21,0),0)),0)</f>
        <v>28.7216241121242</v>
      </c>
      <c r="F3336" cm="1">
        <f t="array" ref="F3336">IFERROR(INDEX(Jesper!AJ$2:AJ$366,ROUNDDOWN($C3336/24,0)+1,1)*INDEX($D$3:$AA$30,INDEX(Jesper!$R$2:$R$366,ROW(INDEX(Jesper!AJ$2:AJ$366,ROUNDDOWN($C3336/24,0)+1,1))-1)+IF('Standard Profiles'!$G$20=$B$10,7,0)+IF('Standard Profiles'!$G$20=$B$17,14,0)+IF('Standard Profiles'!$G$20=$B$24,21,0),MOD($C3336,24)+1)/SUM(INDEX($D$3:$AA$30,INDEX(Jesper!$R$2:$R$366,ROW(INDEX(Jesper!AJ$2:AJ$366,ROUNDDOWN($C3336/24,0)+1,1))-1)+IF('Standard Profiles'!$G$20=$B$10,7,0)+IF('Standard Profiles'!$G$20=$B$17,14,0)+IF('Standard Profiles'!$G$20=$B$24,21,0),0)),0)</f>
        <v>0</v>
      </c>
      <c r="G3336" cm="1">
        <f t="array" ref="G3336">IFERROR(INDEX(Jesper!AK$2:AK$366,ROUNDDOWN($C3336/24,0)+1,1)*INDEX($D$3:$AA$30,INDEX(Jesper!$R$2:$R$366,ROW(INDEX(Jesper!AK$2:AK$366,ROUNDDOWN($C3336/24,0)+1,1))-1)+IF('Standard Profiles'!$G$21=$B$10,7,0)+IF('Standard Profiles'!$G$21=$B$17,14,0)+IF('Standard Profiles'!$G$21=$B$24,21,0),MOD($C3336,24)+1)/SUM(INDEX($D$3:$AA$30,INDEX(Jesper!$R$2:$R$366,ROW(INDEX(Jesper!AK$2:AK$366,ROUNDDOWN($C3336/24,0)+1,1))-1)+IF('Standard Profiles'!$G$21=$B$10,7,0)+IF('Standard Profiles'!$G$21=$B$17,14,0)+IF('Standard Profiles'!$G$21=$B$24,21,0),0)),0)</f>
        <v>10.853427173837076</v>
      </c>
      <c r="H3336" cm="1">
        <f t="array" ref="H3336">IFERROR(INDEX(Jesper!AL$2:AL$366,ROUNDDOWN($C3336/24,0)+1,1)*INDEX($D$3:$AA$30,INDEX(Jesper!$R$2:$R$366,ROW(INDEX(Jesper!AL$2:AL$366,ROUNDDOWN($C3336/24,0)+1,1))-1)+IF('Standard Profiles'!$G$22=$B$10,7,0)+IF('Standard Profiles'!$G$22=$B$17,14,0)+IF('Standard Profiles'!$G$22=$B$24,21,0),MOD($C3336,24)+1)/SUM(INDEX($D$3:$AA$30,INDEX(Jesper!$R$2:$R$366,ROW(INDEX(Jesper!AL$2:AL$366,ROUNDDOWN($C3336/24,0)+1,1))-1)+IF('Standard Profiles'!$G$22=$B$10,7,0)+IF('Standard Profiles'!$G$22=$B$17,14,0)+IF('Standard Profiles'!$G$22=$B$24,21,0),0)),0)</f>
        <v>0</v>
      </c>
      <c r="I3336">
        <f t="shared" si="377"/>
        <v>5.2096450434417942</v>
      </c>
      <c r="J3336">
        <f t="shared" si="378"/>
        <v>63.740354988175127</v>
      </c>
      <c r="K3336">
        <f t="shared" si="379"/>
        <v>3.7301522216705592</v>
      </c>
      <c r="L3336">
        <f t="shared" si="380"/>
        <v>1.8650761108352796</v>
      </c>
      <c r="M3336">
        <f t="shared" si="381"/>
        <v>0</v>
      </c>
      <c r="N3336" s="45">
        <f t="shared" si="382"/>
        <v>45064.583333325325</v>
      </c>
    </row>
    <row r="3337" spans="2:14" x14ac:dyDescent="0.25">
      <c r="B3337">
        <f t="shared" si="376"/>
        <v>4</v>
      </c>
      <c r="C3337" s="16">
        <v>3303</v>
      </c>
      <c r="D3337" cm="1">
        <f t="array" ref="D3337">IFERROR(INDEX(Jesper!AH$2:AH$366,ROUNDDOWN($C3337/24,0)+1,1)*INDEX($D$3:$AA$30,INDEX(Jesper!$R$2:$R$366,ROW(INDEX(Jesper!AH$2:AH$366,ROUNDDOWN($C3337/24,0)+1,1))-1)+IF('Standard Profiles'!$G$18=$B$10,7,0)+IF('Standard Profiles'!$G$18=$B$17,14,0)+IF('Standard Profiles'!$G$18=$B$24,21,0),MOD($C3337,24)+1)/SUM(INDEX($D$3:$AA$30,INDEX(Jesper!$R$2:$R$366,ROW(INDEX(Jesper!AH$2:AH$366,ROUNDDOWN($C3337/24,0)+1,1))-1)+IF('Standard Profiles'!$G$18=$B$10,7,0)+IF('Standard Profiles'!$G$18=$B$17,14,0)+IF('Standard Profiles'!$G$18=$B$24,21,0),0)),0)</f>
        <v>34.970177078161491</v>
      </c>
      <c r="E3337" cm="1">
        <f t="array" ref="E3337">IFERROR(INDEX(Jesper!AI$2:AI$366,ROUNDDOWN($C3337/24,0)+1,1)*INDEX($D$3:$AA$30,INDEX(Jesper!$R$2:$R$366,ROW(INDEX(Jesper!AI$2:AI$366,ROUNDDOWN($C3337/24,0)+1,1))-1)+IF('Standard Profiles'!$G$19=$B$10,7,0)+IF('Standard Profiles'!$G$19=$B$17,14,0)+IF('Standard Profiles'!$G$19=$B$24,21,0),MOD($C3337,24)+1)/SUM(INDEX($D$3:$AA$30,INDEX(Jesper!$R$2:$R$366,ROW(INDEX(Jesper!AI$2:AI$366,ROUNDDOWN($C3337/24,0)+1,1))-1)+IF('Standard Profiles'!$G$19=$B$10,7,0)+IF('Standard Profiles'!$G$19=$B$17,14,0)+IF('Standard Profiles'!$G$19=$B$24,21,0),0)),0)</f>
        <v>28.7216241121242</v>
      </c>
      <c r="F3337" cm="1">
        <f t="array" ref="F3337">IFERROR(INDEX(Jesper!AJ$2:AJ$366,ROUNDDOWN($C3337/24,0)+1,1)*INDEX($D$3:$AA$30,INDEX(Jesper!$R$2:$R$366,ROW(INDEX(Jesper!AJ$2:AJ$366,ROUNDDOWN($C3337/24,0)+1,1))-1)+IF('Standard Profiles'!$G$20=$B$10,7,0)+IF('Standard Profiles'!$G$20=$B$17,14,0)+IF('Standard Profiles'!$G$20=$B$24,21,0),MOD($C3337,24)+1)/SUM(INDEX($D$3:$AA$30,INDEX(Jesper!$R$2:$R$366,ROW(INDEX(Jesper!AJ$2:AJ$366,ROUNDDOWN($C3337/24,0)+1,1))-1)+IF('Standard Profiles'!$G$20=$B$10,7,0)+IF('Standard Profiles'!$G$20=$B$17,14,0)+IF('Standard Profiles'!$G$20=$B$24,21,0),0)),0)</f>
        <v>0</v>
      </c>
      <c r="G3337" cm="1">
        <f t="array" ref="G3337">IFERROR(INDEX(Jesper!AK$2:AK$366,ROUNDDOWN($C3337/24,0)+1,1)*INDEX($D$3:$AA$30,INDEX(Jesper!$R$2:$R$366,ROW(INDEX(Jesper!AK$2:AK$366,ROUNDDOWN($C3337/24,0)+1,1))-1)+IF('Standard Profiles'!$G$21=$B$10,7,0)+IF('Standard Profiles'!$G$21=$B$17,14,0)+IF('Standard Profiles'!$G$21=$B$24,21,0),MOD($C3337,24)+1)/SUM(INDEX($D$3:$AA$30,INDEX(Jesper!$R$2:$R$366,ROW(INDEX(Jesper!AK$2:AK$366,ROUNDDOWN($C3337/24,0)+1,1))-1)+IF('Standard Profiles'!$G$21=$B$10,7,0)+IF('Standard Profiles'!$G$21=$B$17,14,0)+IF('Standard Profiles'!$G$21=$B$24,21,0),0)),0)</f>
        <v>10.853427173837076</v>
      </c>
      <c r="H3337" cm="1">
        <f t="array" ref="H3337">IFERROR(INDEX(Jesper!AL$2:AL$366,ROUNDDOWN($C3337/24,0)+1,1)*INDEX($D$3:$AA$30,INDEX(Jesper!$R$2:$R$366,ROW(INDEX(Jesper!AL$2:AL$366,ROUNDDOWN($C3337/24,0)+1,1))-1)+IF('Standard Profiles'!$G$22=$B$10,7,0)+IF('Standard Profiles'!$G$22=$B$17,14,0)+IF('Standard Profiles'!$G$22=$B$24,21,0),MOD($C3337,24)+1)/SUM(INDEX($D$3:$AA$30,INDEX(Jesper!$R$2:$R$366,ROW(INDEX(Jesper!AL$2:AL$366,ROUNDDOWN($C3337/24,0)+1,1))-1)+IF('Standard Profiles'!$G$22=$B$10,7,0)+IF('Standard Profiles'!$G$22=$B$17,14,0)+IF('Standard Profiles'!$G$22=$B$24,21,0),0)),0)</f>
        <v>0</v>
      </c>
      <c r="I3337">
        <f t="shared" si="377"/>
        <v>5.2096450434417942</v>
      </c>
      <c r="J3337">
        <f t="shared" si="378"/>
        <v>63.740354988175127</v>
      </c>
      <c r="K3337">
        <f t="shared" si="379"/>
        <v>3.7301522216705592</v>
      </c>
      <c r="L3337">
        <f t="shared" si="380"/>
        <v>1.8650761108352796</v>
      </c>
      <c r="M3337">
        <f t="shared" si="381"/>
        <v>0</v>
      </c>
      <c r="N3337" s="45">
        <f t="shared" si="382"/>
        <v>45064.624999991989</v>
      </c>
    </row>
    <row r="3338" spans="2:14" x14ac:dyDescent="0.25">
      <c r="B3338">
        <f t="shared" si="376"/>
        <v>4</v>
      </c>
      <c r="C3338" s="16">
        <v>3304</v>
      </c>
      <c r="D3338" cm="1">
        <f t="array" ref="D3338">IFERROR(INDEX(Jesper!AH$2:AH$366,ROUNDDOWN($C3338/24,0)+1,1)*INDEX($D$3:$AA$30,INDEX(Jesper!$R$2:$R$366,ROW(INDEX(Jesper!AH$2:AH$366,ROUNDDOWN($C3338/24,0)+1,1))-1)+IF('Standard Profiles'!$G$18=$B$10,7,0)+IF('Standard Profiles'!$G$18=$B$17,14,0)+IF('Standard Profiles'!$G$18=$B$24,21,0),MOD($C3338,24)+1)/SUM(INDEX($D$3:$AA$30,INDEX(Jesper!$R$2:$R$366,ROW(INDEX(Jesper!AH$2:AH$366,ROUNDDOWN($C3338/24,0)+1,1))-1)+IF('Standard Profiles'!$G$18=$B$10,7,0)+IF('Standard Profiles'!$G$18=$B$17,14,0)+IF('Standard Profiles'!$G$18=$B$24,21,0),0)),0)</f>
        <v>20.607425778202309</v>
      </c>
      <c r="E3338" cm="1">
        <f t="array" ref="E3338">IFERROR(INDEX(Jesper!AI$2:AI$366,ROUNDDOWN($C3338/24,0)+1,1)*INDEX($D$3:$AA$30,INDEX(Jesper!$R$2:$R$366,ROW(INDEX(Jesper!AI$2:AI$366,ROUNDDOWN($C3338/24,0)+1,1))-1)+IF('Standard Profiles'!$G$19=$B$10,7,0)+IF('Standard Profiles'!$G$19=$B$17,14,0)+IF('Standard Profiles'!$G$19=$B$24,21,0),MOD($C3338,24)+1)/SUM(INDEX($D$3:$AA$30,INDEX(Jesper!$R$2:$R$366,ROW(INDEX(Jesper!AI$2:AI$366,ROUNDDOWN($C3338/24,0)+1,1))-1)+IF('Standard Profiles'!$G$19=$B$10,7,0)+IF('Standard Profiles'!$G$19=$B$17,14,0)+IF('Standard Profiles'!$G$19=$B$24,21,0),0)),0)</f>
        <v>16.925242780358904</v>
      </c>
      <c r="F3338" cm="1">
        <f t="array" ref="F3338">IFERROR(INDEX(Jesper!AJ$2:AJ$366,ROUNDDOWN($C3338/24,0)+1,1)*INDEX($D$3:$AA$30,INDEX(Jesper!$R$2:$R$366,ROW(INDEX(Jesper!AJ$2:AJ$366,ROUNDDOWN($C3338/24,0)+1,1))-1)+IF('Standard Profiles'!$G$20=$B$10,7,0)+IF('Standard Profiles'!$G$20=$B$17,14,0)+IF('Standard Profiles'!$G$20=$B$24,21,0),MOD($C3338,24)+1)/SUM(INDEX($D$3:$AA$30,INDEX(Jesper!$R$2:$R$366,ROW(INDEX(Jesper!AJ$2:AJ$366,ROUNDDOWN($C3338/24,0)+1,1))-1)+IF('Standard Profiles'!$G$20=$B$10,7,0)+IF('Standard Profiles'!$G$20=$B$17,14,0)+IF('Standard Profiles'!$G$20=$B$24,21,0),0)),0)</f>
        <v>0</v>
      </c>
      <c r="G3338" cm="1">
        <f t="array" ref="G3338">IFERROR(INDEX(Jesper!AK$2:AK$366,ROUNDDOWN($C3338/24,0)+1,1)*INDEX($D$3:$AA$30,INDEX(Jesper!$R$2:$R$366,ROW(INDEX(Jesper!AK$2:AK$366,ROUNDDOWN($C3338/24,0)+1,1))-1)+IF('Standard Profiles'!$G$21=$B$10,7,0)+IF('Standard Profiles'!$G$21=$B$17,14,0)+IF('Standard Profiles'!$G$21=$B$24,21,0),MOD($C3338,24)+1)/SUM(INDEX($D$3:$AA$30,INDEX(Jesper!$R$2:$R$366,ROW(INDEX(Jesper!AK$2:AK$366,ROUNDDOWN($C3338/24,0)+1,1))-1)+IF('Standard Profiles'!$G$21=$B$10,7,0)+IF('Standard Profiles'!$G$21=$B$17,14,0)+IF('Standard Profiles'!$G$21=$B$24,21,0),0)),0)</f>
        <v>9.0690275091729777</v>
      </c>
      <c r="H3338" cm="1">
        <f t="array" ref="H3338">IFERROR(INDEX(Jesper!AL$2:AL$366,ROUNDDOWN($C3338/24,0)+1,1)*INDEX($D$3:$AA$30,INDEX(Jesper!$R$2:$R$366,ROW(INDEX(Jesper!AL$2:AL$366,ROUNDDOWN($C3338/24,0)+1,1))-1)+IF('Standard Profiles'!$G$22=$B$10,7,0)+IF('Standard Profiles'!$G$22=$B$17,14,0)+IF('Standard Profiles'!$G$22=$B$24,21,0),MOD($C3338,24)+1)/SUM(INDEX($D$3:$AA$30,INDEX(Jesper!$R$2:$R$366,ROW(INDEX(Jesper!AL$2:AL$366,ROUNDDOWN($C3338/24,0)+1,1))-1)+IF('Standard Profiles'!$G$22=$B$10,7,0)+IF('Standard Profiles'!$G$22=$B$17,14,0)+IF('Standard Profiles'!$G$22=$B$24,21,0),0)),0)</f>
        <v>0</v>
      </c>
      <c r="I3338">
        <f t="shared" si="377"/>
        <v>4.3531332044030275</v>
      </c>
      <c r="J3338">
        <f t="shared" si="378"/>
        <v>38.951374738818785</v>
      </c>
      <c r="K3338">
        <f t="shared" si="379"/>
        <v>2.1981254163415795</v>
      </c>
      <c r="L3338">
        <f t="shared" si="380"/>
        <v>1.0990627081707898</v>
      </c>
      <c r="M3338">
        <f t="shared" si="381"/>
        <v>0</v>
      </c>
      <c r="N3338" s="45">
        <f t="shared" si="382"/>
        <v>45064.666666658653</v>
      </c>
    </row>
    <row r="3339" spans="2:14" x14ac:dyDescent="0.25">
      <c r="B3339">
        <f t="shared" si="376"/>
        <v>4</v>
      </c>
      <c r="C3339" s="16">
        <v>3305</v>
      </c>
      <c r="D3339" cm="1">
        <f t="array" ref="D3339">IFERROR(INDEX(Jesper!AH$2:AH$366,ROUNDDOWN($C3339/24,0)+1,1)*INDEX($D$3:$AA$30,INDEX(Jesper!$R$2:$R$366,ROW(INDEX(Jesper!AH$2:AH$366,ROUNDDOWN($C3339/24,0)+1,1))-1)+IF('Standard Profiles'!$G$18=$B$10,7,0)+IF('Standard Profiles'!$G$18=$B$17,14,0)+IF('Standard Profiles'!$G$18=$B$24,21,0),MOD($C3339,24)+1)/SUM(INDEX($D$3:$AA$30,INDEX(Jesper!$R$2:$R$366,ROW(INDEX(Jesper!AH$2:AH$366,ROUNDDOWN($C3339/24,0)+1,1))-1)+IF('Standard Profiles'!$G$18=$B$10,7,0)+IF('Standard Profiles'!$G$18=$B$17,14,0)+IF('Standard Profiles'!$G$18=$B$24,21,0),0)),0)</f>
        <v>8.7953161665396102</v>
      </c>
      <c r="E3339" cm="1">
        <f t="array" ref="E3339">IFERROR(INDEX(Jesper!AI$2:AI$366,ROUNDDOWN($C3339/24,0)+1,1)*INDEX($D$3:$AA$30,INDEX(Jesper!$R$2:$R$366,ROW(INDEX(Jesper!AI$2:AI$366,ROUNDDOWN($C3339/24,0)+1,1))-1)+IF('Standard Profiles'!$G$19=$B$10,7,0)+IF('Standard Profiles'!$G$19=$B$17,14,0)+IF('Standard Profiles'!$G$19=$B$24,21,0),MOD($C3339,24)+1)/SUM(INDEX($D$3:$AA$30,INDEX(Jesper!$R$2:$R$366,ROW(INDEX(Jesper!AI$2:AI$366,ROUNDDOWN($C3339/24,0)+1,1))-1)+IF('Standard Profiles'!$G$19=$B$10,7,0)+IF('Standard Profiles'!$G$19=$B$17,14,0)+IF('Standard Profiles'!$G$19=$B$24,21,0),0)),0)</f>
        <v>7.2237485191459259</v>
      </c>
      <c r="F3339" cm="1">
        <f t="array" ref="F3339">IFERROR(INDEX(Jesper!AJ$2:AJ$366,ROUNDDOWN($C3339/24,0)+1,1)*INDEX($D$3:$AA$30,INDEX(Jesper!$R$2:$R$366,ROW(INDEX(Jesper!AJ$2:AJ$366,ROUNDDOWN($C3339/24,0)+1,1))-1)+IF('Standard Profiles'!$G$20=$B$10,7,0)+IF('Standard Profiles'!$G$20=$B$17,14,0)+IF('Standard Profiles'!$G$20=$B$24,21,0),MOD($C3339,24)+1)/SUM(INDEX($D$3:$AA$30,INDEX(Jesper!$R$2:$R$366,ROW(INDEX(Jesper!AJ$2:AJ$366,ROUNDDOWN($C3339/24,0)+1,1))-1)+IF('Standard Profiles'!$G$20=$B$10,7,0)+IF('Standard Profiles'!$G$20=$B$17,14,0)+IF('Standard Profiles'!$G$20=$B$24,21,0),0)),0)</f>
        <v>0</v>
      </c>
      <c r="G3339" cm="1">
        <f t="array" ref="G3339">IFERROR(INDEX(Jesper!AK$2:AK$366,ROUNDDOWN($C3339/24,0)+1,1)*INDEX($D$3:$AA$30,INDEX(Jesper!$R$2:$R$366,ROW(INDEX(Jesper!AK$2:AK$366,ROUNDDOWN($C3339/24,0)+1,1))-1)+IF('Standard Profiles'!$G$21=$B$10,7,0)+IF('Standard Profiles'!$G$21=$B$17,14,0)+IF('Standard Profiles'!$G$21=$B$24,21,0),MOD($C3339,24)+1)/SUM(INDEX($D$3:$AA$30,INDEX(Jesper!$R$2:$R$366,ROW(INDEX(Jesper!AK$2:AK$366,ROUNDDOWN($C3339/24,0)+1,1))-1)+IF('Standard Profiles'!$G$21=$B$10,7,0)+IF('Standard Profiles'!$G$21=$B$17,14,0)+IF('Standard Profiles'!$G$21=$B$24,21,0),0)),0)</f>
        <v>7.2111132515826393</v>
      </c>
      <c r="H3339" cm="1">
        <f t="array" ref="H3339">IFERROR(INDEX(Jesper!AL$2:AL$366,ROUNDDOWN($C3339/24,0)+1,1)*INDEX($D$3:$AA$30,INDEX(Jesper!$R$2:$R$366,ROW(INDEX(Jesper!AL$2:AL$366,ROUNDDOWN($C3339/24,0)+1,1))-1)+IF('Standard Profiles'!$G$22=$B$10,7,0)+IF('Standard Profiles'!$G$22=$B$17,14,0)+IF('Standard Profiles'!$G$22=$B$24,21,0),MOD($C3339,24)+1)/SUM(INDEX($D$3:$AA$30,INDEX(Jesper!$R$2:$R$366,ROW(INDEX(Jesper!AL$2:AL$366,ROUNDDOWN($C3339/24,0)+1,1))-1)+IF('Standard Profiles'!$G$22=$B$10,7,0)+IF('Standard Profiles'!$G$22=$B$17,14,0)+IF('Standard Profiles'!$G$22=$B$24,21,0),0)),0)</f>
        <v>0</v>
      </c>
      <c r="I3339">
        <f t="shared" si="377"/>
        <v>3.4613343607596652</v>
      </c>
      <c r="J3339">
        <f t="shared" si="378"/>
        <v>18.361592989862171</v>
      </c>
      <c r="K3339">
        <f t="shared" si="379"/>
        <v>0.93816705776422515</v>
      </c>
      <c r="L3339">
        <f t="shared" si="380"/>
        <v>0.46908352888211258</v>
      </c>
      <c r="M3339">
        <f t="shared" si="381"/>
        <v>0</v>
      </c>
      <c r="N3339" s="45">
        <f t="shared" si="382"/>
        <v>45064.708333325318</v>
      </c>
    </row>
    <row r="3340" spans="2:14" x14ac:dyDescent="0.25">
      <c r="B3340">
        <f t="shared" si="376"/>
        <v>4</v>
      </c>
      <c r="C3340" s="16">
        <v>3306</v>
      </c>
      <c r="D3340" cm="1">
        <f t="array" ref="D3340">IFERROR(INDEX(Jesper!AH$2:AH$366,ROUNDDOWN($C3340/24,0)+1,1)*INDEX($D$3:$AA$30,INDEX(Jesper!$R$2:$R$366,ROW(INDEX(Jesper!AH$2:AH$366,ROUNDDOWN($C3340/24,0)+1,1))-1)+IF('Standard Profiles'!$G$18=$B$10,7,0)+IF('Standard Profiles'!$G$18=$B$17,14,0)+IF('Standard Profiles'!$G$18=$B$24,21,0),MOD($C3340,24)+1)/SUM(INDEX($D$3:$AA$30,INDEX(Jesper!$R$2:$R$366,ROW(INDEX(Jesper!AH$2:AH$366,ROUNDDOWN($C3340/24,0)+1,1))-1)+IF('Standard Profiles'!$G$18=$B$10,7,0)+IF('Standard Profiles'!$G$18=$B$17,14,0)+IF('Standard Profiles'!$G$18=$B$24,21,0),0)),0)</f>
        <v>5.8049086699161432</v>
      </c>
      <c r="E3340" cm="1">
        <f t="array" ref="E3340">IFERROR(INDEX(Jesper!AI$2:AI$366,ROUNDDOWN($C3340/24,0)+1,1)*INDEX($D$3:$AA$30,INDEX(Jesper!$R$2:$R$366,ROW(INDEX(Jesper!AI$2:AI$366,ROUNDDOWN($C3340/24,0)+1,1))-1)+IF('Standard Profiles'!$G$19=$B$10,7,0)+IF('Standard Profiles'!$G$19=$B$17,14,0)+IF('Standard Profiles'!$G$19=$B$24,21,0),MOD($C3340,24)+1)/SUM(INDEX($D$3:$AA$30,INDEX(Jesper!$R$2:$R$366,ROW(INDEX(Jesper!AI$2:AI$366,ROUNDDOWN($C3340/24,0)+1,1))-1)+IF('Standard Profiles'!$G$19=$B$10,7,0)+IF('Standard Profiles'!$G$19=$B$17,14,0)+IF('Standard Profiles'!$G$19=$B$24,21,0),0)),0)</f>
        <v>4.7676740226363101</v>
      </c>
      <c r="F3340" cm="1">
        <f t="array" ref="F3340">IFERROR(INDEX(Jesper!AJ$2:AJ$366,ROUNDDOWN($C3340/24,0)+1,1)*INDEX($D$3:$AA$30,INDEX(Jesper!$R$2:$R$366,ROW(INDEX(Jesper!AJ$2:AJ$366,ROUNDDOWN($C3340/24,0)+1,1))-1)+IF('Standard Profiles'!$G$20=$B$10,7,0)+IF('Standard Profiles'!$G$20=$B$17,14,0)+IF('Standard Profiles'!$G$20=$B$24,21,0),MOD($C3340,24)+1)/SUM(INDEX($D$3:$AA$30,INDEX(Jesper!$R$2:$R$366,ROW(INDEX(Jesper!AJ$2:AJ$366,ROUNDDOWN($C3340/24,0)+1,1))-1)+IF('Standard Profiles'!$G$20=$B$10,7,0)+IF('Standard Profiles'!$G$20=$B$17,14,0)+IF('Standard Profiles'!$G$20=$B$24,21,0),0)),0)</f>
        <v>0</v>
      </c>
      <c r="G3340" cm="1">
        <f t="array" ref="G3340">IFERROR(INDEX(Jesper!AK$2:AK$366,ROUNDDOWN($C3340/24,0)+1,1)*INDEX($D$3:$AA$30,INDEX(Jesper!$R$2:$R$366,ROW(INDEX(Jesper!AK$2:AK$366,ROUNDDOWN($C3340/24,0)+1,1))-1)+IF('Standard Profiles'!$G$21=$B$10,7,0)+IF('Standard Profiles'!$G$21=$B$17,14,0)+IF('Standard Profiles'!$G$21=$B$24,21,0),MOD($C3340,24)+1)/SUM(INDEX($D$3:$AA$30,INDEX(Jesper!$R$2:$R$366,ROW(INDEX(Jesper!AK$2:AK$366,ROUNDDOWN($C3340/24,0)+1,1))-1)+IF('Standard Profiles'!$G$21=$B$10,7,0)+IF('Standard Profiles'!$G$21=$B$17,14,0)+IF('Standard Profiles'!$G$21=$B$24,21,0),0)),0)</f>
        <v>2.6732579245904136</v>
      </c>
      <c r="H3340" cm="1">
        <f t="array" ref="H3340">IFERROR(INDEX(Jesper!AL$2:AL$366,ROUNDDOWN($C3340/24,0)+1,1)*INDEX($D$3:$AA$30,INDEX(Jesper!$R$2:$R$366,ROW(INDEX(Jesper!AL$2:AL$366,ROUNDDOWN($C3340/24,0)+1,1))-1)+IF('Standard Profiles'!$G$22=$B$10,7,0)+IF('Standard Profiles'!$G$22=$B$17,14,0)+IF('Standard Profiles'!$G$22=$B$24,21,0),MOD($C3340,24)+1)/SUM(INDEX($D$3:$AA$30,INDEX(Jesper!$R$2:$R$366,ROW(INDEX(Jesper!AL$2:AL$366,ROUNDDOWN($C3340/24,0)+1,1))-1)+IF('Standard Profiles'!$G$22=$B$10,7,0)+IF('Standard Profiles'!$G$22=$B$17,14,0)+IF('Standard Profiles'!$G$22=$B$24,21,0),0)),0)</f>
        <v>0</v>
      </c>
      <c r="I3340">
        <f t="shared" si="377"/>
        <v>1.2831638038033979</v>
      </c>
      <c r="J3340">
        <f t="shared" si="378"/>
        <v>11.033891426152886</v>
      </c>
      <c r="K3340">
        <f t="shared" si="379"/>
        <v>0.61919025812438866</v>
      </c>
      <c r="L3340">
        <f t="shared" si="380"/>
        <v>0.30959512906219433</v>
      </c>
      <c r="M3340">
        <f t="shared" si="381"/>
        <v>0</v>
      </c>
      <c r="N3340" s="45">
        <f t="shared" si="382"/>
        <v>45064.749999991982</v>
      </c>
    </row>
    <row r="3341" spans="2:14" x14ac:dyDescent="0.25">
      <c r="B3341">
        <f t="shared" si="376"/>
        <v>4</v>
      </c>
      <c r="C3341" s="16">
        <v>3307</v>
      </c>
      <c r="D3341" cm="1">
        <f t="array" ref="D3341">IFERROR(INDEX(Jesper!AH$2:AH$366,ROUNDDOWN($C3341/24,0)+1,1)*INDEX($D$3:$AA$30,INDEX(Jesper!$R$2:$R$366,ROW(INDEX(Jesper!AH$2:AH$366,ROUNDDOWN($C3341/24,0)+1,1))-1)+IF('Standard Profiles'!$G$18=$B$10,7,0)+IF('Standard Profiles'!$G$18=$B$17,14,0)+IF('Standard Profiles'!$G$18=$B$24,21,0),MOD($C3341,24)+1)/SUM(INDEX($D$3:$AA$30,INDEX(Jesper!$R$2:$R$366,ROW(INDEX(Jesper!AH$2:AH$366,ROUNDDOWN($C3341/24,0)+1,1))-1)+IF('Standard Profiles'!$G$18=$B$10,7,0)+IF('Standard Profiles'!$G$18=$B$17,14,0)+IF('Standard Profiles'!$G$18=$B$24,21,0),0)),0)</f>
        <v>5.8049086699161432</v>
      </c>
      <c r="E3341" cm="1">
        <f t="array" ref="E3341">IFERROR(INDEX(Jesper!AI$2:AI$366,ROUNDDOWN($C3341/24,0)+1,1)*INDEX($D$3:$AA$30,INDEX(Jesper!$R$2:$R$366,ROW(INDEX(Jesper!AI$2:AI$366,ROUNDDOWN($C3341/24,0)+1,1))-1)+IF('Standard Profiles'!$G$19=$B$10,7,0)+IF('Standard Profiles'!$G$19=$B$17,14,0)+IF('Standard Profiles'!$G$19=$B$24,21,0),MOD($C3341,24)+1)/SUM(INDEX($D$3:$AA$30,INDEX(Jesper!$R$2:$R$366,ROW(INDEX(Jesper!AI$2:AI$366,ROUNDDOWN($C3341/24,0)+1,1))-1)+IF('Standard Profiles'!$G$19=$B$10,7,0)+IF('Standard Profiles'!$G$19=$B$17,14,0)+IF('Standard Profiles'!$G$19=$B$24,21,0),0)),0)</f>
        <v>4.7676740226363101</v>
      </c>
      <c r="F3341" cm="1">
        <f t="array" ref="F3341">IFERROR(INDEX(Jesper!AJ$2:AJ$366,ROUNDDOWN($C3341/24,0)+1,1)*INDEX($D$3:$AA$30,INDEX(Jesper!$R$2:$R$366,ROW(INDEX(Jesper!AJ$2:AJ$366,ROUNDDOWN($C3341/24,0)+1,1))-1)+IF('Standard Profiles'!$G$20=$B$10,7,0)+IF('Standard Profiles'!$G$20=$B$17,14,0)+IF('Standard Profiles'!$G$20=$B$24,21,0),MOD($C3341,24)+1)/SUM(INDEX($D$3:$AA$30,INDEX(Jesper!$R$2:$R$366,ROW(INDEX(Jesper!AJ$2:AJ$366,ROUNDDOWN($C3341/24,0)+1,1))-1)+IF('Standard Profiles'!$G$20=$B$10,7,0)+IF('Standard Profiles'!$G$20=$B$17,14,0)+IF('Standard Profiles'!$G$20=$B$24,21,0),0)),0)</f>
        <v>0</v>
      </c>
      <c r="G3341" cm="1">
        <f t="array" ref="G3341">IFERROR(INDEX(Jesper!AK$2:AK$366,ROUNDDOWN($C3341/24,0)+1,1)*INDEX($D$3:$AA$30,INDEX(Jesper!$R$2:$R$366,ROW(INDEX(Jesper!AK$2:AK$366,ROUNDDOWN($C3341/24,0)+1,1))-1)+IF('Standard Profiles'!$G$21=$B$10,7,0)+IF('Standard Profiles'!$G$21=$B$17,14,0)+IF('Standard Profiles'!$G$21=$B$24,21,0),MOD($C3341,24)+1)/SUM(INDEX($D$3:$AA$30,INDEX(Jesper!$R$2:$R$366,ROW(INDEX(Jesper!AK$2:AK$366,ROUNDDOWN($C3341/24,0)+1,1))-1)+IF('Standard Profiles'!$G$21=$B$10,7,0)+IF('Standard Profiles'!$G$21=$B$17,14,0)+IF('Standard Profiles'!$G$21=$B$24,21,0),0)),0)</f>
        <v>2.6732579245904136</v>
      </c>
      <c r="H3341" cm="1">
        <f t="array" ref="H3341">IFERROR(INDEX(Jesper!AL$2:AL$366,ROUNDDOWN($C3341/24,0)+1,1)*INDEX($D$3:$AA$30,INDEX(Jesper!$R$2:$R$366,ROW(INDEX(Jesper!AL$2:AL$366,ROUNDDOWN($C3341/24,0)+1,1))-1)+IF('Standard Profiles'!$G$22=$B$10,7,0)+IF('Standard Profiles'!$G$22=$B$17,14,0)+IF('Standard Profiles'!$G$22=$B$24,21,0),MOD($C3341,24)+1)/SUM(INDEX($D$3:$AA$30,INDEX(Jesper!$R$2:$R$366,ROW(INDEX(Jesper!AL$2:AL$366,ROUNDDOWN($C3341/24,0)+1,1))-1)+IF('Standard Profiles'!$G$22=$B$10,7,0)+IF('Standard Profiles'!$G$22=$B$17,14,0)+IF('Standard Profiles'!$G$22=$B$24,21,0),0)),0)</f>
        <v>0</v>
      </c>
      <c r="I3341">
        <f t="shared" si="377"/>
        <v>1.2831638038033979</v>
      </c>
      <c r="J3341">
        <f t="shared" si="378"/>
        <v>11.033891426152886</v>
      </c>
      <c r="K3341">
        <f t="shared" si="379"/>
        <v>0.61919025812438866</v>
      </c>
      <c r="L3341">
        <f t="shared" si="380"/>
        <v>0.30959512906219433</v>
      </c>
      <c r="M3341">
        <f t="shared" si="381"/>
        <v>0</v>
      </c>
      <c r="N3341" s="45">
        <f t="shared" si="382"/>
        <v>45064.791666658646</v>
      </c>
    </row>
    <row r="3342" spans="2:14" x14ac:dyDescent="0.25">
      <c r="B3342">
        <f t="shared" si="376"/>
        <v>4</v>
      </c>
      <c r="C3342" s="16">
        <v>3308</v>
      </c>
      <c r="D3342" cm="1">
        <f t="array" ref="D3342">IFERROR(INDEX(Jesper!AH$2:AH$366,ROUNDDOWN($C3342/24,0)+1,1)*INDEX($D$3:$AA$30,INDEX(Jesper!$R$2:$R$366,ROW(INDEX(Jesper!AH$2:AH$366,ROUNDDOWN($C3342/24,0)+1,1))-1)+IF('Standard Profiles'!$G$18=$B$10,7,0)+IF('Standard Profiles'!$G$18=$B$17,14,0)+IF('Standard Profiles'!$G$18=$B$24,21,0),MOD($C3342,24)+1)/SUM(INDEX($D$3:$AA$30,INDEX(Jesper!$R$2:$R$366,ROW(INDEX(Jesper!AH$2:AH$366,ROUNDDOWN($C3342/24,0)+1,1))-1)+IF('Standard Profiles'!$G$18=$B$10,7,0)+IF('Standard Profiles'!$G$18=$B$17,14,0)+IF('Standard Profiles'!$G$18=$B$24,21,0),0)),0)</f>
        <v>5.8049086699161432</v>
      </c>
      <c r="E3342" cm="1">
        <f t="array" ref="E3342">IFERROR(INDEX(Jesper!AI$2:AI$366,ROUNDDOWN($C3342/24,0)+1,1)*INDEX($D$3:$AA$30,INDEX(Jesper!$R$2:$R$366,ROW(INDEX(Jesper!AI$2:AI$366,ROUNDDOWN($C3342/24,0)+1,1))-1)+IF('Standard Profiles'!$G$19=$B$10,7,0)+IF('Standard Profiles'!$G$19=$B$17,14,0)+IF('Standard Profiles'!$G$19=$B$24,21,0),MOD($C3342,24)+1)/SUM(INDEX($D$3:$AA$30,INDEX(Jesper!$R$2:$R$366,ROW(INDEX(Jesper!AI$2:AI$366,ROUNDDOWN($C3342/24,0)+1,1))-1)+IF('Standard Profiles'!$G$19=$B$10,7,0)+IF('Standard Profiles'!$G$19=$B$17,14,0)+IF('Standard Profiles'!$G$19=$B$24,21,0),0)),0)</f>
        <v>4.7676740226363101</v>
      </c>
      <c r="F3342" cm="1">
        <f t="array" ref="F3342">IFERROR(INDEX(Jesper!AJ$2:AJ$366,ROUNDDOWN($C3342/24,0)+1,1)*INDEX($D$3:$AA$30,INDEX(Jesper!$R$2:$R$366,ROW(INDEX(Jesper!AJ$2:AJ$366,ROUNDDOWN($C3342/24,0)+1,1))-1)+IF('Standard Profiles'!$G$20=$B$10,7,0)+IF('Standard Profiles'!$G$20=$B$17,14,0)+IF('Standard Profiles'!$G$20=$B$24,21,0),MOD($C3342,24)+1)/SUM(INDEX($D$3:$AA$30,INDEX(Jesper!$R$2:$R$366,ROW(INDEX(Jesper!AJ$2:AJ$366,ROUNDDOWN($C3342/24,0)+1,1))-1)+IF('Standard Profiles'!$G$20=$B$10,7,0)+IF('Standard Profiles'!$G$20=$B$17,14,0)+IF('Standard Profiles'!$G$20=$B$24,21,0),0)),0)</f>
        <v>0</v>
      </c>
      <c r="G3342" cm="1">
        <f t="array" ref="G3342">IFERROR(INDEX(Jesper!AK$2:AK$366,ROUNDDOWN($C3342/24,0)+1,1)*INDEX($D$3:$AA$30,INDEX(Jesper!$R$2:$R$366,ROW(INDEX(Jesper!AK$2:AK$366,ROUNDDOWN($C3342/24,0)+1,1))-1)+IF('Standard Profiles'!$G$21=$B$10,7,0)+IF('Standard Profiles'!$G$21=$B$17,14,0)+IF('Standard Profiles'!$G$21=$B$24,21,0),MOD($C3342,24)+1)/SUM(INDEX($D$3:$AA$30,INDEX(Jesper!$R$2:$R$366,ROW(INDEX(Jesper!AK$2:AK$366,ROUNDDOWN($C3342/24,0)+1,1))-1)+IF('Standard Profiles'!$G$21=$B$10,7,0)+IF('Standard Profiles'!$G$21=$B$17,14,0)+IF('Standard Profiles'!$G$21=$B$24,21,0),0)),0)</f>
        <v>2.6732579245904136</v>
      </c>
      <c r="H3342" cm="1">
        <f t="array" ref="H3342">IFERROR(INDEX(Jesper!AL$2:AL$366,ROUNDDOWN($C3342/24,0)+1,1)*INDEX($D$3:$AA$30,INDEX(Jesper!$R$2:$R$366,ROW(INDEX(Jesper!AL$2:AL$366,ROUNDDOWN($C3342/24,0)+1,1))-1)+IF('Standard Profiles'!$G$22=$B$10,7,0)+IF('Standard Profiles'!$G$22=$B$17,14,0)+IF('Standard Profiles'!$G$22=$B$24,21,0),MOD($C3342,24)+1)/SUM(INDEX($D$3:$AA$30,INDEX(Jesper!$R$2:$R$366,ROW(INDEX(Jesper!AL$2:AL$366,ROUNDDOWN($C3342/24,0)+1,1))-1)+IF('Standard Profiles'!$G$22=$B$10,7,0)+IF('Standard Profiles'!$G$22=$B$17,14,0)+IF('Standard Profiles'!$G$22=$B$24,21,0),0)),0)</f>
        <v>0</v>
      </c>
      <c r="I3342">
        <f t="shared" si="377"/>
        <v>1.2831638038033979</v>
      </c>
      <c r="J3342">
        <f t="shared" si="378"/>
        <v>11.033891426152886</v>
      </c>
      <c r="K3342">
        <f t="shared" si="379"/>
        <v>0.61919025812438866</v>
      </c>
      <c r="L3342">
        <f t="shared" si="380"/>
        <v>0.30959512906219433</v>
      </c>
      <c r="M3342">
        <f t="shared" si="381"/>
        <v>0</v>
      </c>
      <c r="N3342" s="45">
        <f t="shared" si="382"/>
        <v>45064.83333332531</v>
      </c>
    </row>
    <row r="3343" spans="2:14" x14ac:dyDescent="0.25">
      <c r="B3343">
        <f t="shared" si="376"/>
        <v>4</v>
      </c>
      <c r="C3343" s="16">
        <v>3309</v>
      </c>
      <c r="D3343" cm="1">
        <f t="array" ref="D3343">IFERROR(INDEX(Jesper!AH$2:AH$366,ROUNDDOWN($C3343/24,0)+1,1)*INDEX($D$3:$AA$30,INDEX(Jesper!$R$2:$R$366,ROW(INDEX(Jesper!AH$2:AH$366,ROUNDDOWN($C3343/24,0)+1,1))-1)+IF('Standard Profiles'!$G$18=$B$10,7,0)+IF('Standard Profiles'!$G$18=$B$17,14,0)+IF('Standard Profiles'!$G$18=$B$24,21,0),MOD($C3343,24)+1)/SUM(INDEX($D$3:$AA$30,INDEX(Jesper!$R$2:$R$366,ROW(INDEX(Jesper!AH$2:AH$366,ROUNDDOWN($C3343/24,0)+1,1))-1)+IF('Standard Profiles'!$G$18=$B$10,7,0)+IF('Standard Profiles'!$G$18=$B$17,14,0)+IF('Standard Profiles'!$G$18=$B$24,21,0),0)),0)</f>
        <v>5.8049086699161432</v>
      </c>
      <c r="E3343" cm="1">
        <f t="array" ref="E3343">IFERROR(INDEX(Jesper!AI$2:AI$366,ROUNDDOWN($C3343/24,0)+1,1)*INDEX($D$3:$AA$30,INDEX(Jesper!$R$2:$R$366,ROW(INDEX(Jesper!AI$2:AI$366,ROUNDDOWN($C3343/24,0)+1,1))-1)+IF('Standard Profiles'!$G$19=$B$10,7,0)+IF('Standard Profiles'!$G$19=$B$17,14,0)+IF('Standard Profiles'!$G$19=$B$24,21,0),MOD($C3343,24)+1)/SUM(INDEX($D$3:$AA$30,INDEX(Jesper!$R$2:$R$366,ROW(INDEX(Jesper!AI$2:AI$366,ROUNDDOWN($C3343/24,0)+1,1))-1)+IF('Standard Profiles'!$G$19=$B$10,7,0)+IF('Standard Profiles'!$G$19=$B$17,14,0)+IF('Standard Profiles'!$G$19=$B$24,21,0),0)),0)</f>
        <v>4.7676740226363101</v>
      </c>
      <c r="F3343" cm="1">
        <f t="array" ref="F3343">IFERROR(INDEX(Jesper!AJ$2:AJ$366,ROUNDDOWN($C3343/24,0)+1,1)*INDEX($D$3:$AA$30,INDEX(Jesper!$R$2:$R$366,ROW(INDEX(Jesper!AJ$2:AJ$366,ROUNDDOWN($C3343/24,0)+1,1))-1)+IF('Standard Profiles'!$G$20=$B$10,7,0)+IF('Standard Profiles'!$G$20=$B$17,14,0)+IF('Standard Profiles'!$G$20=$B$24,21,0),MOD($C3343,24)+1)/SUM(INDEX($D$3:$AA$30,INDEX(Jesper!$R$2:$R$366,ROW(INDEX(Jesper!AJ$2:AJ$366,ROUNDDOWN($C3343/24,0)+1,1))-1)+IF('Standard Profiles'!$G$20=$B$10,7,0)+IF('Standard Profiles'!$G$20=$B$17,14,0)+IF('Standard Profiles'!$G$20=$B$24,21,0),0)),0)</f>
        <v>0</v>
      </c>
      <c r="G3343" cm="1">
        <f t="array" ref="G3343">IFERROR(INDEX(Jesper!AK$2:AK$366,ROUNDDOWN($C3343/24,0)+1,1)*INDEX($D$3:$AA$30,INDEX(Jesper!$R$2:$R$366,ROW(INDEX(Jesper!AK$2:AK$366,ROUNDDOWN($C3343/24,0)+1,1))-1)+IF('Standard Profiles'!$G$21=$B$10,7,0)+IF('Standard Profiles'!$G$21=$B$17,14,0)+IF('Standard Profiles'!$G$21=$B$24,21,0),MOD($C3343,24)+1)/SUM(INDEX($D$3:$AA$30,INDEX(Jesper!$R$2:$R$366,ROW(INDEX(Jesper!AK$2:AK$366,ROUNDDOWN($C3343/24,0)+1,1))-1)+IF('Standard Profiles'!$G$21=$B$10,7,0)+IF('Standard Profiles'!$G$21=$B$17,14,0)+IF('Standard Profiles'!$G$21=$B$24,21,0),0)),0)</f>
        <v>2.6732579245904136</v>
      </c>
      <c r="H3343" cm="1">
        <f t="array" ref="H3343">IFERROR(INDEX(Jesper!AL$2:AL$366,ROUNDDOWN($C3343/24,0)+1,1)*INDEX($D$3:$AA$30,INDEX(Jesper!$R$2:$R$366,ROW(INDEX(Jesper!AL$2:AL$366,ROUNDDOWN($C3343/24,0)+1,1))-1)+IF('Standard Profiles'!$G$22=$B$10,7,0)+IF('Standard Profiles'!$G$22=$B$17,14,0)+IF('Standard Profiles'!$G$22=$B$24,21,0),MOD($C3343,24)+1)/SUM(INDEX($D$3:$AA$30,INDEX(Jesper!$R$2:$R$366,ROW(INDEX(Jesper!AL$2:AL$366,ROUNDDOWN($C3343/24,0)+1,1))-1)+IF('Standard Profiles'!$G$22=$B$10,7,0)+IF('Standard Profiles'!$G$22=$B$17,14,0)+IF('Standard Profiles'!$G$22=$B$24,21,0),0)),0)</f>
        <v>0</v>
      </c>
      <c r="I3343">
        <f t="shared" si="377"/>
        <v>1.2831638038033979</v>
      </c>
      <c r="J3343">
        <f t="shared" si="378"/>
        <v>11.033891426152886</v>
      </c>
      <c r="K3343">
        <f t="shared" si="379"/>
        <v>0.61919025812438866</v>
      </c>
      <c r="L3343">
        <f t="shared" si="380"/>
        <v>0.30959512906219433</v>
      </c>
      <c r="M3343">
        <f t="shared" si="381"/>
        <v>0</v>
      </c>
      <c r="N3343" s="45">
        <f t="shared" si="382"/>
        <v>45064.874999991975</v>
      </c>
    </row>
    <row r="3344" spans="2:14" x14ac:dyDescent="0.25">
      <c r="B3344">
        <f t="shared" si="376"/>
        <v>4</v>
      </c>
      <c r="C3344" s="16">
        <v>3310</v>
      </c>
      <c r="D3344" cm="1">
        <f t="array" ref="D3344">IFERROR(INDEX(Jesper!AH$2:AH$366,ROUNDDOWN($C3344/24,0)+1,1)*INDEX($D$3:$AA$30,INDEX(Jesper!$R$2:$R$366,ROW(INDEX(Jesper!AH$2:AH$366,ROUNDDOWN($C3344/24,0)+1,1))-1)+IF('Standard Profiles'!$G$18=$B$10,7,0)+IF('Standard Profiles'!$G$18=$B$17,14,0)+IF('Standard Profiles'!$G$18=$B$24,21,0),MOD($C3344,24)+1)/SUM(INDEX($D$3:$AA$30,INDEX(Jesper!$R$2:$R$366,ROW(INDEX(Jesper!AH$2:AH$366,ROUNDDOWN($C3344/24,0)+1,1))-1)+IF('Standard Profiles'!$G$18=$B$10,7,0)+IF('Standard Profiles'!$G$18=$B$17,14,0)+IF('Standard Profiles'!$G$18=$B$24,21,0),0)),0)</f>
        <v>5.8049086699161432</v>
      </c>
      <c r="E3344" cm="1">
        <f t="array" ref="E3344">IFERROR(INDEX(Jesper!AI$2:AI$366,ROUNDDOWN($C3344/24,0)+1,1)*INDEX($D$3:$AA$30,INDEX(Jesper!$R$2:$R$366,ROW(INDEX(Jesper!AI$2:AI$366,ROUNDDOWN($C3344/24,0)+1,1))-1)+IF('Standard Profiles'!$G$19=$B$10,7,0)+IF('Standard Profiles'!$G$19=$B$17,14,0)+IF('Standard Profiles'!$G$19=$B$24,21,0),MOD($C3344,24)+1)/SUM(INDEX($D$3:$AA$30,INDEX(Jesper!$R$2:$R$366,ROW(INDEX(Jesper!AI$2:AI$366,ROUNDDOWN($C3344/24,0)+1,1))-1)+IF('Standard Profiles'!$G$19=$B$10,7,0)+IF('Standard Profiles'!$G$19=$B$17,14,0)+IF('Standard Profiles'!$G$19=$B$24,21,0),0)),0)</f>
        <v>4.7676740226363101</v>
      </c>
      <c r="F3344" cm="1">
        <f t="array" ref="F3344">IFERROR(INDEX(Jesper!AJ$2:AJ$366,ROUNDDOWN($C3344/24,0)+1,1)*INDEX($D$3:$AA$30,INDEX(Jesper!$R$2:$R$366,ROW(INDEX(Jesper!AJ$2:AJ$366,ROUNDDOWN($C3344/24,0)+1,1))-1)+IF('Standard Profiles'!$G$20=$B$10,7,0)+IF('Standard Profiles'!$G$20=$B$17,14,0)+IF('Standard Profiles'!$G$20=$B$24,21,0),MOD($C3344,24)+1)/SUM(INDEX($D$3:$AA$30,INDEX(Jesper!$R$2:$R$366,ROW(INDEX(Jesper!AJ$2:AJ$366,ROUNDDOWN($C3344/24,0)+1,1))-1)+IF('Standard Profiles'!$G$20=$B$10,7,0)+IF('Standard Profiles'!$G$20=$B$17,14,0)+IF('Standard Profiles'!$G$20=$B$24,21,0),0)),0)</f>
        <v>0</v>
      </c>
      <c r="G3344" cm="1">
        <f t="array" ref="G3344">IFERROR(INDEX(Jesper!AK$2:AK$366,ROUNDDOWN($C3344/24,0)+1,1)*INDEX($D$3:$AA$30,INDEX(Jesper!$R$2:$R$366,ROW(INDEX(Jesper!AK$2:AK$366,ROUNDDOWN($C3344/24,0)+1,1))-1)+IF('Standard Profiles'!$G$21=$B$10,7,0)+IF('Standard Profiles'!$G$21=$B$17,14,0)+IF('Standard Profiles'!$G$21=$B$24,21,0),MOD($C3344,24)+1)/SUM(INDEX($D$3:$AA$30,INDEX(Jesper!$R$2:$R$366,ROW(INDEX(Jesper!AK$2:AK$366,ROUNDDOWN($C3344/24,0)+1,1))-1)+IF('Standard Profiles'!$G$21=$B$10,7,0)+IF('Standard Profiles'!$G$21=$B$17,14,0)+IF('Standard Profiles'!$G$21=$B$24,21,0),0)),0)</f>
        <v>2.6732579245904136</v>
      </c>
      <c r="H3344" cm="1">
        <f t="array" ref="H3344">IFERROR(INDEX(Jesper!AL$2:AL$366,ROUNDDOWN($C3344/24,0)+1,1)*INDEX($D$3:$AA$30,INDEX(Jesper!$R$2:$R$366,ROW(INDEX(Jesper!AL$2:AL$366,ROUNDDOWN($C3344/24,0)+1,1))-1)+IF('Standard Profiles'!$G$22=$B$10,7,0)+IF('Standard Profiles'!$G$22=$B$17,14,0)+IF('Standard Profiles'!$G$22=$B$24,21,0),MOD($C3344,24)+1)/SUM(INDEX($D$3:$AA$30,INDEX(Jesper!$R$2:$R$366,ROW(INDEX(Jesper!AL$2:AL$366,ROUNDDOWN($C3344/24,0)+1,1))-1)+IF('Standard Profiles'!$G$22=$B$10,7,0)+IF('Standard Profiles'!$G$22=$B$17,14,0)+IF('Standard Profiles'!$G$22=$B$24,21,0),0)),0)</f>
        <v>0</v>
      </c>
      <c r="I3344">
        <f t="shared" si="377"/>
        <v>1.2831638038033979</v>
      </c>
      <c r="J3344">
        <f t="shared" si="378"/>
        <v>11.033891426152886</v>
      </c>
      <c r="K3344">
        <f t="shared" si="379"/>
        <v>0.61919025812438866</v>
      </c>
      <c r="L3344">
        <f t="shared" si="380"/>
        <v>0.30959512906219433</v>
      </c>
      <c r="M3344">
        <f t="shared" si="381"/>
        <v>0</v>
      </c>
      <c r="N3344" s="45">
        <f t="shared" si="382"/>
        <v>45064.916666658639</v>
      </c>
    </row>
    <row r="3345" spans="2:14" x14ac:dyDescent="0.25">
      <c r="B3345">
        <f t="shared" si="376"/>
        <v>4</v>
      </c>
      <c r="C3345" s="16">
        <v>3311</v>
      </c>
      <c r="D3345" cm="1">
        <f t="array" ref="D3345">IFERROR(INDEX(Jesper!AH$2:AH$366,ROUNDDOWN($C3345/24,0)+1,1)*INDEX($D$3:$AA$30,INDEX(Jesper!$R$2:$R$366,ROW(INDEX(Jesper!AH$2:AH$366,ROUNDDOWN($C3345/24,0)+1,1))-1)+IF('Standard Profiles'!$G$18=$B$10,7,0)+IF('Standard Profiles'!$G$18=$B$17,14,0)+IF('Standard Profiles'!$G$18=$B$24,21,0),MOD($C3345,24)+1)/SUM(INDEX($D$3:$AA$30,INDEX(Jesper!$R$2:$R$366,ROW(INDEX(Jesper!AH$2:AH$366,ROUNDDOWN($C3345/24,0)+1,1))-1)+IF('Standard Profiles'!$G$18=$B$10,7,0)+IF('Standard Profiles'!$G$18=$B$17,14,0)+IF('Standard Profiles'!$G$18=$B$24,21,0),0)),0)</f>
        <v>5.8049086699161432</v>
      </c>
      <c r="E3345" cm="1">
        <f t="array" ref="E3345">IFERROR(INDEX(Jesper!AI$2:AI$366,ROUNDDOWN($C3345/24,0)+1,1)*INDEX($D$3:$AA$30,INDEX(Jesper!$R$2:$R$366,ROW(INDEX(Jesper!AI$2:AI$366,ROUNDDOWN($C3345/24,0)+1,1))-1)+IF('Standard Profiles'!$G$19=$B$10,7,0)+IF('Standard Profiles'!$G$19=$B$17,14,0)+IF('Standard Profiles'!$G$19=$B$24,21,0),MOD($C3345,24)+1)/SUM(INDEX($D$3:$AA$30,INDEX(Jesper!$R$2:$R$366,ROW(INDEX(Jesper!AI$2:AI$366,ROUNDDOWN($C3345/24,0)+1,1))-1)+IF('Standard Profiles'!$G$19=$B$10,7,0)+IF('Standard Profiles'!$G$19=$B$17,14,0)+IF('Standard Profiles'!$G$19=$B$24,21,0),0)),0)</f>
        <v>4.7676740226363101</v>
      </c>
      <c r="F3345" cm="1">
        <f t="array" ref="F3345">IFERROR(INDEX(Jesper!AJ$2:AJ$366,ROUNDDOWN($C3345/24,0)+1,1)*INDEX($D$3:$AA$30,INDEX(Jesper!$R$2:$R$366,ROW(INDEX(Jesper!AJ$2:AJ$366,ROUNDDOWN($C3345/24,0)+1,1))-1)+IF('Standard Profiles'!$G$20=$B$10,7,0)+IF('Standard Profiles'!$G$20=$B$17,14,0)+IF('Standard Profiles'!$G$20=$B$24,21,0),MOD($C3345,24)+1)/SUM(INDEX($D$3:$AA$30,INDEX(Jesper!$R$2:$R$366,ROW(INDEX(Jesper!AJ$2:AJ$366,ROUNDDOWN($C3345/24,0)+1,1))-1)+IF('Standard Profiles'!$G$20=$B$10,7,0)+IF('Standard Profiles'!$G$20=$B$17,14,0)+IF('Standard Profiles'!$G$20=$B$24,21,0),0)),0)</f>
        <v>0</v>
      </c>
      <c r="G3345" cm="1">
        <f t="array" ref="G3345">IFERROR(INDEX(Jesper!AK$2:AK$366,ROUNDDOWN($C3345/24,0)+1,1)*INDEX($D$3:$AA$30,INDEX(Jesper!$R$2:$R$366,ROW(INDEX(Jesper!AK$2:AK$366,ROUNDDOWN($C3345/24,0)+1,1))-1)+IF('Standard Profiles'!$G$21=$B$10,7,0)+IF('Standard Profiles'!$G$21=$B$17,14,0)+IF('Standard Profiles'!$G$21=$B$24,21,0),MOD($C3345,24)+1)/SUM(INDEX($D$3:$AA$30,INDEX(Jesper!$R$2:$R$366,ROW(INDEX(Jesper!AK$2:AK$366,ROUNDDOWN($C3345/24,0)+1,1))-1)+IF('Standard Profiles'!$G$21=$B$10,7,0)+IF('Standard Profiles'!$G$21=$B$17,14,0)+IF('Standard Profiles'!$G$21=$B$24,21,0),0)),0)</f>
        <v>2.6732579245904136</v>
      </c>
      <c r="H3345" cm="1">
        <f t="array" ref="H3345">IFERROR(INDEX(Jesper!AL$2:AL$366,ROUNDDOWN($C3345/24,0)+1,1)*INDEX($D$3:$AA$30,INDEX(Jesper!$R$2:$R$366,ROW(INDEX(Jesper!AL$2:AL$366,ROUNDDOWN($C3345/24,0)+1,1))-1)+IF('Standard Profiles'!$G$22=$B$10,7,0)+IF('Standard Profiles'!$G$22=$B$17,14,0)+IF('Standard Profiles'!$G$22=$B$24,21,0),MOD($C3345,24)+1)/SUM(INDEX($D$3:$AA$30,INDEX(Jesper!$R$2:$R$366,ROW(INDEX(Jesper!AL$2:AL$366,ROUNDDOWN($C3345/24,0)+1,1))-1)+IF('Standard Profiles'!$G$22=$B$10,7,0)+IF('Standard Profiles'!$G$22=$B$17,14,0)+IF('Standard Profiles'!$G$22=$B$24,21,0),0)),0)</f>
        <v>0</v>
      </c>
      <c r="I3345">
        <f t="shared" si="377"/>
        <v>1.2831638038033979</v>
      </c>
      <c r="J3345">
        <f t="shared" si="378"/>
        <v>11.033891426152886</v>
      </c>
      <c r="K3345">
        <f t="shared" si="379"/>
        <v>0.61919025812438866</v>
      </c>
      <c r="L3345">
        <f t="shared" si="380"/>
        <v>0.30959512906219433</v>
      </c>
      <c r="M3345">
        <f t="shared" si="381"/>
        <v>0</v>
      </c>
      <c r="N3345" s="45">
        <f t="shared" si="382"/>
        <v>45064.958333325303</v>
      </c>
    </row>
    <row r="3346" spans="2:14" x14ac:dyDescent="0.25">
      <c r="B3346">
        <f t="shared" si="376"/>
        <v>5</v>
      </c>
      <c r="C3346" s="16">
        <v>3312</v>
      </c>
      <c r="D3346" cm="1">
        <f t="array" ref="D3346">IFERROR(INDEX(Jesper!AH$2:AH$366,ROUNDDOWN($C3346/24,0)+1,1)*INDEX($D$3:$AA$30,INDEX(Jesper!$R$2:$R$366,ROW(INDEX(Jesper!AH$2:AH$366,ROUNDDOWN($C3346/24,0)+1,1))-1)+IF('Standard Profiles'!$G$18=$B$10,7,0)+IF('Standard Profiles'!$G$18=$B$17,14,0)+IF('Standard Profiles'!$G$18=$B$24,21,0),MOD($C3346,24)+1)/SUM(INDEX($D$3:$AA$30,INDEX(Jesper!$R$2:$R$366,ROW(INDEX(Jesper!AH$2:AH$366,ROUNDDOWN($C3346/24,0)+1,1))-1)+IF('Standard Profiles'!$G$18=$B$10,7,0)+IF('Standard Profiles'!$G$18=$B$17,14,0)+IF('Standard Profiles'!$G$18=$B$24,21,0),0)),0)</f>
        <v>8.6487130809809738</v>
      </c>
      <c r="E3346" cm="1">
        <f t="array" ref="E3346">IFERROR(INDEX(Jesper!AI$2:AI$366,ROUNDDOWN($C3346/24,0)+1,1)*INDEX($D$3:$AA$30,INDEX(Jesper!$R$2:$R$366,ROW(INDEX(Jesper!AI$2:AI$366,ROUNDDOWN($C3346/24,0)+1,1))-1)+IF('Standard Profiles'!$G$19=$B$10,7,0)+IF('Standard Profiles'!$G$19=$B$17,14,0)+IF('Standard Profiles'!$G$19=$B$24,21,0),MOD($C3346,24)+1)/SUM(INDEX($D$3:$AA$30,INDEX(Jesper!$R$2:$R$366,ROW(INDEX(Jesper!AI$2:AI$366,ROUNDDOWN($C3346/24,0)+1,1))-1)+IF('Standard Profiles'!$G$19=$B$10,7,0)+IF('Standard Profiles'!$G$19=$B$17,14,0)+IF('Standard Profiles'!$G$19=$B$24,21,0),0)),0)</f>
        <v>5.4272834798198959</v>
      </c>
      <c r="F3346" cm="1">
        <f t="array" ref="F3346">IFERROR(INDEX(Jesper!AJ$2:AJ$366,ROUNDDOWN($C3346/24,0)+1,1)*INDEX($D$3:$AA$30,INDEX(Jesper!$R$2:$R$366,ROW(INDEX(Jesper!AJ$2:AJ$366,ROUNDDOWN($C3346/24,0)+1,1))-1)+IF('Standard Profiles'!$G$20=$B$10,7,0)+IF('Standard Profiles'!$G$20=$B$17,14,0)+IF('Standard Profiles'!$G$20=$B$24,21,0),MOD($C3346,24)+1)/SUM(INDEX($D$3:$AA$30,INDEX(Jesper!$R$2:$R$366,ROW(INDEX(Jesper!AJ$2:AJ$366,ROUNDDOWN($C3346/24,0)+1,1))-1)+IF('Standard Profiles'!$G$20=$B$10,7,0)+IF('Standard Profiles'!$G$20=$B$17,14,0)+IF('Standard Profiles'!$G$20=$B$24,21,0),0)),0)</f>
        <v>0</v>
      </c>
      <c r="G3346" cm="1">
        <f t="array" ref="G3346">IFERROR(INDEX(Jesper!AK$2:AK$366,ROUNDDOWN($C3346/24,0)+1,1)*INDEX($D$3:$AA$30,INDEX(Jesper!$R$2:$R$366,ROW(INDEX(Jesper!AK$2:AK$366,ROUNDDOWN($C3346/24,0)+1,1))-1)+IF('Standard Profiles'!$G$21=$B$10,7,0)+IF('Standard Profiles'!$G$21=$B$17,14,0)+IF('Standard Profiles'!$G$21=$B$24,21,0),MOD($C3346,24)+1)/SUM(INDEX($D$3:$AA$30,INDEX(Jesper!$R$2:$R$366,ROW(INDEX(Jesper!AK$2:AK$366,ROUNDDOWN($C3346/24,0)+1,1))-1)+IF('Standard Profiles'!$G$21=$B$10,7,0)+IF('Standard Profiles'!$G$21=$B$17,14,0)+IF('Standard Profiles'!$G$21=$B$24,21,0),0)),0)</f>
        <v>0.9914002904887429</v>
      </c>
      <c r="H3346" cm="1">
        <f t="array" ref="H3346">IFERROR(INDEX(Jesper!AL$2:AL$366,ROUNDDOWN($C3346/24,0)+1,1)*INDEX($D$3:$AA$30,INDEX(Jesper!$R$2:$R$366,ROW(INDEX(Jesper!AL$2:AL$366,ROUNDDOWN($C3346/24,0)+1,1))-1)+IF('Standard Profiles'!$G$22=$B$10,7,0)+IF('Standard Profiles'!$G$22=$B$17,14,0)+IF('Standard Profiles'!$G$22=$B$24,21,0),MOD($C3346,24)+1)/SUM(INDEX($D$3:$AA$30,INDEX(Jesper!$R$2:$R$366,ROW(INDEX(Jesper!AL$2:AL$366,ROUNDDOWN($C3346/24,0)+1,1))-1)+IF('Standard Profiles'!$G$22=$B$10,7,0)+IF('Standard Profiles'!$G$22=$B$17,14,0)+IF('Standard Profiles'!$G$22=$B$24,21,0),0)),0)</f>
        <v>0</v>
      </c>
      <c r="I3346">
        <f t="shared" si="377"/>
        <v>0.47587213943459633</v>
      </c>
      <c r="J3346">
        <f t="shared" si="378"/>
        <v>13.20773061889806</v>
      </c>
      <c r="K3346">
        <f t="shared" si="379"/>
        <v>0.92252939530463729</v>
      </c>
      <c r="L3346">
        <f t="shared" si="380"/>
        <v>0.46126469765231864</v>
      </c>
      <c r="M3346">
        <f t="shared" si="381"/>
        <v>0</v>
      </c>
      <c r="N3346" s="45">
        <f t="shared" si="382"/>
        <v>45064.999999991967</v>
      </c>
    </row>
    <row r="3347" spans="2:14" x14ac:dyDescent="0.25">
      <c r="B3347">
        <f t="shared" si="376"/>
        <v>5</v>
      </c>
      <c r="C3347" s="16">
        <v>3313</v>
      </c>
      <c r="D3347" cm="1">
        <f t="array" ref="D3347">IFERROR(INDEX(Jesper!AH$2:AH$366,ROUNDDOWN($C3347/24,0)+1,1)*INDEX($D$3:$AA$30,INDEX(Jesper!$R$2:$R$366,ROW(INDEX(Jesper!AH$2:AH$366,ROUNDDOWN($C3347/24,0)+1,1))-1)+IF('Standard Profiles'!$G$18=$B$10,7,0)+IF('Standard Profiles'!$G$18=$B$17,14,0)+IF('Standard Profiles'!$G$18=$B$24,21,0),MOD($C3347,24)+1)/SUM(INDEX($D$3:$AA$30,INDEX(Jesper!$R$2:$R$366,ROW(INDEX(Jesper!AH$2:AH$366,ROUNDDOWN($C3347/24,0)+1,1))-1)+IF('Standard Profiles'!$G$18=$B$10,7,0)+IF('Standard Profiles'!$G$18=$B$17,14,0)+IF('Standard Profiles'!$G$18=$B$24,21,0),0)),0)</f>
        <v>5.2416442915036212</v>
      </c>
      <c r="E3347" cm="1">
        <f t="array" ref="E3347">IFERROR(INDEX(Jesper!AI$2:AI$366,ROUNDDOWN($C3347/24,0)+1,1)*INDEX($D$3:$AA$30,INDEX(Jesper!$R$2:$R$366,ROW(INDEX(Jesper!AI$2:AI$366,ROUNDDOWN($C3347/24,0)+1,1))-1)+IF('Standard Profiles'!$G$19=$B$10,7,0)+IF('Standard Profiles'!$G$19=$B$17,14,0)+IF('Standard Profiles'!$G$19=$B$24,21,0),MOD($C3347,24)+1)/SUM(INDEX($D$3:$AA$30,INDEX(Jesper!$R$2:$R$366,ROW(INDEX(Jesper!AI$2:AI$366,ROUNDDOWN($C3347/24,0)+1,1))-1)+IF('Standard Profiles'!$G$19=$B$10,7,0)+IF('Standard Profiles'!$G$19=$B$17,14,0)+IF('Standard Profiles'!$G$19=$B$24,21,0),0)),0)</f>
        <v>3.2892627150423612</v>
      </c>
      <c r="F3347" cm="1">
        <f t="array" ref="F3347">IFERROR(INDEX(Jesper!AJ$2:AJ$366,ROUNDDOWN($C3347/24,0)+1,1)*INDEX($D$3:$AA$30,INDEX(Jesper!$R$2:$R$366,ROW(INDEX(Jesper!AJ$2:AJ$366,ROUNDDOWN($C3347/24,0)+1,1))-1)+IF('Standard Profiles'!$G$20=$B$10,7,0)+IF('Standard Profiles'!$G$20=$B$17,14,0)+IF('Standard Profiles'!$G$20=$B$24,21,0),MOD($C3347,24)+1)/SUM(INDEX($D$3:$AA$30,INDEX(Jesper!$R$2:$R$366,ROW(INDEX(Jesper!AJ$2:AJ$366,ROUNDDOWN($C3347/24,0)+1,1))-1)+IF('Standard Profiles'!$G$20=$B$10,7,0)+IF('Standard Profiles'!$G$20=$B$17,14,0)+IF('Standard Profiles'!$G$20=$B$24,21,0),0)),0)</f>
        <v>0</v>
      </c>
      <c r="G3347" cm="1">
        <f t="array" ref="G3347">IFERROR(INDEX(Jesper!AK$2:AK$366,ROUNDDOWN($C3347/24,0)+1,1)*INDEX($D$3:$AA$30,INDEX(Jesper!$R$2:$R$366,ROW(INDEX(Jesper!AK$2:AK$366,ROUNDDOWN($C3347/24,0)+1,1))-1)+IF('Standard Profiles'!$G$21=$B$10,7,0)+IF('Standard Profiles'!$G$21=$B$17,14,0)+IF('Standard Profiles'!$G$21=$B$24,21,0),MOD($C3347,24)+1)/SUM(INDEX($D$3:$AA$30,INDEX(Jesper!$R$2:$R$366,ROW(INDEX(Jesper!AK$2:AK$366,ROUNDDOWN($C3347/24,0)+1,1))-1)+IF('Standard Profiles'!$G$21=$B$10,7,0)+IF('Standard Profiles'!$G$21=$B$17,14,0)+IF('Standard Profiles'!$G$21=$B$24,21,0),0)),0)</f>
        <v>0.9914002904887429</v>
      </c>
      <c r="H3347" cm="1">
        <f t="array" ref="H3347">IFERROR(INDEX(Jesper!AL$2:AL$366,ROUNDDOWN($C3347/24,0)+1,1)*INDEX($D$3:$AA$30,INDEX(Jesper!$R$2:$R$366,ROW(INDEX(Jesper!AL$2:AL$366,ROUNDDOWN($C3347/24,0)+1,1))-1)+IF('Standard Profiles'!$G$22=$B$10,7,0)+IF('Standard Profiles'!$G$22=$B$17,14,0)+IF('Standard Profiles'!$G$22=$B$24,21,0),MOD($C3347,24)+1)/SUM(INDEX($D$3:$AA$30,INDEX(Jesper!$R$2:$R$366,ROW(INDEX(Jesper!AL$2:AL$366,ROUNDDOWN($C3347/24,0)+1,1))-1)+IF('Standard Profiles'!$G$22=$B$10,7,0)+IF('Standard Profiles'!$G$22=$B$17,14,0)+IF('Standard Profiles'!$G$22=$B$24,21,0),0)),0)</f>
        <v>0</v>
      </c>
      <c r="I3347">
        <f t="shared" si="377"/>
        <v>0.47587213943459633</v>
      </c>
      <c r="J3347">
        <f t="shared" si="378"/>
        <v>8.2077720709595496</v>
      </c>
      <c r="K3347">
        <f t="shared" si="379"/>
        <v>0.55910872442705295</v>
      </c>
      <c r="L3347">
        <f t="shared" si="380"/>
        <v>0.27955436221352647</v>
      </c>
      <c r="M3347">
        <f t="shared" si="381"/>
        <v>0</v>
      </c>
      <c r="N3347" s="45">
        <f t="shared" si="382"/>
        <v>45065.041666658632</v>
      </c>
    </row>
    <row r="3348" spans="2:14" x14ac:dyDescent="0.25">
      <c r="B3348">
        <f t="shared" si="376"/>
        <v>5</v>
      </c>
      <c r="C3348" s="16">
        <v>3314</v>
      </c>
      <c r="D3348" cm="1">
        <f t="array" ref="D3348">IFERROR(INDEX(Jesper!AH$2:AH$366,ROUNDDOWN($C3348/24,0)+1,1)*INDEX($D$3:$AA$30,INDEX(Jesper!$R$2:$R$366,ROW(INDEX(Jesper!AH$2:AH$366,ROUNDDOWN($C3348/24,0)+1,1))-1)+IF('Standard Profiles'!$G$18=$B$10,7,0)+IF('Standard Profiles'!$G$18=$B$17,14,0)+IF('Standard Profiles'!$G$18=$B$24,21,0),MOD($C3348,24)+1)/SUM(INDEX($D$3:$AA$30,INDEX(Jesper!$R$2:$R$366,ROW(INDEX(Jesper!AH$2:AH$366,ROUNDDOWN($C3348/24,0)+1,1))-1)+IF('Standard Profiles'!$G$18=$B$10,7,0)+IF('Standard Profiles'!$G$18=$B$17,14,0)+IF('Standard Profiles'!$G$18=$B$24,21,0),0)),0)</f>
        <v>5.2416442915036212</v>
      </c>
      <c r="E3348" cm="1">
        <f t="array" ref="E3348">IFERROR(INDEX(Jesper!AI$2:AI$366,ROUNDDOWN($C3348/24,0)+1,1)*INDEX($D$3:$AA$30,INDEX(Jesper!$R$2:$R$366,ROW(INDEX(Jesper!AI$2:AI$366,ROUNDDOWN($C3348/24,0)+1,1))-1)+IF('Standard Profiles'!$G$19=$B$10,7,0)+IF('Standard Profiles'!$G$19=$B$17,14,0)+IF('Standard Profiles'!$G$19=$B$24,21,0),MOD($C3348,24)+1)/SUM(INDEX($D$3:$AA$30,INDEX(Jesper!$R$2:$R$366,ROW(INDEX(Jesper!AI$2:AI$366,ROUNDDOWN($C3348/24,0)+1,1))-1)+IF('Standard Profiles'!$G$19=$B$10,7,0)+IF('Standard Profiles'!$G$19=$B$17,14,0)+IF('Standard Profiles'!$G$19=$B$24,21,0),0)),0)</f>
        <v>3.2892627150423612</v>
      </c>
      <c r="F3348" cm="1">
        <f t="array" ref="F3348">IFERROR(INDEX(Jesper!AJ$2:AJ$366,ROUNDDOWN($C3348/24,0)+1,1)*INDEX($D$3:$AA$30,INDEX(Jesper!$R$2:$R$366,ROW(INDEX(Jesper!AJ$2:AJ$366,ROUNDDOWN($C3348/24,0)+1,1))-1)+IF('Standard Profiles'!$G$20=$B$10,7,0)+IF('Standard Profiles'!$G$20=$B$17,14,0)+IF('Standard Profiles'!$G$20=$B$24,21,0),MOD($C3348,24)+1)/SUM(INDEX($D$3:$AA$30,INDEX(Jesper!$R$2:$R$366,ROW(INDEX(Jesper!AJ$2:AJ$366,ROUNDDOWN($C3348/24,0)+1,1))-1)+IF('Standard Profiles'!$G$20=$B$10,7,0)+IF('Standard Profiles'!$G$20=$B$17,14,0)+IF('Standard Profiles'!$G$20=$B$24,21,0),0)),0)</f>
        <v>0</v>
      </c>
      <c r="G3348" cm="1">
        <f t="array" ref="G3348">IFERROR(INDEX(Jesper!AK$2:AK$366,ROUNDDOWN($C3348/24,0)+1,1)*INDEX($D$3:$AA$30,INDEX(Jesper!$R$2:$R$366,ROW(INDEX(Jesper!AK$2:AK$366,ROUNDDOWN($C3348/24,0)+1,1))-1)+IF('Standard Profiles'!$G$21=$B$10,7,0)+IF('Standard Profiles'!$G$21=$B$17,14,0)+IF('Standard Profiles'!$G$21=$B$24,21,0),MOD($C3348,24)+1)/SUM(INDEX($D$3:$AA$30,INDEX(Jesper!$R$2:$R$366,ROW(INDEX(Jesper!AK$2:AK$366,ROUNDDOWN($C3348/24,0)+1,1))-1)+IF('Standard Profiles'!$G$21=$B$10,7,0)+IF('Standard Profiles'!$G$21=$B$17,14,0)+IF('Standard Profiles'!$G$21=$B$24,21,0),0)),0)</f>
        <v>0.9914002904887429</v>
      </c>
      <c r="H3348" cm="1">
        <f t="array" ref="H3348">IFERROR(INDEX(Jesper!AL$2:AL$366,ROUNDDOWN($C3348/24,0)+1,1)*INDEX($D$3:$AA$30,INDEX(Jesper!$R$2:$R$366,ROW(INDEX(Jesper!AL$2:AL$366,ROUNDDOWN($C3348/24,0)+1,1))-1)+IF('Standard Profiles'!$G$22=$B$10,7,0)+IF('Standard Profiles'!$G$22=$B$17,14,0)+IF('Standard Profiles'!$G$22=$B$24,21,0),MOD($C3348,24)+1)/SUM(INDEX($D$3:$AA$30,INDEX(Jesper!$R$2:$R$366,ROW(INDEX(Jesper!AL$2:AL$366,ROUNDDOWN($C3348/24,0)+1,1))-1)+IF('Standard Profiles'!$G$22=$B$10,7,0)+IF('Standard Profiles'!$G$22=$B$17,14,0)+IF('Standard Profiles'!$G$22=$B$24,21,0),0)),0)</f>
        <v>0</v>
      </c>
      <c r="I3348">
        <f t="shared" si="377"/>
        <v>0.47587213943459633</v>
      </c>
      <c r="J3348">
        <f t="shared" si="378"/>
        <v>8.2077720709595496</v>
      </c>
      <c r="K3348">
        <f t="shared" si="379"/>
        <v>0.55910872442705295</v>
      </c>
      <c r="L3348">
        <f t="shared" si="380"/>
        <v>0.27955436221352647</v>
      </c>
      <c r="M3348">
        <f t="shared" si="381"/>
        <v>0</v>
      </c>
      <c r="N3348" s="45">
        <f t="shared" si="382"/>
        <v>45065.083333325296</v>
      </c>
    </row>
    <row r="3349" spans="2:14" x14ac:dyDescent="0.25">
      <c r="B3349">
        <f t="shared" si="376"/>
        <v>5</v>
      </c>
      <c r="C3349" s="16">
        <v>3315</v>
      </c>
      <c r="D3349" cm="1">
        <f t="array" ref="D3349">IFERROR(INDEX(Jesper!AH$2:AH$366,ROUNDDOWN($C3349/24,0)+1,1)*INDEX($D$3:$AA$30,INDEX(Jesper!$R$2:$R$366,ROW(INDEX(Jesper!AH$2:AH$366,ROUNDDOWN($C3349/24,0)+1,1))-1)+IF('Standard Profiles'!$G$18=$B$10,7,0)+IF('Standard Profiles'!$G$18=$B$17,14,0)+IF('Standard Profiles'!$G$18=$B$24,21,0),MOD($C3349,24)+1)/SUM(INDEX($D$3:$AA$30,INDEX(Jesper!$R$2:$R$366,ROW(INDEX(Jesper!AH$2:AH$366,ROUNDDOWN($C3349/24,0)+1,1))-1)+IF('Standard Profiles'!$G$18=$B$10,7,0)+IF('Standard Profiles'!$G$18=$B$17,14,0)+IF('Standard Profiles'!$G$18=$B$24,21,0),0)),0)</f>
        <v>5.2416442915036212</v>
      </c>
      <c r="E3349" cm="1">
        <f t="array" ref="E3349">IFERROR(INDEX(Jesper!AI$2:AI$366,ROUNDDOWN($C3349/24,0)+1,1)*INDEX($D$3:$AA$30,INDEX(Jesper!$R$2:$R$366,ROW(INDEX(Jesper!AI$2:AI$366,ROUNDDOWN($C3349/24,0)+1,1))-1)+IF('Standard Profiles'!$G$19=$B$10,7,0)+IF('Standard Profiles'!$G$19=$B$17,14,0)+IF('Standard Profiles'!$G$19=$B$24,21,0),MOD($C3349,24)+1)/SUM(INDEX($D$3:$AA$30,INDEX(Jesper!$R$2:$R$366,ROW(INDEX(Jesper!AI$2:AI$366,ROUNDDOWN($C3349/24,0)+1,1))-1)+IF('Standard Profiles'!$G$19=$B$10,7,0)+IF('Standard Profiles'!$G$19=$B$17,14,0)+IF('Standard Profiles'!$G$19=$B$24,21,0),0)),0)</f>
        <v>3.2892627150423612</v>
      </c>
      <c r="F3349" cm="1">
        <f t="array" ref="F3349">IFERROR(INDEX(Jesper!AJ$2:AJ$366,ROUNDDOWN($C3349/24,0)+1,1)*INDEX($D$3:$AA$30,INDEX(Jesper!$R$2:$R$366,ROW(INDEX(Jesper!AJ$2:AJ$366,ROUNDDOWN($C3349/24,0)+1,1))-1)+IF('Standard Profiles'!$G$20=$B$10,7,0)+IF('Standard Profiles'!$G$20=$B$17,14,0)+IF('Standard Profiles'!$G$20=$B$24,21,0),MOD($C3349,24)+1)/SUM(INDEX($D$3:$AA$30,INDEX(Jesper!$R$2:$R$366,ROW(INDEX(Jesper!AJ$2:AJ$366,ROUNDDOWN($C3349/24,0)+1,1))-1)+IF('Standard Profiles'!$G$20=$B$10,7,0)+IF('Standard Profiles'!$G$20=$B$17,14,0)+IF('Standard Profiles'!$G$20=$B$24,21,0),0)),0)</f>
        <v>0</v>
      </c>
      <c r="G3349" cm="1">
        <f t="array" ref="G3349">IFERROR(INDEX(Jesper!AK$2:AK$366,ROUNDDOWN($C3349/24,0)+1,1)*INDEX($D$3:$AA$30,INDEX(Jesper!$R$2:$R$366,ROW(INDEX(Jesper!AK$2:AK$366,ROUNDDOWN($C3349/24,0)+1,1))-1)+IF('Standard Profiles'!$G$21=$B$10,7,0)+IF('Standard Profiles'!$G$21=$B$17,14,0)+IF('Standard Profiles'!$G$21=$B$24,21,0),MOD($C3349,24)+1)/SUM(INDEX($D$3:$AA$30,INDEX(Jesper!$R$2:$R$366,ROW(INDEX(Jesper!AK$2:AK$366,ROUNDDOWN($C3349/24,0)+1,1))-1)+IF('Standard Profiles'!$G$21=$B$10,7,0)+IF('Standard Profiles'!$G$21=$B$17,14,0)+IF('Standard Profiles'!$G$21=$B$24,21,0),0)),0)</f>
        <v>0.9914002904887429</v>
      </c>
      <c r="H3349" cm="1">
        <f t="array" ref="H3349">IFERROR(INDEX(Jesper!AL$2:AL$366,ROUNDDOWN($C3349/24,0)+1,1)*INDEX($D$3:$AA$30,INDEX(Jesper!$R$2:$R$366,ROW(INDEX(Jesper!AL$2:AL$366,ROUNDDOWN($C3349/24,0)+1,1))-1)+IF('Standard Profiles'!$G$22=$B$10,7,0)+IF('Standard Profiles'!$G$22=$B$17,14,0)+IF('Standard Profiles'!$G$22=$B$24,21,0),MOD($C3349,24)+1)/SUM(INDEX($D$3:$AA$30,INDEX(Jesper!$R$2:$R$366,ROW(INDEX(Jesper!AL$2:AL$366,ROUNDDOWN($C3349/24,0)+1,1))-1)+IF('Standard Profiles'!$G$22=$B$10,7,0)+IF('Standard Profiles'!$G$22=$B$17,14,0)+IF('Standard Profiles'!$G$22=$B$24,21,0),0)),0)</f>
        <v>0</v>
      </c>
      <c r="I3349">
        <f t="shared" si="377"/>
        <v>0.47587213943459633</v>
      </c>
      <c r="J3349">
        <f t="shared" si="378"/>
        <v>8.2077720709595496</v>
      </c>
      <c r="K3349">
        <f t="shared" si="379"/>
        <v>0.55910872442705295</v>
      </c>
      <c r="L3349">
        <f t="shared" si="380"/>
        <v>0.27955436221352647</v>
      </c>
      <c r="M3349">
        <f t="shared" si="381"/>
        <v>0</v>
      </c>
      <c r="N3349" s="45">
        <f t="shared" si="382"/>
        <v>45065.12499999196</v>
      </c>
    </row>
    <row r="3350" spans="2:14" x14ac:dyDescent="0.25">
      <c r="B3350">
        <f t="shared" si="376"/>
        <v>5</v>
      </c>
      <c r="C3350" s="16">
        <v>3316</v>
      </c>
      <c r="D3350" cm="1">
        <f t="array" ref="D3350">IFERROR(INDEX(Jesper!AH$2:AH$366,ROUNDDOWN($C3350/24,0)+1,1)*INDEX($D$3:$AA$30,INDEX(Jesper!$R$2:$R$366,ROW(INDEX(Jesper!AH$2:AH$366,ROUNDDOWN($C3350/24,0)+1,1))-1)+IF('Standard Profiles'!$G$18=$B$10,7,0)+IF('Standard Profiles'!$G$18=$B$17,14,0)+IF('Standard Profiles'!$G$18=$B$24,21,0),MOD($C3350,24)+1)/SUM(INDEX($D$3:$AA$30,INDEX(Jesper!$R$2:$R$366,ROW(INDEX(Jesper!AH$2:AH$366,ROUNDDOWN($C3350/24,0)+1,1))-1)+IF('Standard Profiles'!$G$18=$B$10,7,0)+IF('Standard Profiles'!$G$18=$B$17,14,0)+IF('Standard Profiles'!$G$18=$B$24,21,0),0)),0)</f>
        <v>5.2416442915036212</v>
      </c>
      <c r="E3350" cm="1">
        <f t="array" ref="E3350">IFERROR(INDEX(Jesper!AI$2:AI$366,ROUNDDOWN($C3350/24,0)+1,1)*INDEX($D$3:$AA$30,INDEX(Jesper!$R$2:$R$366,ROW(INDEX(Jesper!AI$2:AI$366,ROUNDDOWN($C3350/24,0)+1,1))-1)+IF('Standard Profiles'!$G$19=$B$10,7,0)+IF('Standard Profiles'!$G$19=$B$17,14,0)+IF('Standard Profiles'!$G$19=$B$24,21,0),MOD($C3350,24)+1)/SUM(INDEX($D$3:$AA$30,INDEX(Jesper!$R$2:$R$366,ROW(INDEX(Jesper!AI$2:AI$366,ROUNDDOWN($C3350/24,0)+1,1))-1)+IF('Standard Profiles'!$G$19=$B$10,7,0)+IF('Standard Profiles'!$G$19=$B$17,14,0)+IF('Standard Profiles'!$G$19=$B$24,21,0),0)),0)</f>
        <v>3.2892627150423612</v>
      </c>
      <c r="F3350" cm="1">
        <f t="array" ref="F3350">IFERROR(INDEX(Jesper!AJ$2:AJ$366,ROUNDDOWN($C3350/24,0)+1,1)*INDEX($D$3:$AA$30,INDEX(Jesper!$R$2:$R$366,ROW(INDEX(Jesper!AJ$2:AJ$366,ROUNDDOWN($C3350/24,0)+1,1))-1)+IF('Standard Profiles'!$G$20=$B$10,7,0)+IF('Standard Profiles'!$G$20=$B$17,14,0)+IF('Standard Profiles'!$G$20=$B$24,21,0),MOD($C3350,24)+1)/SUM(INDEX($D$3:$AA$30,INDEX(Jesper!$R$2:$R$366,ROW(INDEX(Jesper!AJ$2:AJ$366,ROUNDDOWN($C3350/24,0)+1,1))-1)+IF('Standard Profiles'!$G$20=$B$10,7,0)+IF('Standard Profiles'!$G$20=$B$17,14,0)+IF('Standard Profiles'!$G$20=$B$24,21,0),0)),0)</f>
        <v>0</v>
      </c>
      <c r="G3350" cm="1">
        <f t="array" ref="G3350">IFERROR(INDEX(Jesper!AK$2:AK$366,ROUNDDOWN($C3350/24,0)+1,1)*INDEX($D$3:$AA$30,INDEX(Jesper!$R$2:$R$366,ROW(INDEX(Jesper!AK$2:AK$366,ROUNDDOWN($C3350/24,0)+1,1))-1)+IF('Standard Profiles'!$G$21=$B$10,7,0)+IF('Standard Profiles'!$G$21=$B$17,14,0)+IF('Standard Profiles'!$G$21=$B$24,21,0),MOD($C3350,24)+1)/SUM(INDEX($D$3:$AA$30,INDEX(Jesper!$R$2:$R$366,ROW(INDEX(Jesper!AK$2:AK$366,ROUNDDOWN($C3350/24,0)+1,1))-1)+IF('Standard Profiles'!$G$21=$B$10,7,0)+IF('Standard Profiles'!$G$21=$B$17,14,0)+IF('Standard Profiles'!$G$21=$B$24,21,0),0)),0)</f>
        <v>0.9914002904887429</v>
      </c>
      <c r="H3350" cm="1">
        <f t="array" ref="H3350">IFERROR(INDEX(Jesper!AL$2:AL$366,ROUNDDOWN($C3350/24,0)+1,1)*INDEX($D$3:$AA$30,INDEX(Jesper!$R$2:$R$366,ROW(INDEX(Jesper!AL$2:AL$366,ROUNDDOWN($C3350/24,0)+1,1))-1)+IF('Standard Profiles'!$G$22=$B$10,7,0)+IF('Standard Profiles'!$G$22=$B$17,14,0)+IF('Standard Profiles'!$G$22=$B$24,21,0),MOD($C3350,24)+1)/SUM(INDEX($D$3:$AA$30,INDEX(Jesper!$R$2:$R$366,ROW(INDEX(Jesper!AL$2:AL$366,ROUNDDOWN($C3350/24,0)+1,1))-1)+IF('Standard Profiles'!$G$22=$B$10,7,0)+IF('Standard Profiles'!$G$22=$B$17,14,0)+IF('Standard Profiles'!$G$22=$B$24,21,0),0)),0)</f>
        <v>0</v>
      </c>
      <c r="I3350">
        <f t="shared" si="377"/>
        <v>0.47587213943459633</v>
      </c>
      <c r="J3350">
        <f t="shared" si="378"/>
        <v>8.2077720709595496</v>
      </c>
      <c r="K3350">
        <f t="shared" si="379"/>
        <v>0.55910872442705295</v>
      </c>
      <c r="L3350">
        <f t="shared" si="380"/>
        <v>0.27955436221352647</v>
      </c>
      <c r="M3350">
        <f t="shared" si="381"/>
        <v>0</v>
      </c>
      <c r="N3350" s="45">
        <f t="shared" si="382"/>
        <v>45065.166666658624</v>
      </c>
    </row>
    <row r="3351" spans="2:14" x14ac:dyDescent="0.25">
      <c r="B3351">
        <f t="shared" si="376"/>
        <v>5</v>
      </c>
      <c r="C3351" s="16">
        <v>3317</v>
      </c>
      <c r="D3351" cm="1">
        <f t="array" ref="D3351">IFERROR(INDEX(Jesper!AH$2:AH$366,ROUNDDOWN($C3351/24,0)+1,1)*INDEX($D$3:$AA$30,INDEX(Jesper!$R$2:$R$366,ROW(INDEX(Jesper!AH$2:AH$366,ROUNDDOWN($C3351/24,0)+1,1))-1)+IF('Standard Profiles'!$G$18=$B$10,7,0)+IF('Standard Profiles'!$G$18=$B$17,14,0)+IF('Standard Profiles'!$G$18=$B$24,21,0),MOD($C3351,24)+1)/SUM(INDEX($D$3:$AA$30,INDEX(Jesper!$R$2:$R$366,ROW(INDEX(Jesper!AH$2:AH$366,ROUNDDOWN($C3351/24,0)+1,1))-1)+IF('Standard Profiles'!$G$18=$B$10,7,0)+IF('Standard Profiles'!$G$18=$B$17,14,0)+IF('Standard Profiles'!$G$18=$B$24,21,0),0)),0)</f>
        <v>5.2416442915036212</v>
      </c>
      <c r="E3351" cm="1">
        <f t="array" ref="E3351">IFERROR(INDEX(Jesper!AI$2:AI$366,ROUNDDOWN($C3351/24,0)+1,1)*INDEX($D$3:$AA$30,INDEX(Jesper!$R$2:$R$366,ROW(INDEX(Jesper!AI$2:AI$366,ROUNDDOWN($C3351/24,0)+1,1))-1)+IF('Standard Profiles'!$G$19=$B$10,7,0)+IF('Standard Profiles'!$G$19=$B$17,14,0)+IF('Standard Profiles'!$G$19=$B$24,21,0),MOD($C3351,24)+1)/SUM(INDEX($D$3:$AA$30,INDEX(Jesper!$R$2:$R$366,ROW(INDEX(Jesper!AI$2:AI$366,ROUNDDOWN($C3351/24,0)+1,1))-1)+IF('Standard Profiles'!$G$19=$B$10,7,0)+IF('Standard Profiles'!$G$19=$B$17,14,0)+IF('Standard Profiles'!$G$19=$B$24,21,0),0)),0)</f>
        <v>3.2892627150423612</v>
      </c>
      <c r="F3351" cm="1">
        <f t="array" ref="F3351">IFERROR(INDEX(Jesper!AJ$2:AJ$366,ROUNDDOWN($C3351/24,0)+1,1)*INDEX($D$3:$AA$30,INDEX(Jesper!$R$2:$R$366,ROW(INDEX(Jesper!AJ$2:AJ$366,ROUNDDOWN($C3351/24,0)+1,1))-1)+IF('Standard Profiles'!$G$20=$B$10,7,0)+IF('Standard Profiles'!$G$20=$B$17,14,0)+IF('Standard Profiles'!$G$20=$B$24,21,0),MOD($C3351,24)+1)/SUM(INDEX($D$3:$AA$30,INDEX(Jesper!$R$2:$R$366,ROW(INDEX(Jesper!AJ$2:AJ$366,ROUNDDOWN($C3351/24,0)+1,1))-1)+IF('Standard Profiles'!$G$20=$B$10,7,0)+IF('Standard Profiles'!$G$20=$B$17,14,0)+IF('Standard Profiles'!$G$20=$B$24,21,0),0)),0)</f>
        <v>0</v>
      </c>
      <c r="G3351" cm="1">
        <f t="array" ref="G3351">IFERROR(INDEX(Jesper!AK$2:AK$366,ROUNDDOWN($C3351/24,0)+1,1)*INDEX($D$3:$AA$30,INDEX(Jesper!$R$2:$R$366,ROW(INDEX(Jesper!AK$2:AK$366,ROUNDDOWN($C3351/24,0)+1,1))-1)+IF('Standard Profiles'!$G$21=$B$10,7,0)+IF('Standard Profiles'!$G$21=$B$17,14,0)+IF('Standard Profiles'!$G$21=$B$24,21,0),MOD($C3351,24)+1)/SUM(INDEX($D$3:$AA$30,INDEX(Jesper!$R$2:$R$366,ROW(INDEX(Jesper!AK$2:AK$366,ROUNDDOWN($C3351/24,0)+1,1))-1)+IF('Standard Profiles'!$G$21=$B$10,7,0)+IF('Standard Profiles'!$G$21=$B$17,14,0)+IF('Standard Profiles'!$G$21=$B$24,21,0),0)),0)</f>
        <v>0.9914002904887429</v>
      </c>
      <c r="H3351" cm="1">
        <f t="array" ref="H3351">IFERROR(INDEX(Jesper!AL$2:AL$366,ROUNDDOWN($C3351/24,0)+1,1)*INDEX($D$3:$AA$30,INDEX(Jesper!$R$2:$R$366,ROW(INDEX(Jesper!AL$2:AL$366,ROUNDDOWN($C3351/24,0)+1,1))-1)+IF('Standard Profiles'!$G$22=$B$10,7,0)+IF('Standard Profiles'!$G$22=$B$17,14,0)+IF('Standard Profiles'!$G$22=$B$24,21,0),MOD($C3351,24)+1)/SUM(INDEX($D$3:$AA$30,INDEX(Jesper!$R$2:$R$366,ROW(INDEX(Jesper!AL$2:AL$366,ROUNDDOWN($C3351/24,0)+1,1))-1)+IF('Standard Profiles'!$G$22=$B$10,7,0)+IF('Standard Profiles'!$G$22=$B$17,14,0)+IF('Standard Profiles'!$G$22=$B$24,21,0),0)),0)</f>
        <v>0</v>
      </c>
      <c r="I3351">
        <f t="shared" si="377"/>
        <v>0.47587213943459633</v>
      </c>
      <c r="J3351">
        <f t="shared" si="378"/>
        <v>8.2077720709595496</v>
      </c>
      <c r="K3351">
        <f t="shared" si="379"/>
        <v>0.55910872442705295</v>
      </c>
      <c r="L3351">
        <f t="shared" si="380"/>
        <v>0.27955436221352647</v>
      </c>
      <c r="M3351">
        <f t="shared" si="381"/>
        <v>0</v>
      </c>
      <c r="N3351" s="45">
        <f t="shared" si="382"/>
        <v>45065.208333325289</v>
      </c>
    </row>
    <row r="3352" spans="2:14" x14ac:dyDescent="0.25">
      <c r="B3352">
        <f t="shared" si="376"/>
        <v>5</v>
      </c>
      <c r="C3352" s="16">
        <v>3318</v>
      </c>
      <c r="D3352" cm="1">
        <f t="array" ref="D3352">IFERROR(INDEX(Jesper!AH$2:AH$366,ROUNDDOWN($C3352/24,0)+1,1)*INDEX($D$3:$AA$30,INDEX(Jesper!$R$2:$R$366,ROW(INDEX(Jesper!AH$2:AH$366,ROUNDDOWN($C3352/24,0)+1,1))-1)+IF('Standard Profiles'!$G$18=$B$10,7,0)+IF('Standard Profiles'!$G$18=$B$17,14,0)+IF('Standard Profiles'!$G$18=$B$24,21,0),MOD($C3352,24)+1)/SUM(INDEX($D$3:$AA$30,INDEX(Jesper!$R$2:$R$366,ROW(INDEX(Jesper!AH$2:AH$366,ROUNDDOWN($C3352/24,0)+1,1))-1)+IF('Standard Profiles'!$G$18=$B$10,7,0)+IF('Standard Profiles'!$G$18=$B$17,14,0)+IF('Standard Profiles'!$G$18=$B$24,21,0),0)),0)</f>
        <v>5.2416442915036212</v>
      </c>
      <c r="E3352" cm="1">
        <f t="array" ref="E3352">IFERROR(INDEX(Jesper!AI$2:AI$366,ROUNDDOWN($C3352/24,0)+1,1)*INDEX($D$3:$AA$30,INDEX(Jesper!$R$2:$R$366,ROW(INDEX(Jesper!AI$2:AI$366,ROUNDDOWN($C3352/24,0)+1,1))-1)+IF('Standard Profiles'!$G$19=$B$10,7,0)+IF('Standard Profiles'!$G$19=$B$17,14,0)+IF('Standard Profiles'!$G$19=$B$24,21,0),MOD($C3352,24)+1)/SUM(INDEX($D$3:$AA$30,INDEX(Jesper!$R$2:$R$366,ROW(INDEX(Jesper!AI$2:AI$366,ROUNDDOWN($C3352/24,0)+1,1))-1)+IF('Standard Profiles'!$G$19=$B$10,7,0)+IF('Standard Profiles'!$G$19=$B$17,14,0)+IF('Standard Profiles'!$G$19=$B$24,21,0),0)),0)</f>
        <v>3.2892627150423612</v>
      </c>
      <c r="F3352" cm="1">
        <f t="array" ref="F3352">IFERROR(INDEX(Jesper!AJ$2:AJ$366,ROUNDDOWN($C3352/24,0)+1,1)*INDEX($D$3:$AA$30,INDEX(Jesper!$R$2:$R$366,ROW(INDEX(Jesper!AJ$2:AJ$366,ROUNDDOWN($C3352/24,0)+1,1))-1)+IF('Standard Profiles'!$G$20=$B$10,7,0)+IF('Standard Profiles'!$G$20=$B$17,14,0)+IF('Standard Profiles'!$G$20=$B$24,21,0),MOD($C3352,24)+1)/SUM(INDEX($D$3:$AA$30,INDEX(Jesper!$R$2:$R$366,ROW(INDEX(Jesper!AJ$2:AJ$366,ROUNDDOWN($C3352/24,0)+1,1))-1)+IF('Standard Profiles'!$G$20=$B$10,7,0)+IF('Standard Profiles'!$G$20=$B$17,14,0)+IF('Standard Profiles'!$G$20=$B$24,21,0),0)),0)</f>
        <v>0</v>
      </c>
      <c r="G3352" cm="1">
        <f t="array" ref="G3352">IFERROR(INDEX(Jesper!AK$2:AK$366,ROUNDDOWN($C3352/24,0)+1,1)*INDEX($D$3:$AA$30,INDEX(Jesper!$R$2:$R$366,ROW(INDEX(Jesper!AK$2:AK$366,ROUNDDOWN($C3352/24,0)+1,1))-1)+IF('Standard Profiles'!$G$21=$B$10,7,0)+IF('Standard Profiles'!$G$21=$B$17,14,0)+IF('Standard Profiles'!$G$21=$B$24,21,0),MOD($C3352,24)+1)/SUM(INDEX($D$3:$AA$30,INDEX(Jesper!$R$2:$R$366,ROW(INDEX(Jesper!AK$2:AK$366,ROUNDDOWN($C3352/24,0)+1,1))-1)+IF('Standard Profiles'!$G$21=$B$10,7,0)+IF('Standard Profiles'!$G$21=$B$17,14,0)+IF('Standard Profiles'!$G$21=$B$24,21,0),0)),0)</f>
        <v>0.9914002904887429</v>
      </c>
      <c r="H3352" cm="1">
        <f t="array" ref="H3352">IFERROR(INDEX(Jesper!AL$2:AL$366,ROUNDDOWN($C3352/24,0)+1,1)*INDEX($D$3:$AA$30,INDEX(Jesper!$R$2:$R$366,ROW(INDEX(Jesper!AL$2:AL$366,ROUNDDOWN($C3352/24,0)+1,1))-1)+IF('Standard Profiles'!$G$22=$B$10,7,0)+IF('Standard Profiles'!$G$22=$B$17,14,0)+IF('Standard Profiles'!$G$22=$B$24,21,0),MOD($C3352,24)+1)/SUM(INDEX($D$3:$AA$30,INDEX(Jesper!$R$2:$R$366,ROW(INDEX(Jesper!AL$2:AL$366,ROUNDDOWN($C3352/24,0)+1,1))-1)+IF('Standard Profiles'!$G$22=$B$10,7,0)+IF('Standard Profiles'!$G$22=$B$17,14,0)+IF('Standard Profiles'!$G$22=$B$24,21,0),0)),0)</f>
        <v>0</v>
      </c>
      <c r="I3352">
        <f t="shared" si="377"/>
        <v>0.47587213943459633</v>
      </c>
      <c r="J3352">
        <f t="shared" si="378"/>
        <v>8.2077720709595496</v>
      </c>
      <c r="K3352">
        <f t="shared" si="379"/>
        <v>0.55910872442705295</v>
      </c>
      <c r="L3352">
        <f t="shared" si="380"/>
        <v>0.27955436221352647</v>
      </c>
      <c r="M3352">
        <f t="shared" si="381"/>
        <v>0</v>
      </c>
      <c r="N3352" s="45">
        <f t="shared" si="382"/>
        <v>45065.249999991953</v>
      </c>
    </row>
    <row r="3353" spans="2:14" x14ac:dyDescent="0.25">
      <c r="B3353">
        <f t="shared" si="376"/>
        <v>5</v>
      </c>
      <c r="C3353" s="16">
        <v>3319</v>
      </c>
      <c r="D3353" cm="1">
        <f t="array" ref="D3353">IFERROR(INDEX(Jesper!AH$2:AH$366,ROUNDDOWN($C3353/24,0)+1,1)*INDEX($D$3:$AA$30,INDEX(Jesper!$R$2:$R$366,ROW(INDEX(Jesper!AH$2:AH$366,ROUNDDOWN($C3353/24,0)+1,1))-1)+IF('Standard Profiles'!$G$18=$B$10,7,0)+IF('Standard Profiles'!$G$18=$B$17,14,0)+IF('Standard Profiles'!$G$18=$B$24,21,0),MOD($C3353,24)+1)/SUM(INDEX($D$3:$AA$30,INDEX(Jesper!$R$2:$R$366,ROW(INDEX(Jesper!AH$2:AH$366,ROUNDDOWN($C3353/24,0)+1,1))-1)+IF('Standard Profiles'!$G$18=$B$10,7,0)+IF('Standard Profiles'!$G$18=$B$17,14,0)+IF('Standard Profiles'!$G$18=$B$24,21,0),0)),0)</f>
        <v>22.329404681805425</v>
      </c>
      <c r="E3353" cm="1">
        <f t="array" ref="E3353">IFERROR(INDEX(Jesper!AI$2:AI$366,ROUNDDOWN($C3353/24,0)+1,1)*INDEX($D$3:$AA$30,INDEX(Jesper!$R$2:$R$366,ROW(INDEX(Jesper!AI$2:AI$366,ROUNDDOWN($C3353/24,0)+1,1))-1)+IF('Standard Profiles'!$G$19=$B$10,7,0)+IF('Standard Profiles'!$G$19=$B$17,14,0)+IF('Standard Profiles'!$G$19=$B$24,21,0),MOD($C3353,24)+1)/SUM(INDEX($D$3:$AA$30,INDEX(Jesper!$R$2:$R$366,ROW(INDEX(Jesper!AI$2:AI$366,ROUNDDOWN($C3353/24,0)+1,1))-1)+IF('Standard Profiles'!$G$19=$B$10,7,0)+IF('Standard Profiles'!$G$19=$B$17,14,0)+IF('Standard Profiles'!$G$19=$B$24,21,0),0)),0)</f>
        <v>14.012259166080458</v>
      </c>
      <c r="F3353" cm="1">
        <f t="array" ref="F3353">IFERROR(INDEX(Jesper!AJ$2:AJ$366,ROUNDDOWN($C3353/24,0)+1,1)*INDEX($D$3:$AA$30,INDEX(Jesper!$R$2:$R$366,ROW(INDEX(Jesper!AJ$2:AJ$366,ROUNDDOWN($C3353/24,0)+1,1))-1)+IF('Standard Profiles'!$G$20=$B$10,7,0)+IF('Standard Profiles'!$G$20=$B$17,14,0)+IF('Standard Profiles'!$G$20=$B$24,21,0),MOD($C3353,24)+1)/SUM(INDEX($D$3:$AA$30,INDEX(Jesper!$R$2:$R$366,ROW(INDEX(Jesper!AJ$2:AJ$366,ROUNDDOWN($C3353/24,0)+1,1))-1)+IF('Standard Profiles'!$G$20=$B$10,7,0)+IF('Standard Profiles'!$G$20=$B$17,14,0)+IF('Standard Profiles'!$G$20=$B$24,21,0),0)),0)</f>
        <v>0</v>
      </c>
      <c r="G3353" cm="1">
        <f t="array" ref="G3353">IFERROR(INDEX(Jesper!AK$2:AK$366,ROUNDDOWN($C3353/24,0)+1,1)*INDEX($D$3:$AA$30,INDEX(Jesper!$R$2:$R$366,ROW(INDEX(Jesper!AK$2:AK$366,ROUNDDOWN($C3353/24,0)+1,1))-1)+IF('Standard Profiles'!$G$21=$B$10,7,0)+IF('Standard Profiles'!$G$21=$B$17,14,0)+IF('Standard Profiles'!$G$21=$B$24,21,0),MOD($C3353,24)+1)/SUM(INDEX($D$3:$AA$30,INDEX(Jesper!$R$2:$R$366,ROW(INDEX(Jesper!AK$2:AK$366,ROUNDDOWN($C3353/24,0)+1,1))-1)+IF('Standard Profiles'!$G$21=$B$10,7,0)+IF('Standard Profiles'!$G$21=$B$17,14,0)+IF('Standard Profiles'!$G$21=$B$24,21,0),0)),0)</f>
        <v>2.6863749806791741</v>
      </c>
      <c r="H3353" cm="1">
        <f t="array" ref="H3353">IFERROR(INDEX(Jesper!AL$2:AL$366,ROUNDDOWN($C3353/24,0)+1,1)*INDEX($D$3:$AA$30,INDEX(Jesper!$R$2:$R$366,ROW(INDEX(Jesper!AL$2:AL$366,ROUNDDOWN($C3353/24,0)+1,1))-1)+IF('Standard Profiles'!$G$22=$B$10,7,0)+IF('Standard Profiles'!$G$22=$B$17,14,0)+IF('Standard Profiles'!$G$22=$B$24,21,0),MOD($C3353,24)+1)/SUM(INDEX($D$3:$AA$30,INDEX(Jesper!$R$2:$R$366,ROW(INDEX(Jesper!AL$2:AL$366,ROUNDDOWN($C3353/24,0)+1,1))-1)+IF('Standard Profiles'!$G$22=$B$10,7,0)+IF('Standard Profiles'!$G$22=$B$17,14,0)+IF('Standard Profiles'!$G$22=$B$24,21,0),0)),0)</f>
        <v>0</v>
      </c>
      <c r="I3353">
        <f t="shared" si="377"/>
        <v>1.2894599907260029</v>
      </c>
      <c r="J3353">
        <f t="shared" si="378"/>
        <v>34.165874088750186</v>
      </c>
      <c r="K3353">
        <f t="shared" si="379"/>
        <v>2.3818031660592456</v>
      </c>
      <c r="L3353">
        <f t="shared" si="380"/>
        <v>1.1909015830296228</v>
      </c>
      <c r="M3353">
        <f t="shared" si="381"/>
        <v>0</v>
      </c>
      <c r="N3353" s="45">
        <f t="shared" si="382"/>
        <v>45065.291666658617</v>
      </c>
    </row>
    <row r="3354" spans="2:14" x14ac:dyDescent="0.25">
      <c r="B3354">
        <f t="shared" si="376"/>
        <v>5</v>
      </c>
      <c r="C3354" s="16">
        <v>3320</v>
      </c>
      <c r="D3354" cm="1">
        <f t="array" ref="D3354">IFERROR(INDEX(Jesper!AH$2:AH$366,ROUNDDOWN($C3354/24,0)+1,1)*INDEX($D$3:$AA$30,INDEX(Jesper!$R$2:$R$366,ROW(INDEX(Jesper!AH$2:AH$366,ROUNDDOWN($C3354/24,0)+1,1))-1)+IF('Standard Profiles'!$G$18=$B$10,7,0)+IF('Standard Profiles'!$G$18=$B$17,14,0)+IF('Standard Profiles'!$G$18=$B$24,21,0),MOD($C3354,24)+1)/SUM(INDEX($D$3:$AA$30,INDEX(Jesper!$R$2:$R$366,ROW(INDEX(Jesper!AH$2:AH$366,ROUNDDOWN($C3354/24,0)+1,1))-1)+IF('Standard Profiles'!$G$18=$B$10,7,0)+IF('Standard Profiles'!$G$18=$B$17,14,0)+IF('Standard Profiles'!$G$18=$B$24,21,0),0)),0)</f>
        <v>27.911755852256782</v>
      </c>
      <c r="E3354" cm="1">
        <f t="array" ref="E3354">IFERROR(INDEX(Jesper!AI$2:AI$366,ROUNDDOWN($C3354/24,0)+1,1)*INDEX($D$3:$AA$30,INDEX(Jesper!$R$2:$R$366,ROW(INDEX(Jesper!AI$2:AI$366,ROUNDDOWN($C3354/24,0)+1,1))-1)+IF('Standard Profiles'!$G$19=$B$10,7,0)+IF('Standard Profiles'!$G$19=$B$17,14,0)+IF('Standard Profiles'!$G$19=$B$24,21,0),MOD($C3354,24)+1)/SUM(INDEX($D$3:$AA$30,INDEX(Jesper!$R$2:$R$366,ROW(INDEX(Jesper!AI$2:AI$366,ROUNDDOWN($C3354/24,0)+1,1))-1)+IF('Standard Profiles'!$G$19=$B$10,7,0)+IF('Standard Profiles'!$G$19=$B$17,14,0)+IF('Standard Profiles'!$G$19=$B$24,21,0),0)),0)</f>
        <v>17.515323957600572</v>
      </c>
      <c r="F3354" cm="1">
        <f t="array" ref="F3354">IFERROR(INDEX(Jesper!AJ$2:AJ$366,ROUNDDOWN($C3354/24,0)+1,1)*INDEX($D$3:$AA$30,INDEX(Jesper!$R$2:$R$366,ROW(INDEX(Jesper!AJ$2:AJ$366,ROUNDDOWN($C3354/24,0)+1,1))-1)+IF('Standard Profiles'!$G$20=$B$10,7,0)+IF('Standard Profiles'!$G$20=$B$17,14,0)+IF('Standard Profiles'!$G$20=$B$24,21,0),MOD($C3354,24)+1)/SUM(INDEX($D$3:$AA$30,INDEX(Jesper!$R$2:$R$366,ROW(INDEX(Jesper!AJ$2:AJ$366,ROUNDDOWN($C3354/24,0)+1,1))-1)+IF('Standard Profiles'!$G$20=$B$10,7,0)+IF('Standard Profiles'!$G$20=$B$17,14,0)+IF('Standard Profiles'!$G$20=$B$24,21,0),0)),0)</f>
        <v>0</v>
      </c>
      <c r="G3354" cm="1">
        <f t="array" ref="G3354">IFERROR(INDEX(Jesper!AK$2:AK$366,ROUNDDOWN($C3354/24,0)+1,1)*INDEX($D$3:$AA$30,INDEX(Jesper!$R$2:$R$366,ROW(INDEX(Jesper!AK$2:AK$366,ROUNDDOWN($C3354/24,0)+1,1))-1)+IF('Standard Profiles'!$G$21=$B$10,7,0)+IF('Standard Profiles'!$G$21=$B$17,14,0)+IF('Standard Profiles'!$G$21=$B$24,21,0),MOD($C3354,24)+1)/SUM(INDEX($D$3:$AA$30,INDEX(Jesper!$R$2:$R$366,ROW(INDEX(Jesper!AK$2:AK$366,ROUNDDOWN($C3354/24,0)+1,1))-1)+IF('Standard Profiles'!$G$21=$B$10,7,0)+IF('Standard Profiles'!$G$21=$B$17,14,0)+IF('Standard Profiles'!$G$21=$B$24,21,0),0)),0)</f>
        <v>3.3579687258489677</v>
      </c>
      <c r="H3354" cm="1">
        <f t="array" ref="H3354">IFERROR(INDEX(Jesper!AL$2:AL$366,ROUNDDOWN($C3354/24,0)+1,1)*INDEX($D$3:$AA$30,INDEX(Jesper!$R$2:$R$366,ROW(INDEX(Jesper!AL$2:AL$366,ROUNDDOWN($C3354/24,0)+1,1))-1)+IF('Standard Profiles'!$G$22=$B$10,7,0)+IF('Standard Profiles'!$G$22=$B$17,14,0)+IF('Standard Profiles'!$G$22=$B$24,21,0),MOD($C3354,24)+1)/SUM(INDEX($D$3:$AA$30,INDEX(Jesper!$R$2:$R$366,ROW(INDEX(Jesper!AL$2:AL$366,ROUNDDOWN($C3354/24,0)+1,1))-1)+IF('Standard Profiles'!$G$22=$B$10,7,0)+IF('Standard Profiles'!$G$22=$B$17,14,0)+IF('Standard Profiles'!$G$22=$B$24,21,0),0)),0)</f>
        <v>0</v>
      </c>
      <c r="I3354">
        <f t="shared" si="377"/>
        <v>1.6118249884075038</v>
      </c>
      <c r="J3354">
        <f t="shared" si="378"/>
        <v>42.707342610937737</v>
      </c>
      <c r="K3354">
        <f t="shared" si="379"/>
        <v>2.9772539575740571</v>
      </c>
      <c r="L3354">
        <f t="shared" si="380"/>
        <v>1.4886269787870285</v>
      </c>
      <c r="M3354">
        <f t="shared" si="381"/>
        <v>0</v>
      </c>
      <c r="N3354" s="45">
        <f t="shared" si="382"/>
        <v>45065.333333325281</v>
      </c>
    </row>
    <row r="3355" spans="2:14" x14ac:dyDescent="0.25">
      <c r="B3355">
        <f t="shared" si="376"/>
        <v>5</v>
      </c>
      <c r="C3355" s="16">
        <v>3321</v>
      </c>
      <c r="D3355" cm="1">
        <f t="array" ref="D3355">IFERROR(INDEX(Jesper!AH$2:AH$366,ROUNDDOWN($C3355/24,0)+1,1)*INDEX($D$3:$AA$30,INDEX(Jesper!$R$2:$R$366,ROW(INDEX(Jesper!AH$2:AH$366,ROUNDDOWN($C3355/24,0)+1,1))-1)+IF('Standard Profiles'!$G$18=$B$10,7,0)+IF('Standard Profiles'!$G$18=$B$17,14,0)+IF('Standard Profiles'!$G$18=$B$24,21,0),MOD($C3355,24)+1)/SUM(INDEX($D$3:$AA$30,INDEX(Jesper!$R$2:$R$366,ROW(INDEX(Jesper!AH$2:AH$366,ROUNDDOWN($C3355/24,0)+1,1))-1)+IF('Standard Profiles'!$G$18=$B$10,7,0)+IF('Standard Profiles'!$G$18=$B$17,14,0)+IF('Standard Profiles'!$G$18=$B$24,21,0),0)),0)</f>
        <v>30.702931437482459</v>
      </c>
      <c r="E3355" cm="1">
        <f t="array" ref="E3355">IFERROR(INDEX(Jesper!AI$2:AI$366,ROUNDDOWN($C3355/24,0)+1,1)*INDEX($D$3:$AA$30,INDEX(Jesper!$R$2:$R$366,ROW(INDEX(Jesper!AI$2:AI$366,ROUNDDOWN($C3355/24,0)+1,1))-1)+IF('Standard Profiles'!$G$19=$B$10,7,0)+IF('Standard Profiles'!$G$19=$B$17,14,0)+IF('Standard Profiles'!$G$19=$B$24,21,0),MOD($C3355,24)+1)/SUM(INDEX($D$3:$AA$30,INDEX(Jesper!$R$2:$R$366,ROW(INDEX(Jesper!AI$2:AI$366,ROUNDDOWN($C3355/24,0)+1,1))-1)+IF('Standard Profiles'!$G$19=$B$10,7,0)+IF('Standard Profiles'!$G$19=$B$17,14,0)+IF('Standard Profiles'!$G$19=$B$24,21,0),0)),0)</f>
        <v>19.26685635336063</v>
      </c>
      <c r="F3355" cm="1">
        <f t="array" ref="F3355">IFERROR(INDEX(Jesper!AJ$2:AJ$366,ROUNDDOWN($C3355/24,0)+1,1)*INDEX($D$3:$AA$30,INDEX(Jesper!$R$2:$R$366,ROW(INDEX(Jesper!AJ$2:AJ$366,ROUNDDOWN($C3355/24,0)+1,1))-1)+IF('Standard Profiles'!$G$20=$B$10,7,0)+IF('Standard Profiles'!$G$20=$B$17,14,0)+IF('Standard Profiles'!$G$20=$B$24,21,0),MOD($C3355,24)+1)/SUM(INDEX($D$3:$AA$30,INDEX(Jesper!$R$2:$R$366,ROW(INDEX(Jesper!AJ$2:AJ$366,ROUNDDOWN($C3355/24,0)+1,1))-1)+IF('Standard Profiles'!$G$20=$B$10,7,0)+IF('Standard Profiles'!$G$20=$B$17,14,0)+IF('Standard Profiles'!$G$20=$B$24,21,0),0)),0)</f>
        <v>0</v>
      </c>
      <c r="G3355" cm="1">
        <f t="array" ref="G3355">IFERROR(INDEX(Jesper!AK$2:AK$366,ROUNDDOWN($C3355/24,0)+1,1)*INDEX($D$3:$AA$30,INDEX(Jesper!$R$2:$R$366,ROW(INDEX(Jesper!AK$2:AK$366,ROUNDDOWN($C3355/24,0)+1,1))-1)+IF('Standard Profiles'!$G$21=$B$10,7,0)+IF('Standard Profiles'!$G$21=$B$17,14,0)+IF('Standard Profiles'!$G$21=$B$24,21,0),MOD($C3355,24)+1)/SUM(INDEX($D$3:$AA$30,INDEX(Jesper!$R$2:$R$366,ROW(INDEX(Jesper!AK$2:AK$366,ROUNDDOWN($C3355/24,0)+1,1))-1)+IF('Standard Profiles'!$G$21=$B$10,7,0)+IF('Standard Profiles'!$G$21=$B$17,14,0)+IF('Standard Profiles'!$G$21=$B$24,21,0),0)),0)</f>
        <v>3.6937655984338646</v>
      </c>
      <c r="H3355" cm="1">
        <f t="array" ref="H3355">IFERROR(INDEX(Jesper!AL$2:AL$366,ROUNDDOWN($C3355/24,0)+1,1)*INDEX($D$3:$AA$30,INDEX(Jesper!$R$2:$R$366,ROW(INDEX(Jesper!AL$2:AL$366,ROUNDDOWN($C3355/24,0)+1,1))-1)+IF('Standard Profiles'!$G$22=$B$10,7,0)+IF('Standard Profiles'!$G$22=$B$17,14,0)+IF('Standard Profiles'!$G$22=$B$24,21,0),MOD($C3355,24)+1)/SUM(INDEX($D$3:$AA$30,INDEX(Jesper!$R$2:$R$366,ROW(INDEX(Jesper!AL$2:AL$366,ROUNDDOWN($C3355/24,0)+1,1))-1)+IF('Standard Profiles'!$G$22=$B$10,7,0)+IF('Standard Profiles'!$G$22=$B$17,14,0)+IF('Standard Profiles'!$G$22=$B$24,21,0),0)),0)</f>
        <v>0</v>
      </c>
      <c r="I3355">
        <f t="shared" si="377"/>
        <v>1.7730074872482542</v>
      </c>
      <c r="J3355">
        <f t="shared" si="378"/>
        <v>46.978076872031508</v>
      </c>
      <c r="K3355">
        <f t="shared" si="379"/>
        <v>3.2749793533314624</v>
      </c>
      <c r="L3355">
        <f t="shared" si="380"/>
        <v>1.6374896766657312</v>
      </c>
      <c r="M3355">
        <f t="shared" si="381"/>
        <v>0</v>
      </c>
      <c r="N3355" s="45">
        <f t="shared" si="382"/>
        <v>45065.374999991946</v>
      </c>
    </row>
    <row r="3356" spans="2:14" x14ac:dyDescent="0.25">
      <c r="B3356">
        <f t="shared" si="376"/>
        <v>5</v>
      </c>
      <c r="C3356" s="16">
        <v>3322</v>
      </c>
      <c r="D3356" cm="1">
        <f t="array" ref="D3356">IFERROR(INDEX(Jesper!AH$2:AH$366,ROUNDDOWN($C3356/24,0)+1,1)*INDEX($D$3:$AA$30,INDEX(Jesper!$R$2:$R$366,ROW(INDEX(Jesper!AH$2:AH$366,ROUNDDOWN($C3356/24,0)+1,1))-1)+IF('Standard Profiles'!$G$18=$B$10,7,0)+IF('Standard Profiles'!$G$18=$B$17,14,0)+IF('Standard Profiles'!$G$18=$B$24,21,0),MOD($C3356,24)+1)/SUM(INDEX($D$3:$AA$30,INDEX(Jesper!$R$2:$R$366,ROW(INDEX(Jesper!AH$2:AH$366,ROUNDDOWN($C3356/24,0)+1,1))-1)+IF('Standard Profiles'!$G$18=$B$10,7,0)+IF('Standard Profiles'!$G$18=$B$17,14,0)+IF('Standard Profiles'!$G$18=$B$24,21,0),0)),0)</f>
        <v>30.702931437482459</v>
      </c>
      <c r="E3356" cm="1">
        <f t="array" ref="E3356">IFERROR(INDEX(Jesper!AI$2:AI$366,ROUNDDOWN($C3356/24,0)+1,1)*INDEX($D$3:$AA$30,INDEX(Jesper!$R$2:$R$366,ROW(INDEX(Jesper!AI$2:AI$366,ROUNDDOWN($C3356/24,0)+1,1))-1)+IF('Standard Profiles'!$G$19=$B$10,7,0)+IF('Standard Profiles'!$G$19=$B$17,14,0)+IF('Standard Profiles'!$G$19=$B$24,21,0),MOD($C3356,24)+1)/SUM(INDEX($D$3:$AA$30,INDEX(Jesper!$R$2:$R$366,ROW(INDEX(Jesper!AI$2:AI$366,ROUNDDOWN($C3356/24,0)+1,1))-1)+IF('Standard Profiles'!$G$19=$B$10,7,0)+IF('Standard Profiles'!$G$19=$B$17,14,0)+IF('Standard Profiles'!$G$19=$B$24,21,0),0)),0)</f>
        <v>19.26685635336063</v>
      </c>
      <c r="F3356" cm="1">
        <f t="array" ref="F3356">IFERROR(INDEX(Jesper!AJ$2:AJ$366,ROUNDDOWN($C3356/24,0)+1,1)*INDEX($D$3:$AA$30,INDEX(Jesper!$R$2:$R$366,ROW(INDEX(Jesper!AJ$2:AJ$366,ROUNDDOWN($C3356/24,0)+1,1))-1)+IF('Standard Profiles'!$G$20=$B$10,7,0)+IF('Standard Profiles'!$G$20=$B$17,14,0)+IF('Standard Profiles'!$G$20=$B$24,21,0),MOD($C3356,24)+1)/SUM(INDEX($D$3:$AA$30,INDEX(Jesper!$R$2:$R$366,ROW(INDEX(Jesper!AJ$2:AJ$366,ROUNDDOWN($C3356/24,0)+1,1))-1)+IF('Standard Profiles'!$G$20=$B$10,7,0)+IF('Standard Profiles'!$G$20=$B$17,14,0)+IF('Standard Profiles'!$G$20=$B$24,21,0),0)),0)</f>
        <v>0</v>
      </c>
      <c r="G3356" cm="1">
        <f t="array" ref="G3356">IFERROR(INDEX(Jesper!AK$2:AK$366,ROUNDDOWN($C3356/24,0)+1,1)*INDEX($D$3:$AA$30,INDEX(Jesper!$R$2:$R$366,ROW(INDEX(Jesper!AK$2:AK$366,ROUNDDOWN($C3356/24,0)+1,1))-1)+IF('Standard Profiles'!$G$21=$B$10,7,0)+IF('Standard Profiles'!$G$21=$B$17,14,0)+IF('Standard Profiles'!$G$21=$B$24,21,0),MOD($C3356,24)+1)/SUM(INDEX($D$3:$AA$30,INDEX(Jesper!$R$2:$R$366,ROW(INDEX(Jesper!AK$2:AK$366,ROUNDDOWN($C3356/24,0)+1,1))-1)+IF('Standard Profiles'!$G$21=$B$10,7,0)+IF('Standard Profiles'!$G$21=$B$17,14,0)+IF('Standard Profiles'!$G$21=$B$24,21,0),0)),0)</f>
        <v>3.6937655984338646</v>
      </c>
      <c r="H3356" cm="1">
        <f t="array" ref="H3356">IFERROR(INDEX(Jesper!AL$2:AL$366,ROUNDDOWN($C3356/24,0)+1,1)*INDEX($D$3:$AA$30,INDEX(Jesper!$R$2:$R$366,ROW(INDEX(Jesper!AL$2:AL$366,ROUNDDOWN($C3356/24,0)+1,1))-1)+IF('Standard Profiles'!$G$22=$B$10,7,0)+IF('Standard Profiles'!$G$22=$B$17,14,0)+IF('Standard Profiles'!$G$22=$B$24,21,0),MOD($C3356,24)+1)/SUM(INDEX($D$3:$AA$30,INDEX(Jesper!$R$2:$R$366,ROW(INDEX(Jesper!AL$2:AL$366,ROUNDDOWN($C3356/24,0)+1,1))-1)+IF('Standard Profiles'!$G$22=$B$10,7,0)+IF('Standard Profiles'!$G$22=$B$17,14,0)+IF('Standard Profiles'!$G$22=$B$24,21,0),0)),0)</f>
        <v>0</v>
      </c>
      <c r="I3356">
        <f t="shared" si="377"/>
        <v>1.7730074872482542</v>
      </c>
      <c r="J3356">
        <f t="shared" si="378"/>
        <v>46.978076872031508</v>
      </c>
      <c r="K3356">
        <f t="shared" si="379"/>
        <v>3.2749793533314624</v>
      </c>
      <c r="L3356">
        <f t="shared" si="380"/>
        <v>1.6374896766657312</v>
      </c>
      <c r="M3356">
        <f t="shared" si="381"/>
        <v>0</v>
      </c>
      <c r="N3356" s="45">
        <f t="shared" si="382"/>
        <v>45065.41666665861</v>
      </c>
    </row>
    <row r="3357" spans="2:14" x14ac:dyDescent="0.25">
      <c r="B3357">
        <f t="shared" si="376"/>
        <v>5</v>
      </c>
      <c r="C3357" s="16">
        <v>3323</v>
      </c>
      <c r="D3357" cm="1">
        <f t="array" ref="D3357">IFERROR(INDEX(Jesper!AH$2:AH$366,ROUNDDOWN($C3357/24,0)+1,1)*INDEX($D$3:$AA$30,INDEX(Jesper!$R$2:$R$366,ROW(INDEX(Jesper!AH$2:AH$366,ROUNDDOWN($C3357/24,0)+1,1))-1)+IF('Standard Profiles'!$G$18=$B$10,7,0)+IF('Standard Profiles'!$G$18=$B$17,14,0)+IF('Standard Profiles'!$G$18=$B$24,21,0),MOD($C3357,24)+1)/SUM(INDEX($D$3:$AA$30,INDEX(Jesper!$R$2:$R$366,ROW(INDEX(Jesper!AH$2:AH$366,ROUNDDOWN($C3357/24,0)+1,1))-1)+IF('Standard Profiles'!$G$18=$B$10,7,0)+IF('Standard Profiles'!$G$18=$B$17,14,0)+IF('Standard Profiles'!$G$18=$B$24,21,0),0)),0)</f>
        <v>36.285282607933816</v>
      </c>
      <c r="E3357" cm="1">
        <f t="array" ref="E3357">IFERROR(INDEX(Jesper!AI$2:AI$366,ROUNDDOWN($C3357/24,0)+1,1)*INDEX($D$3:$AA$30,INDEX(Jesper!$R$2:$R$366,ROW(INDEX(Jesper!AI$2:AI$366,ROUNDDOWN($C3357/24,0)+1,1))-1)+IF('Standard Profiles'!$G$19=$B$10,7,0)+IF('Standard Profiles'!$G$19=$B$17,14,0)+IF('Standard Profiles'!$G$19=$B$24,21,0),MOD($C3357,24)+1)/SUM(INDEX($D$3:$AA$30,INDEX(Jesper!$R$2:$R$366,ROW(INDEX(Jesper!AI$2:AI$366,ROUNDDOWN($C3357/24,0)+1,1))-1)+IF('Standard Profiles'!$G$19=$B$10,7,0)+IF('Standard Profiles'!$G$19=$B$17,14,0)+IF('Standard Profiles'!$G$19=$B$24,21,0),0)),0)</f>
        <v>22.769921144880744</v>
      </c>
      <c r="F3357" cm="1">
        <f t="array" ref="F3357">IFERROR(INDEX(Jesper!AJ$2:AJ$366,ROUNDDOWN($C3357/24,0)+1,1)*INDEX($D$3:$AA$30,INDEX(Jesper!$R$2:$R$366,ROW(INDEX(Jesper!AJ$2:AJ$366,ROUNDDOWN($C3357/24,0)+1,1))-1)+IF('Standard Profiles'!$G$20=$B$10,7,0)+IF('Standard Profiles'!$G$20=$B$17,14,0)+IF('Standard Profiles'!$G$20=$B$24,21,0),MOD($C3357,24)+1)/SUM(INDEX($D$3:$AA$30,INDEX(Jesper!$R$2:$R$366,ROW(INDEX(Jesper!AJ$2:AJ$366,ROUNDDOWN($C3357/24,0)+1,1))-1)+IF('Standard Profiles'!$G$20=$B$10,7,0)+IF('Standard Profiles'!$G$20=$B$17,14,0)+IF('Standard Profiles'!$G$20=$B$24,21,0),0)),0)</f>
        <v>0</v>
      </c>
      <c r="G3357" cm="1">
        <f t="array" ref="G3357">IFERROR(INDEX(Jesper!AK$2:AK$366,ROUNDDOWN($C3357/24,0)+1,1)*INDEX($D$3:$AA$30,INDEX(Jesper!$R$2:$R$366,ROW(INDEX(Jesper!AK$2:AK$366,ROUNDDOWN($C3357/24,0)+1,1))-1)+IF('Standard Profiles'!$G$21=$B$10,7,0)+IF('Standard Profiles'!$G$21=$B$17,14,0)+IF('Standard Profiles'!$G$21=$B$24,21,0),MOD($C3357,24)+1)/SUM(INDEX($D$3:$AA$30,INDEX(Jesper!$R$2:$R$366,ROW(INDEX(Jesper!AK$2:AK$366,ROUNDDOWN($C3357/24,0)+1,1))-1)+IF('Standard Profiles'!$G$21=$B$10,7,0)+IF('Standard Profiles'!$G$21=$B$17,14,0)+IF('Standard Profiles'!$G$21=$B$24,21,0),0)),0)</f>
        <v>4.3653593436036582</v>
      </c>
      <c r="H3357" cm="1">
        <f t="array" ref="H3357">IFERROR(INDEX(Jesper!AL$2:AL$366,ROUNDDOWN($C3357/24,0)+1,1)*INDEX($D$3:$AA$30,INDEX(Jesper!$R$2:$R$366,ROW(INDEX(Jesper!AL$2:AL$366,ROUNDDOWN($C3357/24,0)+1,1))-1)+IF('Standard Profiles'!$G$22=$B$10,7,0)+IF('Standard Profiles'!$G$22=$B$17,14,0)+IF('Standard Profiles'!$G$22=$B$24,21,0),MOD($C3357,24)+1)/SUM(INDEX($D$3:$AA$30,INDEX(Jesper!$R$2:$R$366,ROW(INDEX(Jesper!AL$2:AL$366,ROUNDDOWN($C3357/24,0)+1,1))-1)+IF('Standard Profiles'!$G$22=$B$10,7,0)+IF('Standard Profiles'!$G$22=$B$17,14,0)+IF('Standard Profiles'!$G$22=$B$24,21,0),0)),0)</f>
        <v>0</v>
      </c>
      <c r="I3357">
        <f t="shared" si="377"/>
        <v>2.0953724849297548</v>
      </c>
      <c r="J3357">
        <f t="shared" si="378"/>
        <v>55.519545394219051</v>
      </c>
      <c r="K3357">
        <f t="shared" si="379"/>
        <v>3.8704301448462739</v>
      </c>
      <c r="L3357">
        <f t="shared" si="380"/>
        <v>1.935215072423137</v>
      </c>
      <c r="M3357">
        <f t="shared" si="381"/>
        <v>0</v>
      </c>
      <c r="N3357" s="45">
        <f t="shared" si="382"/>
        <v>45065.458333325274</v>
      </c>
    </row>
    <row r="3358" spans="2:14" x14ac:dyDescent="0.25">
      <c r="B3358">
        <f t="shared" si="376"/>
        <v>5</v>
      </c>
      <c r="C3358" s="16">
        <v>3324</v>
      </c>
      <c r="D3358" cm="1">
        <f t="array" ref="D3358">IFERROR(INDEX(Jesper!AH$2:AH$366,ROUNDDOWN($C3358/24,0)+1,1)*INDEX($D$3:$AA$30,INDEX(Jesper!$R$2:$R$366,ROW(INDEX(Jesper!AH$2:AH$366,ROUNDDOWN($C3358/24,0)+1,1))-1)+IF('Standard Profiles'!$G$18=$B$10,7,0)+IF('Standard Profiles'!$G$18=$B$17,14,0)+IF('Standard Profiles'!$G$18=$B$24,21,0),MOD($C3358,24)+1)/SUM(INDEX($D$3:$AA$30,INDEX(Jesper!$R$2:$R$366,ROW(INDEX(Jesper!AH$2:AH$366,ROUNDDOWN($C3358/24,0)+1,1))-1)+IF('Standard Profiles'!$G$18=$B$10,7,0)+IF('Standard Profiles'!$G$18=$B$17,14,0)+IF('Standard Profiles'!$G$18=$B$24,21,0),0)),0)</f>
        <v>36.285282607933816</v>
      </c>
      <c r="E3358" cm="1">
        <f t="array" ref="E3358">IFERROR(INDEX(Jesper!AI$2:AI$366,ROUNDDOWN($C3358/24,0)+1,1)*INDEX($D$3:$AA$30,INDEX(Jesper!$R$2:$R$366,ROW(INDEX(Jesper!AI$2:AI$366,ROUNDDOWN($C3358/24,0)+1,1))-1)+IF('Standard Profiles'!$G$19=$B$10,7,0)+IF('Standard Profiles'!$G$19=$B$17,14,0)+IF('Standard Profiles'!$G$19=$B$24,21,0),MOD($C3358,24)+1)/SUM(INDEX($D$3:$AA$30,INDEX(Jesper!$R$2:$R$366,ROW(INDEX(Jesper!AI$2:AI$366,ROUNDDOWN($C3358/24,0)+1,1))-1)+IF('Standard Profiles'!$G$19=$B$10,7,0)+IF('Standard Profiles'!$G$19=$B$17,14,0)+IF('Standard Profiles'!$G$19=$B$24,21,0),0)),0)</f>
        <v>22.769921144880744</v>
      </c>
      <c r="F3358" cm="1">
        <f t="array" ref="F3358">IFERROR(INDEX(Jesper!AJ$2:AJ$366,ROUNDDOWN($C3358/24,0)+1,1)*INDEX($D$3:$AA$30,INDEX(Jesper!$R$2:$R$366,ROW(INDEX(Jesper!AJ$2:AJ$366,ROUNDDOWN($C3358/24,0)+1,1))-1)+IF('Standard Profiles'!$G$20=$B$10,7,0)+IF('Standard Profiles'!$G$20=$B$17,14,0)+IF('Standard Profiles'!$G$20=$B$24,21,0),MOD($C3358,24)+1)/SUM(INDEX($D$3:$AA$30,INDEX(Jesper!$R$2:$R$366,ROW(INDEX(Jesper!AJ$2:AJ$366,ROUNDDOWN($C3358/24,0)+1,1))-1)+IF('Standard Profiles'!$G$20=$B$10,7,0)+IF('Standard Profiles'!$G$20=$B$17,14,0)+IF('Standard Profiles'!$G$20=$B$24,21,0),0)),0)</f>
        <v>0</v>
      </c>
      <c r="G3358" cm="1">
        <f t="array" ref="G3358">IFERROR(INDEX(Jesper!AK$2:AK$366,ROUNDDOWN($C3358/24,0)+1,1)*INDEX($D$3:$AA$30,INDEX(Jesper!$R$2:$R$366,ROW(INDEX(Jesper!AK$2:AK$366,ROUNDDOWN($C3358/24,0)+1,1))-1)+IF('Standard Profiles'!$G$21=$B$10,7,0)+IF('Standard Profiles'!$G$21=$B$17,14,0)+IF('Standard Profiles'!$G$21=$B$24,21,0),MOD($C3358,24)+1)/SUM(INDEX($D$3:$AA$30,INDEX(Jesper!$R$2:$R$366,ROW(INDEX(Jesper!AK$2:AK$366,ROUNDDOWN($C3358/24,0)+1,1))-1)+IF('Standard Profiles'!$G$21=$B$10,7,0)+IF('Standard Profiles'!$G$21=$B$17,14,0)+IF('Standard Profiles'!$G$21=$B$24,21,0),0)),0)</f>
        <v>4.3653593436036582</v>
      </c>
      <c r="H3358" cm="1">
        <f t="array" ref="H3358">IFERROR(INDEX(Jesper!AL$2:AL$366,ROUNDDOWN($C3358/24,0)+1,1)*INDEX($D$3:$AA$30,INDEX(Jesper!$R$2:$R$366,ROW(INDEX(Jesper!AL$2:AL$366,ROUNDDOWN($C3358/24,0)+1,1))-1)+IF('Standard Profiles'!$G$22=$B$10,7,0)+IF('Standard Profiles'!$G$22=$B$17,14,0)+IF('Standard Profiles'!$G$22=$B$24,21,0),MOD($C3358,24)+1)/SUM(INDEX($D$3:$AA$30,INDEX(Jesper!$R$2:$R$366,ROW(INDEX(Jesper!AL$2:AL$366,ROUNDDOWN($C3358/24,0)+1,1))-1)+IF('Standard Profiles'!$G$22=$B$10,7,0)+IF('Standard Profiles'!$G$22=$B$17,14,0)+IF('Standard Profiles'!$G$22=$B$24,21,0),0)),0)</f>
        <v>0</v>
      </c>
      <c r="I3358">
        <f t="shared" si="377"/>
        <v>2.0953724849297548</v>
      </c>
      <c r="J3358">
        <f t="shared" si="378"/>
        <v>55.519545394219051</v>
      </c>
      <c r="K3358">
        <f t="shared" si="379"/>
        <v>3.8704301448462739</v>
      </c>
      <c r="L3358">
        <f t="shared" si="380"/>
        <v>1.935215072423137</v>
      </c>
      <c r="M3358">
        <f t="shared" si="381"/>
        <v>0</v>
      </c>
      <c r="N3358" s="45">
        <f t="shared" si="382"/>
        <v>45065.499999991938</v>
      </c>
    </row>
    <row r="3359" spans="2:14" x14ac:dyDescent="0.25">
      <c r="B3359">
        <f t="shared" si="376"/>
        <v>5</v>
      </c>
      <c r="C3359" s="16">
        <v>3325</v>
      </c>
      <c r="D3359" cm="1">
        <f t="array" ref="D3359">IFERROR(INDEX(Jesper!AH$2:AH$366,ROUNDDOWN($C3359/24,0)+1,1)*INDEX($D$3:$AA$30,INDEX(Jesper!$R$2:$R$366,ROW(INDEX(Jesper!AH$2:AH$366,ROUNDDOWN($C3359/24,0)+1,1))-1)+IF('Standard Profiles'!$G$18=$B$10,7,0)+IF('Standard Profiles'!$G$18=$B$17,14,0)+IF('Standard Profiles'!$G$18=$B$24,21,0),MOD($C3359,24)+1)/SUM(INDEX($D$3:$AA$30,INDEX(Jesper!$R$2:$R$366,ROW(INDEX(Jesper!AH$2:AH$366,ROUNDDOWN($C3359/24,0)+1,1))-1)+IF('Standard Profiles'!$G$18=$B$10,7,0)+IF('Standard Profiles'!$G$18=$B$17,14,0)+IF('Standard Profiles'!$G$18=$B$24,21,0),0)),0)</f>
        <v>25.120580267031102</v>
      </c>
      <c r="E3359" cm="1">
        <f t="array" ref="E3359">IFERROR(INDEX(Jesper!AI$2:AI$366,ROUNDDOWN($C3359/24,0)+1,1)*INDEX($D$3:$AA$30,INDEX(Jesper!$R$2:$R$366,ROW(INDEX(Jesper!AI$2:AI$366,ROUNDDOWN($C3359/24,0)+1,1))-1)+IF('Standard Profiles'!$G$19=$B$10,7,0)+IF('Standard Profiles'!$G$19=$B$17,14,0)+IF('Standard Profiles'!$G$19=$B$24,21,0),MOD($C3359,24)+1)/SUM(INDEX($D$3:$AA$30,INDEX(Jesper!$R$2:$R$366,ROW(INDEX(Jesper!AI$2:AI$366,ROUNDDOWN($C3359/24,0)+1,1))-1)+IF('Standard Profiles'!$G$19=$B$10,7,0)+IF('Standard Profiles'!$G$19=$B$17,14,0)+IF('Standard Profiles'!$G$19=$B$24,21,0),0)),0)</f>
        <v>15.763791561840517</v>
      </c>
      <c r="F3359" cm="1">
        <f t="array" ref="F3359">IFERROR(INDEX(Jesper!AJ$2:AJ$366,ROUNDDOWN($C3359/24,0)+1,1)*INDEX($D$3:$AA$30,INDEX(Jesper!$R$2:$R$366,ROW(INDEX(Jesper!AJ$2:AJ$366,ROUNDDOWN($C3359/24,0)+1,1))-1)+IF('Standard Profiles'!$G$20=$B$10,7,0)+IF('Standard Profiles'!$G$20=$B$17,14,0)+IF('Standard Profiles'!$G$20=$B$24,21,0),MOD($C3359,24)+1)/SUM(INDEX($D$3:$AA$30,INDEX(Jesper!$R$2:$R$366,ROW(INDEX(Jesper!AJ$2:AJ$366,ROUNDDOWN($C3359/24,0)+1,1))-1)+IF('Standard Profiles'!$G$20=$B$10,7,0)+IF('Standard Profiles'!$G$20=$B$17,14,0)+IF('Standard Profiles'!$G$20=$B$24,21,0),0)),0)</f>
        <v>0</v>
      </c>
      <c r="G3359" cm="1">
        <f t="array" ref="G3359">IFERROR(INDEX(Jesper!AK$2:AK$366,ROUNDDOWN($C3359/24,0)+1,1)*INDEX($D$3:$AA$30,INDEX(Jesper!$R$2:$R$366,ROW(INDEX(Jesper!AK$2:AK$366,ROUNDDOWN($C3359/24,0)+1,1))-1)+IF('Standard Profiles'!$G$21=$B$10,7,0)+IF('Standard Profiles'!$G$21=$B$17,14,0)+IF('Standard Profiles'!$G$21=$B$24,21,0),MOD($C3359,24)+1)/SUM(INDEX($D$3:$AA$30,INDEX(Jesper!$R$2:$R$366,ROW(INDEX(Jesper!AK$2:AK$366,ROUNDDOWN($C3359/24,0)+1,1))-1)+IF('Standard Profiles'!$G$21=$B$10,7,0)+IF('Standard Profiles'!$G$21=$B$17,14,0)+IF('Standard Profiles'!$G$21=$B$24,21,0),0)),0)</f>
        <v>3.0221718532640711</v>
      </c>
      <c r="H3359" cm="1">
        <f t="array" ref="H3359">IFERROR(INDEX(Jesper!AL$2:AL$366,ROUNDDOWN($C3359/24,0)+1,1)*INDEX($D$3:$AA$30,INDEX(Jesper!$R$2:$R$366,ROW(INDEX(Jesper!AL$2:AL$366,ROUNDDOWN($C3359/24,0)+1,1))-1)+IF('Standard Profiles'!$G$22=$B$10,7,0)+IF('Standard Profiles'!$G$22=$B$17,14,0)+IF('Standard Profiles'!$G$22=$B$24,21,0),MOD($C3359,24)+1)/SUM(INDEX($D$3:$AA$30,INDEX(Jesper!$R$2:$R$366,ROW(INDEX(Jesper!AL$2:AL$366,ROUNDDOWN($C3359/24,0)+1,1))-1)+IF('Standard Profiles'!$G$22=$B$10,7,0)+IF('Standard Profiles'!$G$22=$B$17,14,0)+IF('Standard Profiles'!$G$22=$B$24,21,0),0)),0)</f>
        <v>0</v>
      </c>
      <c r="I3359">
        <f t="shared" si="377"/>
        <v>1.4506424895667533</v>
      </c>
      <c r="J3359">
        <f t="shared" si="378"/>
        <v>38.436608349843958</v>
      </c>
      <c r="K3359">
        <f t="shared" si="379"/>
        <v>2.6795285618166509</v>
      </c>
      <c r="L3359">
        <f t="shared" si="380"/>
        <v>1.3397642809083254</v>
      </c>
      <c r="M3359">
        <f t="shared" si="381"/>
        <v>0</v>
      </c>
      <c r="N3359" s="45">
        <f t="shared" si="382"/>
        <v>45065.541666658602</v>
      </c>
    </row>
    <row r="3360" spans="2:14" x14ac:dyDescent="0.25">
      <c r="B3360">
        <f t="shared" si="376"/>
        <v>5</v>
      </c>
      <c r="C3360" s="16">
        <v>3326</v>
      </c>
      <c r="D3360" cm="1">
        <f t="array" ref="D3360">IFERROR(INDEX(Jesper!AH$2:AH$366,ROUNDDOWN($C3360/24,0)+1,1)*INDEX($D$3:$AA$30,INDEX(Jesper!$R$2:$R$366,ROW(INDEX(Jesper!AH$2:AH$366,ROUNDDOWN($C3360/24,0)+1,1))-1)+IF('Standard Profiles'!$G$18=$B$10,7,0)+IF('Standard Profiles'!$G$18=$B$17,14,0)+IF('Standard Profiles'!$G$18=$B$24,21,0),MOD($C3360,24)+1)/SUM(INDEX($D$3:$AA$30,INDEX(Jesper!$R$2:$R$366,ROW(INDEX(Jesper!AH$2:AH$366,ROUNDDOWN($C3360/24,0)+1,1))-1)+IF('Standard Profiles'!$G$18=$B$10,7,0)+IF('Standard Profiles'!$G$18=$B$17,14,0)+IF('Standard Profiles'!$G$18=$B$24,21,0),0)),0)</f>
        <v>36.285282607933816</v>
      </c>
      <c r="E3360" cm="1">
        <f t="array" ref="E3360">IFERROR(INDEX(Jesper!AI$2:AI$366,ROUNDDOWN($C3360/24,0)+1,1)*INDEX($D$3:$AA$30,INDEX(Jesper!$R$2:$R$366,ROW(INDEX(Jesper!AI$2:AI$366,ROUNDDOWN($C3360/24,0)+1,1))-1)+IF('Standard Profiles'!$G$19=$B$10,7,0)+IF('Standard Profiles'!$G$19=$B$17,14,0)+IF('Standard Profiles'!$G$19=$B$24,21,0),MOD($C3360,24)+1)/SUM(INDEX($D$3:$AA$30,INDEX(Jesper!$R$2:$R$366,ROW(INDEX(Jesper!AI$2:AI$366,ROUNDDOWN($C3360/24,0)+1,1))-1)+IF('Standard Profiles'!$G$19=$B$10,7,0)+IF('Standard Profiles'!$G$19=$B$17,14,0)+IF('Standard Profiles'!$G$19=$B$24,21,0),0)),0)</f>
        <v>22.769921144880744</v>
      </c>
      <c r="F3360" cm="1">
        <f t="array" ref="F3360">IFERROR(INDEX(Jesper!AJ$2:AJ$366,ROUNDDOWN($C3360/24,0)+1,1)*INDEX($D$3:$AA$30,INDEX(Jesper!$R$2:$R$366,ROW(INDEX(Jesper!AJ$2:AJ$366,ROUNDDOWN($C3360/24,0)+1,1))-1)+IF('Standard Profiles'!$G$20=$B$10,7,0)+IF('Standard Profiles'!$G$20=$B$17,14,0)+IF('Standard Profiles'!$G$20=$B$24,21,0),MOD($C3360,24)+1)/SUM(INDEX($D$3:$AA$30,INDEX(Jesper!$R$2:$R$366,ROW(INDEX(Jesper!AJ$2:AJ$366,ROUNDDOWN($C3360/24,0)+1,1))-1)+IF('Standard Profiles'!$G$20=$B$10,7,0)+IF('Standard Profiles'!$G$20=$B$17,14,0)+IF('Standard Profiles'!$G$20=$B$24,21,0),0)),0)</f>
        <v>0</v>
      </c>
      <c r="G3360" cm="1">
        <f t="array" ref="G3360">IFERROR(INDEX(Jesper!AK$2:AK$366,ROUNDDOWN($C3360/24,0)+1,1)*INDEX($D$3:$AA$30,INDEX(Jesper!$R$2:$R$366,ROW(INDEX(Jesper!AK$2:AK$366,ROUNDDOWN($C3360/24,0)+1,1))-1)+IF('Standard Profiles'!$G$21=$B$10,7,0)+IF('Standard Profiles'!$G$21=$B$17,14,0)+IF('Standard Profiles'!$G$21=$B$24,21,0),MOD($C3360,24)+1)/SUM(INDEX($D$3:$AA$30,INDEX(Jesper!$R$2:$R$366,ROW(INDEX(Jesper!AK$2:AK$366,ROUNDDOWN($C3360/24,0)+1,1))-1)+IF('Standard Profiles'!$G$21=$B$10,7,0)+IF('Standard Profiles'!$G$21=$B$17,14,0)+IF('Standard Profiles'!$G$21=$B$24,21,0),0)),0)</f>
        <v>4.3653593436036582</v>
      </c>
      <c r="H3360" cm="1">
        <f t="array" ref="H3360">IFERROR(INDEX(Jesper!AL$2:AL$366,ROUNDDOWN($C3360/24,0)+1,1)*INDEX($D$3:$AA$30,INDEX(Jesper!$R$2:$R$366,ROW(INDEX(Jesper!AL$2:AL$366,ROUNDDOWN($C3360/24,0)+1,1))-1)+IF('Standard Profiles'!$G$22=$B$10,7,0)+IF('Standard Profiles'!$G$22=$B$17,14,0)+IF('Standard Profiles'!$G$22=$B$24,21,0),MOD($C3360,24)+1)/SUM(INDEX($D$3:$AA$30,INDEX(Jesper!$R$2:$R$366,ROW(INDEX(Jesper!AL$2:AL$366,ROUNDDOWN($C3360/24,0)+1,1))-1)+IF('Standard Profiles'!$G$22=$B$10,7,0)+IF('Standard Profiles'!$G$22=$B$17,14,0)+IF('Standard Profiles'!$G$22=$B$24,21,0),0)),0)</f>
        <v>0</v>
      </c>
      <c r="I3360">
        <f t="shared" si="377"/>
        <v>2.0953724849297548</v>
      </c>
      <c r="J3360">
        <f t="shared" si="378"/>
        <v>55.519545394219051</v>
      </c>
      <c r="K3360">
        <f t="shared" si="379"/>
        <v>3.8704301448462739</v>
      </c>
      <c r="L3360">
        <f t="shared" si="380"/>
        <v>1.935215072423137</v>
      </c>
      <c r="M3360">
        <f t="shared" si="381"/>
        <v>0</v>
      </c>
      <c r="N3360" s="45">
        <f t="shared" si="382"/>
        <v>45065.583333325267</v>
      </c>
    </row>
    <row r="3361" spans="2:14" x14ac:dyDescent="0.25">
      <c r="B3361">
        <f t="shared" si="376"/>
        <v>5</v>
      </c>
      <c r="C3361" s="16">
        <v>3327</v>
      </c>
      <c r="D3361" cm="1">
        <f t="array" ref="D3361">IFERROR(INDEX(Jesper!AH$2:AH$366,ROUNDDOWN($C3361/24,0)+1,1)*INDEX($D$3:$AA$30,INDEX(Jesper!$R$2:$R$366,ROW(INDEX(Jesper!AH$2:AH$366,ROUNDDOWN($C3361/24,0)+1,1))-1)+IF('Standard Profiles'!$G$18=$B$10,7,0)+IF('Standard Profiles'!$G$18=$B$17,14,0)+IF('Standard Profiles'!$G$18=$B$24,21,0),MOD($C3361,24)+1)/SUM(INDEX($D$3:$AA$30,INDEX(Jesper!$R$2:$R$366,ROW(INDEX(Jesper!AH$2:AH$366,ROUNDDOWN($C3361/24,0)+1,1))-1)+IF('Standard Profiles'!$G$18=$B$10,7,0)+IF('Standard Profiles'!$G$18=$B$17,14,0)+IF('Standard Profiles'!$G$18=$B$24,21,0),0)),0)</f>
        <v>27.911755852256782</v>
      </c>
      <c r="E3361" cm="1">
        <f t="array" ref="E3361">IFERROR(INDEX(Jesper!AI$2:AI$366,ROUNDDOWN($C3361/24,0)+1,1)*INDEX($D$3:$AA$30,INDEX(Jesper!$R$2:$R$366,ROW(INDEX(Jesper!AI$2:AI$366,ROUNDDOWN($C3361/24,0)+1,1))-1)+IF('Standard Profiles'!$G$19=$B$10,7,0)+IF('Standard Profiles'!$G$19=$B$17,14,0)+IF('Standard Profiles'!$G$19=$B$24,21,0),MOD($C3361,24)+1)/SUM(INDEX($D$3:$AA$30,INDEX(Jesper!$R$2:$R$366,ROW(INDEX(Jesper!AI$2:AI$366,ROUNDDOWN($C3361/24,0)+1,1))-1)+IF('Standard Profiles'!$G$19=$B$10,7,0)+IF('Standard Profiles'!$G$19=$B$17,14,0)+IF('Standard Profiles'!$G$19=$B$24,21,0),0)),0)</f>
        <v>17.515323957600572</v>
      </c>
      <c r="F3361" cm="1">
        <f t="array" ref="F3361">IFERROR(INDEX(Jesper!AJ$2:AJ$366,ROUNDDOWN($C3361/24,0)+1,1)*INDEX($D$3:$AA$30,INDEX(Jesper!$R$2:$R$366,ROW(INDEX(Jesper!AJ$2:AJ$366,ROUNDDOWN($C3361/24,0)+1,1))-1)+IF('Standard Profiles'!$G$20=$B$10,7,0)+IF('Standard Profiles'!$G$20=$B$17,14,0)+IF('Standard Profiles'!$G$20=$B$24,21,0),MOD($C3361,24)+1)/SUM(INDEX($D$3:$AA$30,INDEX(Jesper!$R$2:$R$366,ROW(INDEX(Jesper!AJ$2:AJ$366,ROUNDDOWN($C3361/24,0)+1,1))-1)+IF('Standard Profiles'!$G$20=$B$10,7,0)+IF('Standard Profiles'!$G$20=$B$17,14,0)+IF('Standard Profiles'!$G$20=$B$24,21,0),0)),0)</f>
        <v>0</v>
      </c>
      <c r="G3361" cm="1">
        <f t="array" ref="G3361">IFERROR(INDEX(Jesper!AK$2:AK$366,ROUNDDOWN($C3361/24,0)+1,1)*INDEX($D$3:$AA$30,INDEX(Jesper!$R$2:$R$366,ROW(INDEX(Jesper!AK$2:AK$366,ROUNDDOWN($C3361/24,0)+1,1))-1)+IF('Standard Profiles'!$G$21=$B$10,7,0)+IF('Standard Profiles'!$G$21=$B$17,14,0)+IF('Standard Profiles'!$G$21=$B$24,21,0),MOD($C3361,24)+1)/SUM(INDEX($D$3:$AA$30,INDEX(Jesper!$R$2:$R$366,ROW(INDEX(Jesper!AK$2:AK$366,ROUNDDOWN($C3361/24,0)+1,1))-1)+IF('Standard Profiles'!$G$21=$B$10,7,0)+IF('Standard Profiles'!$G$21=$B$17,14,0)+IF('Standard Profiles'!$G$21=$B$24,21,0),0)),0)</f>
        <v>3.6937655984338646</v>
      </c>
      <c r="H3361" cm="1">
        <f t="array" ref="H3361">IFERROR(INDEX(Jesper!AL$2:AL$366,ROUNDDOWN($C3361/24,0)+1,1)*INDEX($D$3:$AA$30,INDEX(Jesper!$R$2:$R$366,ROW(INDEX(Jesper!AL$2:AL$366,ROUNDDOWN($C3361/24,0)+1,1))-1)+IF('Standard Profiles'!$G$22=$B$10,7,0)+IF('Standard Profiles'!$G$22=$B$17,14,0)+IF('Standard Profiles'!$G$22=$B$24,21,0),MOD($C3361,24)+1)/SUM(INDEX($D$3:$AA$30,INDEX(Jesper!$R$2:$R$366,ROW(INDEX(Jesper!AL$2:AL$366,ROUNDDOWN($C3361/24,0)+1,1))-1)+IF('Standard Profiles'!$G$22=$B$10,7,0)+IF('Standard Profiles'!$G$22=$B$17,14,0)+IF('Standard Profiles'!$G$22=$B$24,21,0),0)),0)</f>
        <v>0</v>
      </c>
      <c r="I3361">
        <f t="shared" si="377"/>
        <v>1.7730074872482542</v>
      </c>
      <c r="J3361">
        <f t="shared" si="378"/>
        <v>42.881956984681885</v>
      </c>
      <c r="K3361">
        <f t="shared" si="379"/>
        <v>2.9772539575740571</v>
      </c>
      <c r="L3361">
        <f t="shared" si="380"/>
        <v>1.4886269787870285</v>
      </c>
      <c r="M3361">
        <f t="shared" si="381"/>
        <v>0</v>
      </c>
      <c r="N3361" s="45">
        <f t="shared" si="382"/>
        <v>45065.624999991931</v>
      </c>
    </row>
    <row r="3362" spans="2:14" x14ac:dyDescent="0.25">
      <c r="B3362">
        <f t="shared" si="376"/>
        <v>5</v>
      </c>
      <c r="C3362" s="16">
        <v>3328</v>
      </c>
      <c r="D3362" cm="1">
        <f t="array" ref="D3362">IFERROR(INDEX(Jesper!AH$2:AH$366,ROUNDDOWN($C3362/24,0)+1,1)*INDEX($D$3:$AA$30,INDEX(Jesper!$R$2:$R$366,ROW(INDEX(Jesper!AH$2:AH$366,ROUNDDOWN($C3362/24,0)+1,1))-1)+IF('Standard Profiles'!$G$18=$B$10,7,0)+IF('Standard Profiles'!$G$18=$B$17,14,0)+IF('Standard Profiles'!$G$18=$B$24,21,0),MOD($C3362,24)+1)/SUM(INDEX($D$3:$AA$30,INDEX(Jesper!$R$2:$R$366,ROW(INDEX(Jesper!AH$2:AH$366,ROUNDDOWN($C3362/24,0)+1,1))-1)+IF('Standard Profiles'!$G$18=$B$10,7,0)+IF('Standard Profiles'!$G$18=$B$17,14,0)+IF('Standard Profiles'!$G$18=$B$24,21,0),0)),0)</f>
        <v>13.104110728759053</v>
      </c>
      <c r="E3362" cm="1">
        <f t="array" ref="E3362">IFERROR(INDEX(Jesper!AI$2:AI$366,ROUNDDOWN($C3362/24,0)+1,1)*INDEX($D$3:$AA$30,INDEX(Jesper!$R$2:$R$366,ROW(INDEX(Jesper!AI$2:AI$366,ROUNDDOWN($C3362/24,0)+1,1))-1)+IF('Standard Profiles'!$G$19=$B$10,7,0)+IF('Standard Profiles'!$G$19=$B$17,14,0)+IF('Standard Profiles'!$G$19=$B$24,21,0),MOD($C3362,24)+1)/SUM(INDEX($D$3:$AA$30,INDEX(Jesper!$R$2:$R$366,ROW(INDEX(Jesper!AI$2:AI$366,ROUNDDOWN($C3362/24,0)+1,1))-1)+IF('Standard Profiles'!$G$19=$B$10,7,0)+IF('Standard Profiles'!$G$19=$B$17,14,0)+IF('Standard Profiles'!$G$19=$B$24,21,0),0)),0)</f>
        <v>8.2231567876059017</v>
      </c>
      <c r="F3362" cm="1">
        <f t="array" ref="F3362">IFERROR(INDEX(Jesper!AJ$2:AJ$366,ROUNDDOWN($C3362/24,0)+1,1)*INDEX($D$3:$AA$30,INDEX(Jesper!$R$2:$R$366,ROW(INDEX(Jesper!AJ$2:AJ$366,ROUNDDOWN($C3362/24,0)+1,1))-1)+IF('Standard Profiles'!$G$20=$B$10,7,0)+IF('Standard Profiles'!$G$20=$B$17,14,0)+IF('Standard Profiles'!$G$20=$B$24,21,0),MOD($C3362,24)+1)/SUM(INDEX($D$3:$AA$30,INDEX(Jesper!$R$2:$R$366,ROW(INDEX(Jesper!AJ$2:AJ$366,ROUNDDOWN($C3362/24,0)+1,1))-1)+IF('Standard Profiles'!$G$20=$B$10,7,0)+IF('Standard Profiles'!$G$20=$B$17,14,0)+IF('Standard Profiles'!$G$20=$B$24,21,0),0)),0)</f>
        <v>0</v>
      </c>
      <c r="G3362" cm="1">
        <f t="array" ref="G3362">IFERROR(INDEX(Jesper!AK$2:AK$366,ROUNDDOWN($C3362/24,0)+1,1)*INDEX($D$3:$AA$30,INDEX(Jesper!$R$2:$R$366,ROW(INDEX(Jesper!AK$2:AK$366,ROUNDDOWN($C3362/24,0)+1,1))-1)+IF('Standard Profiles'!$G$21=$B$10,7,0)+IF('Standard Profiles'!$G$21=$B$17,14,0)+IF('Standard Profiles'!$G$21=$B$24,21,0),MOD($C3362,24)+1)/SUM(INDEX($D$3:$AA$30,INDEX(Jesper!$R$2:$R$366,ROW(INDEX(Jesper!AK$2:AK$366,ROUNDDOWN($C3362/24,0)+1,1))-1)+IF('Standard Profiles'!$G$21=$B$10,7,0)+IF('Standard Profiles'!$G$21=$B$17,14,0)+IF('Standard Profiles'!$G$21=$B$24,21,0),0)),0)</f>
        <v>3.1980654531894932</v>
      </c>
      <c r="H3362" cm="1">
        <f t="array" ref="H3362">IFERROR(INDEX(Jesper!AL$2:AL$366,ROUNDDOWN($C3362/24,0)+1,1)*INDEX($D$3:$AA$30,INDEX(Jesper!$R$2:$R$366,ROW(INDEX(Jesper!AL$2:AL$366,ROUNDDOWN($C3362/24,0)+1,1))-1)+IF('Standard Profiles'!$G$22=$B$10,7,0)+IF('Standard Profiles'!$G$22=$B$17,14,0)+IF('Standard Profiles'!$G$22=$B$24,21,0),MOD($C3362,24)+1)/SUM(INDEX($D$3:$AA$30,INDEX(Jesper!$R$2:$R$366,ROW(INDEX(Jesper!AL$2:AL$366,ROUNDDOWN($C3362/24,0)+1,1))-1)+IF('Standard Profiles'!$G$22=$B$10,7,0)+IF('Standard Profiles'!$G$22=$B$17,14,0)+IF('Standard Profiles'!$G$22=$B$24,21,0),0)),0)</f>
        <v>0</v>
      </c>
      <c r="I3362">
        <f t="shared" si="377"/>
        <v>1.5350714175309559</v>
      </c>
      <c r="J3362">
        <f t="shared" si="378"/>
        <v>20.893603835422045</v>
      </c>
      <c r="K3362">
        <f t="shared" si="379"/>
        <v>1.3977718110676325</v>
      </c>
      <c r="L3362">
        <f t="shared" si="380"/>
        <v>0.69888590553381624</v>
      </c>
      <c r="M3362">
        <f t="shared" si="381"/>
        <v>0</v>
      </c>
      <c r="N3362" s="45">
        <f t="shared" si="382"/>
        <v>45065.666666658595</v>
      </c>
    </row>
    <row r="3363" spans="2:14" x14ac:dyDescent="0.25">
      <c r="B3363">
        <f t="shared" ref="B3363:B3426" si="383">WEEKDAY(N3363,2)</f>
        <v>5</v>
      </c>
      <c r="C3363" s="16">
        <v>3329</v>
      </c>
      <c r="D3363" cm="1">
        <f t="array" ref="D3363">IFERROR(INDEX(Jesper!AH$2:AH$366,ROUNDDOWN($C3363/24,0)+1,1)*INDEX($D$3:$AA$30,INDEX(Jesper!$R$2:$R$366,ROW(INDEX(Jesper!AH$2:AH$366,ROUNDDOWN($C3363/24,0)+1,1))-1)+IF('Standard Profiles'!$G$18=$B$10,7,0)+IF('Standard Profiles'!$G$18=$B$17,14,0)+IF('Standard Profiles'!$G$18=$B$24,21,0),MOD($C3363,24)+1)/SUM(INDEX($D$3:$AA$30,INDEX(Jesper!$R$2:$R$366,ROW(INDEX(Jesper!AH$2:AH$366,ROUNDDOWN($C3363/24,0)+1,1))-1)+IF('Standard Profiles'!$G$18=$B$10,7,0)+IF('Standard Profiles'!$G$18=$B$17,14,0)+IF('Standard Profiles'!$G$18=$B$24,21,0),0)),0)</f>
        <v>8.6487130809809738</v>
      </c>
      <c r="E3363" cm="1">
        <f t="array" ref="E3363">IFERROR(INDEX(Jesper!AI$2:AI$366,ROUNDDOWN($C3363/24,0)+1,1)*INDEX($D$3:$AA$30,INDEX(Jesper!$R$2:$R$366,ROW(INDEX(Jesper!AI$2:AI$366,ROUNDDOWN($C3363/24,0)+1,1))-1)+IF('Standard Profiles'!$G$19=$B$10,7,0)+IF('Standard Profiles'!$G$19=$B$17,14,0)+IF('Standard Profiles'!$G$19=$B$24,21,0),MOD($C3363,24)+1)/SUM(INDEX($D$3:$AA$30,INDEX(Jesper!$R$2:$R$366,ROW(INDEX(Jesper!AI$2:AI$366,ROUNDDOWN($C3363/24,0)+1,1))-1)+IF('Standard Profiles'!$G$19=$B$10,7,0)+IF('Standard Profiles'!$G$19=$B$17,14,0)+IF('Standard Profiles'!$G$19=$B$24,21,0),0)),0)</f>
        <v>5.4272834798198959</v>
      </c>
      <c r="F3363" cm="1">
        <f t="array" ref="F3363">IFERROR(INDEX(Jesper!AJ$2:AJ$366,ROUNDDOWN($C3363/24,0)+1,1)*INDEX($D$3:$AA$30,INDEX(Jesper!$R$2:$R$366,ROW(INDEX(Jesper!AJ$2:AJ$366,ROUNDDOWN($C3363/24,0)+1,1))-1)+IF('Standard Profiles'!$G$20=$B$10,7,0)+IF('Standard Profiles'!$G$20=$B$17,14,0)+IF('Standard Profiles'!$G$20=$B$24,21,0),MOD($C3363,24)+1)/SUM(INDEX($D$3:$AA$30,INDEX(Jesper!$R$2:$R$366,ROW(INDEX(Jesper!AJ$2:AJ$366,ROUNDDOWN($C3363/24,0)+1,1))-1)+IF('Standard Profiles'!$G$20=$B$10,7,0)+IF('Standard Profiles'!$G$20=$B$17,14,0)+IF('Standard Profiles'!$G$20=$B$24,21,0),0)),0)</f>
        <v>0</v>
      </c>
      <c r="G3363" cm="1">
        <f t="array" ref="G3363">IFERROR(INDEX(Jesper!AK$2:AK$366,ROUNDDOWN($C3363/24,0)+1,1)*INDEX($D$3:$AA$30,INDEX(Jesper!$R$2:$R$366,ROW(INDEX(Jesper!AK$2:AK$366,ROUNDDOWN($C3363/24,0)+1,1))-1)+IF('Standard Profiles'!$G$21=$B$10,7,0)+IF('Standard Profiles'!$G$21=$B$17,14,0)+IF('Standard Profiles'!$G$21=$B$24,21,0),MOD($C3363,24)+1)/SUM(INDEX($D$3:$AA$30,INDEX(Jesper!$R$2:$R$366,ROW(INDEX(Jesper!AK$2:AK$366,ROUNDDOWN($C3363/24,0)+1,1))-1)+IF('Standard Profiles'!$G$21=$B$10,7,0)+IF('Standard Profiles'!$G$21=$B$17,14,0)+IF('Standard Profiles'!$G$21=$B$24,21,0),0)),0)</f>
        <v>2.6863749806791741</v>
      </c>
      <c r="H3363" cm="1">
        <f t="array" ref="H3363">IFERROR(INDEX(Jesper!AL$2:AL$366,ROUNDDOWN($C3363/24,0)+1,1)*INDEX($D$3:$AA$30,INDEX(Jesper!$R$2:$R$366,ROW(INDEX(Jesper!AL$2:AL$366,ROUNDDOWN($C3363/24,0)+1,1))-1)+IF('Standard Profiles'!$G$22=$B$10,7,0)+IF('Standard Profiles'!$G$22=$B$17,14,0)+IF('Standard Profiles'!$G$22=$B$24,21,0),MOD($C3363,24)+1)/SUM(INDEX($D$3:$AA$30,INDEX(Jesper!$R$2:$R$366,ROW(INDEX(Jesper!AL$2:AL$366,ROUNDDOWN($C3363/24,0)+1,1))-1)+IF('Standard Profiles'!$G$22=$B$10,7,0)+IF('Standard Profiles'!$G$22=$B$17,14,0)+IF('Standard Profiles'!$G$22=$B$24,21,0),0)),0)</f>
        <v>0</v>
      </c>
      <c r="I3363">
        <f t="shared" ref="I3363:I3426" si="384">IF($B3363&lt;6,AC$37*$D3363+AC$38*$E3363+AC$39*$F3363+AC$40*$G3363,AC$46*$D3363+AC$47*$E3363+AC$48*$F3363+AC$49*$G3363+AC$50*$H3363)</f>
        <v>1.2894599907260029</v>
      </c>
      <c r="J3363">
        <f t="shared" ref="J3363:J3426" si="385">IF($B3363&lt;6,AD$37*$D3363+AD$38*$E3363+AD$39*$F3363+AD$40*$G3363,AD$46*$D3363+AD$47*$E3363+AD$48*$F3363+AD$49*$G3363+AD$50*$H3363)</f>
        <v>14.089117457797084</v>
      </c>
      <c r="K3363">
        <f t="shared" ref="K3363:K3426" si="386">IF($B3363&lt;6,AE$37*$D3363+AE$38*$E3363+AE$39*$F3363+AE$40*$G3363,AE$46*$D3363+AE$47*$E3363+AE$48*$F3363+AE$49*$G3363+AE$50*$H3363)</f>
        <v>0.92252939530463729</v>
      </c>
      <c r="L3363">
        <f t="shared" ref="L3363:L3426" si="387">IF($B3363&lt;6,AF$37*$D3363+AF$38*$E3363+AF$39*$F3363+AF$40*$G3363,AF$46*$D3363+AF$47*$E3363+AF$48*$F3363+AF$49*$G3363+AF$50*$H3363)</f>
        <v>0.46126469765231864</v>
      </c>
      <c r="M3363">
        <f t="shared" ref="M3363:M3426" si="388">IF($B3363&lt;6,AG$37*$D3363+AG$38*$E3363+AG$39*$F3363+AG$40*$G3363,AG$46*$D3363+AG$47*$E3363+AG$48*$F3363+AG$49*$G3363+AG$50*$H3363)</f>
        <v>0</v>
      </c>
      <c r="N3363" s="45">
        <f t="shared" si="382"/>
        <v>45065.708333325259</v>
      </c>
    </row>
    <row r="3364" spans="2:14" x14ac:dyDescent="0.25">
      <c r="B3364">
        <f t="shared" si="383"/>
        <v>5</v>
      </c>
      <c r="C3364" s="16">
        <v>3330</v>
      </c>
      <c r="D3364" cm="1">
        <f t="array" ref="D3364">IFERROR(INDEX(Jesper!AH$2:AH$366,ROUNDDOWN($C3364/24,0)+1,1)*INDEX($D$3:$AA$30,INDEX(Jesper!$R$2:$R$366,ROW(INDEX(Jesper!AH$2:AH$366,ROUNDDOWN($C3364/24,0)+1,1))-1)+IF('Standard Profiles'!$G$18=$B$10,7,0)+IF('Standard Profiles'!$G$18=$B$17,14,0)+IF('Standard Profiles'!$G$18=$B$24,21,0),MOD($C3364,24)+1)/SUM(INDEX($D$3:$AA$30,INDEX(Jesper!$R$2:$R$366,ROW(INDEX(Jesper!AH$2:AH$366,ROUNDDOWN($C3364/24,0)+1,1))-1)+IF('Standard Profiles'!$G$18=$B$10,7,0)+IF('Standard Profiles'!$G$18=$B$17,14,0)+IF('Standard Profiles'!$G$18=$B$24,21,0),0)),0)</f>
        <v>5.5037265060788014</v>
      </c>
      <c r="E3364" cm="1">
        <f t="array" ref="E3364">IFERROR(INDEX(Jesper!AI$2:AI$366,ROUNDDOWN($C3364/24,0)+1,1)*INDEX($D$3:$AA$30,INDEX(Jesper!$R$2:$R$366,ROW(INDEX(Jesper!AI$2:AI$366,ROUNDDOWN($C3364/24,0)+1,1))-1)+IF('Standard Profiles'!$G$19=$B$10,7,0)+IF('Standard Profiles'!$G$19=$B$17,14,0)+IF('Standard Profiles'!$G$19=$B$24,21,0),MOD($C3364,24)+1)/SUM(INDEX($D$3:$AA$30,INDEX(Jesper!$R$2:$R$366,ROW(INDEX(Jesper!AI$2:AI$366,ROUNDDOWN($C3364/24,0)+1,1))-1)+IF('Standard Profiles'!$G$19=$B$10,7,0)+IF('Standard Profiles'!$G$19=$B$17,14,0)+IF('Standard Profiles'!$G$19=$B$24,21,0),0)),0)</f>
        <v>3.4537258507944788</v>
      </c>
      <c r="F3364" cm="1">
        <f t="array" ref="F3364">IFERROR(INDEX(Jesper!AJ$2:AJ$366,ROUNDDOWN($C3364/24,0)+1,1)*INDEX($D$3:$AA$30,INDEX(Jesper!$R$2:$R$366,ROW(INDEX(Jesper!AJ$2:AJ$366,ROUNDDOWN($C3364/24,0)+1,1))-1)+IF('Standard Profiles'!$G$20=$B$10,7,0)+IF('Standard Profiles'!$G$20=$B$17,14,0)+IF('Standard Profiles'!$G$20=$B$24,21,0),MOD($C3364,24)+1)/SUM(INDEX($D$3:$AA$30,INDEX(Jesper!$R$2:$R$366,ROW(INDEX(Jesper!AJ$2:AJ$366,ROUNDDOWN($C3364/24,0)+1,1))-1)+IF('Standard Profiles'!$G$20=$B$10,7,0)+IF('Standard Profiles'!$G$20=$B$17,14,0)+IF('Standard Profiles'!$G$20=$B$24,21,0),0)),0)</f>
        <v>0</v>
      </c>
      <c r="G3364" cm="1">
        <f t="array" ref="G3364">IFERROR(INDEX(Jesper!AK$2:AK$366,ROUNDDOWN($C3364/24,0)+1,1)*INDEX($D$3:$AA$30,INDEX(Jesper!$R$2:$R$366,ROW(INDEX(Jesper!AK$2:AK$366,ROUNDDOWN($C3364/24,0)+1,1))-1)+IF('Standard Profiles'!$G$21=$B$10,7,0)+IF('Standard Profiles'!$G$21=$B$17,14,0)+IF('Standard Profiles'!$G$21=$B$24,21,0),MOD($C3364,24)+1)/SUM(INDEX($D$3:$AA$30,INDEX(Jesper!$R$2:$R$366,ROW(INDEX(Jesper!AK$2:AK$366,ROUNDDOWN($C3364/24,0)+1,1))-1)+IF('Standard Profiles'!$G$21=$B$10,7,0)+IF('Standard Profiles'!$G$21=$B$17,14,0)+IF('Standard Profiles'!$G$21=$B$24,21,0),0)),0)</f>
        <v>0.9914002904887429</v>
      </c>
      <c r="H3364" cm="1">
        <f t="array" ref="H3364">IFERROR(INDEX(Jesper!AL$2:AL$366,ROUNDDOWN($C3364/24,0)+1,1)*INDEX($D$3:$AA$30,INDEX(Jesper!$R$2:$R$366,ROW(INDEX(Jesper!AL$2:AL$366,ROUNDDOWN($C3364/24,0)+1,1))-1)+IF('Standard Profiles'!$G$22=$B$10,7,0)+IF('Standard Profiles'!$G$22=$B$17,14,0)+IF('Standard Profiles'!$G$22=$B$24,21,0),MOD($C3364,24)+1)/SUM(INDEX($D$3:$AA$30,INDEX(Jesper!$R$2:$R$366,ROW(INDEX(Jesper!AL$2:AL$366,ROUNDDOWN($C3364/24,0)+1,1))-1)+IF('Standard Profiles'!$G$22=$B$10,7,0)+IF('Standard Profiles'!$G$22=$B$17,14,0)+IF('Standard Profiles'!$G$22=$B$24,21,0),0)),0)</f>
        <v>0</v>
      </c>
      <c r="I3364">
        <f t="shared" si="384"/>
        <v>0.47587213943459633</v>
      </c>
      <c r="J3364">
        <f t="shared" si="385"/>
        <v>8.5923842669548183</v>
      </c>
      <c r="K3364">
        <f t="shared" si="386"/>
        <v>0.5870641606484055</v>
      </c>
      <c r="L3364">
        <f t="shared" si="387"/>
        <v>0.29353208032420275</v>
      </c>
      <c r="M3364">
        <f t="shared" si="388"/>
        <v>0</v>
      </c>
      <c r="N3364" s="45">
        <f t="shared" ref="N3364:N3427" si="389">N3363+1/24</f>
        <v>45065.749999991924</v>
      </c>
    </row>
    <row r="3365" spans="2:14" x14ac:dyDescent="0.25">
      <c r="B3365">
        <f t="shared" si="383"/>
        <v>5</v>
      </c>
      <c r="C3365" s="16">
        <v>3331</v>
      </c>
      <c r="D3365" cm="1">
        <f t="array" ref="D3365">IFERROR(INDEX(Jesper!AH$2:AH$366,ROUNDDOWN($C3365/24,0)+1,1)*INDEX($D$3:$AA$30,INDEX(Jesper!$R$2:$R$366,ROW(INDEX(Jesper!AH$2:AH$366,ROUNDDOWN($C3365/24,0)+1,1))-1)+IF('Standard Profiles'!$G$18=$B$10,7,0)+IF('Standard Profiles'!$G$18=$B$17,14,0)+IF('Standard Profiles'!$G$18=$B$24,21,0),MOD($C3365,24)+1)/SUM(INDEX($D$3:$AA$30,INDEX(Jesper!$R$2:$R$366,ROW(INDEX(Jesper!AH$2:AH$366,ROUNDDOWN($C3365/24,0)+1,1))-1)+IF('Standard Profiles'!$G$18=$B$10,7,0)+IF('Standard Profiles'!$G$18=$B$17,14,0)+IF('Standard Profiles'!$G$18=$B$24,21,0),0)),0)</f>
        <v>5.2416442915036212</v>
      </c>
      <c r="E3365" cm="1">
        <f t="array" ref="E3365">IFERROR(INDEX(Jesper!AI$2:AI$366,ROUNDDOWN($C3365/24,0)+1,1)*INDEX($D$3:$AA$30,INDEX(Jesper!$R$2:$R$366,ROW(INDEX(Jesper!AI$2:AI$366,ROUNDDOWN($C3365/24,0)+1,1))-1)+IF('Standard Profiles'!$G$19=$B$10,7,0)+IF('Standard Profiles'!$G$19=$B$17,14,0)+IF('Standard Profiles'!$G$19=$B$24,21,0),MOD($C3365,24)+1)/SUM(INDEX($D$3:$AA$30,INDEX(Jesper!$R$2:$R$366,ROW(INDEX(Jesper!AI$2:AI$366,ROUNDDOWN($C3365/24,0)+1,1))-1)+IF('Standard Profiles'!$G$19=$B$10,7,0)+IF('Standard Profiles'!$G$19=$B$17,14,0)+IF('Standard Profiles'!$G$19=$B$24,21,0),0)),0)</f>
        <v>3.2892627150423612</v>
      </c>
      <c r="F3365" cm="1">
        <f t="array" ref="F3365">IFERROR(INDEX(Jesper!AJ$2:AJ$366,ROUNDDOWN($C3365/24,0)+1,1)*INDEX($D$3:$AA$30,INDEX(Jesper!$R$2:$R$366,ROW(INDEX(Jesper!AJ$2:AJ$366,ROUNDDOWN($C3365/24,0)+1,1))-1)+IF('Standard Profiles'!$G$20=$B$10,7,0)+IF('Standard Profiles'!$G$20=$B$17,14,0)+IF('Standard Profiles'!$G$20=$B$24,21,0),MOD($C3365,24)+1)/SUM(INDEX($D$3:$AA$30,INDEX(Jesper!$R$2:$R$366,ROW(INDEX(Jesper!AJ$2:AJ$366,ROUNDDOWN($C3365/24,0)+1,1))-1)+IF('Standard Profiles'!$G$20=$B$10,7,0)+IF('Standard Profiles'!$G$20=$B$17,14,0)+IF('Standard Profiles'!$G$20=$B$24,21,0),0)),0)</f>
        <v>0</v>
      </c>
      <c r="G3365" cm="1">
        <f t="array" ref="G3365">IFERROR(INDEX(Jesper!AK$2:AK$366,ROUNDDOWN($C3365/24,0)+1,1)*INDEX($D$3:$AA$30,INDEX(Jesper!$R$2:$R$366,ROW(INDEX(Jesper!AK$2:AK$366,ROUNDDOWN($C3365/24,0)+1,1))-1)+IF('Standard Profiles'!$G$21=$B$10,7,0)+IF('Standard Profiles'!$G$21=$B$17,14,0)+IF('Standard Profiles'!$G$21=$B$24,21,0),MOD($C3365,24)+1)/SUM(INDEX($D$3:$AA$30,INDEX(Jesper!$R$2:$R$366,ROW(INDEX(Jesper!AK$2:AK$366,ROUNDDOWN($C3365/24,0)+1,1))-1)+IF('Standard Profiles'!$G$21=$B$10,7,0)+IF('Standard Profiles'!$G$21=$B$17,14,0)+IF('Standard Profiles'!$G$21=$B$24,21,0),0)),0)</f>
        <v>0.9914002904887429</v>
      </c>
      <c r="H3365" cm="1">
        <f t="array" ref="H3365">IFERROR(INDEX(Jesper!AL$2:AL$366,ROUNDDOWN($C3365/24,0)+1,1)*INDEX($D$3:$AA$30,INDEX(Jesper!$R$2:$R$366,ROW(INDEX(Jesper!AL$2:AL$366,ROUNDDOWN($C3365/24,0)+1,1))-1)+IF('Standard Profiles'!$G$22=$B$10,7,0)+IF('Standard Profiles'!$G$22=$B$17,14,0)+IF('Standard Profiles'!$G$22=$B$24,21,0),MOD($C3365,24)+1)/SUM(INDEX($D$3:$AA$30,INDEX(Jesper!$R$2:$R$366,ROW(INDEX(Jesper!AL$2:AL$366,ROUNDDOWN($C3365/24,0)+1,1))-1)+IF('Standard Profiles'!$G$22=$B$10,7,0)+IF('Standard Profiles'!$G$22=$B$17,14,0)+IF('Standard Profiles'!$G$22=$B$24,21,0),0)),0)</f>
        <v>0</v>
      </c>
      <c r="I3365">
        <f t="shared" si="384"/>
        <v>0.47587213943459633</v>
      </c>
      <c r="J3365">
        <f t="shared" si="385"/>
        <v>8.2077720709595496</v>
      </c>
      <c r="K3365">
        <f t="shared" si="386"/>
        <v>0.55910872442705295</v>
      </c>
      <c r="L3365">
        <f t="shared" si="387"/>
        <v>0.27955436221352647</v>
      </c>
      <c r="M3365">
        <f t="shared" si="388"/>
        <v>0</v>
      </c>
      <c r="N3365" s="45">
        <f t="shared" si="389"/>
        <v>45065.791666658588</v>
      </c>
    </row>
    <row r="3366" spans="2:14" x14ac:dyDescent="0.25">
      <c r="B3366">
        <f t="shared" si="383"/>
        <v>5</v>
      </c>
      <c r="C3366" s="16">
        <v>3332</v>
      </c>
      <c r="D3366" cm="1">
        <f t="array" ref="D3366">IFERROR(INDEX(Jesper!AH$2:AH$366,ROUNDDOWN($C3366/24,0)+1,1)*INDEX($D$3:$AA$30,INDEX(Jesper!$R$2:$R$366,ROW(INDEX(Jesper!AH$2:AH$366,ROUNDDOWN($C3366/24,0)+1,1))-1)+IF('Standard Profiles'!$G$18=$B$10,7,0)+IF('Standard Profiles'!$G$18=$B$17,14,0)+IF('Standard Profiles'!$G$18=$B$24,21,0),MOD($C3366,24)+1)/SUM(INDEX($D$3:$AA$30,INDEX(Jesper!$R$2:$R$366,ROW(INDEX(Jesper!AH$2:AH$366,ROUNDDOWN($C3366/24,0)+1,1))-1)+IF('Standard Profiles'!$G$18=$B$10,7,0)+IF('Standard Profiles'!$G$18=$B$17,14,0)+IF('Standard Profiles'!$G$18=$B$24,21,0),0)),0)</f>
        <v>5.2416442915036212</v>
      </c>
      <c r="E3366" cm="1">
        <f t="array" ref="E3366">IFERROR(INDEX(Jesper!AI$2:AI$366,ROUNDDOWN($C3366/24,0)+1,1)*INDEX($D$3:$AA$30,INDEX(Jesper!$R$2:$R$366,ROW(INDEX(Jesper!AI$2:AI$366,ROUNDDOWN($C3366/24,0)+1,1))-1)+IF('Standard Profiles'!$G$19=$B$10,7,0)+IF('Standard Profiles'!$G$19=$B$17,14,0)+IF('Standard Profiles'!$G$19=$B$24,21,0),MOD($C3366,24)+1)/SUM(INDEX($D$3:$AA$30,INDEX(Jesper!$R$2:$R$366,ROW(INDEX(Jesper!AI$2:AI$366,ROUNDDOWN($C3366/24,0)+1,1))-1)+IF('Standard Profiles'!$G$19=$B$10,7,0)+IF('Standard Profiles'!$G$19=$B$17,14,0)+IF('Standard Profiles'!$G$19=$B$24,21,0),0)),0)</f>
        <v>3.2892627150423612</v>
      </c>
      <c r="F3366" cm="1">
        <f t="array" ref="F3366">IFERROR(INDEX(Jesper!AJ$2:AJ$366,ROUNDDOWN($C3366/24,0)+1,1)*INDEX($D$3:$AA$30,INDEX(Jesper!$R$2:$R$366,ROW(INDEX(Jesper!AJ$2:AJ$366,ROUNDDOWN($C3366/24,0)+1,1))-1)+IF('Standard Profiles'!$G$20=$B$10,7,0)+IF('Standard Profiles'!$G$20=$B$17,14,0)+IF('Standard Profiles'!$G$20=$B$24,21,0),MOD($C3366,24)+1)/SUM(INDEX($D$3:$AA$30,INDEX(Jesper!$R$2:$R$366,ROW(INDEX(Jesper!AJ$2:AJ$366,ROUNDDOWN($C3366/24,0)+1,1))-1)+IF('Standard Profiles'!$G$20=$B$10,7,0)+IF('Standard Profiles'!$G$20=$B$17,14,0)+IF('Standard Profiles'!$G$20=$B$24,21,0),0)),0)</f>
        <v>0</v>
      </c>
      <c r="G3366" cm="1">
        <f t="array" ref="G3366">IFERROR(INDEX(Jesper!AK$2:AK$366,ROUNDDOWN($C3366/24,0)+1,1)*INDEX($D$3:$AA$30,INDEX(Jesper!$R$2:$R$366,ROW(INDEX(Jesper!AK$2:AK$366,ROUNDDOWN($C3366/24,0)+1,1))-1)+IF('Standard Profiles'!$G$21=$B$10,7,0)+IF('Standard Profiles'!$G$21=$B$17,14,0)+IF('Standard Profiles'!$G$21=$B$24,21,0),MOD($C3366,24)+1)/SUM(INDEX($D$3:$AA$30,INDEX(Jesper!$R$2:$R$366,ROW(INDEX(Jesper!AK$2:AK$366,ROUNDDOWN($C3366/24,0)+1,1))-1)+IF('Standard Profiles'!$G$21=$B$10,7,0)+IF('Standard Profiles'!$G$21=$B$17,14,0)+IF('Standard Profiles'!$G$21=$B$24,21,0),0)),0)</f>
        <v>0.9914002904887429</v>
      </c>
      <c r="H3366" cm="1">
        <f t="array" ref="H3366">IFERROR(INDEX(Jesper!AL$2:AL$366,ROUNDDOWN($C3366/24,0)+1,1)*INDEX($D$3:$AA$30,INDEX(Jesper!$R$2:$R$366,ROW(INDEX(Jesper!AL$2:AL$366,ROUNDDOWN($C3366/24,0)+1,1))-1)+IF('Standard Profiles'!$G$22=$B$10,7,0)+IF('Standard Profiles'!$G$22=$B$17,14,0)+IF('Standard Profiles'!$G$22=$B$24,21,0),MOD($C3366,24)+1)/SUM(INDEX($D$3:$AA$30,INDEX(Jesper!$R$2:$R$366,ROW(INDEX(Jesper!AL$2:AL$366,ROUNDDOWN($C3366/24,0)+1,1))-1)+IF('Standard Profiles'!$G$22=$B$10,7,0)+IF('Standard Profiles'!$G$22=$B$17,14,0)+IF('Standard Profiles'!$G$22=$B$24,21,0),0)),0)</f>
        <v>0</v>
      </c>
      <c r="I3366">
        <f t="shared" si="384"/>
        <v>0.47587213943459633</v>
      </c>
      <c r="J3366">
        <f t="shared" si="385"/>
        <v>8.2077720709595496</v>
      </c>
      <c r="K3366">
        <f t="shared" si="386"/>
        <v>0.55910872442705295</v>
      </c>
      <c r="L3366">
        <f t="shared" si="387"/>
        <v>0.27955436221352647</v>
      </c>
      <c r="M3366">
        <f t="shared" si="388"/>
        <v>0</v>
      </c>
      <c r="N3366" s="45">
        <f t="shared" si="389"/>
        <v>45065.833333325252</v>
      </c>
    </row>
    <row r="3367" spans="2:14" x14ac:dyDescent="0.25">
      <c r="B3367">
        <f t="shared" si="383"/>
        <v>5</v>
      </c>
      <c r="C3367" s="16">
        <v>3333</v>
      </c>
      <c r="D3367" cm="1">
        <f t="array" ref="D3367">IFERROR(INDEX(Jesper!AH$2:AH$366,ROUNDDOWN($C3367/24,0)+1,1)*INDEX($D$3:$AA$30,INDEX(Jesper!$R$2:$R$366,ROW(INDEX(Jesper!AH$2:AH$366,ROUNDDOWN($C3367/24,0)+1,1))-1)+IF('Standard Profiles'!$G$18=$B$10,7,0)+IF('Standard Profiles'!$G$18=$B$17,14,0)+IF('Standard Profiles'!$G$18=$B$24,21,0),MOD($C3367,24)+1)/SUM(INDEX($D$3:$AA$30,INDEX(Jesper!$R$2:$R$366,ROW(INDEX(Jesper!AH$2:AH$366,ROUNDDOWN($C3367/24,0)+1,1))-1)+IF('Standard Profiles'!$G$18=$B$10,7,0)+IF('Standard Profiles'!$G$18=$B$17,14,0)+IF('Standard Profiles'!$G$18=$B$24,21,0),0)),0)</f>
        <v>5.2416442915036212</v>
      </c>
      <c r="E3367" cm="1">
        <f t="array" ref="E3367">IFERROR(INDEX(Jesper!AI$2:AI$366,ROUNDDOWN($C3367/24,0)+1,1)*INDEX($D$3:$AA$30,INDEX(Jesper!$R$2:$R$366,ROW(INDEX(Jesper!AI$2:AI$366,ROUNDDOWN($C3367/24,0)+1,1))-1)+IF('Standard Profiles'!$G$19=$B$10,7,0)+IF('Standard Profiles'!$G$19=$B$17,14,0)+IF('Standard Profiles'!$G$19=$B$24,21,0),MOD($C3367,24)+1)/SUM(INDEX($D$3:$AA$30,INDEX(Jesper!$R$2:$R$366,ROW(INDEX(Jesper!AI$2:AI$366,ROUNDDOWN($C3367/24,0)+1,1))-1)+IF('Standard Profiles'!$G$19=$B$10,7,0)+IF('Standard Profiles'!$G$19=$B$17,14,0)+IF('Standard Profiles'!$G$19=$B$24,21,0),0)),0)</f>
        <v>3.2892627150423612</v>
      </c>
      <c r="F3367" cm="1">
        <f t="array" ref="F3367">IFERROR(INDEX(Jesper!AJ$2:AJ$366,ROUNDDOWN($C3367/24,0)+1,1)*INDEX($D$3:$AA$30,INDEX(Jesper!$R$2:$R$366,ROW(INDEX(Jesper!AJ$2:AJ$366,ROUNDDOWN($C3367/24,0)+1,1))-1)+IF('Standard Profiles'!$G$20=$B$10,7,0)+IF('Standard Profiles'!$G$20=$B$17,14,0)+IF('Standard Profiles'!$G$20=$B$24,21,0),MOD($C3367,24)+1)/SUM(INDEX($D$3:$AA$30,INDEX(Jesper!$R$2:$R$366,ROW(INDEX(Jesper!AJ$2:AJ$366,ROUNDDOWN($C3367/24,0)+1,1))-1)+IF('Standard Profiles'!$G$20=$B$10,7,0)+IF('Standard Profiles'!$G$20=$B$17,14,0)+IF('Standard Profiles'!$G$20=$B$24,21,0),0)),0)</f>
        <v>0</v>
      </c>
      <c r="G3367" cm="1">
        <f t="array" ref="G3367">IFERROR(INDEX(Jesper!AK$2:AK$366,ROUNDDOWN($C3367/24,0)+1,1)*INDEX($D$3:$AA$30,INDEX(Jesper!$R$2:$R$366,ROW(INDEX(Jesper!AK$2:AK$366,ROUNDDOWN($C3367/24,0)+1,1))-1)+IF('Standard Profiles'!$G$21=$B$10,7,0)+IF('Standard Profiles'!$G$21=$B$17,14,0)+IF('Standard Profiles'!$G$21=$B$24,21,0),MOD($C3367,24)+1)/SUM(INDEX($D$3:$AA$30,INDEX(Jesper!$R$2:$R$366,ROW(INDEX(Jesper!AK$2:AK$366,ROUNDDOWN($C3367/24,0)+1,1))-1)+IF('Standard Profiles'!$G$21=$B$10,7,0)+IF('Standard Profiles'!$G$21=$B$17,14,0)+IF('Standard Profiles'!$G$21=$B$24,21,0),0)),0)</f>
        <v>0.9914002904887429</v>
      </c>
      <c r="H3367" cm="1">
        <f t="array" ref="H3367">IFERROR(INDEX(Jesper!AL$2:AL$366,ROUNDDOWN($C3367/24,0)+1,1)*INDEX($D$3:$AA$30,INDEX(Jesper!$R$2:$R$366,ROW(INDEX(Jesper!AL$2:AL$366,ROUNDDOWN($C3367/24,0)+1,1))-1)+IF('Standard Profiles'!$G$22=$B$10,7,0)+IF('Standard Profiles'!$G$22=$B$17,14,0)+IF('Standard Profiles'!$G$22=$B$24,21,0),MOD($C3367,24)+1)/SUM(INDEX($D$3:$AA$30,INDEX(Jesper!$R$2:$R$366,ROW(INDEX(Jesper!AL$2:AL$366,ROUNDDOWN($C3367/24,0)+1,1))-1)+IF('Standard Profiles'!$G$22=$B$10,7,0)+IF('Standard Profiles'!$G$22=$B$17,14,0)+IF('Standard Profiles'!$G$22=$B$24,21,0),0)),0)</f>
        <v>0</v>
      </c>
      <c r="I3367">
        <f t="shared" si="384"/>
        <v>0.47587213943459633</v>
      </c>
      <c r="J3367">
        <f t="shared" si="385"/>
        <v>8.2077720709595496</v>
      </c>
      <c r="K3367">
        <f t="shared" si="386"/>
        <v>0.55910872442705295</v>
      </c>
      <c r="L3367">
        <f t="shared" si="387"/>
        <v>0.27955436221352647</v>
      </c>
      <c r="M3367">
        <f t="shared" si="388"/>
        <v>0</v>
      </c>
      <c r="N3367" s="45">
        <f t="shared" si="389"/>
        <v>45065.874999991916</v>
      </c>
    </row>
    <row r="3368" spans="2:14" x14ac:dyDescent="0.25">
      <c r="B3368">
        <f t="shared" si="383"/>
        <v>5</v>
      </c>
      <c r="C3368" s="16">
        <v>3334</v>
      </c>
      <c r="D3368" cm="1">
        <f t="array" ref="D3368">IFERROR(INDEX(Jesper!AH$2:AH$366,ROUNDDOWN($C3368/24,0)+1,1)*INDEX($D$3:$AA$30,INDEX(Jesper!$R$2:$R$366,ROW(INDEX(Jesper!AH$2:AH$366,ROUNDDOWN($C3368/24,0)+1,1))-1)+IF('Standard Profiles'!$G$18=$B$10,7,0)+IF('Standard Profiles'!$G$18=$B$17,14,0)+IF('Standard Profiles'!$G$18=$B$24,21,0),MOD($C3368,24)+1)/SUM(INDEX($D$3:$AA$30,INDEX(Jesper!$R$2:$R$366,ROW(INDEX(Jesper!AH$2:AH$366,ROUNDDOWN($C3368/24,0)+1,1))-1)+IF('Standard Profiles'!$G$18=$B$10,7,0)+IF('Standard Profiles'!$G$18=$B$17,14,0)+IF('Standard Profiles'!$G$18=$B$24,21,0),0)),0)</f>
        <v>5.2416442915036212</v>
      </c>
      <c r="E3368" cm="1">
        <f t="array" ref="E3368">IFERROR(INDEX(Jesper!AI$2:AI$366,ROUNDDOWN($C3368/24,0)+1,1)*INDEX($D$3:$AA$30,INDEX(Jesper!$R$2:$R$366,ROW(INDEX(Jesper!AI$2:AI$366,ROUNDDOWN($C3368/24,0)+1,1))-1)+IF('Standard Profiles'!$G$19=$B$10,7,0)+IF('Standard Profiles'!$G$19=$B$17,14,0)+IF('Standard Profiles'!$G$19=$B$24,21,0),MOD($C3368,24)+1)/SUM(INDEX($D$3:$AA$30,INDEX(Jesper!$R$2:$R$366,ROW(INDEX(Jesper!AI$2:AI$366,ROUNDDOWN($C3368/24,0)+1,1))-1)+IF('Standard Profiles'!$G$19=$B$10,7,0)+IF('Standard Profiles'!$G$19=$B$17,14,0)+IF('Standard Profiles'!$G$19=$B$24,21,0),0)),0)</f>
        <v>3.2892627150423612</v>
      </c>
      <c r="F3368" cm="1">
        <f t="array" ref="F3368">IFERROR(INDEX(Jesper!AJ$2:AJ$366,ROUNDDOWN($C3368/24,0)+1,1)*INDEX($D$3:$AA$30,INDEX(Jesper!$R$2:$R$366,ROW(INDEX(Jesper!AJ$2:AJ$366,ROUNDDOWN($C3368/24,0)+1,1))-1)+IF('Standard Profiles'!$G$20=$B$10,7,0)+IF('Standard Profiles'!$G$20=$B$17,14,0)+IF('Standard Profiles'!$G$20=$B$24,21,0),MOD($C3368,24)+1)/SUM(INDEX($D$3:$AA$30,INDEX(Jesper!$R$2:$R$366,ROW(INDEX(Jesper!AJ$2:AJ$366,ROUNDDOWN($C3368/24,0)+1,1))-1)+IF('Standard Profiles'!$G$20=$B$10,7,0)+IF('Standard Profiles'!$G$20=$B$17,14,0)+IF('Standard Profiles'!$G$20=$B$24,21,0),0)),0)</f>
        <v>0</v>
      </c>
      <c r="G3368" cm="1">
        <f t="array" ref="G3368">IFERROR(INDEX(Jesper!AK$2:AK$366,ROUNDDOWN($C3368/24,0)+1,1)*INDEX($D$3:$AA$30,INDEX(Jesper!$R$2:$R$366,ROW(INDEX(Jesper!AK$2:AK$366,ROUNDDOWN($C3368/24,0)+1,1))-1)+IF('Standard Profiles'!$G$21=$B$10,7,0)+IF('Standard Profiles'!$G$21=$B$17,14,0)+IF('Standard Profiles'!$G$21=$B$24,21,0),MOD($C3368,24)+1)/SUM(INDEX($D$3:$AA$30,INDEX(Jesper!$R$2:$R$366,ROW(INDEX(Jesper!AK$2:AK$366,ROUNDDOWN($C3368/24,0)+1,1))-1)+IF('Standard Profiles'!$G$21=$B$10,7,0)+IF('Standard Profiles'!$G$21=$B$17,14,0)+IF('Standard Profiles'!$G$21=$B$24,21,0),0)),0)</f>
        <v>0.9914002904887429</v>
      </c>
      <c r="H3368" cm="1">
        <f t="array" ref="H3368">IFERROR(INDEX(Jesper!AL$2:AL$366,ROUNDDOWN($C3368/24,0)+1,1)*INDEX($D$3:$AA$30,INDEX(Jesper!$R$2:$R$366,ROW(INDEX(Jesper!AL$2:AL$366,ROUNDDOWN($C3368/24,0)+1,1))-1)+IF('Standard Profiles'!$G$22=$B$10,7,0)+IF('Standard Profiles'!$G$22=$B$17,14,0)+IF('Standard Profiles'!$G$22=$B$24,21,0),MOD($C3368,24)+1)/SUM(INDEX($D$3:$AA$30,INDEX(Jesper!$R$2:$R$366,ROW(INDEX(Jesper!AL$2:AL$366,ROUNDDOWN($C3368/24,0)+1,1))-1)+IF('Standard Profiles'!$G$22=$B$10,7,0)+IF('Standard Profiles'!$G$22=$B$17,14,0)+IF('Standard Profiles'!$G$22=$B$24,21,0),0)),0)</f>
        <v>0</v>
      </c>
      <c r="I3368">
        <f t="shared" si="384"/>
        <v>0.47587213943459633</v>
      </c>
      <c r="J3368">
        <f t="shared" si="385"/>
        <v>8.2077720709595496</v>
      </c>
      <c r="K3368">
        <f t="shared" si="386"/>
        <v>0.55910872442705295</v>
      </c>
      <c r="L3368">
        <f t="shared" si="387"/>
        <v>0.27955436221352647</v>
      </c>
      <c r="M3368">
        <f t="shared" si="388"/>
        <v>0</v>
      </c>
      <c r="N3368" s="45">
        <f t="shared" si="389"/>
        <v>45065.916666658581</v>
      </c>
    </row>
    <row r="3369" spans="2:14" x14ac:dyDescent="0.25">
      <c r="B3369">
        <f t="shared" si="383"/>
        <v>5</v>
      </c>
      <c r="C3369" s="16">
        <v>3335</v>
      </c>
      <c r="D3369" cm="1">
        <f t="array" ref="D3369">IFERROR(INDEX(Jesper!AH$2:AH$366,ROUNDDOWN($C3369/24,0)+1,1)*INDEX($D$3:$AA$30,INDEX(Jesper!$R$2:$R$366,ROW(INDEX(Jesper!AH$2:AH$366,ROUNDDOWN($C3369/24,0)+1,1))-1)+IF('Standard Profiles'!$G$18=$B$10,7,0)+IF('Standard Profiles'!$G$18=$B$17,14,0)+IF('Standard Profiles'!$G$18=$B$24,21,0),MOD($C3369,24)+1)/SUM(INDEX($D$3:$AA$30,INDEX(Jesper!$R$2:$R$366,ROW(INDEX(Jesper!AH$2:AH$366,ROUNDDOWN($C3369/24,0)+1,1))-1)+IF('Standard Profiles'!$G$18=$B$10,7,0)+IF('Standard Profiles'!$G$18=$B$17,14,0)+IF('Standard Profiles'!$G$18=$B$24,21,0),0)),0)</f>
        <v>5.2416442915036212</v>
      </c>
      <c r="E3369" cm="1">
        <f t="array" ref="E3369">IFERROR(INDEX(Jesper!AI$2:AI$366,ROUNDDOWN($C3369/24,0)+1,1)*INDEX($D$3:$AA$30,INDEX(Jesper!$R$2:$R$366,ROW(INDEX(Jesper!AI$2:AI$366,ROUNDDOWN($C3369/24,0)+1,1))-1)+IF('Standard Profiles'!$G$19=$B$10,7,0)+IF('Standard Profiles'!$G$19=$B$17,14,0)+IF('Standard Profiles'!$G$19=$B$24,21,0),MOD($C3369,24)+1)/SUM(INDEX($D$3:$AA$30,INDEX(Jesper!$R$2:$R$366,ROW(INDEX(Jesper!AI$2:AI$366,ROUNDDOWN($C3369/24,0)+1,1))-1)+IF('Standard Profiles'!$G$19=$B$10,7,0)+IF('Standard Profiles'!$G$19=$B$17,14,0)+IF('Standard Profiles'!$G$19=$B$24,21,0),0)),0)</f>
        <v>3.2892627150423612</v>
      </c>
      <c r="F3369" cm="1">
        <f t="array" ref="F3369">IFERROR(INDEX(Jesper!AJ$2:AJ$366,ROUNDDOWN($C3369/24,0)+1,1)*INDEX($D$3:$AA$30,INDEX(Jesper!$R$2:$R$366,ROW(INDEX(Jesper!AJ$2:AJ$366,ROUNDDOWN($C3369/24,0)+1,1))-1)+IF('Standard Profiles'!$G$20=$B$10,7,0)+IF('Standard Profiles'!$G$20=$B$17,14,0)+IF('Standard Profiles'!$G$20=$B$24,21,0),MOD($C3369,24)+1)/SUM(INDEX($D$3:$AA$30,INDEX(Jesper!$R$2:$R$366,ROW(INDEX(Jesper!AJ$2:AJ$366,ROUNDDOWN($C3369/24,0)+1,1))-1)+IF('Standard Profiles'!$G$20=$B$10,7,0)+IF('Standard Profiles'!$G$20=$B$17,14,0)+IF('Standard Profiles'!$G$20=$B$24,21,0),0)),0)</f>
        <v>0</v>
      </c>
      <c r="G3369" cm="1">
        <f t="array" ref="G3369">IFERROR(INDEX(Jesper!AK$2:AK$366,ROUNDDOWN($C3369/24,0)+1,1)*INDEX($D$3:$AA$30,INDEX(Jesper!$R$2:$R$366,ROW(INDEX(Jesper!AK$2:AK$366,ROUNDDOWN($C3369/24,0)+1,1))-1)+IF('Standard Profiles'!$G$21=$B$10,7,0)+IF('Standard Profiles'!$G$21=$B$17,14,0)+IF('Standard Profiles'!$G$21=$B$24,21,0),MOD($C3369,24)+1)/SUM(INDEX($D$3:$AA$30,INDEX(Jesper!$R$2:$R$366,ROW(INDEX(Jesper!AK$2:AK$366,ROUNDDOWN($C3369/24,0)+1,1))-1)+IF('Standard Profiles'!$G$21=$B$10,7,0)+IF('Standard Profiles'!$G$21=$B$17,14,0)+IF('Standard Profiles'!$G$21=$B$24,21,0),0)),0)</f>
        <v>0.9914002904887429</v>
      </c>
      <c r="H3369" cm="1">
        <f t="array" ref="H3369">IFERROR(INDEX(Jesper!AL$2:AL$366,ROUNDDOWN($C3369/24,0)+1,1)*INDEX($D$3:$AA$30,INDEX(Jesper!$R$2:$R$366,ROW(INDEX(Jesper!AL$2:AL$366,ROUNDDOWN($C3369/24,0)+1,1))-1)+IF('Standard Profiles'!$G$22=$B$10,7,0)+IF('Standard Profiles'!$G$22=$B$17,14,0)+IF('Standard Profiles'!$G$22=$B$24,21,0),MOD($C3369,24)+1)/SUM(INDEX($D$3:$AA$30,INDEX(Jesper!$R$2:$R$366,ROW(INDEX(Jesper!AL$2:AL$366,ROUNDDOWN($C3369/24,0)+1,1))-1)+IF('Standard Profiles'!$G$22=$B$10,7,0)+IF('Standard Profiles'!$G$22=$B$17,14,0)+IF('Standard Profiles'!$G$22=$B$24,21,0),0)),0)</f>
        <v>0</v>
      </c>
      <c r="I3369">
        <f t="shared" si="384"/>
        <v>0.47587213943459633</v>
      </c>
      <c r="J3369">
        <f t="shared" si="385"/>
        <v>8.2077720709595496</v>
      </c>
      <c r="K3369">
        <f t="shared" si="386"/>
        <v>0.55910872442705295</v>
      </c>
      <c r="L3369">
        <f t="shared" si="387"/>
        <v>0.27955436221352647</v>
      </c>
      <c r="M3369">
        <f t="shared" si="388"/>
        <v>0</v>
      </c>
      <c r="N3369" s="45">
        <f t="shared" si="389"/>
        <v>45065.958333325245</v>
      </c>
    </row>
    <row r="3370" spans="2:14" x14ac:dyDescent="0.25">
      <c r="B3370">
        <f t="shared" si="383"/>
        <v>6</v>
      </c>
      <c r="C3370" s="16">
        <v>3336</v>
      </c>
      <c r="D3370" cm="1">
        <f t="array" ref="D3370">IFERROR(INDEX(Jesper!AH$2:AH$366,ROUNDDOWN($C3370/24,0)+1,1)*INDEX($D$3:$AA$30,INDEX(Jesper!$R$2:$R$366,ROW(INDEX(Jesper!AH$2:AH$366,ROUNDDOWN($C3370/24,0)+1,1))-1)+IF('Standard Profiles'!$G$18=$B$10,7,0)+IF('Standard Profiles'!$G$18=$B$17,14,0)+IF('Standard Profiles'!$G$18=$B$24,21,0),MOD($C3370,24)+1)/SUM(INDEX($D$3:$AA$30,INDEX(Jesper!$R$2:$R$366,ROW(INDEX(Jesper!AH$2:AH$366,ROUNDDOWN($C3370/24,0)+1,1))-1)+IF('Standard Profiles'!$G$18=$B$10,7,0)+IF('Standard Profiles'!$G$18=$B$17,14,0)+IF('Standard Profiles'!$G$18=$B$24,21,0),0)),0)</f>
        <v>0</v>
      </c>
      <c r="E3370" cm="1">
        <f t="array" ref="E3370">IFERROR(INDEX(Jesper!AI$2:AI$366,ROUNDDOWN($C3370/24,0)+1,1)*INDEX($D$3:$AA$30,INDEX(Jesper!$R$2:$R$366,ROW(INDEX(Jesper!AI$2:AI$366,ROUNDDOWN($C3370/24,0)+1,1))-1)+IF('Standard Profiles'!$G$19=$B$10,7,0)+IF('Standard Profiles'!$G$19=$B$17,14,0)+IF('Standard Profiles'!$G$19=$B$24,21,0),MOD($C3370,24)+1)/SUM(INDEX($D$3:$AA$30,INDEX(Jesper!$R$2:$R$366,ROW(INDEX(Jesper!AI$2:AI$366,ROUNDDOWN($C3370/24,0)+1,1))-1)+IF('Standard Profiles'!$G$19=$B$10,7,0)+IF('Standard Profiles'!$G$19=$B$17,14,0)+IF('Standard Profiles'!$G$19=$B$24,21,0),0)),0)</f>
        <v>3.053242360073841</v>
      </c>
      <c r="F3370" cm="1">
        <f t="array" ref="F3370">IFERROR(INDEX(Jesper!AJ$2:AJ$366,ROUNDDOWN($C3370/24,0)+1,1)*INDEX($D$3:$AA$30,INDEX(Jesper!$R$2:$R$366,ROW(INDEX(Jesper!AJ$2:AJ$366,ROUNDDOWN($C3370/24,0)+1,1))-1)+IF('Standard Profiles'!$G$20=$B$10,7,0)+IF('Standard Profiles'!$G$20=$B$17,14,0)+IF('Standard Profiles'!$G$20=$B$24,21,0),MOD($C3370,24)+1)/SUM(INDEX($D$3:$AA$30,INDEX(Jesper!$R$2:$R$366,ROW(INDEX(Jesper!AJ$2:AJ$366,ROUNDDOWN($C3370/24,0)+1,1))-1)+IF('Standard Profiles'!$G$20=$B$10,7,0)+IF('Standard Profiles'!$G$20=$B$17,14,0)+IF('Standard Profiles'!$G$20=$B$24,21,0),0)),0)</f>
        <v>1.5035079684914219</v>
      </c>
      <c r="G3370" cm="1">
        <f t="array" ref="G3370">IFERROR(INDEX(Jesper!AK$2:AK$366,ROUNDDOWN($C3370/24,0)+1,1)*INDEX($D$3:$AA$30,INDEX(Jesper!$R$2:$R$366,ROW(INDEX(Jesper!AK$2:AK$366,ROUNDDOWN($C3370/24,0)+1,1))-1)+IF('Standard Profiles'!$G$21=$B$10,7,0)+IF('Standard Profiles'!$G$21=$B$17,14,0)+IF('Standard Profiles'!$G$21=$B$24,21,0),MOD($C3370,24)+1)/SUM(INDEX($D$3:$AA$30,INDEX(Jesper!$R$2:$R$366,ROW(INDEX(Jesper!AK$2:AK$366,ROUNDDOWN($C3370/24,0)+1,1))-1)+IF('Standard Profiles'!$G$21=$B$10,7,0)+IF('Standard Profiles'!$G$21=$B$17,14,0)+IF('Standard Profiles'!$G$21=$B$24,21,0),0)),0)</f>
        <v>0.89246430629375617</v>
      </c>
      <c r="H3370" cm="1">
        <f t="array" ref="H3370">IFERROR(INDEX(Jesper!AL$2:AL$366,ROUNDDOWN($C3370/24,0)+1,1)*INDEX($D$3:$AA$30,INDEX(Jesper!$R$2:$R$366,ROW(INDEX(Jesper!AL$2:AL$366,ROUNDDOWN($C3370/24,0)+1,1))-1)+IF('Standard Profiles'!$G$22=$B$10,7,0)+IF('Standard Profiles'!$G$22=$B$17,14,0)+IF('Standard Profiles'!$G$22=$B$24,21,0),MOD($C3370,24)+1)/SUM(INDEX($D$3:$AA$30,INDEX(Jesper!$R$2:$R$366,ROW(INDEX(Jesper!AL$2:AL$366,ROUNDDOWN($C3370/24,0)+1,1))-1)+IF('Standard Profiles'!$G$22=$B$10,7,0)+IF('Standard Profiles'!$G$22=$B$17,14,0)+IF('Standard Profiles'!$G$22=$B$24,21,0),0)),0)</f>
        <v>0.19107310203826386</v>
      </c>
      <c r="I3370">
        <f t="shared" si="384"/>
        <v>0.18343017795673341</v>
      </c>
      <c r="J3370">
        <f t="shared" si="385"/>
        <v>5.0904684757316883</v>
      </c>
      <c r="K3370">
        <f t="shared" si="386"/>
        <v>0.24425938880590728</v>
      </c>
      <c r="L3370">
        <f t="shared" si="387"/>
        <v>0.12212969440295364</v>
      </c>
      <c r="M3370">
        <f t="shared" si="388"/>
        <v>0</v>
      </c>
      <c r="N3370" s="45">
        <f t="shared" si="389"/>
        <v>45065.999999991909</v>
      </c>
    </row>
    <row r="3371" spans="2:14" x14ac:dyDescent="0.25">
      <c r="B3371">
        <f t="shared" si="383"/>
        <v>6</v>
      </c>
      <c r="C3371" s="16">
        <v>3337</v>
      </c>
      <c r="D3371" cm="1">
        <f t="array" ref="D3371">IFERROR(INDEX(Jesper!AH$2:AH$366,ROUNDDOWN($C3371/24,0)+1,1)*INDEX($D$3:$AA$30,INDEX(Jesper!$R$2:$R$366,ROW(INDEX(Jesper!AH$2:AH$366,ROUNDDOWN($C3371/24,0)+1,1))-1)+IF('Standard Profiles'!$G$18=$B$10,7,0)+IF('Standard Profiles'!$G$18=$B$17,14,0)+IF('Standard Profiles'!$G$18=$B$24,21,0),MOD($C3371,24)+1)/SUM(INDEX($D$3:$AA$30,INDEX(Jesper!$R$2:$R$366,ROW(INDEX(Jesper!AH$2:AH$366,ROUNDDOWN($C3371/24,0)+1,1))-1)+IF('Standard Profiles'!$G$18=$B$10,7,0)+IF('Standard Profiles'!$G$18=$B$17,14,0)+IF('Standard Profiles'!$G$18=$B$24,21,0),0)),0)</f>
        <v>0</v>
      </c>
      <c r="E3371" cm="1">
        <f t="array" ref="E3371">IFERROR(INDEX(Jesper!AI$2:AI$366,ROUNDDOWN($C3371/24,0)+1,1)*INDEX($D$3:$AA$30,INDEX(Jesper!$R$2:$R$366,ROW(INDEX(Jesper!AI$2:AI$366,ROUNDDOWN($C3371/24,0)+1,1))-1)+IF('Standard Profiles'!$G$19=$B$10,7,0)+IF('Standard Profiles'!$G$19=$B$17,14,0)+IF('Standard Profiles'!$G$19=$B$24,21,0),MOD($C3371,24)+1)/SUM(INDEX($D$3:$AA$30,INDEX(Jesper!$R$2:$R$366,ROW(INDEX(Jesper!AI$2:AI$366,ROUNDDOWN($C3371/24,0)+1,1))-1)+IF('Standard Profiles'!$G$19=$B$10,7,0)+IF('Standard Profiles'!$G$19=$B$17,14,0)+IF('Standard Profiles'!$G$19=$B$24,21,0),0)),0)</f>
        <v>2.747918124066457</v>
      </c>
      <c r="F3371" cm="1">
        <f t="array" ref="F3371">IFERROR(INDEX(Jesper!AJ$2:AJ$366,ROUNDDOWN($C3371/24,0)+1,1)*INDEX($D$3:$AA$30,INDEX(Jesper!$R$2:$R$366,ROW(INDEX(Jesper!AJ$2:AJ$366,ROUNDDOWN($C3371/24,0)+1,1))-1)+IF('Standard Profiles'!$G$20=$B$10,7,0)+IF('Standard Profiles'!$G$20=$B$17,14,0)+IF('Standard Profiles'!$G$20=$B$24,21,0),MOD($C3371,24)+1)/SUM(INDEX($D$3:$AA$30,INDEX(Jesper!$R$2:$R$366,ROW(INDEX(Jesper!AJ$2:AJ$366,ROUNDDOWN($C3371/24,0)+1,1))-1)+IF('Standard Profiles'!$G$20=$B$10,7,0)+IF('Standard Profiles'!$G$20=$B$17,14,0)+IF('Standard Profiles'!$G$20=$B$24,21,0),0)),0)</f>
        <v>1.3531571716422794</v>
      </c>
      <c r="G3371" cm="1">
        <f t="array" ref="G3371">IFERROR(INDEX(Jesper!AK$2:AK$366,ROUNDDOWN($C3371/24,0)+1,1)*INDEX($D$3:$AA$30,INDEX(Jesper!$R$2:$R$366,ROW(INDEX(Jesper!AK$2:AK$366,ROUNDDOWN($C3371/24,0)+1,1))-1)+IF('Standard Profiles'!$G$21=$B$10,7,0)+IF('Standard Profiles'!$G$21=$B$17,14,0)+IF('Standard Profiles'!$G$21=$B$24,21,0),MOD($C3371,24)+1)/SUM(INDEX($D$3:$AA$30,INDEX(Jesper!$R$2:$R$366,ROW(INDEX(Jesper!AK$2:AK$366,ROUNDDOWN($C3371/24,0)+1,1))-1)+IF('Standard Profiles'!$G$21=$B$10,7,0)+IF('Standard Profiles'!$G$21=$B$17,14,0)+IF('Standard Profiles'!$G$21=$B$24,21,0),0)),0)</f>
        <v>0.89246430629375617</v>
      </c>
      <c r="H3371" cm="1">
        <f t="array" ref="H3371">IFERROR(INDEX(Jesper!AL$2:AL$366,ROUNDDOWN($C3371/24,0)+1,1)*INDEX($D$3:$AA$30,INDEX(Jesper!$R$2:$R$366,ROW(INDEX(Jesper!AL$2:AL$366,ROUNDDOWN($C3371/24,0)+1,1))-1)+IF('Standard Profiles'!$G$22=$B$10,7,0)+IF('Standard Profiles'!$G$22=$B$17,14,0)+IF('Standard Profiles'!$G$22=$B$24,21,0),MOD($C3371,24)+1)/SUM(INDEX($D$3:$AA$30,INDEX(Jesper!$R$2:$R$366,ROW(INDEX(Jesper!AL$2:AL$366,ROUNDDOWN($C3371/24,0)+1,1))-1)+IF('Standard Profiles'!$G$22=$B$10,7,0)+IF('Standard Profiles'!$G$22=$B$17,14,0)+IF('Standard Profiles'!$G$22=$B$24,21,0),0)),0)</f>
        <v>0.37304748493184858</v>
      </c>
      <c r="I3371">
        <f t="shared" si="384"/>
        <v>0.35812558553457485</v>
      </c>
      <c r="J3371">
        <f t="shared" si="385"/>
        <v>4.6787113265117917</v>
      </c>
      <c r="K3371">
        <f t="shared" si="386"/>
        <v>0.21983344992531656</v>
      </c>
      <c r="L3371">
        <f t="shared" si="387"/>
        <v>0.10991672496265828</v>
      </c>
      <c r="M3371">
        <f t="shared" si="388"/>
        <v>0</v>
      </c>
      <c r="N3371" s="45">
        <f t="shared" si="389"/>
        <v>45066.041666658573</v>
      </c>
    </row>
    <row r="3372" spans="2:14" x14ac:dyDescent="0.25">
      <c r="B3372">
        <f t="shared" si="383"/>
        <v>6</v>
      </c>
      <c r="C3372" s="16">
        <v>3338</v>
      </c>
      <c r="D3372" cm="1">
        <f t="array" ref="D3372">IFERROR(INDEX(Jesper!AH$2:AH$366,ROUNDDOWN($C3372/24,0)+1,1)*INDEX($D$3:$AA$30,INDEX(Jesper!$R$2:$R$366,ROW(INDEX(Jesper!AH$2:AH$366,ROUNDDOWN($C3372/24,0)+1,1))-1)+IF('Standard Profiles'!$G$18=$B$10,7,0)+IF('Standard Profiles'!$G$18=$B$17,14,0)+IF('Standard Profiles'!$G$18=$B$24,21,0),MOD($C3372,24)+1)/SUM(INDEX($D$3:$AA$30,INDEX(Jesper!$R$2:$R$366,ROW(INDEX(Jesper!AH$2:AH$366,ROUNDDOWN($C3372/24,0)+1,1))-1)+IF('Standard Profiles'!$G$18=$B$10,7,0)+IF('Standard Profiles'!$G$18=$B$17,14,0)+IF('Standard Profiles'!$G$18=$B$24,21,0),0)),0)</f>
        <v>0</v>
      </c>
      <c r="E3372" cm="1">
        <f t="array" ref="E3372">IFERROR(INDEX(Jesper!AI$2:AI$366,ROUNDDOWN($C3372/24,0)+1,1)*INDEX($D$3:$AA$30,INDEX(Jesper!$R$2:$R$366,ROW(INDEX(Jesper!AI$2:AI$366,ROUNDDOWN($C3372/24,0)+1,1))-1)+IF('Standard Profiles'!$G$19=$B$10,7,0)+IF('Standard Profiles'!$G$19=$B$17,14,0)+IF('Standard Profiles'!$G$19=$B$24,21,0),MOD($C3372,24)+1)/SUM(INDEX($D$3:$AA$30,INDEX(Jesper!$R$2:$R$366,ROW(INDEX(Jesper!AI$2:AI$366,ROUNDDOWN($C3372/24,0)+1,1))-1)+IF('Standard Profiles'!$G$19=$B$10,7,0)+IF('Standard Profiles'!$G$19=$B$17,14,0)+IF('Standard Profiles'!$G$19=$B$24,21,0),0)),0)</f>
        <v>2.747918124066457</v>
      </c>
      <c r="F3372" cm="1">
        <f t="array" ref="F3372">IFERROR(INDEX(Jesper!AJ$2:AJ$366,ROUNDDOWN($C3372/24,0)+1,1)*INDEX($D$3:$AA$30,INDEX(Jesper!$R$2:$R$366,ROW(INDEX(Jesper!AJ$2:AJ$366,ROUNDDOWN($C3372/24,0)+1,1))-1)+IF('Standard Profiles'!$G$20=$B$10,7,0)+IF('Standard Profiles'!$G$20=$B$17,14,0)+IF('Standard Profiles'!$G$20=$B$24,21,0),MOD($C3372,24)+1)/SUM(INDEX($D$3:$AA$30,INDEX(Jesper!$R$2:$R$366,ROW(INDEX(Jesper!AJ$2:AJ$366,ROUNDDOWN($C3372/24,0)+1,1))-1)+IF('Standard Profiles'!$G$20=$B$10,7,0)+IF('Standard Profiles'!$G$20=$B$17,14,0)+IF('Standard Profiles'!$G$20=$B$24,21,0),0)),0)</f>
        <v>1.3531571716422794</v>
      </c>
      <c r="G3372" cm="1">
        <f t="array" ref="G3372">IFERROR(INDEX(Jesper!AK$2:AK$366,ROUNDDOWN($C3372/24,0)+1,1)*INDEX($D$3:$AA$30,INDEX(Jesper!$R$2:$R$366,ROW(INDEX(Jesper!AK$2:AK$366,ROUNDDOWN($C3372/24,0)+1,1))-1)+IF('Standard Profiles'!$G$21=$B$10,7,0)+IF('Standard Profiles'!$G$21=$B$17,14,0)+IF('Standard Profiles'!$G$21=$B$24,21,0),MOD($C3372,24)+1)/SUM(INDEX($D$3:$AA$30,INDEX(Jesper!$R$2:$R$366,ROW(INDEX(Jesper!AK$2:AK$366,ROUNDDOWN($C3372/24,0)+1,1))-1)+IF('Standard Profiles'!$G$21=$B$10,7,0)+IF('Standard Profiles'!$G$21=$B$17,14,0)+IF('Standard Profiles'!$G$21=$B$24,21,0),0)),0)</f>
        <v>0.89246430629375617</v>
      </c>
      <c r="H3372" cm="1">
        <f t="array" ref="H3372">IFERROR(INDEX(Jesper!AL$2:AL$366,ROUNDDOWN($C3372/24,0)+1,1)*INDEX($D$3:$AA$30,INDEX(Jesper!$R$2:$R$366,ROW(INDEX(Jesper!AL$2:AL$366,ROUNDDOWN($C3372/24,0)+1,1))-1)+IF('Standard Profiles'!$G$22=$B$10,7,0)+IF('Standard Profiles'!$G$22=$B$17,14,0)+IF('Standard Profiles'!$G$22=$B$24,21,0),MOD($C3372,24)+1)/SUM(INDEX($D$3:$AA$30,INDEX(Jesper!$R$2:$R$366,ROW(INDEX(Jesper!AL$2:AL$366,ROUNDDOWN($C3372/24,0)+1,1))-1)+IF('Standard Profiles'!$G$22=$B$10,7,0)+IF('Standard Profiles'!$G$22=$B$17,14,0)+IF('Standard Profiles'!$G$22=$B$24,21,0),0)),0)</f>
        <v>0.37304748493184858</v>
      </c>
      <c r="I3372">
        <f t="shared" si="384"/>
        <v>0.35812558553457485</v>
      </c>
      <c r="J3372">
        <f t="shared" si="385"/>
        <v>4.6787113265117917</v>
      </c>
      <c r="K3372">
        <f t="shared" si="386"/>
        <v>0.21983344992531656</v>
      </c>
      <c r="L3372">
        <f t="shared" si="387"/>
        <v>0.10991672496265828</v>
      </c>
      <c r="M3372">
        <f t="shared" si="388"/>
        <v>0</v>
      </c>
      <c r="N3372" s="45">
        <f t="shared" si="389"/>
        <v>45066.083333325238</v>
      </c>
    </row>
    <row r="3373" spans="2:14" x14ac:dyDescent="0.25">
      <c r="B3373">
        <f t="shared" si="383"/>
        <v>6</v>
      </c>
      <c r="C3373" s="16">
        <v>3339</v>
      </c>
      <c r="D3373" cm="1">
        <f t="array" ref="D3373">IFERROR(INDEX(Jesper!AH$2:AH$366,ROUNDDOWN($C3373/24,0)+1,1)*INDEX($D$3:$AA$30,INDEX(Jesper!$R$2:$R$366,ROW(INDEX(Jesper!AH$2:AH$366,ROUNDDOWN($C3373/24,0)+1,1))-1)+IF('Standard Profiles'!$G$18=$B$10,7,0)+IF('Standard Profiles'!$G$18=$B$17,14,0)+IF('Standard Profiles'!$G$18=$B$24,21,0),MOD($C3373,24)+1)/SUM(INDEX($D$3:$AA$30,INDEX(Jesper!$R$2:$R$366,ROW(INDEX(Jesper!AH$2:AH$366,ROUNDDOWN($C3373/24,0)+1,1))-1)+IF('Standard Profiles'!$G$18=$B$10,7,0)+IF('Standard Profiles'!$G$18=$B$17,14,0)+IF('Standard Profiles'!$G$18=$B$24,21,0),0)),0)</f>
        <v>0</v>
      </c>
      <c r="E3373" cm="1">
        <f t="array" ref="E3373">IFERROR(INDEX(Jesper!AI$2:AI$366,ROUNDDOWN($C3373/24,0)+1,1)*INDEX($D$3:$AA$30,INDEX(Jesper!$R$2:$R$366,ROW(INDEX(Jesper!AI$2:AI$366,ROUNDDOWN($C3373/24,0)+1,1))-1)+IF('Standard Profiles'!$G$19=$B$10,7,0)+IF('Standard Profiles'!$G$19=$B$17,14,0)+IF('Standard Profiles'!$G$19=$B$24,21,0),MOD($C3373,24)+1)/SUM(INDEX($D$3:$AA$30,INDEX(Jesper!$R$2:$R$366,ROW(INDEX(Jesper!AI$2:AI$366,ROUNDDOWN($C3373/24,0)+1,1))-1)+IF('Standard Profiles'!$G$19=$B$10,7,0)+IF('Standard Profiles'!$G$19=$B$17,14,0)+IF('Standard Profiles'!$G$19=$B$24,21,0),0)),0)</f>
        <v>2.747918124066457</v>
      </c>
      <c r="F3373" cm="1">
        <f t="array" ref="F3373">IFERROR(INDEX(Jesper!AJ$2:AJ$366,ROUNDDOWN($C3373/24,0)+1,1)*INDEX($D$3:$AA$30,INDEX(Jesper!$R$2:$R$366,ROW(INDEX(Jesper!AJ$2:AJ$366,ROUNDDOWN($C3373/24,0)+1,1))-1)+IF('Standard Profiles'!$G$20=$B$10,7,0)+IF('Standard Profiles'!$G$20=$B$17,14,0)+IF('Standard Profiles'!$G$20=$B$24,21,0),MOD($C3373,24)+1)/SUM(INDEX($D$3:$AA$30,INDEX(Jesper!$R$2:$R$366,ROW(INDEX(Jesper!AJ$2:AJ$366,ROUNDDOWN($C3373/24,0)+1,1))-1)+IF('Standard Profiles'!$G$20=$B$10,7,0)+IF('Standard Profiles'!$G$20=$B$17,14,0)+IF('Standard Profiles'!$G$20=$B$24,21,0),0)),0)</f>
        <v>1.3531571716422794</v>
      </c>
      <c r="G3373" cm="1">
        <f t="array" ref="G3373">IFERROR(INDEX(Jesper!AK$2:AK$366,ROUNDDOWN($C3373/24,0)+1,1)*INDEX($D$3:$AA$30,INDEX(Jesper!$R$2:$R$366,ROW(INDEX(Jesper!AK$2:AK$366,ROUNDDOWN($C3373/24,0)+1,1))-1)+IF('Standard Profiles'!$G$21=$B$10,7,0)+IF('Standard Profiles'!$G$21=$B$17,14,0)+IF('Standard Profiles'!$G$21=$B$24,21,0),MOD($C3373,24)+1)/SUM(INDEX($D$3:$AA$30,INDEX(Jesper!$R$2:$R$366,ROW(INDEX(Jesper!AK$2:AK$366,ROUNDDOWN($C3373/24,0)+1,1))-1)+IF('Standard Profiles'!$G$21=$B$10,7,0)+IF('Standard Profiles'!$G$21=$B$17,14,0)+IF('Standard Profiles'!$G$21=$B$24,21,0),0)),0)</f>
        <v>0.89246430629375617</v>
      </c>
      <c r="H3373" cm="1">
        <f t="array" ref="H3373">IFERROR(INDEX(Jesper!AL$2:AL$366,ROUNDDOWN($C3373/24,0)+1,1)*INDEX($D$3:$AA$30,INDEX(Jesper!$R$2:$R$366,ROW(INDEX(Jesper!AL$2:AL$366,ROUNDDOWN($C3373/24,0)+1,1))-1)+IF('Standard Profiles'!$G$22=$B$10,7,0)+IF('Standard Profiles'!$G$22=$B$17,14,0)+IF('Standard Profiles'!$G$22=$B$24,21,0),MOD($C3373,24)+1)/SUM(INDEX($D$3:$AA$30,INDEX(Jesper!$R$2:$R$366,ROW(INDEX(Jesper!AL$2:AL$366,ROUNDDOWN($C3373/24,0)+1,1))-1)+IF('Standard Profiles'!$G$22=$B$10,7,0)+IF('Standard Profiles'!$G$22=$B$17,14,0)+IF('Standard Profiles'!$G$22=$B$24,21,0),0)),0)</f>
        <v>0.37304748493184858</v>
      </c>
      <c r="I3373">
        <f t="shared" si="384"/>
        <v>0.35812558553457485</v>
      </c>
      <c r="J3373">
        <f t="shared" si="385"/>
        <v>4.6787113265117917</v>
      </c>
      <c r="K3373">
        <f t="shared" si="386"/>
        <v>0.21983344992531656</v>
      </c>
      <c r="L3373">
        <f t="shared" si="387"/>
        <v>0.10991672496265828</v>
      </c>
      <c r="M3373">
        <f t="shared" si="388"/>
        <v>0</v>
      </c>
      <c r="N3373" s="45">
        <f t="shared" si="389"/>
        <v>45066.124999991902</v>
      </c>
    </row>
    <row r="3374" spans="2:14" x14ac:dyDescent="0.25">
      <c r="B3374">
        <f t="shared" si="383"/>
        <v>6</v>
      </c>
      <c r="C3374" s="16">
        <v>3340</v>
      </c>
      <c r="D3374" cm="1">
        <f t="array" ref="D3374">IFERROR(INDEX(Jesper!AH$2:AH$366,ROUNDDOWN($C3374/24,0)+1,1)*INDEX($D$3:$AA$30,INDEX(Jesper!$R$2:$R$366,ROW(INDEX(Jesper!AH$2:AH$366,ROUNDDOWN($C3374/24,0)+1,1))-1)+IF('Standard Profiles'!$G$18=$B$10,7,0)+IF('Standard Profiles'!$G$18=$B$17,14,0)+IF('Standard Profiles'!$G$18=$B$24,21,0),MOD($C3374,24)+1)/SUM(INDEX($D$3:$AA$30,INDEX(Jesper!$R$2:$R$366,ROW(INDEX(Jesper!AH$2:AH$366,ROUNDDOWN($C3374/24,0)+1,1))-1)+IF('Standard Profiles'!$G$18=$B$10,7,0)+IF('Standard Profiles'!$G$18=$B$17,14,0)+IF('Standard Profiles'!$G$18=$B$24,21,0),0)),0)</f>
        <v>0</v>
      </c>
      <c r="E3374" cm="1">
        <f t="array" ref="E3374">IFERROR(INDEX(Jesper!AI$2:AI$366,ROUNDDOWN($C3374/24,0)+1,1)*INDEX($D$3:$AA$30,INDEX(Jesper!$R$2:$R$366,ROW(INDEX(Jesper!AI$2:AI$366,ROUNDDOWN($C3374/24,0)+1,1))-1)+IF('Standard Profiles'!$G$19=$B$10,7,0)+IF('Standard Profiles'!$G$19=$B$17,14,0)+IF('Standard Profiles'!$G$19=$B$24,21,0),MOD($C3374,24)+1)/SUM(INDEX($D$3:$AA$30,INDEX(Jesper!$R$2:$R$366,ROW(INDEX(Jesper!AI$2:AI$366,ROUNDDOWN($C3374/24,0)+1,1))-1)+IF('Standard Profiles'!$G$19=$B$10,7,0)+IF('Standard Profiles'!$G$19=$B$17,14,0)+IF('Standard Profiles'!$G$19=$B$24,21,0),0)),0)</f>
        <v>2.747918124066457</v>
      </c>
      <c r="F3374" cm="1">
        <f t="array" ref="F3374">IFERROR(INDEX(Jesper!AJ$2:AJ$366,ROUNDDOWN($C3374/24,0)+1,1)*INDEX($D$3:$AA$30,INDEX(Jesper!$R$2:$R$366,ROW(INDEX(Jesper!AJ$2:AJ$366,ROUNDDOWN($C3374/24,0)+1,1))-1)+IF('Standard Profiles'!$G$20=$B$10,7,0)+IF('Standard Profiles'!$G$20=$B$17,14,0)+IF('Standard Profiles'!$G$20=$B$24,21,0),MOD($C3374,24)+1)/SUM(INDEX($D$3:$AA$30,INDEX(Jesper!$R$2:$R$366,ROW(INDEX(Jesper!AJ$2:AJ$366,ROUNDDOWN($C3374/24,0)+1,1))-1)+IF('Standard Profiles'!$G$20=$B$10,7,0)+IF('Standard Profiles'!$G$20=$B$17,14,0)+IF('Standard Profiles'!$G$20=$B$24,21,0),0)),0)</f>
        <v>1.3531571716422794</v>
      </c>
      <c r="G3374" cm="1">
        <f t="array" ref="G3374">IFERROR(INDEX(Jesper!AK$2:AK$366,ROUNDDOWN($C3374/24,0)+1,1)*INDEX($D$3:$AA$30,INDEX(Jesper!$R$2:$R$366,ROW(INDEX(Jesper!AK$2:AK$366,ROUNDDOWN($C3374/24,0)+1,1))-1)+IF('Standard Profiles'!$G$21=$B$10,7,0)+IF('Standard Profiles'!$G$21=$B$17,14,0)+IF('Standard Profiles'!$G$21=$B$24,21,0),MOD($C3374,24)+1)/SUM(INDEX($D$3:$AA$30,INDEX(Jesper!$R$2:$R$366,ROW(INDEX(Jesper!AK$2:AK$366,ROUNDDOWN($C3374/24,0)+1,1))-1)+IF('Standard Profiles'!$G$21=$B$10,7,0)+IF('Standard Profiles'!$G$21=$B$17,14,0)+IF('Standard Profiles'!$G$21=$B$24,21,0),0)),0)</f>
        <v>0.89246430629375617</v>
      </c>
      <c r="H3374" cm="1">
        <f t="array" ref="H3374">IFERROR(INDEX(Jesper!AL$2:AL$366,ROUNDDOWN($C3374/24,0)+1,1)*INDEX($D$3:$AA$30,INDEX(Jesper!$R$2:$R$366,ROW(INDEX(Jesper!AL$2:AL$366,ROUNDDOWN($C3374/24,0)+1,1))-1)+IF('Standard Profiles'!$G$22=$B$10,7,0)+IF('Standard Profiles'!$G$22=$B$17,14,0)+IF('Standard Profiles'!$G$22=$B$24,21,0),MOD($C3374,24)+1)/SUM(INDEX($D$3:$AA$30,INDEX(Jesper!$R$2:$R$366,ROW(INDEX(Jesper!AL$2:AL$366,ROUNDDOWN($C3374/24,0)+1,1))-1)+IF('Standard Profiles'!$G$22=$B$10,7,0)+IF('Standard Profiles'!$G$22=$B$17,14,0)+IF('Standard Profiles'!$G$22=$B$24,21,0),0)),0)</f>
        <v>0.37304748493184858</v>
      </c>
      <c r="I3374">
        <f t="shared" si="384"/>
        <v>0.35812558553457485</v>
      </c>
      <c r="J3374">
        <f t="shared" si="385"/>
        <v>4.6787113265117917</v>
      </c>
      <c r="K3374">
        <f t="shared" si="386"/>
        <v>0.21983344992531656</v>
      </c>
      <c r="L3374">
        <f t="shared" si="387"/>
        <v>0.10991672496265828</v>
      </c>
      <c r="M3374">
        <f t="shared" si="388"/>
        <v>0</v>
      </c>
      <c r="N3374" s="45">
        <f t="shared" si="389"/>
        <v>45066.166666658566</v>
      </c>
    </row>
    <row r="3375" spans="2:14" x14ac:dyDescent="0.25">
      <c r="B3375">
        <f t="shared" si="383"/>
        <v>6</v>
      </c>
      <c r="C3375" s="16">
        <v>3341</v>
      </c>
      <c r="D3375" cm="1">
        <f t="array" ref="D3375">IFERROR(INDEX(Jesper!AH$2:AH$366,ROUNDDOWN($C3375/24,0)+1,1)*INDEX($D$3:$AA$30,INDEX(Jesper!$R$2:$R$366,ROW(INDEX(Jesper!AH$2:AH$366,ROUNDDOWN($C3375/24,0)+1,1))-1)+IF('Standard Profiles'!$G$18=$B$10,7,0)+IF('Standard Profiles'!$G$18=$B$17,14,0)+IF('Standard Profiles'!$G$18=$B$24,21,0),MOD($C3375,24)+1)/SUM(INDEX($D$3:$AA$30,INDEX(Jesper!$R$2:$R$366,ROW(INDEX(Jesper!AH$2:AH$366,ROUNDDOWN($C3375/24,0)+1,1))-1)+IF('Standard Profiles'!$G$18=$B$10,7,0)+IF('Standard Profiles'!$G$18=$B$17,14,0)+IF('Standard Profiles'!$G$18=$B$24,21,0),0)),0)</f>
        <v>0</v>
      </c>
      <c r="E3375" cm="1">
        <f t="array" ref="E3375">IFERROR(INDEX(Jesper!AI$2:AI$366,ROUNDDOWN($C3375/24,0)+1,1)*INDEX($D$3:$AA$30,INDEX(Jesper!$R$2:$R$366,ROW(INDEX(Jesper!AI$2:AI$366,ROUNDDOWN($C3375/24,0)+1,1))-1)+IF('Standard Profiles'!$G$19=$B$10,7,0)+IF('Standard Profiles'!$G$19=$B$17,14,0)+IF('Standard Profiles'!$G$19=$B$24,21,0),MOD($C3375,24)+1)/SUM(INDEX($D$3:$AA$30,INDEX(Jesper!$R$2:$R$366,ROW(INDEX(Jesper!AI$2:AI$366,ROUNDDOWN($C3375/24,0)+1,1))-1)+IF('Standard Profiles'!$G$19=$B$10,7,0)+IF('Standard Profiles'!$G$19=$B$17,14,0)+IF('Standard Profiles'!$G$19=$B$24,21,0),0)),0)</f>
        <v>2.747918124066457</v>
      </c>
      <c r="F3375" cm="1">
        <f t="array" ref="F3375">IFERROR(INDEX(Jesper!AJ$2:AJ$366,ROUNDDOWN($C3375/24,0)+1,1)*INDEX($D$3:$AA$30,INDEX(Jesper!$R$2:$R$366,ROW(INDEX(Jesper!AJ$2:AJ$366,ROUNDDOWN($C3375/24,0)+1,1))-1)+IF('Standard Profiles'!$G$20=$B$10,7,0)+IF('Standard Profiles'!$G$20=$B$17,14,0)+IF('Standard Profiles'!$G$20=$B$24,21,0),MOD($C3375,24)+1)/SUM(INDEX($D$3:$AA$30,INDEX(Jesper!$R$2:$R$366,ROW(INDEX(Jesper!AJ$2:AJ$366,ROUNDDOWN($C3375/24,0)+1,1))-1)+IF('Standard Profiles'!$G$20=$B$10,7,0)+IF('Standard Profiles'!$G$20=$B$17,14,0)+IF('Standard Profiles'!$G$20=$B$24,21,0),0)),0)</f>
        <v>1.3531571716422794</v>
      </c>
      <c r="G3375" cm="1">
        <f t="array" ref="G3375">IFERROR(INDEX(Jesper!AK$2:AK$366,ROUNDDOWN($C3375/24,0)+1,1)*INDEX($D$3:$AA$30,INDEX(Jesper!$R$2:$R$366,ROW(INDEX(Jesper!AK$2:AK$366,ROUNDDOWN($C3375/24,0)+1,1))-1)+IF('Standard Profiles'!$G$21=$B$10,7,0)+IF('Standard Profiles'!$G$21=$B$17,14,0)+IF('Standard Profiles'!$G$21=$B$24,21,0),MOD($C3375,24)+1)/SUM(INDEX($D$3:$AA$30,INDEX(Jesper!$R$2:$R$366,ROW(INDEX(Jesper!AK$2:AK$366,ROUNDDOWN($C3375/24,0)+1,1))-1)+IF('Standard Profiles'!$G$21=$B$10,7,0)+IF('Standard Profiles'!$G$21=$B$17,14,0)+IF('Standard Profiles'!$G$21=$B$24,21,0),0)),0)</f>
        <v>0.89246430629375617</v>
      </c>
      <c r="H3375" cm="1">
        <f t="array" ref="H3375">IFERROR(INDEX(Jesper!AL$2:AL$366,ROUNDDOWN($C3375/24,0)+1,1)*INDEX($D$3:$AA$30,INDEX(Jesper!$R$2:$R$366,ROW(INDEX(Jesper!AL$2:AL$366,ROUNDDOWN($C3375/24,0)+1,1))-1)+IF('Standard Profiles'!$G$22=$B$10,7,0)+IF('Standard Profiles'!$G$22=$B$17,14,0)+IF('Standard Profiles'!$G$22=$B$24,21,0),MOD($C3375,24)+1)/SUM(INDEX($D$3:$AA$30,INDEX(Jesper!$R$2:$R$366,ROW(INDEX(Jesper!AL$2:AL$366,ROUNDDOWN($C3375/24,0)+1,1))-1)+IF('Standard Profiles'!$G$22=$B$10,7,0)+IF('Standard Profiles'!$G$22=$B$17,14,0)+IF('Standard Profiles'!$G$22=$B$24,21,0),0)),0)</f>
        <v>0.46403467637864088</v>
      </c>
      <c r="I3375">
        <f t="shared" si="384"/>
        <v>0.4454732893234955</v>
      </c>
      <c r="J3375">
        <f t="shared" si="385"/>
        <v>4.6823508141696628</v>
      </c>
      <c r="K3375">
        <f t="shared" si="386"/>
        <v>0.21983344992531656</v>
      </c>
      <c r="L3375">
        <f t="shared" si="387"/>
        <v>0.10991672496265828</v>
      </c>
      <c r="M3375">
        <f t="shared" si="388"/>
        <v>0</v>
      </c>
      <c r="N3375" s="45">
        <f t="shared" si="389"/>
        <v>45066.20833332523</v>
      </c>
    </row>
    <row r="3376" spans="2:14" x14ac:dyDescent="0.25">
      <c r="B3376">
        <f t="shared" si="383"/>
        <v>6</v>
      </c>
      <c r="C3376" s="16">
        <v>3342</v>
      </c>
      <c r="D3376" cm="1">
        <f t="array" ref="D3376">IFERROR(INDEX(Jesper!AH$2:AH$366,ROUNDDOWN($C3376/24,0)+1,1)*INDEX($D$3:$AA$30,INDEX(Jesper!$R$2:$R$366,ROW(INDEX(Jesper!AH$2:AH$366,ROUNDDOWN($C3376/24,0)+1,1))-1)+IF('Standard Profiles'!$G$18=$B$10,7,0)+IF('Standard Profiles'!$G$18=$B$17,14,0)+IF('Standard Profiles'!$G$18=$B$24,21,0),MOD($C3376,24)+1)/SUM(INDEX($D$3:$AA$30,INDEX(Jesper!$R$2:$R$366,ROW(INDEX(Jesper!AH$2:AH$366,ROUNDDOWN($C3376/24,0)+1,1))-1)+IF('Standard Profiles'!$G$18=$B$10,7,0)+IF('Standard Profiles'!$G$18=$B$17,14,0)+IF('Standard Profiles'!$G$18=$B$24,21,0),0)),0)</f>
        <v>0</v>
      </c>
      <c r="E3376" cm="1">
        <f t="array" ref="E3376">IFERROR(INDEX(Jesper!AI$2:AI$366,ROUNDDOWN($C3376/24,0)+1,1)*INDEX($D$3:$AA$30,INDEX(Jesper!$R$2:$R$366,ROW(INDEX(Jesper!AI$2:AI$366,ROUNDDOWN($C3376/24,0)+1,1))-1)+IF('Standard Profiles'!$G$19=$B$10,7,0)+IF('Standard Profiles'!$G$19=$B$17,14,0)+IF('Standard Profiles'!$G$19=$B$24,21,0),MOD($C3376,24)+1)/SUM(INDEX($D$3:$AA$30,INDEX(Jesper!$R$2:$R$366,ROW(INDEX(Jesper!AI$2:AI$366,ROUNDDOWN($C3376/24,0)+1,1))-1)+IF('Standard Profiles'!$G$19=$B$10,7,0)+IF('Standard Profiles'!$G$19=$B$17,14,0)+IF('Standard Profiles'!$G$19=$B$24,21,0),0)),0)</f>
        <v>2.747918124066457</v>
      </c>
      <c r="F3376" cm="1">
        <f t="array" ref="F3376">IFERROR(INDEX(Jesper!AJ$2:AJ$366,ROUNDDOWN($C3376/24,0)+1,1)*INDEX($D$3:$AA$30,INDEX(Jesper!$R$2:$R$366,ROW(INDEX(Jesper!AJ$2:AJ$366,ROUNDDOWN($C3376/24,0)+1,1))-1)+IF('Standard Profiles'!$G$20=$B$10,7,0)+IF('Standard Profiles'!$G$20=$B$17,14,0)+IF('Standard Profiles'!$G$20=$B$24,21,0),MOD($C3376,24)+1)/SUM(INDEX($D$3:$AA$30,INDEX(Jesper!$R$2:$R$366,ROW(INDEX(Jesper!AJ$2:AJ$366,ROUNDDOWN($C3376/24,0)+1,1))-1)+IF('Standard Profiles'!$G$20=$B$10,7,0)+IF('Standard Profiles'!$G$20=$B$17,14,0)+IF('Standard Profiles'!$G$20=$B$24,21,0),0)),0)</f>
        <v>1.3531571716422794</v>
      </c>
      <c r="G3376" cm="1">
        <f t="array" ref="G3376">IFERROR(INDEX(Jesper!AK$2:AK$366,ROUNDDOWN($C3376/24,0)+1,1)*INDEX($D$3:$AA$30,INDEX(Jesper!$R$2:$R$366,ROW(INDEX(Jesper!AK$2:AK$366,ROUNDDOWN($C3376/24,0)+1,1))-1)+IF('Standard Profiles'!$G$21=$B$10,7,0)+IF('Standard Profiles'!$G$21=$B$17,14,0)+IF('Standard Profiles'!$G$21=$B$24,21,0),MOD($C3376,24)+1)/SUM(INDEX($D$3:$AA$30,INDEX(Jesper!$R$2:$R$366,ROW(INDEX(Jesper!AK$2:AK$366,ROUNDDOWN($C3376/24,0)+1,1))-1)+IF('Standard Profiles'!$G$21=$B$10,7,0)+IF('Standard Profiles'!$G$21=$B$17,14,0)+IF('Standard Profiles'!$G$21=$B$24,21,0),0)),0)</f>
        <v>0.89246430629375617</v>
      </c>
      <c r="H3376" cm="1">
        <f t="array" ref="H3376">IFERROR(INDEX(Jesper!AL$2:AL$366,ROUNDDOWN($C3376/24,0)+1,1)*INDEX($D$3:$AA$30,INDEX(Jesper!$R$2:$R$366,ROW(INDEX(Jesper!AL$2:AL$366,ROUNDDOWN($C3376/24,0)+1,1))-1)+IF('Standard Profiles'!$G$22=$B$10,7,0)+IF('Standard Profiles'!$G$22=$B$17,14,0)+IF('Standard Profiles'!$G$22=$B$24,21,0),MOD($C3376,24)+1)/SUM(INDEX($D$3:$AA$30,INDEX(Jesper!$R$2:$R$366,ROW(INDEX(Jesper!AL$2:AL$366,ROUNDDOWN($C3376/24,0)+1,1))-1)+IF('Standard Profiles'!$G$22=$B$10,7,0)+IF('Standard Profiles'!$G$22=$B$17,14,0)+IF('Standard Profiles'!$G$22=$B$24,21,0),0)),0)</f>
        <v>0.58231802525947085</v>
      </c>
      <c r="I3376">
        <f t="shared" si="384"/>
        <v>0.55902530424909236</v>
      </c>
      <c r="J3376">
        <f t="shared" si="385"/>
        <v>4.6870821481248957</v>
      </c>
      <c r="K3376">
        <f t="shared" si="386"/>
        <v>0.21983344992531656</v>
      </c>
      <c r="L3376">
        <f t="shared" si="387"/>
        <v>0.10991672496265828</v>
      </c>
      <c r="M3376">
        <f t="shared" si="388"/>
        <v>0</v>
      </c>
      <c r="N3376" s="45">
        <f t="shared" si="389"/>
        <v>45066.249999991895</v>
      </c>
    </row>
    <row r="3377" spans="2:14" x14ac:dyDescent="0.25">
      <c r="B3377">
        <f t="shared" si="383"/>
        <v>6</v>
      </c>
      <c r="C3377" s="16">
        <v>3343</v>
      </c>
      <c r="D3377" cm="1">
        <f t="array" ref="D3377">IFERROR(INDEX(Jesper!AH$2:AH$366,ROUNDDOWN($C3377/24,0)+1,1)*INDEX($D$3:$AA$30,INDEX(Jesper!$R$2:$R$366,ROW(INDEX(Jesper!AH$2:AH$366,ROUNDDOWN($C3377/24,0)+1,1))-1)+IF('Standard Profiles'!$G$18=$B$10,7,0)+IF('Standard Profiles'!$G$18=$B$17,14,0)+IF('Standard Profiles'!$G$18=$B$24,21,0),MOD($C3377,24)+1)/SUM(INDEX($D$3:$AA$30,INDEX(Jesper!$R$2:$R$366,ROW(INDEX(Jesper!AH$2:AH$366,ROUNDDOWN($C3377/24,0)+1,1))-1)+IF('Standard Profiles'!$G$18=$B$10,7,0)+IF('Standard Profiles'!$G$18=$B$17,14,0)+IF('Standard Profiles'!$G$18=$B$24,21,0),0)),0)</f>
        <v>0</v>
      </c>
      <c r="E3377" cm="1">
        <f t="array" ref="E3377">IFERROR(INDEX(Jesper!AI$2:AI$366,ROUNDDOWN($C3377/24,0)+1,1)*INDEX($D$3:$AA$30,INDEX(Jesper!$R$2:$R$366,ROW(INDEX(Jesper!AI$2:AI$366,ROUNDDOWN($C3377/24,0)+1,1))-1)+IF('Standard Profiles'!$G$19=$B$10,7,0)+IF('Standard Profiles'!$G$19=$B$17,14,0)+IF('Standard Profiles'!$G$19=$B$24,21,0),MOD($C3377,24)+1)/SUM(INDEX($D$3:$AA$30,INDEX(Jesper!$R$2:$R$366,ROW(INDEX(Jesper!AI$2:AI$366,ROUNDDOWN($C3377/24,0)+1,1))-1)+IF('Standard Profiles'!$G$19=$B$10,7,0)+IF('Standard Profiles'!$G$19=$B$17,14,0)+IF('Standard Profiles'!$G$19=$B$24,21,0),0)),0)</f>
        <v>2.747918124066457</v>
      </c>
      <c r="F3377" cm="1">
        <f t="array" ref="F3377">IFERROR(INDEX(Jesper!AJ$2:AJ$366,ROUNDDOWN($C3377/24,0)+1,1)*INDEX($D$3:$AA$30,INDEX(Jesper!$R$2:$R$366,ROW(INDEX(Jesper!AJ$2:AJ$366,ROUNDDOWN($C3377/24,0)+1,1))-1)+IF('Standard Profiles'!$G$20=$B$10,7,0)+IF('Standard Profiles'!$G$20=$B$17,14,0)+IF('Standard Profiles'!$G$20=$B$24,21,0),MOD($C3377,24)+1)/SUM(INDEX($D$3:$AA$30,INDEX(Jesper!$R$2:$R$366,ROW(INDEX(Jesper!AJ$2:AJ$366,ROUNDDOWN($C3377/24,0)+1,1))-1)+IF('Standard Profiles'!$G$20=$B$10,7,0)+IF('Standard Profiles'!$G$20=$B$17,14,0)+IF('Standard Profiles'!$G$20=$B$24,21,0),0)),0)</f>
        <v>1.3531571716422794</v>
      </c>
      <c r="G3377" cm="1">
        <f t="array" ref="G3377">IFERROR(INDEX(Jesper!AK$2:AK$366,ROUNDDOWN($C3377/24,0)+1,1)*INDEX($D$3:$AA$30,INDEX(Jesper!$R$2:$R$366,ROW(INDEX(Jesper!AK$2:AK$366,ROUNDDOWN($C3377/24,0)+1,1))-1)+IF('Standard Profiles'!$G$21=$B$10,7,0)+IF('Standard Profiles'!$G$21=$B$17,14,0)+IF('Standard Profiles'!$G$21=$B$24,21,0),MOD($C3377,24)+1)/SUM(INDEX($D$3:$AA$30,INDEX(Jesper!$R$2:$R$366,ROW(INDEX(Jesper!AK$2:AK$366,ROUNDDOWN($C3377/24,0)+1,1))-1)+IF('Standard Profiles'!$G$21=$B$10,7,0)+IF('Standard Profiles'!$G$21=$B$17,14,0)+IF('Standard Profiles'!$G$21=$B$24,21,0),0)),0)</f>
        <v>0.89246430629375617</v>
      </c>
      <c r="H3377" cm="1">
        <f t="array" ref="H3377">IFERROR(INDEX(Jesper!AL$2:AL$366,ROUNDDOWN($C3377/24,0)+1,1)*INDEX($D$3:$AA$30,INDEX(Jesper!$R$2:$R$366,ROW(INDEX(Jesper!AL$2:AL$366,ROUNDDOWN($C3377/24,0)+1,1))-1)+IF('Standard Profiles'!$G$22=$B$10,7,0)+IF('Standard Profiles'!$G$22=$B$17,14,0)+IF('Standard Profiles'!$G$22=$B$24,21,0),MOD($C3377,24)+1)/SUM(INDEX($D$3:$AA$30,INDEX(Jesper!$R$2:$R$366,ROW(INDEX(Jesper!AL$2:AL$366,ROUNDDOWN($C3377/24,0)+1,1))-1)+IF('Standard Profiles'!$G$22=$B$10,7,0)+IF('Standard Profiles'!$G$22=$B$17,14,0)+IF('Standard Profiles'!$G$22=$B$24,21,0),0)),0)</f>
        <v>0.66420649756158401</v>
      </c>
      <c r="I3377">
        <f t="shared" si="384"/>
        <v>0.63763823765912098</v>
      </c>
      <c r="J3377">
        <f t="shared" si="385"/>
        <v>4.6903576870169807</v>
      </c>
      <c r="K3377">
        <f t="shared" si="386"/>
        <v>0.21983344992531656</v>
      </c>
      <c r="L3377">
        <f t="shared" si="387"/>
        <v>0.10991672496265828</v>
      </c>
      <c r="M3377">
        <f t="shared" si="388"/>
        <v>0</v>
      </c>
      <c r="N3377" s="45">
        <f t="shared" si="389"/>
        <v>45066.291666658559</v>
      </c>
    </row>
    <row r="3378" spans="2:14" x14ac:dyDescent="0.25">
      <c r="B3378">
        <f t="shared" si="383"/>
        <v>6</v>
      </c>
      <c r="C3378" s="16">
        <v>3344</v>
      </c>
      <c r="D3378" cm="1">
        <f t="array" ref="D3378">IFERROR(INDEX(Jesper!AH$2:AH$366,ROUNDDOWN($C3378/24,0)+1,1)*INDEX($D$3:$AA$30,INDEX(Jesper!$R$2:$R$366,ROW(INDEX(Jesper!AH$2:AH$366,ROUNDDOWN($C3378/24,0)+1,1))-1)+IF('Standard Profiles'!$G$18=$B$10,7,0)+IF('Standard Profiles'!$G$18=$B$17,14,0)+IF('Standard Profiles'!$G$18=$B$24,21,0),MOD($C3378,24)+1)/SUM(INDEX($D$3:$AA$30,INDEX(Jesper!$R$2:$R$366,ROW(INDEX(Jesper!AH$2:AH$366,ROUNDDOWN($C3378/24,0)+1,1))-1)+IF('Standard Profiles'!$G$18=$B$10,7,0)+IF('Standard Profiles'!$G$18=$B$17,14,0)+IF('Standard Profiles'!$G$18=$B$24,21,0),0)),0)</f>
        <v>0</v>
      </c>
      <c r="E3378" cm="1">
        <f t="array" ref="E3378">IFERROR(INDEX(Jesper!AI$2:AI$366,ROUNDDOWN($C3378/24,0)+1,1)*INDEX($D$3:$AA$30,INDEX(Jesper!$R$2:$R$366,ROW(INDEX(Jesper!AI$2:AI$366,ROUNDDOWN($C3378/24,0)+1,1))-1)+IF('Standard Profiles'!$G$19=$B$10,7,0)+IF('Standard Profiles'!$G$19=$B$17,14,0)+IF('Standard Profiles'!$G$19=$B$24,21,0),MOD($C3378,24)+1)/SUM(INDEX($D$3:$AA$30,INDEX(Jesper!$R$2:$R$366,ROW(INDEX(Jesper!AI$2:AI$366,ROUNDDOWN($C3378/24,0)+1,1))-1)+IF('Standard Profiles'!$G$19=$B$10,7,0)+IF('Standard Profiles'!$G$19=$B$17,14,0)+IF('Standard Profiles'!$G$19=$B$24,21,0),0)),0)</f>
        <v>2.747918124066457</v>
      </c>
      <c r="F3378" cm="1">
        <f t="array" ref="F3378">IFERROR(INDEX(Jesper!AJ$2:AJ$366,ROUNDDOWN($C3378/24,0)+1,1)*INDEX($D$3:$AA$30,INDEX(Jesper!$R$2:$R$366,ROW(INDEX(Jesper!AJ$2:AJ$366,ROUNDDOWN($C3378/24,0)+1,1))-1)+IF('Standard Profiles'!$G$20=$B$10,7,0)+IF('Standard Profiles'!$G$20=$B$17,14,0)+IF('Standard Profiles'!$G$20=$B$24,21,0),MOD($C3378,24)+1)/SUM(INDEX($D$3:$AA$30,INDEX(Jesper!$R$2:$R$366,ROW(INDEX(Jesper!AJ$2:AJ$366,ROUNDDOWN($C3378/24,0)+1,1))-1)+IF('Standard Profiles'!$G$20=$B$10,7,0)+IF('Standard Profiles'!$G$20=$B$17,14,0)+IF('Standard Profiles'!$G$20=$B$24,21,0),0)),0)</f>
        <v>1.3531571716422794</v>
      </c>
      <c r="G3378" cm="1">
        <f t="array" ref="G3378">IFERROR(INDEX(Jesper!AK$2:AK$366,ROUNDDOWN($C3378/24,0)+1,1)*INDEX($D$3:$AA$30,INDEX(Jesper!$R$2:$R$366,ROW(INDEX(Jesper!AK$2:AK$366,ROUNDDOWN($C3378/24,0)+1,1))-1)+IF('Standard Profiles'!$G$21=$B$10,7,0)+IF('Standard Profiles'!$G$21=$B$17,14,0)+IF('Standard Profiles'!$G$21=$B$24,21,0),MOD($C3378,24)+1)/SUM(INDEX($D$3:$AA$30,INDEX(Jesper!$R$2:$R$366,ROW(INDEX(Jesper!AK$2:AK$366,ROUNDDOWN($C3378/24,0)+1,1))-1)+IF('Standard Profiles'!$G$21=$B$10,7,0)+IF('Standard Profiles'!$G$21=$B$17,14,0)+IF('Standard Profiles'!$G$21=$B$24,21,0),0)),0)</f>
        <v>0.89246430629375617</v>
      </c>
      <c r="H3378" cm="1">
        <f t="array" ref="H3378">IFERROR(INDEX(Jesper!AL$2:AL$366,ROUNDDOWN($C3378/24,0)+1,1)*INDEX($D$3:$AA$30,INDEX(Jesper!$R$2:$R$366,ROW(INDEX(Jesper!AL$2:AL$366,ROUNDDOWN($C3378/24,0)+1,1))-1)+IF('Standard Profiles'!$G$22=$B$10,7,0)+IF('Standard Profiles'!$G$22=$B$17,14,0)+IF('Standard Profiles'!$G$22=$B$24,21,0),MOD($C3378,24)+1)/SUM(INDEX($D$3:$AA$30,INDEX(Jesper!$R$2:$R$366,ROW(INDEX(Jesper!AL$2:AL$366,ROUNDDOWN($C3378/24,0)+1,1))-1)+IF('Standard Profiles'!$G$22=$B$10,7,0)+IF('Standard Profiles'!$G$22=$B$17,14,0)+IF('Standard Profiles'!$G$22=$B$24,21,0),0)),0)</f>
        <v>0.66420649756158401</v>
      </c>
      <c r="I3378">
        <f t="shared" si="384"/>
        <v>0.63763823765912098</v>
      </c>
      <c r="J3378">
        <f t="shared" si="385"/>
        <v>4.6903576870169807</v>
      </c>
      <c r="K3378">
        <f t="shared" si="386"/>
        <v>0.21983344992531656</v>
      </c>
      <c r="L3378">
        <f t="shared" si="387"/>
        <v>0.10991672496265828</v>
      </c>
      <c r="M3378">
        <f t="shared" si="388"/>
        <v>0</v>
      </c>
      <c r="N3378" s="45">
        <f t="shared" si="389"/>
        <v>45066.333333325223</v>
      </c>
    </row>
    <row r="3379" spans="2:14" x14ac:dyDescent="0.25">
      <c r="B3379">
        <f t="shared" si="383"/>
        <v>6</v>
      </c>
      <c r="C3379" s="16">
        <v>3345</v>
      </c>
      <c r="D3379" cm="1">
        <f t="array" ref="D3379">IFERROR(INDEX(Jesper!AH$2:AH$366,ROUNDDOWN($C3379/24,0)+1,1)*INDEX($D$3:$AA$30,INDEX(Jesper!$R$2:$R$366,ROW(INDEX(Jesper!AH$2:AH$366,ROUNDDOWN($C3379/24,0)+1,1))-1)+IF('Standard Profiles'!$G$18=$B$10,7,0)+IF('Standard Profiles'!$G$18=$B$17,14,0)+IF('Standard Profiles'!$G$18=$B$24,21,0),MOD($C3379,24)+1)/SUM(INDEX($D$3:$AA$30,INDEX(Jesper!$R$2:$R$366,ROW(INDEX(Jesper!AH$2:AH$366,ROUNDDOWN($C3379/24,0)+1,1))-1)+IF('Standard Profiles'!$G$18=$B$10,7,0)+IF('Standard Profiles'!$G$18=$B$17,14,0)+IF('Standard Profiles'!$G$18=$B$24,21,0),0)),0)</f>
        <v>0</v>
      </c>
      <c r="E3379" cm="1">
        <f t="array" ref="E3379">IFERROR(INDEX(Jesper!AI$2:AI$366,ROUNDDOWN($C3379/24,0)+1,1)*INDEX($D$3:$AA$30,INDEX(Jesper!$R$2:$R$366,ROW(INDEX(Jesper!AI$2:AI$366,ROUNDDOWN($C3379/24,0)+1,1))-1)+IF('Standard Profiles'!$G$19=$B$10,7,0)+IF('Standard Profiles'!$G$19=$B$17,14,0)+IF('Standard Profiles'!$G$19=$B$24,21,0),MOD($C3379,24)+1)/SUM(INDEX($D$3:$AA$30,INDEX(Jesper!$R$2:$R$366,ROW(INDEX(Jesper!AI$2:AI$366,ROUNDDOWN($C3379/24,0)+1,1))-1)+IF('Standard Profiles'!$G$19=$B$10,7,0)+IF('Standard Profiles'!$G$19=$B$17,14,0)+IF('Standard Profiles'!$G$19=$B$24,21,0),0)),0)</f>
        <v>2.747918124066457</v>
      </c>
      <c r="F3379" cm="1">
        <f t="array" ref="F3379">IFERROR(INDEX(Jesper!AJ$2:AJ$366,ROUNDDOWN($C3379/24,0)+1,1)*INDEX($D$3:$AA$30,INDEX(Jesper!$R$2:$R$366,ROW(INDEX(Jesper!AJ$2:AJ$366,ROUNDDOWN($C3379/24,0)+1,1))-1)+IF('Standard Profiles'!$G$20=$B$10,7,0)+IF('Standard Profiles'!$G$20=$B$17,14,0)+IF('Standard Profiles'!$G$20=$B$24,21,0),MOD($C3379,24)+1)/SUM(INDEX($D$3:$AA$30,INDEX(Jesper!$R$2:$R$366,ROW(INDEX(Jesper!AJ$2:AJ$366,ROUNDDOWN($C3379/24,0)+1,1))-1)+IF('Standard Profiles'!$G$20=$B$10,7,0)+IF('Standard Profiles'!$G$20=$B$17,14,0)+IF('Standard Profiles'!$G$20=$B$24,21,0),0)),0)</f>
        <v>1.3531571716422794</v>
      </c>
      <c r="G3379" cm="1">
        <f t="array" ref="G3379">IFERROR(INDEX(Jesper!AK$2:AK$366,ROUNDDOWN($C3379/24,0)+1,1)*INDEX($D$3:$AA$30,INDEX(Jesper!$R$2:$R$366,ROW(INDEX(Jesper!AK$2:AK$366,ROUNDDOWN($C3379/24,0)+1,1))-1)+IF('Standard Profiles'!$G$21=$B$10,7,0)+IF('Standard Profiles'!$G$21=$B$17,14,0)+IF('Standard Profiles'!$G$21=$B$24,21,0),MOD($C3379,24)+1)/SUM(INDEX($D$3:$AA$30,INDEX(Jesper!$R$2:$R$366,ROW(INDEX(Jesper!AK$2:AK$366,ROUNDDOWN($C3379/24,0)+1,1))-1)+IF('Standard Profiles'!$G$21=$B$10,7,0)+IF('Standard Profiles'!$G$21=$B$17,14,0)+IF('Standard Profiles'!$G$21=$B$24,21,0),0)),0)</f>
        <v>0.89246430629375617</v>
      </c>
      <c r="H3379" cm="1">
        <f t="array" ref="H3379">IFERROR(INDEX(Jesper!AL$2:AL$366,ROUNDDOWN($C3379/24,0)+1,1)*INDEX($D$3:$AA$30,INDEX(Jesper!$R$2:$R$366,ROW(INDEX(Jesper!AL$2:AL$366,ROUNDDOWN($C3379/24,0)+1,1))-1)+IF('Standard Profiles'!$G$22=$B$10,7,0)+IF('Standard Profiles'!$G$22=$B$17,14,0)+IF('Standard Profiles'!$G$22=$B$24,21,0),MOD($C3379,24)+1)/SUM(INDEX($D$3:$AA$30,INDEX(Jesper!$R$2:$R$366,ROW(INDEX(Jesper!AL$2:AL$366,ROUNDDOWN($C3379/24,0)+1,1))-1)+IF('Standard Profiles'!$G$22=$B$10,7,0)+IF('Standard Profiles'!$G$22=$B$17,14,0)+IF('Standard Profiles'!$G$22=$B$24,21,0),0)),0)</f>
        <v>0.66420649756158401</v>
      </c>
      <c r="I3379">
        <f t="shared" si="384"/>
        <v>0.63763823765912098</v>
      </c>
      <c r="J3379">
        <f t="shared" si="385"/>
        <v>4.6903576870169807</v>
      </c>
      <c r="K3379">
        <f t="shared" si="386"/>
        <v>0.21983344992531656</v>
      </c>
      <c r="L3379">
        <f t="shared" si="387"/>
        <v>0.10991672496265828</v>
      </c>
      <c r="M3379">
        <f t="shared" si="388"/>
        <v>0</v>
      </c>
      <c r="N3379" s="45">
        <f t="shared" si="389"/>
        <v>45066.374999991887</v>
      </c>
    </row>
    <row r="3380" spans="2:14" x14ac:dyDescent="0.25">
      <c r="B3380">
        <f t="shared" si="383"/>
        <v>6</v>
      </c>
      <c r="C3380" s="16">
        <v>3346</v>
      </c>
      <c r="D3380" cm="1">
        <f t="array" ref="D3380">IFERROR(INDEX(Jesper!AH$2:AH$366,ROUNDDOWN($C3380/24,0)+1,1)*INDEX($D$3:$AA$30,INDEX(Jesper!$R$2:$R$366,ROW(INDEX(Jesper!AH$2:AH$366,ROUNDDOWN($C3380/24,0)+1,1))-1)+IF('Standard Profiles'!$G$18=$B$10,7,0)+IF('Standard Profiles'!$G$18=$B$17,14,0)+IF('Standard Profiles'!$G$18=$B$24,21,0),MOD($C3380,24)+1)/SUM(INDEX($D$3:$AA$30,INDEX(Jesper!$R$2:$R$366,ROW(INDEX(Jesper!AH$2:AH$366,ROUNDDOWN($C3380/24,0)+1,1))-1)+IF('Standard Profiles'!$G$18=$B$10,7,0)+IF('Standard Profiles'!$G$18=$B$17,14,0)+IF('Standard Profiles'!$G$18=$B$24,21,0),0)),0)</f>
        <v>0</v>
      </c>
      <c r="E3380" cm="1">
        <f t="array" ref="E3380">IFERROR(INDEX(Jesper!AI$2:AI$366,ROUNDDOWN($C3380/24,0)+1,1)*INDEX($D$3:$AA$30,INDEX(Jesper!$R$2:$R$366,ROW(INDEX(Jesper!AI$2:AI$366,ROUNDDOWN($C3380/24,0)+1,1))-1)+IF('Standard Profiles'!$G$19=$B$10,7,0)+IF('Standard Profiles'!$G$19=$B$17,14,0)+IF('Standard Profiles'!$G$19=$B$24,21,0),MOD($C3380,24)+1)/SUM(INDEX($D$3:$AA$30,INDEX(Jesper!$R$2:$R$366,ROW(INDEX(Jesper!AI$2:AI$366,ROUNDDOWN($C3380/24,0)+1,1))-1)+IF('Standard Profiles'!$G$19=$B$10,7,0)+IF('Standard Profiles'!$G$19=$B$17,14,0)+IF('Standard Profiles'!$G$19=$B$24,21,0),0)),0)</f>
        <v>2.747918124066457</v>
      </c>
      <c r="F3380" cm="1">
        <f t="array" ref="F3380">IFERROR(INDEX(Jesper!AJ$2:AJ$366,ROUNDDOWN($C3380/24,0)+1,1)*INDEX($D$3:$AA$30,INDEX(Jesper!$R$2:$R$366,ROW(INDEX(Jesper!AJ$2:AJ$366,ROUNDDOWN($C3380/24,0)+1,1))-1)+IF('Standard Profiles'!$G$20=$B$10,7,0)+IF('Standard Profiles'!$G$20=$B$17,14,0)+IF('Standard Profiles'!$G$20=$B$24,21,0),MOD($C3380,24)+1)/SUM(INDEX($D$3:$AA$30,INDEX(Jesper!$R$2:$R$366,ROW(INDEX(Jesper!AJ$2:AJ$366,ROUNDDOWN($C3380/24,0)+1,1))-1)+IF('Standard Profiles'!$G$20=$B$10,7,0)+IF('Standard Profiles'!$G$20=$B$17,14,0)+IF('Standard Profiles'!$G$20=$B$24,21,0),0)),0)</f>
        <v>1.3531571716422794</v>
      </c>
      <c r="G3380" cm="1">
        <f t="array" ref="G3380">IFERROR(INDEX(Jesper!AK$2:AK$366,ROUNDDOWN($C3380/24,0)+1,1)*INDEX($D$3:$AA$30,INDEX(Jesper!$R$2:$R$366,ROW(INDEX(Jesper!AK$2:AK$366,ROUNDDOWN($C3380/24,0)+1,1))-1)+IF('Standard Profiles'!$G$21=$B$10,7,0)+IF('Standard Profiles'!$G$21=$B$17,14,0)+IF('Standard Profiles'!$G$21=$B$24,21,0),MOD($C3380,24)+1)/SUM(INDEX($D$3:$AA$30,INDEX(Jesper!$R$2:$R$366,ROW(INDEX(Jesper!AK$2:AK$366,ROUNDDOWN($C3380/24,0)+1,1))-1)+IF('Standard Profiles'!$G$21=$B$10,7,0)+IF('Standard Profiles'!$G$21=$B$17,14,0)+IF('Standard Profiles'!$G$21=$B$24,21,0),0)),0)</f>
        <v>0.89246430629375617</v>
      </c>
      <c r="H3380" cm="1">
        <f t="array" ref="H3380">IFERROR(INDEX(Jesper!AL$2:AL$366,ROUNDDOWN($C3380/24,0)+1,1)*INDEX($D$3:$AA$30,INDEX(Jesper!$R$2:$R$366,ROW(INDEX(Jesper!AL$2:AL$366,ROUNDDOWN($C3380/24,0)+1,1))-1)+IF('Standard Profiles'!$G$22=$B$10,7,0)+IF('Standard Profiles'!$G$22=$B$17,14,0)+IF('Standard Profiles'!$G$22=$B$24,21,0),MOD($C3380,24)+1)/SUM(INDEX($D$3:$AA$30,INDEX(Jesper!$R$2:$R$366,ROW(INDEX(Jesper!AL$2:AL$366,ROUNDDOWN($C3380/24,0)+1,1))-1)+IF('Standard Profiles'!$G$22=$B$10,7,0)+IF('Standard Profiles'!$G$22=$B$17,14,0)+IF('Standard Profiles'!$G$22=$B$24,21,0),0)),0)</f>
        <v>0.66420649756158401</v>
      </c>
      <c r="I3380">
        <f t="shared" si="384"/>
        <v>0.63763823765912098</v>
      </c>
      <c r="J3380">
        <f t="shared" si="385"/>
        <v>4.6903576870169807</v>
      </c>
      <c r="K3380">
        <f t="shared" si="386"/>
        <v>0.21983344992531656</v>
      </c>
      <c r="L3380">
        <f t="shared" si="387"/>
        <v>0.10991672496265828</v>
      </c>
      <c r="M3380">
        <f t="shared" si="388"/>
        <v>0</v>
      </c>
      <c r="N3380" s="45">
        <f t="shared" si="389"/>
        <v>45066.416666658552</v>
      </c>
    </row>
    <row r="3381" spans="2:14" x14ac:dyDescent="0.25">
      <c r="B3381">
        <f t="shared" si="383"/>
        <v>6</v>
      </c>
      <c r="C3381" s="16">
        <v>3347</v>
      </c>
      <c r="D3381" cm="1">
        <f t="array" ref="D3381">IFERROR(INDEX(Jesper!AH$2:AH$366,ROUNDDOWN($C3381/24,0)+1,1)*INDEX($D$3:$AA$30,INDEX(Jesper!$R$2:$R$366,ROW(INDEX(Jesper!AH$2:AH$366,ROUNDDOWN($C3381/24,0)+1,1))-1)+IF('Standard Profiles'!$G$18=$B$10,7,0)+IF('Standard Profiles'!$G$18=$B$17,14,0)+IF('Standard Profiles'!$G$18=$B$24,21,0),MOD($C3381,24)+1)/SUM(INDEX($D$3:$AA$30,INDEX(Jesper!$R$2:$R$366,ROW(INDEX(Jesper!AH$2:AH$366,ROUNDDOWN($C3381/24,0)+1,1))-1)+IF('Standard Profiles'!$G$18=$B$10,7,0)+IF('Standard Profiles'!$G$18=$B$17,14,0)+IF('Standard Profiles'!$G$18=$B$24,21,0),0)),0)</f>
        <v>0</v>
      </c>
      <c r="E3381" cm="1">
        <f t="array" ref="E3381">IFERROR(INDEX(Jesper!AI$2:AI$366,ROUNDDOWN($C3381/24,0)+1,1)*INDEX($D$3:$AA$30,INDEX(Jesper!$R$2:$R$366,ROW(INDEX(Jesper!AI$2:AI$366,ROUNDDOWN($C3381/24,0)+1,1))-1)+IF('Standard Profiles'!$G$19=$B$10,7,0)+IF('Standard Profiles'!$G$19=$B$17,14,0)+IF('Standard Profiles'!$G$19=$B$24,21,0),MOD($C3381,24)+1)/SUM(INDEX($D$3:$AA$30,INDEX(Jesper!$R$2:$R$366,ROW(INDEX(Jesper!AI$2:AI$366,ROUNDDOWN($C3381/24,0)+1,1))-1)+IF('Standard Profiles'!$G$19=$B$10,7,0)+IF('Standard Profiles'!$G$19=$B$17,14,0)+IF('Standard Profiles'!$G$19=$B$24,21,0),0)),0)</f>
        <v>2.747918124066457</v>
      </c>
      <c r="F3381" cm="1">
        <f t="array" ref="F3381">IFERROR(INDEX(Jesper!AJ$2:AJ$366,ROUNDDOWN($C3381/24,0)+1,1)*INDEX($D$3:$AA$30,INDEX(Jesper!$R$2:$R$366,ROW(INDEX(Jesper!AJ$2:AJ$366,ROUNDDOWN($C3381/24,0)+1,1))-1)+IF('Standard Profiles'!$G$20=$B$10,7,0)+IF('Standard Profiles'!$G$20=$B$17,14,0)+IF('Standard Profiles'!$G$20=$B$24,21,0),MOD($C3381,24)+1)/SUM(INDEX($D$3:$AA$30,INDEX(Jesper!$R$2:$R$366,ROW(INDEX(Jesper!AJ$2:AJ$366,ROUNDDOWN($C3381/24,0)+1,1))-1)+IF('Standard Profiles'!$G$20=$B$10,7,0)+IF('Standard Profiles'!$G$20=$B$17,14,0)+IF('Standard Profiles'!$G$20=$B$24,21,0),0)),0)</f>
        <v>1.3531571716422794</v>
      </c>
      <c r="G3381" cm="1">
        <f t="array" ref="G3381">IFERROR(INDEX(Jesper!AK$2:AK$366,ROUNDDOWN($C3381/24,0)+1,1)*INDEX($D$3:$AA$30,INDEX(Jesper!$R$2:$R$366,ROW(INDEX(Jesper!AK$2:AK$366,ROUNDDOWN($C3381/24,0)+1,1))-1)+IF('Standard Profiles'!$G$21=$B$10,7,0)+IF('Standard Profiles'!$G$21=$B$17,14,0)+IF('Standard Profiles'!$G$21=$B$24,21,0),MOD($C3381,24)+1)/SUM(INDEX($D$3:$AA$30,INDEX(Jesper!$R$2:$R$366,ROW(INDEX(Jesper!AK$2:AK$366,ROUNDDOWN($C3381/24,0)+1,1))-1)+IF('Standard Profiles'!$G$21=$B$10,7,0)+IF('Standard Profiles'!$G$21=$B$17,14,0)+IF('Standard Profiles'!$G$21=$B$24,21,0),0)),0)</f>
        <v>0.89246430629375617</v>
      </c>
      <c r="H3381" cm="1">
        <f t="array" ref="H3381">IFERROR(INDEX(Jesper!AL$2:AL$366,ROUNDDOWN($C3381/24,0)+1,1)*INDEX($D$3:$AA$30,INDEX(Jesper!$R$2:$R$366,ROW(INDEX(Jesper!AL$2:AL$366,ROUNDDOWN($C3381/24,0)+1,1))-1)+IF('Standard Profiles'!$G$22=$B$10,7,0)+IF('Standard Profiles'!$G$22=$B$17,14,0)+IF('Standard Profiles'!$G$22=$B$24,21,0),MOD($C3381,24)+1)/SUM(INDEX($D$3:$AA$30,INDEX(Jesper!$R$2:$R$366,ROW(INDEX(Jesper!AL$2:AL$366,ROUNDDOWN($C3381/24,0)+1,1))-1)+IF('Standard Profiles'!$G$22=$B$10,7,0)+IF('Standard Profiles'!$G$22=$B$17,14,0)+IF('Standard Profiles'!$G$22=$B$24,21,0),0)),0)</f>
        <v>0.66420649756158401</v>
      </c>
      <c r="I3381">
        <f t="shared" si="384"/>
        <v>0.63763823765912098</v>
      </c>
      <c r="J3381">
        <f t="shared" si="385"/>
        <v>4.6903576870169807</v>
      </c>
      <c r="K3381">
        <f t="shared" si="386"/>
        <v>0.21983344992531656</v>
      </c>
      <c r="L3381">
        <f t="shared" si="387"/>
        <v>0.10991672496265828</v>
      </c>
      <c r="M3381">
        <f t="shared" si="388"/>
        <v>0</v>
      </c>
      <c r="N3381" s="45">
        <f t="shared" si="389"/>
        <v>45066.458333325216</v>
      </c>
    </row>
    <row r="3382" spans="2:14" x14ac:dyDescent="0.25">
      <c r="B3382">
        <f t="shared" si="383"/>
        <v>6</v>
      </c>
      <c r="C3382" s="16">
        <v>3348</v>
      </c>
      <c r="D3382" cm="1">
        <f t="array" ref="D3382">IFERROR(INDEX(Jesper!AH$2:AH$366,ROUNDDOWN($C3382/24,0)+1,1)*INDEX($D$3:$AA$30,INDEX(Jesper!$R$2:$R$366,ROW(INDEX(Jesper!AH$2:AH$366,ROUNDDOWN($C3382/24,0)+1,1))-1)+IF('Standard Profiles'!$G$18=$B$10,7,0)+IF('Standard Profiles'!$G$18=$B$17,14,0)+IF('Standard Profiles'!$G$18=$B$24,21,0),MOD($C3382,24)+1)/SUM(INDEX($D$3:$AA$30,INDEX(Jesper!$R$2:$R$366,ROW(INDEX(Jesper!AH$2:AH$366,ROUNDDOWN($C3382/24,0)+1,1))-1)+IF('Standard Profiles'!$G$18=$B$10,7,0)+IF('Standard Profiles'!$G$18=$B$17,14,0)+IF('Standard Profiles'!$G$18=$B$24,21,0),0)),0)</f>
        <v>0</v>
      </c>
      <c r="E3382" cm="1">
        <f t="array" ref="E3382">IFERROR(INDEX(Jesper!AI$2:AI$366,ROUNDDOWN($C3382/24,0)+1,1)*INDEX($D$3:$AA$30,INDEX(Jesper!$R$2:$R$366,ROW(INDEX(Jesper!AI$2:AI$366,ROUNDDOWN($C3382/24,0)+1,1))-1)+IF('Standard Profiles'!$G$19=$B$10,7,0)+IF('Standard Profiles'!$G$19=$B$17,14,0)+IF('Standard Profiles'!$G$19=$B$24,21,0),MOD($C3382,24)+1)/SUM(INDEX($D$3:$AA$30,INDEX(Jesper!$R$2:$R$366,ROW(INDEX(Jesper!AI$2:AI$366,ROUNDDOWN($C3382/24,0)+1,1))-1)+IF('Standard Profiles'!$G$19=$B$10,7,0)+IF('Standard Profiles'!$G$19=$B$17,14,0)+IF('Standard Profiles'!$G$19=$B$24,21,0),0)),0)</f>
        <v>2.747918124066457</v>
      </c>
      <c r="F3382" cm="1">
        <f t="array" ref="F3382">IFERROR(INDEX(Jesper!AJ$2:AJ$366,ROUNDDOWN($C3382/24,0)+1,1)*INDEX($D$3:$AA$30,INDEX(Jesper!$R$2:$R$366,ROW(INDEX(Jesper!AJ$2:AJ$366,ROUNDDOWN($C3382/24,0)+1,1))-1)+IF('Standard Profiles'!$G$20=$B$10,7,0)+IF('Standard Profiles'!$G$20=$B$17,14,0)+IF('Standard Profiles'!$G$20=$B$24,21,0),MOD($C3382,24)+1)/SUM(INDEX($D$3:$AA$30,INDEX(Jesper!$R$2:$R$366,ROW(INDEX(Jesper!AJ$2:AJ$366,ROUNDDOWN($C3382/24,0)+1,1))-1)+IF('Standard Profiles'!$G$20=$B$10,7,0)+IF('Standard Profiles'!$G$20=$B$17,14,0)+IF('Standard Profiles'!$G$20=$B$24,21,0),0)),0)</f>
        <v>1.3531571716422794</v>
      </c>
      <c r="G3382" cm="1">
        <f t="array" ref="G3382">IFERROR(INDEX(Jesper!AK$2:AK$366,ROUNDDOWN($C3382/24,0)+1,1)*INDEX($D$3:$AA$30,INDEX(Jesper!$R$2:$R$366,ROW(INDEX(Jesper!AK$2:AK$366,ROUNDDOWN($C3382/24,0)+1,1))-1)+IF('Standard Profiles'!$G$21=$B$10,7,0)+IF('Standard Profiles'!$G$21=$B$17,14,0)+IF('Standard Profiles'!$G$21=$B$24,21,0),MOD($C3382,24)+1)/SUM(INDEX($D$3:$AA$30,INDEX(Jesper!$R$2:$R$366,ROW(INDEX(Jesper!AK$2:AK$366,ROUNDDOWN($C3382/24,0)+1,1))-1)+IF('Standard Profiles'!$G$21=$B$10,7,0)+IF('Standard Profiles'!$G$21=$B$17,14,0)+IF('Standard Profiles'!$G$21=$B$24,21,0),0)),0)</f>
        <v>0.89246430629375617</v>
      </c>
      <c r="H3382" cm="1">
        <f t="array" ref="H3382">IFERROR(INDEX(Jesper!AL$2:AL$366,ROUNDDOWN($C3382/24,0)+1,1)*INDEX($D$3:$AA$30,INDEX(Jesper!$R$2:$R$366,ROW(INDEX(Jesper!AL$2:AL$366,ROUNDDOWN($C3382/24,0)+1,1))-1)+IF('Standard Profiles'!$G$22=$B$10,7,0)+IF('Standard Profiles'!$G$22=$B$17,14,0)+IF('Standard Profiles'!$G$22=$B$24,21,0),MOD($C3382,24)+1)/SUM(INDEX($D$3:$AA$30,INDEX(Jesper!$R$2:$R$366,ROW(INDEX(Jesper!AL$2:AL$366,ROUNDDOWN($C3382/24,0)+1,1))-1)+IF('Standard Profiles'!$G$22=$B$10,7,0)+IF('Standard Profiles'!$G$22=$B$17,14,0)+IF('Standard Profiles'!$G$22=$B$24,21,0),0)),0)</f>
        <v>0.66420649756158401</v>
      </c>
      <c r="I3382">
        <f t="shared" si="384"/>
        <v>0.63763823765912098</v>
      </c>
      <c r="J3382">
        <f t="shared" si="385"/>
        <v>4.6903576870169807</v>
      </c>
      <c r="K3382">
        <f t="shared" si="386"/>
        <v>0.21983344992531656</v>
      </c>
      <c r="L3382">
        <f t="shared" si="387"/>
        <v>0.10991672496265828</v>
      </c>
      <c r="M3382">
        <f t="shared" si="388"/>
        <v>0</v>
      </c>
      <c r="N3382" s="45">
        <f t="shared" si="389"/>
        <v>45066.49999999188</v>
      </c>
    </row>
    <row r="3383" spans="2:14" x14ac:dyDescent="0.25">
      <c r="B3383">
        <f t="shared" si="383"/>
        <v>6</v>
      </c>
      <c r="C3383" s="16">
        <v>3349</v>
      </c>
      <c r="D3383" cm="1">
        <f t="array" ref="D3383">IFERROR(INDEX(Jesper!AH$2:AH$366,ROUNDDOWN($C3383/24,0)+1,1)*INDEX($D$3:$AA$30,INDEX(Jesper!$R$2:$R$366,ROW(INDEX(Jesper!AH$2:AH$366,ROUNDDOWN($C3383/24,0)+1,1))-1)+IF('Standard Profiles'!$G$18=$B$10,7,0)+IF('Standard Profiles'!$G$18=$B$17,14,0)+IF('Standard Profiles'!$G$18=$B$24,21,0),MOD($C3383,24)+1)/SUM(INDEX($D$3:$AA$30,INDEX(Jesper!$R$2:$R$366,ROW(INDEX(Jesper!AH$2:AH$366,ROUNDDOWN($C3383/24,0)+1,1))-1)+IF('Standard Profiles'!$G$18=$B$10,7,0)+IF('Standard Profiles'!$G$18=$B$17,14,0)+IF('Standard Profiles'!$G$18=$B$24,21,0),0)),0)</f>
        <v>0</v>
      </c>
      <c r="E3383" cm="1">
        <f t="array" ref="E3383">IFERROR(INDEX(Jesper!AI$2:AI$366,ROUNDDOWN($C3383/24,0)+1,1)*INDEX($D$3:$AA$30,INDEX(Jesper!$R$2:$R$366,ROW(INDEX(Jesper!AI$2:AI$366,ROUNDDOWN($C3383/24,0)+1,1))-1)+IF('Standard Profiles'!$G$19=$B$10,7,0)+IF('Standard Profiles'!$G$19=$B$17,14,0)+IF('Standard Profiles'!$G$19=$B$24,21,0),MOD($C3383,24)+1)/SUM(INDEX($D$3:$AA$30,INDEX(Jesper!$R$2:$R$366,ROW(INDEX(Jesper!AI$2:AI$366,ROUNDDOWN($C3383/24,0)+1,1))-1)+IF('Standard Profiles'!$G$19=$B$10,7,0)+IF('Standard Profiles'!$G$19=$B$17,14,0)+IF('Standard Profiles'!$G$19=$B$24,21,0),0)),0)</f>
        <v>2.747918124066457</v>
      </c>
      <c r="F3383" cm="1">
        <f t="array" ref="F3383">IFERROR(INDEX(Jesper!AJ$2:AJ$366,ROUNDDOWN($C3383/24,0)+1,1)*INDEX($D$3:$AA$30,INDEX(Jesper!$R$2:$R$366,ROW(INDEX(Jesper!AJ$2:AJ$366,ROUNDDOWN($C3383/24,0)+1,1))-1)+IF('Standard Profiles'!$G$20=$B$10,7,0)+IF('Standard Profiles'!$G$20=$B$17,14,0)+IF('Standard Profiles'!$G$20=$B$24,21,0),MOD($C3383,24)+1)/SUM(INDEX($D$3:$AA$30,INDEX(Jesper!$R$2:$R$366,ROW(INDEX(Jesper!AJ$2:AJ$366,ROUNDDOWN($C3383/24,0)+1,1))-1)+IF('Standard Profiles'!$G$20=$B$10,7,0)+IF('Standard Profiles'!$G$20=$B$17,14,0)+IF('Standard Profiles'!$G$20=$B$24,21,0),0)),0)</f>
        <v>1.3531571716422794</v>
      </c>
      <c r="G3383" cm="1">
        <f t="array" ref="G3383">IFERROR(INDEX(Jesper!AK$2:AK$366,ROUNDDOWN($C3383/24,0)+1,1)*INDEX($D$3:$AA$30,INDEX(Jesper!$R$2:$R$366,ROW(INDEX(Jesper!AK$2:AK$366,ROUNDDOWN($C3383/24,0)+1,1))-1)+IF('Standard Profiles'!$G$21=$B$10,7,0)+IF('Standard Profiles'!$G$21=$B$17,14,0)+IF('Standard Profiles'!$G$21=$B$24,21,0),MOD($C3383,24)+1)/SUM(INDEX($D$3:$AA$30,INDEX(Jesper!$R$2:$R$366,ROW(INDEX(Jesper!AK$2:AK$366,ROUNDDOWN($C3383/24,0)+1,1))-1)+IF('Standard Profiles'!$G$21=$B$10,7,0)+IF('Standard Profiles'!$G$21=$B$17,14,0)+IF('Standard Profiles'!$G$21=$B$24,21,0),0)),0)</f>
        <v>0.89246430629375617</v>
      </c>
      <c r="H3383" cm="1">
        <f t="array" ref="H3383">IFERROR(INDEX(Jesper!AL$2:AL$366,ROUNDDOWN($C3383/24,0)+1,1)*INDEX($D$3:$AA$30,INDEX(Jesper!$R$2:$R$366,ROW(INDEX(Jesper!AL$2:AL$366,ROUNDDOWN($C3383/24,0)+1,1))-1)+IF('Standard Profiles'!$G$22=$B$10,7,0)+IF('Standard Profiles'!$G$22=$B$17,14,0)+IF('Standard Profiles'!$G$22=$B$24,21,0),MOD($C3383,24)+1)/SUM(INDEX($D$3:$AA$30,INDEX(Jesper!$R$2:$R$366,ROW(INDEX(Jesper!AL$2:AL$366,ROUNDDOWN($C3383/24,0)+1,1))-1)+IF('Standard Profiles'!$G$22=$B$10,7,0)+IF('Standard Profiles'!$G$22=$B$17,14,0)+IF('Standard Profiles'!$G$22=$B$24,21,0),0)),0)</f>
        <v>0.66420649756158401</v>
      </c>
      <c r="I3383">
        <f t="shared" si="384"/>
        <v>0.63763823765912098</v>
      </c>
      <c r="J3383">
        <f t="shared" si="385"/>
        <v>4.6903576870169807</v>
      </c>
      <c r="K3383">
        <f t="shared" si="386"/>
        <v>0.21983344992531656</v>
      </c>
      <c r="L3383">
        <f t="shared" si="387"/>
        <v>0.10991672496265828</v>
      </c>
      <c r="M3383">
        <f t="shared" si="388"/>
        <v>0</v>
      </c>
      <c r="N3383" s="45">
        <f t="shared" si="389"/>
        <v>45066.541666658544</v>
      </c>
    </row>
    <row r="3384" spans="2:14" x14ac:dyDescent="0.25">
      <c r="B3384">
        <f t="shared" si="383"/>
        <v>6</v>
      </c>
      <c r="C3384" s="16">
        <v>3350</v>
      </c>
      <c r="D3384" cm="1">
        <f t="array" ref="D3384">IFERROR(INDEX(Jesper!AH$2:AH$366,ROUNDDOWN($C3384/24,0)+1,1)*INDEX($D$3:$AA$30,INDEX(Jesper!$R$2:$R$366,ROW(INDEX(Jesper!AH$2:AH$366,ROUNDDOWN($C3384/24,0)+1,1))-1)+IF('Standard Profiles'!$G$18=$B$10,7,0)+IF('Standard Profiles'!$G$18=$B$17,14,0)+IF('Standard Profiles'!$G$18=$B$24,21,0),MOD($C3384,24)+1)/SUM(INDEX($D$3:$AA$30,INDEX(Jesper!$R$2:$R$366,ROW(INDEX(Jesper!AH$2:AH$366,ROUNDDOWN($C3384/24,0)+1,1))-1)+IF('Standard Profiles'!$G$18=$B$10,7,0)+IF('Standard Profiles'!$G$18=$B$17,14,0)+IF('Standard Profiles'!$G$18=$B$24,21,0),0)),0)</f>
        <v>0</v>
      </c>
      <c r="E3384" cm="1">
        <f t="array" ref="E3384">IFERROR(INDEX(Jesper!AI$2:AI$366,ROUNDDOWN($C3384/24,0)+1,1)*INDEX($D$3:$AA$30,INDEX(Jesper!$R$2:$R$366,ROW(INDEX(Jesper!AI$2:AI$366,ROUNDDOWN($C3384/24,0)+1,1))-1)+IF('Standard Profiles'!$G$19=$B$10,7,0)+IF('Standard Profiles'!$G$19=$B$17,14,0)+IF('Standard Profiles'!$G$19=$B$24,21,0),MOD($C3384,24)+1)/SUM(INDEX($D$3:$AA$30,INDEX(Jesper!$R$2:$R$366,ROW(INDEX(Jesper!AI$2:AI$366,ROUNDDOWN($C3384/24,0)+1,1))-1)+IF('Standard Profiles'!$G$19=$B$10,7,0)+IF('Standard Profiles'!$G$19=$B$17,14,0)+IF('Standard Profiles'!$G$19=$B$24,21,0),0)),0)</f>
        <v>2.747918124066457</v>
      </c>
      <c r="F3384" cm="1">
        <f t="array" ref="F3384">IFERROR(INDEX(Jesper!AJ$2:AJ$366,ROUNDDOWN($C3384/24,0)+1,1)*INDEX($D$3:$AA$30,INDEX(Jesper!$R$2:$R$366,ROW(INDEX(Jesper!AJ$2:AJ$366,ROUNDDOWN($C3384/24,0)+1,1))-1)+IF('Standard Profiles'!$G$20=$B$10,7,0)+IF('Standard Profiles'!$G$20=$B$17,14,0)+IF('Standard Profiles'!$G$20=$B$24,21,0),MOD($C3384,24)+1)/SUM(INDEX($D$3:$AA$30,INDEX(Jesper!$R$2:$R$366,ROW(INDEX(Jesper!AJ$2:AJ$366,ROUNDDOWN($C3384/24,0)+1,1))-1)+IF('Standard Profiles'!$G$20=$B$10,7,0)+IF('Standard Profiles'!$G$20=$B$17,14,0)+IF('Standard Profiles'!$G$20=$B$24,21,0),0)),0)</f>
        <v>1.3531571716422794</v>
      </c>
      <c r="G3384" cm="1">
        <f t="array" ref="G3384">IFERROR(INDEX(Jesper!AK$2:AK$366,ROUNDDOWN($C3384/24,0)+1,1)*INDEX($D$3:$AA$30,INDEX(Jesper!$R$2:$R$366,ROW(INDEX(Jesper!AK$2:AK$366,ROUNDDOWN($C3384/24,0)+1,1))-1)+IF('Standard Profiles'!$G$21=$B$10,7,0)+IF('Standard Profiles'!$G$21=$B$17,14,0)+IF('Standard Profiles'!$G$21=$B$24,21,0),MOD($C3384,24)+1)/SUM(INDEX($D$3:$AA$30,INDEX(Jesper!$R$2:$R$366,ROW(INDEX(Jesper!AK$2:AK$366,ROUNDDOWN($C3384/24,0)+1,1))-1)+IF('Standard Profiles'!$G$21=$B$10,7,0)+IF('Standard Profiles'!$G$21=$B$17,14,0)+IF('Standard Profiles'!$G$21=$B$24,21,0),0)),0)</f>
        <v>0.89246430629375617</v>
      </c>
      <c r="H3384" cm="1">
        <f t="array" ref="H3384">IFERROR(INDEX(Jesper!AL$2:AL$366,ROUNDDOWN($C3384/24,0)+1,1)*INDEX($D$3:$AA$30,INDEX(Jesper!$R$2:$R$366,ROW(INDEX(Jesper!AL$2:AL$366,ROUNDDOWN($C3384/24,0)+1,1))-1)+IF('Standard Profiles'!$G$22=$B$10,7,0)+IF('Standard Profiles'!$G$22=$B$17,14,0)+IF('Standard Profiles'!$G$22=$B$24,21,0),MOD($C3384,24)+1)/SUM(INDEX($D$3:$AA$30,INDEX(Jesper!$R$2:$R$366,ROW(INDEX(Jesper!AL$2:AL$366,ROUNDDOWN($C3384/24,0)+1,1))-1)+IF('Standard Profiles'!$G$22=$B$10,7,0)+IF('Standard Profiles'!$G$22=$B$17,14,0)+IF('Standard Profiles'!$G$22=$B$24,21,0),0)),0)</f>
        <v>0.66420649756158401</v>
      </c>
      <c r="I3384">
        <f t="shared" si="384"/>
        <v>0.63763823765912098</v>
      </c>
      <c r="J3384">
        <f t="shared" si="385"/>
        <v>4.6903576870169807</v>
      </c>
      <c r="K3384">
        <f t="shared" si="386"/>
        <v>0.21983344992531656</v>
      </c>
      <c r="L3384">
        <f t="shared" si="387"/>
        <v>0.10991672496265828</v>
      </c>
      <c r="M3384">
        <f t="shared" si="388"/>
        <v>0</v>
      </c>
      <c r="N3384" s="45">
        <f t="shared" si="389"/>
        <v>45066.583333325209</v>
      </c>
    </row>
    <row r="3385" spans="2:14" x14ac:dyDescent="0.25">
      <c r="B3385">
        <f t="shared" si="383"/>
        <v>6</v>
      </c>
      <c r="C3385" s="16">
        <v>3351</v>
      </c>
      <c r="D3385" cm="1">
        <f t="array" ref="D3385">IFERROR(INDEX(Jesper!AH$2:AH$366,ROUNDDOWN($C3385/24,0)+1,1)*INDEX($D$3:$AA$30,INDEX(Jesper!$R$2:$R$366,ROW(INDEX(Jesper!AH$2:AH$366,ROUNDDOWN($C3385/24,0)+1,1))-1)+IF('Standard Profiles'!$G$18=$B$10,7,0)+IF('Standard Profiles'!$G$18=$B$17,14,0)+IF('Standard Profiles'!$G$18=$B$24,21,0),MOD($C3385,24)+1)/SUM(INDEX($D$3:$AA$30,INDEX(Jesper!$R$2:$R$366,ROW(INDEX(Jesper!AH$2:AH$366,ROUNDDOWN($C3385/24,0)+1,1))-1)+IF('Standard Profiles'!$G$18=$B$10,7,0)+IF('Standard Profiles'!$G$18=$B$17,14,0)+IF('Standard Profiles'!$G$18=$B$24,21,0),0)),0)</f>
        <v>0</v>
      </c>
      <c r="E3385" cm="1">
        <f t="array" ref="E3385">IFERROR(INDEX(Jesper!AI$2:AI$366,ROUNDDOWN($C3385/24,0)+1,1)*INDEX($D$3:$AA$30,INDEX(Jesper!$R$2:$R$366,ROW(INDEX(Jesper!AI$2:AI$366,ROUNDDOWN($C3385/24,0)+1,1))-1)+IF('Standard Profiles'!$G$19=$B$10,7,0)+IF('Standard Profiles'!$G$19=$B$17,14,0)+IF('Standard Profiles'!$G$19=$B$24,21,0),MOD($C3385,24)+1)/SUM(INDEX($D$3:$AA$30,INDEX(Jesper!$R$2:$R$366,ROW(INDEX(Jesper!AI$2:AI$366,ROUNDDOWN($C3385/24,0)+1,1))-1)+IF('Standard Profiles'!$G$19=$B$10,7,0)+IF('Standard Profiles'!$G$19=$B$17,14,0)+IF('Standard Profiles'!$G$19=$B$24,21,0),0)),0)</f>
        <v>2.747918124066457</v>
      </c>
      <c r="F3385" cm="1">
        <f t="array" ref="F3385">IFERROR(INDEX(Jesper!AJ$2:AJ$366,ROUNDDOWN($C3385/24,0)+1,1)*INDEX($D$3:$AA$30,INDEX(Jesper!$R$2:$R$366,ROW(INDEX(Jesper!AJ$2:AJ$366,ROUNDDOWN($C3385/24,0)+1,1))-1)+IF('Standard Profiles'!$G$20=$B$10,7,0)+IF('Standard Profiles'!$G$20=$B$17,14,0)+IF('Standard Profiles'!$G$20=$B$24,21,0),MOD($C3385,24)+1)/SUM(INDEX($D$3:$AA$30,INDEX(Jesper!$R$2:$R$366,ROW(INDEX(Jesper!AJ$2:AJ$366,ROUNDDOWN($C3385/24,0)+1,1))-1)+IF('Standard Profiles'!$G$20=$B$10,7,0)+IF('Standard Profiles'!$G$20=$B$17,14,0)+IF('Standard Profiles'!$G$20=$B$24,21,0),0)),0)</f>
        <v>1.3531571716422794</v>
      </c>
      <c r="G3385" cm="1">
        <f t="array" ref="G3385">IFERROR(INDEX(Jesper!AK$2:AK$366,ROUNDDOWN($C3385/24,0)+1,1)*INDEX($D$3:$AA$30,INDEX(Jesper!$R$2:$R$366,ROW(INDEX(Jesper!AK$2:AK$366,ROUNDDOWN($C3385/24,0)+1,1))-1)+IF('Standard Profiles'!$G$21=$B$10,7,0)+IF('Standard Profiles'!$G$21=$B$17,14,0)+IF('Standard Profiles'!$G$21=$B$24,21,0),MOD($C3385,24)+1)/SUM(INDEX($D$3:$AA$30,INDEX(Jesper!$R$2:$R$366,ROW(INDEX(Jesper!AK$2:AK$366,ROUNDDOWN($C3385/24,0)+1,1))-1)+IF('Standard Profiles'!$G$21=$B$10,7,0)+IF('Standard Profiles'!$G$21=$B$17,14,0)+IF('Standard Profiles'!$G$21=$B$24,21,0),0)),0)</f>
        <v>0.89246430629375617</v>
      </c>
      <c r="H3385" cm="1">
        <f t="array" ref="H3385">IFERROR(INDEX(Jesper!AL$2:AL$366,ROUNDDOWN($C3385/24,0)+1,1)*INDEX($D$3:$AA$30,INDEX(Jesper!$R$2:$R$366,ROW(INDEX(Jesper!AL$2:AL$366,ROUNDDOWN($C3385/24,0)+1,1))-1)+IF('Standard Profiles'!$G$22=$B$10,7,0)+IF('Standard Profiles'!$G$22=$B$17,14,0)+IF('Standard Profiles'!$G$22=$B$24,21,0),MOD($C3385,24)+1)/SUM(INDEX($D$3:$AA$30,INDEX(Jesper!$R$2:$R$366,ROW(INDEX(Jesper!AL$2:AL$366,ROUNDDOWN($C3385/24,0)+1,1))-1)+IF('Standard Profiles'!$G$22=$B$10,7,0)+IF('Standard Profiles'!$G$22=$B$17,14,0)+IF('Standard Profiles'!$G$22=$B$24,21,0),0)),0)</f>
        <v>0.60051546354882934</v>
      </c>
      <c r="I3385">
        <f t="shared" si="384"/>
        <v>0.57649484500687653</v>
      </c>
      <c r="J3385">
        <f t="shared" si="385"/>
        <v>4.6878100456564704</v>
      </c>
      <c r="K3385">
        <f t="shared" si="386"/>
        <v>0.21983344992531656</v>
      </c>
      <c r="L3385">
        <f t="shared" si="387"/>
        <v>0.10991672496265828</v>
      </c>
      <c r="M3385">
        <f t="shared" si="388"/>
        <v>0</v>
      </c>
      <c r="N3385" s="45">
        <f t="shared" si="389"/>
        <v>45066.624999991873</v>
      </c>
    </row>
    <row r="3386" spans="2:14" x14ac:dyDescent="0.25">
      <c r="B3386">
        <f t="shared" si="383"/>
        <v>6</v>
      </c>
      <c r="C3386" s="16">
        <v>3352</v>
      </c>
      <c r="D3386" cm="1">
        <f t="array" ref="D3386">IFERROR(INDEX(Jesper!AH$2:AH$366,ROUNDDOWN($C3386/24,0)+1,1)*INDEX($D$3:$AA$30,INDEX(Jesper!$R$2:$R$366,ROW(INDEX(Jesper!AH$2:AH$366,ROUNDDOWN($C3386/24,0)+1,1))-1)+IF('Standard Profiles'!$G$18=$B$10,7,0)+IF('Standard Profiles'!$G$18=$B$17,14,0)+IF('Standard Profiles'!$G$18=$B$24,21,0),MOD($C3386,24)+1)/SUM(INDEX($D$3:$AA$30,INDEX(Jesper!$R$2:$R$366,ROW(INDEX(Jesper!AH$2:AH$366,ROUNDDOWN($C3386/24,0)+1,1))-1)+IF('Standard Profiles'!$G$18=$B$10,7,0)+IF('Standard Profiles'!$G$18=$B$17,14,0)+IF('Standard Profiles'!$G$18=$B$24,21,0),0)),0)</f>
        <v>0</v>
      </c>
      <c r="E3386" cm="1">
        <f t="array" ref="E3386">IFERROR(INDEX(Jesper!AI$2:AI$366,ROUNDDOWN($C3386/24,0)+1,1)*INDEX($D$3:$AA$30,INDEX(Jesper!$R$2:$R$366,ROW(INDEX(Jesper!AI$2:AI$366,ROUNDDOWN($C3386/24,0)+1,1))-1)+IF('Standard Profiles'!$G$19=$B$10,7,0)+IF('Standard Profiles'!$G$19=$B$17,14,0)+IF('Standard Profiles'!$G$19=$B$24,21,0),MOD($C3386,24)+1)/SUM(INDEX($D$3:$AA$30,INDEX(Jesper!$R$2:$R$366,ROW(INDEX(Jesper!AI$2:AI$366,ROUNDDOWN($C3386/24,0)+1,1))-1)+IF('Standard Profiles'!$G$19=$B$10,7,0)+IF('Standard Profiles'!$G$19=$B$17,14,0)+IF('Standard Profiles'!$G$19=$B$24,21,0),0)),0)</f>
        <v>2.747918124066457</v>
      </c>
      <c r="F3386" cm="1">
        <f t="array" ref="F3386">IFERROR(INDEX(Jesper!AJ$2:AJ$366,ROUNDDOWN($C3386/24,0)+1,1)*INDEX($D$3:$AA$30,INDEX(Jesper!$R$2:$R$366,ROW(INDEX(Jesper!AJ$2:AJ$366,ROUNDDOWN($C3386/24,0)+1,1))-1)+IF('Standard Profiles'!$G$20=$B$10,7,0)+IF('Standard Profiles'!$G$20=$B$17,14,0)+IF('Standard Profiles'!$G$20=$B$24,21,0),MOD($C3386,24)+1)/SUM(INDEX($D$3:$AA$30,INDEX(Jesper!$R$2:$R$366,ROW(INDEX(Jesper!AJ$2:AJ$366,ROUNDDOWN($C3386/24,0)+1,1))-1)+IF('Standard Profiles'!$G$20=$B$10,7,0)+IF('Standard Profiles'!$G$20=$B$17,14,0)+IF('Standard Profiles'!$G$20=$B$24,21,0),0)),0)</f>
        <v>1.3531571716422794</v>
      </c>
      <c r="G3386" cm="1">
        <f t="array" ref="G3386">IFERROR(INDEX(Jesper!AK$2:AK$366,ROUNDDOWN($C3386/24,0)+1,1)*INDEX($D$3:$AA$30,INDEX(Jesper!$R$2:$R$366,ROW(INDEX(Jesper!AK$2:AK$366,ROUNDDOWN($C3386/24,0)+1,1))-1)+IF('Standard Profiles'!$G$21=$B$10,7,0)+IF('Standard Profiles'!$G$21=$B$17,14,0)+IF('Standard Profiles'!$G$21=$B$24,21,0),MOD($C3386,24)+1)/SUM(INDEX($D$3:$AA$30,INDEX(Jesper!$R$2:$R$366,ROW(INDEX(Jesper!AK$2:AK$366,ROUNDDOWN($C3386/24,0)+1,1))-1)+IF('Standard Profiles'!$G$21=$B$10,7,0)+IF('Standard Profiles'!$G$21=$B$17,14,0)+IF('Standard Profiles'!$G$21=$B$24,21,0),0)),0)</f>
        <v>0.89246430629375617</v>
      </c>
      <c r="H3386" cm="1">
        <f t="array" ref="H3386">IFERROR(INDEX(Jesper!AL$2:AL$366,ROUNDDOWN($C3386/24,0)+1,1)*INDEX($D$3:$AA$30,INDEX(Jesper!$R$2:$R$366,ROW(INDEX(Jesper!AL$2:AL$366,ROUNDDOWN($C3386/24,0)+1,1))-1)+IF('Standard Profiles'!$G$22=$B$10,7,0)+IF('Standard Profiles'!$G$22=$B$17,14,0)+IF('Standard Profiles'!$G$22=$B$24,21,0),MOD($C3386,24)+1)/SUM(INDEX($D$3:$AA$30,INDEX(Jesper!$R$2:$R$366,ROW(INDEX(Jesper!AL$2:AL$366,ROUNDDOWN($C3386/24,0)+1,1))-1)+IF('Standard Profiles'!$G$22=$B$10,7,0)+IF('Standard Profiles'!$G$22=$B$17,14,0)+IF('Standard Profiles'!$G$22=$B$24,21,0),0)),0)</f>
        <v>0.54592314868075387</v>
      </c>
      <c r="I3386">
        <f t="shared" si="384"/>
        <v>0.52408622273352401</v>
      </c>
      <c r="J3386">
        <f t="shared" si="385"/>
        <v>4.685626353061747</v>
      </c>
      <c r="K3386">
        <f t="shared" si="386"/>
        <v>0.21983344992531656</v>
      </c>
      <c r="L3386">
        <f t="shared" si="387"/>
        <v>0.10991672496265828</v>
      </c>
      <c r="M3386">
        <f t="shared" si="388"/>
        <v>0</v>
      </c>
      <c r="N3386" s="45">
        <f t="shared" si="389"/>
        <v>45066.666666658537</v>
      </c>
    </row>
    <row r="3387" spans="2:14" x14ac:dyDescent="0.25">
      <c r="B3387">
        <f t="shared" si="383"/>
        <v>6</v>
      </c>
      <c r="C3387" s="16">
        <v>3353</v>
      </c>
      <c r="D3387" cm="1">
        <f t="array" ref="D3387">IFERROR(INDEX(Jesper!AH$2:AH$366,ROUNDDOWN($C3387/24,0)+1,1)*INDEX($D$3:$AA$30,INDEX(Jesper!$R$2:$R$366,ROW(INDEX(Jesper!AH$2:AH$366,ROUNDDOWN($C3387/24,0)+1,1))-1)+IF('Standard Profiles'!$G$18=$B$10,7,0)+IF('Standard Profiles'!$G$18=$B$17,14,0)+IF('Standard Profiles'!$G$18=$B$24,21,0),MOD($C3387,24)+1)/SUM(INDEX($D$3:$AA$30,INDEX(Jesper!$R$2:$R$366,ROW(INDEX(Jesper!AH$2:AH$366,ROUNDDOWN($C3387/24,0)+1,1))-1)+IF('Standard Profiles'!$G$18=$B$10,7,0)+IF('Standard Profiles'!$G$18=$B$17,14,0)+IF('Standard Profiles'!$G$18=$B$24,21,0),0)),0)</f>
        <v>0</v>
      </c>
      <c r="E3387" cm="1">
        <f t="array" ref="E3387">IFERROR(INDEX(Jesper!AI$2:AI$366,ROUNDDOWN($C3387/24,0)+1,1)*INDEX($D$3:$AA$30,INDEX(Jesper!$R$2:$R$366,ROW(INDEX(Jesper!AI$2:AI$366,ROUNDDOWN($C3387/24,0)+1,1))-1)+IF('Standard Profiles'!$G$19=$B$10,7,0)+IF('Standard Profiles'!$G$19=$B$17,14,0)+IF('Standard Profiles'!$G$19=$B$24,21,0),MOD($C3387,24)+1)/SUM(INDEX($D$3:$AA$30,INDEX(Jesper!$R$2:$R$366,ROW(INDEX(Jesper!AI$2:AI$366,ROUNDDOWN($C3387/24,0)+1,1))-1)+IF('Standard Profiles'!$G$19=$B$10,7,0)+IF('Standard Profiles'!$G$19=$B$17,14,0)+IF('Standard Profiles'!$G$19=$B$24,21,0),0)),0)</f>
        <v>2.747918124066457</v>
      </c>
      <c r="F3387" cm="1">
        <f t="array" ref="F3387">IFERROR(INDEX(Jesper!AJ$2:AJ$366,ROUNDDOWN($C3387/24,0)+1,1)*INDEX($D$3:$AA$30,INDEX(Jesper!$R$2:$R$366,ROW(INDEX(Jesper!AJ$2:AJ$366,ROUNDDOWN($C3387/24,0)+1,1))-1)+IF('Standard Profiles'!$G$20=$B$10,7,0)+IF('Standard Profiles'!$G$20=$B$17,14,0)+IF('Standard Profiles'!$G$20=$B$24,21,0),MOD($C3387,24)+1)/SUM(INDEX($D$3:$AA$30,INDEX(Jesper!$R$2:$R$366,ROW(INDEX(Jesper!AJ$2:AJ$366,ROUNDDOWN($C3387/24,0)+1,1))-1)+IF('Standard Profiles'!$G$20=$B$10,7,0)+IF('Standard Profiles'!$G$20=$B$17,14,0)+IF('Standard Profiles'!$G$20=$B$24,21,0),0)),0)</f>
        <v>1.3531571716422794</v>
      </c>
      <c r="G3387" cm="1">
        <f t="array" ref="G3387">IFERROR(INDEX(Jesper!AK$2:AK$366,ROUNDDOWN($C3387/24,0)+1,1)*INDEX($D$3:$AA$30,INDEX(Jesper!$R$2:$R$366,ROW(INDEX(Jesper!AK$2:AK$366,ROUNDDOWN($C3387/24,0)+1,1))-1)+IF('Standard Profiles'!$G$21=$B$10,7,0)+IF('Standard Profiles'!$G$21=$B$17,14,0)+IF('Standard Profiles'!$G$21=$B$24,21,0),MOD($C3387,24)+1)/SUM(INDEX($D$3:$AA$30,INDEX(Jesper!$R$2:$R$366,ROW(INDEX(Jesper!AK$2:AK$366,ROUNDDOWN($C3387/24,0)+1,1))-1)+IF('Standard Profiles'!$G$21=$B$10,7,0)+IF('Standard Profiles'!$G$21=$B$17,14,0)+IF('Standard Profiles'!$G$21=$B$24,21,0),0)),0)</f>
        <v>0.89246430629375617</v>
      </c>
      <c r="H3387" cm="1">
        <f t="array" ref="H3387">IFERROR(INDEX(Jesper!AL$2:AL$366,ROUNDDOWN($C3387/24,0)+1,1)*INDEX($D$3:$AA$30,INDEX(Jesper!$R$2:$R$366,ROW(INDEX(Jesper!AL$2:AL$366,ROUNDDOWN($C3387/24,0)+1,1))-1)+IF('Standard Profiles'!$G$22=$B$10,7,0)+IF('Standard Profiles'!$G$22=$B$17,14,0)+IF('Standard Profiles'!$G$22=$B$24,21,0),MOD($C3387,24)+1)/SUM(INDEX($D$3:$AA$30,INDEX(Jesper!$R$2:$R$366,ROW(INDEX(Jesper!AL$2:AL$366,ROUNDDOWN($C3387/24,0)+1,1))-1)+IF('Standard Profiles'!$G$22=$B$10,7,0)+IF('Standard Profiles'!$G$22=$B$17,14,0)+IF('Standard Profiles'!$G$22=$B$24,21,0),0)),0)</f>
        <v>0.49133083381267856</v>
      </c>
      <c r="I3387">
        <f t="shared" si="384"/>
        <v>0.47167760046017165</v>
      </c>
      <c r="J3387">
        <f t="shared" si="385"/>
        <v>4.6834426604670245</v>
      </c>
      <c r="K3387">
        <f t="shared" si="386"/>
        <v>0.21983344992531656</v>
      </c>
      <c r="L3387">
        <f t="shared" si="387"/>
        <v>0.10991672496265828</v>
      </c>
      <c r="M3387">
        <f t="shared" si="388"/>
        <v>0</v>
      </c>
      <c r="N3387" s="45">
        <f t="shared" si="389"/>
        <v>45066.708333325201</v>
      </c>
    </row>
    <row r="3388" spans="2:14" x14ac:dyDescent="0.25">
      <c r="B3388">
        <f t="shared" si="383"/>
        <v>6</v>
      </c>
      <c r="C3388" s="16">
        <v>3354</v>
      </c>
      <c r="D3388" cm="1">
        <f t="array" ref="D3388">IFERROR(INDEX(Jesper!AH$2:AH$366,ROUNDDOWN($C3388/24,0)+1,1)*INDEX($D$3:$AA$30,INDEX(Jesper!$R$2:$R$366,ROW(INDEX(Jesper!AH$2:AH$366,ROUNDDOWN($C3388/24,0)+1,1))-1)+IF('Standard Profiles'!$G$18=$B$10,7,0)+IF('Standard Profiles'!$G$18=$B$17,14,0)+IF('Standard Profiles'!$G$18=$B$24,21,0),MOD($C3388,24)+1)/SUM(INDEX($D$3:$AA$30,INDEX(Jesper!$R$2:$R$366,ROW(INDEX(Jesper!AH$2:AH$366,ROUNDDOWN($C3388/24,0)+1,1))-1)+IF('Standard Profiles'!$G$18=$B$10,7,0)+IF('Standard Profiles'!$G$18=$B$17,14,0)+IF('Standard Profiles'!$G$18=$B$24,21,0),0)),0)</f>
        <v>0</v>
      </c>
      <c r="E3388" cm="1">
        <f t="array" ref="E3388">IFERROR(INDEX(Jesper!AI$2:AI$366,ROUNDDOWN($C3388/24,0)+1,1)*INDEX($D$3:$AA$30,INDEX(Jesper!$R$2:$R$366,ROW(INDEX(Jesper!AI$2:AI$366,ROUNDDOWN($C3388/24,0)+1,1))-1)+IF('Standard Profiles'!$G$19=$B$10,7,0)+IF('Standard Profiles'!$G$19=$B$17,14,0)+IF('Standard Profiles'!$G$19=$B$24,21,0),MOD($C3388,24)+1)/SUM(INDEX($D$3:$AA$30,INDEX(Jesper!$R$2:$R$366,ROW(INDEX(Jesper!AI$2:AI$366,ROUNDDOWN($C3388/24,0)+1,1))-1)+IF('Standard Profiles'!$G$19=$B$10,7,0)+IF('Standard Profiles'!$G$19=$B$17,14,0)+IF('Standard Profiles'!$G$19=$B$24,21,0),0)),0)</f>
        <v>2.747918124066457</v>
      </c>
      <c r="F3388" cm="1">
        <f t="array" ref="F3388">IFERROR(INDEX(Jesper!AJ$2:AJ$366,ROUNDDOWN($C3388/24,0)+1,1)*INDEX($D$3:$AA$30,INDEX(Jesper!$R$2:$R$366,ROW(INDEX(Jesper!AJ$2:AJ$366,ROUNDDOWN($C3388/24,0)+1,1))-1)+IF('Standard Profiles'!$G$20=$B$10,7,0)+IF('Standard Profiles'!$G$20=$B$17,14,0)+IF('Standard Profiles'!$G$20=$B$24,21,0),MOD($C3388,24)+1)/SUM(INDEX($D$3:$AA$30,INDEX(Jesper!$R$2:$R$366,ROW(INDEX(Jesper!AJ$2:AJ$366,ROUNDDOWN($C3388/24,0)+1,1))-1)+IF('Standard Profiles'!$G$20=$B$10,7,0)+IF('Standard Profiles'!$G$20=$B$17,14,0)+IF('Standard Profiles'!$G$20=$B$24,21,0),0)),0)</f>
        <v>1.3531571716422794</v>
      </c>
      <c r="G3388" cm="1">
        <f t="array" ref="G3388">IFERROR(INDEX(Jesper!AK$2:AK$366,ROUNDDOWN($C3388/24,0)+1,1)*INDEX($D$3:$AA$30,INDEX(Jesper!$R$2:$R$366,ROW(INDEX(Jesper!AK$2:AK$366,ROUNDDOWN($C3388/24,0)+1,1))-1)+IF('Standard Profiles'!$G$21=$B$10,7,0)+IF('Standard Profiles'!$G$21=$B$17,14,0)+IF('Standard Profiles'!$G$21=$B$24,21,0),MOD($C3388,24)+1)/SUM(INDEX($D$3:$AA$30,INDEX(Jesper!$R$2:$R$366,ROW(INDEX(Jesper!AK$2:AK$366,ROUNDDOWN($C3388/24,0)+1,1))-1)+IF('Standard Profiles'!$G$21=$B$10,7,0)+IF('Standard Profiles'!$G$21=$B$17,14,0)+IF('Standard Profiles'!$G$21=$B$24,21,0),0)),0)</f>
        <v>0.89246430629375617</v>
      </c>
      <c r="H3388" cm="1">
        <f t="array" ref="H3388">IFERROR(INDEX(Jesper!AL$2:AL$366,ROUNDDOWN($C3388/24,0)+1,1)*INDEX($D$3:$AA$30,INDEX(Jesper!$R$2:$R$366,ROW(INDEX(Jesper!AL$2:AL$366,ROUNDDOWN($C3388/24,0)+1,1))-1)+IF('Standard Profiles'!$G$22=$B$10,7,0)+IF('Standard Profiles'!$G$22=$B$17,14,0)+IF('Standard Profiles'!$G$22=$B$24,21,0),MOD($C3388,24)+1)/SUM(INDEX($D$3:$AA$30,INDEX(Jesper!$R$2:$R$366,ROW(INDEX(Jesper!AL$2:AL$366,ROUNDDOWN($C3388/24,0)+1,1))-1)+IF('Standard Profiles'!$G$22=$B$10,7,0)+IF('Standard Profiles'!$G$22=$B$17,14,0)+IF('Standard Profiles'!$G$22=$B$24,21,0),0)),0)</f>
        <v>0.47313339552332001</v>
      </c>
      <c r="I3388">
        <f t="shared" si="384"/>
        <v>0.45420805970238748</v>
      </c>
      <c r="J3388">
        <f t="shared" si="385"/>
        <v>4.6827147629354497</v>
      </c>
      <c r="K3388">
        <f t="shared" si="386"/>
        <v>0.21983344992531656</v>
      </c>
      <c r="L3388">
        <f t="shared" si="387"/>
        <v>0.10991672496265828</v>
      </c>
      <c r="M3388">
        <f t="shared" si="388"/>
        <v>0</v>
      </c>
      <c r="N3388" s="45">
        <f t="shared" si="389"/>
        <v>45066.749999991865</v>
      </c>
    </row>
    <row r="3389" spans="2:14" x14ac:dyDescent="0.25">
      <c r="B3389">
        <f t="shared" si="383"/>
        <v>6</v>
      </c>
      <c r="C3389" s="16">
        <v>3355</v>
      </c>
      <c r="D3389" cm="1">
        <f t="array" ref="D3389">IFERROR(INDEX(Jesper!AH$2:AH$366,ROUNDDOWN($C3389/24,0)+1,1)*INDEX($D$3:$AA$30,INDEX(Jesper!$R$2:$R$366,ROW(INDEX(Jesper!AH$2:AH$366,ROUNDDOWN($C3389/24,0)+1,1))-1)+IF('Standard Profiles'!$G$18=$B$10,7,0)+IF('Standard Profiles'!$G$18=$B$17,14,0)+IF('Standard Profiles'!$G$18=$B$24,21,0),MOD($C3389,24)+1)/SUM(INDEX($D$3:$AA$30,INDEX(Jesper!$R$2:$R$366,ROW(INDEX(Jesper!AH$2:AH$366,ROUNDDOWN($C3389/24,0)+1,1))-1)+IF('Standard Profiles'!$G$18=$B$10,7,0)+IF('Standard Profiles'!$G$18=$B$17,14,0)+IF('Standard Profiles'!$G$18=$B$24,21,0),0)),0)</f>
        <v>0</v>
      </c>
      <c r="E3389" cm="1">
        <f t="array" ref="E3389">IFERROR(INDEX(Jesper!AI$2:AI$366,ROUNDDOWN($C3389/24,0)+1,1)*INDEX($D$3:$AA$30,INDEX(Jesper!$R$2:$R$366,ROW(INDEX(Jesper!AI$2:AI$366,ROUNDDOWN($C3389/24,0)+1,1))-1)+IF('Standard Profiles'!$G$19=$B$10,7,0)+IF('Standard Profiles'!$G$19=$B$17,14,0)+IF('Standard Profiles'!$G$19=$B$24,21,0),MOD($C3389,24)+1)/SUM(INDEX($D$3:$AA$30,INDEX(Jesper!$R$2:$R$366,ROW(INDEX(Jesper!AI$2:AI$366,ROUNDDOWN($C3389/24,0)+1,1))-1)+IF('Standard Profiles'!$G$19=$B$10,7,0)+IF('Standard Profiles'!$G$19=$B$17,14,0)+IF('Standard Profiles'!$G$19=$B$24,21,0),0)),0)</f>
        <v>2.747918124066457</v>
      </c>
      <c r="F3389" cm="1">
        <f t="array" ref="F3389">IFERROR(INDEX(Jesper!AJ$2:AJ$366,ROUNDDOWN($C3389/24,0)+1,1)*INDEX($D$3:$AA$30,INDEX(Jesper!$R$2:$R$366,ROW(INDEX(Jesper!AJ$2:AJ$366,ROUNDDOWN($C3389/24,0)+1,1))-1)+IF('Standard Profiles'!$G$20=$B$10,7,0)+IF('Standard Profiles'!$G$20=$B$17,14,0)+IF('Standard Profiles'!$G$20=$B$24,21,0),MOD($C3389,24)+1)/SUM(INDEX($D$3:$AA$30,INDEX(Jesper!$R$2:$R$366,ROW(INDEX(Jesper!AJ$2:AJ$366,ROUNDDOWN($C3389/24,0)+1,1))-1)+IF('Standard Profiles'!$G$20=$B$10,7,0)+IF('Standard Profiles'!$G$20=$B$17,14,0)+IF('Standard Profiles'!$G$20=$B$24,21,0),0)),0)</f>
        <v>1.3531571716422794</v>
      </c>
      <c r="G3389" cm="1">
        <f t="array" ref="G3389">IFERROR(INDEX(Jesper!AK$2:AK$366,ROUNDDOWN($C3389/24,0)+1,1)*INDEX($D$3:$AA$30,INDEX(Jesper!$R$2:$R$366,ROW(INDEX(Jesper!AK$2:AK$366,ROUNDDOWN($C3389/24,0)+1,1))-1)+IF('Standard Profiles'!$G$21=$B$10,7,0)+IF('Standard Profiles'!$G$21=$B$17,14,0)+IF('Standard Profiles'!$G$21=$B$24,21,0),MOD($C3389,24)+1)/SUM(INDEX($D$3:$AA$30,INDEX(Jesper!$R$2:$R$366,ROW(INDEX(Jesper!AK$2:AK$366,ROUNDDOWN($C3389/24,0)+1,1))-1)+IF('Standard Profiles'!$G$21=$B$10,7,0)+IF('Standard Profiles'!$G$21=$B$17,14,0)+IF('Standard Profiles'!$G$21=$B$24,21,0),0)),0)</f>
        <v>0.89246430629375617</v>
      </c>
      <c r="H3389" cm="1">
        <f t="array" ref="H3389">IFERROR(INDEX(Jesper!AL$2:AL$366,ROUNDDOWN($C3389/24,0)+1,1)*INDEX($D$3:$AA$30,INDEX(Jesper!$R$2:$R$366,ROW(INDEX(Jesper!AL$2:AL$366,ROUNDDOWN($C3389/24,0)+1,1))-1)+IF('Standard Profiles'!$G$22=$B$10,7,0)+IF('Standard Profiles'!$G$22=$B$17,14,0)+IF('Standard Profiles'!$G$22=$B$24,21,0),MOD($C3389,24)+1)/SUM(INDEX($D$3:$AA$30,INDEX(Jesper!$R$2:$R$366,ROW(INDEX(Jesper!AL$2:AL$366,ROUNDDOWN($C3389/24,0)+1,1))-1)+IF('Standard Profiles'!$G$22=$B$10,7,0)+IF('Standard Profiles'!$G$22=$B$17,14,0)+IF('Standard Profiles'!$G$22=$B$24,21,0),0)),0)</f>
        <v>0.38214620407652772</v>
      </c>
      <c r="I3389">
        <f t="shared" si="384"/>
        <v>0.36686035591346683</v>
      </c>
      <c r="J3389">
        <f t="shared" si="385"/>
        <v>4.6790752752775786</v>
      </c>
      <c r="K3389">
        <f t="shared" si="386"/>
        <v>0.21983344992531656</v>
      </c>
      <c r="L3389">
        <f t="shared" si="387"/>
        <v>0.10991672496265828</v>
      </c>
      <c r="M3389">
        <f t="shared" si="388"/>
        <v>0</v>
      </c>
      <c r="N3389" s="45">
        <f t="shared" si="389"/>
        <v>45066.79166665853</v>
      </c>
    </row>
    <row r="3390" spans="2:14" x14ac:dyDescent="0.25">
      <c r="B3390">
        <f t="shared" si="383"/>
        <v>6</v>
      </c>
      <c r="C3390" s="16">
        <v>3356</v>
      </c>
      <c r="D3390" cm="1">
        <f t="array" ref="D3390">IFERROR(INDEX(Jesper!AH$2:AH$366,ROUNDDOWN($C3390/24,0)+1,1)*INDEX($D$3:$AA$30,INDEX(Jesper!$R$2:$R$366,ROW(INDEX(Jesper!AH$2:AH$366,ROUNDDOWN($C3390/24,0)+1,1))-1)+IF('Standard Profiles'!$G$18=$B$10,7,0)+IF('Standard Profiles'!$G$18=$B$17,14,0)+IF('Standard Profiles'!$G$18=$B$24,21,0),MOD($C3390,24)+1)/SUM(INDEX($D$3:$AA$30,INDEX(Jesper!$R$2:$R$366,ROW(INDEX(Jesper!AH$2:AH$366,ROUNDDOWN($C3390/24,0)+1,1))-1)+IF('Standard Profiles'!$G$18=$B$10,7,0)+IF('Standard Profiles'!$G$18=$B$17,14,0)+IF('Standard Profiles'!$G$18=$B$24,21,0),0)),0)</f>
        <v>0</v>
      </c>
      <c r="E3390" cm="1">
        <f t="array" ref="E3390">IFERROR(INDEX(Jesper!AI$2:AI$366,ROUNDDOWN($C3390/24,0)+1,1)*INDEX($D$3:$AA$30,INDEX(Jesper!$R$2:$R$366,ROW(INDEX(Jesper!AI$2:AI$366,ROUNDDOWN($C3390/24,0)+1,1))-1)+IF('Standard Profiles'!$G$19=$B$10,7,0)+IF('Standard Profiles'!$G$19=$B$17,14,0)+IF('Standard Profiles'!$G$19=$B$24,21,0),MOD($C3390,24)+1)/SUM(INDEX($D$3:$AA$30,INDEX(Jesper!$R$2:$R$366,ROW(INDEX(Jesper!AI$2:AI$366,ROUNDDOWN($C3390/24,0)+1,1))-1)+IF('Standard Profiles'!$G$19=$B$10,7,0)+IF('Standard Profiles'!$G$19=$B$17,14,0)+IF('Standard Profiles'!$G$19=$B$24,21,0),0)),0)</f>
        <v>2.747918124066457</v>
      </c>
      <c r="F3390" cm="1">
        <f t="array" ref="F3390">IFERROR(INDEX(Jesper!AJ$2:AJ$366,ROUNDDOWN($C3390/24,0)+1,1)*INDEX($D$3:$AA$30,INDEX(Jesper!$R$2:$R$366,ROW(INDEX(Jesper!AJ$2:AJ$366,ROUNDDOWN($C3390/24,0)+1,1))-1)+IF('Standard Profiles'!$G$20=$B$10,7,0)+IF('Standard Profiles'!$G$20=$B$17,14,0)+IF('Standard Profiles'!$G$20=$B$24,21,0),MOD($C3390,24)+1)/SUM(INDEX($D$3:$AA$30,INDEX(Jesper!$R$2:$R$366,ROW(INDEX(Jesper!AJ$2:AJ$366,ROUNDDOWN($C3390/24,0)+1,1))-1)+IF('Standard Profiles'!$G$20=$B$10,7,0)+IF('Standard Profiles'!$G$20=$B$17,14,0)+IF('Standard Profiles'!$G$20=$B$24,21,0),0)),0)</f>
        <v>1.3531571716422794</v>
      </c>
      <c r="G3390" cm="1">
        <f t="array" ref="G3390">IFERROR(INDEX(Jesper!AK$2:AK$366,ROUNDDOWN($C3390/24,0)+1,1)*INDEX($D$3:$AA$30,INDEX(Jesper!$R$2:$R$366,ROW(INDEX(Jesper!AK$2:AK$366,ROUNDDOWN($C3390/24,0)+1,1))-1)+IF('Standard Profiles'!$G$21=$B$10,7,0)+IF('Standard Profiles'!$G$21=$B$17,14,0)+IF('Standard Profiles'!$G$21=$B$24,21,0),MOD($C3390,24)+1)/SUM(INDEX($D$3:$AA$30,INDEX(Jesper!$R$2:$R$366,ROW(INDEX(Jesper!AK$2:AK$366,ROUNDDOWN($C3390/24,0)+1,1))-1)+IF('Standard Profiles'!$G$21=$B$10,7,0)+IF('Standard Profiles'!$G$21=$B$17,14,0)+IF('Standard Profiles'!$G$21=$B$24,21,0),0)),0)</f>
        <v>0.89246430629375617</v>
      </c>
      <c r="H3390" cm="1">
        <f t="array" ref="H3390">IFERROR(INDEX(Jesper!AL$2:AL$366,ROUNDDOWN($C3390/24,0)+1,1)*INDEX($D$3:$AA$30,INDEX(Jesper!$R$2:$R$366,ROW(INDEX(Jesper!AL$2:AL$366,ROUNDDOWN($C3390/24,0)+1,1))-1)+IF('Standard Profiles'!$G$22=$B$10,7,0)+IF('Standard Profiles'!$G$22=$B$17,14,0)+IF('Standard Profiles'!$G$22=$B$24,21,0),MOD($C3390,24)+1)/SUM(INDEX($D$3:$AA$30,INDEX(Jesper!$R$2:$R$366,ROW(INDEX(Jesper!AL$2:AL$366,ROUNDDOWN($C3390/24,0)+1,1))-1)+IF('Standard Profiles'!$G$22=$B$10,7,0)+IF('Standard Profiles'!$G$22=$B$17,14,0)+IF('Standard Profiles'!$G$22=$B$24,21,0),0)),0)</f>
        <v>0.28206029348505618</v>
      </c>
      <c r="I3390">
        <f t="shared" si="384"/>
        <v>0.27077788174565409</v>
      </c>
      <c r="J3390">
        <f t="shared" si="385"/>
        <v>4.6750718388539196</v>
      </c>
      <c r="K3390">
        <f t="shared" si="386"/>
        <v>0.21983344992531656</v>
      </c>
      <c r="L3390">
        <f t="shared" si="387"/>
        <v>0.10991672496265828</v>
      </c>
      <c r="M3390">
        <f t="shared" si="388"/>
        <v>0</v>
      </c>
      <c r="N3390" s="45">
        <f t="shared" si="389"/>
        <v>45066.833333325194</v>
      </c>
    </row>
    <row r="3391" spans="2:14" x14ac:dyDescent="0.25">
      <c r="B3391">
        <f t="shared" si="383"/>
        <v>6</v>
      </c>
      <c r="C3391" s="16">
        <v>3357</v>
      </c>
      <c r="D3391" cm="1">
        <f t="array" ref="D3391">IFERROR(INDEX(Jesper!AH$2:AH$366,ROUNDDOWN($C3391/24,0)+1,1)*INDEX($D$3:$AA$30,INDEX(Jesper!$R$2:$R$366,ROW(INDEX(Jesper!AH$2:AH$366,ROUNDDOWN($C3391/24,0)+1,1))-1)+IF('Standard Profiles'!$G$18=$B$10,7,0)+IF('Standard Profiles'!$G$18=$B$17,14,0)+IF('Standard Profiles'!$G$18=$B$24,21,0),MOD($C3391,24)+1)/SUM(INDEX($D$3:$AA$30,INDEX(Jesper!$R$2:$R$366,ROW(INDEX(Jesper!AH$2:AH$366,ROUNDDOWN($C3391/24,0)+1,1))-1)+IF('Standard Profiles'!$G$18=$B$10,7,0)+IF('Standard Profiles'!$G$18=$B$17,14,0)+IF('Standard Profiles'!$G$18=$B$24,21,0),0)),0)</f>
        <v>0</v>
      </c>
      <c r="E3391" cm="1">
        <f t="array" ref="E3391">IFERROR(INDEX(Jesper!AI$2:AI$366,ROUNDDOWN($C3391/24,0)+1,1)*INDEX($D$3:$AA$30,INDEX(Jesper!$R$2:$R$366,ROW(INDEX(Jesper!AI$2:AI$366,ROUNDDOWN($C3391/24,0)+1,1))-1)+IF('Standard Profiles'!$G$19=$B$10,7,0)+IF('Standard Profiles'!$G$19=$B$17,14,0)+IF('Standard Profiles'!$G$19=$B$24,21,0),MOD($C3391,24)+1)/SUM(INDEX($D$3:$AA$30,INDEX(Jesper!$R$2:$R$366,ROW(INDEX(Jesper!AI$2:AI$366,ROUNDDOWN($C3391/24,0)+1,1))-1)+IF('Standard Profiles'!$G$19=$B$10,7,0)+IF('Standard Profiles'!$G$19=$B$17,14,0)+IF('Standard Profiles'!$G$19=$B$24,21,0),0)),0)</f>
        <v>2.747918124066457</v>
      </c>
      <c r="F3391" cm="1">
        <f t="array" ref="F3391">IFERROR(INDEX(Jesper!AJ$2:AJ$366,ROUNDDOWN($C3391/24,0)+1,1)*INDEX($D$3:$AA$30,INDEX(Jesper!$R$2:$R$366,ROW(INDEX(Jesper!AJ$2:AJ$366,ROUNDDOWN($C3391/24,0)+1,1))-1)+IF('Standard Profiles'!$G$20=$B$10,7,0)+IF('Standard Profiles'!$G$20=$B$17,14,0)+IF('Standard Profiles'!$G$20=$B$24,21,0),MOD($C3391,24)+1)/SUM(INDEX($D$3:$AA$30,INDEX(Jesper!$R$2:$R$366,ROW(INDEX(Jesper!AJ$2:AJ$366,ROUNDDOWN($C3391/24,0)+1,1))-1)+IF('Standard Profiles'!$G$20=$B$10,7,0)+IF('Standard Profiles'!$G$20=$B$17,14,0)+IF('Standard Profiles'!$G$20=$B$24,21,0),0)),0)</f>
        <v>1.3531571716422794</v>
      </c>
      <c r="G3391" cm="1">
        <f t="array" ref="G3391">IFERROR(INDEX(Jesper!AK$2:AK$366,ROUNDDOWN($C3391/24,0)+1,1)*INDEX($D$3:$AA$30,INDEX(Jesper!$R$2:$R$366,ROW(INDEX(Jesper!AK$2:AK$366,ROUNDDOWN($C3391/24,0)+1,1))-1)+IF('Standard Profiles'!$G$21=$B$10,7,0)+IF('Standard Profiles'!$G$21=$B$17,14,0)+IF('Standard Profiles'!$G$21=$B$24,21,0),MOD($C3391,24)+1)/SUM(INDEX($D$3:$AA$30,INDEX(Jesper!$R$2:$R$366,ROW(INDEX(Jesper!AK$2:AK$366,ROUNDDOWN($C3391/24,0)+1,1))-1)+IF('Standard Profiles'!$G$21=$B$10,7,0)+IF('Standard Profiles'!$G$21=$B$17,14,0)+IF('Standard Profiles'!$G$21=$B$24,21,0),0)),0)</f>
        <v>0.89246430629375617</v>
      </c>
      <c r="H3391" cm="1">
        <f t="array" ref="H3391">IFERROR(INDEX(Jesper!AL$2:AL$366,ROUNDDOWN($C3391/24,0)+1,1)*INDEX($D$3:$AA$30,INDEX(Jesper!$R$2:$R$366,ROW(INDEX(Jesper!AL$2:AL$366,ROUNDDOWN($C3391/24,0)+1,1))-1)+IF('Standard Profiles'!$G$22=$B$10,7,0)+IF('Standard Profiles'!$G$22=$B$17,14,0)+IF('Standard Profiles'!$G$22=$B$24,21,0),MOD($C3391,24)+1)/SUM(INDEX($D$3:$AA$30,INDEX(Jesper!$R$2:$R$366,ROW(INDEX(Jesper!AL$2:AL$366,ROUNDDOWN($C3391/24,0)+1,1))-1)+IF('Standard Profiles'!$G$22=$B$10,7,0)+IF('Standard Profiles'!$G$22=$B$17,14,0)+IF('Standard Profiles'!$G$22=$B$24,21,0),0)),0)</f>
        <v>0.28206029348505618</v>
      </c>
      <c r="I3391">
        <f t="shared" si="384"/>
        <v>0.27077788174565409</v>
      </c>
      <c r="J3391">
        <f t="shared" si="385"/>
        <v>4.6750718388539196</v>
      </c>
      <c r="K3391">
        <f t="shared" si="386"/>
        <v>0.21983344992531656</v>
      </c>
      <c r="L3391">
        <f t="shared" si="387"/>
        <v>0.10991672496265828</v>
      </c>
      <c r="M3391">
        <f t="shared" si="388"/>
        <v>0</v>
      </c>
      <c r="N3391" s="45">
        <f t="shared" si="389"/>
        <v>45066.874999991858</v>
      </c>
    </row>
    <row r="3392" spans="2:14" x14ac:dyDescent="0.25">
      <c r="B3392">
        <f t="shared" si="383"/>
        <v>6</v>
      </c>
      <c r="C3392" s="16">
        <v>3358</v>
      </c>
      <c r="D3392" cm="1">
        <f t="array" ref="D3392">IFERROR(INDEX(Jesper!AH$2:AH$366,ROUNDDOWN($C3392/24,0)+1,1)*INDEX($D$3:$AA$30,INDEX(Jesper!$R$2:$R$366,ROW(INDEX(Jesper!AH$2:AH$366,ROUNDDOWN($C3392/24,0)+1,1))-1)+IF('Standard Profiles'!$G$18=$B$10,7,0)+IF('Standard Profiles'!$G$18=$B$17,14,0)+IF('Standard Profiles'!$G$18=$B$24,21,0),MOD($C3392,24)+1)/SUM(INDEX($D$3:$AA$30,INDEX(Jesper!$R$2:$R$366,ROW(INDEX(Jesper!AH$2:AH$366,ROUNDDOWN($C3392/24,0)+1,1))-1)+IF('Standard Profiles'!$G$18=$B$10,7,0)+IF('Standard Profiles'!$G$18=$B$17,14,0)+IF('Standard Profiles'!$G$18=$B$24,21,0),0)),0)</f>
        <v>0</v>
      </c>
      <c r="E3392" cm="1">
        <f t="array" ref="E3392">IFERROR(INDEX(Jesper!AI$2:AI$366,ROUNDDOWN($C3392/24,0)+1,1)*INDEX($D$3:$AA$30,INDEX(Jesper!$R$2:$R$366,ROW(INDEX(Jesper!AI$2:AI$366,ROUNDDOWN($C3392/24,0)+1,1))-1)+IF('Standard Profiles'!$G$19=$B$10,7,0)+IF('Standard Profiles'!$G$19=$B$17,14,0)+IF('Standard Profiles'!$G$19=$B$24,21,0),MOD($C3392,24)+1)/SUM(INDEX($D$3:$AA$30,INDEX(Jesper!$R$2:$R$366,ROW(INDEX(Jesper!AI$2:AI$366,ROUNDDOWN($C3392/24,0)+1,1))-1)+IF('Standard Profiles'!$G$19=$B$10,7,0)+IF('Standard Profiles'!$G$19=$B$17,14,0)+IF('Standard Profiles'!$G$19=$B$24,21,0),0)),0)</f>
        <v>2.747918124066457</v>
      </c>
      <c r="F3392" cm="1">
        <f t="array" ref="F3392">IFERROR(INDEX(Jesper!AJ$2:AJ$366,ROUNDDOWN($C3392/24,0)+1,1)*INDEX($D$3:$AA$30,INDEX(Jesper!$R$2:$R$366,ROW(INDEX(Jesper!AJ$2:AJ$366,ROUNDDOWN($C3392/24,0)+1,1))-1)+IF('Standard Profiles'!$G$20=$B$10,7,0)+IF('Standard Profiles'!$G$20=$B$17,14,0)+IF('Standard Profiles'!$G$20=$B$24,21,0),MOD($C3392,24)+1)/SUM(INDEX($D$3:$AA$30,INDEX(Jesper!$R$2:$R$366,ROW(INDEX(Jesper!AJ$2:AJ$366,ROUNDDOWN($C3392/24,0)+1,1))-1)+IF('Standard Profiles'!$G$20=$B$10,7,0)+IF('Standard Profiles'!$G$20=$B$17,14,0)+IF('Standard Profiles'!$G$20=$B$24,21,0),0)),0)</f>
        <v>1.3531571716422794</v>
      </c>
      <c r="G3392" cm="1">
        <f t="array" ref="G3392">IFERROR(INDEX(Jesper!AK$2:AK$366,ROUNDDOWN($C3392/24,0)+1,1)*INDEX($D$3:$AA$30,INDEX(Jesper!$R$2:$R$366,ROW(INDEX(Jesper!AK$2:AK$366,ROUNDDOWN($C3392/24,0)+1,1))-1)+IF('Standard Profiles'!$G$21=$B$10,7,0)+IF('Standard Profiles'!$G$21=$B$17,14,0)+IF('Standard Profiles'!$G$21=$B$24,21,0),MOD($C3392,24)+1)/SUM(INDEX($D$3:$AA$30,INDEX(Jesper!$R$2:$R$366,ROW(INDEX(Jesper!AK$2:AK$366,ROUNDDOWN($C3392/24,0)+1,1))-1)+IF('Standard Profiles'!$G$21=$B$10,7,0)+IF('Standard Profiles'!$G$21=$B$17,14,0)+IF('Standard Profiles'!$G$21=$B$24,21,0),0)),0)</f>
        <v>0.89246430629375617</v>
      </c>
      <c r="H3392" cm="1">
        <f t="array" ref="H3392">IFERROR(INDEX(Jesper!AL$2:AL$366,ROUNDDOWN($C3392/24,0)+1,1)*INDEX($D$3:$AA$30,INDEX(Jesper!$R$2:$R$366,ROW(INDEX(Jesper!AL$2:AL$366,ROUNDDOWN($C3392/24,0)+1,1))-1)+IF('Standard Profiles'!$G$22=$B$10,7,0)+IF('Standard Profiles'!$G$22=$B$17,14,0)+IF('Standard Profiles'!$G$22=$B$24,21,0),MOD($C3392,24)+1)/SUM(INDEX($D$3:$AA$30,INDEX(Jesper!$R$2:$R$366,ROW(INDEX(Jesper!AL$2:AL$366,ROUNDDOWN($C3392/24,0)+1,1))-1)+IF('Standard Profiles'!$G$22=$B$10,7,0)+IF('Standard Profiles'!$G$22=$B$17,14,0)+IF('Standard Profiles'!$G$22=$B$24,21,0),0)),0)</f>
        <v>0.28206029348505618</v>
      </c>
      <c r="I3392">
        <f t="shared" si="384"/>
        <v>0.27077788174565409</v>
      </c>
      <c r="J3392">
        <f t="shared" si="385"/>
        <v>4.6750718388539196</v>
      </c>
      <c r="K3392">
        <f t="shared" si="386"/>
        <v>0.21983344992531656</v>
      </c>
      <c r="L3392">
        <f t="shared" si="387"/>
        <v>0.10991672496265828</v>
      </c>
      <c r="M3392">
        <f t="shared" si="388"/>
        <v>0</v>
      </c>
      <c r="N3392" s="45">
        <f t="shared" si="389"/>
        <v>45066.916666658522</v>
      </c>
    </row>
    <row r="3393" spans="2:14" x14ac:dyDescent="0.25">
      <c r="B3393">
        <f t="shared" si="383"/>
        <v>6</v>
      </c>
      <c r="C3393" s="16">
        <v>3359</v>
      </c>
      <c r="D3393" cm="1">
        <f t="array" ref="D3393">IFERROR(INDEX(Jesper!AH$2:AH$366,ROUNDDOWN($C3393/24,0)+1,1)*INDEX($D$3:$AA$30,INDEX(Jesper!$R$2:$R$366,ROW(INDEX(Jesper!AH$2:AH$366,ROUNDDOWN($C3393/24,0)+1,1))-1)+IF('Standard Profiles'!$G$18=$B$10,7,0)+IF('Standard Profiles'!$G$18=$B$17,14,0)+IF('Standard Profiles'!$G$18=$B$24,21,0),MOD($C3393,24)+1)/SUM(INDEX($D$3:$AA$30,INDEX(Jesper!$R$2:$R$366,ROW(INDEX(Jesper!AH$2:AH$366,ROUNDDOWN($C3393/24,0)+1,1))-1)+IF('Standard Profiles'!$G$18=$B$10,7,0)+IF('Standard Profiles'!$G$18=$B$17,14,0)+IF('Standard Profiles'!$G$18=$B$24,21,0),0)),0)</f>
        <v>0</v>
      </c>
      <c r="E3393" cm="1">
        <f t="array" ref="E3393">IFERROR(INDEX(Jesper!AI$2:AI$366,ROUNDDOWN($C3393/24,0)+1,1)*INDEX($D$3:$AA$30,INDEX(Jesper!$R$2:$R$366,ROW(INDEX(Jesper!AI$2:AI$366,ROUNDDOWN($C3393/24,0)+1,1))-1)+IF('Standard Profiles'!$G$19=$B$10,7,0)+IF('Standard Profiles'!$G$19=$B$17,14,0)+IF('Standard Profiles'!$G$19=$B$24,21,0),MOD($C3393,24)+1)/SUM(INDEX($D$3:$AA$30,INDEX(Jesper!$R$2:$R$366,ROW(INDEX(Jesper!AI$2:AI$366,ROUNDDOWN($C3393/24,0)+1,1))-1)+IF('Standard Profiles'!$G$19=$B$10,7,0)+IF('Standard Profiles'!$G$19=$B$17,14,0)+IF('Standard Profiles'!$G$19=$B$24,21,0),0)),0)</f>
        <v>2.747918124066457</v>
      </c>
      <c r="F3393" cm="1">
        <f t="array" ref="F3393">IFERROR(INDEX(Jesper!AJ$2:AJ$366,ROUNDDOWN($C3393/24,0)+1,1)*INDEX($D$3:$AA$30,INDEX(Jesper!$R$2:$R$366,ROW(INDEX(Jesper!AJ$2:AJ$366,ROUNDDOWN($C3393/24,0)+1,1))-1)+IF('Standard Profiles'!$G$20=$B$10,7,0)+IF('Standard Profiles'!$G$20=$B$17,14,0)+IF('Standard Profiles'!$G$20=$B$24,21,0),MOD($C3393,24)+1)/SUM(INDEX($D$3:$AA$30,INDEX(Jesper!$R$2:$R$366,ROW(INDEX(Jesper!AJ$2:AJ$366,ROUNDDOWN($C3393/24,0)+1,1))-1)+IF('Standard Profiles'!$G$20=$B$10,7,0)+IF('Standard Profiles'!$G$20=$B$17,14,0)+IF('Standard Profiles'!$G$20=$B$24,21,0),0)),0)</f>
        <v>1.3531571716422794</v>
      </c>
      <c r="G3393" cm="1">
        <f t="array" ref="G3393">IFERROR(INDEX(Jesper!AK$2:AK$366,ROUNDDOWN($C3393/24,0)+1,1)*INDEX($D$3:$AA$30,INDEX(Jesper!$R$2:$R$366,ROW(INDEX(Jesper!AK$2:AK$366,ROUNDDOWN($C3393/24,0)+1,1))-1)+IF('Standard Profiles'!$G$21=$B$10,7,0)+IF('Standard Profiles'!$G$21=$B$17,14,0)+IF('Standard Profiles'!$G$21=$B$24,21,0),MOD($C3393,24)+1)/SUM(INDEX($D$3:$AA$30,INDEX(Jesper!$R$2:$R$366,ROW(INDEX(Jesper!AK$2:AK$366,ROUNDDOWN($C3393/24,0)+1,1))-1)+IF('Standard Profiles'!$G$21=$B$10,7,0)+IF('Standard Profiles'!$G$21=$B$17,14,0)+IF('Standard Profiles'!$G$21=$B$24,21,0),0)),0)</f>
        <v>0.89246430629375617</v>
      </c>
      <c r="H3393" cm="1">
        <f t="array" ref="H3393">IFERROR(INDEX(Jesper!AL$2:AL$366,ROUNDDOWN($C3393/24,0)+1,1)*INDEX($D$3:$AA$30,INDEX(Jesper!$R$2:$R$366,ROW(INDEX(Jesper!AL$2:AL$366,ROUNDDOWN($C3393/24,0)+1,1))-1)+IF('Standard Profiles'!$G$22=$B$10,7,0)+IF('Standard Profiles'!$G$22=$B$17,14,0)+IF('Standard Profiles'!$G$22=$B$24,21,0),MOD($C3393,24)+1)/SUM(INDEX($D$3:$AA$30,INDEX(Jesper!$R$2:$R$366,ROW(INDEX(Jesper!AL$2:AL$366,ROUNDDOWN($C3393/24,0)+1,1))-1)+IF('Standard Profiles'!$G$22=$B$10,7,0)+IF('Standard Profiles'!$G$22=$B$17,14,0)+IF('Standard Profiles'!$G$22=$B$24,21,0),0)),0)</f>
        <v>0.28206029348505618</v>
      </c>
      <c r="I3393">
        <f t="shared" si="384"/>
        <v>0.27077788174565409</v>
      </c>
      <c r="J3393">
        <f t="shared" si="385"/>
        <v>4.6750718388539196</v>
      </c>
      <c r="K3393">
        <f t="shared" si="386"/>
        <v>0.21983344992531656</v>
      </c>
      <c r="L3393">
        <f t="shared" si="387"/>
        <v>0.10991672496265828</v>
      </c>
      <c r="M3393">
        <f t="shared" si="388"/>
        <v>0</v>
      </c>
      <c r="N3393" s="45">
        <f t="shared" si="389"/>
        <v>45066.958333325187</v>
      </c>
    </row>
    <row r="3394" spans="2:14" x14ac:dyDescent="0.25">
      <c r="B3394">
        <f t="shared" si="383"/>
        <v>7</v>
      </c>
      <c r="C3394" s="16">
        <v>3360</v>
      </c>
      <c r="D3394" cm="1">
        <f t="array" ref="D3394">IFERROR(INDEX(Jesper!AH$2:AH$366,ROUNDDOWN($C3394/24,0)+1,1)*INDEX($D$3:$AA$30,INDEX(Jesper!$R$2:$R$366,ROW(INDEX(Jesper!AH$2:AH$366,ROUNDDOWN($C3394/24,0)+1,1))-1)+IF('Standard Profiles'!$G$18=$B$10,7,0)+IF('Standard Profiles'!$G$18=$B$17,14,0)+IF('Standard Profiles'!$G$18=$B$24,21,0),MOD($C3394,24)+1)/SUM(INDEX($D$3:$AA$30,INDEX(Jesper!$R$2:$R$366,ROW(INDEX(Jesper!AH$2:AH$366,ROUNDDOWN($C3394/24,0)+1,1))-1)+IF('Standard Profiles'!$G$18=$B$10,7,0)+IF('Standard Profiles'!$G$18=$B$17,14,0)+IF('Standard Profiles'!$G$18=$B$24,21,0),0)),0)</f>
        <v>0</v>
      </c>
      <c r="E3394" cm="1">
        <f t="array" ref="E3394">IFERROR(INDEX(Jesper!AI$2:AI$366,ROUNDDOWN($C3394/24,0)+1,1)*INDEX($D$3:$AA$30,INDEX(Jesper!$R$2:$R$366,ROW(INDEX(Jesper!AI$2:AI$366,ROUNDDOWN($C3394/24,0)+1,1))-1)+IF('Standard Profiles'!$G$19=$B$10,7,0)+IF('Standard Profiles'!$G$19=$B$17,14,0)+IF('Standard Profiles'!$G$19=$B$24,21,0),MOD($C3394,24)+1)/SUM(INDEX($D$3:$AA$30,INDEX(Jesper!$R$2:$R$366,ROW(INDEX(Jesper!AI$2:AI$366,ROUNDDOWN($C3394/24,0)+1,1))-1)+IF('Standard Profiles'!$G$19=$B$10,7,0)+IF('Standard Profiles'!$G$19=$B$17,14,0)+IF('Standard Profiles'!$G$19=$B$24,21,0),0)),0)</f>
        <v>2.7336685039605451</v>
      </c>
      <c r="F3394" cm="1">
        <f t="array" ref="F3394">IFERROR(INDEX(Jesper!AJ$2:AJ$366,ROUNDDOWN($C3394/24,0)+1,1)*INDEX($D$3:$AA$30,INDEX(Jesper!$R$2:$R$366,ROW(INDEX(Jesper!AJ$2:AJ$366,ROUNDDOWN($C3394/24,0)+1,1))-1)+IF('Standard Profiles'!$G$20=$B$10,7,0)+IF('Standard Profiles'!$G$20=$B$17,14,0)+IF('Standard Profiles'!$G$20=$B$24,21,0),MOD($C3394,24)+1)/SUM(INDEX($D$3:$AA$30,INDEX(Jesper!$R$2:$R$366,ROW(INDEX(Jesper!AJ$2:AJ$366,ROUNDDOWN($C3394/24,0)+1,1))-1)+IF('Standard Profiles'!$G$20=$B$10,7,0)+IF('Standard Profiles'!$G$20=$B$17,14,0)+IF('Standard Profiles'!$G$20=$B$24,21,0),0)),0)</f>
        <v>1.1858218449350366</v>
      </c>
      <c r="G3394" cm="1">
        <f t="array" ref="G3394">IFERROR(INDEX(Jesper!AK$2:AK$366,ROUNDDOWN($C3394/24,0)+1,1)*INDEX($D$3:$AA$30,INDEX(Jesper!$R$2:$R$366,ROW(INDEX(Jesper!AK$2:AK$366,ROUNDDOWN($C3394/24,0)+1,1))-1)+IF('Standard Profiles'!$G$21=$B$10,7,0)+IF('Standard Profiles'!$G$21=$B$17,14,0)+IF('Standard Profiles'!$G$21=$B$24,21,0),MOD($C3394,24)+1)/SUM(INDEX($D$3:$AA$30,INDEX(Jesper!$R$2:$R$366,ROW(INDEX(Jesper!AK$2:AK$366,ROUNDDOWN($C3394/24,0)+1,1))-1)+IF('Standard Profiles'!$G$21=$B$10,7,0)+IF('Standard Profiles'!$G$21=$B$17,14,0)+IF('Standard Profiles'!$G$21=$B$24,21,0),0)),0)</f>
        <v>0.68107782378992121</v>
      </c>
      <c r="H3394" cm="1">
        <f t="array" ref="H3394">IFERROR(INDEX(Jesper!AL$2:AL$366,ROUNDDOWN($C3394/24,0)+1,1)*INDEX($D$3:$AA$30,INDEX(Jesper!$R$2:$R$366,ROW(INDEX(Jesper!AL$2:AL$366,ROUNDDOWN($C3394/24,0)+1,1))-1)+IF('Standard Profiles'!$G$22=$B$10,7,0)+IF('Standard Profiles'!$G$22=$B$17,14,0)+IF('Standard Profiles'!$G$22=$B$24,21,0),MOD($C3394,24)+1)/SUM(INDEX($D$3:$AA$30,INDEX(Jesper!$R$2:$R$366,ROW(INDEX(Jesper!AL$2:AL$366,ROUNDDOWN($C3394/24,0)+1,1))-1)+IF('Standard Profiles'!$G$22=$B$10,7,0)+IF('Standard Profiles'!$G$22=$B$17,14,0)+IF('Standard Profiles'!$G$22=$B$24,21,0),0)),0)</f>
        <v>0.19572140645901168</v>
      </c>
      <c r="I3394">
        <f t="shared" si="384"/>
        <v>0.18789255020065132</v>
      </c>
      <c r="J3394">
        <f t="shared" si="385"/>
        <v>4.2803568084685972</v>
      </c>
      <c r="K3394">
        <f t="shared" si="386"/>
        <v>0.2186934803168436</v>
      </c>
      <c r="L3394">
        <f t="shared" si="387"/>
        <v>0.1093467401584218</v>
      </c>
      <c r="M3394">
        <f t="shared" si="388"/>
        <v>0</v>
      </c>
      <c r="N3394" s="45">
        <f t="shared" si="389"/>
        <v>45066.999999991851</v>
      </c>
    </row>
    <row r="3395" spans="2:14" x14ac:dyDescent="0.25">
      <c r="B3395">
        <f t="shared" si="383"/>
        <v>7</v>
      </c>
      <c r="C3395" s="16">
        <v>3361</v>
      </c>
      <c r="D3395" cm="1">
        <f t="array" ref="D3395">IFERROR(INDEX(Jesper!AH$2:AH$366,ROUNDDOWN($C3395/24,0)+1,1)*INDEX($D$3:$AA$30,INDEX(Jesper!$R$2:$R$366,ROW(INDEX(Jesper!AH$2:AH$366,ROUNDDOWN($C3395/24,0)+1,1))-1)+IF('Standard Profiles'!$G$18=$B$10,7,0)+IF('Standard Profiles'!$G$18=$B$17,14,0)+IF('Standard Profiles'!$G$18=$B$24,21,0),MOD($C3395,24)+1)/SUM(INDEX($D$3:$AA$30,INDEX(Jesper!$R$2:$R$366,ROW(INDEX(Jesper!AH$2:AH$366,ROUNDDOWN($C3395/24,0)+1,1))-1)+IF('Standard Profiles'!$G$18=$B$10,7,0)+IF('Standard Profiles'!$G$18=$B$17,14,0)+IF('Standard Profiles'!$G$18=$B$24,21,0),0)),0)</f>
        <v>0</v>
      </c>
      <c r="E3395" cm="1">
        <f t="array" ref="E3395">IFERROR(INDEX(Jesper!AI$2:AI$366,ROUNDDOWN($C3395/24,0)+1,1)*INDEX($D$3:$AA$30,INDEX(Jesper!$R$2:$R$366,ROW(INDEX(Jesper!AI$2:AI$366,ROUNDDOWN($C3395/24,0)+1,1))-1)+IF('Standard Profiles'!$G$19=$B$10,7,0)+IF('Standard Profiles'!$G$19=$B$17,14,0)+IF('Standard Profiles'!$G$19=$B$24,21,0),MOD($C3395,24)+1)/SUM(INDEX($D$3:$AA$30,INDEX(Jesper!$R$2:$R$366,ROW(INDEX(Jesper!AI$2:AI$366,ROUNDDOWN($C3395/24,0)+1,1))-1)+IF('Standard Profiles'!$G$19=$B$10,7,0)+IF('Standard Profiles'!$G$19=$B$17,14,0)+IF('Standard Profiles'!$G$19=$B$24,21,0),0)),0)</f>
        <v>2.7336685039605451</v>
      </c>
      <c r="F3395" cm="1">
        <f t="array" ref="F3395">IFERROR(INDEX(Jesper!AJ$2:AJ$366,ROUNDDOWN($C3395/24,0)+1,1)*INDEX($D$3:$AA$30,INDEX(Jesper!$R$2:$R$366,ROW(INDEX(Jesper!AJ$2:AJ$366,ROUNDDOWN($C3395/24,0)+1,1))-1)+IF('Standard Profiles'!$G$20=$B$10,7,0)+IF('Standard Profiles'!$G$20=$B$17,14,0)+IF('Standard Profiles'!$G$20=$B$24,21,0),MOD($C3395,24)+1)/SUM(INDEX($D$3:$AA$30,INDEX(Jesper!$R$2:$R$366,ROW(INDEX(Jesper!AJ$2:AJ$366,ROUNDDOWN($C3395/24,0)+1,1))-1)+IF('Standard Profiles'!$G$20=$B$10,7,0)+IF('Standard Profiles'!$G$20=$B$17,14,0)+IF('Standard Profiles'!$G$20=$B$24,21,0),0)),0)</f>
        <v>1.1858218449350366</v>
      </c>
      <c r="G3395" cm="1">
        <f t="array" ref="G3395">IFERROR(INDEX(Jesper!AK$2:AK$366,ROUNDDOWN($C3395/24,0)+1,1)*INDEX($D$3:$AA$30,INDEX(Jesper!$R$2:$R$366,ROW(INDEX(Jesper!AK$2:AK$366,ROUNDDOWN($C3395/24,0)+1,1))-1)+IF('Standard Profiles'!$G$21=$B$10,7,0)+IF('Standard Profiles'!$G$21=$B$17,14,0)+IF('Standard Profiles'!$G$21=$B$24,21,0),MOD($C3395,24)+1)/SUM(INDEX($D$3:$AA$30,INDEX(Jesper!$R$2:$R$366,ROW(INDEX(Jesper!AK$2:AK$366,ROUNDDOWN($C3395/24,0)+1,1))-1)+IF('Standard Profiles'!$G$21=$B$10,7,0)+IF('Standard Profiles'!$G$21=$B$17,14,0)+IF('Standard Profiles'!$G$21=$B$24,21,0),0)),0)</f>
        <v>0.68107782378992121</v>
      </c>
      <c r="H3395" cm="1">
        <f t="array" ref="H3395">IFERROR(INDEX(Jesper!AL$2:AL$366,ROUNDDOWN($C3395/24,0)+1,1)*INDEX($D$3:$AA$30,INDEX(Jesper!$R$2:$R$366,ROW(INDEX(Jesper!AL$2:AL$366,ROUNDDOWN($C3395/24,0)+1,1))-1)+IF('Standard Profiles'!$G$22=$B$10,7,0)+IF('Standard Profiles'!$G$22=$B$17,14,0)+IF('Standard Profiles'!$G$22=$B$24,21,0),MOD($C3395,24)+1)/SUM(INDEX($D$3:$AA$30,INDEX(Jesper!$R$2:$R$366,ROW(INDEX(Jesper!AL$2:AL$366,ROUNDDOWN($C3395/24,0)+1,1))-1)+IF('Standard Profiles'!$G$22=$B$10,7,0)+IF('Standard Profiles'!$G$22=$B$17,14,0)+IF('Standard Profiles'!$G$22=$B$24,21,0),0)),0)</f>
        <v>0.22728937524272325</v>
      </c>
      <c r="I3395">
        <f t="shared" si="384"/>
        <v>0.21819780023301444</v>
      </c>
      <c r="J3395">
        <f t="shared" si="385"/>
        <v>4.281619527219946</v>
      </c>
      <c r="K3395">
        <f t="shared" si="386"/>
        <v>0.2186934803168436</v>
      </c>
      <c r="L3395">
        <f t="shared" si="387"/>
        <v>0.1093467401584218</v>
      </c>
      <c r="M3395">
        <f t="shared" si="388"/>
        <v>0</v>
      </c>
      <c r="N3395" s="45">
        <f t="shared" si="389"/>
        <v>45067.041666658515</v>
      </c>
    </row>
    <row r="3396" spans="2:14" x14ac:dyDescent="0.25">
      <c r="B3396">
        <f t="shared" si="383"/>
        <v>7</v>
      </c>
      <c r="C3396" s="16">
        <v>3362</v>
      </c>
      <c r="D3396" cm="1">
        <f t="array" ref="D3396">IFERROR(INDEX(Jesper!AH$2:AH$366,ROUNDDOWN($C3396/24,0)+1,1)*INDEX($D$3:$AA$30,INDEX(Jesper!$R$2:$R$366,ROW(INDEX(Jesper!AH$2:AH$366,ROUNDDOWN($C3396/24,0)+1,1))-1)+IF('Standard Profiles'!$G$18=$B$10,7,0)+IF('Standard Profiles'!$G$18=$B$17,14,0)+IF('Standard Profiles'!$G$18=$B$24,21,0),MOD($C3396,24)+1)/SUM(INDEX($D$3:$AA$30,INDEX(Jesper!$R$2:$R$366,ROW(INDEX(Jesper!AH$2:AH$366,ROUNDDOWN($C3396/24,0)+1,1))-1)+IF('Standard Profiles'!$G$18=$B$10,7,0)+IF('Standard Profiles'!$G$18=$B$17,14,0)+IF('Standard Profiles'!$G$18=$B$24,21,0),0)),0)</f>
        <v>0</v>
      </c>
      <c r="E3396" cm="1">
        <f t="array" ref="E3396">IFERROR(INDEX(Jesper!AI$2:AI$366,ROUNDDOWN($C3396/24,0)+1,1)*INDEX($D$3:$AA$30,INDEX(Jesper!$R$2:$R$366,ROW(INDEX(Jesper!AI$2:AI$366,ROUNDDOWN($C3396/24,0)+1,1))-1)+IF('Standard Profiles'!$G$19=$B$10,7,0)+IF('Standard Profiles'!$G$19=$B$17,14,0)+IF('Standard Profiles'!$G$19=$B$24,21,0),MOD($C3396,24)+1)/SUM(INDEX($D$3:$AA$30,INDEX(Jesper!$R$2:$R$366,ROW(INDEX(Jesper!AI$2:AI$366,ROUNDDOWN($C3396/24,0)+1,1))-1)+IF('Standard Profiles'!$G$19=$B$10,7,0)+IF('Standard Profiles'!$G$19=$B$17,14,0)+IF('Standard Profiles'!$G$19=$B$24,21,0),0)),0)</f>
        <v>2.7336685039605451</v>
      </c>
      <c r="F3396" cm="1">
        <f t="array" ref="F3396">IFERROR(INDEX(Jesper!AJ$2:AJ$366,ROUNDDOWN($C3396/24,0)+1,1)*INDEX($D$3:$AA$30,INDEX(Jesper!$R$2:$R$366,ROW(INDEX(Jesper!AJ$2:AJ$366,ROUNDDOWN($C3396/24,0)+1,1))-1)+IF('Standard Profiles'!$G$20=$B$10,7,0)+IF('Standard Profiles'!$G$20=$B$17,14,0)+IF('Standard Profiles'!$G$20=$B$24,21,0),MOD($C3396,24)+1)/SUM(INDEX($D$3:$AA$30,INDEX(Jesper!$R$2:$R$366,ROW(INDEX(Jesper!AJ$2:AJ$366,ROUNDDOWN($C3396/24,0)+1,1))-1)+IF('Standard Profiles'!$G$20=$B$10,7,0)+IF('Standard Profiles'!$G$20=$B$17,14,0)+IF('Standard Profiles'!$G$20=$B$24,21,0),0)),0)</f>
        <v>1.1858218449350366</v>
      </c>
      <c r="G3396" cm="1">
        <f t="array" ref="G3396">IFERROR(INDEX(Jesper!AK$2:AK$366,ROUNDDOWN($C3396/24,0)+1,1)*INDEX($D$3:$AA$30,INDEX(Jesper!$R$2:$R$366,ROW(INDEX(Jesper!AK$2:AK$366,ROUNDDOWN($C3396/24,0)+1,1))-1)+IF('Standard Profiles'!$G$21=$B$10,7,0)+IF('Standard Profiles'!$G$21=$B$17,14,0)+IF('Standard Profiles'!$G$21=$B$24,21,0),MOD($C3396,24)+1)/SUM(INDEX($D$3:$AA$30,INDEX(Jesper!$R$2:$R$366,ROW(INDEX(Jesper!AK$2:AK$366,ROUNDDOWN($C3396/24,0)+1,1))-1)+IF('Standard Profiles'!$G$21=$B$10,7,0)+IF('Standard Profiles'!$G$21=$B$17,14,0)+IF('Standard Profiles'!$G$21=$B$24,21,0),0)),0)</f>
        <v>0.68107782378992121</v>
      </c>
      <c r="H3396" cm="1">
        <f t="array" ref="H3396">IFERROR(INDEX(Jesper!AL$2:AL$366,ROUNDDOWN($C3396/24,0)+1,1)*INDEX($D$3:$AA$30,INDEX(Jesper!$R$2:$R$366,ROW(INDEX(Jesper!AL$2:AL$366,ROUNDDOWN($C3396/24,0)+1,1))-1)+IF('Standard Profiles'!$G$22=$B$10,7,0)+IF('Standard Profiles'!$G$22=$B$17,14,0)+IF('Standard Profiles'!$G$22=$B$24,21,0),MOD($C3396,24)+1)/SUM(INDEX($D$3:$AA$30,INDEX(Jesper!$R$2:$R$366,ROW(INDEX(Jesper!AL$2:AL$366,ROUNDDOWN($C3396/24,0)+1,1))-1)+IF('Standard Profiles'!$G$22=$B$10,7,0)+IF('Standard Profiles'!$G$22=$B$17,14,0)+IF('Standard Profiles'!$G$22=$B$24,21,0),0)),0)</f>
        <v>0.22728937524272325</v>
      </c>
      <c r="I3396">
        <f t="shared" si="384"/>
        <v>0.21819780023301444</v>
      </c>
      <c r="J3396">
        <f t="shared" si="385"/>
        <v>4.281619527219946</v>
      </c>
      <c r="K3396">
        <f t="shared" si="386"/>
        <v>0.2186934803168436</v>
      </c>
      <c r="L3396">
        <f t="shared" si="387"/>
        <v>0.1093467401584218</v>
      </c>
      <c r="M3396">
        <f t="shared" si="388"/>
        <v>0</v>
      </c>
      <c r="N3396" s="45">
        <f t="shared" si="389"/>
        <v>45067.083333325179</v>
      </c>
    </row>
    <row r="3397" spans="2:14" x14ac:dyDescent="0.25">
      <c r="B3397">
        <f t="shared" si="383"/>
        <v>7</v>
      </c>
      <c r="C3397" s="16">
        <v>3363</v>
      </c>
      <c r="D3397" cm="1">
        <f t="array" ref="D3397">IFERROR(INDEX(Jesper!AH$2:AH$366,ROUNDDOWN($C3397/24,0)+1,1)*INDEX($D$3:$AA$30,INDEX(Jesper!$R$2:$R$366,ROW(INDEX(Jesper!AH$2:AH$366,ROUNDDOWN($C3397/24,0)+1,1))-1)+IF('Standard Profiles'!$G$18=$B$10,7,0)+IF('Standard Profiles'!$G$18=$B$17,14,0)+IF('Standard Profiles'!$G$18=$B$24,21,0),MOD($C3397,24)+1)/SUM(INDEX($D$3:$AA$30,INDEX(Jesper!$R$2:$R$366,ROW(INDEX(Jesper!AH$2:AH$366,ROUNDDOWN($C3397/24,0)+1,1))-1)+IF('Standard Profiles'!$G$18=$B$10,7,0)+IF('Standard Profiles'!$G$18=$B$17,14,0)+IF('Standard Profiles'!$G$18=$B$24,21,0),0)),0)</f>
        <v>0</v>
      </c>
      <c r="E3397" cm="1">
        <f t="array" ref="E3397">IFERROR(INDEX(Jesper!AI$2:AI$366,ROUNDDOWN($C3397/24,0)+1,1)*INDEX($D$3:$AA$30,INDEX(Jesper!$R$2:$R$366,ROW(INDEX(Jesper!AI$2:AI$366,ROUNDDOWN($C3397/24,0)+1,1))-1)+IF('Standard Profiles'!$G$19=$B$10,7,0)+IF('Standard Profiles'!$G$19=$B$17,14,0)+IF('Standard Profiles'!$G$19=$B$24,21,0),MOD($C3397,24)+1)/SUM(INDEX($D$3:$AA$30,INDEX(Jesper!$R$2:$R$366,ROW(INDEX(Jesper!AI$2:AI$366,ROUNDDOWN($C3397/24,0)+1,1))-1)+IF('Standard Profiles'!$G$19=$B$10,7,0)+IF('Standard Profiles'!$G$19=$B$17,14,0)+IF('Standard Profiles'!$G$19=$B$24,21,0),0)),0)</f>
        <v>2.7336685039605451</v>
      </c>
      <c r="F3397" cm="1">
        <f t="array" ref="F3397">IFERROR(INDEX(Jesper!AJ$2:AJ$366,ROUNDDOWN($C3397/24,0)+1,1)*INDEX($D$3:$AA$30,INDEX(Jesper!$R$2:$R$366,ROW(INDEX(Jesper!AJ$2:AJ$366,ROUNDDOWN($C3397/24,0)+1,1))-1)+IF('Standard Profiles'!$G$20=$B$10,7,0)+IF('Standard Profiles'!$G$20=$B$17,14,0)+IF('Standard Profiles'!$G$20=$B$24,21,0),MOD($C3397,24)+1)/SUM(INDEX($D$3:$AA$30,INDEX(Jesper!$R$2:$R$366,ROW(INDEX(Jesper!AJ$2:AJ$366,ROUNDDOWN($C3397/24,0)+1,1))-1)+IF('Standard Profiles'!$G$20=$B$10,7,0)+IF('Standard Profiles'!$G$20=$B$17,14,0)+IF('Standard Profiles'!$G$20=$B$24,21,0),0)),0)</f>
        <v>1.1858218449350366</v>
      </c>
      <c r="G3397" cm="1">
        <f t="array" ref="G3397">IFERROR(INDEX(Jesper!AK$2:AK$366,ROUNDDOWN($C3397/24,0)+1,1)*INDEX($D$3:$AA$30,INDEX(Jesper!$R$2:$R$366,ROW(INDEX(Jesper!AK$2:AK$366,ROUNDDOWN($C3397/24,0)+1,1))-1)+IF('Standard Profiles'!$G$21=$B$10,7,0)+IF('Standard Profiles'!$G$21=$B$17,14,0)+IF('Standard Profiles'!$G$21=$B$24,21,0),MOD($C3397,24)+1)/SUM(INDEX($D$3:$AA$30,INDEX(Jesper!$R$2:$R$366,ROW(INDEX(Jesper!AK$2:AK$366,ROUNDDOWN($C3397/24,0)+1,1))-1)+IF('Standard Profiles'!$G$21=$B$10,7,0)+IF('Standard Profiles'!$G$21=$B$17,14,0)+IF('Standard Profiles'!$G$21=$B$24,21,0),0)),0)</f>
        <v>0.68107782378992121</v>
      </c>
      <c r="H3397" cm="1">
        <f t="array" ref="H3397">IFERROR(INDEX(Jesper!AL$2:AL$366,ROUNDDOWN($C3397/24,0)+1,1)*INDEX($D$3:$AA$30,INDEX(Jesper!$R$2:$R$366,ROW(INDEX(Jesper!AL$2:AL$366,ROUNDDOWN($C3397/24,0)+1,1))-1)+IF('Standard Profiles'!$G$22=$B$10,7,0)+IF('Standard Profiles'!$G$22=$B$17,14,0)+IF('Standard Profiles'!$G$22=$B$24,21,0),MOD($C3397,24)+1)/SUM(INDEX($D$3:$AA$30,INDEX(Jesper!$R$2:$R$366,ROW(INDEX(Jesper!AL$2:AL$366,ROUNDDOWN($C3397/24,0)+1,1))-1)+IF('Standard Profiles'!$G$22=$B$10,7,0)+IF('Standard Profiles'!$G$22=$B$17,14,0)+IF('Standard Profiles'!$G$22=$B$24,21,0),0)),0)</f>
        <v>0.22728937524272325</v>
      </c>
      <c r="I3397">
        <f t="shared" si="384"/>
        <v>0.21819780023301444</v>
      </c>
      <c r="J3397">
        <f t="shared" si="385"/>
        <v>4.281619527219946</v>
      </c>
      <c r="K3397">
        <f t="shared" si="386"/>
        <v>0.2186934803168436</v>
      </c>
      <c r="L3397">
        <f t="shared" si="387"/>
        <v>0.1093467401584218</v>
      </c>
      <c r="M3397">
        <f t="shared" si="388"/>
        <v>0</v>
      </c>
      <c r="N3397" s="45">
        <f t="shared" si="389"/>
        <v>45067.124999991844</v>
      </c>
    </row>
    <row r="3398" spans="2:14" x14ac:dyDescent="0.25">
      <c r="B3398">
        <f t="shared" si="383"/>
        <v>7</v>
      </c>
      <c r="C3398" s="16">
        <v>3364</v>
      </c>
      <c r="D3398" cm="1">
        <f t="array" ref="D3398">IFERROR(INDEX(Jesper!AH$2:AH$366,ROUNDDOWN($C3398/24,0)+1,1)*INDEX($D$3:$AA$30,INDEX(Jesper!$R$2:$R$366,ROW(INDEX(Jesper!AH$2:AH$366,ROUNDDOWN($C3398/24,0)+1,1))-1)+IF('Standard Profiles'!$G$18=$B$10,7,0)+IF('Standard Profiles'!$G$18=$B$17,14,0)+IF('Standard Profiles'!$G$18=$B$24,21,0),MOD($C3398,24)+1)/SUM(INDEX($D$3:$AA$30,INDEX(Jesper!$R$2:$R$366,ROW(INDEX(Jesper!AH$2:AH$366,ROUNDDOWN($C3398/24,0)+1,1))-1)+IF('Standard Profiles'!$G$18=$B$10,7,0)+IF('Standard Profiles'!$G$18=$B$17,14,0)+IF('Standard Profiles'!$G$18=$B$24,21,0),0)),0)</f>
        <v>0</v>
      </c>
      <c r="E3398" cm="1">
        <f t="array" ref="E3398">IFERROR(INDEX(Jesper!AI$2:AI$366,ROUNDDOWN($C3398/24,0)+1,1)*INDEX($D$3:$AA$30,INDEX(Jesper!$R$2:$R$366,ROW(INDEX(Jesper!AI$2:AI$366,ROUNDDOWN($C3398/24,0)+1,1))-1)+IF('Standard Profiles'!$G$19=$B$10,7,0)+IF('Standard Profiles'!$G$19=$B$17,14,0)+IF('Standard Profiles'!$G$19=$B$24,21,0),MOD($C3398,24)+1)/SUM(INDEX($D$3:$AA$30,INDEX(Jesper!$R$2:$R$366,ROW(INDEX(Jesper!AI$2:AI$366,ROUNDDOWN($C3398/24,0)+1,1))-1)+IF('Standard Profiles'!$G$19=$B$10,7,0)+IF('Standard Profiles'!$G$19=$B$17,14,0)+IF('Standard Profiles'!$G$19=$B$24,21,0),0)),0)</f>
        <v>2.7336685039605451</v>
      </c>
      <c r="F3398" cm="1">
        <f t="array" ref="F3398">IFERROR(INDEX(Jesper!AJ$2:AJ$366,ROUNDDOWN($C3398/24,0)+1,1)*INDEX($D$3:$AA$30,INDEX(Jesper!$R$2:$R$366,ROW(INDEX(Jesper!AJ$2:AJ$366,ROUNDDOWN($C3398/24,0)+1,1))-1)+IF('Standard Profiles'!$G$20=$B$10,7,0)+IF('Standard Profiles'!$G$20=$B$17,14,0)+IF('Standard Profiles'!$G$20=$B$24,21,0),MOD($C3398,24)+1)/SUM(INDEX($D$3:$AA$30,INDEX(Jesper!$R$2:$R$366,ROW(INDEX(Jesper!AJ$2:AJ$366,ROUNDDOWN($C3398/24,0)+1,1))-1)+IF('Standard Profiles'!$G$20=$B$10,7,0)+IF('Standard Profiles'!$G$20=$B$17,14,0)+IF('Standard Profiles'!$G$20=$B$24,21,0),0)),0)</f>
        <v>1.1858218449350366</v>
      </c>
      <c r="G3398" cm="1">
        <f t="array" ref="G3398">IFERROR(INDEX(Jesper!AK$2:AK$366,ROUNDDOWN($C3398/24,0)+1,1)*INDEX($D$3:$AA$30,INDEX(Jesper!$R$2:$R$366,ROW(INDEX(Jesper!AK$2:AK$366,ROUNDDOWN($C3398/24,0)+1,1))-1)+IF('Standard Profiles'!$G$21=$B$10,7,0)+IF('Standard Profiles'!$G$21=$B$17,14,0)+IF('Standard Profiles'!$G$21=$B$24,21,0),MOD($C3398,24)+1)/SUM(INDEX($D$3:$AA$30,INDEX(Jesper!$R$2:$R$366,ROW(INDEX(Jesper!AK$2:AK$366,ROUNDDOWN($C3398/24,0)+1,1))-1)+IF('Standard Profiles'!$G$21=$B$10,7,0)+IF('Standard Profiles'!$G$21=$B$17,14,0)+IF('Standard Profiles'!$G$21=$B$24,21,0),0)),0)</f>
        <v>0.68107782378992121</v>
      </c>
      <c r="H3398" cm="1">
        <f t="array" ref="H3398">IFERROR(INDEX(Jesper!AL$2:AL$366,ROUNDDOWN($C3398/24,0)+1,1)*INDEX($D$3:$AA$30,INDEX(Jesper!$R$2:$R$366,ROW(INDEX(Jesper!AL$2:AL$366,ROUNDDOWN($C3398/24,0)+1,1))-1)+IF('Standard Profiles'!$G$22=$B$10,7,0)+IF('Standard Profiles'!$G$22=$B$17,14,0)+IF('Standard Profiles'!$G$22=$B$24,21,0),MOD($C3398,24)+1)/SUM(INDEX($D$3:$AA$30,INDEX(Jesper!$R$2:$R$366,ROW(INDEX(Jesper!AL$2:AL$366,ROUNDDOWN($C3398/24,0)+1,1))-1)+IF('Standard Profiles'!$G$22=$B$10,7,0)+IF('Standard Profiles'!$G$22=$B$17,14,0)+IF('Standard Profiles'!$G$22=$B$24,21,0),0)),0)</f>
        <v>0.22728937524272325</v>
      </c>
      <c r="I3398">
        <f t="shared" si="384"/>
        <v>0.21819780023301444</v>
      </c>
      <c r="J3398">
        <f t="shared" si="385"/>
        <v>4.281619527219946</v>
      </c>
      <c r="K3398">
        <f t="shared" si="386"/>
        <v>0.2186934803168436</v>
      </c>
      <c r="L3398">
        <f t="shared" si="387"/>
        <v>0.1093467401584218</v>
      </c>
      <c r="M3398">
        <f t="shared" si="388"/>
        <v>0</v>
      </c>
      <c r="N3398" s="45">
        <f t="shared" si="389"/>
        <v>45067.166666658508</v>
      </c>
    </row>
    <row r="3399" spans="2:14" x14ac:dyDescent="0.25">
      <c r="B3399">
        <f t="shared" si="383"/>
        <v>7</v>
      </c>
      <c r="C3399" s="16">
        <v>3365</v>
      </c>
      <c r="D3399" cm="1">
        <f t="array" ref="D3399">IFERROR(INDEX(Jesper!AH$2:AH$366,ROUNDDOWN($C3399/24,0)+1,1)*INDEX($D$3:$AA$30,INDEX(Jesper!$R$2:$R$366,ROW(INDEX(Jesper!AH$2:AH$366,ROUNDDOWN($C3399/24,0)+1,1))-1)+IF('Standard Profiles'!$G$18=$B$10,7,0)+IF('Standard Profiles'!$G$18=$B$17,14,0)+IF('Standard Profiles'!$G$18=$B$24,21,0),MOD($C3399,24)+1)/SUM(INDEX($D$3:$AA$30,INDEX(Jesper!$R$2:$R$366,ROW(INDEX(Jesper!AH$2:AH$366,ROUNDDOWN($C3399/24,0)+1,1))-1)+IF('Standard Profiles'!$G$18=$B$10,7,0)+IF('Standard Profiles'!$G$18=$B$17,14,0)+IF('Standard Profiles'!$G$18=$B$24,21,0),0)),0)</f>
        <v>0</v>
      </c>
      <c r="E3399" cm="1">
        <f t="array" ref="E3399">IFERROR(INDEX(Jesper!AI$2:AI$366,ROUNDDOWN($C3399/24,0)+1,1)*INDEX($D$3:$AA$30,INDEX(Jesper!$R$2:$R$366,ROW(INDEX(Jesper!AI$2:AI$366,ROUNDDOWN($C3399/24,0)+1,1))-1)+IF('Standard Profiles'!$G$19=$B$10,7,0)+IF('Standard Profiles'!$G$19=$B$17,14,0)+IF('Standard Profiles'!$G$19=$B$24,21,0),MOD($C3399,24)+1)/SUM(INDEX($D$3:$AA$30,INDEX(Jesper!$R$2:$R$366,ROW(INDEX(Jesper!AI$2:AI$366,ROUNDDOWN($C3399/24,0)+1,1))-1)+IF('Standard Profiles'!$G$19=$B$10,7,0)+IF('Standard Profiles'!$G$19=$B$17,14,0)+IF('Standard Profiles'!$G$19=$B$24,21,0),0)),0)</f>
        <v>2.7336685039605451</v>
      </c>
      <c r="F3399" cm="1">
        <f t="array" ref="F3399">IFERROR(INDEX(Jesper!AJ$2:AJ$366,ROUNDDOWN($C3399/24,0)+1,1)*INDEX($D$3:$AA$30,INDEX(Jesper!$R$2:$R$366,ROW(INDEX(Jesper!AJ$2:AJ$366,ROUNDDOWN($C3399/24,0)+1,1))-1)+IF('Standard Profiles'!$G$20=$B$10,7,0)+IF('Standard Profiles'!$G$20=$B$17,14,0)+IF('Standard Profiles'!$G$20=$B$24,21,0),MOD($C3399,24)+1)/SUM(INDEX($D$3:$AA$30,INDEX(Jesper!$R$2:$R$366,ROW(INDEX(Jesper!AJ$2:AJ$366,ROUNDDOWN($C3399/24,0)+1,1))-1)+IF('Standard Profiles'!$G$20=$B$10,7,0)+IF('Standard Profiles'!$G$20=$B$17,14,0)+IF('Standard Profiles'!$G$20=$B$24,21,0),0)),0)</f>
        <v>1.1858218449350366</v>
      </c>
      <c r="G3399" cm="1">
        <f t="array" ref="G3399">IFERROR(INDEX(Jesper!AK$2:AK$366,ROUNDDOWN($C3399/24,0)+1,1)*INDEX($D$3:$AA$30,INDEX(Jesper!$R$2:$R$366,ROW(INDEX(Jesper!AK$2:AK$366,ROUNDDOWN($C3399/24,0)+1,1))-1)+IF('Standard Profiles'!$G$21=$B$10,7,0)+IF('Standard Profiles'!$G$21=$B$17,14,0)+IF('Standard Profiles'!$G$21=$B$24,21,0),MOD($C3399,24)+1)/SUM(INDEX($D$3:$AA$30,INDEX(Jesper!$R$2:$R$366,ROW(INDEX(Jesper!AK$2:AK$366,ROUNDDOWN($C3399/24,0)+1,1))-1)+IF('Standard Profiles'!$G$21=$B$10,7,0)+IF('Standard Profiles'!$G$21=$B$17,14,0)+IF('Standard Profiles'!$G$21=$B$24,21,0),0)),0)</f>
        <v>0.68107782378992121</v>
      </c>
      <c r="H3399" cm="1">
        <f t="array" ref="H3399">IFERROR(INDEX(Jesper!AL$2:AL$366,ROUNDDOWN($C3399/24,0)+1,1)*INDEX($D$3:$AA$30,INDEX(Jesper!$R$2:$R$366,ROW(INDEX(Jesper!AL$2:AL$366,ROUNDDOWN($C3399/24,0)+1,1))-1)+IF('Standard Profiles'!$G$22=$B$10,7,0)+IF('Standard Profiles'!$G$22=$B$17,14,0)+IF('Standard Profiles'!$G$22=$B$24,21,0),MOD($C3399,24)+1)/SUM(INDEX($D$3:$AA$30,INDEX(Jesper!$R$2:$R$366,ROW(INDEX(Jesper!AL$2:AL$366,ROUNDDOWN($C3399/24,0)+1,1))-1)+IF('Standard Profiles'!$G$22=$B$10,7,0)+IF('Standard Profiles'!$G$22=$B$17,14,0)+IF('Standard Profiles'!$G$22=$B$24,21,0),0)),0)</f>
        <v>0.28411171905340404</v>
      </c>
      <c r="I3399">
        <f t="shared" si="384"/>
        <v>0.27274725029126801</v>
      </c>
      <c r="J3399">
        <f t="shared" si="385"/>
        <v>4.2838924209723732</v>
      </c>
      <c r="K3399">
        <f t="shared" si="386"/>
        <v>0.2186934803168436</v>
      </c>
      <c r="L3399">
        <f t="shared" si="387"/>
        <v>0.1093467401584218</v>
      </c>
      <c r="M3399">
        <f t="shared" si="388"/>
        <v>0</v>
      </c>
      <c r="N3399" s="45">
        <f t="shared" si="389"/>
        <v>45067.208333325172</v>
      </c>
    </row>
    <row r="3400" spans="2:14" x14ac:dyDescent="0.25">
      <c r="B3400">
        <f t="shared" si="383"/>
        <v>7</v>
      </c>
      <c r="C3400" s="16">
        <v>3366</v>
      </c>
      <c r="D3400" cm="1">
        <f t="array" ref="D3400">IFERROR(INDEX(Jesper!AH$2:AH$366,ROUNDDOWN($C3400/24,0)+1,1)*INDEX($D$3:$AA$30,INDEX(Jesper!$R$2:$R$366,ROW(INDEX(Jesper!AH$2:AH$366,ROUNDDOWN($C3400/24,0)+1,1))-1)+IF('Standard Profiles'!$G$18=$B$10,7,0)+IF('Standard Profiles'!$G$18=$B$17,14,0)+IF('Standard Profiles'!$G$18=$B$24,21,0),MOD($C3400,24)+1)/SUM(INDEX($D$3:$AA$30,INDEX(Jesper!$R$2:$R$366,ROW(INDEX(Jesper!AH$2:AH$366,ROUNDDOWN($C3400/24,0)+1,1))-1)+IF('Standard Profiles'!$G$18=$B$10,7,0)+IF('Standard Profiles'!$G$18=$B$17,14,0)+IF('Standard Profiles'!$G$18=$B$24,21,0),0)),0)</f>
        <v>0</v>
      </c>
      <c r="E3400" cm="1">
        <f t="array" ref="E3400">IFERROR(INDEX(Jesper!AI$2:AI$366,ROUNDDOWN($C3400/24,0)+1,1)*INDEX($D$3:$AA$30,INDEX(Jesper!$R$2:$R$366,ROW(INDEX(Jesper!AI$2:AI$366,ROUNDDOWN($C3400/24,0)+1,1))-1)+IF('Standard Profiles'!$G$19=$B$10,7,0)+IF('Standard Profiles'!$G$19=$B$17,14,0)+IF('Standard Profiles'!$G$19=$B$24,21,0),MOD($C3400,24)+1)/SUM(INDEX($D$3:$AA$30,INDEX(Jesper!$R$2:$R$366,ROW(INDEX(Jesper!AI$2:AI$366,ROUNDDOWN($C3400/24,0)+1,1))-1)+IF('Standard Profiles'!$G$19=$B$10,7,0)+IF('Standard Profiles'!$G$19=$B$17,14,0)+IF('Standard Profiles'!$G$19=$B$24,21,0),0)),0)</f>
        <v>2.7336685039605451</v>
      </c>
      <c r="F3400" cm="1">
        <f t="array" ref="F3400">IFERROR(INDEX(Jesper!AJ$2:AJ$366,ROUNDDOWN($C3400/24,0)+1,1)*INDEX($D$3:$AA$30,INDEX(Jesper!$R$2:$R$366,ROW(INDEX(Jesper!AJ$2:AJ$366,ROUNDDOWN($C3400/24,0)+1,1))-1)+IF('Standard Profiles'!$G$20=$B$10,7,0)+IF('Standard Profiles'!$G$20=$B$17,14,0)+IF('Standard Profiles'!$G$20=$B$24,21,0),MOD($C3400,24)+1)/SUM(INDEX($D$3:$AA$30,INDEX(Jesper!$R$2:$R$366,ROW(INDEX(Jesper!AJ$2:AJ$366,ROUNDDOWN($C3400/24,0)+1,1))-1)+IF('Standard Profiles'!$G$20=$B$10,7,0)+IF('Standard Profiles'!$G$20=$B$17,14,0)+IF('Standard Profiles'!$G$20=$B$24,21,0),0)),0)</f>
        <v>1.1858218449350366</v>
      </c>
      <c r="G3400" cm="1">
        <f t="array" ref="G3400">IFERROR(INDEX(Jesper!AK$2:AK$366,ROUNDDOWN($C3400/24,0)+1,1)*INDEX($D$3:$AA$30,INDEX(Jesper!$R$2:$R$366,ROW(INDEX(Jesper!AK$2:AK$366,ROUNDDOWN($C3400/24,0)+1,1))-1)+IF('Standard Profiles'!$G$21=$B$10,7,0)+IF('Standard Profiles'!$G$21=$B$17,14,0)+IF('Standard Profiles'!$G$21=$B$24,21,0),MOD($C3400,24)+1)/SUM(INDEX($D$3:$AA$30,INDEX(Jesper!$R$2:$R$366,ROW(INDEX(Jesper!AK$2:AK$366,ROUNDDOWN($C3400/24,0)+1,1))-1)+IF('Standard Profiles'!$G$21=$B$10,7,0)+IF('Standard Profiles'!$G$21=$B$17,14,0)+IF('Standard Profiles'!$G$21=$B$24,21,0),0)),0)</f>
        <v>0.68107782378992121</v>
      </c>
      <c r="H3400" cm="1">
        <f t="array" ref="H3400">IFERROR(INDEX(Jesper!AL$2:AL$366,ROUNDDOWN($C3400/24,0)+1,1)*INDEX($D$3:$AA$30,INDEX(Jesper!$R$2:$R$366,ROW(INDEX(Jesper!AL$2:AL$366,ROUNDDOWN($C3400/24,0)+1,1))-1)+IF('Standard Profiles'!$G$22=$B$10,7,0)+IF('Standard Profiles'!$G$22=$B$17,14,0)+IF('Standard Profiles'!$G$22=$B$24,21,0),MOD($C3400,24)+1)/SUM(INDEX($D$3:$AA$30,INDEX(Jesper!$R$2:$R$366,ROW(INDEX(Jesper!AL$2:AL$366,ROUNDDOWN($C3400/24,0)+1,1))-1)+IF('Standard Profiles'!$G$22=$B$10,7,0)+IF('Standard Profiles'!$G$22=$B$17,14,0)+IF('Standard Profiles'!$G$22=$B$24,21,0),0)),0)</f>
        <v>0.33462046910734256</v>
      </c>
      <c r="I3400">
        <f t="shared" si="384"/>
        <v>0.32123565034304902</v>
      </c>
      <c r="J3400">
        <f t="shared" si="385"/>
        <v>4.2859127709745302</v>
      </c>
      <c r="K3400">
        <f t="shared" si="386"/>
        <v>0.2186934803168436</v>
      </c>
      <c r="L3400">
        <f t="shared" si="387"/>
        <v>0.1093467401584218</v>
      </c>
      <c r="M3400">
        <f t="shared" si="388"/>
        <v>0</v>
      </c>
      <c r="N3400" s="45">
        <f t="shared" si="389"/>
        <v>45067.249999991836</v>
      </c>
    </row>
    <row r="3401" spans="2:14" x14ac:dyDescent="0.25">
      <c r="B3401">
        <f t="shared" si="383"/>
        <v>7</v>
      </c>
      <c r="C3401" s="16">
        <v>3367</v>
      </c>
      <c r="D3401" cm="1">
        <f t="array" ref="D3401">IFERROR(INDEX(Jesper!AH$2:AH$366,ROUNDDOWN($C3401/24,0)+1,1)*INDEX($D$3:$AA$30,INDEX(Jesper!$R$2:$R$366,ROW(INDEX(Jesper!AH$2:AH$366,ROUNDDOWN($C3401/24,0)+1,1))-1)+IF('Standard Profiles'!$G$18=$B$10,7,0)+IF('Standard Profiles'!$G$18=$B$17,14,0)+IF('Standard Profiles'!$G$18=$B$24,21,0),MOD($C3401,24)+1)/SUM(INDEX($D$3:$AA$30,INDEX(Jesper!$R$2:$R$366,ROW(INDEX(Jesper!AH$2:AH$366,ROUNDDOWN($C3401/24,0)+1,1))-1)+IF('Standard Profiles'!$G$18=$B$10,7,0)+IF('Standard Profiles'!$G$18=$B$17,14,0)+IF('Standard Profiles'!$G$18=$B$24,21,0),0)),0)</f>
        <v>0</v>
      </c>
      <c r="E3401" cm="1">
        <f t="array" ref="E3401">IFERROR(INDEX(Jesper!AI$2:AI$366,ROUNDDOWN($C3401/24,0)+1,1)*INDEX($D$3:$AA$30,INDEX(Jesper!$R$2:$R$366,ROW(INDEX(Jesper!AI$2:AI$366,ROUNDDOWN($C3401/24,0)+1,1))-1)+IF('Standard Profiles'!$G$19=$B$10,7,0)+IF('Standard Profiles'!$G$19=$B$17,14,0)+IF('Standard Profiles'!$G$19=$B$24,21,0),MOD($C3401,24)+1)/SUM(INDEX($D$3:$AA$30,INDEX(Jesper!$R$2:$R$366,ROW(INDEX(Jesper!AI$2:AI$366,ROUNDDOWN($C3401/24,0)+1,1))-1)+IF('Standard Profiles'!$G$19=$B$10,7,0)+IF('Standard Profiles'!$G$19=$B$17,14,0)+IF('Standard Profiles'!$G$19=$B$24,21,0),0)),0)</f>
        <v>2.7336685039605451</v>
      </c>
      <c r="F3401" cm="1">
        <f t="array" ref="F3401">IFERROR(INDEX(Jesper!AJ$2:AJ$366,ROUNDDOWN($C3401/24,0)+1,1)*INDEX($D$3:$AA$30,INDEX(Jesper!$R$2:$R$366,ROW(INDEX(Jesper!AJ$2:AJ$366,ROUNDDOWN($C3401/24,0)+1,1))-1)+IF('Standard Profiles'!$G$20=$B$10,7,0)+IF('Standard Profiles'!$G$20=$B$17,14,0)+IF('Standard Profiles'!$G$20=$B$24,21,0),MOD($C3401,24)+1)/SUM(INDEX($D$3:$AA$30,INDEX(Jesper!$R$2:$R$366,ROW(INDEX(Jesper!AJ$2:AJ$366,ROUNDDOWN($C3401/24,0)+1,1))-1)+IF('Standard Profiles'!$G$20=$B$10,7,0)+IF('Standard Profiles'!$G$20=$B$17,14,0)+IF('Standard Profiles'!$G$20=$B$24,21,0),0)),0)</f>
        <v>1.1858218449350366</v>
      </c>
      <c r="G3401" cm="1">
        <f t="array" ref="G3401">IFERROR(INDEX(Jesper!AK$2:AK$366,ROUNDDOWN($C3401/24,0)+1,1)*INDEX($D$3:$AA$30,INDEX(Jesper!$R$2:$R$366,ROW(INDEX(Jesper!AK$2:AK$366,ROUNDDOWN($C3401/24,0)+1,1))-1)+IF('Standard Profiles'!$G$21=$B$10,7,0)+IF('Standard Profiles'!$G$21=$B$17,14,0)+IF('Standard Profiles'!$G$21=$B$24,21,0),MOD($C3401,24)+1)/SUM(INDEX($D$3:$AA$30,INDEX(Jesper!$R$2:$R$366,ROW(INDEX(Jesper!AK$2:AK$366,ROUNDDOWN($C3401/24,0)+1,1))-1)+IF('Standard Profiles'!$G$21=$B$10,7,0)+IF('Standard Profiles'!$G$21=$B$17,14,0)+IF('Standard Profiles'!$G$21=$B$24,21,0),0)),0)</f>
        <v>0.68107782378992121</v>
      </c>
      <c r="H3401" cm="1">
        <f t="array" ref="H3401">IFERROR(INDEX(Jesper!AL$2:AL$366,ROUNDDOWN($C3401/24,0)+1,1)*INDEX($D$3:$AA$30,INDEX(Jesper!$R$2:$R$366,ROW(INDEX(Jesper!AL$2:AL$366,ROUNDDOWN($C3401/24,0)+1,1))-1)+IF('Standard Profiles'!$G$22=$B$10,7,0)+IF('Standard Profiles'!$G$22=$B$17,14,0)+IF('Standard Profiles'!$G$22=$B$24,21,0),MOD($C3401,24)+1)/SUM(INDEX($D$3:$AA$30,INDEX(Jesper!$R$2:$R$366,ROW(INDEX(Jesper!AL$2:AL$366,ROUNDDOWN($C3401/24,0)+1,1))-1)+IF('Standard Profiles'!$G$22=$B$10,7,0)+IF('Standard Profiles'!$G$22=$B$17,14,0)+IF('Standard Profiles'!$G$22=$B$24,21,0),0)),0)</f>
        <v>0.39775640667476575</v>
      </c>
      <c r="I3401">
        <f t="shared" si="384"/>
        <v>0.38184615040777531</v>
      </c>
      <c r="J3401">
        <f t="shared" si="385"/>
        <v>4.2884382084772277</v>
      </c>
      <c r="K3401">
        <f t="shared" si="386"/>
        <v>0.2186934803168436</v>
      </c>
      <c r="L3401">
        <f t="shared" si="387"/>
        <v>0.1093467401584218</v>
      </c>
      <c r="M3401">
        <f t="shared" si="388"/>
        <v>0</v>
      </c>
      <c r="N3401" s="45">
        <f t="shared" si="389"/>
        <v>45067.291666658501</v>
      </c>
    </row>
    <row r="3402" spans="2:14" x14ac:dyDescent="0.25">
      <c r="B3402">
        <f t="shared" si="383"/>
        <v>7</v>
      </c>
      <c r="C3402" s="16">
        <v>3368</v>
      </c>
      <c r="D3402" cm="1">
        <f t="array" ref="D3402">IFERROR(INDEX(Jesper!AH$2:AH$366,ROUNDDOWN($C3402/24,0)+1,1)*INDEX($D$3:$AA$30,INDEX(Jesper!$R$2:$R$366,ROW(INDEX(Jesper!AH$2:AH$366,ROUNDDOWN($C3402/24,0)+1,1))-1)+IF('Standard Profiles'!$G$18=$B$10,7,0)+IF('Standard Profiles'!$G$18=$B$17,14,0)+IF('Standard Profiles'!$G$18=$B$24,21,0),MOD($C3402,24)+1)/SUM(INDEX($D$3:$AA$30,INDEX(Jesper!$R$2:$R$366,ROW(INDEX(Jesper!AH$2:AH$366,ROUNDDOWN($C3402/24,0)+1,1))-1)+IF('Standard Profiles'!$G$18=$B$10,7,0)+IF('Standard Profiles'!$G$18=$B$17,14,0)+IF('Standard Profiles'!$G$18=$B$24,21,0),0)),0)</f>
        <v>0</v>
      </c>
      <c r="E3402" cm="1">
        <f t="array" ref="E3402">IFERROR(INDEX(Jesper!AI$2:AI$366,ROUNDDOWN($C3402/24,0)+1,1)*INDEX($D$3:$AA$30,INDEX(Jesper!$R$2:$R$366,ROW(INDEX(Jesper!AI$2:AI$366,ROUNDDOWN($C3402/24,0)+1,1))-1)+IF('Standard Profiles'!$G$19=$B$10,7,0)+IF('Standard Profiles'!$G$19=$B$17,14,0)+IF('Standard Profiles'!$G$19=$B$24,21,0),MOD($C3402,24)+1)/SUM(INDEX($D$3:$AA$30,INDEX(Jesper!$R$2:$R$366,ROW(INDEX(Jesper!AI$2:AI$366,ROUNDDOWN($C3402/24,0)+1,1))-1)+IF('Standard Profiles'!$G$19=$B$10,7,0)+IF('Standard Profiles'!$G$19=$B$17,14,0)+IF('Standard Profiles'!$G$19=$B$24,21,0),0)),0)</f>
        <v>2.7336685039605451</v>
      </c>
      <c r="F3402" cm="1">
        <f t="array" ref="F3402">IFERROR(INDEX(Jesper!AJ$2:AJ$366,ROUNDDOWN($C3402/24,0)+1,1)*INDEX($D$3:$AA$30,INDEX(Jesper!$R$2:$R$366,ROW(INDEX(Jesper!AJ$2:AJ$366,ROUNDDOWN($C3402/24,0)+1,1))-1)+IF('Standard Profiles'!$G$20=$B$10,7,0)+IF('Standard Profiles'!$G$20=$B$17,14,0)+IF('Standard Profiles'!$G$20=$B$24,21,0),MOD($C3402,24)+1)/SUM(INDEX($D$3:$AA$30,INDEX(Jesper!$R$2:$R$366,ROW(INDEX(Jesper!AJ$2:AJ$366,ROUNDDOWN($C3402/24,0)+1,1))-1)+IF('Standard Profiles'!$G$20=$B$10,7,0)+IF('Standard Profiles'!$G$20=$B$17,14,0)+IF('Standard Profiles'!$G$20=$B$24,21,0),0)),0)</f>
        <v>1.1858218449350366</v>
      </c>
      <c r="G3402" cm="1">
        <f t="array" ref="G3402">IFERROR(INDEX(Jesper!AK$2:AK$366,ROUNDDOWN($C3402/24,0)+1,1)*INDEX($D$3:$AA$30,INDEX(Jesper!$R$2:$R$366,ROW(INDEX(Jesper!AK$2:AK$366,ROUNDDOWN($C3402/24,0)+1,1))-1)+IF('Standard Profiles'!$G$21=$B$10,7,0)+IF('Standard Profiles'!$G$21=$B$17,14,0)+IF('Standard Profiles'!$G$21=$B$24,21,0),MOD($C3402,24)+1)/SUM(INDEX($D$3:$AA$30,INDEX(Jesper!$R$2:$R$366,ROW(INDEX(Jesper!AK$2:AK$366,ROUNDDOWN($C3402/24,0)+1,1))-1)+IF('Standard Profiles'!$G$21=$B$10,7,0)+IF('Standard Profiles'!$G$21=$B$17,14,0)+IF('Standard Profiles'!$G$21=$B$24,21,0),0)),0)</f>
        <v>0.68107782378992121</v>
      </c>
      <c r="H3402" cm="1">
        <f t="array" ref="H3402">IFERROR(INDEX(Jesper!AL$2:AL$366,ROUNDDOWN($C3402/24,0)+1,1)*INDEX($D$3:$AA$30,INDEX(Jesper!$R$2:$R$366,ROW(INDEX(Jesper!AL$2:AL$366,ROUNDDOWN($C3402/24,0)+1,1))-1)+IF('Standard Profiles'!$G$22=$B$10,7,0)+IF('Standard Profiles'!$G$22=$B$17,14,0)+IF('Standard Profiles'!$G$22=$B$24,21,0),MOD($C3402,24)+1)/SUM(INDEX($D$3:$AA$30,INDEX(Jesper!$R$2:$R$366,ROW(INDEX(Jesper!AL$2:AL$366,ROUNDDOWN($C3402/24,0)+1,1))-1)+IF('Standard Profiles'!$G$22=$B$10,7,0)+IF('Standard Profiles'!$G$22=$B$17,14,0)+IF('Standard Profiles'!$G$22=$B$24,21,0),0)),0)</f>
        <v>0.39775640667476575</v>
      </c>
      <c r="I3402">
        <f t="shared" si="384"/>
        <v>0.38184615040777531</v>
      </c>
      <c r="J3402">
        <f t="shared" si="385"/>
        <v>4.2884382084772277</v>
      </c>
      <c r="K3402">
        <f t="shared" si="386"/>
        <v>0.2186934803168436</v>
      </c>
      <c r="L3402">
        <f t="shared" si="387"/>
        <v>0.1093467401584218</v>
      </c>
      <c r="M3402">
        <f t="shared" si="388"/>
        <v>0</v>
      </c>
      <c r="N3402" s="45">
        <f t="shared" si="389"/>
        <v>45067.333333325165</v>
      </c>
    </row>
    <row r="3403" spans="2:14" x14ac:dyDescent="0.25">
      <c r="B3403">
        <f t="shared" si="383"/>
        <v>7</v>
      </c>
      <c r="C3403" s="16">
        <v>3369</v>
      </c>
      <c r="D3403" cm="1">
        <f t="array" ref="D3403">IFERROR(INDEX(Jesper!AH$2:AH$366,ROUNDDOWN($C3403/24,0)+1,1)*INDEX($D$3:$AA$30,INDEX(Jesper!$R$2:$R$366,ROW(INDEX(Jesper!AH$2:AH$366,ROUNDDOWN($C3403/24,0)+1,1))-1)+IF('Standard Profiles'!$G$18=$B$10,7,0)+IF('Standard Profiles'!$G$18=$B$17,14,0)+IF('Standard Profiles'!$G$18=$B$24,21,0),MOD($C3403,24)+1)/SUM(INDEX($D$3:$AA$30,INDEX(Jesper!$R$2:$R$366,ROW(INDEX(Jesper!AH$2:AH$366,ROUNDDOWN($C3403/24,0)+1,1))-1)+IF('Standard Profiles'!$G$18=$B$10,7,0)+IF('Standard Profiles'!$G$18=$B$17,14,0)+IF('Standard Profiles'!$G$18=$B$24,21,0),0)),0)</f>
        <v>0</v>
      </c>
      <c r="E3403" cm="1">
        <f t="array" ref="E3403">IFERROR(INDEX(Jesper!AI$2:AI$366,ROUNDDOWN($C3403/24,0)+1,1)*INDEX($D$3:$AA$30,INDEX(Jesper!$R$2:$R$366,ROW(INDEX(Jesper!AI$2:AI$366,ROUNDDOWN($C3403/24,0)+1,1))-1)+IF('Standard Profiles'!$G$19=$B$10,7,0)+IF('Standard Profiles'!$G$19=$B$17,14,0)+IF('Standard Profiles'!$G$19=$B$24,21,0),MOD($C3403,24)+1)/SUM(INDEX($D$3:$AA$30,INDEX(Jesper!$R$2:$R$366,ROW(INDEX(Jesper!AI$2:AI$366,ROUNDDOWN($C3403/24,0)+1,1))-1)+IF('Standard Profiles'!$G$19=$B$10,7,0)+IF('Standard Profiles'!$G$19=$B$17,14,0)+IF('Standard Profiles'!$G$19=$B$24,21,0),0)),0)</f>
        <v>2.7336685039605451</v>
      </c>
      <c r="F3403" cm="1">
        <f t="array" ref="F3403">IFERROR(INDEX(Jesper!AJ$2:AJ$366,ROUNDDOWN($C3403/24,0)+1,1)*INDEX($D$3:$AA$30,INDEX(Jesper!$R$2:$R$366,ROW(INDEX(Jesper!AJ$2:AJ$366,ROUNDDOWN($C3403/24,0)+1,1))-1)+IF('Standard Profiles'!$G$20=$B$10,7,0)+IF('Standard Profiles'!$G$20=$B$17,14,0)+IF('Standard Profiles'!$G$20=$B$24,21,0),MOD($C3403,24)+1)/SUM(INDEX($D$3:$AA$30,INDEX(Jesper!$R$2:$R$366,ROW(INDEX(Jesper!AJ$2:AJ$366,ROUNDDOWN($C3403/24,0)+1,1))-1)+IF('Standard Profiles'!$G$20=$B$10,7,0)+IF('Standard Profiles'!$G$20=$B$17,14,0)+IF('Standard Profiles'!$G$20=$B$24,21,0),0)),0)</f>
        <v>1.1858218449350366</v>
      </c>
      <c r="G3403" cm="1">
        <f t="array" ref="G3403">IFERROR(INDEX(Jesper!AK$2:AK$366,ROUNDDOWN($C3403/24,0)+1,1)*INDEX($D$3:$AA$30,INDEX(Jesper!$R$2:$R$366,ROW(INDEX(Jesper!AK$2:AK$366,ROUNDDOWN($C3403/24,0)+1,1))-1)+IF('Standard Profiles'!$G$21=$B$10,7,0)+IF('Standard Profiles'!$G$21=$B$17,14,0)+IF('Standard Profiles'!$G$21=$B$24,21,0),MOD($C3403,24)+1)/SUM(INDEX($D$3:$AA$30,INDEX(Jesper!$R$2:$R$366,ROW(INDEX(Jesper!AK$2:AK$366,ROUNDDOWN($C3403/24,0)+1,1))-1)+IF('Standard Profiles'!$G$21=$B$10,7,0)+IF('Standard Profiles'!$G$21=$B$17,14,0)+IF('Standard Profiles'!$G$21=$B$24,21,0),0)),0)</f>
        <v>0.68107782378992121</v>
      </c>
      <c r="H3403" cm="1">
        <f t="array" ref="H3403">IFERROR(INDEX(Jesper!AL$2:AL$366,ROUNDDOWN($C3403/24,0)+1,1)*INDEX($D$3:$AA$30,INDEX(Jesper!$R$2:$R$366,ROW(INDEX(Jesper!AL$2:AL$366,ROUNDDOWN($C3403/24,0)+1,1))-1)+IF('Standard Profiles'!$G$22=$B$10,7,0)+IF('Standard Profiles'!$G$22=$B$17,14,0)+IF('Standard Profiles'!$G$22=$B$24,21,0),MOD($C3403,24)+1)/SUM(INDEX($D$3:$AA$30,INDEX(Jesper!$R$2:$R$366,ROW(INDEX(Jesper!AL$2:AL$366,ROUNDDOWN($C3403/24,0)+1,1))-1)+IF('Standard Profiles'!$G$22=$B$10,7,0)+IF('Standard Profiles'!$G$22=$B$17,14,0)+IF('Standard Profiles'!$G$22=$B$24,21,0),0)),0)</f>
        <v>0.39775640667476575</v>
      </c>
      <c r="I3403">
        <f t="shared" si="384"/>
        <v>0.38184615040777531</v>
      </c>
      <c r="J3403">
        <f t="shared" si="385"/>
        <v>4.2884382084772277</v>
      </c>
      <c r="K3403">
        <f t="shared" si="386"/>
        <v>0.2186934803168436</v>
      </c>
      <c r="L3403">
        <f t="shared" si="387"/>
        <v>0.1093467401584218</v>
      </c>
      <c r="M3403">
        <f t="shared" si="388"/>
        <v>0</v>
      </c>
      <c r="N3403" s="45">
        <f t="shared" si="389"/>
        <v>45067.374999991829</v>
      </c>
    </row>
    <row r="3404" spans="2:14" x14ac:dyDescent="0.25">
      <c r="B3404">
        <f t="shared" si="383"/>
        <v>7</v>
      </c>
      <c r="C3404" s="16">
        <v>3370</v>
      </c>
      <c r="D3404" cm="1">
        <f t="array" ref="D3404">IFERROR(INDEX(Jesper!AH$2:AH$366,ROUNDDOWN($C3404/24,0)+1,1)*INDEX($D$3:$AA$30,INDEX(Jesper!$R$2:$R$366,ROW(INDEX(Jesper!AH$2:AH$366,ROUNDDOWN($C3404/24,0)+1,1))-1)+IF('Standard Profiles'!$G$18=$B$10,7,0)+IF('Standard Profiles'!$G$18=$B$17,14,0)+IF('Standard Profiles'!$G$18=$B$24,21,0),MOD($C3404,24)+1)/SUM(INDEX($D$3:$AA$30,INDEX(Jesper!$R$2:$R$366,ROW(INDEX(Jesper!AH$2:AH$366,ROUNDDOWN($C3404/24,0)+1,1))-1)+IF('Standard Profiles'!$G$18=$B$10,7,0)+IF('Standard Profiles'!$G$18=$B$17,14,0)+IF('Standard Profiles'!$G$18=$B$24,21,0),0)),0)</f>
        <v>0</v>
      </c>
      <c r="E3404" cm="1">
        <f t="array" ref="E3404">IFERROR(INDEX(Jesper!AI$2:AI$366,ROUNDDOWN($C3404/24,0)+1,1)*INDEX($D$3:$AA$30,INDEX(Jesper!$R$2:$R$366,ROW(INDEX(Jesper!AI$2:AI$366,ROUNDDOWN($C3404/24,0)+1,1))-1)+IF('Standard Profiles'!$G$19=$B$10,7,0)+IF('Standard Profiles'!$G$19=$B$17,14,0)+IF('Standard Profiles'!$G$19=$B$24,21,0),MOD($C3404,24)+1)/SUM(INDEX($D$3:$AA$30,INDEX(Jesper!$R$2:$R$366,ROW(INDEX(Jesper!AI$2:AI$366,ROUNDDOWN($C3404/24,0)+1,1))-1)+IF('Standard Profiles'!$G$19=$B$10,7,0)+IF('Standard Profiles'!$G$19=$B$17,14,0)+IF('Standard Profiles'!$G$19=$B$24,21,0),0)),0)</f>
        <v>2.7336685039605451</v>
      </c>
      <c r="F3404" cm="1">
        <f t="array" ref="F3404">IFERROR(INDEX(Jesper!AJ$2:AJ$366,ROUNDDOWN($C3404/24,0)+1,1)*INDEX($D$3:$AA$30,INDEX(Jesper!$R$2:$R$366,ROW(INDEX(Jesper!AJ$2:AJ$366,ROUNDDOWN($C3404/24,0)+1,1))-1)+IF('Standard Profiles'!$G$20=$B$10,7,0)+IF('Standard Profiles'!$G$20=$B$17,14,0)+IF('Standard Profiles'!$G$20=$B$24,21,0),MOD($C3404,24)+1)/SUM(INDEX($D$3:$AA$30,INDEX(Jesper!$R$2:$R$366,ROW(INDEX(Jesper!AJ$2:AJ$366,ROUNDDOWN($C3404/24,0)+1,1))-1)+IF('Standard Profiles'!$G$20=$B$10,7,0)+IF('Standard Profiles'!$G$20=$B$17,14,0)+IF('Standard Profiles'!$G$20=$B$24,21,0),0)),0)</f>
        <v>1.1858218449350366</v>
      </c>
      <c r="G3404" cm="1">
        <f t="array" ref="G3404">IFERROR(INDEX(Jesper!AK$2:AK$366,ROUNDDOWN($C3404/24,0)+1,1)*INDEX($D$3:$AA$30,INDEX(Jesper!$R$2:$R$366,ROW(INDEX(Jesper!AK$2:AK$366,ROUNDDOWN($C3404/24,0)+1,1))-1)+IF('Standard Profiles'!$G$21=$B$10,7,0)+IF('Standard Profiles'!$G$21=$B$17,14,0)+IF('Standard Profiles'!$G$21=$B$24,21,0),MOD($C3404,24)+1)/SUM(INDEX($D$3:$AA$30,INDEX(Jesper!$R$2:$R$366,ROW(INDEX(Jesper!AK$2:AK$366,ROUNDDOWN($C3404/24,0)+1,1))-1)+IF('Standard Profiles'!$G$21=$B$10,7,0)+IF('Standard Profiles'!$G$21=$B$17,14,0)+IF('Standard Profiles'!$G$21=$B$24,21,0),0)),0)</f>
        <v>0.68107782378992121</v>
      </c>
      <c r="H3404" cm="1">
        <f t="array" ref="H3404">IFERROR(INDEX(Jesper!AL$2:AL$366,ROUNDDOWN($C3404/24,0)+1,1)*INDEX($D$3:$AA$30,INDEX(Jesper!$R$2:$R$366,ROW(INDEX(Jesper!AL$2:AL$366,ROUNDDOWN($C3404/24,0)+1,1))-1)+IF('Standard Profiles'!$G$22=$B$10,7,0)+IF('Standard Profiles'!$G$22=$B$17,14,0)+IF('Standard Profiles'!$G$22=$B$24,21,0),MOD($C3404,24)+1)/SUM(INDEX($D$3:$AA$30,INDEX(Jesper!$R$2:$R$366,ROW(INDEX(Jesper!AL$2:AL$366,ROUNDDOWN($C3404/24,0)+1,1))-1)+IF('Standard Profiles'!$G$22=$B$10,7,0)+IF('Standard Profiles'!$G$22=$B$17,14,0)+IF('Standard Profiles'!$G$22=$B$24,21,0),0)),0)</f>
        <v>0.39775640667476575</v>
      </c>
      <c r="I3404">
        <f t="shared" si="384"/>
        <v>0.38184615040777531</v>
      </c>
      <c r="J3404">
        <f t="shared" si="385"/>
        <v>4.2884382084772277</v>
      </c>
      <c r="K3404">
        <f t="shared" si="386"/>
        <v>0.2186934803168436</v>
      </c>
      <c r="L3404">
        <f t="shared" si="387"/>
        <v>0.1093467401584218</v>
      </c>
      <c r="M3404">
        <f t="shared" si="388"/>
        <v>0</v>
      </c>
      <c r="N3404" s="45">
        <f t="shared" si="389"/>
        <v>45067.416666658493</v>
      </c>
    </row>
    <row r="3405" spans="2:14" x14ac:dyDescent="0.25">
      <c r="B3405">
        <f t="shared" si="383"/>
        <v>7</v>
      </c>
      <c r="C3405" s="16">
        <v>3371</v>
      </c>
      <c r="D3405" cm="1">
        <f t="array" ref="D3405">IFERROR(INDEX(Jesper!AH$2:AH$366,ROUNDDOWN($C3405/24,0)+1,1)*INDEX($D$3:$AA$30,INDEX(Jesper!$R$2:$R$366,ROW(INDEX(Jesper!AH$2:AH$366,ROUNDDOWN($C3405/24,0)+1,1))-1)+IF('Standard Profiles'!$G$18=$B$10,7,0)+IF('Standard Profiles'!$G$18=$B$17,14,0)+IF('Standard Profiles'!$G$18=$B$24,21,0),MOD($C3405,24)+1)/SUM(INDEX($D$3:$AA$30,INDEX(Jesper!$R$2:$R$366,ROW(INDEX(Jesper!AH$2:AH$366,ROUNDDOWN($C3405/24,0)+1,1))-1)+IF('Standard Profiles'!$G$18=$B$10,7,0)+IF('Standard Profiles'!$G$18=$B$17,14,0)+IF('Standard Profiles'!$G$18=$B$24,21,0),0)),0)</f>
        <v>0</v>
      </c>
      <c r="E3405" cm="1">
        <f t="array" ref="E3405">IFERROR(INDEX(Jesper!AI$2:AI$366,ROUNDDOWN($C3405/24,0)+1,1)*INDEX($D$3:$AA$30,INDEX(Jesper!$R$2:$R$366,ROW(INDEX(Jesper!AI$2:AI$366,ROUNDDOWN($C3405/24,0)+1,1))-1)+IF('Standard Profiles'!$G$19=$B$10,7,0)+IF('Standard Profiles'!$G$19=$B$17,14,0)+IF('Standard Profiles'!$G$19=$B$24,21,0),MOD($C3405,24)+1)/SUM(INDEX($D$3:$AA$30,INDEX(Jesper!$R$2:$R$366,ROW(INDEX(Jesper!AI$2:AI$366,ROUNDDOWN($C3405/24,0)+1,1))-1)+IF('Standard Profiles'!$G$19=$B$10,7,0)+IF('Standard Profiles'!$G$19=$B$17,14,0)+IF('Standard Profiles'!$G$19=$B$24,21,0),0)),0)</f>
        <v>2.7336685039605451</v>
      </c>
      <c r="F3405" cm="1">
        <f t="array" ref="F3405">IFERROR(INDEX(Jesper!AJ$2:AJ$366,ROUNDDOWN($C3405/24,0)+1,1)*INDEX($D$3:$AA$30,INDEX(Jesper!$R$2:$R$366,ROW(INDEX(Jesper!AJ$2:AJ$366,ROUNDDOWN($C3405/24,0)+1,1))-1)+IF('Standard Profiles'!$G$20=$B$10,7,0)+IF('Standard Profiles'!$G$20=$B$17,14,0)+IF('Standard Profiles'!$G$20=$B$24,21,0),MOD($C3405,24)+1)/SUM(INDEX($D$3:$AA$30,INDEX(Jesper!$R$2:$R$366,ROW(INDEX(Jesper!AJ$2:AJ$366,ROUNDDOWN($C3405/24,0)+1,1))-1)+IF('Standard Profiles'!$G$20=$B$10,7,0)+IF('Standard Profiles'!$G$20=$B$17,14,0)+IF('Standard Profiles'!$G$20=$B$24,21,0),0)),0)</f>
        <v>1.1858218449350366</v>
      </c>
      <c r="G3405" cm="1">
        <f t="array" ref="G3405">IFERROR(INDEX(Jesper!AK$2:AK$366,ROUNDDOWN($C3405/24,0)+1,1)*INDEX($D$3:$AA$30,INDEX(Jesper!$R$2:$R$366,ROW(INDEX(Jesper!AK$2:AK$366,ROUNDDOWN($C3405/24,0)+1,1))-1)+IF('Standard Profiles'!$G$21=$B$10,7,0)+IF('Standard Profiles'!$G$21=$B$17,14,0)+IF('Standard Profiles'!$G$21=$B$24,21,0),MOD($C3405,24)+1)/SUM(INDEX($D$3:$AA$30,INDEX(Jesper!$R$2:$R$366,ROW(INDEX(Jesper!AK$2:AK$366,ROUNDDOWN($C3405/24,0)+1,1))-1)+IF('Standard Profiles'!$G$21=$B$10,7,0)+IF('Standard Profiles'!$G$21=$B$17,14,0)+IF('Standard Profiles'!$G$21=$B$24,21,0),0)),0)</f>
        <v>0.68107782378992121</v>
      </c>
      <c r="H3405" cm="1">
        <f t="array" ref="H3405">IFERROR(INDEX(Jesper!AL$2:AL$366,ROUNDDOWN($C3405/24,0)+1,1)*INDEX($D$3:$AA$30,INDEX(Jesper!$R$2:$R$366,ROW(INDEX(Jesper!AL$2:AL$366,ROUNDDOWN($C3405/24,0)+1,1))-1)+IF('Standard Profiles'!$G$22=$B$10,7,0)+IF('Standard Profiles'!$G$22=$B$17,14,0)+IF('Standard Profiles'!$G$22=$B$24,21,0),MOD($C3405,24)+1)/SUM(INDEX($D$3:$AA$30,INDEX(Jesper!$R$2:$R$366,ROW(INDEX(Jesper!AL$2:AL$366,ROUNDDOWN($C3405/24,0)+1,1))-1)+IF('Standard Profiles'!$G$22=$B$10,7,0)+IF('Standard Profiles'!$G$22=$B$17,14,0)+IF('Standard Profiles'!$G$22=$B$24,21,0),0)),0)</f>
        <v>0.39775640667476575</v>
      </c>
      <c r="I3405">
        <f t="shared" si="384"/>
        <v>0.38184615040777531</v>
      </c>
      <c r="J3405">
        <f t="shared" si="385"/>
        <v>4.2884382084772277</v>
      </c>
      <c r="K3405">
        <f t="shared" si="386"/>
        <v>0.2186934803168436</v>
      </c>
      <c r="L3405">
        <f t="shared" si="387"/>
        <v>0.1093467401584218</v>
      </c>
      <c r="M3405">
        <f t="shared" si="388"/>
        <v>0</v>
      </c>
      <c r="N3405" s="45">
        <f t="shared" si="389"/>
        <v>45067.458333325158</v>
      </c>
    </row>
    <row r="3406" spans="2:14" x14ac:dyDescent="0.25">
      <c r="B3406">
        <f t="shared" si="383"/>
        <v>7</v>
      </c>
      <c r="C3406" s="16">
        <v>3372</v>
      </c>
      <c r="D3406" cm="1">
        <f t="array" ref="D3406">IFERROR(INDEX(Jesper!AH$2:AH$366,ROUNDDOWN($C3406/24,0)+1,1)*INDEX($D$3:$AA$30,INDEX(Jesper!$R$2:$R$366,ROW(INDEX(Jesper!AH$2:AH$366,ROUNDDOWN($C3406/24,0)+1,1))-1)+IF('Standard Profiles'!$G$18=$B$10,7,0)+IF('Standard Profiles'!$G$18=$B$17,14,0)+IF('Standard Profiles'!$G$18=$B$24,21,0),MOD($C3406,24)+1)/SUM(INDEX($D$3:$AA$30,INDEX(Jesper!$R$2:$R$366,ROW(INDEX(Jesper!AH$2:AH$366,ROUNDDOWN($C3406/24,0)+1,1))-1)+IF('Standard Profiles'!$G$18=$B$10,7,0)+IF('Standard Profiles'!$G$18=$B$17,14,0)+IF('Standard Profiles'!$G$18=$B$24,21,0),0)),0)</f>
        <v>0</v>
      </c>
      <c r="E3406" cm="1">
        <f t="array" ref="E3406">IFERROR(INDEX(Jesper!AI$2:AI$366,ROUNDDOWN($C3406/24,0)+1,1)*INDEX($D$3:$AA$30,INDEX(Jesper!$R$2:$R$366,ROW(INDEX(Jesper!AI$2:AI$366,ROUNDDOWN($C3406/24,0)+1,1))-1)+IF('Standard Profiles'!$G$19=$B$10,7,0)+IF('Standard Profiles'!$G$19=$B$17,14,0)+IF('Standard Profiles'!$G$19=$B$24,21,0),MOD($C3406,24)+1)/SUM(INDEX($D$3:$AA$30,INDEX(Jesper!$R$2:$R$366,ROW(INDEX(Jesper!AI$2:AI$366,ROUNDDOWN($C3406/24,0)+1,1))-1)+IF('Standard Profiles'!$G$19=$B$10,7,0)+IF('Standard Profiles'!$G$19=$B$17,14,0)+IF('Standard Profiles'!$G$19=$B$24,21,0),0)),0)</f>
        <v>2.7336685039605451</v>
      </c>
      <c r="F3406" cm="1">
        <f t="array" ref="F3406">IFERROR(INDEX(Jesper!AJ$2:AJ$366,ROUNDDOWN($C3406/24,0)+1,1)*INDEX($D$3:$AA$30,INDEX(Jesper!$R$2:$R$366,ROW(INDEX(Jesper!AJ$2:AJ$366,ROUNDDOWN($C3406/24,0)+1,1))-1)+IF('Standard Profiles'!$G$20=$B$10,7,0)+IF('Standard Profiles'!$G$20=$B$17,14,0)+IF('Standard Profiles'!$G$20=$B$24,21,0),MOD($C3406,24)+1)/SUM(INDEX($D$3:$AA$30,INDEX(Jesper!$R$2:$R$366,ROW(INDEX(Jesper!AJ$2:AJ$366,ROUNDDOWN($C3406/24,0)+1,1))-1)+IF('Standard Profiles'!$G$20=$B$10,7,0)+IF('Standard Profiles'!$G$20=$B$17,14,0)+IF('Standard Profiles'!$G$20=$B$24,21,0),0)),0)</f>
        <v>1.1858218449350366</v>
      </c>
      <c r="G3406" cm="1">
        <f t="array" ref="G3406">IFERROR(INDEX(Jesper!AK$2:AK$366,ROUNDDOWN($C3406/24,0)+1,1)*INDEX($D$3:$AA$30,INDEX(Jesper!$R$2:$R$366,ROW(INDEX(Jesper!AK$2:AK$366,ROUNDDOWN($C3406/24,0)+1,1))-1)+IF('Standard Profiles'!$G$21=$B$10,7,0)+IF('Standard Profiles'!$G$21=$B$17,14,0)+IF('Standard Profiles'!$G$21=$B$24,21,0),MOD($C3406,24)+1)/SUM(INDEX($D$3:$AA$30,INDEX(Jesper!$R$2:$R$366,ROW(INDEX(Jesper!AK$2:AK$366,ROUNDDOWN($C3406/24,0)+1,1))-1)+IF('Standard Profiles'!$G$21=$B$10,7,0)+IF('Standard Profiles'!$G$21=$B$17,14,0)+IF('Standard Profiles'!$G$21=$B$24,21,0),0)),0)</f>
        <v>0.68107782378992121</v>
      </c>
      <c r="H3406" cm="1">
        <f t="array" ref="H3406">IFERROR(INDEX(Jesper!AL$2:AL$366,ROUNDDOWN($C3406/24,0)+1,1)*INDEX($D$3:$AA$30,INDEX(Jesper!$R$2:$R$366,ROW(INDEX(Jesper!AL$2:AL$366,ROUNDDOWN($C3406/24,0)+1,1))-1)+IF('Standard Profiles'!$G$22=$B$10,7,0)+IF('Standard Profiles'!$G$22=$B$17,14,0)+IF('Standard Profiles'!$G$22=$B$24,21,0),MOD($C3406,24)+1)/SUM(INDEX($D$3:$AA$30,INDEX(Jesper!$R$2:$R$366,ROW(INDEX(Jesper!AL$2:AL$366,ROUNDDOWN($C3406/24,0)+1,1))-1)+IF('Standard Profiles'!$G$22=$B$10,7,0)+IF('Standard Profiles'!$G$22=$B$17,14,0)+IF('Standard Profiles'!$G$22=$B$24,21,0),0)),0)</f>
        <v>0.39775640667476575</v>
      </c>
      <c r="I3406">
        <f t="shared" si="384"/>
        <v>0.38184615040777531</v>
      </c>
      <c r="J3406">
        <f t="shared" si="385"/>
        <v>4.2884382084772277</v>
      </c>
      <c r="K3406">
        <f t="shared" si="386"/>
        <v>0.2186934803168436</v>
      </c>
      <c r="L3406">
        <f t="shared" si="387"/>
        <v>0.1093467401584218</v>
      </c>
      <c r="M3406">
        <f t="shared" si="388"/>
        <v>0</v>
      </c>
      <c r="N3406" s="45">
        <f t="shared" si="389"/>
        <v>45067.499999991822</v>
      </c>
    </row>
    <row r="3407" spans="2:14" x14ac:dyDescent="0.25">
      <c r="B3407">
        <f t="shared" si="383"/>
        <v>7</v>
      </c>
      <c r="C3407" s="16">
        <v>3373</v>
      </c>
      <c r="D3407" cm="1">
        <f t="array" ref="D3407">IFERROR(INDEX(Jesper!AH$2:AH$366,ROUNDDOWN($C3407/24,0)+1,1)*INDEX($D$3:$AA$30,INDEX(Jesper!$R$2:$R$366,ROW(INDEX(Jesper!AH$2:AH$366,ROUNDDOWN($C3407/24,0)+1,1))-1)+IF('Standard Profiles'!$G$18=$B$10,7,0)+IF('Standard Profiles'!$G$18=$B$17,14,0)+IF('Standard Profiles'!$G$18=$B$24,21,0),MOD($C3407,24)+1)/SUM(INDEX($D$3:$AA$30,INDEX(Jesper!$R$2:$R$366,ROW(INDEX(Jesper!AH$2:AH$366,ROUNDDOWN($C3407/24,0)+1,1))-1)+IF('Standard Profiles'!$G$18=$B$10,7,0)+IF('Standard Profiles'!$G$18=$B$17,14,0)+IF('Standard Profiles'!$G$18=$B$24,21,0),0)),0)</f>
        <v>0</v>
      </c>
      <c r="E3407" cm="1">
        <f t="array" ref="E3407">IFERROR(INDEX(Jesper!AI$2:AI$366,ROUNDDOWN($C3407/24,0)+1,1)*INDEX($D$3:$AA$30,INDEX(Jesper!$R$2:$R$366,ROW(INDEX(Jesper!AI$2:AI$366,ROUNDDOWN($C3407/24,0)+1,1))-1)+IF('Standard Profiles'!$G$19=$B$10,7,0)+IF('Standard Profiles'!$G$19=$B$17,14,0)+IF('Standard Profiles'!$G$19=$B$24,21,0),MOD($C3407,24)+1)/SUM(INDEX($D$3:$AA$30,INDEX(Jesper!$R$2:$R$366,ROW(INDEX(Jesper!AI$2:AI$366,ROUNDDOWN($C3407/24,0)+1,1))-1)+IF('Standard Profiles'!$G$19=$B$10,7,0)+IF('Standard Profiles'!$G$19=$B$17,14,0)+IF('Standard Profiles'!$G$19=$B$24,21,0),0)),0)</f>
        <v>2.7336685039605451</v>
      </c>
      <c r="F3407" cm="1">
        <f t="array" ref="F3407">IFERROR(INDEX(Jesper!AJ$2:AJ$366,ROUNDDOWN($C3407/24,0)+1,1)*INDEX($D$3:$AA$30,INDEX(Jesper!$R$2:$R$366,ROW(INDEX(Jesper!AJ$2:AJ$366,ROUNDDOWN($C3407/24,0)+1,1))-1)+IF('Standard Profiles'!$G$20=$B$10,7,0)+IF('Standard Profiles'!$G$20=$B$17,14,0)+IF('Standard Profiles'!$G$20=$B$24,21,0),MOD($C3407,24)+1)/SUM(INDEX($D$3:$AA$30,INDEX(Jesper!$R$2:$R$366,ROW(INDEX(Jesper!AJ$2:AJ$366,ROUNDDOWN($C3407/24,0)+1,1))-1)+IF('Standard Profiles'!$G$20=$B$10,7,0)+IF('Standard Profiles'!$G$20=$B$17,14,0)+IF('Standard Profiles'!$G$20=$B$24,21,0),0)),0)</f>
        <v>1.1858218449350366</v>
      </c>
      <c r="G3407" cm="1">
        <f t="array" ref="G3407">IFERROR(INDEX(Jesper!AK$2:AK$366,ROUNDDOWN($C3407/24,0)+1,1)*INDEX($D$3:$AA$30,INDEX(Jesper!$R$2:$R$366,ROW(INDEX(Jesper!AK$2:AK$366,ROUNDDOWN($C3407/24,0)+1,1))-1)+IF('Standard Profiles'!$G$21=$B$10,7,0)+IF('Standard Profiles'!$G$21=$B$17,14,0)+IF('Standard Profiles'!$G$21=$B$24,21,0),MOD($C3407,24)+1)/SUM(INDEX($D$3:$AA$30,INDEX(Jesper!$R$2:$R$366,ROW(INDEX(Jesper!AK$2:AK$366,ROUNDDOWN($C3407/24,0)+1,1))-1)+IF('Standard Profiles'!$G$21=$B$10,7,0)+IF('Standard Profiles'!$G$21=$B$17,14,0)+IF('Standard Profiles'!$G$21=$B$24,21,0),0)),0)</f>
        <v>0.68107782378992121</v>
      </c>
      <c r="H3407" cm="1">
        <f t="array" ref="H3407">IFERROR(INDEX(Jesper!AL$2:AL$366,ROUNDDOWN($C3407/24,0)+1,1)*INDEX($D$3:$AA$30,INDEX(Jesper!$R$2:$R$366,ROW(INDEX(Jesper!AL$2:AL$366,ROUNDDOWN($C3407/24,0)+1,1))-1)+IF('Standard Profiles'!$G$22=$B$10,7,0)+IF('Standard Profiles'!$G$22=$B$17,14,0)+IF('Standard Profiles'!$G$22=$B$24,21,0),MOD($C3407,24)+1)/SUM(INDEX($D$3:$AA$30,INDEX(Jesper!$R$2:$R$366,ROW(INDEX(Jesper!AL$2:AL$366,ROUNDDOWN($C3407/24,0)+1,1))-1)+IF('Standard Profiles'!$G$22=$B$10,7,0)+IF('Standard Profiles'!$G$22=$B$17,14,0)+IF('Standard Profiles'!$G$22=$B$24,21,0),0)),0)</f>
        <v>0.39775640667476575</v>
      </c>
      <c r="I3407">
        <f t="shared" si="384"/>
        <v>0.38184615040777531</v>
      </c>
      <c r="J3407">
        <f t="shared" si="385"/>
        <v>4.2884382084772277</v>
      </c>
      <c r="K3407">
        <f t="shared" si="386"/>
        <v>0.2186934803168436</v>
      </c>
      <c r="L3407">
        <f t="shared" si="387"/>
        <v>0.1093467401584218</v>
      </c>
      <c r="M3407">
        <f t="shared" si="388"/>
        <v>0</v>
      </c>
      <c r="N3407" s="45">
        <f t="shared" si="389"/>
        <v>45067.541666658486</v>
      </c>
    </row>
    <row r="3408" spans="2:14" x14ac:dyDescent="0.25">
      <c r="B3408">
        <f t="shared" si="383"/>
        <v>7</v>
      </c>
      <c r="C3408" s="16">
        <v>3374</v>
      </c>
      <c r="D3408" cm="1">
        <f t="array" ref="D3408">IFERROR(INDEX(Jesper!AH$2:AH$366,ROUNDDOWN($C3408/24,0)+1,1)*INDEX($D$3:$AA$30,INDEX(Jesper!$R$2:$R$366,ROW(INDEX(Jesper!AH$2:AH$366,ROUNDDOWN($C3408/24,0)+1,1))-1)+IF('Standard Profiles'!$G$18=$B$10,7,0)+IF('Standard Profiles'!$G$18=$B$17,14,0)+IF('Standard Profiles'!$G$18=$B$24,21,0),MOD($C3408,24)+1)/SUM(INDEX($D$3:$AA$30,INDEX(Jesper!$R$2:$R$366,ROW(INDEX(Jesper!AH$2:AH$366,ROUNDDOWN($C3408/24,0)+1,1))-1)+IF('Standard Profiles'!$G$18=$B$10,7,0)+IF('Standard Profiles'!$G$18=$B$17,14,0)+IF('Standard Profiles'!$G$18=$B$24,21,0),0)),0)</f>
        <v>0</v>
      </c>
      <c r="E3408" cm="1">
        <f t="array" ref="E3408">IFERROR(INDEX(Jesper!AI$2:AI$366,ROUNDDOWN($C3408/24,0)+1,1)*INDEX($D$3:$AA$30,INDEX(Jesper!$R$2:$R$366,ROW(INDEX(Jesper!AI$2:AI$366,ROUNDDOWN($C3408/24,0)+1,1))-1)+IF('Standard Profiles'!$G$19=$B$10,7,0)+IF('Standard Profiles'!$G$19=$B$17,14,0)+IF('Standard Profiles'!$G$19=$B$24,21,0),MOD($C3408,24)+1)/SUM(INDEX($D$3:$AA$30,INDEX(Jesper!$R$2:$R$366,ROW(INDEX(Jesper!AI$2:AI$366,ROUNDDOWN($C3408/24,0)+1,1))-1)+IF('Standard Profiles'!$G$19=$B$10,7,0)+IF('Standard Profiles'!$G$19=$B$17,14,0)+IF('Standard Profiles'!$G$19=$B$24,21,0),0)),0)</f>
        <v>2.7336685039605451</v>
      </c>
      <c r="F3408" cm="1">
        <f t="array" ref="F3408">IFERROR(INDEX(Jesper!AJ$2:AJ$366,ROUNDDOWN($C3408/24,0)+1,1)*INDEX($D$3:$AA$30,INDEX(Jesper!$R$2:$R$366,ROW(INDEX(Jesper!AJ$2:AJ$366,ROUNDDOWN($C3408/24,0)+1,1))-1)+IF('Standard Profiles'!$G$20=$B$10,7,0)+IF('Standard Profiles'!$G$20=$B$17,14,0)+IF('Standard Profiles'!$G$20=$B$24,21,0),MOD($C3408,24)+1)/SUM(INDEX($D$3:$AA$30,INDEX(Jesper!$R$2:$R$366,ROW(INDEX(Jesper!AJ$2:AJ$366,ROUNDDOWN($C3408/24,0)+1,1))-1)+IF('Standard Profiles'!$G$20=$B$10,7,0)+IF('Standard Profiles'!$G$20=$B$17,14,0)+IF('Standard Profiles'!$G$20=$B$24,21,0),0)),0)</f>
        <v>1.1858218449350366</v>
      </c>
      <c r="G3408" cm="1">
        <f t="array" ref="G3408">IFERROR(INDEX(Jesper!AK$2:AK$366,ROUNDDOWN($C3408/24,0)+1,1)*INDEX($D$3:$AA$30,INDEX(Jesper!$R$2:$R$366,ROW(INDEX(Jesper!AK$2:AK$366,ROUNDDOWN($C3408/24,0)+1,1))-1)+IF('Standard Profiles'!$G$21=$B$10,7,0)+IF('Standard Profiles'!$G$21=$B$17,14,0)+IF('Standard Profiles'!$G$21=$B$24,21,0),MOD($C3408,24)+1)/SUM(INDEX($D$3:$AA$30,INDEX(Jesper!$R$2:$R$366,ROW(INDEX(Jesper!AK$2:AK$366,ROUNDDOWN($C3408/24,0)+1,1))-1)+IF('Standard Profiles'!$G$21=$B$10,7,0)+IF('Standard Profiles'!$G$21=$B$17,14,0)+IF('Standard Profiles'!$G$21=$B$24,21,0),0)),0)</f>
        <v>0.68107782378992121</v>
      </c>
      <c r="H3408" cm="1">
        <f t="array" ref="H3408">IFERROR(INDEX(Jesper!AL$2:AL$366,ROUNDDOWN($C3408/24,0)+1,1)*INDEX($D$3:$AA$30,INDEX(Jesper!$R$2:$R$366,ROW(INDEX(Jesper!AL$2:AL$366,ROUNDDOWN($C3408/24,0)+1,1))-1)+IF('Standard Profiles'!$G$22=$B$10,7,0)+IF('Standard Profiles'!$G$22=$B$17,14,0)+IF('Standard Profiles'!$G$22=$B$24,21,0),MOD($C3408,24)+1)/SUM(INDEX($D$3:$AA$30,INDEX(Jesper!$R$2:$R$366,ROW(INDEX(Jesper!AL$2:AL$366,ROUNDDOWN($C3408/24,0)+1,1))-1)+IF('Standard Profiles'!$G$22=$B$10,7,0)+IF('Standard Profiles'!$G$22=$B$17,14,0)+IF('Standard Profiles'!$G$22=$B$24,21,0),0)),0)</f>
        <v>0.39775640667476575</v>
      </c>
      <c r="I3408">
        <f t="shared" si="384"/>
        <v>0.38184615040777531</v>
      </c>
      <c r="J3408">
        <f t="shared" si="385"/>
        <v>4.2884382084772277</v>
      </c>
      <c r="K3408">
        <f t="shared" si="386"/>
        <v>0.2186934803168436</v>
      </c>
      <c r="L3408">
        <f t="shared" si="387"/>
        <v>0.1093467401584218</v>
      </c>
      <c r="M3408">
        <f t="shared" si="388"/>
        <v>0</v>
      </c>
      <c r="N3408" s="45">
        <f t="shared" si="389"/>
        <v>45067.58333332515</v>
      </c>
    </row>
    <row r="3409" spans="2:14" x14ac:dyDescent="0.25">
      <c r="B3409">
        <f t="shared" si="383"/>
        <v>7</v>
      </c>
      <c r="C3409" s="16">
        <v>3375</v>
      </c>
      <c r="D3409" cm="1">
        <f t="array" ref="D3409">IFERROR(INDEX(Jesper!AH$2:AH$366,ROUNDDOWN($C3409/24,0)+1,1)*INDEX($D$3:$AA$30,INDEX(Jesper!$R$2:$R$366,ROW(INDEX(Jesper!AH$2:AH$366,ROUNDDOWN($C3409/24,0)+1,1))-1)+IF('Standard Profiles'!$G$18=$B$10,7,0)+IF('Standard Profiles'!$G$18=$B$17,14,0)+IF('Standard Profiles'!$G$18=$B$24,21,0),MOD($C3409,24)+1)/SUM(INDEX($D$3:$AA$30,INDEX(Jesper!$R$2:$R$366,ROW(INDEX(Jesper!AH$2:AH$366,ROUNDDOWN($C3409/24,0)+1,1))-1)+IF('Standard Profiles'!$G$18=$B$10,7,0)+IF('Standard Profiles'!$G$18=$B$17,14,0)+IF('Standard Profiles'!$G$18=$B$24,21,0),0)),0)</f>
        <v>0</v>
      </c>
      <c r="E3409" cm="1">
        <f t="array" ref="E3409">IFERROR(INDEX(Jesper!AI$2:AI$366,ROUNDDOWN($C3409/24,0)+1,1)*INDEX($D$3:$AA$30,INDEX(Jesper!$R$2:$R$366,ROW(INDEX(Jesper!AI$2:AI$366,ROUNDDOWN($C3409/24,0)+1,1))-1)+IF('Standard Profiles'!$G$19=$B$10,7,0)+IF('Standard Profiles'!$G$19=$B$17,14,0)+IF('Standard Profiles'!$G$19=$B$24,21,0),MOD($C3409,24)+1)/SUM(INDEX($D$3:$AA$30,INDEX(Jesper!$R$2:$R$366,ROW(INDEX(Jesper!AI$2:AI$366,ROUNDDOWN($C3409/24,0)+1,1))-1)+IF('Standard Profiles'!$G$19=$B$10,7,0)+IF('Standard Profiles'!$G$19=$B$17,14,0)+IF('Standard Profiles'!$G$19=$B$24,21,0),0)),0)</f>
        <v>2.7336685039605451</v>
      </c>
      <c r="F3409" cm="1">
        <f t="array" ref="F3409">IFERROR(INDEX(Jesper!AJ$2:AJ$366,ROUNDDOWN($C3409/24,0)+1,1)*INDEX($D$3:$AA$30,INDEX(Jesper!$R$2:$R$366,ROW(INDEX(Jesper!AJ$2:AJ$366,ROUNDDOWN($C3409/24,0)+1,1))-1)+IF('Standard Profiles'!$G$20=$B$10,7,0)+IF('Standard Profiles'!$G$20=$B$17,14,0)+IF('Standard Profiles'!$G$20=$B$24,21,0),MOD($C3409,24)+1)/SUM(INDEX($D$3:$AA$30,INDEX(Jesper!$R$2:$R$366,ROW(INDEX(Jesper!AJ$2:AJ$366,ROUNDDOWN($C3409/24,0)+1,1))-1)+IF('Standard Profiles'!$G$20=$B$10,7,0)+IF('Standard Profiles'!$G$20=$B$17,14,0)+IF('Standard Profiles'!$G$20=$B$24,21,0),0)),0)</f>
        <v>1.1858218449350366</v>
      </c>
      <c r="G3409" cm="1">
        <f t="array" ref="G3409">IFERROR(INDEX(Jesper!AK$2:AK$366,ROUNDDOWN($C3409/24,0)+1,1)*INDEX($D$3:$AA$30,INDEX(Jesper!$R$2:$R$366,ROW(INDEX(Jesper!AK$2:AK$366,ROUNDDOWN($C3409/24,0)+1,1))-1)+IF('Standard Profiles'!$G$21=$B$10,7,0)+IF('Standard Profiles'!$G$21=$B$17,14,0)+IF('Standard Profiles'!$G$21=$B$24,21,0),MOD($C3409,24)+1)/SUM(INDEX($D$3:$AA$30,INDEX(Jesper!$R$2:$R$366,ROW(INDEX(Jesper!AK$2:AK$366,ROUNDDOWN($C3409/24,0)+1,1))-1)+IF('Standard Profiles'!$G$21=$B$10,7,0)+IF('Standard Profiles'!$G$21=$B$17,14,0)+IF('Standard Profiles'!$G$21=$B$24,21,0),0)),0)</f>
        <v>0.68107782378992121</v>
      </c>
      <c r="H3409" cm="1">
        <f t="array" ref="H3409">IFERROR(INDEX(Jesper!AL$2:AL$366,ROUNDDOWN($C3409/24,0)+1,1)*INDEX($D$3:$AA$30,INDEX(Jesper!$R$2:$R$366,ROW(INDEX(Jesper!AL$2:AL$366,ROUNDDOWN($C3409/24,0)+1,1))-1)+IF('Standard Profiles'!$G$22=$B$10,7,0)+IF('Standard Profiles'!$G$22=$B$17,14,0)+IF('Standard Profiles'!$G$22=$B$24,21,0),MOD($C3409,24)+1)/SUM(INDEX($D$3:$AA$30,INDEX(Jesper!$R$2:$R$366,ROW(INDEX(Jesper!AL$2:AL$366,ROUNDDOWN($C3409/24,0)+1,1))-1)+IF('Standard Profiles'!$G$22=$B$10,7,0)+IF('Standard Profiles'!$G$22=$B$17,14,0)+IF('Standard Profiles'!$G$22=$B$24,21,0),0)),0)</f>
        <v>0.35356125037756952</v>
      </c>
      <c r="I3409">
        <f t="shared" si="384"/>
        <v>0.33941880036246691</v>
      </c>
      <c r="J3409">
        <f t="shared" si="385"/>
        <v>4.2866704022253392</v>
      </c>
      <c r="K3409">
        <f t="shared" si="386"/>
        <v>0.2186934803168436</v>
      </c>
      <c r="L3409">
        <f t="shared" si="387"/>
        <v>0.1093467401584218</v>
      </c>
      <c r="M3409">
        <f t="shared" si="388"/>
        <v>0</v>
      </c>
      <c r="N3409" s="45">
        <f t="shared" si="389"/>
        <v>45067.624999991815</v>
      </c>
    </row>
    <row r="3410" spans="2:14" x14ac:dyDescent="0.25">
      <c r="B3410">
        <f t="shared" si="383"/>
        <v>7</v>
      </c>
      <c r="C3410" s="16">
        <v>3376</v>
      </c>
      <c r="D3410" cm="1">
        <f t="array" ref="D3410">IFERROR(INDEX(Jesper!AH$2:AH$366,ROUNDDOWN($C3410/24,0)+1,1)*INDEX($D$3:$AA$30,INDEX(Jesper!$R$2:$R$366,ROW(INDEX(Jesper!AH$2:AH$366,ROUNDDOWN($C3410/24,0)+1,1))-1)+IF('Standard Profiles'!$G$18=$B$10,7,0)+IF('Standard Profiles'!$G$18=$B$17,14,0)+IF('Standard Profiles'!$G$18=$B$24,21,0),MOD($C3410,24)+1)/SUM(INDEX($D$3:$AA$30,INDEX(Jesper!$R$2:$R$366,ROW(INDEX(Jesper!AH$2:AH$366,ROUNDDOWN($C3410/24,0)+1,1))-1)+IF('Standard Profiles'!$G$18=$B$10,7,0)+IF('Standard Profiles'!$G$18=$B$17,14,0)+IF('Standard Profiles'!$G$18=$B$24,21,0),0)),0)</f>
        <v>0</v>
      </c>
      <c r="E3410" cm="1">
        <f t="array" ref="E3410">IFERROR(INDEX(Jesper!AI$2:AI$366,ROUNDDOWN($C3410/24,0)+1,1)*INDEX($D$3:$AA$30,INDEX(Jesper!$R$2:$R$366,ROW(INDEX(Jesper!AI$2:AI$366,ROUNDDOWN($C3410/24,0)+1,1))-1)+IF('Standard Profiles'!$G$19=$B$10,7,0)+IF('Standard Profiles'!$G$19=$B$17,14,0)+IF('Standard Profiles'!$G$19=$B$24,21,0),MOD($C3410,24)+1)/SUM(INDEX($D$3:$AA$30,INDEX(Jesper!$R$2:$R$366,ROW(INDEX(Jesper!AI$2:AI$366,ROUNDDOWN($C3410/24,0)+1,1))-1)+IF('Standard Profiles'!$G$19=$B$10,7,0)+IF('Standard Profiles'!$G$19=$B$17,14,0)+IF('Standard Profiles'!$G$19=$B$24,21,0),0)),0)</f>
        <v>2.7336685039605451</v>
      </c>
      <c r="F3410" cm="1">
        <f t="array" ref="F3410">IFERROR(INDEX(Jesper!AJ$2:AJ$366,ROUNDDOWN($C3410/24,0)+1,1)*INDEX($D$3:$AA$30,INDEX(Jesper!$R$2:$R$366,ROW(INDEX(Jesper!AJ$2:AJ$366,ROUNDDOWN($C3410/24,0)+1,1))-1)+IF('Standard Profiles'!$G$20=$B$10,7,0)+IF('Standard Profiles'!$G$20=$B$17,14,0)+IF('Standard Profiles'!$G$20=$B$24,21,0),MOD($C3410,24)+1)/SUM(INDEX($D$3:$AA$30,INDEX(Jesper!$R$2:$R$366,ROW(INDEX(Jesper!AJ$2:AJ$366,ROUNDDOWN($C3410/24,0)+1,1))-1)+IF('Standard Profiles'!$G$20=$B$10,7,0)+IF('Standard Profiles'!$G$20=$B$17,14,0)+IF('Standard Profiles'!$G$20=$B$24,21,0),0)),0)</f>
        <v>1.1858218449350366</v>
      </c>
      <c r="G3410" cm="1">
        <f t="array" ref="G3410">IFERROR(INDEX(Jesper!AK$2:AK$366,ROUNDDOWN($C3410/24,0)+1,1)*INDEX($D$3:$AA$30,INDEX(Jesper!$R$2:$R$366,ROW(INDEX(Jesper!AK$2:AK$366,ROUNDDOWN($C3410/24,0)+1,1))-1)+IF('Standard Profiles'!$G$21=$B$10,7,0)+IF('Standard Profiles'!$G$21=$B$17,14,0)+IF('Standard Profiles'!$G$21=$B$24,21,0),MOD($C3410,24)+1)/SUM(INDEX($D$3:$AA$30,INDEX(Jesper!$R$2:$R$366,ROW(INDEX(Jesper!AK$2:AK$366,ROUNDDOWN($C3410/24,0)+1,1))-1)+IF('Standard Profiles'!$G$21=$B$10,7,0)+IF('Standard Profiles'!$G$21=$B$17,14,0)+IF('Standard Profiles'!$G$21=$B$24,21,0),0)),0)</f>
        <v>0.68107782378992121</v>
      </c>
      <c r="H3410" cm="1">
        <f t="array" ref="H3410">IFERROR(INDEX(Jesper!AL$2:AL$366,ROUNDDOWN($C3410/24,0)+1,1)*INDEX($D$3:$AA$30,INDEX(Jesper!$R$2:$R$366,ROW(INDEX(Jesper!AL$2:AL$366,ROUNDDOWN($C3410/24,0)+1,1))-1)+IF('Standard Profiles'!$G$22=$B$10,7,0)+IF('Standard Profiles'!$G$22=$B$17,14,0)+IF('Standard Profiles'!$G$22=$B$24,21,0),MOD($C3410,24)+1)/SUM(INDEX($D$3:$AA$30,INDEX(Jesper!$R$2:$R$366,ROW(INDEX(Jesper!AL$2:AL$366,ROUNDDOWN($C3410/24,0)+1,1))-1)+IF('Standard Profiles'!$G$22=$B$10,7,0)+IF('Standard Profiles'!$G$22=$B$17,14,0)+IF('Standard Profiles'!$G$22=$B$24,21,0),0)),0)</f>
        <v>0.34724765662082718</v>
      </c>
      <c r="I3410">
        <f t="shared" si="384"/>
        <v>0.3333577503559943</v>
      </c>
      <c r="J3410">
        <f t="shared" si="385"/>
        <v>4.2864178584750698</v>
      </c>
      <c r="K3410">
        <f t="shared" si="386"/>
        <v>0.2186934803168436</v>
      </c>
      <c r="L3410">
        <f t="shared" si="387"/>
        <v>0.1093467401584218</v>
      </c>
      <c r="M3410">
        <f t="shared" si="388"/>
        <v>0</v>
      </c>
      <c r="N3410" s="45">
        <f t="shared" si="389"/>
        <v>45067.666666658479</v>
      </c>
    </row>
    <row r="3411" spans="2:14" x14ac:dyDescent="0.25">
      <c r="B3411">
        <f t="shared" si="383"/>
        <v>7</v>
      </c>
      <c r="C3411" s="16">
        <v>3377</v>
      </c>
      <c r="D3411" cm="1">
        <f t="array" ref="D3411">IFERROR(INDEX(Jesper!AH$2:AH$366,ROUNDDOWN($C3411/24,0)+1,1)*INDEX($D$3:$AA$30,INDEX(Jesper!$R$2:$R$366,ROW(INDEX(Jesper!AH$2:AH$366,ROUNDDOWN($C3411/24,0)+1,1))-1)+IF('Standard Profiles'!$G$18=$B$10,7,0)+IF('Standard Profiles'!$G$18=$B$17,14,0)+IF('Standard Profiles'!$G$18=$B$24,21,0),MOD($C3411,24)+1)/SUM(INDEX($D$3:$AA$30,INDEX(Jesper!$R$2:$R$366,ROW(INDEX(Jesper!AH$2:AH$366,ROUNDDOWN($C3411/24,0)+1,1))-1)+IF('Standard Profiles'!$G$18=$B$10,7,0)+IF('Standard Profiles'!$G$18=$B$17,14,0)+IF('Standard Profiles'!$G$18=$B$24,21,0),0)),0)</f>
        <v>0</v>
      </c>
      <c r="E3411" cm="1">
        <f t="array" ref="E3411">IFERROR(INDEX(Jesper!AI$2:AI$366,ROUNDDOWN($C3411/24,0)+1,1)*INDEX($D$3:$AA$30,INDEX(Jesper!$R$2:$R$366,ROW(INDEX(Jesper!AI$2:AI$366,ROUNDDOWN($C3411/24,0)+1,1))-1)+IF('Standard Profiles'!$G$19=$B$10,7,0)+IF('Standard Profiles'!$G$19=$B$17,14,0)+IF('Standard Profiles'!$G$19=$B$24,21,0),MOD($C3411,24)+1)/SUM(INDEX($D$3:$AA$30,INDEX(Jesper!$R$2:$R$366,ROW(INDEX(Jesper!AI$2:AI$366,ROUNDDOWN($C3411/24,0)+1,1))-1)+IF('Standard Profiles'!$G$19=$B$10,7,0)+IF('Standard Profiles'!$G$19=$B$17,14,0)+IF('Standard Profiles'!$G$19=$B$24,21,0),0)),0)</f>
        <v>2.7336685039605451</v>
      </c>
      <c r="F3411" cm="1">
        <f t="array" ref="F3411">IFERROR(INDEX(Jesper!AJ$2:AJ$366,ROUNDDOWN($C3411/24,0)+1,1)*INDEX($D$3:$AA$30,INDEX(Jesper!$R$2:$R$366,ROW(INDEX(Jesper!AJ$2:AJ$366,ROUNDDOWN($C3411/24,0)+1,1))-1)+IF('Standard Profiles'!$G$20=$B$10,7,0)+IF('Standard Profiles'!$G$20=$B$17,14,0)+IF('Standard Profiles'!$G$20=$B$24,21,0),MOD($C3411,24)+1)/SUM(INDEX($D$3:$AA$30,INDEX(Jesper!$R$2:$R$366,ROW(INDEX(Jesper!AJ$2:AJ$366,ROUNDDOWN($C3411/24,0)+1,1))-1)+IF('Standard Profiles'!$G$20=$B$10,7,0)+IF('Standard Profiles'!$G$20=$B$17,14,0)+IF('Standard Profiles'!$G$20=$B$24,21,0),0)),0)</f>
        <v>1.1858218449350366</v>
      </c>
      <c r="G3411" cm="1">
        <f t="array" ref="G3411">IFERROR(INDEX(Jesper!AK$2:AK$366,ROUNDDOWN($C3411/24,0)+1,1)*INDEX($D$3:$AA$30,INDEX(Jesper!$R$2:$R$366,ROW(INDEX(Jesper!AK$2:AK$366,ROUNDDOWN($C3411/24,0)+1,1))-1)+IF('Standard Profiles'!$G$21=$B$10,7,0)+IF('Standard Profiles'!$G$21=$B$17,14,0)+IF('Standard Profiles'!$G$21=$B$24,21,0),MOD($C3411,24)+1)/SUM(INDEX($D$3:$AA$30,INDEX(Jesper!$R$2:$R$366,ROW(INDEX(Jesper!AK$2:AK$366,ROUNDDOWN($C3411/24,0)+1,1))-1)+IF('Standard Profiles'!$G$21=$B$10,7,0)+IF('Standard Profiles'!$G$21=$B$17,14,0)+IF('Standard Profiles'!$G$21=$B$24,21,0),0)),0)</f>
        <v>0.68107782378992121</v>
      </c>
      <c r="H3411" cm="1">
        <f t="array" ref="H3411">IFERROR(INDEX(Jesper!AL$2:AL$366,ROUNDDOWN($C3411/24,0)+1,1)*INDEX($D$3:$AA$30,INDEX(Jesper!$R$2:$R$366,ROW(INDEX(Jesper!AL$2:AL$366,ROUNDDOWN($C3411/24,0)+1,1))-1)+IF('Standard Profiles'!$G$22=$B$10,7,0)+IF('Standard Profiles'!$G$22=$B$17,14,0)+IF('Standard Profiles'!$G$22=$B$24,21,0),MOD($C3411,24)+1)/SUM(INDEX($D$3:$AA$30,INDEX(Jesper!$R$2:$R$366,ROW(INDEX(Jesper!AL$2:AL$366,ROUNDDOWN($C3411/24,0)+1,1))-1)+IF('Standard Profiles'!$G$22=$B$10,7,0)+IF('Standard Profiles'!$G$22=$B$17,14,0)+IF('Standard Profiles'!$G$22=$B$24,21,0),0)),0)</f>
        <v>0.29673890656688867</v>
      </c>
      <c r="I3411">
        <f t="shared" si="384"/>
        <v>0.28486935030421329</v>
      </c>
      <c r="J3411">
        <f t="shared" si="385"/>
        <v>4.284397508472912</v>
      </c>
      <c r="K3411">
        <f t="shared" si="386"/>
        <v>0.2186934803168436</v>
      </c>
      <c r="L3411">
        <f t="shared" si="387"/>
        <v>0.1093467401584218</v>
      </c>
      <c r="M3411">
        <f t="shared" si="388"/>
        <v>0</v>
      </c>
      <c r="N3411" s="45">
        <f t="shared" si="389"/>
        <v>45067.708333325143</v>
      </c>
    </row>
    <row r="3412" spans="2:14" x14ac:dyDescent="0.25">
      <c r="B3412">
        <f t="shared" si="383"/>
        <v>7</v>
      </c>
      <c r="C3412" s="16">
        <v>3378</v>
      </c>
      <c r="D3412" cm="1">
        <f t="array" ref="D3412">IFERROR(INDEX(Jesper!AH$2:AH$366,ROUNDDOWN($C3412/24,0)+1,1)*INDEX($D$3:$AA$30,INDEX(Jesper!$R$2:$R$366,ROW(INDEX(Jesper!AH$2:AH$366,ROUNDDOWN($C3412/24,0)+1,1))-1)+IF('Standard Profiles'!$G$18=$B$10,7,0)+IF('Standard Profiles'!$G$18=$B$17,14,0)+IF('Standard Profiles'!$G$18=$B$24,21,0),MOD($C3412,24)+1)/SUM(INDEX($D$3:$AA$30,INDEX(Jesper!$R$2:$R$366,ROW(INDEX(Jesper!AH$2:AH$366,ROUNDDOWN($C3412/24,0)+1,1))-1)+IF('Standard Profiles'!$G$18=$B$10,7,0)+IF('Standard Profiles'!$G$18=$B$17,14,0)+IF('Standard Profiles'!$G$18=$B$24,21,0),0)),0)</f>
        <v>0</v>
      </c>
      <c r="E3412" cm="1">
        <f t="array" ref="E3412">IFERROR(INDEX(Jesper!AI$2:AI$366,ROUNDDOWN($C3412/24,0)+1,1)*INDEX($D$3:$AA$30,INDEX(Jesper!$R$2:$R$366,ROW(INDEX(Jesper!AI$2:AI$366,ROUNDDOWN($C3412/24,0)+1,1))-1)+IF('Standard Profiles'!$G$19=$B$10,7,0)+IF('Standard Profiles'!$G$19=$B$17,14,0)+IF('Standard Profiles'!$G$19=$B$24,21,0),MOD($C3412,24)+1)/SUM(INDEX($D$3:$AA$30,INDEX(Jesper!$R$2:$R$366,ROW(INDEX(Jesper!AI$2:AI$366,ROUNDDOWN($C3412/24,0)+1,1))-1)+IF('Standard Profiles'!$G$19=$B$10,7,0)+IF('Standard Profiles'!$G$19=$B$17,14,0)+IF('Standard Profiles'!$G$19=$B$24,21,0),0)),0)</f>
        <v>2.7336685039605451</v>
      </c>
      <c r="F3412" cm="1">
        <f t="array" ref="F3412">IFERROR(INDEX(Jesper!AJ$2:AJ$366,ROUNDDOWN($C3412/24,0)+1,1)*INDEX($D$3:$AA$30,INDEX(Jesper!$R$2:$R$366,ROW(INDEX(Jesper!AJ$2:AJ$366,ROUNDDOWN($C3412/24,0)+1,1))-1)+IF('Standard Profiles'!$G$20=$B$10,7,0)+IF('Standard Profiles'!$G$20=$B$17,14,0)+IF('Standard Profiles'!$G$20=$B$24,21,0),MOD($C3412,24)+1)/SUM(INDEX($D$3:$AA$30,INDEX(Jesper!$R$2:$R$366,ROW(INDEX(Jesper!AJ$2:AJ$366,ROUNDDOWN($C3412/24,0)+1,1))-1)+IF('Standard Profiles'!$G$20=$B$10,7,0)+IF('Standard Profiles'!$G$20=$B$17,14,0)+IF('Standard Profiles'!$G$20=$B$24,21,0),0)),0)</f>
        <v>1.1858218449350366</v>
      </c>
      <c r="G3412" cm="1">
        <f t="array" ref="G3412">IFERROR(INDEX(Jesper!AK$2:AK$366,ROUNDDOWN($C3412/24,0)+1,1)*INDEX($D$3:$AA$30,INDEX(Jesper!$R$2:$R$366,ROW(INDEX(Jesper!AK$2:AK$366,ROUNDDOWN($C3412/24,0)+1,1))-1)+IF('Standard Profiles'!$G$21=$B$10,7,0)+IF('Standard Profiles'!$G$21=$B$17,14,0)+IF('Standard Profiles'!$G$21=$B$24,21,0),MOD($C3412,24)+1)/SUM(INDEX($D$3:$AA$30,INDEX(Jesper!$R$2:$R$366,ROW(INDEX(Jesper!AK$2:AK$366,ROUNDDOWN($C3412/24,0)+1,1))-1)+IF('Standard Profiles'!$G$21=$B$10,7,0)+IF('Standard Profiles'!$G$21=$B$17,14,0)+IF('Standard Profiles'!$G$21=$B$24,21,0),0)),0)</f>
        <v>0.68107782378992121</v>
      </c>
      <c r="H3412" cm="1">
        <f t="array" ref="H3412">IFERROR(INDEX(Jesper!AL$2:AL$366,ROUNDDOWN($C3412/24,0)+1,1)*INDEX($D$3:$AA$30,INDEX(Jesper!$R$2:$R$366,ROW(INDEX(Jesper!AL$2:AL$366,ROUNDDOWN($C3412/24,0)+1,1))-1)+IF('Standard Profiles'!$G$22=$B$10,7,0)+IF('Standard Profiles'!$G$22=$B$17,14,0)+IF('Standard Profiles'!$G$22=$B$24,21,0),MOD($C3412,24)+1)/SUM(INDEX($D$3:$AA$30,INDEX(Jesper!$R$2:$R$366,ROW(INDEX(Jesper!AL$2:AL$366,ROUNDDOWN($C3412/24,0)+1,1))-1)+IF('Standard Profiles'!$G$22=$B$10,7,0)+IF('Standard Profiles'!$G$22=$B$17,14,0)+IF('Standard Profiles'!$G$22=$B$24,21,0),0)),0)</f>
        <v>0.27779812529666176</v>
      </c>
      <c r="I3412">
        <f t="shared" si="384"/>
        <v>0.26668620028479545</v>
      </c>
      <c r="J3412">
        <f t="shared" si="385"/>
        <v>4.2836398772221038</v>
      </c>
      <c r="K3412">
        <f t="shared" si="386"/>
        <v>0.2186934803168436</v>
      </c>
      <c r="L3412">
        <f t="shared" si="387"/>
        <v>0.1093467401584218</v>
      </c>
      <c r="M3412">
        <f t="shared" si="388"/>
        <v>0</v>
      </c>
      <c r="N3412" s="45">
        <f t="shared" si="389"/>
        <v>45067.749999991807</v>
      </c>
    </row>
    <row r="3413" spans="2:14" x14ac:dyDescent="0.25">
      <c r="B3413">
        <f t="shared" si="383"/>
        <v>7</v>
      </c>
      <c r="C3413" s="16">
        <v>3379</v>
      </c>
      <c r="D3413" cm="1">
        <f t="array" ref="D3413">IFERROR(INDEX(Jesper!AH$2:AH$366,ROUNDDOWN($C3413/24,0)+1,1)*INDEX($D$3:$AA$30,INDEX(Jesper!$R$2:$R$366,ROW(INDEX(Jesper!AH$2:AH$366,ROUNDDOWN($C3413/24,0)+1,1))-1)+IF('Standard Profiles'!$G$18=$B$10,7,0)+IF('Standard Profiles'!$G$18=$B$17,14,0)+IF('Standard Profiles'!$G$18=$B$24,21,0),MOD($C3413,24)+1)/SUM(INDEX($D$3:$AA$30,INDEX(Jesper!$R$2:$R$366,ROW(INDEX(Jesper!AH$2:AH$366,ROUNDDOWN($C3413/24,0)+1,1))-1)+IF('Standard Profiles'!$G$18=$B$10,7,0)+IF('Standard Profiles'!$G$18=$B$17,14,0)+IF('Standard Profiles'!$G$18=$B$24,21,0),0)),0)</f>
        <v>0</v>
      </c>
      <c r="E3413" cm="1">
        <f t="array" ref="E3413">IFERROR(INDEX(Jesper!AI$2:AI$366,ROUNDDOWN($C3413/24,0)+1,1)*INDEX($D$3:$AA$30,INDEX(Jesper!$R$2:$R$366,ROW(INDEX(Jesper!AI$2:AI$366,ROUNDDOWN($C3413/24,0)+1,1))-1)+IF('Standard Profiles'!$G$19=$B$10,7,0)+IF('Standard Profiles'!$G$19=$B$17,14,0)+IF('Standard Profiles'!$G$19=$B$24,21,0),MOD($C3413,24)+1)/SUM(INDEX($D$3:$AA$30,INDEX(Jesper!$R$2:$R$366,ROW(INDEX(Jesper!AI$2:AI$366,ROUNDDOWN($C3413/24,0)+1,1))-1)+IF('Standard Profiles'!$G$19=$B$10,7,0)+IF('Standard Profiles'!$G$19=$B$17,14,0)+IF('Standard Profiles'!$G$19=$B$24,21,0),0)),0)</f>
        <v>2.7336685039605451</v>
      </c>
      <c r="F3413" cm="1">
        <f t="array" ref="F3413">IFERROR(INDEX(Jesper!AJ$2:AJ$366,ROUNDDOWN($C3413/24,0)+1,1)*INDEX($D$3:$AA$30,INDEX(Jesper!$R$2:$R$366,ROW(INDEX(Jesper!AJ$2:AJ$366,ROUNDDOWN($C3413/24,0)+1,1))-1)+IF('Standard Profiles'!$G$20=$B$10,7,0)+IF('Standard Profiles'!$G$20=$B$17,14,0)+IF('Standard Profiles'!$G$20=$B$24,21,0),MOD($C3413,24)+1)/SUM(INDEX($D$3:$AA$30,INDEX(Jesper!$R$2:$R$366,ROW(INDEX(Jesper!AJ$2:AJ$366,ROUNDDOWN($C3413/24,0)+1,1))-1)+IF('Standard Profiles'!$G$20=$B$10,7,0)+IF('Standard Profiles'!$G$20=$B$17,14,0)+IF('Standard Profiles'!$G$20=$B$24,21,0),0)),0)</f>
        <v>1.1858218449350366</v>
      </c>
      <c r="G3413" cm="1">
        <f t="array" ref="G3413">IFERROR(INDEX(Jesper!AK$2:AK$366,ROUNDDOWN($C3413/24,0)+1,1)*INDEX($D$3:$AA$30,INDEX(Jesper!$R$2:$R$366,ROW(INDEX(Jesper!AK$2:AK$366,ROUNDDOWN($C3413/24,0)+1,1))-1)+IF('Standard Profiles'!$G$21=$B$10,7,0)+IF('Standard Profiles'!$G$21=$B$17,14,0)+IF('Standard Profiles'!$G$21=$B$24,21,0),MOD($C3413,24)+1)/SUM(INDEX($D$3:$AA$30,INDEX(Jesper!$R$2:$R$366,ROW(INDEX(Jesper!AK$2:AK$366,ROUNDDOWN($C3413/24,0)+1,1))-1)+IF('Standard Profiles'!$G$21=$B$10,7,0)+IF('Standard Profiles'!$G$21=$B$17,14,0)+IF('Standard Profiles'!$G$21=$B$24,21,0),0)),0)</f>
        <v>0.68107782378992121</v>
      </c>
      <c r="H3413" cm="1">
        <f t="array" ref="H3413">IFERROR(INDEX(Jesper!AL$2:AL$366,ROUNDDOWN($C3413/24,0)+1,1)*INDEX($D$3:$AA$30,INDEX(Jesper!$R$2:$R$366,ROW(INDEX(Jesper!AL$2:AL$366,ROUNDDOWN($C3413/24,0)+1,1))-1)+IF('Standard Profiles'!$G$22=$B$10,7,0)+IF('Standard Profiles'!$G$22=$B$17,14,0)+IF('Standard Profiles'!$G$22=$B$24,21,0),MOD($C3413,24)+1)/SUM(INDEX($D$3:$AA$30,INDEX(Jesper!$R$2:$R$366,ROW(INDEX(Jesper!AL$2:AL$366,ROUNDDOWN($C3413/24,0)+1,1))-1)+IF('Standard Profiles'!$G$22=$B$10,7,0)+IF('Standard Profiles'!$G$22=$B$17,14,0)+IF('Standard Profiles'!$G$22=$B$24,21,0),0)),0)</f>
        <v>0.23360296899946559</v>
      </c>
      <c r="I3413">
        <f t="shared" si="384"/>
        <v>0.22425885023948708</v>
      </c>
      <c r="J3413">
        <f t="shared" si="385"/>
        <v>4.2818720709702154</v>
      </c>
      <c r="K3413">
        <f t="shared" si="386"/>
        <v>0.2186934803168436</v>
      </c>
      <c r="L3413">
        <f t="shared" si="387"/>
        <v>0.1093467401584218</v>
      </c>
      <c r="M3413">
        <f t="shared" si="388"/>
        <v>0</v>
      </c>
      <c r="N3413" s="45">
        <f t="shared" si="389"/>
        <v>45067.791666658472</v>
      </c>
    </row>
    <row r="3414" spans="2:14" x14ac:dyDescent="0.25">
      <c r="B3414">
        <f t="shared" si="383"/>
        <v>7</v>
      </c>
      <c r="C3414" s="16">
        <v>3380</v>
      </c>
      <c r="D3414" cm="1">
        <f t="array" ref="D3414">IFERROR(INDEX(Jesper!AH$2:AH$366,ROUNDDOWN($C3414/24,0)+1,1)*INDEX($D$3:$AA$30,INDEX(Jesper!$R$2:$R$366,ROW(INDEX(Jesper!AH$2:AH$366,ROUNDDOWN($C3414/24,0)+1,1))-1)+IF('Standard Profiles'!$G$18=$B$10,7,0)+IF('Standard Profiles'!$G$18=$B$17,14,0)+IF('Standard Profiles'!$G$18=$B$24,21,0),MOD($C3414,24)+1)/SUM(INDEX($D$3:$AA$30,INDEX(Jesper!$R$2:$R$366,ROW(INDEX(Jesper!AH$2:AH$366,ROUNDDOWN($C3414/24,0)+1,1))-1)+IF('Standard Profiles'!$G$18=$B$10,7,0)+IF('Standard Profiles'!$G$18=$B$17,14,0)+IF('Standard Profiles'!$G$18=$B$24,21,0),0)),0)</f>
        <v>0</v>
      </c>
      <c r="E3414" cm="1">
        <f t="array" ref="E3414">IFERROR(INDEX(Jesper!AI$2:AI$366,ROUNDDOWN($C3414/24,0)+1,1)*INDEX($D$3:$AA$30,INDEX(Jesper!$R$2:$R$366,ROW(INDEX(Jesper!AI$2:AI$366,ROUNDDOWN($C3414/24,0)+1,1))-1)+IF('Standard Profiles'!$G$19=$B$10,7,0)+IF('Standard Profiles'!$G$19=$B$17,14,0)+IF('Standard Profiles'!$G$19=$B$24,21,0),MOD($C3414,24)+1)/SUM(INDEX($D$3:$AA$30,INDEX(Jesper!$R$2:$R$366,ROW(INDEX(Jesper!AI$2:AI$366,ROUNDDOWN($C3414/24,0)+1,1))-1)+IF('Standard Profiles'!$G$19=$B$10,7,0)+IF('Standard Profiles'!$G$19=$B$17,14,0)+IF('Standard Profiles'!$G$19=$B$24,21,0),0)),0)</f>
        <v>2.7336685039605451</v>
      </c>
      <c r="F3414" cm="1">
        <f t="array" ref="F3414">IFERROR(INDEX(Jesper!AJ$2:AJ$366,ROUNDDOWN($C3414/24,0)+1,1)*INDEX($D$3:$AA$30,INDEX(Jesper!$R$2:$R$366,ROW(INDEX(Jesper!AJ$2:AJ$366,ROUNDDOWN($C3414/24,0)+1,1))-1)+IF('Standard Profiles'!$G$20=$B$10,7,0)+IF('Standard Profiles'!$G$20=$B$17,14,0)+IF('Standard Profiles'!$G$20=$B$24,21,0),MOD($C3414,24)+1)/SUM(INDEX($D$3:$AA$30,INDEX(Jesper!$R$2:$R$366,ROW(INDEX(Jesper!AJ$2:AJ$366,ROUNDDOWN($C3414/24,0)+1,1))-1)+IF('Standard Profiles'!$G$20=$B$10,7,0)+IF('Standard Profiles'!$G$20=$B$17,14,0)+IF('Standard Profiles'!$G$20=$B$24,21,0),0)),0)</f>
        <v>1.1858218449350366</v>
      </c>
      <c r="G3414" cm="1">
        <f t="array" ref="G3414">IFERROR(INDEX(Jesper!AK$2:AK$366,ROUNDDOWN($C3414/24,0)+1,1)*INDEX($D$3:$AA$30,INDEX(Jesper!$R$2:$R$366,ROW(INDEX(Jesper!AK$2:AK$366,ROUNDDOWN($C3414/24,0)+1,1))-1)+IF('Standard Profiles'!$G$21=$B$10,7,0)+IF('Standard Profiles'!$G$21=$B$17,14,0)+IF('Standard Profiles'!$G$21=$B$24,21,0),MOD($C3414,24)+1)/SUM(INDEX($D$3:$AA$30,INDEX(Jesper!$R$2:$R$366,ROW(INDEX(Jesper!AK$2:AK$366,ROUNDDOWN($C3414/24,0)+1,1))-1)+IF('Standard Profiles'!$G$21=$B$10,7,0)+IF('Standard Profiles'!$G$21=$B$17,14,0)+IF('Standard Profiles'!$G$21=$B$24,21,0),0)),0)</f>
        <v>0.68107782378992121</v>
      </c>
      <c r="H3414" cm="1">
        <f t="array" ref="H3414">IFERROR(INDEX(Jesper!AL$2:AL$366,ROUNDDOWN($C3414/24,0)+1,1)*INDEX($D$3:$AA$30,INDEX(Jesper!$R$2:$R$366,ROW(INDEX(Jesper!AL$2:AL$366,ROUNDDOWN($C3414/24,0)+1,1))-1)+IF('Standard Profiles'!$G$22=$B$10,7,0)+IF('Standard Profiles'!$G$22=$B$17,14,0)+IF('Standard Profiles'!$G$22=$B$24,21,0),MOD($C3414,24)+1)/SUM(INDEX($D$3:$AA$30,INDEX(Jesper!$R$2:$R$366,ROW(INDEX(Jesper!AL$2:AL$366,ROUNDDOWN($C3414/24,0)+1,1))-1)+IF('Standard Profiles'!$G$22=$B$10,7,0)+IF('Standard Profiles'!$G$22=$B$17,14,0)+IF('Standard Profiles'!$G$22=$B$24,21,0),0)),0)</f>
        <v>0.19572140645901168</v>
      </c>
      <c r="I3414">
        <f t="shared" si="384"/>
        <v>0.18789255020065132</v>
      </c>
      <c r="J3414">
        <f t="shared" si="385"/>
        <v>4.2803568084685972</v>
      </c>
      <c r="K3414">
        <f t="shared" si="386"/>
        <v>0.2186934803168436</v>
      </c>
      <c r="L3414">
        <f t="shared" si="387"/>
        <v>0.1093467401584218</v>
      </c>
      <c r="M3414">
        <f t="shared" si="388"/>
        <v>0</v>
      </c>
      <c r="N3414" s="45">
        <f t="shared" si="389"/>
        <v>45067.833333325136</v>
      </c>
    </row>
    <row r="3415" spans="2:14" x14ac:dyDescent="0.25">
      <c r="B3415">
        <f t="shared" si="383"/>
        <v>7</v>
      </c>
      <c r="C3415" s="16">
        <v>3381</v>
      </c>
      <c r="D3415" cm="1">
        <f t="array" ref="D3415">IFERROR(INDEX(Jesper!AH$2:AH$366,ROUNDDOWN($C3415/24,0)+1,1)*INDEX($D$3:$AA$30,INDEX(Jesper!$R$2:$R$366,ROW(INDEX(Jesper!AH$2:AH$366,ROUNDDOWN($C3415/24,0)+1,1))-1)+IF('Standard Profiles'!$G$18=$B$10,7,0)+IF('Standard Profiles'!$G$18=$B$17,14,0)+IF('Standard Profiles'!$G$18=$B$24,21,0),MOD($C3415,24)+1)/SUM(INDEX($D$3:$AA$30,INDEX(Jesper!$R$2:$R$366,ROW(INDEX(Jesper!AH$2:AH$366,ROUNDDOWN($C3415/24,0)+1,1))-1)+IF('Standard Profiles'!$G$18=$B$10,7,0)+IF('Standard Profiles'!$G$18=$B$17,14,0)+IF('Standard Profiles'!$G$18=$B$24,21,0),0)),0)</f>
        <v>0</v>
      </c>
      <c r="E3415" cm="1">
        <f t="array" ref="E3415">IFERROR(INDEX(Jesper!AI$2:AI$366,ROUNDDOWN($C3415/24,0)+1,1)*INDEX($D$3:$AA$30,INDEX(Jesper!$R$2:$R$366,ROW(INDEX(Jesper!AI$2:AI$366,ROUNDDOWN($C3415/24,0)+1,1))-1)+IF('Standard Profiles'!$G$19=$B$10,7,0)+IF('Standard Profiles'!$G$19=$B$17,14,0)+IF('Standard Profiles'!$G$19=$B$24,21,0),MOD($C3415,24)+1)/SUM(INDEX($D$3:$AA$30,INDEX(Jesper!$R$2:$R$366,ROW(INDEX(Jesper!AI$2:AI$366,ROUNDDOWN($C3415/24,0)+1,1))-1)+IF('Standard Profiles'!$G$19=$B$10,7,0)+IF('Standard Profiles'!$G$19=$B$17,14,0)+IF('Standard Profiles'!$G$19=$B$24,21,0),0)),0)</f>
        <v>2.7336685039605451</v>
      </c>
      <c r="F3415" cm="1">
        <f t="array" ref="F3415">IFERROR(INDEX(Jesper!AJ$2:AJ$366,ROUNDDOWN($C3415/24,0)+1,1)*INDEX($D$3:$AA$30,INDEX(Jesper!$R$2:$R$366,ROW(INDEX(Jesper!AJ$2:AJ$366,ROUNDDOWN($C3415/24,0)+1,1))-1)+IF('Standard Profiles'!$G$20=$B$10,7,0)+IF('Standard Profiles'!$G$20=$B$17,14,0)+IF('Standard Profiles'!$G$20=$B$24,21,0),MOD($C3415,24)+1)/SUM(INDEX($D$3:$AA$30,INDEX(Jesper!$R$2:$R$366,ROW(INDEX(Jesper!AJ$2:AJ$366,ROUNDDOWN($C3415/24,0)+1,1))-1)+IF('Standard Profiles'!$G$20=$B$10,7,0)+IF('Standard Profiles'!$G$20=$B$17,14,0)+IF('Standard Profiles'!$G$20=$B$24,21,0),0)),0)</f>
        <v>1.1858218449350366</v>
      </c>
      <c r="G3415" cm="1">
        <f t="array" ref="G3415">IFERROR(INDEX(Jesper!AK$2:AK$366,ROUNDDOWN($C3415/24,0)+1,1)*INDEX($D$3:$AA$30,INDEX(Jesper!$R$2:$R$366,ROW(INDEX(Jesper!AK$2:AK$366,ROUNDDOWN($C3415/24,0)+1,1))-1)+IF('Standard Profiles'!$G$21=$B$10,7,0)+IF('Standard Profiles'!$G$21=$B$17,14,0)+IF('Standard Profiles'!$G$21=$B$24,21,0),MOD($C3415,24)+1)/SUM(INDEX($D$3:$AA$30,INDEX(Jesper!$R$2:$R$366,ROW(INDEX(Jesper!AK$2:AK$366,ROUNDDOWN($C3415/24,0)+1,1))-1)+IF('Standard Profiles'!$G$21=$B$10,7,0)+IF('Standard Profiles'!$G$21=$B$17,14,0)+IF('Standard Profiles'!$G$21=$B$24,21,0),0)),0)</f>
        <v>0.68107782378992121</v>
      </c>
      <c r="H3415" cm="1">
        <f t="array" ref="H3415">IFERROR(INDEX(Jesper!AL$2:AL$366,ROUNDDOWN($C3415/24,0)+1,1)*INDEX($D$3:$AA$30,INDEX(Jesper!$R$2:$R$366,ROW(INDEX(Jesper!AL$2:AL$366,ROUNDDOWN($C3415/24,0)+1,1))-1)+IF('Standard Profiles'!$G$22=$B$10,7,0)+IF('Standard Profiles'!$G$22=$B$17,14,0)+IF('Standard Profiles'!$G$22=$B$24,21,0),MOD($C3415,24)+1)/SUM(INDEX($D$3:$AA$30,INDEX(Jesper!$R$2:$R$366,ROW(INDEX(Jesper!AL$2:AL$366,ROUNDDOWN($C3415/24,0)+1,1))-1)+IF('Standard Profiles'!$G$22=$B$10,7,0)+IF('Standard Profiles'!$G$22=$B$17,14,0)+IF('Standard Profiles'!$G$22=$B$24,21,0),0)),0)</f>
        <v>0.17046703143204245</v>
      </c>
      <c r="I3415">
        <f t="shared" si="384"/>
        <v>0.16364835017476084</v>
      </c>
      <c r="J3415">
        <f t="shared" si="385"/>
        <v>4.2793466334675188</v>
      </c>
      <c r="K3415">
        <f t="shared" si="386"/>
        <v>0.2186934803168436</v>
      </c>
      <c r="L3415">
        <f t="shared" si="387"/>
        <v>0.1093467401584218</v>
      </c>
      <c r="M3415">
        <f t="shared" si="388"/>
        <v>0</v>
      </c>
      <c r="N3415" s="45">
        <f t="shared" si="389"/>
        <v>45067.8749999918</v>
      </c>
    </row>
    <row r="3416" spans="2:14" x14ac:dyDescent="0.25">
      <c r="B3416">
        <f t="shared" si="383"/>
        <v>7</v>
      </c>
      <c r="C3416" s="16">
        <v>3382</v>
      </c>
      <c r="D3416" cm="1">
        <f t="array" ref="D3416">IFERROR(INDEX(Jesper!AH$2:AH$366,ROUNDDOWN($C3416/24,0)+1,1)*INDEX($D$3:$AA$30,INDEX(Jesper!$R$2:$R$366,ROW(INDEX(Jesper!AH$2:AH$366,ROUNDDOWN($C3416/24,0)+1,1))-1)+IF('Standard Profiles'!$G$18=$B$10,7,0)+IF('Standard Profiles'!$G$18=$B$17,14,0)+IF('Standard Profiles'!$G$18=$B$24,21,0),MOD($C3416,24)+1)/SUM(INDEX($D$3:$AA$30,INDEX(Jesper!$R$2:$R$366,ROW(INDEX(Jesper!AH$2:AH$366,ROUNDDOWN($C3416/24,0)+1,1))-1)+IF('Standard Profiles'!$G$18=$B$10,7,0)+IF('Standard Profiles'!$G$18=$B$17,14,0)+IF('Standard Profiles'!$G$18=$B$24,21,0),0)),0)</f>
        <v>0</v>
      </c>
      <c r="E3416" cm="1">
        <f t="array" ref="E3416">IFERROR(INDEX(Jesper!AI$2:AI$366,ROUNDDOWN($C3416/24,0)+1,1)*INDEX($D$3:$AA$30,INDEX(Jesper!$R$2:$R$366,ROW(INDEX(Jesper!AI$2:AI$366,ROUNDDOWN($C3416/24,0)+1,1))-1)+IF('Standard Profiles'!$G$19=$B$10,7,0)+IF('Standard Profiles'!$G$19=$B$17,14,0)+IF('Standard Profiles'!$G$19=$B$24,21,0),MOD($C3416,24)+1)/SUM(INDEX($D$3:$AA$30,INDEX(Jesper!$R$2:$R$366,ROW(INDEX(Jesper!AI$2:AI$366,ROUNDDOWN($C3416/24,0)+1,1))-1)+IF('Standard Profiles'!$G$19=$B$10,7,0)+IF('Standard Profiles'!$G$19=$B$17,14,0)+IF('Standard Profiles'!$G$19=$B$24,21,0),0)),0)</f>
        <v>2.7336685039605451</v>
      </c>
      <c r="F3416" cm="1">
        <f t="array" ref="F3416">IFERROR(INDEX(Jesper!AJ$2:AJ$366,ROUNDDOWN($C3416/24,0)+1,1)*INDEX($D$3:$AA$30,INDEX(Jesper!$R$2:$R$366,ROW(INDEX(Jesper!AJ$2:AJ$366,ROUNDDOWN($C3416/24,0)+1,1))-1)+IF('Standard Profiles'!$G$20=$B$10,7,0)+IF('Standard Profiles'!$G$20=$B$17,14,0)+IF('Standard Profiles'!$G$20=$B$24,21,0),MOD($C3416,24)+1)/SUM(INDEX($D$3:$AA$30,INDEX(Jesper!$R$2:$R$366,ROW(INDEX(Jesper!AJ$2:AJ$366,ROUNDDOWN($C3416/24,0)+1,1))-1)+IF('Standard Profiles'!$G$20=$B$10,7,0)+IF('Standard Profiles'!$G$20=$B$17,14,0)+IF('Standard Profiles'!$G$20=$B$24,21,0),0)),0)</f>
        <v>1.1858218449350366</v>
      </c>
      <c r="G3416" cm="1">
        <f t="array" ref="G3416">IFERROR(INDEX(Jesper!AK$2:AK$366,ROUNDDOWN($C3416/24,0)+1,1)*INDEX($D$3:$AA$30,INDEX(Jesper!$R$2:$R$366,ROW(INDEX(Jesper!AK$2:AK$366,ROUNDDOWN($C3416/24,0)+1,1))-1)+IF('Standard Profiles'!$G$21=$B$10,7,0)+IF('Standard Profiles'!$G$21=$B$17,14,0)+IF('Standard Profiles'!$G$21=$B$24,21,0),MOD($C3416,24)+1)/SUM(INDEX($D$3:$AA$30,INDEX(Jesper!$R$2:$R$366,ROW(INDEX(Jesper!AK$2:AK$366,ROUNDDOWN($C3416/24,0)+1,1))-1)+IF('Standard Profiles'!$G$21=$B$10,7,0)+IF('Standard Profiles'!$G$21=$B$17,14,0)+IF('Standard Profiles'!$G$21=$B$24,21,0),0)),0)</f>
        <v>0.68107782378992121</v>
      </c>
      <c r="H3416" cm="1">
        <f t="array" ref="H3416">IFERROR(INDEX(Jesper!AL$2:AL$366,ROUNDDOWN($C3416/24,0)+1,1)*INDEX($D$3:$AA$30,INDEX(Jesper!$R$2:$R$366,ROW(INDEX(Jesper!AL$2:AL$366,ROUNDDOWN($C3416/24,0)+1,1))-1)+IF('Standard Profiles'!$G$22=$B$10,7,0)+IF('Standard Profiles'!$G$22=$B$17,14,0)+IF('Standard Profiles'!$G$22=$B$24,21,0),MOD($C3416,24)+1)/SUM(INDEX($D$3:$AA$30,INDEX(Jesper!$R$2:$R$366,ROW(INDEX(Jesper!AL$2:AL$366,ROUNDDOWN($C3416/24,0)+1,1))-1)+IF('Standard Profiles'!$G$22=$B$10,7,0)+IF('Standard Profiles'!$G$22=$B$17,14,0)+IF('Standard Profiles'!$G$22=$B$24,21,0),0)),0)</f>
        <v>0.17046703143204245</v>
      </c>
      <c r="I3416">
        <f t="shared" si="384"/>
        <v>0.16364835017476084</v>
      </c>
      <c r="J3416">
        <f t="shared" si="385"/>
        <v>4.2793466334675188</v>
      </c>
      <c r="K3416">
        <f t="shared" si="386"/>
        <v>0.2186934803168436</v>
      </c>
      <c r="L3416">
        <f t="shared" si="387"/>
        <v>0.1093467401584218</v>
      </c>
      <c r="M3416">
        <f t="shared" si="388"/>
        <v>0</v>
      </c>
      <c r="N3416" s="45">
        <f t="shared" si="389"/>
        <v>45067.916666658464</v>
      </c>
    </row>
    <row r="3417" spans="2:14" x14ac:dyDescent="0.25">
      <c r="B3417">
        <f t="shared" si="383"/>
        <v>7</v>
      </c>
      <c r="C3417" s="16">
        <v>3383</v>
      </c>
      <c r="D3417" cm="1">
        <f t="array" ref="D3417">IFERROR(INDEX(Jesper!AH$2:AH$366,ROUNDDOWN($C3417/24,0)+1,1)*INDEX($D$3:$AA$30,INDEX(Jesper!$R$2:$R$366,ROW(INDEX(Jesper!AH$2:AH$366,ROUNDDOWN($C3417/24,0)+1,1))-1)+IF('Standard Profiles'!$G$18=$B$10,7,0)+IF('Standard Profiles'!$G$18=$B$17,14,0)+IF('Standard Profiles'!$G$18=$B$24,21,0),MOD($C3417,24)+1)/SUM(INDEX($D$3:$AA$30,INDEX(Jesper!$R$2:$R$366,ROW(INDEX(Jesper!AH$2:AH$366,ROUNDDOWN($C3417/24,0)+1,1))-1)+IF('Standard Profiles'!$G$18=$B$10,7,0)+IF('Standard Profiles'!$G$18=$B$17,14,0)+IF('Standard Profiles'!$G$18=$B$24,21,0),0)),0)</f>
        <v>0</v>
      </c>
      <c r="E3417" cm="1">
        <f t="array" ref="E3417">IFERROR(INDEX(Jesper!AI$2:AI$366,ROUNDDOWN($C3417/24,0)+1,1)*INDEX($D$3:$AA$30,INDEX(Jesper!$R$2:$R$366,ROW(INDEX(Jesper!AI$2:AI$366,ROUNDDOWN($C3417/24,0)+1,1))-1)+IF('Standard Profiles'!$G$19=$B$10,7,0)+IF('Standard Profiles'!$G$19=$B$17,14,0)+IF('Standard Profiles'!$G$19=$B$24,21,0),MOD($C3417,24)+1)/SUM(INDEX($D$3:$AA$30,INDEX(Jesper!$R$2:$R$366,ROW(INDEX(Jesper!AI$2:AI$366,ROUNDDOWN($C3417/24,0)+1,1))-1)+IF('Standard Profiles'!$G$19=$B$10,7,0)+IF('Standard Profiles'!$G$19=$B$17,14,0)+IF('Standard Profiles'!$G$19=$B$24,21,0),0)),0)</f>
        <v>2.7336685039605451</v>
      </c>
      <c r="F3417" cm="1">
        <f t="array" ref="F3417">IFERROR(INDEX(Jesper!AJ$2:AJ$366,ROUNDDOWN($C3417/24,0)+1,1)*INDEX($D$3:$AA$30,INDEX(Jesper!$R$2:$R$366,ROW(INDEX(Jesper!AJ$2:AJ$366,ROUNDDOWN($C3417/24,0)+1,1))-1)+IF('Standard Profiles'!$G$20=$B$10,7,0)+IF('Standard Profiles'!$G$20=$B$17,14,0)+IF('Standard Profiles'!$G$20=$B$24,21,0),MOD($C3417,24)+1)/SUM(INDEX($D$3:$AA$30,INDEX(Jesper!$R$2:$R$366,ROW(INDEX(Jesper!AJ$2:AJ$366,ROUNDDOWN($C3417/24,0)+1,1))-1)+IF('Standard Profiles'!$G$20=$B$10,7,0)+IF('Standard Profiles'!$G$20=$B$17,14,0)+IF('Standard Profiles'!$G$20=$B$24,21,0),0)),0)</f>
        <v>1.1858218449350366</v>
      </c>
      <c r="G3417" cm="1">
        <f t="array" ref="G3417">IFERROR(INDEX(Jesper!AK$2:AK$366,ROUNDDOWN($C3417/24,0)+1,1)*INDEX($D$3:$AA$30,INDEX(Jesper!$R$2:$R$366,ROW(INDEX(Jesper!AK$2:AK$366,ROUNDDOWN($C3417/24,0)+1,1))-1)+IF('Standard Profiles'!$G$21=$B$10,7,0)+IF('Standard Profiles'!$G$21=$B$17,14,0)+IF('Standard Profiles'!$G$21=$B$24,21,0),MOD($C3417,24)+1)/SUM(INDEX($D$3:$AA$30,INDEX(Jesper!$R$2:$R$366,ROW(INDEX(Jesper!AK$2:AK$366,ROUNDDOWN($C3417/24,0)+1,1))-1)+IF('Standard Profiles'!$G$21=$B$10,7,0)+IF('Standard Profiles'!$G$21=$B$17,14,0)+IF('Standard Profiles'!$G$21=$B$24,21,0),0)),0)</f>
        <v>0.68107782378992121</v>
      </c>
      <c r="H3417" cm="1">
        <f t="array" ref="H3417">IFERROR(INDEX(Jesper!AL$2:AL$366,ROUNDDOWN($C3417/24,0)+1,1)*INDEX($D$3:$AA$30,INDEX(Jesper!$R$2:$R$366,ROW(INDEX(Jesper!AL$2:AL$366,ROUNDDOWN($C3417/24,0)+1,1))-1)+IF('Standard Profiles'!$G$22=$B$10,7,0)+IF('Standard Profiles'!$G$22=$B$17,14,0)+IF('Standard Profiles'!$G$22=$B$24,21,0),MOD($C3417,24)+1)/SUM(INDEX($D$3:$AA$30,INDEX(Jesper!$R$2:$R$366,ROW(INDEX(Jesper!AL$2:AL$366,ROUNDDOWN($C3417/24,0)+1,1))-1)+IF('Standard Profiles'!$G$22=$B$10,7,0)+IF('Standard Profiles'!$G$22=$B$17,14,0)+IF('Standard Profiles'!$G$22=$B$24,21,0),0)),0)</f>
        <v>0.17046703143204245</v>
      </c>
      <c r="I3417">
        <f t="shared" si="384"/>
        <v>0.16364835017476084</v>
      </c>
      <c r="J3417">
        <f t="shared" si="385"/>
        <v>4.2793466334675188</v>
      </c>
      <c r="K3417">
        <f t="shared" si="386"/>
        <v>0.2186934803168436</v>
      </c>
      <c r="L3417">
        <f t="shared" si="387"/>
        <v>0.1093467401584218</v>
      </c>
      <c r="M3417">
        <f t="shared" si="388"/>
        <v>0</v>
      </c>
      <c r="N3417" s="45">
        <f t="shared" si="389"/>
        <v>45067.958333325128</v>
      </c>
    </row>
    <row r="3418" spans="2:14" x14ac:dyDescent="0.25">
      <c r="B3418">
        <f t="shared" si="383"/>
        <v>1</v>
      </c>
      <c r="C3418" s="16">
        <v>3384</v>
      </c>
      <c r="D3418" cm="1">
        <f t="array" ref="D3418">IFERROR(INDEX(Jesper!AH$2:AH$366,ROUNDDOWN($C3418/24,0)+1,1)*INDEX($D$3:$AA$30,INDEX(Jesper!$R$2:$R$366,ROW(INDEX(Jesper!AH$2:AH$366,ROUNDDOWN($C3418/24,0)+1,1))-1)+IF('Standard Profiles'!$G$18=$B$10,7,0)+IF('Standard Profiles'!$G$18=$B$17,14,0)+IF('Standard Profiles'!$G$18=$B$24,21,0),MOD($C3418,24)+1)/SUM(INDEX($D$3:$AA$30,INDEX(Jesper!$R$2:$R$366,ROW(INDEX(Jesper!AH$2:AH$366,ROUNDDOWN($C3418/24,0)+1,1))-1)+IF('Standard Profiles'!$G$18=$B$10,7,0)+IF('Standard Profiles'!$G$18=$B$17,14,0)+IF('Standard Profiles'!$G$18=$B$24,21,0),0)),0)</f>
        <v>5.1270247637741999</v>
      </c>
      <c r="E3418" cm="1">
        <f t="array" ref="E3418">IFERROR(INDEX(Jesper!AI$2:AI$366,ROUNDDOWN($C3418/24,0)+1,1)*INDEX($D$3:$AA$30,INDEX(Jesper!$R$2:$R$366,ROW(INDEX(Jesper!AI$2:AI$366,ROUNDDOWN($C3418/24,0)+1,1))-1)+IF('Standard Profiles'!$G$19=$B$10,7,0)+IF('Standard Profiles'!$G$19=$B$17,14,0)+IF('Standard Profiles'!$G$19=$B$24,21,0),MOD($C3418,24)+1)/SUM(INDEX($D$3:$AA$30,INDEX(Jesper!$R$2:$R$366,ROW(INDEX(Jesper!AI$2:AI$366,ROUNDDOWN($C3418/24,0)+1,1))-1)+IF('Standard Profiles'!$G$19=$B$10,7,0)+IF('Standard Profiles'!$G$19=$B$17,14,0)+IF('Standard Profiles'!$G$19=$B$24,21,0),0)),0)</f>
        <v>2.1702420261278701</v>
      </c>
      <c r="F3418" cm="1">
        <f t="array" ref="F3418">IFERROR(INDEX(Jesper!AJ$2:AJ$366,ROUNDDOWN($C3418/24,0)+1,1)*INDEX($D$3:$AA$30,INDEX(Jesper!$R$2:$R$366,ROW(INDEX(Jesper!AJ$2:AJ$366,ROUNDDOWN($C3418/24,0)+1,1))-1)+IF('Standard Profiles'!$G$20=$B$10,7,0)+IF('Standard Profiles'!$G$20=$B$17,14,0)+IF('Standard Profiles'!$G$20=$B$24,21,0),MOD($C3418,24)+1)/SUM(INDEX($D$3:$AA$30,INDEX(Jesper!$R$2:$R$366,ROW(INDEX(Jesper!AJ$2:AJ$366,ROUNDDOWN($C3418/24,0)+1,1))-1)+IF('Standard Profiles'!$G$20=$B$10,7,0)+IF('Standard Profiles'!$G$20=$B$17,14,0)+IF('Standard Profiles'!$G$20=$B$24,21,0),0)),0)</f>
        <v>0</v>
      </c>
      <c r="G3418" cm="1">
        <f t="array" ref="G3418">IFERROR(INDEX(Jesper!AK$2:AK$366,ROUNDDOWN($C3418/24,0)+1,1)*INDEX($D$3:$AA$30,INDEX(Jesper!$R$2:$R$366,ROW(INDEX(Jesper!AK$2:AK$366,ROUNDDOWN($C3418/24,0)+1,1))-1)+IF('Standard Profiles'!$G$21=$B$10,7,0)+IF('Standard Profiles'!$G$21=$B$17,14,0)+IF('Standard Profiles'!$G$21=$B$24,21,0),MOD($C3418,24)+1)/SUM(INDEX($D$3:$AA$30,INDEX(Jesper!$R$2:$R$366,ROW(INDEX(Jesper!AK$2:AK$366,ROUNDDOWN($C3418/24,0)+1,1))-1)+IF('Standard Profiles'!$G$21=$B$10,7,0)+IF('Standard Profiles'!$G$21=$B$17,14,0)+IF('Standard Profiles'!$G$21=$B$24,21,0),0)),0)</f>
        <v>0.14045771991415945</v>
      </c>
      <c r="H3418" cm="1">
        <f t="array" ref="H3418">IFERROR(INDEX(Jesper!AL$2:AL$366,ROUNDDOWN($C3418/24,0)+1,1)*INDEX($D$3:$AA$30,INDEX(Jesper!$R$2:$R$366,ROW(INDEX(Jesper!AL$2:AL$366,ROUNDDOWN($C3418/24,0)+1,1))-1)+IF('Standard Profiles'!$G$22=$B$10,7,0)+IF('Standard Profiles'!$G$22=$B$17,14,0)+IF('Standard Profiles'!$G$22=$B$24,21,0),MOD($C3418,24)+1)/SUM(INDEX($D$3:$AA$30,INDEX(Jesper!$R$2:$R$366,ROW(INDEX(Jesper!AL$2:AL$366,ROUNDDOWN($C3418/24,0)+1,1))-1)+IF('Standard Profiles'!$G$22=$B$10,7,0)+IF('Standard Profiles'!$G$22=$B$17,14,0)+IF('Standard Profiles'!$G$22=$B$24,21,0),0)),0)</f>
        <v>0</v>
      </c>
      <c r="I3418">
        <f t="shared" si="384"/>
        <v>6.7419705558796506E-2</v>
      </c>
      <c r="J3418">
        <f t="shared" si="385"/>
        <v>6.5499808420535599</v>
      </c>
      <c r="K3418">
        <f t="shared" si="386"/>
        <v>0.54688264146924803</v>
      </c>
      <c r="L3418">
        <f t="shared" si="387"/>
        <v>0.27344132073462402</v>
      </c>
      <c r="M3418">
        <f t="shared" si="388"/>
        <v>0</v>
      </c>
      <c r="N3418" s="45">
        <f t="shared" si="389"/>
        <v>45067.999999991793</v>
      </c>
    </row>
    <row r="3419" spans="2:14" x14ac:dyDescent="0.25">
      <c r="B3419">
        <f t="shared" si="383"/>
        <v>1</v>
      </c>
      <c r="C3419" s="16">
        <v>3385</v>
      </c>
      <c r="D3419" cm="1">
        <f t="array" ref="D3419">IFERROR(INDEX(Jesper!AH$2:AH$366,ROUNDDOWN($C3419/24,0)+1,1)*INDEX($D$3:$AA$30,INDEX(Jesper!$R$2:$R$366,ROW(INDEX(Jesper!AH$2:AH$366,ROUNDDOWN($C3419/24,0)+1,1))-1)+IF('Standard Profiles'!$G$18=$B$10,7,0)+IF('Standard Profiles'!$G$18=$B$17,14,0)+IF('Standard Profiles'!$G$18=$B$24,21,0),MOD($C3419,24)+1)/SUM(INDEX($D$3:$AA$30,INDEX(Jesper!$R$2:$R$366,ROW(INDEX(Jesper!AH$2:AH$366,ROUNDDOWN($C3419/24,0)+1,1))-1)+IF('Standard Profiles'!$G$18=$B$10,7,0)+IF('Standard Profiles'!$G$18=$B$17,14,0)+IF('Standard Profiles'!$G$18=$B$24,21,0),0)),0)</f>
        <v>5.1270247637741999</v>
      </c>
      <c r="E3419" cm="1">
        <f t="array" ref="E3419">IFERROR(INDEX(Jesper!AI$2:AI$366,ROUNDDOWN($C3419/24,0)+1,1)*INDEX($D$3:$AA$30,INDEX(Jesper!$R$2:$R$366,ROW(INDEX(Jesper!AI$2:AI$366,ROUNDDOWN($C3419/24,0)+1,1))-1)+IF('Standard Profiles'!$G$19=$B$10,7,0)+IF('Standard Profiles'!$G$19=$B$17,14,0)+IF('Standard Profiles'!$G$19=$B$24,21,0),MOD($C3419,24)+1)/SUM(INDEX($D$3:$AA$30,INDEX(Jesper!$R$2:$R$366,ROW(INDEX(Jesper!AI$2:AI$366,ROUNDDOWN($C3419/24,0)+1,1))-1)+IF('Standard Profiles'!$G$19=$B$10,7,0)+IF('Standard Profiles'!$G$19=$B$17,14,0)+IF('Standard Profiles'!$G$19=$B$24,21,0),0)),0)</f>
        <v>2.1702420261278701</v>
      </c>
      <c r="F3419" cm="1">
        <f t="array" ref="F3419">IFERROR(INDEX(Jesper!AJ$2:AJ$366,ROUNDDOWN($C3419/24,0)+1,1)*INDEX($D$3:$AA$30,INDEX(Jesper!$R$2:$R$366,ROW(INDEX(Jesper!AJ$2:AJ$366,ROUNDDOWN($C3419/24,0)+1,1))-1)+IF('Standard Profiles'!$G$20=$B$10,7,0)+IF('Standard Profiles'!$G$20=$B$17,14,0)+IF('Standard Profiles'!$G$20=$B$24,21,0),MOD($C3419,24)+1)/SUM(INDEX($D$3:$AA$30,INDEX(Jesper!$R$2:$R$366,ROW(INDEX(Jesper!AJ$2:AJ$366,ROUNDDOWN($C3419/24,0)+1,1))-1)+IF('Standard Profiles'!$G$20=$B$10,7,0)+IF('Standard Profiles'!$G$20=$B$17,14,0)+IF('Standard Profiles'!$G$20=$B$24,21,0),0)),0)</f>
        <v>0</v>
      </c>
      <c r="G3419" cm="1">
        <f t="array" ref="G3419">IFERROR(INDEX(Jesper!AK$2:AK$366,ROUNDDOWN($C3419/24,0)+1,1)*INDEX($D$3:$AA$30,INDEX(Jesper!$R$2:$R$366,ROW(INDEX(Jesper!AK$2:AK$366,ROUNDDOWN($C3419/24,0)+1,1))-1)+IF('Standard Profiles'!$G$21=$B$10,7,0)+IF('Standard Profiles'!$G$21=$B$17,14,0)+IF('Standard Profiles'!$G$21=$B$24,21,0),MOD($C3419,24)+1)/SUM(INDEX($D$3:$AA$30,INDEX(Jesper!$R$2:$R$366,ROW(INDEX(Jesper!AK$2:AK$366,ROUNDDOWN($C3419/24,0)+1,1))-1)+IF('Standard Profiles'!$G$21=$B$10,7,0)+IF('Standard Profiles'!$G$21=$B$17,14,0)+IF('Standard Profiles'!$G$21=$B$24,21,0),0)),0)</f>
        <v>0.14045771991415945</v>
      </c>
      <c r="H3419" cm="1">
        <f t="array" ref="H3419">IFERROR(INDEX(Jesper!AL$2:AL$366,ROUNDDOWN($C3419/24,0)+1,1)*INDEX($D$3:$AA$30,INDEX(Jesper!$R$2:$R$366,ROW(INDEX(Jesper!AL$2:AL$366,ROUNDDOWN($C3419/24,0)+1,1))-1)+IF('Standard Profiles'!$G$22=$B$10,7,0)+IF('Standard Profiles'!$G$22=$B$17,14,0)+IF('Standard Profiles'!$G$22=$B$24,21,0),MOD($C3419,24)+1)/SUM(INDEX($D$3:$AA$30,INDEX(Jesper!$R$2:$R$366,ROW(INDEX(Jesper!AL$2:AL$366,ROUNDDOWN($C3419/24,0)+1,1))-1)+IF('Standard Profiles'!$G$22=$B$10,7,0)+IF('Standard Profiles'!$G$22=$B$17,14,0)+IF('Standard Profiles'!$G$22=$B$24,21,0),0)),0)</f>
        <v>0</v>
      </c>
      <c r="I3419">
        <f t="shared" si="384"/>
        <v>6.7419705558796506E-2</v>
      </c>
      <c r="J3419">
        <f t="shared" si="385"/>
        <v>6.5499808420535599</v>
      </c>
      <c r="K3419">
        <f t="shared" si="386"/>
        <v>0.54688264146924803</v>
      </c>
      <c r="L3419">
        <f t="shared" si="387"/>
        <v>0.27344132073462402</v>
      </c>
      <c r="M3419">
        <f t="shared" si="388"/>
        <v>0</v>
      </c>
      <c r="N3419" s="45">
        <f t="shared" si="389"/>
        <v>45068.041666658457</v>
      </c>
    </row>
    <row r="3420" spans="2:14" x14ac:dyDescent="0.25">
      <c r="B3420">
        <f t="shared" si="383"/>
        <v>1</v>
      </c>
      <c r="C3420" s="16">
        <v>3386</v>
      </c>
      <c r="D3420" cm="1">
        <f t="array" ref="D3420">IFERROR(INDEX(Jesper!AH$2:AH$366,ROUNDDOWN($C3420/24,0)+1,1)*INDEX($D$3:$AA$30,INDEX(Jesper!$R$2:$R$366,ROW(INDEX(Jesper!AH$2:AH$366,ROUNDDOWN($C3420/24,0)+1,1))-1)+IF('Standard Profiles'!$G$18=$B$10,7,0)+IF('Standard Profiles'!$G$18=$B$17,14,0)+IF('Standard Profiles'!$G$18=$B$24,21,0),MOD($C3420,24)+1)/SUM(INDEX($D$3:$AA$30,INDEX(Jesper!$R$2:$R$366,ROW(INDEX(Jesper!AH$2:AH$366,ROUNDDOWN($C3420/24,0)+1,1))-1)+IF('Standard Profiles'!$G$18=$B$10,7,0)+IF('Standard Profiles'!$G$18=$B$17,14,0)+IF('Standard Profiles'!$G$18=$B$24,21,0),0)),0)</f>
        <v>5.1270247637741999</v>
      </c>
      <c r="E3420" cm="1">
        <f t="array" ref="E3420">IFERROR(INDEX(Jesper!AI$2:AI$366,ROUNDDOWN($C3420/24,0)+1,1)*INDEX($D$3:$AA$30,INDEX(Jesper!$R$2:$R$366,ROW(INDEX(Jesper!AI$2:AI$366,ROUNDDOWN($C3420/24,0)+1,1))-1)+IF('Standard Profiles'!$G$19=$B$10,7,0)+IF('Standard Profiles'!$G$19=$B$17,14,0)+IF('Standard Profiles'!$G$19=$B$24,21,0),MOD($C3420,24)+1)/SUM(INDEX($D$3:$AA$30,INDEX(Jesper!$R$2:$R$366,ROW(INDEX(Jesper!AI$2:AI$366,ROUNDDOWN($C3420/24,0)+1,1))-1)+IF('Standard Profiles'!$G$19=$B$10,7,0)+IF('Standard Profiles'!$G$19=$B$17,14,0)+IF('Standard Profiles'!$G$19=$B$24,21,0),0)),0)</f>
        <v>2.1702420261278701</v>
      </c>
      <c r="F3420" cm="1">
        <f t="array" ref="F3420">IFERROR(INDEX(Jesper!AJ$2:AJ$366,ROUNDDOWN($C3420/24,0)+1,1)*INDEX($D$3:$AA$30,INDEX(Jesper!$R$2:$R$366,ROW(INDEX(Jesper!AJ$2:AJ$366,ROUNDDOWN($C3420/24,0)+1,1))-1)+IF('Standard Profiles'!$G$20=$B$10,7,0)+IF('Standard Profiles'!$G$20=$B$17,14,0)+IF('Standard Profiles'!$G$20=$B$24,21,0),MOD($C3420,24)+1)/SUM(INDEX($D$3:$AA$30,INDEX(Jesper!$R$2:$R$366,ROW(INDEX(Jesper!AJ$2:AJ$366,ROUNDDOWN($C3420/24,0)+1,1))-1)+IF('Standard Profiles'!$G$20=$B$10,7,0)+IF('Standard Profiles'!$G$20=$B$17,14,0)+IF('Standard Profiles'!$G$20=$B$24,21,0),0)),0)</f>
        <v>0</v>
      </c>
      <c r="G3420" cm="1">
        <f t="array" ref="G3420">IFERROR(INDEX(Jesper!AK$2:AK$366,ROUNDDOWN($C3420/24,0)+1,1)*INDEX($D$3:$AA$30,INDEX(Jesper!$R$2:$R$366,ROW(INDEX(Jesper!AK$2:AK$366,ROUNDDOWN($C3420/24,0)+1,1))-1)+IF('Standard Profiles'!$G$21=$B$10,7,0)+IF('Standard Profiles'!$G$21=$B$17,14,0)+IF('Standard Profiles'!$G$21=$B$24,21,0),MOD($C3420,24)+1)/SUM(INDEX($D$3:$AA$30,INDEX(Jesper!$R$2:$R$366,ROW(INDEX(Jesper!AK$2:AK$366,ROUNDDOWN($C3420/24,0)+1,1))-1)+IF('Standard Profiles'!$G$21=$B$10,7,0)+IF('Standard Profiles'!$G$21=$B$17,14,0)+IF('Standard Profiles'!$G$21=$B$24,21,0),0)),0)</f>
        <v>0.14045771991415945</v>
      </c>
      <c r="H3420" cm="1">
        <f t="array" ref="H3420">IFERROR(INDEX(Jesper!AL$2:AL$366,ROUNDDOWN($C3420/24,0)+1,1)*INDEX($D$3:$AA$30,INDEX(Jesper!$R$2:$R$366,ROW(INDEX(Jesper!AL$2:AL$366,ROUNDDOWN($C3420/24,0)+1,1))-1)+IF('Standard Profiles'!$G$22=$B$10,7,0)+IF('Standard Profiles'!$G$22=$B$17,14,0)+IF('Standard Profiles'!$G$22=$B$24,21,0),MOD($C3420,24)+1)/SUM(INDEX($D$3:$AA$30,INDEX(Jesper!$R$2:$R$366,ROW(INDEX(Jesper!AL$2:AL$366,ROUNDDOWN($C3420/24,0)+1,1))-1)+IF('Standard Profiles'!$G$22=$B$10,7,0)+IF('Standard Profiles'!$G$22=$B$17,14,0)+IF('Standard Profiles'!$G$22=$B$24,21,0),0)),0)</f>
        <v>0</v>
      </c>
      <c r="I3420">
        <f t="shared" si="384"/>
        <v>6.7419705558796506E-2</v>
      </c>
      <c r="J3420">
        <f t="shared" si="385"/>
        <v>6.5499808420535599</v>
      </c>
      <c r="K3420">
        <f t="shared" si="386"/>
        <v>0.54688264146924803</v>
      </c>
      <c r="L3420">
        <f t="shared" si="387"/>
        <v>0.27344132073462402</v>
      </c>
      <c r="M3420">
        <f t="shared" si="388"/>
        <v>0</v>
      </c>
      <c r="N3420" s="45">
        <f t="shared" si="389"/>
        <v>45068.083333325121</v>
      </c>
    </row>
    <row r="3421" spans="2:14" x14ac:dyDescent="0.25">
      <c r="B3421">
        <f t="shared" si="383"/>
        <v>1</v>
      </c>
      <c r="C3421" s="16">
        <v>3387</v>
      </c>
      <c r="D3421" cm="1">
        <f t="array" ref="D3421">IFERROR(INDEX(Jesper!AH$2:AH$366,ROUNDDOWN($C3421/24,0)+1,1)*INDEX($D$3:$AA$30,INDEX(Jesper!$R$2:$R$366,ROW(INDEX(Jesper!AH$2:AH$366,ROUNDDOWN($C3421/24,0)+1,1))-1)+IF('Standard Profiles'!$G$18=$B$10,7,0)+IF('Standard Profiles'!$G$18=$B$17,14,0)+IF('Standard Profiles'!$G$18=$B$24,21,0),MOD($C3421,24)+1)/SUM(INDEX($D$3:$AA$30,INDEX(Jesper!$R$2:$R$366,ROW(INDEX(Jesper!AH$2:AH$366,ROUNDDOWN($C3421/24,0)+1,1))-1)+IF('Standard Profiles'!$G$18=$B$10,7,0)+IF('Standard Profiles'!$G$18=$B$17,14,0)+IF('Standard Profiles'!$G$18=$B$24,21,0),0)),0)</f>
        <v>5.1270247637741999</v>
      </c>
      <c r="E3421" cm="1">
        <f t="array" ref="E3421">IFERROR(INDEX(Jesper!AI$2:AI$366,ROUNDDOWN($C3421/24,0)+1,1)*INDEX($D$3:$AA$30,INDEX(Jesper!$R$2:$R$366,ROW(INDEX(Jesper!AI$2:AI$366,ROUNDDOWN($C3421/24,0)+1,1))-1)+IF('Standard Profiles'!$G$19=$B$10,7,0)+IF('Standard Profiles'!$G$19=$B$17,14,0)+IF('Standard Profiles'!$G$19=$B$24,21,0),MOD($C3421,24)+1)/SUM(INDEX($D$3:$AA$30,INDEX(Jesper!$R$2:$R$366,ROW(INDEX(Jesper!AI$2:AI$366,ROUNDDOWN($C3421/24,0)+1,1))-1)+IF('Standard Profiles'!$G$19=$B$10,7,0)+IF('Standard Profiles'!$G$19=$B$17,14,0)+IF('Standard Profiles'!$G$19=$B$24,21,0),0)),0)</f>
        <v>2.1702420261278701</v>
      </c>
      <c r="F3421" cm="1">
        <f t="array" ref="F3421">IFERROR(INDEX(Jesper!AJ$2:AJ$366,ROUNDDOWN($C3421/24,0)+1,1)*INDEX($D$3:$AA$30,INDEX(Jesper!$R$2:$R$366,ROW(INDEX(Jesper!AJ$2:AJ$366,ROUNDDOWN($C3421/24,0)+1,1))-1)+IF('Standard Profiles'!$G$20=$B$10,7,0)+IF('Standard Profiles'!$G$20=$B$17,14,0)+IF('Standard Profiles'!$G$20=$B$24,21,0),MOD($C3421,24)+1)/SUM(INDEX($D$3:$AA$30,INDEX(Jesper!$R$2:$R$366,ROW(INDEX(Jesper!AJ$2:AJ$366,ROUNDDOWN($C3421/24,0)+1,1))-1)+IF('Standard Profiles'!$G$20=$B$10,7,0)+IF('Standard Profiles'!$G$20=$B$17,14,0)+IF('Standard Profiles'!$G$20=$B$24,21,0),0)),0)</f>
        <v>0</v>
      </c>
      <c r="G3421" cm="1">
        <f t="array" ref="G3421">IFERROR(INDEX(Jesper!AK$2:AK$366,ROUNDDOWN($C3421/24,0)+1,1)*INDEX($D$3:$AA$30,INDEX(Jesper!$R$2:$R$366,ROW(INDEX(Jesper!AK$2:AK$366,ROUNDDOWN($C3421/24,0)+1,1))-1)+IF('Standard Profiles'!$G$21=$B$10,7,0)+IF('Standard Profiles'!$G$21=$B$17,14,0)+IF('Standard Profiles'!$G$21=$B$24,21,0),MOD($C3421,24)+1)/SUM(INDEX($D$3:$AA$30,INDEX(Jesper!$R$2:$R$366,ROW(INDEX(Jesper!AK$2:AK$366,ROUNDDOWN($C3421/24,0)+1,1))-1)+IF('Standard Profiles'!$G$21=$B$10,7,0)+IF('Standard Profiles'!$G$21=$B$17,14,0)+IF('Standard Profiles'!$G$21=$B$24,21,0),0)),0)</f>
        <v>0.14045771991415945</v>
      </c>
      <c r="H3421" cm="1">
        <f t="array" ref="H3421">IFERROR(INDEX(Jesper!AL$2:AL$366,ROUNDDOWN($C3421/24,0)+1,1)*INDEX($D$3:$AA$30,INDEX(Jesper!$R$2:$R$366,ROW(INDEX(Jesper!AL$2:AL$366,ROUNDDOWN($C3421/24,0)+1,1))-1)+IF('Standard Profiles'!$G$22=$B$10,7,0)+IF('Standard Profiles'!$G$22=$B$17,14,0)+IF('Standard Profiles'!$G$22=$B$24,21,0),MOD($C3421,24)+1)/SUM(INDEX($D$3:$AA$30,INDEX(Jesper!$R$2:$R$366,ROW(INDEX(Jesper!AL$2:AL$366,ROUNDDOWN($C3421/24,0)+1,1))-1)+IF('Standard Profiles'!$G$22=$B$10,7,0)+IF('Standard Profiles'!$G$22=$B$17,14,0)+IF('Standard Profiles'!$G$22=$B$24,21,0),0)),0)</f>
        <v>0</v>
      </c>
      <c r="I3421">
        <f t="shared" si="384"/>
        <v>6.7419705558796506E-2</v>
      </c>
      <c r="J3421">
        <f t="shared" si="385"/>
        <v>6.5499808420535599</v>
      </c>
      <c r="K3421">
        <f t="shared" si="386"/>
        <v>0.54688264146924803</v>
      </c>
      <c r="L3421">
        <f t="shared" si="387"/>
        <v>0.27344132073462402</v>
      </c>
      <c r="M3421">
        <f t="shared" si="388"/>
        <v>0</v>
      </c>
      <c r="N3421" s="45">
        <f t="shared" si="389"/>
        <v>45068.124999991785</v>
      </c>
    </row>
    <row r="3422" spans="2:14" x14ac:dyDescent="0.25">
      <c r="B3422">
        <f t="shared" si="383"/>
        <v>1</v>
      </c>
      <c r="C3422" s="16">
        <v>3388</v>
      </c>
      <c r="D3422" cm="1">
        <f t="array" ref="D3422">IFERROR(INDEX(Jesper!AH$2:AH$366,ROUNDDOWN($C3422/24,0)+1,1)*INDEX($D$3:$AA$30,INDEX(Jesper!$R$2:$R$366,ROW(INDEX(Jesper!AH$2:AH$366,ROUNDDOWN($C3422/24,0)+1,1))-1)+IF('Standard Profiles'!$G$18=$B$10,7,0)+IF('Standard Profiles'!$G$18=$B$17,14,0)+IF('Standard Profiles'!$G$18=$B$24,21,0),MOD($C3422,24)+1)/SUM(INDEX($D$3:$AA$30,INDEX(Jesper!$R$2:$R$366,ROW(INDEX(Jesper!AH$2:AH$366,ROUNDDOWN($C3422/24,0)+1,1))-1)+IF('Standard Profiles'!$G$18=$B$10,7,0)+IF('Standard Profiles'!$G$18=$B$17,14,0)+IF('Standard Profiles'!$G$18=$B$24,21,0),0)),0)</f>
        <v>5.1270247637741999</v>
      </c>
      <c r="E3422" cm="1">
        <f t="array" ref="E3422">IFERROR(INDEX(Jesper!AI$2:AI$366,ROUNDDOWN($C3422/24,0)+1,1)*INDEX($D$3:$AA$30,INDEX(Jesper!$R$2:$R$366,ROW(INDEX(Jesper!AI$2:AI$366,ROUNDDOWN($C3422/24,0)+1,1))-1)+IF('Standard Profiles'!$G$19=$B$10,7,0)+IF('Standard Profiles'!$G$19=$B$17,14,0)+IF('Standard Profiles'!$G$19=$B$24,21,0),MOD($C3422,24)+1)/SUM(INDEX($D$3:$AA$30,INDEX(Jesper!$R$2:$R$366,ROW(INDEX(Jesper!AI$2:AI$366,ROUNDDOWN($C3422/24,0)+1,1))-1)+IF('Standard Profiles'!$G$19=$B$10,7,0)+IF('Standard Profiles'!$G$19=$B$17,14,0)+IF('Standard Profiles'!$G$19=$B$24,21,0),0)),0)</f>
        <v>2.1702420261278701</v>
      </c>
      <c r="F3422" cm="1">
        <f t="array" ref="F3422">IFERROR(INDEX(Jesper!AJ$2:AJ$366,ROUNDDOWN($C3422/24,0)+1,1)*INDEX($D$3:$AA$30,INDEX(Jesper!$R$2:$R$366,ROW(INDEX(Jesper!AJ$2:AJ$366,ROUNDDOWN($C3422/24,0)+1,1))-1)+IF('Standard Profiles'!$G$20=$B$10,7,0)+IF('Standard Profiles'!$G$20=$B$17,14,0)+IF('Standard Profiles'!$G$20=$B$24,21,0),MOD($C3422,24)+1)/SUM(INDEX($D$3:$AA$30,INDEX(Jesper!$R$2:$R$366,ROW(INDEX(Jesper!AJ$2:AJ$366,ROUNDDOWN($C3422/24,0)+1,1))-1)+IF('Standard Profiles'!$G$20=$B$10,7,0)+IF('Standard Profiles'!$G$20=$B$17,14,0)+IF('Standard Profiles'!$G$20=$B$24,21,0),0)),0)</f>
        <v>0</v>
      </c>
      <c r="G3422" cm="1">
        <f t="array" ref="G3422">IFERROR(INDEX(Jesper!AK$2:AK$366,ROUNDDOWN($C3422/24,0)+1,1)*INDEX($D$3:$AA$30,INDEX(Jesper!$R$2:$R$366,ROW(INDEX(Jesper!AK$2:AK$366,ROUNDDOWN($C3422/24,0)+1,1))-1)+IF('Standard Profiles'!$G$21=$B$10,7,0)+IF('Standard Profiles'!$G$21=$B$17,14,0)+IF('Standard Profiles'!$G$21=$B$24,21,0),MOD($C3422,24)+1)/SUM(INDEX($D$3:$AA$30,INDEX(Jesper!$R$2:$R$366,ROW(INDEX(Jesper!AK$2:AK$366,ROUNDDOWN($C3422/24,0)+1,1))-1)+IF('Standard Profiles'!$G$21=$B$10,7,0)+IF('Standard Profiles'!$G$21=$B$17,14,0)+IF('Standard Profiles'!$G$21=$B$24,21,0),0)),0)</f>
        <v>0.14045771991415945</v>
      </c>
      <c r="H3422" cm="1">
        <f t="array" ref="H3422">IFERROR(INDEX(Jesper!AL$2:AL$366,ROUNDDOWN($C3422/24,0)+1,1)*INDEX($D$3:$AA$30,INDEX(Jesper!$R$2:$R$366,ROW(INDEX(Jesper!AL$2:AL$366,ROUNDDOWN($C3422/24,0)+1,1))-1)+IF('Standard Profiles'!$G$22=$B$10,7,0)+IF('Standard Profiles'!$G$22=$B$17,14,0)+IF('Standard Profiles'!$G$22=$B$24,21,0),MOD($C3422,24)+1)/SUM(INDEX($D$3:$AA$30,INDEX(Jesper!$R$2:$R$366,ROW(INDEX(Jesper!AL$2:AL$366,ROUNDDOWN($C3422/24,0)+1,1))-1)+IF('Standard Profiles'!$G$22=$B$10,7,0)+IF('Standard Profiles'!$G$22=$B$17,14,0)+IF('Standard Profiles'!$G$22=$B$24,21,0),0)),0)</f>
        <v>0</v>
      </c>
      <c r="I3422">
        <f t="shared" si="384"/>
        <v>6.7419705558796506E-2</v>
      </c>
      <c r="J3422">
        <f t="shared" si="385"/>
        <v>6.5499808420535599</v>
      </c>
      <c r="K3422">
        <f t="shared" si="386"/>
        <v>0.54688264146924803</v>
      </c>
      <c r="L3422">
        <f t="shared" si="387"/>
        <v>0.27344132073462402</v>
      </c>
      <c r="M3422">
        <f t="shared" si="388"/>
        <v>0</v>
      </c>
      <c r="N3422" s="45">
        <f t="shared" si="389"/>
        <v>45068.16666665845</v>
      </c>
    </row>
    <row r="3423" spans="2:14" x14ac:dyDescent="0.25">
      <c r="B3423">
        <f t="shared" si="383"/>
        <v>1</v>
      </c>
      <c r="C3423" s="16">
        <v>3389</v>
      </c>
      <c r="D3423" cm="1">
        <f t="array" ref="D3423">IFERROR(INDEX(Jesper!AH$2:AH$366,ROUNDDOWN($C3423/24,0)+1,1)*INDEX($D$3:$AA$30,INDEX(Jesper!$R$2:$R$366,ROW(INDEX(Jesper!AH$2:AH$366,ROUNDDOWN($C3423/24,0)+1,1))-1)+IF('Standard Profiles'!$G$18=$B$10,7,0)+IF('Standard Profiles'!$G$18=$B$17,14,0)+IF('Standard Profiles'!$G$18=$B$24,21,0),MOD($C3423,24)+1)/SUM(INDEX($D$3:$AA$30,INDEX(Jesper!$R$2:$R$366,ROW(INDEX(Jesper!AH$2:AH$366,ROUNDDOWN($C3423/24,0)+1,1))-1)+IF('Standard Profiles'!$G$18=$B$10,7,0)+IF('Standard Profiles'!$G$18=$B$17,14,0)+IF('Standard Profiles'!$G$18=$B$24,21,0),0)),0)</f>
        <v>5.1270247637741999</v>
      </c>
      <c r="E3423" cm="1">
        <f t="array" ref="E3423">IFERROR(INDEX(Jesper!AI$2:AI$366,ROUNDDOWN($C3423/24,0)+1,1)*INDEX($D$3:$AA$30,INDEX(Jesper!$R$2:$R$366,ROW(INDEX(Jesper!AI$2:AI$366,ROUNDDOWN($C3423/24,0)+1,1))-1)+IF('Standard Profiles'!$G$19=$B$10,7,0)+IF('Standard Profiles'!$G$19=$B$17,14,0)+IF('Standard Profiles'!$G$19=$B$24,21,0),MOD($C3423,24)+1)/SUM(INDEX($D$3:$AA$30,INDEX(Jesper!$R$2:$R$366,ROW(INDEX(Jesper!AI$2:AI$366,ROUNDDOWN($C3423/24,0)+1,1))-1)+IF('Standard Profiles'!$G$19=$B$10,7,0)+IF('Standard Profiles'!$G$19=$B$17,14,0)+IF('Standard Profiles'!$G$19=$B$24,21,0),0)),0)</f>
        <v>2.1702420261278701</v>
      </c>
      <c r="F3423" cm="1">
        <f t="array" ref="F3423">IFERROR(INDEX(Jesper!AJ$2:AJ$366,ROUNDDOWN($C3423/24,0)+1,1)*INDEX($D$3:$AA$30,INDEX(Jesper!$R$2:$R$366,ROW(INDEX(Jesper!AJ$2:AJ$366,ROUNDDOWN($C3423/24,0)+1,1))-1)+IF('Standard Profiles'!$G$20=$B$10,7,0)+IF('Standard Profiles'!$G$20=$B$17,14,0)+IF('Standard Profiles'!$G$20=$B$24,21,0),MOD($C3423,24)+1)/SUM(INDEX($D$3:$AA$30,INDEX(Jesper!$R$2:$R$366,ROW(INDEX(Jesper!AJ$2:AJ$366,ROUNDDOWN($C3423/24,0)+1,1))-1)+IF('Standard Profiles'!$G$20=$B$10,7,0)+IF('Standard Profiles'!$G$20=$B$17,14,0)+IF('Standard Profiles'!$G$20=$B$24,21,0),0)),0)</f>
        <v>0</v>
      </c>
      <c r="G3423" cm="1">
        <f t="array" ref="G3423">IFERROR(INDEX(Jesper!AK$2:AK$366,ROUNDDOWN($C3423/24,0)+1,1)*INDEX($D$3:$AA$30,INDEX(Jesper!$R$2:$R$366,ROW(INDEX(Jesper!AK$2:AK$366,ROUNDDOWN($C3423/24,0)+1,1))-1)+IF('Standard Profiles'!$G$21=$B$10,7,0)+IF('Standard Profiles'!$G$21=$B$17,14,0)+IF('Standard Profiles'!$G$21=$B$24,21,0),MOD($C3423,24)+1)/SUM(INDEX($D$3:$AA$30,INDEX(Jesper!$R$2:$R$366,ROW(INDEX(Jesper!AK$2:AK$366,ROUNDDOWN($C3423/24,0)+1,1))-1)+IF('Standard Profiles'!$G$21=$B$10,7,0)+IF('Standard Profiles'!$G$21=$B$17,14,0)+IF('Standard Profiles'!$G$21=$B$24,21,0),0)),0)</f>
        <v>0.14045771991415945</v>
      </c>
      <c r="H3423" cm="1">
        <f t="array" ref="H3423">IFERROR(INDEX(Jesper!AL$2:AL$366,ROUNDDOWN($C3423/24,0)+1,1)*INDEX($D$3:$AA$30,INDEX(Jesper!$R$2:$R$366,ROW(INDEX(Jesper!AL$2:AL$366,ROUNDDOWN($C3423/24,0)+1,1))-1)+IF('Standard Profiles'!$G$22=$B$10,7,0)+IF('Standard Profiles'!$G$22=$B$17,14,0)+IF('Standard Profiles'!$G$22=$B$24,21,0),MOD($C3423,24)+1)/SUM(INDEX($D$3:$AA$30,INDEX(Jesper!$R$2:$R$366,ROW(INDEX(Jesper!AL$2:AL$366,ROUNDDOWN($C3423/24,0)+1,1))-1)+IF('Standard Profiles'!$G$22=$B$10,7,0)+IF('Standard Profiles'!$G$22=$B$17,14,0)+IF('Standard Profiles'!$G$22=$B$24,21,0),0)),0)</f>
        <v>0</v>
      </c>
      <c r="I3423">
        <f t="shared" si="384"/>
        <v>6.7419705558796506E-2</v>
      </c>
      <c r="J3423">
        <f t="shared" si="385"/>
        <v>6.5499808420535599</v>
      </c>
      <c r="K3423">
        <f t="shared" si="386"/>
        <v>0.54688264146924803</v>
      </c>
      <c r="L3423">
        <f t="shared" si="387"/>
        <v>0.27344132073462402</v>
      </c>
      <c r="M3423">
        <f t="shared" si="388"/>
        <v>0</v>
      </c>
      <c r="N3423" s="45">
        <f t="shared" si="389"/>
        <v>45068.208333325114</v>
      </c>
    </row>
    <row r="3424" spans="2:14" x14ac:dyDescent="0.25">
      <c r="B3424">
        <f t="shared" si="383"/>
        <v>1</v>
      </c>
      <c r="C3424" s="16">
        <v>3390</v>
      </c>
      <c r="D3424" cm="1">
        <f t="array" ref="D3424">IFERROR(INDEX(Jesper!AH$2:AH$366,ROUNDDOWN($C3424/24,0)+1,1)*INDEX($D$3:$AA$30,INDEX(Jesper!$R$2:$R$366,ROW(INDEX(Jesper!AH$2:AH$366,ROUNDDOWN($C3424/24,0)+1,1))-1)+IF('Standard Profiles'!$G$18=$B$10,7,0)+IF('Standard Profiles'!$G$18=$B$17,14,0)+IF('Standard Profiles'!$G$18=$B$24,21,0),MOD($C3424,24)+1)/SUM(INDEX($D$3:$AA$30,INDEX(Jesper!$R$2:$R$366,ROW(INDEX(Jesper!AH$2:AH$366,ROUNDDOWN($C3424/24,0)+1,1))-1)+IF('Standard Profiles'!$G$18=$B$10,7,0)+IF('Standard Profiles'!$G$18=$B$17,14,0)+IF('Standard Profiles'!$G$18=$B$24,21,0),0)),0)</f>
        <v>5.1270247637741999</v>
      </c>
      <c r="E3424" cm="1">
        <f t="array" ref="E3424">IFERROR(INDEX(Jesper!AI$2:AI$366,ROUNDDOWN($C3424/24,0)+1,1)*INDEX($D$3:$AA$30,INDEX(Jesper!$R$2:$R$366,ROW(INDEX(Jesper!AI$2:AI$366,ROUNDDOWN($C3424/24,0)+1,1))-1)+IF('Standard Profiles'!$G$19=$B$10,7,0)+IF('Standard Profiles'!$G$19=$B$17,14,0)+IF('Standard Profiles'!$G$19=$B$24,21,0),MOD($C3424,24)+1)/SUM(INDEX($D$3:$AA$30,INDEX(Jesper!$R$2:$R$366,ROW(INDEX(Jesper!AI$2:AI$366,ROUNDDOWN($C3424/24,0)+1,1))-1)+IF('Standard Profiles'!$G$19=$B$10,7,0)+IF('Standard Profiles'!$G$19=$B$17,14,0)+IF('Standard Profiles'!$G$19=$B$24,21,0),0)),0)</f>
        <v>2.1702420261278701</v>
      </c>
      <c r="F3424" cm="1">
        <f t="array" ref="F3424">IFERROR(INDEX(Jesper!AJ$2:AJ$366,ROUNDDOWN($C3424/24,0)+1,1)*INDEX($D$3:$AA$30,INDEX(Jesper!$R$2:$R$366,ROW(INDEX(Jesper!AJ$2:AJ$366,ROUNDDOWN($C3424/24,0)+1,1))-1)+IF('Standard Profiles'!$G$20=$B$10,7,0)+IF('Standard Profiles'!$G$20=$B$17,14,0)+IF('Standard Profiles'!$G$20=$B$24,21,0),MOD($C3424,24)+1)/SUM(INDEX($D$3:$AA$30,INDEX(Jesper!$R$2:$R$366,ROW(INDEX(Jesper!AJ$2:AJ$366,ROUNDDOWN($C3424/24,0)+1,1))-1)+IF('Standard Profiles'!$G$20=$B$10,7,0)+IF('Standard Profiles'!$G$20=$B$17,14,0)+IF('Standard Profiles'!$G$20=$B$24,21,0),0)),0)</f>
        <v>0</v>
      </c>
      <c r="G3424" cm="1">
        <f t="array" ref="G3424">IFERROR(INDEX(Jesper!AK$2:AK$366,ROUNDDOWN($C3424/24,0)+1,1)*INDEX($D$3:$AA$30,INDEX(Jesper!$R$2:$R$366,ROW(INDEX(Jesper!AK$2:AK$366,ROUNDDOWN($C3424/24,0)+1,1))-1)+IF('Standard Profiles'!$G$21=$B$10,7,0)+IF('Standard Profiles'!$G$21=$B$17,14,0)+IF('Standard Profiles'!$G$21=$B$24,21,0),MOD($C3424,24)+1)/SUM(INDEX($D$3:$AA$30,INDEX(Jesper!$R$2:$R$366,ROW(INDEX(Jesper!AK$2:AK$366,ROUNDDOWN($C3424/24,0)+1,1))-1)+IF('Standard Profiles'!$G$21=$B$10,7,0)+IF('Standard Profiles'!$G$21=$B$17,14,0)+IF('Standard Profiles'!$G$21=$B$24,21,0),0)),0)</f>
        <v>0.14045771991415945</v>
      </c>
      <c r="H3424" cm="1">
        <f t="array" ref="H3424">IFERROR(INDEX(Jesper!AL$2:AL$366,ROUNDDOWN($C3424/24,0)+1,1)*INDEX($D$3:$AA$30,INDEX(Jesper!$R$2:$R$366,ROW(INDEX(Jesper!AL$2:AL$366,ROUNDDOWN($C3424/24,0)+1,1))-1)+IF('Standard Profiles'!$G$22=$B$10,7,0)+IF('Standard Profiles'!$G$22=$B$17,14,0)+IF('Standard Profiles'!$G$22=$B$24,21,0),MOD($C3424,24)+1)/SUM(INDEX($D$3:$AA$30,INDEX(Jesper!$R$2:$R$366,ROW(INDEX(Jesper!AL$2:AL$366,ROUNDDOWN($C3424/24,0)+1,1))-1)+IF('Standard Profiles'!$G$22=$B$10,7,0)+IF('Standard Profiles'!$G$22=$B$17,14,0)+IF('Standard Profiles'!$G$22=$B$24,21,0),0)),0)</f>
        <v>0</v>
      </c>
      <c r="I3424">
        <f t="shared" si="384"/>
        <v>6.7419705558796506E-2</v>
      </c>
      <c r="J3424">
        <f t="shared" si="385"/>
        <v>6.5499808420535599</v>
      </c>
      <c r="K3424">
        <f t="shared" si="386"/>
        <v>0.54688264146924803</v>
      </c>
      <c r="L3424">
        <f t="shared" si="387"/>
        <v>0.27344132073462402</v>
      </c>
      <c r="M3424">
        <f t="shared" si="388"/>
        <v>0</v>
      </c>
      <c r="N3424" s="45">
        <f t="shared" si="389"/>
        <v>45068.249999991778</v>
      </c>
    </row>
    <row r="3425" spans="2:14" x14ac:dyDescent="0.25">
      <c r="B3425">
        <f t="shared" si="383"/>
        <v>1</v>
      </c>
      <c r="C3425" s="16">
        <v>3391</v>
      </c>
      <c r="D3425" cm="1">
        <f t="array" ref="D3425">IFERROR(INDEX(Jesper!AH$2:AH$366,ROUNDDOWN($C3425/24,0)+1,1)*INDEX($D$3:$AA$30,INDEX(Jesper!$R$2:$R$366,ROW(INDEX(Jesper!AH$2:AH$366,ROUNDDOWN($C3425/24,0)+1,1))-1)+IF('Standard Profiles'!$G$18=$B$10,7,0)+IF('Standard Profiles'!$G$18=$B$17,14,0)+IF('Standard Profiles'!$G$18=$B$24,21,0),MOD($C3425,24)+1)/SUM(INDEX($D$3:$AA$30,INDEX(Jesper!$R$2:$R$366,ROW(INDEX(Jesper!AH$2:AH$366,ROUNDDOWN($C3425/24,0)+1,1))-1)+IF('Standard Profiles'!$G$18=$B$10,7,0)+IF('Standard Profiles'!$G$18=$B$17,14,0)+IF('Standard Profiles'!$G$18=$B$24,21,0),0)),0)</f>
        <v>21.841125493678089</v>
      </c>
      <c r="E3425" cm="1">
        <f t="array" ref="E3425">IFERROR(INDEX(Jesper!AI$2:AI$366,ROUNDDOWN($C3425/24,0)+1,1)*INDEX($D$3:$AA$30,INDEX(Jesper!$R$2:$R$366,ROW(INDEX(Jesper!AI$2:AI$366,ROUNDDOWN($C3425/24,0)+1,1))-1)+IF('Standard Profiles'!$G$19=$B$10,7,0)+IF('Standard Profiles'!$G$19=$B$17,14,0)+IF('Standard Profiles'!$G$19=$B$24,21,0),MOD($C3425,24)+1)/SUM(INDEX($D$3:$AA$30,INDEX(Jesper!$R$2:$R$366,ROW(INDEX(Jesper!AI$2:AI$366,ROUNDDOWN($C3425/24,0)+1,1))-1)+IF('Standard Profiles'!$G$19=$B$10,7,0)+IF('Standard Profiles'!$G$19=$B$17,14,0)+IF('Standard Profiles'!$G$19=$B$24,21,0),0)),0)</f>
        <v>9.2452310313047263</v>
      </c>
      <c r="F3425" cm="1">
        <f t="array" ref="F3425">IFERROR(INDEX(Jesper!AJ$2:AJ$366,ROUNDDOWN($C3425/24,0)+1,1)*INDEX($D$3:$AA$30,INDEX(Jesper!$R$2:$R$366,ROW(INDEX(Jesper!AJ$2:AJ$366,ROUNDDOWN($C3425/24,0)+1,1))-1)+IF('Standard Profiles'!$G$20=$B$10,7,0)+IF('Standard Profiles'!$G$20=$B$17,14,0)+IF('Standard Profiles'!$G$20=$B$24,21,0),MOD($C3425,24)+1)/SUM(INDEX($D$3:$AA$30,INDEX(Jesper!$R$2:$R$366,ROW(INDEX(Jesper!AJ$2:AJ$366,ROUNDDOWN($C3425/24,0)+1,1))-1)+IF('Standard Profiles'!$G$20=$B$10,7,0)+IF('Standard Profiles'!$G$20=$B$17,14,0)+IF('Standard Profiles'!$G$20=$B$24,21,0),0)),0)</f>
        <v>0</v>
      </c>
      <c r="G3425" cm="1">
        <f t="array" ref="G3425">IFERROR(INDEX(Jesper!AK$2:AK$366,ROUNDDOWN($C3425/24,0)+1,1)*INDEX($D$3:$AA$30,INDEX(Jesper!$R$2:$R$366,ROW(INDEX(Jesper!AK$2:AK$366,ROUNDDOWN($C3425/24,0)+1,1))-1)+IF('Standard Profiles'!$G$21=$B$10,7,0)+IF('Standard Profiles'!$G$21=$B$17,14,0)+IF('Standard Profiles'!$G$21=$B$24,21,0),MOD($C3425,24)+1)/SUM(INDEX($D$3:$AA$30,INDEX(Jesper!$R$2:$R$366,ROW(INDEX(Jesper!AK$2:AK$366,ROUNDDOWN($C3425/24,0)+1,1))-1)+IF('Standard Profiles'!$G$21=$B$10,7,0)+IF('Standard Profiles'!$G$21=$B$17,14,0)+IF('Standard Profiles'!$G$21=$B$24,21,0),0)),0)</f>
        <v>0.61099108162659355</v>
      </c>
      <c r="H3425" cm="1">
        <f t="array" ref="H3425">IFERROR(INDEX(Jesper!AL$2:AL$366,ROUNDDOWN($C3425/24,0)+1,1)*INDEX($D$3:$AA$30,INDEX(Jesper!$R$2:$R$366,ROW(INDEX(Jesper!AL$2:AL$366,ROUNDDOWN($C3425/24,0)+1,1))-1)+IF('Standard Profiles'!$G$22=$B$10,7,0)+IF('Standard Profiles'!$G$22=$B$17,14,0)+IF('Standard Profiles'!$G$22=$B$24,21,0),MOD($C3425,24)+1)/SUM(INDEX($D$3:$AA$30,INDEX(Jesper!$R$2:$R$366,ROW(INDEX(Jesper!AL$2:AL$366,ROUNDDOWN($C3425/24,0)+1,1))-1)+IF('Standard Profiles'!$G$22=$B$10,7,0)+IF('Standard Profiles'!$G$22=$B$17,14,0)+IF('Standard Profiles'!$G$22=$B$24,21,0),0)),0)</f>
        <v>0</v>
      </c>
      <c r="I3425">
        <f t="shared" si="384"/>
        <v>0.29327571918076478</v>
      </c>
      <c r="J3425">
        <f t="shared" si="385"/>
        <v>27.909491808440148</v>
      </c>
      <c r="K3425">
        <f t="shared" si="386"/>
        <v>2.3297200526589963</v>
      </c>
      <c r="L3425">
        <f t="shared" si="387"/>
        <v>1.1648600263294981</v>
      </c>
      <c r="M3425">
        <f t="shared" si="388"/>
        <v>0</v>
      </c>
      <c r="N3425" s="45">
        <f t="shared" si="389"/>
        <v>45068.291666658442</v>
      </c>
    </row>
    <row r="3426" spans="2:14" x14ac:dyDescent="0.25">
      <c r="B3426">
        <f t="shared" si="383"/>
        <v>1</v>
      </c>
      <c r="C3426" s="16">
        <v>3392</v>
      </c>
      <c r="D3426" cm="1">
        <f t="array" ref="D3426">IFERROR(INDEX(Jesper!AH$2:AH$366,ROUNDDOWN($C3426/24,0)+1,1)*INDEX($D$3:$AA$30,INDEX(Jesper!$R$2:$R$366,ROW(INDEX(Jesper!AH$2:AH$366,ROUNDDOWN($C3426/24,0)+1,1))-1)+IF('Standard Profiles'!$G$18=$B$10,7,0)+IF('Standard Profiles'!$G$18=$B$17,14,0)+IF('Standard Profiles'!$G$18=$B$24,21,0),MOD($C3426,24)+1)/SUM(INDEX($D$3:$AA$30,INDEX(Jesper!$R$2:$R$366,ROW(INDEX(Jesper!AH$2:AH$366,ROUNDDOWN($C3426/24,0)+1,1))-1)+IF('Standard Profiles'!$G$18=$B$10,7,0)+IF('Standard Profiles'!$G$18=$B$17,14,0)+IF('Standard Profiles'!$G$18=$B$24,21,0),0)),0)</f>
        <v>24.571266180387852</v>
      </c>
      <c r="E3426" cm="1">
        <f t="array" ref="E3426">IFERROR(INDEX(Jesper!AI$2:AI$366,ROUNDDOWN($C3426/24,0)+1,1)*INDEX($D$3:$AA$30,INDEX(Jesper!$R$2:$R$366,ROW(INDEX(Jesper!AI$2:AI$366,ROUNDDOWN($C3426/24,0)+1,1))-1)+IF('Standard Profiles'!$G$19=$B$10,7,0)+IF('Standard Profiles'!$G$19=$B$17,14,0)+IF('Standard Profiles'!$G$19=$B$24,21,0),MOD($C3426,24)+1)/SUM(INDEX($D$3:$AA$30,INDEX(Jesper!$R$2:$R$366,ROW(INDEX(Jesper!AI$2:AI$366,ROUNDDOWN($C3426/24,0)+1,1))-1)+IF('Standard Profiles'!$G$19=$B$10,7,0)+IF('Standard Profiles'!$G$19=$B$17,14,0)+IF('Standard Profiles'!$G$19=$B$24,21,0),0)),0)</f>
        <v>10.400884910217817</v>
      </c>
      <c r="F3426" cm="1">
        <f t="array" ref="F3426">IFERROR(INDEX(Jesper!AJ$2:AJ$366,ROUNDDOWN($C3426/24,0)+1,1)*INDEX($D$3:$AA$30,INDEX(Jesper!$R$2:$R$366,ROW(INDEX(Jesper!AJ$2:AJ$366,ROUNDDOWN($C3426/24,0)+1,1))-1)+IF('Standard Profiles'!$G$20=$B$10,7,0)+IF('Standard Profiles'!$G$20=$B$17,14,0)+IF('Standard Profiles'!$G$20=$B$24,21,0),MOD($C3426,24)+1)/SUM(INDEX($D$3:$AA$30,INDEX(Jesper!$R$2:$R$366,ROW(INDEX(Jesper!AJ$2:AJ$366,ROUNDDOWN($C3426/24,0)+1,1))-1)+IF('Standard Profiles'!$G$20=$B$10,7,0)+IF('Standard Profiles'!$G$20=$B$17,14,0)+IF('Standard Profiles'!$G$20=$B$24,21,0),0)),0)</f>
        <v>0</v>
      </c>
      <c r="G3426" cm="1">
        <f t="array" ref="G3426">IFERROR(INDEX(Jesper!AK$2:AK$366,ROUNDDOWN($C3426/24,0)+1,1)*INDEX($D$3:$AA$30,INDEX(Jesper!$R$2:$R$366,ROW(INDEX(Jesper!AK$2:AK$366,ROUNDDOWN($C3426/24,0)+1,1))-1)+IF('Standard Profiles'!$G$21=$B$10,7,0)+IF('Standard Profiles'!$G$21=$B$17,14,0)+IF('Standard Profiles'!$G$21=$B$24,21,0),MOD($C3426,24)+1)/SUM(INDEX($D$3:$AA$30,INDEX(Jesper!$R$2:$R$366,ROW(INDEX(Jesper!AK$2:AK$366,ROUNDDOWN($C3426/24,0)+1,1))-1)+IF('Standard Profiles'!$G$21=$B$10,7,0)+IF('Standard Profiles'!$G$21=$B$17,14,0)+IF('Standard Profiles'!$G$21=$B$24,21,0),0)),0)</f>
        <v>0.68736496682991777</v>
      </c>
      <c r="H3426" cm="1">
        <f t="array" ref="H3426">IFERROR(INDEX(Jesper!AL$2:AL$366,ROUNDDOWN($C3426/24,0)+1,1)*INDEX($D$3:$AA$30,INDEX(Jesper!$R$2:$R$366,ROW(INDEX(Jesper!AL$2:AL$366,ROUNDDOWN($C3426/24,0)+1,1))-1)+IF('Standard Profiles'!$G$22=$B$10,7,0)+IF('Standard Profiles'!$G$22=$B$17,14,0)+IF('Standard Profiles'!$G$22=$B$24,21,0),MOD($C3426,24)+1)/SUM(INDEX($D$3:$AA$30,INDEX(Jesper!$R$2:$R$366,ROW(INDEX(Jesper!AL$2:AL$366,ROUNDDOWN($C3426/24,0)+1,1))-1)+IF('Standard Profiles'!$G$22=$B$10,7,0)+IF('Standard Profiles'!$G$22=$B$17,14,0)+IF('Standard Profiles'!$G$22=$B$24,21,0),0)),0)</f>
        <v>0</v>
      </c>
      <c r="I3426">
        <f t="shared" si="384"/>
        <v>0.32993518407836037</v>
      </c>
      <c r="J3426">
        <f t="shared" si="385"/>
        <v>31.39817828449517</v>
      </c>
      <c r="K3426">
        <f t="shared" si="386"/>
        <v>2.6209350592413712</v>
      </c>
      <c r="L3426">
        <f t="shared" si="387"/>
        <v>1.3104675296206856</v>
      </c>
      <c r="M3426">
        <f t="shared" si="388"/>
        <v>0</v>
      </c>
      <c r="N3426" s="45">
        <f t="shared" si="389"/>
        <v>45068.333333325107</v>
      </c>
    </row>
    <row r="3427" spans="2:14" x14ac:dyDescent="0.25">
      <c r="B3427">
        <f t="shared" ref="B3427:B3490" si="390">WEEKDAY(N3427,2)</f>
        <v>1</v>
      </c>
      <c r="C3427" s="16">
        <v>3393</v>
      </c>
      <c r="D3427" cm="1">
        <f t="array" ref="D3427">IFERROR(INDEX(Jesper!AH$2:AH$366,ROUNDDOWN($C3427/24,0)+1,1)*INDEX($D$3:$AA$30,INDEX(Jesper!$R$2:$R$366,ROW(INDEX(Jesper!AH$2:AH$366,ROUNDDOWN($C3427/24,0)+1,1))-1)+IF('Standard Profiles'!$G$18=$B$10,7,0)+IF('Standard Profiles'!$G$18=$B$17,14,0)+IF('Standard Profiles'!$G$18=$B$24,21,0),MOD($C3427,24)+1)/SUM(INDEX($D$3:$AA$30,INDEX(Jesper!$R$2:$R$366,ROW(INDEX(Jesper!AH$2:AH$366,ROUNDDOWN($C3427/24,0)+1,1))-1)+IF('Standard Profiles'!$G$18=$B$10,7,0)+IF('Standard Profiles'!$G$18=$B$17,14,0)+IF('Standard Profiles'!$G$18=$B$24,21,0),0)),0)</f>
        <v>27.301406867097612</v>
      </c>
      <c r="E3427" cm="1">
        <f t="array" ref="E3427">IFERROR(INDEX(Jesper!AI$2:AI$366,ROUNDDOWN($C3427/24,0)+1,1)*INDEX($D$3:$AA$30,INDEX(Jesper!$R$2:$R$366,ROW(INDEX(Jesper!AI$2:AI$366,ROUNDDOWN($C3427/24,0)+1,1))-1)+IF('Standard Profiles'!$G$19=$B$10,7,0)+IF('Standard Profiles'!$G$19=$B$17,14,0)+IF('Standard Profiles'!$G$19=$B$24,21,0),MOD($C3427,24)+1)/SUM(INDEX($D$3:$AA$30,INDEX(Jesper!$R$2:$R$366,ROW(INDEX(Jesper!AI$2:AI$366,ROUNDDOWN($C3427/24,0)+1,1))-1)+IF('Standard Profiles'!$G$19=$B$10,7,0)+IF('Standard Profiles'!$G$19=$B$17,14,0)+IF('Standard Profiles'!$G$19=$B$24,21,0),0)),0)</f>
        <v>11.556538789130906</v>
      </c>
      <c r="F3427" cm="1">
        <f t="array" ref="F3427">IFERROR(INDEX(Jesper!AJ$2:AJ$366,ROUNDDOWN($C3427/24,0)+1,1)*INDEX($D$3:$AA$30,INDEX(Jesper!$R$2:$R$366,ROW(INDEX(Jesper!AJ$2:AJ$366,ROUNDDOWN($C3427/24,0)+1,1))-1)+IF('Standard Profiles'!$G$20=$B$10,7,0)+IF('Standard Profiles'!$G$20=$B$17,14,0)+IF('Standard Profiles'!$G$20=$B$24,21,0),MOD($C3427,24)+1)/SUM(INDEX($D$3:$AA$30,INDEX(Jesper!$R$2:$R$366,ROW(INDEX(Jesper!AJ$2:AJ$366,ROUNDDOWN($C3427/24,0)+1,1))-1)+IF('Standard Profiles'!$G$20=$B$10,7,0)+IF('Standard Profiles'!$G$20=$B$17,14,0)+IF('Standard Profiles'!$G$20=$B$24,21,0),0)),0)</f>
        <v>0</v>
      </c>
      <c r="G3427" cm="1">
        <f t="array" ref="G3427">IFERROR(INDEX(Jesper!AK$2:AK$366,ROUNDDOWN($C3427/24,0)+1,1)*INDEX($D$3:$AA$30,INDEX(Jesper!$R$2:$R$366,ROW(INDEX(Jesper!AK$2:AK$366,ROUNDDOWN($C3427/24,0)+1,1))-1)+IF('Standard Profiles'!$G$21=$B$10,7,0)+IF('Standard Profiles'!$G$21=$B$17,14,0)+IF('Standard Profiles'!$G$21=$B$24,21,0),MOD($C3427,24)+1)/SUM(INDEX($D$3:$AA$30,INDEX(Jesper!$R$2:$R$366,ROW(INDEX(Jesper!AK$2:AK$366,ROUNDDOWN($C3427/24,0)+1,1))-1)+IF('Standard Profiles'!$G$21=$B$10,7,0)+IF('Standard Profiles'!$G$21=$B$17,14,0)+IF('Standard Profiles'!$G$21=$B$24,21,0),0)),0)</f>
        <v>0.76373885203324188</v>
      </c>
      <c r="H3427" cm="1">
        <f t="array" ref="H3427">IFERROR(INDEX(Jesper!AL$2:AL$366,ROUNDDOWN($C3427/24,0)+1,1)*INDEX($D$3:$AA$30,INDEX(Jesper!$R$2:$R$366,ROW(INDEX(Jesper!AL$2:AL$366,ROUNDDOWN($C3427/24,0)+1,1))-1)+IF('Standard Profiles'!$G$22=$B$10,7,0)+IF('Standard Profiles'!$G$22=$B$17,14,0)+IF('Standard Profiles'!$G$22=$B$24,21,0),MOD($C3427,24)+1)/SUM(INDEX($D$3:$AA$30,INDEX(Jesper!$R$2:$R$366,ROW(INDEX(Jesper!AL$2:AL$366,ROUNDDOWN($C3427/24,0)+1,1))-1)+IF('Standard Profiles'!$G$22=$B$10,7,0)+IF('Standard Profiles'!$G$22=$B$17,14,0)+IF('Standard Profiles'!$G$22=$B$24,21,0),0)),0)</f>
        <v>0</v>
      </c>
      <c r="I3427">
        <f t="shared" ref="I3427:I3490" si="391">IF($B3427&lt;6,AC$37*$D3427+AC$38*$E3427+AC$39*$F3427+AC$40*$G3427,AC$46*$D3427+AC$47*$E3427+AC$48*$F3427+AC$49*$G3427+AC$50*$H3427)</f>
        <v>0.36659464897595589</v>
      </c>
      <c r="J3427">
        <f t="shared" ref="J3427:J3490" si="392">IF($B3427&lt;6,AD$37*$D3427+AD$38*$E3427+AD$39*$F3427+AD$40*$G3427,AD$46*$D3427+AD$47*$E3427+AD$48*$F3427+AD$49*$G3427+AD$50*$H3427)</f>
        <v>34.886864760550189</v>
      </c>
      <c r="K3427">
        <f t="shared" ref="K3427:K3490" si="393">IF($B3427&lt;6,AE$37*$D3427+AE$38*$E3427+AE$39*$F3427+AE$40*$G3427,AE$46*$D3427+AE$47*$E3427+AE$48*$F3427+AE$49*$G3427+AE$50*$H3427)</f>
        <v>2.9121500658237456</v>
      </c>
      <c r="L3427">
        <f t="shared" ref="L3427:L3490" si="394">IF($B3427&lt;6,AF$37*$D3427+AF$38*$E3427+AF$39*$F3427+AF$40*$G3427,AF$46*$D3427+AF$47*$E3427+AF$48*$F3427+AF$49*$G3427+AF$50*$H3427)</f>
        <v>1.4560750329118728</v>
      </c>
      <c r="M3427">
        <f t="shared" ref="M3427:M3490" si="395">IF($B3427&lt;6,AG$37*$D3427+AG$38*$E3427+AG$39*$F3427+AG$40*$G3427,AG$46*$D3427+AG$47*$E3427+AG$48*$F3427+AG$49*$G3427+AG$50*$H3427)</f>
        <v>0</v>
      </c>
      <c r="N3427" s="45">
        <f t="shared" si="389"/>
        <v>45068.374999991771</v>
      </c>
    </row>
    <row r="3428" spans="2:14" x14ac:dyDescent="0.25">
      <c r="B3428">
        <f t="shared" si="390"/>
        <v>1</v>
      </c>
      <c r="C3428" s="16">
        <v>3394</v>
      </c>
      <c r="D3428" cm="1">
        <f t="array" ref="D3428">IFERROR(INDEX(Jesper!AH$2:AH$366,ROUNDDOWN($C3428/24,0)+1,1)*INDEX($D$3:$AA$30,INDEX(Jesper!$R$2:$R$366,ROW(INDEX(Jesper!AH$2:AH$366,ROUNDDOWN($C3428/24,0)+1,1))-1)+IF('Standard Profiles'!$G$18=$B$10,7,0)+IF('Standard Profiles'!$G$18=$B$17,14,0)+IF('Standard Profiles'!$G$18=$B$24,21,0),MOD($C3428,24)+1)/SUM(INDEX($D$3:$AA$30,INDEX(Jesper!$R$2:$R$366,ROW(INDEX(Jesper!AH$2:AH$366,ROUNDDOWN($C3428/24,0)+1,1))-1)+IF('Standard Profiles'!$G$18=$B$10,7,0)+IF('Standard Profiles'!$G$18=$B$17,14,0)+IF('Standard Profiles'!$G$18=$B$24,21,0),0)),0)</f>
        <v>27.301406867097612</v>
      </c>
      <c r="E3428" cm="1">
        <f t="array" ref="E3428">IFERROR(INDEX(Jesper!AI$2:AI$366,ROUNDDOWN($C3428/24,0)+1,1)*INDEX($D$3:$AA$30,INDEX(Jesper!$R$2:$R$366,ROW(INDEX(Jesper!AI$2:AI$366,ROUNDDOWN($C3428/24,0)+1,1))-1)+IF('Standard Profiles'!$G$19=$B$10,7,0)+IF('Standard Profiles'!$G$19=$B$17,14,0)+IF('Standard Profiles'!$G$19=$B$24,21,0),MOD($C3428,24)+1)/SUM(INDEX($D$3:$AA$30,INDEX(Jesper!$R$2:$R$366,ROW(INDEX(Jesper!AI$2:AI$366,ROUNDDOWN($C3428/24,0)+1,1))-1)+IF('Standard Profiles'!$G$19=$B$10,7,0)+IF('Standard Profiles'!$G$19=$B$17,14,0)+IF('Standard Profiles'!$G$19=$B$24,21,0),0)),0)</f>
        <v>11.556538789130906</v>
      </c>
      <c r="F3428" cm="1">
        <f t="array" ref="F3428">IFERROR(INDEX(Jesper!AJ$2:AJ$366,ROUNDDOWN($C3428/24,0)+1,1)*INDEX($D$3:$AA$30,INDEX(Jesper!$R$2:$R$366,ROW(INDEX(Jesper!AJ$2:AJ$366,ROUNDDOWN($C3428/24,0)+1,1))-1)+IF('Standard Profiles'!$G$20=$B$10,7,0)+IF('Standard Profiles'!$G$20=$B$17,14,0)+IF('Standard Profiles'!$G$20=$B$24,21,0),MOD($C3428,24)+1)/SUM(INDEX($D$3:$AA$30,INDEX(Jesper!$R$2:$R$366,ROW(INDEX(Jesper!AJ$2:AJ$366,ROUNDDOWN($C3428/24,0)+1,1))-1)+IF('Standard Profiles'!$G$20=$B$10,7,0)+IF('Standard Profiles'!$G$20=$B$17,14,0)+IF('Standard Profiles'!$G$20=$B$24,21,0),0)),0)</f>
        <v>0</v>
      </c>
      <c r="G3428" cm="1">
        <f t="array" ref="G3428">IFERROR(INDEX(Jesper!AK$2:AK$366,ROUNDDOWN($C3428/24,0)+1,1)*INDEX($D$3:$AA$30,INDEX(Jesper!$R$2:$R$366,ROW(INDEX(Jesper!AK$2:AK$366,ROUNDDOWN($C3428/24,0)+1,1))-1)+IF('Standard Profiles'!$G$21=$B$10,7,0)+IF('Standard Profiles'!$G$21=$B$17,14,0)+IF('Standard Profiles'!$G$21=$B$24,21,0),MOD($C3428,24)+1)/SUM(INDEX($D$3:$AA$30,INDEX(Jesper!$R$2:$R$366,ROW(INDEX(Jesper!AK$2:AK$366,ROUNDDOWN($C3428/24,0)+1,1))-1)+IF('Standard Profiles'!$G$21=$B$10,7,0)+IF('Standard Profiles'!$G$21=$B$17,14,0)+IF('Standard Profiles'!$G$21=$B$24,21,0),0)),0)</f>
        <v>0.76373885203324188</v>
      </c>
      <c r="H3428" cm="1">
        <f t="array" ref="H3428">IFERROR(INDEX(Jesper!AL$2:AL$366,ROUNDDOWN($C3428/24,0)+1,1)*INDEX($D$3:$AA$30,INDEX(Jesper!$R$2:$R$366,ROW(INDEX(Jesper!AL$2:AL$366,ROUNDDOWN($C3428/24,0)+1,1))-1)+IF('Standard Profiles'!$G$22=$B$10,7,0)+IF('Standard Profiles'!$G$22=$B$17,14,0)+IF('Standard Profiles'!$G$22=$B$24,21,0),MOD($C3428,24)+1)/SUM(INDEX($D$3:$AA$30,INDEX(Jesper!$R$2:$R$366,ROW(INDEX(Jesper!AL$2:AL$366,ROUNDDOWN($C3428/24,0)+1,1))-1)+IF('Standard Profiles'!$G$22=$B$10,7,0)+IF('Standard Profiles'!$G$22=$B$17,14,0)+IF('Standard Profiles'!$G$22=$B$24,21,0),0)),0)</f>
        <v>0</v>
      </c>
      <c r="I3428">
        <f t="shared" si="391"/>
        <v>0.36659464897595589</v>
      </c>
      <c r="J3428">
        <f t="shared" si="392"/>
        <v>34.886864760550189</v>
      </c>
      <c r="K3428">
        <f t="shared" si="393"/>
        <v>2.9121500658237456</v>
      </c>
      <c r="L3428">
        <f t="shared" si="394"/>
        <v>1.4560750329118728</v>
      </c>
      <c r="M3428">
        <f t="shared" si="395"/>
        <v>0</v>
      </c>
      <c r="N3428" s="45">
        <f t="shared" ref="N3428:N3491" si="396">N3427+1/24</f>
        <v>45068.416666658435</v>
      </c>
    </row>
    <row r="3429" spans="2:14" x14ac:dyDescent="0.25">
      <c r="B3429">
        <f t="shared" si="390"/>
        <v>1</v>
      </c>
      <c r="C3429" s="16">
        <v>3395</v>
      </c>
      <c r="D3429" cm="1">
        <f t="array" ref="D3429">IFERROR(INDEX(Jesper!AH$2:AH$366,ROUNDDOWN($C3429/24,0)+1,1)*INDEX($D$3:$AA$30,INDEX(Jesper!$R$2:$R$366,ROW(INDEX(Jesper!AH$2:AH$366,ROUNDDOWN($C3429/24,0)+1,1))-1)+IF('Standard Profiles'!$G$18=$B$10,7,0)+IF('Standard Profiles'!$G$18=$B$17,14,0)+IF('Standard Profiles'!$G$18=$B$24,21,0),MOD($C3429,24)+1)/SUM(INDEX($D$3:$AA$30,INDEX(Jesper!$R$2:$R$366,ROW(INDEX(Jesper!AH$2:AH$366,ROUNDDOWN($C3429/24,0)+1,1))-1)+IF('Standard Profiles'!$G$18=$B$10,7,0)+IF('Standard Profiles'!$G$18=$B$17,14,0)+IF('Standard Profiles'!$G$18=$B$24,21,0),0)),0)</f>
        <v>32.761688240517131</v>
      </c>
      <c r="E3429" cm="1">
        <f t="array" ref="E3429">IFERROR(INDEX(Jesper!AI$2:AI$366,ROUNDDOWN($C3429/24,0)+1,1)*INDEX($D$3:$AA$30,INDEX(Jesper!$R$2:$R$366,ROW(INDEX(Jesper!AI$2:AI$366,ROUNDDOWN($C3429/24,0)+1,1))-1)+IF('Standard Profiles'!$G$19=$B$10,7,0)+IF('Standard Profiles'!$G$19=$B$17,14,0)+IF('Standard Profiles'!$G$19=$B$24,21,0),MOD($C3429,24)+1)/SUM(INDEX($D$3:$AA$30,INDEX(Jesper!$R$2:$R$366,ROW(INDEX(Jesper!AI$2:AI$366,ROUNDDOWN($C3429/24,0)+1,1))-1)+IF('Standard Profiles'!$G$19=$B$10,7,0)+IF('Standard Profiles'!$G$19=$B$17,14,0)+IF('Standard Profiles'!$G$19=$B$24,21,0),0)),0)</f>
        <v>13.867846546957086</v>
      </c>
      <c r="F3429" cm="1">
        <f t="array" ref="F3429">IFERROR(INDEX(Jesper!AJ$2:AJ$366,ROUNDDOWN($C3429/24,0)+1,1)*INDEX($D$3:$AA$30,INDEX(Jesper!$R$2:$R$366,ROW(INDEX(Jesper!AJ$2:AJ$366,ROUNDDOWN($C3429/24,0)+1,1))-1)+IF('Standard Profiles'!$G$20=$B$10,7,0)+IF('Standard Profiles'!$G$20=$B$17,14,0)+IF('Standard Profiles'!$G$20=$B$24,21,0),MOD($C3429,24)+1)/SUM(INDEX($D$3:$AA$30,INDEX(Jesper!$R$2:$R$366,ROW(INDEX(Jesper!AJ$2:AJ$366,ROUNDDOWN($C3429/24,0)+1,1))-1)+IF('Standard Profiles'!$G$20=$B$10,7,0)+IF('Standard Profiles'!$G$20=$B$17,14,0)+IF('Standard Profiles'!$G$20=$B$24,21,0),0)),0)</f>
        <v>0</v>
      </c>
      <c r="G3429" cm="1">
        <f t="array" ref="G3429">IFERROR(INDEX(Jesper!AK$2:AK$366,ROUNDDOWN($C3429/24,0)+1,1)*INDEX($D$3:$AA$30,INDEX(Jesper!$R$2:$R$366,ROW(INDEX(Jesper!AK$2:AK$366,ROUNDDOWN($C3429/24,0)+1,1))-1)+IF('Standard Profiles'!$G$21=$B$10,7,0)+IF('Standard Profiles'!$G$21=$B$17,14,0)+IF('Standard Profiles'!$G$21=$B$24,21,0),MOD($C3429,24)+1)/SUM(INDEX($D$3:$AA$30,INDEX(Jesper!$R$2:$R$366,ROW(INDEX(Jesper!AK$2:AK$366,ROUNDDOWN($C3429/24,0)+1,1))-1)+IF('Standard Profiles'!$G$21=$B$10,7,0)+IF('Standard Profiles'!$G$21=$B$17,14,0)+IF('Standard Profiles'!$G$21=$B$24,21,0),0)),0)</f>
        <v>0.91648662243989021</v>
      </c>
      <c r="H3429" cm="1">
        <f t="array" ref="H3429">IFERROR(INDEX(Jesper!AL$2:AL$366,ROUNDDOWN($C3429/24,0)+1,1)*INDEX($D$3:$AA$30,INDEX(Jesper!$R$2:$R$366,ROW(INDEX(Jesper!AL$2:AL$366,ROUNDDOWN($C3429/24,0)+1,1))-1)+IF('Standard Profiles'!$G$22=$B$10,7,0)+IF('Standard Profiles'!$G$22=$B$17,14,0)+IF('Standard Profiles'!$G$22=$B$24,21,0),MOD($C3429,24)+1)/SUM(INDEX($D$3:$AA$30,INDEX(Jesper!$R$2:$R$366,ROW(INDEX(Jesper!AL$2:AL$366,ROUNDDOWN($C3429/24,0)+1,1))-1)+IF('Standard Profiles'!$G$22=$B$10,7,0)+IF('Standard Profiles'!$G$22=$B$17,14,0)+IF('Standard Profiles'!$G$22=$B$24,21,0),0)),0)</f>
        <v>0</v>
      </c>
      <c r="I3429">
        <f t="shared" si="391"/>
        <v>0.43991357877114706</v>
      </c>
      <c r="J3429">
        <f t="shared" si="392"/>
        <v>41.86423771266022</v>
      </c>
      <c r="K3429">
        <f t="shared" si="393"/>
        <v>3.494580078988494</v>
      </c>
      <c r="L3429">
        <f t="shared" si="394"/>
        <v>1.747290039494247</v>
      </c>
      <c r="M3429">
        <f t="shared" si="395"/>
        <v>0</v>
      </c>
      <c r="N3429" s="45">
        <f t="shared" si="396"/>
        <v>45068.458333325099</v>
      </c>
    </row>
    <row r="3430" spans="2:14" x14ac:dyDescent="0.25">
      <c r="B3430">
        <f t="shared" si="390"/>
        <v>1</v>
      </c>
      <c r="C3430" s="16">
        <v>3396</v>
      </c>
      <c r="D3430" cm="1">
        <f t="array" ref="D3430">IFERROR(INDEX(Jesper!AH$2:AH$366,ROUNDDOWN($C3430/24,0)+1,1)*INDEX($D$3:$AA$30,INDEX(Jesper!$R$2:$R$366,ROW(INDEX(Jesper!AH$2:AH$366,ROUNDDOWN($C3430/24,0)+1,1))-1)+IF('Standard Profiles'!$G$18=$B$10,7,0)+IF('Standard Profiles'!$G$18=$B$17,14,0)+IF('Standard Profiles'!$G$18=$B$24,21,0),MOD($C3430,24)+1)/SUM(INDEX($D$3:$AA$30,INDEX(Jesper!$R$2:$R$366,ROW(INDEX(Jesper!AH$2:AH$366,ROUNDDOWN($C3430/24,0)+1,1))-1)+IF('Standard Profiles'!$G$18=$B$10,7,0)+IF('Standard Profiles'!$G$18=$B$17,14,0)+IF('Standard Profiles'!$G$18=$B$24,21,0),0)),0)</f>
        <v>32.761688240517131</v>
      </c>
      <c r="E3430" cm="1">
        <f t="array" ref="E3430">IFERROR(INDEX(Jesper!AI$2:AI$366,ROUNDDOWN($C3430/24,0)+1,1)*INDEX($D$3:$AA$30,INDEX(Jesper!$R$2:$R$366,ROW(INDEX(Jesper!AI$2:AI$366,ROUNDDOWN($C3430/24,0)+1,1))-1)+IF('Standard Profiles'!$G$19=$B$10,7,0)+IF('Standard Profiles'!$G$19=$B$17,14,0)+IF('Standard Profiles'!$G$19=$B$24,21,0),MOD($C3430,24)+1)/SUM(INDEX($D$3:$AA$30,INDEX(Jesper!$R$2:$R$366,ROW(INDEX(Jesper!AI$2:AI$366,ROUNDDOWN($C3430/24,0)+1,1))-1)+IF('Standard Profiles'!$G$19=$B$10,7,0)+IF('Standard Profiles'!$G$19=$B$17,14,0)+IF('Standard Profiles'!$G$19=$B$24,21,0),0)),0)</f>
        <v>13.867846546957086</v>
      </c>
      <c r="F3430" cm="1">
        <f t="array" ref="F3430">IFERROR(INDEX(Jesper!AJ$2:AJ$366,ROUNDDOWN($C3430/24,0)+1,1)*INDEX($D$3:$AA$30,INDEX(Jesper!$R$2:$R$366,ROW(INDEX(Jesper!AJ$2:AJ$366,ROUNDDOWN($C3430/24,0)+1,1))-1)+IF('Standard Profiles'!$G$20=$B$10,7,0)+IF('Standard Profiles'!$G$20=$B$17,14,0)+IF('Standard Profiles'!$G$20=$B$24,21,0),MOD($C3430,24)+1)/SUM(INDEX($D$3:$AA$30,INDEX(Jesper!$R$2:$R$366,ROW(INDEX(Jesper!AJ$2:AJ$366,ROUNDDOWN($C3430/24,0)+1,1))-1)+IF('Standard Profiles'!$G$20=$B$10,7,0)+IF('Standard Profiles'!$G$20=$B$17,14,0)+IF('Standard Profiles'!$G$20=$B$24,21,0),0)),0)</f>
        <v>0</v>
      </c>
      <c r="G3430" cm="1">
        <f t="array" ref="G3430">IFERROR(INDEX(Jesper!AK$2:AK$366,ROUNDDOWN($C3430/24,0)+1,1)*INDEX($D$3:$AA$30,INDEX(Jesper!$R$2:$R$366,ROW(INDEX(Jesper!AK$2:AK$366,ROUNDDOWN($C3430/24,0)+1,1))-1)+IF('Standard Profiles'!$G$21=$B$10,7,0)+IF('Standard Profiles'!$G$21=$B$17,14,0)+IF('Standard Profiles'!$G$21=$B$24,21,0),MOD($C3430,24)+1)/SUM(INDEX($D$3:$AA$30,INDEX(Jesper!$R$2:$R$366,ROW(INDEX(Jesper!AK$2:AK$366,ROUNDDOWN($C3430/24,0)+1,1))-1)+IF('Standard Profiles'!$G$21=$B$10,7,0)+IF('Standard Profiles'!$G$21=$B$17,14,0)+IF('Standard Profiles'!$G$21=$B$24,21,0),0)),0)</f>
        <v>0.91648662243989021</v>
      </c>
      <c r="H3430" cm="1">
        <f t="array" ref="H3430">IFERROR(INDEX(Jesper!AL$2:AL$366,ROUNDDOWN($C3430/24,0)+1,1)*INDEX($D$3:$AA$30,INDEX(Jesper!$R$2:$R$366,ROW(INDEX(Jesper!AL$2:AL$366,ROUNDDOWN($C3430/24,0)+1,1))-1)+IF('Standard Profiles'!$G$22=$B$10,7,0)+IF('Standard Profiles'!$G$22=$B$17,14,0)+IF('Standard Profiles'!$G$22=$B$24,21,0),MOD($C3430,24)+1)/SUM(INDEX($D$3:$AA$30,INDEX(Jesper!$R$2:$R$366,ROW(INDEX(Jesper!AL$2:AL$366,ROUNDDOWN($C3430/24,0)+1,1))-1)+IF('Standard Profiles'!$G$22=$B$10,7,0)+IF('Standard Profiles'!$G$22=$B$17,14,0)+IF('Standard Profiles'!$G$22=$B$24,21,0),0)),0)</f>
        <v>0</v>
      </c>
      <c r="I3430">
        <f t="shared" si="391"/>
        <v>0.43991357877114706</v>
      </c>
      <c r="J3430">
        <f t="shared" si="392"/>
        <v>41.86423771266022</v>
      </c>
      <c r="K3430">
        <f t="shared" si="393"/>
        <v>3.494580078988494</v>
      </c>
      <c r="L3430">
        <f t="shared" si="394"/>
        <v>1.747290039494247</v>
      </c>
      <c r="M3430">
        <f t="shared" si="395"/>
        <v>0</v>
      </c>
      <c r="N3430" s="45">
        <f t="shared" si="396"/>
        <v>45068.499999991764</v>
      </c>
    </row>
    <row r="3431" spans="2:14" x14ac:dyDescent="0.25">
      <c r="B3431">
        <f t="shared" si="390"/>
        <v>1</v>
      </c>
      <c r="C3431" s="16">
        <v>3397</v>
      </c>
      <c r="D3431" cm="1">
        <f t="array" ref="D3431">IFERROR(INDEX(Jesper!AH$2:AH$366,ROUNDDOWN($C3431/24,0)+1,1)*INDEX($D$3:$AA$30,INDEX(Jesper!$R$2:$R$366,ROW(INDEX(Jesper!AH$2:AH$366,ROUNDDOWN($C3431/24,0)+1,1))-1)+IF('Standard Profiles'!$G$18=$B$10,7,0)+IF('Standard Profiles'!$G$18=$B$17,14,0)+IF('Standard Profiles'!$G$18=$B$24,21,0),MOD($C3431,24)+1)/SUM(INDEX($D$3:$AA$30,INDEX(Jesper!$R$2:$R$366,ROW(INDEX(Jesper!AH$2:AH$366,ROUNDDOWN($C3431/24,0)+1,1))-1)+IF('Standard Profiles'!$G$18=$B$10,7,0)+IF('Standard Profiles'!$G$18=$B$17,14,0)+IF('Standard Profiles'!$G$18=$B$24,21,0),0)),0)</f>
        <v>21.841125493678089</v>
      </c>
      <c r="E3431" cm="1">
        <f t="array" ref="E3431">IFERROR(INDEX(Jesper!AI$2:AI$366,ROUNDDOWN($C3431/24,0)+1,1)*INDEX($D$3:$AA$30,INDEX(Jesper!$R$2:$R$366,ROW(INDEX(Jesper!AI$2:AI$366,ROUNDDOWN($C3431/24,0)+1,1))-1)+IF('Standard Profiles'!$G$19=$B$10,7,0)+IF('Standard Profiles'!$G$19=$B$17,14,0)+IF('Standard Profiles'!$G$19=$B$24,21,0),MOD($C3431,24)+1)/SUM(INDEX($D$3:$AA$30,INDEX(Jesper!$R$2:$R$366,ROW(INDEX(Jesper!AI$2:AI$366,ROUNDDOWN($C3431/24,0)+1,1))-1)+IF('Standard Profiles'!$G$19=$B$10,7,0)+IF('Standard Profiles'!$G$19=$B$17,14,0)+IF('Standard Profiles'!$G$19=$B$24,21,0),0)),0)</f>
        <v>9.2452310313047263</v>
      </c>
      <c r="F3431" cm="1">
        <f t="array" ref="F3431">IFERROR(INDEX(Jesper!AJ$2:AJ$366,ROUNDDOWN($C3431/24,0)+1,1)*INDEX($D$3:$AA$30,INDEX(Jesper!$R$2:$R$366,ROW(INDEX(Jesper!AJ$2:AJ$366,ROUNDDOWN($C3431/24,0)+1,1))-1)+IF('Standard Profiles'!$G$20=$B$10,7,0)+IF('Standard Profiles'!$G$20=$B$17,14,0)+IF('Standard Profiles'!$G$20=$B$24,21,0),MOD($C3431,24)+1)/SUM(INDEX($D$3:$AA$30,INDEX(Jesper!$R$2:$R$366,ROW(INDEX(Jesper!AJ$2:AJ$366,ROUNDDOWN($C3431/24,0)+1,1))-1)+IF('Standard Profiles'!$G$20=$B$10,7,0)+IF('Standard Profiles'!$G$20=$B$17,14,0)+IF('Standard Profiles'!$G$20=$B$24,21,0),0)),0)</f>
        <v>0</v>
      </c>
      <c r="G3431" cm="1">
        <f t="array" ref="G3431">IFERROR(INDEX(Jesper!AK$2:AK$366,ROUNDDOWN($C3431/24,0)+1,1)*INDEX($D$3:$AA$30,INDEX(Jesper!$R$2:$R$366,ROW(INDEX(Jesper!AK$2:AK$366,ROUNDDOWN($C3431/24,0)+1,1))-1)+IF('Standard Profiles'!$G$21=$B$10,7,0)+IF('Standard Profiles'!$G$21=$B$17,14,0)+IF('Standard Profiles'!$G$21=$B$24,21,0),MOD($C3431,24)+1)/SUM(INDEX($D$3:$AA$30,INDEX(Jesper!$R$2:$R$366,ROW(INDEX(Jesper!AK$2:AK$366,ROUNDDOWN($C3431/24,0)+1,1))-1)+IF('Standard Profiles'!$G$21=$B$10,7,0)+IF('Standard Profiles'!$G$21=$B$17,14,0)+IF('Standard Profiles'!$G$21=$B$24,21,0),0)),0)</f>
        <v>0.61099108162659355</v>
      </c>
      <c r="H3431" cm="1">
        <f t="array" ref="H3431">IFERROR(INDEX(Jesper!AL$2:AL$366,ROUNDDOWN($C3431/24,0)+1,1)*INDEX($D$3:$AA$30,INDEX(Jesper!$R$2:$R$366,ROW(INDEX(Jesper!AL$2:AL$366,ROUNDDOWN($C3431/24,0)+1,1))-1)+IF('Standard Profiles'!$G$22=$B$10,7,0)+IF('Standard Profiles'!$G$22=$B$17,14,0)+IF('Standard Profiles'!$G$22=$B$24,21,0),MOD($C3431,24)+1)/SUM(INDEX($D$3:$AA$30,INDEX(Jesper!$R$2:$R$366,ROW(INDEX(Jesper!AL$2:AL$366,ROUNDDOWN($C3431/24,0)+1,1))-1)+IF('Standard Profiles'!$G$22=$B$10,7,0)+IF('Standard Profiles'!$G$22=$B$17,14,0)+IF('Standard Profiles'!$G$22=$B$24,21,0),0)),0)</f>
        <v>0</v>
      </c>
      <c r="I3431">
        <f t="shared" si="391"/>
        <v>0.29327571918076478</v>
      </c>
      <c r="J3431">
        <f t="shared" si="392"/>
        <v>27.909491808440148</v>
      </c>
      <c r="K3431">
        <f t="shared" si="393"/>
        <v>2.3297200526589963</v>
      </c>
      <c r="L3431">
        <f t="shared" si="394"/>
        <v>1.1648600263294981</v>
      </c>
      <c r="M3431">
        <f t="shared" si="395"/>
        <v>0</v>
      </c>
      <c r="N3431" s="45">
        <f t="shared" si="396"/>
        <v>45068.541666658428</v>
      </c>
    </row>
    <row r="3432" spans="2:14" x14ac:dyDescent="0.25">
      <c r="B3432">
        <f t="shared" si="390"/>
        <v>1</v>
      </c>
      <c r="C3432" s="16">
        <v>3398</v>
      </c>
      <c r="D3432" cm="1">
        <f t="array" ref="D3432">IFERROR(INDEX(Jesper!AH$2:AH$366,ROUNDDOWN($C3432/24,0)+1,1)*INDEX($D$3:$AA$30,INDEX(Jesper!$R$2:$R$366,ROW(INDEX(Jesper!AH$2:AH$366,ROUNDDOWN($C3432/24,0)+1,1))-1)+IF('Standard Profiles'!$G$18=$B$10,7,0)+IF('Standard Profiles'!$G$18=$B$17,14,0)+IF('Standard Profiles'!$G$18=$B$24,21,0),MOD($C3432,24)+1)/SUM(INDEX($D$3:$AA$30,INDEX(Jesper!$R$2:$R$366,ROW(INDEX(Jesper!AH$2:AH$366,ROUNDDOWN($C3432/24,0)+1,1))-1)+IF('Standard Profiles'!$G$18=$B$10,7,0)+IF('Standard Profiles'!$G$18=$B$17,14,0)+IF('Standard Profiles'!$G$18=$B$24,21,0),0)),0)</f>
        <v>32.761688240517131</v>
      </c>
      <c r="E3432" cm="1">
        <f t="array" ref="E3432">IFERROR(INDEX(Jesper!AI$2:AI$366,ROUNDDOWN($C3432/24,0)+1,1)*INDEX($D$3:$AA$30,INDEX(Jesper!$R$2:$R$366,ROW(INDEX(Jesper!AI$2:AI$366,ROUNDDOWN($C3432/24,0)+1,1))-1)+IF('Standard Profiles'!$G$19=$B$10,7,0)+IF('Standard Profiles'!$G$19=$B$17,14,0)+IF('Standard Profiles'!$G$19=$B$24,21,0),MOD($C3432,24)+1)/SUM(INDEX($D$3:$AA$30,INDEX(Jesper!$R$2:$R$366,ROW(INDEX(Jesper!AI$2:AI$366,ROUNDDOWN($C3432/24,0)+1,1))-1)+IF('Standard Profiles'!$G$19=$B$10,7,0)+IF('Standard Profiles'!$G$19=$B$17,14,0)+IF('Standard Profiles'!$G$19=$B$24,21,0),0)),0)</f>
        <v>13.867846546957086</v>
      </c>
      <c r="F3432" cm="1">
        <f t="array" ref="F3432">IFERROR(INDEX(Jesper!AJ$2:AJ$366,ROUNDDOWN($C3432/24,0)+1,1)*INDEX($D$3:$AA$30,INDEX(Jesper!$R$2:$R$366,ROW(INDEX(Jesper!AJ$2:AJ$366,ROUNDDOWN($C3432/24,0)+1,1))-1)+IF('Standard Profiles'!$G$20=$B$10,7,0)+IF('Standard Profiles'!$G$20=$B$17,14,0)+IF('Standard Profiles'!$G$20=$B$24,21,0),MOD($C3432,24)+1)/SUM(INDEX($D$3:$AA$30,INDEX(Jesper!$R$2:$R$366,ROW(INDEX(Jesper!AJ$2:AJ$366,ROUNDDOWN($C3432/24,0)+1,1))-1)+IF('Standard Profiles'!$G$20=$B$10,7,0)+IF('Standard Profiles'!$G$20=$B$17,14,0)+IF('Standard Profiles'!$G$20=$B$24,21,0),0)),0)</f>
        <v>0</v>
      </c>
      <c r="G3432" cm="1">
        <f t="array" ref="G3432">IFERROR(INDEX(Jesper!AK$2:AK$366,ROUNDDOWN($C3432/24,0)+1,1)*INDEX($D$3:$AA$30,INDEX(Jesper!$R$2:$R$366,ROW(INDEX(Jesper!AK$2:AK$366,ROUNDDOWN($C3432/24,0)+1,1))-1)+IF('Standard Profiles'!$G$21=$B$10,7,0)+IF('Standard Profiles'!$G$21=$B$17,14,0)+IF('Standard Profiles'!$G$21=$B$24,21,0),MOD($C3432,24)+1)/SUM(INDEX($D$3:$AA$30,INDEX(Jesper!$R$2:$R$366,ROW(INDEX(Jesper!AK$2:AK$366,ROUNDDOWN($C3432/24,0)+1,1))-1)+IF('Standard Profiles'!$G$21=$B$10,7,0)+IF('Standard Profiles'!$G$21=$B$17,14,0)+IF('Standard Profiles'!$G$21=$B$24,21,0),0)),0)</f>
        <v>0.91648662243989021</v>
      </c>
      <c r="H3432" cm="1">
        <f t="array" ref="H3432">IFERROR(INDEX(Jesper!AL$2:AL$366,ROUNDDOWN($C3432/24,0)+1,1)*INDEX($D$3:$AA$30,INDEX(Jesper!$R$2:$R$366,ROW(INDEX(Jesper!AL$2:AL$366,ROUNDDOWN($C3432/24,0)+1,1))-1)+IF('Standard Profiles'!$G$22=$B$10,7,0)+IF('Standard Profiles'!$G$22=$B$17,14,0)+IF('Standard Profiles'!$G$22=$B$24,21,0),MOD($C3432,24)+1)/SUM(INDEX($D$3:$AA$30,INDEX(Jesper!$R$2:$R$366,ROW(INDEX(Jesper!AL$2:AL$366,ROUNDDOWN($C3432/24,0)+1,1))-1)+IF('Standard Profiles'!$G$22=$B$10,7,0)+IF('Standard Profiles'!$G$22=$B$17,14,0)+IF('Standard Profiles'!$G$22=$B$24,21,0),0)),0)</f>
        <v>0</v>
      </c>
      <c r="I3432">
        <f t="shared" si="391"/>
        <v>0.43991357877114706</v>
      </c>
      <c r="J3432">
        <f t="shared" si="392"/>
        <v>41.86423771266022</v>
      </c>
      <c r="K3432">
        <f t="shared" si="393"/>
        <v>3.494580078988494</v>
      </c>
      <c r="L3432">
        <f t="shared" si="394"/>
        <v>1.747290039494247</v>
      </c>
      <c r="M3432">
        <f t="shared" si="395"/>
        <v>0</v>
      </c>
      <c r="N3432" s="45">
        <f t="shared" si="396"/>
        <v>45068.583333325092</v>
      </c>
    </row>
    <row r="3433" spans="2:14" x14ac:dyDescent="0.25">
      <c r="B3433">
        <f t="shared" si="390"/>
        <v>1</v>
      </c>
      <c r="C3433" s="16">
        <v>3399</v>
      </c>
      <c r="D3433" cm="1">
        <f t="array" ref="D3433">IFERROR(INDEX(Jesper!AH$2:AH$366,ROUNDDOWN($C3433/24,0)+1,1)*INDEX($D$3:$AA$30,INDEX(Jesper!$R$2:$R$366,ROW(INDEX(Jesper!AH$2:AH$366,ROUNDDOWN($C3433/24,0)+1,1))-1)+IF('Standard Profiles'!$G$18=$B$10,7,0)+IF('Standard Profiles'!$G$18=$B$17,14,0)+IF('Standard Profiles'!$G$18=$B$24,21,0),MOD($C3433,24)+1)/SUM(INDEX($D$3:$AA$30,INDEX(Jesper!$R$2:$R$366,ROW(INDEX(Jesper!AH$2:AH$366,ROUNDDOWN($C3433/24,0)+1,1))-1)+IF('Standard Profiles'!$G$18=$B$10,7,0)+IF('Standard Profiles'!$G$18=$B$17,14,0)+IF('Standard Profiles'!$G$18=$B$24,21,0),0)),0)</f>
        <v>32.761688240517131</v>
      </c>
      <c r="E3433" cm="1">
        <f t="array" ref="E3433">IFERROR(INDEX(Jesper!AI$2:AI$366,ROUNDDOWN($C3433/24,0)+1,1)*INDEX($D$3:$AA$30,INDEX(Jesper!$R$2:$R$366,ROW(INDEX(Jesper!AI$2:AI$366,ROUNDDOWN($C3433/24,0)+1,1))-1)+IF('Standard Profiles'!$G$19=$B$10,7,0)+IF('Standard Profiles'!$G$19=$B$17,14,0)+IF('Standard Profiles'!$G$19=$B$24,21,0),MOD($C3433,24)+1)/SUM(INDEX($D$3:$AA$30,INDEX(Jesper!$R$2:$R$366,ROW(INDEX(Jesper!AI$2:AI$366,ROUNDDOWN($C3433/24,0)+1,1))-1)+IF('Standard Profiles'!$G$19=$B$10,7,0)+IF('Standard Profiles'!$G$19=$B$17,14,0)+IF('Standard Profiles'!$G$19=$B$24,21,0),0)),0)</f>
        <v>13.867846546957086</v>
      </c>
      <c r="F3433" cm="1">
        <f t="array" ref="F3433">IFERROR(INDEX(Jesper!AJ$2:AJ$366,ROUNDDOWN($C3433/24,0)+1,1)*INDEX($D$3:$AA$30,INDEX(Jesper!$R$2:$R$366,ROW(INDEX(Jesper!AJ$2:AJ$366,ROUNDDOWN($C3433/24,0)+1,1))-1)+IF('Standard Profiles'!$G$20=$B$10,7,0)+IF('Standard Profiles'!$G$20=$B$17,14,0)+IF('Standard Profiles'!$G$20=$B$24,21,0),MOD($C3433,24)+1)/SUM(INDEX($D$3:$AA$30,INDEX(Jesper!$R$2:$R$366,ROW(INDEX(Jesper!AJ$2:AJ$366,ROUNDDOWN($C3433/24,0)+1,1))-1)+IF('Standard Profiles'!$G$20=$B$10,7,0)+IF('Standard Profiles'!$G$20=$B$17,14,0)+IF('Standard Profiles'!$G$20=$B$24,21,0),0)),0)</f>
        <v>0</v>
      </c>
      <c r="G3433" cm="1">
        <f t="array" ref="G3433">IFERROR(INDEX(Jesper!AK$2:AK$366,ROUNDDOWN($C3433/24,0)+1,1)*INDEX($D$3:$AA$30,INDEX(Jesper!$R$2:$R$366,ROW(INDEX(Jesper!AK$2:AK$366,ROUNDDOWN($C3433/24,0)+1,1))-1)+IF('Standard Profiles'!$G$21=$B$10,7,0)+IF('Standard Profiles'!$G$21=$B$17,14,0)+IF('Standard Profiles'!$G$21=$B$24,21,0),MOD($C3433,24)+1)/SUM(INDEX($D$3:$AA$30,INDEX(Jesper!$R$2:$R$366,ROW(INDEX(Jesper!AK$2:AK$366,ROUNDDOWN($C3433/24,0)+1,1))-1)+IF('Standard Profiles'!$G$21=$B$10,7,0)+IF('Standard Profiles'!$G$21=$B$17,14,0)+IF('Standard Profiles'!$G$21=$B$24,21,0),0)),0)</f>
        <v>0.91648662243989021</v>
      </c>
      <c r="H3433" cm="1">
        <f t="array" ref="H3433">IFERROR(INDEX(Jesper!AL$2:AL$366,ROUNDDOWN($C3433/24,0)+1,1)*INDEX($D$3:$AA$30,INDEX(Jesper!$R$2:$R$366,ROW(INDEX(Jesper!AL$2:AL$366,ROUNDDOWN($C3433/24,0)+1,1))-1)+IF('Standard Profiles'!$G$22=$B$10,7,0)+IF('Standard Profiles'!$G$22=$B$17,14,0)+IF('Standard Profiles'!$G$22=$B$24,21,0),MOD($C3433,24)+1)/SUM(INDEX($D$3:$AA$30,INDEX(Jesper!$R$2:$R$366,ROW(INDEX(Jesper!AL$2:AL$366,ROUNDDOWN($C3433/24,0)+1,1))-1)+IF('Standard Profiles'!$G$22=$B$10,7,0)+IF('Standard Profiles'!$G$22=$B$17,14,0)+IF('Standard Profiles'!$G$22=$B$24,21,0),0)),0)</f>
        <v>0</v>
      </c>
      <c r="I3433">
        <f t="shared" si="391"/>
        <v>0.43991357877114706</v>
      </c>
      <c r="J3433">
        <f t="shared" si="392"/>
        <v>41.86423771266022</v>
      </c>
      <c r="K3433">
        <f t="shared" si="393"/>
        <v>3.494580078988494</v>
      </c>
      <c r="L3433">
        <f t="shared" si="394"/>
        <v>1.747290039494247</v>
      </c>
      <c r="M3433">
        <f t="shared" si="395"/>
        <v>0</v>
      </c>
      <c r="N3433" s="45">
        <f t="shared" si="396"/>
        <v>45068.624999991756</v>
      </c>
    </row>
    <row r="3434" spans="2:14" x14ac:dyDescent="0.25">
      <c r="B3434">
        <f t="shared" si="390"/>
        <v>1</v>
      </c>
      <c r="C3434" s="16">
        <v>3400</v>
      </c>
      <c r="D3434" cm="1">
        <f t="array" ref="D3434">IFERROR(INDEX(Jesper!AH$2:AH$366,ROUNDDOWN($C3434/24,0)+1,1)*INDEX($D$3:$AA$30,INDEX(Jesper!$R$2:$R$366,ROW(INDEX(Jesper!AH$2:AH$366,ROUNDDOWN($C3434/24,0)+1,1))-1)+IF('Standard Profiles'!$G$18=$B$10,7,0)+IF('Standard Profiles'!$G$18=$B$17,14,0)+IF('Standard Profiles'!$G$18=$B$24,21,0),MOD($C3434,24)+1)/SUM(INDEX($D$3:$AA$30,INDEX(Jesper!$R$2:$R$366,ROW(INDEX(Jesper!AH$2:AH$366,ROUNDDOWN($C3434/24,0)+1,1))-1)+IF('Standard Profiles'!$G$18=$B$10,7,0)+IF('Standard Profiles'!$G$18=$B$17,14,0)+IF('Standard Profiles'!$G$18=$B$24,21,0),0)),0)</f>
        <v>19.110984806968325</v>
      </c>
      <c r="E3434" cm="1">
        <f t="array" ref="E3434">IFERROR(INDEX(Jesper!AI$2:AI$366,ROUNDDOWN($C3434/24,0)+1,1)*INDEX($D$3:$AA$30,INDEX(Jesper!$R$2:$R$366,ROW(INDEX(Jesper!AI$2:AI$366,ROUNDDOWN($C3434/24,0)+1,1))-1)+IF('Standard Profiles'!$G$19=$B$10,7,0)+IF('Standard Profiles'!$G$19=$B$17,14,0)+IF('Standard Profiles'!$G$19=$B$24,21,0),MOD($C3434,24)+1)/SUM(INDEX($D$3:$AA$30,INDEX(Jesper!$R$2:$R$366,ROW(INDEX(Jesper!AI$2:AI$366,ROUNDDOWN($C3434/24,0)+1,1))-1)+IF('Standard Profiles'!$G$19=$B$10,7,0)+IF('Standard Profiles'!$G$19=$B$17,14,0)+IF('Standard Profiles'!$G$19=$B$24,21,0),0)),0)</f>
        <v>8.0895771523916338</v>
      </c>
      <c r="F3434" cm="1">
        <f t="array" ref="F3434">IFERROR(INDEX(Jesper!AJ$2:AJ$366,ROUNDDOWN($C3434/24,0)+1,1)*INDEX($D$3:$AA$30,INDEX(Jesper!$R$2:$R$366,ROW(INDEX(Jesper!AJ$2:AJ$366,ROUNDDOWN($C3434/24,0)+1,1))-1)+IF('Standard Profiles'!$G$20=$B$10,7,0)+IF('Standard Profiles'!$G$20=$B$17,14,0)+IF('Standard Profiles'!$G$20=$B$24,21,0),MOD($C3434,24)+1)/SUM(INDEX($D$3:$AA$30,INDEX(Jesper!$R$2:$R$366,ROW(INDEX(Jesper!AJ$2:AJ$366,ROUNDDOWN($C3434/24,0)+1,1))-1)+IF('Standard Profiles'!$G$20=$B$10,7,0)+IF('Standard Profiles'!$G$20=$B$17,14,0)+IF('Standard Profiles'!$G$20=$B$24,21,0),0)),0)</f>
        <v>0</v>
      </c>
      <c r="G3434" cm="1">
        <f t="array" ref="G3434">IFERROR(INDEX(Jesper!AK$2:AK$366,ROUNDDOWN($C3434/24,0)+1,1)*INDEX($D$3:$AA$30,INDEX(Jesper!$R$2:$R$366,ROW(INDEX(Jesper!AK$2:AK$366,ROUNDDOWN($C3434/24,0)+1,1))-1)+IF('Standard Profiles'!$G$21=$B$10,7,0)+IF('Standard Profiles'!$G$21=$B$17,14,0)+IF('Standard Profiles'!$G$21=$B$24,21,0),MOD($C3434,24)+1)/SUM(INDEX($D$3:$AA$30,INDEX(Jesper!$R$2:$R$366,ROW(INDEX(Jesper!AK$2:AK$366,ROUNDDOWN($C3434/24,0)+1,1))-1)+IF('Standard Profiles'!$G$21=$B$10,7,0)+IF('Standard Profiles'!$G$21=$B$17,14,0)+IF('Standard Profiles'!$G$21=$B$24,21,0),0)),0)</f>
        <v>0.76373885203324188</v>
      </c>
      <c r="H3434" cm="1">
        <f t="array" ref="H3434">IFERROR(INDEX(Jesper!AL$2:AL$366,ROUNDDOWN($C3434/24,0)+1,1)*INDEX($D$3:$AA$30,INDEX(Jesper!$R$2:$R$366,ROW(INDEX(Jesper!AL$2:AL$366,ROUNDDOWN($C3434/24,0)+1,1))-1)+IF('Standard Profiles'!$G$22=$B$10,7,0)+IF('Standard Profiles'!$G$22=$B$17,14,0)+IF('Standard Profiles'!$G$22=$B$24,21,0),MOD($C3434,24)+1)/SUM(INDEX($D$3:$AA$30,INDEX(Jesper!$R$2:$R$366,ROW(INDEX(Jesper!AL$2:AL$366,ROUNDDOWN($C3434/24,0)+1,1))-1)+IF('Standard Profiles'!$G$22=$B$10,7,0)+IF('Standard Profiles'!$G$22=$B$17,14,0)+IF('Standard Profiles'!$G$22=$B$24,21,0),0)),0)</f>
        <v>0</v>
      </c>
      <c r="I3434">
        <f t="shared" si="391"/>
        <v>0.36659464897595589</v>
      </c>
      <c r="J3434">
        <f t="shared" si="392"/>
        <v>24.539948593302313</v>
      </c>
      <c r="K3434">
        <f t="shared" si="393"/>
        <v>2.0385050460766214</v>
      </c>
      <c r="L3434">
        <f t="shared" si="394"/>
        <v>1.0192525230383107</v>
      </c>
      <c r="M3434">
        <f t="shared" si="395"/>
        <v>0</v>
      </c>
      <c r="N3434" s="45">
        <f t="shared" si="396"/>
        <v>45068.666666658421</v>
      </c>
    </row>
    <row r="3435" spans="2:14" x14ac:dyDescent="0.25">
      <c r="B3435">
        <f t="shared" si="390"/>
        <v>1</v>
      </c>
      <c r="C3435" s="16">
        <v>3401</v>
      </c>
      <c r="D3435" cm="1">
        <f t="array" ref="D3435">IFERROR(INDEX(Jesper!AH$2:AH$366,ROUNDDOWN($C3435/24,0)+1,1)*INDEX($D$3:$AA$30,INDEX(Jesper!$R$2:$R$366,ROW(INDEX(Jesper!AH$2:AH$366,ROUNDDOWN($C3435/24,0)+1,1))-1)+IF('Standard Profiles'!$G$18=$B$10,7,0)+IF('Standard Profiles'!$G$18=$B$17,14,0)+IF('Standard Profiles'!$G$18=$B$24,21,0),MOD($C3435,24)+1)/SUM(INDEX($D$3:$AA$30,INDEX(Jesper!$R$2:$R$366,ROW(INDEX(Jesper!AH$2:AH$366,ROUNDDOWN($C3435/24,0)+1,1))-1)+IF('Standard Profiles'!$G$18=$B$10,7,0)+IF('Standard Profiles'!$G$18=$B$17,14,0)+IF('Standard Profiles'!$G$18=$B$24,21,0),0)),0)</f>
        <v>5.4602813734195221</v>
      </c>
      <c r="E3435" cm="1">
        <f t="array" ref="E3435">IFERROR(INDEX(Jesper!AI$2:AI$366,ROUNDDOWN($C3435/24,0)+1,1)*INDEX($D$3:$AA$30,INDEX(Jesper!$R$2:$R$366,ROW(INDEX(Jesper!AI$2:AI$366,ROUNDDOWN($C3435/24,0)+1,1))-1)+IF('Standard Profiles'!$G$19=$B$10,7,0)+IF('Standard Profiles'!$G$19=$B$17,14,0)+IF('Standard Profiles'!$G$19=$B$24,21,0),MOD($C3435,24)+1)/SUM(INDEX($D$3:$AA$30,INDEX(Jesper!$R$2:$R$366,ROW(INDEX(Jesper!AI$2:AI$366,ROUNDDOWN($C3435/24,0)+1,1))-1)+IF('Standard Profiles'!$G$19=$B$10,7,0)+IF('Standard Profiles'!$G$19=$B$17,14,0)+IF('Standard Profiles'!$G$19=$B$24,21,0),0)),0)</f>
        <v>2.3113077578261816</v>
      </c>
      <c r="F3435" cm="1">
        <f t="array" ref="F3435">IFERROR(INDEX(Jesper!AJ$2:AJ$366,ROUNDDOWN($C3435/24,0)+1,1)*INDEX($D$3:$AA$30,INDEX(Jesper!$R$2:$R$366,ROW(INDEX(Jesper!AJ$2:AJ$366,ROUNDDOWN($C3435/24,0)+1,1))-1)+IF('Standard Profiles'!$G$20=$B$10,7,0)+IF('Standard Profiles'!$G$20=$B$17,14,0)+IF('Standard Profiles'!$G$20=$B$24,21,0),MOD($C3435,24)+1)/SUM(INDEX($D$3:$AA$30,INDEX(Jesper!$R$2:$R$366,ROW(INDEX(Jesper!AJ$2:AJ$366,ROUNDDOWN($C3435/24,0)+1,1))-1)+IF('Standard Profiles'!$G$20=$B$10,7,0)+IF('Standard Profiles'!$G$20=$B$17,14,0)+IF('Standard Profiles'!$G$20=$B$24,21,0),0)),0)</f>
        <v>0</v>
      </c>
      <c r="G3435" cm="1">
        <f t="array" ref="G3435">IFERROR(INDEX(Jesper!AK$2:AK$366,ROUNDDOWN($C3435/24,0)+1,1)*INDEX($D$3:$AA$30,INDEX(Jesper!$R$2:$R$366,ROW(INDEX(Jesper!AK$2:AK$366,ROUNDDOWN($C3435/24,0)+1,1))-1)+IF('Standard Profiles'!$G$21=$B$10,7,0)+IF('Standard Profiles'!$G$21=$B$17,14,0)+IF('Standard Profiles'!$G$21=$B$24,21,0),MOD($C3435,24)+1)/SUM(INDEX($D$3:$AA$30,INDEX(Jesper!$R$2:$R$366,ROW(INDEX(Jesper!AK$2:AK$366,ROUNDDOWN($C3435/24,0)+1,1))-1)+IF('Standard Profiles'!$G$21=$B$10,7,0)+IF('Standard Profiles'!$G$21=$B$17,14,0)+IF('Standard Profiles'!$G$21=$B$24,21,0),0)),0)</f>
        <v>0.61450252462444754</v>
      </c>
      <c r="H3435" cm="1">
        <f t="array" ref="H3435">IFERROR(INDEX(Jesper!AL$2:AL$366,ROUNDDOWN($C3435/24,0)+1,1)*INDEX($D$3:$AA$30,INDEX(Jesper!$R$2:$R$366,ROW(INDEX(Jesper!AL$2:AL$366,ROUNDDOWN($C3435/24,0)+1,1))-1)+IF('Standard Profiles'!$G$22=$B$10,7,0)+IF('Standard Profiles'!$G$22=$B$17,14,0)+IF('Standard Profiles'!$G$22=$B$24,21,0),MOD($C3435,24)+1)/SUM(INDEX($D$3:$AA$30,INDEX(Jesper!$R$2:$R$366,ROW(INDEX(Jesper!AL$2:AL$366,ROUNDDOWN($C3435/24,0)+1,1))-1)+IF('Standard Profiles'!$G$22=$B$10,7,0)+IF('Standard Profiles'!$G$22=$B$17,14,0)+IF('Standard Profiles'!$G$22=$B$24,21,0),0)),0)</f>
        <v>0</v>
      </c>
      <c r="I3435">
        <f t="shared" si="391"/>
        <v>0.29496121181973467</v>
      </c>
      <c r="J3435">
        <f t="shared" si="392"/>
        <v>7.2174854243032929</v>
      </c>
      <c r="K3435">
        <f t="shared" si="393"/>
        <v>0.58243001316474907</v>
      </c>
      <c r="L3435">
        <f t="shared" si="394"/>
        <v>0.29121500658237454</v>
      </c>
      <c r="M3435">
        <f t="shared" si="395"/>
        <v>0</v>
      </c>
      <c r="N3435" s="45">
        <f t="shared" si="396"/>
        <v>45068.708333325085</v>
      </c>
    </row>
    <row r="3436" spans="2:14" x14ac:dyDescent="0.25">
      <c r="B3436">
        <f t="shared" si="390"/>
        <v>1</v>
      </c>
      <c r="C3436" s="16">
        <v>3402</v>
      </c>
      <c r="D3436" cm="1">
        <f t="array" ref="D3436">IFERROR(INDEX(Jesper!AH$2:AH$366,ROUNDDOWN($C3436/24,0)+1,1)*INDEX($D$3:$AA$30,INDEX(Jesper!$R$2:$R$366,ROW(INDEX(Jesper!AH$2:AH$366,ROUNDDOWN($C3436/24,0)+1,1))-1)+IF('Standard Profiles'!$G$18=$B$10,7,0)+IF('Standard Profiles'!$G$18=$B$17,14,0)+IF('Standard Profiles'!$G$18=$B$24,21,0),MOD($C3436,24)+1)/SUM(INDEX($D$3:$AA$30,INDEX(Jesper!$R$2:$R$366,ROW(INDEX(Jesper!AH$2:AH$366,ROUNDDOWN($C3436/24,0)+1,1))-1)+IF('Standard Profiles'!$G$18=$B$10,7,0)+IF('Standard Profiles'!$G$18=$B$17,14,0)+IF('Standard Profiles'!$G$18=$B$24,21,0),0)),0)</f>
        <v>5.3833760019629091</v>
      </c>
      <c r="E3436" cm="1">
        <f t="array" ref="E3436">IFERROR(INDEX(Jesper!AI$2:AI$366,ROUNDDOWN($C3436/24,0)+1,1)*INDEX($D$3:$AA$30,INDEX(Jesper!$R$2:$R$366,ROW(INDEX(Jesper!AI$2:AI$366,ROUNDDOWN($C3436/24,0)+1,1))-1)+IF('Standard Profiles'!$G$19=$B$10,7,0)+IF('Standard Profiles'!$G$19=$B$17,14,0)+IF('Standard Profiles'!$G$19=$B$24,21,0),MOD($C3436,24)+1)/SUM(INDEX($D$3:$AA$30,INDEX(Jesper!$R$2:$R$366,ROW(INDEX(Jesper!AI$2:AI$366,ROUNDDOWN($C3436/24,0)+1,1))-1)+IF('Standard Profiles'!$G$19=$B$10,7,0)+IF('Standard Profiles'!$G$19=$B$17,14,0)+IF('Standard Profiles'!$G$19=$B$24,21,0),0)),0)</f>
        <v>2.2787541274342633</v>
      </c>
      <c r="F3436" cm="1">
        <f t="array" ref="F3436">IFERROR(INDEX(Jesper!AJ$2:AJ$366,ROUNDDOWN($C3436/24,0)+1,1)*INDEX($D$3:$AA$30,INDEX(Jesper!$R$2:$R$366,ROW(INDEX(Jesper!AJ$2:AJ$366,ROUNDDOWN($C3436/24,0)+1,1))-1)+IF('Standard Profiles'!$G$20=$B$10,7,0)+IF('Standard Profiles'!$G$20=$B$17,14,0)+IF('Standard Profiles'!$G$20=$B$24,21,0),MOD($C3436,24)+1)/SUM(INDEX($D$3:$AA$30,INDEX(Jesper!$R$2:$R$366,ROW(INDEX(Jesper!AJ$2:AJ$366,ROUNDDOWN($C3436/24,0)+1,1))-1)+IF('Standard Profiles'!$G$20=$B$10,7,0)+IF('Standard Profiles'!$G$20=$B$17,14,0)+IF('Standard Profiles'!$G$20=$B$24,21,0),0)),0)</f>
        <v>0</v>
      </c>
      <c r="G3436" cm="1">
        <f t="array" ref="G3436">IFERROR(INDEX(Jesper!AK$2:AK$366,ROUNDDOWN($C3436/24,0)+1,1)*INDEX($D$3:$AA$30,INDEX(Jesper!$R$2:$R$366,ROW(INDEX(Jesper!AK$2:AK$366,ROUNDDOWN($C3436/24,0)+1,1))-1)+IF('Standard Profiles'!$G$21=$B$10,7,0)+IF('Standard Profiles'!$G$21=$B$17,14,0)+IF('Standard Profiles'!$G$21=$B$24,21,0),MOD($C3436,24)+1)/SUM(INDEX($D$3:$AA$30,INDEX(Jesper!$R$2:$R$366,ROW(INDEX(Jesper!AK$2:AK$366,ROUNDDOWN($C3436/24,0)+1,1))-1)+IF('Standard Profiles'!$G$21=$B$10,7,0)+IF('Standard Profiles'!$G$21=$B$17,14,0)+IF('Standard Profiles'!$G$21=$B$24,21,0),0)),0)</f>
        <v>0.21946518736587411</v>
      </c>
      <c r="H3436" cm="1">
        <f t="array" ref="H3436">IFERROR(INDEX(Jesper!AL$2:AL$366,ROUNDDOWN($C3436/24,0)+1,1)*INDEX($D$3:$AA$30,INDEX(Jesper!$R$2:$R$366,ROW(INDEX(Jesper!AL$2:AL$366,ROUNDDOWN($C3436/24,0)+1,1))-1)+IF('Standard Profiles'!$G$22=$B$10,7,0)+IF('Standard Profiles'!$G$22=$B$17,14,0)+IF('Standard Profiles'!$G$22=$B$24,21,0),MOD($C3436,24)+1)/SUM(INDEX($D$3:$AA$30,INDEX(Jesper!$R$2:$R$366,ROW(INDEX(Jesper!AL$2:AL$366,ROUNDDOWN($C3436/24,0)+1,1))-1)+IF('Standard Profiles'!$G$22=$B$10,7,0)+IF('Standard Profiles'!$G$22=$B$17,14,0)+IF('Standard Profiles'!$G$22=$B$24,21,0),0)),0)</f>
        <v>0</v>
      </c>
      <c r="I3436">
        <f t="shared" si="391"/>
        <v>0.10534328993561952</v>
      </c>
      <c r="J3436">
        <f t="shared" si="392"/>
        <v>6.9149118665133615</v>
      </c>
      <c r="K3436">
        <f t="shared" si="393"/>
        <v>0.57422677354271034</v>
      </c>
      <c r="L3436">
        <f t="shared" si="394"/>
        <v>0.28711338677135517</v>
      </c>
      <c r="M3436">
        <f t="shared" si="395"/>
        <v>0</v>
      </c>
      <c r="N3436" s="45">
        <f t="shared" si="396"/>
        <v>45068.749999991749</v>
      </c>
    </row>
    <row r="3437" spans="2:14" x14ac:dyDescent="0.25">
      <c r="B3437">
        <f t="shared" si="390"/>
        <v>1</v>
      </c>
      <c r="C3437" s="16">
        <v>3403</v>
      </c>
      <c r="D3437" cm="1">
        <f t="array" ref="D3437">IFERROR(INDEX(Jesper!AH$2:AH$366,ROUNDDOWN($C3437/24,0)+1,1)*INDEX($D$3:$AA$30,INDEX(Jesper!$R$2:$R$366,ROW(INDEX(Jesper!AH$2:AH$366,ROUNDDOWN($C3437/24,0)+1,1))-1)+IF('Standard Profiles'!$G$18=$B$10,7,0)+IF('Standard Profiles'!$G$18=$B$17,14,0)+IF('Standard Profiles'!$G$18=$B$24,21,0),MOD($C3437,24)+1)/SUM(INDEX($D$3:$AA$30,INDEX(Jesper!$R$2:$R$366,ROW(INDEX(Jesper!AH$2:AH$366,ROUNDDOWN($C3437/24,0)+1,1))-1)+IF('Standard Profiles'!$G$18=$B$10,7,0)+IF('Standard Profiles'!$G$18=$B$17,14,0)+IF('Standard Profiles'!$G$18=$B$24,21,0),0)),0)</f>
        <v>5.3833760019629091</v>
      </c>
      <c r="E3437" cm="1">
        <f t="array" ref="E3437">IFERROR(INDEX(Jesper!AI$2:AI$366,ROUNDDOWN($C3437/24,0)+1,1)*INDEX($D$3:$AA$30,INDEX(Jesper!$R$2:$R$366,ROW(INDEX(Jesper!AI$2:AI$366,ROUNDDOWN($C3437/24,0)+1,1))-1)+IF('Standard Profiles'!$G$19=$B$10,7,0)+IF('Standard Profiles'!$G$19=$B$17,14,0)+IF('Standard Profiles'!$G$19=$B$24,21,0),MOD($C3437,24)+1)/SUM(INDEX($D$3:$AA$30,INDEX(Jesper!$R$2:$R$366,ROW(INDEX(Jesper!AI$2:AI$366,ROUNDDOWN($C3437/24,0)+1,1))-1)+IF('Standard Profiles'!$G$19=$B$10,7,0)+IF('Standard Profiles'!$G$19=$B$17,14,0)+IF('Standard Profiles'!$G$19=$B$24,21,0),0)),0)</f>
        <v>2.2787541274342633</v>
      </c>
      <c r="F3437" cm="1">
        <f t="array" ref="F3437">IFERROR(INDEX(Jesper!AJ$2:AJ$366,ROUNDDOWN($C3437/24,0)+1,1)*INDEX($D$3:$AA$30,INDEX(Jesper!$R$2:$R$366,ROW(INDEX(Jesper!AJ$2:AJ$366,ROUNDDOWN($C3437/24,0)+1,1))-1)+IF('Standard Profiles'!$G$20=$B$10,7,0)+IF('Standard Profiles'!$G$20=$B$17,14,0)+IF('Standard Profiles'!$G$20=$B$24,21,0),MOD($C3437,24)+1)/SUM(INDEX($D$3:$AA$30,INDEX(Jesper!$R$2:$R$366,ROW(INDEX(Jesper!AJ$2:AJ$366,ROUNDDOWN($C3437/24,0)+1,1))-1)+IF('Standard Profiles'!$G$20=$B$10,7,0)+IF('Standard Profiles'!$G$20=$B$17,14,0)+IF('Standard Profiles'!$G$20=$B$24,21,0),0)),0)</f>
        <v>0</v>
      </c>
      <c r="G3437" cm="1">
        <f t="array" ref="G3437">IFERROR(INDEX(Jesper!AK$2:AK$366,ROUNDDOWN($C3437/24,0)+1,1)*INDEX($D$3:$AA$30,INDEX(Jesper!$R$2:$R$366,ROW(INDEX(Jesper!AK$2:AK$366,ROUNDDOWN($C3437/24,0)+1,1))-1)+IF('Standard Profiles'!$G$21=$B$10,7,0)+IF('Standard Profiles'!$G$21=$B$17,14,0)+IF('Standard Profiles'!$G$21=$B$24,21,0),MOD($C3437,24)+1)/SUM(INDEX($D$3:$AA$30,INDEX(Jesper!$R$2:$R$366,ROW(INDEX(Jesper!AK$2:AK$366,ROUNDDOWN($C3437/24,0)+1,1))-1)+IF('Standard Profiles'!$G$21=$B$10,7,0)+IF('Standard Profiles'!$G$21=$B$17,14,0)+IF('Standard Profiles'!$G$21=$B$24,21,0),0)),0)</f>
        <v>0.21946518736587411</v>
      </c>
      <c r="H3437" cm="1">
        <f t="array" ref="H3437">IFERROR(INDEX(Jesper!AL$2:AL$366,ROUNDDOWN($C3437/24,0)+1,1)*INDEX($D$3:$AA$30,INDEX(Jesper!$R$2:$R$366,ROW(INDEX(Jesper!AL$2:AL$366,ROUNDDOWN($C3437/24,0)+1,1))-1)+IF('Standard Profiles'!$G$22=$B$10,7,0)+IF('Standard Profiles'!$G$22=$B$17,14,0)+IF('Standard Profiles'!$G$22=$B$24,21,0),MOD($C3437,24)+1)/SUM(INDEX($D$3:$AA$30,INDEX(Jesper!$R$2:$R$366,ROW(INDEX(Jesper!AL$2:AL$366,ROUNDDOWN($C3437/24,0)+1,1))-1)+IF('Standard Profiles'!$G$22=$B$10,7,0)+IF('Standard Profiles'!$G$22=$B$17,14,0)+IF('Standard Profiles'!$G$22=$B$24,21,0),0)),0)</f>
        <v>0</v>
      </c>
      <c r="I3437">
        <f t="shared" si="391"/>
        <v>0.10534328993561952</v>
      </c>
      <c r="J3437">
        <f t="shared" si="392"/>
        <v>6.9149118665133615</v>
      </c>
      <c r="K3437">
        <f t="shared" si="393"/>
        <v>0.57422677354271034</v>
      </c>
      <c r="L3437">
        <f t="shared" si="394"/>
        <v>0.28711338677135517</v>
      </c>
      <c r="M3437">
        <f t="shared" si="395"/>
        <v>0</v>
      </c>
      <c r="N3437" s="45">
        <f t="shared" si="396"/>
        <v>45068.791666658413</v>
      </c>
    </row>
    <row r="3438" spans="2:14" x14ac:dyDescent="0.25">
      <c r="B3438">
        <f t="shared" si="390"/>
        <v>1</v>
      </c>
      <c r="C3438" s="16">
        <v>3404</v>
      </c>
      <c r="D3438" cm="1">
        <f t="array" ref="D3438">IFERROR(INDEX(Jesper!AH$2:AH$366,ROUNDDOWN($C3438/24,0)+1,1)*INDEX($D$3:$AA$30,INDEX(Jesper!$R$2:$R$366,ROW(INDEX(Jesper!AH$2:AH$366,ROUNDDOWN($C3438/24,0)+1,1))-1)+IF('Standard Profiles'!$G$18=$B$10,7,0)+IF('Standard Profiles'!$G$18=$B$17,14,0)+IF('Standard Profiles'!$G$18=$B$24,21,0),MOD($C3438,24)+1)/SUM(INDEX($D$3:$AA$30,INDEX(Jesper!$R$2:$R$366,ROW(INDEX(Jesper!AH$2:AH$366,ROUNDDOWN($C3438/24,0)+1,1))-1)+IF('Standard Profiles'!$G$18=$B$10,7,0)+IF('Standard Profiles'!$G$18=$B$17,14,0)+IF('Standard Profiles'!$G$18=$B$24,21,0),0)),0)</f>
        <v>5.3833760019629091</v>
      </c>
      <c r="E3438" cm="1">
        <f t="array" ref="E3438">IFERROR(INDEX(Jesper!AI$2:AI$366,ROUNDDOWN($C3438/24,0)+1,1)*INDEX($D$3:$AA$30,INDEX(Jesper!$R$2:$R$366,ROW(INDEX(Jesper!AI$2:AI$366,ROUNDDOWN($C3438/24,0)+1,1))-1)+IF('Standard Profiles'!$G$19=$B$10,7,0)+IF('Standard Profiles'!$G$19=$B$17,14,0)+IF('Standard Profiles'!$G$19=$B$24,21,0),MOD($C3438,24)+1)/SUM(INDEX($D$3:$AA$30,INDEX(Jesper!$R$2:$R$366,ROW(INDEX(Jesper!AI$2:AI$366,ROUNDDOWN($C3438/24,0)+1,1))-1)+IF('Standard Profiles'!$G$19=$B$10,7,0)+IF('Standard Profiles'!$G$19=$B$17,14,0)+IF('Standard Profiles'!$G$19=$B$24,21,0),0)),0)</f>
        <v>2.2787541274342633</v>
      </c>
      <c r="F3438" cm="1">
        <f t="array" ref="F3438">IFERROR(INDEX(Jesper!AJ$2:AJ$366,ROUNDDOWN($C3438/24,0)+1,1)*INDEX($D$3:$AA$30,INDEX(Jesper!$R$2:$R$366,ROW(INDEX(Jesper!AJ$2:AJ$366,ROUNDDOWN($C3438/24,0)+1,1))-1)+IF('Standard Profiles'!$G$20=$B$10,7,0)+IF('Standard Profiles'!$G$20=$B$17,14,0)+IF('Standard Profiles'!$G$20=$B$24,21,0),MOD($C3438,24)+1)/SUM(INDEX($D$3:$AA$30,INDEX(Jesper!$R$2:$R$366,ROW(INDEX(Jesper!AJ$2:AJ$366,ROUNDDOWN($C3438/24,0)+1,1))-1)+IF('Standard Profiles'!$G$20=$B$10,7,0)+IF('Standard Profiles'!$G$20=$B$17,14,0)+IF('Standard Profiles'!$G$20=$B$24,21,0),0)),0)</f>
        <v>0</v>
      </c>
      <c r="G3438" cm="1">
        <f t="array" ref="G3438">IFERROR(INDEX(Jesper!AK$2:AK$366,ROUNDDOWN($C3438/24,0)+1,1)*INDEX($D$3:$AA$30,INDEX(Jesper!$R$2:$R$366,ROW(INDEX(Jesper!AK$2:AK$366,ROUNDDOWN($C3438/24,0)+1,1))-1)+IF('Standard Profiles'!$G$21=$B$10,7,0)+IF('Standard Profiles'!$G$21=$B$17,14,0)+IF('Standard Profiles'!$G$21=$B$24,21,0),MOD($C3438,24)+1)/SUM(INDEX($D$3:$AA$30,INDEX(Jesper!$R$2:$R$366,ROW(INDEX(Jesper!AK$2:AK$366,ROUNDDOWN($C3438/24,0)+1,1))-1)+IF('Standard Profiles'!$G$21=$B$10,7,0)+IF('Standard Profiles'!$G$21=$B$17,14,0)+IF('Standard Profiles'!$G$21=$B$24,21,0),0)),0)</f>
        <v>0.21946518736587411</v>
      </c>
      <c r="H3438" cm="1">
        <f t="array" ref="H3438">IFERROR(INDEX(Jesper!AL$2:AL$366,ROUNDDOWN($C3438/24,0)+1,1)*INDEX($D$3:$AA$30,INDEX(Jesper!$R$2:$R$366,ROW(INDEX(Jesper!AL$2:AL$366,ROUNDDOWN($C3438/24,0)+1,1))-1)+IF('Standard Profiles'!$G$22=$B$10,7,0)+IF('Standard Profiles'!$G$22=$B$17,14,0)+IF('Standard Profiles'!$G$22=$B$24,21,0),MOD($C3438,24)+1)/SUM(INDEX($D$3:$AA$30,INDEX(Jesper!$R$2:$R$366,ROW(INDEX(Jesper!AL$2:AL$366,ROUNDDOWN($C3438/24,0)+1,1))-1)+IF('Standard Profiles'!$G$22=$B$10,7,0)+IF('Standard Profiles'!$G$22=$B$17,14,0)+IF('Standard Profiles'!$G$22=$B$24,21,0),0)),0)</f>
        <v>0</v>
      </c>
      <c r="I3438">
        <f t="shared" si="391"/>
        <v>0.10534328993561952</v>
      </c>
      <c r="J3438">
        <f t="shared" si="392"/>
        <v>6.9149118665133615</v>
      </c>
      <c r="K3438">
        <f t="shared" si="393"/>
        <v>0.57422677354271034</v>
      </c>
      <c r="L3438">
        <f t="shared" si="394"/>
        <v>0.28711338677135517</v>
      </c>
      <c r="M3438">
        <f t="shared" si="395"/>
        <v>0</v>
      </c>
      <c r="N3438" s="45">
        <f t="shared" si="396"/>
        <v>45068.833333325078</v>
      </c>
    </row>
    <row r="3439" spans="2:14" x14ac:dyDescent="0.25">
      <c r="B3439">
        <f t="shared" si="390"/>
        <v>1</v>
      </c>
      <c r="C3439" s="16">
        <v>3405</v>
      </c>
      <c r="D3439" cm="1">
        <f t="array" ref="D3439">IFERROR(INDEX(Jesper!AH$2:AH$366,ROUNDDOWN($C3439/24,0)+1,1)*INDEX($D$3:$AA$30,INDEX(Jesper!$R$2:$R$366,ROW(INDEX(Jesper!AH$2:AH$366,ROUNDDOWN($C3439/24,0)+1,1))-1)+IF('Standard Profiles'!$G$18=$B$10,7,0)+IF('Standard Profiles'!$G$18=$B$17,14,0)+IF('Standard Profiles'!$G$18=$B$24,21,0),MOD($C3439,24)+1)/SUM(INDEX($D$3:$AA$30,INDEX(Jesper!$R$2:$R$366,ROW(INDEX(Jesper!AH$2:AH$366,ROUNDDOWN($C3439/24,0)+1,1))-1)+IF('Standard Profiles'!$G$18=$B$10,7,0)+IF('Standard Profiles'!$G$18=$B$17,14,0)+IF('Standard Profiles'!$G$18=$B$24,21,0),0)),0)</f>
        <v>5.3833760019629091</v>
      </c>
      <c r="E3439" cm="1">
        <f t="array" ref="E3439">IFERROR(INDEX(Jesper!AI$2:AI$366,ROUNDDOWN($C3439/24,0)+1,1)*INDEX($D$3:$AA$30,INDEX(Jesper!$R$2:$R$366,ROW(INDEX(Jesper!AI$2:AI$366,ROUNDDOWN($C3439/24,0)+1,1))-1)+IF('Standard Profiles'!$G$19=$B$10,7,0)+IF('Standard Profiles'!$G$19=$B$17,14,0)+IF('Standard Profiles'!$G$19=$B$24,21,0),MOD($C3439,24)+1)/SUM(INDEX($D$3:$AA$30,INDEX(Jesper!$R$2:$R$366,ROW(INDEX(Jesper!AI$2:AI$366,ROUNDDOWN($C3439/24,0)+1,1))-1)+IF('Standard Profiles'!$G$19=$B$10,7,0)+IF('Standard Profiles'!$G$19=$B$17,14,0)+IF('Standard Profiles'!$G$19=$B$24,21,0),0)),0)</f>
        <v>2.2787541274342633</v>
      </c>
      <c r="F3439" cm="1">
        <f t="array" ref="F3439">IFERROR(INDEX(Jesper!AJ$2:AJ$366,ROUNDDOWN($C3439/24,0)+1,1)*INDEX($D$3:$AA$30,INDEX(Jesper!$R$2:$R$366,ROW(INDEX(Jesper!AJ$2:AJ$366,ROUNDDOWN($C3439/24,0)+1,1))-1)+IF('Standard Profiles'!$G$20=$B$10,7,0)+IF('Standard Profiles'!$G$20=$B$17,14,0)+IF('Standard Profiles'!$G$20=$B$24,21,0),MOD($C3439,24)+1)/SUM(INDEX($D$3:$AA$30,INDEX(Jesper!$R$2:$R$366,ROW(INDEX(Jesper!AJ$2:AJ$366,ROUNDDOWN($C3439/24,0)+1,1))-1)+IF('Standard Profiles'!$G$20=$B$10,7,0)+IF('Standard Profiles'!$G$20=$B$17,14,0)+IF('Standard Profiles'!$G$20=$B$24,21,0),0)),0)</f>
        <v>0</v>
      </c>
      <c r="G3439" cm="1">
        <f t="array" ref="G3439">IFERROR(INDEX(Jesper!AK$2:AK$366,ROUNDDOWN($C3439/24,0)+1,1)*INDEX($D$3:$AA$30,INDEX(Jesper!$R$2:$R$366,ROW(INDEX(Jesper!AK$2:AK$366,ROUNDDOWN($C3439/24,0)+1,1))-1)+IF('Standard Profiles'!$G$21=$B$10,7,0)+IF('Standard Profiles'!$G$21=$B$17,14,0)+IF('Standard Profiles'!$G$21=$B$24,21,0),MOD($C3439,24)+1)/SUM(INDEX($D$3:$AA$30,INDEX(Jesper!$R$2:$R$366,ROW(INDEX(Jesper!AK$2:AK$366,ROUNDDOWN($C3439/24,0)+1,1))-1)+IF('Standard Profiles'!$G$21=$B$10,7,0)+IF('Standard Profiles'!$G$21=$B$17,14,0)+IF('Standard Profiles'!$G$21=$B$24,21,0),0)),0)</f>
        <v>0.21946518736587411</v>
      </c>
      <c r="H3439" cm="1">
        <f t="array" ref="H3439">IFERROR(INDEX(Jesper!AL$2:AL$366,ROUNDDOWN($C3439/24,0)+1,1)*INDEX($D$3:$AA$30,INDEX(Jesper!$R$2:$R$366,ROW(INDEX(Jesper!AL$2:AL$366,ROUNDDOWN($C3439/24,0)+1,1))-1)+IF('Standard Profiles'!$G$22=$B$10,7,0)+IF('Standard Profiles'!$G$22=$B$17,14,0)+IF('Standard Profiles'!$G$22=$B$24,21,0),MOD($C3439,24)+1)/SUM(INDEX($D$3:$AA$30,INDEX(Jesper!$R$2:$R$366,ROW(INDEX(Jesper!AL$2:AL$366,ROUNDDOWN($C3439/24,0)+1,1))-1)+IF('Standard Profiles'!$G$22=$B$10,7,0)+IF('Standard Profiles'!$G$22=$B$17,14,0)+IF('Standard Profiles'!$G$22=$B$24,21,0),0)),0)</f>
        <v>0</v>
      </c>
      <c r="I3439">
        <f t="shared" si="391"/>
        <v>0.10534328993561952</v>
      </c>
      <c r="J3439">
        <f t="shared" si="392"/>
        <v>6.9149118665133615</v>
      </c>
      <c r="K3439">
        <f t="shared" si="393"/>
        <v>0.57422677354271034</v>
      </c>
      <c r="L3439">
        <f t="shared" si="394"/>
        <v>0.28711338677135517</v>
      </c>
      <c r="M3439">
        <f t="shared" si="395"/>
        <v>0</v>
      </c>
      <c r="N3439" s="45">
        <f t="shared" si="396"/>
        <v>45068.874999991742</v>
      </c>
    </row>
    <row r="3440" spans="2:14" x14ac:dyDescent="0.25">
      <c r="B3440">
        <f t="shared" si="390"/>
        <v>1</v>
      </c>
      <c r="C3440" s="16">
        <v>3406</v>
      </c>
      <c r="D3440" cm="1">
        <f t="array" ref="D3440">IFERROR(INDEX(Jesper!AH$2:AH$366,ROUNDDOWN($C3440/24,0)+1,1)*INDEX($D$3:$AA$30,INDEX(Jesper!$R$2:$R$366,ROW(INDEX(Jesper!AH$2:AH$366,ROUNDDOWN($C3440/24,0)+1,1))-1)+IF('Standard Profiles'!$G$18=$B$10,7,0)+IF('Standard Profiles'!$G$18=$B$17,14,0)+IF('Standard Profiles'!$G$18=$B$24,21,0),MOD($C3440,24)+1)/SUM(INDEX($D$3:$AA$30,INDEX(Jesper!$R$2:$R$366,ROW(INDEX(Jesper!AH$2:AH$366,ROUNDDOWN($C3440/24,0)+1,1))-1)+IF('Standard Profiles'!$G$18=$B$10,7,0)+IF('Standard Profiles'!$G$18=$B$17,14,0)+IF('Standard Profiles'!$G$18=$B$24,21,0),0)),0)</f>
        <v>5.3833760019629091</v>
      </c>
      <c r="E3440" cm="1">
        <f t="array" ref="E3440">IFERROR(INDEX(Jesper!AI$2:AI$366,ROUNDDOWN($C3440/24,0)+1,1)*INDEX($D$3:$AA$30,INDEX(Jesper!$R$2:$R$366,ROW(INDEX(Jesper!AI$2:AI$366,ROUNDDOWN($C3440/24,0)+1,1))-1)+IF('Standard Profiles'!$G$19=$B$10,7,0)+IF('Standard Profiles'!$G$19=$B$17,14,0)+IF('Standard Profiles'!$G$19=$B$24,21,0),MOD($C3440,24)+1)/SUM(INDEX($D$3:$AA$30,INDEX(Jesper!$R$2:$R$366,ROW(INDEX(Jesper!AI$2:AI$366,ROUNDDOWN($C3440/24,0)+1,1))-1)+IF('Standard Profiles'!$G$19=$B$10,7,0)+IF('Standard Profiles'!$G$19=$B$17,14,0)+IF('Standard Profiles'!$G$19=$B$24,21,0),0)),0)</f>
        <v>2.2787541274342633</v>
      </c>
      <c r="F3440" cm="1">
        <f t="array" ref="F3440">IFERROR(INDEX(Jesper!AJ$2:AJ$366,ROUNDDOWN($C3440/24,0)+1,1)*INDEX($D$3:$AA$30,INDEX(Jesper!$R$2:$R$366,ROW(INDEX(Jesper!AJ$2:AJ$366,ROUNDDOWN($C3440/24,0)+1,1))-1)+IF('Standard Profiles'!$G$20=$B$10,7,0)+IF('Standard Profiles'!$G$20=$B$17,14,0)+IF('Standard Profiles'!$G$20=$B$24,21,0),MOD($C3440,24)+1)/SUM(INDEX($D$3:$AA$30,INDEX(Jesper!$R$2:$R$366,ROW(INDEX(Jesper!AJ$2:AJ$366,ROUNDDOWN($C3440/24,0)+1,1))-1)+IF('Standard Profiles'!$G$20=$B$10,7,0)+IF('Standard Profiles'!$G$20=$B$17,14,0)+IF('Standard Profiles'!$G$20=$B$24,21,0),0)),0)</f>
        <v>0</v>
      </c>
      <c r="G3440" cm="1">
        <f t="array" ref="G3440">IFERROR(INDEX(Jesper!AK$2:AK$366,ROUNDDOWN($C3440/24,0)+1,1)*INDEX($D$3:$AA$30,INDEX(Jesper!$R$2:$R$366,ROW(INDEX(Jesper!AK$2:AK$366,ROUNDDOWN($C3440/24,0)+1,1))-1)+IF('Standard Profiles'!$G$21=$B$10,7,0)+IF('Standard Profiles'!$G$21=$B$17,14,0)+IF('Standard Profiles'!$G$21=$B$24,21,0),MOD($C3440,24)+1)/SUM(INDEX($D$3:$AA$30,INDEX(Jesper!$R$2:$R$366,ROW(INDEX(Jesper!AK$2:AK$366,ROUNDDOWN($C3440/24,0)+1,1))-1)+IF('Standard Profiles'!$G$21=$B$10,7,0)+IF('Standard Profiles'!$G$21=$B$17,14,0)+IF('Standard Profiles'!$G$21=$B$24,21,0),0)),0)</f>
        <v>0.21946518736587411</v>
      </c>
      <c r="H3440" cm="1">
        <f t="array" ref="H3440">IFERROR(INDEX(Jesper!AL$2:AL$366,ROUNDDOWN($C3440/24,0)+1,1)*INDEX($D$3:$AA$30,INDEX(Jesper!$R$2:$R$366,ROW(INDEX(Jesper!AL$2:AL$366,ROUNDDOWN($C3440/24,0)+1,1))-1)+IF('Standard Profiles'!$G$22=$B$10,7,0)+IF('Standard Profiles'!$G$22=$B$17,14,0)+IF('Standard Profiles'!$G$22=$B$24,21,0),MOD($C3440,24)+1)/SUM(INDEX($D$3:$AA$30,INDEX(Jesper!$R$2:$R$366,ROW(INDEX(Jesper!AL$2:AL$366,ROUNDDOWN($C3440/24,0)+1,1))-1)+IF('Standard Profiles'!$G$22=$B$10,7,0)+IF('Standard Profiles'!$G$22=$B$17,14,0)+IF('Standard Profiles'!$G$22=$B$24,21,0),0)),0)</f>
        <v>0</v>
      </c>
      <c r="I3440">
        <f t="shared" si="391"/>
        <v>0.10534328993561952</v>
      </c>
      <c r="J3440">
        <f t="shared" si="392"/>
        <v>6.9149118665133615</v>
      </c>
      <c r="K3440">
        <f t="shared" si="393"/>
        <v>0.57422677354271034</v>
      </c>
      <c r="L3440">
        <f t="shared" si="394"/>
        <v>0.28711338677135517</v>
      </c>
      <c r="M3440">
        <f t="shared" si="395"/>
        <v>0</v>
      </c>
      <c r="N3440" s="45">
        <f t="shared" si="396"/>
        <v>45068.916666658406</v>
      </c>
    </row>
    <row r="3441" spans="2:14" x14ac:dyDescent="0.25">
      <c r="B3441">
        <f t="shared" si="390"/>
        <v>1</v>
      </c>
      <c r="C3441" s="16">
        <v>3407</v>
      </c>
      <c r="D3441" cm="1">
        <f t="array" ref="D3441">IFERROR(INDEX(Jesper!AH$2:AH$366,ROUNDDOWN($C3441/24,0)+1,1)*INDEX($D$3:$AA$30,INDEX(Jesper!$R$2:$R$366,ROW(INDEX(Jesper!AH$2:AH$366,ROUNDDOWN($C3441/24,0)+1,1))-1)+IF('Standard Profiles'!$G$18=$B$10,7,0)+IF('Standard Profiles'!$G$18=$B$17,14,0)+IF('Standard Profiles'!$G$18=$B$24,21,0),MOD($C3441,24)+1)/SUM(INDEX($D$3:$AA$30,INDEX(Jesper!$R$2:$R$366,ROW(INDEX(Jesper!AH$2:AH$366,ROUNDDOWN($C3441/24,0)+1,1))-1)+IF('Standard Profiles'!$G$18=$B$10,7,0)+IF('Standard Profiles'!$G$18=$B$17,14,0)+IF('Standard Profiles'!$G$18=$B$24,21,0),0)),0)</f>
        <v>5.3833760019629091</v>
      </c>
      <c r="E3441" cm="1">
        <f t="array" ref="E3441">IFERROR(INDEX(Jesper!AI$2:AI$366,ROUNDDOWN($C3441/24,0)+1,1)*INDEX($D$3:$AA$30,INDEX(Jesper!$R$2:$R$366,ROW(INDEX(Jesper!AI$2:AI$366,ROUNDDOWN($C3441/24,0)+1,1))-1)+IF('Standard Profiles'!$G$19=$B$10,7,0)+IF('Standard Profiles'!$G$19=$B$17,14,0)+IF('Standard Profiles'!$G$19=$B$24,21,0),MOD($C3441,24)+1)/SUM(INDEX($D$3:$AA$30,INDEX(Jesper!$R$2:$R$366,ROW(INDEX(Jesper!AI$2:AI$366,ROUNDDOWN($C3441/24,0)+1,1))-1)+IF('Standard Profiles'!$G$19=$B$10,7,0)+IF('Standard Profiles'!$G$19=$B$17,14,0)+IF('Standard Profiles'!$G$19=$B$24,21,0),0)),0)</f>
        <v>2.2787541274342633</v>
      </c>
      <c r="F3441" cm="1">
        <f t="array" ref="F3441">IFERROR(INDEX(Jesper!AJ$2:AJ$366,ROUNDDOWN($C3441/24,0)+1,1)*INDEX($D$3:$AA$30,INDEX(Jesper!$R$2:$R$366,ROW(INDEX(Jesper!AJ$2:AJ$366,ROUNDDOWN($C3441/24,0)+1,1))-1)+IF('Standard Profiles'!$G$20=$B$10,7,0)+IF('Standard Profiles'!$G$20=$B$17,14,0)+IF('Standard Profiles'!$G$20=$B$24,21,0),MOD($C3441,24)+1)/SUM(INDEX($D$3:$AA$30,INDEX(Jesper!$R$2:$R$366,ROW(INDEX(Jesper!AJ$2:AJ$366,ROUNDDOWN($C3441/24,0)+1,1))-1)+IF('Standard Profiles'!$G$20=$B$10,7,0)+IF('Standard Profiles'!$G$20=$B$17,14,0)+IF('Standard Profiles'!$G$20=$B$24,21,0),0)),0)</f>
        <v>0</v>
      </c>
      <c r="G3441" cm="1">
        <f t="array" ref="G3441">IFERROR(INDEX(Jesper!AK$2:AK$366,ROUNDDOWN($C3441/24,0)+1,1)*INDEX($D$3:$AA$30,INDEX(Jesper!$R$2:$R$366,ROW(INDEX(Jesper!AK$2:AK$366,ROUNDDOWN($C3441/24,0)+1,1))-1)+IF('Standard Profiles'!$G$21=$B$10,7,0)+IF('Standard Profiles'!$G$21=$B$17,14,0)+IF('Standard Profiles'!$G$21=$B$24,21,0),MOD($C3441,24)+1)/SUM(INDEX($D$3:$AA$30,INDEX(Jesper!$R$2:$R$366,ROW(INDEX(Jesper!AK$2:AK$366,ROUNDDOWN($C3441/24,0)+1,1))-1)+IF('Standard Profiles'!$G$21=$B$10,7,0)+IF('Standard Profiles'!$G$21=$B$17,14,0)+IF('Standard Profiles'!$G$21=$B$24,21,0),0)),0)</f>
        <v>0.21946518736587411</v>
      </c>
      <c r="H3441" cm="1">
        <f t="array" ref="H3441">IFERROR(INDEX(Jesper!AL$2:AL$366,ROUNDDOWN($C3441/24,0)+1,1)*INDEX($D$3:$AA$30,INDEX(Jesper!$R$2:$R$366,ROW(INDEX(Jesper!AL$2:AL$366,ROUNDDOWN($C3441/24,0)+1,1))-1)+IF('Standard Profiles'!$G$22=$B$10,7,0)+IF('Standard Profiles'!$G$22=$B$17,14,0)+IF('Standard Profiles'!$G$22=$B$24,21,0),MOD($C3441,24)+1)/SUM(INDEX($D$3:$AA$30,INDEX(Jesper!$R$2:$R$366,ROW(INDEX(Jesper!AL$2:AL$366,ROUNDDOWN($C3441/24,0)+1,1))-1)+IF('Standard Profiles'!$G$22=$B$10,7,0)+IF('Standard Profiles'!$G$22=$B$17,14,0)+IF('Standard Profiles'!$G$22=$B$24,21,0),0)),0)</f>
        <v>0</v>
      </c>
      <c r="I3441">
        <f t="shared" si="391"/>
        <v>0.10534328993561952</v>
      </c>
      <c r="J3441">
        <f t="shared" si="392"/>
        <v>6.9149118665133615</v>
      </c>
      <c r="K3441">
        <f t="shared" si="393"/>
        <v>0.57422677354271034</v>
      </c>
      <c r="L3441">
        <f t="shared" si="394"/>
        <v>0.28711338677135517</v>
      </c>
      <c r="M3441">
        <f t="shared" si="395"/>
        <v>0</v>
      </c>
      <c r="N3441" s="45">
        <f t="shared" si="396"/>
        <v>45068.95833332507</v>
      </c>
    </row>
    <row r="3442" spans="2:14" x14ac:dyDescent="0.25">
      <c r="B3442">
        <f t="shared" si="390"/>
        <v>2</v>
      </c>
      <c r="C3442" s="16">
        <v>3408</v>
      </c>
      <c r="D3442" cm="1">
        <f t="array" ref="D3442">IFERROR(INDEX(Jesper!AH$2:AH$366,ROUNDDOWN($C3442/24,0)+1,1)*INDEX($D$3:$AA$30,INDEX(Jesper!$R$2:$R$366,ROW(INDEX(Jesper!AH$2:AH$366,ROUNDDOWN($C3442/24,0)+1,1))-1)+IF('Standard Profiles'!$G$18=$B$10,7,0)+IF('Standard Profiles'!$G$18=$B$17,14,0)+IF('Standard Profiles'!$G$18=$B$24,21,0),MOD($C3442,24)+1)/SUM(INDEX($D$3:$AA$30,INDEX(Jesper!$R$2:$R$366,ROW(INDEX(Jesper!AH$2:AH$366,ROUNDDOWN($C3442/24,0)+1,1))-1)+IF('Standard Profiles'!$G$18=$B$10,7,0)+IF('Standard Profiles'!$G$18=$B$17,14,0)+IF('Standard Profiles'!$G$18=$B$24,21,0),0)),0)</f>
        <v>3.4450734043093636</v>
      </c>
      <c r="E3442" cm="1">
        <f t="array" ref="E3442">IFERROR(INDEX(Jesper!AI$2:AI$366,ROUNDDOWN($C3442/24,0)+1,1)*INDEX($D$3:$AA$30,INDEX(Jesper!$R$2:$R$366,ROW(INDEX(Jesper!AI$2:AI$366,ROUNDDOWN($C3442/24,0)+1,1))-1)+IF('Standard Profiles'!$G$19=$B$10,7,0)+IF('Standard Profiles'!$G$19=$B$17,14,0)+IF('Standard Profiles'!$G$19=$B$24,21,0),MOD($C3442,24)+1)/SUM(INDEX($D$3:$AA$30,INDEX(Jesper!$R$2:$R$366,ROW(INDEX(Jesper!AI$2:AI$366,ROUNDDOWN($C3442/24,0)+1,1))-1)+IF('Standard Profiles'!$G$19=$B$10,7,0)+IF('Standard Profiles'!$G$19=$B$17,14,0)+IF('Standard Profiles'!$G$19=$B$24,21,0),0)),0)</f>
        <v>1.4816630548478043</v>
      </c>
      <c r="F3442" cm="1">
        <f t="array" ref="F3442">IFERROR(INDEX(Jesper!AJ$2:AJ$366,ROUNDDOWN($C3442/24,0)+1,1)*INDEX($D$3:$AA$30,INDEX(Jesper!$R$2:$R$366,ROW(INDEX(Jesper!AJ$2:AJ$366,ROUNDDOWN($C3442/24,0)+1,1))-1)+IF('Standard Profiles'!$G$20=$B$10,7,0)+IF('Standard Profiles'!$G$20=$B$17,14,0)+IF('Standard Profiles'!$G$20=$B$24,21,0),MOD($C3442,24)+1)/SUM(INDEX($D$3:$AA$30,INDEX(Jesper!$R$2:$R$366,ROW(INDEX(Jesper!AJ$2:AJ$366,ROUNDDOWN($C3442/24,0)+1,1))-1)+IF('Standard Profiles'!$G$20=$B$10,7,0)+IF('Standard Profiles'!$G$20=$B$17,14,0)+IF('Standard Profiles'!$G$20=$B$24,21,0),0)),0)</f>
        <v>0</v>
      </c>
      <c r="G3442" cm="1">
        <f t="array" ref="G3442">IFERROR(INDEX(Jesper!AK$2:AK$366,ROUNDDOWN($C3442/24,0)+1,1)*INDEX($D$3:$AA$30,INDEX(Jesper!$R$2:$R$366,ROW(INDEX(Jesper!AK$2:AK$366,ROUNDDOWN($C3442/24,0)+1,1))-1)+IF('Standard Profiles'!$G$21=$B$10,7,0)+IF('Standard Profiles'!$G$21=$B$17,14,0)+IF('Standard Profiles'!$G$21=$B$24,21,0),MOD($C3442,24)+1)/SUM(INDEX($D$3:$AA$30,INDEX(Jesper!$R$2:$R$366,ROW(INDEX(Jesper!AK$2:AK$366,ROUNDDOWN($C3442/24,0)+1,1))-1)+IF('Standard Profiles'!$G$21=$B$10,7,0)+IF('Standard Profiles'!$G$21=$B$17,14,0)+IF('Standard Profiles'!$G$21=$B$24,21,0),0)),0)</f>
        <v>0.26891132515419247</v>
      </c>
      <c r="H3442" cm="1">
        <f t="array" ref="H3442">IFERROR(INDEX(Jesper!AL$2:AL$366,ROUNDDOWN($C3442/24,0)+1,1)*INDEX($D$3:$AA$30,INDEX(Jesper!$R$2:$R$366,ROW(INDEX(Jesper!AL$2:AL$366,ROUNDDOWN($C3442/24,0)+1,1))-1)+IF('Standard Profiles'!$G$22=$B$10,7,0)+IF('Standard Profiles'!$G$22=$B$17,14,0)+IF('Standard Profiles'!$G$22=$B$24,21,0),MOD($C3442,24)+1)/SUM(INDEX($D$3:$AA$30,INDEX(Jesper!$R$2:$R$366,ROW(INDEX(Jesper!AL$2:AL$366,ROUNDDOWN($C3442/24,0)+1,1))-1)+IF('Standard Profiles'!$G$22=$B$10,7,0)+IF('Standard Profiles'!$G$22=$B$17,14,0)+IF('Standard Profiles'!$G$22=$B$24,21,0),0)),0)</f>
        <v>0</v>
      </c>
      <c r="I3442">
        <f t="shared" si="391"/>
        <v>0.12907743607401231</v>
      </c>
      <c r="J3442">
        <f t="shared" si="392"/>
        <v>4.5153586035478499</v>
      </c>
      <c r="K3442">
        <f t="shared" si="393"/>
        <v>0.36747449645966546</v>
      </c>
      <c r="L3442">
        <f t="shared" si="394"/>
        <v>0.18373724822983273</v>
      </c>
      <c r="M3442">
        <f t="shared" si="395"/>
        <v>0</v>
      </c>
      <c r="N3442" s="45">
        <f t="shared" si="396"/>
        <v>45068.999999991735</v>
      </c>
    </row>
    <row r="3443" spans="2:14" x14ac:dyDescent="0.25">
      <c r="B3443">
        <f t="shared" si="390"/>
        <v>2</v>
      </c>
      <c r="C3443" s="16">
        <v>3409</v>
      </c>
      <c r="D3443" cm="1">
        <f t="array" ref="D3443">IFERROR(INDEX(Jesper!AH$2:AH$366,ROUNDDOWN($C3443/24,0)+1,1)*INDEX($D$3:$AA$30,INDEX(Jesper!$R$2:$R$366,ROW(INDEX(Jesper!AH$2:AH$366,ROUNDDOWN($C3443/24,0)+1,1))-1)+IF('Standard Profiles'!$G$18=$B$10,7,0)+IF('Standard Profiles'!$G$18=$B$17,14,0)+IF('Standard Profiles'!$G$18=$B$24,21,0),MOD($C3443,24)+1)/SUM(INDEX($D$3:$AA$30,INDEX(Jesper!$R$2:$R$366,ROW(INDEX(Jesper!AH$2:AH$366,ROUNDDOWN($C3443/24,0)+1,1))-1)+IF('Standard Profiles'!$G$18=$B$10,7,0)+IF('Standard Profiles'!$G$18=$B$17,14,0)+IF('Standard Profiles'!$G$18=$B$24,21,0),0)),0)</f>
        <v>5.2496356637095065</v>
      </c>
      <c r="E3443" cm="1">
        <f t="array" ref="E3443">IFERROR(INDEX(Jesper!AI$2:AI$366,ROUNDDOWN($C3443/24,0)+1,1)*INDEX($D$3:$AA$30,INDEX(Jesper!$R$2:$R$366,ROW(INDEX(Jesper!AI$2:AI$366,ROUNDDOWN($C3443/24,0)+1,1))-1)+IF('Standard Profiles'!$G$19=$B$10,7,0)+IF('Standard Profiles'!$G$19=$B$17,14,0)+IF('Standard Profiles'!$G$19=$B$24,21,0),MOD($C3443,24)+1)/SUM(INDEX($D$3:$AA$30,INDEX(Jesper!$R$2:$R$366,ROW(INDEX(Jesper!AI$2:AI$366,ROUNDDOWN($C3443/24,0)+1,1))-1)+IF('Standard Profiles'!$G$19=$B$10,7,0)+IF('Standard Profiles'!$G$19=$B$17,14,0)+IF('Standard Profiles'!$G$19=$B$24,21,0),0)),0)</f>
        <v>2.2577722740537971</v>
      </c>
      <c r="F3443" cm="1">
        <f t="array" ref="F3443">IFERROR(INDEX(Jesper!AJ$2:AJ$366,ROUNDDOWN($C3443/24,0)+1,1)*INDEX($D$3:$AA$30,INDEX(Jesper!$R$2:$R$366,ROW(INDEX(Jesper!AJ$2:AJ$366,ROUNDDOWN($C3443/24,0)+1,1))-1)+IF('Standard Profiles'!$G$20=$B$10,7,0)+IF('Standard Profiles'!$G$20=$B$17,14,0)+IF('Standard Profiles'!$G$20=$B$24,21,0),MOD($C3443,24)+1)/SUM(INDEX($D$3:$AA$30,INDEX(Jesper!$R$2:$R$366,ROW(INDEX(Jesper!AJ$2:AJ$366,ROUNDDOWN($C3443/24,0)+1,1))-1)+IF('Standard Profiles'!$G$20=$B$10,7,0)+IF('Standard Profiles'!$G$20=$B$17,14,0)+IF('Standard Profiles'!$G$20=$B$24,21,0),0)),0)</f>
        <v>0</v>
      </c>
      <c r="G3443" cm="1">
        <f t="array" ref="G3443">IFERROR(INDEX(Jesper!AK$2:AK$366,ROUNDDOWN($C3443/24,0)+1,1)*INDEX($D$3:$AA$30,INDEX(Jesper!$R$2:$R$366,ROW(INDEX(Jesper!AK$2:AK$366,ROUNDDOWN($C3443/24,0)+1,1))-1)+IF('Standard Profiles'!$G$21=$B$10,7,0)+IF('Standard Profiles'!$G$21=$B$17,14,0)+IF('Standard Profiles'!$G$21=$B$24,21,0),MOD($C3443,24)+1)/SUM(INDEX($D$3:$AA$30,INDEX(Jesper!$R$2:$R$366,ROW(INDEX(Jesper!AK$2:AK$366,ROUNDDOWN($C3443/24,0)+1,1))-1)+IF('Standard Profiles'!$G$21=$B$10,7,0)+IF('Standard Profiles'!$G$21=$B$17,14,0)+IF('Standard Profiles'!$G$21=$B$24,21,0),0)),0)</f>
        <v>0.26891132515419247</v>
      </c>
      <c r="H3443" cm="1">
        <f t="array" ref="H3443">IFERROR(INDEX(Jesper!AL$2:AL$366,ROUNDDOWN($C3443/24,0)+1,1)*INDEX($D$3:$AA$30,INDEX(Jesper!$R$2:$R$366,ROW(INDEX(Jesper!AL$2:AL$366,ROUNDDOWN($C3443/24,0)+1,1))-1)+IF('Standard Profiles'!$G$22=$B$10,7,0)+IF('Standard Profiles'!$G$22=$B$17,14,0)+IF('Standard Profiles'!$G$22=$B$24,21,0),MOD($C3443,24)+1)/SUM(INDEX($D$3:$AA$30,INDEX(Jesper!$R$2:$R$366,ROW(INDEX(Jesper!AL$2:AL$366,ROUNDDOWN($C3443/24,0)+1,1))-1)+IF('Standard Profiles'!$G$22=$B$10,7,0)+IF('Standard Profiles'!$G$22=$B$17,14,0)+IF('Standard Profiles'!$G$22=$B$24,21,0),0)),0)</f>
        <v>0</v>
      </c>
      <c r="I3443">
        <f t="shared" si="391"/>
        <v>0.12907743607401231</v>
      </c>
      <c r="J3443">
        <f t="shared" si="392"/>
        <v>6.8073001206499635</v>
      </c>
      <c r="K3443">
        <f t="shared" si="393"/>
        <v>0.55996113746234744</v>
      </c>
      <c r="L3443">
        <f t="shared" si="394"/>
        <v>0.27998056873117372</v>
      </c>
      <c r="M3443">
        <f t="shared" si="395"/>
        <v>0</v>
      </c>
      <c r="N3443" s="45">
        <f t="shared" si="396"/>
        <v>45069.041666658399</v>
      </c>
    </row>
    <row r="3444" spans="2:14" x14ac:dyDescent="0.25">
      <c r="B3444">
        <f t="shared" si="390"/>
        <v>2</v>
      </c>
      <c r="C3444" s="16">
        <v>3410</v>
      </c>
      <c r="D3444" cm="1">
        <f t="array" ref="D3444">IFERROR(INDEX(Jesper!AH$2:AH$366,ROUNDDOWN($C3444/24,0)+1,1)*INDEX($D$3:$AA$30,INDEX(Jesper!$R$2:$R$366,ROW(INDEX(Jesper!AH$2:AH$366,ROUNDDOWN($C3444/24,0)+1,1))-1)+IF('Standard Profiles'!$G$18=$B$10,7,0)+IF('Standard Profiles'!$G$18=$B$17,14,0)+IF('Standard Profiles'!$G$18=$B$24,21,0),MOD($C3444,24)+1)/SUM(INDEX($D$3:$AA$30,INDEX(Jesper!$R$2:$R$366,ROW(INDEX(Jesper!AH$2:AH$366,ROUNDDOWN($C3444/24,0)+1,1))-1)+IF('Standard Profiles'!$G$18=$B$10,7,0)+IF('Standard Profiles'!$G$18=$B$17,14,0)+IF('Standard Profiles'!$G$18=$B$24,21,0),0)),0)</f>
        <v>5.2496356637095065</v>
      </c>
      <c r="E3444" cm="1">
        <f t="array" ref="E3444">IFERROR(INDEX(Jesper!AI$2:AI$366,ROUNDDOWN($C3444/24,0)+1,1)*INDEX($D$3:$AA$30,INDEX(Jesper!$R$2:$R$366,ROW(INDEX(Jesper!AI$2:AI$366,ROUNDDOWN($C3444/24,0)+1,1))-1)+IF('Standard Profiles'!$G$19=$B$10,7,0)+IF('Standard Profiles'!$G$19=$B$17,14,0)+IF('Standard Profiles'!$G$19=$B$24,21,0),MOD($C3444,24)+1)/SUM(INDEX($D$3:$AA$30,INDEX(Jesper!$R$2:$R$366,ROW(INDEX(Jesper!AI$2:AI$366,ROUNDDOWN($C3444/24,0)+1,1))-1)+IF('Standard Profiles'!$G$19=$B$10,7,0)+IF('Standard Profiles'!$G$19=$B$17,14,0)+IF('Standard Profiles'!$G$19=$B$24,21,0),0)),0)</f>
        <v>2.2577722740537971</v>
      </c>
      <c r="F3444" cm="1">
        <f t="array" ref="F3444">IFERROR(INDEX(Jesper!AJ$2:AJ$366,ROUNDDOWN($C3444/24,0)+1,1)*INDEX($D$3:$AA$30,INDEX(Jesper!$R$2:$R$366,ROW(INDEX(Jesper!AJ$2:AJ$366,ROUNDDOWN($C3444/24,0)+1,1))-1)+IF('Standard Profiles'!$G$20=$B$10,7,0)+IF('Standard Profiles'!$G$20=$B$17,14,0)+IF('Standard Profiles'!$G$20=$B$24,21,0),MOD($C3444,24)+1)/SUM(INDEX($D$3:$AA$30,INDEX(Jesper!$R$2:$R$366,ROW(INDEX(Jesper!AJ$2:AJ$366,ROUNDDOWN($C3444/24,0)+1,1))-1)+IF('Standard Profiles'!$G$20=$B$10,7,0)+IF('Standard Profiles'!$G$20=$B$17,14,0)+IF('Standard Profiles'!$G$20=$B$24,21,0),0)),0)</f>
        <v>0</v>
      </c>
      <c r="G3444" cm="1">
        <f t="array" ref="G3444">IFERROR(INDEX(Jesper!AK$2:AK$366,ROUNDDOWN($C3444/24,0)+1,1)*INDEX($D$3:$AA$30,INDEX(Jesper!$R$2:$R$366,ROW(INDEX(Jesper!AK$2:AK$366,ROUNDDOWN($C3444/24,0)+1,1))-1)+IF('Standard Profiles'!$G$21=$B$10,7,0)+IF('Standard Profiles'!$G$21=$B$17,14,0)+IF('Standard Profiles'!$G$21=$B$24,21,0),MOD($C3444,24)+1)/SUM(INDEX($D$3:$AA$30,INDEX(Jesper!$R$2:$R$366,ROW(INDEX(Jesper!AK$2:AK$366,ROUNDDOWN($C3444/24,0)+1,1))-1)+IF('Standard Profiles'!$G$21=$B$10,7,0)+IF('Standard Profiles'!$G$21=$B$17,14,0)+IF('Standard Profiles'!$G$21=$B$24,21,0),0)),0)</f>
        <v>0.26891132515419247</v>
      </c>
      <c r="H3444" cm="1">
        <f t="array" ref="H3444">IFERROR(INDEX(Jesper!AL$2:AL$366,ROUNDDOWN($C3444/24,0)+1,1)*INDEX($D$3:$AA$30,INDEX(Jesper!$R$2:$R$366,ROW(INDEX(Jesper!AL$2:AL$366,ROUNDDOWN($C3444/24,0)+1,1))-1)+IF('Standard Profiles'!$G$22=$B$10,7,0)+IF('Standard Profiles'!$G$22=$B$17,14,0)+IF('Standard Profiles'!$G$22=$B$24,21,0),MOD($C3444,24)+1)/SUM(INDEX($D$3:$AA$30,INDEX(Jesper!$R$2:$R$366,ROW(INDEX(Jesper!AL$2:AL$366,ROUNDDOWN($C3444/24,0)+1,1))-1)+IF('Standard Profiles'!$G$22=$B$10,7,0)+IF('Standard Profiles'!$G$22=$B$17,14,0)+IF('Standard Profiles'!$G$22=$B$24,21,0),0)),0)</f>
        <v>0</v>
      </c>
      <c r="I3444">
        <f t="shared" si="391"/>
        <v>0.12907743607401231</v>
      </c>
      <c r="J3444">
        <f t="shared" si="392"/>
        <v>6.8073001206499635</v>
      </c>
      <c r="K3444">
        <f t="shared" si="393"/>
        <v>0.55996113746234744</v>
      </c>
      <c r="L3444">
        <f t="shared" si="394"/>
        <v>0.27998056873117372</v>
      </c>
      <c r="M3444">
        <f t="shared" si="395"/>
        <v>0</v>
      </c>
      <c r="N3444" s="45">
        <f t="shared" si="396"/>
        <v>45069.083333325063</v>
      </c>
    </row>
    <row r="3445" spans="2:14" x14ac:dyDescent="0.25">
      <c r="B3445">
        <f t="shared" si="390"/>
        <v>2</v>
      </c>
      <c r="C3445" s="16">
        <v>3411</v>
      </c>
      <c r="D3445" cm="1">
        <f t="array" ref="D3445">IFERROR(INDEX(Jesper!AH$2:AH$366,ROUNDDOWN($C3445/24,0)+1,1)*INDEX($D$3:$AA$30,INDEX(Jesper!$R$2:$R$366,ROW(INDEX(Jesper!AH$2:AH$366,ROUNDDOWN($C3445/24,0)+1,1))-1)+IF('Standard Profiles'!$G$18=$B$10,7,0)+IF('Standard Profiles'!$G$18=$B$17,14,0)+IF('Standard Profiles'!$G$18=$B$24,21,0),MOD($C3445,24)+1)/SUM(INDEX($D$3:$AA$30,INDEX(Jesper!$R$2:$R$366,ROW(INDEX(Jesper!AH$2:AH$366,ROUNDDOWN($C3445/24,0)+1,1))-1)+IF('Standard Profiles'!$G$18=$B$10,7,0)+IF('Standard Profiles'!$G$18=$B$17,14,0)+IF('Standard Profiles'!$G$18=$B$24,21,0),0)),0)</f>
        <v>5.2496356637095065</v>
      </c>
      <c r="E3445" cm="1">
        <f t="array" ref="E3445">IFERROR(INDEX(Jesper!AI$2:AI$366,ROUNDDOWN($C3445/24,0)+1,1)*INDEX($D$3:$AA$30,INDEX(Jesper!$R$2:$R$366,ROW(INDEX(Jesper!AI$2:AI$366,ROUNDDOWN($C3445/24,0)+1,1))-1)+IF('Standard Profiles'!$G$19=$B$10,7,0)+IF('Standard Profiles'!$G$19=$B$17,14,0)+IF('Standard Profiles'!$G$19=$B$24,21,0),MOD($C3445,24)+1)/SUM(INDEX($D$3:$AA$30,INDEX(Jesper!$R$2:$R$366,ROW(INDEX(Jesper!AI$2:AI$366,ROUNDDOWN($C3445/24,0)+1,1))-1)+IF('Standard Profiles'!$G$19=$B$10,7,0)+IF('Standard Profiles'!$G$19=$B$17,14,0)+IF('Standard Profiles'!$G$19=$B$24,21,0),0)),0)</f>
        <v>2.2577722740537971</v>
      </c>
      <c r="F3445" cm="1">
        <f t="array" ref="F3445">IFERROR(INDEX(Jesper!AJ$2:AJ$366,ROUNDDOWN($C3445/24,0)+1,1)*INDEX($D$3:$AA$30,INDEX(Jesper!$R$2:$R$366,ROW(INDEX(Jesper!AJ$2:AJ$366,ROUNDDOWN($C3445/24,0)+1,1))-1)+IF('Standard Profiles'!$G$20=$B$10,7,0)+IF('Standard Profiles'!$G$20=$B$17,14,0)+IF('Standard Profiles'!$G$20=$B$24,21,0),MOD($C3445,24)+1)/SUM(INDEX($D$3:$AA$30,INDEX(Jesper!$R$2:$R$366,ROW(INDEX(Jesper!AJ$2:AJ$366,ROUNDDOWN($C3445/24,0)+1,1))-1)+IF('Standard Profiles'!$G$20=$B$10,7,0)+IF('Standard Profiles'!$G$20=$B$17,14,0)+IF('Standard Profiles'!$G$20=$B$24,21,0),0)),0)</f>
        <v>0</v>
      </c>
      <c r="G3445" cm="1">
        <f t="array" ref="G3445">IFERROR(INDEX(Jesper!AK$2:AK$366,ROUNDDOWN($C3445/24,0)+1,1)*INDEX($D$3:$AA$30,INDEX(Jesper!$R$2:$R$366,ROW(INDEX(Jesper!AK$2:AK$366,ROUNDDOWN($C3445/24,0)+1,1))-1)+IF('Standard Profiles'!$G$21=$B$10,7,0)+IF('Standard Profiles'!$G$21=$B$17,14,0)+IF('Standard Profiles'!$G$21=$B$24,21,0),MOD($C3445,24)+1)/SUM(INDEX($D$3:$AA$30,INDEX(Jesper!$R$2:$R$366,ROW(INDEX(Jesper!AK$2:AK$366,ROUNDDOWN($C3445/24,0)+1,1))-1)+IF('Standard Profiles'!$G$21=$B$10,7,0)+IF('Standard Profiles'!$G$21=$B$17,14,0)+IF('Standard Profiles'!$G$21=$B$24,21,0),0)),0)</f>
        <v>0.26891132515419247</v>
      </c>
      <c r="H3445" cm="1">
        <f t="array" ref="H3445">IFERROR(INDEX(Jesper!AL$2:AL$366,ROUNDDOWN($C3445/24,0)+1,1)*INDEX($D$3:$AA$30,INDEX(Jesper!$R$2:$R$366,ROW(INDEX(Jesper!AL$2:AL$366,ROUNDDOWN($C3445/24,0)+1,1))-1)+IF('Standard Profiles'!$G$22=$B$10,7,0)+IF('Standard Profiles'!$G$22=$B$17,14,0)+IF('Standard Profiles'!$G$22=$B$24,21,0),MOD($C3445,24)+1)/SUM(INDEX($D$3:$AA$30,INDEX(Jesper!$R$2:$R$366,ROW(INDEX(Jesper!AL$2:AL$366,ROUNDDOWN($C3445/24,0)+1,1))-1)+IF('Standard Profiles'!$G$22=$B$10,7,0)+IF('Standard Profiles'!$G$22=$B$17,14,0)+IF('Standard Profiles'!$G$22=$B$24,21,0),0)),0)</f>
        <v>0</v>
      </c>
      <c r="I3445">
        <f t="shared" si="391"/>
        <v>0.12907743607401231</v>
      </c>
      <c r="J3445">
        <f t="shared" si="392"/>
        <v>6.8073001206499635</v>
      </c>
      <c r="K3445">
        <f t="shared" si="393"/>
        <v>0.55996113746234744</v>
      </c>
      <c r="L3445">
        <f t="shared" si="394"/>
        <v>0.27998056873117372</v>
      </c>
      <c r="M3445">
        <f t="shared" si="395"/>
        <v>0</v>
      </c>
      <c r="N3445" s="45">
        <f t="shared" si="396"/>
        <v>45069.124999991727</v>
      </c>
    </row>
    <row r="3446" spans="2:14" x14ac:dyDescent="0.25">
      <c r="B3446">
        <f t="shared" si="390"/>
        <v>2</v>
      </c>
      <c r="C3446" s="16">
        <v>3412</v>
      </c>
      <c r="D3446" cm="1">
        <f t="array" ref="D3446">IFERROR(INDEX(Jesper!AH$2:AH$366,ROUNDDOWN($C3446/24,0)+1,1)*INDEX($D$3:$AA$30,INDEX(Jesper!$R$2:$R$366,ROW(INDEX(Jesper!AH$2:AH$366,ROUNDDOWN($C3446/24,0)+1,1))-1)+IF('Standard Profiles'!$G$18=$B$10,7,0)+IF('Standard Profiles'!$G$18=$B$17,14,0)+IF('Standard Profiles'!$G$18=$B$24,21,0),MOD($C3446,24)+1)/SUM(INDEX($D$3:$AA$30,INDEX(Jesper!$R$2:$R$366,ROW(INDEX(Jesper!AH$2:AH$366,ROUNDDOWN($C3446/24,0)+1,1))-1)+IF('Standard Profiles'!$G$18=$B$10,7,0)+IF('Standard Profiles'!$G$18=$B$17,14,0)+IF('Standard Profiles'!$G$18=$B$24,21,0),0)),0)</f>
        <v>5.2496356637095065</v>
      </c>
      <c r="E3446" cm="1">
        <f t="array" ref="E3446">IFERROR(INDEX(Jesper!AI$2:AI$366,ROUNDDOWN($C3446/24,0)+1,1)*INDEX($D$3:$AA$30,INDEX(Jesper!$R$2:$R$366,ROW(INDEX(Jesper!AI$2:AI$366,ROUNDDOWN($C3446/24,0)+1,1))-1)+IF('Standard Profiles'!$G$19=$B$10,7,0)+IF('Standard Profiles'!$G$19=$B$17,14,0)+IF('Standard Profiles'!$G$19=$B$24,21,0),MOD($C3446,24)+1)/SUM(INDEX($D$3:$AA$30,INDEX(Jesper!$R$2:$R$366,ROW(INDEX(Jesper!AI$2:AI$366,ROUNDDOWN($C3446/24,0)+1,1))-1)+IF('Standard Profiles'!$G$19=$B$10,7,0)+IF('Standard Profiles'!$G$19=$B$17,14,0)+IF('Standard Profiles'!$G$19=$B$24,21,0),0)),0)</f>
        <v>2.2577722740537971</v>
      </c>
      <c r="F3446" cm="1">
        <f t="array" ref="F3446">IFERROR(INDEX(Jesper!AJ$2:AJ$366,ROUNDDOWN($C3446/24,0)+1,1)*INDEX($D$3:$AA$30,INDEX(Jesper!$R$2:$R$366,ROW(INDEX(Jesper!AJ$2:AJ$366,ROUNDDOWN($C3446/24,0)+1,1))-1)+IF('Standard Profiles'!$G$20=$B$10,7,0)+IF('Standard Profiles'!$G$20=$B$17,14,0)+IF('Standard Profiles'!$G$20=$B$24,21,0),MOD($C3446,24)+1)/SUM(INDEX($D$3:$AA$30,INDEX(Jesper!$R$2:$R$366,ROW(INDEX(Jesper!AJ$2:AJ$366,ROUNDDOWN($C3446/24,0)+1,1))-1)+IF('Standard Profiles'!$G$20=$B$10,7,0)+IF('Standard Profiles'!$G$20=$B$17,14,0)+IF('Standard Profiles'!$G$20=$B$24,21,0),0)),0)</f>
        <v>0</v>
      </c>
      <c r="G3446" cm="1">
        <f t="array" ref="G3446">IFERROR(INDEX(Jesper!AK$2:AK$366,ROUNDDOWN($C3446/24,0)+1,1)*INDEX($D$3:$AA$30,INDEX(Jesper!$R$2:$R$366,ROW(INDEX(Jesper!AK$2:AK$366,ROUNDDOWN($C3446/24,0)+1,1))-1)+IF('Standard Profiles'!$G$21=$B$10,7,0)+IF('Standard Profiles'!$G$21=$B$17,14,0)+IF('Standard Profiles'!$G$21=$B$24,21,0),MOD($C3446,24)+1)/SUM(INDEX($D$3:$AA$30,INDEX(Jesper!$R$2:$R$366,ROW(INDEX(Jesper!AK$2:AK$366,ROUNDDOWN($C3446/24,0)+1,1))-1)+IF('Standard Profiles'!$G$21=$B$10,7,0)+IF('Standard Profiles'!$G$21=$B$17,14,0)+IF('Standard Profiles'!$G$21=$B$24,21,0),0)),0)</f>
        <v>0.26891132515419247</v>
      </c>
      <c r="H3446" cm="1">
        <f t="array" ref="H3446">IFERROR(INDEX(Jesper!AL$2:AL$366,ROUNDDOWN($C3446/24,0)+1,1)*INDEX($D$3:$AA$30,INDEX(Jesper!$R$2:$R$366,ROW(INDEX(Jesper!AL$2:AL$366,ROUNDDOWN($C3446/24,0)+1,1))-1)+IF('Standard Profiles'!$G$22=$B$10,7,0)+IF('Standard Profiles'!$G$22=$B$17,14,0)+IF('Standard Profiles'!$G$22=$B$24,21,0),MOD($C3446,24)+1)/SUM(INDEX($D$3:$AA$30,INDEX(Jesper!$R$2:$R$366,ROW(INDEX(Jesper!AL$2:AL$366,ROUNDDOWN($C3446/24,0)+1,1))-1)+IF('Standard Profiles'!$G$22=$B$10,7,0)+IF('Standard Profiles'!$G$22=$B$17,14,0)+IF('Standard Profiles'!$G$22=$B$24,21,0),0)),0)</f>
        <v>0</v>
      </c>
      <c r="I3446">
        <f t="shared" si="391"/>
        <v>0.12907743607401231</v>
      </c>
      <c r="J3446">
        <f t="shared" si="392"/>
        <v>6.8073001206499635</v>
      </c>
      <c r="K3446">
        <f t="shared" si="393"/>
        <v>0.55996113746234744</v>
      </c>
      <c r="L3446">
        <f t="shared" si="394"/>
        <v>0.27998056873117372</v>
      </c>
      <c r="M3446">
        <f t="shared" si="395"/>
        <v>0</v>
      </c>
      <c r="N3446" s="45">
        <f t="shared" si="396"/>
        <v>45069.166666658391</v>
      </c>
    </row>
    <row r="3447" spans="2:14" x14ac:dyDescent="0.25">
      <c r="B3447">
        <f t="shared" si="390"/>
        <v>2</v>
      </c>
      <c r="C3447" s="16">
        <v>3413</v>
      </c>
      <c r="D3447" cm="1">
        <f t="array" ref="D3447">IFERROR(INDEX(Jesper!AH$2:AH$366,ROUNDDOWN($C3447/24,0)+1,1)*INDEX($D$3:$AA$30,INDEX(Jesper!$R$2:$R$366,ROW(INDEX(Jesper!AH$2:AH$366,ROUNDDOWN($C3447/24,0)+1,1))-1)+IF('Standard Profiles'!$G$18=$B$10,7,0)+IF('Standard Profiles'!$G$18=$B$17,14,0)+IF('Standard Profiles'!$G$18=$B$24,21,0),MOD($C3447,24)+1)/SUM(INDEX($D$3:$AA$30,INDEX(Jesper!$R$2:$R$366,ROW(INDEX(Jesper!AH$2:AH$366,ROUNDDOWN($C3447/24,0)+1,1))-1)+IF('Standard Profiles'!$G$18=$B$10,7,0)+IF('Standard Profiles'!$G$18=$B$17,14,0)+IF('Standard Profiles'!$G$18=$B$24,21,0),0)),0)</f>
        <v>5.2496356637095065</v>
      </c>
      <c r="E3447" cm="1">
        <f t="array" ref="E3447">IFERROR(INDEX(Jesper!AI$2:AI$366,ROUNDDOWN($C3447/24,0)+1,1)*INDEX($D$3:$AA$30,INDEX(Jesper!$R$2:$R$366,ROW(INDEX(Jesper!AI$2:AI$366,ROUNDDOWN($C3447/24,0)+1,1))-1)+IF('Standard Profiles'!$G$19=$B$10,7,0)+IF('Standard Profiles'!$G$19=$B$17,14,0)+IF('Standard Profiles'!$G$19=$B$24,21,0),MOD($C3447,24)+1)/SUM(INDEX($D$3:$AA$30,INDEX(Jesper!$R$2:$R$366,ROW(INDEX(Jesper!AI$2:AI$366,ROUNDDOWN($C3447/24,0)+1,1))-1)+IF('Standard Profiles'!$G$19=$B$10,7,0)+IF('Standard Profiles'!$G$19=$B$17,14,0)+IF('Standard Profiles'!$G$19=$B$24,21,0),0)),0)</f>
        <v>2.2577722740537971</v>
      </c>
      <c r="F3447" cm="1">
        <f t="array" ref="F3447">IFERROR(INDEX(Jesper!AJ$2:AJ$366,ROUNDDOWN($C3447/24,0)+1,1)*INDEX($D$3:$AA$30,INDEX(Jesper!$R$2:$R$366,ROW(INDEX(Jesper!AJ$2:AJ$366,ROUNDDOWN($C3447/24,0)+1,1))-1)+IF('Standard Profiles'!$G$20=$B$10,7,0)+IF('Standard Profiles'!$G$20=$B$17,14,0)+IF('Standard Profiles'!$G$20=$B$24,21,0),MOD($C3447,24)+1)/SUM(INDEX($D$3:$AA$30,INDEX(Jesper!$R$2:$R$366,ROW(INDEX(Jesper!AJ$2:AJ$366,ROUNDDOWN($C3447/24,0)+1,1))-1)+IF('Standard Profiles'!$G$20=$B$10,7,0)+IF('Standard Profiles'!$G$20=$B$17,14,0)+IF('Standard Profiles'!$G$20=$B$24,21,0),0)),0)</f>
        <v>0</v>
      </c>
      <c r="G3447" cm="1">
        <f t="array" ref="G3447">IFERROR(INDEX(Jesper!AK$2:AK$366,ROUNDDOWN($C3447/24,0)+1,1)*INDEX($D$3:$AA$30,INDEX(Jesper!$R$2:$R$366,ROW(INDEX(Jesper!AK$2:AK$366,ROUNDDOWN($C3447/24,0)+1,1))-1)+IF('Standard Profiles'!$G$21=$B$10,7,0)+IF('Standard Profiles'!$G$21=$B$17,14,0)+IF('Standard Profiles'!$G$21=$B$24,21,0),MOD($C3447,24)+1)/SUM(INDEX($D$3:$AA$30,INDEX(Jesper!$R$2:$R$366,ROW(INDEX(Jesper!AK$2:AK$366,ROUNDDOWN($C3447/24,0)+1,1))-1)+IF('Standard Profiles'!$G$21=$B$10,7,0)+IF('Standard Profiles'!$G$21=$B$17,14,0)+IF('Standard Profiles'!$G$21=$B$24,21,0),0)),0)</f>
        <v>0.26891132515419247</v>
      </c>
      <c r="H3447" cm="1">
        <f t="array" ref="H3447">IFERROR(INDEX(Jesper!AL$2:AL$366,ROUNDDOWN($C3447/24,0)+1,1)*INDEX($D$3:$AA$30,INDEX(Jesper!$R$2:$R$366,ROW(INDEX(Jesper!AL$2:AL$366,ROUNDDOWN($C3447/24,0)+1,1))-1)+IF('Standard Profiles'!$G$22=$B$10,7,0)+IF('Standard Profiles'!$G$22=$B$17,14,0)+IF('Standard Profiles'!$G$22=$B$24,21,0),MOD($C3447,24)+1)/SUM(INDEX($D$3:$AA$30,INDEX(Jesper!$R$2:$R$366,ROW(INDEX(Jesper!AL$2:AL$366,ROUNDDOWN($C3447/24,0)+1,1))-1)+IF('Standard Profiles'!$G$22=$B$10,7,0)+IF('Standard Profiles'!$G$22=$B$17,14,0)+IF('Standard Profiles'!$G$22=$B$24,21,0),0)),0)</f>
        <v>0</v>
      </c>
      <c r="I3447">
        <f t="shared" si="391"/>
        <v>0.12907743607401231</v>
      </c>
      <c r="J3447">
        <f t="shared" si="392"/>
        <v>6.8073001206499635</v>
      </c>
      <c r="K3447">
        <f t="shared" si="393"/>
        <v>0.55996113746234744</v>
      </c>
      <c r="L3447">
        <f t="shared" si="394"/>
        <v>0.27998056873117372</v>
      </c>
      <c r="M3447">
        <f t="shared" si="395"/>
        <v>0</v>
      </c>
      <c r="N3447" s="45">
        <f t="shared" si="396"/>
        <v>45069.208333325056</v>
      </c>
    </row>
    <row r="3448" spans="2:14" x14ac:dyDescent="0.25">
      <c r="B3448">
        <f t="shared" si="390"/>
        <v>2</v>
      </c>
      <c r="C3448" s="16">
        <v>3414</v>
      </c>
      <c r="D3448" cm="1">
        <f t="array" ref="D3448">IFERROR(INDEX(Jesper!AH$2:AH$366,ROUNDDOWN($C3448/24,0)+1,1)*INDEX($D$3:$AA$30,INDEX(Jesper!$R$2:$R$366,ROW(INDEX(Jesper!AH$2:AH$366,ROUNDDOWN($C3448/24,0)+1,1))-1)+IF('Standard Profiles'!$G$18=$B$10,7,0)+IF('Standard Profiles'!$G$18=$B$17,14,0)+IF('Standard Profiles'!$G$18=$B$24,21,0),MOD($C3448,24)+1)/SUM(INDEX($D$3:$AA$30,INDEX(Jesper!$R$2:$R$366,ROW(INDEX(Jesper!AH$2:AH$366,ROUNDDOWN($C3448/24,0)+1,1))-1)+IF('Standard Profiles'!$G$18=$B$10,7,0)+IF('Standard Profiles'!$G$18=$B$17,14,0)+IF('Standard Profiles'!$G$18=$B$24,21,0),0)),0)</f>
        <v>5.2496356637095065</v>
      </c>
      <c r="E3448" cm="1">
        <f t="array" ref="E3448">IFERROR(INDEX(Jesper!AI$2:AI$366,ROUNDDOWN($C3448/24,0)+1,1)*INDEX($D$3:$AA$30,INDEX(Jesper!$R$2:$R$366,ROW(INDEX(Jesper!AI$2:AI$366,ROUNDDOWN($C3448/24,0)+1,1))-1)+IF('Standard Profiles'!$G$19=$B$10,7,0)+IF('Standard Profiles'!$G$19=$B$17,14,0)+IF('Standard Profiles'!$G$19=$B$24,21,0),MOD($C3448,24)+1)/SUM(INDEX($D$3:$AA$30,INDEX(Jesper!$R$2:$R$366,ROW(INDEX(Jesper!AI$2:AI$366,ROUNDDOWN($C3448/24,0)+1,1))-1)+IF('Standard Profiles'!$G$19=$B$10,7,0)+IF('Standard Profiles'!$G$19=$B$17,14,0)+IF('Standard Profiles'!$G$19=$B$24,21,0),0)),0)</f>
        <v>2.2577722740537971</v>
      </c>
      <c r="F3448" cm="1">
        <f t="array" ref="F3448">IFERROR(INDEX(Jesper!AJ$2:AJ$366,ROUNDDOWN($C3448/24,0)+1,1)*INDEX($D$3:$AA$30,INDEX(Jesper!$R$2:$R$366,ROW(INDEX(Jesper!AJ$2:AJ$366,ROUNDDOWN($C3448/24,0)+1,1))-1)+IF('Standard Profiles'!$G$20=$B$10,7,0)+IF('Standard Profiles'!$G$20=$B$17,14,0)+IF('Standard Profiles'!$G$20=$B$24,21,0),MOD($C3448,24)+1)/SUM(INDEX($D$3:$AA$30,INDEX(Jesper!$R$2:$R$366,ROW(INDEX(Jesper!AJ$2:AJ$366,ROUNDDOWN($C3448/24,0)+1,1))-1)+IF('Standard Profiles'!$G$20=$B$10,7,0)+IF('Standard Profiles'!$G$20=$B$17,14,0)+IF('Standard Profiles'!$G$20=$B$24,21,0),0)),0)</f>
        <v>0</v>
      </c>
      <c r="G3448" cm="1">
        <f t="array" ref="G3448">IFERROR(INDEX(Jesper!AK$2:AK$366,ROUNDDOWN($C3448/24,0)+1,1)*INDEX($D$3:$AA$30,INDEX(Jesper!$R$2:$R$366,ROW(INDEX(Jesper!AK$2:AK$366,ROUNDDOWN($C3448/24,0)+1,1))-1)+IF('Standard Profiles'!$G$21=$B$10,7,0)+IF('Standard Profiles'!$G$21=$B$17,14,0)+IF('Standard Profiles'!$G$21=$B$24,21,0),MOD($C3448,24)+1)/SUM(INDEX($D$3:$AA$30,INDEX(Jesper!$R$2:$R$366,ROW(INDEX(Jesper!AK$2:AK$366,ROUNDDOWN($C3448/24,0)+1,1))-1)+IF('Standard Profiles'!$G$21=$B$10,7,0)+IF('Standard Profiles'!$G$21=$B$17,14,0)+IF('Standard Profiles'!$G$21=$B$24,21,0),0)),0)</f>
        <v>0.26891132515419247</v>
      </c>
      <c r="H3448" cm="1">
        <f t="array" ref="H3448">IFERROR(INDEX(Jesper!AL$2:AL$366,ROUNDDOWN($C3448/24,0)+1,1)*INDEX($D$3:$AA$30,INDEX(Jesper!$R$2:$R$366,ROW(INDEX(Jesper!AL$2:AL$366,ROUNDDOWN($C3448/24,0)+1,1))-1)+IF('Standard Profiles'!$G$22=$B$10,7,0)+IF('Standard Profiles'!$G$22=$B$17,14,0)+IF('Standard Profiles'!$G$22=$B$24,21,0),MOD($C3448,24)+1)/SUM(INDEX($D$3:$AA$30,INDEX(Jesper!$R$2:$R$366,ROW(INDEX(Jesper!AL$2:AL$366,ROUNDDOWN($C3448/24,0)+1,1))-1)+IF('Standard Profiles'!$G$22=$B$10,7,0)+IF('Standard Profiles'!$G$22=$B$17,14,0)+IF('Standard Profiles'!$G$22=$B$24,21,0),0)),0)</f>
        <v>0</v>
      </c>
      <c r="I3448">
        <f t="shared" si="391"/>
        <v>0.12907743607401231</v>
      </c>
      <c r="J3448">
        <f t="shared" si="392"/>
        <v>6.8073001206499635</v>
      </c>
      <c r="K3448">
        <f t="shared" si="393"/>
        <v>0.55996113746234744</v>
      </c>
      <c r="L3448">
        <f t="shared" si="394"/>
        <v>0.27998056873117372</v>
      </c>
      <c r="M3448">
        <f t="shared" si="395"/>
        <v>0</v>
      </c>
      <c r="N3448" s="45">
        <f t="shared" si="396"/>
        <v>45069.24999999172</v>
      </c>
    </row>
    <row r="3449" spans="2:14" x14ac:dyDescent="0.25">
      <c r="B3449">
        <f t="shared" si="390"/>
        <v>2</v>
      </c>
      <c r="C3449" s="16">
        <v>3415</v>
      </c>
      <c r="D3449" cm="1">
        <f t="array" ref="D3449">IFERROR(INDEX(Jesper!AH$2:AH$366,ROUNDDOWN($C3449/24,0)+1,1)*INDEX($D$3:$AA$30,INDEX(Jesper!$R$2:$R$366,ROW(INDEX(Jesper!AH$2:AH$366,ROUNDDOWN($C3449/24,0)+1,1))-1)+IF('Standard Profiles'!$G$18=$B$10,7,0)+IF('Standard Profiles'!$G$18=$B$17,14,0)+IF('Standard Profiles'!$G$18=$B$24,21,0),MOD($C3449,24)+1)/SUM(INDEX($D$3:$AA$30,INDEX(Jesper!$R$2:$R$366,ROW(INDEX(Jesper!AH$2:AH$366,ROUNDDOWN($C3449/24,0)+1,1))-1)+IF('Standard Profiles'!$G$18=$B$10,7,0)+IF('Standard Profiles'!$G$18=$B$17,14,0)+IF('Standard Profiles'!$G$18=$B$24,21,0),0)),0)</f>
        <v>22.130495344825388</v>
      </c>
      <c r="E3449" cm="1">
        <f t="array" ref="E3449">IFERROR(INDEX(Jesper!AI$2:AI$366,ROUNDDOWN($C3449/24,0)+1,1)*INDEX($D$3:$AA$30,INDEX(Jesper!$R$2:$R$366,ROW(INDEX(Jesper!AI$2:AI$366,ROUNDDOWN($C3449/24,0)+1,1))-1)+IF('Standard Profiles'!$G$19=$B$10,7,0)+IF('Standard Profiles'!$G$19=$B$17,14,0)+IF('Standard Profiles'!$G$19=$B$24,21,0),MOD($C3449,24)+1)/SUM(INDEX($D$3:$AA$30,INDEX(Jesper!$R$2:$R$366,ROW(INDEX(Jesper!AI$2:AI$366,ROUNDDOWN($C3449/24,0)+1,1))-1)+IF('Standard Profiles'!$G$19=$B$10,7,0)+IF('Standard Profiles'!$G$19=$B$17,14,0)+IF('Standard Profiles'!$G$19=$B$24,21,0),0)),0)</f>
        <v>9.517921242808038</v>
      </c>
      <c r="F3449" cm="1">
        <f t="array" ref="F3449">IFERROR(INDEX(Jesper!AJ$2:AJ$366,ROUNDDOWN($C3449/24,0)+1,1)*INDEX($D$3:$AA$30,INDEX(Jesper!$R$2:$R$366,ROW(INDEX(Jesper!AJ$2:AJ$366,ROUNDDOWN($C3449/24,0)+1,1))-1)+IF('Standard Profiles'!$G$20=$B$10,7,0)+IF('Standard Profiles'!$G$20=$B$17,14,0)+IF('Standard Profiles'!$G$20=$B$24,21,0),MOD($C3449,24)+1)/SUM(INDEX($D$3:$AA$30,INDEX(Jesper!$R$2:$R$366,ROW(INDEX(Jesper!AJ$2:AJ$366,ROUNDDOWN($C3449/24,0)+1,1))-1)+IF('Standard Profiles'!$G$20=$B$10,7,0)+IF('Standard Profiles'!$G$20=$B$17,14,0)+IF('Standard Profiles'!$G$20=$B$24,21,0),0)),0)</f>
        <v>0</v>
      </c>
      <c r="G3449" cm="1">
        <f t="array" ref="G3449">IFERROR(INDEX(Jesper!AK$2:AK$366,ROUNDDOWN($C3449/24,0)+1,1)*INDEX($D$3:$AA$30,INDEX(Jesper!$R$2:$R$366,ROW(INDEX(Jesper!AK$2:AK$366,ROUNDDOWN($C3449/24,0)+1,1))-1)+IF('Standard Profiles'!$G$21=$B$10,7,0)+IF('Standard Profiles'!$G$21=$B$17,14,0)+IF('Standard Profiles'!$G$21=$B$24,21,0),MOD($C3449,24)+1)/SUM(INDEX($D$3:$AA$30,INDEX(Jesper!$R$2:$R$366,ROW(INDEX(Jesper!AK$2:AK$366,ROUNDDOWN($C3449/24,0)+1,1))-1)+IF('Standard Profiles'!$G$21=$B$10,7,0)+IF('Standard Profiles'!$G$21=$B$17,14,0)+IF('Standard Profiles'!$G$21=$B$24,21,0),0)),0)</f>
        <v>0.77463810762159313</v>
      </c>
      <c r="H3449" cm="1">
        <f t="array" ref="H3449">IFERROR(INDEX(Jesper!AL$2:AL$366,ROUNDDOWN($C3449/24,0)+1,1)*INDEX($D$3:$AA$30,INDEX(Jesper!$R$2:$R$366,ROW(INDEX(Jesper!AL$2:AL$366,ROUNDDOWN($C3449/24,0)+1,1))-1)+IF('Standard Profiles'!$G$22=$B$10,7,0)+IF('Standard Profiles'!$G$22=$B$17,14,0)+IF('Standard Profiles'!$G$22=$B$24,21,0),MOD($C3449,24)+1)/SUM(INDEX($D$3:$AA$30,INDEX(Jesper!$R$2:$R$366,ROW(INDEX(Jesper!AL$2:AL$366,ROUNDDOWN($C3449/24,0)+1,1))-1)+IF('Standard Profiles'!$G$22=$B$10,7,0)+IF('Standard Profiles'!$G$22=$B$17,14,0)+IF('Standard Profiles'!$G$22=$B$24,21,0),0)),0)</f>
        <v>0</v>
      </c>
      <c r="I3449">
        <f t="shared" si="391"/>
        <v>0.37182629165836451</v>
      </c>
      <c r="J3449">
        <f t="shared" si="392"/>
        <v>28.510349148424591</v>
      </c>
      <c r="K3449">
        <f t="shared" si="393"/>
        <v>2.3605861701147082</v>
      </c>
      <c r="L3449">
        <f t="shared" si="394"/>
        <v>1.1802930850573541</v>
      </c>
      <c r="M3449">
        <f t="shared" si="395"/>
        <v>0</v>
      </c>
      <c r="N3449" s="45">
        <f t="shared" si="396"/>
        <v>45069.291666658384</v>
      </c>
    </row>
    <row r="3450" spans="2:14" x14ac:dyDescent="0.25">
      <c r="B3450">
        <f t="shared" si="390"/>
        <v>2</v>
      </c>
      <c r="C3450" s="16">
        <v>3416</v>
      </c>
      <c r="D3450" cm="1">
        <f t="array" ref="D3450">IFERROR(INDEX(Jesper!AH$2:AH$366,ROUNDDOWN($C3450/24,0)+1,1)*INDEX($D$3:$AA$30,INDEX(Jesper!$R$2:$R$366,ROW(INDEX(Jesper!AH$2:AH$366,ROUNDDOWN($C3450/24,0)+1,1))-1)+IF('Standard Profiles'!$G$18=$B$10,7,0)+IF('Standard Profiles'!$G$18=$B$17,14,0)+IF('Standard Profiles'!$G$18=$B$24,21,0),MOD($C3450,24)+1)/SUM(INDEX($D$3:$AA$30,INDEX(Jesper!$R$2:$R$366,ROW(INDEX(Jesper!AH$2:AH$366,ROUNDDOWN($C3450/24,0)+1,1))-1)+IF('Standard Profiles'!$G$18=$B$10,7,0)+IF('Standard Profiles'!$G$18=$B$17,14,0)+IF('Standard Profiles'!$G$18=$B$24,21,0),0)),0)</f>
        <v>24.692973753173593</v>
      </c>
      <c r="E3450" cm="1">
        <f t="array" ref="E3450">IFERROR(INDEX(Jesper!AI$2:AI$366,ROUNDDOWN($C3450/24,0)+1,1)*INDEX($D$3:$AA$30,INDEX(Jesper!$R$2:$R$366,ROW(INDEX(Jesper!AI$2:AI$366,ROUNDDOWN($C3450/24,0)+1,1))-1)+IF('Standard Profiles'!$G$19=$B$10,7,0)+IF('Standard Profiles'!$G$19=$B$17,14,0)+IF('Standard Profiles'!$G$19=$B$24,21,0),MOD($C3450,24)+1)/SUM(INDEX($D$3:$AA$30,INDEX(Jesper!$R$2:$R$366,ROW(INDEX(Jesper!AI$2:AI$366,ROUNDDOWN($C3450/24,0)+1,1))-1)+IF('Standard Profiles'!$G$19=$B$10,7,0)+IF('Standard Profiles'!$G$19=$B$17,14,0)+IF('Standard Profiles'!$G$19=$B$24,21,0),0)),0)</f>
        <v>10.619996334080549</v>
      </c>
      <c r="F3450" cm="1">
        <f t="array" ref="F3450">IFERROR(INDEX(Jesper!AJ$2:AJ$366,ROUNDDOWN($C3450/24,0)+1,1)*INDEX($D$3:$AA$30,INDEX(Jesper!$R$2:$R$366,ROW(INDEX(Jesper!AJ$2:AJ$366,ROUNDDOWN($C3450/24,0)+1,1))-1)+IF('Standard Profiles'!$G$20=$B$10,7,0)+IF('Standard Profiles'!$G$20=$B$17,14,0)+IF('Standard Profiles'!$G$20=$B$24,21,0),MOD($C3450,24)+1)/SUM(INDEX($D$3:$AA$30,INDEX(Jesper!$R$2:$R$366,ROW(INDEX(Jesper!AJ$2:AJ$366,ROUNDDOWN($C3450/24,0)+1,1))-1)+IF('Standard Profiles'!$G$20=$B$10,7,0)+IF('Standard Profiles'!$G$20=$B$17,14,0)+IF('Standard Profiles'!$G$20=$B$24,21,0),0)),0)</f>
        <v>0</v>
      </c>
      <c r="G3450" cm="1">
        <f t="array" ref="G3450">IFERROR(INDEX(Jesper!AK$2:AK$366,ROUNDDOWN($C3450/24,0)+1,1)*INDEX($D$3:$AA$30,INDEX(Jesper!$R$2:$R$366,ROW(INDEX(Jesper!AK$2:AK$366,ROUNDDOWN($C3450/24,0)+1,1))-1)+IF('Standard Profiles'!$G$21=$B$10,7,0)+IF('Standard Profiles'!$G$21=$B$17,14,0)+IF('Standard Profiles'!$G$21=$B$24,21,0),MOD($C3450,24)+1)/SUM(INDEX($D$3:$AA$30,INDEX(Jesper!$R$2:$R$366,ROW(INDEX(Jesper!AK$2:AK$366,ROUNDDOWN($C3450/24,0)+1,1))-1)+IF('Standard Profiles'!$G$21=$B$10,7,0)+IF('Standard Profiles'!$G$21=$B$17,14,0)+IF('Standard Profiles'!$G$21=$B$24,21,0),0)),0)</f>
        <v>0.86433304639883024</v>
      </c>
      <c r="H3450" cm="1">
        <f t="array" ref="H3450">IFERROR(INDEX(Jesper!AL$2:AL$366,ROUNDDOWN($C3450/24,0)+1,1)*INDEX($D$3:$AA$30,INDEX(Jesper!$R$2:$R$366,ROW(INDEX(Jesper!AL$2:AL$366,ROUNDDOWN($C3450/24,0)+1,1))-1)+IF('Standard Profiles'!$G$22=$B$10,7,0)+IF('Standard Profiles'!$G$22=$B$17,14,0)+IF('Standard Profiles'!$G$22=$B$24,21,0),MOD($C3450,24)+1)/SUM(INDEX($D$3:$AA$30,INDEX(Jesper!$R$2:$R$366,ROW(INDEX(Jesper!AL$2:AL$366,ROUNDDOWN($C3450/24,0)+1,1))-1)+IF('Standard Profiles'!$G$22=$B$10,7,0)+IF('Standard Profiles'!$G$22=$B$17,14,0)+IF('Standard Profiles'!$G$22=$B$24,21,0),0)),0)</f>
        <v>0</v>
      </c>
      <c r="I3450">
        <f t="shared" si="391"/>
        <v>0.4148798622714383</v>
      </c>
      <c r="J3450">
        <f t="shared" si="392"/>
        <v>31.811547470873755</v>
      </c>
      <c r="K3450">
        <f t="shared" si="393"/>
        <v>2.6339172003385167</v>
      </c>
      <c r="L3450">
        <f t="shared" si="394"/>
        <v>1.3169586001692584</v>
      </c>
      <c r="M3450">
        <f t="shared" si="395"/>
        <v>0</v>
      </c>
      <c r="N3450" s="45">
        <f t="shared" si="396"/>
        <v>45069.333333325048</v>
      </c>
    </row>
    <row r="3451" spans="2:14" x14ac:dyDescent="0.25">
      <c r="B3451">
        <f t="shared" si="390"/>
        <v>2</v>
      </c>
      <c r="C3451" s="16">
        <v>3417</v>
      </c>
      <c r="D3451" cm="1">
        <f t="array" ref="D3451">IFERROR(INDEX(Jesper!AH$2:AH$366,ROUNDDOWN($C3451/24,0)+1,1)*INDEX($D$3:$AA$30,INDEX(Jesper!$R$2:$R$366,ROW(INDEX(Jesper!AH$2:AH$366,ROUNDDOWN($C3451/24,0)+1,1))-1)+IF('Standard Profiles'!$G$18=$B$10,7,0)+IF('Standard Profiles'!$G$18=$B$17,14,0)+IF('Standard Profiles'!$G$18=$B$24,21,0),MOD($C3451,24)+1)/SUM(INDEX($D$3:$AA$30,INDEX(Jesper!$R$2:$R$366,ROW(INDEX(Jesper!AH$2:AH$366,ROUNDDOWN($C3451/24,0)+1,1))-1)+IF('Standard Profiles'!$G$18=$B$10,7,0)+IF('Standard Profiles'!$G$18=$B$17,14,0)+IF('Standard Profiles'!$G$18=$B$24,21,0),0)),0)</f>
        <v>27.255452161521795</v>
      </c>
      <c r="E3451" cm="1">
        <f t="array" ref="E3451">IFERROR(INDEX(Jesper!AI$2:AI$366,ROUNDDOWN($C3451/24,0)+1,1)*INDEX($D$3:$AA$30,INDEX(Jesper!$R$2:$R$366,ROW(INDEX(Jesper!AI$2:AI$366,ROUNDDOWN($C3451/24,0)+1,1))-1)+IF('Standard Profiles'!$G$19=$B$10,7,0)+IF('Standard Profiles'!$G$19=$B$17,14,0)+IF('Standard Profiles'!$G$19=$B$24,21,0),MOD($C3451,24)+1)/SUM(INDEX($D$3:$AA$30,INDEX(Jesper!$R$2:$R$366,ROW(INDEX(Jesper!AI$2:AI$366,ROUNDDOWN($C3451/24,0)+1,1))-1)+IF('Standard Profiles'!$G$19=$B$10,7,0)+IF('Standard Profiles'!$G$19=$B$17,14,0)+IF('Standard Profiles'!$G$19=$B$24,21,0),0)),0)</f>
        <v>11.722071425353059</v>
      </c>
      <c r="F3451" cm="1">
        <f t="array" ref="F3451">IFERROR(INDEX(Jesper!AJ$2:AJ$366,ROUNDDOWN($C3451/24,0)+1,1)*INDEX($D$3:$AA$30,INDEX(Jesper!$R$2:$R$366,ROW(INDEX(Jesper!AJ$2:AJ$366,ROUNDDOWN($C3451/24,0)+1,1))-1)+IF('Standard Profiles'!$G$20=$B$10,7,0)+IF('Standard Profiles'!$G$20=$B$17,14,0)+IF('Standard Profiles'!$G$20=$B$24,21,0),MOD($C3451,24)+1)/SUM(INDEX($D$3:$AA$30,INDEX(Jesper!$R$2:$R$366,ROW(INDEX(Jesper!AJ$2:AJ$366,ROUNDDOWN($C3451/24,0)+1,1))-1)+IF('Standard Profiles'!$G$20=$B$10,7,0)+IF('Standard Profiles'!$G$20=$B$17,14,0)+IF('Standard Profiles'!$G$20=$B$24,21,0),0)),0)</f>
        <v>0</v>
      </c>
      <c r="G3451" cm="1">
        <f t="array" ref="G3451">IFERROR(INDEX(Jesper!AK$2:AK$366,ROUNDDOWN($C3451/24,0)+1,1)*INDEX($D$3:$AA$30,INDEX(Jesper!$R$2:$R$366,ROW(INDEX(Jesper!AK$2:AK$366,ROUNDDOWN($C3451/24,0)+1,1))-1)+IF('Standard Profiles'!$G$21=$B$10,7,0)+IF('Standard Profiles'!$G$21=$B$17,14,0)+IF('Standard Profiles'!$G$21=$B$24,21,0),MOD($C3451,24)+1)/SUM(INDEX($D$3:$AA$30,INDEX(Jesper!$R$2:$R$366,ROW(INDEX(Jesper!AK$2:AK$366,ROUNDDOWN($C3451/24,0)+1,1))-1)+IF('Standard Profiles'!$G$21=$B$10,7,0)+IF('Standard Profiles'!$G$21=$B$17,14,0)+IF('Standard Profiles'!$G$21=$B$24,21,0),0)),0)</f>
        <v>0.95402798517606735</v>
      </c>
      <c r="H3451" cm="1">
        <f t="array" ref="H3451">IFERROR(INDEX(Jesper!AL$2:AL$366,ROUNDDOWN($C3451/24,0)+1,1)*INDEX($D$3:$AA$30,INDEX(Jesper!$R$2:$R$366,ROW(INDEX(Jesper!AL$2:AL$366,ROUNDDOWN($C3451/24,0)+1,1))-1)+IF('Standard Profiles'!$G$22=$B$10,7,0)+IF('Standard Profiles'!$G$22=$B$17,14,0)+IF('Standard Profiles'!$G$22=$B$24,21,0),MOD($C3451,24)+1)/SUM(INDEX($D$3:$AA$30,INDEX(Jesper!$R$2:$R$366,ROW(INDEX(Jesper!AL$2:AL$366,ROUNDDOWN($C3451/24,0)+1,1))-1)+IF('Standard Profiles'!$G$22=$B$10,7,0)+IF('Standard Profiles'!$G$22=$B$17,14,0)+IF('Standard Profiles'!$G$22=$B$24,21,0),0)),0)</f>
        <v>0</v>
      </c>
      <c r="I3451">
        <f t="shared" si="391"/>
        <v>0.4579334328845121</v>
      </c>
      <c r="J3451">
        <f t="shared" si="392"/>
        <v>35.112745793322915</v>
      </c>
      <c r="K3451">
        <f t="shared" si="393"/>
        <v>2.9072482305623248</v>
      </c>
      <c r="L3451">
        <f t="shared" si="394"/>
        <v>1.4536241152811624</v>
      </c>
      <c r="M3451">
        <f t="shared" si="395"/>
        <v>0</v>
      </c>
      <c r="N3451" s="45">
        <f t="shared" si="396"/>
        <v>45069.374999991713</v>
      </c>
    </row>
    <row r="3452" spans="2:14" x14ac:dyDescent="0.25">
      <c r="B3452">
        <f t="shared" si="390"/>
        <v>2</v>
      </c>
      <c r="C3452" s="16">
        <v>3418</v>
      </c>
      <c r="D3452" cm="1">
        <f t="array" ref="D3452">IFERROR(INDEX(Jesper!AH$2:AH$366,ROUNDDOWN($C3452/24,0)+1,1)*INDEX($D$3:$AA$30,INDEX(Jesper!$R$2:$R$366,ROW(INDEX(Jesper!AH$2:AH$366,ROUNDDOWN($C3452/24,0)+1,1))-1)+IF('Standard Profiles'!$G$18=$B$10,7,0)+IF('Standard Profiles'!$G$18=$B$17,14,0)+IF('Standard Profiles'!$G$18=$B$24,21,0),MOD($C3452,24)+1)/SUM(INDEX($D$3:$AA$30,INDEX(Jesper!$R$2:$R$366,ROW(INDEX(Jesper!AH$2:AH$366,ROUNDDOWN($C3452/24,0)+1,1))-1)+IF('Standard Profiles'!$G$18=$B$10,7,0)+IF('Standard Profiles'!$G$18=$B$17,14,0)+IF('Standard Profiles'!$G$18=$B$24,21,0),0)),0)</f>
        <v>27.255452161521795</v>
      </c>
      <c r="E3452" cm="1">
        <f t="array" ref="E3452">IFERROR(INDEX(Jesper!AI$2:AI$366,ROUNDDOWN($C3452/24,0)+1,1)*INDEX($D$3:$AA$30,INDEX(Jesper!$R$2:$R$366,ROW(INDEX(Jesper!AI$2:AI$366,ROUNDDOWN($C3452/24,0)+1,1))-1)+IF('Standard Profiles'!$G$19=$B$10,7,0)+IF('Standard Profiles'!$G$19=$B$17,14,0)+IF('Standard Profiles'!$G$19=$B$24,21,0),MOD($C3452,24)+1)/SUM(INDEX($D$3:$AA$30,INDEX(Jesper!$R$2:$R$366,ROW(INDEX(Jesper!AI$2:AI$366,ROUNDDOWN($C3452/24,0)+1,1))-1)+IF('Standard Profiles'!$G$19=$B$10,7,0)+IF('Standard Profiles'!$G$19=$B$17,14,0)+IF('Standard Profiles'!$G$19=$B$24,21,0),0)),0)</f>
        <v>11.722071425353059</v>
      </c>
      <c r="F3452" cm="1">
        <f t="array" ref="F3452">IFERROR(INDEX(Jesper!AJ$2:AJ$366,ROUNDDOWN($C3452/24,0)+1,1)*INDEX($D$3:$AA$30,INDEX(Jesper!$R$2:$R$366,ROW(INDEX(Jesper!AJ$2:AJ$366,ROUNDDOWN($C3452/24,0)+1,1))-1)+IF('Standard Profiles'!$G$20=$B$10,7,0)+IF('Standard Profiles'!$G$20=$B$17,14,0)+IF('Standard Profiles'!$G$20=$B$24,21,0),MOD($C3452,24)+1)/SUM(INDEX($D$3:$AA$30,INDEX(Jesper!$R$2:$R$366,ROW(INDEX(Jesper!AJ$2:AJ$366,ROUNDDOWN($C3452/24,0)+1,1))-1)+IF('Standard Profiles'!$G$20=$B$10,7,0)+IF('Standard Profiles'!$G$20=$B$17,14,0)+IF('Standard Profiles'!$G$20=$B$24,21,0),0)),0)</f>
        <v>0</v>
      </c>
      <c r="G3452" cm="1">
        <f t="array" ref="G3452">IFERROR(INDEX(Jesper!AK$2:AK$366,ROUNDDOWN($C3452/24,0)+1,1)*INDEX($D$3:$AA$30,INDEX(Jesper!$R$2:$R$366,ROW(INDEX(Jesper!AK$2:AK$366,ROUNDDOWN($C3452/24,0)+1,1))-1)+IF('Standard Profiles'!$G$21=$B$10,7,0)+IF('Standard Profiles'!$G$21=$B$17,14,0)+IF('Standard Profiles'!$G$21=$B$24,21,0),MOD($C3452,24)+1)/SUM(INDEX($D$3:$AA$30,INDEX(Jesper!$R$2:$R$366,ROW(INDEX(Jesper!AK$2:AK$366,ROUNDDOWN($C3452/24,0)+1,1))-1)+IF('Standard Profiles'!$G$21=$B$10,7,0)+IF('Standard Profiles'!$G$21=$B$17,14,0)+IF('Standard Profiles'!$G$21=$B$24,21,0),0)),0)</f>
        <v>0.95402798517606735</v>
      </c>
      <c r="H3452" cm="1">
        <f t="array" ref="H3452">IFERROR(INDEX(Jesper!AL$2:AL$366,ROUNDDOWN($C3452/24,0)+1,1)*INDEX($D$3:$AA$30,INDEX(Jesper!$R$2:$R$366,ROW(INDEX(Jesper!AL$2:AL$366,ROUNDDOWN($C3452/24,0)+1,1))-1)+IF('Standard Profiles'!$G$22=$B$10,7,0)+IF('Standard Profiles'!$G$22=$B$17,14,0)+IF('Standard Profiles'!$G$22=$B$24,21,0),MOD($C3452,24)+1)/SUM(INDEX($D$3:$AA$30,INDEX(Jesper!$R$2:$R$366,ROW(INDEX(Jesper!AL$2:AL$366,ROUNDDOWN($C3452/24,0)+1,1))-1)+IF('Standard Profiles'!$G$22=$B$10,7,0)+IF('Standard Profiles'!$G$22=$B$17,14,0)+IF('Standard Profiles'!$G$22=$B$24,21,0),0)),0)</f>
        <v>0</v>
      </c>
      <c r="I3452">
        <f t="shared" si="391"/>
        <v>0.4579334328845121</v>
      </c>
      <c r="J3452">
        <f t="shared" si="392"/>
        <v>35.112745793322915</v>
      </c>
      <c r="K3452">
        <f t="shared" si="393"/>
        <v>2.9072482305623248</v>
      </c>
      <c r="L3452">
        <f t="shared" si="394"/>
        <v>1.4536241152811624</v>
      </c>
      <c r="M3452">
        <f t="shared" si="395"/>
        <v>0</v>
      </c>
      <c r="N3452" s="45">
        <f t="shared" si="396"/>
        <v>45069.416666658377</v>
      </c>
    </row>
    <row r="3453" spans="2:14" x14ac:dyDescent="0.25">
      <c r="B3453">
        <f t="shared" si="390"/>
        <v>2</v>
      </c>
      <c r="C3453" s="16">
        <v>3419</v>
      </c>
      <c r="D3453" cm="1">
        <f t="array" ref="D3453">IFERROR(INDEX(Jesper!AH$2:AH$366,ROUNDDOWN($C3453/24,0)+1,1)*INDEX($D$3:$AA$30,INDEX(Jesper!$R$2:$R$366,ROW(INDEX(Jesper!AH$2:AH$366,ROUNDDOWN($C3453/24,0)+1,1))-1)+IF('Standard Profiles'!$G$18=$B$10,7,0)+IF('Standard Profiles'!$G$18=$B$17,14,0)+IF('Standard Profiles'!$G$18=$B$24,21,0),MOD($C3453,24)+1)/SUM(INDEX($D$3:$AA$30,INDEX(Jesper!$R$2:$R$366,ROW(INDEX(Jesper!AH$2:AH$366,ROUNDDOWN($C3453/24,0)+1,1))-1)+IF('Standard Profiles'!$G$18=$B$10,7,0)+IF('Standard Profiles'!$G$18=$B$17,14,0)+IF('Standard Profiles'!$G$18=$B$24,21,0),0)),0)</f>
        <v>32.613361560795305</v>
      </c>
      <c r="E3453" cm="1">
        <f t="array" ref="E3453">IFERROR(INDEX(Jesper!AI$2:AI$366,ROUNDDOWN($C3453/24,0)+1,1)*INDEX($D$3:$AA$30,INDEX(Jesper!$R$2:$R$366,ROW(INDEX(Jesper!AI$2:AI$366,ROUNDDOWN($C3453/24,0)+1,1))-1)+IF('Standard Profiles'!$G$19=$B$10,7,0)+IF('Standard Profiles'!$G$19=$B$17,14,0)+IF('Standard Profiles'!$G$19=$B$24,21,0),MOD($C3453,24)+1)/SUM(INDEX($D$3:$AA$30,INDEX(Jesper!$R$2:$R$366,ROW(INDEX(Jesper!AI$2:AI$366,ROUNDDOWN($C3453/24,0)+1,1))-1)+IF('Standard Profiles'!$G$19=$B$10,7,0)+IF('Standard Profiles'!$G$19=$B$17,14,0)+IF('Standard Profiles'!$G$19=$B$24,21,0),0)),0)</f>
        <v>14.026410252559213</v>
      </c>
      <c r="F3453" cm="1">
        <f t="array" ref="F3453">IFERROR(INDEX(Jesper!AJ$2:AJ$366,ROUNDDOWN($C3453/24,0)+1,1)*INDEX($D$3:$AA$30,INDEX(Jesper!$R$2:$R$366,ROW(INDEX(Jesper!AJ$2:AJ$366,ROUNDDOWN($C3453/24,0)+1,1))-1)+IF('Standard Profiles'!$G$20=$B$10,7,0)+IF('Standard Profiles'!$G$20=$B$17,14,0)+IF('Standard Profiles'!$G$20=$B$24,21,0),MOD($C3453,24)+1)/SUM(INDEX($D$3:$AA$30,INDEX(Jesper!$R$2:$R$366,ROW(INDEX(Jesper!AJ$2:AJ$366,ROUNDDOWN($C3453/24,0)+1,1))-1)+IF('Standard Profiles'!$G$20=$B$10,7,0)+IF('Standard Profiles'!$G$20=$B$17,14,0)+IF('Standard Profiles'!$G$20=$B$24,21,0),0)),0)</f>
        <v>0</v>
      </c>
      <c r="G3453" cm="1">
        <f t="array" ref="G3453">IFERROR(INDEX(Jesper!AK$2:AK$366,ROUNDDOWN($C3453/24,0)+1,1)*INDEX($D$3:$AA$30,INDEX(Jesper!$R$2:$R$366,ROW(INDEX(Jesper!AK$2:AK$366,ROUNDDOWN($C3453/24,0)+1,1))-1)+IF('Standard Profiles'!$G$21=$B$10,7,0)+IF('Standard Profiles'!$G$21=$B$17,14,0)+IF('Standard Profiles'!$G$21=$B$24,21,0),MOD($C3453,24)+1)/SUM(INDEX($D$3:$AA$30,INDEX(Jesper!$R$2:$R$366,ROW(INDEX(Jesper!AK$2:AK$366,ROUNDDOWN($C3453/24,0)+1,1))-1)+IF('Standard Profiles'!$G$21=$B$10,7,0)+IF('Standard Profiles'!$G$21=$B$17,14,0)+IF('Standard Profiles'!$G$21=$B$24,21,0),0)),0)</f>
        <v>1.141571948073927</v>
      </c>
      <c r="H3453" cm="1">
        <f t="array" ref="H3453">IFERROR(INDEX(Jesper!AL$2:AL$366,ROUNDDOWN($C3453/24,0)+1,1)*INDEX($D$3:$AA$30,INDEX(Jesper!$R$2:$R$366,ROW(INDEX(Jesper!AL$2:AL$366,ROUNDDOWN($C3453/24,0)+1,1))-1)+IF('Standard Profiles'!$G$22=$B$10,7,0)+IF('Standard Profiles'!$G$22=$B$17,14,0)+IF('Standard Profiles'!$G$22=$B$24,21,0),MOD($C3453,24)+1)/SUM(INDEX($D$3:$AA$30,INDEX(Jesper!$R$2:$R$366,ROW(INDEX(Jesper!AL$2:AL$366,ROUNDDOWN($C3453/24,0)+1,1))-1)+IF('Standard Profiles'!$G$22=$B$10,7,0)+IF('Standard Profiles'!$G$22=$B$17,14,0)+IF('Standard Profiles'!$G$22=$B$24,21,0),0)),0)</f>
        <v>0</v>
      </c>
      <c r="I3453">
        <f t="shared" si="391"/>
        <v>0.54795453507548475</v>
      </c>
      <c r="J3453">
        <f t="shared" si="392"/>
        <v>42.015251376625713</v>
      </c>
      <c r="K3453">
        <f t="shared" si="393"/>
        <v>3.4787585664848328</v>
      </c>
      <c r="L3453">
        <f t="shared" si="394"/>
        <v>1.7393792832424164</v>
      </c>
      <c r="M3453">
        <f t="shared" si="395"/>
        <v>0</v>
      </c>
      <c r="N3453" s="45">
        <f t="shared" si="396"/>
        <v>45069.458333325041</v>
      </c>
    </row>
    <row r="3454" spans="2:14" x14ac:dyDescent="0.25">
      <c r="B3454">
        <f t="shared" si="390"/>
        <v>2</v>
      </c>
      <c r="C3454" s="16">
        <v>3420</v>
      </c>
      <c r="D3454" cm="1">
        <f t="array" ref="D3454">IFERROR(INDEX(Jesper!AH$2:AH$366,ROUNDDOWN($C3454/24,0)+1,1)*INDEX($D$3:$AA$30,INDEX(Jesper!$R$2:$R$366,ROW(INDEX(Jesper!AH$2:AH$366,ROUNDDOWN($C3454/24,0)+1,1))-1)+IF('Standard Profiles'!$G$18=$B$10,7,0)+IF('Standard Profiles'!$G$18=$B$17,14,0)+IF('Standard Profiles'!$G$18=$B$24,21,0),MOD($C3454,24)+1)/SUM(INDEX($D$3:$AA$30,INDEX(Jesper!$R$2:$R$366,ROW(INDEX(Jesper!AH$2:AH$366,ROUNDDOWN($C3454/24,0)+1,1))-1)+IF('Standard Profiles'!$G$18=$B$10,7,0)+IF('Standard Profiles'!$G$18=$B$17,14,0)+IF('Standard Profiles'!$G$18=$B$24,21,0),0)),0)</f>
        <v>32.613361560795305</v>
      </c>
      <c r="E3454" cm="1">
        <f t="array" ref="E3454">IFERROR(INDEX(Jesper!AI$2:AI$366,ROUNDDOWN($C3454/24,0)+1,1)*INDEX($D$3:$AA$30,INDEX(Jesper!$R$2:$R$366,ROW(INDEX(Jesper!AI$2:AI$366,ROUNDDOWN($C3454/24,0)+1,1))-1)+IF('Standard Profiles'!$G$19=$B$10,7,0)+IF('Standard Profiles'!$G$19=$B$17,14,0)+IF('Standard Profiles'!$G$19=$B$24,21,0),MOD($C3454,24)+1)/SUM(INDEX($D$3:$AA$30,INDEX(Jesper!$R$2:$R$366,ROW(INDEX(Jesper!AI$2:AI$366,ROUNDDOWN($C3454/24,0)+1,1))-1)+IF('Standard Profiles'!$G$19=$B$10,7,0)+IF('Standard Profiles'!$G$19=$B$17,14,0)+IF('Standard Profiles'!$G$19=$B$24,21,0),0)),0)</f>
        <v>14.026410252559213</v>
      </c>
      <c r="F3454" cm="1">
        <f t="array" ref="F3454">IFERROR(INDEX(Jesper!AJ$2:AJ$366,ROUNDDOWN($C3454/24,0)+1,1)*INDEX($D$3:$AA$30,INDEX(Jesper!$R$2:$R$366,ROW(INDEX(Jesper!AJ$2:AJ$366,ROUNDDOWN($C3454/24,0)+1,1))-1)+IF('Standard Profiles'!$G$20=$B$10,7,0)+IF('Standard Profiles'!$G$20=$B$17,14,0)+IF('Standard Profiles'!$G$20=$B$24,21,0),MOD($C3454,24)+1)/SUM(INDEX($D$3:$AA$30,INDEX(Jesper!$R$2:$R$366,ROW(INDEX(Jesper!AJ$2:AJ$366,ROUNDDOWN($C3454/24,0)+1,1))-1)+IF('Standard Profiles'!$G$20=$B$10,7,0)+IF('Standard Profiles'!$G$20=$B$17,14,0)+IF('Standard Profiles'!$G$20=$B$24,21,0),0)),0)</f>
        <v>0</v>
      </c>
      <c r="G3454" cm="1">
        <f t="array" ref="G3454">IFERROR(INDEX(Jesper!AK$2:AK$366,ROUNDDOWN($C3454/24,0)+1,1)*INDEX($D$3:$AA$30,INDEX(Jesper!$R$2:$R$366,ROW(INDEX(Jesper!AK$2:AK$366,ROUNDDOWN($C3454/24,0)+1,1))-1)+IF('Standard Profiles'!$G$21=$B$10,7,0)+IF('Standard Profiles'!$G$21=$B$17,14,0)+IF('Standard Profiles'!$G$21=$B$24,21,0),MOD($C3454,24)+1)/SUM(INDEX($D$3:$AA$30,INDEX(Jesper!$R$2:$R$366,ROW(INDEX(Jesper!AK$2:AK$366,ROUNDDOWN($C3454/24,0)+1,1))-1)+IF('Standard Profiles'!$G$21=$B$10,7,0)+IF('Standard Profiles'!$G$21=$B$17,14,0)+IF('Standard Profiles'!$G$21=$B$24,21,0),0)),0)</f>
        <v>1.141571948073927</v>
      </c>
      <c r="H3454" cm="1">
        <f t="array" ref="H3454">IFERROR(INDEX(Jesper!AL$2:AL$366,ROUNDDOWN($C3454/24,0)+1,1)*INDEX($D$3:$AA$30,INDEX(Jesper!$R$2:$R$366,ROW(INDEX(Jesper!AL$2:AL$366,ROUNDDOWN($C3454/24,0)+1,1))-1)+IF('Standard Profiles'!$G$22=$B$10,7,0)+IF('Standard Profiles'!$G$22=$B$17,14,0)+IF('Standard Profiles'!$G$22=$B$24,21,0),MOD($C3454,24)+1)/SUM(INDEX($D$3:$AA$30,INDEX(Jesper!$R$2:$R$366,ROW(INDEX(Jesper!AL$2:AL$366,ROUNDDOWN($C3454/24,0)+1,1))-1)+IF('Standard Profiles'!$G$22=$B$10,7,0)+IF('Standard Profiles'!$G$22=$B$17,14,0)+IF('Standard Profiles'!$G$22=$B$24,21,0),0)),0)</f>
        <v>0</v>
      </c>
      <c r="I3454">
        <f t="shared" si="391"/>
        <v>0.54795453507548475</v>
      </c>
      <c r="J3454">
        <f t="shared" si="392"/>
        <v>42.015251376625713</v>
      </c>
      <c r="K3454">
        <f t="shared" si="393"/>
        <v>3.4787585664848328</v>
      </c>
      <c r="L3454">
        <f t="shared" si="394"/>
        <v>1.7393792832424164</v>
      </c>
      <c r="M3454">
        <f t="shared" si="395"/>
        <v>0</v>
      </c>
      <c r="N3454" s="45">
        <f t="shared" si="396"/>
        <v>45069.499999991705</v>
      </c>
    </row>
    <row r="3455" spans="2:14" x14ac:dyDescent="0.25">
      <c r="B3455">
        <f t="shared" si="390"/>
        <v>2</v>
      </c>
      <c r="C3455" s="16">
        <v>3421</v>
      </c>
      <c r="D3455" cm="1">
        <f t="array" ref="D3455">IFERROR(INDEX(Jesper!AH$2:AH$366,ROUNDDOWN($C3455/24,0)+1,1)*INDEX($D$3:$AA$30,INDEX(Jesper!$R$2:$R$366,ROW(INDEX(Jesper!AH$2:AH$366,ROUNDDOWN($C3455/24,0)+1,1))-1)+IF('Standard Profiles'!$G$18=$B$10,7,0)+IF('Standard Profiles'!$G$18=$B$17,14,0)+IF('Standard Profiles'!$G$18=$B$24,21,0),MOD($C3455,24)+1)/SUM(INDEX($D$3:$AA$30,INDEX(Jesper!$R$2:$R$366,ROW(INDEX(Jesper!AH$2:AH$366,ROUNDDOWN($C3455/24,0)+1,1))-1)+IF('Standard Profiles'!$G$18=$B$10,7,0)+IF('Standard Profiles'!$G$18=$B$17,14,0)+IF('Standard Profiles'!$G$18=$B$24,21,0),0)),0)</f>
        <v>21.664590179671169</v>
      </c>
      <c r="E3455" cm="1">
        <f t="array" ref="E3455">IFERROR(INDEX(Jesper!AI$2:AI$366,ROUNDDOWN($C3455/24,0)+1,1)*INDEX($D$3:$AA$30,INDEX(Jesper!$R$2:$R$366,ROW(INDEX(Jesper!AI$2:AI$366,ROUNDDOWN($C3455/24,0)+1,1))-1)+IF('Standard Profiles'!$G$19=$B$10,7,0)+IF('Standard Profiles'!$G$19=$B$17,14,0)+IF('Standard Profiles'!$G$19=$B$24,21,0),MOD($C3455,24)+1)/SUM(INDEX($D$3:$AA$30,INDEX(Jesper!$R$2:$R$366,ROW(INDEX(Jesper!AI$2:AI$366,ROUNDDOWN($C3455/24,0)+1,1))-1)+IF('Standard Profiles'!$G$19=$B$10,7,0)+IF('Standard Profiles'!$G$19=$B$17,14,0)+IF('Standard Profiles'!$G$19=$B$24,21,0),0)),0)</f>
        <v>9.3175439534857638</v>
      </c>
      <c r="F3455" cm="1">
        <f t="array" ref="F3455">IFERROR(INDEX(Jesper!AJ$2:AJ$366,ROUNDDOWN($C3455/24,0)+1,1)*INDEX($D$3:$AA$30,INDEX(Jesper!$R$2:$R$366,ROW(INDEX(Jesper!AJ$2:AJ$366,ROUNDDOWN($C3455/24,0)+1,1))-1)+IF('Standard Profiles'!$G$20=$B$10,7,0)+IF('Standard Profiles'!$G$20=$B$17,14,0)+IF('Standard Profiles'!$G$20=$B$24,21,0),MOD($C3455,24)+1)/SUM(INDEX($D$3:$AA$30,INDEX(Jesper!$R$2:$R$366,ROW(INDEX(Jesper!AJ$2:AJ$366,ROUNDDOWN($C3455/24,0)+1,1))-1)+IF('Standard Profiles'!$G$20=$B$10,7,0)+IF('Standard Profiles'!$G$20=$B$17,14,0)+IF('Standard Profiles'!$G$20=$B$24,21,0),0)),0)</f>
        <v>0</v>
      </c>
      <c r="G3455" cm="1">
        <f t="array" ref="G3455">IFERROR(INDEX(Jesper!AK$2:AK$366,ROUNDDOWN($C3455/24,0)+1,1)*INDEX($D$3:$AA$30,INDEX(Jesper!$R$2:$R$366,ROW(INDEX(Jesper!AK$2:AK$366,ROUNDDOWN($C3455/24,0)+1,1))-1)+IF('Standard Profiles'!$G$21=$B$10,7,0)+IF('Standard Profiles'!$G$21=$B$17,14,0)+IF('Standard Profiles'!$G$21=$B$24,21,0),MOD($C3455,24)+1)/SUM(INDEX($D$3:$AA$30,INDEX(Jesper!$R$2:$R$366,ROW(INDEX(Jesper!AK$2:AK$366,ROUNDDOWN($C3455/24,0)+1,1))-1)+IF('Standard Profiles'!$G$21=$B$10,7,0)+IF('Standard Profiles'!$G$21=$B$17,14,0)+IF('Standard Profiles'!$G$21=$B$24,21,0),0)),0)</f>
        <v>0.75832993693482276</v>
      </c>
      <c r="H3455" cm="1">
        <f t="array" ref="H3455">IFERROR(INDEX(Jesper!AL$2:AL$366,ROUNDDOWN($C3455/24,0)+1,1)*INDEX($D$3:$AA$30,INDEX(Jesper!$R$2:$R$366,ROW(INDEX(Jesper!AL$2:AL$366,ROUNDDOWN($C3455/24,0)+1,1))-1)+IF('Standard Profiles'!$G$22=$B$10,7,0)+IF('Standard Profiles'!$G$22=$B$17,14,0)+IF('Standard Profiles'!$G$22=$B$24,21,0),MOD($C3455,24)+1)/SUM(INDEX($D$3:$AA$30,INDEX(Jesper!$R$2:$R$366,ROW(INDEX(Jesper!AL$2:AL$366,ROUNDDOWN($C3455/24,0)+1,1))-1)+IF('Standard Profiles'!$G$22=$B$10,7,0)+IF('Standard Profiles'!$G$22=$B$17,14,0)+IF('Standard Profiles'!$G$22=$B$24,21,0),0)),0)</f>
        <v>0</v>
      </c>
      <c r="I3455">
        <f t="shared" si="391"/>
        <v>0.36399836972871474</v>
      </c>
      <c r="J3455">
        <f t="shared" si="392"/>
        <v>27.910131271615654</v>
      </c>
      <c r="K3455">
        <f t="shared" si="393"/>
        <v>2.3108896191649246</v>
      </c>
      <c r="L3455">
        <f t="shared" si="394"/>
        <v>1.1554448095824623</v>
      </c>
      <c r="M3455">
        <f t="shared" si="395"/>
        <v>0</v>
      </c>
      <c r="N3455" s="45">
        <f t="shared" si="396"/>
        <v>45069.54166665837</v>
      </c>
    </row>
    <row r="3456" spans="2:14" x14ac:dyDescent="0.25">
      <c r="B3456">
        <f t="shared" si="390"/>
        <v>2</v>
      </c>
      <c r="C3456" s="16">
        <v>3422</v>
      </c>
      <c r="D3456" cm="1">
        <f t="array" ref="D3456">IFERROR(INDEX(Jesper!AH$2:AH$366,ROUNDDOWN($C3456/24,0)+1,1)*INDEX($D$3:$AA$30,INDEX(Jesper!$R$2:$R$366,ROW(INDEX(Jesper!AH$2:AH$366,ROUNDDOWN($C3456/24,0)+1,1))-1)+IF('Standard Profiles'!$G$18=$B$10,7,0)+IF('Standard Profiles'!$G$18=$B$17,14,0)+IF('Standard Profiles'!$G$18=$B$24,21,0),MOD($C3456,24)+1)/SUM(INDEX($D$3:$AA$30,INDEX(Jesper!$R$2:$R$366,ROW(INDEX(Jesper!AH$2:AH$366,ROUNDDOWN($C3456/24,0)+1,1))-1)+IF('Standard Profiles'!$G$18=$B$10,7,0)+IF('Standard Profiles'!$G$18=$B$17,14,0)+IF('Standard Profiles'!$G$18=$B$24,21,0),0)),0)</f>
        <v>32.613361560795305</v>
      </c>
      <c r="E3456" cm="1">
        <f t="array" ref="E3456">IFERROR(INDEX(Jesper!AI$2:AI$366,ROUNDDOWN($C3456/24,0)+1,1)*INDEX($D$3:$AA$30,INDEX(Jesper!$R$2:$R$366,ROW(INDEX(Jesper!AI$2:AI$366,ROUNDDOWN($C3456/24,0)+1,1))-1)+IF('Standard Profiles'!$G$19=$B$10,7,0)+IF('Standard Profiles'!$G$19=$B$17,14,0)+IF('Standard Profiles'!$G$19=$B$24,21,0),MOD($C3456,24)+1)/SUM(INDEX($D$3:$AA$30,INDEX(Jesper!$R$2:$R$366,ROW(INDEX(Jesper!AI$2:AI$366,ROUNDDOWN($C3456/24,0)+1,1))-1)+IF('Standard Profiles'!$G$19=$B$10,7,0)+IF('Standard Profiles'!$G$19=$B$17,14,0)+IF('Standard Profiles'!$G$19=$B$24,21,0),0)),0)</f>
        <v>14.026410252559213</v>
      </c>
      <c r="F3456" cm="1">
        <f t="array" ref="F3456">IFERROR(INDEX(Jesper!AJ$2:AJ$366,ROUNDDOWN($C3456/24,0)+1,1)*INDEX($D$3:$AA$30,INDEX(Jesper!$R$2:$R$366,ROW(INDEX(Jesper!AJ$2:AJ$366,ROUNDDOWN($C3456/24,0)+1,1))-1)+IF('Standard Profiles'!$G$20=$B$10,7,0)+IF('Standard Profiles'!$G$20=$B$17,14,0)+IF('Standard Profiles'!$G$20=$B$24,21,0),MOD($C3456,24)+1)/SUM(INDEX($D$3:$AA$30,INDEX(Jesper!$R$2:$R$366,ROW(INDEX(Jesper!AJ$2:AJ$366,ROUNDDOWN($C3456/24,0)+1,1))-1)+IF('Standard Profiles'!$G$20=$B$10,7,0)+IF('Standard Profiles'!$G$20=$B$17,14,0)+IF('Standard Profiles'!$G$20=$B$24,21,0),0)),0)</f>
        <v>0</v>
      </c>
      <c r="G3456" cm="1">
        <f t="array" ref="G3456">IFERROR(INDEX(Jesper!AK$2:AK$366,ROUNDDOWN($C3456/24,0)+1,1)*INDEX($D$3:$AA$30,INDEX(Jesper!$R$2:$R$366,ROW(INDEX(Jesper!AK$2:AK$366,ROUNDDOWN($C3456/24,0)+1,1))-1)+IF('Standard Profiles'!$G$21=$B$10,7,0)+IF('Standard Profiles'!$G$21=$B$17,14,0)+IF('Standard Profiles'!$G$21=$B$24,21,0),MOD($C3456,24)+1)/SUM(INDEX($D$3:$AA$30,INDEX(Jesper!$R$2:$R$366,ROW(INDEX(Jesper!AK$2:AK$366,ROUNDDOWN($C3456/24,0)+1,1))-1)+IF('Standard Profiles'!$G$21=$B$10,7,0)+IF('Standard Profiles'!$G$21=$B$17,14,0)+IF('Standard Profiles'!$G$21=$B$24,21,0),0)),0)</f>
        <v>1.141571948073927</v>
      </c>
      <c r="H3456" cm="1">
        <f t="array" ref="H3456">IFERROR(INDEX(Jesper!AL$2:AL$366,ROUNDDOWN($C3456/24,0)+1,1)*INDEX($D$3:$AA$30,INDEX(Jesper!$R$2:$R$366,ROW(INDEX(Jesper!AL$2:AL$366,ROUNDDOWN($C3456/24,0)+1,1))-1)+IF('Standard Profiles'!$G$22=$B$10,7,0)+IF('Standard Profiles'!$G$22=$B$17,14,0)+IF('Standard Profiles'!$G$22=$B$24,21,0),MOD($C3456,24)+1)/SUM(INDEX($D$3:$AA$30,INDEX(Jesper!$R$2:$R$366,ROW(INDEX(Jesper!AL$2:AL$366,ROUNDDOWN($C3456/24,0)+1,1))-1)+IF('Standard Profiles'!$G$22=$B$10,7,0)+IF('Standard Profiles'!$G$22=$B$17,14,0)+IF('Standard Profiles'!$G$22=$B$24,21,0),0)),0)</f>
        <v>0</v>
      </c>
      <c r="I3456">
        <f t="shared" si="391"/>
        <v>0.54795453507548475</v>
      </c>
      <c r="J3456">
        <f t="shared" si="392"/>
        <v>42.015251376625713</v>
      </c>
      <c r="K3456">
        <f t="shared" si="393"/>
        <v>3.4787585664848328</v>
      </c>
      <c r="L3456">
        <f t="shared" si="394"/>
        <v>1.7393792832424164</v>
      </c>
      <c r="M3456">
        <f t="shared" si="395"/>
        <v>0</v>
      </c>
      <c r="N3456" s="45">
        <f t="shared" si="396"/>
        <v>45069.583333325034</v>
      </c>
    </row>
    <row r="3457" spans="2:14" x14ac:dyDescent="0.25">
      <c r="B3457">
        <f t="shared" si="390"/>
        <v>2</v>
      </c>
      <c r="C3457" s="16">
        <v>3423</v>
      </c>
      <c r="D3457" cm="1">
        <f t="array" ref="D3457">IFERROR(INDEX(Jesper!AH$2:AH$366,ROUNDDOWN($C3457/24,0)+1,1)*INDEX($D$3:$AA$30,INDEX(Jesper!$R$2:$R$366,ROW(INDEX(Jesper!AH$2:AH$366,ROUNDDOWN($C3457/24,0)+1,1))-1)+IF('Standard Profiles'!$G$18=$B$10,7,0)+IF('Standard Profiles'!$G$18=$B$17,14,0)+IF('Standard Profiles'!$G$18=$B$24,21,0),MOD($C3457,24)+1)/SUM(INDEX($D$3:$AA$30,INDEX(Jesper!$R$2:$R$366,ROW(INDEX(Jesper!AH$2:AH$366,ROUNDDOWN($C3457/24,0)+1,1))-1)+IF('Standard Profiles'!$G$18=$B$10,7,0)+IF('Standard Profiles'!$G$18=$B$17,14,0)+IF('Standard Profiles'!$G$18=$B$24,21,0),0)),0)</f>
        <v>32.613361560795305</v>
      </c>
      <c r="E3457" cm="1">
        <f t="array" ref="E3457">IFERROR(INDEX(Jesper!AI$2:AI$366,ROUNDDOWN($C3457/24,0)+1,1)*INDEX($D$3:$AA$30,INDEX(Jesper!$R$2:$R$366,ROW(INDEX(Jesper!AI$2:AI$366,ROUNDDOWN($C3457/24,0)+1,1))-1)+IF('Standard Profiles'!$G$19=$B$10,7,0)+IF('Standard Profiles'!$G$19=$B$17,14,0)+IF('Standard Profiles'!$G$19=$B$24,21,0),MOD($C3457,24)+1)/SUM(INDEX($D$3:$AA$30,INDEX(Jesper!$R$2:$R$366,ROW(INDEX(Jesper!AI$2:AI$366,ROUNDDOWN($C3457/24,0)+1,1))-1)+IF('Standard Profiles'!$G$19=$B$10,7,0)+IF('Standard Profiles'!$G$19=$B$17,14,0)+IF('Standard Profiles'!$G$19=$B$24,21,0),0)),0)</f>
        <v>14.026410252559213</v>
      </c>
      <c r="F3457" cm="1">
        <f t="array" ref="F3457">IFERROR(INDEX(Jesper!AJ$2:AJ$366,ROUNDDOWN($C3457/24,0)+1,1)*INDEX($D$3:$AA$30,INDEX(Jesper!$R$2:$R$366,ROW(INDEX(Jesper!AJ$2:AJ$366,ROUNDDOWN($C3457/24,0)+1,1))-1)+IF('Standard Profiles'!$G$20=$B$10,7,0)+IF('Standard Profiles'!$G$20=$B$17,14,0)+IF('Standard Profiles'!$G$20=$B$24,21,0),MOD($C3457,24)+1)/SUM(INDEX($D$3:$AA$30,INDEX(Jesper!$R$2:$R$366,ROW(INDEX(Jesper!AJ$2:AJ$366,ROUNDDOWN($C3457/24,0)+1,1))-1)+IF('Standard Profiles'!$G$20=$B$10,7,0)+IF('Standard Profiles'!$G$20=$B$17,14,0)+IF('Standard Profiles'!$G$20=$B$24,21,0),0)),0)</f>
        <v>0</v>
      </c>
      <c r="G3457" cm="1">
        <f t="array" ref="G3457">IFERROR(INDEX(Jesper!AK$2:AK$366,ROUNDDOWN($C3457/24,0)+1,1)*INDEX($D$3:$AA$30,INDEX(Jesper!$R$2:$R$366,ROW(INDEX(Jesper!AK$2:AK$366,ROUNDDOWN($C3457/24,0)+1,1))-1)+IF('Standard Profiles'!$G$21=$B$10,7,0)+IF('Standard Profiles'!$G$21=$B$17,14,0)+IF('Standard Profiles'!$G$21=$B$24,21,0),MOD($C3457,24)+1)/SUM(INDEX($D$3:$AA$30,INDEX(Jesper!$R$2:$R$366,ROW(INDEX(Jesper!AK$2:AK$366,ROUNDDOWN($C3457/24,0)+1,1))-1)+IF('Standard Profiles'!$G$21=$B$10,7,0)+IF('Standard Profiles'!$G$21=$B$17,14,0)+IF('Standard Profiles'!$G$21=$B$24,21,0),0)),0)</f>
        <v>1.141571948073927</v>
      </c>
      <c r="H3457" cm="1">
        <f t="array" ref="H3457">IFERROR(INDEX(Jesper!AL$2:AL$366,ROUNDDOWN($C3457/24,0)+1,1)*INDEX($D$3:$AA$30,INDEX(Jesper!$R$2:$R$366,ROW(INDEX(Jesper!AL$2:AL$366,ROUNDDOWN($C3457/24,0)+1,1))-1)+IF('Standard Profiles'!$G$22=$B$10,7,0)+IF('Standard Profiles'!$G$22=$B$17,14,0)+IF('Standard Profiles'!$G$22=$B$24,21,0),MOD($C3457,24)+1)/SUM(INDEX($D$3:$AA$30,INDEX(Jesper!$R$2:$R$366,ROW(INDEX(Jesper!AL$2:AL$366,ROUNDDOWN($C3457/24,0)+1,1))-1)+IF('Standard Profiles'!$G$22=$B$10,7,0)+IF('Standard Profiles'!$G$22=$B$17,14,0)+IF('Standard Profiles'!$G$22=$B$24,21,0),0)),0)</f>
        <v>0</v>
      </c>
      <c r="I3457">
        <f t="shared" si="391"/>
        <v>0.54795453507548475</v>
      </c>
      <c r="J3457">
        <f t="shared" si="392"/>
        <v>42.015251376625713</v>
      </c>
      <c r="K3457">
        <f t="shared" si="393"/>
        <v>3.4787585664848328</v>
      </c>
      <c r="L3457">
        <f t="shared" si="394"/>
        <v>1.7393792832424164</v>
      </c>
      <c r="M3457">
        <f t="shared" si="395"/>
        <v>0</v>
      </c>
      <c r="N3457" s="45">
        <f t="shared" si="396"/>
        <v>45069.624999991698</v>
      </c>
    </row>
    <row r="3458" spans="2:14" x14ac:dyDescent="0.25">
      <c r="B3458">
        <f t="shared" si="390"/>
        <v>2</v>
      </c>
      <c r="C3458" s="16">
        <v>3424</v>
      </c>
      <c r="D3458" cm="1">
        <f t="array" ref="D3458">IFERROR(INDEX(Jesper!AH$2:AH$366,ROUNDDOWN($C3458/24,0)+1,1)*INDEX($D$3:$AA$30,INDEX(Jesper!$R$2:$R$366,ROW(INDEX(Jesper!AH$2:AH$366,ROUNDDOWN($C3458/24,0)+1,1))-1)+IF('Standard Profiles'!$G$18=$B$10,7,0)+IF('Standard Profiles'!$G$18=$B$17,14,0)+IF('Standard Profiles'!$G$18=$B$24,21,0),MOD($C3458,24)+1)/SUM(INDEX($D$3:$AA$30,INDEX(Jesper!$R$2:$R$366,ROW(INDEX(Jesper!AH$2:AH$366,ROUNDDOWN($C3458/24,0)+1,1))-1)+IF('Standard Profiles'!$G$18=$B$10,7,0)+IF('Standard Profiles'!$G$18=$B$17,14,0)+IF('Standard Profiles'!$G$18=$B$24,21,0),0)),0)</f>
        <v>19.218588062611524</v>
      </c>
      <c r="E3458" cm="1">
        <f t="array" ref="E3458">IFERROR(INDEX(Jesper!AI$2:AI$366,ROUNDDOWN($C3458/24,0)+1,1)*INDEX($D$3:$AA$30,INDEX(Jesper!$R$2:$R$366,ROW(INDEX(Jesper!AI$2:AI$366,ROUNDDOWN($C3458/24,0)+1,1))-1)+IF('Standard Profiles'!$G$19=$B$10,7,0)+IF('Standard Profiles'!$G$19=$B$17,14,0)+IF('Standard Profiles'!$G$19=$B$24,21,0),MOD($C3458,24)+1)/SUM(INDEX($D$3:$AA$30,INDEX(Jesper!$R$2:$R$366,ROW(INDEX(Jesper!AI$2:AI$366,ROUNDDOWN($C3458/24,0)+1,1))-1)+IF('Standard Profiles'!$G$19=$B$10,7,0)+IF('Standard Profiles'!$G$19=$B$17,14,0)+IF('Standard Profiles'!$G$19=$B$24,21,0),0)),0)</f>
        <v>8.2655631845438222</v>
      </c>
      <c r="F3458" cm="1">
        <f t="array" ref="F3458">IFERROR(INDEX(Jesper!AJ$2:AJ$366,ROUNDDOWN($C3458/24,0)+1,1)*INDEX($D$3:$AA$30,INDEX(Jesper!$R$2:$R$366,ROW(INDEX(Jesper!AJ$2:AJ$366,ROUNDDOWN($C3458/24,0)+1,1))-1)+IF('Standard Profiles'!$G$20=$B$10,7,0)+IF('Standard Profiles'!$G$20=$B$17,14,0)+IF('Standard Profiles'!$G$20=$B$24,21,0),MOD($C3458,24)+1)/SUM(INDEX($D$3:$AA$30,INDEX(Jesper!$R$2:$R$366,ROW(INDEX(Jesper!AJ$2:AJ$366,ROUNDDOWN($C3458/24,0)+1,1))-1)+IF('Standard Profiles'!$G$20=$B$10,7,0)+IF('Standard Profiles'!$G$20=$B$17,14,0)+IF('Standard Profiles'!$G$20=$B$24,21,0),0)),0)</f>
        <v>0</v>
      </c>
      <c r="G3458" cm="1">
        <f t="array" ref="G3458">IFERROR(INDEX(Jesper!AK$2:AK$366,ROUNDDOWN($C3458/24,0)+1,1)*INDEX($D$3:$AA$30,INDEX(Jesper!$R$2:$R$366,ROW(INDEX(Jesper!AK$2:AK$366,ROUNDDOWN($C3458/24,0)+1,1))-1)+IF('Standard Profiles'!$G$21=$B$10,7,0)+IF('Standard Profiles'!$G$21=$B$17,14,0)+IF('Standard Profiles'!$G$21=$B$24,21,0),MOD($C3458,24)+1)/SUM(INDEX($D$3:$AA$30,INDEX(Jesper!$R$2:$R$366,ROW(INDEX(Jesper!AK$2:AK$366,ROUNDDOWN($C3458/24,0)+1,1))-1)+IF('Standard Profiles'!$G$21=$B$10,7,0)+IF('Standard Profiles'!$G$21=$B$17,14,0)+IF('Standard Profiles'!$G$21=$B$24,21,0),0)),0)</f>
        <v>0.95420147635358621</v>
      </c>
      <c r="H3458" cm="1">
        <f t="array" ref="H3458">IFERROR(INDEX(Jesper!AL$2:AL$366,ROUNDDOWN($C3458/24,0)+1,1)*INDEX($D$3:$AA$30,INDEX(Jesper!$R$2:$R$366,ROW(INDEX(Jesper!AL$2:AL$366,ROUNDDOWN($C3458/24,0)+1,1))-1)+IF('Standard Profiles'!$G$22=$B$10,7,0)+IF('Standard Profiles'!$G$22=$B$17,14,0)+IF('Standard Profiles'!$G$22=$B$24,21,0),MOD($C3458,24)+1)/SUM(INDEX($D$3:$AA$30,INDEX(Jesper!$R$2:$R$366,ROW(INDEX(Jesper!AL$2:AL$366,ROUNDDOWN($C3458/24,0)+1,1))-1)+IF('Standard Profiles'!$G$22=$B$10,7,0)+IF('Standard Profiles'!$G$22=$B$17,14,0)+IF('Standard Profiles'!$G$22=$B$24,21,0),0)),0)</f>
        <v>0</v>
      </c>
      <c r="I3458">
        <f t="shared" si="391"/>
        <v>0.45801670864972116</v>
      </c>
      <c r="J3458">
        <f t="shared" si="392"/>
        <v>24.905361924841369</v>
      </c>
      <c r="K3458">
        <f t="shared" si="393"/>
        <v>2.0499827266785626</v>
      </c>
      <c r="L3458">
        <f t="shared" si="394"/>
        <v>1.0249913633392813</v>
      </c>
      <c r="M3458">
        <f t="shared" si="395"/>
        <v>0</v>
      </c>
      <c r="N3458" s="45">
        <f t="shared" si="396"/>
        <v>45069.666666658362</v>
      </c>
    </row>
    <row r="3459" spans="2:14" x14ac:dyDescent="0.25">
      <c r="B3459">
        <f t="shared" si="390"/>
        <v>2</v>
      </c>
      <c r="C3459" s="16">
        <v>3425</v>
      </c>
      <c r="D3459" cm="1">
        <f t="array" ref="D3459">IFERROR(INDEX(Jesper!AH$2:AH$366,ROUNDDOWN($C3459/24,0)+1,1)*INDEX($D$3:$AA$30,INDEX(Jesper!$R$2:$R$366,ROW(INDEX(Jesper!AH$2:AH$366,ROUNDDOWN($C3459/24,0)+1,1))-1)+IF('Standard Profiles'!$G$18=$B$10,7,0)+IF('Standard Profiles'!$G$18=$B$17,14,0)+IF('Standard Profiles'!$G$18=$B$24,21,0),MOD($C3459,24)+1)/SUM(INDEX($D$3:$AA$30,INDEX(Jesper!$R$2:$R$366,ROW(INDEX(Jesper!AH$2:AH$366,ROUNDDOWN($C3459/24,0)+1,1))-1)+IF('Standard Profiles'!$G$18=$B$10,7,0)+IF('Standard Profiles'!$G$18=$B$17,14,0)+IF('Standard Profiles'!$G$18=$B$24,21,0),0)),0)</f>
        <v>8.2025557245461034</v>
      </c>
      <c r="E3459" cm="1">
        <f t="array" ref="E3459">IFERROR(INDEX(Jesper!AI$2:AI$366,ROUNDDOWN($C3459/24,0)+1,1)*INDEX($D$3:$AA$30,INDEX(Jesper!$R$2:$R$366,ROW(INDEX(Jesper!AI$2:AI$366,ROUNDDOWN($C3459/24,0)+1,1))-1)+IF('Standard Profiles'!$G$19=$B$10,7,0)+IF('Standard Profiles'!$G$19=$B$17,14,0)+IF('Standard Profiles'!$G$19=$B$24,21,0),MOD($C3459,24)+1)/SUM(INDEX($D$3:$AA$30,INDEX(Jesper!$R$2:$R$366,ROW(INDEX(Jesper!AI$2:AI$366,ROUNDDOWN($C3459/24,0)+1,1))-1)+IF('Standard Profiles'!$G$19=$B$10,7,0)+IF('Standard Profiles'!$G$19=$B$17,14,0)+IF('Standard Profiles'!$G$19=$B$24,21,0),0)),0)</f>
        <v>3.5277691782090583</v>
      </c>
      <c r="F3459" cm="1">
        <f t="array" ref="F3459">IFERROR(INDEX(Jesper!AJ$2:AJ$366,ROUNDDOWN($C3459/24,0)+1,1)*INDEX($D$3:$AA$30,INDEX(Jesper!$R$2:$R$366,ROW(INDEX(Jesper!AJ$2:AJ$366,ROUNDDOWN($C3459/24,0)+1,1))-1)+IF('Standard Profiles'!$G$20=$B$10,7,0)+IF('Standard Profiles'!$G$20=$B$17,14,0)+IF('Standard Profiles'!$G$20=$B$24,21,0),MOD($C3459,24)+1)/SUM(INDEX($D$3:$AA$30,INDEX(Jesper!$R$2:$R$366,ROW(INDEX(Jesper!AJ$2:AJ$366,ROUNDDOWN($C3459/24,0)+1,1))-1)+IF('Standard Profiles'!$G$20=$B$10,7,0)+IF('Standard Profiles'!$G$20=$B$17,14,0)+IF('Standard Profiles'!$G$20=$B$24,21,0),0)),0)</f>
        <v>0</v>
      </c>
      <c r="G3459" cm="1">
        <f t="array" ref="G3459">IFERROR(INDEX(Jesper!AK$2:AK$366,ROUNDDOWN($C3459/24,0)+1,1)*INDEX($D$3:$AA$30,INDEX(Jesper!$R$2:$R$366,ROW(INDEX(Jesper!AK$2:AK$366,ROUNDDOWN($C3459/24,0)+1,1))-1)+IF('Standard Profiles'!$G$21=$B$10,7,0)+IF('Standard Profiles'!$G$21=$B$17,14,0)+IF('Standard Profiles'!$G$21=$B$24,21,0),MOD($C3459,24)+1)/SUM(INDEX($D$3:$AA$30,INDEX(Jesper!$R$2:$R$366,ROW(INDEX(Jesper!AK$2:AK$366,ROUNDDOWN($C3459/24,0)+1,1))-1)+IF('Standard Profiles'!$G$21=$B$10,7,0)+IF('Standard Profiles'!$G$21=$B$17,14,0)+IF('Standard Profiles'!$G$21=$B$24,21,0),0)),0)</f>
        <v>0.75815644575730401</v>
      </c>
      <c r="H3459" cm="1">
        <f t="array" ref="H3459">IFERROR(INDEX(Jesper!AL$2:AL$366,ROUNDDOWN($C3459/24,0)+1,1)*INDEX($D$3:$AA$30,INDEX(Jesper!$R$2:$R$366,ROW(INDEX(Jesper!AL$2:AL$366,ROUNDDOWN($C3459/24,0)+1,1))-1)+IF('Standard Profiles'!$G$22=$B$10,7,0)+IF('Standard Profiles'!$G$22=$B$17,14,0)+IF('Standard Profiles'!$G$22=$B$24,21,0),MOD($C3459,24)+1)/SUM(INDEX($D$3:$AA$30,INDEX(Jesper!$R$2:$R$366,ROW(INDEX(Jesper!AL$2:AL$366,ROUNDDOWN($C3459/24,0)+1,1))-1)+IF('Standard Profiles'!$G$22=$B$10,7,0)+IF('Standard Profiles'!$G$22=$B$17,14,0)+IF('Standard Profiles'!$G$22=$B$24,21,0),0)),0)</f>
        <v>0</v>
      </c>
      <c r="I3459">
        <f t="shared" si="391"/>
        <v>0.36391509396350574</v>
      </c>
      <c r="J3459">
        <f t="shared" si="392"/>
        <v>10.812157338621583</v>
      </c>
      <c r="K3459">
        <f t="shared" si="393"/>
        <v>0.87493927728491772</v>
      </c>
      <c r="L3459">
        <f t="shared" si="394"/>
        <v>0.43746963864245886</v>
      </c>
      <c r="M3459">
        <f t="shared" si="395"/>
        <v>0</v>
      </c>
      <c r="N3459" s="45">
        <f t="shared" si="396"/>
        <v>45069.708333325027</v>
      </c>
    </row>
    <row r="3460" spans="2:14" x14ac:dyDescent="0.25">
      <c r="B3460">
        <f t="shared" si="390"/>
        <v>2</v>
      </c>
      <c r="C3460" s="16">
        <v>3426</v>
      </c>
      <c r="D3460" cm="1">
        <f t="array" ref="D3460">IFERROR(INDEX(Jesper!AH$2:AH$366,ROUNDDOWN($C3460/24,0)+1,1)*INDEX($D$3:$AA$30,INDEX(Jesper!$R$2:$R$366,ROW(INDEX(Jesper!AH$2:AH$366,ROUNDDOWN($C3460/24,0)+1,1))-1)+IF('Standard Profiles'!$G$18=$B$10,7,0)+IF('Standard Profiles'!$G$18=$B$17,14,0)+IF('Standard Profiles'!$G$18=$B$24,21,0),MOD($C3460,24)+1)/SUM(INDEX($D$3:$AA$30,INDEX(Jesper!$R$2:$R$366,ROW(INDEX(Jesper!AH$2:AH$366,ROUNDDOWN($C3460/24,0)+1,1))-1)+IF('Standard Profiles'!$G$18=$B$10,7,0)+IF('Standard Profiles'!$G$18=$B$17,14,0)+IF('Standard Profiles'!$G$18=$B$24,21,0),0)),0)</f>
        <v>5.4136867782004288</v>
      </c>
      <c r="E3460" cm="1">
        <f t="array" ref="E3460">IFERROR(INDEX(Jesper!AI$2:AI$366,ROUNDDOWN($C3460/24,0)+1,1)*INDEX($D$3:$AA$30,INDEX(Jesper!$R$2:$R$366,ROW(INDEX(Jesper!AI$2:AI$366,ROUNDDOWN($C3460/24,0)+1,1))-1)+IF('Standard Profiles'!$G$19=$B$10,7,0)+IF('Standard Profiles'!$G$19=$B$17,14,0)+IF('Standard Profiles'!$G$19=$B$24,21,0),MOD($C3460,24)+1)/SUM(INDEX($D$3:$AA$30,INDEX(Jesper!$R$2:$R$366,ROW(INDEX(Jesper!AI$2:AI$366,ROUNDDOWN($C3460/24,0)+1,1))-1)+IF('Standard Profiles'!$G$19=$B$10,7,0)+IF('Standard Profiles'!$G$19=$B$17,14,0)+IF('Standard Profiles'!$G$19=$B$24,21,0),0)),0)</f>
        <v>2.3283276576179786</v>
      </c>
      <c r="F3460" cm="1">
        <f t="array" ref="F3460">IFERROR(INDEX(Jesper!AJ$2:AJ$366,ROUNDDOWN($C3460/24,0)+1,1)*INDEX($D$3:$AA$30,INDEX(Jesper!$R$2:$R$366,ROW(INDEX(Jesper!AJ$2:AJ$366,ROUNDDOWN($C3460/24,0)+1,1))-1)+IF('Standard Profiles'!$G$20=$B$10,7,0)+IF('Standard Profiles'!$G$20=$B$17,14,0)+IF('Standard Profiles'!$G$20=$B$24,21,0),MOD($C3460,24)+1)/SUM(INDEX($D$3:$AA$30,INDEX(Jesper!$R$2:$R$366,ROW(INDEX(Jesper!AJ$2:AJ$366,ROUNDDOWN($C3460/24,0)+1,1))-1)+IF('Standard Profiles'!$G$20=$B$10,7,0)+IF('Standard Profiles'!$G$20=$B$17,14,0)+IF('Standard Profiles'!$G$20=$B$24,21,0),0)),0)</f>
        <v>0</v>
      </c>
      <c r="G3460" cm="1">
        <f t="array" ref="G3460">IFERROR(INDEX(Jesper!AK$2:AK$366,ROUNDDOWN($C3460/24,0)+1,1)*INDEX($D$3:$AA$30,INDEX(Jesper!$R$2:$R$366,ROW(INDEX(Jesper!AK$2:AK$366,ROUNDDOWN($C3460/24,0)+1,1))-1)+IF('Standard Profiles'!$G$21=$B$10,7,0)+IF('Standard Profiles'!$G$21=$B$17,14,0)+IF('Standard Profiles'!$G$21=$B$24,21,0),MOD($C3460,24)+1)/SUM(INDEX($D$3:$AA$30,INDEX(Jesper!$R$2:$R$366,ROW(INDEX(Jesper!AK$2:AK$366,ROUNDDOWN($C3460/24,0)+1,1))-1)+IF('Standard Profiles'!$G$21=$B$10,7,0)+IF('Standard Profiles'!$G$21=$B$17,14,0)+IF('Standard Profiles'!$G$21=$B$24,21,0),0)),0)</f>
        <v>0.26891132515419247</v>
      </c>
      <c r="H3460" cm="1">
        <f t="array" ref="H3460">IFERROR(INDEX(Jesper!AL$2:AL$366,ROUNDDOWN($C3460/24,0)+1,1)*INDEX($D$3:$AA$30,INDEX(Jesper!$R$2:$R$366,ROW(INDEX(Jesper!AL$2:AL$366,ROUNDDOWN($C3460/24,0)+1,1))-1)+IF('Standard Profiles'!$G$22=$B$10,7,0)+IF('Standard Profiles'!$G$22=$B$17,14,0)+IF('Standard Profiles'!$G$22=$B$24,21,0),MOD($C3460,24)+1)/SUM(INDEX($D$3:$AA$30,INDEX(Jesper!$R$2:$R$366,ROW(INDEX(Jesper!AL$2:AL$366,ROUNDDOWN($C3460/24,0)+1,1))-1)+IF('Standard Profiles'!$G$22=$B$10,7,0)+IF('Standard Profiles'!$G$22=$B$17,14,0)+IF('Standard Profiles'!$G$22=$B$24,21,0),0)),0)</f>
        <v>0</v>
      </c>
      <c r="I3460">
        <f t="shared" si="391"/>
        <v>0.12907743607401231</v>
      </c>
      <c r="J3460">
        <f t="shared" si="392"/>
        <v>7.0156584403865194</v>
      </c>
      <c r="K3460">
        <f t="shared" si="393"/>
        <v>0.57745992300804572</v>
      </c>
      <c r="L3460">
        <f t="shared" si="394"/>
        <v>0.28872996150402286</v>
      </c>
      <c r="M3460">
        <f t="shared" si="395"/>
        <v>0</v>
      </c>
      <c r="N3460" s="45">
        <f t="shared" si="396"/>
        <v>45069.749999991691</v>
      </c>
    </row>
    <row r="3461" spans="2:14" x14ac:dyDescent="0.25">
      <c r="B3461">
        <f t="shared" si="390"/>
        <v>2</v>
      </c>
      <c r="C3461" s="16">
        <v>3427</v>
      </c>
      <c r="D3461" cm="1">
        <f t="array" ref="D3461">IFERROR(INDEX(Jesper!AH$2:AH$366,ROUNDDOWN($C3461/24,0)+1,1)*INDEX($D$3:$AA$30,INDEX(Jesper!$R$2:$R$366,ROW(INDEX(Jesper!AH$2:AH$366,ROUNDDOWN($C3461/24,0)+1,1))-1)+IF('Standard Profiles'!$G$18=$B$10,7,0)+IF('Standard Profiles'!$G$18=$B$17,14,0)+IF('Standard Profiles'!$G$18=$B$24,21,0),MOD($C3461,24)+1)/SUM(INDEX($D$3:$AA$30,INDEX(Jesper!$R$2:$R$366,ROW(INDEX(Jesper!AH$2:AH$366,ROUNDDOWN($C3461/24,0)+1,1))-1)+IF('Standard Profiles'!$G$18=$B$10,7,0)+IF('Standard Profiles'!$G$18=$B$17,14,0)+IF('Standard Profiles'!$G$18=$B$24,21,0),0)),0)</f>
        <v>5.4136867782004288</v>
      </c>
      <c r="E3461" cm="1">
        <f t="array" ref="E3461">IFERROR(INDEX(Jesper!AI$2:AI$366,ROUNDDOWN($C3461/24,0)+1,1)*INDEX($D$3:$AA$30,INDEX(Jesper!$R$2:$R$366,ROW(INDEX(Jesper!AI$2:AI$366,ROUNDDOWN($C3461/24,0)+1,1))-1)+IF('Standard Profiles'!$G$19=$B$10,7,0)+IF('Standard Profiles'!$G$19=$B$17,14,0)+IF('Standard Profiles'!$G$19=$B$24,21,0),MOD($C3461,24)+1)/SUM(INDEX($D$3:$AA$30,INDEX(Jesper!$R$2:$R$366,ROW(INDEX(Jesper!AI$2:AI$366,ROUNDDOWN($C3461/24,0)+1,1))-1)+IF('Standard Profiles'!$G$19=$B$10,7,0)+IF('Standard Profiles'!$G$19=$B$17,14,0)+IF('Standard Profiles'!$G$19=$B$24,21,0),0)),0)</f>
        <v>2.3283276576179786</v>
      </c>
      <c r="F3461" cm="1">
        <f t="array" ref="F3461">IFERROR(INDEX(Jesper!AJ$2:AJ$366,ROUNDDOWN($C3461/24,0)+1,1)*INDEX($D$3:$AA$30,INDEX(Jesper!$R$2:$R$366,ROW(INDEX(Jesper!AJ$2:AJ$366,ROUNDDOWN($C3461/24,0)+1,1))-1)+IF('Standard Profiles'!$G$20=$B$10,7,0)+IF('Standard Profiles'!$G$20=$B$17,14,0)+IF('Standard Profiles'!$G$20=$B$24,21,0),MOD($C3461,24)+1)/SUM(INDEX($D$3:$AA$30,INDEX(Jesper!$R$2:$R$366,ROW(INDEX(Jesper!AJ$2:AJ$366,ROUNDDOWN($C3461/24,0)+1,1))-1)+IF('Standard Profiles'!$G$20=$B$10,7,0)+IF('Standard Profiles'!$G$20=$B$17,14,0)+IF('Standard Profiles'!$G$20=$B$24,21,0),0)),0)</f>
        <v>0</v>
      </c>
      <c r="G3461" cm="1">
        <f t="array" ref="G3461">IFERROR(INDEX(Jesper!AK$2:AK$366,ROUNDDOWN($C3461/24,0)+1,1)*INDEX($D$3:$AA$30,INDEX(Jesper!$R$2:$R$366,ROW(INDEX(Jesper!AK$2:AK$366,ROUNDDOWN($C3461/24,0)+1,1))-1)+IF('Standard Profiles'!$G$21=$B$10,7,0)+IF('Standard Profiles'!$G$21=$B$17,14,0)+IF('Standard Profiles'!$G$21=$B$24,21,0),MOD($C3461,24)+1)/SUM(INDEX($D$3:$AA$30,INDEX(Jesper!$R$2:$R$366,ROW(INDEX(Jesper!AK$2:AK$366,ROUNDDOWN($C3461/24,0)+1,1))-1)+IF('Standard Profiles'!$G$21=$B$10,7,0)+IF('Standard Profiles'!$G$21=$B$17,14,0)+IF('Standard Profiles'!$G$21=$B$24,21,0),0)),0)</f>
        <v>0.26891132515419247</v>
      </c>
      <c r="H3461" cm="1">
        <f t="array" ref="H3461">IFERROR(INDEX(Jesper!AL$2:AL$366,ROUNDDOWN($C3461/24,0)+1,1)*INDEX($D$3:$AA$30,INDEX(Jesper!$R$2:$R$366,ROW(INDEX(Jesper!AL$2:AL$366,ROUNDDOWN($C3461/24,0)+1,1))-1)+IF('Standard Profiles'!$G$22=$B$10,7,0)+IF('Standard Profiles'!$G$22=$B$17,14,0)+IF('Standard Profiles'!$G$22=$B$24,21,0),MOD($C3461,24)+1)/SUM(INDEX($D$3:$AA$30,INDEX(Jesper!$R$2:$R$366,ROW(INDEX(Jesper!AL$2:AL$366,ROUNDDOWN($C3461/24,0)+1,1))-1)+IF('Standard Profiles'!$G$22=$B$10,7,0)+IF('Standard Profiles'!$G$22=$B$17,14,0)+IF('Standard Profiles'!$G$22=$B$24,21,0),0)),0)</f>
        <v>0</v>
      </c>
      <c r="I3461">
        <f t="shared" si="391"/>
        <v>0.12907743607401231</v>
      </c>
      <c r="J3461">
        <f t="shared" si="392"/>
        <v>7.0156584403865194</v>
      </c>
      <c r="K3461">
        <f t="shared" si="393"/>
        <v>0.57745992300804572</v>
      </c>
      <c r="L3461">
        <f t="shared" si="394"/>
        <v>0.28872996150402286</v>
      </c>
      <c r="M3461">
        <f t="shared" si="395"/>
        <v>0</v>
      </c>
      <c r="N3461" s="45">
        <f t="shared" si="396"/>
        <v>45069.791666658355</v>
      </c>
    </row>
    <row r="3462" spans="2:14" x14ac:dyDescent="0.25">
      <c r="B3462">
        <f t="shared" si="390"/>
        <v>2</v>
      </c>
      <c r="C3462" s="16">
        <v>3428</v>
      </c>
      <c r="D3462" cm="1">
        <f t="array" ref="D3462">IFERROR(INDEX(Jesper!AH$2:AH$366,ROUNDDOWN($C3462/24,0)+1,1)*INDEX($D$3:$AA$30,INDEX(Jesper!$R$2:$R$366,ROW(INDEX(Jesper!AH$2:AH$366,ROUNDDOWN($C3462/24,0)+1,1))-1)+IF('Standard Profiles'!$G$18=$B$10,7,0)+IF('Standard Profiles'!$G$18=$B$17,14,0)+IF('Standard Profiles'!$G$18=$B$24,21,0),MOD($C3462,24)+1)/SUM(INDEX($D$3:$AA$30,INDEX(Jesper!$R$2:$R$366,ROW(INDEX(Jesper!AH$2:AH$366,ROUNDDOWN($C3462/24,0)+1,1))-1)+IF('Standard Profiles'!$G$18=$B$10,7,0)+IF('Standard Profiles'!$G$18=$B$17,14,0)+IF('Standard Profiles'!$G$18=$B$24,21,0),0)),0)</f>
        <v>5.4136867782004288</v>
      </c>
      <c r="E3462" cm="1">
        <f t="array" ref="E3462">IFERROR(INDEX(Jesper!AI$2:AI$366,ROUNDDOWN($C3462/24,0)+1,1)*INDEX($D$3:$AA$30,INDEX(Jesper!$R$2:$R$366,ROW(INDEX(Jesper!AI$2:AI$366,ROUNDDOWN($C3462/24,0)+1,1))-1)+IF('Standard Profiles'!$G$19=$B$10,7,0)+IF('Standard Profiles'!$G$19=$B$17,14,0)+IF('Standard Profiles'!$G$19=$B$24,21,0),MOD($C3462,24)+1)/SUM(INDEX($D$3:$AA$30,INDEX(Jesper!$R$2:$R$366,ROW(INDEX(Jesper!AI$2:AI$366,ROUNDDOWN($C3462/24,0)+1,1))-1)+IF('Standard Profiles'!$G$19=$B$10,7,0)+IF('Standard Profiles'!$G$19=$B$17,14,0)+IF('Standard Profiles'!$G$19=$B$24,21,0),0)),0)</f>
        <v>2.3283276576179786</v>
      </c>
      <c r="F3462" cm="1">
        <f t="array" ref="F3462">IFERROR(INDEX(Jesper!AJ$2:AJ$366,ROUNDDOWN($C3462/24,0)+1,1)*INDEX($D$3:$AA$30,INDEX(Jesper!$R$2:$R$366,ROW(INDEX(Jesper!AJ$2:AJ$366,ROUNDDOWN($C3462/24,0)+1,1))-1)+IF('Standard Profiles'!$G$20=$B$10,7,0)+IF('Standard Profiles'!$G$20=$B$17,14,0)+IF('Standard Profiles'!$G$20=$B$24,21,0),MOD($C3462,24)+1)/SUM(INDEX($D$3:$AA$30,INDEX(Jesper!$R$2:$R$366,ROW(INDEX(Jesper!AJ$2:AJ$366,ROUNDDOWN($C3462/24,0)+1,1))-1)+IF('Standard Profiles'!$G$20=$B$10,7,0)+IF('Standard Profiles'!$G$20=$B$17,14,0)+IF('Standard Profiles'!$G$20=$B$24,21,0),0)),0)</f>
        <v>0</v>
      </c>
      <c r="G3462" cm="1">
        <f t="array" ref="G3462">IFERROR(INDEX(Jesper!AK$2:AK$366,ROUNDDOWN($C3462/24,0)+1,1)*INDEX($D$3:$AA$30,INDEX(Jesper!$R$2:$R$366,ROW(INDEX(Jesper!AK$2:AK$366,ROUNDDOWN($C3462/24,0)+1,1))-1)+IF('Standard Profiles'!$G$21=$B$10,7,0)+IF('Standard Profiles'!$G$21=$B$17,14,0)+IF('Standard Profiles'!$G$21=$B$24,21,0),MOD($C3462,24)+1)/SUM(INDEX($D$3:$AA$30,INDEX(Jesper!$R$2:$R$366,ROW(INDEX(Jesper!AK$2:AK$366,ROUNDDOWN($C3462/24,0)+1,1))-1)+IF('Standard Profiles'!$G$21=$B$10,7,0)+IF('Standard Profiles'!$G$21=$B$17,14,0)+IF('Standard Profiles'!$G$21=$B$24,21,0),0)),0)</f>
        <v>0.26891132515419247</v>
      </c>
      <c r="H3462" cm="1">
        <f t="array" ref="H3462">IFERROR(INDEX(Jesper!AL$2:AL$366,ROUNDDOWN($C3462/24,0)+1,1)*INDEX($D$3:$AA$30,INDEX(Jesper!$R$2:$R$366,ROW(INDEX(Jesper!AL$2:AL$366,ROUNDDOWN($C3462/24,0)+1,1))-1)+IF('Standard Profiles'!$G$22=$B$10,7,0)+IF('Standard Profiles'!$G$22=$B$17,14,0)+IF('Standard Profiles'!$G$22=$B$24,21,0),MOD($C3462,24)+1)/SUM(INDEX($D$3:$AA$30,INDEX(Jesper!$R$2:$R$366,ROW(INDEX(Jesper!AL$2:AL$366,ROUNDDOWN($C3462/24,0)+1,1))-1)+IF('Standard Profiles'!$G$22=$B$10,7,0)+IF('Standard Profiles'!$G$22=$B$17,14,0)+IF('Standard Profiles'!$G$22=$B$24,21,0),0)),0)</f>
        <v>0</v>
      </c>
      <c r="I3462">
        <f t="shared" si="391"/>
        <v>0.12907743607401231</v>
      </c>
      <c r="J3462">
        <f t="shared" si="392"/>
        <v>7.0156584403865194</v>
      </c>
      <c r="K3462">
        <f t="shared" si="393"/>
        <v>0.57745992300804572</v>
      </c>
      <c r="L3462">
        <f t="shared" si="394"/>
        <v>0.28872996150402286</v>
      </c>
      <c r="M3462">
        <f t="shared" si="395"/>
        <v>0</v>
      </c>
      <c r="N3462" s="45">
        <f t="shared" si="396"/>
        <v>45069.833333325019</v>
      </c>
    </row>
    <row r="3463" spans="2:14" x14ac:dyDescent="0.25">
      <c r="B3463">
        <f t="shared" si="390"/>
        <v>2</v>
      </c>
      <c r="C3463" s="16">
        <v>3429</v>
      </c>
      <c r="D3463" cm="1">
        <f t="array" ref="D3463">IFERROR(INDEX(Jesper!AH$2:AH$366,ROUNDDOWN($C3463/24,0)+1,1)*INDEX($D$3:$AA$30,INDEX(Jesper!$R$2:$R$366,ROW(INDEX(Jesper!AH$2:AH$366,ROUNDDOWN($C3463/24,0)+1,1))-1)+IF('Standard Profiles'!$G$18=$B$10,7,0)+IF('Standard Profiles'!$G$18=$B$17,14,0)+IF('Standard Profiles'!$G$18=$B$24,21,0),MOD($C3463,24)+1)/SUM(INDEX($D$3:$AA$30,INDEX(Jesper!$R$2:$R$366,ROW(INDEX(Jesper!AH$2:AH$366,ROUNDDOWN($C3463/24,0)+1,1))-1)+IF('Standard Profiles'!$G$18=$B$10,7,0)+IF('Standard Profiles'!$G$18=$B$17,14,0)+IF('Standard Profiles'!$G$18=$B$24,21,0),0)),0)</f>
        <v>5.4136867782004288</v>
      </c>
      <c r="E3463" cm="1">
        <f t="array" ref="E3463">IFERROR(INDEX(Jesper!AI$2:AI$366,ROUNDDOWN($C3463/24,0)+1,1)*INDEX($D$3:$AA$30,INDEX(Jesper!$R$2:$R$366,ROW(INDEX(Jesper!AI$2:AI$366,ROUNDDOWN($C3463/24,0)+1,1))-1)+IF('Standard Profiles'!$G$19=$B$10,7,0)+IF('Standard Profiles'!$G$19=$B$17,14,0)+IF('Standard Profiles'!$G$19=$B$24,21,0),MOD($C3463,24)+1)/SUM(INDEX($D$3:$AA$30,INDEX(Jesper!$R$2:$R$366,ROW(INDEX(Jesper!AI$2:AI$366,ROUNDDOWN($C3463/24,0)+1,1))-1)+IF('Standard Profiles'!$G$19=$B$10,7,0)+IF('Standard Profiles'!$G$19=$B$17,14,0)+IF('Standard Profiles'!$G$19=$B$24,21,0),0)),0)</f>
        <v>2.3283276576179786</v>
      </c>
      <c r="F3463" cm="1">
        <f t="array" ref="F3463">IFERROR(INDEX(Jesper!AJ$2:AJ$366,ROUNDDOWN($C3463/24,0)+1,1)*INDEX($D$3:$AA$30,INDEX(Jesper!$R$2:$R$366,ROW(INDEX(Jesper!AJ$2:AJ$366,ROUNDDOWN($C3463/24,0)+1,1))-1)+IF('Standard Profiles'!$G$20=$B$10,7,0)+IF('Standard Profiles'!$G$20=$B$17,14,0)+IF('Standard Profiles'!$G$20=$B$24,21,0),MOD($C3463,24)+1)/SUM(INDEX($D$3:$AA$30,INDEX(Jesper!$R$2:$R$366,ROW(INDEX(Jesper!AJ$2:AJ$366,ROUNDDOWN($C3463/24,0)+1,1))-1)+IF('Standard Profiles'!$G$20=$B$10,7,0)+IF('Standard Profiles'!$G$20=$B$17,14,0)+IF('Standard Profiles'!$G$20=$B$24,21,0),0)),0)</f>
        <v>0</v>
      </c>
      <c r="G3463" cm="1">
        <f t="array" ref="G3463">IFERROR(INDEX(Jesper!AK$2:AK$366,ROUNDDOWN($C3463/24,0)+1,1)*INDEX($D$3:$AA$30,INDEX(Jesper!$R$2:$R$366,ROW(INDEX(Jesper!AK$2:AK$366,ROUNDDOWN($C3463/24,0)+1,1))-1)+IF('Standard Profiles'!$G$21=$B$10,7,0)+IF('Standard Profiles'!$G$21=$B$17,14,0)+IF('Standard Profiles'!$G$21=$B$24,21,0),MOD($C3463,24)+1)/SUM(INDEX($D$3:$AA$30,INDEX(Jesper!$R$2:$R$366,ROW(INDEX(Jesper!AK$2:AK$366,ROUNDDOWN($C3463/24,0)+1,1))-1)+IF('Standard Profiles'!$G$21=$B$10,7,0)+IF('Standard Profiles'!$G$21=$B$17,14,0)+IF('Standard Profiles'!$G$21=$B$24,21,0),0)),0)</f>
        <v>0.26891132515419247</v>
      </c>
      <c r="H3463" cm="1">
        <f t="array" ref="H3463">IFERROR(INDEX(Jesper!AL$2:AL$366,ROUNDDOWN($C3463/24,0)+1,1)*INDEX($D$3:$AA$30,INDEX(Jesper!$R$2:$R$366,ROW(INDEX(Jesper!AL$2:AL$366,ROUNDDOWN($C3463/24,0)+1,1))-1)+IF('Standard Profiles'!$G$22=$B$10,7,0)+IF('Standard Profiles'!$G$22=$B$17,14,0)+IF('Standard Profiles'!$G$22=$B$24,21,0),MOD($C3463,24)+1)/SUM(INDEX($D$3:$AA$30,INDEX(Jesper!$R$2:$R$366,ROW(INDEX(Jesper!AL$2:AL$366,ROUNDDOWN($C3463/24,0)+1,1))-1)+IF('Standard Profiles'!$G$22=$B$10,7,0)+IF('Standard Profiles'!$G$22=$B$17,14,0)+IF('Standard Profiles'!$G$22=$B$24,21,0),0)),0)</f>
        <v>0</v>
      </c>
      <c r="I3463">
        <f t="shared" si="391"/>
        <v>0.12907743607401231</v>
      </c>
      <c r="J3463">
        <f t="shared" si="392"/>
        <v>7.0156584403865194</v>
      </c>
      <c r="K3463">
        <f t="shared" si="393"/>
        <v>0.57745992300804572</v>
      </c>
      <c r="L3463">
        <f t="shared" si="394"/>
        <v>0.28872996150402286</v>
      </c>
      <c r="M3463">
        <f t="shared" si="395"/>
        <v>0</v>
      </c>
      <c r="N3463" s="45">
        <f t="shared" si="396"/>
        <v>45069.874999991684</v>
      </c>
    </row>
    <row r="3464" spans="2:14" x14ac:dyDescent="0.25">
      <c r="B3464">
        <f t="shared" si="390"/>
        <v>2</v>
      </c>
      <c r="C3464" s="16">
        <v>3430</v>
      </c>
      <c r="D3464" cm="1">
        <f t="array" ref="D3464">IFERROR(INDEX(Jesper!AH$2:AH$366,ROUNDDOWN($C3464/24,0)+1,1)*INDEX($D$3:$AA$30,INDEX(Jesper!$R$2:$R$366,ROW(INDEX(Jesper!AH$2:AH$366,ROUNDDOWN($C3464/24,0)+1,1))-1)+IF('Standard Profiles'!$G$18=$B$10,7,0)+IF('Standard Profiles'!$G$18=$B$17,14,0)+IF('Standard Profiles'!$G$18=$B$24,21,0),MOD($C3464,24)+1)/SUM(INDEX($D$3:$AA$30,INDEX(Jesper!$R$2:$R$366,ROW(INDEX(Jesper!AH$2:AH$366,ROUNDDOWN($C3464/24,0)+1,1))-1)+IF('Standard Profiles'!$G$18=$B$10,7,0)+IF('Standard Profiles'!$G$18=$B$17,14,0)+IF('Standard Profiles'!$G$18=$B$24,21,0),0)),0)</f>
        <v>5.4136867782004288</v>
      </c>
      <c r="E3464" cm="1">
        <f t="array" ref="E3464">IFERROR(INDEX(Jesper!AI$2:AI$366,ROUNDDOWN($C3464/24,0)+1,1)*INDEX($D$3:$AA$30,INDEX(Jesper!$R$2:$R$366,ROW(INDEX(Jesper!AI$2:AI$366,ROUNDDOWN($C3464/24,0)+1,1))-1)+IF('Standard Profiles'!$G$19=$B$10,7,0)+IF('Standard Profiles'!$G$19=$B$17,14,0)+IF('Standard Profiles'!$G$19=$B$24,21,0),MOD($C3464,24)+1)/SUM(INDEX($D$3:$AA$30,INDEX(Jesper!$R$2:$R$366,ROW(INDEX(Jesper!AI$2:AI$366,ROUNDDOWN($C3464/24,0)+1,1))-1)+IF('Standard Profiles'!$G$19=$B$10,7,0)+IF('Standard Profiles'!$G$19=$B$17,14,0)+IF('Standard Profiles'!$G$19=$B$24,21,0),0)),0)</f>
        <v>2.3283276576179786</v>
      </c>
      <c r="F3464" cm="1">
        <f t="array" ref="F3464">IFERROR(INDEX(Jesper!AJ$2:AJ$366,ROUNDDOWN($C3464/24,0)+1,1)*INDEX($D$3:$AA$30,INDEX(Jesper!$R$2:$R$366,ROW(INDEX(Jesper!AJ$2:AJ$366,ROUNDDOWN($C3464/24,0)+1,1))-1)+IF('Standard Profiles'!$G$20=$B$10,7,0)+IF('Standard Profiles'!$G$20=$B$17,14,0)+IF('Standard Profiles'!$G$20=$B$24,21,0),MOD($C3464,24)+1)/SUM(INDEX($D$3:$AA$30,INDEX(Jesper!$R$2:$R$366,ROW(INDEX(Jesper!AJ$2:AJ$366,ROUNDDOWN($C3464/24,0)+1,1))-1)+IF('Standard Profiles'!$G$20=$B$10,7,0)+IF('Standard Profiles'!$G$20=$B$17,14,0)+IF('Standard Profiles'!$G$20=$B$24,21,0),0)),0)</f>
        <v>0</v>
      </c>
      <c r="G3464" cm="1">
        <f t="array" ref="G3464">IFERROR(INDEX(Jesper!AK$2:AK$366,ROUNDDOWN($C3464/24,0)+1,1)*INDEX($D$3:$AA$30,INDEX(Jesper!$R$2:$R$366,ROW(INDEX(Jesper!AK$2:AK$366,ROUNDDOWN($C3464/24,0)+1,1))-1)+IF('Standard Profiles'!$G$21=$B$10,7,0)+IF('Standard Profiles'!$G$21=$B$17,14,0)+IF('Standard Profiles'!$G$21=$B$24,21,0),MOD($C3464,24)+1)/SUM(INDEX($D$3:$AA$30,INDEX(Jesper!$R$2:$R$366,ROW(INDEX(Jesper!AK$2:AK$366,ROUNDDOWN($C3464/24,0)+1,1))-1)+IF('Standard Profiles'!$G$21=$B$10,7,0)+IF('Standard Profiles'!$G$21=$B$17,14,0)+IF('Standard Profiles'!$G$21=$B$24,21,0),0)),0)</f>
        <v>0.26891132515419247</v>
      </c>
      <c r="H3464" cm="1">
        <f t="array" ref="H3464">IFERROR(INDEX(Jesper!AL$2:AL$366,ROUNDDOWN($C3464/24,0)+1,1)*INDEX($D$3:$AA$30,INDEX(Jesper!$R$2:$R$366,ROW(INDEX(Jesper!AL$2:AL$366,ROUNDDOWN($C3464/24,0)+1,1))-1)+IF('Standard Profiles'!$G$22=$B$10,7,0)+IF('Standard Profiles'!$G$22=$B$17,14,0)+IF('Standard Profiles'!$G$22=$B$24,21,0),MOD($C3464,24)+1)/SUM(INDEX($D$3:$AA$30,INDEX(Jesper!$R$2:$R$366,ROW(INDEX(Jesper!AL$2:AL$366,ROUNDDOWN($C3464/24,0)+1,1))-1)+IF('Standard Profiles'!$G$22=$B$10,7,0)+IF('Standard Profiles'!$G$22=$B$17,14,0)+IF('Standard Profiles'!$G$22=$B$24,21,0),0)),0)</f>
        <v>0</v>
      </c>
      <c r="I3464">
        <f t="shared" si="391"/>
        <v>0.12907743607401231</v>
      </c>
      <c r="J3464">
        <f t="shared" si="392"/>
        <v>7.0156584403865194</v>
      </c>
      <c r="K3464">
        <f t="shared" si="393"/>
        <v>0.57745992300804572</v>
      </c>
      <c r="L3464">
        <f t="shared" si="394"/>
        <v>0.28872996150402286</v>
      </c>
      <c r="M3464">
        <f t="shared" si="395"/>
        <v>0</v>
      </c>
      <c r="N3464" s="45">
        <f t="shared" si="396"/>
        <v>45069.916666658348</v>
      </c>
    </row>
    <row r="3465" spans="2:14" x14ac:dyDescent="0.25">
      <c r="B3465">
        <f t="shared" si="390"/>
        <v>2</v>
      </c>
      <c r="C3465" s="16">
        <v>3431</v>
      </c>
      <c r="D3465" cm="1">
        <f t="array" ref="D3465">IFERROR(INDEX(Jesper!AH$2:AH$366,ROUNDDOWN($C3465/24,0)+1,1)*INDEX($D$3:$AA$30,INDEX(Jesper!$R$2:$R$366,ROW(INDEX(Jesper!AH$2:AH$366,ROUNDDOWN($C3465/24,0)+1,1))-1)+IF('Standard Profiles'!$G$18=$B$10,7,0)+IF('Standard Profiles'!$G$18=$B$17,14,0)+IF('Standard Profiles'!$G$18=$B$24,21,0),MOD($C3465,24)+1)/SUM(INDEX($D$3:$AA$30,INDEX(Jesper!$R$2:$R$366,ROW(INDEX(Jesper!AH$2:AH$366,ROUNDDOWN($C3465/24,0)+1,1))-1)+IF('Standard Profiles'!$G$18=$B$10,7,0)+IF('Standard Profiles'!$G$18=$B$17,14,0)+IF('Standard Profiles'!$G$18=$B$24,21,0),0)),0)</f>
        <v>5.4136867782004288</v>
      </c>
      <c r="E3465" cm="1">
        <f t="array" ref="E3465">IFERROR(INDEX(Jesper!AI$2:AI$366,ROUNDDOWN($C3465/24,0)+1,1)*INDEX($D$3:$AA$30,INDEX(Jesper!$R$2:$R$366,ROW(INDEX(Jesper!AI$2:AI$366,ROUNDDOWN($C3465/24,0)+1,1))-1)+IF('Standard Profiles'!$G$19=$B$10,7,0)+IF('Standard Profiles'!$G$19=$B$17,14,0)+IF('Standard Profiles'!$G$19=$B$24,21,0),MOD($C3465,24)+1)/SUM(INDEX($D$3:$AA$30,INDEX(Jesper!$R$2:$R$366,ROW(INDEX(Jesper!AI$2:AI$366,ROUNDDOWN($C3465/24,0)+1,1))-1)+IF('Standard Profiles'!$G$19=$B$10,7,0)+IF('Standard Profiles'!$G$19=$B$17,14,0)+IF('Standard Profiles'!$G$19=$B$24,21,0),0)),0)</f>
        <v>2.3283276576179786</v>
      </c>
      <c r="F3465" cm="1">
        <f t="array" ref="F3465">IFERROR(INDEX(Jesper!AJ$2:AJ$366,ROUNDDOWN($C3465/24,0)+1,1)*INDEX($D$3:$AA$30,INDEX(Jesper!$R$2:$R$366,ROW(INDEX(Jesper!AJ$2:AJ$366,ROUNDDOWN($C3465/24,0)+1,1))-1)+IF('Standard Profiles'!$G$20=$B$10,7,0)+IF('Standard Profiles'!$G$20=$B$17,14,0)+IF('Standard Profiles'!$G$20=$B$24,21,0),MOD($C3465,24)+1)/SUM(INDEX($D$3:$AA$30,INDEX(Jesper!$R$2:$R$366,ROW(INDEX(Jesper!AJ$2:AJ$366,ROUNDDOWN($C3465/24,0)+1,1))-1)+IF('Standard Profiles'!$G$20=$B$10,7,0)+IF('Standard Profiles'!$G$20=$B$17,14,0)+IF('Standard Profiles'!$G$20=$B$24,21,0),0)),0)</f>
        <v>0</v>
      </c>
      <c r="G3465" cm="1">
        <f t="array" ref="G3465">IFERROR(INDEX(Jesper!AK$2:AK$366,ROUNDDOWN($C3465/24,0)+1,1)*INDEX($D$3:$AA$30,INDEX(Jesper!$R$2:$R$366,ROW(INDEX(Jesper!AK$2:AK$366,ROUNDDOWN($C3465/24,0)+1,1))-1)+IF('Standard Profiles'!$G$21=$B$10,7,0)+IF('Standard Profiles'!$G$21=$B$17,14,0)+IF('Standard Profiles'!$G$21=$B$24,21,0),MOD($C3465,24)+1)/SUM(INDEX($D$3:$AA$30,INDEX(Jesper!$R$2:$R$366,ROW(INDEX(Jesper!AK$2:AK$366,ROUNDDOWN($C3465/24,0)+1,1))-1)+IF('Standard Profiles'!$G$21=$B$10,7,0)+IF('Standard Profiles'!$G$21=$B$17,14,0)+IF('Standard Profiles'!$G$21=$B$24,21,0),0)),0)</f>
        <v>0.26891132515419247</v>
      </c>
      <c r="H3465" cm="1">
        <f t="array" ref="H3465">IFERROR(INDEX(Jesper!AL$2:AL$366,ROUNDDOWN($C3465/24,0)+1,1)*INDEX($D$3:$AA$30,INDEX(Jesper!$R$2:$R$366,ROW(INDEX(Jesper!AL$2:AL$366,ROUNDDOWN($C3465/24,0)+1,1))-1)+IF('Standard Profiles'!$G$22=$B$10,7,0)+IF('Standard Profiles'!$G$22=$B$17,14,0)+IF('Standard Profiles'!$G$22=$B$24,21,0),MOD($C3465,24)+1)/SUM(INDEX($D$3:$AA$30,INDEX(Jesper!$R$2:$R$366,ROW(INDEX(Jesper!AL$2:AL$366,ROUNDDOWN($C3465/24,0)+1,1))-1)+IF('Standard Profiles'!$G$22=$B$10,7,0)+IF('Standard Profiles'!$G$22=$B$17,14,0)+IF('Standard Profiles'!$G$22=$B$24,21,0),0)),0)</f>
        <v>0</v>
      </c>
      <c r="I3465">
        <f t="shared" si="391"/>
        <v>0.12907743607401231</v>
      </c>
      <c r="J3465">
        <f t="shared" si="392"/>
        <v>7.0156584403865194</v>
      </c>
      <c r="K3465">
        <f t="shared" si="393"/>
        <v>0.57745992300804572</v>
      </c>
      <c r="L3465">
        <f t="shared" si="394"/>
        <v>0.28872996150402286</v>
      </c>
      <c r="M3465">
        <f t="shared" si="395"/>
        <v>0</v>
      </c>
      <c r="N3465" s="45">
        <f t="shared" si="396"/>
        <v>45069.958333325012</v>
      </c>
    </row>
    <row r="3466" spans="2:14" x14ac:dyDescent="0.25">
      <c r="B3466">
        <f t="shared" si="390"/>
        <v>3</v>
      </c>
      <c r="C3466" s="16">
        <v>3432</v>
      </c>
      <c r="D3466" cm="1">
        <f t="array" ref="D3466">IFERROR(INDEX(Jesper!AH$2:AH$366,ROUNDDOWN($C3466/24,0)+1,1)*INDEX($D$3:$AA$30,INDEX(Jesper!$R$2:$R$366,ROW(INDEX(Jesper!AH$2:AH$366,ROUNDDOWN($C3466/24,0)+1,1))-1)+IF('Standard Profiles'!$G$18=$B$10,7,0)+IF('Standard Profiles'!$G$18=$B$17,14,0)+IF('Standard Profiles'!$G$18=$B$24,21,0),MOD($C3466,24)+1)/SUM(INDEX($D$3:$AA$30,INDEX(Jesper!$R$2:$R$366,ROW(INDEX(Jesper!AH$2:AH$366,ROUNDDOWN($C3466/24,0)+1,1))-1)+IF('Standard Profiles'!$G$18=$B$10,7,0)+IF('Standard Profiles'!$G$18=$B$17,14,0)+IF('Standard Profiles'!$G$18=$B$24,21,0),0)),0)</f>
        <v>5.5151524794985836</v>
      </c>
      <c r="E3466" cm="1">
        <f t="array" ref="E3466">IFERROR(INDEX(Jesper!AI$2:AI$366,ROUNDDOWN($C3466/24,0)+1,1)*INDEX($D$3:$AA$30,INDEX(Jesper!$R$2:$R$366,ROW(INDEX(Jesper!AI$2:AI$366,ROUNDDOWN($C3466/24,0)+1,1))-1)+IF('Standard Profiles'!$G$19=$B$10,7,0)+IF('Standard Profiles'!$G$19=$B$17,14,0)+IF('Standard Profiles'!$G$19=$B$24,21,0),MOD($C3466,24)+1)/SUM(INDEX($D$3:$AA$30,INDEX(Jesper!$R$2:$R$366,ROW(INDEX(Jesper!AI$2:AI$366,ROUNDDOWN($C3466/24,0)+1,1))-1)+IF('Standard Profiles'!$G$19=$B$10,7,0)+IF('Standard Profiles'!$G$19=$B$17,14,0)+IF('Standard Profiles'!$G$19=$B$24,21,0),0)),0)</f>
        <v>2.5835017584853257</v>
      </c>
      <c r="F3466" cm="1">
        <f t="array" ref="F3466">IFERROR(INDEX(Jesper!AJ$2:AJ$366,ROUNDDOWN($C3466/24,0)+1,1)*INDEX($D$3:$AA$30,INDEX(Jesper!$R$2:$R$366,ROW(INDEX(Jesper!AJ$2:AJ$366,ROUNDDOWN($C3466/24,0)+1,1))-1)+IF('Standard Profiles'!$G$20=$B$10,7,0)+IF('Standard Profiles'!$G$20=$B$17,14,0)+IF('Standard Profiles'!$G$20=$B$24,21,0),MOD($C3466,24)+1)/SUM(INDEX($D$3:$AA$30,INDEX(Jesper!$R$2:$R$366,ROW(INDEX(Jesper!AJ$2:AJ$366,ROUNDDOWN($C3466/24,0)+1,1))-1)+IF('Standard Profiles'!$G$20=$B$10,7,0)+IF('Standard Profiles'!$G$20=$B$17,14,0)+IF('Standard Profiles'!$G$20=$B$24,21,0),0)),0)</f>
        <v>0</v>
      </c>
      <c r="G3466" cm="1">
        <f t="array" ref="G3466">IFERROR(INDEX(Jesper!AK$2:AK$366,ROUNDDOWN($C3466/24,0)+1,1)*INDEX($D$3:$AA$30,INDEX(Jesper!$R$2:$R$366,ROW(INDEX(Jesper!AK$2:AK$366,ROUNDDOWN($C3466/24,0)+1,1))-1)+IF('Standard Profiles'!$G$21=$B$10,7,0)+IF('Standard Profiles'!$G$21=$B$17,14,0)+IF('Standard Profiles'!$G$21=$B$24,21,0),MOD($C3466,24)+1)/SUM(INDEX($D$3:$AA$30,INDEX(Jesper!$R$2:$R$366,ROW(INDEX(Jesper!AK$2:AK$366,ROUNDDOWN($C3466/24,0)+1,1))-1)+IF('Standard Profiles'!$G$21=$B$10,7,0)+IF('Standard Profiles'!$G$21=$B$17,14,0)+IF('Standard Profiles'!$G$21=$B$24,21,0),0)),0)</f>
        <v>0.65801302892794966</v>
      </c>
      <c r="H3466" cm="1">
        <f t="array" ref="H3466">IFERROR(INDEX(Jesper!AL$2:AL$366,ROUNDDOWN($C3466/24,0)+1,1)*INDEX($D$3:$AA$30,INDEX(Jesper!$R$2:$R$366,ROW(INDEX(Jesper!AL$2:AL$366,ROUNDDOWN($C3466/24,0)+1,1))-1)+IF('Standard Profiles'!$G$22=$B$10,7,0)+IF('Standard Profiles'!$G$22=$B$17,14,0)+IF('Standard Profiles'!$G$22=$B$24,21,0),MOD($C3466,24)+1)/SUM(INDEX($D$3:$AA$30,INDEX(Jesper!$R$2:$R$366,ROW(INDEX(Jesper!AL$2:AL$366,ROUNDDOWN($C3466/24,0)+1,1))-1)+IF('Standard Profiles'!$G$22=$B$10,7,0)+IF('Standard Profiles'!$G$22=$B$17,14,0)+IF('Standard Profiles'!$G$22=$B$24,21,0),0)),0)</f>
        <v>0</v>
      </c>
      <c r="I3466">
        <f t="shared" si="391"/>
        <v>0.31584625388541571</v>
      </c>
      <c r="J3466">
        <f t="shared" si="392"/>
        <v>7.5583966163066698</v>
      </c>
      <c r="K3466">
        <f t="shared" si="393"/>
        <v>0.58828293114651564</v>
      </c>
      <c r="L3466">
        <f t="shared" si="394"/>
        <v>0.29414146557325782</v>
      </c>
      <c r="M3466">
        <f t="shared" si="395"/>
        <v>0</v>
      </c>
      <c r="N3466" s="45">
        <f t="shared" si="396"/>
        <v>45069.999999991676</v>
      </c>
    </row>
    <row r="3467" spans="2:14" x14ac:dyDescent="0.25">
      <c r="B3467">
        <f t="shared" si="390"/>
        <v>3</v>
      </c>
      <c r="C3467" s="16">
        <v>3433</v>
      </c>
      <c r="D3467" cm="1">
        <f t="array" ref="D3467">IFERROR(INDEX(Jesper!AH$2:AH$366,ROUNDDOWN($C3467/24,0)+1,1)*INDEX($D$3:$AA$30,INDEX(Jesper!$R$2:$R$366,ROW(INDEX(Jesper!AH$2:AH$366,ROUNDDOWN($C3467/24,0)+1,1))-1)+IF('Standard Profiles'!$G$18=$B$10,7,0)+IF('Standard Profiles'!$G$18=$B$17,14,0)+IF('Standard Profiles'!$G$18=$B$24,21,0),MOD($C3467,24)+1)/SUM(INDEX($D$3:$AA$30,INDEX(Jesper!$R$2:$R$366,ROW(INDEX(Jesper!AH$2:AH$366,ROUNDDOWN($C3467/24,0)+1,1))-1)+IF('Standard Profiles'!$G$18=$B$10,7,0)+IF('Standard Profiles'!$G$18=$B$17,14,0)+IF('Standard Profiles'!$G$18=$B$24,21,0),0)),0)</f>
        <v>5.5151524794985836</v>
      </c>
      <c r="E3467" cm="1">
        <f t="array" ref="E3467">IFERROR(INDEX(Jesper!AI$2:AI$366,ROUNDDOWN($C3467/24,0)+1,1)*INDEX($D$3:$AA$30,INDEX(Jesper!$R$2:$R$366,ROW(INDEX(Jesper!AI$2:AI$366,ROUNDDOWN($C3467/24,0)+1,1))-1)+IF('Standard Profiles'!$G$19=$B$10,7,0)+IF('Standard Profiles'!$G$19=$B$17,14,0)+IF('Standard Profiles'!$G$19=$B$24,21,0),MOD($C3467,24)+1)/SUM(INDEX($D$3:$AA$30,INDEX(Jesper!$R$2:$R$366,ROW(INDEX(Jesper!AI$2:AI$366,ROUNDDOWN($C3467/24,0)+1,1))-1)+IF('Standard Profiles'!$G$19=$B$10,7,0)+IF('Standard Profiles'!$G$19=$B$17,14,0)+IF('Standard Profiles'!$G$19=$B$24,21,0),0)),0)</f>
        <v>2.5835017584853257</v>
      </c>
      <c r="F3467" cm="1">
        <f t="array" ref="F3467">IFERROR(INDEX(Jesper!AJ$2:AJ$366,ROUNDDOWN($C3467/24,0)+1,1)*INDEX($D$3:$AA$30,INDEX(Jesper!$R$2:$R$366,ROW(INDEX(Jesper!AJ$2:AJ$366,ROUNDDOWN($C3467/24,0)+1,1))-1)+IF('Standard Profiles'!$G$20=$B$10,7,0)+IF('Standard Profiles'!$G$20=$B$17,14,0)+IF('Standard Profiles'!$G$20=$B$24,21,0),MOD($C3467,24)+1)/SUM(INDEX($D$3:$AA$30,INDEX(Jesper!$R$2:$R$366,ROW(INDEX(Jesper!AJ$2:AJ$366,ROUNDDOWN($C3467/24,0)+1,1))-1)+IF('Standard Profiles'!$G$20=$B$10,7,0)+IF('Standard Profiles'!$G$20=$B$17,14,0)+IF('Standard Profiles'!$G$20=$B$24,21,0),0)),0)</f>
        <v>0</v>
      </c>
      <c r="G3467" cm="1">
        <f t="array" ref="G3467">IFERROR(INDEX(Jesper!AK$2:AK$366,ROUNDDOWN($C3467/24,0)+1,1)*INDEX($D$3:$AA$30,INDEX(Jesper!$R$2:$R$366,ROW(INDEX(Jesper!AK$2:AK$366,ROUNDDOWN($C3467/24,0)+1,1))-1)+IF('Standard Profiles'!$G$21=$B$10,7,0)+IF('Standard Profiles'!$G$21=$B$17,14,0)+IF('Standard Profiles'!$G$21=$B$24,21,0),MOD($C3467,24)+1)/SUM(INDEX($D$3:$AA$30,INDEX(Jesper!$R$2:$R$366,ROW(INDEX(Jesper!AK$2:AK$366,ROUNDDOWN($C3467/24,0)+1,1))-1)+IF('Standard Profiles'!$G$21=$B$10,7,0)+IF('Standard Profiles'!$G$21=$B$17,14,0)+IF('Standard Profiles'!$G$21=$B$24,21,0),0)),0)</f>
        <v>0.65801302892794966</v>
      </c>
      <c r="H3467" cm="1">
        <f t="array" ref="H3467">IFERROR(INDEX(Jesper!AL$2:AL$366,ROUNDDOWN($C3467/24,0)+1,1)*INDEX($D$3:$AA$30,INDEX(Jesper!$R$2:$R$366,ROW(INDEX(Jesper!AL$2:AL$366,ROUNDDOWN($C3467/24,0)+1,1))-1)+IF('Standard Profiles'!$G$22=$B$10,7,0)+IF('Standard Profiles'!$G$22=$B$17,14,0)+IF('Standard Profiles'!$G$22=$B$24,21,0),MOD($C3467,24)+1)/SUM(INDEX($D$3:$AA$30,INDEX(Jesper!$R$2:$R$366,ROW(INDEX(Jesper!AL$2:AL$366,ROUNDDOWN($C3467/24,0)+1,1))-1)+IF('Standard Profiles'!$G$22=$B$10,7,0)+IF('Standard Profiles'!$G$22=$B$17,14,0)+IF('Standard Profiles'!$G$22=$B$24,21,0),0)),0)</f>
        <v>0</v>
      </c>
      <c r="I3467">
        <f t="shared" si="391"/>
        <v>0.31584625388541571</v>
      </c>
      <c r="J3467">
        <f t="shared" si="392"/>
        <v>7.5583966163066698</v>
      </c>
      <c r="K3467">
        <f t="shared" si="393"/>
        <v>0.58828293114651564</v>
      </c>
      <c r="L3467">
        <f t="shared" si="394"/>
        <v>0.29414146557325782</v>
      </c>
      <c r="M3467">
        <f t="shared" si="395"/>
        <v>0</v>
      </c>
      <c r="N3467" s="45">
        <f t="shared" si="396"/>
        <v>45070.041666658341</v>
      </c>
    </row>
    <row r="3468" spans="2:14" x14ac:dyDescent="0.25">
      <c r="B3468">
        <f t="shared" si="390"/>
        <v>3</v>
      </c>
      <c r="C3468" s="16">
        <v>3434</v>
      </c>
      <c r="D3468" cm="1">
        <f t="array" ref="D3468">IFERROR(INDEX(Jesper!AH$2:AH$366,ROUNDDOWN($C3468/24,0)+1,1)*INDEX($D$3:$AA$30,INDEX(Jesper!$R$2:$R$366,ROW(INDEX(Jesper!AH$2:AH$366,ROUNDDOWN($C3468/24,0)+1,1))-1)+IF('Standard Profiles'!$G$18=$B$10,7,0)+IF('Standard Profiles'!$G$18=$B$17,14,0)+IF('Standard Profiles'!$G$18=$B$24,21,0),MOD($C3468,24)+1)/SUM(INDEX($D$3:$AA$30,INDEX(Jesper!$R$2:$R$366,ROW(INDEX(Jesper!AH$2:AH$366,ROUNDDOWN($C3468/24,0)+1,1))-1)+IF('Standard Profiles'!$G$18=$B$10,7,0)+IF('Standard Profiles'!$G$18=$B$17,14,0)+IF('Standard Profiles'!$G$18=$B$24,21,0),0)),0)</f>
        <v>5.5151524794985836</v>
      </c>
      <c r="E3468" cm="1">
        <f t="array" ref="E3468">IFERROR(INDEX(Jesper!AI$2:AI$366,ROUNDDOWN($C3468/24,0)+1,1)*INDEX($D$3:$AA$30,INDEX(Jesper!$R$2:$R$366,ROW(INDEX(Jesper!AI$2:AI$366,ROUNDDOWN($C3468/24,0)+1,1))-1)+IF('Standard Profiles'!$G$19=$B$10,7,0)+IF('Standard Profiles'!$G$19=$B$17,14,0)+IF('Standard Profiles'!$G$19=$B$24,21,0),MOD($C3468,24)+1)/SUM(INDEX($D$3:$AA$30,INDEX(Jesper!$R$2:$R$366,ROW(INDEX(Jesper!AI$2:AI$366,ROUNDDOWN($C3468/24,0)+1,1))-1)+IF('Standard Profiles'!$G$19=$B$10,7,0)+IF('Standard Profiles'!$G$19=$B$17,14,0)+IF('Standard Profiles'!$G$19=$B$24,21,0),0)),0)</f>
        <v>2.5835017584853257</v>
      </c>
      <c r="F3468" cm="1">
        <f t="array" ref="F3468">IFERROR(INDEX(Jesper!AJ$2:AJ$366,ROUNDDOWN($C3468/24,0)+1,1)*INDEX($D$3:$AA$30,INDEX(Jesper!$R$2:$R$366,ROW(INDEX(Jesper!AJ$2:AJ$366,ROUNDDOWN($C3468/24,0)+1,1))-1)+IF('Standard Profiles'!$G$20=$B$10,7,0)+IF('Standard Profiles'!$G$20=$B$17,14,0)+IF('Standard Profiles'!$G$20=$B$24,21,0),MOD($C3468,24)+1)/SUM(INDEX($D$3:$AA$30,INDEX(Jesper!$R$2:$R$366,ROW(INDEX(Jesper!AJ$2:AJ$366,ROUNDDOWN($C3468/24,0)+1,1))-1)+IF('Standard Profiles'!$G$20=$B$10,7,0)+IF('Standard Profiles'!$G$20=$B$17,14,0)+IF('Standard Profiles'!$G$20=$B$24,21,0),0)),0)</f>
        <v>0</v>
      </c>
      <c r="G3468" cm="1">
        <f t="array" ref="G3468">IFERROR(INDEX(Jesper!AK$2:AK$366,ROUNDDOWN($C3468/24,0)+1,1)*INDEX($D$3:$AA$30,INDEX(Jesper!$R$2:$R$366,ROW(INDEX(Jesper!AK$2:AK$366,ROUNDDOWN($C3468/24,0)+1,1))-1)+IF('Standard Profiles'!$G$21=$B$10,7,0)+IF('Standard Profiles'!$G$21=$B$17,14,0)+IF('Standard Profiles'!$G$21=$B$24,21,0),MOD($C3468,24)+1)/SUM(INDEX($D$3:$AA$30,INDEX(Jesper!$R$2:$R$366,ROW(INDEX(Jesper!AK$2:AK$366,ROUNDDOWN($C3468/24,0)+1,1))-1)+IF('Standard Profiles'!$G$21=$B$10,7,0)+IF('Standard Profiles'!$G$21=$B$17,14,0)+IF('Standard Profiles'!$G$21=$B$24,21,0),0)),0)</f>
        <v>0.65801302892794966</v>
      </c>
      <c r="H3468" cm="1">
        <f t="array" ref="H3468">IFERROR(INDEX(Jesper!AL$2:AL$366,ROUNDDOWN($C3468/24,0)+1,1)*INDEX($D$3:$AA$30,INDEX(Jesper!$R$2:$R$366,ROW(INDEX(Jesper!AL$2:AL$366,ROUNDDOWN($C3468/24,0)+1,1))-1)+IF('Standard Profiles'!$G$22=$B$10,7,0)+IF('Standard Profiles'!$G$22=$B$17,14,0)+IF('Standard Profiles'!$G$22=$B$24,21,0),MOD($C3468,24)+1)/SUM(INDEX($D$3:$AA$30,INDEX(Jesper!$R$2:$R$366,ROW(INDEX(Jesper!AL$2:AL$366,ROUNDDOWN($C3468/24,0)+1,1))-1)+IF('Standard Profiles'!$G$22=$B$10,7,0)+IF('Standard Profiles'!$G$22=$B$17,14,0)+IF('Standard Profiles'!$G$22=$B$24,21,0),0)),0)</f>
        <v>0</v>
      </c>
      <c r="I3468">
        <f t="shared" si="391"/>
        <v>0.31584625388541571</v>
      </c>
      <c r="J3468">
        <f t="shared" si="392"/>
        <v>7.5583966163066698</v>
      </c>
      <c r="K3468">
        <f t="shared" si="393"/>
        <v>0.58828293114651564</v>
      </c>
      <c r="L3468">
        <f t="shared" si="394"/>
        <v>0.29414146557325782</v>
      </c>
      <c r="M3468">
        <f t="shared" si="395"/>
        <v>0</v>
      </c>
      <c r="N3468" s="45">
        <f t="shared" si="396"/>
        <v>45070.083333325005</v>
      </c>
    </row>
    <row r="3469" spans="2:14" x14ac:dyDescent="0.25">
      <c r="B3469">
        <f t="shared" si="390"/>
        <v>3</v>
      </c>
      <c r="C3469" s="16">
        <v>3435</v>
      </c>
      <c r="D3469" cm="1">
        <f t="array" ref="D3469">IFERROR(INDEX(Jesper!AH$2:AH$366,ROUNDDOWN($C3469/24,0)+1,1)*INDEX($D$3:$AA$30,INDEX(Jesper!$R$2:$R$366,ROW(INDEX(Jesper!AH$2:AH$366,ROUNDDOWN($C3469/24,0)+1,1))-1)+IF('Standard Profiles'!$G$18=$B$10,7,0)+IF('Standard Profiles'!$G$18=$B$17,14,0)+IF('Standard Profiles'!$G$18=$B$24,21,0),MOD($C3469,24)+1)/SUM(INDEX($D$3:$AA$30,INDEX(Jesper!$R$2:$R$366,ROW(INDEX(Jesper!AH$2:AH$366,ROUNDDOWN($C3469/24,0)+1,1))-1)+IF('Standard Profiles'!$G$18=$B$10,7,0)+IF('Standard Profiles'!$G$18=$B$17,14,0)+IF('Standard Profiles'!$G$18=$B$24,21,0),0)),0)</f>
        <v>5.5151524794985836</v>
      </c>
      <c r="E3469" cm="1">
        <f t="array" ref="E3469">IFERROR(INDEX(Jesper!AI$2:AI$366,ROUNDDOWN($C3469/24,0)+1,1)*INDEX($D$3:$AA$30,INDEX(Jesper!$R$2:$R$366,ROW(INDEX(Jesper!AI$2:AI$366,ROUNDDOWN($C3469/24,0)+1,1))-1)+IF('Standard Profiles'!$G$19=$B$10,7,0)+IF('Standard Profiles'!$G$19=$B$17,14,0)+IF('Standard Profiles'!$G$19=$B$24,21,0),MOD($C3469,24)+1)/SUM(INDEX($D$3:$AA$30,INDEX(Jesper!$R$2:$R$366,ROW(INDEX(Jesper!AI$2:AI$366,ROUNDDOWN($C3469/24,0)+1,1))-1)+IF('Standard Profiles'!$G$19=$B$10,7,0)+IF('Standard Profiles'!$G$19=$B$17,14,0)+IF('Standard Profiles'!$G$19=$B$24,21,0),0)),0)</f>
        <v>2.5835017584853257</v>
      </c>
      <c r="F3469" cm="1">
        <f t="array" ref="F3469">IFERROR(INDEX(Jesper!AJ$2:AJ$366,ROUNDDOWN($C3469/24,0)+1,1)*INDEX($D$3:$AA$30,INDEX(Jesper!$R$2:$R$366,ROW(INDEX(Jesper!AJ$2:AJ$366,ROUNDDOWN($C3469/24,0)+1,1))-1)+IF('Standard Profiles'!$G$20=$B$10,7,0)+IF('Standard Profiles'!$G$20=$B$17,14,0)+IF('Standard Profiles'!$G$20=$B$24,21,0),MOD($C3469,24)+1)/SUM(INDEX($D$3:$AA$30,INDEX(Jesper!$R$2:$R$366,ROW(INDEX(Jesper!AJ$2:AJ$366,ROUNDDOWN($C3469/24,0)+1,1))-1)+IF('Standard Profiles'!$G$20=$B$10,7,0)+IF('Standard Profiles'!$G$20=$B$17,14,0)+IF('Standard Profiles'!$G$20=$B$24,21,0),0)),0)</f>
        <v>0</v>
      </c>
      <c r="G3469" cm="1">
        <f t="array" ref="G3469">IFERROR(INDEX(Jesper!AK$2:AK$366,ROUNDDOWN($C3469/24,0)+1,1)*INDEX($D$3:$AA$30,INDEX(Jesper!$R$2:$R$366,ROW(INDEX(Jesper!AK$2:AK$366,ROUNDDOWN($C3469/24,0)+1,1))-1)+IF('Standard Profiles'!$G$21=$B$10,7,0)+IF('Standard Profiles'!$G$21=$B$17,14,0)+IF('Standard Profiles'!$G$21=$B$24,21,0),MOD($C3469,24)+1)/SUM(INDEX($D$3:$AA$30,INDEX(Jesper!$R$2:$R$366,ROW(INDEX(Jesper!AK$2:AK$366,ROUNDDOWN($C3469/24,0)+1,1))-1)+IF('Standard Profiles'!$G$21=$B$10,7,0)+IF('Standard Profiles'!$G$21=$B$17,14,0)+IF('Standard Profiles'!$G$21=$B$24,21,0),0)),0)</f>
        <v>0.65801302892794966</v>
      </c>
      <c r="H3469" cm="1">
        <f t="array" ref="H3469">IFERROR(INDEX(Jesper!AL$2:AL$366,ROUNDDOWN($C3469/24,0)+1,1)*INDEX($D$3:$AA$30,INDEX(Jesper!$R$2:$R$366,ROW(INDEX(Jesper!AL$2:AL$366,ROUNDDOWN($C3469/24,0)+1,1))-1)+IF('Standard Profiles'!$G$22=$B$10,7,0)+IF('Standard Profiles'!$G$22=$B$17,14,0)+IF('Standard Profiles'!$G$22=$B$24,21,0),MOD($C3469,24)+1)/SUM(INDEX($D$3:$AA$30,INDEX(Jesper!$R$2:$R$366,ROW(INDEX(Jesper!AL$2:AL$366,ROUNDDOWN($C3469/24,0)+1,1))-1)+IF('Standard Profiles'!$G$22=$B$10,7,0)+IF('Standard Profiles'!$G$22=$B$17,14,0)+IF('Standard Profiles'!$G$22=$B$24,21,0),0)),0)</f>
        <v>0</v>
      </c>
      <c r="I3469">
        <f t="shared" si="391"/>
        <v>0.31584625388541571</v>
      </c>
      <c r="J3469">
        <f t="shared" si="392"/>
        <v>7.5583966163066698</v>
      </c>
      <c r="K3469">
        <f t="shared" si="393"/>
        <v>0.58828293114651564</v>
      </c>
      <c r="L3469">
        <f t="shared" si="394"/>
        <v>0.29414146557325782</v>
      </c>
      <c r="M3469">
        <f t="shared" si="395"/>
        <v>0</v>
      </c>
      <c r="N3469" s="45">
        <f t="shared" si="396"/>
        <v>45070.124999991669</v>
      </c>
    </row>
    <row r="3470" spans="2:14" x14ac:dyDescent="0.25">
      <c r="B3470">
        <f t="shared" si="390"/>
        <v>3</v>
      </c>
      <c r="C3470" s="16">
        <v>3436</v>
      </c>
      <c r="D3470" cm="1">
        <f t="array" ref="D3470">IFERROR(INDEX(Jesper!AH$2:AH$366,ROUNDDOWN($C3470/24,0)+1,1)*INDEX($D$3:$AA$30,INDEX(Jesper!$R$2:$R$366,ROW(INDEX(Jesper!AH$2:AH$366,ROUNDDOWN($C3470/24,0)+1,1))-1)+IF('Standard Profiles'!$G$18=$B$10,7,0)+IF('Standard Profiles'!$G$18=$B$17,14,0)+IF('Standard Profiles'!$G$18=$B$24,21,0),MOD($C3470,24)+1)/SUM(INDEX($D$3:$AA$30,INDEX(Jesper!$R$2:$R$366,ROW(INDEX(Jesper!AH$2:AH$366,ROUNDDOWN($C3470/24,0)+1,1))-1)+IF('Standard Profiles'!$G$18=$B$10,7,0)+IF('Standard Profiles'!$G$18=$B$17,14,0)+IF('Standard Profiles'!$G$18=$B$24,21,0),0)),0)</f>
        <v>5.5151524794985836</v>
      </c>
      <c r="E3470" cm="1">
        <f t="array" ref="E3470">IFERROR(INDEX(Jesper!AI$2:AI$366,ROUNDDOWN($C3470/24,0)+1,1)*INDEX($D$3:$AA$30,INDEX(Jesper!$R$2:$R$366,ROW(INDEX(Jesper!AI$2:AI$366,ROUNDDOWN($C3470/24,0)+1,1))-1)+IF('Standard Profiles'!$G$19=$B$10,7,0)+IF('Standard Profiles'!$G$19=$B$17,14,0)+IF('Standard Profiles'!$G$19=$B$24,21,0),MOD($C3470,24)+1)/SUM(INDEX($D$3:$AA$30,INDEX(Jesper!$R$2:$R$366,ROW(INDEX(Jesper!AI$2:AI$366,ROUNDDOWN($C3470/24,0)+1,1))-1)+IF('Standard Profiles'!$G$19=$B$10,7,0)+IF('Standard Profiles'!$G$19=$B$17,14,0)+IF('Standard Profiles'!$G$19=$B$24,21,0),0)),0)</f>
        <v>2.5835017584853257</v>
      </c>
      <c r="F3470" cm="1">
        <f t="array" ref="F3470">IFERROR(INDEX(Jesper!AJ$2:AJ$366,ROUNDDOWN($C3470/24,0)+1,1)*INDEX($D$3:$AA$30,INDEX(Jesper!$R$2:$R$366,ROW(INDEX(Jesper!AJ$2:AJ$366,ROUNDDOWN($C3470/24,0)+1,1))-1)+IF('Standard Profiles'!$G$20=$B$10,7,0)+IF('Standard Profiles'!$G$20=$B$17,14,0)+IF('Standard Profiles'!$G$20=$B$24,21,0),MOD($C3470,24)+1)/SUM(INDEX($D$3:$AA$30,INDEX(Jesper!$R$2:$R$366,ROW(INDEX(Jesper!AJ$2:AJ$366,ROUNDDOWN($C3470/24,0)+1,1))-1)+IF('Standard Profiles'!$G$20=$B$10,7,0)+IF('Standard Profiles'!$G$20=$B$17,14,0)+IF('Standard Profiles'!$G$20=$B$24,21,0),0)),0)</f>
        <v>0</v>
      </c>
      <c r="G3470" cm="1">
        <f t="array" ref="G3470">IFERROR(INDEX(Jesper!AK$2:AK$366,ROUNDDOWN($C3470/24,0)+1,1)*INDEX($D$3:$AA$30,INDEX(Jesper!$R$2:$R$366,ROW(INDEX(Jesper!AK$2:AK$366,ROUNDDOWN($C3470/24,0)+1,1))-1)+IF('Standard Profiles'!$G$21=$B$10,7,0)+IF('Standard Profiles'!$G$21=$B$17,14,0)+IF('Standard Profiles'!$G$21=$B$24,21,0),MOD($C3470,24)+1)/SUM(INDEX($D$3:$AA$30,INDEX(Jesper!$R$2:$R$366,ROW(INDEX(Jesper!AK$2:AK$366,ROUNDDOWN($C3470/24,0)+1,1))-1)+IF('Standard Profiles'!$G$21=$B$10,7,0)+IF('Standard Profiles'!$G$21=$B$17,14,0)+IF('Standard Profiles'!$G$21=$B$24,21,0),0)),0)</f>
        <v>0.65801302892794966</v>
      </c>
      <c r="H3470" cm="1">
        <f t="array" ref="H3470">IFERROR(INDEX(Jesper!AL$2:AL$366,ROUNDDOWN($C3470/24,0)+1,1)*INDEX($D$3:$AA$30,INDEX(Jesper!$R$2:$R$366,ROW(INDEX(Jesper!AL$2:AL$366,ROUNDDOWN($C3470/24,0)+1,1))-1)+IF('Standard Profiles'!$G$22=$B$10,7,0)+IF('Standard Profiles'!$G$22=$B$17,14,0)+IF('Standard Profiles'!$G$22=$B$24,21,0),MOD($C3470,24)+1)/SUM(INDEX($D$3:$AA$30,INDEX(Jesper!$R$2:$R$366,ROW(INDEX(Jesper!AL$2:AL$366,ROUNDDOWN($C3470/24,0)+1,1))-1)+IF('Standard Profiles'!$G$22=$B$10,7,0)+IF('Standard Profiles'!$G$22=$B$17,14,0)+IF('Standard Profiles'!$G$22=$B$24,21,0),0)),0)</f>
        <v>0</v>
      </c>
      <c r="I3470">
        <f t="shared" si="391"/>
        <v>0.31584625388541571</v>
      </c>
      <c r="J3470">
        <f t="shared" si="392"/>
        <v>7.5583966163066698</v>
      </c>
      <c r="K3470">
        <f t="shared" si="393"/>
        <v>0.58828293114651564</v>
      </c>
      <c r="L3470">
        <f t="shared" si="394"/>
        <v>0.29414146557325782</v>
      </c>
      <c r="M3470">
        <f t="shared" si="395"/>
        <v>0</v>
      </c>
      <c r="N3470" s="45">
        <f t="shared" si="396"/>
        <v>45070.166666658333</v>
      </c>
    </row>
    <row r="3471" spans="2:14" x14ac:dyDescent="0.25">
      <c r="B3471">
        <f t="shared" si="390"/>
        <v>3</v>
      </c>
      <c r="C3471" s="16">
        <v>3437</v>
      </c>
      <c r="D3471" cm="1">
        <f t="array" ref="D3471">IFERROR(INDEX(Jesper!AH$2:AH$366,ROUNDDOWN($C3471/24,0)+1,1)*INDEX($D$3:$AA$30,INDEX(Jesper!$R$2:$R$366,ROW(INDEX(Jesper!AH$2:AH$366,ROUNDDOWN($C3471/24,0)+1,1))-1)+IF('Standard Profiles'!$G$18=$B$10,7,0)+IF('Standard Profiles'!$G$18=$B$17,14,0)+IF('Standard Profiles'!$G$18=$B$24,21,0),MOD($C3471,24)+1)/SUM(INDEX($D$3:$AA$30,INDEX(Jesper!$R$2:$R$366,ROW(INDEX(Jesper!AH$2:AH$366,ROUNDDOWN($C3471/24,0)+1,1))-1)+IF('Standard Profiles'!$G$18=$B$10,7,0)+IF('Standard Profiles'!$G$18=$B$17,14,0)+IF('Standard Profiles'!$G$18=$B$24,21,0),0)),0)</f>
        <v>5.5151524794985836</v>
      </c>
      <c r="E3471" cm="1">
        <f t="array" ref="E3471">IFERROR(INDEX(Jesper!AI$2:AI$366,ROUNDDOWN($C3471/24,0)+1,1)*INDEX($D$3:$AA$30,INDEX(Jesper!$R$2:$R$366,ROW(INDEX(Jesper!AI$2:AI$366,ROUNDDOWN($C3471/24,0)+1,1))-1)+IF('Standard Profiles'!$G$19=$B$10,7,0)+IF('Standard Profiles'!$G$19=$B$17,14,0)+IF('Standard Profiles'!$G$19=$B$24,21,0),MOD($C3471,24)+1)/SUM(INDEX($D$3:$AA$30,INDEX(Jesper!$R$2:$R$366,ROW(INDEX(Jesper!AI$2:AI$366,ROUNDDOWN($C3471/24,0)+1,1))-1)+IF('Standard Profiles'!$G$19=$B$10,7,0)+IF('Standard Profiles'!$G$19=$B$17,14,0)+IF('Standard Profiles'!$G$19=$B$24,21,0),0)),0)</f>
        <v>2.5835017584853257</v>
      </c>
      <c r="F3471" cm="1">
        <f t="array" ref="F3471">IFERROR(INDEX(Jesper!AJ$2:AJ$366,ROUNDDOWN($C3471/24,0)+1,1)*INDEX($D$3:$AA$30,INDEX(Jesper!$R$2:$R$366,ROW(INDEX(Jesper!AJ$2:AJ$366,ROUNDDOWN($C3471/24,0)+1,1))-1)+IF('Standard Profiles'!$G$20=$B$10,7,0)+IF('Standard Profiles'!$G$20=$B$17,14,0)+IF('Standard Profiles'!$G$20=$B$24,21,0),MOD($C3471,24)+1)/SUM(INDEX($D$3:$AA$30,INDEX(Jesper!$R$2:$R$366,ROW(INDEX(Jesper!AJ$2:AJ$366,ROUNDDOWN($C3471/24,0)+1,1))-1)+IF('Standard Profiles'!$G$20=$B$10,7,0)+IF('Standard Profiles'!$G$20=$B$17,14,0)+IF('Standard Profiles'!$G$20=$B$24,21,0),0)),0)</f>
        <v>0</v>
      </c>
      <c r="G3471" cm="1">
        <f t="array" ref="G3471">IFERROR(INDEX(Jesper!AK$2:AK$366,ROUNDDOWN($C3471/24,0)+1,1)*INDEX($D$3:$AA$30,INDEX(Jesper!$R$2:$R$366,ROW(INDEX(Jesper!AK$2:AK$366,ROUNDDOWN($C3471/24,0)+1,1))-1)+IF('Standard Profiles'!$G$21=$B$10,7,0)+IF('Standard Profiles'!$G$21=$B$17,14,0)+IF('Standard Profiles'!$G$21=$B$24,21,0),MOD($C3471,24)+1)/SUM(INDEX($D$3:$AA$30,INDEX(Jesper!$R$2:$R$366,ROW(INDEX(Jesper!AK$2:AK$366,ROUNDDOWN($C3471/24,0)+1,1))-1)+IF('Standard Profiles'!$G$21=$B$10,7,0)+IF('Standard Profiles'!$G$21=$B$17,14,0)+IF('Standard Profiles'!$G$21=$B$24,21,0),0)),0)</f>
        <v>0.65801302892794966</v>
      </c>
      <c r="H3471" cm="1">
        <f t="array" ref="H3471">IFERROR(INDEX(Jesper!AL$2:AL$366,ROUNDDOWN($C3471/24,0)+1,1)*INDEX($D$3:$AA$30,INDEX(Jesper!$R$2:$R$366,ROW(INDEX(Jesper!AL$2:AL$366,ROUNDDOWN($C3471/24,0)+1,1))-1)+IF('Standard Profiles'!$G$22=$B$10,7,0)+IF('Standard Profiles'!$G$22=$B$17,14,0)+IF('Standard Profiles'!$G$22=$B$24,21,0),MOD($C3471,24)+1)/SUM(INDEX($D$3:$AA$30,INDEX(Jesper!$R$2:$R$366,ROW(INDEX(Jesper!AL$2:AL$366,ROUNDDOWN($C3471/24,0)+1,1))-1)+IF('Standard Profiles'!$G$22=$B$10,7,0)+IF('Standard Profiles'!$G$22=$B$17,14,0)+IF('Standard Profiles'!$G$22=$B$24,21,0),0)),0)</f>
        <v>0</v>
      </c>
      <c r="I3471">
        <f t="shared" si="391"/>
        <v>0.31584625388541571</v>
      </c>
      <c r="J3471">
        <f t="shared" si="392"/>
        <v>7.5583966163066698</v>
      </c>
      <c r="K3471">
        <f t="shared" si="393"/>
        <v>0.58828293114651564</v>
      </c>
      <c r="L3471">
        <f t="shared" si="394"/>
        <v>0.29414146557325782</v>
      </c>
      <c r="M3471">
        <f t="shared" si="395"/>
        <v>0</v>
      </c>
      <c r="N3471" s="45">
        <f t="shared" si="396"/>
        <v>45070.208333324998</v>
      </c>
    </row>
    <row r="3472" spans="2:14" x14ac:dyDescent="0.25">
      <c r="B3472">
        <f t="shared" si="390"/>
        <v>3</v>
      </c>
      <c r="C3472" s="16">
        <v>3438</v>
      </c>
      <c r="D3472" cm="1">
        <f t="array" ref="D3472">IFERROR(INDEX(Jesper!AH$2:AH$366,ROUNDDOWN($C3472/24,0)+1,1)*INDEX($D$3:$AA$30,INDEX(Jesper!$R$2:$R$366,ROW(INDEX(Jesper!AH$2:AH$366,ROUNDDOWN($C3472/24,0)+1,1))-1)+IF('Standard Profiles'!$G$18=$B$10,7,0)+IF('Standard Profiles'!$G$18=$B$17,14,0)+IF('Standard Profiles'!$G$18=$B$24,21,0),MOD($C3472,24)+1)/SUM(INDEX($D$3:$AA$30,INDEX(Jesper!$R$2:$R$366,ROW(INDEX(Jesper!AH$2:AH$366,ROUNDDOWN($C3472/24,0)+1,1))-1)+IF('Standard Profiles'!$G$18=$B$10,7,0)+IF('Standard Profiles'!$G$18=$B$17,14,0)+IF('Standard Profiles'!$G$18=$B$24,21,0),0)),0)</f>
        <v>5.5151524794985836</v>
      </c>
      <c r="E3472" cm="1">
        <f t="array" ref="E3472">IFERROR(INDEX(Jesper!AI$2:AI$366,ROUNDDOWN($C3472/24,0)+1,1)*INDEX($D$3:$AA$30,INDEX(Jesper!$R$2:$R$366,ROW(INDEX(Jesper!AI$2:AI$366,ROUNDDOWN($C3472/24,0)+1,1))-1)+IF('Standard Profiles'!$G$19=$B$10,7,0)+IF('Standard Profiles'!$G$19=$B$17,14,0)+IF('Standard Profiles'!$G$19=$B$24,21,0),MOD($C3472,24)+1)/SUM(INDEX($D$3:$AA$30,INDEX(Jesper!$R$2:$R$366,ROW(INDEX(Jesper!AI$2:AI$366,ROUNDDOWN($C3472/24,0)+1,1))-1)+IF('Standard Profiles'!$G$19=$B$10,7,0)+IF('Standard Profiles'!$G$19=$B$17,14,0)+IF('Standard Profiles'!$G$19=$B$24,21,0),0)),0)</f>
        <v>2.5835017584853257</v>
      </c>
      <c r="F3472" cm="1">
        <f t="array" ref="F3472">IFERROR(INDEX(Jesper!AJ$2:AJ$366,ROUNDDOWN($C3472/24,0)+1,1)*INDEX($D$3:$AA$30,INDEX(Jesper!$R$2:$R$366,ROW(INDEX(Jesper!AJ$2:AJ$366,ROUNDDOWN($C3472/24,0)+1,1))-1)+IF('Standard Profiles'!$G$20=$B$10,7,0)+IF('Standard Profiles'!$G$20=$B$17,14,0)+IF('Standard Profiles'!$G$20=$B$24,21,0),MOD($C3472,24)+1)/SUM(INDEX($D$3:$AA$30,INDEX(Jesper!$R$2:$R$366,ROW(INDEX(Jesper!AJ$2:AJ$366,ROUNDDOWN($C3472/24,0)+1,1))-1)+IF('Standard Profiles'!$G$20=$B$10,7,0)+IF('Standard Profiles'!$G$20=$B$17,14,0)+IF('Standard Profiles'!$G$20=$B$24,21,0),0)),0)</f>
        <v>0</v>
      </c>
      <c r="G3472" cm="1">
        <f t="array" ref="G3472">IFERROR(INDEX(Jesper!AK$2:AK$366,ROUNDDOWN($C3472/24,0)+1,1)*INDEX($D$3:$AA$30,INDEX(Jesper!$R$2:$R$366,ROW(INDEX(Jesper!AK$2:AK$366,ROUNDDOWN($C3472/24,0)+1,1))-1)+IF('Standard Profiles'!$G$21=$B$10,7,0)+IF('Standard Profiles'!$G$21=$B$17,14,0)+IF('Standard Profiles'!$G$21=$B$24,21,0),MOD($C3472,24)+1)/SUM(INDEX($D$3:$AA$30,INDEX(Jesper!$R$2:$R$366,ROW(INDEX(Jesper!AK$2:AK$366,ROUNDDOWN($C3472/24,0)+1,1))-1)+IF('Standard Profiles'!$G$21=$B$10,7,0)+IF('Standard Profiles'!$G$21=$B$17,14,0)+IF('Standard Profiles'!$G$21=$B$24,21,0),0)),0)</f>
        <v>0.65801302892794966</v>
      </c>
      <c r="H3472" cm="1">
        <f t="array" ref="H3472">IFERROR(INDEX(Jesper!AL$2:AL$366,ROUNDDOWN($C3472/24,0)+1,1)*INDEX($D$3:$AA$30,INDEX(Jesper!$R$2:$R$366,ROW(INDEX(Jesper!AL$2:AL$366,ROUNDDOWN($C3472/24,0)+1,1))-1)+IF('Standard Profiles'!$G$22=$B$10,7,0)+IF('Standard Profiles'!$G$22=$B$17,14,0)+IF('Standard Profiles'!$G$22=$B$24,21,0),MOD($C3472,24)+1)/SUM(INDEX($D$3:$AA$30,INDEX(Jesper!$R$2:$R$366,ROW(INDEX(Jesper!AL$2:AL$366,ROUNDDOWN($C3472/24,0)+1,1))-1)+IF('Standard Profiles'!$G$22=$B$10,7,0)+IF('Standard Profiles'!$G$22=$B$17,14,0)+IF('Standard Profiles'!$G$22=$B$24,21,0),0)),0)</f>
        <v>0</v>
      </c>
      <c r="I3472">
        <f t="shared" si="391"/>
        <v>0.31584625388541571</v>
      </c>
      <c r="J3472">
        <f t="shared" si="392"/>
        <v>7.5583966163066698</v>
      </c>
      <c r="K3472">
        <f t="shared" si="393"/>
        <v>0.58828293114651564</v>
      </c>
      <c r="L3472">
        <f t="shared" si="394"/>
        <v>0.29414146557325782</v>
      </c>
      <c r="M3472">
        <f t="shared" si="395"/>
        <v>0</v>
      </c>
      <c r="N3472" s="45">
        <f t="shared" si="396"/>
        <v>45070.249999991662</v>
      </c>
    </row>
    <row r="3473" spans="2:14" x14ac:dyDescent="0.25">
      <c r="B3473">
        <f t="shared" si="390"/>
        <v>3</v>
      </c>
      <c r="C3473" s="16">
        <v>3439</v>
      </c>
      <c r="D3473" cm="1">
        <f t="array" ref="D3473">IFERROR(INDEX(Jesper!AH$2:AH$366,ROUNDDOWN($C3473/24,0)+1,1)*INDEX($D$3:$AA$30,INDEX(Jesper!$R$2:$R$366,ROW(INDEX(Jesper!AH$2:AH$366,ROUNDDOWN($C3473/24,0)+1,1))-1)+IF('Standard Profiles'!$G$18=$B$10,7,0)+IF('Standard Profiles'!$G$18=$B$17,14,0)+IF('Standard Profiles'!$G$18=$B$24,21,0),MOD($C3473,24)+1)/SUM(INDEX($D$3:$AA$30,INDEX(Jesper!$R$2:$R$366,ROW(INDEX(Jesper!AH$2:AH$366,ROUNDDOWN($C3473/24,0)+1,1))-1)+IF('Standard Profiles'!$G$18=$B$10,7,0)+IF('Standard Profiles'!$G$18=$B$17,14,0)+IF('Standard Profiles'!$G$18=$B$24,21,0),0)),0)</f>
        <v>22.545274832859359</v>
      </c>
      <c r="E3473" cm="1">
        <f t="array" ref="E3473">IFERROR(INDEX(Jesper!AI$2:AI$366,ROUNDDOWN($C3473/24,0)+1,1)*INDEX($D$3:$AA$30,INDEX(Jesper!$R$2:$R$366,ROW(INDEX(Jesper!AI$2:AI$366,ROUNDDOWN($C3473/24,0)+1,1))-1)+IF('Standard Profiles'!$G$19=$B$10,7,0)+IF('Standard Profiles'!$G$19=$B$17,14,0)+IF('Standard Profiles'!$G$19=$B$24,21,0),MOD($C3473,24)+1)/SUM(INDEX($D$3:$AA$30,INDEX(Jesper!$R$2:$R$366,ROW(INDEX(Jesper!AI$2:AI$366,ROUNDDOWN($C3473/24,0)+1,1))-1)+IF('Standard Profiles'!$G$19=$B$10,7,0)+IF('Standard Profiles'!$G$19=$B$17,14,0)+IF('Standard Profiles'!$G$19=$B$24,21,0),0)),0)</f>
        <v>10.56104203695971</v>
      </c>
      <c r="F3473" cm="1">
        <f t="array" ref="F3473">IFERROR(INDEX(Jesper!AJ$2:AJ$366,ROUNDDOWN($C3473/24,0)+1,1)*INDEX($D$3:$AA$30,INDEX(Jesper!$R$2:$R$366,ROW(INDEX(Jesper!AJ$2:AJ$366,ROUNDDOWN($C3473/24,0)+1,1))-1)+IF('Standard Profiles'!$G$20=$B$10,7,0)+IF('Standard Profiles'!$G$20=$B$17,14,0)+IF('Standard Profiles'!$G$20=$B$24,21,0),MOD($C3473,24)+1)/SUM(INDEX($D$3:$AA$30,INDEX(Jesper!$R$2:$R$366,ROW(INDEX(Jesper!AJ$2:AJ$366,ROUNDDOWN($C3473/24,0)+1,1))-1)+IF('Standard Profiles'!$G$20=$B$10,7,0)+IF('Standard Profiles'!$G$20=$B$17,14,0)+IF('Standard Profiles'!$G$20=$B$24,21,0),0)),0)</f>
        <v>0</v>
      </c>
      <c r="G3473" cm="1">
        <f t="array" ref="G3473">IFERROR(INDEX(Jesper!AK$2:AK$366,ROUNDDOWN($C3473/24,0)+1,1)*INDEX($D$3:$AA$30,INDEX(Jesper!$R$2:$R$366,ROW(INDEX(Jesper!AK$2:AK$366,ROUNDDOWN($C3473/24,0)+1,1))-1)+IF('Standard Profiles'!$G$21=$B$10,7,0)+IF('Standard Profiles'!$G$21=$B$17,14,0)+IF('Standard Profiles'!$G$21=$B$24,21,0),MOD($C3473,24)+1)/SUM(INDEX($D$3:$AA$30,INDEX(Jesper!$R$2:$R$366,ROW(INDEX(Jesper!AK$2:AK$366,ROUNDDOWN($C3473/24,0)+1,1))-1)+IF('Standard Profiles'!$G$21=$B$10,7,0)+IF('Standard Profiles'!$G$21=$B$17,14,0)+IF('Standard Profiles'!$G$21=$B$24,21,0),0)),0)</f>
        <v>1.8128258946965012</v>
      </c>
      <c r="H3473" cm="1">
        <f t="array" ref="H3473">IFERROR(INDEX(Jesper!AL$2:AL$366,ROUNDDOWN($C3473/24,0)+1,1)*INDEX($D$3:$AA$30,INDEX(Jesper!$R$2:$R$366,ROW(INDEX(Jesper!AL$2:AL$366,ROUNDDOWN($C3473/24,0)+1,1))-1)+IF('Standard Profiles'!$G$22=$B$10,7,0)+IF('Standard Profiles'!$G$22=$B$17,14,0)+IF('Standard Profiles'!$G$22=$B$24,21,0),MOD($C3473,24)+1)/SUM(INDEX($D$3:$AA$30,INDEX(Jesper!$R$2:$R$366,ROW(INDEX(Jesper!AL$2:AL$366,ROUNDDOWN($C3473/24,0)+1,1))-1)+IF('Standard Profiles'!$G$22=$B$10,7,0)+IF('Standard Profiles'!$G$22=$B$17,14,0)+IF('Standard Profiles'!$G$22=$B$24,21,0),0)),0)</f>
        <v>0</v>
      </c>
      <c r="I3473">
        <f t="shared" si="391"/>
        <v>0.87015642945432015</v>
      </c>
      <c r="J3473">
        <f t="shared" si="392"/>
        <v>30.441742361803751</v>
      </c>
      <c r="K3473">
        <f t="shared" si="393"/>
        <v>2.4048293155049985</v>
      </c>
      <c r="L3473">
        <f t="shared" si="394"/>
        <v>1.2024146577524992</v>
      </c>
      <c r="M3473">
        <f t="shared" si="395"/>
        <v>0</v>
      </c>
      <c r="N3473" s="45">
        <f t="shared" si="396"/>
        <v>45070.291666658326</v>
      </c>
    </row>
    <row r="3474" spans="2:14" x14ac:dyDescent="0.25">
      <c r="B3474">
        <f t="shared" si="390"/>
        <v>3</v>
      </c>
      <c r="C3474" s="16">
        <v>3440</v>
      </c>
      <c r="D3474" cm="1">
        <f t="array" ref="D3474">IFERROR(INDEX(Jesper!AH$2:AH$366,ROUNDDOWN($C3474/24,0)+1,1)*INDEX($D$3:$AA$30,INDEX(Jesper!$R$2:$R$366,ROW(INDEX(Jesper!AH$2:AH$366,ROUNDDOWN($C3474/24,0)+1,1))-1)+IF('Standard Profiles'!$G$18=$B$10,7,0)+IF('Standard Profiles'!$G$18=$B$17,14,0)+IF('Standard Profiles'!$G$18=$B$24,21,0),MOD($C3474,24)+1)/SUM(INDEX($D$3:$AA$30,INDEX(Jesper!$R$2:$R$366,ROW(INDEX(Jesper!AH$2:AH$366,ROUNDDOWN($C3474/24,0)+1,1))-1)+IF('Standard Profiles'!$G$18=$B$10,7,0)+IF('Standard Profiles'!$G$18=$B$17,14,0)+IF('Standard Profiles'!$G$18=$B$24,21,0),0)),0)</f>
        <v>25.155780339822023</v>
      </c>
      <c r="E3474" cm="1">
        <f t="array" ref="E3474">IFERROR(INDEX(Jesper!AI$2:AI$366,ROUNDDOWN($C3474/24,0)+1,1)*INDEX($D$3:$AA$30,INDEX(Jesper!$R$2:$R$366,ROW(INDEX(Jesper!AI$2:AI$366,ROUNDDOWN($C3474/24,0)+1,1))-1)+IF('Standard Profiles'!$G$19=$B$10,7,0)+IF('Standard Profiles'!$G$19=$B$17,14,0)+IF('Standard Profiles'!$G$19=$B$24,21,0),MOD($C3474,24)+1)/SUM(INDEX($D$3:$AA$30,INDEX(Jesper!$R$2:$R$366,ROW(INDEX(Jesper!AI$2:AI$366,ROUNDDOWN($C3474/24,0)+1,1))-1)+IF('Standard Profiles'!$G$19=$B$10,7,0)+IF('Standard Profiles'!$G$19=$B$17,14,0)+IF('Standard Profiles'!$G$19=$B$24,21,0),0)),0)</f>
        <v>11.783899535976099</v>
      </c>
      <c r="F3474" cm="1">
        <f t="array" ref="F3474">IFERROR(INDEX(Jesper!AJ$2:AJ$366,ROUNDDOWN($C3474/24,0)+1,1)*INDEX($D$3:$AA$30,INDEX(Jesper!$R$2:$R$366,ROW(INDEX(Jesper!AJ$2:AJ$366,ROUNDDOWN($C3474/24,0)+1,1))-1)+IF('Standard Profiles'!$G$20=$B$10,7,0)+IF('Standard Profiles'!$G$20=$B$17,14,0)+IF('Standard Profiles'!$G$20=$B$24,21,0),MOD($C3474,24)+1)/SUM(INDEX($D$3:$AA$30,INDEX(Jesper!$R$2:$R$366,ROW(INDEX(Jesper!AJ$2:AJ$366,ROUNDDOWN($C3474/24,0)+1,1))-1)+IF('Standard Profiles'!$G$20=$B$10,7,0)+IF('Standard Profiles'!$G$20=$B$17,14,0)+IF('Standard Profiles'!$G$20=$B$24,21,0),0)),0)</f>
        <v>0</v>
      </c>
      <c r="G3474" cm="1">
        <f t="array" ref="G3474">IFERROR(INDEX(Jesper!AK$2:AK$366,ROUNDDOWN($C3474/24,0)+1,1)*INDEX($D$3:$AA$30,INDEX(Jesper!$R$2:$R$366,ROW(INDEX(Jesper!AK$2:AK$366,ROUNDDOWN($C3474/24,0)+1,1))-1)+IF('Standard Profiles'!$G$21=$B$10,7,0)+IF('Standard Profiles'!$G$21=$B$17,14,0)+IF('Standard Profiles'!$G$21=$B$24,21,0),MOD($C3474,24)+1)/SUM(INDEX($D$3:$AA$30,INDEX(Jesper!$R$2:$R$366,ROW(INDEX(Jesper!AK$2:AK$366,ROUNDDOWN($C3474/24,0)+1,1))-1)+IF('Standard Profiles'!$G$21=$B$10,7,0)+IF('Standard Profiles'!$G$21=$B$17,14,0)+IF('Standard Profiles'!$G$21=$B$24,21,0),0)),0)</f>
        <v>2.0227320509245175</v>
      </c>
      <c r="H3474" cm="1">
        <f t="array" ref="H3474">IFERROR(INDEX(Jesper!AL$2:AL$366,ROUNDDOWN($C3474/24,0)+1,1)*INDEX($D$3:$AA$30,INDEX(Jesper!$R$2:$R$366,ROW(INDEX(Jesper!AL$2:AL$366,ROUNDDOWN($C3474/24,0)+1,1))-1)+IF('Standard Profiles'!$G$22=$B$10,7,0)+IF('Standard Profiles'!$G$22=$B$17,14,0)+IF('Standard Profiles'!$G$22=$B$24,21,0),MOD($C3474,24)+1)/SUM(INDEX($D$3:$AA$30,INDEX(Jesper!$R$2:$R$366,ROW(INDEX(Jesper!AL$2:AL$366,ROUNDDOWN($C3474/24,0)+1,1))-1)+IF('Standard Profiles'!$G$22=$B$10,7,0)+IF('Standard Profiles'!$G$22=$B$17,14,0)+IF('Standard Profiles'!$G$22=$B$24,21,0),0)),0)</f>
        <v>0</v>
      </c>
      <c r="I3474">
        <f t="shared" si="391"/>
        <v>0.9709113844437679</v>
      </c>
      <c r="J3474">
        <f t="shared" si="392"/>
        <v>33.966575687907351</v>
      </c>
      <c r="K3474">
        <f t="shared" si="393"/>
        <v>2.6832832362476826</v>
      </c>
      <c r="L3474">
        <f t="shared" si="394"/>
        <v>1.3416416181238413</v>
      </c>
      <c r="M3474">
        <f t="shared" si="395"/>
        <v>0</v>
      </c>
      <c r="N3474" s="45">
        <f t="shared" si="396"/>
        <v>45070.33333332499</v>
      </c>
    </row>
    <row r="3475" spans="2:14" x14ac:dyDescent="0.25">
      <c r="B3475">
        <f t="shared" si="390"/>
        <v>3</v>
      </c>
      <c r="C3475" s="16">
        <v>3441</v>
      </c>
      <c r="D3475" cm="1">
        <f t="array" ref="D3475">IFERROR(INDEX(Jesper!AH$2:AH$366,ROUNDDOWN($C3475/24,0)+1,1)*INDEX($D$3:$AA$30,INDEX(Jesper!$R$2:$R$366,ROW(INDEX(Jesper!AH$2:AH$366,ROUNDDOWN($C3475/24,0)+1,1))-1)+IF('Standard Profiles'!$G$18=$B$10,7,0)+IF('Standard Profiles'!$G$18=$B$17,14,0)+IF('Standard Profiles'!$G$18=$B$24,21,0),MOD($C3475,24)+1)/SUM(INDEX($D$3:$AA$30,INDEX(Jesper!$R$2:$R$366,ROW(INDEX(Jesper!AH$2:AH$366,ROUNDDOWN($C3475/24,0)+1,1))-1)+IF('Standard Profiles'!$G$18=$B$10,7,0)+IF('Standard Profiles'!$G$18=$B$17,14,0)+IF('Standard Profiles'!$G$18=$B$24,21,0),0)),0)</f>
        <v>27.76628584678469</v>
      </c>
      <c r="E3475" cm="1">
        <f t="array" ref="E3475">IFERROR(INDEX(Jesper!AI$2:AI$366,ROUNDDOWN($C3475/24,0)+1,1)*INDEX($D$3:$AA$30,INDEX(Jesper!$R$2:$R$366,ROW(INDEX(Jesper!AI$2:AI$366,ROUNDDOWN($C3475/24,0)+1,1))-1)+IF('Standard Profiles'!$G$19=$B$10,7,0)+IF('Standard Profiles'!$G$19=$B$17,14,0)+IF('Standard Profiles'!$G$19=$B$24,21,0),MOD($C3475,24)+1)/SUM(INDEX($D$3:$AA$30,INDEX(Jesper!$R$2:$R$366,ROW(INDEX(Jesper!AI$2:AI$366,ROUNDDOWN($C3475/24,0)+1,1))-1)+IF('Standard Profiles'!$G$19=$B$10,7,0)+IF('Standard Profiles'!$G$19=$B$17,14,0)+IF('Standard Profiles'!$G$19=$B$24,21,0),0)),0)</f>
        <v>13.006757034992486</v>
      </c>
      <c r="F3475" cm="1">
        <f t="array" ref="F3475">IFERROR(INDEX(Jesper!AJ$2:AJ$366,ROUNDDOWN($C3475/24,0)+1,1)*INDEX($D$3:$AA$30,INDEX(Jesper!$R$2:$R$366,ROW(INDEX(Jesper!AJ$2:AJ$366,ROUNDDOWN($C3475/24,0)+1,1))-1)+IF('Standard Profiles'!$G$20=$B$10,7,0)+IF('Standard Profiles'!$G$20=$B$17,14,0)+IF('Standard Profiles'!$G$20=$B$24,21,0),MOD($C3475,24)+1)/SUM(INDEX($D$3:$AA$30,INDEX(Jesper!$R$2:$R$366,ROW(INDEX(Jesper!AJ$2:AJ$366,ROUNDDOWN($C3475/24,0)+1,1))-1)+IF('Standard Profiles'!$G$20=$B$10,7,0)+IF('Standard Profiles'!$G$20=$B$17,14,0)+IF('Standard Profiles'!$G$20=$B$24,21,0),0)),0)</f>
        <v>0</v>
      </c>
      <c r="G3475" cm="1">
        <f t="array" ref="G3475">IFERROR(INDEX(Jesper!AK$2:AK$366,ROUNDDOWN($C3475/24,0)+1,1)*INDEX($D$3:$AA$30,INDEX(Jesper!$R$2:$R$366,ROW(INDEX(Jesper!AK$2:AK$366,ROUNDDOWN($C3475/24,0)+1,1))-1)+IF('Standard Profiles'!$G$21=$B$10,7,0)+IF('Standard Profiles'!$G$21=$B$17,14,0)+IF('Standard Profiles'!$G$21=$B$24,21,0),MOD($C3475,24)+1)/SUM(INDEX($D$3:$AA$30,INDEX(Jesper!$R$2:$R$366,ROW(INDEX(Jesper!AK$2:AK$366,ROUNDDOWN($C3475/24,0)+1,1))-1)+IF('Standard Profiles'!$G$21=$B$10,7,0)+IF('Standard Profiles'!$G$21=$B$17,14,0)+IF('Standard Profiles'!$G$21=$B$24,21,0),0)),0)</f>
        <v>2.232638207152533</v>
      </c>
      <c r="H3475" cm="1">
        <f t="array" ref="H3475">IFERROR(INDEX(Jesper!AL$2:AL$366,ROUNDDOWN($C3475/24,0)+1,1)*INDEX($D$3:$AA$30,INDEX(Jesper!$R$2:$R$366,ROW(INDEX(Jesper!AL$2:AL$366,ROUNDDOWN($C3475/24,0)+1,1))-1)+IF('Standard Profiles'!$G$22=$B$10,7,0)+IF('Standard Profiles'!$G$22=$B$17,14,0)+IF('Standard Profiles'!$G$22=$B$24,21,0),MOD($C3475,24)+1)/SUM(INDEX($D$3:$AA$30,INDEX(Jesper!$R$2:$R$366,ROW(INDEX(Jesper!AL$2:AL$366,ROUNDDOWN($C3475/24,0)+1,1))-1)+IF('Standard Profiles'!$G$22=$B$10,7,0)+IF('Standard Profiles'!$G$22=$B$17,14,0)+IF('Standard Profiles'!$G$22=$B$24,21,0),0)),0)</f>
        <v>0</v>
      </c>
      <c r="I3475">
        <f t="shared" si="391"/>
        <v>1.0716663394332153</v>
      </c>
      <c r="J3475">
        <f t="shared" si="392"/>
        <v>37.491409014010948</v>
      </c>
      <c r="K3475">
        <f t="shared" si="393"/>
        <v>2.9617371569903672</v>
      </c>
      <c r="L3475">
        <f t="shared" si="394"/>
        <v>1.4808685784951836</v>
      </c>
      <c r="M3475">
        <f t="shared" si="395"/>
        <v>0</v>
      </c>
      <c r="N3475" s="45">
        <f t="shared" si="396"/>
        <v>45070.374999991654</v>
      </c>
    </row>
    <row r="3476" spans="2:14" x14ac:dyDescent="0.25">
      <c r="B3476">
        <f t="shared" si="390"/>
        <v>3</v>
      </c>
      <c r="C3476" s="16">
        <v>3442</v>
      </c>
      <c r="D3476" cm="1">
        <f t="array" ref="D3476">IFERROR(INDEX(Jesper!AH$2:AH$366,ROUNDDOWN($C3476/24,0)+1,1)*INDEX($D$3:$AA$30,INDEX(Jesper!$R$2:$R$366,ROW(INDEX(Jesper!AH$2:AH$366,ROUNDDOWN($C3476/24,0)+1,1))-1)+IF('Standard Profiles'!$G$18=$B$10,7,0)+IF('Standard Profiles'!$G$18=$B$17,14,0)+IF('Standard Profiles'!$G$18=$B$24,21,0),MOD($C3476,24)+1)/SUM(INDEX($D$3:$AA$30,INDEX(Jesper!$R$2:$R$366,ROW(INDEX(Jesper!AH$2:AH$366,ROUNDDOWN($C3476/24,0)+1,1))-1)+IF('Standard Profiles'!$G$18=$B$10,7,0)+IF('Standard Profiles'!$G$18=$B$17,14,0)+IF('Standard Profiles'!$G$18=$B$24,21,0),0)),0)</f>
        <v>27.76628584678469</v>
      </c>
      <c r="E3476" cm="1">
        <f t="array" ref="E3476">IFERROR(INDEX(Jesper!AI$2:AI$366,ROUNDDOWN($C3476/24,0)+1,1)*INDEX($D$3:$AA$30,INDEX(Jesper!$R$2:$R$366,ROW(INDEX(Jesper!AI$2:AI$366,ROUNDDOWN($C3476/24,0)+1,1))-1)+IF('Standard Profiles'!$G$19=$B$10,7,0)+IF('Standard Profiles'!$G$19=$B$17,14,0)+IF('Standard Profiles'!$G$19=$B$24,21,0),MOD($C3476,24)+1)/SUM(INDEX($D$3:$AA$30,INDEX(Jesper!$R$2:$R$366,ROW(INDEX(Jesper!AI$2:AI$366,ROUNDDOWN($C3476/24,0)+1,1))-1)+IF('Standard Profiles'!$G$19=$B$10,7,0)+IF('Standard Profiles'!$G$19=$B$17,14,0)+IF('Standard Profiles'!$G$19=$B$24,21,0),0)),0)</f>
        <v>13.006757034992486</v>
      </c>
      <c r="F3476" cm="1">
        <f t="array" ref="F3476">IFERROR(INDEX(Jesper!AJ$2:AJ$366,ROUNDDOWN($C3476/24,0)+1,1)*INDEX($D$3:$AA$30,INDEX(Jesper!$R$2:$R$366,ROW(INDEX(Jesper!AJ$2:AJ$366,ROUNDDOWN($C3476/24,0)+1,1))-1)+IF('Standard Profiles'!$G$20=$B$10,7,0)+IF('Standard Profiles'!$G$20=$B$17,14,0)+IF('Standard Profiles'!$G$20=$B$24,21,0),MOD($C3476,24)+1)/SUM(INDEX($D$3:$AA$30,INDEX(Jesper!$R$2:$R$366,ROW(INDEX(Jesper!AJ$2:AJ$366,ROUNDDOWN($C3476/24,0)+1,1))-1)+IF('Standard Profiles'!$G$20=$B$10,7,0)+IF('Standard Profiles'!$G$20=$B$17,14,0)+IF('Standard Profiles'!$G$20=$B$24,21,0),0)),0)</f>
        <v>0</v>
      </c>
      <c r="G3476" cm="1">
        <f t="array" ref="G3476">IFERROR(INDEX(Jesper!AK$2:AK$366,ROUNDDOWN($C3476/24,0)+1,1)*INDEX($D$3:$AA$30,INDEX(Jesper!$R$2:$R$366,ROW(INDEX(Jesper!AK$2:AK$366,ROUNDDOWN($C3476/24,0)+1,1))-1)+IF('Standard Profiles'!$G$21=$B$10,7,0)+IF('Standard Profiles'!$G$21=$B$17,14,0)+IF('Standard Profiles'!$G$21=$B$24,21,0),MOD($C3476,24)+1)/SUM(INDEX($D$3:$AA$30,INDEX(Jesper!$R$2:$R$366,ROW(INDEX(Jesper!AK$2:AK$366,ROUNDDOWN($C3476/24,0)+1,1))-1)+IF('Standard Profiles'!$G$21=$B$10,7,0)+IF('Standard Profiles'!$G$21=$B$17,14,0)+IF('Standard Profiles'!$G$21=$B$24,21,0),0)),0)</f>
        <v>2.232638207152533</v>
      </c>
      <c r="H3476" cm="1">
        <f t="array" ref="H3476">IFERROR(INDEX(Jesper!AL$2:AL$366,ROUNDDOWN($C3476/24,0)+1,1)*INDEX($D$3:$AA$30,INDEX(Jesper!$R$2:$R$366,ROW(INDEX(Jesper!AL$2:AL$366,ROUNDDOWN($C3476/24,0)+1,1))-1)+IF('Standard Profiles'!$G$22=$B$10,7,0)+IF('Standard Profiles'!$G$22=$B$17,14,0)+IF('Standard Profiles'!$G$22=$B$24,21,0),MOD($C3476,24)+1)/SUM(INDEX($D$3:$AA$30,INDEX(Jesper!$R$2:$R$366,ROW(INDEX(Jesper!AL$2:AL$366,ROUNDDOWN($C3476/24,0)+1,1))-1)+IF('Standard Profiles'!$G$22=$B$10,7,0)+IF('Standard Profiles'!$G$22=$B$17,14,0)+IF('Standard Profiles'!$G$22=$B$24,21,0),0)),0)</f>
        <v>0</v>
      </c>
      <c r="I3476">
        <f t="shared" si="391"/>
        <v>1.0716663394332153</v>
      </c>
      <c r="J3476">
        <f t="shared" si="392"/>
        <v>37.491409014010948</v>
      </c>
      <c r="K3476">
        <f t="shared" si="393"/>
        <v>2.9617371569903672</v>
      </c>
      <c r="L3476">
        <f t="shared" si="394"/>
        <v>1.4808685784951836</v>
      </c>
      <c r="M3476">
        <f t="shared" si="395"/>
        <v>0</v>
      </c>
      <c r="N3476" s="45">
        <f t="shared" si="396"/>
        <v>45070.416666658319</v>
      </c>
    </row>
    <row r="3477" spans="2:14" x14ac:dyDescent="0.25">
      <c r="B3477">
        <f t="shared" si="390"/>
        <v>3</v>
      </c>
      <c r="C3477" s="16">
        <v>3443</v>
      </c>
      <c r="D3477" cm="1">
        <f t="array" ref="D3477">IFERROR(INDEX(Jesper!AH$2:AH$366,ROUNDDOWN($C3477/24,0)+1,1)*INDEX($D$3:$AA$30,INDEX(Jesper!$R$2:$R$366,ROW(INDEX(Jesper!AH$2:AH$366,ROUNDDOWN($C3477/24,0)+1,1))-1)+IF('Standard Profiles'!$G$18=$B$10,7,0)+IF('Standard Profiles'!$G$18=$B$17,14,0)+IF('Standard Profiles'!$G$18=$B$24,21,0),MOD($C3477,24)+1)/SUM(INDEX($D$3:$AA$30,INDEX(Jesper!$R$2:$R$366,ROW(INDEX(Jesper!AH$2:AH$366,ROUNDDOWN($C3477/24,0)+1,1))-1)+IF('Standard Profiles'!$G$18=$B$10,7,0)+IF('Standard Profiles'!$G$18=$B$17,14,0)+IF('Standard Profiles'!$G$18=$B$24,21,0),0)),0)</f>
        <v>33.224615543161164</v>
      </c>
      <c r="E3477" cm="1">
        <f t="array" ref="E3477">IFERROR(INDEX(Jesper!AI$2:AI$366,ROUNDDOWN($C3477/24,0)+1,1)*INDEX($D$3:$AA$30,INDEX(Jesper!$R$2:$R$366,ROW(INDEX(Jesper!AI$2:AI$366,ROUNDDOWN($C3477/24,0)+1,1))-1)+IF('Standard Profiles'!$G$19=$B$10,7,0)+IF('Standard Profiles'!$G$19=$B$17,14,0)+IF('Standard Profiles'!$G$19=$B$24,21,0),MOD($C3477,24)+1)/SUM(INDEX($D$3:$AA$30,INDEX(Jesper!$R$2:$R$366,ROW(INDEX(Jesper!AI$2:AI$366,ROUNDDOWN($C3477/24,0)+1,1))-1)+IF('Standard Profiles'!$G$19=$B$10,7,0)+IF('Standard Profiles'!$G$19=$B$17,14,0)+IF('Standard Profiles'!$G$19=$B$24,21,0),0)),0)</f>
        <v>15.563640896572204</v>
      </c>
      <c r="F3477" cm="1">
        <f t="array" ref="F3477">IFERROR(INDEX(Jesper!AJ$2:AJ$366,ROUNDDOWN($C3477/24,0)+1,1)*INDEX($D$3:$AA$30,INDEX(Jesper!$R$2:$R$366,ROW(INDEX(Jesper!AJ$2:AJ$366,ROUNDDOWN($C3477/24,0)+1,1))-1)+IF('Standard Profiles'!$G$20=$B$10,7,0)+IF('Standard Profiles'!$G$20=$B$17,14,0)+IF('Standard Profiles'!$G$20=$B$24,21,0),MOD($C3477,24)+1)/SUM(INDEX($D$3:$AA$30,INDEX(Jesper!$R$2:$R$366,ROW(INDEX(Jesper!AJ$2:AJ$366,ROUNDDOWN($C3477/24,0)+1,1))-1)+IF('Standard Profiles'!$G$20=$B$10,7,0)+IF('Standard Profiles'!$G$20=$B$17,14,0)+IF('Standard Profiles'!$G$20=$B$24,21,0),0)),0)</f>
        <v>0</v>
      </c>
      <c r="G3477" cm="1">
        <f t="array" ref="G3477">IFERROR(INDEX(Jesper!AK$2:AK$366,ROUNDDOWN($C3477/24,0)+1,1)*INDEX($D$3:$AA$30,INDEX(Jesper!$R$2:$R$366,ROW(INDEX(Jesper!AK$2:AK$366,ROUNDDOWN($C3477/24,0)+1,1))-1)+IF('Standard Profiles'!$G$21=$B$10,7,0)+IF('Standard Profiles'!$G$21=$B$17,14,0)+IF('Standard Profiles'!$G$21=$B$24,21,0),MOD($C3477,24)+1)/SUM(INDEX($D$3:$AA$30,INDEX(Jesper!$R$2:$R$366,ROW(INDEX(Jesper!AK$2:AK$366,ROUNDDOWN($C3477/24,0)+1,1))-1)+IF('Standard Profiles'!$G$21=$B$10,7,0)+IF('Standard Profiles'!$G$21=$B$17,14,0)+IF('Standard Profiles'!$G$21=$B$24,21,0),0)),0)</f>
        <v>2.6715328974474755</v>
      </c>
      <c r="H3477" cm="1">
        <f t="array" ref="H3477">IFERROR(INDEX(Jesper!AL$2:AL$366,ROUNDDOWN($C3477/24,0)+1,1)*INDEX($D$3:$AA$30,INDEX(Jesper!$R$2:$R$366,ROW(INDEX(Jesper!AL$2:AL$366,ROUNDDOWN($C3477/24,0)+1,1))-1)+IF('Standard Profiles'!$G$22=$B$10,7,0)+IF('Standard Profiles'!$G$22=$B$17,14,0)+IF('Standard Profiles'!$G$22=$B$24,21,0),MOD($C3477,24)+1)/SUM(INDEX($D$3:$AA$30,INDEX(Jesper!$R$2:$R$366,ROW(INDEX(Jesper!AL$2:AL$366,ROUNDDOWN($C3477/24,0)+1,1))-1)+IF('Standard Profiles'!$G$22=$B$10,7,0)+IF('Standard Profiles'!$G$22=$B$17,14,0)+IF('Standard Profiles'!$G$22=$B$24,21,0),0)),0)</f>
        <v>0</v>
      </c>
      <c r="I3477">
        <f t="shared" si="391"/>
        <v>1.2823357907747877</v>
      </c>
      <c r="J3477">
        <f t="shared" si="392"/>
        <v>44.86151505950027</v>
      </c>
      <c r="K3477">
        <f t="shared" si="393"/>
        <v>3.5439589912705243</v>
      </c>
      <c r="L3477">
        <f t="shared" si="394"/>
        <v>1.7719794956352621</v>
      </c>
      <c r="M3477">
        <f t="shared" si="395"/>
        <v>0</v>
      </c>
      <c r="N3477" s="45">
        <f t="shared" si="396"/>
        <v>45070.458333324983</v>
      </c>
    </row>
    <row r="3478" spans="2:14" x14ac:dyDescent="0.25">
      <c r="B3478">
        <f t="shared" si="390"/>
        <v>3</v>
      </c>
      <c r="C3478" s="16">
        <v>3444</v>
      </c>
      <c r="D3478" cm="1">
        <f t="array" ref="D3478">IFERROR(INDEX(Jesper!AH$2:AH$366,ROUNDDOWN($C3478/24,0)+1,1)*INDEX($D$3:$AA$30,INDEX(Jesper!$R$2:$R$366,ROW(INDEX(Jesper!AH$2:AH$366,ROUNDDOWN($C3478/24,0)+1,1))-1)+IF('Standard Profiles'!$G$18=$B$10,7,0)+IF('Standard Profiles'!$G$18=$B$17,14,0)+IF('Standard Profiles'!$G$18=$B$24,21,0),MOD($C3478,24)+1)/SUM(INDEX($D$3:$AA$30,INDEX(Jesper!$R$2:$R$366,ROW(INDEX(Jesper!AH$2:AH$366,ROUNDDOWN($C3478/24,0)+1,1))-1)+IF('Standard Profiles'!$G$18=$B$10,7,0)+IF('Standard Profiles'!$G$18=$B$17,14,0)+IF('Standard Profiles'!$G$18=$B$24,21,0),0)),0)</f>
        <v>33.224615543161164</v>
      </c>
      <c r="E3478" cm="1">
        <f t="array" ref="E3478">IFERROR(INDEX(Jesper!AI$2:AI$366,ROUNDDOWN($C3478/24,0)+1,1)*INDEX($D$3:$AA$30,INDEX(Jesper!$R$2:$R$366,ROW(INDEX(Jesper!AI$2:AI$366,ROUNDDOWN($C3478/24,0)+1,1))-1)+IF('Standard Profiles'!$G$19=$B$10,7,0)+IF('Standard Profiles'!$G$19=$B$17,14,0)+IF('Standard Profiles'!$G$19=$B$24,21,0),MOD($C3478,24)+1)/SUM(INDEX($D$3:$AA$30,INDEX(Jesper!$R$2:$R$366,ROW(INDEX(Jesper!AI$2:AI$366,ROUNDDOWN($C3478/24,0)+1,1))-1)+IF('Standard Profiles'!$G$19=$B$10,7,0)+IF('Standard Profiles'!$G$19=$B$17,14,0)+IF('Standard Profiles'!$G$19=$B$24,21,0),0)),0)</f>
        <v>15.563640896572204</v>
      </c>
      <c r="F3478" cm="1">
        <f t="array" ref="F3478">IFERROR(INDEX(Jesper!AJ$2:AJ$366,ROUNDDOWN($C3478/24,0)+1,1)*INDEX($D$3:$AA$30,INDEX(Jesper!$R$2:$R$366,ROW(INDEX(Jesper!AJ$2:AJ$366,ROUNDDOWN($C3478/24,0)+1,1))-1)+IF('Standard Profiles'!$G$20=$B$10,7,0)+IF('Standard Profiles'!$G$20=$B$17,14,0)+IF('Standard Profiles'!$G$20=$B$24,21,0),MOD($C3478,24)+1)/SUM(INDEX($D$3:$AA$30,INDEX(Jesper!$R$2:$R$366,ROW(INDEX(Jesper!AJ$2:AJ$366,ROUNDDOWN($C3478/24,0)+1,1))-1)+IF('Standard Profiles'!$G$20=$B$10,7,0)+IF('Standard Profiles'!$G$20=$B$17,14,0)+IF('Standard Profiles'!$G$20=$B$24,21,0),0)),0)</f>
        <v>0</v>
      </c>
      <c r="G3478" cm="1">
        <f t="array" ref="G3478">IFERROR(INDEX(Jesper!AK$2:AK$366,ROUNDDOWN($C3478/24,0)+1,1)*INDEX($D$3:$AA$30,INDEX(Jesper!$R$2:$R$366,ROW(INDEX(Jesper!AK$2:AK$366,ROUNDDOWN($C3478/24,0)+1,1))-1)+IF('Standard Profiles'!$G$21=$B$10,7,0)+IF('Standard Profiles'!$G$21=$B$17,14,0)+IF('Standard Profiles'!$G$21=$B$24,21,0),MOD($C3478,24)+1)/SUM(INDEX($D$3:$AA$30,INDEX(Jesper!$R$2:$R$366,ROW(INDEX(Jesper!AK$2:AK$366,ROUNDDOWN($C3478/24,0)+1,1))-1)+IF('Standard Profiles'!$G$21=$B$10,7,0)+IF('Standard Profiles'!$G$21=$B$17,14,0)+IF('Standard Profiles'!$G$21=$B$24,21,0),0)),0)</f>
        <v>2.6715328974474755</v>
      </c>
      <c r="H3478" cm="1">
        <f t="array" ref="H3478">IFERROR(INDEX(Jesper!AL$2:AL$366,ROUNDDOWN($C3478/24,0)+1,1)*INDEX($D$3:$AA$30,INDEX(Jesper!$R$2:$R$366,ROW(INDEX(Jesper!AL$2:AL$366,ROUNDDOWN($C3478/24,0)+1,1))-1)+IF('Standard Profiles'!$G$22=$B$10,7,0)+IF('Standard Profiles'!$G$22=$B$17,14,0)+IF('Standard Profiles'!$G$22=$B$24,21,0),MOD($C3478,24)+1)/SUM(INDEX($D$3:$AA$30,INDEX(Jesper!$R$2:$R$366,ROW(INDEX(Jesper!AL$2:AL$366,ROUNDDOWN($C3478/24,0)+1,1))-1)+IF('Standard Profiles'!$G$22=$B$10,7,0)+IF('Standard Profiles'!$G$22=$B$17,14,0)+IF('Standard Profiles'!$G$22=$B$24,21,0),0)),0)</f>
        <v>0</v>
      </c>
      <c r="I3478">
        <f t="shared" si="391"/>
        <v>1.2823357907747877</v>
      </c>
      <c r="J3478">
        <f t="shared" si="392"/>
        <v>44.86151505950027</v>
      </c>
      <c r="K3478">
        <f t="shared" si="393"/>
        <v>3.5439589912705243</v>
      </c>
      <c r="L3478">
        <f t="shared" si="394"/>
        <v>1.7719794956352621</v>
      </c>
      <c r="M3478">
        <f t="shared" si="395"/>
        <v>0</v>
      </c>
      <c r="N3478" s="45">
        <f t="shared" si="396"/>
        <v>45070.499999991647</v>
      </c>
    </row>
    <row r="3479" spans="2:14" x14ac:dyDescent="0.25">
      <c r="B3479">
        <f t="shared" si="390"/>
        <v>3</v>
      </c>
      <c r="C3479" s="16">
        <v>3445</v>
      </c>
      <c r="D3479" cm="1">
        <f t="array" ref="D3479">IFERROR(INDEX(Jesper!AH$2:AH$366,ROUNDDOWN($C3479/24,0)+1,1)*INDEX($D$3:$AA$30,INDEX(Jesper!$R$2:$R$366,ROW(INDEX(Jesper!AH$2:AH$366,ROUNDDOWN($C3479/24,0)+1,1))-1)+IF('Standard Profiles'!$G$18=$B$10,7,0)+IF('Standard Profiles'!$G$18=$B$17,14,0)+IF('Standard Profiles'!$G$18=$B$24,21,0),MOD($C3479,24)+1)/SUM(INDEX($D$3:$AA$30,INDEX(Jesper!$R$2:$R$366,ROW(INDEX(Jesper!AH$2:AH$366,ROUNDDOWN($C3479/24,0)+1,1))-1)+IF('Standard Profiles'!$G$18=$B$10,7,0)+IF('Standard Profiles'!$G$18=$B$17,14,0)+IF('Standard Profiles'!$G$18=$B$24,21,0),0)),0)</f>
        <v>22.070637467957059</v>
      </c>
      <c r="E3479" cm="1">
        <f t="array" ref="E3479">IFERROR(INDEX(Jesper!AI$2:AI$366,ROUNDDOWN($C3479/24,0)+1,1)*INDEX($D$3:$AA$30,INDEX(Jesper!$R$2:$R$366,ROW(INDEX(Jesper!AI$2:AI$366,ROUNDDOWN($C3479/24,0)+1,1))-1)+IF('Standard Profiles'!$G$19=$B$10,7,0)+IF('Standard Profiles'!$G$19=$B$17,14,0)+IF('Standard Profiles'!$G$19=$B$24,21,0),MOD($C3479,24)+1)/SUM(INDEX($D$3:$AA$30,INDEX(Jesper!$R$2:$R$366,ROW(INDEX(Jesper!AI$2:AI$366,ROUNDDOWN($C3479/24,0)+1,1))-1)+IF('Standard Profiles'!$G$19=$B$10,7,0)+IF('Standard Profiles'!$G$19=$B$17,14,0)+IF('Standard Profiles'!$G$19=$B$24,21,0),0)),0)</f>
        <v>10.338704309865822</v>
      </c>
      <c r="F3479" cm="1">
        <f t="array" ref="F3479">IFERROR(INDEX(Jesper!AJ$2:AJ$366,ROUNDDOWN($C3479/24,0)+1,1)*INDEX($D$3:$AA$30,INDEX(Jesper!$R$2:$R$366,ROW(INDEX(Jesper!AJ$2:AJ$366,ROUNDDOWN($C3479/24,0)+1,1))-1)+IF('Standard Profiles'!$G$20=$B$10,7,0)+IF('Standard Profiles'!$G$20=$B$17,14,0)+IF('Standard Profiles'!$G$20=$B$24,21,0),MOD($C3479,24)+1)/SUM(INDEX($D$3:$AA$30,INDEX(Jesper!$R$2:$R$366,ROW(INDEX(Jesper!AJ$2:AJ$366,ROUNDDOWN($C3479/24,0)+1,1))-1)+IF('Standard Profiles'!$G$20=$B$10,7,0)+IF('Standard Profiles'!$G$20=$B$17,14,0)+IF('Standard Profiles'!$G$20=$B$24,21,0),0)),0)</f>
        <v>0</v>
      </c>
      <c r="G3479" cm="1">
        <f t="array" ref="G3479">IFERROR(INDEX(Jesper!AK$2:AK$366,ROUNDDOWN($C3479/24,0)+1,1)*INDEX($D$3:$AA$30,INDEX(Jesper!$R$2:$R$366,ROW(INDEX(Jesper!AK$2:AK$366,ROUNDDOWN($C3479/24,0)+1,1))-1)+IF('Standard Profiles'!$G$21=$B$10,7,0)+IF('Standard Profiles'!$G$21=$B$17,14,0)+IF('Standard Profiles'!$G$21=$B$24,21,0),MOD($C3479,24)+1)/SUM(INDEX($D$3:$AA$30,INDEX(Jesper!$R$2:$R$366,ROW(INDEX(Jesper!AK$2:AK$366,ROUNDDOWN($C3479/24,0)+1,1))-1)+IF('Standard Profiles'!$G$21=$B$10,7,0)+IF('Standard Profiles'!$G$21=$B$17,14,0)+IF('Standard Profiles'!$G$21=$B$24,21,0),0)),0)</f>
        <v>1.7746611390186804</v>
      </c>
      <c r="H3479" cm="1">
        <f t="array" ref="H3479">IFERROR(INDEX(Jesper!AL$2:AL$366,ROUNDDOWN($C3479/24,0)+1,1)*INDEX($D$3:$AA$30,INDEX(Jesper!$R$2:$R$366,ROW(INDEX(Jesper!AL$2:AL$366,ROUNDDOWN($C3479/24,0)+1,1))-1)+IF('Standard Profiles'!$G$22=$B$10,7,0)+IF('Standard Profiles'!$G$22=$B$17,14,0)+IF('Standard Profiles'!$G$22=$B$24,21,0),MOD($C3479,24)+1)/SUM(INDEX($D$3:$AA$30,INDEX(Jesper!$R$2:$R$366,ROW(INDEX(Jesper!AL$2:AL$366,ROUNDDOWN($C3479/24,0)+1,1))-1)+IF('Standard Profiles'!$G$22=$B$10,7,0)+IF('Standard Profiles'!$G$22=$B$17,14,0)+IF('Standard Profiles'!$G$22=$B$24,21,0),0)),0)</f>
        <v>0</v>
      </c>
      <c r="I3479">
        <f t="shared" si="391"/>
        <v>0.85183734672896616</v>
      </c>
      <c r="J3479">
        <f t="shared" si="392"/>
        <v>29.800863575239468</v>
      </c>
      <c r="K3479">
        <f t="shared" si="393"/>
        <v>2.3542013299154196</v>
      </c>
      <c r="L3479">
        <f t="shared" si="394"/>
        <v>1.1771006649577098</v>
      </c>
      <c r="M3479">
        <f t="shared" si="395"/>
        <v>0</v>
      </c>
      <c r="N3479" s="45">
        <f t="shared" si="396"/>
        <v>45070.541666658311</v>
      </c>
    </row>
    <row r="3480" spans="2:14" x14ac:dyDescent="0.25">
      <c r="B3480">
        <f t="shared" si="390"/>
        <v>3</v>
      </c>
      <c r="C3480" s="16">
        <v>3446</v>
      </c>
      <c r="D3480" cm="1">
        <f t="array" ref="D3480">IFERROR(INDEX(Jesper!AH$2:AH$366,ROUNDDOWN($C3480/24,0)+1,1)*INDEX($D$3:$AA$30,INDEX(Jesper!$R$2:$R$366,ROW(INDEX(Jesper!AH$2:AH$366,ROUNDDOWN($C3480/24,0)+1,1))-1)+IF('Standard Profiles'!$G$18=$B$10,7,0)+IF('Standard Profiles'!$G$18=$B$17,14,0)+IF('Standard Profiles'!$G$18=$B$24,21,0),MOD($C3480,24)+1)/SUM(INDEX($D$3:$AA$30,INDEX(Jesper!$R$2:$R$366,ROW(INDEX(Jesper!AH$2:AH$366,ROUNDDOWN($C3480/24,0)+1,1))-1)+IF('Standard Profiles'!$G$18=$B$10,7,0)+IF('Standard Profiles'!$G$18=$B$17,14,0)+IF('Standard Profiles'!$G$18=$B$24,21,0),0)),0)</f>
        <v>33.224615543161164</v>
      </c>
      <c r="E3480" cm="1">
        <f t="array" ref="E3480">IFERROR(INDEX(Jesper!AI$2:AI$366,ROUNDDOWN($C3480/24,0)+1,1)*INDEX($D$3:$AA$30,INDEX(Jesper!$R$2:$R$366,ROW(INDEX(Jesper!AI$2:AI$366,ROUNDDOWN($C3480/24,0)+1,1))-1)+IF('Standard Profiles'!$G$19=$B$10,7,0)+IF('Standard Profiles'!$G$19=$B$17,14,0)+IF('Standard Profiles'!$G$19=$B$24,21,0),MOD($C3480,24)+1)/SUM(INDEX($D$3:$AA$30,INDEX(Jesper!$R$2:$R$366,ROW(INDEX(Jesper!AI$2:AI$366,ROUNDDOWN($C3480/24,0)+1,1))-1)+IF('Standard Profiles'!$G$19=$B$10,7,0)+IF('Standard Profiles'!$G$19=$B$17,14,0)+IF('Standard Profiles'!$G$19=$B$24,21,0),0)),0)</f>
        <v>15.563640896572204</v>
      </c>
      <c r="F3480" cm="1">
        <f t="array" ref="F3480">IFERROR(INDEX(Jesper!AJ$2:AJ$366,ROUNDDOWN($C3480/24,0)+1,1)*INDEX($D$3:$AA$30,INDEX(Jesper!$R$2:$R$366,ROW(INDEX(Jesper!AJ$2:AJ$366,ROUNDDOWN($C3480/24,0)+1,1))-1)+IF('Standard Profiles'!$G$20=$B$10,7,0)+IF('Standard Profiles'!$G$20=$B$17,14,0)+IF('Standard Profiles'!$G$20=$B$24,21,0),MOD($C3480,24)+1)/SUM(INDEX($D$3:$AA$30,INDEX(Jesper!$R$2:$R$366,ROW(INDEX(Jesper!AJ$2:AJ$366,ROUNDDOWN($C3480/24,0)+1,1))-1)+IF('Standard Profiles'!$G$20=$B$10,7,0)+IF('Standard Profiles'!$G$20=$B$17,14,0)+IF('Standard Profiles'!$G$20=$B$24,21,0),0)),0)</f>
        <v>0</v>
      </c>
      <c r="G3480" cm="1">
        <f t="array" ref="G3480">IFERROR(INDEX(Jesper!AK$2:AK$366,ROUNDDOWN($C3480/24,0)+1,1)*INDEX($D$3:$AA$30,INDEX(Jesper!$R$2:$R$366,ROW(INDEX(Jesper!AK$2:AK$366,ROUNDDOWN($C3480/24,0)+1,1))-1)+IF('Standard Profiles'!$G$21=$B$10,7,0)+IF('Standard Profiles'!$G$21=$B$17,14,0)+IF('Standard Profiles'!$G$21=$B$24,21,0),MOD($C3480,24)+1)/SUM(INDEX($D$3:$AA$30,INDEX(Jesper!$R$2:$R$366,ROW(INDEX(Jesper!AK$2:AK$366,ROUNDDOWN($C3480/24,0)+1,1))-1)+IF('Standard Profiles'!$G$21=$B$10,7,0)+IF('Standard Profiles'!$G$21=$B$17,14,0)+IF('Standard Profiles'!$G$21=$B$24,21,0),0)),0)</f>
        <v>2.6715328974474755</v>
      </c>
      <c r="H3480" cm="1">
        <f t="array" ref="H3480">IFERROR(INDEX(Jesper!AL$2:AL$366,ROUNDDOWN($C3480/24,0)+1,1)*INDEX($D$3:$AA$30,INDEX(Jesper!$R$2:$R$366,ROW(INDEX(Jesper!AL$2:AL$366,ROUNDDOWN($C3480/24,0)+1,1))-1)+IF('Standard Profiles'!$G$22=$B$10,7,0)+IF('Standard Profiles'!$G$22=$B$17,14,0)+IF('Standard Profiles'!$G$22=$B$24,21,0),MOD($C3480,24)+1)/SUM(INDEX($D$3:$AA$30,INDEX(Jesper!$R$2:$R$366,ROW(INDEX(Jesper!AL$2:AL$366,ROUNDDOWN($C3480/24,0)+1,1))-1)+IF('Standard Profiles'!$G$22=$B$10,7,0)+IF('Standard Profiles'!$G$22=$B$17,14,0)+IF('Standard Profiles'!$G$22=$B$24,21,0),0)),0)</f>
        <v>0</v>
      </c>
      <c r="I3480">
        <f t="shared" si="391"/>
        <v>1.2823357907747877</v>
      </c>
      <c r="J3480">
        <f t="shared" si="392"/>
        <v>44.86151505950027</v>
      </c>
      <c r="K3480">
        <f t="shared" si="393"/>
        <v>3.5439589912705243</v>
      </c>
      <c r="L3480">
        <f t="shared" si="394"/>
        <v>1.7719794956352621</v>
      </c>
      <c r="M3480">
        <f t="shared" si="395"/>
        <v>0</v>
      </c>
      <c r="N3480" s="45">
        <f t="shared" si="396"/>
        <v>45070.583333324976</v>
      </c>
    </row>
    <row r="3481" spans="2:14" x14ac:dyDescent="0.25">
      <c r="B3481">
        <f t="shared" si="390"/>
        <v>3</v>
      </c>
      <c r="C3481" s="16">
        <v>3447</v>
      </c>
      <c r="D3481" cm="1">
        <f t="array" ref="D3481">IFERROR(INDEX(Jesper!AH$2:AH$366,ROUNDDOWN($C3481/24,0)+1,1)*INDEX($D$3:$AA$30,INDEX(Jesper!$R$2:$R$366,ROW(INDEX(Jesper!AH$2:AH$366,ROUNDDOWN($C3481/24,0)+1,1))-1)+IF('Standard Profiles'!$G$18=$B$10,7,0)+IF('Standard Profiles'!$G$18=$B$17,14,0)+IF('Standard Profiles'!$G$18=$B$24,21,0),MOD($C3481,24)+1)/SUM(INDEX($D$3:$AA$30,INDEX(Jesper!$R$2:$R$366,ROW(INDEX(Jesper!AH$2:AH$366,ROUNDDOWN($C3481/24,0)+1,1))-1)+IF('Standard Profiles'!$G$18=$B$10,7,0)+IF('Standard Profiles'!$G$18=$B$17,14,0)+IF('Standard Profiles'!$G$18=$B$24,21,0),0)),0)</f>
        <v>33.224615543161164</v>
      </c>
      <c r="E3481" cm="1">
        <f t="array" ref="E3481">IFERROR(INDEX(Jesper!AI$2:AI$366,ROUNDDOWN($C3481/24,0)+1,1)*INDEX($D$3:$AA$30,INDEX(Jesper!$R$2:$R$366,ROW(INDEX(Jesper!AI$2:AI$366,ROUNDDOWN($C3481/24,0)+1,1))-1)+IF('Standard Profiles'!$G$19=$B$10,7,0)+IF('Standard Profiles'!$G$19=$B$17,14,0)+IF('Standard Profiles'!$G$19=$B$24,21,0),MOD($C3481,24)+1)/SUM(INDEX($D$3:$AA$30,INDEX(Jesper!$R$2:$R$366,ROW(INDEX(Jesper!AI$2:AI$366,ROUNDDOWN($C3481/24,0)+1,1))-1)+IF('Standard Profiles'!$G$19=$B$10,7,0)+IF('Standard Profiles'!$G$19=$B$17,14,0)+IF('Standard Profiles'!$G$19=$B$24,21,0),0)),0)</f>
        <v>15.563640896572204</v>
      </c>
      <c r="F3481" cm="1">
        <f t="array" ref="F3481">IFERROR(INDEX(Jesper!AJ$2:AJ$366,ROUNDDOWN($C3481/24,0)+1,1)*INDEX($D$3:$AA$30,INDEX(Jesper!$R$2:$R$366,ROW(INDEX(Jesper!AJ$2:AJ$366,ROUNDDOWN($C3481/24,0)+1,1))-1)+IF('Standard Profiles'!$G$20=$B$10,7,0)+IF('Standard Profiles'!$G$20=$B$17,14,0)+IF('Standard Profiles'!$G$20=$B$24,21,0),MOD($C3481,24)+1)/SUM(INDEX($D$3:$AA$30,INDEX(Jesper!$R$2:$R$366,ROW(INDEX(Jesper!AJ$2:AJ$366,ROUNDDOWN($C3481/24,0)+1,1))-1)+IF('Standard Profiles'!$G$20=$B$10,7,0)+IF('Standard Profiles'!$G$20=$B$17,14,0)+IF('Standard Profiles'!$G$20=$B$24,21,0),0)),0)</f>
        <v>0</v>
      </c>
      <c r="G3481" cm="1">
        <f t="array" ref="G3481">IFERROR(INDEX(Jesper!AK$2:AK$366,ROUNDDOWN($C3481/24,0)+1,1)*INDEX($D$3:$AA$30,INDEX(Jesper!$R$2:$R$366,ROW(INDEX(Jesper!AK$2:AK$366,ROUNDDOWN($C3481/24,0)+1,1))-1)+IF('Standard Profiles'!$G$21=$B$10,7,0)+IF('Standard Profiles'!$G$21=$B$17,14,0)+IF('Standard Profiles'!$G$21=$B$24,21,0),MOD($C3481,24)+1)/SUM(INDEX($D$3:$AA$30,INDEX(Jesper!$R$2:$R$366,ROW(INDEX(Jesper!AK$2:AK$366,ROUNDDOWN($C3481/24,0)+1,1))-1)+IF('Standard Profiles'!$G$21=$B$10,7,0)+IF('Standard Profiles'!$G$21=$B$17,14,0)+IF('Standard Profiles'!$G$21=$B$24,21,0),0)),0)</f>
        <v>2.6715328974474755</v>
      </c>
      <c r="H3481" cm="1">
        <f t="array" ref="H3481">IFERROR(INDEX(Jesper!AL$2:AL$366,ROUNDDOWN($C3481/24,0)+1,1)*INDEX($D$3:$AA$30,INDEX(Jesper!$R$2:$R$366,ROW(INDEX(Jesper!AL$2:AL$366,ROUNDDOWN($C3481/24,0)+1,1))-1)+IF('Standard Profiles'!$G$22=$B$10,7,0)+IF('Standard Profiles'!$G$22=$B$17,14,0)+IF('Standard Profiles'!$G$22=$B$24,21,0),MOD($C3481,24)+1)/SUM(INDEX($D$3:$AA$30,INDEX(Jesper!$R$2:$R$366,ROW(INDEX(Jesper!AL$2:AL$366,ROUNDDOWN($C3481/24,0)+1,1))-1)+IF('Standard Profiles'!$G$22=$B$10,7,0)+IF('Standard Profiles'!$G$22=$B$17,14,0)+IF('Standard Profiles'!$G$22=$B$24,21,0),0)),0)</f>
        <v>0</v>
      </c>
      <c r="I3481">
        <f t="shared" si="391"/>
        <v>1.2823357907747877</v>
      </c>
      <c r="J3481">
        <f t="shared" si="392"/>
        <v>44.86151505950027</v>
      </c>
      <c r="K3481">
        <f t="shared" si="393"/>
        <v>3.5439589912705243</v>
      </c>
      <c r="L3481">
        <f t="shared" si="394"/>
        <v>1.7719794956352621</v>
      </c>
      <c r="M3481">
        <f t="shared" si="395"/>
        <v>0</v>
      </c>
      <c r="N3481" s="45">
        <f t="shared" si="396"/>
        <v>45070.62499999164</v>
      </c>
    </row>
    <row r="3482" spans="2:14" x14ac:dyDescent="0.25">
      <c r="B3482">
        <f t="shared" si="390"/>
        <v>3</v>
      </c>
      <c r="C3482" s="16">
        <v>3448</v>
      </c>
      <c r="D3482" cm="1">
        <f t="array" ref="D3482">IFERROR(INDEX(Jesper!AH$2:AH$366,ROUNDDOWN($C3482/24,0)+1,1)*INDEX($D$3:$AA$30,INDEX(Jesper!$R$2:$R$366,ROW(INDEX(Jesper!AH$2:AH$366,ROUNDDOWN($C3482/24,0)+1,1))-1)+IF('Standard Profiles'!$G$18=$B$10,7,0)+IF('Standard Profiles'!$G$18=$B$17,14,0)+IF('Standard Profiles'!$G$18=$B$24,21,0),MOD($C3482,24)+1)/SUM(INDEX($D$3:$AA$30,INDEX(Jesper!$R$2:$R$366,ROW(INDEX(Jesper!AH$2:AH$366,ROUNDDOWN($C3482/24,0)+1,1))-1)+IF('Standard Profiles'!$G$18=$B$10,7,0)+IF('Standard Profiles'!$G$18=$B$17,14,0)+IF('Standard Profiles'!$G$18=$B$24,21,0),0)),0)</f>
        <v>19.578791302219972</v>
      </c>
      <c r="E3482" cm="1">
        <f t="array" ref="E3482">IFERROR(INDEX(Jesper!AI$2:AI$366,ROUNDDOWN($C3482/24,0)+1,1)*INDEX($D$3:$AA$30,INDEX(Jesper!$R$2:$R$366,ROW(INDEX(Jesper!AI$2:AI$366,ROUNDDOWN($C3482/24,0)+1,1))-1)+IF('Standard Profiles'!$G$19=$B$10,7,0)+IF('Standard Profiles'!$G$19=$B$17,14,0)+IF('Standard Profiles'!$G$19=$B$24,21,0),MOD($C3482,24)+1)/SUM(INDEX($D$3:$AA$30,INDEX(Jesper!$R$2:$R$366,ROW(INDEX(Jesper!AI$2:AI$366,ROUNDDOWN($C3482/24,0)+1,1))-1)+IF('Standard Profiles'!$G$19=$B$10,7,0)+IF('Standard Profiles'!$G$19=$B$17,14,0)+IF('Standard Profiles'!$G$19=$B$24,21,0),0)),0)</f>
        <v>9.1714312426229068</v>
      </c>
      <c r="F3482" cm="1">
        <f t="array" ref="F3482">IFERROR(INDEX(Jesper!AJ$2:AJ$366,ROUNDDOWN($C3482/24,0)+1,1)*INDEX($D$3:$AA$30,INDEX(Jesper!$R$2:$R$366,ROW(INDEX(Jesper!AJ$2:AJ$366,ROUNDDOWN($C3482/24,0)+1,1))-1)+IF('Standard Profiles'!$G$20=$B$10,7,0)+IF('Standard Profiles'!$G$20=$B$17,14,0)+IF('Standard Profiles'!$G$20=$B$24,21,0),MOD($C3482,24)+1)/SUM(INDEX($D$3:$AA$30,INDEX(Jesper!$R$2:$R$366,ROW(INDEX(Jesper!AJ$2:AJ$366,ROUNDDOWN($C3482/24,0)+1,1))-1)+IF('Standard Profiles'!$G$20=$B$10,7,0)+IF('Standard Profiles'!$G$20=$B$17,14,0)+IF('Standard Profiles'!$G$20=$B$24,21,0),0)),0)</f>
        <v>0</v>
      </c>
      <c r="G3482" cm="1">
        <f t="array" ref="G3482">IFERROR(INDEX(Jesper!AK$2:AK$366,ROUNDDOWN($C3482/24,0)+1,1)*INDEX($D$3:$AA$30,INDEX(Jesper!$R$2:$R$366,ROW(INDEX(Jesper!AK$2:AK$366,ROUNDDOWN($C3482/24,0)+1,1))-1)+IF('Standard Profiles'!$G$21=$B$10,7,0)+IF('Standard Profiles'!$G$21=$B$17,14,0)+IF('Standard Profiles'!$G$21=$B$24,21,0),MOD($C3482,24)+1)/SUM(INDEX($D$3:$AA$30,INDEX(Jesper!$R$2:$R$366,ROW(INDEX(Jesper!AK$2:AK$366,ROUNDDOWN($C3482/24,0)+1,1))-1)+IF('Standard Profiles'!$G$21=$B$10,7,0)+IF('Standard Profiles'!$G$21=$B$17,14,0)+IF('Standard Profiles'!$G$21=$B$24,21,0),0)),0)</f>
        <v>2.2323092006380696</v>
      </c>
      <c r="H3482" cm="1">
        <f t="array" ref="H3482">IFERROR(INDEX(Jesper!AL$2:AL$366,ROUNDDOWN($C3482/24,0)+1,1)*INDEX($D$3:$AA$30,INDEX(Jesper!$R$2:$R$366,ROW(INDEX(Jesper!AL$2:AL$366,ROUNDDOWN($C3482/24,0)+1,1))-1)+IF('Standard Profiles'!$G$22=$B$10,7,0)+IF('Standard Profiles'!$G$22=$B$17,14,0)+IF('Standard Profiles'!$G$22=$B$24,21,0),MOD($C3482,24)+1)/SUM(INDEX($D$3:$AA$30,INDEX(Jesper!$R$2:$R$366,ROW(INDEX(Jesper!AL$2:AL$366,ROUNDDOWN($C3482/24,0)+1,1))-1)+IF('Standard Profiles'!$G$22=$B$10,7,0)+IF('Standard Profiles'!$G$22=$B$17,14,0)+IF('Standard Profiles'!$G$22=$B$24,21,0),0)),0)</f>
        <v>0</v>
      </c>
      <c r="I3482">
        <f t="shared" si="391"/>
        <v>1.0715084163062729</v>
      </c>
      <c r="J3482">
        <f t="shared" si="392"/>
        <v>26.778416720819479</v>
      </c>
      <c r="K3482">
        <f t="shared" si="393"/>
        <v>2.0884044055701305</v>
      </c>
      <c r="L3482">
        <f t="shared" si="394"/>
        <v>1.0442022027850653</v>
      </c>
      <c r="M3482">
        <f t="shared" si="395"/>
        <v>0</v>
      </c>
      <c r="N3482" s="45">
        <f t="shared" si="396"/>
        <v>45070.666666658304</v>
      </c>
    </row>
    <row r="3483" spans="2:14" x14ac:dyDescent="0.25">
      <c r="B3483">
        <f t="shared" si="390"/>
        <v>3</v>
      </c>
      <c r="C3483" s="16">
        <v>3449</v>
      </c>
      <c r="D3483" cm="1">
        <f t="array" ref="D3483">IFERROR(INDEX(Jesper!AH$2:AH$366,ROUNDDOWN($C3483/24,0)+1,1)*INDEX($D$3:$AA$30,INDEX(Jesper!$R$2:$R$366,ROW(INDEX(Jesper!AH$2:AH$366,ROUNDDOWN($C3483/24,0)+1,1))-1)+IF('Standard Profiles'!$G$18=$B$10,7,0)+IF('Standard Profiles'!$G$18=$B$17,14,0)+IF('Standard Profiles'!$G$18=$B$24,21,0),MOD($C3483,24)+1)/SUM(INDEX($D$3:$AA$30,INDEX(Jesper!$R$2:$R$366,ROW(INDEX(Jesper!AH$2:AH$366,ROUNDDOWN($C3483/24,0)+1,1))-1)+IF('Standard Profiles'!$G$18=$B$10,7,0)+IF('Standard Profiles'!$G$18=$B$17,14,0)+IF('Standard Profiles'!$G$18=$B$24,21,0),0)),0)</f>
        <v>8.356291635603915</v>
      </c>
      <c r="E3483" cm="1">
        <f t="array" ref="E3483">IFERROR(INDEX(Jesper!AI$2:AI$366,ROUNDDOWN($C3483/24,0)+1,1)*INDEX($D$3:$AA$30,INDEX(Jesper!$R$2:$R$366,ROW(INDEX(Jesper!AI$2:AI$366,ROUNDDOWN($C3483/24,0)+1,1))-1)+IF('Standard Profiles'!$G$19=$B$10,7,0)+IF('Standard Profiles'!$G$19=$B$17,14,0)+IF('Standard Profiles'!$G$19=$B$24,21,0),MOD($C3483,24)+1)/SUM(INDEX($D$3:$AA$30,INDEX(Jesper!$R$2:$R$366,ROW(INDEX(Jesper!AI$2:AI$366,ROUNDDOWN($C3483/24,0)+1,1))-1)+IF('Standard Profiles'!$G$19=$B$10,7,0)+IF('Standard Profiles'!$G$19=$B$17,14,0)+IF('Standard Profiles'!$G$19=$B$24,21,0),0)),0)</f>
        <v>3.914396603765645</v>
      </c>
      <c r="F3483" cm="1">
        <f t="array" ref="F3483">IFERROR(INDEX(Jesper!AJ$2:AJ$366,ROUNDDOWN($C3483/24,0)+1,1)*INDEX($D$3:$AA$30,INDEX(Jesper!$R$2:$R$366,ROW(INDEX(Jesper!AJ$2:AJ$366,ROUNDDOWN($C3483/24,0)+1,1))-1)+IF('Standard Profiles'!$G$20=$B$10,7,0)+IF('Standard Profiles'!$G$20=$B$17,14,0)+IF('Standard Profiles'!$G$20=$B$24,21,0),MOD($C3483,24)+1)/SUM(INDEX($D$3:$AA$30,INDEX(Jesper!$R$2:$R$366,ROW(INDEX(Jesper!AJ$2:AJ$366,ROUNDDOWN($C3483/24,0)+1,1))-1)+IF('Standard Profiles'!$G$20=$B$10,7,0)+IF('Standard Profiles'!$G$20=$B$17,14,0)+IF('Standard Profiles'!$G$20=$B$24,21,0),0)),0)</f>
        <v>0</v>
      </c>
      <c r="G3483" cm="1">
        <f t="array" ref="G3483">IFERROR(INDEX(Jesper!AK$2:AK$366,ROUNDDOWN($C3483/24,0)+1,1)*INDEX($D$3:$AA$30,INDEX(Jesper!$R$2:$R$366,ROW(INDEX(Jesper!AK$2:AK$366,ROUNDDOWN($C3483/24,0)+1,1))-1)+IF('Standard Profiles'!$G$21=$B$10,7,0)+IF('Standard Profiles'!$G$21=$B$17,14,0)+IF('Standard Profiles'!$G$21=$B$24,21,0),MOD($C3483,24)+1)/SUM(INDEX($D$3:$AA$30,INDEX(Jesper!$R$2:$R$366,ROW(INDEX(Jesper!AK$2:AK$366,ROUNDDOWN($C3483/24,0)+1,1))-1)+IF('Standard Profiles'!$G$21=$B$10,7,0)+IF('Standard Profiles'!$G$21=$B$17,14,0)+IF('Standard Profiles'!$G$21=$B$24,21,0),0)),0)</f>
        <v>1.7749901455331443</v>
      </c>
      <c r="H3483" cm="1">
        <f t="array" ref="H3483">IFERROR(INDEX(Jesper!AL$2:AL$366,ROUNDDOWN($C3483/24,0)+1,1)*INDEX($D$3:$AA$30,INDEX(Jesper!$R$2:$R$366,ROW(INDEX(Jesper!AL$2:AL$366,ROUNDDOWN($C3483/24,0)+1,1))-1)+IF('Standard Profiles'!$G$22=$B$10,7,0)+IF('Standard Profiles'!$G$22=$B$17,14,0)+IF('Standard Profiles'!$G$22=$B$24,21,0),MOD($C3483,24)+1)/SUM(INDEX($D$3:$AA$30,INDEX(Jesper!$R$2:$R$366,ROW(INDEX(Jesper!AL$2:AL$366,ROUNDDOWN($C3483/24,0)+1,1))-1)+IF('Standard Profiles'!$G$22=$B$10,7,0)+IF('Standard Profiles'!$G$22=$B$17,14,0)+IF('Standard Profiles'!$G$22=$B$24,21,0),0)),0)</f>
        <v>0</v>
      </c>
      <c r="I3483">
        <f t="shared" si="391"/>
        <v>0.85199526985590879</v>
      </c>
      <c r="J3483">
        <f t="shared" si="392"/>
        <v>11.856676453350168</v>
      </c>
      <c r="K3483">
        <f t="shared" si="393"/>
        <v>0.89133777446441764</v>
      </c>
      <c r="L3483">
        <f t="shared" si="394"/>
        <v>0.44566888723220882</v>
      </c>
      <c r="M3483">
        <f t="shared" si="395"/>
        <v>0</v>
      </c>
      <c r="N3483" s="45">
        <f t="shared" si="396"/>
        <v>45070.708333324968</v>
      </c>
    </row>
    <row r="3484" spans="2:14" x14ac:dyDescent="0.25">
      <c r="B3484">
        <f t="shared" si="390"/>
        <v>3</v>
      </c>
      <c r="C3484" s="16">
        <v>3450</v>
      </c>
      <c r="D3484" cm="1">
        <f t="array" ref="D3484">IFERROR(INDEX(Jesper!AH$2:AH$366,ROUNDDOWN($C3484/24,0)+1,1)*INDEX($D$3:$AA$30,INDEX(Jesper!$R$2:$R$366,ROW(INDEX(Jesper!AH$2:AH$366,ROUNDDOWN($C3484/24,0)+1,1))-1)+IF('Standard Profiles'!$G$18=$B$10,7,0)+IF('Standard Profiles'!$G$18=$B$17,14,0)+IF('Standard Profiles'!$G$18=$B$24,21,0),MOD($C3484,24)+1)/SUM(INDEX($D$3:$AA$30,INDEX(Jesper!$R$2:$R$366,ROW(INDEX(Jesper!AH$2:AH$366,ROUNDDOWN($C3484/24,0)+1,1))-1)+IF('Standard Profiles'!$G$18=$B$10,7,0)+IF('Standard Profiles'!$G$18=$B$17,14,0)+IF('Standard Profiles'!$G$18=$B$24,21,0),0)),0)</f>
        <v>5.5151524794985836</v>
      </c>
      <c r="E3484" cm="1">
        <f t="array" ref="E3484">IFERROR(INDEX(Jesper!AI$2:AI$366,ROUNDDOWN($C3484/24,0)+1,1)*INDEX($D$3:$AA$30,INDEX(Jesper!$R$2:$R$366,ROW(INDEX(Jesper!AI$2:AI$366,ROUNDDOWN($C3484/24,0)+1,1))-1)+IF('Standard Profiles'!$G$19=$B$10,7,0)+IF('Standard Profiles'!$G$19=$B$17,14,0)+IF('Standard Profiles'!$G$19=$B$24,21,0),MOD($C3484,24)+1)/SUM(INDEX($D$3:$AA$30,INDEX(Jesper!$R$2:$R$366,ROW(INDEX(Jesper!AI$2:AI$366,ROUNDDOWN($C3484/24,0)+1,1))-1)+IF('Standard Profiles'!$G$19=$B$10,7,0)+IF('Standard Profiles'!$G$19=$B$17,14,0)+IF('Standard Profiles'!$G$19=$B$24,21,0),0)),0)</f>
        <v>2.5835017584853257</v>
      </c>
      <c r="F3484" cm="1">
        <f t="array" ref="F3484">IFERROR(INDEX(Jesper!AJ$2:AJ$366,ROUNDDOWN($C3484/24,0)+1,1)*INDEX($D$3:$AA$30,INDEX(Jesper!$R$2:$R$366,ROW(INDEX(Jesper!AJ$2:AJ$366,ROUNDDOWN($C3484/24,0)+1,1))-1)+IF('Standard Profiles'!$G$20=$B$10,7,0)+IF('Standard Profiles'!$G$20=$B$17,14,0)+IF('Standard Profiles'!$G$20=$B$24,21,0),MOD($C3484,24)+1)/SUM(INDEX($D$3:$AA$30,INDEX(Jesper!$R$2:$R$366,ROW(INDEX(Jesper!AJ$2:AJ$366,ROUNDDOWN($C3484/24,0)+1,1))-1)+IF('Standard Profiles'!$G$20=$B$10,7,0)+IF('Standard Profiles'!$G$20=$B$17,14,0)+IF('Standard Profiles'!$G$20=$B$24,21,0),0)),0)</f>
        <v>0</v>
      </c>
      <c r="G3484" cm="1">
        <f t="array" ref="G3484">IFERROR(INDEX(Jesper!AK$2:AK$366,ROUNDDOWN($C3484/24,0)+1,1)*INDEX($D$3:$AA$30,INDEX(Jesper!$R$2:$R$366,ROW(INDEX(Jesper!AK$2:AK$366,ROUNDDOWN($C3484/24,0)+1,1))-1)+IF('Standard Profiles'!$G$21=$B$10,7,0)+IF('Standard Profiles'!$G$21=$B$17,14,0)+IF('Standard Profiles'!$G$21=$B$24,21,0),MOD($C3484,24)+1)/SUM(INDEX($D$3:$AA$30,INDEX(Jesper!$R$2:$R$366,ROW(INDEX(Jesper!AK$2:AK$366,ROUNDDOWN($C3484/24,0)+1,1))-1)+IF('Standard Profiles'!$G$21=$B$10,7,0)+IF('Standard Profiles'!$G$21=$B$17,14,0)+IF('Standard Profiles'!$G$21=$B$24,21,0),0)),0)</f>
        <v>0.65801302892794966</v>
      </c>
      <c r="H3484" cm="1">
        <f t="array" ref="H3484">IFERROR(INDEX(Jesper!AL$2:AL$366,ROUNDDOWN($C3484/24,0)+1,1)*INDEX($D$3:$AA$30,INDEX(Jesper!$R$2:$R$366,ROW(INDEX(Jesper!AL$2:AL$366,ROUNDDOWN($C3484/24,0)+1,1))-1)+IF('Standard Profiles'!$G$22=$B$10,7,0)+IF('Standard Profiles'!$G$22=$B$17,14,0)+IF('Standard Profiles'!$G$22=$B$24,21,0),MOD($C3484,24)+1)/SUM(INDEX($D$3:$AA$30,INDEX(Jesper!$R$2:$R$366,ROW(INDEX(Jesper!AL$2:AL$366,ROUNDDOWN($C3484/24,0)+1,1))-1)+IF('Standard Profiles'!$G$22=$B$10,7,0)+IF('Standard Profiles'!$G$22=$B$17,14,0)+IF('Standard Profiles'!$G$22=$B$24,21,0),0)),0)</f>
        <v>0</v>
      </c>
      <c r="I3484">
        <f t="shared" si="391"/>
        <v>0.31584625388541571</v>
      </c>
      <c r="J3484">
        <f t="shared" si="392"/>
        <v>7.5583966163066698</v>
      </c>
      <c r="K3484">
        <f t="shared" si="393"/>
        <v>0.58828293114651564</v>
      </c>
      <c r="L3484">
        <f t="shared" si="394"/>
        <v>0.29414146557325782</v>
      </c>
      <c r="M3484">
        <f t="shared" si="395"/>
        <v>0</v>
      </c>
      <c r="N3484" s="45">
        <f t="shared" si="396"/>
        <v>45070.749999991633</v>
      </c>
    </row>
    <row r="3485" spans="2:14" x14ac:dyDescent="0.25">
      <c r="B3485">
        <f t="shared" si="390"/>
        <v>3</v>
      </c>
      <c r="C3485" s="16">
        <v>3451</v>
      </c>
      <c r="D3485" cm="1">
        <f t="array" ref="D3485">IFERROR(INDEX(Jesper!AH$2:AH$366,ROUNDDOWN($C3485/24,0)+1,1)*INDEX($D$3:$AA$30,INDEX(Jesper!$R$2:$R$366,ROW(INDEX(Jesper!AH$2:AH$366,ROUNDDOWN($C3485/24,0)+1,1))-1)+IF('Standard Profiles'!$G$18=$B$10,7,0)+IF('Standard Profiles'!$G$18=$B$17,14,0)+IF('Standard Profiles'!$G$18=$B$24,21,0),MOD($C3485,24)+1)/SUM(INDEX($D$3:$AA$30,INDEX(Jesper!$R$2:$R$366,ROW(INDEX(Jesper!AH$2:AH$366,ROUNDDOWN($C3485/24,0)+1,1))-1)+IF('Standard Profiles'!$G$18=$B$10,7,0)+IF('Standard Profiles'!$G$18=$B$17,14,0)+IF('Standard Profiles'!$G$18=$B$24,21,0),0)),0)</f>
        <v>5.5151524794985836</v>
      </c>
      <c r="E3485" cm="1">
        <f t="array" ref="E3485">IFERROR(INDEX(Jesper!AI$2:AI$366,ROUNDDOWN($C3485/24,0)+1,1)*INDEX($D$3:$AA$30,INDEX(Jesper!$R$2:$R$366,ROW(INDEX(Jesper!AI$2:AI$366,ROUNDDOWN($C3485/24,0)+1,1))-1)+IF('Standard Profiles'!$G$19=$B$10,7,0)+IF('Standard Profiles'!$G$19=$B$17,14,0)+IF('Standard Profiles'!$G$19=$B$24,21,0),MOD($C3485,24)+1)/SUM(INDEX($D$3:$AA$30,INDEX(Jesper!$R$2:$R$366,ROW(INDEX(Jesper!AI$2:AI$366,ROUNDDOWN($C3485/24,0)+1,1))-1)+IF('Standard Profiles'!$G$19=$B$10,7,0)+IF('Standard Profiles'!$G$19=$B$17,14,0)+IF('Standard Profiles'!$G$19=$B$24,21,0),0)),0)</f>
        <v>2.5835017584853257</v>
      </c>
      <c r="F3485" cm="1">
        <f t="array" ref="F3485">IFERROR(INDEX(Jesper!AJ$2:AJ$366,ROUNDDOWN($C3485/24,0)+1,1)*INDEX($D$3:$AA$30,INDEX(Jesper!$R$2:$R$366,ROW(INDEX(Jesper!AJ$2:AJ$366,ROUNDDOWN($C3485/24,0)+1,1))-1)+IF('Standard Profiles'!$G$20=$B$10,7,0)+IF('Standard Profiles'!$G$20=$B$17,14,0)+IF('Standard Profiles'!$G$20=$B$24,21,0),MOD($C3485,24)+1)/SUM(INDEX($D$3:$AA$30,INDEX(Jesper!$R$2:$R$366,ROW(INDEX(Jesper!AJ$2:AJ$366,ROUNDDOWN($C3485/24,0)+1,1))-1)+IF('Standard Profiles'!$G$20=$B$10,7,0)+IF('Standard Profiles'!$G$20=$B$17,14,0)+IF('Standard Profiles'!$G$20=$B$24,21,0),0)),0)</f>
        <v>0</v>
      </c>
      <c r="G3485" cm="1">
        <f t="array" ref="G3485">IFERROR(INDEX(Jesper!AK$2:AK$366,ROUNDDOWN($C3485/24,0)+1,1)*INDEX($D$3:$AA$30,INDEX(Jesper!$R$2:$R$366,ROW(INDEX(Jesper!AK$2:AK$366,ROUNDDOWN($C3485/24,0)+1,1))-1)+IF('Standard Profiles'!$G$21=$B$10,7,0)+IF('Standard Profiles'!$G$21=$B$17,14,0)+IF('Standard Profiles'!$G$21=$B$24,21,0),MOD($C3485,24)+1)/SUM(INDEX($D$3:$AA$30,INDEX(Jesper!$R$2:$R$366,ROW(INDEX(Jesper!AK$2:AK$366,ROUNDDOWN($C3485/24,0)+1,1))-1)+IF('Standard Profiles'!$G$21=$B$10,7,0)+IF('Standard Profiles'!$G$21=$B$17,14,0)+IF('Standard Profiles'!$G$21=$B$24,21,0),0)),0)</f>
        <v>0.65801302892794966</v>
      </c>
      <c r="H3485" cm="1">
        <f t="array" ref="H3485">IFERROR(INDEX(Jesper!AL$2:AL$366,ROUNDDOWN($C3485/24,0)+1,1)*INDEX($D$3:$AA$30,INDEX(Jesper!$R$2:$R$366,ROW(INDEX(Jesper!AL$2:AL$366,ROUNDDOWN($C3485/24,0)+1,1))-1)+IF('Standard Profiles'!$G$22=$B$10,7,0)+IF('Standard Profiles'!$G$22=$B$17,14,0)+IF('Standard Profiles'!$G$22=$B$24,21,0),MOD($C3485,24)+1)/SUM(INDEX($D$3:$AA$30,INDEX(Jesper!$R$2:$R$366,ROW(INDEX(Jesper!AL$2:AL$366,ROUNDDOWN($C3485/24,0)+1,1))-1)+IF('Standard Profiles'!$G$22=$B$10,7,0)+IF('Standard Profiles'!$G$22=$B$17,14,0)+IF('Standard Profiles'!$G$22=$B$24,21,0),0)),0)</f>
        <v>0</v>
      </c>
      <c r="I3485">
        <f t="shared" si="391"/>
        <v>0.31584625388541571</v>
      </c>
      <c r="J3485">
        <f t="shared" si="392"/>
        <v>7.5583966163066698</v>
      </c>
      <c r="K3485">
        <f t="shared" si="393"/>
        <v>0.58828293114651564</v>
      </c>
      <c r="L3485">
        <f t="shared" si="394"/>
        <v>0.29414146557325782</v>
      </c>
      <c r="M3485">
        <f t="shared" si="395"/>
        <v>0</v>
      </c>
      <c r="N3485" s="45">
        <f t="shared" si="396"/>
        <v>45070.791666658297</v>
      </c>
    </row>
    <row r="3486" spans="2:14" x14ac:dyDescent="0.25">
      <c r="B3486">
        <f t="shared" si="390"/>
        <v>3</v>
      </c>
      <c r="C3486" s="16">
        <v>3452</v>
      </c>
      <c r="D3486" cm="1">
        <f t="array" ref="D3486">IFERROR(INDEX(Jesper!AH$2:AH$366,ROUNDDOWN($C3486/24,0)+1,1)*INDEX($D$3:$AA$30,INDEX(Jesper!$R$2:$R$366,ROW(INDEX(Jesper!AH$2:AH$366,ROUNDDOWN($C3486/24,0)+1,1))-1)+IF('Standard Profiles'!$G$18=$B$10,7,0)+IF('Standard Profiles'!$G$18=$B$17,14,0)+IF('Standard Profiles'!$G$18=$B$24,21,0),MOD($C3486,24)+1)/SUM(INDEX($D$3:$AA$30,INDEX(Jesper!$R$2:$R$366,ROW(INDEX(Jesper!AH$2:AH$366,ROUNDDOWN($C3486/24,0)+1,1))-1)+IF('Standard Profiles'!$G$18=$B$10,7,0)+IF('Standard Profiles'!$G$18=$B$17,14,0)+IF('Standard Profiles'!$G$18=$B$24,21,0),0)),0)</f>
        <v>5.5151524794985836</v>
      </c>
      <c r="E3486" cm="1">
        <f t="array" ref="E3486">IFERROR(INDEX(Jesper!AI$2:AI$366,ROUNDDOWN($C3486/24,0)+1,1)*INDEX($D$3:$AA$30,INDEX(Jesper!$R$2:$R$366,ROW(INDEX(Jesper!AI$2:AI$366,ROUNDDOWN($C3486/24,0)+1,1))-1)+IF('Standard Profiles'!$G$19=$B$10,7,0)+IF('Standard Profiles'!$G$19=$B$17,14,0)+IF('Standard Profiles'!$G$19=$B$24,21,0),MOD($C3486,24)+1)/SUM(INDEX($D$3:$AA$30,INDEX(Jesper!$R$2:$R$366,ROW(INDEX(Jesper!AI$2:AI$366,ROUNDDOWN($C3486/24,0)+1,1))-1)+IF('Standard Profiles'!$G$19=$B$10,7,0)+IF('Standard Profiles'!$G$19=$B$17,14,0)+IF('Standard Profiles'!$G$19=$B$24,21,0),0)),0)</f>
        <v>2.5835017584853257</v>
      </c>
      <c r="F3486" cm="1">
        <f t="array" ref="F3486">IFERROR(INDEX(Jesper!AJ$2:AJ$366,ROUNDDOWN($C3486/24,0)+1,1)*INDEX($D$3:$AA$30,INDEX(Jesper!$R$2:$R$366,ROW(INDEX(Jesper!AJ$2:AJ$366,ROUNDDOWN($C3486/24,0)+1,1))-1)+IF('Standard Profiles'!$G$20=$B$10,7,0)+IF('Standard Profiles'!$G$20=$B$17,14,0)+IF('Standard Profiles'!$G$20=$B$24,21,0),MOD($C3486,24)+1)/SUM(INDEX($D$3:$AA$30,INDEX(Jesper!$R$2:$R$366,ROW(INDEX(Jesper!AJ$2:AJ$366,ROUNDDOWN($C3486/24,0)+1,1))-1)+IF('Standard Profiles'!$G$20=$B$10,7,0)+IF('Standard Profiles'!$G$20=$B$17,14,0)+IF('Standard Profiles'!$G$20=$B$24,21,0),0)),0)</f>
        <v>0</v>
      </c>
      <c r="G3486" cm="1">
        <f t="array" ref="G3486">IFERROR(INDEX(Jesper!AK$2:AK$366,ROUNDDOWN($C3486/24,0)+1,1)*INDEX($D$3:$AA$30,INDEX(Jesper!$R$2:$R$366,ROW(INDEX(Jesper!AK$2:AK$366,ROUNDDOWN($C3486/24,0)+1,1))-1)+IF('Standard Profiles'!$G$21=$B$10,7,0)+IF('Standard Profiles'!$G$21=$B$17,14,0)+IF('Standard Profiles'!$G$21=$B$24,21,0),MOD($C3486,24)+1)/SUM(INDEX($D$3:$AA$30,INDEX(Jesper!$R$2:$R$366,ROW(INDEX(Jesper!AK$2:AK$366,ROUNDDOWN($C3486/24,0)+1,1))-1)+IF('Standard Profiles'!$G$21=$B$10,7,0)+IF('Standard Profiles'!$G$21=$B$17,14,0)+IF('Standard Profiles'!$G$21=$B$24,21,0),0)),0)</f>
        <v>0.65801302892794966</v>
      </c>
      <c r="H3486" cm="1">
        <f t="array" ref="H3486">IFERROR(INDEX(Jesper!AL$2:AL$366,ROUNDDOWN($C3486/24,0)+1,1)*INDEX($D$3:$AA$30,INDEX(Jesper!$R$2:$R$366,ROW(INDEX(Jesper!AL$2:AL$366,ROUNDDOWN($C3486/24,0)+1,1))-1)+IF('Standard Profiles'!$G$22=$B$10,7,0)+IF('Standard Profiles'!$G$22=$B$17,14,0)+IF('Standard Profiles'!$G$22=$B$24,21,0),MOD($C3486,24)+1)/SUM(INDEX($D$3:$AA$30,INDEX(Jesper!$R$2:$R$366,ROW(INDEX(Jesper!AL$2:AL$366,ROUNDDOWN($C3486/24,0)+1,1))-1)+IF('Standard Profiles'!$G$22=$B$10,7,0)+IF('Standard Profiles'!$G$22=$B$17,14,0)+IF('Standard Profiles'!$G$22=$B$24,21,0),0)),0)</f>
        <v>0</v>
      </c>
      <c r="I3486">
        <f t="shared" si="391"/>
        <v>0.31584625388541571</v>
      </c>
      <c r="J3486">
        <f t="shared" si="392"/>
        <v>7.5583966163066698</v>
      </c>
      <c r="K3486">
        <f t="shared" si="393"/>
        <v>0.58828293114651564</v>
      </c>
      <c r="L3486">
        <f t="shared" si="394"/>
        <v>0.29414146557325782</v>
      </c>
      <c r="M3486">
        <f t="shared" si="395"/>
        <v>0</v>
      </c>
      <c r="N3486" s="45">
        <f t="shared" si="396"/>
        <v>45070.833333324961</v>
      </c>
    </row>
    <row r="3487" spans="2:14" x14ac:dyDescent="0.25">
      <c r="B3487">
        <f t="shared" si="390"/>
        <v>3</v>
      </c>
      <c r="C3487" s="16">
        <v>3453</v>
      </c>
      <c r="D3487" cm="1">
        <f t="array" ref="D3487">IFERROR(INDEX(Jesper!AH$2:AH$366,ROUNDDOWN($C3487/24,0)+1,1)*INDEX($D$3:$AA$30,INDEX(Jesper!$R$2:$R$366,ROW(INDEX(Jesper!AH$2:AH$366,ROUNDDOWN($C3487/24,0)+1,1))-1)+IF('Standard Profiles'!$G$18=$B$10,7,0)+IF('Standard Profiles'!$G$18=$B$17,14,0)+IF('Standard Profiles'!$G$18=$B$24,21,0),MOD($C3487,24)+1)/SUM(INDEX($D$3:$AA$30,INDEX(Jesper!$R$2:$R$366,ROW(INDEX(Jesper!AH$2:AH$366,ROUNDDOWN($C3487/24,0)+1,1))-1)+IF('Standard Profiles'!$G$18=$B$10,7,0)+IF('Standard Profiles'!$G$18=$B$17,14,0)+IF('Standard Profiles'!$G$18=$B$24,21,0),0)),0)</f>
        <v>5.5151524794985836</v>
      </c>
      <c r="E3487" cm="1">
        <f t="array" ref="E3487">IFERROR(INDEX(Jesper!AI$2:AI$366,ROUNDDOWN($C3487/24,0)+1,1)*INDEX($D$3:$AA$30,INDEX(Jesper!$R$2:$R$366,ROW(INDEX(Jesper!AI$2:AI$366,ROUNDDOWN($C3487/24,0)+1,1))-1)+IF('Standard Profiles'!$G$19=$B$10,7,0)+IF('Standard Profiles'!$G$19=$B$17,14,0)+IF('Standard Profiles'!$G$19=$B$24,21,0),MOD($C3487,24)+1)/SUM(INDEX($D$3:$AA$30,INDEX(Jesper!$R$2:$R$366,ROW(INDEX(Jesper!AI$2:AI$366,ROUNDDOWN($C3487/24,0)+1,1))-1)+IF('Standard Profiles'!$G$19=$B$10,7,0)+IF('Standard Profiles'!$G$19=$B$17,14,0)+IF('Standard Profiles'!$G$19=$B$24,21,0),0)),0)</f>
        <v>2.5835017584853257</v>
      </c>
      <c r="F3487" cm="1">
        <f t="array" ref="F3487">IFERROR(INDEX(Jesper!AJ$2:AJ$366,ROUNDDOWN($C3487/24,0)+1,1)*INDEX($D$3:$AA$30,INDEX(Jesper!$R$2:$R$366,ROW(INDEX(Jesper!AJ$2:AJ$366,ROUNDDOWN($C3487/24,0)+1,1))-1)+IF('Standard Profiles'!$G$20=$B$10,7,0)+IF('Standard Profiles'!$G$20=$B$17,14,0)+IF('Standard Profiles'!$G$20=$B$24,21,0),MOD($C3487,24)+1)/SUM(INDEX($D$3:$AA$30,INDEX(Jesper!$R$2:$R$366,ROW(INDEX(Jesper!AJ$2:AJ$366,ROUNDDOWN($C3487/24,0)+1,1))-1)+IF('Standard Profiles'!$G$20=$B$10,7,0)+IF('Standard Profiles'!$G$20=$B$17,14,0)+IF('Standard Profiles'!$G$20=$B$24,21,0),0)),0)</f>
        <v>0</v>
      </c>
      <c r="G3487" cm="1">
        <f t="array" ref="G3487">IFERROR(INDEX(Jesper!AK$2:AK$366,ROUNDDOWN($C3487/24,0)+1,1)*INDEX($D$3:$AA$30,INDEX(Jesper!$R$2:$R$366,ROW(INDEX(Jesper!AK$2:AK$366,ROUNDDOWN($C3487/24,0)+1,1))-1)+IF('Standard Profiles'!$G$21=$B$10,7,0)+IF('Standard Profiles'!$G$21=$B$17,14,0)+IF('Standard Profiles'!$G$21=$B$24,21,0),MOD($C3487,24)+1)/SUM(INDEX($D$3:$AA$30,INDEX(Jesper!$R$2:$R$366,ROW(INDEX(Jesper!AK$2:AK$366,ROUNDDOWN($C3487/24,0)+1,1))-1)+IF('Standard Profiles'!$G$21=$B$10,7,0)+IF('Standard Profiles'!$G$21=$B$17,14,0)+IF('Standard Profiles'!$G$21=$B$24,21,0),0)),0)</f>
        <v>0.65801302892794966</v>
      </c>
      <c r="H3487" cm="1">
        <f t="array" ref="H3487">IFERROR(INDEX(Jesper!AL$2:AL$366,ROUNDDOWN($C3487/24,0)+1,1)*INDEX($D$3:$AA$30,INDEX(Jesper!$R$2:$R$366,ROW(INDEX(Jesper!AL$2:AL$366,ROUNDDOWN($C3487/24,0)+1,1))-1)+IF('Standard Profiles'!$G$22=$B$10,7,0)+IF('Standard Profiles'!$G$22=$B$17,14,0)+IF('Standard Profiles'!$G$22=$B$24,21,0),MOD($C3487,24)+1)/SUM(INDEX($D$3:$AA$30,INDEX(Jesper!$R$2:$R$366,ROW(INDEX(Jesper!AL$2:AL$366,ROUNDDOWN($C3487/24,0)+1,1))-1)+IF('Standard Profiles'!$G$22=$B$10,7,0)+IF('Standard Profiles'!$G$22=$B$17,14,0)+IF('Standard Profiles'!$G$22=$B$24,21,0),0)),0)</f>
        <v>0</v>
      </c>
      <c r="I3487">
        <f t="shared" si="391"/>
        <v>0.31584625388541571</v>
      </c>
      <c r="J3487">
        <f t="shared" si="392"/>
        <v>7.5583966163066698</v>
      </c>
      <c r="K3487">
        <f t="shared" si="393"/>
        <v>0.58828293114651564</v>
      </c>
      <c r="L3487">
        <f t="shared" si="394"/>
        <v>0.29414146557325782</v>
      </c>
      <c r="M3487">
        <f t="shared" si="395"/>
        <v>0</v>
      </c>
      <c r="N3487" s="45">
        <f t="shared" si="396"/>
        <v>45070.874999991625</v>
      </c>
    </row>
    <row r="3488" spans="2:14" x14ac:dyDescent="0.25">
      <c r="B3488">
        <f t="shared" si="390"/>
        <v>3</v>
      </c>
      <c r="C3488" s="16">
        <v>3454</v>
      </c>
      <c r="D3488" cm="1">
        <f t="array" ref="D3488">IFERROR(INDEX(Jesper!AH$2:AH$366,ROUNDDOWN($C3488/24,0)+1,1)*INDEX($D$3:$AA$30,INDEX(Jesper!$R$2:$R$366,ROW(INDEX(Jesper!AH$2:AH$366,ROUNDDOWN($C3488/24,0)+1,1))-1)+IF('Standard Profiles'!$G$18=$B$10,7,0)+IF('Standard Profiles'!$G$18=$B$17,14,0)+IF('Standard Profiles'!$G$18=$B$24,21,0),MOD($C3488,24)+1)/SUM(INDEX($D$3:$AA$30,INDEX(Jesper!$R$2:$R$366,ROW(INDEX(Jesper!AH$2:AH$366,ROUNDDOWN($C3488/24,0)+1,1))-1)+IF('Standard Profiles'!$G$18=$B$10,7,0)+IF('Standard Profiles'!$G$18=$B$17,14,0)+IF('Standard Profiles'!$G$18=$B$24,21,0),0)),0)</f>
        <v>5.5151524794985836</v>
      </c>
      <c r="E3488" cm="1">
        <f t="array" ref="E3488">IFERROR(INDEX(Jesper!AI$2:AI$366,ROUNDDOWN($C3488/24,0)+1,1)*INDEX($D$3:$AA$30,INDEX(Jesper!$R$2:$R$366,ROW(INDEX(Jesper!AI$2:AI$366,ROUNDDOWN($C3488/24,0)+1,1))-1)+IF('Standard Profiles'!$G$19=$B$10,7,0)+IF('Standard Profiles'!$G$19=$B$17,14,0)+IF('Standard Profiles'!$G$19=$B$24,21,0),MOD($C3488,24)+1)/SUM(INDEX($D$3:$AA$30,INDEX(Jesper!$R$2:$R$366,ROW(INDEX(Jesper!AI$2:AI$366,ROUNDDOWN($C3488/24,0)+1,1))-1)+IF('Standard Profiles'!$G$19=$B$10,7,0)+IF('Standard Profiles'!$G$19=$B$17,14,0)+IF('Standard Profiles'!$G$19=$B$24,21,0),0)),0)</f>
        <v>2.5835017584853257</v>
      </c>
      <c r="F3488" cm="1">
        <f t="array" ref="F3488">IFERROR(INDEX(Jesper!AJ$2:AJ$366,ROUNDDOWN($C3488/24,0)+1,1)*INDEX($D$3:$AA$30,INDEX(Jesper!$R$2:$R$366,ROW(INDEX(Jesper!AJ$2:AJ$366,ROUNDDOWN($C3488/24,0)+1,1))-1)+IF('Standard Profiles'!$G$20=$B$10,7,0)+IF('Standard Profiles'!$G$20=$B$17,14,0)+IF('Standard Profiles'!$G$20=$B$24,21,0),MOD($C3488,24)+1)/SUM(INDEX($D$3:$AA$30,INDEX(Jesper!$R$2:$R$366,ROW(INDEX(Jesper!AJ$2:AJ$366,ROUNDDOWN($C3488/24,0)+1,1))-1)+IF('Standard Profiles'!$G$20=$B$10,7,0)+IF('Standard Profiles'!$G$20=$B$17,14,0)+IF('Standard Profiles'!$G$20=$B$24,21,0),0)),0)</f>
        <v>0</v>
      </c>
      <c r="G3488" cm="1">
        <f t="array" ref="G3488">IFERROR(INDEX(Jesper!AK$2:AK$366,ROUNDDOWN($C3488/24,0)+1,1)*INDEX($D$3:$AA$30,INDEX(Jesper!$R$2:$R$366,ROW(INDEX(Jesper!AK$2:AK$366,ROUNDDOWN($C3488/24,0)+1,1))-1)+IF('Standard Profiles'!$G$21=$B$10,7,0)+IF('Standard Profiles'!$G$21=$B$17,14,0)+IF('Standard Profiles'!$G$21=$B$24,21,0),MOD($C3488,24)+1)/SUM(INDEX($D$3:$AA$30,INDEX(Jesper!$R$2:$R$366,ROW(INDEX(Jesper!AK$2:AK$366,ROUNDDOWN($C3488/24,0)+1,1))-1)+IF('Standard Profiles'!$G$21=$B$10,7,0)+IF('Standard Profiles'!$G$21=$B$17,14,0)+IF('Standard Profiles'!$G$21=$B$24,21,0),0)),0)</f>
        <v>0.65801302892794966</v>
      </c>
      <c r="H3488" cm="1">
        <f t="array" ref="H3488">IFERROR(INDEX(Jesper!AL$2:AL$366,ROUNDDOWN($C3488/24,0)+1,1)*INDEX($D$3:$AA$30,INDEX(Jesper!$R$2:$R$366,ROW(INDEX(Jesper!AL$2:AL$366,ROUNDDOWN($C3488/24,0)+1,1))-1)+IF('Standard Profiles'!$G$22=$B$10,7,0)+IF('Standard Profiles'!$G$22=$B$17,14,0)+IF('Standard Profiles'!$G$22=$B$24,21,0),MOD($C3488,24)+1)/SUM(INDEX($D$3:$AA$30,INDEX(Jesper!$R$2:$R$366,ROW(INDEX(Jesper!AL$2:AL$366,ROUNDDOWN($C3488/24,0)+1,1))-1)+IF('Standard Profiles'!$G$22=$B$10,7,0)+IF('Standard Profiles'!$G$22=$B$17,14,0)+IF('Standard Profiles'!$G$22=$B$24,21,0),0)),0)</f>
        <v>0</v>
      </c>
      <c r="I3488">
        <f t="shared" si="391"/>
        <v>0.31584625388541571</v>
      </c>
      <c r="J3488">
        <f t="shared" si="392"/>
        <v>7.5583966163066698</v>
      </c>
      <c r="K3488">
        <f t="shared" si="393"/>
        <v>0.58828293114651564</v>
      </c>
      <c r="L3488">
        <f t="shared" si="394"/>
        <v>0.29414146557325782</v>
      </c>
      <c r="M3488">
        <f t="shared" si="395"/>
        <v>0</v>
      </c>
      <c r="N3488" s="45">
        <f t="shared" si="396"/>
        <v>45070.91666665829</v>
      </c>
    </row>
    <row r="3489" spans="2:14" x14ac:dyDescent="0.25">
      <c r="B3489">
        <f t="shared" si="390"/>
        <v>3</v>
      </c>
      <c r="C3489" s="16">
        <v>3455</v>
      </c>
      <c r="D3489" cm="1">
        <f t="array" ref="D3489">IFERROR(INDEX(Jesper!AH$2:AH$366,ROUNDDOWN($C3489/24,0)+1,1)*INDEX($D$3:$AA$30,INDEX(Jesper!$R$2:$R$366,ROW(INDEX(Jesper!AH$2:AH$366,ROUNDDOWN($C3489/24,0)+1,1))-1)+IF('Standard Profiles'!$G$18=$B$10,7,0)+IF('Standard Profiles'!$G$18=$B$17,14,0)+IF('Standard Profiles'!$G$18=$B$24,21,0),MOD($C3489,24)+1)/SUM(INDEX($D$3:$AA$30,INDEX(Jesper!$R$2:$R$366,ROW(INDEX(Jesper!AH$2:AH$366,ROUNDDOWN($C3489/24,0)+1,1))-1)+IF('Standard Profiles'!$G$18=$B$10,7,0)+IF('Standard Profiles'!$G$18=$B$17,14,0)+IF('Standard Profiles'!$G$18=$B$24,21,0),0)),0)</f>
        <v>5.5151524794985836</v>
      </c>
      <c r="E3489" cm="1">
        <f t="array" ref="E3489">IFERROR(INDEX(Jesper!AI$2:AI$366,ROUNDDOWN($C3489/24,0)+1,1)*INDEX($D$3:$AA$30,INDEX(Jesper!$R$2:$R$366,ROW(INDEX(Jesper!AI$2:AI$366,ROUNDDOWN($C3489/24,0)+1,1))-1)+IF('Standard Profiles'!$G$19=$B$10,7,0)+IF('Standard Profiles'!$G$19=$B$17,14,0)+IF('Standard Profiles'!$G$19=$B$24,21,0),MOD($C3489,24)+1)/SUM(INDEX($D$3:$AA$30,INDEX(Jesper!$R$2:$R$366,ROW(INDEX(Jesper!AI$2:AI$366,ROUNDDOWN($C3489/24,0)+1,1))-1)+IF('Standard Profiles'!$G$19=$B$10,7,0)+IF('Standard Profiles'!$G$19=$B$17,14,0)+IF('Standard Profiles'!$G$19=$B$24,21,0),0)),0)</f>
        <v>2.5835017584853257</v>
      </c>
      <c r="F3489" cm="1">
        <f t="array" ref="F3489">IFERROR(INDEX(Jesper!AJ$2:AJ$366,ROUNDDOWN($C3489/24,0)+1,1)*INDEX($D$3:$AA$30,INDEX(Jesper!$R$2:$R$366,ROW(INDEX(Jesper!AJ$2:AJ$366,ROUNDDOWN($C3489/24,0)+1,1))-1)+IF('Standard Profiles'!$G$20=$B$10,7,0)+IF('Standard Profiles'!$G$20=$B$17,14,0)+IF('Standard Profiles'!$G$20=$B$24,21,0),MOD($C3489,24)+1)/SUM(INDEX($D$3:$AA$30,INDEX(Jesper!$R$2:$R$366,ROW(INDEX(Jesper!AJ$2:AJ$366,ROUNDDOWN($C3489/24,0)+1,1))-1)+IF('Standard Profiles'!$G$20=$B$10,7,0)+IF('Standard Profiles'!$G$20=$B$17,14,0)+IF('Standard Profiles'!$G$20=$B$24,21,0),0)),0)</f>
        <v>0</v>
      </c>
      <c r="G3489" cm="1">
        <f t="array" ref="G3489">IFERROR(INDEX(Jesper!AK$2:AK$366,ROUNDDOWN($C3489/24,0)+1,1)*INDEX($D$3:$AA$30,INDEX(Jesper!$R$2:$R$366,ROW(INDEX(Jesper!AK$2:AK$366,ROUNDDOWN($C3489/24,0)+1,1))-1)+IF('Standard Profiles'!$G$21=$B$10,7,0)+IF('Standard Profiles'!$G$21=$B$17,14,0)+IF('Standard Profiles'!$G$21=$B$24,21,0),MOD($C3489,24)+1)/SUM(INDEX($D$3:$AA$30,INDEX(Jesper!$R$2:$R$366,ROW(INDEX(Jesper!AK$2:AK$366,ROUNDDOWN($C3489/24,0)+1,1))-1)+IF('Standard Profiles'!$G$21=$B$10,7,0)+IF('Standard Profiles'!$G$21=$B$17,14,0)+IF('Standard Profiles'!$G$21=$B$24,21,0),0)),0)</f>
        <v>0.65801302892794966</v>
      </c>
      <c r="H3489" cm="1">
        <f t="array" ref="H3489">IFERROR(INDEX(Jesper!AL$2:AL$366,ROUNDDOWN($C3489/24,0)+1,1)*INDEX($D$3:$AA$30,INDEX(Jesper!$R$2:$R$366,ROW(INDEX(Jesper!AL$2:AL$366,ROUNDDOWN($C3489/24,0)+1,1))-1)+IF('Standard Profiles'!$G$22=$B$10,7,0)+IF('Standard Profiles'!$G$22=$B$17,14,0)+IF('Standard Profiles'!$G$22=$B$24,21,0),MOD($C3489,24)+1)/SUM(INDEX($D$3:$AA$30,INDEX(Jesper!$R$2:$R$366,ROW(INDEX(Jesper!AL$2:AL$366,ROUNDDOWN($C3489/24,0)+1,1))-1)+IF('Standard Profiles'!$G$22=$B$10,7,0)+IF('Standard Profiles'!$G$22=$B$17,14,0)+IF('Standard Profiles'!$G$22=$B$24,21,0),0)),0)</f>
        <v>0</v>
      </c>
      <c r="I3489">
        <f t="shared" si="391"/>
        <v>0.31584625388541571</v>
      </c>
      <c r="J3489">
        <f t="shared" si="392"/>
        <v>7.5583966163066698</v>
      </c>
      <c r="K3489">
        <f t="shared" si="393"/>
        <v>0.58828293114651564</v>
      </c>
      <c r="L3489">
        <f t="shared" si="394"/>
        <v>0.29414146557325782</v>
      </c>
      <c r="M3489">
        <f t="shared" si="395"/>
        <v>0</v>
      </c>
      <c r="N3489" s="45">
        <f t="shared" si="396"/>
        <v>45070.958333324954</v>
      </c>
    </row>
    <row r="3490" spans="2:14" x14ac:dyDescent="0.25">
      <c r="B3490">
        <f t="shared" si="390"/>
        <v>4</v>
      </c>
      <c r="C3490" s="16">
        <v>3456</v>
      </c>
      <c r="D3490" cm="1">
        <f t="array" ref="D3490">IFERROR(INDEX(Jesper!AH$2:AH$366,ROUNDDOWN($C3490/24,0)+1,1)*INDEX($D$3:$AA$30,INDEX(Jesper!$R$2:$R$366,ROW(INDEX(Jesper!AH$2:AH$366,ROUNDDOWN($C3490/24,0)+1,1))-1)+IF('Standard Profiles'!$G$18=$B$10,7,0)+IF('Standard Profiles'!$G$18=$B$17,14,0)+IF('Standard Profiles'!$G$18=$B$24,21,0),MOD($C3490,24)+1)/SUM(INDEX($D$3:$AA$30,INDEX(Jesper!$R$2:$R$366,ROW(INDEX(Jesper!AH$2:AH$366,ROUNDDOWN($C3490/24,0)+1,1))-1)+IF('Standard Profiles'!$G$18=$B$10,7,0)+IF('Standard Profiles'!$G$18=$B$17,14,0)+IF('Standard Profiles'!$G$18=$B$24,21,0),0)),0)</f>
        <v>5.5361493048911612</v>
      </c>
      <c r="E3490" cm="1">
        <f t="array" ref="E3490">IFERROR(INDEX(Jesper!AI$2:AI$366,ROUNDDOWN($C3490/24,0)+1,1)*INDEX($D$3:$AA$30,INDEX(Jesper!$R$2:$R$366,ROW(INDEX(Jesper!AI$2:AI$366,ROUNDDOWN($C3490/24,0)+1,1))-1)+IF('Standard Profiles'!$G$19=$B$10,7,0)+IF('Standard Profiles'!$G$19=$B$17,14,0)+IF('Standard Profiles'!$G$19=$B$24,21,0),MOD($C3490,24)+1)/SUM(INDEX($D$3:$AA$30,INDEX(Jesper!$R$2:$R$366,ROW(INDEX(Jesper!AI$2:AI$366,ROUNDDOWN($C3490/24,0)+1,1))-1)+IF('Standard Profiles'!$G$19=$B$10,7,0)+IF('Standard Profiles'!$G$19=$B$17,14,0)+IF('Standard Profiles'!$G$19=$B$24,21,0),0)),0)</f>
        <v>2.6227514745501708</v>
      </c>
      <c r="F3490" cm="1">
        <f t="array" ref="F3490">IFERROR(INDEX(Jesper!AJ$2:AJ$366,ROUNDDOWN($C3490/24,0)+1,1)*INDEX($D$3:$AA$30,INDEX(Jesper!$R$2:$R$366,ROW(INDEX(Jesper!AJ$2:AJ$366,ROUNDDOWN($C3490/24,0)+1,1))-1)+IF('Standard Profiles'!$G$20=$B$10,7,0)+IF('Standard Profiles'!$G$20=$B$17,14,0)+IF('Standard Profiles'!$G$20=$B$24,21,0),MOD($C3490,24)+1)/SUM(INDEX($D$3:$AA$30,INDEX(Jesper!$R$2:$R$366,ROW(INDEX(Jesper!AJ$2:AJ$366,ROUNDDOWN($C3490/24,0)+1,1))-1)+IF('Standard Profiles'!$G$20=$B$10,7,0)+IF('Standard Profiles'!$G$20=$B$17,14,0)+IF('Standard Profiles'!$G$20=$B$24,21,0),0)),0)</f>
        <v>0</v>
      </c>
      <c r="G3490" cm="1">
        <f t="array" ref="G3490">IFERROR(INDEX(Jesper!AK$2:AK$366,ROUNDDOWN($C3490/24,0)+1,1)*INDEX($D$3:$AA$30,INDEX(Jesper!$R$2:$R$366,ROW(INDEX(Jesper!AK$2:AK$366,ROUNDDOWN($C3490/24,0)+1,1))-1)+IF('Standard Profiles'!$G$21=$B$10,7,0)+IF('Standard Profiles'!$G$21=$B$17,14,0)+IF('Standard Profiles'!$G$21=$B$24,21,0),MOD($C3490,24)+1)/SUM(INDEX($D$3:$AA$30,INDEX(Jesper!$R$2:$R$366,ROW(INDEX(Jesper!AK$2:AK$366,ROUNDDOWN($C3490/24,0)+1,1))-1)+IF('Standard Profiles'!$G$21=$B$10,7,0)+IF('Standard Profiles'!$G$21=$B$17,14,0)+IF('Standard Profiles'!$G$21=$B$24,21,0),0)),0)</f>
        <v>0.71229672853429193</v>
      </c>
      <c r="H3490" cm="1">
        <f t="array" ref="H3490">IFERROR(INDEX(Jesper!AL$2:AL$366,ROUNDDOWN($C3490/24,0)+1,1)*INDEX($D$3:$AA$30,INDEX(Jesper!$R$2:$R$366,ROW(INDEX(Jesper!AL$2:AL$366,ROUNDDOWN($C3490/24,0)+1,1))-1)+IF('Standard Profiles'!$G$22=$B$10,7,0)+IF('Standard Profiles'!$G$22=$B$17,14,0)+IF('Standard Profiles'!$G$22=$B$24,21,0),MOD($C3490,24)+1)/SUM(INDEX($D$3:$AA$30,INDEX(Jesper!$R$2:$R$366,ROW(INDEX(Jesper!AL$2:AL$366,ROUNDDOWN($C3490/24,0)+1,1))-1)+IF('Standard Profiles'!$G$22=$B$10,7,0)+IF('Standard Profiles'!$G$22=$B$17,14,0)+IF('Standard Profiles'!$G$22=$B$24,21,0),0)),0)</f>
        <v>0</v>
      </c>
      <c r="I3490">
        <f t="shared" si="391"/>
        <v>0.34190242969645995</v>
      </c>
      <c r="J3490">
        <f t="shared" si="392"/>
        <v>7.6435111894965777</v>
      </c>
      <c r="K3490">
        <f t="shared" si="393"/>
        <v>0.5905225925217239</v>
      </c>
      <c r="L3490">
        <f t="shared" si="394"/>
        <v>0.29526129626086195</v>
      </c>
      <c r="M3490">
        <f t="shared" si="395"/>
        <v>0</v>
      </c>
      <c r="N3490" s="45">
        <f t="shared" si="396"/>
        <v>45070.999999991618</v>
      </c>
    </row>
    <row r="3491" spans="2:14" x14ac:dyDescent="0.25">
      <c r="B3491">
        <f t="shared" ref="B3491:B3554" si="397">WEEKDAY(N3491,2)</f>
        <v>4</v>
      </c>
      <c r="C3491" s="16">
        <v>3457</v>
      </c>
      <c r="D3491" cm="1">
        <f t="array" ref="D3491">IFERROR(INDEX(Jesper!AH$2:AH$366,ROUNDDOWN($C3491/24,0)+1,1)*INDEX($D$3:$AA$30,INDEX(Jesper!$R$2:$R$366,ROW(INDEX(Jesper!AH$2:AH$366,ROUNDDOWN($C3491/24,0)+1,1))-1)+IF('Standard Profiles'!$G$18=$B$10,7,0)+IF('Standard Profiles'!$G$18=$B$17,14,0)+IF('Standard Profiles'!$G$18=$B$24,21,0),MOD($C3491,24)+1)/SUM(INDEX($D$3:$AA$30,INDEX(Jesper!$R$2:$R$366,ROW(INDEX(Jesper!AH$2:AH$366,ROUNDDOWN($C3491/24,0)+1,1))-1)+IF('Standard Profiles'!$G$18=$B$10,7,0)+IF('Standard Profiles'!$G$18=$B$17,14,0)+IF('Standard Profiles'!$G$18=$B$24,21,0),0)),0)</f>
        <v>5.5361493048911612</v>
      </c>
      <c r="E3491" cm="1">
        <f t="array" ref="E3491">IFERROR(INDEX(Jesper!AI$2:AI$366,ROUNDDOWN($C3491/24,0)+1,1)*INDEX($D$3:$AA$30,INDEX(Jesper!$R$2:$R$366,ROW(INDEX(Jesper!AI$2:AI$366,ROUNDDOWN($C3491/24,0)+1,1))-1)+IF('Standard Profiles'!$G$19=$B$10,7,0)+IF('Standard Profiles'!$G$19=$B$17,14,0)+IF('Standard Profiles'!$G$19=$B$24,21,0),MOD($C3491,24)+1)/SUM(INDEX($D$3:$AA$30,INDEX(Jesper!$R$2:$R$366,ROW(INDEX(Jesper!AI$2:AI$366,ROUNDDOWN($C3491/24,0)+1,1))-1)+IF('Standard Profiles'!$G$19=$B$10,7,0)+IF('Standard Profiles'!$G$19=$B$17,14,0)+IF('Standard Profiles'!$G$19=$B$24,21,0),0)),0)</f>
        <v>2.6227514745501708</v>
      </c>
      <c r="F3491" cm="1">
        <f t="array" ref="F3491">IFERROR(INDEX(Jesper!AJ$2:AJ$366,ROUNDDOWN($C3491/24,0)+1,1)*INDEX($D$3:$AA$30,INDEX(Jesper!$R$2:$R$366,ROW(INDEX(Jesper!AJ$2:AJ$366,ROUNDDOWN($C3491/24,0)+1,1))-1)+IF('Standard Profiles'!$G$20=$B$10,7,0)+IF('Standard Profiles'!$G$20=$B$17,14,0)+IF('Standard Profiles'!$G$20=$B$24,21,0),MOD($C3491,24)+1)/SUM(INDEX($D$3:$AA$30,INDEX(Jesper!$R$2:$R$366,ROW(INDEX(Jesper!AJ$2:AJ$366,ROUNDDOWN($C3491/24,0)+1,1))-1)+IF('Standard Profiles'!$G$20=$B$10,7,0)+IF('Standard Profiles'!$G$20=$B$17,14,0)+IF('Standard Profiles'!$G$20=$B$24,21,0),0)),0)</f>
        <v>0</v>
      </c>
      <c r="G3491" cm="1">
        <f t="array" ref="G3491">IFERROR(INDEX(Jesper!AK$2:AK$366,ROUNDDOWN($C3491/24,0)+1,1)*INDEX($D$3:$AA$30,INDEX(Jesper!$R$2:$R$366,ROW(INDEX(Jesper!AK$2:AK$366,ROUNDDOWN($C3491/24,0)+1,1))-1)+IF('Standard Profiles'!$G$21=$B$10,7,0)+IF('Standard Profiles'!$G$21=$B$17,14,0)+IF('Standard Profiles'!$G$21=$B$24,21,0),MOD($C3491,24)+1)/SUM(INDEX($D$3:$AA$30,INDEX(Jesper!$R$2:$R$366,ROW(INDEX(Jesper!AK$2:AK$366,ROUNDDOWN($C3491/24,0)+1,1))-1)+IF('Standard Profiles'!$G$21=$B$10,7,0)+IF('Standard Profiles'!$G$21=$B$17,14,0)+IF('Standard Profiles'!$G$21=$B$24,21,0),0)),0)</f>
        <v>0.71229672853429193</v>
      </c>
      <c r="H3491" cm="1">
        <f t="array" ref="H3491">IFERROR(INDEX(Jesper!AL$2:AL$366,ROUNDDOWN($C3491/24,0)+1,1)*INDEX($D$3:$AA$30,INDEX(Jesper!$R$2:$R$366,ROW(INDEX(Jesper!AL$2:AL$366,ROUNDDOWN($C3491/24,0)+1,1))-1)+IF('Standard Profiles'!$G$22=$B$10,7,0)+IF('Standard Profiles'!$G$22=$B$17,14,0)+IF('Standard Profiles'!$G$22=$B$24,21,0),MOD($C3491,24)+1)/SUM(INDEX($D$3:$AA$30,INDEX(Jesper!$R$2:$R$366,ROW(INDEX(Jesper!AL$2:AL$366,ROUNDDOWN($C3491/24,0)+1,1))-1)+IF('Standard Profiles'!$G$22=$B$10,7,0)+IF('Standard Profiles'!$G$22=$B$17,14,0)+IF('Standard Profiles'!$G$22=$B$24,21,0),0)),0)</f>
        <v>0</v>
      </c>
      <c r="I3491">
        <f t="shared" ref="I3491:I3554" si="398">IF($B3491&lt;6,AC$37*$D3491+AC$38*$E3491+AC$39*$F3491+AC$40*$G3491,AC$46*$D3491+AC$47*$E3491+AC$48*$F3491+AC$49*$G3491+AC$50*$H3491)</f>
        <v>0.34190242969645995</v>
      </c>
      <c r="J3491">
        <f t="shared" ref="J3491:J3554" si="399">IF($B3491&lt;6,AD$37*$D3491+AD$38*$E3491+AD$39*$F3491+AD$40*$G3491,AD$46*$D3491+AD$47*$E3491+AD$48*$F3491+AD$49*$G3491+AD$50*$H3491)</f>
        <v>7.6435111894965777</v>
      </c>
      <c r="K3491">
        <f t="shared" ref="K3491:K3554" si="400">IF($B3491&lt;6,AE$37*$D3491+AE$38*$E3491+AE$39*$F3491+AE$40*$G3491,AE$46*$D3491+AE$47*$E3491+AE$48*$F3491+AE$49*$G3491+AE$50*$H3491)</f>
        <v>0.5905225925217239</v>
      </c>
      <c r="L3491">
        <f t="shared" ref="L3491:L3554" si="401">IF($B3491&lt;6,AF$37*$D3491+AF$38*$E3491+AF$39*$F3491+AF$40*$G3491,AF$46*$D3491+AF$47*$E3491+AF$48*$F3491+AF$49*$G3491+AF$50*$H3491)</f>
        <v>0.29526129626086195</v>
      </c>
      <c r="M3491">
        <f t="shared" ref="M3491:M3554" si="402">IF($B3491&lt;6,AG$37*$D3491+AG$38*$E3491+AG$39*$F3491+AG$40*$G3491,AG$46*$D3491+AG$47*$E3491+AG$48*$F3491+AG$49*$G3491+AG$50*$H3491)</f>
        <v>0</v>
      </c>
      <c r="N3491" s="45">
        <f t="shared" si="396"/>
        <v>45071.041666658282</v>
      </c>
    </row>
    <row r="3492" spans="2:14" x14ac:dyDescent="0.25">
      <c r="B3492">
        <f t="shared" si="397"/>
        <v>4</v>
      </c>
      <c r="C3492" s="16">
        <v>3458</v>
      </c>
      <c r="D3492" cm="1">
        <f t="array" ref="D3492">IFERROR(INDEX(Jesper!AH$2:AH$366,ROUNDDOWN($C3492/24,0)+1,1)*INDEX($D$3:$AA$30,INDEX(Jesper!$R$2:$R$366,ROW(INDEX(Jesper!AH$2:AH$366,ROUNDDOWN($C3492/24,0)+1,1))-1)+IF('Standard Profiles'!$G$18=$B$10,7,0)+IF('Standard Profiles'!$G$18=$B$17,14,0)+IF('Standard Profiles'!$G$18=$B$24,21,0),MOD($C3492,24)+1)/SUM(INDEX($D$3:$AA$30,INDEX(Jesper!$R$2:$R$366,ROW(INDEX(Jesper!AH$2:AH$366,ROUNDDOWN($C3492/24,0)+1,1))-1)+IF('Standard Profiles'!$G$18=$B$10,7,0)+IF('Standard Profiles'!$G$18=$B$17,14,0)+IF('Standard Profiles'!$G$18=$B$24,21,0),0)),0)</f>
        <v>5.5361493048911612</v>
      </c>
      <c r="E3492" cm="1">
        <f t="array" ref="E3492">IFERROR(INDEX(Jesper!AI$2:AI$366,ROUNDDOWN($C3492/24,0)+1,1)*INDEX($D$3:$AA$30,INDEX(Jesper!$R$2:$R$366,ROW(INDEX(Jesper!AI$2:AI$366,ROUNDDOWN($C3492/24,0)+1,1))-1)+IF('Standard Profiles'!$G$19=$B$10,7,0)+IF('Standard Profiles'!$G$19=$B$17,14,0)+IF('Standard Profiles'!$G$19=$B$24,21,0),MOD($C3492,24)+1)/SUM(INDEX($D$3:$AA$30,INDEX(Jesper!$R$2:$R$366,ROW(INDEX(Jesper!AI$2:AI$366,ROUNDDOWN($C3492/24,0)+1,1))-1)+IF('Standard Profiles'!$G$19=$B$10,7,0)+IF('Standard Profiles'!$G$19=$B$17,14,0)+IF('Standard Profiles'!$G$19=$B$24,21,0),0)),0)</f>
        <v>2.6227514745501708</v>
      </c>
      <c r="F3492" cm="1">
        <f t="array" ref="F3492">IFERROR(INDEX(Jesper!AJ$2:AJ$366,ROUNDDOWN($C3492/24,0)+1,1)*INDEX($D$3:$AA$30,INDEX(Jesper!$R$2:$R$366,ROW(INDEX(Jesper!AJ$2:AJ$366,ROUNDDOWN($C3492/24,0)+1,1))-1)+IF('Standard Profiles'!$G$20=$B$10,7,0)+IF('Standard Profiles'!$G$20=$B$17,14,0)+IF('Standard Profiles'!$G$20=$B$24,21,0),MOD($C3492,24)+1)/SUM(INDEX($D$3:$AA$30,INDEX(Jesper!$R$2:$R$366,ROW(INDEX(Jesper!AJ$2:AJ$366,ROUNDDOWN($C3492/24,0)+1,1))-1)+IF('Standard Profiles'!$G$20=$B$10,7,0)+IF('Standard Profiles'!$G$20=$B$17,14,0)+IF('Standard Profiles'!$G$20=$B$24,21,0),0)),0)</f>
        <v>0</v>
      </c>
      <c r="G3492" cm="1">
        <f t="array" ref="G3492">IFERROR(INDEX(Jesper!AK$2:AK$366,ROUNDDOWN($C3492/24,0)+1,1)*INDEX($D$3:$AA$30,INDEX(Jesper!$R$2:$R$366,ROW(INDEX(Jesper!AK$2:AK$366,ROUNDDOWN($C3492/24,0)+1,1))-1)+IF('Standard Profiles'!$G$21=$B$10,7,0)+IF('Standard Profiles'!$G$21=$B$17,14,0)+IF('Standard Profiles'!$G$21=$B$24,21,0),MOD($C3492,24)+1)/SUM(INDEX($D$3:$AA$30,INDEX(Jesper!$R$2:$R$366,ROW(INDEX(Jesper!AK$2:AK$366,ROUNDDOWN($C3492/24,0)+1,1))-1)+IF('Standard Profiles'!$G$21=$B$10,7,0)+IF('Standard Profiles'!$G$21=$B$17,14,0)+IF('Standard Profiles'!$G$21=$B$24,21,0),0)),0)</f>
        <v>0.71229672853429193</v>
      </c>
      <c r="H3492" cm="1">
        <f t="array" ref="H3492">IFERROR(INDEX(Jesper!AL$2:AL$366,ROUNDDOWN($C3492/24,0)+1,1)*INDEX($D$3:$AA$30,INDEX(Jesper!$R$2:$R$366,ROW(INDEX(Jesper!AL$2:AL$366,ROUNDDOWN($C3492/24,0)+1,1))-1)+IF('Standard Profiles'!$G$22=$B$10,7,0)+IF('Standard Profiles'!$G$22=$B$17,14,0)+IF('Standard Profiles'!$G$22=$B$24,21,0),MOD($C3492,24)+1)/SUM(INDEX($D$3:$AA$30,INDEX(Jesper!$R$2:$R$366,ROW(INDEX(Jesper!AL$2:AL$366,ROUNDDOWN($C3492/24,0)+1,1))-1)+IF('Standard Profiles'!$G$22=$B$10,7,0)+IF('Standard Profiles'!$G$22=$B$17,14,0)+IF('Standard Profiles'!$G$22=$B$24,21,0),0)),0)</f>
        <v>0</v>
      </c>
      <c r="I3492">
        <f t="shared" si="398"/>
        <v>0.34190242969645995</v>
      </c>
      <c r="J3492">
        <f t="shared" si="399"/>
        <v>7.6435111894965777</v>
      </c>
      <c r="K3492">
        <f t="shared" si="400"/>
        <v>0.5905225925217239</v>
      </c>
      <c r="L3492">
        <f t="shared" si="401"/>
        <v>0.29526129626086195</v>
      </c>
      <c r="M3492">
        <f t="shared" si="402"/>
        <v>0</v>
      </c>
      <c r="N3492" s="45">
        <f t="shared" ref="N3492:N3555" si="403">N3491+1/24</f>
        <v>45071.083333324947</v>
      </c>
    </row>
    <row r="3493" spans="2:14" x14ac:dyDescent="0.25">
      <c r="B3493">
        <f t="shared" si="397"/>
        <v>4</v>
      </c>
      <c r="C3493" s="16">
        <v>3459</v>
      </c>
      <c r="D3493" cm="1">
        <f t="array" ref="D3493">IFERROR(INDEX(Jesper!AH$2:AH$366,ROUNDDOWN($C3493/24,0)+1,1)*INDEX($D$3:$AA$30,INDEX(Jesper!$R$2:$R$366,ROW(INDEX(Jesper!AH$2:AH$366,ROUNDDOWN($C3493/24,0)+1,1))-1)+IF('Standard Profiles'!$G$18=$B$10,7,0)+IF('Standard Profiles'!$G$18=$B$17,14,0)+IF('Standard Profiles'!$G$18=$B$24,21,0),MOD($C3493,24)+1)/SUM(INDEX($D$3:$AA$30,INDEX(Jesper!$R$2:$R$366,ROW(INDEX(Jesper!AH$2:AH$366,ROUNDDOWN($C3493/24,0)+1,1))-1)+IF('Standard Profiles'!$G$18=$B$10,7,0)+IF('Standard Profiles'!$G$18=$B$17,14,0)+IF('Standard Profiles'!$G$18=$B$24,21,0),0)),0)</f>
        <v>5.5361493048911612</v>
      </c>
      <c r="E3493" cm="1">
        <f t="array" ref="E3493">IFERROR(INDEX(Jesper!AI$2:AI$366,ROUNDDOWN($C3493/24,0)+1,1)*INDEX($D$3:$AA$30,INDEX(Jesper!$R$2:$R$366,ROW(INDEX(Jesper!AI$2:AI$366,ROUNDDOWN($C3493/24,0)+1,1))-1)+IF('Standard Profiles'!$G$19=$B$10,7,0)+IF('Standard Profiles'!$G$19=$B$17,14,0)+IF('Standard Profiles'!$G$19=$B$24,21,0),MOD($C3493,24)+1)/SUM(INDEX($D$3:$AA$30,INDEX(Jesper!$R$2:$R$366,ROW(INDEX(Jesper!AI$2:AI$366,ROUNDDOWN($C3493/24,0)+1,1))-1)+IF('Standard Profiles'!$G$19=$B$10,7,0)+IF('Standard Profiles'!$G$19=$B$17,14,0)+IF('Standard Profiles'!$G$19=$B$24,21,0),0)),0)</f>
        <v>2.6227514745501708</v>
      </c>
      <c r="F3493" cm="1">
        <f t="array" ref="F3493">IFERROR(INDEX(Jesper!AJ$2:AJ$366,ROUNDDOWN($C3493/24,0)+1,1)*INDEX($D$3:$AA$30,INDEX(Jesper!$R$2:$R$366,ROW(INDEX(Jesper!AJ$2:AJ$366,ROUNDDOWN($C3493/24,0)+1,1))-1)+IF('Standard Profiles'!$G$20=$B$10,7,0)+IF('Standard Profiles'!$G$20=$B$17,14,0)+IF('Standard Profiles'!$G$20=$B$24,21,0),MOD($C3493,24)+1)/SUM(INDEX($D$3:$AA$30,INDEX(Jesper!$R$2:$R$366,ROW(INDEX(Jesper!AJ$2:AJ$366,ROUNDDOWN($C3493/24,0)+1,1))-1)+IF('Standard Profiles'!$G$20=$B$10,7,0)+IF('Standard Profiles'!$G$20=$B$17,14,0)+IF('Standard Profiles'!$G$20=$B$24,21,0),0)),0)</f>
        <v>0</v>
      </c>
      <c r="G3493" cm="1">
        <f t="array" ref="G3493">IFERROR(INDEX(Jesper!AK$2:AK$366,ROUNDDOWN($C3493/24,0)+1,1)*INDEX($D$3:$AA$30,INDEX(Jesper!$R$2:$R$366,ROW(INDEX(Jesper!AK$2:AK$366,ROUNDDOWN($C3493/24,0)+1,1))-1)+IF('Standard Profiles'!$G$21=$B$10,7,0)+IF('Standard Profiles'!$G$21=$B$17,14,0)+IF('Standard Profiles'!$G$21=$B$24,21,0),MOD($C3493,24)+1)/SUM(INDEX($D$3:$AA$30,INDEX(Jesper!$R$2:$R$366,ROW(INDEX(Jesper!AK$2:AK$366,ROUNDDOWN($C3493/24,0)+1,1))-1)+IF('Standard Profiles'!$G$21=$B$10,7,0)+IF('Standard Profiles'!$G$21=$B$17,14,0)+IF('Standard Profiles'!$G$21=$B$24,21,0),0)),0)</f>
        <v>0.71229672853429193</v>
      </c>
      <c r="H3493" cm="1">
        <f t="array" ref="H3493">IFERROR(INDEX(Jesper!AL$2:AL$366,ROUNDDOWN($C3493/24,0)+1,1)*INDEX($D$3:$AA$30,INDEX(Jesper!$R$2:$R$366,ROW(INDEX(Jesper!AL$2:AL$366,ROUNDDOWN($C3493/24,0)+1,1))-1)+IF('Standard Profiles'!$G$22=$B$10,7,0)+IF('Standard Profiles'!$G$22=$B$17,14,0)+IF('Standard Profiles'!$G$22=$B$24,21,0),MOD($C3493,24)+1)/SUM(INDEX($D$3:$AA$30,INDEX(Jesper!$R$2:$R$366,ROW(INDEX(Jesper!AL$2:AL$366,ROUNDDOWN($C3493/24,0)+1,1))-1)+IF('Standard Profiles'!$G$22=$B$10,7,0)+IF('Standard Profiles'!$G$22=$B$17,14,0)+IF('Standard Profiles'!$G$22=$B$24,21,0),0)),0)</f>
        <v>0</v>
      </c>
      <c r="I3493">
        <f t="shared" si="398"/>
        <v>0.34190242969645995</v>
      </c>
      <c r="J3493">
        <f t="shared" si="399"/>
        <v>7.6435111894965777</v>
      </c>
      <c r="K3493">
        <f t="shared" si="400"/>
        <v>0.5905225925217239</v>
      </c>
      <c r="L3493">
        <f t="shared" si="401"/>
        <v>0.29526129626086195</v>
      </c>
      <c r="M3493">
        <f t="shared" si="402"/>
        <v>0</v>
      </c>
      <c r="N3493" s="45">
        <f t="shared" si="403"/>
        <v>45071.124999991611</v>
      </c>
    </row>
    <row r="3494" spans="2:14" x14ac:dyDescent="0.25">
      <c r="B3494">
        <f t="shared" si="397"/>
        <v>4</v>
      </c>
      <c r="C3494" s="16">
        <v>3460</v>
      </c>
      <c r="D3494" cm="1">
        <f t="array" ref="D3494">IFERROR(INDEX(Jesper!AH$2:AH$366,ROUNDDOWN($C3494/24,0)+1,1)*INDEX($D$3:$AA$30,INDEX(Jesper!$R$2:$R$366,ROW(INDEX(Jesper!AH$2:AH$366,ROUNDDOWN($C3494/24,0)+1,1))-1)+IF('Standard Profiles'!$G$18=$B$10,7,0)+IF('Standard Profiles'!$G$18=$B$17,14,0)+IF('Standard Profiles'!$G$18=$B$24,21,0),MOD($C3494,24)+1)/SUM(INDEX($D$3:$AA$30,INDEX(Jesper!$R$2:$R$366,ROW(INDEX(Jesper!AH$2:AH$366,ROUNDDOWN($C3494/24,0)+1,1))-1)+IF('Standard Profiles'!$G$18=$B$10,7,0)+IF('Standard Profiles'!$G$18=$B$17,14,0)+IF('Standard Profiles'!$G$18=$B$24,21,0),0)),0)</f>
        <v>5.5361493048911612</v>
      </c>
      <c r="E3494" cm="1">
        <f t="array" ref="E3494">IFERROR(INDEX(Jesper!AI$2:AI$366,ROUNDDOWN($C3494/24,0)+1,1)*INDEX($D$3:$AA$30,INDEX(Jesper!$R$2:$R$366,ROW(INDEX(Jesper!AI$2:AI$366,ROUNDDOWN($C3494/24,0)+1,1))-1)+IF('Standard Profiles'!$G$19=$B$10,7,0)+IF('Standard Profiles'!$G$19=$B$17,14,0)+IF('Standard Profiles'!$G$19=$B$24,21,0),MOD($C3494,24)+1)/SUM(INDEX($D$3:$AA$30,INDEX(Jesper!$R$2:$R$366,ROW(INDEX(Jesper!AI$2:AI$366,ROUNDDOWN($C3494/24,0)+1,1))-1)+IF('Standard Profiles'!$G$19=$B$10,7,0)+IF('Standard Profiles'!$G$19=$B$17,14,0)+IF('Standard Profiles'!$G$19=$B$24,21,0),0)),0)</f>
        <v>2.6227514745501708</v>
      </c>
      <c r="F3494" cm="1">
        <f t="array" ref="F3494">IFERROR(INDEX(Jesper!AJ$2:AJ$366,ROUNDDOWN($C3494/24,0)+1,1)*INDEX($D$3:$AA$30,INDEX(Jesper!$R$2:$R$366,ROW(INDEX(Jesper!AJ$2:AJ$366,ROUNDDOWN($C3494/24,0)+1,1))-1)+IF('Standard Profiles'!$G$20=$B$10,7,0)+IF('Standard Profiles'!$G$20=$B$17,14,0)+IF('Standard Profiles'!$G$20=$B$24,21,0),MOD($C3494,24)+1)/SUM(INDEX($D$3:$AA$30,INDEX(Jesper!$R$2:$R$366,ROW(INDEX(Jesper!AJ$2:AJ$366,ROUNDDOWN($C3494/24,0)+1,1))-1)+IF('Standard Profiles'!$G$20=$B$10,7,0)+IF('Standard Profiles'!$G$20=$B$17,14,0)+IF('Standard Profiles'!$G$20=$B$24,21,0),0)),0)</f>
        <v>0</v>
      </c>
      <c r="G3494" cm="1">
        <f t="array" ref="G3494">IFERROR(INDEX(Jesper!AK$2:AK$366,ROUNDDOWN($C3494/24,0)+1,1)*INDEX($D$3:$AA$30,INDEX(Jesper!$R$2:$R$366,ROW(INDEX(Jesper!AK$2:AK$366,ROUNDDOWN($C3494/24,0)+1,1))-1)+IF('Standard Profiles'!$G$21=$B$10,7,0)+IF('Standard Profiles'!$G$21=$B$17,14,0)+IF('Standard Profiles'!$G$21=$B$24,21,0),MOD($C3494,24)+1)/SUM(INDEX($D$3:$AA$30,INDEX(Jesper!$R$2:$R$366,ROW(INDEX(Jesper!AK$2:AK$366,ROUNDDOWN($C3494/24,0)+1,1))-1)+IF('Standard Profiles'!$G$21=$B$10,7,0)+IF('Standard Profiles'!$G$21=$B$17,14,0)+IF('Standard Profiles'!$G$21=$B$24,21,0),0)),0)</f>
        <v>0.71229672853429193</v>
      </c>
      <c r="H3494" cm="1">
        <f t="array" ref="H3494">IFERROR(INDEX(Jesper!AL$2:AL$366,ROUNDDOWN($C3494/24,0)+1,1)*INDEX($D$3:$AA$30,INDEX(Jesper!$R$2:$R$366,ROW(INDEX(Jesper!AL$2:AL$366,ROUNDDOWN($C3494/24,0)+1,1))-1)+IF('Standard Profiles'!$G$22=$B$10,7,0)+IF('Standard Profiles'!$G$22=$B$17,14,0)+IF('Standard Profiles'!$G$22=$B$24,21,0),MOD($C3494,24)+1)/SUM(INDEX($D$3:$AA$30,INDEX(Jesper!$R$2:$R$366,ROW(INDEX(Jesper!AL$2:AL$366,ROUNDDOWN($C3494/24,0)+1,1))-1)+IF('Standard Profiles'!$G$22=$B$10,7,0)+IF('Standard Profiles'!$G$22=$B$17,14,0)+IF('Standard Profiles'!$G$22=$B$24,21,0),0)),0)</f>
        <v>0</v>
      </c>
      <c r="I3494">
        <f t="shared" si="398"/>
        <v>0.34190242969645995</v>
      </c>
      <c r="J3494">
        <f t="shared" si="399"/>
        <v>7.6435111894965777</v>
      </c>
      <c r="K3494">
        <f t="shared" si="400"/>
        <v>0.5905225925217239</v>
      </c>
      <c r="L3494">
        <f t="shared" si="401"/>
        <v>0.29526129626086195</v>
      </c>
      <c r="M3494">
        <f t="shared" si="402"/>
        <v>0</v>
      </c>
      <c r="N3494" s="45">
        <f t="shared" si="403"/>
        <v>45071.166666658275</v>
      </c>
    </row>
    <row r="3495" spans="2:14" x14ac:dyDescent="0.25">
      <c r="B3495">
        <f t="shared" si="397"/>
        <v>4</v>
      </c>
      <c r="C3495" s="16">
        <v>3461</v>
      </c>
      <c r="D3495" cm="1">
        <f t="array" ref="D3495">IFERROR(INDEX(Jesper!AH$2:AH$366,ROUNDDOWN($C3495/24,0)+1,1)*INDEX($D$3:$AA$30,INDEX(Jesper!$R$2:$R$366,ROW(INDEX(Jesper!AH$2:AH$366,ROUNDDOWN($C3495/24,0)+1,1))-1)+IF('Standard Profiles'!$G$18=$B$10,7,0)+IF('Standard Profiles'!$G$18=$B$17,14,0)+IF('Standard Profiles'!$G$18=$B$24,21,0),MOD($C3495,24)+1)/SUM(INDEX($D$3:$AA$30,INDEX(Jesper!$R$2:$R$366,ROW(INDEX(Jesper!AH$2:AH$366,ROUNDDOWN($C3495/24,0)+1,1))-1)+IF('Standard Profiles'!$G$18=$B$10,7,0)+IF('Standard Profiles'!$G$18=$B$17,14,0)+IF('Standard Profiles'!$G$18=$B$24,21,0),0)),0)</f>
        <v>5.5361493048911612</v>
      </c>
      <c r="E3495" cm="1">
        <f t="array" ref="E3495">IFERROR(INDEX(Jesper!AI$2:AI$366,ROUNDDOWN($C3495/24,0)+1,1)*INDEX($D$3:$AA$30,INDEX(Jesper!$R$2:$R$366,ROW(INDEX(Jesper!AI$2:AI$366,ROUNDDOWN($C3495/24,0)+1,1))-1)+IF('Standard Profiles'!$G$19=$B$10,7,0)+IF('Standard Profiles'!$G$19=$B$17,14,0)+IF('Standard Profiles'!$G$19=$B$24,21,0),MOD($C3495,24)+1)/SUM(INDEX($D$3:$AA$30,INDEX(Jesper!$R$2:$R$366,ROW(INDEX(Jesper!AI$2:AI$366,ROUNDDOWN($C3495/24,0)+1,1))-1)+IF('Standard Profiles'!$G$19=$B$10,7,0)+IF('Standard Profiles'!$G$19=$B$17,14,0)+IF('Standard Profiles'!$G$19=$B$24,21,0),0)),0)</f>
        <v>2.6227514745501708</v>
      </c>
      <c r="F3495" cm="1">
        <f t="array" ref="F3495">IFERROR(INDEX(Jesper!AJ$2:AJ$366,ROUNDDOWN($C3495/24,0)+1,1)*INDEX($D$3:$AA$30,INDEX(Jesper!$R$2:$R$366,ROW(INDEX(Jesper!AJ$2:AJ$366,ROUNDDOWN($C3495/24,0)+1,1))-1)+IF('Standard Profiles'!$G$20=$B$10,7,0)+IF('Standard Profiles'!$G$20=$B$17,14,0)+IF('Standard Profiles'!$G$20=$B$24,21,0),MOD($C3495,24)+1)/SUM(INDEX($D$3:$AA$30,INDEX(Jesper!$R$2:$R$366,ROW(INDEX(Jesper!AJ$2:AJ$366,ROUNDDOWN($C3495/24,0)+1,1))-1)+IF('Standard Profiles'!$G$20=$B$10,7,0)+IF('Standard Profiles'!$G$20=$B$17,14,0)+IF('Standard Profiles'!$G$20=$B$24,21,0),0)),0)</f>
        <v>0</v>
      </c>
      <c r="G3495" cm="1">
        <f t="array" ref="G3495">IFERROR(INDEX(Jesper!AK$2:AK$366,ROUNDDOWN($C3495/24,0)+1,1)*INDEX($D$3:$AA$30,INDEX(Jesper!$R$2:$R$366,ROW(INDEX(Jesper!AK$2:AK$366,ROUNDDOWN($C3495/24,0)+1,1))-1)+IF('Standard Profiles'!$G$21=$B$10,7,0)+IF('Standard Profiles'!$G$21=$B$17,14,0)+IF('Standard Profiles'!$G$21=$B$24,21,0),MOD($C3495,24)+1)/SUM(INDEX($D$3:$AA$30,INDEX(Jesper!$R$2:$R$366,ROW(INDEX(Jesper!AK$2:AK$366,ROUNDDOWN($C3495/24,0)+1,1))-1)+IF('Standard Profiles'!$G$21=$B$10,7,0)+IF('Standard Profiles'!$G$21=$B$17,14,0)+IF('Standard Profiles'!$G$21=$B$24,21,0),0)),0)</f>
        <v>0.71229672853429193</v>
      </c>
      <c r="H3495" cm="1">
        <f t="array" ref="H3495">IFERROR(INDEX(Jesper!AL$2:AL$366,ROUNDDOWN($C3495/24,0)+1,1)*INDEX($D$3:$AA$30,INDEX(Jesper!$R$2:$R$366,ROW(INDEX(Jesper!AL$2:AL$366,ROUNDDOWN($C3495/24,0)+1,1))-1)+IF('Standard Profiles'!$G$22=$B$10,7,0)+IF('Standard Profiles'!$G$22=$B$17,14,0)+IF('Standard Profiles'!$G$22=$B$24,21,0),MOD($C3495,24)+1)/SUM(INDEX($D$3:$AA$30,INDEX(Jesper!$R$2:$R$366,ROW(INDEX(Jesper!AL$2:AL$366,ROUNDDOWN($C3495/24,0)+1,1))-1)+IF('Standard Profiles'!$G$22=$B$10,7,0)+IF('Standard Profiles'!$G$22=$B$17,14,0)+IF('Standard Profiles'!$G$22=$B$24,21,0),0)),0)</f>
        <v>0</v>
      </c>
      <c r="I3495">
        <f t="shared" si="398"/>
        <v>0.34190242969645995</v>
      </c>
      <c r="J3495">
        <f t="shared" si="399"/>
        <v>7.6435111894965777</v>
      </c>
      <c r="K3495">
        <f t="shared" si="400"/>
        <v>0.5905225925217239</v>
      </c>
      <c r="L3495">
        <f t="shared" si="401"/>
        <v>0.29526129626086195</v>
      </c>
      <c r="M3495">
        <f t="shared" si="402"/>
        <v>0</v>
      </c>
      <c r="N3495" s="45">
        <f t="shared" si="403"/>
        <v>45071.208333324939</v>
      </c>
    </row>
    <row r="3496" spans="2:14" x14ac:dyDescent="0.25">
      <c r="B3496">
        <f t="shared" si="397"/>
        <v>4</v>
      </c>
      <c r="C3496" s="16">
        <v>3462</v>
      </c>
      <c r="D3496" cm="1">
        <f t="array" ref="D3496">IFERROR(INDEX(Jesper!AH$2:AH$366,ROUNDDOWN($C3496/24,0)+1,1)*INDEX($D$3:$AA$30,INDEX(Jesper!$R$2:$R$366,ROW(INDEX(Jesper!AH$2:AH$366,ROUNDDOWN($C3496/24,0)+1,1))-1)+IF('Standard Profiles'!$G$18=$B$10,7,0)+IF('Standard Profiles'!$G$18=$B$17,14,0)+IF('Standard Profiles'!$G$18=$B$24,21,0),MOD($C3496,24)+1)/SUM(INDEX($D$3:$AA$30,INDEX(Jesper!$R$2:$R$366,ROW(INDEX(Jesper!AH$2:AH$366,ROUNDDOWN($C3496/24,0)+1,1))-1)+IF('Standard Profiles'!$G$18=$B$10,7,0)+IF('Standard Profiles'!$G$18=$B$17,14,0)+IF('Standard Profiles'!$G$18=$B$24,21,0),0)),0)</f>
        <v>5.5361493048911612</v>
      </c>
      <c r="E3496" cm="1">
        <f t="array" ref="E3496">IFERROR(INDEX(Jesper!AI$2:AI$366,ROUNDDOWN($C3496/24,0)+1,1)*INDEX($D$3:$AA$30,INDEX(Jesper!$R$2:$R$366,ROW(INDEX(Jesper!AI$2:AI$366,ROUNDDOWN($C3496/24,0)+1,1))-1)+IF('Standard Profiles'!$G$19=$B$10,7,0)+IF('Standard Profiles'!$G$19=$B$17,14,0)+IF('Standard Profiles'!$G$19=$B$24,21,0),MOD($C3496,24)+1)/SUM(INDEX($D$3:$AA$30,INDEX(Jesper!$R$2:$R$366,ROW(INDEX(Jesper!AI$2:AI$366,ROUNDDOWN($C3496/24,0)+1,1))-1)+IF('Standard Profiles'!$G$19=$B$10,7,0)+IF('Standard Profiles'!$G$19=$B$17,14,0)+IF('Standard Profiles'!$G$19=$B$24,21,0),0)),0)</f>
        <v>2.6227514745501708</v>
      </c>
      <c r="F3496" cm="1">
        <f t="array" ref="F3496">IFERROR(INDEX(Jesper!AJ$2:AJ$366,ROUNDDOWN($C3496/24,0)+1,1)*INDEX($D$3:$AA$30,INDEX(Jesper!$R$2:$R$366,ROW(INDEX(Jesper!AJ$2:AJ$366,ROUNDDOWN($C3496/24,0)+1,1))-1)+IF('Standard Profiles'!$G$20=$B$10,7,0)+IF('Standard Profiles'!$G$20=$B$17,14,0)+IF('Standard Profiles'!$G$20=$B$24,21,0),MOD($C3496,24)+1)/SUM(INDEX($D$3:$AA$30,INDEX(Jesper!$R$2:$R$366,ROW(INDEX(Jesper!AJ$2:AJ$366,ROUNDDOWN($C3496/24,0)+1,1))-1)+IF('Standard Profiles'!$G$20=$B$10,7,0)+IF('Standard Profiles'!$G$20=$B$17,14,0)+IF('Standard Profiles'!$G$20=$B$24,21,0),0)),0)</f>
        <v>0</v>
      </c>
      <c r="G3496" cm="1">
        <f t="array" ref="G3496">IFERROR(INDEX(Jesper!AK$2:AK$366,ROUNDDOWN($C3496/24,0)+1,1)*INDEX($D$3:$AA$30,INDEX(Jesper!$R$2:$R$366,ROW(INDEX(Jesper!AK$2:AK$366,ROUNDDOWN($C3496/24,0)+1,1))-1)+IF('Standard Profiles'!$G$21=$B$10,7,0)+IF('Standard Profiles'!$G$21=$B$17,14,0)+IF('Standard Profiles'!$G$21=$B$24,21,0),MOD($C3496,24)+1)/SUM(INDEX($D$3:$AA$30,INDEX(Jesper!$R$2:$R$366,ROW(INDEX(Jesper!AK$2:AK$366,ROUNDDOWN($C3496/24,0)+1,1))-1)+IF('Standard Profiles'!$G$21=$B$10,7,0)+IF('Standard Profiles'!$G$21=$B$17,14,0)+IF('Standard Profiles'!$G$21=$B$24,21,0),0)),0)</f>
        <v>0.71229672853429193</v>
      </c>
      <c r="H3496" cm="1">
        <f t="array" ref="H3496">IFERROR(INDEX(Jesper!AL$2:AL$366,ROUNDDOWN($C3496/24,0)+1,1)*INDEX($D$3:$AA$30,INDEX(Jesper!$R$2:$R$366,ROW(INDEX(Jesper!AL$2:AL$366,ROUNDDOWN($C3496/24,0)+1,1))-1)+IF('Standard Profiles'!$G$22=$B$10,7,0)+IF('Standard Profiles'!$G$22=$B$17,14,0)+IF('Standard Profiles'!$G$22=$B$24,21,0),MOD($C3496,24)+1)/SUM(INDEX($D$3:$AA$30,INDEX(Jesper!$R$2:$R$366,ROW(INDEX(Jesper!AL$2:AL$366,ROUNDDOWN($C3496/24,0)+1,1))-1)+IF('Standard Profiles'!$G$22=$B$10,7,0)+IF('Standard Profiles'!$G$22=$B$17,14,0)+IF('Standard Profiles'!$G$22=$B$24,21,0),0)),0)</f>
        <v>0</v>
      </c>
      <c r="I3496">
        <f t="shared" si="398"/>
        <v>0.34190242969645995</v>
      </c>
      <c r="J3496">
        <f t="shared" si="399"/>
        <v>7.6435111894965777</v>
      </c>
      <c r="K3496">
        <f t="shared" si="400"/>
        <v>0.5905225925217239</v>
      </c>
      <c r="L3496">
        <f t="shared" si="401"/>
        <v>0.29526129626086195</v>
      </c>
      <c r="M3496">
        <f t="shared" si="402"/>
        <v>0</v>
      </c>
      <c r="N3496" s="45">
        <f t="shared" si="403"/>
        <v>45071.249999991604</v>
      </c>
    </row>
    <row r="3497" spans="2:14" x14ac:dyDescent="0.25">
      <c r="B3497">
        <f t="shared" si="397"/>
        <v>4</v>
      </c>
      <c r="C3497" s="16">
        <v>3463</v>
      </c>
      <c r="D3497" cm="1">
        <f t="array" ref="D3497">IFERROR(INDEX(Jesper!AH$2:AH$366,ROUNDDOWN($C3497/24,0)+1,1)*INDEX($D$3:$AA$30,INDEX(Jesper!$R$2:$R$366,ROW(INDEX(Jesper!AH$2:AH$366,ROUNDDOWN($C3497/24,0)+1,1))-1)+IF('Standard Profiles'!$G$18=$B$10,7,0)+IF('Standard Profiles'!$G$18=$B$17,14,0)+IF('Standard Profiles'!$G$18=$B$24,21,0),MOD($C3497,24)+1)/SUM(INDEX($D$3:$AA$30,INDEX(Jesper!$R$2:$R$366,ROW(INDEX(Jesper!AH$2:AH$366,ROUNDDOWN($C3497/24,0)+1,1))-1)+IF('Standard Profiles'!$G$18=$B$10,7,0)+IF('Standard Profiles'!$G$18=$B$17,14,0)+IF('Standard Profiles'!$G$18=$B$24,21,0),0)),0)</f>
        <v>22.631107309994473</v>
      </c>
      <c r="E3497" cm="1">
        <f t="array" ref="E3497">IFERROR(INDEX(Jesper!AI$2:AI$366,ROUNDDOWN($C3497/24,0)+1,1)*INDEX($D$3:$AA$30,INDEX(Jesper!$R$2:$R$366,ROW(INDEX(Jesper!AI$2:AI$366,ROUNDDOWN($C3497/24,0)+1,1))-1)+IF('Standard Profiles'!$G$19=$B$10,7,0)+IF('Standard Profiles'!$G$19=$B$17,14,0)+IF('Standard Profiles'!$G$19=$B$24,21,0),MOD($C3497,24)+1)/SUM(INDEX($D$3:$AA$30,INDEX(Jesper!$R$2:$R$366,ROW(INDEX(Jesper!AI$2:AI$366,ROUNDDOWN($C3497/24,0)+1,1))-1)+IF('Standard Profiles'!$G$19=$B$10,7,0)+IF('Standard Profiles'!$G$19=$B$17,14,0)+IF('Standard Profiles'!$G$19=$B$24,21,0),0)),0)</f>
        <v>10.721490118691454</v>
      </c>
      <c r="F3497" cm="1">
        <f t="array" ref="F3497">IFERROR(INDEX(Jesper!AJ$2:AJ$366,ROUNDDOWN($C3497/24,0)+1,1)*INDEX($D$3:$AA$30,INDEX(Jesper!$R$2:$R$366,ROW(INDEX(Jesper!AJ$2:AJ$366,ROUNDDOWN($C3497/24,0)+1,1))-1)+IF('Standard Profiles'!$G$20=$B$10,7,0)+IF('Standard Profiles'!$G$20=$B$17,14,0)+IF('Standard Profiles'!$G$20=$B$24,21,0),MOD($C3497,24)+1)/SUM(INDEX($D$3:$AA$30,INDEX(Jesper!$R$2:$R$366,ROW(INDEX(Jesper!AJ$2:AJ$366,ROUNDDOWN($C3497/24,0)+1,1))-1)+IF('Standard Profiles'!$G$20=$B$10,7,0)+IF('Standard Profiles'!$G$20=$B$17,14,0)+IF('Standard Profiles'!$G$20=$B$24,21,0),0)),0)</f>
        <v>0</v>
      </c>
      <c r="G3497" cm="1">
        <f t="array" ref="G3497">IFERROR(INDEX(Jesper!AK$2:AK$366,ROUNDDOWN($C3497/24,0)+1,1)*INDEX($D$3:$AA$30,INDEX(Jesper!$R$2:$R$366,ROW(INDEX(Jesper!AK$2:AK$366,ROUNDDOWN($C3497/24,0)+1,1))-1)+IF('Standard Profiles'!$G$21=$B$10,7,0)+IF('Standard Profiles'!$G$21=$B$17,14,0)+IF('Standard Profiles'!$G$21=$B$24,21,0),MOD($C3497,24)+1)/SUM(INDEX($D$3:$AA$30,INDEX(Jesper!$R$2:$R$366,ROW(INDEX(Jesper!AK$2:AK$366,ROUNDDOWN($C3497/24,0)+1,1))-1)+IF('Standard Profiles'!$G$21=$B$10,7,0)+IF('Standard Profiles'!$G$21=$B$17,14,0)+IF('Standard Profiles'!$G$21=$B$24,21,0),0)),0)</f>
        <v>1.9623774871119739</v>
      </c>
      <c r="H3497" cm="1">
        <f t="array" ref="H3497">IFERROR(INDEX(Jesper!AL$2:AL$366,ROUNDDOWN($C3497/24,0)+1,1)*INDEX($D$3:$AA$30,INDEX(Jesper!$R$2:$R$366,ROW(INDEX(Jesper!AL$2:AL$366,ROUNDDOWN($C3497/24,0)+1,1))-1)+IF('Standard Profiles'!$G$22=$B$10,7,0)+IF('Standard Profiles'!$G$22=$B$17,14,0)+IF('Standard Profiles'!$G$22=$B$24,21,0),MOD($C3497,24)+1)/SUM(INDEX($D$3:$AA$30,INDEX(Jesper!$R$2:$R$366,ROW(INDEX(Jesper!AL$2:AL$366,ROUNDDOWN($C3497/24,0)+1,1))-1)+IF('Standard Profiles'!$G$22=$B$10,7,0)+IF('Standard Profiles'!$G$22=$B$17,14,0)+IF('Standard Profiles'!$G$22=$B$24,21,0),0)),0)</f>
        <v>0</v>
      </c>
      <c r="I3497">
        <f t="shared" si="398"/>
        <v>0.94194119381374697</v>
      </c>
      <c r="J3497">
        <f t="shared" si="399"/>
        <v>30.752056552385039</v>
      </c>
      <c r="K3497">
        <f t="shared" si="400"/>
        <v>2.4139847797327438</v>
      </c>
      <c r="L3497">
        <f t="shared" si="401"/>
        <v>1.2069923898663719</v>
      </c>
      <c r="M3497">
        <f t="shared" si="402"/>
        <v>0</v>
      </c>
      <c r="N3497" s="45">
        <f t="shared" si="403"/>
        <v>45071.291666658268</v>
      </c>
    </row>
    <row r="3498" spans="2:14" x14ac:dyDescent="0.25">
      <c r="B3498">
        <f t="shared" si="397"/>
        <v>4</v>
      </c>
      <c r="C3498" s="16">
        <v>3464</v>
      </c>
      <c r="D3498" cm="1">
        <f t="array" ref="D3498">IFERROR(INDEX(Jesper!AH$2:AH$366,ROUNDDOWN($C3498/24,0)+1,1)*INDEX($D$3:$AA$30,INDEX(Jesper!$R$2:$R$366,ROW(INDEX(Jesper!AH$2:AH$366,ROUNDDOWN($C3498/24,0)+1,1))-1)+IF('Standard Profiles'!$G$18=$B$10,7,0)+IF('Standard Profiles'!$G$18=$B$17,14,0)+IF('Standard Profiles'!$G$18=$B$24,21,0),MOD($C3498,24)+1)/SUM(INDEX($D$3:$AA$30,INDEX(Jesper!$R$2:$R$366,ROW(INDEX(Jesper!AH$2:AH$366,ROUNDDOWN($C3498/24,0)+1,1))-1)+IF('Standard Profiles'!$G$18=$B$10,7,0)+IF('Standard Profiles'!$G$18=$B$17,14,0)+IF('Standard Profiles'!$G$18=$B$24,21,0),0)),0)</f>
        <v>25.251551314309623</v>
      </c>
      <c r="E3498" cm="1">
        <f t="array" ref="E3498">IFERROR(INDEX(Jesper!AI$2:AI$366,ROUNDDOWN($C3498/24,0)+1,1)*INDEX($D$3:$AA$30,INDEX(Jesper!$R$2:$R$366,ROW(INDEX(Jesper!AI$2:AI$366,ROUNDDOWN($C3498/24,0)+1,1))-1)+IF('Standard Profiles'!$G$19=$B$10,7,0)+IF('Standard Profiles'!$G$19=$B$17,14,0)+IF('Standard Profiles'!$G$19=$B$24,21,0),MOD($C3498,24)+1)/SUM(INDEX($D$3:$AA$30,INDEX(Jesper!$R$2:$R$366,ROW(INDEX(Jesper!AI$2:AI$366,ROUNDDOWN($C3498/24,0)+1,1))-1)+IF('Standard Profiles'!$G$19=$B$10,7,0)+IF('Standard Profiles'!$G$19=$B$17,14,0)+IF('Standard Profiles'!$G$19=$B$24,21,0),0)),0)</f>
        <v>11.962925816645201</v>
      </c>
      <c r="F3498" cm="1">
        <f t="array" ref="F3498">IFERROR(INDEX(Jesper!AJ$2:AJ$366,ROUNDDOWN($C3498/24,0)+1,1)*INDEX($D$3:$AA$30,INDEX(Jesper!$R$2:$R$366,ROW(INDEX(Jesper!AJ$2:AJ$366,ROUNDDOWN($C3498/24,0)+1,1))-1)+IF('Standard Profiles'!$G$20=$B$10,7,0)+IF('Standard Profiles'!$G$20=$B$17,14,0)+IF('Standard Profiles'!$G$20=$B$24,21,0),MOD($C3498,24)+1)/SUM(INDEX($D$3:$AA$30,INDEX(Jesper!$R$2:$R$366,ROW(INDEX(Jesper!AJ$2:AJ$366,ROUNDDOWN($C3498/24,0)+1,1))-1)+IF('Standard Profiles'!$G$20=$B$10,7,0)+IF('Standard Profiles'!$G$20=$B$17,14,0)+IF('Standard Profiles'!$G$20=$B$24,21,0),0)),0)</f>
        <v>0</v>
      </c>
      <c r="G3498" cm="1">
        <f t="array" ref="G3498">IFERROR(INDEX(Jesper!AK$2:AK$366,ROUNDDOWN($C3498/24,0)+1,1)*INDEX($D$3:$AA$30,INDEX(Jesper!$R$2:$R$366,ROW(INDEX(Jesper!AK$2:AK$366,ROUNDDOWN($C3498/24,0)+1,1))-1)+IF('Standard Profiles'!$G$21=$B$10,7,0)+IF('Standard Profiles'!$G$21=$B$17,14,0)+IF('Standard Profiles'!$G$21=$B$24,21,0),MOD($C3498,24)+1)/SUM(INDEX($D$3:$AA$30,INDEX(Jesper!$R$2:$R$366,ROW(INDEX(Jesper!AK$2:AK$366,ROUNDDOWN($C3498/24,0)+1,1))-1)+IF('Standard Profiles'!$G$21=$B$10,7,0)+IF('Standard Profiles'!$G$21=$B$17,14,0)+IF('Standard Profiles'!$G$21=$B$24,21,0),0)),0)</f>
        <v>2.1896001435144132</v>
      </c>
      <c r="H3498" cm="1">
        <f t="array" ref="H3498">IFERROR(INDEX(Jesper!AL$2:AL$366,ROUNDDOWN($C3498/24,0)+1,1)*INDEX($D$3:$AA$30,INDEX(Jesper!$R$2:$R$366,ROW(INDEX(Jesper!AL$2:AL$366,ROUNDDOWN($C3498/24,0)+1,1))-1)+IF('Standard Profiles'!$G$22=$B$10,7,0)+IF('Standard Profiles'!$G$22=$B$17,14,0)+IF('Standard Profiles'!$G$22=$B$24,21,0),MOD($C3498,24)+1)/SUM(INDEX($D$3:$AA$30,INDEX(Jesper!$R$2:$R$366,ROW(INDEX(Jesper!AL$2:AL$366,ROUNDDOWN($C3498/24,0)+1,1))-1)+IF('Standard Profiles'!$G$22=$B$10,7,0)+IF('Standard Profiles'!$G$22=$B$17,14,0)+IF('Standard Profiles'!$G$22=$B$24,21,0),0)),0)</f>
        <v>0</v>
      </c>
      <c r="I3498">
        <f t="shared" si="398"/>
        <v>1.0510080688869179</v>
      </c>
      <c r="J3498">
        <f t="shared" si="399"/>
        <v>34.312820995292782</v>
      </c>
      <c r="K3498">
        <f t="shared" si="400"/>
        <v>2.6934988068596932</v>
      </c>
      <c r="L3498">
        <f t="shared" si="401"/>
        <v>1.3467494034298466</v>
      </c>
      <c r="M3498">
        <f t="shared" si="402"/>
        <v>0</v>
      </c>
      <c r="N3498" s="45">
        <f t="shared" si="403"/>
        <v>45071.333333324932</v>
      </c>
    </row>
    <row r="3499" spans="2:14" x14ac:dyDescent="0.25">
      <c r="B3499">
        <f t="shared" si="397"/>
        <v>4</v>
      </c>
      <c r="C3499" s="16">
        <v>3465</v>
      </c>
      <c r="D3499" cm="1">
        <f t="array" ref="D3499">IFERROR(INDEX(Jesper!AH$2:AH$366,ROUNDDOWN($C3499/24,0)+1,1)*INDEX($D$3:$AA$30,INDEX(Jesper!$R$2:$R$366,ROW(INDEX(Jesper!AH$2:AH$366,ROUNDDOWN($C3499/24,0)+1,1))-1)+IF('Standard Profiles'!$G$18=$B$10,7,0)+IF('Standard Profiles'!$G$18=$B$17,14,0)+IF('Standard Profiles'!$G$18=$B$24,21,0),MOD($C3499,24)+1)/SUM(INDEX($D$3:$AA$30,INDEX(Jesper!$R$2:$R$366,ROW(INDEX(Jesper!AH$2:AH$366,ROUNDDOWN($C3499/24,0)+1,1))-1)+IF('Standard Profiles'!$G$18=$B$10,7,0)+IF('Standard Profiles'!$G$18=$B$17,14,0)+IF('Standard Profiles'!$G$18=$B$24,21,0),0)),0)</f>
        <v>27.871995318624776</v>
      </c>
      <c r="E3499" cm="1">
        <f t="array" ref="E3499">IFERROR(INDEX(Jesper!AI$2:AI$366,ROUNDDOWN($C3499/24,0)+1,1)*INDEX($D$3:$AA$30,INDEX(Jesper!$R$2:$R$366,ROW(INDEX(Jesper!AI$2:AI$366,ROUNDDOWN($C3499/24,0)+1,1))-1)+IF('Standard Profiles'!$G$19=$B$10,7,0)+IF('Standard Profiles'!$G$19=$B$17,14,0)+IF('Standard Profiles'!$G$19=$B$24,21,0),MOD($C3499,24)+1)/SUM(INDEX($D$3:$AA$30,INDEX(Jesper!$R$2:$R$366,ROW(INDEX(Jesper!AI$2:AI$366,ROUNDDOWN($C3499/24,0)+1,1))-1)+IF('Standard Profiles'!$G$19=$B$10,7,0)+IF('Standard Profiles'!$G$19=$B$17,14,0)+IF('Standard Profiles'!$G$19=$B$24,21,0),0)),0)</f>
        <v>13.204361514598951</v>
      </c>
      <c r="F3499" cm="1">
        <f t="array" ref="F3499">IFERROR(INDEX(Jesper!AJ$2:AJ$366,ROUNDDOWN($C3499/24,0)+1,1)*INDEX($D$3:$AA$30,INDEX(Jesper!$R$2:$R$366,ROW(INDEX(Jesper!AJ$2:AJ$366,ROUNDDOWN($C3499/24,0)+1,1))-1)+IF('Standard Profiles'!$G$20=$B$10,7,0)+IF('Standard Profiles'!$G$20=$B$17,14,0)+IF('Standard Profiles'!$G$20=$B$24,21,0),MOD($C3499,24)+1)/SUM(INDEX($D$3:$AA$30,INDEX(Jesper!$R$2:$R$366,ROW(INDEX(Jesper!AJ$2:AJ$366,ROUNDDOWN($C3499/24,0)+1,1))-1)+IF('Standard Profiles'!$G$20=$B$10,7,0)+IF('Standard Profiles'!$G$20=$B$17,14,0)+IF('Standard Profiles'!$G$20=$B$24,21,0),0)),0)</f>
        <v>0</v>
      </c>
      <c r="G3499" cm="1">
        <f t="array" ref="G3499">IFERROR(INDEX(Jesper!AK$2:AK$366,ROUNDDOWN($C3499/24,0)+1,1)*INDEX($D$3:$AA$30,INDEX(Jesper!$R$2:$R$366,ROW(INDEX(Jesper!AK$2:AK$366,ROUNDDOWN($C3499/24,0)+1,1))-1)+IF('Standard Profiles'!$G$21=$B$10,7,0)+IF('Standard Profiles'!$G$21=$B$17,14,0)+IF('Standard Profiles'!$G$21=$B$24,21,0),MOD($C3499,24)+1)/SUM(INDEX($D$3:$AA$30,INDEX(Jesper!$R$2:$R$366,ROW(INDEX(Jesper!AK$2:AK$366,ROUNDDOWN($C3499/24,0)+1,1))-1)+IF('Standard Profiles'!$G$21=$B$10,7,0)+IF('Standard Profiles'!$G$21=$B$17,14,0)+IF('Standard Profiles'!$G$21=$B$24,21,0),0)),0)</f>
        <v>2.4168227999168526</v>
      </c>
      <c r="H3499" cm="1">
        <f t="array" ref="H3499">IFERROR(INDEX(Jesper!AL$2:AL$366,ROUNDDOWN($C3499/24,0)+1,1)*INDEX($D$3:$AA$30,INDEX(Jesper!$R$2:$R$366,ROW(INDEX(Jesper!AL$2:AL$366,ROUNDDOWN($C3499/24,0)+1,1))-1)+IF('Standard Profiles'!$G$22=$B$10,7,0)+IF('Standard Profiles'!$G$22=$B$17,14,0)+IF('Standard Profiles'!$G$22=$B$24,21,0),MOD($C3499,24)+1)/SUM(INDEX($D$3:$AA$30,INDEX(Jesper!$R$2:$R$366,ROW(INDEX(Jesper!AL$2:AL$366,ROUNDDOWN($C3499/24,0)+1,1))-1)+IF('Standard Profiles'!$G$22=$B$10,7,0)+IF('Standard Profiles'!$G$22=$B$17,14,0)+IF('Standard Profiles'!$G$22=$B$24,21,0),0)),0)</f>
        <v>0</v>
      </c>
      <c r="I3499">
        <f t="shared" si="398"/>
        <v>1.1600749439600886</v>
      </c>
      <c r="J3499">
        <f t="shared" si="399"/>
        <v>37.873585438200521</v>
      </c>
      <c r="K3499">
        <f t="shared" si="400"/>
        <v>2.9730128339866431</v>
      </c>
      <c r="L3499">
        <f t="shared" si="401"/>
        <v>1.4865064169933215</v>
      </c>
      <c r="M3499">
        <f t="shared" si="402"/>
        <v>0</v>
      </c>
      <c r="N3499" s="45">
        <f t="shared" si="403"/>
        <v>45071.374999991596</v>
      </c>
    </row>
    <row r="3500" spans="2:14" x14ac:dyDescent="0.25">
      <c r="B3500">
        <f t="shared" si="397"/>
        <v>4</v>
      </c>
      <c r="C3500" s="16">
        <v>3466</v>
      </c>
      <c r="D3500" cm="1">
        <f t="array" ref="D3500">IFERROR(INDEX(Jesper!AH$2:AH$366,ROUNDDOWN($C3500/24,0)+1,1)*INDEX($D$3:$AA$30,INDEX(Jesper!$R$2:$R$366,ROW(INDEX(Jesper!AH$2:AH$366,ROUNDDOWN($C3500/24,0)+1,1))-1)+IF('Standard Profiles'!$G$18=$B$10,7,0)+IF('Standard Profiles'!$G$18=$B$17,14,0)+IF('Standard Profiles'!$G$18=$B$24,21,0),MOD($C3500,24)+1)/SUM(INDEX($D$3:$AA$30,INDEX(Jesper!$R$2:$R$366,ROW(INDEX(Jesper!AH$2:AH$366,ROUNDDOWN($C3500/24,0)+1,1))-1)+IF('Standard Profiles'!$G$18=$B$10,7,0)+IF('Standard Profiles'!$G$18=$B$17,14,0)+IF('Standard Profiles'!$G$18=$B$24,21,0),0)),0)</f>
        <v>27.871995318624776</v>
      </c>
      <c r="E3500" cm="1">
        <f t="array" ref="E3500">IFERROR(INDEX(Jesper!AI$2:AI$366,ROUNDDOWN($C3500/24,0)+1,1)*INDEX($D$3:$AA$30,INDEX(Jesper!$R$2:$R$366,ROW(INDEX(Jesper!AI$2:AI$366,ROUNDDOWN($C3500/24,0)+1,1))-1)+IF('Standard Profiles'!$G$19=$B$10,7,0)+IF('Standard Profiles'!$G$19=$B$17,14,0)+IF('Standard Profiles'!$G$19=$B$24,21,0),MOD($C3500,24)+1)/SUM(INDEX($D$3:$AA$30,INDEX(Jesper!$R$2:$R$366,ROW(INDEX(Jesper!AI$2:AI$366,ROUNDDOWN($C3500/24,0)+1,1))-1)+IF('Standard Profiles'!$G$19=$B$10,7,0)+IF('Standard Profiles'!$G$19=$B$17,14,0)+IF('Standard Profiles'!$G$19=$B$24,21,0),0)),0)</f>
        <v>13.204361514598951</v>
      </c>
      <c r="F3500" cm="1">
        <f t="array" ref="F3500">IFERROR(INDEX(Jesper!AJ$2:AJ$366,ROUNDDOWN($C3500/24,0)+1,1)*INDEX($D$3:$AA$30,INDEX(Jesper!$R$2:$R$366,ROW(INDEX(Jesper!AJ$2:AJ$366,ROUNDDOWN($C3500/24,0)+1,1))-1)+IF('Standard Profiles'!$G$20=$B$10,7,0)+IF('Standard Profiles'!$G$20=$B$17,14,0)+IF('Standard Profiles'!$G$20=$B$24,21,0),MOD($C3500,24)+1)/SUM(INDEX($D$3:$AA$30,INDEX(Jesper!$R$2:$R$366,ROW(INDEX(Jesper!AJ$2:AJ$366,ROUNDDOWN($C3500/24,0)+1,1))-1)+IF('Standard Profiles'!$G$20=$B$10,7,0)+IF('Standard Profiles'!$G$20=$B$17,14,0)+IF('Standard Profiles'!$G$20=$B$24,21,0),0)),0)</f>
        <v>0</v>
      </c>
      <c r="G3500" cm="1">
        <f t="array" ref="G3500">IFERROR(INDEX(Jesper!AK$2:AK$366,ROUNDDOWN($C3500/24,0)+1,1)*INDEX($D$3:$AA$30,INDEX(Jesper!$R$2:$R$366,ROW(INDEX(Jesper!AK$2:AK$366,ROUNDDOWN($C3500/24,0)+1,1))-1)+IF('Standard Profiles'!$G$21=$B$10,7,0)+IF('Standard Profiles'!$G$21=$B$17,14,0)+IF('Standard Profiles'!$G$21=$B$24,21,0),MOD($C3500,24)+1)/SUM(INDEX($D$3:$AA$30,INDEX(Jesper!$R$2:$R$366,ROW(INDEX(Jesper!AK$2:AK$366,ROUNDDOWN($C3500/24,0)+1,1))-1)+IF('Standard Profiles'!$G$21=$B$10,7,0)+IF('Standard Profiles'!$G$21=$B$17,14,0)+IF('Standard Profiles'!$G$21=$B$24,21,0),0)),0)</f>
        <v>2.4168227999168526</v>
      </c>
      <c r="H3500" cm="1">
        <f t="array" ref="H3500">IFERROR(INDEX(Jesper!AL$2:AL$366,ROUNDDOWN($C3500/24,0)+1,1)*INDEX($D$3:$AA$30,INDEX(Jesper!$R$2:$R$366,ROW(INDEX(Jesper!AL$2:AL$366,ROUNDDOWN($C3500/24,0)+1,1))-1)+IF('Standard Profiles'!$G$22=$B$10,7,0)+IF('Standard Profiles'!$G$22=$B$17,14,0)+IF('Standard Profiles'!$G$22=$B$24,21,0),MOD($C3500,24)+1)/SUM(INDEX($D$3:$AA$30,INDEX(Jesper!$R$2:$R$366,ROW(INDEX(Jesper!AL$2:AL$366,ROUNDDOWN($C3500/24,0)+1,1))-1)+IF('Standard Profiles'!$G$22=$B$10,7,0)+IF('Standard Profiles'!$G$22=$B$17,14,0)+IF('Standard Profiles'!$G$22=$B$24,21,0),0)),0)</f>
        <v>0</v>
      </c>
      <c r="I3500">
        <f t="shared" si="398"/>
        <v>1.1600749439600886</v>
      </c>
      <c r="J3500">
        <f t="shared" si="399"/>
        <v>37.873585438200521</v>
      </c>
      <c r="K3500">
        <f t="shared" si="400"/>
        <v>2.9730128339866431</v>
      </c>
      <c r="L3500">
        <f t="shared" si="401"/>
        <v>1.4865064169933215</v>
      </c>
      <c r="M3500">
        <f t="shared" si="402"/>
        <v>0</v>
      </c>
      <c r="N3500" s="45">
        <f t="shared" si="403"/>
        <v>45071.416666658261</v>
      </c>
    </row>
    <row r="3501" spans="2:14" x14ac:dyDescent="0.25">
      <c r="B3501">
        <f t="shared" si="397"/>
        <v>4</v>
      </c>
      <c r="C3501" s="16">
        <v>3467</v>
      </c>
      <c r="D3501" cm="1">
        <f t="array" ref="D3501">IFERROR(INDEX(Jesper!AH$2:AH$366,ROUNDDOWN($C3501/24,0)+1,1)*INDEX($D$3:$AA$30,INDEX(Jesper!$R$2:$R$366,ROW(INDEX(Jesper!AH$2:AH$366,ROUNDDOWN($C3501/24,0)+1,1))-1)+IF('Standard Profiles'!$G$18=$B$10,7,0)+IF('Standard Profiles'!$G$18=$B$17,14,0)+IF('Standard Profiles'!$G$18=$B$24,21,0),MOD($C3501,24)+1)/SUM(INDEX($D$3:$AA$30,INDEX(Jesper!$R$2:$R$366,ROW(INDEX(Jesper!AH$2:AH$366,ROUNDDOWN($C3501/24,0)+1,1))-1)+IF('Standard Profiles'!$G$18=$B$10,7,0)+IF('Standard Profiles'!$G$18=$B$17,14,0)+IF('Standard Profiles'!$G$18=$B$24,21,0),0)),0)</f>
        <v>33.35110550946554</v>
      </c>
      <c r="E3501" cm="1">
        <f t="array" ref="E3501">IFERROR(INDEX(Jesper!AI$2:AI$366,ROUNDDOWN($C3501/24,0)+1,1)*INDEX($D$3:$AA$30,INDEX(Jesper!$R$2:$R$366,ROW(INDEX(Jesper!AI$2:AI$366,ROUNDDOWN($C3501/24,0)+1,1))-1)+IF('Standard Profiles'!$G$19=$B$10,7,0)+IF('Standard Profiles'!$G$19=$B$17,14,0)+IF('Standard Profiles'!$G$19=$B$24,21,0),MOD($C3501,24)+1)/SUM(INDEX($D$3:$AA$30,INDEX(Jesper!$R$2:$R$366,ROW(INDEX(Jesper!AI$2:AI$366,ROUNDDOWN($C3501/24,0)+1,1))-1)+IF('Standard Profiles'!$G$19=$B$10,7,0)+IF('Standard Profiles'!$G$19=$B$17,14,0)+IF('Standard Profiles'!$G$19=$B$24,21,0),0)),0)</f>
        <v>15.800090701229511</v>
      </c>
      <c r="F3501" cm="1">
        <f t="array" ref="F3501">IFERROR(INDEX(Jesper!AJ$2:AJ$366,ROUNDDOWN($C3501/24,0)+1,1)*INDEX($D$3:$AA$30,INDEX(Jesper!$R$2:$R$366,ROW(INDEX(Jesper!AJ$2:AJ$366,ROUNDDOWN($C3501/24,0)+1,1))-1)+IF('Standard Profiles'!$G$20=$B$10,7,0)+IF('Standard Profiles'!$G$20=$B$17,14,0)+IF('Standard Profiles'!$G$20=$B$24,21,0),MOD($C3501,24)+1)/SUM(INDEX($D$3:$AA$30,INDEX(Jesper!$R$2:$R$366,ROW(INDEX(Jesper!AJ$2:AJ$366,ROUNDDOWN($C3501/24,0)+1,1))-1)+IF('Standard Profiles'!$G$20=$B$10,7,0)+IF('Standard Profiles'!$G$20=$B$17,14,0)+IF('Standard Profiles'!$G$20=$B$24,21,0),0)),0)</f>
        <v>0</v>
      </c>
      <c r="G3501" cm="1">
        <f t="array" ref="G3501">IFERROR(INDEX(Jesper!AK$2:AK$366,ROUNDDOWN($C3501/24,0)+1,1)*INDEX($D$3:$AA$30,INDEX(Jesper!$R$2:$R$366,ROW(INDEX(Jesper!AK$2:AK$366,ROUNDDOWN($C3501/24,0)+1,1))-1)+IF('Standard Profiles'!$G$21=$B$10,7,0)+IF('Standard Profiles'!$G$21=$B$17,14,0)+IF('Standard Profiles'!$G$21=$B$24,21,0),MOD($C3501,24)+1)/SUM(INDEX($D$3:$AA$30,INDEX(Jesper!$R$2:$R$366,ROW(INDEX(Jesper!AK$2:AK$366,ROUNDDOWN($C3501/24,0)+1,1))-1)+IF('Standard Profiles'!$G$21=$B$10,7,0)+IF('Standard Profiles'!$G$21=$B$17,14,0)+IF('Standard Profiles'!$G$21=$B$24,21,0),0)),0)</f>
        <v>2.8919247178492249</v>
      </c>
      <c r="H3501" cm="1">
        <f t="array" ref="H3501">IFERROR(INDEX(Jesper!AL$2:AL$366,ROUNDDOWN($C3501/24,0)+1,1)*INDEX($D$3:$AA$30,INDEX(Jesper!$R$2:$R$366,ROW(INDEX(Jesper!AL$2:AL$366,ROUNDDOWN($C3501/24,0)+1,1))-1)+IF('Standard Profiles'!$G$22=$B$10,7,0)+IF('Standard Profiles'!$G$22=$B$17,14,0)+IF('Standard Profiles'!$G$22=$B$24,21,0),MOD($C3501,24)+1)/SUM(INDEX($D$3:$AA$30,INDEX(Jesper!$R$2:$R$366,ROW(INDEX(Jesper!AL$2:AL$366,ROUNDDOWN($C3501/24,0)+1,1))-1)+IF('Standard Profiles'!$G$22=$B$10,7,0)+IF('Standard Profiles'!$G$22=$B$17,14,0)+IF('Standard Profiles'!$G$22=$B$24,21,0),0)),0)</f>
        <v>0</v>
      </c>
      <c r="I3501">
        <f t="shared" si="398"/>
        <v>1.3881238645676273</v>
      </c>
      <c r="J3501">
        <f t="shared" si="399"/>
        <v>45.318820182462161</v>
      </c>
      <c r="K3501">
        <f t="shared" si="400"/>
        <v>3.557451254342991</v>
      </c>
      <c r="L3501">
        <f t="shared" si="401"/>
        <v>1.7787256271714955</v>
      </c>
      <c r="M3501">
        <f t="shared" si="402"/>
        <v>0</v>
      </c>
      <c r="N3501" s="45">
        <f t="shared" si="403"/>
        <v>45071.458333324925</v>
      </c>
    </row>
    <row r="3502" spans="2:14" x14ac:dyDescent="0.25">
      <c r="B3502">
        <f t="shared" si="397"/>
        <v>4</v>
      </c>
      <c r="C3502" s="16">
        <v>3468</v>
      </c>
      <c r="D3502" cm="1">
        <f t="array" ref="D3502">IFERROR(INDEX(Jesper!AH$2:AH$366,ROUNDDOWN($C3502/24,0)+1,1)*INDEX($D$3:$AA$30,INDEX(Jesper!$R$2:$R$366,ROW(INDEX(Jesper!AH$2:AH$366,ROUNDDOWN($C3502/24,0)+1,1))-1)+IF('Standard Profiles'!$G$18=$B$10,7,0)+IF('Standard Profiles'!$G$18=$B$17,14,0)+IF('Standard Profiles'!$G$18=$B$24,21,0),MOD($C3502,24)+1)/SUM(INDEX($D$3:$AA$30,INDEX(Jesper!$R$2:$R$366,ROW(INDEX(Jesper!AH$2:AH$366,ROUNDDOWN($C3502/24,0)+1,1))-1)+IF('Standard Profiles'!$G$18=$B$10,7,0)+IF('Standard Profiles'!$G$18=$B$17,14,0)+IF('Standard Profiles'!$G$18=$B$24,21,0),0)),0)</f>
        <v>33.35110550946554</v>
      </c>
      <c r="E3502" cm="1">
        <f t="array" ref="E3502">IFERROR(INDEX(Jesper!AI$2:AI$366,ROUNDDOWN($C3502/24,0)+1,1)*INDEX($D$3:$AA$30,INDEX(Jesper!$R$2:$R$366,ROW(INDEX(Jesper!AI$2:AI$366,ROUNDDOWN($C3502/24,0)+1,1))-1)+IF('Standard Profiles'!$G$19=$B$10,7,0)+IF('Standard Profiles'!$G$19=$B$17,14,0)+IF('Standard Profiles'!$G$19=$B$24,21,0),MOD($C3502,24)+1)/SUM(INDEX($D$3:$AA$30,INDEX(Jesper!$R$2:$R$366,ROW(INDEX(Jesper!AI$2:AI$366,ROUNDDOWN($C3502/24,0)+1,1))-1)+IF('Standard Profiles'!$G$19=$B$10,7,0)+IF('Standard Profiles'!$G$19=$B$17,14,0)+IF('Standard Profiles'!$G$19=$B$24,21,0),0)),0)</f>
        <v>15.800090701229511</v>
      </c>
      <c r="F3502" cm="1">
        <f t="array" ref="F3502">IFERROR(INDEX(Jesper!AJ$2:AJ$366,ROUNDDOWN($C3502/24,0)+1,1)*INDEX($D$3:$AA$30,INDEX(Jesper!$R$2:$R$366,ROW(INDEX(Jesper!AJ$2:AJ$366,ROUNDDOWN($C3502/24,0)+1,1))-1)+IF('Standard Profiles'!$G$20=$B$10,7,0)+IF('Standard Profiles'!$G$20=$B$17,14,0)+IF('Standard Profiles'!$G$20=$B$24,21,0),MOD($C3502,24)+1)/SUM(INDEX($D$3:$AA$30,INDEX(Jesper!$R$2:$R$366,ROW(INDEX(Jesper!AJ$2:AJ$366,ROUNDDOWN($C3502/24,0)+1,1))-1)+IF('Standard Profiles'!$G$20=$B$10,7,0)+IF('Standard Profiles'!$G$20=$B$17,14,0)+IF('Standard Profiles'!$G$20=$B$24,21,0),0)),0)</f>
        <v>0</v>
      </c>
      <c r="G3502" cm="1">
        <f t="array" ref="G3502">IFERROR(INDEX(Jesper!AK$2:AK$366,ROUNDDOWN($C3502/24,0)+1,1)*INDEX($D$3:$AA$30,INDEX(Jesper!$R$2:$R$366,ROW(INDEX(Jesper!AK$2:AK$366,ROUNDDOWN($C3502/24,0)+1,1))-1)+IF('Standard Profiles'!$G$21=$B$10,7,0)+IF('Standard Profiles'!$G$21=$B$17,14,0)+IF('Standard Profiles'!$G$21=$B$24,21,0),MOD($C3502,24)+1)/SUM(INDEX($D$3:$AA$30,INDEX(Jesper!$R$2:$R$366,ROW(INDEX(Jesper!AK$2:AK$366,ROUNDDOWN($C3502/24,0)+1,1))-1)+IF('Standard Profiles'!$G$21=$B$10,7,0)+IF('Standard Profiles'!$G$21=$B$17,14,0)+IF('Standard Profiles'!$G$21=$B$24,21,0),0)),0)</f>
        <v>2.8919247178492249</v>
      </c>
      <c r="H3502" cm="1">
        <f t="array" ref="H3502">IFERROR(INDEX(Jesper!AL$2:AL$366,ROUNDDOWN($C3502/24,0)+1,1)*INDEX($D$3:$AA$30,INDEX(Jesper!$R$2:$R$366,ROW(INDEX(Jesper!AL$2:AL$366,ROUNDDOWN($C3502/24,0)+1,1))-1)+IF('Standard Profiles'!$G$22=$B$10,7,0)+IF('Standard Profiles'!$G$22=$B$17,14,0)+IF('Standard Profiles'!$G$22=$B$24,21,0),MOD($C3502,24)+1)/SUM(INDEX($D$3:$AA$30,INDEX(Jesper!$R$2:$R$366,ROW(INDEX(Jesper!AL$2:AL$366,ROUNDDOWN($C3502/24,0)+1,1))-1)+IF('Standard Profiles'!$G$22=$B$10,7,0)+IF('Standard Profiles'!$G$22=$B$17,14,0)+IF('Standard Profiles'!$G$22=$B$24,21,0),0)),0)</f>
        <v>0</v>
      </c>
      <c r="I3502">
        <f t="shared" si="398"/>
        <v>1.3881238645676273</v>
      </c>
      <c r="J3502">
        <f t="shared" si="399"/>
        <v>45.318820182462161</v>
      </c>
      <c r="K3502">
        <f t="shared" si="400"/>
        <v>3.557451254342991</v>
      </c>
      <c r="L3502">
        <f t="shared" si="401"/>
        <v>1.7787256271714955</v>
      </c>
      <c r="M3502">
        <f t="shared" si="402"/>
        <v>0</v>
      </c>
      <c r="N3502" s="45">
        <f t="shared" si="403"/>
        <v>45071.499999991589</v>
      </c>
    </row>
    <row r="3503" spans="2:14" x14ac:dyDescent="0.25">
      <c r="B3503">
        <f t="shared" si="397"/>
        <v>4</v>
      </c>
      <c r="C3503" s="16">
        <v>3469</v>
      </c>
      <c r="D3503" cm="1">
        <f t="array" ref="D3503">IFERROR(INDEX(Jesper!AH$2:AH$366,ROUNDDOWN($C3503/24,0)+1,1)*INDEX($D$3:$AA$30,INDEX(Jesper!$R$2:$R$366,ROW(INDEX(Jesper!AH$2:AH$366,ROUNDDOWN($C3503/24,0)+1,1))-1)+IF('Standard Profiles'!$G$18=$B$10,7,0)+IF('Standard Profiles'!$G$18=$B$17,14,0)+IF('Standard Profiles'!$G$18=$B$24,21,0),MOD($C3503,24)+1)/SUM(INDEX($D$3:$AA$30,INDEX(Jesper!$R$2:$R$366,ROW(INDEX(Jesper!AH$2:AH$366,ROUNDDOWN($C3503/24,0)+1,1))-1)+IF('Standard Profiles'!$G$18=$B$10,7,0)+IF('Standard Profiles'!$G$18=$B$17,14,0)+IF('Standard Profiles'!$G$18=$B$24,21,0),0)),0)</f>
        <v>22.154662945573534</v>
      </c>
      <c r="E3503" cm="1">
        <f t="array" ref="E3503">IFERROR(INDEX(Jesper!AI$2:AI$366,ROUNDDOWN($C3503/24,0)+1,1)*INDEX($D$3:$AA$30,INDEX(Jesper!$R$2:$R$366,ROW(INDEX(Jesper!AI$2:AI$366,ROUNDDOWN($C3503/24,0)+1,1))-1)+IF('Standard Profiles'!$G$19=$B$10,7,0)+IF('Standard Profiles'!$G$19=$B$17,14,0)+IF('Standard Profiles'!$G$19=$B$24,21,0),MOD($C3503,24)+1)/SUM(INDEX($D$3:$AA$30,INDEX(Jesper!$R$2:$R$366,ROW(INDEX(Jesper!AI$2:AI$366,ROUNDDOWN($C3503/24,0)+1,1))-1)+IF('Standard Profiles'!$G$19=$B$10,7,0)+IF('Standard Profiles'!$G$19=$B$17,14,0)+IF('Standard Profiles'!$G$19=$B$24,21,0),0)),0)</f>
        <v>10.495774537245319</v>
      </c>
      <c r="F3503" cm="1">
        <f t="array" ref="F3503">IFERROR(INDEX(Jesper!AJ$2:AJ$366,ROUNDDOWN($C3503/24,0)+1,1)*INDEX($D$3:$AA$30,INDEX(Jesper!$R$2:$R$366,ROW(INDEX(Jesper!AJ$2:AJ$366,ROUNDDOWN($C3503/24,0)+1,1))-1)+IF('Standard Profiles'!$G$20=$B$10,7,0)+IF('Standard Profiles'!$G$20=$B$17,14,0)+IF('Standard Profiles'!$G$20=$B$24,21,0),MOD($C3503,24)+1)/SUM(INDEX($D$3:$AA$30,INDEX(Jesper!$R$2:$R$366,ROW(INDEX(Jesper!AJ$2:AJ$366,ROUNDDOWN($C3503/24,0)+1,1))-1)+IF('Standard Profiles'!$G$20=$B$10,7,0)+IF('Standard Profiles'!$G$20=$B$17,14,0)+IF('Standard Profiles'!$G$20=$B$24,21,0),0)),0)</f>
        <v>0</v>
      </c>
      <c r="G3503" cm="1">
        <f t="array" ref="G3503">IFERROR(INDEX(Jesper!AK$2:AK$366,ROUNDDOWN($C3503/24,0)+1,1)*INDEX($D$3:$AA$30,INDEX(Jesper!$R$2:$R$366,ROW(INDEX(Jesper!AK$2:AK$366,ROUNDDOWN($C3503/24,0)+1,1))-1)+IF('Standard Profiles'!$G$21=$B$10,7,0)+IF('Standard Profiles'!$G$21=$B$17,14,0)+IF('Standard Profiles'!$G$21=$B$24,21,0),MOD($C3503,24)+1)/SUM(INDEX($D$3:$AA$30,INDEX(Jesper!$R$2:$R$366,ROW(INDEX(Jesper!AK$2:AK$366,ROUNDDOWN($C3503/24,0)+1,1))-1)+IF('Standard Profiles'!$G$21=$B$10,7,0)+IF('Standard Profiles'!$G$21=$B$17,14,0)+IF('Standard Profiles'!$G$21=$B$24,21,0),0)),0)</f>
        <v>1.921064276856985</v>
      </c>
      <c r="H3503" cm="1">
        <f t="array" ref="H3503">IFERROR(INDEX(Jesper!AL$2:AL$366,ROUNDDOWN($C3503/24,0)+1,1)*INDEX($D$3:$AA$30,INDEX(Jesper!$R$2:$R$366,ROW(INDEX(Jesper!AL$2:AL$366,ROUNDDOWN($C3503/24,0)+1,1))-1)+IF('Standard Profiles'!$G$22=$B$10,7,0)+IF('Standard Profiles'!$G$22=$B$17,14,0)+IF('Standard Profiles'!$G$22=$B$24,21,0),MOD($C3503,24)+1)/SUM(INDEX($D$3:$AA$30,INDEX(Jesper!$R$2:$R$366,ROW(INDEX(Jesper!AL$2:AL$366,ROUNDDOWN($C3503/24,0)+1,1))-1)+IF('Standard Profiles'!$G$22=$B$10,7,0)+IF('Standard Profiles'!$G$22=$B$17,14,0)+IF('Standard Profiles'!$G$22=$B$24,21,0),0)),0)</f>
        <v>0</v>
      </c>
      <c r="I3503">
        <f t="shared" si="398"/>
        <v>0.92211085289135231</v>
      </c>
      <c r="J3503">
        <f t="shared" si="399"/>
        <v>30.104644835492724</v>
      </c>
      <c r="K3503">
        <f t="shared" si="400"/>
        <v>2.3631640475278437</v>
      </c>
      <c r="L3503">
        <f t="shared" si="401"/>
        <v>1.1815820237639219</v>
      </c>
      <c r="M3503">
        <f t="shared" si="402"/>
        <v>0</v>
      </c>
      <c r="N3503" s="45">
        <f t="shared" si="403"/>
        <v>45071.541666658253</v>
      </c>
    </row>
    <row r="3504" spans="2:14" x14ac:dyDescent="0.25">
      <c r="B3504">
        <f t="shared" si="397"/>
        <v>4</v>
      </c>
      <c r="C3504" s="16">
        <v>3470</v>
      </c>
      <c r="D3504" cm="1">
        <f t="array" ref="D3504">IFERROR(INDEX(Jesper!AH$2:AH$366,ROUNDDOWN($C3504/24,0)+1,1)*INDEX($D$3:$AA$30,INDEX(Jesper!$R$2:$R$366,ROW(INDEX(Jesper!AH$2:AH$366,ROUNDDOWN($C3504/24,0)+1,1))-1)+IF('Standard Profiles'!$G$18=$B$10,7,0)+IF('Standard Profiles'!$G$18=$B$17,14,0)+IF('Standard Profiles'!$G$18=$B$24,21,0),MOD($C3504,24)+1)/SUM(INDEX($D$3:$AA$30,INDEX(Jesper!$R$2:$R$366,ROW(INDEX(Jesper!AH$2:AH$366,ROUNDDOWN($C3504/24,0)+1,1))-1)+IF('Standard Profiles'!$G$18=$B$10,7,0)+IF('Standard Profiles'!$G$18=$B$17,14,0)+IF('Standard Profiles'!$G$18=$B$24,21,0),0)),0)</f>
        <v>33.35110550946554</v>
      </c>
      <c r="E3504" cm="1">
        <f t="array" ref="E3504">IFERROR(INDEX(Jesper!AI$2:AI$366,ROUNDDOWN($C3504/24,0)+1,1)*INDEX($D$3:$AA$30,INDEX(Jesper!$R$2:$R$366,ROW(INDEX(Jesper!AI$2:AI$366,ROUNDDOWN($C3504/24,0)+1,1))-1)+IF('Standard Profiles'!$G$19=$B$10,7,0)+IF('Standard Profiles'!$G$19=$B$17,14,0)+IF('Standard Profiles'!$G$19=$B$24,21,0),MOD($C3504,24)+1)/SUM(INDEX($D$3:$AA$30,INDEX(Jesper!$R$2:$R$366,ROW(INDEX(Jesper!AI$2:AI$366,ROUNDDOWN($C3504/24,0)+1,1))-1)+IF('Standard Profiles'!$G$19=$B$10,7,0)+IF('Standard Profiles'!$G$19=$B$17,14,0)+IF('Standard Profiles'!$G$19=$B$24,21,0),0)),0)</f>
        <v>15.800090701229511</v>
      </c>
      <c r="F3504" cm="1">
        <f t="array" ref="F3504">IFERROR(INDEX(Jesper!AJ$2:AJ$366,ROUNDDOWN($C3504/24,0)+1,1)*INDEX($D$3:$AA$30,INDEX(Jesper!$R$2:$R$366,ROW(INDEX(Jesper!AJ$2:AJ$366,ROUNDDOWN($C3504/24,0)+1,1))-1)+IF('Standard Profiles'!$G$20=$B$10,7,0)+IF('Standard Profiles'!$G$20=$B$17,14,0)+IF('Standard Profiles'!$G$20=$B$24,21,0),MOD($C3504,24)+1)/SUM(INDEX($D$3:$AA$30,INDEX(Jesper!$R$2:$R$366,ROW(INDEX(Jesper!AJ$2:AJ$366,ROUNDDOWN($C3504/24,0)+1,1))-1)+IF('Standard Profiles'!$G$20=$B$10,7,0)+IF('Standard Profiles'!$G$20=$B$17,14,0)+IF('Standard Profiles'!$G$20=$B$24,21,0),0)),0)</f>
        <v>0</v>
      </c>
      <c r="G3504" cm="1">
        <f t="array" ref="G3504">IFERROR(INDEX(Jesper!AK$2:AK$366,ROUNDDOWN($C3504/24,0)+1,1)*INDEX($D$3:$AA$30,INDEX(Jesper!$R$2:$R$366,ROW(INDEX(Jesper!AK$2:AK$366,ROUNDDOWN($C3504/24,0)+1,1))-1)+IF('Standard Profiles'!$G$21=$B$10,7,0)+IF('Standard Profiles'!$G$21=$B$17,14,0)+IF('Standard Profiles'!$G$21=$B$24,21,0),MOD($C3504,24)+1)/SUM(INDEX($D$3:$AA$30,INDEX(Jesper!$R$2:$R$366,ROW(INDEX(Jesper!AK$2:AK$366,ROUNDDOWN($C3504/24,0)+1,1))-1)+IF('Standard Profiles'!$G$21=$B$10,7,0)+IF('Standard Profiles'!$G$21=$B$17,14,0)+IF('Standard Profiles'!$G$21=$B$24,21,0),0)),0)</f>
        <v>2.8919247178492249</v>
      </c>
      <c r="H3504" cm="1">
        <f t="array" ref="H3504">IFERROR(INDEX(Jesper!AL$2:AL$366,ROUNDDOWN($C3504/24,0)+1,1)*INDEX($D$3:$AA$30,INDEX(Jesper!$R$2:$R$366,ROW(INDEX(Jesper!AL$2:AL$366,ROUNDDOWN($C3504/24,0)+1,1))-1)+IF('Standard Profiles'!$G$22=$B$10,7,0)+IF('Standard Profiles'!$G$22=$B$17,14,0)+IF('Standard Profiles'!$G$22=$B$24,21,0),MOD($C3504,24)+1)/SUM(INDEX($D$3:$AA$30,INDEX(Jesper!$R$2:$R$366,ROW(INDEX(Jesper!AL$2:AL$366,ROUNDDOWN($C3504/24,0)+1,1))-1)+IF('Standard Profiles'!$G$22=$B$10,7,0)+IF('Standard Profiles'!$G$22=$B$17,14,0)+IF('Standard Profiles'!$G$22=$B$24,21,0),0)),0)</f>
        <v>0</v>
      </c>
      <c r="I3504">
        <f t="shared" si="398"/>
        <v>1.3881238645676273</v>
      </c>
      <c r="J3504">
        <f t="shared" si="399"/>
        <v>45.318820182462161</v>
      </c>
      <c r="K3504">
        <f t="shared" si="400"/>
        <v>3.557451254342991</v>
      </c>
      <c r="L3504">
        <f t="shared" si="401"/>
        <v>1.7787256271714955</v>
      </c>
      <c r="M3504">
        <f t="shared" si="402"/>
        <v>0</v>
      </c>
      <c r="N3504" s="45">
        <f t="shared" si="403"/>
        <v>45071.583333324917</v>
      </c>
    </row>
    <row r="3505" spans="2:14" x14ac:dyDescent="0.25">
      <c r="B3505">
        <f t="shared" si="397"/>
        <v>4</v>
      </c>
      <c r="C3505" s="16">
        <v>3471</v>
      </c>
      <c r="D3505" cm="1">
        <f t="array" ref="D3505">IFERROR(INDEX(Jesper!AH$2:AH$366,ROUNDDOWN($C3505/24,0)+1,1)*INDEX($D$3:$AA$30,INDEX(Jesper!$R$2:$R$366,ROW(INDEX(Jesper!AH$2:AH$366,ROUNDDOWN($C3505/24,0)+1,1))-1)+IF('Standard Profiles'!$G$18=$B$10,7,0)+IF('Standard Profiles'!$G$18=$B$17,14,0)+IF('Standard Profiles'!$G$18=$B$24,21,0),MOD($C3505,24)+1)/SUM(INDEX($D$3:$AA$30,INDEX(Jesper!$R$2:$R$366,ROW(INDEX(Jesper!AH$2:AH$366,ROUNDDOWN($C3505/24,0)+1,1))-1)+IF('Standard Profiles'!$G$18=$B$10,7,0)+IF('Standard Profiles'!$G$18=$B$17,14,0)+IF('Standard Profiles'!$G$18=$B$24,21,0),0)),0)</f>
        <v>33.35110550946554</v>
      </c>
      <c r="E3505" cm="1">
        <f t="array" ref="E3505">IFERROR(INDEX(Jesper!AI$2:AI$366,ROUNDDOWN($C3505/24,0)+1,1)*INDEX($D$3:$AA$30,INDEX(Jesper!$R$2:$R$366,ROW(INDEX(Jesper!AI$2:AI$366,ROUNDDOWN($C3505/24,0)+1,1))-1)+IF('Standard Profiles'!$G$19=$B$10,7,0)+IF('Standard Profiles'!$G$19=$B$17,14,0)+IF('Standard Profiles'!$G$19=$B$24,21,0),MOD($C3505,24)+1)/SUM(INDEX($D$3:$AA$30,INDEX(Jesper!$R$2:$R$366,ROW(INDEX(Jesper!AI$2:AI$366,ROUNDDOWN($C3505/24,0)+1,1))-1)+IF('Standard Profiles'!$G$19=$B$10,7,0)+IF('Standard Profiles'!$G$19=$B$17,14,0)+IF('Standard Profiles'!$G$19=$B$24,21,0),0)),0)</f>
        <v>15.800090701229511</v>
      </c>
      <c r="F3505" cm="1">
        <f t="array" ref="F3505">IFERROR(INDEX(Jesper!AJ$2:AJ$366,ROUNDDOWN($C3505/24,0)+1,1)*INDEX($D$3:$AA$30,INDEX(Jesper!$R$2:$R$366,ROW(INDEX(Jesper!AJ$2:AJ$366,ROUNDDOWN($C3505/24,0)+1,1))-1)+IF('Standard Profiles'!$G$20=$B$10,7,0)+IF('Standard Profiles'!$G$20=$B$17,14,0)+IF('Standard Profiles'!$G$20=$B$24,21,0),MOD($C3505,24)+1)/SUM(INDEX($D$3:$AA$30,INDEX(Jesper!$R$2:$R$366,ROW(INDEX(Jesper!AJ$2:AJ$366,ROUNDDOWN($C3505/24,0)+1,1))-1)+IF('Standard Profiles'!$G$20=$B$10,7,0)+IF('Standard Profiles'!$G$20=$B$17,14,0)+IF('Standard Profiles'!$G$20=$B$24,21,0),0)),0)</f>
        <v>0</v>
      </c>
      <c r="G3505" cm="1">
        <f t="array" ref="G3505">IFERROR(INDEX(Jesper!AK$2:AK$366,ROUNDDOWN($C3505/24,0)+1,1)*INDEX($D$3:$AA$30,INDEX(Jesper!$R$2:$R$366,ROW(INDEX(Jesper!AK$2:AK$366,ROUNDDOWN($C3505/24,0)+1,1))-1)+IF('Standard Profiles'!$G$21=$B$10,7,0)+IF('Standard Profiles'!$G$21=$B$17,14,0)+IF('Standard Profiles'!$G$21=$B$24,21,0),MOD($C3505,24)+1)/SUM(INDEX($D$3:$AA$30,INDEX(Jesper!$R$2:$R$366,ROW(INDEX(Jesper!AK$2:AK$366,ROUNDDOWN($C3505/24,0)+1,1))-1)+IF('Standard Profiles'!$G$21=$B$10,7,0)+IF('Standard Profiles'!$G$21=$B$17,14,0)+IF('Standard Profiles'!$G$21=$B$24,21,0),0)),0)</f>
        <v>2.8919247178492249</v>
      </c>
      <c r="H3505" cm="1">
        <f t="array" ref="H3505">IFERROR(INDEX(Jesper!AL$2:AL$366,ROUNDDOWN($C3505/24,0)+1,1)*INDEX($D$3:$AA$30,INDEX(Jesper!$R$2:$R$366,ROW(INDEX(Jesper!AL$2:AL$366,ROUNDDOWN($C3505/24,0)+1,1))-1)+IF('Standard Profiles'!$G$22=$B$10,7,0)+IF('Standard Profiles'!$G$22=$B$17,14,0)+IF('Standard Profiles'!$G$22=$B$24,21,0),MOD($C3505,24)+1)/SUM(INDEX($D$3:$AA$30,INDEX(Jesper!$R$2:$R$366,ROW(INDEX(Jesper!AL$2:AL$366,ROUNDDOWN($C3505/24,0)+1,1))-1)+IF('Standard Profiles'!$G$22=$B$10,7,0)+IF('Standard Profiles'!$G$22=$B$17,14,0)+IF('Standard Profiles'!$G$22=$B$24,21,0),0)),0)</f>
        <v>0</v>
      </c>
      <c r="I3505">
        <f t="shared" si="398"/>
        <v>1.3881238645676273</v>
      </c>
      <c r="J3505">
        <f t="shared" si="399"/>
        <v>45.318820182462161</v>
      </c>
      <c r="K3505">
        <f t="shared" si="400"/>
        <v>3.557451254342991</v>
      </c>
      <c r="L3505">
        <f t="shared" si="401"/>
        <v>1.7787256271714955</v>
      </c>
      <c r="M3505">
        <f t="shared" si="402"/>
        <v>0</v>
      </c>
      <c r="N3505" s="45">
        <f t="shared" si="403"/>
        <v>45071.624999991582</v>
      </c>
    </row>
    <row r="3506" spans="2:14" x14ac:dyDescent="0.25">
      <c r="B3506">
        <f t="shared" si="397"/>
        <v>4</v>
      </c>
      <c r="C3506" s="16">
        <v>3472</v>
      </c>
      <c r="D3506" cm="1">
        <f t="array" ref="D3506">IFERROR(INDEX(Jesper!AH$2:AH$366,ROUNDDOWN($C3506/24,0)+1,1)*INDEX($D$3:$AA$30,INDEX(Jesper!$R$2:$R$366,ROW(INDEX(Jesper!AH$2:AH$366,ROUNDDOWN($C3506/24,0)+1,1))-1)+IF('Standard Profiles'!$G$18=$B$10,7,0)+IF('Standard Profiles'!$G$18=$B$17,14,0)+IF('Standard Profiles'!$G$18=$B$24,21,0),MOD($C3506,24)+1)/SUM(INDEX($D$3:$AA$30,INDEX(Jesper!$R$2:$R$366,ROW(INDEX(Jesper!AH$2:AH$366,ROUNDDOWN($C3506/24,0)+1,1))-1)+IF('Standard Profiles'!$G$18=$B$10,7,0)+IF('Standard Profiles'!$G$18=$B$17,14,0)+IF('Standard Profiles'!$G$18=$B$24,21,0),0)),0)</f>
        <v>19.653330032363623</v>
      </c>
      <c r="E3506" cm="1">
        <f t="array" ref="E3506">IFERROR(INDEX(Jesper!AI$2:AI$366,ROUNDDOWN($C3506/24,0)+1,1)*INDEX($D$3:$AA$30,INDEX(Jesper!$R$2:$R$366,ROW(INDEX(Jesper!AI$2:AI$366,ROUNDDOWN($C3506/24,0)+1,1))-1)+IF('Standard Profiles'!$G$19=$B$10,7,0)+IF('Standard Profiles'!$G$19=$B$17,14,0)+IF('Standard Profiles'!$G$19=$B$24,21,0),MOD($C3506,24)+1)/SUM(INDEX($D$3:$AA$30,INDEX(Jesper!$R$2:$R$366,ROW(INDEX(Jesper!AI$2:AI$366,ROUNDDOWN($C3506/24,0)+1,1))-1)+IF('Standard Profiles'!$G$19=$B$10,7,0)+IF('Standard Profiles'!$G$19=$B$17,14,0)+IF('Standard Profiles'!$G$19=$B$24,21,0),0)),0)</f>
        <v>9.3107677346531066</v>
      </c>
      <c r="F3506" cm="1">
        <f t="array" ref="F3506">IFERROR(INDEX(Jesper!AJ$2:AJ$366,ROUNDDOWN($C3506/24,0)+1,1)*INDEX($D$3:$AA$30,INDEX(Jesper!$R$2:$R$366,ROW(INDEX(Jesper!AJ$2:AJ$366,ROUNDDOWN($C3506/24,0)+1,1))-1)+IF('Standard Profiles'!$G$20=$B$10,7,0)+IF('Standard Profiles'!$G$20=$B$17,14,0)+IF('Standard Profiles'!$G$20=$B$24,21,0),MOD($C3506,24)+1)/SUM(INDEX($D$3:$AA$30,INDEX(Jesper!$R$2:$R$366,ROW(INDEX(Jesper!AJ$2:AJ$366,ROUNDDOWN($C3506/24,0)+1,1))-1)+IF('Standard Profiles'!$G$20=$B$10,7,0)+IF('Standard Profiles'!$G$20=$B$17,14,0)+IF('Standard Profiles'!$G$20=$B$24,21,0),0)),0)</f>
        <v>0</v>
      </c>
      <c r="G3506" cm="1">
        <f t="array" ref="G3506">IFERROR(INDEX(Jesper!AK$2:AK$366,ROUNDDOWN($C3506/24,0)+1,1)*INDEX($D$3:$AA$30,INDEX(Jesper!$R$2:$R$366,ROW(INDEX(Jesper!AK$2:AK$366,ROUNDDOWN($C3506/24,0)+1,1))-1)+IF('Standard Profiles'!$G$21=$B$10,7,0)+IF('Standard Profiles'!$G$21=$B$17,14,0)+IF('Standard Profiles'!$G$21=$B$24,21,0),MOD($C3506,24)+1)/SUM(INDEX($D$3:$AA$30,INDEX(Jesper!$R$2:$R$366,ROW(INDEX(Jesper!AK$2:AK$366,ROUNDDOWN($C3506/24,0)+1,1))-1)+IF('Standard Profiles'!$G$21=$B$10,7,0)+IF('Standard Profiles'!$G$21=$B$17,14,0)+IF('Standard Profiles'!$G$21=$B$24,21,0),0)),0)</f>
        <v>2.4164666515525854</v>
      </c>
      <c r="H3506" cm="1">
        <f t="array" ref="H3506">IFERROR(INDEX(Jesper!AL$2:AL$366,ROUNDDOWN($C3506/24,0)+1,1)*INDEX($D$3:$AA$30,INDEX(Jesper!$R$2:$R$366,ROW(INDEX(Jesper!AL$2:AL$366,ROUNDDOWN($C3506/24,0)+1,1))-1)+IF('Standard Profiles'!$G$22=$B$10,7,0)+IF('Standard Profiles'!$G$22=$B$17,14,0)+IF('Standard Profiles'!$G$22=$B$24,21,0),MOD($C3506,24)+1)/SUM(INDEX($D$3:$AA$30,INDEX(Jesper!$R$2:$R$366,ROW(INDEX(Jesper!AL$2:AL$366,ROUNDDOWN($C3506/24,0)+1,1))-1)+IF('Standard Profiles'!$G$22=$B$10,7,0)+IF('Standard Profiles'!$G$22=$B$17,14,0)+IF('Standard Profiles'!$G$22=$B$24,21,0),0)),0)</f>
        <v>0</v>
      </c>
      <c r="I3506">
        <f t="shared" si="398"/>
        <v>1.1599039927452404</v>
      </c>
      <c r="J3506">
        <f t="shared" si="399"/>
        <v>27.076127620645895</v>
      </c>
      <c r="K3506">
        <f t="shared" si="400"/>
        <v>2.09635520345212</v>
      </c>
      <c r="L3506">
        <f t="shared" si="401"/>
        <v>1.04817760172606</v>
      </c>
      <c r="M3506">
        <f t="shared" si="402"/>
        <v>0</v>
      </c>
      <c r="N3506" s="45">
        <f t="shared" si="403"/>
        <v>45071.666666658246</v>
      </c>
    </row>
    <row r="3507" spans="2:14" x14ac:dyDescent="0.25">
      <c r="B3507">
        <f t="shared" si="397"/>
        <v>4</v>
      </c>
      <c r="C3507" s="16">
        <v>3473</v>
      </c>
      <c r="D3507" cm="1">
        <f t="array" ref="D3507">IFERROR(INDEX(Jesper!AH$2:AH$366,ROUNDDOWN($C3507/24,0)+1,1)*INDEX($D$3:$AA$30,INDEX(Jesper!$R$2:$R$366,ROW(INDEX(Jesper!AH$2:AH$366,ROUNDDOWN($C3507/24,0)+1,1))-1)+IF('Standard Profiles'!$G$18=$B$10,7,0)+IF('Standard Profiles'!$G$18=$B$17,14,0)+IF('Standard Profiles'!$G$18=$B$24,21,0),MOD($C3507,24)+1)/SUM(INDEX($D$3:$AA$30,INDEX(Jesper!$R$2:$R$366,ROW(INDEX(Jesper!AH$2:AH$366,ROUNDDOWN($C3507/24,0)+1,1))-1)+IF('Standard Profiles'!$G$18=$B$10,7,0)+IF('Standard Profiles'!$G$18=$B$17,14,0)+IF('Standard Profiles'!$G$18=$B$24,21,0),0)),0)</f>
        <v>8.3881050074108501</v>
      </c>
      <c r="E3507" cm="1">
        <f t="array" ref="E3507">IFERROR(INDEX(Jesper!AI$2:AI$366,ROUNDDOWN($C3507/24,0)+1,1)*INDEX($D$3:$AA$30,INDEX(Jesper!$R$2:$R$366,ROW(INDEX(Jesper!AI$2:AI$366,ROUNDDOWN($C3507/24,0)+1,1))-1)+IF('Standard Profiles'!$G$19=$B$10,7,0)+IF('Standard Profiles'!$G$19=$B$17,14,0)+IF('Standard Profiles'!$G$19=$B$24,21,0),MOD($C3507,24)+1)/SUM(INDEX($D$3:$AA$30,INDEX(Jesper!$R$2:$R$366,ROW(INDEX(Jesper!AI$2:AI$366,ROUNDDOWN($C3507/24,0)+1,1))-1)+IF('Standard Profiles'!$G$19=$B$10,7,0)+IF('Standard Profiles'!$G$19=$B$17,14,0)+IF('Standard Profiles'!$G$19=$B$24,21,0),0)),0)</f>
        <v>3.9738658705305618</v>
      </c>
      <c r="F3507" cm="1">
        <f t="array" ref="F3507">IFERROR(INDEX(Jesper!AJ$2:AJ$366,ROUNDDOWN($C3507/24,0)+1,1)*INDEX($D$3:$AA$30,INDEX(Jesper!$R$2:$R$366,ROW(INDEX(Jesper!AJ$2:AJ$366,ROUNDDOWN($C3507/24,0)+1,1))-1)+IF('Standard Profiles'!$G$20=$B$10,7,0)+IF('Standard Profiles'!$G$20=$B$17,14,0)+IF('Standard Profiles'!$G$20=$B$24,21,0),MOD($C3507,24)+1)/SUM(INDEX($D$3:$AA$30,INDEX(Jesper!$R$2:$R$366,ROW(INDEX(Jesper!AJ$2:AJ$366,ROUNDDOWN($C3507/24,0)+1,1))-1)+IF('Standard Profiles'!$G$20=$B$10,7,0)+IF('Standard Profiles'!$G$20=$B$17,14,0)+IF('Standard Profiles'!$G$20=$B$24,21,0),0)),0)</f>
        <v>0</v>
      </c>
      <c r="G3507" cm="1">
        <f t="array" ref="G3507">IFERROR(INDEX(Jesper!AK$2:AK$366,ROUNDDOWN($C3507/24,0)+1,1)*INDEX($D$3:$AA$30,INDEX(Jesper!$R$2:$R$366,ROW(INDEX(Jesper!AK$2:AK$366,ROUNDDOWN($C3507/24,0)+1,1))-1)+IF('Standard Profiles'!$G$21=$B$10,7,0)+IF('Standard Profiles'!$G$21=$B$17,14,0)+IF('Standard Profiles'!$G$21=$B$24,21,0),MOD($C3507,24)+1)/SUM(INDEX($D$3:$AA$30,INDEX(Jesper!$R$2:$R$366,ROW(INDEX(Jesper!AK$2:AK$366,ROUNDDOWN($C3507/24,0)+1,1))-1)+IF('Standard Profiles'!$G$21=$B$10,7,0)+IF('Standard Profiles'!$G$21=$B$17,14,0)+IF('Standard Profiles'!$G$21=$B$24,21,0),0)),0)</f>
        <v>1.9214204252212521</v>
      </c>
      <c r="H3507" cm="1">
        <f t="array" ref="H3507">IFERROR(INDEX(Jesper!AL$2:AL$366,ROUNDDOWN($C3507/24,0)+1,1)*INDEX($D$3:$AA$30,INDEX(Jesper!$R$2:$R$366,ROW(INDEX(Jesper!AL$2:AL$366,ROUNDDOWN($C3507/24,0)+1,1))-1)+IF('Standard Profiles'!$G$22=$B$10,7,0)+IF('Standard Profiles'!$G$22=$B$17,14,0)+IF('Standard Profiles'!$G$22=$B$24,21,0),MOD($C3507,24)+1)/SUM(INDEX($D$3:$AA$30,INDEX(Jesper!$R$2:$R$366,ROW(INDEX(Jesper!AL$2:AL$366,ROUNDDOWN($C3507/24,0)+1,1))-1)+IF('Standard Profiles'!$G$22=$B$10,7,0)+IF('Standard Profiles'!$G$22=$B$17,14,0)+IF('Standard Profiles'!$G$22=$B$24,21,0),0)),0)</f>
        <v>0</v>
      </c>
      <c r="I3507">
        <f t="shared" si="398"/>
        <v>0.92228180410620053</v>
      </c>
      <c r="J3507">
        <f t="shared" si="399"/>
        <v>12.019012697870727</v>
      </c>
      <c r="K3507">
        <f t="shared" si="400"/>
        <v>0.89473120079049073</v>
      </c>
      <c r="L3507">
        <f t="shared" si="401"/>
        <v>0.44736560039524537</v>
      </c>
      <c r="M3507">
        <f t="shared" si="402"/>
        <v>0</v>
      </c>
      <c r="N3507" s="45">
        <f t="shared" si="403"/>
        <v>45071.70833332491</v>
      </c>
    </row>
    <row r="3508" spans="2:14" x14ac:dyDescent="0.25">
      <c r="B3508">
        <f t="shared" si="397"/>
        <v>4</v>
      </c>
      <c r="C3508" s="16">
        <v>3474</v>
      </c>
      <c r="D3508" cm="1">
        <f t="array" ref="D3508">IFERROR(INDEX(Jesper!AH$2:AH$366,ROUNDDOWN($C3508/24,0)+1,1)*INDEX($D$3:$AA$30,INDEX(Jesper!$R$2:$R$366,ROW(INDEX(Jesper!AH$2:AH$366,ROUNDDOWN($C3508/24,0)+1,1))-1)+IF('Standard Profiles'!$G$18=$B$10,7,0)+IF('Standard Profiles'!$G$18=$B$17,14,0)+IF('Standard Profiles'!$G$18=$B$24,21,0),MOD($C3508,24)+1)/SUM(INDEX($D$3:$AA$30,INDEX(Jesper!$R$2:$R$366,ROW(INDEX(Jesper!AH$2:AH$366,ROUNDDOWN($C3508/24,0)+1,1))-1)+IF('Standard Profiles'!$G$18=$B$10,7,0)+IF('Standard Profiles'!$G$18=$B$17,14,0)+IF('Standard Profiles'!$G$18=$B$24,21,0),0)),0)</f>
        <v>5.5361493048911612</v>
      </c>
      <c r="E3508" cm="1">
        <f t="array" ref="E3508">IFERROR(INDEX(Jesper!AI$2:AI$366,ROUNDDOWN($C3508/24,0)+1,1)*INDEX($D$3:$AA$30,INDEX(Jesper!$R$2:$R$366,ROW(INDEX(Jesper!AI$2:AI$366,ROUNDDOWN($C3508/24,0)+1,1))-1)+IF('Standard Profiles'!$G$19=$B$10,7,0)+IF('Standard Profiles'!$G$19=$B$17,14,0)+IF('Standard Profiles'!$G$19=$B$24,21,0),MOD($C3508,24)+1)/SUM(INDEX($D$3:$AA$30,INDEX(Jesper!$R$2:$R$366,ROW(INDEX(Jesper!AI$2:AI$366,ROUNDDOWN($C3508/24,0)+1,1))-1)+IF('Standard Profiles'!$G$19=$B$10,7,0)+IF('Standard Profiles'!$G$19=$B$17,14,0)+IF('Standard Profiles'!$G$19=$B$24,21,0),0)),0)</f>
        <v>2.6227514745501708</v>
      </c>
      <c r="F3508" cm="1">
        <f t="array" ref="F3508">IFERROR(INDEX(Jesper!AJ$2:AJ$366,ROUNDDOWN($C3508/24,0)+1,1)*INDEX($D$3:$AA$30,INDEX(Jesper!$R$2:$R$366,ROW(INDEX(Jesper!AJ$2:AJ$366,ROUNDDOWN($C3508/24,0)+1,1))-1)+IF('Standard Profiles'!$G$20=$B$10,7,0)+IF('Standard Profiles'!$G$20=$B$17,14,0)+IF('Standard Profiles'!$G$20=$B$24,21,0),MOD($C3508,24)+1)/SUM(INDEX($D$3:$AA$30,INDEX(Jesper!$R$2:$R$366,ROW(INDEX(Jesper!AJ$2:AJ$366,ROUNDDOWN($C3508/24,0)+1,1))-1)+IF('Standard Profiles'!$G$20=$B$10,7,0)+IF('Standard Profiles'!$G$20=$B$17,14,0)+IF('Standard Profiles'!$G$20=$B$24,21,0),0)),0)</f>
        <v>0</v>
      </c>
      <c r="G3508" cm="1">
        <f t="array" ref="G3508">IFERROR(INDEX(Jesper!AK$2:AK$366,ROUNDDOWN($C3508/24,0)+1,1)*INDEX($D$3:$AA$30,INDEX(Jesper!$R$2:$R$366,ROW(INDEX(Jesper!AK$2:AK$366,ROUNDDOWN($C3508/24,0)+1,1))-1)+IF('Standard Profiles'!$G$21=$B$10,7,0)+IF('Standard Profiles'!$G$21=$B$17,14,0)+IF('Standard Profiles'!$G$21=$B$24,21,0),MOD($C3508,24)+1)/SUM(INDEX($D$3:$AA$30,INDEX(Jesper!$R$2:$R$366,ROW(INDEX(Jesper!AK$2:AK$366,ROUNDDOWN($C3508/24,0)+1,1))-1)+IF('Standard Profiles'!$G$21=$B$10,7,0)+IF('Standard Profiles'!$G$21=$B$17,14,0)+IF('Standard Profiles'!$G$21=$B$24,21,0),0)),0)</f>
        <v>0.71229672853429193</v>
      </c>
      <c r="H3508" cm="1">
        <f t="array" ref="H3508">IFERROR(INDEX(Jesper!AL$2:AL$366,ROUNDDOWN($C3508/24,0)+1,1)*INDEX($D$3:$AA$30,INDEX(Jesper!$R$2:$R$366,ROW(INDEX(Jesper!AL$2:AL$366,ROUNDDOWN($C3508/24,0)+1,1))-1)+IF('Standard Profiles'!$G$22=$B$10,7,0)+IF('Standard Profiles'!$G$22=$B$17,14,0)+IF('Standard Profiles'!$G$22=$B$24,21,0),MOD($C3508,24)+1)/SUM(INDEX($D$3:$AA$30,INDEX(Jesper!$R$2:$R$366,ROW(INDEX(Jesper!AL$2:AL$366,ROUNDDOWN($C3508/24,0)+1,1))-1)+IF('Standard Profiles'!$G$22=$B$10,7,0)+IF('Standard Profiles'!$G$22=$B$17,14,0)+IF('Standard Profiles'!$G$22=$B$24,21,0),0)),0)</f>
        <v>0</v>
      </c>
      <c r="I3508">
        <f t="shared" si="398"/>
        <v>0.34190242969645995</v>
      </c>
      <c r="J3508">
        <f t="shared" si="399"/>
        <v>7.6435111894965777</v>
      </c>
      <c r="K3508">
        <f t="shared" si="400"/>
        <v>0.5905225925217239</v>
      </c>
      <c r="L3508">
        <f t="shared" si="401"/>
        <v>0.29526129626086195</v>
      </c>
      <c r="M3508">
        <f t="shared" si="402"/>
        <v>0</v>
      </c>
      <c r="N3508" s="45">
        <f t="shared" si="403"/>
        <v>45071.749999991574</v>
      </c>
    </row>
    <row r="3509" spans="2:14" x14ac:dyDescent="0.25">
      <c r="B3509">
        <f t="shared" si="397"/>
        <v>4</v>
      </c>
      <c r="C3509" s="16">
        <v>3475</v>
      </c>
      <c r="D3509" cm="1">
        <f t="array" ref="D3509">IFERROR(INDEX(Jesper!AH$2:AH$366,ROUNDDOWN($C3509/24,0)+1,1)*INDEX($D$3:$AA$30,INDEX(Jesper!$R$2:$R$366,ROW(INDEX(Jesper!AH$2:AH$366,ROUNDDOWN($C3509/24,0)+1,1))-1)+IF('Standard Profiles'!$G$18=$B$10,7,0)+IF('Standard Profiles'!$G$18=$B$17,14,0)+IF('Standard Profiles'!$G$18=$B$24,21,0),MOD($C3509,24)+1)/SUM(INDEX($D$3:$AA$30,INDEX(Jesper!$R$2:$R$366,ROW(INDEX(Jesper!AH$2:AH$366,ROUNDDOWN($C3509/24,0)+1,1))-1)+IF('Standard Profiles'!$G$18=$B$10,7,0)+IF('Standard Profiles'!$G$18=$B$17,14,0)+IF('Standard Profiles'!$G$18=$B$24,21,0),0)),0)</f>
        <v>5.5361493048911612</v>
      </c>
      <c r="E3509" cm="1">
        <f t="array" ref="E3509">IFERROR(INDEX(Jesper!AI$2:AI$366,ROUNDDOWN($C3509/24,0)+1,1)*INDEX($D$3:$AA$30,INDEX(Jesper!$R$2:$R$366,ROW(INDEX(Jesper!AI$2:AI$366,ROUNDDOWN($C3509/24,0)+1,1))-1)+IF('Standard Profiles'!$G$19=$B$10,7,0)+IF('Standard Profiles'!$G$19=$B$17,14,0)+IF('Standard Profiles'!$G$19=$B$24,21,0),MOD($C3509,24)+1)/SUM(INDEX($D$3:$AA$30,INDEX(Jesper!$R$2:$R$366,ROW(INDEX(Jesper!AI$2:AI$366,ROUNDDOWN($C3509/24,0)+1,1))-1)+IF('Standard Profiles'!$G$19=$B$10,7,0)+IF('Standard Profiles'!$G$19=$B$17,14,0)+IF('Standard Profiles'!$G$19=$B$24,21,0),0)),0)</f>
        <v>2.6227514745501708</v>
      </c>
      <c r="F3509" cm="1">
        <f t="array" ref="F3509">IFERROR(INDEX(Jesper!AJ$2:AJ$366,ROUNDDOWN($C3509/24,0)+1,1)*INDEX($D$3:$AA$30,INDEX(Jesper!$R$2:$R$366,ROW(INDEX(Jesper!AJ$2:AJ$366,ROUNDDOWN($C3509/24,0)+1,1))-1)+IF('Standard Profiles'!$G$20=$B$10,7,0)+IF('Standard Profiles'!$G$20=$B$17,14,0)+IF('Standard Profiles'!$G$20=$B$24,21,0),MOD($C3509,24)+1)/SUM(INDEX($D$3:$AA$30,INDEX(Jesper!$R$2:$R$366,ROW(INDEX(Jesper!AJ$2:AJ$366,ROUNDDOWN($C3509/24,0)+1,1))-1)+IF('Standard Profiles'!$G$20=$B$10,7,0)+IF('Standard Profiles'!$G$20=$B$17,14,0)+IF('Standard Profiles'!$G$20=$B$24,21,0),0)),0)</f>
        <v>0</v>
      </c>
      <c r="G3509" cm="1">
        <f t="array" ref="G3509">IFERROR(INDEX(Jesper!AK$2:AK$366,ROUNDDOWN($C3509/24,0)+1,1)*INDEX($D$3:$AA$30,INDEX(Jesper!$R$2:$R$366,ROW(INDEX(Jesper!AK$2:AK$366,ROUNDDOWN($C3509/24,0)+1,1))-1)+IF('Standard Profiles'!$G$21=$B$10,7,0)+IF('Standard Profiles'!$G$21=$B$17,14,0)+IF('Standard Profiles'!$G$21=$B$24,21,0),MOD($C3509,24)+1)/SUM(INDEX($D$3:$AA$30,INDEX(Jesper!$R$2:$R$366,ROW(INDEX(Jesper!AK$2:AK$366,ROUNDDOWN($C3509/24,0)+1,1))-1)+IF('Standard Profiles'!$G$21=$B$10,7,0)+IF('Standard Profiles'!$G$21=$B$17,14,0)+IF('Standard Profiles'!$G$21=$B$24,21,0),0)),0)</f>
        <v>0.71229672853429193</v>
      </c>
      <c r="H3509" cm="1">
        <f t="array" ref="H3509">IFERROR(INDEX(Jesper!AL$2:AL$366,ROUNDDOWN($C3509/24,0)+1,1)*INDEX($D$3:$AA$30,INDEX(Jesper!$R$2:$R$366,ROW(INDEX(Jesper!AL$2:AL$366,ROUNDDOWN($C3509/24,0)+1,1))-1)+IF('Standard Profiles'!$G$22=$B$10,7,0)+IF('Standard Profiles'!$G$22=$B$17,14,0)+IF('Standard Profiles'!$G$22=$B$24,21,0),MOD($C3509,24)+1)/SUM(INDEX($D$3:$AA$30,INDEX(Jesper!$R$2:$R$366,ROW(INDEX(Jesper!AL$2:AL$366,ROUNDDOWN($C3509/24,0)+1,1))-1)+IF('Standard Profiles'!$G$22=$B$10,7,0)+IF('Standard Profiles'!$G$22=$B$17,14,0)+IF('Standard Profiles'!$G$22=$B$24,21,0),0)),0)</f>
        <v>0</v>
      </c>
      <c r="I3509">
        <f t="shared" si="398"/>
        <v>0.34190242969645995</v>
      </c>
      <c r="J3509">
        <f t="shared" si="399"/>
        <v>7.6435111894965777</v>
      </c>
      <c r="K3509">
        <f t="shared" si="400"/>
        <v>0.5905225925217239</v>
      </c>
      <c r="L3509">
        <f t="shared" si="401"/>
        <v>0.29526129626086195</v>
      </c>
      <c r="M3509">
        <f t="shared" si="402"/>
        <v>0</v>
      </c>
      <c r="N3509" s="45">
        <f t="shared" si="403"/>
        <v>45071.791666658239</v>
      </c>
    </row>
    <row r="3510" spans="2:14" x14ac:dyDescent="0.25">
      <c r="B3510">
        <f t="shared" si="397"/>
        <v>4</v>
      </c>
      <c r="C3510" s="16">
        <v>3476</v>
      </c>
      <c r="D3510" cm="1">
        <f t="array" ref="D3510">IFERROR(INDEX(Jesper!AH$2:AH$366,ROUNDDOWN($C3510/24,0)+1,1)*INDEX($D$3:$AA$30,INDEX(Jesper!$R$2:$R$366,ROW(INDEX(Jesper!AH$2:AH$366,ROUNDDOWN($C3510/24,0)+1,1))-1)+IF('Standard Profiles'!$G$18=$B$10,7,0)+IF('Standard Profiles'!$G$18=$B$17,14,0)+IF('Standard Profiles'!$G$18=$B$24,21,0),MOD($C3510,24)+1)/SUM(INDEX($D$3:$AA$30,INDEX(Jesper!$R$2:$R$366,ROW(INDEX(Jesper!AH$2:AH$366,ROUNDDOWN($C3510/24,0)+1,1))-1)+IF('Standard Profiles'!$G$18=$B$10,7,0)+IF('Standard Profiles'!$G$18=$B$17,14,0)+IF('Standard Profiles'!$G$18=$B$24,21,0),0)),0)</f>
        <v>5.5361493048911612</v>
      </c>
      <c r="E3510" cm="1">
        <f t="array" ref="E3510">IFERROR(INDEX(Jesper!AI$2:AI$366,ROUNDDOWN($C3510/24,0)+1,1)*INDEX($D$3:$AA$30,INDEX(Jesper!$R$2:$R$366,ROW(INDEX(Jesper!AI$2:AI$366,ROUNDDOWN($C3510/24,0)+1,1))-1)+IF('Standard Profiles'!$G$19=$B$10,7,0)+IF('Standard Profiles'!$G$19=$B$17,14,0)+IF('Standard Profiles'!$G$19=$B$24,21,0),MOD($C3510,24)+1)/SUM(INDEX($D$3:$AA$30,INDEX(Jesper!$R$2:$R$366,ROW(INDEX(Jesper!AI$2:AI$366,ROUNDDOWN($C3510/24,0)+1,1))-1)+IF('Standard Profiles'!$G$19=$B$10,7,0)+IF('Standard Profiles'!$G$19=$B$17,14,0)+IF('Standard Profiles'!$G$19=$B$24,21,0),0)),0)</f>
        <v>2.6227514745501708</v>
      </c>
      <c r="F3510" cm="1">
        <f t="array" ref="F3510">IFERROR(INDEX(Jesper!AJ$2:AJ$366,ROUNDDOWN($C3510/24,0)+1,1)*INDEX($D$3:$AA$30,INDEX(Jesper!$R$2:$R$366,ROW(INDEX(Jesper!AJ$2:AJ$366,ROUNDDOWN($C3510/24,0)+1,1))-1)+IF('Standard Profiles'!$G$20=$B$10,7,0)+IF('Standard Profiles'!$G$20=$B$17,14,0)+IF('Standard Profiles'!$G$20=$B$24,21,0),MOD($C3510,24)+1)/SUM(INDEX($D$3:$AA$30,INDEX(Jesper!$R$2:$R$366,ROW(INDEX(Jesper!AJ$2:AJ$366,ROUNDDOWN($C3510/24,0)+1,1))-1)+IF('Standard Profiles'!$G$20=$B$10,7,0)+IF('Standard Profiles'!$G$20=$B$17,14,0)+IF('Standard Profiles'!$G$20=$B$24,21,0),0)),0)</f>
        <v>0</v>
      </c>
      <c r="G3510" cm="1">
        <f t="array" ref="G3510">IFERROR(INDEX(Jesper!AK$2:AK$366,ROUNDDOWN($C3510/24,0)+1,1)*INDEX($D$3:$AA$30,INDEX(Jesper!$R$2:$R$366,ROW(INDEX(Jesper!AK$2:AK$366,ROUNDDOWN($C3510/24,0)+1,1))-1)+IF('Standard Profiles'!$G$21=$B$10,7,0)+IF('Standard Profiles'!$G$21=$B$17,14,0)+IF('Standard Profiles'!$G$21=$B$24,21,0),MOD($C3510,24)+1)/SUM(INDEX($D$3:$AA$30,INDEX(Jesper!$R$2:$R$366,ROW(INDEX(Jesper!AK$2:AK$366,ROUNDDOWN($C3510/24,0)+1,1))-1)+IF('Standard Profiles'!$G$21=$B$10,7,0)+IF('Standard Profiles'!$G$21=$B$17,14,0)+IF('Standard Profiles'!$G$21=$B$24,21,0),0)),0)</f>
        <v>0.71229672853429193</v>
      </c>
      <c r="H3510" cm="1">
        <f t="array" ref="H3510">IFERROR(INDEX(Jesper!AL$2:AL$366,ROUNDDOWN($C3510/24,0)+1,1)*INDEX($D$3:$AA$30,INDEX(Jesper!$R$2:$R$366,ROW(INDEX(Jesper!AL$2:AL$366,ROUNDDOWN($C3510/24,0)+1,1))-1)+IF('Standard Profiles'!$G$22=$B$10,7,0)+IF('Standard Profiles'!$G$22=$B$17,14,0)+IF('Standard Profiles'!$G$22=$B$24,21,0),MOD($C3510,24)+1)/SUM(INDEX($D$3:$AA$30,INDEX(Jesper!$R$2:$R$366,ROW(INDEX(Jesper!AL$2:AL$366,ROUNDDOWN($C3510/24,0)+1,1))-1)+IF('Standard Profiles'!$G$22=$B$10,7,0)+IF('Standard Profiles'!$G$22=$B$17,14,0)+IF('Standard Profiles'!$G$22=$B$24,21,0),0)),0)</f>
        <v>0</v>
      </c>
      <c r="I3510">
        <f t="shared" si="398"/>
        <v>0.34190242969645995</v>
      </c>
      <c r="J3510">
        <f t="shared" si="399"/>
        <v>7.6435111894965777</v>
      </c>
      <c r="K3510">
        <f t="shared" si="400"/>
        <v>0.5905225925217239</v>
      </c>
      <c r="L3510">
        <f t="shared" si="401"/>
        <v>0.29526129626086195</v>
      </c>
      <c r="M3510">
        <f t="shared" si="402"/>
        <v>0</v>
      </c>
      <c r="N3510" s="45">
        <f t="shared" si="403"/>
        <v>45071.833333324903</v>
      </c>
    </row>
    <row r="3511" spans="2:14" x14ac:dyDescent="0.25">
      <c r="B3511">
        <f t="shared" si="397"/>
        <v>4</v>
      </c>
      <c r="C3511" s="16">
        <v>3477</v>
      </c>
      <c r="D3511" cm="1">
        <f t="array" ref="D3511">IFERROR(INDEX(Jesper!AH$2:AH$366,ROUNDDOWN($C3511/24,0)+1,1)*INDEX($D$3:$AA$30,INDEX(Jesper!$R$2:$R$366,ROW(INDEX(Jesper!AH$2:AH$366,ROUNDDOWN($C3511/24,0)+1,1))-1)+IF('Standard Profiles'!$G$18=$B$10,7,0)+IF('Standard Profiles'!$G$18=$B$17,14,0)+IF('Standard Profiles'!$G$18=$B$24,21,0),MOD($C3511,24)+1)/SUM(INDEX($D$3:$AA$30,INDEX(Jesper!$R$2:$R$366,ROW(INDEX(Jesper!AH$2:AH$366,ROUNDDOWN($C3511/24,0)+1,1))-1)+IF('Standard Profiles'!$G$18=$B$10,7,0)+IF('Standard Profiles'!$G$18=$B$17,14,0)+IF('Standard Profiles'!$G$18=$B$24,21,0),0)),0)</f>
        <v>5.5361493048911612</v>
      </c>
      <c r="E3511" cm="1">
        <f t="array" ref="E3511">IFERROR(INDEX(Jesper!AI$2:AI$366,ROUNDDOWN($C3511/24,0)+1,1)*INDEX($D$3:$AA$30,INDEX(Jesper!$R$2:$R$366,ROW(INDEX(Jesper!AI$2:AI$366,ROUNDDOWN($C3511/24,0)+1,1))-1)+IF('Standard Profiles'!$G$19=$B$10,7,0)+IF('Standard Profiles'!$G$19=$B$17,14,0)+IF('Standard Profiles'!$G$19=$B$24,21,0),MOD($C3511,24)+1)/SUM(INDEX($D$3:$AA$30,INDEX(Jesper!$R$2:$R$366,ROW(INDEX(Jesper!AI$2:AI$366,ROUNDDOWN($C3511/24,0)+1,1))-1)+IF('Standard Profiles'!$G$19=$B$10,7,0)+IF('Standard Profiles'!$G$19=$B$17,14,0)+IF('Standard Profiles'!$G$19=$B$24,21,0),0)),0)</f>
        <v>2.6227514745501708</v>
      </c>
      <c r="F3511" cm="1">
        <f t="array" ref="F3511">IFERROR(INDEX(Jesper!AJ$2:AJ$366,ROUNDDOWN($C3511/24,0)+1,1)*INDEX($D$3:$AA$30,INDEX(Jesper!$R$2:$R$366,ROW(INDEX(Jesper!AJ$2:AJ$366,ROUNDDOWN($C3511/24,0)+1,1))-1)+IF('Standard Profiles'!$G$20=$B$10,7,0)+IF('Standard Profiles'!$G$20=$B$17,14,0)+IF('Standard Profiles'!$G$20=$B$24,21,0),MOD($C3511,24)+1)/SUM(INDEX($D$3:$AA$30,INDEX(Jesper!$R$2:$R$366,ROW(INDEX(Jesper!AJ$2:AJ$366,ROUNDDOWN($C3511/24,0)+1,1))-1)+IF('Standard Profiles'!$G$20=$B$10,7,0)+IF('Standard Profiles'!$G$20=$B$17,14,0)+IF('Standard Profiles'!$G$20=$B$24,21,0),0)),0)</f>
        <v>0</v>
      </c>
      <c r="G3511" cm="1">
        <f t="array" ref="G3511">IFERROR(INDEX(Jesper!AK$2:AK$366,ROUNDDOWN($C3511/24,0)+1,1)*INDEX($D$3:$AA$30,INDEX(Jesper!$R$2:$R$366,ROW(INDEX(Jesper!AK$2:AK$366,ROUNDDOWN($C3511/24,0)+1,1))-1)+IF('Standard Profiles'!$G$21=$B$10,7,0)+IF('Standard Profiles'!$G$21=$B$17,14,0)+IF('Standard Profiles'!$G$21=$B$24,21,0),MOD($C3511,24)+1)/SUM(INDEX($D$3:$AA$30,INDEX(Jesper!$R$2:$R$366,ROW(INDEX(Jesper!AK$2:AK$366,ROUNDDOWN($C3511/24,0)+1,1))-1)+IF('Standard Profiles'!$G$21=$B$10,7,0)+IF('Standard Profiles'!$G$21=$B$17,14,0)+IF('Standard Profiles'!$G$21=$B$24,21,0),0)),0)</f>
        <v>0.71229672853429193</v>
      </c>
      <c r="H3511" cm="1">
        <f t="array" ref="H3511">IFERROR(INDEX(Jesper!AL$2:AL$366,ROUNDDOWN($C3511/24,0)+1,1)*INDEX($D$3:$AA$30,INDEX(Jesper!$R$2:$R$366,ROW(INDEX(Jesper!AL$2:AL$366,ROUNDDOWN($C3511/24,0)+1,1))-1)+IF('Standard Profiles'!$G$22=$B$10,7,0)+IF('Standard Profiles'!$G$22=$B$17,14,0)+IF('Standard Profiles'!$G$22=$B$24,21,0),MOD($C3511,24)+1)/SUM(INDEX($D$3:$AA$30,INDEX(Jesper!$R$2:$R$366,ROW(INDEX(Jesper!AL$2:AL$366,ROUNDDOWN($C3511/24,0)+1,1))-1)+IF('Standard Profiles'!$G$22=$B$10,7,0)+IF('Standard Profiles'!$G$22=$B$17,14,0)+IF('Standard Profiles'!$G$22=$B$24,21,0),0)),0)</f>
        <v>0</v>
      </c>
      <c r="I3511">
        <f t="shared" si="398"/>
        <v>0.34190242969645995</v>
      </c>
      <c r="J3511">
        <f t="shared" si="399"/>
        <v>7.6435111894965777</v>
      </c>
      <c r="K3511">
        <f t="shared" si="400"/>
        <v>0.5905225925217239</v>
      </c>
      <c r="L3511">
        <f t="shared" si="401"/>
        <v>0.29526129626086195</v>
      </c>
      <c r="M3511">
        <f t="shared" si="402"/>
        <v>0</v>
      </c>
      <c r="N3511" s="45">
        <f t="shared" si="403"/>
        <v>45071.874999991567</v>
      </c>
    </row>
    <row r="3512" spans="2:14" x14ac:dyDescent="0.25">
      <c r="B3512">
        <f t="shared" si="397"/>
        <v>4</v>
      </c>
      <c r="C3512" s="16">
        <v>3478</v>
      </c>
      <c r="D3512" cm="1">
        <f t="array" ref="D3512">IFERROR(INDEX(Jesper!AH$2:AH$366,ROUNDDOWN($C3512/24,0)+1,1)*INDEX($D$3:$AA$30,INDEX(Jesper!$R$2:$R$366,ROW(INDEX(Jesper!AH$2:AH$366,ROUNDDOWN($C3512/24,0)+1,1))-1)+IF('Standard Profiles'!$G$18=$B$10,7,0)+IF('Standard Profiles'!$G$18=$B$17,14,0)+IF('Standard Profiles'!$G$18=$B$24,21,0),MOD($C3512,24)+1)/SUM(INDEX($D$3:$AA$30,INDEX(Jesper!$R$2:$R$366,ROW(INDEX(Jesper!AH$2:AH$366,ROUNDDOWN($C3512/24,0)+1,1))-1)+IF('Standard Profiles'!$G$18=$B$10,7,0)+IF('Standard Profiles'!$G$18=$B$17,14,0)+IF('Standard Profiles'!$G$18=$B$24,21,0),0)),0)</f>
        <v>5.5361493048911612</v>
      </c>
      <c r="E3512" cm="1">
        <f t="array" ref="E3512">IFERROR(INDEX(Jesper!AI$2:AI$366,ROUNDDOWN($C3512/24,0)+1,1)*INDEX($D$3:$AA$30,INDEX(Jesper!$R$2:$R$366,ROW(INDEX(Jesper!AI$2:AI$366,ROUNDDOWN($C3512/24,0)+1,1))-1)+IF('Standard Profiles'!$G$19=$B$10,7,0)+IF('Standard Profiles'!$G$19=$B$17,14,0)+IF('Standard Profiles'!$G$19=$B$24,21,0),MOD($C3512,24)+1)/SUM(INDEX($D$3:$AA$30,INDEX(Jesper!$R$2:$R$366,ROW(INDEX(Jesper!AI$2:AI$366,ROUNDDOWN($C3512/24,0)+1,1))-1)+IF('Standard Profiles'!$G$19=$B$10,7,0)+IF('Standard Profiles'!$G$19=$B$17,14,0)+IF('Standard Profiles'!$G$19=$B$24,21,0),0)),0)</f>
        <v>2.6227514745501708</v>
      </c>
      <c r="F3512" cm="1">
        <f t="array" ref="F3512">IFERROR(INDEX(Jesper!AJ$2:AJ$366,ROUNDDOWN($C3512/24,0)+1,1)*INDEX($D$3:$AA$30,INDEX(Jesper!$R$2:$R$366,ROW(INDEX(Jesper!AJ$2:AJ$366,ROUNDDOWN($C3512/24,0)+1,1))-1)+IF('Standard Profiles'!$G$20=$B$10,7,0)+IF('Standard Profiles'!$G$20=$B$17,14,0)+IF('Standard Profiles'!$G$20=$B$24,21,0),MOD($C3512,24)+1)/SUM(INDEX($D$3:$AA$30,INDEX(Jesper!$R$2:$R$366,ROW(INDEX(Jesper!AJ$2:AJ$366,ROUNDDOWN($C3512/24,0)+1,1))-1)+IF('Standard Profiles'!$G$20=$B$10,7,0)+IF('Standard Profiles'!$G$20=$B$17,14,0)+IF('Standard Profiles'!$G$20=$B$24,21,0),0)),0)</f>
        <v>0</v>
      </c>
      <c r="G3512" cm="1">
        <f t="array" ref="G3512">IFERROR(INDEX(Jesper!AK$2:AK$366,ROUNDDOWN($C3512/24,0)+1,1)*INDEX($D$3:$AA$30,INDEX(Jesper!$R$2:$R$366,ROW(INDEX(Jesper!AK$2:AK$366,ROUNDDOWN($C3512/24,0)+1,1))-1)+IF('Standard Profiles'!$G$21=$B$10,7,0)+IF('Standard Profiles'!$G$21=$B$17,14,0)+IF('Standard Profiles'!$G$21=$B$24,21,0),MOD($C3512,24)+1)/SUM(INDEX($D$3:$AA$30,INDEX(Jesper!$R$2:$R$366,ROW(INDEX(Jesper!AK$2:AK$366,ROUNDDOWN($C3512/24,0)+1,1))-1)+IF('Standard Profiles'!$G$21=$B$10,7,0)+IF('Standard Profiles'!$G$21=$B$17,14,0)+IF('Standard Profiles'!$G$21=$B$24,21,0),0)),0)</f>
        <v>0.71229672853429193</v>
      </c>
      <c r="H3512" cm="1">
        <f t="array" ref="H3512">IFERROR(INDEX(Jesper!AL$2:AL$366,ROUNDDOWN($C3512/24,0)+1,1)*INDEX($D$3:$AA$30,INDEX(Jesper!$R$2:$R$366,ROW(INDEX(Jesper!AL$2:AL$366,ROUNDDOWN($C3512/24,0)+1,1))-1)+IF('Standard Profiles'!$G$22=$B$10,7,0)+IF('Standard Profiles'!$G$22=$B$17,14,0)+IF('Standard Profiles'!$G$22=$B$24,21,0),MOD($C3512,24)+1)/SUM(INDEX($D$3:$AA$30,INDEX(Jesper!$R$2:$R$366,ROW(INDEX(Jesper!AL$2:AL$366,ROUNDDOWN($C3512/24,0)+1,1))-1)+IF('Standard Profiles'!$G$22=$B$10,7,0)+IF('Standard Profiles'!$G$22=$B$17,14,0)+IF('Standard Profiles'!$G$22=$B$24,21,0),0)),0)</f>
        <v>0</v>
      </c>
      <c r="I3512">
        <f t="shared" si="398"/>
        <v>0.34190242969645995</v>
      </c>
      <c r="J3512">
        <f t="shared" si="399"/>
        <v>7.6435111894965777</v>
      </c>
      <c r="K3512">
        <f t="shared" si="400"/>
        <v>0.5905225925217239</v>
      </c>
      <c r="L3512">
        <f t="shared" si="401"/>
        <v>0.29526129626086195</v>
      </c>
      <c r="M3512">
        <f t="shared" si="402"/>
        <v>0</v>
      </c>
      <c r="N3512" s="45">
        <f t="shared" si="403"/>
        <v>45071.916666658231</v>
      </c>
    </row>
    <row r="3513" spans="2:14" x14ac:dyDescent="0.25">
      <c r="B3513">
        <f t="shared" si="397"/>
        <v>4</v>
      </c>
      <c r="C3513" s="16">
        <v>3479</v>
      </c>
      <c r="D3513" cm="1">
        <f t="array" ref="D3513">IFERROR(INDEX(Jesper!AH$2:AH$366,ROUNDDOWN($C3513/24,0)+1,1)*INDEX($D$3:$AA$30,INDEX(Jesper!$R$2:$R$366,ROW(INDEX(Jesper!AH$2:AH$366,ROUNDDOWN($C3513/24,0)+1,1))-1)+IF('Standard Profiles'!$G$18=$B$10,7,0)+IF('Standard Profiles'!$G$18=$B$17,14,0)+IF('Standard Profiles'!$G$18=$B$24,21,0),MOD($C3513,24)+1)/SUM(INDEX($D$3:$AA$30,INDEX(Jesper!$R$2:$R$366,ROW(INDEX(Jesper!AH$2:AH$366,ROUNDDOWN($C3513/24,0)+1,1))-1)+IF('Standard Profiles'!$G$18=$B$10,7,0)+IF('Standard Profiles'!$G$18=$B$17,14,0)+IF('Standard Profiles'!$G$18=$B$24,21,0),0)),0)</f>
        <v>5.5361493048911612</v>
      </c>
      <c r="E3513" cm="1">
        <f t="array" ref="E3513">IFERROR(INDEX(Jesper!AI$2:AI$366,ROUNDDOWN($C3513/24,0)+1,1)*INDEX($D$3:$AA$30,INDEX(Jesper!$R$2:$R$366,ROW(INDEX(Jesper!AI$2:AI$366,ROUNDDOWN($C3513/24,0)+1,1))-1)+IF('Standard Profiles'!$G$19=$B$10,7,0)+IF('Standard Profiles'!$G$19=$B$17,14,0)+IF('Standard Profiles'!$G$19=$B$24,21,0),MOD($C3513,24)+1)/SUM(INDEX($D$3:$AA$30,INDEX(Jesper!$R$2:$R$366,ROW(INDEX(Jesper!AI$2:AI$366,ROUNDDOWN($C3513/24,0)+1,1))-1)+IF('Standard Profiles'!$G$19=$B$10,7,0)+IF('Standard Profiles'!$G$19=$B$17,14,0)+IF('Standard Profiles'!$G$19=$B$24,21,0),0)),0)</f>
        <v>2.6227514745501708</v>
      </c>
      <c r="F3513" cm="1">
        <f t="array" ref="F3513">IFERROR(INDEX(Jesper!AJ$2:AJ$366,ROUNDDOWN($C3513/24,0)+1,1)*INDEX($D$3:$AA$30,INDEX(Jesper!$R$2:$R$366,ROW(INDEX(Jesper!AJ$2:AJ$366,ROUNDDOWN($C3513/24,0)+1,1))-1)+IF('Standard Profiles'!$G$20=$B$10,7,0)+IF('Standard Profiles'!$G$20=$B$17,14,0)+IF('Standard Profiles'!$G$20=$B$24,21,0),MOD($C3513,24)+1)/SUM(INDEX($D$3:$AA$30,INDEX(Jesper!$R$2:$R$366,ROW(INDEX(Jesper!AJ$2:AJ$366,ROUNDDOWN($C3513/24,0)+1,1))-1)+IF('Standard Profiles'!$G$20=$B$10,7,0)+IF('Standard Profiles'!$G$20=$B$17,14,0)+IF('Standard Profiles'!$G$20=$B$24,21,0),0)),0)</f>
        <v>0</v>
      </c>
      <c r="G3513" cm="1">
        <f t="array" ref="G3513">IFERROR(INDEX(Jesper!AK$2:AK$366,ROUNDDOWN($C3513/24,0)+1,1)*INDEX($D$3:$AA$30,INDEX(Jesper!$R$2:$R$366,ROW(INDEX(Jesper!AK$2:AK$366,ROUNDDOWN($C3513/24,0)+1,1))-1)+IF('Standard Profiles'!$G$21=$B$10,7,0)+IF('Standard Profiles'!$G$21=$B$17,14,0)+IF('Standard Profiles'!$G$21=$B$24,21,0),MOD($C3513,24)+1)/SUM(INDEX($D$3:$AA$30,INDEX(Jesper!$R$2:$R$366,ROW(INDEX(Jesper!AK$2:AK$366,ROUNDDOWN($C3513/24,0)+1,1))-1)+IF('Standard Profiles'!$G$21=$B$10,7,0)+IF('Standard Profiles'!$G$21=$B$17,14,0)+IF('Standard Profiles'!$G$21=$B$24,21,0),0)),0)</f>
        <v>0.71229672853429193</v>
      </c>
      <c r="H3513" cm="1">
        <f t="array" ref="H3513">IFERROR(INDEX(Jesper!AL$2:AL$366,ROUNDDOWN($C3513/24,0)+1,1)*INDEX($D$3:$AA$30,INDEX(Jesper!$R$2:$R$366,ROW(INDEX(Jesper!AL$2:AL$366,ROUNDDOWN($C3513/24,0)+1,1))-1)+IF('Standard Profiles'!$G$22=$B$10,7,0)+IF('Standard Profiles'!$G$22=$B$17,14,0)+IF('Standard Profiles'!$G$22=$B$24,21,0),MOD($C3513,24)+1)/SUM(INDEX($D$3:$AA$30,INDEX(Jesper!$R$2:$R$366,ROW(INDEX(Jesper!AL$2:AL$366,ROUNDDOWN($C3513/24,0)+1,1))-1)+IF('Standard Profiles'!$G$22=$B$10,7,0)+IF('Standard Profiles'!$G$22=$B$17,14,0)+IF('Standard Profiles'!$G$22=$B$24,21,0),0)),0)</f>
        <v>0</v>
      </c>
      <c r="I3513">
        <f t="shared" si="398"/>
        <v>0.34190242969645995</v>
      </c>
      <c r="J3513">
        <f t="shared" si="399"/>
        <v>7.6435111894965777</v>
      </c>
      <c r="K3513">
        <f t="shared" si="400"/>
        <v>0.5905225925217239</v>
      </c>
      <c r="L3513">
        <f t="shared" si="401"/>
        <v>0.29526129626086195</v>
      </c>
      <c r="M3513">
        <f t="shared" si="402"/>
        <v>0</v>
      </c>
      <c r="N3513" s="45">
        <f t="shared" si="403"/>
        <v>45071.958333324896</v>
      </c>
    </row>
    <row r="3514" spans="2:14" x14ac:dyDescent="0.25">
      <c r="B3514">
        <f t="shared" si="397"/>
        <v>5</v>
      </c>
      <c r="C3514" s="16">
        <v>3480</v>
      </c>
      <c r="D3514" cm="1">
        <f t="array" ref="D3514">IFERROR(INDEX(Jesper!AH$2:AH$366,ROUNDDOWN($C3514/24,0)+1,1)*INDEX($D$3:$AA$30,INDEX(Jesper!$R$2:$R$366,ROW(INDEX(Jesper!AH$2:AH$366,ROUNDDOWN($C3514/24,0)+1,1))-1)+IF('Standard Profiles'!$G$18=$B$10,7,0)+IF('Standard Profiles'!$G$18=$B$17,14,0)+IF('Standard Profiles'!$G$18=$B$24,21,0),MOD($C3514,24)+1)/SUM(INDEX($D$3:$AA$30,INDEX(Jesper!$R$2:$R$366,ROW(INDEX(Jesper!AH$2:AH$366,ROUNDDOWN($C3514/24,0)+1,1))-1)+IF('Standard Profiles'!$G$18=$B$10,7,0)+IF('Standard Profiles'!$G$18=$B$17,14,0)+IF('Standard Profiles'!$G$18=$B$24,21,0),0)),0)</f>
        <v>8.3855279556196134</v>
      </c>
      <c r="E3514" cm="1">
        <f t="array" ref="E3514">IFERROR(INDEX(Jesper!AI$2:AI$366,ROUNDDOWN($C3514/24,0)+1,1)*INDEX($D$3:$AA$30,INDEX(Jesper!$R$2:$R$366,ROW(INDEX(Jesper!AI$2:AI$366,ROUNDDOWN($C3514/24,0)+1,1))-1)+IF('Standard Profiles'!$G$19=$B$10,7,0)+IF('Standard Profiles'!$G$19=$B$17,14,0)+IF('Standard Profiles'!$G$19=$B$24,21,0),MOD($C3514,24)+1)/SUM(INDEX($D$3:$AA$30,INDEX(Jesper!$R$2:$R$366,ROW(INDEX(Jesper!AI$2:AI$366,ROUNDDOWN($C3514/24,0)+1,1))-1)+IF('Standard Profiles'!$G$19=$B$10,7,0)+IF('Standard Profiles'!$G$19=$B$17,14,0)+IF('Standard Profiles'!$G$19=$B$24,21,0),0)),0)</f>
        <v>3.8651447895491358</v>
      </c>
      <c r="F3514" cm="1">
        <f t="array" ref="F3514">IFERROR(INDEX(Jesper!AJ$2:AJ$366,ROUNDDOWN($C3514/24,0)+1,1)*INDEX($D$3:$AA$30,INDEX(Jesper!$R$2:$R$366,ROW(INDEX(Jesper!AJ$2:AJ$366,ROUNDDOWN($C3514/24,0)+1,1))-1)+IF('Standard Profiles'!$G$20=$B$10,7,0)+IF('Standard Profiles'!$G$20=$B$17,14,0)+IF('Standard Profiles'!$G$20=$B$24,21,0),MOD($C3514,24)+1)/SUM(INDEX($D$3:$AA$30,INDEX(Jesper!$R$2:$R$366,ROW(INDEX(Jesper!AJ$2:AJ$366,ROUNDDOWN($C3514/24,0)+1,1))-1)+IF('Standard Profiles'!$G$20=$B$10,7,0)+IF('Standard Profiles'!$G$20=$B$17,14,0)+IF('Standard Profiles'!$G$20=$B$24,21,0),0)),0)</f>
        <v>0</v>
      </c>
      <c r="G3514" cm="1">
        <f t="array" ref="G3514">IFERROR(INDEX(Jesper!AK$2:AK$366,ROUNDDOWN($C3514/24,0)+1,1)*INDEX($D$3:$AA$30,INDEX(Jesper!$R$2:$R$366,ROW(INDEX(Jesper!AK$2:AK$366,ROUNDDOWN($C3514/24,0)+1,1))-1)+IF('Standard Profiles'!$G$21=$B$10,7,0)+IF('Standard Profiles'!$G$21=$B$17,14,0)+IF('Standard Profiles'!$G$21=$B$24,21,0),MOD($C3514,24)+1)/SUM(INDEX($D$3:$AA$30,INDEX(Jesper!$R$2:$R$366,ROW(INDEX(Jesper!AK$2:AK$366,ROUNDDOWN($C3514/24,0)+1,1))-1)+IF('Standard Profiles'!$G$21=$B$10,7,0)+IF('Standard Profiles'!$G$21=$B$17,14,0)+IF('Standard Profiles'!$G$21=$B$24,21,0),0)),0)</f>
        <v>0.56176320081702524</v>
      </c>
      <c r="H3514" cm="1">
        <f t="array" ref="H3514">IFERROR(INDEX(Jesper!AL$2:AL$366,ROUNDDOWN($C3514/24,0)+1,1)*INDEX($D$3:$AA$30,INDEX(Jesper!$R$2:$R$366,ROW(INDEX(Jesper!AL$2:AL$366,ROUNDDOWN($C3514/24,0)+1,1))-1)+IF('Standard Profiles'!$G$22=$B$10,7,0)+IF('Standard Profiles'!$G$22=$B$17,14,0)+IF('Standard Profiles'!$G$22=$B$24,21,0),MOD($C3514,24)+1)/SUM(INDEX($D$3:$AA$30,INDEX(Jesper!$R$2:$R$366,ROW(INDEX(Jesper!AL$2:AL$366,ROUNDDOWN($C3514/24,0)+1,1))-1)+IF('Standard Profiles'!$G$22=$B$10,7,0)+IF('Standard Profiles'!$G$22=$B$17,14,0)+IF('Standard Profiles'!$G$22=$B$24,21,0),0)),0)</f>
        <v>0</v>
      </c>
      <c r="I3514">
        <f t="shared" si="398"/>
        <v>0.269646336392172</v>
      </c>
      <c r="J3514">
        <f t="shared" si="399"/>
        <v>11.201105136694464</v>
      </c>
      <c r="K3514">
        <f t="shared" si="400"/>
        <v>0.89445631526609215</v>
      </c>
      <c r="L3514">
        <f t="shared" si="401"/>
        <v>0.44722815763304608</v>
      </c>
      <c r="M3514">
        <f t="shared" si="402"/>
        <v>0</v>
      </c>
      <c r="N3514" s="45">
        <f t="shared" si="403"/>
        <v>45071.99999999156</v>
      </c>
    </row>
    <row r="3515" spans="2:14" x14ac:dyDescent="0.25">
      <c r="B3515">
        <f t="shared" si="397"/>
        <v>5</v>
      </c>
      <c r="C3515" s="16">
        <v>3481</v>
      </c>
      <c r="D3515" cm="1">
        <f t="array" ref="D3515">IFERROR(INDEX(Jesper!AH$2:AH$366,ROUNDDOWN($C3515/24,0)+1,1)*INDEX($D$3:$AA$30,INDEX(Jesper!$R$2:$R$366,ROW(INDEX(Jesper!AH$2:AH$366,ROUNDDOWN($C3515/24,0)+1,1))-1)+IF('Standard Profiles'!$G$18=$B$10,7,0)+IF('Standard Profiles'!$G$18=$B$17,14,0)+IF('Standard Profiles'!$G$18=$B$24,21,0),MOD($C3515,24)+1)/SUM(INDEX($D$3:$AA$30,INDEX(Jesper!$R$2:$R$366,ROW(INDEX(Jesper!AH$2:AH$366,ROUNDDOWN($C3515/24,0)+1,1))-1)+IF('Standard Profiles'!$G$18=$B$10,7,0)+IF('Standard Profiles'!$G$18=$B$17,14,0)+IF('Standard Profiles'!$G$18=$B$24,21,0),0)),0)</f>
        <v>5.0821381549209779</v>
      </c>
      <c r="E3515" cm="1">
        <f t="array" ref="E3515">IFERROR(INDEX(Jesper!AI$2:AI$366,ROUNDDOWN($C3515/24,0)+1,1)*INDEX($D$3:$AA$30,INDEX(Jesper!$R$2:$R$366,ROW(INDEX(Jesper!AI$2:AI$366,ROUNDDOWN($C3515/24,0)+1,1))-1)+IF('Standard Profiles'!$G$19=$B$10,7,0)+IF('Standard Profiles'!$G$19=$B$17,14,0)+IF('Standard Profiles'!$G$19=$B$24,21,0),MOD($C3515,24)+1)/SUM(INDEX($D$3:$AA$30,INDEX(Jesper!$R$2:$R$366,ROW(INDEX(Jesper!AI$2:AI$366,ROUNDDOWN($C3515/24,0)+1,1))-1)+IF('Standard Profiles'!$G$19=$B$10,7,0)+IF('Standard Profiles'!$G$19=$B$17,14,0)+IF('Standard Profiles'!$G$19=$B$24,21,0),0)),0)</f>
        <v>2.3425119936661427</v>
      </c>
      <c r="F3515" cm="1">
        <f t="array" ref="F3515">IFERROR(INDEX(Jesper!AJ$2:AJ$366,ROUNDDOWN($C3515/24,0)+1,1)*INDEX($D$3:$AA$30,INDEX(Jesper!$R$2:$R$366,ROW(INDEX(Jesper!AJ$2:AJ$366,ROUNDDOWN($C3515/24,0)+1,1))-1)+IF('Standard Profiles'!$G$20=$B$10,7,0)+IF('Standard Profiles'!$G$20=$B$17,14,0)+IF('Standard Profiles'!$G$20=$B$24,21,0),MOD($C3515,24)+1)/SUM(INDEX($D$3:$AA$30,INDEX(Jesper!$R$2:$R$366,ROW(INDEX(Jesper!AJ$2:AJ$366,ROUNDDOWN($C3515/24,0)+1,1))-1)+IF('Standard Profiles'!$G$20=$B$10,7,0)+IF('Standard Profiles'!$G$20=$B$17,14,0)+IF('Standard Profiles'!$G$20=$B$24,21,0),0)),0)</f>
        <v>0</v>
      </c>
      <c r="G3515" cm="1">
        <f t="array" ref="G3515">IFERROR(INDEX(Jesper!AK$2:AK$366,ROUNDDOWN($C3515/24,0)+1,1)*INDEX($D$3:$AA$30,INDEX(Jesper!$R$2:$R$366,ROW(INDEX(Jesper!AK$2:AK$366,ROUNDDOWN($C3515/24,0)+1,1))-1)+IF('Standard Profiles'!$G$21=$B$10,7,0)+IF('Standard Profiles'!$G$21=$B$17,14,0)+IF('Standard Profiles'!$G$21=$B$24,21,0),MOD($C3515,24)+1)/SUM(INDEX($D$3:$AA$30,INDEX(Jesper!$R$2:$R$366,ROW(INDEX(Jesper!AK$2:AK$366,ROUNDDOWN($C3515/24,0)+1,1))-1)+IF('Standard Profiles'!$G$21=$B$10,7,0)+IF('Standard Profiles'!$G$21=$B$17,14,0)+IF('Standard Profiles'!$G$21=$B$24,21,0),0)),0)</f>
        <v>0.56176320081702524</v>
      </c>
      <c r="H3515" cm="1">
        <f t="array" ref="H3515">IFERROR(INDEX(Jesper!AL$2:AL$366,ROUNDDOWN($C3515/24,0)+1,1)*INDEX($D$3:$AA$30,INDEX(Jesper!$R$2:$R$366,ROW(INDEX(Jesper!AL$2:AL$366,ROUNDDOWN($C3515/24,0)+1,1))-1)+IF('Standard Profiles'!$G$22=$B$10,7,0)+IF('Standard Profiles'!$G$22=$B$17,14,0)+IF('Standard Profiles'!$G$22=$B$24,21,0),MOD($C3515,24)+1)/SUM(INDEX($D$3:$AA$30,INDEX(Jesper!$R$2:$R$366,ROW(INDEX(Jesper!AL$2:AL$366,ROUNDDOWN($C3515/24,0)+1,1))-1)+IF('Standard Profiles'!$G$22=$B$10,7,0)+IF('Standard Profiles'!$G$22=$B$17,14,0)+IF('Standard Profiles'!$G$22=$B$24,21,0),0)),0)</f>
        <v>0</v>
      </c>
      <c r="I3515">
        <f t="shared" si="398"/>
        <v>0.269646336392172</v>
      </c>
      <c r="J3515">
        <f t="shared" si="399"/>
        <v>6.9036249082246179</v>
      </c>
      <c r="K3515">
        <f t="shared" si="400"/>
        <v>0.54209473652490436</v>
      </c>
      <c r="L3515">
        <f t="shared" si="401"/>
        <v>0.27104736826245218</v>
      </c>
      <c r="M3515">
        <f t="shared" si="402"/>
        <v>0</v>
      </c>
      <c r="N3515" s="45">
        <f t="shared" si="403"/>
        <v>45072.041666658224</v>
      </c>
    </row>
    <row r="3516" spans="2:14" x14ac:dyDescent="0.25">
      <c r="B3516">
        <f t="shared" si="397"/>
        <v>5</v>
      </c>
      <c r="C3516" s="16">
        <v>3482</v>
      </c>
      <c r="D3516" cm="1">
        <f t="array" ref="D3516">IFERROR(INDEX(Jesper!AH$2:AH$366,ROUNDDOWN($C3516/24,0)+1,1)*INDEX($D$3:$AA$30,INDEX(Jesper!$R$2:$R$366,ROW(INDEX(Jesper!AH$2:AH$366,ROUNDDOWN($C3516/24,0)+1,1))-1)+IF('Standard Profiles'!$G$18=$B$10,7,0)+IF('Standard Profiles'!$G$18=$B$17,14,0)+IF('Standard Profiles'!$G$18=$B$24,21,0),MOD($C3516,24)+1)/SUM(INDEX($D$3:$AA$30,INDEX(Jesper!$R$2:$R$366,ROW(INDEX(Jesper!AH$2:AH$366,ROUNDDOWN($C3516/24,0)+1,1))-1)+IF('Standard Profiles'!$G$18=$B$10,7,0)+IF('Standard Profiles'!$G$18=$B$17,14,0)+IF('Standard Profiles'!$G$18=$B$24,21,0),0)),0)</f>
        <v>5.0821381549209779</v>
      </c>
      <c r="E3516" cm="1">
        <f t="array" ref="E3516">IFERROR(INDEX(Jesper!AI$2:AI$366,ROUNDDOWN($C3516/24,0)+1,1)*INDEX($D$3:$AA$30,INDEX(Jesper!$R$2:$R$366,ROW(INDEX(Jesper!AI$2:AI$366,ROUNDDOWN($C3516/24,0)+1,1))-1)+IF('Standard Profiles'!$G$19=$B$10,7,0)+IF('Standard Profiles'!$G$19=$B$17,14,0)+IF('Standard Profiles'!$G$19=$B$24,21,0),MOD($C3516,24)+1)/SUM(INDEX($D$3:$AA$30,INDEX(Jesper!$R$2:$R$366,ROW(INDEX(Jesper!AI$2:AI$366,ROUNDDOWN($C3516/24,0)+1,1))-1)+IF('Standard Profiles'!$G$19=$B$10,7,0)+IF('Standard Profiles'!$G$19=$B$17,14,0)+IF('Standard Profiles'!$G$19=$B$24,21,0),0)),0)</f>
        <v>2.3425119936661427</v>
      </c>
      <c r="F3516" cm="1">
        <f t="array" ref="F3516">IFERROR(INDEX(Jesper!AJ$2:AJ$366,ROUNDDOWN($C3516/24,0)+1,1)*INDEX($D$3:$AA$30,INDEX(Jesper!$R$2:$R$366,ROW(INDEX(Jesper!AJ$2:AJ$366,ROUNDDOWN($C3516/24,0)+1,1))-1)+IF('Standard Profiles'!$G$20=$B$10,7,0)+IF('Standard Profiles'!$G$20=$B$17,14,0)+IF('Standard Profiles'!$G$20=$B$24,21,0),MOD($C3516,24)+1)/SUM(INDEX($D$3:$AA$30,INDEX(Jesper!$R$2:$R$366,ROW(INDEX(Jesper!AJ$2:AJ$366,ROUNDDOWN($C3516/24,0)+1,1))-1)+IF('Standard Profiles'!$G$20=$B$10,7,0)+IF('Standard Profiles'!$G$20=$B$17,14,0)+IF('Standard Profiles'!$G$20=$B$24,21,0),0)),0)</f>
        <v>0</v>
      </c>
      <c r="G3516" cm="1">
        <f t="array" ref="G3516">IFERROR(INDEX(Jesper!AK$2:AK$366,ROUNDDOWN($C3516/24,0)+1,1)*INDEX($D$3:$AA$30,INDEX(Jesper!$R$2:$R$366,ROW(INDEX(Jesper!AK$2:AK$366,ROUNDDOWN($C3516/24,0)+1,1))-1)+IF('Standard Profiles'!$G$21=$B$10,7,0)+IF('Standard Profiles'!$G$21=$B$17,14,0)+IF('Standard Profiles'!$G$21=$B$24,21,0),MOD($C3516,24)+1)/SUM(INDEX($D$3:$AA$30,INDEX(Jesper!$R$2:$R$366,ROW(INDEX(Jesper!AK$2:AK$366,ROUNDDOWN($C3516/24,0)+1,1))-1)+IF('Standard Profiles'!$G$21=$B$10,7,0)+IF('Standard Profiles'!$G$21=$B$17,14,0)+IF('Standard Profiles'!$G$21=$B$24,21,0),0)),0)</f>
        <v>0.56176320081702524</v>
      </c>
      <c r="H3516" cm="1">
        <f t="array" ref="H3516">IFERROR(INDEX(Jesper!AL$2:AL$366,ROUNDDOWN($C3516/24,0)+1,1)*INDEX($D$3:$AA$30,INDEX(Jesper!$R$2:$R$366,ROW(INDEX(Jesper!AL$2:AL$366,ROUNDDOWN($C3516/24,0)+1,1))-1)+IF('Standard Profiles'!$G$22=$B$10,7,0)+IF('Standard Profiles'!$G$22=$B$17,14,0)+IF('Standard Profiles'!$G$22=$B$24,21,0),MOD($C3516,24)+1)/SUM(INDEX($D$3:$AA$30,INDEX(Jesper!$R$2:$R$366,ROW(INDEX(Jesper!AL$2:AL$366,ROUNDDOWN($C3516/24,0)+1,1))-1)+IF('Standard Profiles'!$G$22=$B$10,7,0)+IF('Standard Profiles'!$G$22=$B$17,14,0)+IF('Standard Profiles'!$G$22=$B$24,21,0),0)),0)</f>
        <v>0</v>
      </c>
      <c r="I3516">
        <f t="shared" si="398"/>
        <v>0.269646336392172</v>
      </c>
      <c r="J3516">
        <f t="shared" si="399"/>
        <v>6.9036249082246179</v>
      </c>
      <c r="K3516">
        <f t="shared" si="400"/>
        <v>0.54209473652490436</v>
      </c>
      <c r="L3516">
        <f t="shared" si="401"/>
        <v>0.27104736826245218</v>
      </c>
      <c r="M3516">
        <f t="shared" si="402"/>
        <v>0</v>
      </c>
      <c r="N3516" s="45">
        <f t="shared" si="403"/>
        <v>45072.083333324888</v>
      </c>
    </row>
    <row r="3517" spans="2:14" x14ac:dyDescent="0.25">
      <c r="B3517">
        <f t="shared" si="397"/>
        <v>5</v>
      </c>
      <c r="C3517" s="16">
        <v>3483</v>
      </c>
      <c r="D3517" cm="1">
        <f t="array" ref="D3517">IFERROR(INDEX(Jesper!AH$2:AH$366,ROUNDDOWN($C3517/24,0)+1,1)*INDEX($D$3:$AA$30,INDEX(Jesper!$R$2:$R$366,ROW(INDEX(Jesper!AH$2:AH$366,ROUNDDOWN($C3517/24,0)+1,1))-1)+IF('Standard Profiles'!$G$18=$B$10,7,0)+IF('Standard Profiles'!$G$18=$B$17,14,0)+IF('Standard Profiles'!$G$18=$B$24,21,0),MOD($C3517,24)+1)/SUM(INDEX($D$3:$AA$30,INDEX(Jesper!$R$2:$R$366,ROW(INDEX(Jesper!AH$2:AH$366,ROUNDDOWN($C3517/24,0)+1,1))-1)+IF('Standard Profiles'!$G$18=$B$10,7,0)+IF('Standard Profiles'!$G$18=$B$17,14,0)+IF('Standard Profiles'!$G$18=$B$24,21,0),0)),0)</f>
        <v>5.0821381549209779</v>
      </c>
      <c r="E3517" cm="1">
        <f t="array" ref="E3517">IFERROR(INDEX(Jesper!AI$2:AI$366,ROUNDDOWN($C3517/24,0)+1,1)*INDEX($D$3:$AA$30,INDEX(Jesper!$R$2:$R$366,ROW(INDEX(Jesper!AI$2:AI$366,ROUNDDOWN($C3517/24,0)+1,1))-1)+IF('Standard Profiles'!$G$19=$B$10,7,0)+IF('Standard Profiles'!$G$19=$B$17,14,0)+IF('Standard Profiles'!$G$19=$B$24,21,0),MOD($C3517,24)+1)/SUM(INDEX($D$3:$AA$30,INDEX(Jesper!$R$2:$R$366,ROW(INDEX(Jesper!AI$2:AI$366,ROUNDDOWN($C3517/24,0)+1,1))-1)+IF('Standard Profiles'!$G$19=$B$10,7,0)+IF('Standard Profiles'!$G$19=$B$17,14,0)+IF('Standard Profiles'!$G$19=$B$24,21,0),0)),0)</f>
        <v>2.3425119936661427</v>
      </c>
      <c r="F3517" cm="1">
        <f t="array" ref="F3517">IFERROR(INDEX(Jesper!AJ$2:AJ$366,ROUNDDOWN($C3517/24,0)+1,1)*INDEX($D$3:$AA$30,INDEX(Jesper!$R$2:$R$366,ROW(INDEX(Jesper!AJ$2:AJ$366,ROUNDDOWN($C3517/24,0)+1,1))-1)+IF('Standard Profiles'!$G$20=$B$10,7,0)+IF('Standard Profiles'!$G$20=$B$17,14,0)+IF('Standard Profiles'!$G$20=$B$24,21,0),MOD($C3517,24)+1)/SUM(INDEX($D$3:$AA$30,INDEX(Jesper!$R$2:$R$366,ROW(INDEX(Jesper!AJ$2:AJ$366,ROUNDDOWN($C3517/24,0)+1,1))-1)+IF('Standard Profiles'!$G$20=$B$10,7,0)+IF('Standard Profiles'!$G$20=$B$17,14,0)+IF('Standard Profiles'!$G$20=$B$24,21,0),0)),0)</f>
        <v>0</v>
      </c>
      <c r="G3517" cm="1">
        <f t="array" ref="G3517">IFERROR(INDEX(Jesper!AK$2:AK$366,ROUNDDOWN($C3517/24,0)+1,1)*INDEX($D$3:$AA$30,INDEX(Jesper!$R$2:$R$366,ROW(INDEX(Jesper!AK$2:AK$366,ROUNDDOWN($C3517/24,0)+1,1))-1)+IF('Standard Profiles'!$G$21=$B$10,7,0)+IF('Standard Profiles'!$G$21=$B$17,14,0)+IF('Standard Profiles'!$G$21=$B$24,21,0),MOD($C3517,24)+1)/SUM(INDEX($D$3:$AA$30,INDEX(Jesper!$R$2:$R$366,ROW(INDEX(Jesper!AK$2:AK$366,ROUNDDOWN($C3517/24,0)+1,1))-1)+IF('Standard Profiles'!$G$21=$B$10,7,0)+IF('Standard Profiles'!$G$21=$B$17,14,0)+IF('Standard Profiles'!$G$21=$B$24,21,0),0)),0)</f>
        <v>0.56176320081702524</v>
      </c>
      <c r="H3517" cm="1">
        <f t="array" ref="H3517">IFERROR(INDEX(Jesper!AL$2:AL$366,ROUNDDOWN($C3517/24,0)+1,1)*INDEX($D$3:$AA$30,INDEX(Jesper!$R$2:$R$366,ROW(INDEX(Jesper!AL$2:AL$366,ROUNDDOWN($C3517/24,0)+1,1))-1)+IF('Standard Profiles'!$G$22=$B$10,7,0)+IF('Standard Profiles'!$G$22=$B$17,14,0)+IF('Standard Profiles'!$G$22=$B$24,21,0),MOD($C3517,24)+1)/SUM(INDEX($D$3:$AA$30,INDEX(Jesper!$R$2:$R$366,ROW(INDEX(Jesper!AL$2:AL$366,ROUNDDOWN($C3517/24,0)+1,1))-1)+IF('Standard Profiles'!$G$22=$B$10,7,0)+IF('Standard Profiles'!$G$22=$B$17,14,0)+IF('Standard Profiles'!$G$22=$B$24,21,0),0)),0)</f>
        <v>0</v>
      </c>
      <c r="I3517">
        <f t="shared" si="398"/>
        <v>0.269646336392172</v>
      </c>
      <c r="J3517">
        <f t="shared" si="399"/>
        <v>6.9036249082246179</v>
      </c>
      <c r="K3517">
        <f t="shared" si="400"/>
        <v>0.54209473652490436</v>
      </c>
      <c r="L3517">
        <f t="shared" si="401"/>
        <v>0.27104736826245218</v>
      </c>
      <c r="M3517">
        <f t="shared" si="402"/>
        <v>0</v>
      </c>
      <c r="N3517" s="45">
        <f t="shared" si="403"/>
        <v>45072.124999991553</v>
      </c>
    </row>
    <row r="3518" spans="2:14" x14ac:dyDescent="0.25">
      <c r="B3518">
        <f t="shared" si="397"/>
        <v>5</v>
      </c>
      <c r="C3518" s="16">
        <v>3484</v>
      </c>
      <c r="D3518" cm="1">
        <f t="array" ref="D3518">IFERROR(INDEX(Jesper!AH$2:AH$366,ROUNDDOWN($C3518/24,0)+1,1)*INDEX($D$3:$AA$30,INDEX(Jesper!$R$2:$R$366,ROW(INDEX(Jesper!AH$2:AH$366,ROUNDDOWN($C3518/24,0)+1,1))-1)+IF('Standard Profiles'!$G$18=$B$10,7,0)+IF('Standard Profiles'!$G$18=$B$17,14,0)+IF('Standard Profiles'!$G$18=$B$24,21,0),MOD($C3518,24)+1)/SUM(INDEX($D$3:$AA$30,INDEX(Jesper!$R$2:$R$366,ROW(INDEX(Jesper!AH$2:AH$366,ROUNDDOWN($C3518/24,0)+1,1))-1)+IF('Standard Profiles'!$G$18=$B$10,7,0)+IF('Standard Profiles'!$G$18=$B$17,14,0)+IF('Standard Profiles'!$G$18=$B$24,21,0),0)),0)</f>
        <v>5.0821381549209779</v>
      </c>
      <c r="E3518" cm="1">
        <f t="array" ref="E3518">IFERROR(INDEX(Jesper!AI$2:AI$366,ROUNDDOWN($C3518/24,0)+1,1)*INDEX($D$3:$AA$30,INDEX(Jesper!$R$2:$R$366,ROW(INDEX(Jesper!AI$2:AI$366,ROUNDDOWN($C3518/24,0)+1,1))-1)+IF('Standard Profiles'!$G$19=$B$10,7,0)+IF('Standard Profiles'!$G$19=$B$17,14,0)+IF('Standard Profiles'!$G$19=$B$24,21,0),MOD($C3518,24)+1)/SUM(INDEX($D$3:$AA$30,INDEX(Jesper!$R$2:$R$366,ROW(INDEX(Jesper!AI$2:AI$366,ROUNDDOWN($C3518/24,0)+1,1))-1)+IF('Standard Profiles'!$G$19=$B$10,7,0)+IF('Standard Profiles'!$G$19=$B$17,14,0)+IF('Standard Profiles'!$G$19=$B$24,21,0),0)),0)</f>
        <v>2.3425119936661427</v>
      </c>
      <c r="F3518" cm="1">
        <f t="array" ref="F3518">IFERROR(INDEX(Jesper!AJ$2:AJ$366,ROUNDDOWN($C3518/24,0)+1,1)*INDEX($D$3:$AA$30,INDEX(Jesper!$R$2:$R$366,ROW(INDEX(Jesper!AJ$2:AJ$366,ROUNDDOWN($C3518/24,0)+1,1))-1)+IF('Standard Profiles'!$G$20=$B$10,7,0)+IF('Standard Profiles'!$G$20=$B$17,14,0)+IF('Standard Profiles'!$G$20=$B$24,21,0),MOD($C3518,24)+1)/SUM(INDEX($D$3:$AA$30,INDEX(Jesper!$R$2:$R$366,ROW(INDEX(Jesper!AJ$2:AJ$366,ROUNDDOWN($C3518/24,0)+1,1))-1)+IF('Standard Profiles'!$G$20=$B$10,7,0)+IF('Standard Profiles'!$G$20=$B$17,14,0)+IF('Standard Profiles'!$G$20=$B$24,21,0),0)),0)</f>
        <v>0</v>
      </c>
      <c r="G3518" cm="1">
        <f t="array" ref="G3518">IFERROR(INDEX(Jesper!AK$2:AK$366,ROUNDDOWN($C3518/24,0)+1,1)*INDEX($D$3:$AA$30,INDEX(Jesper!$R$2:$R$366,ROW(INDEX(Jesper!AK$2:AK$366,ROUNDDOWN($C3518/24,0)+1,1))-1)+IF('Standard Profiles'!$G$21=$B$10,7,0)+IF('Standard Profiles'!$G$21=$B$17,14,0)+IF('Standard Profiles'!$G$21=$B$24,21,0),MOD($C3518,24)+1)/SUM(INDEX($D$3:$AA$30,INDEX(Jesper!$R$2:$R$366,ROW(INDEX(Jesper!AK$2:AK$366,ROUNDDOWN($C3518/24,0)+1,1))-1)+IF('Standard Profiles'!$G$21=$B$10,7,0)+IF('Standard Profiles'!$G$21=$B$17,14,0)+IF('Standard Profiles'!$G$21=$B$24,21,0),0)),0)</f>
        <v>0.56176320081702524</v>
      </c>
      <c r="H3518" cm="1">
        <f t="array" ref="H3518">IFERROR(INDEX(Jesper!AL$2:AL$366,ROUNDDOWN($C3518/24,0)+1,1)*INDEX($D$3:$AA$30,INDEX(Jesper!$R$2:$R$366,ROW(INDEX(Jesper!AL$2:AL$366,ROUNDDOWN($C3518/24,0)+1,1))-1)+IF('Standard Profiles'!$G$22=$B$10,7,0)+IF('Standard Profiles'!$G$22=$B$17,14,0)+IF('Standard Profiles'!$G$22=$B$24,21,0),MOD($C3518,24)+1)/SUM(INDEX($D$3:$AA$30,INDEX(Jesper!$R$2:$R$366,ROW(INDEX(Jesper!AL$2:AL$366,ROUNDDOWN($C3518/24,0)+1,1))-1)+IF('Standard Profiles'!$G$22=$B$10,7,0)+IF('Standard Profiles'!$G$22=$B$17,14,0)+IF('Standard Profiles'!$G$22=$B$24,21,0),0)),0)</f>
        <v>0</v>
      </c>
      <c r="I3518">
        <f t="shared" si="398"/>
        <v>0.269646336392172</v>
      </c>
      <c r="J3518">
        <f t="shared" si="399"/>
        <v>6.9036249082246179</v>
      </c>
      <c r="K3518">
        <f t="shared" si="400"/>
        <v>0.54209473652490436</v>
      </c>
      <c r="L3518">
        <f t="shared" si="401"/>
        <v>0.27104736826245218</v>
      </c>
      <c r="M3518">
        <f t="shared" si="402"/>
        <v>0</v>
      </c>
      <c r="N3518" s="45">
        <f t="shared" si="403"/>
        <v>45072.166666658217</v>
      </c>
    </row>
    <row r="3519" spans="2:14" x14ac:dyDescent="0.25">
      <c r="B3519">
        <f t="shared" si="397"/>
        <v>5</v>
      </c>
      <c r="C3519" s="16">
        <v>3485</v>
      </c>
      <c r="D3519" cm="1">
        <f t="array" ref="D3519">IFERROR(INDEX(Jesper!AH$2:AH$366,ROUNDDOWN($C3519/24,0)+1,1)*INDEX($D$3:$AA$30,INDEX(Jesper!$R$2:$R$366,ROW(INDEX(Jesper!AH$2:AH$366,ROUNDDOWN($C3519/24,0)+1,1))-1)+IF('Standard Profiles'!$G$18=$B$10,7,0)+IF('Standard Profiles'!$G$18=$B$17,14,0)+IF('Standard Profiles'!$G$18=$B$24,21,0),MOD($C3519,24)+1)/SUM(INDEX($D$3:$AA$30,INDEX(Jesper!$R$2:$R$366,ROW(INDEX(Jesper!AH$2:AH$366,ROUNDDOWN($C3519/24,0)+1,1))-1)+IF('Standard Profiles'!$G$18=$B$10,7,0)+IF('Standard Profiles'!$G$18=$B$17,14,0)+IF('Standard Profiles'!$G$18=$B$24,21,0),0)),0)</f>
        <v>5.0821381549209779</v>
      </c>
      <c r="E3519" cm="1">
        <f t="array" ref="E3519">IFERROR(INDEX(Jesper!AI$2:AI$366,ROUNDDOWN($C3519/24,0)+1,1)*INDEX($D$3:$AA$30,INDEX(Jesper!$R$2:$R$366,ROW(INDEX(Jesper!AI$2:AI$366,ROUNDDOWN($C3519/24,0)+1,1))-1)+IF('Standard Profiles'!$G$19=$B$10,7,0)+IF('Standard Profiles'!$G$19=$B$17,14,0)+IF('Standard Profiles'!$G$19=$B$24,21,0),MOD($C3519,24)+1)/SUM(INDEX($D$3:$AA$30,INDEX(Jesper!$R$2:$R$366,ROW(INDEX(Jesper!AI$2:AI$366,ROUNDDOWN($C3519/24,0)+1,1))-1)+IF('Standard Profiles'!$G$19=$B$10,7,0)+IF('Standard Profiles'!$G$19=$B$17,14,0)+IF('Standard Profiles'!$G$19=$B$24,21,0),0)),0)</f>
        <v>2.3425119936661427</v>
      </c>
      <c r="F3519" cm="1">
        <f t="array" ref="F3519">IFERROR(INDEX(Jesper!AJ$2:AJ$366,ROUNDDOWN($C3519/24,0)+1,1)*INDEX($D$3:$AA$30,INDEX(Jesper!$R$2:$R$366,ROW(INDEX(Jesper!AJ$2:AJ$366,ROUNDDOWN($C3519/24,0)+1,1))-1)+IF('Standard Profiles'!$G$20=$B$10,7,0)+IF('Standard Profiles'!$G$20=$B$17,14,0)+IF('Standard Profiles'!$G$20=$B$24,21,0),MOD($C3519,24)+1)/SUM(INDEX($D$3:$AA$30,INDEX(Jesper!$R$2:$R$366,ROW(INDEX(Jesper!AJ$2:AJ$366,ROUNDDOWN($C3519/24,0)+1,1))-1)+IF('Standard Profiles'!$G$20=$B$10,7,0)+IF('Standard Profiles'!$G$20=$B$17,14,0)+IF('Standard Profiles'!$G$20=$B$24,21,0),0)),0)</f>
        <v>0</v>
      </c>
      <c r="G3519" cm="1">
        <f t="array" ref="G3519">IFERROR(INDEX(Jesper!AK$2:AK$366,ROUNDDOWN($C3519/24,0)+1,1)*INDEX($D$3:$AA$30,INDEX(Jesper!$R$2:$R$366,ROW(INDEX(Jesper!AK$2:AK$366,ROUNDDOWN($C3519/24,0)+1,1))-1)+IF('Standard Profiles'!$G$21=$B$10,7,0)+IF('Standard Profiles'!$G$21=$B$17,14,0)+IF('Standard Profiles'!$G$21=$B$24,21,0),MOD($C3519,24)+1)/SUM(INDEX($D$3:$AA$30,INDEX(Jesper!$R$2:$R$366,ROW(INDEX(Jesper!AK$2:AK$366,ROUNDDOWN($C3519/24,0)+1,1))-1)+IF('Standard Profiles'!$G$21=$B$10,7,0)+IF('Standard Profiles'!$G$21=$B$17,14,0)+IF('Standard Profiles'!$G$21=$B$24,21,0),0)),0)</f>
        <v>0.56176320081702524</v>
      </c>
      <c r="H3519" cm="1">
        <f t="array" ref="H3519">IFERROR(INDEX(Jesper!AL$2:AL$366,ROUNDDOWN($C3519/24,0)+1,1)*INDEX($D$3:$AA$30,INDEX(Jesper!$R$2:$R$366,ROW(INDEX(Jesper!AL$2:AL$366,ROUNDDOWN($C3519/24,0)+1,1))-1)+IF('Standard Profiles'!$G$22=$B$10,7,0)+IF('Standard Profiles'!$G$22=$B$17,14,0)+IF('Standard Profiles'!$G$22=$B$24,21,0),MOD($C3519,24)+1)/SUM(INDEX($D$3:$AA$30,INDEX(Jesper!$R$2:$R$366,ROW(INDEX(Jesper!AL$2:AL$366,ROUNDDOWN($C3519/24,0)+1,1))-1)+IF('Standard Profiles'!$G$22=$B$10,7,0)+IF('Standard Profiles'!$G$22=$B$17,14,0)+IF('Standard Profiles'!$G$22=$B$24,21,0),0)),0)</f>
        <v>0</v>
      </c>
      <c r="I3519">
        <f t="shared" si="398"/>
        <v>0.269646336392172</v>
      </c>
      <c r="J3519">
        <f t="shared" si="399"/>
        <v>6.9036249082246179</v>
      </c>
      <c r="K3519">
        <f t="shared" si="400"/>
        <v>0.54209473652490436</v>
      </c>
      <c r="L3519">
        <f t="shared" si="401"/>
        <v>0.27104736826245218</v>
      </c>
      <c r="M3519">
        <f t="shared" si="402"/>
        <v>0</v>
      </c>
      <c r="N3519" s="45">
        <f t="shared" si="403"/>
        <v>45072.208333324881</v>
      </c>
    </row>
    <row r="3520" spans="2:14" x14ac:dyDescent="0.25">
      <c r="B3520">
        <f t="shared" si="397"/>
        <v>5</v>
      </c>
      <c r="C3520" s="16">
        <v>3486</v>
      </c>
      <c r="D3520" cm="1">
        <f t="array" ref="D3520">IFERROR(INDEX(Jesper!AH$2:AH$366,ROUNDDOWN($C3520/24,0)+1,1)*INDEX($D$3:$AA$30,INDEX(Jesper!$R$2:$R$366,ROW(INDEX(Jesper!AH$2:AH$366,ROUNDDOWN($C3520/24,0)+1,1))-1)+IF('Standard Profiles'!$G$18=$B$10,7,0)+IF('Standard Profiles'!$G$18=$B$17,14,0)+IF('Standard Profiles'!$G$18=$B$24,21,0),MOD($C3520,24)+1)/SUM(INDEX($D$3:$AA$30,INDEX(Jesper!$R$2:$R$366,ROW(INDEX(Jesper!AH$2:AH$366,ROUNDDOWN($C3520/24,0)+1,1))-1)+IF('Standard Profiles'!$G$18=$B$10,7,0)+IF('Standard Profiles'!$G$18=$B$17,14,0)+IF('Standard Profiles'!$G$18=$B$24,21,0),0)),0)</f>
        <v>5.0821381549209779</v>
      </c>
      <c r="E3520" cm="1">
        <f t="array" ref="E3520">IFERROR(INDEX(Jesper!AI$2:AI$366,ROUNDDOWN($C3520/24,0)+1,1)*INDEX($D$3:$AA$30,INDEX(Jesper!$R$2:$R$366,ROW(INDEX(Jesper!AI$2:AI$366,ROUNDDOWN($C3520/24,0)+1,1))-1)+IF('Standard Profiles'!$G$19=$B$10,7,0)+IF('Standard Profiles'!$G$19=$B$17,14,0)+IF('Standard Profiles'!$G$19=$B$24,21,0),MOD($C3520,24)+1)/SUM(INDEX($D$3:$AA$30,INDEX(Jesper!$R$2:$R$366,ROW(INDEX(Jesper!AI$2:AI$366,ROUNDDOWN($C3520/24,0)+1,1))-1)+IF('Standard Profiles'!$G$19=$B$10,7,0)+IF('Standard Profiles'!$G$19=$B$17,14,0)+IF('Standard Profiles'!$G$19=$B$24,21,0),0)),0)</f>
        <v>2.3425119936661427</v>
      </c>
      <c r="F3520" cm="1">
        <f t="array" ref="F3520">IFERROR(INDEX(Jesper!AJ$2:AJ$366,ROUNDDOWN($C3520/24,0)+1,1)*INDEX($D$3:$AA$30,INDEX(Jesper!$R$2:$R$366,ROW(INDEX(Jesper!AJ$2:AJ$366,ROUNDDOWN($C3520/24,0)+1,1))-1)+IF('Standard Profiles'!$G$20=$B$10,7,0)+IF('Standard Profiles'!$G$20=$B$17,14,0)+IF('Standard Profiles'!$G$20=$B$24,21,0),MOD($C3520,24)+1)/SUM(INDEX($D$3:$AA$30,INDEX(Jesper!$R$2:$R$366,ROW(INDEX(Jesper!AJ$2:AJ$366,ROUNDDOWN($C3520/24,0)+1,1))-1)+IF('Standard Profiles'!$G$20=$B$10,7,0)+IF('Standard Profiles'!$G$20=$B$17,14,0)+IF('Standard Profiles'!$G$20=$B$24,21,0),0)),0)</f>
        <v>0</v>
      </c>
      <c r="G3520" cm="1">
        <f t="array" ref="G3520">IFERROR(INDEX(Jesper!AK$2:AK$366,ROUNDDOWN($C3520/24,0)+1,1)*INDEX($D$3:$AA$30,INDEX(Jesper!$R$2:$R$366,ROW(INDEX(Jesper!AK$2:AK$366,ROUNDDOWN($C3520/24,0)+1,1))-1)+IF('Standard Profiles'!$G$21=$B$10,7,0)+IF('Standard Profiles'!$G$21=$B$17,14,0)+IF('Standard Profiles'!$G$21=$B$24,21,0),MOD($C3520,24)+1)/SUM(INDEX($D$3:$AA$30,INDEX(Jesper!$R$2:$R$366,ROW(INDEX(Jesper!AK$2:AK$366,ROUNDDOWN($C3520/24,0)+1,1))-1)+IF('Standard Profiles'!$G$21=$B$10,7,0)+IF('Standard Profiles'!$G$21=$B$17,14,0)+IF('Standard Profiles'!$G$21=$B$24,21,0),0)),0)</f>
        <v>0.56176320081702524</v>
      </c>
      <c r="H3520" cm="1">
        <f t="array" ref="H3520">IFERROR(INDEX(Jesper!AL$2:AL$366,ROUNDDOWN($C3520/24,0)+1,1)*INDEX($D$3:$AA$30,INDEX(Jesper!$R$2:$R$366,ROW(INDEX(Jesper!AL$2:AL$366,ROUNDDOWN($C3520/24,0)+1,1))-1)+IF('Standard Profiles'!$G$22=$B$10,7,0)+IF('Standard Profiles'!$G$22=$B$17,14,0)+IF('Standard Profiles'!$G$22=$B$24,21,0),MOD($C3520,24)+1)/SUM(INDEX($D$3:$AA$30,INDEX(Jesper!$R$2:$R$366,ROW(INDEX(Jesper!AL$2:AL$366,ROUNDDOWN($C3520/24,0)+1,1))-1)+IF('Standard Profiles'!$G$22=$B$10,7,0)+IF('Standard Profiles'!$G$22=$B$17,14,0)+IF('Standard Profiles'!$G$22=$B$24,21,0),0)),0)</f>
        <v>0</v>
      </c>
      <c r="I3520">
        <f t="shared" si="398"/>
        <v>0.269646336392172</v>
      </c>
      <c r="J3520">
        <f t="shared" si="399"/>
        <v>6.9036249082246179</v>
      </c>
      <c r="K3520">
        <f t="shared" si="400"/>
        <v>0.54209473652490436</v>
      </c>
      <c r="L3520">
        <f t="shared" si="401"/>
        <v>0.27104736826245218</v>
      </c>
      <c r="M3520">
        <f t="shared" si="402"/>
        <v>0</v>
      </c>
      <c r="N3520" s="45">
        <f t="shared" si="403"/>
        <v>45072.249999991545</v>
      </c>
    </row>
    <row r="3521" spans="2:14" x14ac:dyDescent="0.25">
      <c r="B3521">
        <f t="shared" si="397"/>
        <v>5</v>
      </c>
      <c r="C3521" s="16">
        <v>3487</v>
      </c>
      <c r="D3521" cm="1">
        <f t="array" ref="D3521">IFERROR(INDEX(Jesper!AH$2:AH$366,ROUNDDOWN($C3521/24,0)+1,1)*INDEX($D$3:$AA$30,INDEX(Jesper!$R$2:$R$366,ROW(INDEX(Jesper!AH$2:AH$366,ROUNDDOWN($C3521/24,0)+1,1))-1)+IF('Standard Profiles'!$G$18=$B$10,7,0)+IF('Standard Profiles'!$G$18=$B$17,14,0)+IF('Standard Profiles'!$G$18=$B$24,21,0),MOD($C3521,24)+1)/SUM(INDEX($D$3:$AA$30,INDEX(Jesper!$R$2:$R$366,ROW(INDEX(Jesper!AH$2:AH$366,ROUNDDOWN($C3521/24,0)+1,1))-1)+IF('Standard Profiles'!$G$18=$B$10,7,0)+IF('Standard Profiles'!$G$18=$B$17,14,0)+IF('Standard Profiles'!$G$18=$B$24,21,0),0)),0)</f>
        <v>21.649908539963363</v>
      </c>
      <c r="E3521" cm="1">
        <f t="array" ref="E3521">IFERROR(INDEX(Jesper!AI$2:AI$366,ROUNDDOWN($C3521/24,0)+1,1)*INDEX($D$3:$AA$30,INDEX(Jesper!$R$2:$R$366,ROW(INDEX(Jesper!AI$2:AI$366,ROUNDDOWN($C3521/24,0)+1,1))-1)+IF('Standard Profiles'!$G$19=$B$10,7,0)+IF('Standard Profiles'!$G$19=$B$17,14,0)+IF('Standard Profiles'!$G$19=$B$24,21,0),MOD($C3521,24)+1)/SUM(INDEX($D$3:$AA$30,INDEX(Jesper!$R$2:$R$366,ROW(INDEX(Jesper!AI$2:AI$366,ROUNDDOWN($C3521/24,0)+1,1))-1)+IF('Standard Profiles'!$G$19=$B$10,7,0)+IF('Standard Profiles'!$G$19=$B$17,14,0)+IF('Standard Profiles'!$G$19=$B$24,21,0),0)),0)</f>
        <v>9.9791010930177677</v>
      </c>
      <c r="F3521" cm="1">
        <f t="array" ref="F3521">IFERROR(INDEX(Jesper!AJ$2:AJ$366,ROUNDDOWN($C3521/24,0)+1,1)*INDEX($D$3:$AA$30,INDEX(Jesper!$R$2:$R$366,ROW(INDEX(Jesper!AJ$2:AJ$366,ROUNDDOWN($C3521/24,0)+1,1))-1)+IF('Standard Profiles'!$G$20=$B$10,7,0)+IF('Standard Profiles'!$G$20=$B$17,14,0)+IF('Standard Profiles'!$G$20=$B$24,21,0),MOD($C3521,24)+1)/SUM(INDEX($D$3:$AA$30,INDEX(Jesper!$R$2:$R$366,ROW(INDEX(Jesper!AJ$2:AJ$366,ROUNDDOWN($C3521/24,0)+1,1))-1)+IF('Standard Profiles'!$G$20=$B$10,7,0)+IF('Standard Profiles'!$G$20=$B$17,14,0)+IF('Standard Profiles'!$G$20=$B$24,21,0),0)),0)</f>
        <v>0</v>
      </c>
      <c r="G3521" cm="1">
        <f t="array" ref="G3521">IFERROR(INDEX(Jesper!AK$2:AK$366,ROUNDDOWN($C3521/24,0)+1,1)*INDEX($D$3:$AA$30,INDEX(Jesper!$R$2:$R$366,ROW(INDEX(Jesper!AK$2:AK$366,ROUNDDOWN($C3521/24,0)+1,1))-1)+IF('Standard Profiles'!$G$21=$B$10,7,0)+IF('Standard Profiles'!$G$21=$B$17,14,0)+IF('Standard Profiles'!$G$21=$B$24,21,0),MOD($C3521,24)+1)/SUM(INDEX($D$3:$AA$30,INDEX(Jesper!$R$2:$R$366,ROW(INDEX(Jesper!AK$2:AK$366,ROUNDDOWN($C3521/24,0)+1,1))-1)+IF('Standard Profiles'!$G$21=$B$10,7,0)+IF('Standard Profiles'!$G$21=$B$17,14,0)+IF('Standard Profiles'!$G$21=$B$24,21,0),0)),0)</f>
        <v>1.5221970602783912</v>
      </c>
      <c r="H3521" cm="1">
        <f t="array" ref="H3521">IFERROR(INDEX(Jesper!AL$2:AL$366,ROUNDDOWN($C3521/24,0)+1,1)*INDEX($D$3:$AA$30,INDEX(Jesper!$R$2:$R$366,ROW(INDEX(Jesper!AL$2:AL$366,ROUNDDOWN($C3521/24,0)+1,1))-1)+IF('Standard Profiles'!$G$22=$B$10,7,0)+IF('Standard Profiles'!$G$22=$B$17,14,0)+IF('Standard Profiles'!$G$22=$B$24,21,0),MOD($C3521,24)+1)/SUM(INDEX($D$3:$AA$30,INDEX(Jesper!$R$2:$R$366,ROW(INDEX(Jesper!AL$2:AL$366,ROUNDDOWN($C3521/24,0)+1,1))-1)+IF('Standard Profiles'!$G$22=$B$10,7,0)+IF('Standard Profiles'!$G$22=$B$17,14,0)+IF('Standard Profiles'!$G$22=$B$24,21,0),0)),0)</f>
        <v>0</v>
      </c>
      <c r="I3521">
        <f t="shared" si="398"/>
        <v>0.73065458893362745</v>
      </c>
      <c r="J3521">
        <f t="shared" si="399"/>
        <v>28.956566737931755</v>
      </c>
      <c r="K3521">
        <f t="shared" si="400"/>
        <v>2.3093235775960923</v>
      </c>
      <c r="L3521">
        <f t="shared" si="401"/>
        <v>1.1546617887980462</v>
      </c>
      <c r="M3521">
        <f t="shared" si="402"/>
        <v>0</v>
      </c>
      <c r="N3521" s="45">
        <f t="shared" si="403"/>
        <v>45072.29166665821</v>
      </c>
    </row>
    <row r="3522" spans="2:14" x14ac:dyDescent="0.25">
      <c r="B3522">
        <f t="shared" si="397"/>
        <v>5</v>
      </c>
      <c r="C3522" s="16">
        <v>3488</v>
      </c>
      <c r="D3522" cm="1">
        <f t="array" ref="D3522">IFERROR(INDEX(Jesper!AH$2:AH$366,ROUNDDOWN($C3522/24,0)+1,1)*INDEX($D$3:$AA$30,INDEX(Jesper!$R$2:$R$366,ROW(INDEX(Jesper!AH$2:AH$366,ROUNDDOWN($C3522/24,0)+1,1))-1)+IF('Standard Profiles'!$G$18=$B$10,7,0)+IF('Standard Profiles'!$G$18=$B$17,14,0)+IF('Standard Profiles'!$G$18=$B$24,21,0),MOD($C3522,24)+1)/SUM(INDEX($D$3:$AA$30,INDEX(Jesper!$R$2:$R$366,ROW(INDEX(Jesper!AH$2:AH$366,ROUNDDOWN($C3522/24,0)+1,1))-1)+IF('Standard Profiles'!$G$18=$B$10,7,0)+IF('Standard Profiles'!$G$18=$B$17,14,0)+IF('Standard Profiles'!$G$18=$B$24,21,0),0)),0)</f>
        <v>27.062385674954204</v>
      </c>
      <c r="E3522" cm="1">
        <f t="array" ref="E3522">IFERROR(INDEX(Jesper!AI$2:AI$366,ROUNDDOWN($C3522/24,0)+1,1)*INDEX($D$3:$AA$30,INDEX(Jesper!$R$2:$R$366,ROW(INDEX(Jesper!AI$2:AI$366,ROUNDDOWN($C3522/24,0)+1,1))-1)+IF('Standard Profiles'!$G$19=$B$10,7,0)+IF('Standard Profiles'!$G$19=$B$17,14,0)+IF('Standard Profiles'!$G$19=$B$24,21,0),MOD($C3522,24)+1)/SUM(INDEX($D$3:$AA$30,INDEX(Jesper!$R$2:$R$366,ROW(INDEX(Jesper!AI$2:AI$366,ROUNDDOWN($C3522/24,0)+1,1))-1)+IF('Standard Profiles'!$G$19=$B$10,7,0)+IF('Standard Profiles'!$G$19=$B$17,14,0)+IF('Standard Profiles'!$G$19=$B$24,21,0),0)),0)</f>
        <v>12.47387636627221</v>
      </c>
      <c r="F3522" cm="1">
        <f t="array" ref="F3522">IFERROR(INDEX(Jesper!AJ$2:AJ$366,ROUNDDOWN($C3522/24,0)+1,1)*INDEX($D$3:$AA$30,INDEX(Jesper!$R$2:$R$366,ROW(INDEX(Jesper!AJ$2:AJ$366,ROUNDDOWN($C3522/24,0)+1,1))-1)+IF('Standard Profiles'!$G$20=$B$10,7,0)+IF('Standard Profiles'!$G$20=$B$17,14,0)+IF('Standard Profiles'!$G$20=$B$24,21,0),MOD($C3522,24)+1)/SUM(INDEX($D$3:$AA$30,INDEX(Jesper!$R$2:$R$366,ROW(INDEX(Jesper!AJ$2:AJ$366,ROUNDDOWN($C3522/24,0)+1,1))-1)+IF('Standard Profiles'!$G$20=$B$10,7,0)+IF('Standard Profiles'!$G$20=$B$17,14,0)+IF('Standard Profiles'!$G$20=$B$24,21,0),0)),0)</f>
        <v>0</v>
      </c>
      <c r="G3522" cm="1">
        <f t="array" ref="G3522">IFERROR(INDEX(Jesper!AK$2:AK$366,ROUNDDOWN($C3522/24,0)+1,1)*INDEX($D$3:$AA$30,INDEX(Jesper!$R$2:$R$366,ROW(INDEX(Jesper!AK$2:AK$366,ROUNDDOWN($C3522/24,0)+1,1))-1)+IF('Standard Profiles'!$G$21=$B$10,7,0)+IF('Standard Profiles'!$G$21=$B$17,14,0)+IF('Standard Profiles'!$G$21=$B$24,21,0),MOD($C3522,24)+1)/SUM(INDEX($D$3:$AA$30,INDEX(Jesper!$R$2:$R$366,ROW(INDEX(Jesper!AK$2:AK$366,ROUNDDOWN($C3522/24,0)+1,1))-1)+IF('Standard Profiles'!$G$21=$B$10,7,0)+IF('Standard Profiles'!$G$21=$B$17,14,0)+IF('Standard Profiles'!$G$21=$B$24,21,0),0)),0)</f>
        <v>1.9027463253479886</v>
      </c>
      <c r="H3522" cm="1">
        <f t="array" ref="H3522">IFERROR(INDEX(Jesper!AL$2:AL$366,ROUNDDOWN($C3522/24,0)+1,1)*INDEX($D$3:$AA$30,INDEX(Jesper!$R$2:$R$366,ROW(INDEX(Jesper!AL$2:AL$366,ROUNDDOWN($C3522/24,0)+1,1))-1)+IF('Standard Profiles'!$G$22=$B$10,7,0)+IF('Standard Profiles'!$G$22=$B$17,14,0)+IF('Standard Profiles'!$G$22=$B$24,21,0),MOD($C3522,24)+1)/SUM(INDEX($D$3:$AA$30,INDEX(Jesper!$R$2:$R$366,ROW(INDEX(Jesper!AL$2:AL$366,ROUNDDOWN($C3522/24,0)+1,1))-1)+IF('Standard Profiles'!$G$22=$B$10,7,0)+IF('Standard Profiles'!$G$22=$B$17,14,0)+IF('Standard Profiles'!$G$22=$B$24,21,0),0)),0)</f>
        <v>0</v>
      </c>
      <c r="I3522">
        <f t="shared" si="398"/>
        <v>0.91331823616703411</v>
      </c>
      <c r="J3522">
        <f t="shared" si="399"/>
        <v>36.195708422414697</v>
      </c>
      <c r="K3522">
        <f t="shared" si="400"/>
        <v>2.886654471995115</v>
      </c>
      <c r="L3522">
        <f t="shared" si="401"/>
        <v>1.4433272359975575</v>
      </c>
      <c r="M3522">
        <f t="shared" si="402"/>
        <v>0</v>
      </c>
      <c r="N3522" s="45">
        <f t="shared" si="403"/>
        <v>45072.333333324874</v>
      </c>
    </row>
    <row r="3523" spans="2:14" x14ac:dyDescent="0.25">
      <c r="B3523">
        <f t="shared" si="397"/>
        <v>5</v>
      </c>
      <c r="C3523" s="16">
        <v>3489</v>
      </c>
      <c r="D3523" cm="1">
        <f t="array" ref="D3523">IFERROR(INDEX(Jesper!AH$2:AH$366,ROUNDDOWN($C3523/24,0)+1,1)*INDEX($D$3:$AA$30,INDEX(Jesper!$R$2:$R$366,ROW(INDEX(Jesper!AH$2:AH$366,ROUNDDOWN($C3523/24,0)+1,1))-1)+IF('Standard Profiles'!$G$18=$B$10,7,0)+IF('Standard Profiles'!$G$18=$B$17,14,0)+IF('Standard Profiles'!$G$18=$B$24,21,0),MOD($C3523,24)+1)/SUM(INDEX($D$3:$AA$30,INDEX(Jesper!$R$2:$R$366,ROW(INDEX(Jesper!AH$2:AH$366,ROUNDDOWN($C3523/24,0)+1,1))-1)+IF('Standard Profiles'!$G$18=$B$10,7,0)+IF('Standard Profiles'!$G$18=$B$17,14,0)+IF('Standard Profiles'!$G$18=$B$24,21,0),0)),0)</f>
        <v>29.768624242449626</v>
      </c>
      <c r="E3523" cm="1">
        <f t="array" ref="E3523">IFERROR(INDEX(Jesper!AI$2:AI$366,ROUNDDOWN($C3523/24,0)+1,1)*INDEX($D$3:$AA$30,INDEX(Jesper!$R$2:$R$366,ROW(INDEX(Jesper!AI$2:AI$366,ROUNDDOWN($C3523/24,0)+1,1))-1)+IF('Standard Profiles'!$G$19=$B$10,7,0)+IF('Standard Profiles'!$G$19=$B$17,14,0)+IF('Standard Profiles'!$G$19=$B$24,21,0),MOD($C3523,24)+1)/SUM(INDEX($D$3:$AA$30,INDEX(Jesper!$R$2:$R$366,ROW(INDEX(Jesper!AI$2:AI$366,ROUNDDOWN($C3523/24,0)+1,1))-1)+IF('Standard Profiles'!$G$19=$B$10,7,0)+IF('Standard Profiles'!$G$19=$B$17,14,0)+IF('Standard Profiles'!$G$19=$B$24,21,0),0)),0)</f>
        <v>13.72126400289943</v>
      </c>
      <c r="F3523" cm="1">
        <f t="array" ref="F3523">IFERROR(INDEX(Jesper!AJ$2:AJ$366,ROUNDDOWN($C3523/24,0)+1,1)*INDEX($D$3:$AA$30,INDEX(Jesper!$R$2:$R$366,ROW(INDEX(Jesper!AJ$2:AJ$366,ROUNDDOWN($C3523/24,0)+1,1))-1)+IF('Standard Profiles'!$G$20=$B$10,7,0)+IF('Standard Profiles'!$G$20=$B$17,14,0)+IF('Standard Profiles'!$G$20=$B$24,21,0),MOD($C3523,24)+1)/SUM(INDEX($D$3:$AA$30,INDEX(Jesper!$R$2:$R$366,ROW(INDEX(Jesper!AJ$2:AJ$366,ROUNDDOWN($C3523/24,0)+1,1))-1)+IF('Standard Profiles'!$G$20=$B$10,7,0)+IF('Standard Profiles'!$G$20=$B$17,14,0)+IF('Standard Profiles'!$G$20=$B$24,21,0),0)),0)</f>
        <v>0</v>
      </c>
      <c r="G3523" cm="1">
        <f t="array" ref="G3523">IFERROR(INDEX(Jesper!AK$2:AK$366,ROUNDDOWN($C3523/24,0)+1,1)*INDEX($D$3:$AA$30,INDEX(Jesper!$R$2:$R$366,ROW(INDEX(Jesper!AK$2:AK$366,ROUNDDOWN($C3523/24,0)+1,1))-1)+IF('Standard Profiles'!$G$21=$B$10,7,0)+IF('Standard Profiles'!$G$21=$B$17,14,0)+IF('Standard Profiles'!$G$21=$B$24,21,0),MOD($C3523,24)+1)/SUM(INDEX($D$3:$AA$30,INDEX(Jesper!$R$2:$R$366,ROW(INDEX(Jesper!AK$2:AK$366,ROUNDDOWN($C3523/24,0)+1,1))-1)+IF('Standard Profiles'!$G$21=$B$10,7,0)+IF('Standard Profiles'!$G$21=$B$17,14,0)+IF('Standard Profiles'!$G$21=$B$24,21,0),0)),0)</f>
        <v>2.0930209578827879</v>
      </c>
      <c r="H3523" cm="1">
        <f t="array" ref="H3523">IFERROR(INDEX(Jesper!AL$2:AL$366,ROUNDDOWN($C3523/24,0)+1,1)*INDEX($D$3:$AA$30,INDEX(Jesper!$R$2:$R$366,ROW(INDEX(Jesper!AL$2:AL$366,ROUNDDOWN($C3523/24,0)+1,1))-1)+IF('Standard Profiles'!$G$22=$B$10,7,0)+IF('Standard Profiles'!$G$22=$B$17,14,0)+IF('Standard Profiles'!$G$22=$B$24,21,0),MOD($C3523,24)+1)/SUM(INDEX($D$3:$AA$30,INDEX(Jesper!$R$2:$R$366,ROW(INDEX(Jesper!AL$2:AL$366,ROUNDDOWN($C3523/24,0)+1,1))-1)+IF('Standard Profiles'!$G$22=$B$10,7,0)+IF('Standard Profiles'!$G$22=$B$17,14,0)+IF('Standard Profiles'!$G$22=$B$24,21,0),0)),0)</f>
        <v>0</v>
      </c>
      <c r="I3523">
        <f t="shared" si="398"/>
        <v>1.0046500597837376</v>
      </c>
      <c r="J3523">
        <f t="shared" si="399"/>
        <v>39.815279264656162</v>
      </c>
      <c r="K3523">
        <f t="shared" si="400"/>
        <v>3.1753199191946271</v>
      </c>
      <c r="L3523">
        <f t="shared" si="401"/>
        <v>1.5876599595973135</v>
      </c>
      <c r="M3523">
        <f t="shared" si="402"/>
        <v>0</v>
      </c>
      <c r="N3523" s="45">
        <f t="shared" si="403"/>
        <v>45072.374999991538</v>
      </c>
    </row>
    <row r="3524" spans="2:14" x14ac:dyDescent="0.25">
      <c r="B3524">
        <f t="shared" si="397"/>
        <v>5</v>
      </c>
      <c r="C3524" s="16">
        <v>3490</v>
      </c>
      <c r="D3524" cm="1">
        <f t="array" ref="D3524">IFERROR(INDEX(Jesper!AH$2:AH$366,ROUNDDOWN($C3524/24,0)+1,1)*INDEX($D$3:$AA$30,INDEX(Jesper!$R$2:$R$366,ROW(INDEX(Jesper!AH$2:AH$366,ROUNDDOWN($C3524/24,0)+1,1))-1)+IF('Standard Profiles'!$G$18=$B$10,7,0)+IF('Standard Profiles'!$G$18=$B$17,14,0)+IF('Standard Profiles'!$G$18=$B$24,21,0),MOD($C3524,24)+1)/SUM(INDEX($D$3:$AA$30,INDEX(Jesper!$R$2:$R$366,ROW(INDEX(Jesper!AH$2:AH$366,ROUNDDOWN($C3524/24,0)+1,1))-1)+IF('Standard Profiles'!$G$18=$B$10,7,0)+IF('Standard Profiles'!$G$18=$B$17,14,0)+IF('Standard Profiles'!$G$18=$B$24,21,0),0)),0)</f>
        <v>29.768624242449626</v>
      </c>
      <c r="E3524" cm="1">
        <f t="array" ref="E3524">IFERROR(INDEX(Jesper!AI$2:AI$366,ROUNDDOWN($C3524/24,0)+1,1)*INDEX($D$3:$AA$30,INDEX(Jesper!$R$2:$R$366,ROW(INDEX(Jesper!AI$2:AI$366,ROUNDDOWN($C3524/24,0)+1,1))-1)+IF('Standard Profiles'!$G$19=$B$10,7,0)+IF('Standard Profiles'!$G$19=$B$17,14,0)+IF('Standard Profiles'!$G$19=$B$24,21,0),MOD($C3524,24)+1)/SUM(INDEX($D$3:$AA$30,INDEX(Jesper!$R$2:$R$366,ROW(INDEX(Jesper!AI$2:AI$366,ROUNDDOWN($C3524/24,0)+1,1))-1)+IF('Standard Profiles'!$G$19=$B$10,7,0)+IF('Standard Profiles'!$G$19=$B$17,14,0)+IF('Standard Profiles'!$G$19=$B$24,21,0),0)),0)</f>
        <v>13.72126400289943</v>
      </c>
      <c r="F3524" cm="1">
        <f t="array" ref="F3524">IFERROR(INDEX(Jesper!AJ$2:AJ$366,ROUNDDOWN($C3524/24,0)+1,1)*INDEX($D$3:$AA$30,INDEX(Jesper!$R$2:$R$366,ROW(INDEX(Jesper!AJ$2:AJ$366,ROUNDDOWN($C3524/24,0)+1,1))-1)+IF('Standard Profiles'!$G$20=$B$10,7,0)+IF('Standard Profiles'!$G$20=$B$17,14,0)+IF('Standard Profiles'!$G$20=$B$24,21,0),MOD($C3524,24)+1)/SUM(INDEX($D$3:$AA$30,INDEX(Jesper!$R$2:$R$366,ROW(INDEX(Jesper!AJ$2:AJ$366,ROUNDDOWN($C3524/24,0)+1,1))-1)+IF('Standard Profiles'!$G$20=$B$10,7,0)+IF('Standard Profiles'!$G$20=$B$17,14,0)+IF('Standard Profiles'!$G$20=$B$24,21,0),0)),0)</f>
        <v>0</v>
      </c>
      <c r="G3524" cm="1">
        <f t="array" ref="G3524">IFERROR(INDEX(Jesper!AK$2:AK$366,ROUNDDOWN($C3524/24,0)+1,1)*INDEX($D$3:$AA$30,INDEX(Jesper!$R$2:$R$366,ROW(INDEX(Jesper!AK$2:AK$366,ROUNDDOWN($C3524/24,0)+1,1))-1)+IF('Standard Profiles'!$G$21=$B$10,7,0)+IF('Standard Profiles'!$G$21=$B$17,14,0)+IF('Standard Profiles'!$G$21=$B$24,21,0),MOD($C3524,24)+1)/SUM(INDEX($D$3:$AA$30,INDEX(Jesper!$R$2:$R$366,ROW(INDEX(Jesper!AK$2:AK$366,ROUNDDOWN($C3524/24,0)+1,1))-1)+IF('Standard Profiles'!$G$21=$B$10,7,0)+IF('Standard Profiles'!$G$21=$B$17,14,0)+IF('Standard Profiles'!$G$21=$B$24,21,0),0)),0)</f>
        <v>2.0930209578827879</v>
      </c>
      <c r="H3524" cm="1">
        <f t="array" ref="H3524">IFERROR(INDEX(Jesper!AL$2:AL$366,ROUNDDOWN($C3524/24,0)+1,1)*INDEX($D$3:$AA$30,INDEX(Jesper!$R$2:$R$366,ROW(INDEX(Jesper!AL$2:AL$366,ROUNDDOWN($C3524/24,0)+1,1))-1)+IF('Standard Profiles'!$G$22=$B$10,7,0)+IF('Standard Profiles'!$G$22=$B$17,14,0)+IF('Standard Profiles'!$G$22=$B$24,21,0),MOD($C3524,24)+1)/SUM(INDEX($D$3:$AA$30,INDEX(Jesper!$R$2:$R$366,ROW(INDEX(Jesper!AL$2:AL$366,ROUNDDOWN($C3524/24,0)+1,1))-1)+IF('Standard Profiles'!$G$22=$B$10,7,0)+IF('Standard Profiles'!$G$22=$B$17,14,0)+IF('Standard Profiles'!$G$22=$B$24,21,0),0)),0)</f>
        <v>0</v>
      </c>
      <c r="I3524">
        <f t="shared" si="398"/>
        <v>1.0046500597837376</v>
      </c>
      <c r="J3524">
        <f t="shared" si="399"/>
        <v>39.815279264656162</v>
      </c>
      <c r="K3524">
        <f t="shared" si="400"/>
        <v>3.1753199191946271</v>
      </c>
      <c r="L3524">
        <f t="shared" si="401"/>
        <v>1.5876599595973135</v>
      </c>
      <c r="M3524">
        <f t="shared" si="402"/>
        <v>0</v>
      </c>
      <c r="N3524" s="45">
        <f t="shared" si="403"/>
        <v>45072.416666658202</v>
      </c>
    </row>
    <row r="3525" spans="2:14" x14ac:dyDescent="0.25">
      <c r="B3525">
        <f t="shared" si="397"/>
        <v>5</v>
      </c>
      <c r="C3525" s="16">
        <v>3491</v>
      </c>
      <c r="D3525" cm="1">
        <f t="array" ref="D3525">IFERROR(INDEX(Jesper!AH$2:AH$366,ROUNDDOWN($C3525/24,0)+1,1)*INDEX($D$3:$AA$30,INDEX(Jesper!$R$2:$R$366,ROW(INDEX(Jesper!AH$2:AH$366,ROUNDDOWN($C3525/24,0)+1,1))-1)+IF('Standard Profiles'!$G$18=$B$10,7,0)+IF('Standard Profiles'!$G$18=$B$17,14,0)+IF('Standard Profiles'!$G$18=$B$24,21,0),MOD($C3525,24)+1)/SUM(INDEX($D$3:$AA$30,INDEX(Jesper!$R$2:$R$366,ROW(INDEX(Jesper!AH$2:AH$366,ROUNDDOWN($C3525/24,0)+1,1))-1)+IF('Standard Profiles'!$G$18=$B$10,7,0)+IF('Standard Profiles'!$G$18=$B$17,14,0)+IF('Standard Profiles'!$G$18=$B$24,21,0),0)),0)</f>
        <v>35.181101377440463</v>
      </c>
      <c r="E3525" cm="1">
        <f t="array" ref="E3525">IFERROR(INDEX(Jesper!AI$2:AI$366,ROUNDDOWN($C3525/24,0)+1,1)*INDEX($D$3:$AA$30,INDEX(Jesper!$R$2:$R$366,ROW(INDEX(Jesper!AI$2:AI$366,ROUNDDOWN($C3525/24,0)+1,1))-1)+IF('Standard Profiles'!$G$19=$B$10,7,0)+IF('Standard Profiles'!$G$19=$B$17,14,0)+IF('Standard Profiles'!$G$19=$B$24,21,0),MOD($C3525,24)+1)/SUM(INDEX($D$3:$AA$30,INDEX(Jesper!$R$2:$R$366,ROW(INDEX(Jesper!AI$2:AI$366,ROUNDDOWN($C3525/24,0)+1,1))-1)+IF('Standard Profiles'!$G$19=$B$10,7,0)+IF('Standard Profiles'!$G$19=$B$17,14,0)+IF('Standard Profiles'!$G$19=$B$24,21,0),0)),0)</f>
        <v>16.216039276153875</v>
      </c>
      <c r="F3525" cm="1">
        <f t="array" ref="F3525">IFERROR(INDEX(Jesper!AJ$2:AJ$366,ROUNDDOWN($C3525/24,0)+1,1)*INDEX($D$3:$AA$30,INDEX(Jesper!$R$2:$R$366,ROW(INDEX(Jesper!AJ$2:AJ$366,ROUNDDOWN($C3525/24,0)+1,1))-1)+IF('Standard Profiles'!$G$20=$B$10,7,0)+IF('Standard Profiles'!$G$20=$B$17,14,0)+IF('Standard Profiles'!$G$20=$B$24,21,0),MOD($C3525,24)+1)/SUM(INDEX($D$3:$AA$30,INDEX(Jesper!$R$2:$R$366,ROW(INDEX(Jesper!AJ$2:AJ$366,ROUNDDOWN($C3525/24,0)+1,1))-1)+IF('Standard Profiles'!$G$20=$B$10,7,0)+IF('Standard Profiles'!$G$20=$B$17,14,0)+IF('Standard Profiles'!$G$20=$B$24,21,0),0)),0)</f>
        <v>0</v>
      </c>
      <c r="G3525" cm="1">
        <f t="array" ref="G3525">IFERROR(INDEX(Jesper!AK$2:AK$366,ROUNDDOWN($C3525/24,0)+1,1)*INDEX($D$3:$AA$30,INDEX(Jesper!$R$2:$R$366,ROW(INDEX(Jesper!AK$2:AK$366,ROUNDDOWN($C3525/24,0)+1,1))-1)+IF('Standard Profiles'!$G$21=$B$10,7,0)+IF('Standard Profiles'!$G$21=$B$17,14,0)+IF('Standard Profiles'!$G$21=$B$24,21,0),MOD($C3525,24)+1)/SUM(INDEX($D$3:$AA$30,INDEX(Jesper!$R$2:$R$366,ROW(INDEX(Jesper!AK$2:AK$366,ROUNDDOWN($C3525/24,0)+1,1))-1)+IF('Standard Profiles'!$G$21=$B$10,7,0)+IF('Standard Profiles'!$G$21=$B$17,14,0)+IF('Standard Profiles'!$G$21=$B$24,21,0),0)),0)</f>
        <v>2.4735702229523855</v>
      </c>
      <c r="H3525" cm="1">
        <f t="array" ref="H3525">IFERROR(INDEX(Jesper!AL$2:AL$366,ROUNDDOWN($C3525/24,0)+1,1)*INDEX($D$3:$AA$30,INDEX(Jesper!$R$2:$R$366,ROW(INDEX(Jesper!AL$2:AL$366,ROUNDDOWN($C3525/24,0)+1,1))-1)+IF('Standard Profiles'!$G$22=$B$10,7,0)+IF('Standard Profiles'!$G$22=$B$17,14,0)+IF('Standard Profiles'!$G$22=$B$24,21,0),MOD($C3525,24)+1)/SUM(INDEX($D$3:$AA$30,INDEX(Jesper!$R$2:$R$366,ROW(INDEX(Jesper!AL$2:AL$366,ROUNDDOWN($C3525/24,0)+1,1))-1)+IF('Standard Profiles'!$G$22=$B$10,7,0)+IF('Standard Profiles'!$G$22=$B$17,14,0)+IF('Standard Profiles'!$G$22=$B$24,21,0),0)),0)</f>
        <v>0</v>
      </c>
      <c r="I3525">
        <f t="shared" si="398"/>
        <v>1.1873137070171444</v>
      </c>
      <c r="J3525">
        <f t="shared" si="399"/>
        <v>47.054420949139107</v>
      </c>
      <c r="K3525">
        <f t="shared" si="400"/>
        <v>3.7526508135936498</v>
      </c>
      <c r="L3525">
        <f t="shared" si="401"/>
        <v>1.8763254067968249</v>
      </c>
      <c r="M3525">
        <f t="shared" si="402"/>
        <v>0</v>
      </c>
      <c r="N3525" s="45">
        <f t="shared" si="403"/>
        <v>45072.458333324867</v>
      </c>
    </row>
    <row r="3526" spans="2:14" x14ac:dyDescent="0.25">
      <c r="B3526">
        <f t="shared" si="397"/>
        <v>5</v>
      </c>
      <c r="C3526" s="16">
        <v>3492</v>
      </c>
      <c r="D3526" cm="1">
        <f t="array" ref="D3526">IFERROR(INDEX(Jesper!AH$2:AH$366,ROUNDDOWN($C3526/24,0)+1,1)*INDEX($D$3:$AA$30,INDEX(Jesper!$R$2:$R$366,ROW(INDEX(Jesper!AH$2:AH$366,ROUNDDOWN($C3526/24,0)+1,1))-1)+IF('Standard Profiles'!$G$18=$B$10,7,0)+IF('Standard Profiles'!$G$18=$B$17,14,0)+IF('Standard Profiles'!$G$18=$B$24,21,0),MOD($C3526,24)+1)/SUM(INDEX($D$3:$AA$30,INDEX(Jesper!$R$2:$R$366,ROW(INDEX(Jesper!AH$2:AH$366,ROUNDDOWN($C3526/24,0)+1,1))-1)+IF('Standard Profiles'!$G$18=$B$10,7,0)+IF('Standard Profiles'!$G$18=$B$17,14,0)+IF('Standard Profiles'!$G$18=$B$24,21,0),0)),0)</f>
        <v>35.181101377440463</v>
      </c>
      <c r="E3526" cm="1">
        <f t="array" ref="E3526">IFERROR(INDEX(Jesper!AI$2:AI$366,ROUNDDOWN($C3526/24,0)+1,1)*INDEX($D$3:$AA$30,INDEX(Jesper!$R$2:$R$366,ROW(INDEX(Jesper!AI$2:AI$366,ROUNDDOWN($C3526/24,0)+1,1))-1)+IF('Standard Profiles'!$G$19=$B$10,7,0)+IF('Standard Profiles'!$G$19=$B$17,14,0)+IF('Standard Profiles'!$G$19=$B$24,21,0),MOD($C3526,24)+1)/SUM(INDEX($D$3:$AA$30,INDEX(Jesper!$R$2:$R$366,ROW(INDEX(Jesper!AI$2:AI$366,ROUNDDOWN($C3526/24,0)+1,1))-1)+IF('Standard Profiles'!$G$19=$B$10,7,0)+IF('Standard Profiles'!$G$19=$B$17,14,0)+IF('Standard Profiles'!$G$19=$B$24,21,0),0)),0)</f>
        <v>16.216039276153875</v>
      </c>
      <c r="F3526" cm="1">
        <f t="array" ref="F3526">IFERROR(INDEX(Jesper!AJ$2:AJ$366,ROUNDDOWN($C3526/24,0)+1,1)*INDEX($D$3:$AA$30,INDEX(Jesper!$R$2:$R$366,ROW(INDEX(Jesper!AJ$2:AJ$366,ROUNDDOWN($C3526/24,0)+1,1))-1)+IF('Standard Profiles'!$G$20=$B$10,7,0)+IF('Standard Profiles'!$G$20=$B$17,14,0)+IF('Standard Profiles'!$G$20=$B$24,21,0),MOD($C3526,24)+1)/SUM(INDEX($D$3:$AA$30,INDEX(Jesper!$R$2:$R$366,ROW(INDEX(Jesper!AJ$2:AJ$366,ROUNDDOWN($C3526/24,0)+1,1))-1)+IF('Standard Profiles'!$G$20=$B$10,7,0)+IF('Standard Profiles'!$G$20=$B$17,14,0)+IF('Standard Profiles'!$G$20=$B$24,21,0),0)),0)</f>
        <v>0</v>
      </c>
      <c r="G3526" cm="1">
        <f t="array" ref="G3526">IFERROR(INDEX(Jesper!AK$2:AK$366,ROUNDDOWN($C3526/24,0)+1,1)*INDEX($D$3:$AA$30,INDEX(Jesper!$R$2:$R$366,ROW(INDEX(Jesper!AK$2:AK$366,ROUNDDOWN($C3526/24,0)+1,1))-1)+IF('Standard Profiles'!$G$21=$B$10,7,0)+IF('Standard Profiles'!$G$21=$B$17,14,0)+IF('Standard Profiles'!$G$21=$B$24,21,0),MOD($C3526,24)+1)/SUM(INDEX($D$3:$AA$30,INDEX(Jesper!$R$2:$R$366,ROW(INDEX(Jesper!AK$2:AK$366,ROUNDDOWN($C3526/24,0)+1,1))-1)+IF('Standard Profiles'!$G$21=$B$10,7,0)+IF('Standard Profiles'!$G$21=$B$17,14,0)+IF('Standard Profiles'!$G$21=$B$24,21,0),0)),0)</f>
        <v>2.4735702229523855</v>
      </c>
      <c r="H3526" cm="1">
        <f t="array" ref="H3526">IFERROR(INDEX(Jesper!AL$2:AL$366,ROUNDDOWN($C3526/24,0)+1,1)*INDEX($D$3:$AA$30,INDEX(Jesper!$R$2:$R$366,ROW(INDEX(Jesper!AL$2:AL$366,ROUNDDOWN($C3526/24,0)+1,1))-1)+IF('Standard Profiles'!$G$22=$B$10,7,0)+IF('Standard Profiles'!$G$22=$B$17,14,0)+IF('Standard Profiles'!$G$22=$B$24,21,0),MOD($C3526,24)+1)/SUM(INDEX($D$3:$AA$30,INDEX(Jesper!$R$2:$R$366,ROW(INDEX(Jesper!AL$2:AL$366,ROUNDDOWN($C3526/24,0)+1,1))-1)+IF('Standard Profiles'!$G$22=$B$10,7,0)+IF('Standard Profiles'!$G$22=$B$17,14,0)+IF('Standard Profiles'!$G$22=$B$24,21,0),0)),0)</f>
        <v>0</v>
      </c>
      <c r="I3526">
        <f t="shared" si="398"/>
        <v>1.1873137070171444</v>
      </c>
      <c r="J3526">
        <f t="shared" si="399"/>
        <v>47.054420949139107</v>
      </c>
      <c r="K3526">
        <f t="shared" si="400"/>
        <v>3.7526508135936498</v>
      </c>
      <c r="L3526">
        <f t="shared" si="401"/>
        <v>1.8763254067968249</v>
      </c>
      <c r="M3526">
        <f t="shared" si="402"/>
        <v>0</v>
      </c>
      <c r="N3526" s="45">
        <f t="shared" si="403"/>
        <v>45072.499999991531</v>
      </c>
    </row>
    <row r="3527" spans="2:14" x14ac:dyDescent="0.25">
      <c r="B3527">
        <f t="shared" si="397"/>
        <v>5</v>
      </c>
      <c r="C3527" s="16">
        <v>3493</v>
      </c>
      <c r="D3527" cm="1">
        <f t="array" ref="D3527">IFERROR(INDEX(Jesper!AH$2:AH$366,ROUNDDOWN($C3527/24,0)+1,1)*INDEX($D$3:$AA$30,INDEX(Jesper!$R$2:$R$366,ROW(INDEX(Jesper!AH$2:AH$366,ROUNDDOWN($C3527/24,0)+1,1))-1)+IF('Standard Profiles'!$G$18=$B$10,7,0)+IF('Standard Profiles'!$G$18=$B$17,14,0)+IF('Standard Profiles'!$G$18=$B$24,21,0),MOD($C3527,24)+1)/SUM(INDEX($D$3:$AA$30,INDEX(Jesper!$R$2:$R$366,ROW(INDEX(Jesper!AH$2:AH$366,ROUNDDOWN($C3527/24,0)+1,1))-1)+IF('Standard Profiles'!$G$18=$B$10,7,0)+IF('Standard Profiles'!$G$18=$B$17,14,0)+IF('Standard Profiles'!$G$18=$B$24,21,0),0)),0)</f>
        <v>24.356147107458785</v>
      </c>
      <c r="E3527" cm="1">
        <f t="array" ref="E3527">IFERROR(INDEX(Jesper!AI$2:AI$366,ROUNDDOWN($C3527/24,0)+1,1)*INDEX($D$3:$AA$30,INDEX(Jesper!$R$2:$R$366,ROW(INDEX(Jesper!AI$2:AI$366,ROUNDDOWN($C3527/24,0)+1,1))-1)+IF('Standard Profiles'!$G$19=$B$10,7,0)+IF('Standard Profiles'!$G$19=$B$17,14,0)+IF('Standard Profiles'!$G$19=$B$24,21,0),MOD($C3527,24)+1)/SUM(INDEX($D$3:$AA$30,INDEX(Jesper!$R$2:$R$366,ROW(INDEX(Jesper!AI$2:AI$366,ROUNDDOWN($C3527/24,0)+1,1))-1)+IF('Standard Profiles'!$G$19=$B$10,7,0)+IF('Standard Profiles'!$G$19=$B$17,14,0)+IF('Standard Profiles'!$G$19=$B$24,21,0),0)),0)</f>
        <v>11.22648872964499</v>
      </c>
      <c r="F3527" cm="1">
        <f t="array" ref="F3527">IFERROR(INDEX(Jesper!AJ$2:AJ$366,ROUNDDOWN($C3527/24,0)+1,1)*INDEX($D$3:$AA$30,INDEX(Jesper!$R$2:$R$366,ROW(INDEX(Jesper!AJ$2:AJ$366,ROUNDDOWN($C3527/24,0)+1,1))-1)+IF('Standard Profiles'!$G$20=$B$10,7,0)+IF('Standard Profiles'!$G$20=$B$17,14,0)+IF('Standard Profiles'!$G$20=$B$24,21,0),MOD($C3527,24)+1)/SUM(INDEX($D$3:$AA$30,INDEX(Jesper!$R$2:$R$366,ROW(INDEX(Jesper!AJ$2:AJ$366,ROUNDDOWN($C3527/24,0)+1,1))-1)+IF('Standard Profiles'!$G$20=$B$10,7,0)+IF('Standard Profiles'!$G$20=$B$17,14,0)+IF('Standard Profiles'!$G$20=$B$24,21,0),0)),0)</f>
        <v>0</v>
      </c>
      <c r="G3527" cm="1">
        <f t="array" ref="G3527">IFERROR(INDEX(Jesper!AK$2:AK$366,ROUNDDOWN($C3527/24,0)+1,1)*INDEX($D$3:$AA$30,INDEX(Jesper!$R$2:$R$366,ROW(INDEX(Jesper!AK$2:AK$366,ROUNDDOWN($C3527/24,0)+1,1))-1)+IF('Standard Profiles'!$G$21=$B$10,7,0)+IF('Standard Profiles'!$G$21=$B$17,14,0)+IF('Standard Profiles'!$G$21=$B$24,21,0),MOD($C3527,24)+1)/SUM(INDEX($D$3:$AA$30,INDEX(Jesper!$R$2:$R$366,ROW(INDEX(Jesper!AK$2:AK$366,ROUNDDOWN($C3527/24,0)+1,1))-1)+IF('Standard Profiles'!$G$21=$B$10,7,0)+IF('Standard Profiles'!$G$21=$B$17,14,0)+IF('Standard Profiles'!$G$21=$B$24,21,0),0)),0)</f>
        <v>1.71247169281319</v>
      </c>
      <c r="H3527" cm="1">
        <f t="array" ref="H3527">IFERROR(INDEX(Jesper!AL$2:AL$366,ROUNDDOWN($C3527/24,0)+1,1)*INDEX($D$3:$AA$30,INDEX(Jesper!$R$2:$R$366,ROW(INDEX(Jesper!AL$2:AL$366,ROUNDDOWN($C3527/24,0)+1,1))-1)+IF('Standard Profiles'!$G$22=$B$10,7,0)+IF('Standard Profiles'!$G$22=$B$17,14,0)+IF('Standard Profiles'!$G$22=$B$24,21,0),MOD($C3527,24)+1)/SUM(INDEX($D$3:$AA$30,INDEX(Jesper!$R$2:$R$366,ROW(INDEX(Jesper!AL$2:AL$366,ROUNDDOWN($C3527/24,0)+1,1))-1)+IF('Standard Profiles'!$G$22=$B$10,7,0)+IF('Standard Profiles'!$G$22=$B$17,14,0)+IF('Standard Profiles'!$G$22=$B$24,21,0),0)),0)</f>
        <v>0</v>
      </c>
      <c r="I3527">
        <f t="shared" si="398"/>
        <v>0.82198641255033078</v>
      </c>
      <c r="J3527">
        <f t="shared" si="399"/>
        <v>32.576137580173224</v>
      </c>
      <c r="K3527">
        <f t="shared" si="400"/>
        <v>2.5979890247956039</v>
      </c>
      <c r="L3527">
        <f t="shared" si="401"/>
        <v>1.2989945123978019</v>
      </c>
      <c r="M3527">
        <f t="shared" si="402"/>
        <v>0</v>
      </c>
      <c r="N3527" s="45">
        <f t="shared" si="403"/>
        <v>45072.541666658195</v>
      </c>
    </row>
    <row r="3528" spans="2:14" x14ac:dyDescent="0.25">
      <c r="B3528">
        <f t="shared" si="397"/>
        <v>5</v>
      </c>
      <c r="C3528" s="16">
        <v>3494</v>
      </c>
      <c r="D3528" cm="1">
        <f t="array" ref="D3528">IFERROR(INDEX(Jesper!AH$2:AH$366,ROUNDDOWN($C3528/24,0)+1,1)*INDEX($D$3:$AA$30,INDEX(Jesper!$R$2:$R$366,ROW(INDEX(Jesper!AH$2:AH$366,ROUNDDOWN($C3528/24,0)+1,1))-1)+IF('Standard Profiles'!$G$18=$B$10,7,0)+IF('Standard Profiles'!$G$18=$B$17,14,0)+IF('Standard Profiles'!$G$18=$B$24,21,0),MOD($C3528,24)+1)/SUM(INDEX($D$3:$AA$30,INDEX(Jesper!$R$2:$R$366,ROW(INDEX(Jesper!AH$2:AH$366,ROUNDDOWN($C3528/24,0)+1,1))-1)+IF('Standard Profiles'!$G$18=$B$10,7,0)+IF('Standard Profiles'!$G$18=$B$17,14,0)+IF('Standard Profiles'!$G$18=$B$24,21,0),0)),0)</f>
        <v>35.181101377440463</v>
      </c>
      <c r="E3528" cm="1">
        <f t="array" ref="E3528">IFERROR(INDEX(Jesper!AI$2:AI$366,ROUNDDOWN($C3528/24,0)+1,1)*INDEX($D$3:$AA$30,INDEX(Jesper!$R$2:$R$366,ROW(INDEX(Jesper!AI$2:AI$366,ROUNDDOWN($C3528/24,0)+1,1))-1)+IF('Standard Profiles'!$G$19=$B$10,7,0)+IF('Standard Profiles'!$G$19=$B$17,14,0)+IF('Standard Profiles'!$G$19=$B$24,21,0),MOD($C3528,24)+1)/SUM(INDEX($D$3:$AA$30,INDEX(Jesper!$R$2:$R$366,ROW(INDEX(Jesper!AI$2:AI$366,ROUNDDOWN($C3528/24,0)+1,1))-1)+IF('Standard Profiles'!$G$19=$B$10,7,0)+IF('Standard Profiles'!$G$19=$B$17,14,0)+IF('Standard Profiles'!$G$19=$B$24,21,0),0)),0)</f>
        <v>16.216039276153875</v>
      </c>
      <c r="F3528" cm="1">
        <f t="array" ref="F3528">IFERROR(INDEX(Jesper!AJ$2:AJ$366,ROUNDDOWN($C3528/24,0)+1,1)*INDEX($D$3:$AA$30,INDEX(Jesper!$R$2:$R$366,ROW(INDEX(Jesper!AJ$2:AJ$366,ROUNDDOWN($C3528/24,0)+1,1))-1)+IF('Standard Profiles'!$G$20=$B$10,7,0)+IF('Standard Profiles'!$G$20=$B$17,14,0)+IF('Standard Profiles'!$G$20=$B$24,21,0),MOD($C3528,24)+1)/SUM(INDEX($D$3:$AA$30,INDEX(Jesper!$R$2:$R$366,ROW(INDEX(Jesper!AJ$2:AJ$366,ROUNDDOWN($C3528/24,0)+1,1))-1)+IF('Standard Profiles'!$G$20=$B$10,7,0)+IF('Standard Profiles'!$G$20=$B$17,14,0)+IF('Standard Profiles'!$G$20=$B$24,21,0),0)),0)</f>
        <v>0</v>
      </c>
      <c r="G3528" cm="1">
        <f t="array" ref="G3528">IFERROR(INDEX(Jesper!AK$2:AK$366,ROUNDDOWN($C3528/24,0)+1,1)*INDEX($D$3:$AA$30,INDEX(Jesper!$R$2:$R$366,ROW(INDEX(Jesper!AK$2:AK$366,ROUNDDOWN($C3528/24,0)+1,1))-1)+IF('Standard Profiles'!$G$21=$B$10,7,0)+IF('Standard Profiles'!$G$21=$B$17,14,0)+IF('Standard Profiles'!$G$21=$B$24,21,0),MOD($C3528,24)+1)/SUM(INDEX($D$3:$AA$30,INDEX(Jesper!$R$2:$R$366,ROW(INDEX(Jesper!AK$2:AK$366,ROUNDDOWN($C3528/24,0)+1,1))-1)+IF('Standard Profiles'!$G$21=$B$10,7,0)+IF('Standard Profiles'!$G$21=$B$17,14,0)+IF('Standard Profiles'!$G$21=$B$24,21,0),0)),0)</f>
        <v>2.4735702229523855</v>
      </c>
      <c r="H3528" cm="1">
        <f t="array" ref="H3528">IFERROR(INDEX(Jesper!AL$2:AL$366,ROUNDDOWN($C3528/24,0)+1,1)*INDEX($D$3:$AA$30,INDEX(Jesper!$R$2:$R$366,ROW(INDEX(Jesper!AL$2:AL$366,ROUNDDOWN($C3528/24,0)+1,1))-1)+IF('Standard Profiles'!$G$22=$B$10,7,0)+IF('Standard Profiles'!$G$22=$B$17,14,0)+IF('Standard Profiles'!$G$22=$B$24,21,0),MOD($C3528,24)+1)/SUM(INDEX($D$3:$AA$30,INDEX(Jesper!$R$2:$R$366,ROW(INDEX(Jesper!AL$2:AL$366,ROUNDDOWN($C3528/24,0)+1,1))-1)+IF('Standard Profiles'!$G$22=$B$10,7,0)+IF('Standard Profiles'!$G$22=$B$17,14,0)+IF('Standard Profiles'!$G$22=$B$24,21,0),0)),0)</f>
        <v>0</v>
      </c>
      <c r="I3528">
        <f t="shared" si="398"/>
        <v>1.1873137070171444</v>
      </c>
      <c r="J3528">
        <f t="shared" si="399"/>
        <v>47.054420949139107</v>
      </c>
      <c r="K3528">
        <f t="shared" si="400"/>
        <v>3.7526508135936498</v>
      </c>
      <c r="L3528">
        <f t="shared" si="401"/>
        <v>1.8763254067968249</v>
      </c>
      <c r="M3528">
        <f t="shared" si="402"/>
        <v>0</v>
      </c>
      <c r="N3528" s="45">
        <f t="shared" si="403"/>
        <v>45072.583333324859</v>
      </c>
    </row>
    <row r="3529" spans="2:14" x14ac:dyDescent="0.25">
      <c r="B3529">
        <f t="shared" si="397"/>
        <v>5</v>
      </c>
      <c r="C3529" s="16">
        <v>3495</v>
      </c>
      <c r="D3529" cm="1">
        <f t="array" ref="D3529">IFERROR(INDEX(Jesper!AH$2:AH$366,ROUNDDOWN($C3529/24,0)+1,1)*INDEX($D$3:$AA$30,INDEX(Jesper!$R$2:$R$366,ROW(INDEX(Jesper!AH$2:AH$366,ROUNDDOWN($C3529/24,0)+1,1))-1)+IF('Standard Profiles'!$G$18=$B$10,7,0)+IF('Standard Profiles'!$G$18=$B$17,14,0)+IF('Standard Profiles'!$G$18=$B$24,21,0),MOD($C3529,24)+1)/SUM(INDEX($D$3:$AA$30,INDEX(Jesper!$R$2:$R$366,ROW(INDEX(Jesper!AH$2:AH$366,ROUNDDOWN($C3529/24,0)+1,1))-1)+IF('Standard Profiles'!$G$18=$B$10,7,0)+IF('Standard Profiles'!$G$18=$B$17,14,0)+IF('Standard Profiles'!$G$18=$B$24,21,0),0)),0)</f>
        <v>27.062385674954204</v>
      </c>
      <c r="E3529" cm="1">
        <f t="array" ref="E3529">IFERROR(INDEX(Jesper!AI$2:AI$366,ROUNDDOWN($C3529/24,0)+1,1)*INDEX($D$3:$AA$30,INDEX(Jesper!$R$2:$R$366,ROW(INDEX(Jesper!AI$2:AI$366,ROUNDDOWN($C3529/24,0)+1,1))-1)+IF('Standard Profiles'!$G$19=$B$10,7,0)+IF('Standard Profiles'!$G$19=$B$17,14,0)+IF('Standard Profiles'!$G$19=$B$24,21,0),MOD($C3529,24)+1)/SUM(INDEX($D$3:$AA$30,INDEX(Jesper!$R$2:$R$366,ROW(INDEX(Jesper!AI$2:AI$366,ROUNDDOWN($C3529/24,0)+1,1))-1)+IF('Standard Profiles'!$G$19=$B$10,7,0)+IF('Standard Profiles'!$G$19=$B$17,14,0)+IF('Standard Profiles'!$G$19=$B$24,21,0),0)),0)</f>
        <v>12.47387636627221</v>
      </c>
      <c r="F3529" cm="1">
        <f t="array" ref="F3529">IFERROR(INDEX(Jesper!AJ$2:AJ$366,ROUNDDOWN($C3529/24,0)+1,1)*INDEX($D$3:$AA$30,INDEX(Jesper!$R$2:$R$366,ROW(INDEX(Jesper!AJ$2:AJ$366,ROUNDDOWN($C3529/24,0)+1,1))-1)+IF('Standard Profiles'!$G$20=$B$10,7,0)+IF('Standard Profiles'!$G$20=$B$17,14,0)+IF('Standard Profiles'!$G$20=$B$24,21,0),MOD($C3529,24)+1)/SUM(INDEX($D$3:$AA$30,INDEX(Jesper!$R$2:$R$366,ROW(INDEX(Jesper!AJ$2:AJ$366,ROUNDDOWN($C3529/24,0)+1,1))-1)+IF('Standard Profiles'!$G$20=$B$10,7,0)+IF('Standard Profiles'!$G$20=$B$17,14,0)+IF('Standard Profiles'!$G$20=$B$24,21,0),0)),0)</f>
        <v>0</v>
      </c>
      <c r="G3529" cm="1">
        <f t="array" ref="G3529">IFERROR(INDEX(Jesper!AK$2:AK$366,ROUNDDOWN($C3529/24,0)+1,1)*INDEX($D$3:$AA$30,INDEX(Jesper!$R$2:$R$366,ROW(INDEX(Jesper!AK$2:AK$366,ROUNDDOWN($C3529/24,0)+1,1))-1)+IF('Standard Profiles'!$G$21=$B$10,7,0)+IF('Standard Profiles'!$G$21=$B$17,14,0)+IF('Standard Profiles'!$G$21=$B$24,21,0),MOD($C3529,24)+1)/SUM(INDEX($D$3:$AA$30,INDEX(Jesper!$R$2:$R$366,ROW(INDEX(Jesper!AK$2:AK$366,ROUNDDOWN($C3529/24,0)+1,1))-1)+IF('Standard Profiles'!$G$21=$B$10,7,0)+IF('Standard Profiles'!$G$21=$B$17,14,0)+IF('Standard Profiles'!$G$21=$B$24,21,0),0)),0)</f>
        <v>2.0930209578827879</v>
      </c>
      <c r="H3529" cm="1">
        <f t="array" ref="H3529">IFERROR(INDEX(Jesper!AL$2:AL$366,ROUNDDOWN($C3529/24,0)+1,1)*INDEX($D$3:$AA$30,INDEX(Jesper!$R$2:$R$366,ROW(INDEX(Jesper!AL$2:AL$366,ROUNDDOWN($C3529/24,0)+1,1))-1)+IF('Standard Profiles'!$G$22=$B$10,7,0)+IF('Standard Profiles'!$G$22=$B$17,14,0)+IF('Standard Profiles'!$G$22=$B$24,21,0),MOD($C3529,24)+1)/SUM(INDEX($D$3:$AA$30,INDEX(Jesper!$R$2:$R$366,ROW(INDEX(Jesper!AL$2:AL$366,ROUNDDOWN($C3529/24,0)+1,1))-1)+IF('Standard Profiles'!$G$22=$B$10,7,0)+IF('Standard Profiles'!$G$22=$B$17,14,0)+IF('Standard Profiles'!$G$22=$B$24,21,0),0)),0)</f>
        <v>0</v>
      </c>
      <c r="I3529">
        <f t="shared" si="398"/>
        <v>1.0046500597837376</v>
      </c>
      <c r="J3529">
        <f t="shared" si="399"/>
        <v>36.294651231332793</v>
      </c>
      <c r="K3529">
        <f t="shared" si="400"/>
        <v>2.886654471995115</v>
      </c>
      <c r="L3529">
        <f t="shared" si="401"/>
        <v>1.4433272359975575</v>
      </c>
      <c r="M3529">
        <f t="shared" si="402"/>
        <v>0</v>
      </c>
      <c r="N3529" s="45">
        <f t="shared" si="403"/>
        <v>45072.624999991524</v>
      </c>
    </row>
    <row r="3530" spans="2:14" x14ac:dyDescent="0.25">
      <c r="B3530">
        <f t="shared" si="397"/>
        <v>5</v>
      </c>
      <c r="C3530" s="16">
        <v>3496</v>
      </c>
      <c r="D3530" cm="1">
        <f t="array" ref="D3530">IFERROR(INDEX(Jesper!AH$2:AH$366,ROUNDDOWN($C3530/24,0)+1,1)*INDEX($D$3:$AA$30,INDEX(Jesper!$R$2:$R$366,ROW(INDEX(Jesper!AH$2:AH$366,ROUNDDOWN($C3530/24,0)+1,1))-1)+IF('Standard Profiles'!$G$18=$B$10,7,0)+IF('Standard Profiles'!$G$18=$B$17,14,0)+IF('Standard Profiles'!$G$18=$B$24,21,0),MOD($C3530,24)+1)/SUM(INDEX($D$3:$AA$30,INDEX(Jesper!$R$2:$R$366,ROW(INDEX(Jesper!AH$2:AH$366,ROUNDDOWN($C3530/24,0)+1,1))-1)+IF('Standard Profiles'!$G$18=$B$10,7,0)+IF('Standard Profiles'!$G$18=$B$17,14,0)+IF('Standard Profiles'!$G$18=$B$24,21,0),0)),0)</f>
        <v>12.705345387302444</v>
      </c>
      <c r="E3530" cm="1">
        <f t="array" ref="E3530">IFERROR(INDEX(Jesper!AI$2:AI$366,ROUNDDOWN($C3530/24,0)+1,1)*INDEX($D$3:$AA$30,INDEX(Jesper!$R$2:$R$366,ROW(INDEX(Jesper!AI$2:AI$366,ROUNDDOWN($C3530/24,0)+1,1))-1)+IF('Standard Profiles'!$G$19=$B$10,7,0)+IF('Standard Profiles'!$G$19=$B$17,14,0)+IF('Standard Profiles'!$G$19=$B$24,21,0),MOD($C3530,24)+1)/SUM(INDEX($D$3:$AA$30,INDEX(Jesper!$R$2:$R$366,ROW(INDEX(Jesper!AI$2:AI$366,ROUNDDOWN($C3530/24,0)+1,1))-1)+IF('Standard Profiles'!$G$19=$B$10,7,0)+IF('Standard Profiles'!$G$19=$B$17,14,0)+IF('Standard Profiles'!$G$19=$B$24,21,0),0)),0)</f>
        <v>5.856279984165357</v>
      </c>
      <c r="F3530" cm="1">
        <f t="array" ref="F3530">IFERROR(INDEX(Jesper!AJ$2:AJ$366,ROUNDDOWN($C3530/24,0)+1,1)*INDEX($D$3:$AA$30,INDEX(Jesper!$R$2:$R$366,ROW(INDEX(Jesper!AJ$2:AJ$366,ROUNDDOWN($C3530/24,0)+1,1))-1)+IF('Standard Profiles'!$G$20=$B$10,7,0)+IF('Standard Profiles'!$G$20=$B$17,14,0)+IF('Standard Profiles'!$G$20=$B$24,21,0),MOD($C3530,24)+1)/SUM(INDEX($D$3:$AA$30,INDEX(Jesper!$R$2:$R$366,ROW(INDEX(Jesper!AJ$2:AJ$366,ROUNDDOWN($C3530/24,0)+1,1))-1)+IF('Standard Profiles'!$G$20=$B$10,7,0)+IF('Standard Profiles'!$G$20=$B$17,14,0)+IF('Standard Profiles'!$G$20=$B$24,21,0),0)),0)</f>
        <v>0</v>
      </c>
      <c r="G3530" cm="1">
        <f t="array" ref="G3530">IFERROR(INDEX(Jesper!AK$2:AK$366,ROUNDDOWN($C3530/24,0)+1,1)*INDEX($D$3:$AA$30,INDEX(Jesper!$R$2:$R$366,ROW(INDEX(Jesper!AK$2:AK$366,ROUNDDOWN($C3530/24,0)+1,1))-1)+IF('Standard Profiles'!$G$21=$B$10,7,0)+IF('Standard Profiles'!$G$21=$B$17,14,0)+IF('Standard Profiles'!$G$21=$B$24,21,0),MOD($C3530,24)+1)/SUM(INDEX($D$3:$AA$30,INDEX(Jesper!$R$2:$R$366,ROW(INDEX(Jesper!AK$2:AK$366,ROUNDDOWN($C3530/24,0)+1,1))-1)+IF('Standard Profiles'!$G$21=$B$10,7,0)+IF('Standard Profiles'!$G$21=$B$17,14,0)+IF('Standard Profiles'!$G$21=$B$24,21,0),0)),0)</f>
        <v>1.8121393574742752</v>
      </c>
      <c r="H3530" cm="1">
        <f t="array" ref="H3530">IFERROR(INDEX(Jesper!AL$2:AL$366,ROUNDDOWN($C3530/24,0)+1,1)*INDEX($D$3:$AA$30,INDEX(Jesper!$R$2:$R$366,ROW(INDEX(Jesper!AL$2:AL$366,ROUNDDOWN($C3530/24,0)+1,1))-1)+IF('Standard Profiles'!$G$22=$B$10,7,0)+IF('Standard Profiles'!$G$22=$B$17,14,0)+IF('Standard Profiles'!$G$22=$B$24,21,0),MOD($C3530,24)+1)/SUM(INDEX($D$3:$AA$30,INDEX(Jesper!$R$2:$R$366,ROW(INDEX(Jesper!AL$2:AL$366,ROUNDDOWN($C3530/24,0)+1,1))-1)+IF('Standard Profiles'!$G$22=$B$10,7,0)+IF('Standard Profiles'!$G$22=$B$17,14,0)+IF('Standard Profiles'!$G$22=$B$24,21,0),0)),0)</f>
        <v>0</v>
      </c>
      <c r="I3530">
        <f t="shared" si="398"/>
        <v>0.8698268915876517</v>
      </c>
      <c r="J3530">
        <f t="shared" si="399"/>
        <v>17.471082575386031</v>
      </c>
      <c r="K3530">
        <f t="shared" si="400"/>
        <v>1.3552368413122609</v>
      </c>
      <c r="L3530">
        <f t="shared" si="401"/>
        <v>0.67761842065613043</v>
      </c>
      <c r="M3530">
        <f t="shared" si="402"/>
        <v>0</v>
      </c>
      <c r="N3530" s="45">
        <f t="shared" si="403"/>
        <v>45072.666666658188</v>
      </c>
    </row>
    <row r="3531" spans="2:14" x14ac:dyDescent="0.25">
      <c r="B3531">
        <f t="shared" si="397"/>
        <v>5</v>
      </c>
      <c r="C3531" s="16">
        <v>3497</v>
      </c>
      <c r="D3531" cm="1">
        <f t="array" ref="D3531">IFERROR(INDEX(Jesper!AH$2:AH$366,ROUNDDOWN($C3531/24,0)+1,1)*INDEX($D$3:$AA$30,INDEX(Jesper!$R$2:$R$366,ROW(INDEX(Jesper!AH$2:AH$366,ROUNDDOWN($C3531/24,0)+1,1))-1)+IF('Standard Profiles'!$G$18=$B$10,7,0)+IF('Standard Profiles'!$G$18=$B$17,14,0)+IF('Standard Profiles'!$G$18=$B$24,21,0),MOD($C3531,24)+1)/SUM(INDEX($D$3:$AA$30,INDEX(Jesper!$R$2:$R$366,ROW(INDEX(Jesper!AH$2:AH$366,ROUNDDOWN($C3531/24,0)+1,1))-1)+IF('Standard Profiles'!$G$18=$B$10,7,0)+IF('Standard Profiles'!$G$18=$B$17,14,0)+IF('Standard Profiles'!$G$18=$B$24,21,0),0)),0)</f>
        <v>8.3855279556196134</v>
      </c>
      <c r="E3531" cm="1">
        <f t="array" ref="E3531">IFERROR(INDEX(Jesper!AI$2:AI$366,ROUNDDOWN($C3531/24,0)+1,1)*INDEX($D$3:$AA$30,INDEX(Jesper!$R$2:$R$366,ROW(INDEX(Jesper!AI$2:AI$366,ROUNDDOWN($C3531/24,0)+1,1))-1)+IF('Standard Profiles'!$G$19=$B$10,7,0)+IF('Standard Profiles'!$G$19=$B$17,14,0)+IF('Standard Profiles'!$G$19=$B$24,21,0),MOD($C3531,24)+1)/SUM(INDEX($D$3:$AA$30,INDEX(Jesper!$R$2:$R$366,ROW(INDEX(Jesper!AI$2:AI$366,ROUNDDOWN($C3531/24,0)+1,1))-1)+IF('Standard Profiles'!$G$19=$B$10,7,0)+IF('Standard Profiles'!$G$19=$B$17,14,0)+IF('Standard Profiles'!$G$19=$B$24,21,0),0)),0)</f>
        <v>3.8651447895491358</v>
      </c>
      <c r="F3531" cm="1">
        <f t="array" ref="F3531">IFERROR(INDEX(Jesper!AJ$2:AJ$366,ROUNDDOWN($C3531/24,0)+1,1)*INDEX($D$3:$AA$30,INDEX(Jesper!$R$2:$R$366,ROW(INDEX(Jesper!AJ$2:AJ$366,ROUNDDOWN($C3531/24,0)+1,1))-1)+IF('Standard Profiles'!$G$20=$B$10,7,0)+IF('Standard Profiles'!$G$20=$B$17,14,0)+IF('Standard Profiles'!$G$20=$B$24,21,0),MOD($C3531,24)+1)/SUM(INDEX($D$3:$AA$30,INDEX(Jesper!$R$2:$R$366,ROW(INDEX(Jesper!AJ$2:AJ$366,ROUNDDOWN($C3531/24,0)+1,1))-1)+IF('Standard Profiles'!$G$20=$B$10,7,0)+IF('Standard Profiles'!$G$20=$B$17,14,0)+IF('Standard Profiles'!$G$20=$B$24,21,0),0)),0)</f>
        <v>0</v>
      </c>
      <c r="G3531" cm="1">
        <f t="array" ref="G3531">IFERROR(INDEX(Jesper!AK$2:AK$366,ROUNDDOWN($C3531/24,0)+1,1)*INDEX($D$3:$AA$30,INDEX(Jesper!$R$2:$R$366,ROW(INDEX(Jesper!AK$2:AK$366,ROUNDDOWN($C3531/24,0)+1,1))-1)+IF('Standard Profiles'!$G$21=$B$10,7,0)+IF('Standard Profiles'!$G$21=$B$17,14,0)+IF('Standard Profiles'!$G$21=$B$24,21,0),MOD($C3531,24)+1)/SUM(INDEX($D$3:$AA$30,INDEX(Jesper!$R$2:$R$366,ROW(INDEX(Jesper!AK$2:AK$366,ROUNDDOWN($C3531/24,0)+1,1))-1)+IF('Standard Profiles'!$G$21=$B$10,7,0)+IF('Standard Profiles'!$G$21=$B$17,14,0)+IF('Standard Profiles'!$G$21=$B$24,21,0),0)),0)</f>
        <v>1.5221970602783912</v>
      </c>
      <c r="H3531" cm="1">
        <f t="array" ref="H3531">IFERROR(INDEX(Jesper!AL$2:AL$366,ROUNDDOWN($C3531/24,0)+1,1)*INDEX($D$3:$AA$30,INDEX(Jesper!$R$2:$R$366,ROW(INDEX(Jesper!AL$2:AL$366,ROUNDDOWN($C3531/24,0)+1,1))-1)+IF('Standard Profiles'!$G$22=$B$10,7,0)+IF('Standard Profiles'!$G$22=$B$17,14,0)+IF('Standard Profiles'!$G$22=$B$24,21,0),MOD($C3531,24)+1)/SUM(INDEX($D$3:$AA$30,INDEX(Jesper!$R$2:$R$366,ROW(INDEX(Jesper!AL$2:AL$366,ROUNDDOWN($C3531/24,0)+1,1))-1)+IF('Standard Profiles'!$G$22=$B$10,7,0)+IF('Standard Profiles'!$G$22=$B$17,14,0)+IF('Standard Profiles'!$G$22=$B$24,21,0),0)),0)</f>
        <v>0</v>
      </c>
      <c r="I3531">
        <f t="shared" si="398"/>
        <v>0.73065458893362745</v>
      </c>
      <c r="J3531">
        <f t="shared" si="399"/>
        <v>11.700530743614374</v>
      </c>
      <c r="K3531">
        <f t="shared" si="400"/>
        <v>0.89445631526609215</v>
      </c>
      <c r="L3531">
        <f t="shared" si="401"/>
        <v>0.44722815763304608</v>
      </c>
      <c r="M3531">
        <f t="shared" si="402"/>
        <v>0</v>
      </c>
      <c r="N3531" s="45">
        <f t="shared" si="403"/>
        <v>45072.708333324852</v>
      </c>
    </row>
    <row r="3532" spans="2:14" x14ac:dyDescent="0.25">
      <c r="B3532">
        <f t="shared" si="397"/>
        <v>5</v>
      </c>
      <c r="C3532" s="16">
        <v>3498</v>
      </c>
      <c r="D3532" cm="1">
        <f t="array" ref="D3532">IFERROR(INDEX(Jesper!AH$2:AH$366,ROUNDDOWN($C3532/24,0)+1,1)*INDEX($D$3:$AA$30,INDEX(Jesper!$R$2:$R$366,ROW(INDEX(Jesper!AH$2:AH$366,ROUNDDOWN($C3532/24,0)+1,1))-1)+IF('Standard Profiles'!$G$18=$B$10,7,0)+IF('Standard Profiles'!$G$18=$B$17,14,0)+IF('Standard Profiles'!$G$18=$B$24,21,0),MOD($C3532,24)+1)/SUM(INDEX($D$3:$AA$30,INDEX(Jesper!$R$2:$R$366,ROW(INDEX(Jesper!AH$2:AH$366,ROUNDDOWN($C3532/24,0)+1,1))-1)+IF('Standard Profiles'!$G$18=$B$10,7,0)+IF('Standard Profiles'!$G$18=$B$17,14,0)+IF('Standard Profiles'!$G$18=$B$24,21,0),0)),0)</f>
        <v>5.3362450626670261</v>
      </c>
      <c r="E3532" cm="1">
        <f t="array" ref="E3532">IFERROR(INDEX(Jesper!AI$2:AI$366,ROUNDDOWN($C3532/24,0)+1,1)*INDEX($D$3:$AA$30,INDEX(Jesper!$R$2:$R$366,ROW(INDEX(Jesper!AI$2:AI$366,ROUNDDOWN($C3532/24,0)+1,1))-1)+IF('Standard Profiles'!$G$19=$B$10,7,0)+IF('Standard Profiles'!$G$19=$B$17,14,0)+IF('Standard Profiles'!$G$19=$B$24,21,0),MOD($C3532,24)+1)/SUM(INDEX($D$3:$AA$30,INDEX(Jesper!$R$2:$R$366,ROW(INDEX(Jesper!AI$2:AI$366,ROUNDDOWN($C3532/24,0)+1,1))-1)+IF('Standard Profiles'!$G$19=$B$10,7,0)+IF('Standard Profiles'!$G$19=$B$17,14,0)+IF('Standard Profiles'!$G$19=$B$24,21,0),0)),0)</f>
        <v>2.4596375933494494</v>
      </c>
      <c r="F3532" cm="1">
        <f t="array" ref="F3532">IFERROR(INDEX(Jesper!AJ$2:AJ$366,ROUNDDOWN($C3532/24,0)+1,1)*INDEX($D$3:$AA$30,INDEX(Jesper!$R$2:$R$366,ROW(INDEX(Jesper!AJ$2:AJ$366,ROUNDDOWN($C3532/24,0)+1,1))-1)+IF('Standard Profiles'!$G$20=$B$10,7,0)+IF('Standard Profiles'!$G$20=$B$17,14,0)+IF('Standard Profiles'!$G$20=$B$24,21,0),MOD($C3532,24)+1)/SUM(INDEX($D$3:$AA$30,INDEX(Jesper!$R$2:$R$366,ROW(INDEX(Jesper!AJ$2:AJ$366,ROUNDDOWN($C3532/24,0)+1,1))-1)+IF('Standard Profiles'!$G$20=$B$10,7,0)+IF('Standard Profiles'!$G$20=$B$17,14,0)+IF('Standard Profiles'!$G$20=$B$24,21,0),0)),0)</f>
        <v>0</v>
      </c>
      <c r="G3532" cm="1">
        <f t="array" ref="G3532">IFERROR(INDEX(Jesper!AK$2:AK$366,ROUNDDOWN($C3532/24,0)+1,1)*INDEX($D$3:$AA$30,INDEX(Jesper!$R$2:$R$366,ROW(INDEX(Jesper!AK$2:AK$366,ROUNDDOWN($C3532/24,0)+1,1))-1)+IF('Standard Profiles'!$G$21=$B$10,7,0)+IF('Standard Profiles'!$G$21=$B$17,14,0)+IF('Standard Profiles'!$G$21=$B$24,21,0),MOD($C3532,24)+1)/SUM(INDEX($D$3:$AA$30,INDEX(Jesper!$R$2:$R$366,ROW(INDEX(Jesper!AK$2:AK$366,ROUNDDOWN($C3532/24,0)+1,1))-1)+IF('Standard Profiles'!$G$21=$B$10,7,0)+IF('Standard Profiles'!$G$21=$B$17,14,0)+IF('Standard Profiles'!$G$21=$B$24,21,0),0)),0)</f>
        <v>0.56176320081702524</v>
      </c>
      <c r="H3532" cm="1">
        <f t="array" ref="H3532">IFERROR(INDEX(Jesper!AL$2:AL$366,ROUNDDOWN($C3532/24,0)+1,1)*INDEX($D$3:$AA$30,INDEX(Jesper!$R$2:$R$366,ROW(INDEX(Jesper!AL$2:AL$366,ROUNDDOWN($C3532/24,0)+1,1))-1)+IF('Standard Profiles'!$G$22=$B$10,7,0)+IF('Standard Profiles'!$G$22=$B$17,14,0)+IF('Standard Profiles'!$G$22=$B$24,21,0),MOD($C3532,24)+1)/SUM(INDEX($D$3:$AA$30,INDEX(Jesper!$R$2:$R$366,ROW(INDEX(Jesper!AL$2:AL$366,ROUNDDOWN($C3532/24,0)+1,1))-1)+IF('Standard Profiles'!$G$22=$B$10,7,0)+IF('Standard Profiles'!$G$22=$B$17,14,0)+IF('Standard Profiles'!$G$22=$B$24,21,0),0)),0)</f>
        <v>0</v>
      </c>
      <c r="I3532">
        <f t="shared" si="398"/>
        <v>0.269646336392172</v>
      </c>
      <c r="J3532">
        <f t="shared" si="399"/>
        <v>7.2342003104146047</v>
      </c>
      <c r="K3532">
        <f t="shared" si="400"/>
        <v>0.56919947335114951</v>
      </c>
      <c r="L3532">
        <f t="shared" si="401"/>
        <v>0.28459973667557475</v>
      </c>
      <c r="M3532">
        <f t="shared" si="402"/>
        <v>0</v>
      </c>
      <c r="N3532" s="45">
        <f t="shared" si="403"/>
        <v>45072.749999991516</v>
      </c>
    </row>
    <row r="3533" spans="2:14" x14ac:dyDescent="0.25">
      <c r="B3533">
        <f t="shared" si="397"/>
        <v>5</v>
      </c>
      <c r="C3533" s="16">
        <v>3499</v>
      </c>
      <c r="D3533" cm="1">
        <f t="array" ref="D3533">IFERROR(INDEX(Jesper!AH$2:AH$366,ROUNDDOWN($C3533/24,0)+1,1)*INDEX($D$3:$AA$30,INDEX(Jesper!$R$2:$R$366,ROW(INDEX(Jesper!AH$2:AH$366,ROUNDDOWN($C3533/24,0)+1,1))-1)+IF('Standard Profiles'!$G$18=$B$10,7,0)+IF('Standard Profiles'!$G$18=$B$17,14,0)+IF('Standard Profiles'!$G$18=$B$24,21,0),MOD($C3533,24)+1)/SUM(INDEX($D$3:$AA$30,INDEX(Jesper!$R$2:$R$366,ROW(INDEX(Jesper!AH$2:AH$366,ROUNDDOWN($C3533/24,0)+1,1))-1)+IF('Standard Profiles'!$G$18=$B$10,7,0)+IF('Standard Profiles'!$G$18=$B$17,14,0)+IF('Standard Profiles'!$G$18=$B$24,21,0),0)),0)</f>
        <v>5.0821381549209779</v>
      </c>
      <c r="E3533" cm="1">
        <f t="array" ref="E3533">IFERROR(INDEX(Jesper!AI$2:AI$366,ROUNDDOWN($C3533/24,0)+1,1)*INDEX($D$3:$AA$30,INDEX(Jesper!$R$2:$R$366,ROW(INDEX(Jesper!AI$2:AI$366,ROUNDDOWN($C3533/24,0)+1,1))-1)+IF('Standard Profiles'!$G$19=$B$10,7,0)+IF('Standard Profiles'!$G$19=$B$17,14,0)+IF('Standard Profiles'!$G$19=$B$24,21,0),MOD($C3533,24)+1)/SUM(INDEX($D$3:$AA$30,INDEX(Jesper!$R$2:$R$366,ROW(INDEX(Jesper!AI$2:AI$366,ROUNDDOWN($C3533/24,0)+1,1))-1)+IF('Standard Profiles'!$G$19=$B$10,7,0)+IF('Standard Profiles'!$G$19=$B$17,14,0)+IF('Standard Profiles'!$G$19=$B$24,21,0),0)),0)</f>
        <v>2.3425119936661427</v>
      </c>
      <c r="F3533" cm="1">
        <f t="array" ref="F3533">IFERROR(INDEX(Jesper!AJ$2:AJ$366,ROUNDDOWN($C3533/24,0)+1,1)*INDEX($D$3:$AA$30,INDEX(Jesper!$R$2:$R$366,ROW(INDEX(Jesper!AJ$2:AJ$366,ROUNDDOWN($C3533/24,0)+1,1))-1)+IF('Standard Profiles'!$G$20=$B$10,7,0)+IF('Standard Profiles'!$G$20=$B$17,14,0)+IF('Standard Profiles'!$G$20=$B$24,21,0),MOD($C3533,24)+1)/SUM(INDEX($D$3:$AA$30,INDEX(Jesper!$R$2:$R$366,ROW(INDEX(Jesper!AJ$2:AJ$366,ROUNDDOWN($C3533/24,0)+1,1))-1)+IF('Standard Profiles'!$G$20=$B$10,7,0)+IF('Standard Profiles'!$G$20=$B$17,14,0)+IF('Standard Profiles'!$G$20=$B$24,21,0),0)),0)</f>
        <v>0</v>
      </c>
      <c r="G3533" cm="1">
        <f t="array" ref="G3533">IFERROR(INDEX(Jesper!AK$2:AK$366,ROUNDDOWN($C3533/24,0)+1,1)*INDEX($D$3:$AA$30,INDEX(Jesper!$R$2:$R$366,ROW(INDEX(Jesper!AK$2:AK$366,ROUNDDOWN($C3533/24,0)+1,1))-1)+IF('Standard Profiles'!$G$21=$B$10,7,0)+IF('Standard Profiles'!$G$21=$B$17,14,0)+IF('Standard Profiles'!$G$21=$B$24,21,0),MOD($C3533,24)+1)/SUM(INDEX($D$3:$AA$30,INDEX(Jesper!$R$2:$R$366,ROW(INDEX(Jesper!AK$2:AK$366,ROUNDDOWN($C3533/24,0)+1,1))-1)+IF('Standard Profiles'!$G$21=$B$10,7,0)+IF('Standard Profiles'!$G$21=$B$17,14,0)+IF('Standard Profiles'!$G$21=$B$24,21,0),0)),0)</f>
        <v>0.56176320081702524</v>
      </c>
      <c r="H3533" cm="1">
        <f t="array" ref="H3533">IFERROR(INDEX(Jesper!AL$2:AL$366,ROUNDDOWN($C3533/24,0)+1,1)*INDEX($D$3:$AA$30,INDEX(Jesper!$R$2:$R$366,ROW(INDEX(Jesper!AL$2:AL$366,ROUNDDOWN($C3533/24,0)+1,1))-1)+IF('Standard Profiles'!$G$22=$B$10,7,0)+IF('Standard Profiles'!$G$22=$B$17,14,0)+IF('Standard Profiles'!$G$22=$B$24,21,0),MOD($C3533,24)+1)/SUM(INDEX($D$3:$AA$30,INDEX(Jesper!$R$2:$R$366,ROW(INDEX(Jesper!AL$2:AL$366,ROUNDDOWN($C3533/24,0)+1,1))-1)+IF('Standard Profiles'!$G$22=$B$10,7,0)+IF('Standard Profiles'!$G$22=$B$17,14,0)+IF('Standard Profiles'!$G$22=$B$24,21,0),0)),0)</f>
        <v>0</v>
      </c>
      <c r="I3533">
        <f t="shared" si="398"/>
        <v>0.269646336392172</v>
      </c>
      <c r="J3533">
        <f t="shared" si="399"/>
        <v>6.9036249082246179</v>
      </c>
      <c r="K3533">
        <f t="shared" si="400"/>
        <v>0.54209473652490436</v>
      </c>
      <c r="L3533">
        <f t="shared" si="401"/>
        <v>0.27104736826245218</v>
      </c>
      <c r="M3533">
        <f t="shared" si="402"/>
        <v>0</v>
      </c>
      <c r="N3533" s="45">
        <f t="shared" si="403"/>
        <v>45072.79166665818</v>
      </c>
    </row>
    <row r="3534" spans="2:14" x14ac:dyDescent="0.25">
      <c r="B3534">
        <f t="shared" si="397"/>
        <v>5</v>
      </c>
      <c r="C3534" s="16">
        <v>3500</v>
      </c>
      <c r="D3534" cm="1">
        <f t="array" ref="D3534">IFERROR(INDEX(Jesper!AH$2:AH$366,ROUNDDOWN($C3534/24,0)+1,1)*INDEX($D$3:$AA$30,INDEX(Jesper!$R$2:$R$366,ROW(INDEX(Jesper!AH$2:AH$366,ROUNDDOWN($C3534/24,0)+1,1))-1)+IF('Standard Profiles'!$G$18=$B$10,7,0)+IF('Standard Profiles'!$G$18=$B$17,14,0)+IF('Standard Profiles'!$G$18=$B$24,21,0),MOD($C3534,24)+1)/SUM(INDEX($D$3:$AA$30,INDEX(Jesper!$R$2:$R$366,ROW(INDEX(Jesper!AH$2:AH$366,ROUNDDOWN($C3534/24,0)+1,1))-1)+IF('Standard Profiles'!$G$18=$B$10,7,0)+IF('Standard Profiles'!$G$18=$B$17,14,0)+IF('Standard Profiles'!$G$18=$B$24,21,0),0)),0)</f>
        <v>5.0821381549209779</v>
      </c>
      <c r="E3534" cm="1">
        <f t="array" ref="E3534">IFERROR(INDEX(Jesper!AI$2:AI$366,ROUNDDOWN($C3534/24,0)+1,1)*INDEX($D$3:$AA$30,INDEX(Jesper!$R$2:$R$366,ROW(INDEX(Jesper!AI$2:AI$366,ROUNDDOWN($C3534/24,0)+1,1))-1)+IF('Standard Profiles'!$G$19=$B$10,7,0)+IF('Standard Profiles'!$G$19=$B$17,14,0)+IF('Standard Profiles'!$G$19=$B$24,21,0),MOD($C3534,24)+1)/SUM(INDEX($D$3:$AA$30,INDEX(Jesper!$R$2:$R$366,ROW(INDEX(Jesper!AI$2:AI$366,ROUNDDOWN($C3534/24,0)+1,1))-1)+IF('Standard Profiles'!$G$19=$B$10,7,0)+IF('Standard Profiles'!$G$19=$B$17,14,0)+IF('Standard Profiles'!$G$19=$B$24,21,0),0)),0)</f>
        <v>2.3425119936661427</v>
      </c>
      <c r="F3534" cm="1">
        <f t="array" ref="F3534">IFERROR(INDEX(Jesper!AJ$2:AJ$366,ROUNDDOWN($C3534/24,0)+1,1)*INDEX($D$3:$AA$30,INDEX(Jesper!$R$2:$R$366,ROW(INDEX(Jesper!AJ$2:AJ$366,ROUNDDOWN($C3534/24,0)+1,1))-1)+IF('Standard Profiles'!$G$20=$B$10,7,0)+IF('Standard Profiles'!$G$20=$B$17,14,0)+IF('Standard Profiles'!$G$20=$B$24,21,0),MOD($C3534,24)+1)/SUM(INDEX($D$3:$AA$30,INDEX(Jesper!$R$2:$R$366,ROW(INDEX(Jesper!AJ$2:AJ$366,ROUNDDOWN($C3534/24,0)+1,1))-1)+IF('Standard Profiles'!$G$20=$B$10,7,0)+IF('Standard Profiles'!$G$20=$B$17,14,0)+IF('Standard Profiles'!$G$20=$B$24,21,0),0)),0)</f>
        <v>0</v>
      </c>
      <c r="G3534" cm="1">
        <f t="array" ref="G3534">IFERROR(INDEX(Jesper!AK$2:AK$366,ROUNDDOWN($C3534/24,0)+1,1)*INDEX($D$3:$AA$30,INDEX(Jesper!$R$2:$R$366,ROW(INDEX(Jesper!AK$2:AK$366,ROUNDDOWN($C3534/24,0)+1,1))-1)+IF('Standard Profiles'!$G$21=$B$10,7,0)+IF('Standard Profiles'!$G$21=$B$17,14,0)+IF('Standard Profiles'!$G$21=$B$24,21,0),MOD($C3534,24)+1)/SUM(INDEX($D$3:$AA$30,INDEX(Jesper!$R$2:$R$366,ROW(INDEX(Jesper!AK$2:AK$366,ROUNDDOWN($C3534/24,0)+1,1))-1)+IF('Standard Profiles'!$G$21=$B$10,7,0)+IF('Standard Profiles'!$G$21=$B$17,14,0)+IF('Standard Profiles'!$G$21=$B$24,21,0),0)),0)</f>
        <v>0.56176320081702524</v>
      </c>
      <c r="H3534" cm="1">
        <f t="array" ref="H3534">IFERROR(INDEX(Jesper!AL$2:AL$366,ROUNDDOWN($C3534/24,0)+1,1)*INDEX($D$3:$AA$30,INDEX(Jesper!$R$2:$R$366,ROW(INDEX(Jesper!AL$2:AL$366,ROUNDDOWN($C3534/24,0)+1,1))-1)+IF('Standard Profiles'!$G$22=$B$10,7,0)+IF('Standard Profiles'!$G$22=$B$17,14,0)+IF('Standard Profiles'!$G$22=$B$24,21,0),MOD($C3534,24)+1)/SUM(INDEX($D$3:$AA$30,INDEX(Jesper!$R$2:$R$366,ROW(INDEX(Jesper!AL$2:AL$366,ROUNDDOWN($C3534/24,0)+1,1))-1)+IF('Standard Profiles'!$G$22=$B$10,7,0)+IF('Standard Profiles'!$G$22=$B$17,14,0)+IF('Standard Profiles'!$G$22=$B$24,21,0),0)),0)</f>
        <v>0</v>
      </c>
      <c r="I3534">
        <f t="shared" si="398"/>
        <v>0.269646336392172</v>
      </c>
      <c r="J3534">
        <f t="shared" si="399"/>
        <v>6.9036249082246179</v>
      </c>
      <c r="K3534">
        <f t="shared" si="400"/>
        <v>0.54209473652490436</v>
      </c>
      <c r="L3534">
        <f t="shared" si="401"/>
        <v>0.27104736826245218</v>
      </c>
      <c r="M3534">
        <f t="shared" si="402"/>
        <v>0</v>
      </c>
      <c r="N3534" s="45">
        <f t="shared" si="403"/>
        <v>45072.833333324845</v>
      </c>
    </row>
    <row r="3535" spans="2:14" x14ac:dyDescent="0.25">
      <c r="B3535">
        <f t="shared" si="397"/>
        <v>5</v>
      </c>
      <c r="C3535" s="16">
        <v>3501</v>
      </c>
      <c r="D3535" cm="1">
        <f t="array" ref="D3535">IFERROR(INDEX(Jesper!AH$2:AH$366,ROUNDDOWN($C3535/24,0)+1,1)*INDEX($D$3:$AA$30,INDEX(Jesper!$R$2:$R$366,ROW(INDEX(Jesper!AH$2:AH$366,ROUNDDOWN($C3535/24,0)+1,1))-1)+IF('Standard Profiles'!$G$18=$B$10,7,0)+IF('Standard Profiles'!$G$18=$B$17,14,0)+IF('Standard Profiles'!$G$18=$B$24,21,0),MOD($C3535,24)+1)/SUM(INDEX($D$3:$AA$30,INDEX(Jesper!$R$2:$R$366,ROW(INDEX(Jesper!AH$2:AH$366,ROUNDDOWN($C3535/24,0)+1,1))-1)+IF('Standard Profiles'!$G$18=$B$10,7,0)+IF('Standard Profiles'!$G$18=$B$17,14,0)+IF('Standard Profiles'!$G$18=$B$24,21,0),0)),0)</f>
        <v>5.0821381549209779</v>
      </c>
      <c r="E3535" cm="1">
        <f t="array" ref="E3535">IFERROR(INDEX(Jesper!AI$2:AI$366,ROUNDDOWN($C3535/24,0)+1,1)*INDEX($D$3:$AA$30,INDEX(Jesper!$R$2:$R$366,ROW(INDEX(Jesper!AI$2:AI$366,ROUNDDOWN($C3535/24,0)+1,1))-1)+IF('Standard Profiles'!$G$19=$B$10,7,0)+IF('Standard Profiles'!$G$19=$B$17,14,0)+IF('Standard Profiles'!$G$19=$B$24,21,0),MOD($C3535,24)+1)/SUM(INDEX($D$3:$AA$30,INDEX(Jesper!$R$2:$R$366,ROW(INDEX(Jesper!AI$2:AI$366,ROUNDDOWN($C3535/24,0)+1,1))-1)+IF('Standard Profiles'!$G$19=$B$10,7,0)+IF('Standard Profiles'!$G$19=$B$17,14,0)+IF('Standard Profiles'!$G$19=$B$24,21,0),0)),0)</f>
        <v>2.3425119936661427</v>
      </c>
      <c r="F3535" cm="1">
        <f t="array" ref="F3535">IFERROR(INDEX(Jesper!AJ$2:AJ$366,ROUNDDOWN($C3535/24,0)+1,1)*INDEX($D$3:$AA$30,INDEX(Jesper!$R$2:$R$366,ROW(INDEX(Jesper!AJ$2:AJ$366,ROUNDDOWN($C3535/24,0)+1,1))-1)+IF('Standard Profiles'!$G$20=$B$10,7,0)+IF('Standard Profiles'!$G$20=$B$17,14,0)+IF('Standard Profiles'!$G$20=$B$24,21,0),MOD($C3535,24)+1)/SUM(INDEX($D$3:$AA$30,INDEX(Jesper!$R$2:$R$366,ROW(INDEX(Jesper!AJ$2:AJ$366,ROUNDDOWN($C3535/24,0)+1,1))-1)+IF('Standard Profiles'!$G$20=$B$10,7,0)+IF('Standard Profiles'!$G$20=$B$17,14,0)+IF('Standard Profiles'!$G$20=$B$24,21,0),0)),0)</f>
        <v>0</v>
      </c>
      <c r="G3535" cm="1">
        <f t="array" ref="G3535">IFERROR(INDEX(Jesper!AK$2:AK$366,ROUNDDOWN($C3535/24,0)+1,1)*INDEX($D$3:$AA$30,INDEX(Jesper!$R$2:$R$366,ROW(INDEX(Jesper!AK$2:AK$366,ROUNDDOWN($C3535/24,0)+1,1))-1)+IF('Standard Profiles'!$G$21=$B$10,7,0)+IF('Standard Profiles'!$G$21=$B$17,14,0)+IF('Standard Profiles'!$G$21=$B$24,21,0),MOD($C3535,24)+1)/SUM(INDEX($D$3:$AA$30,INDEX(Jesper!$R$2:$R$366,ROW(INDEX(Jesper!AK$2:AK$366,ROUNDDOWN($C3535/24,0)+1,1))-1)+IF('Standard Profiles'!$G$21=$B$10,7,0)+IF('Standard Profiles'!$G$21=$B$17,14,0)+IF('Standard Profiles'!$G$21=$B$24,21,0),0)),0)</f>
        <v>0.56176320081702524</v>
      </c>
      <c r="H3535" cm="1">
        <f t="array" ref="H3535">IFERROR(INDEX(Jesper!AL$2:AL$366,ROUNDDOWN($C3535/24,0)+1,1)*INDEX($D$3:$AA$30,INDEX(Jesper!$R$2:$R$366,ROW(INDEX(Jesper!AL$2:AL$366,ROUNDDOWN($C3535/24,0)+1,1))-1)+IF('Standard Profiles'!$G$22=$B$10,7,0)+IF('Standard Profiles'!$G$22=$B$17,14,0)+IF('Standard Profiles'!$G$22=$B$24,21,0),MOD($C3535,24)+1)/SUM(INDEX($D$3:$AA$30,INDEX(Jesper!$R$2:$R$366,ROW(INDEX(Jesper!AL$2:AL$366,ROUNDDOWN($C3535/24,0)+1,1))-1)+IF('Standard Profiles'!$G$22=$B$10,7,0)+IF('Standard Profiles'!$G$22=$B$17,14,0)+IF('Standard Profiles'!$G$22=$B$24,21,0),0)),0)</f>
        <v>0</v>
      </c>
      <c r="I3535">
        <f t="shared" si="398"/>
        <v>0.269646336392172</v>
      </c>
      <c r="J3535">
        <f t="shared" si="399"/>
        <v>6.9036249082246179</v>
      </c>
      <c r="K3535">
        <f t="shared" si="400"/>
        <v>0.54209473652490436</v>
      </c>
      <c r="L3535">
        <f t="shared" si="401"/>
        <v>0.27104736826245218</v>
      </c>
      <c r="M3535">
        <f t="shared" si="402"/>
        <v>0</v>
      </c>
      <c r="N3535" s="45">
        <f t="shared" si="403"/>
        <v>45072.874999991509</v>
      </c>
    </row>
    <row r="3536" spans="2:14" x14ac:dyDescent="0.25">
      <c r="B3536">
        <f t="shared" si="397"/>
        <v>5</v>
      </c>
      <c r="C3536" s="16">
        <v>3502</v>
      </c>
      <c r="D3536" cm="1">
        <f t="array" ref="D3536">IFERROR(INDEX(Jesper!AH$2:AH$366,ROUNDDOWN($C3536/24,0)+1,1)*INDEX($D$3:$AA$30,INDEX(Jesper!$R$2:$R$366,ROW(INDEX(Jesper!AH$2:AH$366,ROUNDDOWN($C3536/24,0)+1,1))-1)+IF('Standard Profiles'!$G$18=$B$10,7,0)+IF('Standard Profiles'!$G$18=$B$17,14,0)+IF('Standard Profiles'!$G$18=$B$24,21,0),MOD($C3536,24)+1)/SUM(INDEX($D$3:$AA$30,INDEX(Jesper!$R$2:$R$366,ROW(INDEX(Jesper!AH$2:AH$366,ROUNDDOWN($C3536/24,0)+1,1))-1)+IF('Standard Profiles'!$G$18=$B$10,7,0)+IF('Standard Profiles'!$G$18=$B$17,14,0)+IF('Standard Profiles'!$G$18=$B$24,21,0),0)),0)</f>
        <v>5.0821381549209779</v>
      </c>
      <c r="E3536" cm="1">
        <f t="array" ref="E3536">IFERROR(INDEX(Jesper!AI$2:AI$366,ROUNDDOWN($C3536/24,0)+1,1)*INDEX($D$3:$AA$30,INDEX(Jesper!$R$2:$R$366,ROW(INDEX(Jesper!AI$2:AI$366,ROUNDDOWN($C3536/24,0)+1,1))-1)+IF('Standard Profiles'!$G$19=$B$10,7,0)+IF('Standard Profiles'!$G$19=$B$17,14,0)+IF('Standard Profiles'!$G$19=$B$24,21,0),MOD($C3536,24)+1)/SUM(INDEX($D$3:$AA$30,INDEX(Jesper!$R$2:$R$366,ROW(INDEX(Jesper!AI$2:AI$366,ROUNDDOWN($C3536/24,0)+1,1))-1)+IF('Standard Profiles'!$G$19=$B$10,7,0)+IF('Standard Profiles'!$G$19=$B$17,14,0)+IF('Standard Profiles'!$G$19=$B$24,21,0),0)),0)</f>
        <v>2.3425119936661427</v>
      </c>
      <c r="F3536" cm="1">
        <f t="array" ref="F3536">IFERROR(INDEX(Jesper!AJ$2:AJ$366,ROUNDDOWN($C3536/24,0)+1,1)*INDEX($D$3:$AA$30,INDEX(Jesper!$R$2:$R$366,ROW(INDEX(Jesper!AJ$2:AJ$366,ROUNDDOWN($C3536/24,0)+1,1))-1)+IF('Standard Profiles'!$G$20=$B$10,7,0)+IF('Standard Profiles'!$G$20=$B$17,14,0)+IF('Standard Profiles'!$G$20=$B$24,21,0),MOD($C3536,24)+1)/SUM(INDEX($D$3:$AA$30,INDEX(Jesper!$R$2:$R$366,ROW(INDEX(Jesper!AJ$2:AJ$366,ROUNDDOWN($C3536/24,0)+1,1))-1)+IF('Standard Profiles'!$G$20=$B$10,7,0)+IF('Standard Profiles'!$G$20=$B$17,14,0)+IF('Standard Profiles'!$G$20=$B$24,21,0),0)),0)</f>
        <v>0</v>
      </c>
      <c r="G3536" cm="1">
        <f t="array" ref="G3536">IFERROR(INDEX(Jesper!AK$2:AK$366,ROUNDDOWN($C3536/24,0)+1,1)*INDEX($D$3:$AA$30,INDEX(Jesper!$R$2:$R$366,ROW(INDEX(Jesper!AK$2:AK$366,ROUNDDOWN($C3536/24,0)+1,1))-1)+IF('Standard Profiles'!$G$21=$B$10,7,0)+IF('Standard Profiles'!$G$21=$B$17,14,0)+IF('Standard Profiles'!$G$21=$B$24,21,0),MOD($C3536,24)+1)/SUM(INDEX($D$3:$AA$30,INDEX(Jesper!$R$2:$R$366,ROW(INDEX(Jesper!AK$2:AK$366,ROUNDDOWN($C3536/24,0)+1,1))-1)+IF('Standard Profiles'!$G$21=$B$10,7,0)+IF('Standard Profiles'!$G$21=$B$17,14,0)+IF('Standard Profiles'!$G$21=$B$24,21,0),0)),0)</f>
        <v>0.56176320081702524</v>
      </c>
      <c r="H3536" cm="1">
        <f t="array" ref="H3536">IFERROR(INDEX(Jesper!AL$2:AL$366,ROUNDDOWN($C3536/24,0)+1,1)*INDEX($D$3:$AA$30,INDEX(Jesper!$R$2:$R$366,ROW(INDEX(Jesper!AL$2:AL$366,ROUNDDOWN($C3536/24,0)+1,1))-1)+IF('Standard Profiles'!$G$22=$B$10,7,0)+IF('Standard Profiles'!$G$22=$B$17,14,0)+IF('Standard Profiles'!$G$22=$B$24,21,0),MOD($C3536,24)+1)/SUM(INDEX($D$3:$AA$30,INDEX(Jesper!$R$2:$R$366,ROW(INDEX(Jesper!AL$2:AL$366,ROUNDDOWN($C3536/24,0)+1,1))-1)+IF('Standard Profiles'!$G$22=$B$10,7,0)+IF('Standard Profiles'!$G$22=$B$17,14,0)+IF('Standard Profiles'!$G$22=$B$24,21,0),0)),0)</f>
        <v>0</v>
      </c>
      <c r="I3536">
        <f t="shared" si="398"/>
        <v>0.269646336392172</v>
      </c>
      <c r="J3536">
        <f t="shared" si="399"/>
        <v>6.9036249082246179</v>
      </c>
      <c r="K3536">
        <f t="shared" si="400"/>
        <v>0.54209473652490436</v>
      </c>
      <c r="L3536">
        <f t="shared" si="401"/>
        <v>0.27104736826245218</v>
      </c>
      <c r="M3536">
        <f t="shared" si="402"/>
        <v>0</v>
      </c>
      <c r="N3536" s="45">
        <f t="shared" si="403"/>
        <v>45072.916666658173</v>
      </c>
    </row>
    <row r="3537" spans="2:14" x14ac:dyDescent="0.25">
      <c r="B3537">
        <f t="shared" si="397"/>
        <v>5</v>
      </c>
      <c r="C3537" s="16">
        <v>3503</v>
      </c>
      <c r="D3537" cm="1">
        <f t="array" ref="D3537">IFERROR(INDEX(Jesper!AH$2:AH$366,ROUNDDOWN($C3537/24,0)+1,1)*INDEX($D$3:$AA$30,INDEX(Jesper!$R$2:$R$366,ROW(INDEX(Jesper!AH$2:AH$366,ROUNDDOWN($C3537/24,0)+1,1))-1)+IF('Standard Profiles'!$G$18=$B$10,7,0)+IF('Standard Profiles'!$G$18=$B$17,14,0)+IF('Standard Profiles'!$G$18=$B$24,21,0),MOD($C3537,24)+1)/SUM(INDEX($D$3:$AA$30,INDEX(Jesper!$R$2:$R$366,ROW(INDEX(Jesper!AH$2:AH$366,ROUNDDOWN($C3537/24,0)+1,1))-1)+IF('Standard Profiles'!$G$18=$B$10,7,0)+IF('Standard Profiles'!$G$18=$B$17,14,0)+IF('Standard Profiles'!$G$18=$B$24,21,0),0)),0)</f>
        <v>5.0821381549209779</v>
      </c>
      <c r="E3537" cm="1">
        <f t="array" ref="E3537">IFERROR(INDEX(Jesper!AI$2:AI$366,ROUNDDOWN($C3537/24,0)+1,1)*INDEX($D$3:$AA$30,INDEX(Jesper!$R$2:$R$366,ROW(INDEX(Jesper!AI$2:AI$366,ROUNDDOWN($C3537/24,0)+1,1))-1)+IF('Standard Profiles'!$G$19=$B$10,7,0)+IF('Standard Profiles'!$G$19=$B$17,14,0)+IF('Standard Profiles'!$G$19=$B$24,21,0),MOD($C3537,24)+1)/SUM(INDEX($D$3:$AA$30,INDEX(Jesper!$R$2:$R$366,ROW(INDEX(Jesper!AI$2:AI$366,ROUNDDOWN($C3537/24,0)+1,1))-1)+IF('Standard Profiles'!$G$19=$B$10,7,0)+IF('Standard Profiles'!$G$19=$B$17,14,0)+IF('Standard Profiles'!$G$19=$B$24,21,0),0)),0)</f>
        <v>2.3425119936661427</v>
      </c>
      <c r="F3537" cm="1">
        <f t="array" ref="F3537">IFERROR(INDEX(Jesper!AJ$2:AJ$366,ROUNDDOWN($C3537/24,0)+1,1)*INDEX($D$3:$AA$30,INDEX(Jesper!$R$2:$R$366,ROW(INDEX(Jesper!AJ$2:AJ$366,ROUNDDOWN($C3537/24,0)+1,1))-1)+IF('Standard Profiles'!$G$20=$B$10,7,0)+IF('Standard Profiles'!$G$20=$B$17,14,0)+IF('Standard Profiles'!$G$20=$B$24,21,0),MOD($C3537,24)+1)/SUM(INDEX($D$3:$AA$30,INDEX(Jesper!$R$2:$R$366,ROW(INDEX(Jesper!AJ$2:AJ$366,ROUNDDOWN($C3537/24,0)+1,1))-1)+IF('Standard Profiles'!$G$20=$B$10,7,0)+IF('Standard Profiles'!$G$20=$B$17,14,0)+IF('Standard Profiles'!$G$20=$B$24,21,0),0)),0)</f>
        <v>0</v>
      </c>
      <c r="G3537" cm="1">
        <f t="array" ref="G3537">IFERROR(INDEX(Jesper!AK$2:AK$366,ROUNDDOWN($C3537/24,0)+1,1)*INDEX($D$3:$AA$30,INDEX(Jesper!$R$2:$R$366,ROW(INDEX(Jesper!AK$2:AK$366,ROUNDDOWN($C3537/24,0)+1,1))-1)+IF('Standard Profiles'!$G$21=$B$10,7,0)+IF('Standard Profiles'!$G$21=$B$17,14,0)+IF('Standard Profiles'!$G$21=$B$24,21,0),MOD($C3537,24)+1)/SUM(INDEX($D$3:$AA$30,INDEX(Jesper!$R$2:$R$366,ROW(INDEX(Jesper!AK$2:AK$366,ROUNDDOWN($C3537/24,0)+1,1))-1)+IF('Standard Profiles'!$G$21=$B$10,7,0)+IF('Standard Profiles'!$G$21=$B$17,14,0)+IF('Standard Profiles'!$G$21=$B$24,21,0),0)),0)</f>
        <v>0.56176320081702524</v>
      </c>
      <c r="H3537" cm="1">
        <f t="array" ref="H3537">IFERROR(INDEX(Jesper!AL$2:AL$366,ROUNDDOWN($C3537/24,0)+1,1)*INDEX($D$3:$AA$30,INDEX(Jesper!$R$2:$R$366,ROW(INDEX(Jesper!AL$2:AL$366,ROUNDDOWN($C3537/24,0)+1,1))-1)+IF('Standard Profiles'!$G$22=$B$10,7,0)+IF('Standard Profiles'!$G$22=$B$17,14,0)+IF('Standard Profiles'!$G$22=$B$24,21,0),MOD($C3537,24)+1)/SUM(INDEX($D$3:$AA$30,INDEX(Jesper!$R$2:$R$366,ROW(INDEX(Jesper!AL$2:AL$366,ROUNDDOWN($C3537/24,0)+1,1))-1)+IF('Standard Profiles'!$G$22=$B$10,7,0)+IF('Standard Profiles'!$G$22=$B$17,14,0)+IF('Standard Profiles'!$G$22=$B$24,21,0),0)),0)</f>
        <v>0</v>
      </c>
      <c r="I3537">
        <f t="shared" si="398"/>
        <v>0.269646336392172</v>
      </c>
      <c r="J3537">
        <f t="shared" si="399"/>
        <v>6.9036249082246179</v>
      </c>
      <c r="K3537">
        <f t="shared" si="400"/>
        <v>0.54209473652490436</v>
      </c>
      <c r="L3537">
        <f t="shared" si="401"/>
        <v>0.27104736826245218</v>
      </c>
      <c r="M3537">
        <f t="shared" si="402"/>
        <v>0</v>
      </c>
      <c r="N3537" s="45">
        <f t="shared" si="403"/>
        <v>45072.958333324837</v>
      </c>
    </row>
    <row r="3538" spans="2:14" x14ac:dyDescent="0.25">
      <c r="B3538">
        <f t="shared" si="397"/>
        <v>6</v>
      </c>
      <c r="C3538" s="16">
        <v>3504</v>
      </c>
      <c r="D3538" cm="1">
        <f t="array" ref="D3538">IFERROR(INDEX(Jesper!AH$2:AH$366,ROUNDDOWN($C3538/24,0)+1,1)*INDEX($D$3:$AA$30,INDEX(Jesper!$R$2:$R$366,ROW(INDEX(Jesper!AH$2:AH$366,ROUNDDOWN($C3538/24,0)+1,1))-1)+IF('Standard Profiles'!$G$18=$B$10,7,0)+IF('Standard Profiles'!$G$18=$B$17,14,0)+IF('Standard Profiles'!$G$18=$B$24,21,0),MOD($C3538,24)+1)/SUM(INDEX($D$3:$AA$30,INDEX(Jesper!$R$2:$R$366,ROW(INDEX(Jesper!AH$2:AH$366,ROUNDDOWN($C3538/24,0)+1,1))-1)+IF('Standard Profiles'!$G$18=$B$10,7,0)+IF('Standard Profiles'!$G$18=$B$17,14,0)+IF('Standard Profiles'!$G$18=$B$24,21,0),0)),0)</f>
        <v>0</v>
      </c>
      <c r="E3538" cm="1">
        <f t="array" ref="E3538">IFERROR(INDEX(Jesper!AI$2:AI$366,ROUNDDOWN($C3538/24,0)+1,1)*INDEX($D$3:$AA$30,INDEX(Jesper!$R$2:$R$366,ROW(INDEX(Jesper!AI$2:AI$366,ROUNDDOWN($C3538/24,0)+1,1))-1)+IF('Standard Profiles'!$G$19=$B$10,7,0)+IF('Standard Profiles'!$G$19=$B$17,14,0)+IF('Standard Profiles'!$G$19=$B$24,21,0),MOD($C3538,24)+1)/SUM(INDEX($D$3:$AA$30,INDEX(Jesper!$R$2:$R$366,ROW(INDEX(Jesper!AI$2:AI$366,ROUNDDOWN($C3538/24,0)+1,1))-1)+IF('Standard Profiles'!$G$19=$B$10,7,0)+IF('Standard Profiles'!$G$19=$B$17,14,0)+IF('Standard Profiles'!$G$19=$B$24,21,0),0)),0)</f>
        <v>3.0470705966680001</v>
      </c>
      <c r="F3538" cm="1">
        <f t="array" ref="F3538">IFERROR(INDEX(Jesper!AJ$2:AJ$366,ROUNDDOWN($C3538/24,0)+1,1)*INDEX($D$3:$AA$30,INDEX(Jesper!$R$2:$R$366,ROW(INDEX(Jesper!AJ$2:AJ$366,ROUNDDOWN($C3538/24,0)+1,1))-1)+IF('Standard Profiles'!$G$20=$B$10,7,0)+IF('Standard Profiles'!$G$20=$B$17,14,0)+IF('Standard Profiles'!$G$20=$B$24,21,0),MOD($C3538,24)+1)/SUM(INDEX($D$3:$AA$30,INDEX(Jesper!$R$2:$R$366,ROW(INDEX(Jesper!AJ$2:AJ$366,ROUNDDOWN($C3538/24,0)+1,1))-1)+IF('Standard Profiles'!$G$20=$B$10,7,0)+IF('Standard Profiles'!$G$20=$B$17,14,0)+IF('Standard Profiles'!$G$20=$B$24,21,0),0)),0)</f>
        <v>1.4637838435479318</v>
      </c>
      <c r="G3538" cm="1">
        <f t="array" ref="G3538">IFERROR(INDEX(Jesper!AK$2:AK$366,ROUNDDOWN($C3538/24,0)+1,1)*INDEX($D$3:$AA$30,INDEX(Jesper!$R$2:$R$366,ROW(INDEX(Jesper!AK$2:AK$366,ROUNDDOWN($C3538/24,0)+1,1))-1)+IF('Standard Profiles'!$G$21=$B$10,7,0)+IF('Standard Profiles'!$G$21=$B$17,14,0)+IF('Standard Profiles'!$G$21=$B$24,21,0),MOD($C3538,24)+1)/SUM(INDEX($D$3:$AA$30,INDEX(Jesper!$R$2:$R$366,ROW(INDEX(Jesper!AK$2:AK$366,ROUNDDOWN($C3538/24,0)+1,1))-1)+IF('Standard Profiles'!$G$21=$B$10,7,0)+IF('Standard Profiles'!$G$21=$B$17,14,0)+IF('Standard Profiles'!$G$21=$B$24,21,0),0)),0)</f>
        <v>0.84872917198261788</v>
      </c>
      <c r="H3538" cm="1">
        <f t="array" ref="H3538">IFERROR(INDEX(Jesper!AL$2:AL$366,ROUNDDOWN($C3538/24,0)+1,1)*INDEX($D$3:$AA$30,INDEX(Jesper!$R$2:$R$366,ROW(INDEX(Jesper!AL$2:AL$366,ROUNDDOWN($C3538/24,0)+1,1))-1)+IF('Standard Profiles'!$G$22=$B$10,7,0)+IF('Standard Profiles'!$G$22=$B$17,14,0)+IF('Standard Profiles'!$G$22=$B$24,21,0),MOD($C3538,24)+1)/SUM(INDEX($D$3:$AA$30,INDEX(Jesper!$R$2:$R$366,ROW(INDEX(Jesper!AL$2:AL$366,ROUNDDOWN($C3538/24,0)+1,1))-1)+IF('Standard Profiles'!$G$22=$B$10,7,0)+IF('Standard Profiles'!$G$22=$B$17,14,0)+IF('Standard Profiles'!$G$22=$B$24,21,0),0)),0)</f>
        <v>0.17567701167783414</v>
      </c>
      <c r="I3538">
        <f t="shared" si="398"/>
        <v>0.16864993121072086</v>
      </c>
      <c r="J3538">
        <f t="shared" si="399"/>
        <v>5.0009622210655023</v>
      </c>
      <c r="K3538">
        <f t="shared" si="400"/>
        <v>0.24376564773344001</v>
      </c>
      <c r="L3538">
        <f t="shared" si="401"/>
        <v>0.12188282386672</v>
      </c>
      <c r="M3538">
        <f t="shared" si="402"/>
        <v>0</v>
      </c>
      <c r="N3538" s="45">
        <f t="shared" si="403"/>
        <v>45072.999999991502</v>
      </c>
    </row>
    <row r="3539" spans="2:14" x14ac:dyDescent="0.25">
      <c r="B3539">
        <f t="shared" si="397"/>
        <v>6</v>
      </c>
      <c r="C3539" s="16">
        <v>3505</v>
      </c>
      <c r="D3539" cm="1">
        <f t="array" ref="D3539">IFERROR(INDEX(Jesper!AH$2:AH$366,ROUNDDOWN($C3539/24,0)+1,1)*INDEX($D$3:$AA$30,INDEX(Jesper!$R$2:$R$366,ROW(INDEX(Jesper!AH$2:AH$366,ROUNDDOWN($C3539/24,0)+1,1))-1)+IF('Standard Profiles'!$G$18=$B$10,7,0)+IF('Standard Profiles'!$G$18=$B$17,14,0)+IF('Standard Profiles'!$G$18=$B$24,21,0),MOD($C3539,24)+1)/SUM(INDEX($D$3:$AA$30,INDEX(Jesper!$R$2:$R$366,ROW(INDEX(Jesper!AH$2:AH$366,ROUNDDOWN($C3539/24,0)+1,1))-1)+IF('Standard Profiles'!$G$18=$B$10,7,0)+IF('Standard Profiles'!$G$18=$B$17,14,0)+IF('Standard Profiles'!$G$18=$B$24,21,0),0)),0)</f>
        <v>0</v>
      </c>
      <c r="E3539" cm="1">
        <f t="array" ref="E3539">IFERROR(INDEX(Jesper!AI$2:AI$366,ROUNDDOWN($C3539/24,0)+1,1)*INDEX($D$3:$AA$30,INDEX(Jesper!$R$2:$R$366,ROW(INDEX(Jesper!AI$2:AI$366,ROUNDDOWN($C3539/24,0)+1,1))-1)+IF('Standard Profiles'!$G$19=$B$10,7,0)+IF('Standard Profiles'!$G$19=$B$17,14,0)+IF('Standard Profiles'!$G$19=$B$24,21,0),MOD($C3539,24)+1)/SUM(INDEX($D$3:$AA$30,INDEX(Jesper!$R$2:$R$366,ROW(INDEX(Jesper!AI$2:AI$366,ROUNDDOWN($C3539/24,0)+1,1))-1)+IF('Standard Profiles'!$G$19=$B$10,7,0)+IF('Standard Profiles'!$G$19=$B$17,14,0)+IF('Standard Profiles'!$G$19=$B$24,21,0),0)),0)</f>
        <v>2.7423635370012001</v>
      </c>
      <c r="F3539" cm="1">
        <f t="array" ref="F3539">IFERROR(INDEX(Jesper!AJ$2:AJ$366,ROUNDDOWN($C3539/24,0)+1,1)*INDEX($D$3:$AA$30,INDEX(Jesper!$R$2:$R$366,ROW(INDEX(Jesper!AJ$2:AJ$366,ROUNDDOWN($C3539/24,0)+1,1))-1)+IF('Standard Profiles'!$G$20=$B$10,7,0)+IF('Standard Profiles'!$G$20=$B$17,14,0)+IF('Standard Profiles'!$G$20=$B$24,21,0),MOD($C3539,24)+1)/SUM(INDEX($D$3:$AA$30,INDEX(Jesper!$R$2:$R$366,ROW(INDEX(Jesper!AJ$2:AJ$366,ROUNDDOWN($C3539/24,0)+1,1))-1)+IF('Standard Profiles'!$G$20=$B$10,7,0)+IF('Standard Profiles'!$G$20=$B$17,14,0)+IF('Standard Profiles'!$G$20=$B$24,21,0),0)),0)</f>
        <v>1.3174054591931386</v>
      </c>
      <c r="G3539" cm="1">
        <f t="array" ref="G3539">IFERROR(INDEX(Jesper!AK$2:AK$366,ROUNDDOWN($C3539/24,0)+1,1)*INDEX($D$3:$AA$30,INDEX(Jesper!$R$2:$R$366,ROW(INDEX(Jesper!AK$2:AK$366,ROUNDDOWN($C3539/24,0)+1,1))-1)+IF('Standard Profiles'!$G$21=$B$10,7,0)+IF('Standard Profiles'!$G$21=$B$17,14,0)+IF('Standard Profiles'!$G$21=$B$24,21,0),MOD($C3539,24)+1)/SUM(INDEX($D$3:$AA$30,INDEX(Jesper!$R$2:$R$366,ROW(INDEX(Jesper!AK$2:AK$366,ROUNDDOWN($C3539/24,0)+1,1))-1)+IF('Standard Profiles'!$G$21=$B$10,7,0)+IF('Standard Profiles'!$G$21=$B$17,14,0)+IF('Standard Profiles'!$G$21=$B$24,21,0),0)),0)</f>
        <v>0.84872917198261788</v>
      </c>
      <c r="H3539" cm="1">
        <f t="array" ref="H3539">IFERROR(INDEX(Jesper!AL$2:AL$366,ROUNDDOWN($C3539/24,0)+1,1)*INDEX($D$3:$AA$30,INDEX(Jesper!$R$2:$R$366,ROW(INDEX(Jesper!AL$2:AL$366,ROUNDDOWN($C3539/24,0)+1,1))-1)+IF('Standard Profiles'!$G$22=$B$10,7,0)+IF('Standard Profiles'!$G$22=$B$17,14,0)+IF('Standard Profiles'!$G$22=$B$24,21,0),MOD($C3539,24)+1)/SUM(INDEX($D$3:$AA$30,INDEX(Jesper!$R$2:$R$366,ROW(INDEX(Jesper!AL$2:AL$366,ROUNDDOWN($C3539/24,0)+1,1))-1)+IF('Standard Profiles'!$G$22=$B$10,7,0)+IF('Standard Profiles'!$G$22=$B$17,14,0)+IF('Standard Profiles'!$G$22=$B$24,21,0),0)),0)</f>
        <v>0.34298845137100958</v>
      </c>
      <c r="I3539">
        <f t="shared" si="398"/>
        <v>0.32926891331616936</v>
      </c>
      <c r="J3539">
        <f t="shared" si="399"/>
        <v>4.5931340817916526</v>
      </c>
      <c r="K3539">
        <f t="shared" si="400"/>
        <v>0.21938908296009602</v>
      </c>
      <c r="L3539">
        <f t="shared" si="401"/>
        <v>0.10969454148004801</v>
      </c>
      <c r="M3539">
        <f t="shared" si="402"/>
        <v>0</v>
      </c>
      <c r="N3539" s="45">
        <f t="shared" si="403"/>
        <v>45073.041666658166</v>
      </c>
    </row>
    <row r="3540" spans="2:14" x14ac:dyDescent="0.25">
      <c r="B3540">
        <f t="shared" si="397"/>
        <v>6</v>
      </c>
      <c r="C3540" s="16">
        <v>3506</v>
      </c>
      <c r="D3540" cm="1">
        <f t="array" ref="D3540">IFERROR(INDEX(Jesper!AH$2:AH$366,ROUNDDOWN($C3540/24,0)+1,1)*INDEX($D$3:$AA$30,INDEX(Jesper!$R$2:$R$366,ROW(INDEX(Jesper!AH$2:AH$366,ROUNDDOWN($C3540/24,0)+1,1))-1)+IF('Standard Profiles'!$G$18=$B$10,7,0)+IF('Standard Profiles'!$G$18=$B$17,14,0)+IF('Standard Profiles'!$G$18=$B$24,21,0),MOD($C3540,24)+1)/SUM(INDEX($D$3:$AA$30,INDEX(Jesper!$R$2:$R$366,ROW(INDEX(Jesper!AH$2:AH$366,ROUNDDOWN($C3540/24,0)+1,1))-1)+IF('Standard Profiles'!$G$18=$B$10,7,0)+IF('Standard Profiles'!$G$18=$B$17,14,0)+IF('Standard Profiles'!$G$18=$B$24,21,0),0)),0)</f>
        <v>0</v>
      </c>
      <c r="E3540" cm="1">
        <f t="array" ref="E3540">IFERROR(INDEX(Jesper!AI$2:AI$366,ROUNDDOWN($C3540/24,0)+1,1)*INDEX($D$3:$AA$30,INDEX(Jesper!$R$2:$R$366,ROW(INDEX(Jesper!AI$2:AI$366,ROUNDDOWN($C3540/24,0)+1,1))-1)+IF('Standard Profiles'!$G$19=$B$10,7,0)+IF('Standard Profiles'!$G$19=$B$17,14,0)+IF('Standard Profiles'!$G$19=$B$24,21,0),MOD($C3540,24)+1)/SUM(INDEX($D$3:$AA$30,INDEX(Jesper!$R$2:$R$366,ROW(INDEX(Jesper!AI$2:AI$366,ROUNDDOWN($C3540/24,0)+1,1))-1)+IF('Standard Profiles'!$G$19=$B$10,7,0)+IF('Standard Profiles'!$G$19=$B$17,14,0)+IF('Standard Profiles'!$G$19=$B$24,21,0),0)),0)</f>
        <v>2.7423635370012001</v>
      </c>
      <c r="F3540" cm="1">
        <f t="array" ref="F3540">IFERROR(INDEX(Jesper!AJ$2:AJ$366,ROUNDDOWN($C3540/24,0)+1,1)*INDEX($D$3:$AA$30,INDEX(Jesper!$R$2:$R$366,ROW(INDEX(Jesper!AJ$2:AJ$366,ROUNDDOWN($C3540/24,0)+1,1))-1)+IF('Standard Profiles'!$G$20=$B$10,7,0)+IF('Standard Profiles'!$G$20=$B$17,14,0)+IF('Standard Profiles'!$G$20=$B$24,21,0),MOD($C3540,24)+1)/SUM(INDEX($D$3:$AA$30,INDEX(Jesper!$R$2:$R$366,ROW(INDEX(Jesper!AJ$2:AJ$366,ROUNDDOWN($C3540/24,0)+1,1))-1)+IF('Standard Profiles'!$G$20=$B$10,7,0)+IF('Standard Profiles'!$G$20=$B$17,14,0)+IF('Standard Profiles'!$G$20=$B$24,21,0),0)),0)</f>
        <v>1.3174054591931386</v>
      </c>
      <c r="G3540" cm="1">
        <f t="array" ref="G3540">IFERROR(INDEX(Jesper!AK$2:AK$366,ROUNDDOWN($C3540/24,0)+1,1)*INDEX($D$3:$AA$30,INDEX(Jesper!$R$2:$R$366,ROW(INDEX(Jesper!AK$2:AK$366,ROUNDDOWN($C3540/24,0)+1,1))-1)+IF('Standard Profiles'!$G$21=$B$10,7,0)+IF('Standard Profiles'!$G$21=$B$17,14,0)+IF('Standard Profiles'!$G$21=$B$24,21,0),MOD($C3540,24)+1)/SUM(INDEX($D$3:$AA$30,INDEX(Jesper!$R$2:$R$366,ROW(INDEX(Jesper!AK$2:AK$366,ROUNDDOWN($C3540/24,0)+1,1))-1)+IF('Standard Profiles'!$G$21=$B$10,7,0)+IF('Standard Profiles'!$G$21=$B$17,14,0)+IF('Standard Profiles'!$G$21=$B$24,21,0),0)),0)</f>
        <v>0.84872917198261788</v>
      </c>
      <c r="H3540" cm="1">
        <f t="array" ref="H3540">IFERROR(INDEX(Jesper!AL$2:AL$366,ROUNDDOWN($C3540/24,0)+1,1)*INDEX($D$3:$AA$30,INDEX(Jesper!$R$2:$R$366,ROW(INDEX(Jesper!AL$2:AL$366,ROUNDDOWN($C3540/24,0)+1,1))-1)+IF('Standard Profiles'!$G$22=$B$10,7,0)+IF('Standard Profiles'!$G$22=$B$17,14,0)+IF('Standard Profiles'!$G$22=$B$24,21,0),MOD($C3540,24)+1)/SUM(INDEX($D$3:$AA$30,INDEX(Jesper!$R$2:$R$366,ROW(INDEX(Jesper!AL$2:AL$366,ROUNDDOWN($C3540/24,0)+1,1))-1)+IF('Standard Profiles'!$G$22=$B$10,7,0)+IF('Standard Profiles'!$G$22=$B$17,14,0)+IF('Standard Profiles'!$G$22=$B$24,21,0),0)),0)</f>
        <v>0.34298845137100958</v>
      </c>
      <c r="I3540">
        <f t="shared" si="398"/>
        <v>0.32926891331616936</v>
      </c>
      <c r="J3540">
        <f t="shared" si="399"/>
        <v>4.5931340817916526</v>
      </c>
      <c r="K3540">
        <f t="shared" si="400"/>
        <v>0.21938908296009602</v>
      </c>
      <c r="L3540">
        <f t="shared" si="401"/>
        <v>0.10969454148004801</v>
      </c>
      <c r="M3540">
        <f t="shared" si="402"/>
        <v>0</v>
      </c>
      <c r="N3540" s="45">
        <f t="shared" si="403"/>
        <v>45073.08333332483</v>
      </c>
    </row>
    <row r="3541" spans="2:14" x14ac:dyDescent="0.25">
      <c r="B3541">
        <f t="shared" si="397"/>
        <v>6</v>
      </c>
      <c r="C3541" s="16">
        <v>3507</v>
      </c>
      <c r="D3541" cm="1">
        <f t="array" ref="D3541">IFERROR(INDEX(Jesper!AH$2:AH$366,ROUNDDOWN($C3541/24,0)+1,1)*INDEX($D$3:$AA$30,INDEX(Jesper!$R$2:$R$366,ROW(INDEX(Jesper!AH$2:AH$366,ROUNDDOWN($C3541/24,0)+1,1))-1)+IF('Standard Profiles'!$G$18=$B$10,7,0)+IF('Standard Profiles'!$G$18=$B$17,14,0)+IF('Standard Profiles'!$G$18=$B$24,21,0),MOD($C3541,24)+1)/SUM(INDEX($D$3:$AA$30,INDEX(Jesper!$R$2:$R$366,ROW(INDEX(Jesper!AH$2:AH$366,ROUNDDOWN($C3541/24,0)+1,1))-1)+IF('Standard Profiles'!$G$18=$B$10,7,0)+IF('Standard Profiles'!$G$18=$B$17,14,0)+IF('Standard Profiles'!$G$18=$B$24,21,0),0)),0)</f>
        <v>0</v>
      </c>
      <c r="E3541" cm="1">
        <f t="array" ref="E3541">IFERROR(INDEX(Jesper!AI$2:AI$366,ROUNDDOWN($C3541/24,0)+1,1)*INDEX($D$3:$AA$30,INDEX(Jesper!$R$2:$R$366,ROW(INDEX(Jesper!AI$2:AI$366,ROUNDDOWN($C3541/24,0)+1,1))-1)+IF('Standard Profiles'!$G$19=$B$10,7,0)+IF('Standard Profiles'!$G$19=$B$17,14,0)+IF('Standard Profiles'!$G$19=$B$24,21,0),MOD($C3541,24)+1)/SUM(INDEX($D$3:$AA$30,INDEX(Jesper!$R$2:$R$366,ROW(INDEX(Jesper!AI$2:AI$366,ROUNDDOWN($C3541/24,0)+1,1))-1)+IF('Standard Profiles'!$G$19=$B$10,7,0)+IF('Standard Profiles'!$G$19=$B$17,14,0)+IF('Standard Profiles'!$G$19=$B$24,21,0),0)),0)</f>
        <v>2.7423635370012001</v>
      </c>
      <c r="F3541" cm="1">
        <f t="array" ref="F3541">IFERROR(INDEX(Jesper!AJ$2:AJ$366,ROUNDDOWN($C3541/24,0)+1,1)*INDEX($D$3:$AA$30,INDEX(Jesper!$R$2:$R$366,ROW(INDEX(Jesper!AJ$2:AJ$366,ROUNDDOWN($C3541/24,0)+1,1))-1)+IF('Standard Profiles'!$G$20=$B$10,7,0)+IF('Standard Profiles'!$G$20=$B$17,14,0)+IF('Standard Profiles'!$G$20=$B$24,21,0),MOD($C3541,24)+1)/SUM(INDEX($D$3:$AA$30,INDEX(Jesper!$R$2:$R$366,ROW(INDEX(Jesper!AJ$2:AJ$366,ROUNDDOWN($C3541/24,0)+1,1))-1)+IF('Standard Profiles'!$G$20=$B$10,7,0)+IF('Standard Profiles'!$G$20=$B$17,14,0)+IF('Standard Profiles'!$G$20=$B$24,21,0),0)),0)</f>
        <v>1.3174054591931386</v>
      </c>
      <c r="G3541" cm="1">
        <f t="array" ref="G3541">IFERROR(INDEX(Jesper!AK$2:AK$366,ROUNDDOWN($C3541/24,0)+1,1)*INDEX($D$3:$AA$30,INDEX(Jesper!$R$2:$R$366,ROW(INDEX(Jesper!AK$2:AK$366,ROUNDDOWN($C3541/24,0)+1,1))-1)+IF('Standard Profiles'!$G$21=$B$10,7,0)+IF('Standard Profiles'!$G$21=$B$17,14,0)+IF('Standard Profiles'!$G$21=$B$24,21,0),MOD($C3541,24)+1)/SUM(INDEX($D$3:$AA$30,INDEX(Jesper!$R$2:$R$366,ROW(INDEX(Jesper!AK$2:AK$366,ROUNDDOWN($C3541/24,0)+1,1))-1)+IF('Standard Profiles'!$G$21=$B$10,7,0)+IF('Standard Profiles'!$G$21=$B$17,14,0)+IF('Standard Profiles'!$G$21=$B$24,21,0),0)),0)</f>
        <v>0.84872917198261788</v>
      </c>
      <c r="H3541" cm="1">
        <f t="array" ref="H3541">IFERROR(INDEX(Jesper!AL$2:AL$366,ROUNDDOWN($C3541/24,0)+1,1)*INDEX($D$3:$AA$30,INDEX(Jesper!$R$2:$R$366,ROW(INDEX(Jesper!AL$2:AL$366,ROUNDDOWN($C3541/24,0)+1,1))-1)+IF('Standard Profiles'!$G$22=$B$10,7,0)+IF('Standard Profiles'!$G$22=$B$17,14,0)+IF('Standard Profiles'!$G$22=$B$24,21,0),MOD($C3541,24)+1)/SUM(INDEX($D$3:$AA$30,INDEX(Jesper!$R$2:$R$366,ROW(INDEX(Jesper!AL$2:AL$366,ROUNDDOWN($C3541/24,0)+1,1))-1)+IF('Standard Profiles'!$G$22=$B$10,7,0)+IF('Standard Profiles'!$G$22=$B$17,14,0)+IF('Standard Profiles'!$G$22=$B$24,21,0),0)),0)</f>
        <v>0.34298845137100958</v>
      </c>
      <c r="I3541">
        <f t="shared" si="398"/>
        <v>0.32926891331616936</v>
      </c>
      <c r="J3541">
        <f t="shared" si="399"/>
        <v>4.5931340817916526</v>
      </c>
      <c r="K3541">
        <f t="shared" si="400"/>
        <v>0.21938908296009602</v>
      </c>
      <c r="L3541">
        <f t="shared" si="401"/>
        <v>0.10969454148004801</v>
      </c>
      <c r="M3541">
        <f t="shared" si="402"/>
        <v>0</v>
      </c>
      <c r="N3541" s="45">
        <f t="shared" si="403"/>
        <v>45073.124999991494</v>
      </c>
    </row>
    <row r="3542" spans="2:14" x14ac:dyDescent="0.25">
      <c r="B3542">
        <f t="shared" si="397"/>
        <v>6</v>
      </c>
      <c r="C3542" s="16">
        <v>3508</v>
      </c>
      <c r="D3542" cm="1">
        <f t="array" ref="D3542">IFERROR(INDEX(Jesper!AH$2:AH$366,ROUNDDOWN($C3542/24,0)+1,1)*INDEX($D$3:$AA$30,INDEX(Jesper!$R$2:$R$366,ROW(INDEX(Jesper!AH$2:AH$366,ROUNDDOWN($C3542/24,0)+1,1))-1)+IF('Standard Profiles'!$G$18=$B$10,7,0)+IF('Standard Profiles'!$G$18=$B$17,14,0)+IF('Standard Profiles'!$G$18=$B$24,21,0),MOD($C3542,24)+1)/SUM(INDEX($D$3:$AA$30,INDEX(Jesper!$R$2:$R$366,ROW(INDEX(Jesper!AH$2:AH$366,ROUNDDOWN($C3542/24,0)+1,1))-1)+IF('Standard Profiles'!$G$18=$B$10,7,0)+IF('Standard Profiles'!$G$18=$B$17,14,0)+IF('Standard Profiles'!$G$18=$B$24,21,0),0)),0)</f>
        <v>0</v>
      </c>
      <c r="E3542" cm="1">
        <f t="array" ref="E3542">IFERROR(INDEX(Jesper!AI$2:AI$366,ROUNDDOWN($C3542/24,0)+1,1)*INDEX($D$3:$AA$30,INDEX(Jesper!$R$2:$R$366,ROW(INDEX(Jesper!AI$2:AI$366,ROUNDDOWN($C3542/24,0)+1,1))-1)+IF('Standard Profiles'!$G$19=$B$10,7,0)+IF('Standard Profiles'!$G$19=$B$17,14,0)+IF('Standard Profiles'!$G$19=$B$24,21,0),MOD($C3542,24)+1)/SUM(INDEX($D$3:$AA$30,INDEX(Jesper!$R$2:$R$366,ROW(INDEX(Jesper!AI$2:AI$366,ROUNDDOWN($C3542/24,0)+1,1))-1)+IF('Standard Profiles'!$G$19=$B$10,7,0)+IF('Standard Profiles'!$G$19=$B$17,14,0)+IF('Standard Profiles'!$G$19=$B$24,21,0),0)),0)</f>
        <v>2.7423635370012001</v>
      </c>
      <c r="F3542" cm="1">
        <f t="array" ref="F3542">IFERROR(INDEX(Jesper!AJ$2:AJ$366,ROUNDDOWN($C3542/24,0)+1,1)*INDEX($D$3:$AA$30,INDEX(Jesper!$R$2:$R$366,ROW(INDEX(Jesper!AJ$2:AJ$366,ROUNDDOWN($C3542/24,0)+1,1))-1)+IF('Standard Profiles'!$G$20=$B$10,7,0)+IF('Standard Profiles'!$G$20=$B$17,14,0)+IF('Standard Profiles'!$G$20=$B$24,21,0),MOD($C3542,24)+1)/SUM(INDEX($D$3:$AA$30,INDEX(Jesper!$R$2:$R$366,ROW(INDEX(Jesper!AJ$2:AJ$366,ROUNDDOWN($C3542/24,0)+1,1))-1)+IF('Standard Profiles'!$G$20=$B$10,7,0)+IF('Standard Profiles'!$G$20=$B$17,14,0)+IF('Standard Profiles'!$G$20=$B$24,21,0),0)),0)</f>
        <v>1.3174054591931386</v>
      </c>
      <c r="G3542" cm="1">
        <f t="array" ref="G3542">IFERROR(INDEX(Jesper!AK$2:AK$366,ROUNDDOWN($C3542/24,0)+1,1)*INDEX($D$3:$AA$30,INDEX(Jesper!$R$2:$R$366,ROW(INDEX(Jesper!AK$2:AK$366,ROUNDDOWN($C3542/24,0)+1,1))-1)+IF('Standard Profiles'!$G$21=$B$10,7,0)+IF('Standard Profiles'!$G$21=$B$17,14,0)+IF('Standard Profiles'!$G$21=$B$24,21,0),MOD($C3542,24)+1)/SUM(INDEX($D$3:$AA$30,INDEX(Jesper!$R$2:$R$366,ROW(INDEX(Jesper!AK$2:AK$366,ROUNDDOWN($C3542/24,0)+1,1))-1)+IF('Standard Profiles'!$G$21=$B$10,7,0)+IF('Standard Profiles'!$G$21=$B$17,14,0)+IF('Standard Profiles'!$G$21=$B$24,21,0),0)),0)</f>
        <v>0.84872917198261788</v>
      </c>
      <c r="H3542" cm="1">
        <f t="array" ref="H3542">IFERROR(INDEX(Jesper!AL$2:AL$366,ROUNDDOWN($C3542/24,0)+1,1)*INDEX($D$3:$AA$30,INDEX(Jesper!$R$2:$R$366,ROW(INDEX(Jesper!AL$2:AL$366,ROUNDDOWN($C3542/24,0)+1,1))-1)+IF('Standard Profiles'!$G$22=$B$10,7,0)+IF('Standard Profiles'!$G$22=$B$17,14,0)+IF('Standard Profiles'!$G$22=$B$24,21,0),MOD($C3542,24)+1)/SUM(INDEX($D$3:$AA$30,INDEX(Jesper!$R$2:$R$366,ROW(INDEX(Jesper!AL$2:AL$366,ROUNDDOWN($C3542/24,0)+1,1))-1)+IF('Standard Profiles'!$G$22=$B$10,7,0)+IF('Standard Profiles'!$G$22=$B$17,14,0)+IF('Standard Profiles'!$G$22=$B$24,21,0),0)),0)</f>
        <v>0.34298845137100958</v>
      </c>
      <c r="I3542">
        <f t="shared" si="398"/>
        <v>0.32926891331616936</v>
      </c>
      <c r="J3542">
        <f t="shared" si="399"/>
        <v>4.5931340817916526</v>
      </c>
      <c r="K3542">
        <f t="shared" si="400"/>
        <v>0.21938908296009602</v>
      </c>
      <c r="L3542">
        <f t="shared" si="401"/>
        <v>0.10969454148004801</v>
      </c>
      <c r="M3542">
        <f t="shared" si="402"/>
        <v>0</v>
      </c>
      <c r="N3542" s="45">
        <f t="shared" si="403"/>
        <v>45073.166666658159</v>
      </c>
    </row>
    <row r="3543" spans="2:14" x14ac:dyDescent="0.25">
      <c r="B3543">
        <f t="shared" si="397"/>
        <v>6</v>
      </c>
      <c r="C3543" s="16">
        <v>3509</v>
      </c>
      <c r="D3543" cm="1">
        <f t="array" ref="D3543">IFERROR(INDEX(Jesper!AH$2:AH$366,ROUNDDOWN($C3543/24,0)+1,1)*INDEX($D$3:$AA$30,INDEX(Jesper!$R$2:$R$366,ROW(INDEX(Jesper!AH$2:AH$366,ROUNDDOWN($C3543/24,0)+1,1))-1)+IF('Standard Profiles'!$G$18=$B$10,7,0)+IF('Standard Profiles'!$G$18=$B$17,14,0)+IF('Standard Profiles'!$G$18=$B$24,21,0),MOD($C3543,24)+1)/SUM(INDEX($D$3:$AA$30,INDEX(Jesper!$R$2:$R$366,ROW(INDEX(Jesper!AH$2:AH$366,ROUNDDOWN($C3543/24,0)+1,1))-1)+IF('Standard Profiles'!$G$18=$B$10,7,0)+IF('Standard Profiles'!$G$18=$B$17,14,0)+IF('Standard Profiles'!$G$18=$B$24,21,0),0)),0)</f>
        <v>0</v>
      </c>
      <c r="E3543" cm="1">
        <f t="array" ref="E3543">IFERROR(INDEX(Jesper!AI$2:AI$366,ROUNDDOWN($C3543/24,0)+1,1)*INDEX($D$3:$AA$30,INDEX(Jesper!$R$2:$R$366,ROW(INDEX(Jesper!AI$2:AI$366,ROUNDDOWN($C3543/24,0)+1,1))-1)+IF('Standard Profiles'!$G$19=$B$10,7,0)+IF('Standard Profiles'!$G$19=$B$17,14,0)+IF('Standard Profiles'!$G$19=$B$24,21,0),MOD($C3543,24)+1)/SUM(INDEX($D$3:$AA$30,INDEX(Jesper!$R$2:$R$366,ROW(INDEX(Jesper!AI$2:AI$366,ROUNDDOWN($C3543/24,0)+1,1))-1)+IF('Standard Profiles'!$G$19=$B$10,7,0)+IF('Standard Profiles'!$G$19=$B$17,14,0)+IF('Standard Profiles'!$G$19=$B$24,21,0),0)),0)</f>
        <v>2.7423635370012001</v>
      </c>
      <c r="F3543" cm="1">
        <f t="array" ref="F3543">IFERROR(INDEX(Jesper!AJ$2:AJ$366,ROUNDDOWN($C3543/24,0)+1,1)*INDEX($D$3:$AA$30,INDEX(Jesper!$R$2:$R$366,ROW(INDEX(Jesper!AJ$2:AJ$366,ROUNDDOWN($C3543/24,0)+1,1))-1)+IF('Standard Profiles'!$G$20=$B$10,7,0)+IF('Standard Profiles'!$G$20=$B$17,14,0)+IF('Standard Profiles'!$G$20=$B$24,21,0),MOD($C3543,24)+1)/SUM(INDEX($D$3:$AA$30,INDEX(Jesper!$R$2:$R$366,ROW(INDEX(Jesper!AJ$2:AJ$366,ROUNDDOWN($C3543/24,0)+1,1))-1)+IF('Standard Profiles'!$G$20=$B$10,7,0)+IF('Standard Profiles'!$G$20=$B$17,14,0)+IF('Standard Profiles'!$G$20=$B$24,21,0),0)),0)</f>
        <v>1.3174054591931386</v>
      </c>
      <c r="G3543" cm="1">
        <f t="array" ref="G3543">IFERROR(INDEX(Jesper!AK$2:AK$366,ROUNDDOWN($C3543/24,0)+1,1)*INDEX($D$3:$AA$30,INDEX(Jesper!$R$2:$R$366,ROW(INDEX(Jesper!AK$2:AK$366,ROUNDDOWN($C3543/24,0)+1,1))-1)+IF('Standard Profiles'!$G$21=$B$10,7,0)+IF('Standard Profiles'!$G$21=$B$17,14,0)+IF('Standard Profiles'!$G$21=$B$24,21,0),MOD($C3543,24)+1)/SUM(INDEX($D$3:$AA$30,INDEX(Jesper!$R$2:$R$366,ROW(INDEX(Jesper!AK$2:AK$366,ROUNDDOWN($C3543/24,0)+1,1))-1)+IF('Standard Profiles'!$G$21=$B$10,7,0)+IF('Standard Profiles'!$G$21=$B$17,14,0)+IF('Standard Profiles'!$G$21=$B$24,21,0),0)),0)</f>
        <v>0.84872917198261788</v>
      </c>
      <c r="H3543" cm="1">
        <f t="array" ref="H3543">IFERROR(INDEX(Jesper!AL$2:AL$366,ROUNDDOWN($C3543/24,0)+1,1)*INDEX($D$3:$AA$30,INDEX(Jesper!$R$2:$R$366,ROW(INDEX(Jesper!AL$2:AL$366,ROUNDDOWN($C3543/24,0)+1,1))-1)+IF('Standard Profiles'!$G$22=$B$10,7,0)+IF('Standard Profiles'!$G$22=$B$17,14,0)+IF('Standard Profiles'!$G$22=$B$24,21,0),MOD($C3543,24)+1)/SUM(INDEX($D$3:$AA$30,INDEX(Jesper!$R$2:$R$366,ROW(INDEX(Jesper!AL$2:AL$366,ROUNDDOWN($C3543/24,0)+1,1))-1)+IF('Standard Profiles'!$G$22=$B$10,7,0)+IF('Standard Profiles'!$G$22=$B$17,14,0)+IF('Standard Profiles'!$G$22=$B$24,21,0),0)),0)</f>
        <v>0.42664417121759723</v>
      </c>
      <c r="I3543">
        <f t="shared" si="398"/>
        <v>0.40957840436889359</v>
      </c>
      <c r="J3543">
        <f t="shared" si="399"/>
        <v>4.5964803105855161</v>
      </c>
      <c r="K3543">
        <f t="shared" si="400"/>
        <v>0.21938908296009602</v>
      </c>
      <c r="L3543">
        <f t="shared" si="401"/>
        <v>0.10969454148004801</v>
      </c>
      <c r="M3543">
        <f t="shared" si="402"/>
        <v>0</v>
      </c>
      <c r="N3543" s="45">
        <f t="shared" si="403"/>
        <v>45073.208333324823</v>
      </c>
    </row>
    <row r="3544" spans="2:14" x14ac:dyDescent="0.25">
      <c r="B3544">
        <f t="shared" si="397"/>
        <v>6</v>
      </c>
      <c r="C3544" s="16">
        <v>3510</v>
      </c>
      <c r="D3544" cm="1">
        <f t="array" ref="D3544">IFERROR(INDEX(Jesper!AH$2:AH$366,ROUNDDOWN($C3544/24,0)+1,1)*INDEX($D$3:$AA$30,INDEX(Jesper!$R$2:$R$366,ROW(INDEX(Jesper!AH$2:AH$366,ROUNDDOWN($C3544/24,0)+1,1))-1)+IF('Standard Profiles'!$G$18=$B$10,7,0)+IF('Standard Profiles'!$G$18=$B$17,14,0)+IF('Standard Profiles'!$G$18=$B$24,21,0),MOD($C3544,24)+1)/SUM(INDEX($D$3:$AA$30,INDEX(Jesper!$R$2:$R$366,ROW(INDEX(Jesper!AH$2:AH$366,ROUNDDOWN($C3544/24,0)+1,1))-1)+IF('Standard Profiles'!$G$18=$B$10,7,0)+IF('Standard Profiles'!$G$18=$B$17,14,0)+IF('Standard Profiles'!$G$18=$B$24,21,0),0)),0)</f>
        <v>0</v>
      </c>
      <c r="E3544" cm="1">
        <f t="array" ref="E3544">IFERROR(INDEX(Jesper!AI$2:AI$366,ROUNDDOWN($C3544/24,0)+1,1)*INDEX($D$3:$AA$30,INDEX(Jesper!$R$2:$R$366,ROW(INDEX(Jesper!AI$2:AI$366,ROUNDDOWN($C3544/24,0)+1,1))-1)+IF('Standard Profiles'!$G$19=$B$10,7,0)+IF('Standard Profiles'!$G$19=$B$17,14,0)+IF('Standard Profiles'!$G$19=$B$24,21,0),MOD($C3544,24)+1)/SUM(INDEX($D$3:$AA$30,INDEX(Jesper!$R$2:$R$366,ROW(INDEX(Jesper!AI$2:AI$366,ROUNDDOWN($C3544/24,0)+1,1))-1)+IF('Standard Profiles'!$G$19=$B$10,7,0)+IF('Standard Profiles'!$G$19=$B$17,14,0)+IF('Standard Profiles'!$G$19=$B$24,21,0),0)),0)</f>
        <v>2.7423635370012001</v>
      </c>
      <c r="F3544" cm="1">
        <f t="array" ref="F3544">IFERROR(INDEX(Jesper!AJ$2:AJ$366,ROUNDDOWN($C3544/24,0)+1,1)*INDEX($D$3:$AA$30,INDEX(Jesper!$R$2:$R$366,ROW(INDEX(Jesper!AJ$2:AJ$366,ROUNDDOWN($C3544/24,0)+1,1))-1)+IF('Standard Profiles'!$G$20=$B$10,7,0)+IF('Standard Profiles'!$G$20=$B$17,14,0)+IF('Standard Profiles'!$G$20=$B$24,21,0),MOD($C3544,24)+1)/SUM(INDEX($D$3:$AA$30,INDEX(Jesper!$R$2:$R$366,ROW(INDEX(Jesper!AJ$2:AJ$366,ROUNDDOWN($C3544/24,0)+1,1))-1)+IF('Standard Profiles'!$G$20=$B$10,7,0)+IF('Standard Profiles'!$G$20=$B$17,14,0)+IF('Standard Profiles'!$G$20=$B$24,21,0),0)),0)</f>
        <v>1.3174054591931386</v>
      </c>
      <c r="G3544" cm="1">
        <f t="array" ref="G3544">IFERROR(INDEX(Jesper!AK$2:AK$366,ROUNDDOWN($C3544/24,0)+1,1)*INDEX($D$3:$AA$30,INDEX(Jesper!$R$2:$R$366,ROW(INDEX(Jesper!AK$2:AK$366,ROUNDDOWN($C3544/24,0)+1,1))-1)+IF('Standard Profiles'!$G$21=$B$10,7,0)+IF('Standard Profiles'!$G$21=$B$17,14,0)+IF('Standard Profiles'!$G$21=$B$24,21,0),MOD($C3544,24)+1)/SUM(INDEX($D$3:$AA$30,INDEX(Jesper!$R$2:$R$366,ROW(INDEX(Jesper!AK$2:AK$366,ROUNDDOWN($C3544/24,0)+1,1))-1)+IF('Standard Profiles'!$G$21=$B$10,7,0)+IF('Standard Profiles'!$G$21=$B$17,14,0)+IF('Standard Profiles'!$G$21=$B$24,21,0),0)),0)</f>
        <v>0.84872917198261788</v>
      </c>
      <c r="H3544" cm="1">
        <f t="array" ref="H3544">IFERROR(INDEX(Jesper!AL$2:AL$366,ROUNDDOWN($C3544/24,0)+1,1)*INDEX($D$3:$AA$30,INDEX(Jesper!$R$2:$R$366,ROW(INDEX(Jesper!AL$2:AL$366,ROUNDDOWN($C3544/24,0)+1,1))-1)+IF('Standard Profiles'!$G$22=$B$10,7,0)+IF('Standard Profiles'!$G$22=$B$17,14,0)+IF('Standard Profiles'!$G$22=$B$24,21,0),MOD($C3544,24)+1)/SUM(INDEX($D$3:$AA$30,INDEX(Jesper!$R$2:$R$366,ROW(INDEX(Jesper!AL$2:AL$366,ROUNDDOWN($C3544/24,0)+1,1))-1)+IF('Standard Profiles'!$G$22=$B$10,7,0)+IF('Standard Profiles'!$G$22=$B$17,14,0)+IF('Standard Profiles'!$G$22=$B$24,21,0),0)),0)</f>
        <v>0.53539660701816127</v>
      </c>
      <c r="I3544">
        <f t="shared" si="398"/>
        <v>0.5139807427374351</v>
      </c>
      <c r="J3544">
        <f t="shared" si="399"/>
        <v>4.6008304080175391</v>
      </c>
      <c r="K3544">
        <f t="shared" si="400"/>
        <v>0.21938908296009602</v>
      </c>
      <c r="L3544">
        <f t="shared" si="401"/>
        <v>0.10969454148004801</v>
      </c>
      <c r="M3544">
        <f t="shared" si="402"/>
        <v>0</v>
      </c>
      <c r="N3544" s="45">
        <f t="shared" si="403"/>
        <v>45073.249999991487</v>
      </c>
    </row>
    <row r="3545" spans="2:14" x14ac:dyDescent="0.25">
      <c r="B3545">
        <f t="shared" si="397"/>
        <v>6</v>
      </c>
      <c r="C3545" s="16">
        <v>3511</v>
      </c>
      <c r="D3545" cm="1">
        <f t="array" ref="D3545">IFERROR(INDEX(Jesper!AH$2:AH$366,ROUNDDOWN($C3545/24,0)+1,1)*INDEX($D$3:$AA$30,INDEX(Jesper!$R$2:$R$366,ROW(INDEX(Jesper!AH$2:AH$366,ROUNDDOWN($C3545/24,0)+1,1))-1)+IF('Standard Profiles'!$G$18=$B$10,7,0)+IF('Standard Profiles'!$G$18=$B$17,14,0)+IF('Standard Profiles'!$G$18=$B$24,21,0),MOD($C3545,24)+1)/SUM(INDEX($D$3:$AA$30,INDEX(Jesper!$R$2:$R$366,ROW(INDEX(Jesper!AH$2:AH$366,ROUNDDOWN($C3545/24,0)+1,1))-1)+IF('Standard Profiles'!$G$18=$B$10,7,0)+IF('Standard Profiles'!$G$18=$B$17,14,0)+IF('Standard Profiles'!$G$18=$B$24,21,0),0)),0)</f>
        <v>0</v>
      </c>
      <c r="E3545" cm="1">
        <f t="array" ref="E3545">IFERROR(INDEX(Jesper!AI$2:AI$366,ROUNDDOWN($C3545/24,0)+1,1)*INDEX($D$3:$AA$30,INDEX(Jesper!$R$2:$R$366,ROW(INDEX(Jesper!AI$2:AI$366,ROUNDDOWN($C3545/24,0)+1,1))-1)+IF('Standard Profiles'!$G$19=$B$10,7,0)+IF('Standard Profiles'!$G$19=$B$17,14,0)+IF('Standard Profiles'!$G$19=$B$24,21,0),MOD($C3545,24)+1)/SUM(INDEX($D$3:$AA$30,INDEX(Jesper!$R$2:$R$366,ROW(INDEX(Jesper!AI$2:AI$366,ROUNDDOWN($C3545/24,0)+1,1))-1)+IF('Standard Profiles'!$G$19=$B$10,7,0)+IF('Standard Profiles'!$G$19=$B$17,14,0)+IF('Standard Profiles'!$G$19=$B$24,21,0),0)),0)</f>
        <v>2.7423635370012001</v>
      </c>
      <c r="F3545" cm="1">
        <f t="array" ref="F3545">IFERROR(INDEX(Jesper!AJ$2:AJ$366,ROUNDDOWN($C3545/24,0)+1,1)*INDEX($D$3:$AA$30,INDEX(Jesper!$R$2:$R$366,ROW(INDEX(Jesper!AJ$2:AJ$366,ROUNDDOWN($C3545/24,0)+1,1))-1)+IF('Standard Profiles'!$G$20=$B$10,7,0)+IF('Standard Profiles'!$G$20=$B$17,14,0)+IF('Standard Profiles'!$G$20=$B$24,21,0),MOD($C3545,24)+1)/SUM(INDEX($D$3:$AA$30,INDEX(Jesper!$R$2:$R$366,ROW(INDEX(Jesper!AJ$2:AJ$366,ROUNDDOWN($C3545/24,0)+1,1))-1)+IF('Standard Profiles'!$G$20=$B$10,7,0)+IF('Standard Profiles'!$G$20=$B$17,14,0)+IF('Standard Profiles'!$G$20=$B$24,21,0),0)),0)</f>
        <v>1.3174054591931386</v>
      </c>
      <c r="G3545" cm="1">
        <f t="array" ref="G3545">IFERROR(INDEX(Jesper!AK$2:AK$366,ROUNDDOWN($C3545/24,0)+1,1)*INDEX($D$3:$AA$30,INDEX(Jesper!$R$2:$R$366,ROW(INDEX(Jesper!AK$2:AK$366,ROUNDDOWN($C3545/24,0)+1,1))-1)+IF('Standard Profiles'!$G$21=$B$10,7,0)+IF('Standard Profiles'!$G$21=$B$17,14,0)+IF('Standard Profiles'!$G$21=$B$24,21,0),MOD($C3545,24)+1)/SUM(INDEX($D$3:$AA$30,INDEX(Jesper!$R$2:$R$366,ROW(INDEX(Jesper!AK$2:AK$366,ROUNDDOWN($C3545/24,0)+1,1))-1)+IF('Standard Profiles'!$G$21=$B$10,7,0)+IF('Standard Profiles'!$G$21=$B$17,14,0)+IF('Standard Profiles'!$G$21=$B$24,21,0),0)),0)</f>
        <v>0.84872917198261788</v>
      </c>
      <c r="H3545" cm="1">
        <f t="array" ref="H3545">IFERROR(INDEX(Jesper!AL$2:AL$366,ROUNDDOWN($C3545/24,0)+1,1)*INDEX($D$3:$AA$30,INDEX(Jesper!$R$2:$R$366,ROW(INDEX(Jesper!AL$2:AL$366,ROUNDDOWN($C3545/24,0)+1,1))-1)+IF('Standard Profiles'!$G$22=$B$10,7,0)+IF('Standard Profiles'!$G$22=$B$17,14,0)+IF('Standard Profiles'!$G$22=$B$24,21,0),MOD($C3545,24)+1)/SUM(INDEX($D$3:$AA$30,INDEX(Jesper!$R$2:$R$366,ROW(INDEX(Jesper!AL$2:AL$366,ROUNDDOWN($C3545/24,0)+1,1))-1)+IF('Standard Profiles'!$G$22=$B$10,7,0)+IF('Standard Profiles'!$G$22=$B$17,14,0)+IF('Standard Profiles'!$G$22=$B$24,21,0),0)),0)</f>
        <v>0.61068675488009017</v>
      </c>
      <c r="I3545">
        <f t="shared" si="398"/>
        <v>0.58625928468488686</v>
      </c>
      <c r="J3545">
        <f t="shared" si="399"/>
        <v>4.6038420139320158</v>
      </c>
      <c r="K3545">
        <f t="shared" si="400"/>
        <v>0.21938908296009602</v>
      </c>
      <c r="L3545">
        <f t="shared" si="401"/>
        <v>0.10969454148004801</v>
      </c>
      <c r="M3545">
        <f t="shared" si="402"/>
        <v>0</v>
      </c>
      <c r="N3545" s="45">
        <f t="shared" si="403"/>
        <v>45073.291666658151</v>
      </c>
    </row>
    <row r="3546" spans="2:14" x14ac:dyDescent="0.25">
      <c r="B3546">
        <f t="shared" si="397"/>
        <v>6</v>
      </c>
      <c r="C3546" s="16">
        <v>3512</v>
      </c>
      <c r="D3546" cm="1">
        <f t="array" ref="D3546">IFERROR(INDEX(Jesper!AH$2:AH$366,ROUNDDOWN($C3546/24,0)+1,1)*INDEX($D$3:$AA$30,INDEX(Jesper!$R$2:$R$366,ROW(INDEX(Jesper!AH$2:AH$366,ROUNDDOWN($C3546/24,0)+1,1))-1)+IF('Standard Profiles'!$G$18=$B$10,7,0)+IF('Standard Profiles'!$G$18=$B$17,14,0)+IF('Standard Profiles'!$G$18=$B$24,21,0),MOD($C3546,24)+1)/SUM(INDEX($D$3:$AA$30,INDEX(Jesper!$R$2:$R$366,ROW(INDEX(Jesper!AH$2:AH$366,ROUNDDOWN($C3546/24,0)+1,1))-1)+IF('Standard Profiles'!$G$18=$B$10,7,0)+IF('Standard Profiles'!$G$18=$B$17,14,0)+IF('Standard Profiles'!$G$18=$B$24,21,0),0)),0)</f>
        <v>0</v>
      </c>
      <c r="E3546" cm="1">
        <f t="array" ref="E3546">IFERROR(INDEX(Jesper!AI$2:AI$366,ROUNDDOWN($C3546/24,0)+1,1)*INDEX($D$3:$AA$30,INDEX(Jesper!$R$2:$R$366,ROW(INDEX(Jesper!AI$2:AI$366,ROUNDDOWN($C3546/24,0)+1,1))-1)+IF('Standard Profiles'!$G$19=$B$10,7,0)+IF('Standard Profiles'!$G$19=$B$17,14,0)+IF('Standard Profiles'!$G$19=$B$24,21,0),MOD($C3546,24)+1)/SUM(INDEX($D$3:$AA$30,INDEX(Jesper!$R$2:$R$366,ROW(INDEX(Jesper!AI$2:AI$366,ROUNDDOWN($C3546/24,0)+1,1))-1)+IF('Standard Profiles'!$G$19=$B$10,7,0)+IF('Standard Profiles'!$G$19=$B$17,14,0)+IF('Standard Profiles'!$G$19=$B$24,21,0),0)),0)</f>
        <v>2.7423635370012001</v>
      </c>
      <c r="F3546" cm="1">
        <f t="array" ref="F3546">IFERROR(INDEX(Jesper!AJ$2:AJ$366,ROUNDDOWN($C3546/24,0)+1,1)*INDEX($D$3:$AA$30,INDEX(Jesper!$R$2:$R$366,ROW(INDEX(Jesper!AJ$2:AJ$366,ROUNDDOWN($C3546/24,0)+1,1))-1)+IF('Standard Profiles'!$G$20=$B$10,7,0)+IF('Standard Profiles'!$G$20=$B$17,14,0)+IF('Standard Profiles'!$G$20=$B$24,21,0),MOD($C3546,24)+1)/SUM(INDEX($D$3:$AA$30,INDEX(Jesper!$R$2:$R$366,ROW(INDEX(Jesper!AJ$2:AJ$366,ROUNDDOWN($C3546/24,0)+1,1))-1)+IF('Standard Profiles'!$G$20=$B$10,7,0)+IF('Standard Profiles'!$G$20=$B$17,14,0)+IF('Standard Profiles'!$G$20=$B$24,21,0),0)),0)</f>
        <v>1.3174054591931386</v>
      </c>
      <c r="G3546" cm="1">
        <f t="array" ref="G3546">IFERROR(INDEX(Jesper!AK$2:AK$366,ROUNDDOWN($C3546/24,0)+1,1)*INDEX($D$3:$AA$30,INDEX(Jesper!$R$2:$R$366,ROW(INDEX(Jesper!AK$2:AK$366,ROUNDDOWN($C3546/24,0)+1,1))-1)+IF('Standard Profiles'!$G$21=$B$10,7,0)+IF('Standard Profiles'!$G$21=$B$17,14,0)+IF('Standard Profiles'!$G$21=$B$24,21,0),MOD($C3546,24)+1)/SUM(INDEX($D$3:$AA$30,INDEX(Jesper!$R$2:$R$366,ROW(INDEX(Jesper!AK$2:AK$366,ROUNDDOWN($C3546/24,0)+1,1))-1)+IF('Standard Profiles'!$G$21=$B$10,7,0)+IF('Standard Profiles'!$G$21=$B$17,14,0)+IF('Standard Profiles'!$G$21=$B$24,21,0),0)),0)</f>
        <v>0.84872917198261788</v>
      </c>
      <c r="H3546" cm="1">
        <f t="array" ref="H3546">IFERROR(INDEX(Jesper!AL$2:AL$366,ROUNDDOWN($C3546/24,0)+1,1)*INDEX($D$3:$AA$30,INDEX(Jesper!$R$2:$R$366,ROW(INDEX(Jesper!AL$2:AL$366,ROUNDDOWN($C3546/24,0)+1,1))-1)+IF('Standard Profiles'!$G$22=$B$10,7,0)+IF('Standard Profiles'!$G$22=$B$17,14,0)+IF('Standard Profiles'!$G$22=$B$24,21,0),MOD($C3546,24)+1)/SUM(INDEX($D$3:$AA$30,INDEX(Jesper!$R$2:$R$366,ROW(INDEX(Jesper!AL$2:AL$366,ROUNDDOWN($C3546/24,0)+1,1))-1)+IF('Standard Profiles'!$G$22=$B$10,7,0)+IF('Standard Profiles'!$G$22=$B$17,14,0)+IF('Standard Profiles'!$G$22=$B$24,21,0),0)),0)</f>
        <v>0.61068675488009017</v>
      </c>
      <c r="I3546">
        <f t="shared" si="398"/>
        <v>0.58625928468488686</v>
      </c>
      <c r="J3546">
        <f t="shared" si="399"/>
        <v>4.6038420139320158</v>
      </c>
      <c r="K3546">
        <f t="shared" si="400"/>
        <v>0.21938908296009602</v>
      </c>
      <c r="L3546">
        <f t="shared" si="401"/>
        <v>0.10969454148004801</v>
      </c>
      <c r="M3546">
        <f t="shared" si="402"/>
        <v>0</v>
      </c>
      <c r="N3546" s="45">
        <f t="shared" si="403"/>
        <v>45073.333333324816</v>
      </c>
    </row>
    <row r="3547" spans="2:14" x14ac:dyDescent="0.25">
      <c r="B3547">
        <f t="shared" si="397"/>
        <v>6</v>
      </c>
      <c r="C3547" s="16">
        <v>3513</v>
      </c>
      <c r="D3547" cm="1">
        <f t="array" ref="D3547">IFERROR(INDEX(Jesper!AH$2:AH$366,ROUNDDOWN($C3547/24,0)+1,1)*INDEX($D$3:$AA$30,INDEX(Jesper!$R$2:$R$366,ROW(INDEX(Jesper!AH$2:AH$366,ROUNDDOWN($C3547/24,0)+1,1))-1)+IF('Standard Profiles'!$G$18=$B$10,7,0)+IF('Standard Profiles'!$G$18=$B$17,14,0)+IF('Standard Profiles'!$G$18=$B$24,21,0),MOD($C3547,24)+1)/SUM(INDEX($D$3:$AA$30,INDEX(Jesper!$R$2:$R$366,ROW(INDEX(Jesper!AH$2:AH$366,ROUNDDOWN($C3547/24,0)+1,1))-1)+IF('Standard Profiles'!$G$18=$B$10,7,0)+IF('Standard Profiles'!$G$18=$B$17,14,0)+IF('Standard Profiles'!$G$18=$B$24,21,0),0)),0)</f>
        <v>0</v>
      </c>
      <c r="E3547" cm="1">
        <f t="array" ref="E3547">IFERROR(INDEX(Jesper!AI$2:AI$366,ROUNDDOWN($C3547/24,0)+1,1)*INDEX($D$3:$AA$30,INDEX(Jesper!$R$2:$R$366,ROW(INDEX(Jesper!AI$2:AI$366,ROUNDDOWN($C3547/24,0)+1,1))-1)+IF('Standard Profiles'!$G$19=$B$10,7,0)+IF('Standard Profiles'!$G$19=$B$17,14,0)+IF('Standard Profiles'!$G$19=$B$24,21,0),MOD($C3547,24)+1)/SUM(INDEX($D$3:$AA$30,INDEX(Jesper!$R$2:$R$366,ROW(INDEX(Jesper!AI$2:AI$366,ROUNDDOWN($C3547/24,0)+1,1))-1)+IF('Standard Profiles'!$G$19=$B$10,7,0)+IF('Standard Profiles'!$G$19=$B$17,14,0)+IF('Standard Profiles'!$G$19=$B$24,21,0),0)),0)</f>
        <v>2.7423635370012001</v>
      </c>
      <c r="F3547" cm="1">
        <f t="array" ref="F3547">IFERROR(INDEX(Jesper!AJ$2:AJ$366,ROUNDDOWN($C3547/24,0)+1,1)*INDEX($D$3:$AA$30,INDEX(Jesper!$R$2:$R$366,ROW(INDEX(Jesper!AJ$2:AJ$366,ROUNDDOWN($C3547/24,0)+1,1))-1)+IF('Standard Profiles'!$G$20=$B$10,7,0)+IF('Standard Profiles'!$G$20=$B$17,14,0)+IF('Standard Profiles'!$G$20=$B$24,21,0),MOD($C3547,24)+1)/SUM(INDEX($D$3:$AA$30,INDEX(Jesper!$R$2:$R$366,ROW(INDEX(Jesper!AJ$2:AJ$366,ROUNDDOWN($C3547/24,0)+1,1))-1)+IF('Standard Profiles'!$G$20=$B$10,7,0)+IF('Standard Profiles'!$G$20=$B$17,14,0)+IF('Standard Profiles'!$G$20=$B$24,21,0),0)),0)</f>
        <v>1.3174054591931386</v>
      </c>
      <c r="G3547" cm="1">
        <f t="array" ref="G3547">IFERROR(INDEX(Jesper!AK$2:AK$366,ROUNDDOWN($C3547/24,0)+1,1)*INDEX($D$3:$AA$30,INDEX(Jesper!$R$2:$R$366,ROW(INDEX(Jesper!AK$2:AK$366,ROUNDDOWN($C3547/24,0)+1,1))-1)+IF('Standard Profiles'!$G$21=$B$10,7,0)+IF('Standard Profiles'!$G$21=$B$17,14,0)+IF('Standard Profiles'!$G$21=$B$24,21,0),MOD($C3547,24)+1)/SUM(INDEX($D$3:$AA$30,INDEX(Jesper!$R$2:$R$366,ROW(INDEX(Jesper!AK$2:AK$366,ROUNDDOWN($C3547/24,0)+1,1))-1)+IF('Standard Profiles'!$G$21=$B$10,7,0)+IF('Standard Profiles'!$G$21=$B$17,14,0)+IF('Standard Profiles'!$G$21=$B$24,21,0),0)),0)</f>
        <v>0.84872917198261788</v>
      </c>
      <c r="H3547" cm="1">
        <f t="array" ref="H3547">IFERROR(INDEX(Jesper!AL$2:AL$366,ROUNDDOWN($C3547/24,0)+1,1)*INDEX($D$3:$AA$30,INDEX(Jesper!$R$2:$R$366,ROW(INDEX(Jesper!AL$2:AL$366,ROUNDDOWN($C3547/24,0)+1,1))-1)+IF('Standard Profiles'!$G$22=$B$10,7,0)+IF('Standard Profiles'!$G$22=$B$17,14,0)+IF('Standard Profiles'!$G$22=$B$24,21,0),MOD($C3547,24)+1)/SUM(INDEX($D$3:$AA$30,INDEX(Jesper!$R$2:$R$366,ROW(INDEX(Jesper!AL$2:AL$366,ROUNDDOWN($C3547/24,0)+1,1))-1)+IF('Standard Profiles'!$G$22=$B$10,7,0)+IF('Standard Profiles'!$G$22=$B$17,14,0)+IF('Standard Profiles'!$G$22=$B$24,21,0),0)),0)</f>
        <v>0.61068675488009017</v>
      </c>
      <c r="I3547">
        <f t="shared" si="398"/>
        <v>0.58625928468488686</v>
      </c>
      <c r="J3547">
        <f t="shared" si="399"/>
        <v>4.6038420139320158</v>
      </c>
      <c r="K3547">
        <f t="shared" si="400"/>
        <v>0.21938908296009602</v>
      </c>
      <c r="L3547">
        <f t="shared" si="401"/>
        <v>0.10969454148004801</v>
      </c>
      <c r="M3547">
        <f t="shared" si="402"/>
        <v>0</v>
      </c>
      <c r="N3547" s="45">
        <f t="shared" si="403"/>
        <v>45073.37499999148</v>
      </c>
    </row>
    <row r="3548" spans="2:14" x14ac:dyDescent="0.25">
      <c r="B3548">
        <f t="shared" si="397"/>
        <v>6</v>
      </c>
      <c r="C3548" s="16">
        <v>3514</v>
      </c>
      <c r="D3548" cm="1">
        <f t="array" ref="D3548">IFERROR(INDEX(Jesper!AH$2:AH$366,ROUNDDOWN($C3548/24,0)+1,1)*INDEX($D$3:$AA$30,INDEX(Jesper!$R$2:$R$366,ROW(INDEX(Jesper!AH$2:AH$366,ROUNDDOWN($C3548/24,0)+1,1))-1)+IF('Standard Profiles'!$G$18=$B$10,7,0)+IF('Standard Profiles'!$G$18=$B$17,14,0)+IF('Standard Profiles'!$G$18=$B$24,21,0),MOD($C3548,24)+1)/SUM(INDEX($D$3:$AA$30,INDEX(Jesper!$R$2:$R$366,ROW(INDEX(Jesper!AH$2:AH$366,ROUNDDOWN($C3548/24,0)+1,1))-1)+IF('Standard Profiles'!$G$18=$B$10,7,0)+IF('Standard Profiles'!$G$18=$B$17,14,0)+IF('Standard Profiles'!$G$18=$B$24,21,0),0)),0)</f>
        <v>0</v>
      </c>
      <c r="E3548" cm="1">
        <f t="array" ref="E3548">IFERROR(INDEX(Jesper!AI$2:AI$366,ROUNDDOWN($C3548/24,0)+1,1)*INDEX($D$3:$AA$30,INDEX(Jesper!$R$2:$R$366,ROW(INDEX(Jesper!AI$2:AI$366,ROUNDDOWN($C3548/24,0)+1,1))-1)+IF('Standard Profiles'!$G$19=$B$10,7,0)+IF('Standard Profiles'!$G$19=$B$17,14,0)+IF('Standard Profiles'!$G$19=$B$24,21,0),MOD($C3548,24)+1)/SUM(INDEX($D$3:$AA$30,INDEX(Jesper!$R$2:$R$366,ROW(INDEX(Jesper!AI$2:AI$366,ROUNDDOWN($C3548/24,0)+1,1))-1)+IF('Standard Profiles'!$G$19=$B$10,7,0)+IF('Standard Profiles'!$G$19=$B$17,14,0)+IF('Standard Profiles'!$G$19=$B$24,21,0),0)),0)</f>
        <v>2.7423635370012001</v>
      </c>
      <c r="F3548" cm="1">
        <f t="array" ref="F3548">IFERROR(INDEX(Jesper!AJ$2:AJ$366,ROUNDDOWN($C3548/24,0)+1,1)*INDEX($D$3:$AA$30,INDEX(Jesper!$R$2:$R$366,ROW(INDEX(Jesper!AJ$2:AJ$366,ROUNDDOWN($C3548/24,0)+1,1))-1)+IF('Standard Profiles'!$G$20=$B$10,7,0)+IF('Standard Profiles'!$G$20=$B$17,14,0)+IF('Standard Profiles'!$G$20=$B$24,21,0),MOD($C3548,24)+1)/SUM(INDEX($D$3:$AA$30,INDEX(Jesper!$R$2:$R$366,ROW(INDEX(Jesper!AJ$2:AJ$366,ROUNDDOWN($C3548/24,0)+1,1))-1)+IF('Standard Profiles'!$G$20=$B$10,7,0)+IF('Standard Profiles'!$G$20=$B$17,14,0)+IF('Standard Profiles'!$G$20=$B$24,21,0),0)),0)</f>
        <v>1.3174054591931386</v>
      </c>
      <c r="G3548" cm="1">
        <f t="array" ref="G3548">IFERROR(INDEX(Jesper!AK$2:AK$366,ROUNDDOWN($C3548/24,0)+1,1)*INDEX($D$3:$AA$30,INDEX(Jesper!$R$2:$R$366,ROW(INDEX(Jesper!AK$2:AK$366,ROUNDDOWN($C3548/24,0)+1,1))-1)+IF('Standard Profiles'!$G$21=$B$10,7,0)+IF('Standard Profiles'!$G$21=$B$17,14,0)+IF('Standard Profiles'!$G$21=$B$24,21,0),MOD($C3548,24)+1)/SUM(INDEX($D$3:$AA$30,INDEX(Jesper!$R$2:$R$366,ROW(INDEX(Jesper!AK$2:AK$366,ROUNDDOWN($C3548/24,0)+1,1))-1)+IF('Standard Profiles'!$G$21=$B$10,7,0)+IF('Standard Profiles'!$G$21=$B$17,14,0)+IF('Standard Profiles'!$G$21=$B$24,21,0),0)),0)</f>
        <v>0.84872917198261788</v>
      </c>
      <c r="H3548" cm="1">
        <f t="array" ref="H3548">IFERROR(INDEX(Jesper!AL$2:AL$366,ROUNDDOWN($C3548/24,0)+1,1)*INDEX($D$3:$AA$30,INDEX(Jesper!$R$2:$R$366,ROW(INDEX(Jesper!AL$2:AL$366,ROUNDDOWN($C3548/24,0)+1,1))-1)+IF('Standard Profiles'!$G$22=$B$10,7,0)+IF('Standard Profiles'!$G$22=$B$17,14,0)+IF('Standard Profiles'!$G$22=$B$24,21,0),MOD($C3548,24)+1)/SUM(INDEX($D$3:$AA$30,INDEX(Jesper!$R$2:$R$366,ROW(INDEX(Jesper!AL$2:AL$366,ROUNDDOWN($C3548/24,0)+1,1))-1)+IF('Standard Profiles'!$G$22=$B$10,7,0)+IF('Standard Profiles'!$G$22=$B$17,14,0)+IF('Standard Profiles'!$G$22=$B$24,21,0),0)),0)</f>
        <v>0.61068675488009017</v>
      </c>
      <c r="I3548">
        <f t="shared" si="398"/>
        <v>0.58625928468488686</v>
      </c>
      <c r="J3548">
        <f t="shared" si="399"/>
        <v>4.6038420139320158</v>
      </c>
      <c r="K3548">
        <f t="shared" si="400"/>
        <v>0.21938908296009602</v>
      </c>
      <c r="L3548">
        <f t="shared" si="401"/>
        <v>0.10969454148004801</v>
      </c>
      <c r="M3548">
        <f t="shared" si="402"/>
        <v>0</v>
      </c>
      <c r="N3548" s="45">
        <f t="shared" si="403"/>
        <v>45073.416666658144</v>
      </c>
    </row>
    <row r="3549" spans="2:14" x14ac:dyDescent="0.25">
      <c r="B3549">
        <f t="shared" si="397"/>
        <v>6</v>
      </c>
      <c r="C3549" s="16">
        <v>3515</v>
      </c>
      <c r="D3549" cm="1">
        <f t="array" ref="D3549">IFERROR(INDEX(Jesper!AH$2:AH$366,ROUNDDOWN($C3549/24,0)+1,1)*INDEX($D$3:$AA$30,INDEX(Jesper!$R$2:$R$366,ROW(INDEX(Jesper!AH$2:AH$366,ROUNDDOWN($C3549/24,0)+1,1))-1)+IF('Standard Profiles'!$G$18=$B$10,7,0)+IF('Standard Profiles'!$G$18=$B$17,14,0)+IF('Standard Profiles'!$G$18=$B$24,21,0),MOD($C3549,24)+1)/SUM(INDEX($D$3:$AA$30,INDEX(Jesper!$R$2:$R$366,ROW(INDEX(Jesper!AH$2:AH$366,ROUNDDOWN($C3549/24,0)+1,1))-1)+IF('Standard Profiles'!$G$18=$B$10,7,0)+IF('Standard Profiles'!$G$18=$B$17,14,0)+IF('Standard Profiles'!$G$18=$B$24,21,0),0)),0)</f>
        <v>0</v>
      </c>
      <c r="E3549" cm="1">
        <f t="array" ref="E3549">IFERROR(INDEX(Jesper!AI$2:AI$366,ROUNDDOWN($C3549/24,0)+1,1)*INDEX($D$3:$AA$30,INDEX(Jesper!$R$2:$R$366,ROW(INDEX(Jesper!AI$2:AI$366,ROUNDDOWN($C3549/24,0)+1,1))-1)+IF('Standard Profiles'!$G$19=$B$10,7,0)+IF('Standard Profiles'!$G$19=$B$17,14,0)+IF('Standard Profiles'!$G$19=$B$24,21,0),MOD($C3549,24)+1)/SUM(INDEX($D$3:$AA$30,INDEX(Jesper!$R$2:$R$366,ROW(INDEX(Jesper!AI$2:AI$366,ROUNDDOWN($C3549/24,0)+1,1))-1)+IF('Standard Profiles'!$G$19=$B$10,7,0)+IF('Standard Profiles'!$G$19=$B$17,14,0)+IF('Standard Profiles'!$G$19=$B$24,21,0),0)),0)</f>
        <v>2.7423635370012001</v>
      </c>
      <c r="F3549" cm="1">
        <f t="array" ref="F3549">IFERROR(INDEX(Jesper!AJ$2:AJ$366,ROUNDDOWN($C3549/24,0)+1,1)*INDEX($D$3:$AA$30,INDEX(Jesper!$R$2:$R$366,ROW(INDEX(Jesper!AJ$2:AJ$366,ROUNDDOWN($C3549/24,0)+1,1))-1)+IF('Standard Profiles'!$G$20=$B$10,7,0)+IF('Standard Profiles'!$G$20=$B$17,14,0)+IF('Standard Profiles'!$G$20=$B$24,21,0),MOD($C3549,24)+1)/SUM(INDEX($D$3:$AA$30,INDEX(Jesper!$R$2:$R$366,ROW(INDEX(Jesper!AJ$2:AJ$366,ROUNDDOWN($C3549/24,0)+1,1))-1)+IF('Standard Profiles'!$G$20=$B$10,7,0)+IF('Standard Profiles'!$G$20=$B$17,14,0)+IF('Standard Profiles'!$G$20=$B$24,21,0),0)),0)</f>
        <v>1.3174054591931386</v>
      </c>
      <c r="G3549" cm="1">
        <f t="array" ref="G3549">IFERROR(INDEX(Jesper!AK$2:AK$366,ROUNDDOWN($C3549/24,0)+1,1)*INDEX($D$3:$AA$30,INDEX(Jesper!$R$2:$R$366,ROW(INDEX(Jesper!AK$2:AK$366,ROUNDDOWN($C3549/24,0)+1,1))-1)+IF('Standard Profiles'!$G$21=$B$10,7,0)+IF('Standard Profiles'!$G$21=$B$17,14,0)+IF('Standard Profiles'!$G$21=$B$24,21,0),MOD($C3549,24)+1)/SUM(INDEX($D$3:$AA$30,INDEX(Jesper!$R$2:$R$366,ROW(INDEX(Jesper!AK$2:AK$366,ROUNDDOWN($C3549/24,0)+1,1))-1)+IF('Standard Profiles'!$G$21=$B$10,7,0)+IF('Standard Profiles'!$G$21=$B$17,14,0)+IF('Standard Profiles'!$G$21=$B$24,21,0),0)),0)</f>
        <v>0.84872917198261788</v>
      </c>
      <c r="H3549" cm="1">
        <f t="array" ref="H3549">IFERROR(INDEX(Jesper!AL$2:AL$366,ROUNDDOWN($C3549/24,0)+1,1)*INDEX($D$3:$AA$30,INDEX(Jesper!$R$2:$R$366,ROW(INDEX(Jesper!AL$2:AL$366,ROUNDDOWN($C3549/24,0)+1,1))-1)+IF('Standard Profiles'!$G$22=$B$10,7,0)+IF('Standard Profiles'!$G$22=$B$17,14,0)+IF('Standard Profiles'!$G$22=$B$24,21,0),MOD($C3549,24)+1)/SUM(INDEX($D$3:$AA$30,INDEX(Jesper!$R$2:$R$366,ROW(INDEX(Jesper!AL$2:AL$366,ROUNDDOWN($C3549/24,0)+1,1))-1)+IF('Standard Profiles'!$G$22=$B$10,7,0)+IF('Standard Profiles'!$G$22=$B$17,14,0)+IF('Standard Profiles'!$G$22=$B$24,21,0),0)),0)</f>
        <v>0.61068675488009017</v>
      </c>
      <c r="I3549">
        <f t="shared" si="398"/>
        <v>0.58625928468488686</v>
      </c>
      <c r="J3549">
        <f t="shared" si="399"/>
        <v>4.6038420139320158</v>
      </c>
      <c r="K3549">
        <f t="shared" si="400"/>
        <v>0.21938908296009602</v>
      </c>
      <c r="L3549">
        <f t="shared" si="401"/>
        <v>0.10969454148004801</v>
      </c>
      <c r="M3549">
        <f t="shared" si="402"/>
        <v>0</v>
      </c>
      <c r="N3549" s="45">
        <f t="shared" si="403"/>
        <v>45073.458333324808</v>
      </c>
    </row>
    <row r="3550" spans="2:14" x14ac:dyDescent="0.25">
      <c r="B3550">
        <f t="shared" si="397"/>
        <v>6</v>
      </c>
      <c r="C3550" s="16">
        <v>3516</v>
      </c>
      <c r="D3550" cm="1">
        <f t="array" ref="D3550">IFERROR(INDEX(Jesper!AH$2:AH$366,ROUNDDOWN($C3550/24,0)+1,1)*INDEX($D$3:$AA$30,INDEX(Jesper!$R$2:$R$366,ROW(INDEX(Jesper!AH$2:AH$366,ROUNDDOWN($C3550/24,0)+1,1))-1)+IF('Standard Profiles'!$G$18=$B$10,7,0)+IF('Standard Profiles'!$G$18=$B$17,14,0)+IF('Standard Profiles'!$G$18=$B$24,21,0),MOD($C3550,24)+1)/SUM(INDEX($D$3:$AA$30,INDEX(Jesper!$R$2:$R$366,ROW(INDEX(Jesper!AH$2:AH$366,ROUNDDOWN($C3550/24,0)+1,1))-1)+IF('Standard Profiles'!$G$18=$B$10,7,0)+IF('Standard Profiles'!$G$18=$B$17,14,0)+IF('Standard Profiles'!$G$18=$B$24,21,0),0)),0)</f>
        <v>0</v>
      </c>
      <c r="E3550" cm="1">
        <f t="array" ref="E3550">IFERROR(INDEX(Jesper!AI$2:AI$366,ROUNDDOWN($C3550/24,0)+1,1)*INDEX($D$3:$AA$30,INDEX(Jesper!$R$2:$R$366,ROW(INDEX(Jesper!AI$2:AI$366,ROUNDDOWN($C3550/24,0)+1,1))-1)+IF('Standard Profiles'!$G$19=$B$10,7,0)+IF('Standard Profiles'!$G$19=$B$17,14,0)+IF('Standard Profiles'!$G$19=$B$24,21,0),MOD($C3550,24)+1)/SUM(INDEX($D$3:$AA$30,INDEX(Jesper!$R$2:$R$366,ROW(INDEX(Jesper!AI$2:AI$366,ROUNDDOWN($C3550/24,0)+1,1))-1)+IF('Standard Profiles'!$G$19=$B$10,7,0)+IF('Standard Profiles'!$G$19=$B$17,14,0)+IF('Standard Profiles'!$G$19=$B$24,21,0),0)),0)</f>
        <v>2.7423635370012001</v>
      </c>
      <c r="F3550" cm="1">
        <f t="array" ref="F3550">IFERROR(INDEX(Jesper!AJ$2:AJ$366,ROUNDDOWN($C3550/24,0)+1,1)*INDEX($D$3:$AA$30,INDEX(Jesper!$R$2:$R$366,ROW(INDEX(Jesper!AJ$2:AJ$366,ROUNDDOWN($C3550/24,0)+1,1))-1)+IF('Standard Profiles'!$G$20=$B$10,7,0)+IF('Standard Profiles'!$G$20=$B$17,14,0)+IF('Standard Profiles'!$G$20=$B$24,21,0),MOD($C3550,24)+1)/SUM(INDEX($D$3:$AA$30,INDEX(Jesper!$R$2:$R$366,ROW(INDEX(Jesper!AJ$2:AJ$366,ROUNDDOWN($C3550/24,0)+1,1))-1)+IF('Standard Profiles'!$G$20=$B$10,7,0)+IF('Standard Profiles'!$G$20=$B$17,14,0)+IF('Standard Profiles'!$G$20=$B$24,21,0),0)),0)</f>
        <v>1.3174054591931386</v>
      </c>
      <c r="G3550" cm="1">
        <f t="array" ref="G3550">IFERROR(INDEX(Jesper!AK$2:AK$366,ROUNDDOWN($C3550/24,0)+1,1)*INDEX($D$3:$AA$30,INDEX(Jesper!$R$2:$R$366,ROW(INDEX(Jesper!AK$2:AK$366,ROUNDDOWN($C3550/24,0)+1,1))-1)+IF('Standard Profiles'!$G$21=$B$10,7,0)+IF('Standard Profiles'!$G$21=$B$17,14,0)+IF('Standard Profiles'!$G$21=$B$24,21,0),MOD($C3550,24)+1)/SUM(INDEX($D$3:$AA$30,INDEX(Jesper!$R$2:$R$366,ROW(INDEX(Jesper!AK$2:AK$366,ROUNDDOWN($C3550/24,0)+1,1))-1)+IF('Standard Profiles'!$G$21=$B$10,7,0)+IF('Standard Profiles'!$G$21=$B$17,14,0)+IF('Standard Profiles'!$G$21=$B$24,21,0),0)),0)</f>
        <v>0.84872917198261788</v>
      </c>
      <c r="H3550" cm="1">
        <f t="array" ref="H3550">IFERROR(INDEX(Jesper!AL$2:AL$366,ROUNDDOWN($C3550/24,0)+1,1)*INDEX($D$3:$AA$30,INDEX(Jesper!$R$2:$R$366,ROW(INDEX(Jesper!AL$2:AL$366,ROUNDDOWN($C3550/24,0)+1,1))-1)+IF('Standard Profiles'!$G$22=$B$10,7,0)+IF('Standard Profiles'!$G$22=$B$17,14,0)+IF('Standard Profiles'!$G$22=$B$24,21,0),MOD($C3550,24)+1)/SUM(INDEX($D$3:$AA$30,INDEX(Jesper!$R$2:$R$366,ROW(INDEX(Jesper!AL$2:AL$366,ROUNDDOWN($C3550/24,0)+1,1))-1)+IF('Standard Profiles'!$G$22=$B$10,7,0)+IF('Standard Profiles'!$G$22=$B$17,14,0)+IF('Standard Profiles'!$G$22=$B$24,21,0),0)),0)</f>
        <v>0.61068675488009017</v>
      </c>
      <c r="I3550">
        <f t="shared" si="398"/>
        <v>0.58625928468488686</v>
      </c>
      <c r="J3550">
        <f t="shared" si="399"/>
        <v>4.6038420139320158</v>
      </c>
      <c r="K3550">
        <f t="shared" si="400"/>
        <v>0.21938908296009602</v>
      </c>
      <c r="L3550">
        <f t="shared" si="401"/>
        <v>0.10969454148004801</v>
      </c>
      <c r="M3550">
        <f t="shared" si="402"/>
        <v>0</v>
      </c>
      <c r="N3550" s="45">
        <f t="shared" si="403"/>
        <v>45073.499999991473</v>
      </c>
    </row>
    <row r="3551" spans="2:14" x14ac:dyDescent="0.25">
      <c r="B3551">
        <f t="shared" si="397"/>
        <v>6</v>
      </c>
      <c r="C3551" s="16">
        <v>3517</v>
      </c>
      <c r="D3551" cm="1">
        <f t="array" ref="D3551">IFERROR(INDEX(Jesper!AH$2:AH$366,ROUNDDOWN($C3551/24,0)+1,1)*INDEX($D$3:$AA$30,INDEX(Jesper!$R$2:$R$366,ROW(INDEX(Jesper!AH$2:AH$366,ROUNDDOWN($C3551/24,0)+1,1))-1)+IF('Standard Profiles'!$G$18=$B$10,7,0)+IF('Standard Profiles'!$G$18=$B$17,14,0)+IF('Standard Profiles'!$G$18=$B$24,21,0),MOD($C3551,24)+1)/SUM(INDEX($D$3:$AA$30,INDEX(Jesper!$R$2:$R$366,ROW(INDEX(Jesper!AH$2:AH$366,ROUNDDOWN($C3551/24,0)+1,1))-1)+IF('Standard Profiles'!$G$18=$B$10,7,0)+IF('Standard Profiles'!$G$18=$B$17,14,0)+IF('Standard Profiles'!$G$18=$B$24,21,0),0)),0)</f>
        <v>0</v>
      </c>
      <c r="E3551" cm="1">
        <f t="array" ref="E3551">IFERROR(INDEX(Jesper!AI$2:AI$366,ROUNDDOWN($C3551/24,0)+1,1)*INDEX($D$3:$AA$30,INDEX(Jesper!$R$2:$R$366,ROW(INDEX(Jesper!AI$2:AI$366,ROUNDDOWN($C3551/24,0)+1,1))-1)+IF('Standard Profiles'!$G$19=$B$10,7,0)+IF('Standard Profiles'!$G$19=$B$17,14,0)+IF('Standard Profiles'!$G$19=$B$24,21,0),MOD($C3551,24)+1)/SUM(INDEX($D$3:$AA$30,INDEX(Jesper!$R$2:$R$366,ROW(INDEX(Jesper!AI$2:AI$366,ROUNDDOWN($C3551/24,0)+1,1))-1)+IF('Standard Profiles'!$G$19=$B$10,7,0)+IF('Standard Profiles'!$G$19=$B$17,14,0)+IF('Standard Profiles'!$G$19=$B$24,21,0),0)),0)</f>
        <v>2.7423635370012001</v>
      </c>
      <c r="F3551" cm="1">
        <f t="array" ref="F3551">IFERROR(INDEX(Jesper!AJ$2:AJ$366,ROUNDDOWN($C3551/24,0)+1,1)*INDEX($D$3:$AA$30,INDEX(Jesper!$R$2:$R$366,ROW(INDEX(Jesper!AJ$2:AJ$366,ROUNDDOWN($C3551/24,0)+1,1))-1)+IF('Standard Profiles'!$G$20=$B$10,7,0)+IF('Standard Profiles'!$G$20=$B$17,14,0)+IF('Standard Profiles'!$G$20=$B$24,21,0),MOD($C3551,24)+1)/SUM(INDEX($D$3:$AA$30,INDEX(Jesper!$R$2:$R$366,ROW(INDEX(Jesper!AJ$2:AJ$366,ROUNDDOWN($C3551/24,0)+1,1))-1)+IF('Standard Profiles'!$G$20=$B$10,7,0)+IF('Standard Profiles'!$G$20=$B$17,14,0)+IF('Standard Profiles'!$G$20=$B$24,21,0),0)),0)</f>
        <v>1.3174054591931386</v>
      </c>
      <c r="G3551" cm="1">
        <f t="array" ref="G3551">IFERROR(INDEX(Jesper!AK$2:AK$366,ROUNDDOWN($C3551/24,0)+1,1)*INDEX($D$3:$AA$30,INDEX(Jesper!$R$2:$R$366,ROW(INDEX(Jesper!AK$2:AK$366,ROUNDDOWN($C3551/24,0)+1,1))-1)+IF('Standard Profiles'!$G$21=$B$10,7,0)+IF('Standard Profiles'!$G$21=$B$17,14,0)+IF('Standard Profiles'!$G$21=$B$24,21,0),MOD($C3551,24)+1)/SUM(INDEX($D$3:$AA$30,INDEX(Jesper!$R$2:$R$366,ROW(INDEX(Jesper!AK$2:AK$366,ROUNDDOWN($C3551/24,0)+1,1))-1)+IF('Standard Profiles'!$G$21=$B$10,7,0)+IF('Standard Profiles'!$G$21=$B$17,14,0)+IF('Standard Profiles'!$G$21=$B$24,21,0),0)),0)</f>
        <v>0.84872917198261788</v>
      </c>
      <c r="H3551" cm="1">
        <f t="array" ref="H3551">IFERROR(INDEX(Jesper!AL$2:AL$366,ROUNDDOWN($C3551/24,0)+1,1)*INDEX($D$3:$AA$30,INDEX(Jesper!$R$2:$R$366,ROW(INDEX(Jesper!AL$2:AL$366,ROUNDDOWN($C3551/24,0)+1,1))-1)+IF('Standard Profiles'!$G$22=$B$10,7,0)+IF('Standard Profiles'!$G$22=$B$17,14,0)+IF('Standard Profiles'!$G$22=$B$24,21,0),MOD($C3551,24)+1)/SUM(INDEX($D$3:$AA$30,INDEX(Jesper!$R$2:$R$366,ROW(INDEX(Jesper!AL$2:AL$366,ROUNDDOWN($C3551/24,0)+1,1))-1)+IF('Standard Profiles'!$G$22=$B$10,7,0)+IF('Standard Profiles'!$G$22=$B$17,14,0)+IF('Standard Profiles'!$G$22=$B$24,21,0),0)),0)</f>
        <v>0.61068675488009017</v>
      </c>
      <c r="I3551">
        <f t="shared" si="398"/>
        <v>0.58625928468488686</v>
      </c>
      <c r="J3551">
        <f t="shared" si="399"/>
        <v>4.6038420139320158</v>
      </c>
      <c r="K3551">
        <f t="shared" si="400"/>
        <v>0.21938908296009602</v>
      </c>
      <c r="L3551">
        <f t="shared" si="401"/>
        <v>0.10969454148004801</v>
      </c>
      <c r="M3551">
        <f t="shared" si="402"/>
        <v>0</v>
      </c>
      <c r="N3551" s="45">
        <f t="shared" si="403"/>
        <v>45073.541666658137</v>
      </c>
    </row>
    <row r="3552" spans="2:14" x14ac:dyDescent="0.25">
      <c r="B3552">
        <f t="shared" si="397"/>
        <v>6</v>
      </c>
      <c r="C3552" s="16">
        <v>3518</v>
      </c>
      <c r="D3552" cm="1">
        <f t="array" ref="D3552">IFERROR(INDEX(Jesper!AH$2:AH$366,ROUNDDOWN($C3552/24,0)+1,1)*INDEX($D$3:$AA$30,INDEX(Jesper!$R$2:$R$366,ROW(INDEX(Jesper!AH$2:AH$366,ROUNDDOWN($C3552/24,0)+1,1))-1)+IF('Standard Profiles'!$G$18=$B$10,7,0)+IF('Standard Profiles'!$G$18=$B$17,14,0)+IF('Standard Profiles'!$G$18=$B$24,21,0),MOD($C3552,24)+1)/SUM(INDEX($D$3:$AA$30,INDEX(Jesper!$R$2:$R$366,ROW(INDEX(Jesper!AH$2:AH$366,ROUNDDOWN($C3552/24,0)+1,1))-1)+IF('Standard Profiles'!$G$18=$B$10,7,0)+IF('Standard Profiles'!$G$18=$B$17,14,0)+IF('Standard Profiles'!$G$18=$B$24,21,0),0)),0)</f>
        <v>0</v>
      </c>
      <c r="E3552" cm="1">
        <f t="array" ref="E3552">IFERROR(INDEX(Jesper!AI$2:AI$366,ROUNDDOWN($C3552/24,0)+1,1)*INDEX($D$3:$AA$30,INDEX(Jesper!$R$2:$R$366,ROW(INDEX(Jesper!AI$2:AI$366,ROUNDDOWN($C3552/24,0)+1,1))-1)+IF('Standard Profiles'!$G$19=$B$10,7,0)+IF('Standard Profiles'!$G$19=$B$17,14,0)+IF('Standard Profiles'!$G$19=$B$24,21,0),MOD($C3552,24)+1)/SUM(INDEX($D$3:$AA$30,INDEX(Jesper!$R$2:$R$366,ROW(INDEX(Jesper!AI$2:AI$366,ROUNDDOWN($C3552/24,0)+1,1))-1)+IF('Standard Profiles'!$G$19=$B$10,7,0)+IF('Standard Profiles'!$G$19=$B$17,14,0)+IF('Standard Profiles'!$G$19=$B$24,21,0),0)),0)</f>
        <v>2.7423635370012001</v>
      </c>
      <c r="F3552" cm="1">
        <f t="array" ref="F3552">IFERROR(INDEX(Jesper!AJ$2:AJ$366,ROUNDDOWN($C3552/24,0)+1,1)*INDEX($D$3:$AA$30,INDEX(Jesper!$R$2:$R$366,ROW(INDEX(Jesper!AJ$2:AJ$366,ROUNDDOWN($C3552/24,0)+1,1))-1)+IF('Standard Profiles'!$G$20=$B$10,7,0)+IF('Standard Profiles'!$G$20=$B$17,14,0)+IF('Standard Profiles'!$G$20=$B$24,21,0),MOD($C3552,24)+1)/SUM(INDEX($D$3:$AA$30,INDEX(Jesper!$R$2:$R$366,ROW(INDEX(Jesper!AJ$2:AJ$366,ROUNDDOWN($C3552/24,0)+1,1))-1)+IF('Standard Profiles'!$G$20=$B$10,7,0)+IF('Standard Profiles'!$G$20=$B$17,14,0)+IF('Standard Profiles'!$G$20=$B$24,21,0),0)),0)</f>
        <v>1.3174054591931386</v>
      </c>
      <c r="G3552" cm="1">
        <f t="array" ref="G3552">IFERROR(INDEX(Jesper!AK$2:AK$366,ROUNDDOWN($C3552/24,0)+1,1)*INDEX($D$3:$AA$30,INDEX(Jesper!$R$2:$R$366,ROW(INDEX(Jesper!AK$2:AK$366,ROUNDDOWN($C3552/24,0)+1,1))-1)+IF('Standard Profiles'!$G$21=$B$10,7,0)+IF('Standard Profiles'!$G$21=$B$17,14,0)+IF('Standard Profiles'!$G$21=$B$24,21,0),MOD($C3552,24)+1)/SUM(INDEX($D$3:$AA$30,INDEX(Jesper!$R$2:$R$366,ROW(INDEX(Jesper!AK$2:AK$366,ROUNDDOWN($C3552/24,0)+1,1))-1)+IF('Standard Profiles'!$G$21=$B$10,7,0)+IF('Standard Profiles'!$G$21=$B$17,14,0)+IF('Standard Profiles'!$G$21=$B$24,21,0),0)),0)</f>
        <v>0.84872917198261788</v>
      </c>
      <c r="H3552" cm="1">
        <f t="array" ref="H3552">IFERROR(INDEX(Jesper!AL$2:AL$366,ROUNDDOWN($C3552/24,0)+1,1)*INDEX($D$3:$AA$30,INDEX(Jesper!$R$2:$R$366,ROW(INDEX(Jesper!AL$2:AL$366,ROUNDDOWN($C3552/24,0)+1,1))-1)+IF('Standard Profiles'!$G$22=$B$10,7,0)+IF('Standard Profiles'!$G$22=$B$17,14,0)+IF('Standard Profiles'!$G$22=$B$24,21,0),MOD($C3552,24)+1)/SUM(INDEX($D$3:$AA$30,INDEX(Jesper!$R$2:$R$366,ROW(INDEX(Jesper!AL$2:AL$366,ROUNDDOWN($C3552/24,0)+1,1))-1)+IF('Standard Profiles'!$G$22=$B$10,7,0)+IF('Standard Profiles'!$G$22=$B$17,14,0)+IF('Standard Profiles'!$G$22=$B$24,21,0),0)),0)</f>
        <v>0.61068675488009017</v>
      </c>
      <c r="I3552">
        <f t="shared" si="398"/>
        <v>0.58625928468488686</v>
      </c>
      <c r="J3552">
        <f t="shared" si="399"/>
        <v>4.6038420139320158</v>
      </c>
      <c r="K3552">
        <f t="shared" si="400"/>
        <v>0.21938908296009602</v>
      </c>
      <c r="L3552">
        <f t="shared" si="401"/>
        <v>0.10969454148004801</v>
      </c>
      <c r="M3552">
        <f t="shared" si="402"/>
        <v>0</v>
      </c>
      <c r="N3552" s="45">
        <f t="shared" si="403"/>
        <v>45073.583333324801</v>
      </c>
    </row>
    <row r="3553" spans="2:14" x14ac:dyDescent="0.25">
      <c r="B3553">
        <f t="shared" si="397"/>
        <v>6</v>
      </c>
      <c r="C3553" s="16">
        <v>3519</v>
      </c>
      <c r="D3553" cm="1">
        <f t="array" ref="D3553">IFERROR(INDEX(Jesper!AH$2:AH$366,ROUNDDOWN($C3553/24,0)+1,1)*INDEX($D$3:$AA$30,INDEX(Jesper!$R$2:$R$366,ROW(INDEX(Jesper!AH$2:AH$366,ROUNDDOWN($C3553/24,0)+1,1))-1)+IF('Standard Profiles'!$G$18=$B$10,7,0)+IF('Standard Profiles'!$G$18=$B$17,14,0)+IF('Standard Profiles'!$G$18=$B$24,21,0),MOD($C3553,24)+1)/SUM(INDEX($D$3:$AA$30,INDEX(Jesper!$R$2:$R$366,ROW(INDEX(Jesper!AH$2:AH$366,ROUNDDOWN($C3553/24,0)+1,1))-1)+IF('Standard Profiles'!$G$18=$B$10,7,0)+IF('Standard Profiles'!$G$18=$B$17,14,0)+IF('Standard Profiles'!$G$18=$B$24,21,0),0)),0)</f>
        <v>0</v>
      </c>
      <c r="E3553" cm="1">
        <f t="array" ref="E3553">IFERROR(INDEX(Jesper!AI$2:AI$366,ROUNDDOWN($C3553/24,0)+1,1)*INDEX($D$3:$AA$30,INDEX(Jesper!$R$2:$R$366,ROW(INDEX(Jesper!AI$2:AI$366,ROUNDDOWN($C3553/24,0)+1,1))-1)+IF('Standard Profiles'!$G$19=$B$10,7,0)+IF('Standard Profiles'!$G$19=$B$17,14,0)+IF('Standard Profiles'!$G$19=$B$24,21,0),MOD($C3553,24)+1)/SUM(INDEX($D$3:$AA$30,INDEX(Jesper!$R$2:$R$366,ROW(INDEX(Jesper!AI$2:AI$366,ROUNDDOWN($C3553/24,0)+1,1))-1)+IF('Standard Profiles'!$G$19=$B$10,7,0)+IF('Standard Profiles'!$G$19=$B$17,14,0)+IF('Standard Profiles'!$G$19=$B$24,21,0),0)),0)</f>
        <v>2.7423635370012001</v>
      </c>
      <c r="F3553" cm="1">
        <f t="array" ref="F3553">IFERROR(INDEX(Jesper!AJ$2:AJ$366,ROUNDDOWN($C3553/24,0)+1,1)*INDEX($D$3:$AA$30,INDEX(Jesper!$R$2:$R$366,ROW(INDEX(Jesper!AJ$2:AJ$366,ROUNDDOWN($C3553/24,0)+1,1))-1)+IF('Standard Profiles'!$G$20=$B$10,7,0)+IF('Standard Profiles'!$G$20=$B$17,14,0)+IF('Standard Profiles'!$G$20=$B$24,21,0),MOD($C3553,24)+1)/SUM(INDEX($D$3:$AA$30,INDEX(Jesper!$R$2:$R$366,ROW(INDEX(Jesper!AJ$2:AJ$366,ROUNDDOWN($C3553/24,0)+1,1))-1)+IF('Standard Profiles'!$G$20=$B$10,7,0)+IF('Standard Profiles'!$G$20=$B$17,14,0)+IF('Standard Profiles'!$G$20=$B$24,21,0),0)),0)</f>
        <v>1.3174054591931386</v>
      </c>
      <c r="G3553" cm="1">
        <f t="array" ref="G3553">IFERROR(INDEX(Jesper!AK$2:AK$366,ROUNDDOWN($C3553/24,0)+1,1)*INDEX($D$3:$AA$30,INDEX(Jesper!$R$2:$R$366,ROW(INDEX(Jesper!AK$2:AK$366,ROUNDDOWN($C3553/24,0)+1,1))-1)+IF('Standard Profiles'!$G$21=$B$10,7,0)+IF('Standard Profiles'!$G$21=$B$17,14,0)+IF('Standard Profiles'!$G$21=$B$24,21,0),MOD($C3553,24)+1)/SUM(INDEX($D$3:$AA$30,INDEX(Jesper!$R$2:$R$366,ROW(INDEX(Jesper!AK$2:AK$366,ROUNDDOWN($C3553/24,0)+1,1))-1)+IF('Standard Profiles'!$G$21=$B$10,7,0)+IF('Standard Profiles'!$G$21=$B$17,14,0)+IF('Standard Profiles'!$G$21=$B$24,21,0),0)),0)</f>
        <v>0.84872917198261788</v>
      </c>
      <c r="H3553" cm="1">
        <f t="array" ref="H3553">IFERROR(INDEX(Jesper!AL$2:AL$366,ROUNDDOWN($C3553/24,0)+1,1)*INDEX($D$3:$AA$30,INDEX(Jesper!$R$2:$R$366,ROW(INDEX(Jesper!AL$2:AL$366,ROUNDDOWN($C3553/24,0)+1,1))-1)+IF('Standard Profiles'!$G$22=$B$10,7,0)+IF('Standard Profiles'!$G$22=$B$17,14,0)+IF('Standard Profiles'!$G$22=$B$24,21,0),MOD($C3553,24)+1)/SUM(INDEX($D$3:$AA$30,INDEX(Jesper!$R$2:$R$366,ROW(INDEX(Jesper!AL$2:AL$366,ROUNDDOWN($C3553/24,0)+1,1))-1)+IF('Standard Profiles'!$G$22=$B$10,7,0)+IF('Standard Profiles'!$G$22=$B$17,14,0)+IF('Standard Profiles'!$G$22=$B$24,21,0),0)),0)</f>
        <v>0.55212775098747879</v>
      </c>
      <c r="I3553">
        <f t="shared" si="398"/>
        <v>0.53004264094797993</v>
      </c>
      <c r="J3553">
        <f t="shared" si="399"/>
        <v>4.6014996537763118</v>
      </c>
      <c r="K3553">
        <f t="shared" si="400"/>
        <v>0.21938908296009602</v>
      </c>
      <c r="L3553">
        <f t="shared" si="401"/>
        <v>0.10969454148004801</v>
      </c>
      <c r="M3553">
        <f t="shared" si="402"/>
        <v>0</v>
      </c>
      <c r="N3553" s="45">
        <f t="shared" si="403"/>
        <v>45073.624999991465</v>
      </c>
    </row>
    <row r="3554" spans="2:14" x14ac:dyDescent="0.25">
      <c r="B3554">
        <f t="shared" si="397"/>
        <v>6</v>
      </c>
      <c r="C3554" s="16">
        <v>3520</v>
      </c>
      <c r="D3554" cm="1">
        <f t="array" ref="D3554">IFERROR(INDEX(Jesper!AH$2:AH$366,ROUNDDOWN($C3554/24,0)+1,1)*INDEX($D$3:$AA$30,INDEX(Jesper!$R$2:$R$366,ROW(INDEX(Jesper!AH$2:AH$366,ROUNDDOWN($C3554/24,0)+1,1))-1)+IF('Standard Profiles'!$G$18=$B$10,7,0)+IF('Standard Profiles'!$G$18=$B$17,14,0)+IF('Standard Profiles'!$G$18=$B$24,21,0),MOD($C3554,24)+1)/SUM(INDEX($D$3:$AA$30,INDEX(Jesper!$R$2:$R$366,ROW(INDEX(Jesper!AH$2:AH$366,ROUNDDOWN($C3554/24,0)+1,1))-1)+IF('Standard Profiles'!$G$18=$B$10,7,0)+IF('Standard Profiles'!$G$18=$B$17,14,0)+IF('Standard Profiles'!$G$18=$B$24,21,0),0)),0)</f>
        <v>0</v>
      </c>
      <c r="E3554" cm="1">
        <f t="array" ref="E3554">IFERROR(INDEX(Jesper!AI$2:AI$366,ROUNDDOWN($C3554/24,0)+1,1)*INDEX($D$3:$AA$30,INDEX(Jesper!$R$2:$R$366,ROW(INDEX(Jesper!AI$2:AI$366,ROUNDDOWN($C3554/24,0)+1,1))-1)+IF('Standard Profiles'!$G$19=$B$10,7,0)+IF('Standard Profiles'!$G$19=$B$17,14,0)+IF('Standard Profiles'!$G$19=$B$24,21,0),MOD($C3554,24)+1)/SUM(INDEX($D$3:$AA$30,INDEX(Jesper!$R$2:$R$366,ROW(INDEX(Jesper!AI$2:AI$366,ROUNDDOWN($C3554/24,0)+1,1))-1)+IF('Standard Profiles'!$G$19=$B$10,7,0)+IF('Standard Profiles'!$G$19=$B$17,14,0)+IF('Standard Profiles'!$G$19=$B$24,21,0),0)),0)</f>
        <v>2.7423635370012001</v>
      </c>
      <c r="F3554" cm="1">
        <f t="array" ref="F3554">IFERROR(INDEX(Jesper!AJ$2:AJ$366,ROUNDDOWN($C3554/24,0)+1,1)*INDEX($D$3:$AA$30,INDEX(Jesper!$R$2:$R$366,ROW(INDEX(Jesper!AJ$2:AJ$366,ROUNDDOWN($C3554/24,0)+1,1))-1)+IF('Standard Profiles'!$G$20=$B$10,7,0)+IF('Standard Profiles'!$G$20=$B$17,14,0)+IF('Standard Profiles'!$G$20=$B$24,21,0),MOD($C3554,24)+1)/SUM(INDEX($D$3:$AA$30,INDEX(Jesper!$R$2:$R$366,ROW(INDEX(Jesper!AJ$2:AJ$366,ROUNDDOWN($C3554/24,0)+1,1))-1)+IF('Standard Profiles'!$G$20=$B$10,7,0)+IF('Standard Profiles'!$G$20=$B$17,14,0)+IF('Standard Profiles'!$G$20=$B$24,21,0),0)),0)</f>
        <v>1.3174054591931386</v>
      </c>
      <c r="G3554" cm="1">
        <f t="array" ref="G3554">IFERROR(INDEX(Jesper!AK$2:AK$366,ROUNDDOWN($C3554/24,0)+1,1)*INDEX($D$3:$AA$30,INDEX(Jesper!$R$2:$R$366,ROW(INDEX(Jesper!AK$2:AK$366,ROUNDDOWN($C3554/24,0)+1,1))-1)+IF('Standard Profiles'!$G$21=$B$10,7,0)+IF('Standard Profiles'!$G$21=$B$17,14,0)+IF('Standard Profiles'!$G$21=$B$24,21,0),MOD($C3554,24)+1)/SUM(INDEX($D$3:$AA$30,INDEX(Jesper!$R$2:$R$366,ROW(INDEX(Jesper!AK$2:AK$366,ROUNDDOWN($C3554/24,0)+1,1))-1)+IF('Standard Profiles'!$G$21=$B$10,7,0)+IF('Standard Profiles'!$G$21=$B$17,14,0)+IF('Standard Profiles'!$G$21=$B$24,21,0),0)),0)</f>
        <v>0.84872917198261788</v>
      </c>
      <c r="H3554" cm="1">
        <f t="array" ref="H3554">IFERROR(INDEX(Jesper!AL$2:AL$366,ROUNDDOWN($C3554/24,0)+1,1)*INDEX($D$3:$AA$30,INDEX(Jesper!$R$2:$R$366,ROW(INDEX(Jesper!AL$2:AL$366,ROUNDDOWN($C3554/24,0)+1,1))-1)+IF('Standard Profiles'!$G$22=$B$10,7,0)+IF('Standard Profiles'!$G$22=$B$17,14,0)+IF('Standard Profiles'!$G$22=$B$24,21,0),MOD($C3554,24)+1)/SUM(INDEX($D$3:$AA$30,INDEX(Jesper!$R$2:$R$366,ROW(INDEX(Jesper!AL$2:AL$366,ROUNDDOWN($C3554/24,0)+1,1))-1)+IF('Standard Profiles'!$G$22=$B$10,7,0)+IF('Standard Profiles'!$G$22=$B$17,14,0)+IF('Standard Profiles'!$G$22=$B$24,21,0),0)),0)</f>
        <v>0.50193431907952624</v>
      </c>
      <c r="I3554">
        <f t="shared" si="398"/>
        <v>0.48185694631634546</v>
      </c>
      <c r="J3554">
        <f t="shared" si="399"/>
        <v>4.5994919164999937</v>
      </c>
      <c r="K3554">
        <f t="shared" si="400"/>
        <v>0.21938908296009602</v>
      </c>
      <c r="L3554">
        <f t="shared" si="401"/>
        <v>0.10969454148004801</v>
      </c>
      <c r="M3554">
        <f t="shared" si="402"/>
        <v>0</v>
      </c>
      <c r="N3554" s="45">
        <f t="shared" si="403"/>
        <v>45073.66666665813</v>
      </c>
    </row>
    <row r="3555" spans="2:14" x14ac:dyDescent="0.25">
      <c r="B3555">
        <f t="shared" ref="B3555:B3618" si="404">WEEKDAY(N3555,2)</f>
        <v>6</v>
      </c>
      <c r="C3555" s="16">
        <v>3521</v>
      </c>
      <c r="D3555" cm="1">
        <f t="array" ref="D3555">IFERROR(INDEX(Jesper!AH$2:AH$366,ROUNDDOWN($C3555/24,0)+1,1)*INDEX($D$3:$AA$30,INDEX(Jesper!$R$2:$R$366,ROW(INDEX(Jesper!AH$2:AH$366,ROUNDDOWN($C3555/24,0)+1,1))-1)+IF('Standard Profiles'!$G$18=$B$10,7,0)+IF('Standard Profiles'!$G$18=$B$17,14,0)+IF('Standard Profiles'!$G$18=$B$24,21,0),MOD($C3555,24)+1)/SUM(INDEX($D$3:$AA$30,INDEX(Jesper!$R$2:$R$366,ROW(INDEX(Jesper!AH$2:AH$366,ROUNDDOWN($C3555/24,0)+1,1))-1)+IF('Standard Profiles'!$G$18=$B$10,7,0)+IF('Standard Profiles'!$G$18=$B$17,14,0)+IF('Standard Profiles'!$G$18=$B$24,21,0),0)),0)</f>
        <v>0</v>
      </c>
      <c r="E3555" cm="1">
        <f t="array" ref="E3555">IFERROR(INDEX(Jesper!AI$2:AI$366,ROUNDDOWN($C3555/24,0)+1,1)*INDEX($D$3:$AA$30,INDEX(Jesper!$R$2:$R$366,ROW(INDEX(Jesper!AI$2:AI$366,ROUNDDOWN($C3555/24,0)+1,1))-1)+IF('Standard Profiles'!$G$19=$B$10,7,0)+IF('Standard Profiles'!$G$19=$B$17,14,0)+IF('Standard Profiles'!$G$19=$B$24,21,0),MOD($C3555,24)+1)/SUM(INDEX($D$3:$AA$30,INDEX(Jesper!$R$2:$R$366,ROW(INDEX(Jesper!AI$2:AI$366,ROUNDDOWN($C3555/24,0)+1,1))-1)+IF('Standard Profiles'!$G$19=$B$10,7,0)+IF('Standard Profiles'!$G$19=$B$17,14,0)+IF('Standard Profiles'!$G$19=$B$24,21,0),0)),0)</f>
        <v>2.7423635370012001</v>
      </c>
      <c r="F3555" cm="1">
        <f t="array" ref="F3555">IFERROR(INDEX(Jesper!AJ$2:AJ$366,ROUNDDOWN($C3555/24,0)+1,1)*INDEX($D$3:$AA$30,INDEX(Jesper!$R$2:$R$366,ROW(INDEX(Jesper!AJ$2:AJ$366,ROUNDDOWN($C3555/24,0)+1,1))-1)+IF('Standard Profiles'!$G$20=$B$10,7,0)+IF('Standard Profiles'!$G$20=$B$17,14,0)+IF('Standard Profiles'!$G$20=$B$24,21,0),MOD($C3555,24)+1)/SUM(INDEX($D$3:$AA$30,INDEX(Jesper!$R$2:$R$366,ROW(INDEX(Jesper!AJ$2:AJ$366,ROUNDDOWN($C3555/24,0)+1,1))-1)+IF('Standard Profiles'!$G$20=$B$10,7,0)+IF('Standard Profiles'!$G$20=$B$17,14,0)+IF('Standard Profiles'!$G$20=$B$24,21,0),0)),0)</f>
        <v>1.3174054591931386</v>
      </c>
      <c r="G3555" cm="1">
        <f t="array" ref="G3555">IFERROR(INDEX(Jesper!AK$2:AK$366,ROUNDDOWN($C3555/24,0)+1,1)*INDEX($D$3:$AA$30,INDEX(Jesper!$R$2:$R$366,ROW(INDEX(Jesper!AK$2:AK$366,ROUNDDOWN($C3555/24,0)+1,1))-1)+IF('Standard Profiles'!$G$21=$B$10,7,0)+IF('Standard Profiles'!$G$21=$B$17,14,0)+IF('Standard Profiles'!$G$21=$B$24,21,0),MOD($C3555,24)+1)/SUM(INDEX($D$3:$AA$30,INDEX(Jesper!$R$2:$R$366,ROW(INDEX(Jesper!AK$2:AK$366,ROUNDDOWN($C3555/24,0)+1,1))-1)+IF('Standard Profiles'!$G$21=$B$10,7,0)+IF('Standard Profiles'!$G$21=$B$17,14,0)+IF('Standard Profiles'!$G$21=$B$24,21,0),0)),0)</f>
        <v>0.84872917198261788</v>
      </c>
      <c r="H3555" cm="1">
        <f t="array" ref="H3555">IFERROR(INDEX(Jesper!AL$2:AL$366,ROUNDDOWN($C3555/24,0)+1,1)*INDEX($D$3:$AA$30,INDEX(Jesper!$R$2:$R$366,ROW(INDEX(Jesper!AL$2:AL$366,ROUNDDOWN($C3555/24,0)+1,1))-1)+IF('Standard Profiles'!$G$22=$B$10,7,0)+IF('Standard Profiles'!$G$22=$B$17,14,0)+IF('Standard Profiles'!$G$22=$B$24,21,0),MOD($C3555,24)+1)/SUM(INDEX($D$3:$AA$30,INDEX(Jesper!$R$2:$R$366,ROW(INDEX(Jesper!AL$2:AL$366,ROUNDDOWN($C3555/24,0)+1,1))-1)+IF('Standard Profiles'!$G$22=$B$10,7,0)+IF('Standard Profiles'!$G$22=$B$17,14,0)+IF('Standard Profiles'!$G$22=$B$24,21,0),0)),0)</f>
        <v>0.45174088717157351</v>
      </c>
      <c r="I3555">
        <f t="shared" ref="I3555:I3618" si="405">IF($B3555&lt;6,AC$37*$D3555+AC$38*$E3555+AC$39*$F3555+AC$40*$G3555,AC$46*$D3555+AC$47*$E3555+AC$48*$F3555+AC$49*$G3555+AC$50*$H3555)</f>
        <v>0.43367125168471082</v>
      </c>
      <c r="J3555">
        <f t="shared" ref="J3555:J3618" si="406">IF($B3555&lt;6,AD$37*$D3555+AD$38*$E3555+AD$39*$F3555+AD$40*$G3555,AD$46*$D3555+AD$47*$E3555+AD$48*$F3555+AD$49*$G3555+AD$50*$H3555)</f>
        <v>4.5974841792236756</v>
      </c>
      <c r="K3555">
        <f t="shared" ref="K3555:K3618" si="407">IF($B3555&lt;6,AE$37*$D3555+AE$38*$E3555+AE$39*$F3555+AE$40*$G3555,AE$46*$D3555+AE$47*$E3555+AE$48*$F3555+AE$49*$G3555+AE$50*$H3555)</f>
        <v>0.21938908296009602</v>
      </c>
      <c r="L3555">
        <f t="shared" ref="L3555:L3618" si="408">IF($B3555&lt;6,AF$37*$D3555+AF$38*$E3555+AF$39*$F3555+AF$40*$G3555,AF$46*$D3555+AF$47*$E3555+AF$48*$F3555+AF$49*$G3555+AF$50*$H3555)</f>
        <v>0.10969454148004801</v>
      </c>
      <c r="M3555">
        <f t="shared" ref="M3555:M3618" si="409">IF($B3555&lt;6,AG$37*$D3555+AG$38*$E3555+AG$39*$F3555+AG$40*$G3555,AG$46*$D3555+AG$47*$E3555+AG$48*$F3555+AG$49*$G3555+AG$50*$H3555)</f>
        <v>0</v>
      </c>
      <c r="N3555" s="45">
        <f t="shared" si="403"/>
        <v>45073.708333324794</v>
      </c>
    </row>
    <row r="3556" spans="2:14" x14ac:dyDescent="0.25">
      <c r="B3556">
        <f t="shared" si="404"/>
        <v>6</v>
      </c>
      <c r="C3556" s="16">
        <v>3522</v>
      </c>
      <c r="D3556" cm="1">
        <f t="array" ref="D3556">IFERROR(INDEX(Jesper!AH$2:AH$366,ROUNDDOWN($C3556/24,0)+1,1)*INDEX($D$3:$AA$30,INDEX(Jesper!$R$2:$R$366,ROW(INDEX(Jesper!AH$2:AH$366,ROUNDDOWN($C3556/24,0)+1,1))-1)+IF('Standard Profiles'!$G$18=$B$10,7,0)+IF('Standard Profiles'!$G$18=$B$17,14,0)+IF('Standard Profiles'!$G$18=$B$24,21,0),MOD($C3556,24)+1)/SUM(INDEX($D$3:$AA$30,INDEX(Jesper!$R$2:$R$366,ROW(INDEX(Jesper!AH$2:AH$366,ROUNDDOWN($C3556/24,0)+1,1))-1)+IF('Standard Profiles'!$G$18=$B$10,7,0)+IF('Standard Profiles'!$G$18=$B$17,14,0)+IF('Standard Profiles'!$G$18=$B$24,21,0),0)),0)</f>
        <v>0</v>
      </c>
      <c r="E3556" cm="1">
        <f t="array" ref="E3556">IFERROR(INDEX(Jesper!AI$2:AI$366,ROUNDDOWN($C3556/24,0)+1,1)*INDEX($D$3:$AA$30,INDEX(Jesper!$R$2:$R$366,ROW(INDEX(Jesper!AI$2:AI$366,ROUNDDOWN($C3556/24,0)+1,1))-1)+IF('Standard Profiles'!$G$19=$B$10,7,0)+IF('Standard Profiles'!$G$19=$B$17,14,0)+IF('Standard Profiles'!$G$19=$B$24,21,0),MOD($C3556,24)+1)/SUM(INDEX($D$3:$AA$30,INDEX(Jesper!$R$2:$R$366,ROW(INDEX(Jesper!AI$2:AI$366,ROUNDDOWN($C3556/24,0)+1,1))-1)+IF('Standard Profiles'!$G$19=$B$10,7,0)+IF('Standard Profiles'!$G$19=$B$17,14,0)+IF('Standard Profiles'!$G$19=$B$24,21,0),0)),0)</f>
        <v>2.7423635370012001</v>
      </c>
      <c r="F3556" cm="1">
        <f t="array" ref="F3556">IFERROR(INDEX(Jesper!AJ$2:AJ$366,ROUNDDOWN($C3556/24,0)+1,1)*INDEX($D$3:$AA$30,INDEX(Jesper!$R$2:$R$366,ROW(INDEX(Jesper!AJ$2:AJ$366,ROUNDDOWN($C3556/24,0)+1,1))-1)+IF('Standard Profiles'!$G$20=$B$10,7,0)+IF('Standard Profiles'!$G$20=$B$17,14,0)+IF('Standard Profiles'!$G$20=$B$24,21,0),MOD($C3556,24)+1)/SUM(INDEX($D$3:$AA$30,INDEX(Jesper!$R$2:$R$366,ROW(INDEX(Jesper!AJ$2:AJ$366,ROUNDDOWN($C3556/24,0)+1,1))-1)+IF('Standard Profiles'!$G$20=$B$10,7,0)+IF('Standard Profiles'!$G$20=$B$17,14,0)+IF('Standard Profiles'!$G$20=$B$24,21,0),0)),0)</f>
        <v>1.3174054591931386</v>
      </c>
      <c r="G3556" cm="1">
        <f t="array" ref="G3556">IFERROR(INDEX(Jesper!AK$2:AK$366,ROUNDDOWN($C3556/24,0)+1,1)*INDEX($D$3:$AA$30,INDEX(Jesper!$R$2:$R$366,ROW(INDEX(Jesper!AK$2:AK$366,ROUNDDOWN($C3556/24,0)+1,1))-1)+IF('Standard Profiles'!$G$21=$B$10,7,0)+IF('Standard Profiles'!$G$21=$B$17,14,0)+IF('Standard Profiles'!$G$21=$B$24,21,0),MOD($C3556,24)+1)/SUM(INDEX($D$3:$AA$30,INDEX(Jesper!$R$2:$R$366,ROW(INDEX(Jesper!AK$2:AK$366,ROUNDDOWN($C3556/24,0)+1,1))-1)+IF('Standard Profiles'!$G$21=$B$10,7,0)+IF('Standard Profiles'!$G$21=$B$17,14,0)+IF('Standard Profiles'!$G$21=$B$24,21,0),0)),0)</f>
        <v>0.84872917198261788</v>
      </c>
      <c r="H3556" cm="1">
        <f t="array" ref="H3556">IFERROR(INDEX(Jesper!AL$2:AL$366,ROUNDDOWN($C3556/24,0)+1,1)*INDEX($D$3:$AA$30,INDEX(Jesper!$R$2:$R$366,ROW(INDEX(Jesper!AL$2:AL$366,ROUNDDOWN($C3556/24,0)+1,1))-1)+IF('Standard Profiles'!$G$22=$B$10,7,0)+IF('Standard Profiles'!$G$22=$B$17,14,0)+IF('Standard Profiles'!$G$22=$B$24,21,0),MOD($C3556,24)+1)/SUM(INDEX($D$3:$AA$30,INDEX(Jesper!$R$2:$R$366,ROW(INDEX(Jesper!AL$2:AL$366,ROUNDDOWN($C3556/24,0)+1,1))-1)+IF('Standard Profiles'!$G$22=$B$10,7,0)+IF('Standard Profiles'!$G$22=$B$17,14,0)+IF('Standard Profiles'!$G$22=$B$24,21,0),0)),0)</f>
        <v>0.43500974320225599</v>
      </c>
      <c r="I3556">
        <f t="shared" si="405"/>
        <v>0.417609353474166</v>
      </c>
      <c r="J3556">
        <f t="shared" si="406"/>
        <v>4.5968149334649029</v>
      </c>
      <c r="K3556">
        <f t="shared" si="407"/>
        <v>0.21938908296009602</v>
      </c>
      <c r="L3556">
        <f t="shared" si="408"/>
        <v>0.10969454148004801</v>
      </c>
      <c r="M3556">
        <f t="shared" si="409"/>
        <v>0</v>
      </c>
      <c r="N3556" s="45">
        <f t="shared" ref="N3556:N3619" si="410">N3555+1/24</f>
        <v>45073.749999991458</v>
      </c>
    </row>
    <row r="3557" spans="2:14" x14ac:dyDescent="0.25">
      <c r="B3557">
        <f t="shared" si="404"/>
        <v>6</v>
      </c>
      <c r="C3557" s="16">
        <v>3523</v>
      </c>
      <c r="D3557" cm="1">
        <f t="array" ref="D3557">IFERROR(INDEX(Jesper!AH$2:AH$366,ROUNDDOWN($C3557/24,0)+1,1)*INDEX($D$3:$AA$30,INDEX(Jesper!$R$2:$R$366,ROW(INDEX(Jesper!AH$2:AH$366,ROUNDDOWN($C3557/24,0)+1,1))-1)+IF('Standard Profiles'!$G$18=$B$10,7,0)+IF('Standard Profiles'!$G$18=$B$17,14,0)+IF('Standard Profiles'!$G$18=$B$24,21,0),MOD($C3557,24)+1)/SUM(INDEX($D$3:$AA$30,INDEX(Jesper!$R$2:$R$366,ROW(INDEX(Jesper!AH$2:AH$366,ROUNDDOWN($C3557/24,0)+1,1))-1)+IF('Standard Profiles'!$G$18=$B$10,7,0)+IF('Standard Profiles'!$G$18=$B$17,14,0)+IF('Standard Profiles'!$G$18=$B$24,21,0),0)),0)</f>
        <v>0</v>
      </c>
      <c r="E3557" cm="1">
        <f t="array" ref="E3557">IFERROR(INDEX(Jesper!AI$2:AI$366,ROUNDDOWN($C3557/24,0)+1,1)*INDEX($D$3:$AA$30,INDEX(Jesper!$R$2:$R$366,ROW(INDEX(Jesper!AI$2:AI$366,ROUNDDOWN($C3557/24,0)+1,1))-1)+IF('Standard Profiles'!$G$19=$B$10,7,0)+IF('Standard Profiles'!$G$19=$B$17,14,0)+IF('Standard Profiles'!$G$19=$B$24,21,0),MOD($C3557,24)+1)/SUM(INDEX($D$3:$AA$30,INDEX(Jesper!$R$2:$R$366,ROW(INDEX(Jesper!AI$2:AI$366,ROUNDDOWN($C3557/24,0)+1,1))-1)+IF('Standard Profiles'!$G$19=$B$10,7,0)+IF('Standard Profiles'!$G$19=$B$17,14,0)+IF('Standard Profiles'!$G$19=$B$24,21,0),0)),0)</f>
        <v>2.7423635370012001</v>
      </c>
      <c r="F3557" cm="1">
        <f t="array" ref="F3557">IFERROR(INDEX(Jesper!AJ$2:AJ$366,ROUNDDOWN($C3557/24,0)+1,1)*INDEX($D$3:$AA$30,INDEX(Jesper!$R$2:$R$366,ROW(INDEX(Jesper!AJ$2:AJ$366,ROUNDDOWN($C3557/24,0)+1,1))-1)+IF('Standard Profiles'!$G$20=$B$10,7,0)+IF('Standard Profiles'!$G$20=$B$17,14,0)+IF('Standard Profiles'!$G$20=$B$24,21,0),MOD($C3557,24)+1)/SUM(INDEX($D$3:$AA$30,INDEX(Jesper!$R$2:$R$366,ROW(INDEX(Jesper!AJ$2:AJ$366,ROUNDDOWN($C3557/24,0)+1,1))-1)+IF('Standard Profiles'!$G$20=$B$10,7,0)+IF('Standard Profiles'!$G$20=$B$17,14,0)+IF('Standard Profiles'!$G$20=$B$24,21,0),0)),0)</f>
        <v>1.3174054591931386</v>
      </c>
      <c r="G3557" cm="1">
        <f t="array" ref="G3557">IFERROR(INDEX(Jesper!AK$2:AK$366,ROUNDDOWN($C3557/24,0)+1,1)*INDEX($D$3:$AA$30,INDEX(Jesper!$R$2:$R$366,ROW(INDEX(Jesper!AK$2:AK$366,ROUNDDOWN($C3557/24,0)+1,1))-1)+IF('Standard Profiles'!$G$21=$B$10,7,0)+IF('Standard Profiles'!$G$21=$B$17,14,0)+IF('Standard Profiles'!$G$21=$B$24,21,0),MOD($C3557,24)+1)/SUM(INDEX($D$3:$AA$30,INDEX(Jesper!$R$2:$R$366,ROW(INDEX(Jesper!AK$2:AK$366,ROUNDDOWN($C3557/24,0)+1,1))-1)+IF('Standard Profiles'!$G$21=$B$10,7,0)+IF('Standard Profiles'!$G$21=$B$17,14,0)+IF('Standard Profiles'!$G$21=$B$24,21,0),0)),0)</f>
        <v>0.84872917198261788</v>
      </c>
      <c r="H3557" cm="1">
        <f t="array" ref="H3557">IFERROR(INDEX(Jesper!AL$2:AL$366,ROUNDDOWN($C3557/24,0)+1,1)*INDEX($D$3:$AA$30,INDEX(Jesper!$R$2:$R$366,ROW(INDEX(Jesper!AL$2:AL$366,ROUNDDOWN($C3557/24,0)+1,1))-1)+IF('Standard Profiles'!$G$22=$B$10,7,0)+IF('Standard Profiles'!$G$22=$B$17,14,0)+IF('Standard Profiles'!$G$22=$B$24,21,0),MOD($C3557,24)+1)/SUM(INDEX($D$3:$AA$30,INDEX(Jesper!$R$2:$R$366,ROW(INDEX(Jesper!AL$2:AL$366,ROUNDDOWN($C3557/24,0)+1,1))-1)+IF('Standard Profiles'!$G$22=$B$10,7,0)+IF('Standard Profiles'!$G$22=$B$17,14,0)+IF('Standard Profiles'!$G$22=$B$24,21,0),0)),0)</f>
        <v>0.35135402335566829</v>
      </c>
      <c r="I3557">
        <f t="shared" si="405"/>
        <v>0.33729986242144172</v>
      </c>
      <c r="J3557">
        <f t="shared" si="406"/>
        <v>4.5934687046710394</v>
      </c>
      <c r="K3557">
        <f t="shared" si="407"/>
        <v>0.21938908296009602</v>
      </c>
      <c r="L3557">
        <f t="shared" si="408"/>
        <v>0.10969454148004801</v>
      </c>
      <c r="M3557">
        <f t="shared" si="409"/>
        <v>0</v>
      </c>
      <c r="N3557" s="45">
        <f t="shared" si="410"/>
        <v>45073.791666658122</v>
      </c>
    </row>
    <row r="3558" spans="2:14" x14ac:dyDescent="0.25">
      <c r="B3558">
        <f t="shared" si="404"/>
        <v>6</v>
      </c>
      <c r="C3558" s="16">
        <v>3524</v>
      </c>
      <c r="D3558" cm="1">
        <f t="array" ref="D3558">IFERROR(INDEX(Jesper!AH$2:AH$366,ROUNDDOWN($C3558/24,0)+1,1)*INDEX($D$3:$AA$30,INDEX(Jesper!$R$2:$R$366,ROW(INDEX(Jesper!AH$2:AH$366,ROUNDDOWN($C3558/24,0)+1,1))-1)+IF('Standard Profiles'!$G$18=$B$10,7,0)+IF('Standard Profiles'!$G$18=$B$17,14,0)+IF('Standard Profiles'!$G$18=$B$24,21,0),MOD($C3558,24)+1)/SUM(INDEX($D$3:$AA$30,INDEX(Jesper!$R$2:$R$366,ROW(INDEX(Jesper!AH$2:AH$366,ROUNDDOWN($C3558/24,0)+1,1))-1)+IF('Standard Profiles'!$G$18=$B$10,7,0)+IF('Standard Profiles'!$G$18=$B$17,14,0)+IF('Standard Profiles'!$G$18=$B$24,21,0),0)),0)</f>
        <v>0</v>
      </c>
      <c r="E3558" cm="1">
        <f t="array" ref="E3558">IFERROR(INDEX(Jesper!AI$2:AI$366,ROUNDDOWN($C3558/24,0)+1,1)*INDEX($D$3:$AA$30,INDEX(Jesper!$R$2:$R$366,ROW(INDEX(Jesper!AI$2:AI$366,ROUNDDOWN($C3558/24,0)+1,1))-1)+IF('Standard Profiles'!$G$19=$B$10,7,0)+IF('Standard Profiles'!$G$19=$B$17,14,0)+IF('Standard Profiles'!$G$19=$B$24,21,0),MOD($C3558,24)+1)/SUM(INDEX($D$3:$AA$30,INDEX(Jesper!$R$2:$R$366,ROW(INDEX(Jesper!AI$2:AI$366,ROUNDDOWN($C3558/24,0)+1,1))-1)+IF('Standard Profiles'!$G$19=$B$10,7,0)+IF('Standard Profiles'!$G$19=$B$17,14,0)+IF('Standard Profiles'!$G$19=$B$24,21,0),0)),0)</f>
        <v>2.7423635370012001</v>
      </c>
      <c r="F3558" cm="1">
        <f t="array" ref="F3558">IFERROR(INDEX(Jesper!AJ$2:AJ$366,ROUNDDOWN($C3558/24,0)+1,1)*INDEX($D$3:$AA$30,INDEX(Jesper!$R$2:$R$366,ROW(INDEX(Jesper!AJ$2:AJ$366,ROUNDDOWN($C3558/24,0)+1,1))-1)+IF('Standard Profiles'!$G$20=$B$10,7,0)+IF('Standard Profiles'!$G$20=$B$17,14,0)+IF('Standard Profiles'!$G$20=$B$24,21,0),MOD($C3558,24)+1)/SUM(INDEX($D$3:$AA$30,INDEX(Jesper!$R$2:$R$366,ROW(INDEX(Jesper!AJ$2:AJ$366,ROUNDDOWN($C3558/24,0)+1,1))-1)+IF('Standard Profiles'!$G$20=$B$10,7,0)+IF('Standard Profiles'!$G$20=$B$17,14,0)+IF('Standard Profiles'!$G$20=$B$24,21,0),0)),0)</f>
        <v>1.3174054591931386</v>
      </c>
      <c r="G3558" cm="1">
        <f t="array" ref="G3558">IFERROR(INDEX(Jesper!AK$2:AK$366,ROUNDDOWN($C3558/24,0)+1,1)*INDEX($D$3:$AA$30,INDEX(Jesper!$R$2:$R$366,ROW(INDEX(Jesper!AK$2:AK$366,ROUNDDOWN($C3558/24,0)+1,1))-1)+IF('Standard Profiles'!$G$21=$B$10,7,0)+IF('Standard Profiles'!$G$21=$B$17,14,0)+IF('Standard Profiles'!$G$21=$B$24,21,0),MOD($C3558,24)+1)/SUM(INDEX($D$3:$AA$30,INDEX(Jesper!$R$2:$R$366,ROW(INDEX(Jesper!AK$2:AK$366,ROUNDDOWN($C3558/24,0)+1,1))-1)+IF('Standard Profiles'!$G$21=$B$10,7,0)+IF('Standard Profiles'!$G$21=$B$17,14,0)+IF('Standard Profiles'!$G$21=$B$24,21,0),0)),0)</f>
        <v>0.84872917198261788</v>
      </c>
      <c r="H3558" cm="1">
        <f t="array" ref="H3558">IFERROR(INDEX(Jesper!AL$2:AL$366,ROUNDDOWN($C3558/24,0)+1,1)*INDEX($D$3:$AA$30,INDEX(Jesper!$R$2:$R$366,ROW(INDEX(Jesper!AL$2:AL$366,ROUNDDOWN($C3558/24,0)+1,1))-1)+IF('Standard Profiles'!$G$22=$B$10,7,0)+IF('Standard Profiles'!$G$22=$B$17,14,0)+IF('Standard Profiles'!$G$22=$B$24,21,0),MOD($C3558,24)+1)/SUM(INDEX($D$3:$AA$30,INDEX(Jesper!$R$2:$R$366,ROW(INDEX(Jesper!AL$2:AL$366,ROUNDDOWN($C3558/24,0)+1,1))-1)+IF('Standard Profiles'!$G$22=$B$10,7,0)+IF('Standard Profiles'!$G$22=$B$17,14,0)+IF('Standard Profiles'!$G$22=$B$24,21,0),0)),0)</f>
        <v>0.25933273152442188</v>
      </c>
      <c r="I3558">
        <f t="shared" si="405"/>
        <v>0.24895942226344514</v>
      </c>
      <c r="J3558">
        <f t="shared" si="406"/>
        <v>4.5897878529977891</v>
      </c>
      <c r="K3558">
        <f t="shared" si="407"/>
        <v>0.21938908296009602</v>
      </c>
      <c r="L3558">
        <f t="shared" si="408"/>
        <v>0.10969454148004801</v>
      </c>
      <c r="M3558">
        <f t="shared" si="409"/>
        <v>0</v>
      </c>
      <c r="N3558" s="45">
        <f t="shared" si="410"/>
        <v>45073.833333324787</v>
      </c>
    </row>
    <row r="3559" spans="2:14" x14ac:dyDescent="0.25">
      <c r="B3559">
        <f t="shared" si="404"/>
        <v>6</v>
      </c>
      <c r="C3559" s="16">
        <v>3525</v>
      </c>
      <c r="D3559" cm="1">
        <f t="array" ref="D3559">IFERROR(INDEX(Jesper!AH$2:AH$366,ROUNDDOWN($C3559/24,0)+1,1)*INDEX($D$3:$AA$30,INDEX(Jesper!$R$2:$R$366,ROW(INDEX(Jesper!AH$2:AH$366,ROUNDDOWN($C3559/24,0)+1,1))-1)+IF('Standard Profiles'!$G$18=$B$10,7,0)+IF('Standard Profiles'!$G$18=$B$17,14,0)+IF('Standard Profiles'!$G$18=$B$24,21,0),MOD($C3559,24)+1)/SUM(INDEX($D$3:$AA$30,INDEX(Jesper!$R$2:$R$366,ROW(INDEX(Jesper!AH$2:AH$366,ROUNDDOWN($C3559/24,0)+1,1))-1)+IF('Standard Profiles'!$G$18=$B$10,7,0)+IF('Standard Profiles'!$G$18=$B$17,14,0)+IF('Standard Profiles'!$G$18=$B$24,21,0),0)),0)</f>
        <v>0</v>
      </c>
      <c r="E3559" cm="1">
        <f t="array" ref="E3559">IFERROR(INDEX(Jesper!AI$2:AI$366,ROUNDDOWN($C3559/24,0)+1,1)*INDEX($D$3:$AA$30,INDEX(Jesper!$R$2:$R$366,ROW(INDEX(Jesper!AI$2:AI$366,ROUNDDOWN($C3559/24,0)+1,1))-1)+IF('Standard Profiles'!$G$19=$B$10,7,0)+IF('Standard Profiles'!$G$19=$B$17,14,0)+IF('Standard Profiles'!$G$19=$B$24,21,0),MOD($C3559,24)+1)/SUM(INDEX($D$3:$AA$30,INDEX(Jesper!$R$2:$R$366,ROW(INDEX(Jesper!AI$2:AI$366,ROUNDDOWN($C3559/24,0)+1,1))-1)+IF('Standard Profiles'!$G$19=$B$10,7,0)+IF('Standard Profiles'!$G$19=$B$17,14,0)+IF('Standard Profiles'!$G$19=$B$24,21,0),0)),0)</f>
        <v>2.7423635370012001</v>
      </c>
      <c r="F3559" cm="1">
        <f t="array" ref="F3559">IFERROR(INDEX(Jesper!AJ$2:AJ$366,ROUNDDOWN($C3559/24,0)+1,1)*INDEX($D$3:$AA$30,INDEX(Jesper!$R$2:$R$366,ROW(INDEX(Jesper!AJ$2:AJ$366,ROUNDDOWN($C3559/24,0)+1,1))-1)+IF('Standard Profiles'!$G$20=$B$10,7,0)+IF('Standard Profiles'!$G$20=$B$17,14,0)+IF('Standard Profiles'!$G$20=$B$24,21,0),MOD($C3559,24)+1)/SUM(INDEX($D$3:$AA$30,INDEX(Jesper!$R$2:$R$366,ROW(INDEX(Jesper!AJ$2:AJ$366,ROUNDDOWN($C3559/24,0)+1,1))-1)+IF('Standard Profiles'!$G$20=$B$10,7,0)+IF('Standard Profiles'!$G$20=$B$17,14,0)+IF('Standard Profiles'!$G$20=$B$24,21,0),0)),0)</f>
        <v>1.3174054591931386</v>
      </c>
      <c r="G3559" cm="1">
        <f t="array" ref="G3559">IFERROR(INDEX(Jesper!AK$2:AK$366,ROUNDDOWN($C3559/24,0)+1,1)*INDEX($D$3:$AA$30,INDEX(Jesper!$R$2:$R$366,ROW(INDEX(Jesper!AK$2:AK$366,ROUNDDOWN($C3559/24,0)+1,1))-1)+IF('Standard Profiles'!$G$21=$B$10,7,0)+IF('Standard Profiles'!$G$21=$B$17,14,0)+IF('Standard Profiles'!$G$21=$B$24,21,0),MOD($C3559,24)+1)/SUM(INDEX($D$3:$AA$30,INDEX(Jesper!$R$2:$R$366,ROW(INDEX(Jesper!AK$2:AK$366,ROUNDDOWN($C3559/24,0)+1,1))-1)+IF('Standard Profiles'!$G$21=$B$10,7,0)+IF('Standard Profiles'!$G$21=$B$17,14,0)+IF('Standard Profiles'!$G$21=$B$24,21,0),0)),0)</f>
        <v>0.84872917198261788</v>
      </c>
      <c r="H3559" cm="1">
        <f t="array" ref="H3559">IFERROR(INDEX(Jesper!AL$2:AL$366,ROUNDDOWN($C3559/24,0)+1,1)*INDEX($D$3:$AA$30,INDEX(Jesper!$R$2:$R$366,ROW(INDEX(Jesper!AL$2:AL$366,ROUNDDOWN($C3559/24,0)+1,1))-1)+IF('Standard Profiles'!$G$22=$B$10,7,0)+IF('Standard Profiles'!$G$22=$B$17,14,0)+IF('Standard Profiles'!$G$22=$B$24,21,0),MOD($C3559,24)+1)/SUM(INDEX($D$3:$AA$30,INDEX(Jesper!$R$2:$R$366,ROW(INDEX(Jesper!AL$2:AL$366,ROUNDDOWN($C3559/24,0)+1,1))-1)+IF('Standard Profiles'!$G$22=$B$10,7,0)+IF('Standard Profiles'!$G$22=$B$17,14,0)+IF('Standard Profiles'!$G$22=$B$24,21,0),0)),0)</f>
        <v>0.25933273152442188</v>
      </c>
      <c r="I3559">
        <f t="shared" si="405"/>
        <v>0.24895942226344514</v>
      </c>
      <c r="J3559">
        <f t="shared" si="406"/>
        <v>4.5897878529977891</v>
      </c>
      <c r="K3559">
        <f t="shared" si="407"/>
        <v>0.21938908296009602</v>
      </c>
      <c r="L3559">
        <f t="shared" si="408"/>
        <v>0.10969454148004801</v>
      </c>
      <c r="M3559">
        <f t="shared" si="409"/>
        <v>0</v>
      </c>
      <c r="N3559" s="45">
        <f t="shared" si="410"/>
        <v>45073.874999991451</v>
      </c>
    </row>
    <row r="3560" spans="2:14" x14ac:dyDescent="0.25">
      <c r="B3560">
        <f t="shared" si="404"/>
        <v>6</v>
      </c>
      <c r="C3560" s="16">
        <v>3526</v>
      </c>
      <c r="D3560" cm="1">
        <f t="array" ref="D3560">IFERROR(INDEX(Jesper!AH$2:AH$366,ROUNDDOWN($C3560/24,0)+1,1)*INDEX($D$3:$AA$30,INDEX(Jesper!$R$2:$R$366,ROW(INDEX(Jesper!AH$2:AH$366,ROUNDDOWN($C3560/24,0)+1,1))-1)+IF('Standard Profiles'!$G$18=$B$10,7,0)+IF('Standard Profiles'!$G$18=$B$17,14,0)+IF('Standard Profiles'!$G$18=$B$24,21,0),MOD($C3560,24)+1)/SUM(INDEX($D$3:$AA$30,INDEX(Jesper!$R$2:$R$366,ROW(INDEX(Jesper!AH$2:AH$366,ROUNDDOWN($C3560/24,0)+1,1))-1)+IF('Standard Profiles'!$G$18=$B$10,7,0)+IF('Standard Profiles'!$G$18=$B$17,14,0)+IF('Standard Profiles'!$G$18=$B$24,21,0),0)),0)</f>
        <v>0</v>
      </c>
      <c r="E3560" cm="1">
        <f t="array" ref="E3560">IFERROR(INDEX(Jesper!AI$2:AI$366,ROUNDDOWN($C3560/24,0)+1,1)*INDEX($D$3:$AA$30,INDEX(Jesper!$R$2:$R$366,ROW(INDEX(Jesper!AI$2:AI$366,ROUNDDOWN($C3560/24,0)+1,1))-1)+IF('Standard Profiles'!$G$19=$B$10,7,0)+IF('Standard Profiles'!$G$19=$B$17,14,0)+IF('Standard Profiles'!$G$19=$B$24,21,0),MOD($C3560,24)+1)/SUM(INDEX($D$3:$AA$30,INDEX(Jesper!$R$2:$R$366,ROW(INDEX(Jesper!AI$2:AI$366,ROUNDDOWN($C3560/24,0)+1,1))-1)+IF('Standard Profiles'!$G$19=$B$10,7,0)+IF('Standard Profiles'!$G$19=$B$17,14,0)+IF('Standard Profiles'!$G$19=$B$24,21,0),0)),0)</f>
        <v>2.7423635370012001</v>
      </c>
      <c r="F3560" cm="1">
        <f t="array" ref="F3560">IFERROR(INDEX(Jesper!AJ$2:AJ$366,ROUNDDOWN($C3560/24,0)+1,1)*INDEX($D$3:$AA$30,INDEX(Jesper!$R$2:$R$366,ROW(INDEX(Jesper!AJ$2:AJ$366,ROUNDDOWN($C3560/24,0)+1,1))-1)+IF('Standard Profiles'!$G$20=$B$10,7,0)+IF('Standard Profiles'!$G$20=$B$17,14,0)+IF('Standard Profiles'!$G$20=$B$24,21,0),MOD($C3560,24)+1)/SUM(INDEX($D$3:$AA$30,INDEX(Jesper!$R$2:$R$366,ROW(INDEX(Jesper!AJ$2:AJ$366,ROUNDDOWN($C3560/24,0)+1,1))-1)+IF('Standard Profiles'!$G$20=$B$10,7,0)+IF('Standard Profiles'!$G$20=$B$17,14,0)+IF('Standard Profiles'!$G$20=$B$24,21,0),0)),0)</f>
        <v>1.3174054591931386</v>
      </c>
      <c r="G3560" cm="1">
        <f t="array" ref="G3560">IFERROR(INDEX(Jesper!AK$2:AK$366,ROUNDDOWN($C3560/24,0)+1,1)*INDEX($D$3:$AA$30,INDEX(Jesper!$R$2:$R$366,ROW(INDEX(Jesper!AK$2:AK$366,ROUNDDOWN($C3560/24,0)+1,1))-1)+IF('Standard Profiles'!$G$21=$B$10,7,0)+IF('Standard Profiles'!$G$21=$B$17,14,0)+IF('Standard Profiles'!$G$21=$B$24,21,0),MOD($C3560,24)+1)/SUM(INDEX($D$3:$AA$30,INDEX(Jesper!$R$2:$R$366,ROW(INDEX(Jesper!AK$2:AK$366,ROUNDDOWN($C3560/24,0)+1,1))-1)+IF('Standard Profiles'!$G$21=$B$10,7,0)+IF('Standard Profiles'!$G$21=$B$17,14,0)+IF('Standard Profiles'!$G$21=$B$24,21,0),0)),0)</f>
        <v>0.84872917198261788</v>
      </c>
      <c r="H3560" cm="1">
        <f t="array" ref="H3560">IFERROR(INDEX(Jesper!AL$2:AL$366,ROUNDDOWN($C3560/24,0)+1,1)*INDEX($D$3:$AA$30,INDEX(Jesper!$R$2:$R$366,ROW(INDEX(Jesper!AL$2:AL$366,ROUNDDOWN($C3560/24,0)+1,1))-1)+IF('Standard Profiles'!$G$22=$B$10,7,0)+IF('Standard Profiles'!$G$22=$B$17,14,0)+IF('Standard Profiles'!$G$22=$B$24,21,0),MOD($C3560,24)+1)/SUM(INDEX($D$3:$AA$30,INDEX(Jesper!$R$2:$R$366,ROW(INDEX(Jesper!AL$2:AL$366,ROUNDDOWN($C3560/24,0)+1,1))-1)+IF('Standard Profiles'!$G$22=$B$10,7,0)+IF('Standard Profiles'!$G$22=$B$17,14,0)+IF('Standard Profiles'!$G$22=$B$24,21,0),0)),0)</f>
        <v>0.25933273152442188</v>
      </c>
      <c r="I3560">
        <f t="shared" si="405"/>
        <v>0.24895942226344514</v>
      </c>
      <c r="J3560">
        <f t="shared" si="406"/>
        <v>4.5897878529977891</v>
      </c>
      <c r="K3560">
        <f t="shared" si="407"/>
        <v>0.21938908296009602</v>
      </c>
      <c r="L3560">
        <f t="shared" si="408"/>
        <v>0.10969454148004801</v>
      </c>
      <c r="M3560">
        <f t="shared" si="409"/>
        <v>0</v>
      </c>
      <c r="N3560" s="45">
        <f t="shared" si="410"/>
        <v>45073.916666658115</v>
      </c>
    </row>
    <row r="3561" spans="2:14" x14ac:dyDescent="0.25">
      <c r="B3561">
        <f t="shared" si="404"/>
        <v>6</v>
      </c>
      <c r="C3561" s="16">
        <v>3527</v>
      </c>
      <c r="D3561" cm="1">
        <f t="array" ref="D3561">IFERROR(INDEX(Jesper!AH$2:AH$366,ROUNDDOWN($C3561/24,0)+1,1)*INDEX($D$3:$AA$30,INDEX(Jesper!$R$2:$R$366,ROW(INDEX(Jesper!AH$2:AH$366,ROUNDDOWN($C3561/24,0)+1,1))-1)+IF('Standard Profiles'!$G$18=$B$10,7,0)+IF('Standard Profiles'!$G$18=$B$17,14,0)+IF('Standard Profiles'!$G$18=$B$24,21,0),MOD($C3561,24)+1)/SUM(INDEX($D$3:$AA$30,INDEX(Jesper!$R$2:$R$366,ROW(INDEX(Jesper!AH$2:AH$366,ROUNDDOWN($C3561/24,0)+1,1))-1)+IF('Standard Profiles'!$G$18=$B$10,7,0)+IF('Standard Profiles'!$G$18=$B$17,14,0)+IF('Standard Profiles'!$G$18=$B$24,21,0),0)),0)</f>
        <v>0</v>
      </c>
      <c r="E3561" cm="1">
        <f t="array" ref="E3561">IFERROR(INDEX(Jesper!AI$2:AI$366,ROUNDDOWN($C3561/24,0)+1,1)*INDEX($D$3:$AA$30,INDEX(Jesper!$R$2:$R$366,ROW(INDEX(Jesper!AI$2:AI$366,ROUNDDOWN($C3561/24,0)+1,1))-1)+IF('Standard Profiles'!$G$19=$B$10,7,0)+IF('Standard Profiles'!$G$19=$B$17,14,0)+IF('Standard Profiles'!$G$19=$B$24,21,0),MOD($C3561,24)+1)/SUM(INDEX($D$3:$AA$30,INDEX(Jesper!$R$2:$R$366,ROW(INDEX(Jesper!AI$2:AI$366,ROUNDDOWN($C3561/24,0)+1,1))-1)+IF('Standard Profiles'!$G$19=$B$10,7,0)+IF('Standard Profiles'!$G$19=$B$17,14,0)+IF('Standard Profiles'!$G$19=$B$24,21,0),0)),0)</f>
        <v>2.7423635370012001</v>
      </c>
      <c r="F3561" cm="1">
        <f t="array" ref="F3561">IFERROR(INDEX(Jesper!AJ$2:AJ$366,ROUNDDOWN($C3561/24,0)+1,1)*INDEX($D$3:$AA$30,INDEX(Jesper!$R$2:$R$366,ROW(INDEX(Jesper!AJ$2:AJ$366,ROUNDDOWN($C3561/24,0)+1,1))-1)+IF('Standard Profiles'!$G$20=$B$10,7,0)+IF('Standard Profiles'!$G$20=$B$17,14,0)+IF('Standard Profiles'!$G$20=$B$24,21,0),MOD($C3561,24)+1)/SUM(INDEX($D$3:$AA$30,INDEX(Jesper!$R$2:$R$366,ROW(INDEX(Jesper!AJ$2:AJ$366,ROUNDDOWN($C3561/24,0)+1,1))-1)+IF('Standard Profiles'!$G$20=$B$10,7,0)+IF('Standard Profiles'!$G$20=$B$17,14,0)+IF('Standard Profiles'!$G$20=$B$24,21,0),0)),0)</f>
        <v>1.3174054591931386</v>
      </c>
      <c r="G3561" cm="1">
        <f t="array" ref="G3561">IFERROR(INDEX(Jesper!AK$2:AK$366,ROUNDDOWN($C3561/24,0)+1,1)*INDEX($D$3:$AA$30,INDEX(Jesper!$R$2:$R$366,ROW(INDEX(Jesper!AK$2:AK$366,ROUNDDOWN($C3561/24,0)+1,1))-1)+IF('Standard Profiles'!$G$21=$B$10,7,0)+IF('Standard Profiles'!$G$21=$B$17,14,0)+IF('Standard Profiles'!$G$21=$B$24,21,0),MOD($C3561,24)+1)/SUM(INDEX($D$3:$AA$30,INDEX(Jesper!$R$2:$R$366,ROW(INDEX(Jesper!AK$2:AK$366,ROUNDDOWN($C3561/24,0)+1,1))-1)+IF('Standard Profiles'!$G$21=$B$10,7,0)+IF('Standard Profiles'!$G$21=$B$17,14,0)+IF('Standard Profiles'!$G$21=$B$24,21,0),0)),0)</f>
        <v>0.84872917198261788</v>
      </c>
      <c r="H3561" cm="1">
        <f t="array" ref="H3561">IFERROR(INDEX(Jesper!AL$2:AL$366,ROUNDDOWN($C3561/24,0)+1,1)*INDEX($D$3:$AA$30,INDEX(Jesper!$R$2:$R$366,ROW(INDEX(Jesper!AL$2:AL$366,ROUNDDOWN($C3561/24,0)+1,1))-1)+IF('Standard Profiles'!$G$22=$B$10,7,0)+IF('Standard Profiles'!$G$22=$B$17,14,0)+IF('Standard Profiles'!$G$22=$B$24,21,0),MOD($C3561,24)+1)/SUM(INDEX($D$3:$AA$30,INDEX(Jesper!$R$2:$R$366,ROW(INDEX(Jesper!AL$2:AL$366,ROUNDDOWN($C3561/24,0)+1,1))-1)+IF('Standard Profiles'!$G$22=$B$10,7,0)+IF('Standard Profiles'!$G$22=$B$17,14,0)+IF('Standard Profiles'!$G$22=$B$24,21,0),0)),0)</f>
        <v>0.25933273152442188</v>
      </c>
      <c r="I3561">
        <f t="shared" si="405"/>
        <v>0.24895942226344514</v>
      </c>
      <c r="J3561">
        <f t="shared" si="406"/>
        <v>4.5897878529977891</v>
      </c>
      <c r="K3561">
        <f t="shared" si="407"/>
        <v>0.21938908296009602</v>
      </c>
      <c r="L3561">
        <f t="shared" si="408"/>
        <v>0.10969454148004801</v>
      </c>
      <c r="M3561">
        <f t="shared" si="409"/>
        <v>0</v>
      </c>
      <c r="N3561" s="45">
        <f t="shared" si="410"/>
        <v>45073.958333324779</v>
      </c>
    </row>
    <row r="3562" spans="2:14" x14ac:dyDescent="0.25">
      <c r="B3562">
        <f t="shared" si="404"/>
        <v>7</v>
      </c>
      <c r="C3562" s="16">
        <v>3528</v>
      </c>
      <c r="D3562" cm="1">
        <f t="array" ref="D3562">IFERROR(INDEX(Jesper!AH$2:AH$366,ROUNDDOWN($C3562/24,0)+1,1)*INDEX($D$3:$AA$30,INDEX(Jesper!$R$2:$R$366,ROW(INDEX(Jesper!AH$2:AH$366,ROUNDDOWN($C3562/24,0)+1,1))-1)+IF('Standard Profiles'!$G$18=$B$10,7,0)+IF('Standard Profiles'!$G$18=$B$17,14,0)+IF('Standard Profiles'!$G$18=$B$24,21,0),MOD($C3562,24)+1)/SUM(INDEX($D$3:$AA$30,INDEX(Jesper!$R$2:$R$366,ROW(INDEX(Jesper!AH$2:AH$366,ROUNDDOWN($C3562/24,0)+1,1))-1)+IF('Standard Profiles'!$G$18=$B$10,7,0)+IF('Standard Profiles'!$G$18=$B$17,14,0)+IF('Standard Profiles'!$G$18=$B$24,21,0),0)),0)</f>
        <v>0</v>
      </c>
      <c r="E3562" cm="1">
        <f t="array" ref="E3562">IFERROR(INDEX(Jesper!AI$2:AI$366,ROUNDDOWN($C3562/24,0)+1,1)*INDEX($D$3:$AA$30,INDEX(Jesper!$R$2:$R$366,ROW(INDEX(Jesper!AI$2:AI$366,ROUNDDOWN($C3562/24,0)+1,1))-1)+IF('Standard Profiles'!$G$19=$B$10,7,0)+IF('Standard Profiles'!$G$19=$B$17,14,0)+IF('Standard Profiles'!$G$19=$B$24,21,0),MOD($C3562,24)+1)/SUM(INDEX($D$3:$AA$30,INDEX(Jesper!$R$2:$R$366,ROW(INDEX(Jesper!AI$2:AI$366,ROUNDDOWN($C3562/24,0)+1,1))-1)+IF('Standard Profiles'!$G$19=$B$10,7,0)+IF('Standard Profiles'!$G$19=$B$17,14,0)+IF('Standard Profiles'!$G$19=$B$24,21,0),0)),0)</f>
        <v>2.7578498158603737</v>
      </c>
      <c r="F3562" cm="1">
        <f t="array" ref="F3562">IFERROR(INDEX(Jesper!AJ$2:AJ$366,ROUNDDOWN($C3562/24,0)+1,1)*INDEX($D$3:$AA$30,INDEX(Jesper!$R$2:$R$366,ROW(INDEX(Jesper!AJ$2:AJ$366,ROUNDDOWN($C3562/24,0)+1,1))-1)+IF('Standard Profiles'!$G$20=$B$10,7,0)+IF('Standard Profiles'!$G$20=$B$17,14,0)+IF('Standard Profiles'!$G$20=$B$24,21,0),MOD($C3562,24)+1)/SUM(INDEX($D$3:$AA$30,INDEX(Jesper!$R$2:$R$366,ROW(INDEX(Jesper!AJ$2:AJ$366,ROUNDDOWN($C3562/24,0)+1,1))-1)+IF('Standard Profiles'!$G$20=$B$10,7,0)+IF('Standard Profiles'!$G$20=$B$17,14,0)+IF('Standard Profiles'!$G$20=$B$24,21,0),0)),0)</f>
        <v>1.3414631733594573</v>
      </c>
      <c r="G3562" cm="1">
        <f t="array" ref="G3562">IFERROR(INDEX(Jesper!AK$2:AK$366,ROUNDDOWN($C3562/24,0)+1,1)*INDEX($D$3:$AA$30,INDEX(Jesper!$R$2:$R$366,ROW(INDEX(Jesper!AK$2:AK$366,ROUNDDOWN($C3562/24,0)+1,1))-1)+IF('Standard Profiles'!$G$21=$B$10,7,0)+IF('Standard Profiles'!$G$21=$B$17,14,0)+IF('Standard Profiles'!$G$21=$B$24,21,0),MOD($C3562,24)+1)/SUM(INDEX($D$3:$AA$30,INDEX(Jesper!$R$2:$R$366,ROW(INDEX(Jesper!AK$2:AK$366,ROUNDDOWN($C3562/24,0)+1,1))-1)+IF('Standard Profiles'!$G$21=$B$10,7,0)+IF('Standard Profiles'!$G$21=$B$17,14,0)+IF('Standard Profiles'!$G$21=$B$24,21,0),0)),0)</f>
        <v>0.87059673913818703</v>
      </c>
      <c r="H3562" cm="1">
        <f t="array" ref="H3562">IFERROR(INDEX(Jesper!AL$2:AL$366,ROUNDDOWN($C3562/24,0)+1,1)*INDEX($D$3:$AA$30,INDEX(Jesper!$R$2:$R$366,ROW(INDEX(Jesper!AL$2:AL$366,ROUNDDOWN($C3562/24,0)+1,1))-1)+IF('Standard Profiles'!$G$22=$B$10,7,0)+IF('Standard Profiles'!$G$22=$B$17,14,0)+IF('Standard Profiles'!$G$22=$B$24,21,0),MOD($C3562,24)+1)/SUM(INDEX($D$3:$AA$30,INDEX(Jesper!$R$2:$R$366,ROW(INDEX(Jesper!AL$2:AL$366,ROUNDDOWN($C3562/24,0)+1,1))-1)+IF('Standard Profiles'!$G$22=$B$10,7,0)+IF('Standard Profiles'!$G$22=$B$17,14,0)+IF('Standard Profiles'!$G$22=$B$24,21,0),0)),0)</f>
        <v>0.30765330587861306</v>
      </c>
      <c r="I3562">
        <f t="shared" si="405"/>
        <v>0.29534717364346869</v>
      </c>
      <c r="J3562">
        <f t="shared" si="406"/>
        <v>4.6512738826899174</v>
      </c>
      <c r="K3562">
        <f t="shared" si="407"/>
        <v>0.2206279852688299</v>
      </c>
      <c r="L3562">
        <f t="shared" si="408"/>
        <v>0.11031399263441495</v>
      </c>
      <c r="M3562">
        <f t="shared" si="409"/>
        <v>0</v>
      </c>
      <c r="N3562" s="45">
        <f t="shared" si="410"/>
        <v>45073.999999991443</v>
      </c>
    </row>
    <row r="3563" spans="2:14" x14ac:dyDescent="0.25">
      <c r="B3563">
        <f t="shared" si="404"/>
        <v>7</v>
      </c>
      <c r="C3563" s="16">
        <v>3529</v>
      </c>
      <c r="D3563" cm="1">
        <f t="array" ref="D3563">IFERROR(INDEX(Jesper!AH$2:AH$366,ROUNDDOWN($C3563/24,0)+1,1)*INDEX($D$3:$AA$30,INDEX(Jesper!$R$2:$R$366,ROW(INDEX(Jesper!AH$2:AH$366,ROUNDDOWN($C3563/24,0)+1,1))-1)+IF('Standard Profiles'!$G$18=$B$10,7,0)+IF('Standard Profiles'!$G$18=$B$17,14,0)+IF('Standard Profiles'!$G$18=$B$24,21,0),MOD($C3563,24)+1)/SUM(INDEX($D$3:$AA$30,INDEX(Jesper!$R$2:$R$366,ROW(INDEX(Jesper!AH$2:AH$366,ROUNDDOWN($C3563/24,0)+1,1))-1)+IF('Standard Profiles'!$G$18=$B$10,7,0)+IF('Standard Profiles'!$G$18=$B$17,14,0)+IF('Standard Profiles'!$G$18=$B$24,21,0),0)),0)</f>
        <v>0</v>
      </c>
      <c r="E3563" cm="1">
        <f t="array" ref="E3563">IFERROR(INDEX(Jesper!AI$2:AI$366,ROUNDDOWN($C3563/24,0)+1,1)*INDEX($D$3:$AA$30,INDEX(Jesper!$R$2:$R$366,ROW(INDEX(Jesper!AI$2:AI$366,ROUNDDOWN($C3563/24,0)+1,1))-1)+IF('Standard Profiles'!$G$19=$B$10,7,0)+IF('Standard Profiles'!$G$19=$B$17,14,0)+IF('Standard Profiles'!$G$19=$B$24,21,0),MOD($C3563,24)+1)/SUM(INDEX($D$3:$AA$30,INDEX(Jesper!$R$2:$R$366,ROW(INDEX(Jesper!AI$2:AI$366,ROUNDDOWN($C3563/24,0)+1,1))-1)+IF('Standard Profiles'!$G$19=$B$10,7,0)+IF('Standard Profiles'!$G$19=$B$17,14,0)+IF('Standard Profiles'!$G$19=$B$24,21,0),0)),0)</f>
        <v>2.7578498158603737</v>
      </c>
      <c r="F3563" cm="1">
        <f t="array" ref="F3563">IFERROR(INDEX(Jesper!AJ$2:AJ$366,ROUNDDOWN($C3563/24,0)+1,1)*INDEX($D$3:$AA$30,INDEX(Jesper!$R$2:$R$366,ROW(INDEX(Jesper!AJ$2:AJ$366,ROUNDDOWN($C3563/24,0)+1,1))-1)+IF('Standard Profiles'!$G$20=$B$10,7,0)+IF('Standard Profiles'!$G$20=$B$17,14,0)+IF('Standard Profiles'!$G$20=$B$24,21,0),MOD($C3563,24)+1)/SUM(INDEX($D$3:$AA$30,INDEX(Jesper!$R$2:$R$366,ROW(INDEX(Jesper!AJ$2:AJ$366,ROUNDDOWN($C3563/24,0)+1,1))-1)+IF('Standard Profiles'!$G$20=$B$10,7,0)+IF('Standard Profiles'!$G$20=$B$17,14,0)+IF('Standard Profiles'!$G$20=$B$24,21,0),0)),0)</f>
        <v>1.3414631733594573</v>
      </c>
      <c r="G3563" cm="1">
        <f t="array" ref="G3563">IFERROR(INDEX(Jesper!AK$2:AK$366,ROUNDDOWN($C3563/24,0)+1,1)*INDEX($D$3:$AA$30,INDEX(Jesper!$R$2:$R$366,ROW(INDEX(Jesper!AK$2:AK$366,ROUNDDOWN($C3563/24,0)+1,1))-1)+IF('Standard Profiles'!$G$21=$B$10,7,0)+IF('Standard Profiles'!$G$21=$B$17,14,0)+IF('Standard Profiles'!$G$21=$B$24,21,0),MOD($C3563,24)+1)/SUM(INDEX($D$3:$AA$30,INDEX(Jesper!$R$2:$R$366,ROW(INDEX(Jesper!AK$2:AK$366,ROUNDDOWN($C3563/24,0)+1,1))-1)+IF('Standard Profiles'!$G$21=$B$10,7,0)+IF('Standard Profiles'!$G$21=$B$17,14,0)+IF('Standard Profiles'!$G$21=$B$24,21,0),0)),0)</f>
        <v>0.87059673913818703</v>
      </c>
      <c r="H3563" cm="1">
        <f t="array" ref="H3563">IFERROR(INDEX(Jesper!AL$2:AL$366,ROUNDDOWN($C3563/24,0)+1,1)*INDEX($D$3:$AA$30,INDEX(Jesper!$R$2:$R$366,ROW(INDEX(Jesper!AL$2:AL$366,ROUNDDOWN($C3563/24,0)+1,1))-1)+IF('Standard Profiles'!$G$22=$B$10,7,0)+IF('Standard Profiles'!$G$22=$B$17,14,0)+IF('Standard Profiles'!$G$22=$B$24,21,0),MOD($C3563,24)+1)/SUM(INDEX($D$3:$AA$30,INDEX(Jesper!$R$2:$R$366,ROW(INDEX(Jesper!AL$2:AL$366,ROUNDDOWN($C3563/24,0)+1,1))-1)+IF('Standard Profiles'!$G$22=$B$10,7,0)+IF('Standard Profiles'!$G$22=$B$17,14,0)+IF('Standard Profiles'!$G$22=$B$24,21,0),0)),0)</f>
        <v>0.35727480682677643</v>
      </c>
      <c r="I3563">
        <f t="shared" si="405"/>
        <v>0.34298381455370558</v>
      </c>
      <c r="J3563">
        <f t="shared" si="406"/>
        <v>4.6532587427278438</v>
      </c>
      <c r="K3563">
        <f t="shared" si="407"/>
        <v>0.2206279852688299</v>
      </c>
      <c r="L3563">
        <f t="shared" si="408"/>
        <v>0.11031399263441495</v>
      </c>
      <c r="M3563">
        <f t="shared" si="409"/>
        <v>0</v>
      </c>
      <c r="N3563" s="45">
        <f t="shared" si="410"/>
        <v>45074.041666658108</v>
      </c>
    </row>
    <row r="3564" spans="2:14" x14ac:dyDescent="0.25">
      <c r="B3564">
        <f t="shared" si="404"/>
        <v>7</v>
      </c>
      <c r="C3564" s="16">
        <v>3530</v>
      </c>
      <c r="D3564" cm="1">
        <f t="array" ref="D3564">IFERROR(INDEX(Jesper!AH$2:AH$366,ROUNDDOWN($C3564/24,0)+1,1)*INDEX($D$3:$AA$30,INDEX(Jesper!$R$2:$R$366,ROW(INDEX(Jesper!AH$2:AH$366,ROUNDDOWN($C3564/24,0)+1,1))-1)+IF('Standard Profiles'!$G$18=$B$10,7,0)+IF('Standard Profiles'!$G$18=$B$17,14,0)+IF('Standard Profiles'!$G$18=$B$24,21,0),MOD($C3564,24)+1)/SUM(INDEX($D$3:$AA$30,INDEX(Jesper!$R$2:$R$366,ROW(INDEX(Jesper!AH$2:AH$366,ROUNDDOWN($C3564/24,0)+1,1))-1)+IF('Standard Profiles'!$G$18=$B$10,7,0)+IF('Standard Profiles'!$G$18=$B$17,14,0)+IF('Standard Profiles'!$G$18=$B$24,21,0),0)),0)</f>
        <v>0</v>
      </c>
      <c r="E3564" cm="1">
        <f t="array" ref="E3564">IFERROR(INDEX(Jesper!AI$2:AI$366,ROUNDDOWN($C3564/24,0)+1,1)*INDEX($D$3:$AA$30,INDEX(Jesper!$R$2:$R$366,ROW(INDEX(Jesper!AI$2:AI$366,ROUNDDOWN($C3564/24,0)+1,1))-1)+IF('Standard Profiles'!$G$19=$B$10,7,0)+IF('Standard Profiles'!$G$19=$B$17,14,0)+IF('Standard Profiles'!$G$19=$B$24,21,0),MOD($C3564,24)+1)/SUM(INDEX($D$3:$AA$30,INDEX(Jesper!$R$2:$R$366,ROW(INDEX(Jesper!AI$2:AI$366,ROUNDDOWN($C3564/24,0)+1,1))-1)+IF('Standard Profiles'!$G$19=$B$10,7,0)+IF('Standard Profiles'!$G$19=$B$17,14,0)+IF('Standard Profiles'!$G$19=$B$24,21,0),0)),0)</f>
        <v>2.7578498158603737</v>
      </c>
      <c r="F3564" cm="1">
        <f t="array" ref="F3564">IFERROR(INDEX(Jesper!AJ$2:AJ$366,ROUNDDOWN($C3564/24,0)+1,1)*INDEX($D$3:$AA$30,INDEX(Jesper!$R$2:$R$366,ROW(INDEX(Jesper!AJ$2:AJ$366,ROUNDDOWN($C3564/24,0)+1,1))-1)+IF('Standard Profiles'!$G$20=$B$10,7,0)+IF('Standard Profiles'!$G$20=$B$17,14,0)+IF('Standard Profiles'!$G$20=$B$24,21,0),MOD($C3564,24)+1)/SUM(INDEX($D$3:$AA$30,INDEX(Jesper!$R$2:$R$366,ROW(INDEX(Jesper!AJ$2:AJ$366,ROUNDDOWN($C3564/24,0)+1,1))-1)+IF('Standard Profiles'!$G$20=$B$10,7,0)+IF('Standard Profiles'!$G$20=$B$17,14,0)+IF('Standard Profiles'!$G$20=$B$24,21,0),0)),0)</f>
        <v>1.3414631733594573</v>
      </c>
      <c r="G3564" cm="1">
        <f t="array" ref="G3564">IFERROR(INDEX(Jesper!AK$2:AK$366,ROUNDDOWN($C3564/24,0)+1,1)*INDEX($D$3:$AA$30,INDEX(Jesper!$R$2:$R$366,ROW(INDEX(Jesper!AK$2:AK$366,ROUNDDOWN($C3564/24,0)+1,1))-1)+IF('Standard Profiles'!$G$21=$B$10,7,0)+IF('Standard Profiles'!$G$21=$B$17,14,0)+IF('Standard Profiles'!$G$21=$B$24,21,0),MOD($C3564,24)+1)/SUM(INDEX($D$3:$AA$30,INDEX(Jesper!$R$2:$R$366,ROW(INDEX(Jesper!AK$2:AK$366,ROUNDDOWN($C3564/24,0)+1,1))-1)+IF('Standard Profiles'!$G$21=$B$10,7,0)+IF('Standard Profiles'!$G$21=$B$17,14,0)+IF('Standard Profiles'!$G$21=$B$24,21,0),0)),0)</f>
        <v>0.87059673913818703</v>
      </c>
      <c r="H3564" cm="1">
        <f t="array" ref="H3564">IFERROR(INDEX(Jesper!AL$2:AL$366,ROUNDDOWN($C3564/24,0)+1,1)*INDEX($D$3:$AA$30,INDEX(Jesper!$R$2:$R$366,ROW(INDEX(Jesper!AL$2:AL$366,ROUNDDOWN($C3564/24,0)+1,1))-1)+IF('Standard Profiles'!$G$22=$B$10,7,0)+IF('Standard Profiles'!$G$22=$B$17,14,0)+IF('Standard Profiles'!$G$22=$B$24,21,0),MOD($C3564,24)+1)/SUM(INDEX($D$3:$AA$30,INDEX(Jesper!$R$2:$R$366,ROW(INDEX(Jesper!AL$2:AL$366,ROUNDDOWN($C3564/24,0)+1,1))-1)+IF('Standard Profiles'!$G$22=$B$10,7,0)+IF('Standard Profiles'!$G$22=$B$17,14,0)+IF('Standard Profiles'!$G$22=$B$24,21,0),0)),0)</f>
        <v>0.35727480682677643</v>
      </c>
      <c r="I3564">
        <f t="shared" si="405"/>
        <v>0.34298381455370558</v>
      </c>
      <c r="J3564">
        <f t="shared" si="406"/>
        <v>4.6532587427278438</v>
      </c>
      <c r="K3564">
        <f t="shared" si="407"/>
        <v>0.2206279852688299</v>
      </c>
      <c r="L3564">
        <f t="shared" si="408"/>
        <v>0.11031399263441495</v>
      </c>
      <c r="M3564">
        <f t="shared" si="409"/>
        <v>0</v>
      </c>
      <c r="N3564" s="45">
        <f t="shared" si="410"/>
        <v>45074.083333324772</v>
      </c>
    </row>
    <row r="3565" spans="2:14" x14ac:dyDescent="0.25">
      <c r="B3565">
        <f t="shared" si="404"/>
        <v>7</v>
      </c>
      <c r="C3565" s="16">
        <v>3531</v>
      </c>
      <c r="D3565" cm="1">
        <f t="array" ref="D3565">IFERROR(INDEX(Jesper!AH$2:AH$366,ROUNDDOWN($C3565/24,0)+1,1)*INDEX($D$3:$AA$30,INDEX(Jesper!$R$2:$R$366,ROW(INDEX(Jesper!AH$2:AH$366,ROUNDDOWN($C3565/24,0)+1,1))-1)+IF('Standard Profiles'!$G$18=$B$10,7,0)+IF('Standard Profiles'!$G$18=$B$17,14,0)+IF('Standard Profiles'!$G$18=$B$24,21,0),MOD($C3565,24)+1)/SUM(INDEX($D$3:$AA$30,INDEX(Jesper!$R$2:$R$366,ROW(INDEX(Jesper!AH$2:AH$366,ROUNDDOWN($C3565/24,0)+1,1))-1)+IF('Standard Profiles'!$G$18=$B$10,7,0)+IF('Standard Profiles'!$G$18=$B$17,14,0)+IF('Standard Profiles'!$G$18=$B$24,21,0),0)),0)</f>
        <v>0</v>
      </c>
      <c r="E3565" cm="1">
        <f t="array" ref="E3565">IFERROR(INDEX(Jesper!AI$2:AI$366,ROUNDDOWN($C3565/24,0)+1,1)*INDEX($D$3:$AA$30,INDEX(Jesper!$R$2:$R$366,ROW(INDEX(Jesper!AI$2:AI$366,ROUNDDOWN($C3565/24,0)+1,1))-1)+IF('Standard Profiles'!$G$19=$B$10,7,0)+IF('Standard Profiles'!$G$19=$B$17,14,0)+IF('Standard Profiles'!$G$19=$B$24,21,0),MOD($C3565,24)+1)/SUM(INDEX($D$3:$AA$30,INDEX(Jesper!$R$2:$R$366,ROW(INDEX(Jesper!AI$2:AI$366,ROUNDDOWN($C3565/24,0)+1,1))-1)+IF('Standard Profiles'!$G$19=$B$10,7,0)+IF('Standard Profiles'!$G$19=$B$17,14,0)+IF('Standard Profiles'!$G$19=$B$24,21,0),0)),0)</f>
        <v>2.7578498158603737</v>
      </c>
      <c r="F3565" cm="1">
        <f t="array" ref="F3565">IFERROR(INDEX(Jesper!AJ$2:AJ$366,ROUNDDOWN($C3565/24,0)+1,1)*INDEX($D$3:$AA$30,INDEX(Jesper!$R$2:$R$366,ROW(INDEX(Jesper!AJ$2:AJ$366,ROUNDDOWN($C3565/24,0)+1,1))-1)+IF('Standard Profiles'!$G$20=$B$10,7,0)+IF('Standard Profiles'!$G$20=$B$17,14,0)+IF('Standard Profiles'!$G$20=$B$24,21,0),MOD($C3565,24)+1)/SUM(INDEX($D$3:$AA$30,INDEX(Jesper!$R$2:$R$366,ROW(INDEX(Jesper!AJ$2:AJ$366,ROUNDDOWN($C3565/24,0)+1,1))-1)+IF('Standard Profiles'!$G$20=$B$10,7,0)+IF('Standard Profiles'!$G$20=$B$17,14,0)+IF('Standard Profiles'!$G$20=$B$24,21,0),0)),0)</f>
        <v>1.3414631733594573</v>
      </c>
      <c r="G3565" cm="1">
        <f t="array" ref="G3565">IFERROR(INDEX(Jesper!AK$2:AK$366,ROUNDDOWN($C3565/24,0)+1,1)*INDEX($D$3:$AA$30,INDEX(Jesper!$R$2:$R$366,ROW(INDEX(Jesper!AK$2:AK$366,ROUNDDOWN($C3565/24,0)+1,1))-1)+IF('Standard Profiles'!$G$21=$B$10,7,0)+IF('Standard Profiles'!$G$21=$B$17,14,0)+IF('Standard Profiles'!$G$21=$B$24,21,0),MOD($C3565,24)+1)/SUM(INDEX($D$3:$AA$30,INDEX(Jesper!$R$2:$R$366,ROW(INDEX(Jesper!AK$2:AK$366,ROUNDDOWN($C3565/24,0)+1,1))-1)+IF('Standard Profiles'!$G$21=$B$10,7,0)+IF('Standard Profiles'!$G$21=$B$17,14,0)+IF('Standard Profiles'!$G$21=$B$24,21,0),0)),0)</f>
        <v>0.87059673913818703</v>
      </c>
      <c r="H3565" cm="1">
        <f t="array" ref="H3565">IFERROR(INDEX(Jesper!AL$2:AL$366,ROUNDDOWN($C3565/24,0)+1,1)*INDEX($D$3:$AA$30,INDEX(Jesper!$R$2:$R$366,ROW(INDEX(Jesper!AL$2:AL$366,ROUNDDOWN($C3565/24,0)+1,1))-1)+IF('Standard Profiles'!$G$22=$B$10,7,0)+IF('Standard Profiles'!$G$22=$B$17,14,0)+IF('Standard Profiles'!$G$22=$B$24,21,0),MOD($C3565,24)+1)/SUM(INDEX($D$3:$AA$30,INDEX(Jesper!$R$2:$R$366,ROW(INDEX(Jesper!AL$2:AL$366,ROUNDDOWN($C3565/24,0)+1,1))-1)+IF('Standard Profiles'!$G$22=$B$10,7,0)+IF('Standard Profiles'!$G$22=$B$17,14,0)+IF('Standard Profiles'!$G$22=$B$24,21,0),0)),0)</f>
        <v>0.35727480682677643</v>
      </c>
      <c r="I3565">
        <f t="shared" si="405"/>
        <v>0.34298381455370558</v>
      </c>
      <c r="J3565">
        <f t="shared" si="406"/>
        <v>4.6532587427278438</v>
      </c>
      <c r="K3565">
        <f t="shared" si="407"/>
        <v>0.2206279852688299</v>
      </c>
      <c r="L3565">
        <f t="shared" si="408"/>
        <v>0.11031399263441495</v>
      </c>
      <c r="M3565">
        <f t="shared" si="409"/>
        <v>0</v>
      </c>
      <c r="N3565" s="45">
        <f t="shared" si="410"/>
        <v>45074.124999991436</v>
      </c>
    </row>
    <row r="3566" spans="2:14" x14ac:dyDescent="0.25">
      <c r="B3566">
        <f t="shared" si="404"/>
        <v>7</v>
      </c>
      <c r="C3566" s="16">
        <v>3532</v>
      </c>
      <c r="D3566" cm="1">
        <f t="array" ref="D3566">IFERROR(INDEX(Jesper!AH$2:AH$366,ROUNDDOWN($C3566/24,0)+1,1)*INDEX($D$3:$AA$30,INDEX(Jesper!$R$2:$R$366,ROW(INDEX(Jesper!AH$2:AH$366,ROUNDDOWN($C3566/24,0)+1,1))-1)+IF('Standard Profiles'!$G$18=$B$10,7,0)+IF('Standard Profiles'!$G$18=$B$17,14,0)+IF('Standard Profiles'!$G$18=$B$24,21,0),MOD($C3566,24)+1)/SUM(INDEX($D$3:$AA$30,INDEX(Jesper!$R$2:$R$366,ROW(INDEX(Jesper!AH$2:AH$366,ROUNDDOWN($C3566/24,0)+1,1))-1)+IF('Standard Profiles'!$G$18=$B$10,7,0)+IF('Standard Profiles'!$G$18=$B$17,14,0)+IF('Standard Profiles'!$G$18=$B$24,21,0),0)),0)</f>
        <v>0</v>
      </c>
      <c r="E3566" cm="1">
        <f t="array" ref="E3566">IFERROR(INDEX(Jesper!AI$2:AI$366,ROUNDDOWN($C3566/24,0)+1,1)*INDEX($D$3:$AA$30,INDEX(Jesper!$R$2:$R$366,ROW(INDEX(Jesper!AI$2:AI$366,ROUNDDOWN($C3566/24,0)+1,1))-1)+IF('Standard Profiles'!$G$19=$B$10,7,0)+IF('Standard Profiles'!$G$19=$B$17,14,0)+IF('Standard Profiles'!$G$19=$B$24,21,0),MOD($C3566,24)+1)/SUM(INDEX($D$3:$AA$30,INDEX(Jesper!$R$2:$R$366,ROW(INDEX(Jesper!AI$2:AI$366,ROUNDDOWN($C3566/24,0)+1,1))-1)+IF('Standard Profiles'!$G$19=$B$10,7,0)+IF('Standard Profiles'!$G$19=$B$17,14,0)+IF('Standard Profiles'!$G$19=$B$24,21,0),0)),0)</f>
        <v>2.7578498158603737</v>
      </c>
      <c r="F3566" cm="1">
        <f t="array" ref="F3566">IFERROR(INDEX(Jesper!AJ$2:AJ$366,ROUNDDOWN($C3566/24,0)+1,1)*INDEX($D$3:$AA$30,INDEX(Jesper!$R$2:$R$366,ROW(INDEX(Jesper!AJ$2:AJ$366,ROUNDDOWN($C3566/24,0)+1,1))-1)+IF('Standard Profiles'!$G$20=$B$10,7,0)+IF('Standard Profiles'!$G$20=$B$17,14,0)+IF('Standard Profiles'!$G$20=$B$24,21,0),MOD($C3566,24)+1)/SUM(INDEX($D$3:$AA$30,INDEX(Jesper!$R$2:$R$366,ROW(INDEX(Jesper!AJ$2:AJ$366,ROUNDDOWN($C3566/24,0)+1,1))-1)+IF('Standard Profiles'!$G$20=$B$10,7,0)+IF('Standard Profiles'!$G$20=$B$17,14,0)+IF('Standard Profiles'!$G$20=$B$24,21,0),0)),0)</f>
        <v>1.3414631733594573</v>
      </c>
      <c r="G3566" cm="1">
        <f t="array" ref="G3566">IFERROR(INDEX(Jesper!AK$2:AK$366,ROUNDDOWN($C3566/24,0)+1,1)*INDEX($D$3:$AA$30,INDEX(Jesper!$R$2:$R$366,ROW(INDEX(Jesper!AK$2:AK$366,ROUNDDOWN($C3566/24,0)+1,1))-1)+IF('Standard Profiles'!$G$21=$B$10,7,0)+IF('Standard Profiles'!$G$21=$B$17,14,0)+IF('Standard Profiles'!$G$21=$B$24,21,0),MOD($C3566,24)+1)/SUM(INDEX($D$3:$AA$30,INDEX(Jesper!$R$2:$R$366,ROW(INDEX(Jesper!AK$2:AK$366,ROUNDDOWN($C3566/24,0)+1,1))-1)+IF('Standard Profiles'!$G$21=$B$10,7,0)+IF('Standard Profiles'!$G$21=$B$17,14,0)+IF('Standard Profiles'!$G$21=$B$24,21,0),0)),0)</f>
        <v>0.87059673913818703</v>
      </c>
      <c r="H3566" cm="1">
        <f t="array" ref="H3566">IFERROR(INDEX(Jesper!AL$2:AL$366,ROUNDDOWN($C3566/24,0)+1,1)*INDEX($D$3:$AA$30,INDEX(Jesper!$R$2:$R$366,ROW(INDEX(Jesper!AL$2:AL$366,ROUNDDOWN($C3566/24,0)+1,1))-1)+IF('Standard Profiles'!$G$22=$B$10,7,0)+IF('Standard Profiles'!$G$22=$B$17,14,0)+IF('Standard Profiles'!$G$22=$B$24,21,0),MOD($C3566,24)+1)/SUM(INDEX($D$3:$AA$30,INDEX(Jesper!$R$2:$R$366,ROW(INDEX(Jesper!AL$2:AL$366,ROUNDDOWN($C3566/24,0)+1,1))-1)+IF('Standard Profiles'!$G$22=$B$10,7,0)+IF('Standard Profiles'!$G$22=$B$17,14,0)+IF('Standard Profiles'!$G$22=$B$24,21,0),0)),0)</f>
        <v>0.35727480682677643</v>
      </c>
      <c r="I3566">
        <f t="shared" si="405"/>
        <v>0.34298381455370558</v>
      </c>
      <c r="J3566">
        <f t="shared" si="406"/>
        <v>4.6532587427278438</v>
      </c>
      <c r="K3566">
        <f t="shared" si="407"/>
        <v>0.2206279852688299</v>
      </c>
      <c r="L3566">
        <f t="shared" si="408"/>
        <v>0.11031399263441495</v>
      </c>
      <c r="M3566">
        <f t="shared" si="409"/>
        <v>0</v>
      </c>
      <c r="N3566" s="45">
        <f t="shared" si="410"/>
        <v>45074.1666666581</v>
      </c>
    </row>
    <row r="3567" spans="2:14" x14ac:dyDescent="0.25">
      <c r="B3567">
        <f t="shared" si="404"/>
        <v>7</v>
      </c>
      <c r="C3567" s="16">
        <v>3533</v>
      </c>
      <c r="D3567" cm="1">
        <f t="array" ref="D3567">IFERROR(INDEX(Jesper!AH$2:AH$366,ROUNDDOWN($C3567/24,0)+1,1)*INDEX($D$3:$AA$30,INDEX(Jesper!$R$2:$R$366,ROW(INDEX(Jesper!AH$2:AH$366,ROUNDDOWN($C3567/24,0)+1,1))-1)+IF('Standard Profiles'!$G$18=$B$10,7,0)+IF('Standard Profiles'!$G$18=$B$17,14,0)+IF('Standard Profiles'!$G$18=$B$24,21,0),MOD($C3567,24)+1)/SUM(INDEX($D$3:$AA$30,INDEX(Jesper!$R$2:$R$366,ROW(INDEX(Jesper!AH$2:AH$366,ROUNDDOWN($C3567/24,0)+1,1))-1)+IF('Standard Profiles'!$G$18=$B$10,7,0)+IF('Standard Profiles'!$G$18=$B$17,14,0)+IF('Standard Profiles'!$G$18=$B$24,21,0),0)),0)</f>
        <v>0</v>
      </c>
      <c r="E3567" cm="1">
        <f t="array" ref="E3567">IFERROR(INDEX(Jesper!AI$2:AI$366,ROUNDDOWN($C3567/24,0)+1,1)*INDEX($D$3:$AA$30,INDEX(Jesper!$R$2:$R$366,ROW(INDEX(Jesper!AI$2:AI$366,ROUNDDOWN($C3567/24,0)+1,1))-1)+IF('Standard Profiles'!$G$19=$B$10,7,0)+IF('Standard Profiles'!$G$19=$B$17,14,0)+IF('Standard Profiles'!$G$19=$B$24,21,0),MOD($C3567,24)+1)/SUM(INDEX($D$3:$AA$30,INDEX(Jesper!$R$2:$R$366,ROW(INDEX(Jesper!AI$2:AI$366,ROUNDDOWN($C3567/24,0)+1,1))-1)+IF('Standard Profiles'!$G$19=$B$10,7,0)+IF('Standard Profiles'!$G$19=$B$17,14,0)+IF('Standard Profiles'!$G$19=$B$24,21,0),0)),0)</f>
        <v>2.7578498158603737</v>
      </c>
      <c r="F3567" cm="1">
        <f t="array" ref="F3567">IFERROR(INDEX(Jesper!AJ$2:AJ$366,ROUNDDOWN($C3567/24,0)+1,1)*INDEX($D$3:$AA$30,INDEX(Jesper!$R$2:$R$366,ROW(INDEX(Jesper!AJ$2:AJ$366,ROUNDDOWN($C3567/24,0)+1,1))-1)+IF('Standard Profiles'!$G$20=$B$10,7,0)+IF('Standard Profiles'!$G$20=$B$17,14,0)+IF('Standard Profiles'!$G$20=$B$24,21,0),MOD($C3567,24)+1)/SUM(INDEX($D$3:$AA$30,INDEX(Jesper!$R$2:$R$366,ROW(INDEX(Jesper!AJ$2:AJ$366,ROUNDDOWN($C3567/24,0)+1,1))-1)+IF('Standard Profiles'!$G$20=$B$10,7,0)+IF('Standard Profiles'!$G$20=$B$17,14,0)+IF('Standard Profiles'!$G$20=$B$24,21,0),0)),0)</f>
        <v>1.3414631733594573</v>
      </c>
      <c r="G3567" cm="1">
        <f t="array" ref="G3567">IFERROR(INDEX(Jesper!AK$2:AK$366,ROUNDDOWN($C3567/24,0)+1,1)*INDEX($D$3:$AA$30,INDEX(Jesper!$R$2:$R$366,ROW(INDEX(Jesper!AK$2:AK$366,ROUNDDOWN($C3567/24,0)+1,1))-1)+IF('Standard Profiles'!$G$21=$B$10,7,0)+IF('Standard Profiles'!$G$21=$B$17,14,0)+IF('Standard Profiles'!$G$21=$B$24,21,0),MOD($C3567,24)+1)/SUM(INDEX($D$3:$AA$30,INDEX(Jesper!$R$2:$R$366,ROW(INDEX(Jesper!AK$2:AK$366,ROUNDDOWN($C3567/24,0)+1,1))-1)+IF('Standard Profiles'!$G$21=$B$10,7,0)+IF('Standard Profiles'!$G$21=$B$17,14,0)+IF('Standard Profiles'!$G$21=$B$24,21,0),0)),0)</f>
        <v>0.87059673913818703</v>
      </c>
      <c r="H3567" cm="1">
        <f t="array" ref="H3567">IFERROR(INDEX(Jesper!AL$2:AL$366,ROUNDDOWN($C3567/24,0)+1,1)*INDEX($D$3:$AA$30,INDEX(Jesper!$R$2:$R$366,ROW(INDEX(Jesper!AL$2:AL$366,ROUNDDOWN($C3567/24,0)+1,1))-1)+IF('Standard Profiles'!$G$22=$B$10,7,0)+IF('Standard Profiles'!$G$22=$B$17,14,0)+IF('Standard Profiles'!$G$22=$B$24,21,0),MOD($C3567,24)+1)/SUM(INDEX($D$3:$AA$30,INDEX(Jesper!$R$2:$R$366,ROW(INDEX(Jesper!AL$2:AL$366,ROUNDDOWN($C3567/24,0)+1,1))-1)+IF('Standard Profiles'!$G$22=$B$10,7,0)+IF('Standard Profiles'!$G$22=$B$17,14,0)+IF('Standard Profiles'!$G$22=$B$24,21,0),0)),0)</f>
        <v>0.44659350853347057</v>
      </c>
      <c r="I3567">
        <f t="shared" si="405"/>
        <v>0.42872976819213199</v>
      </c>
      <c r="J3567">
        <f t="shared" si="406"/>
        <v>4.6568314907961117</v>
      </c>
      <c r="K3567">
        <f t="shared" si="407"/>
        <v>0.2206279852688299</v>
      </c>
      <c r="L3567">
        <f t="shared" si="408"/>
        <v>0.11031399263441495</v>
      </c>
      <c r="M3567">
        <f t="shared" si="409"/>
        <v>0</v>
      </c>
      <c r="N3567" s="45">
        <f t="shared" si="410"/>
        <v>45074.208333324765</v>
      </c>
    </row>
    <row r="3568" spans="2:14" x14ac:dyDescent="0.25">
      <c r="B3568">
        <f t="shared" si="404"/>
        <v>7</v>
      </c>
      <c r="C3568" s="16">
        <v>3534</v>
      </c>
      <c r="D3568" cm="1">
        <f t="array" ref="D3568">IFERROR(INDEX(Jesper!AH$2:AH$366,ROUNDDOWN($C3568/24,0)+1,1)*INDEX($D$3:$AA$30,INDEX(Jesper!$R$2:$R$366,ROW(INDEX(Jesper!AH$2:AH$366,ROUNDDOWN($C3568/24,0)+1,1))-1)+IF('Standard Profiles'!$G$18=$B$10,7,0)+IF('Standard Profiles'!$G$18=$B$17,14,0)+IF('Standard Profiles'!$G$18=$B$24,21,0),MOD($C3568,24)+1)/SUM(INDEX($D$3:$AA$30,INDEX(Jesper!$R$2:$R$366,ROW(INDEX(Jesper!AH$2:AH$366,ROUNDDOWN($C3568/24,0)+1,1))-1)+IF('Standard Profiles'!$G$18=$B$10,7,0)+IF('Standard Profiles'!$G$18=$B$17,14,0)+IF('Standard Profiles'!$G$18=$B$24,21,0),0)),0)</f>
        <v>0</v>
      </c>
      <c r="E3568" cm="1">
        <f t="array" ref="E3568">IFERROR(INDEX(Jesper!AI$2:AI$366,ROUNDDOWN($C3568/24,0)+1,1)*INDEX($D$3:$AA$30,INDEX(Jesper!$R$2:$R$366,ROW(INDEX(Jesper!AI$2:AI$366,ROUNDDOWN($C3568/24,0)+1,1))-1)+IF('Standard Profiles'!$G$19=$B$10,7,0)+IF('Standard Profiles'!$G$19=$B$17,14,0)+IF('Standard Profiles'!$G$19=$B$24,21,0),MOD($C3568,24)+1)/SUM(INDEX($D$3:$AA$30,INDEX(Jesper!$R$2:$R$366,ROW(INDEX(Jesper!AI$2:AI$366,ROUNDDOWN($C3568/24,0)+1,1))-1)+IF('Standard Profiles'!$G$19=$B$10,7,0)+IF('Standard Profiles'!$G$19=$B$17,14,0)+IF('Standard Profiles'!$G$19=$B$24,21,0),0)),0)</f>
        <v>2.7578498158603737</v>
      </c>
      <c r="F3568" cm="1">
        <f t="array" ref="F3568">IFERROR(INDEX(Jesper!AJ$2:AJ$366,ROUNDDOWN($C3568/24,0)+1,1)*INDEX($D$3:$AA$30,INDEX(Jesper!$R$2:$R$366,ROW(INDEX(Jesper!AJ$2:AJ$366,ROUNDDOWN($C3568/24,0)+1,1))-1)+IF('Standard Profiles'!$G$20=$B$10,7,0)+IF('Standard Profiles'!$G$20=$B$17,14,0)+IF('Standard Profiles'!$G$20=$B$24,21,0),MOD($C3568,24)+1)/SUM(INDEX($D$3:$AA$30,INDEX(Jesper!$R$2:$R$366,ROW(INDEX(Jesper!AJ$2:AJ$366,ROUNDDOWN($C3568/24,0)+1,1))-1)+IF('Standard Profiles'!$G$20=$B$10,7,0)+IF('Standard Profiles'!$G$20=$B$17,14,0)+IF('Standard Profiles'!$G$20=$B$24,21,0),0)),0)</f>
        <v>1.3414631733594573</v>
      </c>
      <c r="G3568" cm="1">
        <f t="array" ref="G3568">IFERROR(INDEX(Jesper!AK$2:AK$366,ROUNDDOWN($C3568/24,0)+1,1)*INDEX($D$3:$AA$30,INDEX(Jesper!$R$2:$R$366,ROW(INDEX(Jesper!AK$2:AK$366,ROUNDDOWN($C3568/24,0)+1,1))-1)+IF('Standard Profiles'!$G$21=$B$10,7,0)+IF('Standard Profiles'!$G$21=$B$17,14,0)+IF('Standard Profiles'!$G$21=$B$24,21,0),MOD($C3568,24)+1)/SUM(INDEX($D$3:$AA$30,INDEX(Jesper!$R$2:$R$366,ROW(INDEX(Jesper!AK$2:AK$366,ROUNDDOWN($C3568/24,0)+1,1))-1)+IF('Standard Profiles'!$G$21=$B$10,7,0)+IF('Standard Profiles'!$G$21=$B$17,14,0)+IF('Standard Profiles'!$G$21=$B$24,21,0),0)),0)</f>
        <v>0.87059673913818703</v>
      </c>
      <c r="H3568" cm="1">
        <f t="array" ref="H3568">IFERROR(INDEX(Jesper!AL$2:AL$366,ROUNDDOWN($C3568/24,0)+1,1)*INDEX($D$3:$AA$30,INDEX(Jesper!$R$2:$R$366,ROW(INDEX(Jesper!AL$2:AL$366,ROUNDDOWN($C3568/24,0)+1,1))-1)+IF('Standard Profiles'!$G$22=$B$10,7,0)+IF('Standard Profiles'!$G$22=$B$17,14,0)+IF('Standard Profiles'!$G$22=$B$24,21,0),MOD($C3568,24)+1)/SUM(INDEX($D$3:$AA$30,INDEX(Jesper!$R$2:$R$366,ROW(INDEX(Jesper!AL$2:AL$366,ROUNDDOWN($C3568/24,0)+1,1))-1)+IF('Standard Profiles'!$G$22=$B$10,7,0)+IF('Standard Profiles'!$G$22=$B$17,14,0)+IF('Standard Profiles'!$G$22=$B$24,21,0),0)),0)</f>
        <v>0.52598791005053203</v>
      </c>
      <c r="I3568">
        <f t="shared" si="405"/>
        <v>0.50494839364851107</v>
      </c>
      <c r="J3568">
        <f t="shared" si="406"/>
        <v>4.6600072668567938</v>
      </c>
      <c r="K3568">
        <f t="shared" si="407"/>
        <v>0.2206279852688299</v>
      </c>
      <c r="L3568">
        <f t="shared" si="408"/>
        <v>0.11031399263441495</v>
      </c>
      <c r="M3568">
        <f t="shared" si="409"/>
        <v>0</v>
      </c>
      <c r="N3568" s="45">
        <f t="shared" si="410"/>
        <v>45074.249999991429</v>
      </c>
    </row>
    <row r="3569" spans="2:14" x14ac:dyDescent="0.25">
      <c r="B3569">
        <f t="shared" si="404"/>
        <v>7</v>
      </c>
      <c r="C3569" s="16">
        <v>3535</v>
      </c>
      <c r="D3569" cm="1">
        <f t="array" ref="D3569">IFERROR(INDEX(Jesper!AH$2:AH$366,ROUNDDOWN($C3569/24,0)+1,1)*INDEX($D$3:$AA$30,INDEX(Jesper!$R$2:$R$366,ROW(INDEX(Jesper!AH$2:AH$366,ROUNDDOWN($C3569/24,0)+1,1))-1)+IF('Standard Profiles'!$G$18=$B$10,7,0)+IF('Standard Profiles'!$G$18=$B$17,14,0)+IF('Standard Profiles'!$G$18=$B$24,21,0),MOD($C3569,24)+1)/SUM(INDEX($D$3:$AA$30,INDEX(Jesper!$R$2:$R$366,ROW(INDEX(Jesper!AH$2:AH$366,ROUNDDOWN($C3569/24,0)+1,1))-1)+IF('Standard Profiles'!$G$18=$B$10,7,0)+IF('Standard Profiles'!$G$18=$B$17,14,0)+IF('Standard Profiles'!$G$18=$B$24,21,0),0)),0)</f>
        <v>0</v>
      </c>
      <c r="E3569" cm="1">
        <f t="array" ref="E3569">IFERROR(INDEX(Jesper!AI$2:AI$366,ROUNDDOWN($C3569/24,0)+1,1)*INDEX($D$3:$AA$30,INDEX(Jesper!$R$2:$R$366,ROW(INDEX(Jesper!AI$2:AI$366,ROUNDDOWN($C3569/24,0)+1,1))-1)+IF('Standard Profiles'!$G$19=$B$10,7,0)+IF('Standard Profiles'!$G$19=$B$17,14,0)+IF('Standard Profiles'!$G$19=$B$24,21,0),MOD($C3569,24)+1)/SUM(INDEX($D$3:$AA$30,INDEX(Jesper!$R$2:$R$366,ROW(INDEX(Jesper!AI$2:AI$366,ROUNDDOWN($C3569/24,0)+1,1))-1)+IF('Standard Profiles'!$G$19=$B$10,7,0)+IF('Standard Profiles'!$G$19=$B$17,14,0)+IF('Standard Profiles'!$G$19=$B$24,21,0),0)),0)</f>
        <v>2.7578498158603737</v>
      </c>
      <c r="F3569" cm="1">
        <f t="array" ref="F3569">IFERROR(INDEX(Jesper!AJ$2:AJ$366,ROUNDDOWN($C3569/24,0)+1,1)*INDEX($D$3:$AA$30,INDEX(Jesper!$R$2:$R$366,ROW(INDEX(Jesper!AJ$2:AJ$366,ROUNDDOWN($C3569/24,0)+1,1))-1)+IF('Standard Profiles'!$G$20=$B$10,7,0)+IF('Standard Profiles'!$G$20=$B$17,14,0)+IF('Standard Profiles'!$G$20=$B$24,21,0),MOD($C3569,24)+1)/SUM(INDEX($D$3:$AA$30,INDEX(Jesper!$R$2:$R$366,ROW(INDEX(Jesper!AJ$2:AJ$366,ROUNDDOWN($C3569/24,0)+1,1))-1)+IF('Standard Profiles'!$G$20=$B$10,7,0)+IF('Standard Profiles'!$G$20=$B$17,14,0)+IF('Standard Profiles'!$G$20=$B$24,21,0),0)),0)</f>
        <v>1.3414631733594573</v>
      </c>
      <c r="G3569" cm="1">
        <f t="array" ref="G3569">IFERROR(INDEX(Jesper!AK$2:AK$366,ROUNDDOWN($C3569/24,0)+1,1)*INDEX($D$3:$AA$30,INDEX(Jesper!$R$2:$R$366,ROW(INDEX(Jesper!AK$2:AK$366,ROUNDDOWN($C3569/24,0)+1,1))-1)+IF('Standard Profiles'!$G$21=$B$10,7,0)+IF('Standard Profiles'!$G$21=$B$17,14,0)+IF('Standard Profiles'!$G$21=$B$24,21,0),MOD($C3569,24)+1)/SUM(INDEX($D$3:$AA$30,INDEX(Jesper!$R$2:$R$366,ROW(INDEX(Jesper!AK$2:AK$366,ROUNDDOWN($C3569/24,0)+1,1))-1)+IF('Standard Profiles'!$G$21=$B$10,7,0)+IF('Standard Profiles'!$G$21=$B$17,14,0)+IF('Standard Profiles'!$G$21=$B$24,21,0),0)),0)</f>
        <v>0.87059673913818703</v>
      </c>
      <c r="H3569" cm="1">
        <f t="array" ref="H3569">IFERROR(INDEX(Jesper!AL$2:AL$366,ROUNDDOWN($C3569/24,0)+1,1)*INDEX($D$3:$AA$30,INDEX(Jesper!$R$2:$R$366,ROW(INDEX(Jesper!AL$2:AL$366,ROUNDDOWN($C3569/24,0)+1,1))-1)+IF('Standard Profiles'!$G$22=$B$10,7,0)+IF('Standard Profiles'!$G$22=$B$17,14,0)+IF('Standard Profiles'!$G$22=$B$24,21,0),MOD($C3569,24)+1)/SUM(INDEX($D$3:$AA$30,INDEX(Jesper!$R$2:$R$366,ROW(INDEX(Jesper!AL$2:AL$366,ROUNDDOWN($C3569/24,0)+1,1))-1)+IF('Standard Profiles'!$G$22=$B$10,7,0)+IF('Standard Profiles'!$G$22=$B$17,14,0)+IF('Standard Profiles'!$G$22=$B$24,21,0),0)),0)</f>
        <v>0.62523091194685876</v>
      </c>
      <c r="I3569">
        <f t="shared" si="405"/>
        <v>0.60022167546898475</v>
      </c>
      <c r="J3569">
        <f t="shared" si="406"/>
        <v>4.6639769869326466</v>
      </c>
      <c r="K3569">
        <f t="shared" si="407"/>
        <v>0.2206279852688299</v>
      </c>
      <c r="L3569">
        <f t="shared" si="408"/>
        <v>0.11031399263441495</v>
      </c>
      <c r="M3569">
        <f t="shared" si="409"/>
        <v>0</v>
      </c>
      <c r="N3569" s="45">
        <f t="shared" si="410"/>
        <v>45074.291666658093</v>
      </c>
    </row>
    <row r="3570" spans="2:14" x14ac:dyDescent="0.25">
      <c r="B3570">
        <f t="shared" si="404"/>
        <v>7</v>
      </c>
      <c r="C3570" s="16">
        <v>3536</v>
      </c>
      <c r="D3570" cm="1">
        <f t="array" ref="D3570">IFERROR(INDEX(Jesper!AH$2:AH$366,ROUNDDOWN($C3570/24,0)+1,1)*INDEX($D$3:$AA$30,INDEX(Jesper!$R$2:$R$366,ROW(INDEX(Jesper!AH$2:AH$366,ROUNDDOWN($C3570/24,0)+1,1))-1)+IF('Standard Profiles'!$G$18=$B$10,7,0)+IF('Standard Profiles'!$G$18=$B$17,14,0)+IF('Standard Profiles'!$G$18=$B$24,21,0),MOD($C3570,24)+1)/SUM(INDEX($D$3:$AA$30,INDEX(Jesper!$R$2:$R$366,ROW(INDEX(Jesper!AH$2:AH$366,ROUNDDOWN($C3570/24,0)+1,1))-1)+IF('Standard Profiles'!$G$18=$B$10,7,0)+IF('Standard Profiles'!$G$18=$B$17,14,0)+IF('Standard Profiles'!$G$18=$B$24,21,0),0)),0)</f>
        <v>0</v>
      </c>
      <c r="E3570" cm="1">
        <f t="array" ref="E3570">IFERROR(INDEX(Jesper!AI$2:AI$366,ROUNDDOWN($C3570/24,0)+1,1)*INDEX($D$3:$AA$30,INDEX(Jesper!$R$2:$R$366,ROW(INDEX(Jesper!AI$2:AI$366,ROUNDDOWN($C3570/24,0)+1,1))-1)+IF('Standard Profiles'!$G$19=$B$10,7,0)+IF('Standard Profiles'!$G$19=$B$17,14,0)+IF('Standard Profiles'!$G$19=$B$24,21,0),MOD($C3570,24)+1)/SUM(INDEX($D$3:$AA$30,INDEX(Jesper!$R$2:$R$366,ROW(INDEX(Jesper!AI$2:AI$366,ROUNDDOWN($C3570/24,0)+1,1))-1)+IF('Standard Profiles'!$G$19=$B$10,7,0)+IF('Standard Profiles'!$G$19=$B$17,14,0)+IF('Standard Profiles'!$G$19=$B$24,21,0),0)),0)</f>
        <v>2.7578498158603737</v>
      </c>
      <c r="F3570" cm="1">
        <f t="array" ref="F3570">IFERROR(INDEX(Jesper!AJ$2:AJ$366,ROUNDDOWN($C3570/24,0)+1,1)*INDEX($D$3:$AA$30,INDEX(Jesper!$R$2:$R$366,ROW(INDEX(Jesper!AJ$2:AJ$366,ROUNDDOWN($C3570/24,0)+1,1))-1)+IF('Standard Profiles'!$G$20=$B$10,7,0)+IF('Standard Profiles'!$G$20=$B$17,14,0)+IF('Standard Profiles'!$G$20=$B$24,21,0),MOD($C3570,24)+1)/SUM(INDEX($D$3:$AA$30,INDEX(Jesper!$R$2:$R$366,ROW(INDEX(Jesper!AJ$2:AJ$366,ROUNDDOWN($C3570/24,0)+1,1))-1)+IF('Standard Profiles'!$G$20=$B$10,7,0)+IF('Standard Profiles'!$G$20=$B$17,14,0)+IF('Standard Profiles'!$G$20=$B$24,21,0),0)),0)</f>
        <v>1.3414631733594573</v>
      </c>
      <c r="G3570" cm="1">
        <f t="array" ref="G3570">IFERROR(INDEX(Jesper!AK$2:AK$366,ROUNDDOWN($C3570/24,0)+1,1)*INDEX($D$3:$AA$30,INDEX(Jesper!$R$2:$R$366,ROW(INDEX(Jesper!AK$2:AK$366,ROUNDDOWN($C3570/24,0)+1,1))-1)+IF('Standard Profiles'!$G$21=$B$10,7,0)+IF('Standard Profiles'!$G$21=$B$17,14,0)+IF('Standard Profiles'!$G$21=$B$24,21,0),MOD($C3570,24)+1)/SUM(INDEX($D$3:$AA$30,INDEX(Jesper!$R$2:$R$366,ROW(INDEX(Jesper!AK$2:AK$366,ROUNDDOWN($C3570/24,0)+1,1))-1)+IF('Standard Profiles'!$G$21=$B$10,7,0)+IF('Standard Profiles'!$G$21=$B$17,14,0)+IF('Standard Profiles'!$G$21=$B$24,21,0),0)),0)</f>
        <v>0.87059673913818703</v>
      </c>
      <c r="H3570" cm="1">
        <f t="array" ref="H3570">IFERROR(INDEX(Jesper!AL$2:AL$366,ROUNDDOWN($C3570/24,0)+1,1)*INDEX($D$3:$AA$30,INDEX(Jesper!$R$2:$R$366,ROW(INDEX(Jesper!AL$2:AL$366,ROUNDDOWN($C3570/24,0)+1,1))-1)+IF('Standard Profiles'!$G$22=$B$10,7,0)+IF('Standard Profiles'!$G$22=$B$17,14,0)+IF('Standard Profiles'!$G$22=$B$24,21,0),MOD($C3570,24)+1)/SUM(INDEX($D$3:$AA$30,INDEX(Jesper!$R$2:$R$366,ROW(INDEX(Jesper!AL$2:AL$366,ROUNDDOWN($C3570/24,0)+1,1))-1)+IF('Standard Profiles'!$G$22=$B$10,7,0)+IF('Standard Profiles'!$G$22=$B$17,14,0)+IF('Standard Profiles'!$G$22=$B$24,21,0),0)),0)</f>
        <v>0.62523091194685876</v>
      </c>
      <c r="I3570">
        <f t="shared" si="405"/>
        <v>0.60022167546898475</v>
      </c>
      <c r="J3570">
        <f t="shared" si="406"/>
        <v>4.6639769869326466</v>
      </c>
      <c r="K3570">
        <f t="shared" si="407"/>
        <v>0.2206279852688299</v>
      </c>
      <c r="L3570">
        <f t="shared" si="408"/>
        <v>0.11031399263441495</v>
      </c>
      <c r="M3570">
        <f t="shared" si="409"/>
        <v>0</v>
      </c>
      <c r="N3570" s="45">
        <f t="shared" si="410"/>
        <v>45074.333333324757</v>
      </c>
    </row>
    <row r="3571" spans="2:14" x14ac:dyDescent="0.25">
      <c r="B3571">
        <f t="shared" si="404"/>
        <v>7</v>
      </c>
      <c r="C3571" s="16">
        <v>3537</v>
      </c>
      <c r="D3571" cm="1">
        <f t="array" ref="D3571">IFERROR(INDEX(Jesper!AH$2:AH$366,ROUNDDOWN($C3571/24,0)+1,1)*INDEX($D$3:$AA$30,INDEX(Jesper!$R$2:$R$366,ROW(INDEX(Jesper!AH$2:AH$366,ROUNDDOWN($C3571/24,0)+1,1))-1)+IF('Standard Profiles'!$G$18=$B$10,7,0)+IF('Standard Profiles'!$G$18=$B$17,14,0)+IF('Standard Profiles'!$G$18=$B$24,21,0),MOD($C3571,24)+1)/SUM(INDEX($D$3:$AA$30,INDEX(Jesper!$R$2:$R$366,ROW(INDEX(Jesper!AH$2:AH$366,ROUNDDOWN($C3571/24,0)+1,1))-1)+IF('Standard Profiles'!$G$18=$B$10,7,0)+IF('Standard Profiles'!$G$18=$B$17,14,0)+IF('Standard Profiles'!$G$18=$B$24,21,0),0)),0)</f>
        <v>0</v>
      </c>
      <c r="E3571" cm="1">
        <f t="array" ref="E3571">IFERROR(INDEX(Jesper!AI$2:AI$366,ROUNDDOWN($C3571/24,0)+1,1)*INDEX($D$3:$AA$30,INDEX(Jesper!$R$2:$R$366,ROW(INDEX(Jesper!AI$2:AI$366,ROUNDDOWN($C3571/24,0)+1,1))-1)+IF('Standard Profiles'!$G$19=$B$10,7,0)+IF('Standard Profiles'!$G$19=$B$17,14,0)+IF('Standard Profiles'!$G$19=$B$24,21,0),MOD($C3571,24)+1)/SUM(INDEX($D$3:$AA$30,INDEX(Jesper!$R$2:$R$366,ROW(INDEX(Jesper!AI$2:AI$366,ROUNDDOWN($C3571/24,0)+1,1))-1)+IF('Standard Profiles'!$G$19=$B$10,7,0)+IF('Standard Profiles'!$G$19=$B$17,14,0)+IF('Standard Profiles'!$G$19=$B$24,21,0),0)),0)</f>
        <v>2.7578498158603737</v>
      </c>
      <c r="F3571" cm="1">
        <f t="array" ref="F3571">IFERROR(INDEX(Jesper!AJ$2:AJ$366,ROUNDDOWN($C3571/24,0)+1,1)*INDEX($D$3:$AA$30,INDEX(Jesper!$R$2:$R$366,ROW(INDEX(Jesper!AJ$2:AJ$366,ROUNDDOWN($C3571/24,0)+1,1))-1)+IF('Standard Profiles'!$G$20=$B$10,7,0)+IF('Standard Profiles'!$G$20=$B$17,14,0)+IF('Standard Profiles'!$G$20=$B$24,21,0),MOD($C3571,24)+1)/SUM(INDEX($D$3:$AA$30,INDEX(Jesper!$R$2:$R$366,ROW(INDEX(Jesper!AJ$2:AJ$366,ROUNDDOWN($C3571/24,0)+1,1))-1)+IF('Standard Profiles'!$G$20=$B$10,7,0)+IF('Standard Profiles'!$G$20=$B$17,14,0)+IF('Standard Profiles'!$G$20=$B$24,21,0),0)),0)</f>
        <v>1.3414631733594573</v>
      </c>
      <c r="G3571" cm="1">
        <f t="array" ref="G3571">IFERROR(INDEX(Jesper!AK$2:AK$366,ROUNDDOWN($C3571/24,0)+1,1)*INDEX($D$3:$AA$30,INDEX(Jesper!$R$2:$R$366,ROW(INDEX(Jesper!AK$2:AK$366,ROUNDDOWN($C3571/24,0)+1,1))-1)+IF('Standard Profiles'!$G$21=$B$10,7,0)+IF('Standard Profiles'!$G$21=$B$17,14,0)+IF('Standard Profiles'!$G$21=$B$24,21,0),MOD($C3571,24)+1)/SUM(INDEX($D$3:$AA$30,INDEX(Jesper!$R$2:$R$366,ROW(INDEX(Jesper!AK$2:AK$366,ROUNDDOWN($C3571/24,0)+1,1))-1)+IF('Standard Profiles'!$G$21=$B$10,7,0)+IF('Standard Profiles'!$G$21=$B$17,14,0)+IF('Standard Profiles'!$G$21=$B$24,21,0),0)),0)</f>
        <v>0.87059673913818703</v>
      </c>
      <c r="H3571" cm="1">
        <f t="array" ref="H3571">IFERROR(INDEX(Jesper!AL$2:AL$366,ROUNDDOWN($C3571/24,0)+1,1)*INDEX($D$3:$AA$30,INDEX(Jesper!$R$2:$R$366,ROW(INDEX(Jesper!AL$2:AL$366,ROUNDDOWN($C3571/24,0)+1,1))-1)+IF('Standard Profiles'!$G$22=$B$10,7,0)+IF('Standard Profiles'!$G$22=$B$17,14,0)+IF('Standard Profiles'!$G$22=$B$24,21,0),MOD($C3571,24)+1)/SUM(INDEX($D$3:$AA$30,INDEX(Jesper!$R$2:$R$366,ROW(INDEX(Jesper!AL$2:AL$366,ROUNDDOWN($C3571/24,0)+1,1))-1)+IF('Standard Profiles'!$G$22=$B$10,7,0)+IF('Standard Profiles'!$G$22=$B$17,14,0)+IF('Standard Profiles'!$G$22=$B$24,21,0),0)),0)</f>
        <v>0.62523091194685876</v>
      </c>
      <c r="I3571">
        <f t="shared" si="405"/>
        <v>0.60022167546898475</v>
      </c>
      <c r="J3571">
        <f t="shared" si="406"/>
        <v>4.6639769869326466</v>
      </c>
      <c r="K3571">
        <f t="shared" si="407"/>
        <v>0.2206279852688299</v>
      </c>
      <c r="L3571">
        <f t="shared" si="408"/>
        <v>0.11031399263441495</v>
      </c>
      <c r="M3571">
        <f t="shared" si="409"/>
        <v>0</v>
      </c>
      <c r="N3571" s="45">
        <f t="shared" si="410"/>
        <v>45074.374999991422</v>
      </c>
    </row>
    <row r="3572" spans="2:14" x14ac:dyDescent="0.25">
      <c r="B3572">
        <f t="shared" si="404"/>
        <v>7</v>
      </c>
      <c r="C3572" s="16">
        <v>3538</v>
      </c>
      <c r="D3572" cm="1">
        <f t="array" ref="D3572">IFERROR(INDEX(Jesper!AH$2:AH$366,ROUNDDOWN($C3572/24,0)+1,1)*INDEX($D$3:$AA$30,INDEX(Jesper!$R$2:$R$366,ROW(INDEX(Jesper!AH$2:AH$366,ROUNDDOWN($C3572/24,0)+1,1))-1)+IF('Standard Profiles'!$G$18=$B$10,7,0)+IF('Standard Profiles'!$G$18=$B$17,14,0)+IF('Standard Profiles'!$G$18=$B$24,21,0),MOD($C3572,24)+1)/SUM(INDEX($D$3:$AA$30,INDEX(Jesper!$R$2:$R$366,ROW(INDEX(Jesper!AH$2:AH$366,ROUNDDOWN($C3572/24,0)+1,1))-1)+IF('Standard Profiles'!$G$18=$B$10,7,0)+IF('Standard Profiles'!$G$18=$B$17,14,0)+IF('Standard Profiles'!$G$18=$B$24,21,0),0)),0)</f>
        <v>0</v>
      </c>
      <c r="E3572" cm="1">
        <f t="array" ref="E3572">IFERROR(INDEX(Jesper!AI$2:AI$366,ROUNDDOWN($C3572/24,0)+1,1)*INDEX($D$3:$AA$30,INDEX(Jesper!$R$2:$R$366,ROW(INDEX(Jesper!AI$2:AI$366,ROUNDDOWN($C3572/24,0)+1,1))-1)+IF('Standard Profiles'!$G$19=$B$10,7,0)+IF('Standard Profiles'!$G$19=$B$17,14,0)+IF('Standard Profiles'!$G$19=$B$24,21,0),MOD($C3572,24)+1)/SUM(INDEX($D$3:$AA$30,INDEX(Jesper!$R$2:$R$366,ROW(INDEX(Jesper!AI$2:AI$366,ROUNDDOWN($C3572/24,0)+1,1))-1)+IF('Standard Profiles'!$G$19=$B$10,7,0)+IF('Standard Profiles'!$G$19=$B$17,14,0)+IF('Standard Profiles'!$G$19=$B$24,21,0),0)),0)</f>
        <v>2.7578498158603737</v>
      </c>
      <c r="F3572" cm="1">
        <f t="array" ref="F3572">IFERROR(INDEX(Jesper!AJ$2:AJ$366,ROUNDDOWN($C3572/24,0)+1,1)*INDEX($D$3:$AA$30,INDEX(Jesper!$R$2:$R$366,ROW(INDEX(Jesper!AJ$2:AJ$366,ROUNDDOWN($C3572/24,0)+1,1))-1)+IF('Standard Profiles'!$G$20=$B$10,7,0)+IF('Standard Profiles'!$G$20=$B$17,14,0)+IF('Standard Profiles'!$G$20=$B$24,21,0),MOD($C3572,24)+1)/SUM(INDEX($D$3:$AA$30,INDEX(Jesper!$R$2:$R$366,ROW(INDEX(Jesper!AJ$2:AJ$366,ROUNDDOWN($C3572/24,0)+1,1))-1)+IF('Standard Profiles'!$G$20=$B$10,7,0)+IF('Standard Profiles'!$G$20=$B$17,14,0)+IF('Standard Profiles'!$G$20=$B$24,21,0),0)),0)</f>
        <v>1.3414631733594573</v>
      </c>
      <c r="G3572" cm="1">
        <f t="array" ref="G3572">IFERROR(INDEX(Jesper!AK$2:AK$366,ROUNDDOWN($C3572/24,0)+1,1)*INDEX($D$3:$AA$30,INDEX(Jesper!$R$2:$R$366,ROW(INDEX(Jesper!AK$2:AK$366,ROUNDDOWN($C3572/24,0)+1,1))-1)+IF('Standard Profiles'!$G$21=$B$10,7,0)+IF('Standard Profiles'!$G$21=$B$17,14,0)+IF('Standard Profiles'!$G$21=$B$24,21,0),MOD($C3572,24)+1)/SUM(INDEX($D$3:$AA$30,INDEX(Jesper!$R$2:$R$366,ROW(INDEX(Jesper!AK$2:AK$366,ROUNDDOWN($C3572/24,0)+1,1))-1)+IF('Standard Profiles'!$G$21=$B$10,7,0)+IF('Standard Profiles'!$G$21=$B$17,14,0)+IF('Standard Profiles'!$G$21=$B$24,21,0),0)),0)</f>
        <v>0.87059673913818703</v>
      </c>
      <c r="H3572" cm="1">
        <f t="array" ref="H3572">IFERROR(INDEX(Jesper!AL$2:AL$366,ROUNDDOWN($C3572/24,0)+1,1)*INDEX($D$3:$AA$30,INDEX(Jesper!$R$2:$R$366,ROW(INDEX(Jesper!AL$2:AL$366,ROUNDDOWN($C3572/24,0)+1,1))-1)+IF('Standard Profiles'!$G$22=$B$10,7,0)+IF('Standard Profiles'!$G$22=$B$17,14,0)+IF('Standard Profiles'!$G$22=$B$24,21,0),MOD($C3572,24)+1)/SUM(INDEX($D$3:$AA$30,INDEX(Jesper!$R$2:$R$366,ROW(INDEX(Jesper!AL$2:AL$366,ROUNDDOWN($C3572/24,0)+1,1))-1)+IF('Standard Profiles'!$G$22=$B$10,7,0)+IF('Standard Profiles'!$G$22=$B$17,14,0)+IF('Standard Profiles'!$G$22=$B$24,21,0),0)),0)</f>
        <v>0.62523091194685876</v>
      </c>
      <c r="I3572">
        <f t="shared" si="405"/>
        <v>0.60022167546898475</v>
      </c>
      <c r="J3572">
        <f t="shared" si="406"/>
        <v>4.6639769869326466</v>
      </c>
      <c r="K3572">
        <f t="shared" si="407"/>
        <v>0.2206279852688299</v>
      </c>
      <c r="L3572">
        <f t="shared" si="408"/>
        <v>0.11031399263441495</v>
      </c>
      <c r="M3572">
        <f t="shared" si="409"/>
        <v>0</v>
      </c>
      <c r="N3572" s="45">
        <f t="shared" si="410"/>
        <v>45074.416666658086</v>
      </c>
    </row>
    <row r="3573" spans="2:14" x14ac:dyDescent="0.25">
      <c r="B3573">
        <f t="shared" si="404"/>
        <v>7</v>
      </c>
      <c r="C3573" s="16">
        <v>3539</v>
      </c>
      <c r="D3573" cm="1">
        <f t="array" ref="D3573">IFERROR(INDEX(Jesper!AH$2:AH$366,ROUNDDOWN($C3573/24,0)+1,1)*INDEX($D$3:$AA$30,INDEX(Jesper!$R$2:$R$366,ROW(INDEX(Jesper!AH$2:AH$366,ROUNDDOWN($C3573/24,0)+1,1))-1)+IF('Standard Profiles'!$G$18=$B$10,7,0)+IF('Standard Profiles'!$G$18=$B$17,14,0)+IF('Standard Profiles'!$G$18=$B$24,21,0),MOD($C3573,24)+1)/SUM(INDEX($D$3:$AA$30,INDEX(Jesper!$R$2:$R$366,ROW(INDEX(Jesper!AH$2:AH$366,ROUNDDOWN($C3573/24,0)+1,1))-1)+IF('Standard Profiles'!$G$18=$B$10,7,0)+IF('Standard Profiles'!$G$18=$B$17,14,0)+IF('Standard Profiles'!$G$18=$B$24,21,0),0)),0)</f>
        <v>0</v>
      </c>
      <c r="E3573" cm="1">
        <f t="array" ref="E3573">IFERROR(INDEX(Jesper!AI$2:AI$366,ROUNDDOWN($C3573/24,0)+1,1)*INDEX($D$3:$AA$30,INDEX(Jesper!$R$2:$R$366,ROW(INDEX(Jesper!AI$2:AI$366,ROUNDDOWN($C3573/24,0)+1,1))-1)+IF('Standard Profiles'!$G$19=$B$10,7,0)+IF('Standard Profiles'!$G$19=$B$17,14,0)+IF('Standard Profiles'!$G$19=$B$24,21,0),MOD($C3573,24)+1)/SUM(INDEX($D$3:$AA$30,INDEX(Jesper!$R$2:$R$366,ROW(INDEX(Jesper!AI$2:AI$366,ROUNDDOWN($C3573/24,0)+1,1))-1)+IF('Standard Profiles'!$G$19=$B$10,7,0)+IF('Standard Profiles'!$G$19=$B$17,14,0)+IF('Standard Profiles'!$G$19=$B$24,21,0),0)),0)</f>
        <v>2.7578498158603737</v>
      </c>
      <c r="F3573" cm="1">
        <f t="array" ref="F3573">IFERROR(INDEX(Jesper!AJ$2:AJ$366,ROUNDDOWN($C3573/24,0)+1,1)*INDEX($D$3:$AA$30,INDEX(Jesper!$R$2:$R$366,ROW(INDEX(Jesper!AJ$2:AJ$366,ROUNDDOWN($C3573/24,0)+1,1))-1)+IF('Standard Profiles'!$G$20=$B$10,7,0)+IF('Standard Profiles'!$G$20=$B$17,14,0)+IF('Standard Profiles'!$G$20=$B$24,21,0),MOD($C3573,24)+1)/SUM(INDEX($D$3:$AA$30,INDEX(Jesper!$R$2:$R$366,ROW(INDEX(Jesper!AJ$2:AJ$366,ROUNDDOWN($C3573/24,0)+1,1))-1)+IF('Standard Profiles'!$G$20=$B$10,7,0)+IF('Standard Profiles'!$G$20=$B$17,14,0)+IF('Standard Profiles'!$G$20=$B$24,21,0),0)),0)</f>
        <v>1.3414631733594573</v>
      </c>
      <c r="G3573" cm="1">
        <f t="array" ref="G3573">IFERROR(INDEX(Jesper!AK$2:AK$366,ROUNDDOWN($C3573/24,0)+1,1)*INDEX($D$3:$AA$30,INDEX(Jesper!$R$2:$R$366,ROW(INDEX(Jesper!AK$2:AK$366,ROUNDDOWN($C3573/24,0)+1,1))-1)+IF('Standard Profiles'!$G$21=$B$10,7,0)+IF('Standard Profiles'!$G$21=$B$17,14,0)+IF('Standard Profiles'!$G$21=$B$24,21,0),MOD($C3573,24)+1)/SUM(INDEX($D$3:$AA$30,INDEX(Jesper!$R$2:$R$366,ROW(INDEX(Jesper!AK$2:AK$366,ROUNDDOWN($C3573/24,0)+1,1))-1)+IF('Standard Profiles'!$G$21=$B$10,7,0)+IF('Standard Profiles'!$G$21=$B$17,14,0)+IF('Standard Profiles'!$G$21=$B$24,21,0),0)),0)</f>
        <v>0.87059673913818703</v>
      </c>
      <c r="H3573" cm="1">
        <f t="array" ref="H3573">IFERROR(INDEX(Jesper!AL$2:AL$366,ROUNDDOWN($C3573/24,0)+1,1)*INDEX($D$3:$AA$30,INDEX(Jesper!$R$2:$R$366,ROW(INDEX(Jesper!AL$2:AL$366,ROUNDDOWN($C3573/24,0)+1,1))-1)+IF('Standard Profiles'!$G$22=$B$10,7,0)+IF('Standard Profiles'!$G$22=$B$17,14,0)+IF('Standard Profiles'!$G$22=$B$24,21,0),MOD($C3573,24)+1)/SUM(INDEX($D$3:$AA$30,INDEX(Jesper!$R$2:$R$366,ROW(INDEX(Jesper!AL$2:AL$366,ROUNDDOWN($C3573/24,0)+1,1))-1)+IF('Standard Profiles'!$G$22=$B$10,7,0)+IF('Standard Profiles'!$G$22=$B$17,14,0)+IF('Standard Profiles'!$G$22=$B$24,21,0),0)),0)</f>
        <v>0.62523091194685876</v>
      </c>
      <c r="I3573">
        <f t="shared" si="405"/>
        <v>0.60022167546898475</v>
      </c>
      <c r="J3573">
        <f t="shared" si="406"/>
        <v>4.6639769869326466</v>
      </c>
      <c r="K3573">
        <f t="shared" si="407"/>
        <v>0.2206279852688299</v>
      </c>
      <c r="L3573">
        <f t="shared" si="408"/>
        <v>0.11031399263441495</v>
      </c>
      <c r="M3573">
        <f t="shared" si="409"/>
        <v>0</v>
      </c>
      <c r="N3573" s="45">
        <f t="shared" si="410"/>
        <v>45074.45833332475</v>
      </c>
    </row>
    <row r="3574" spans="2:14" x14ac:dyDescent="0.25">
      <c r="B3574">
        <f t="shared" si="404"/>
        <v>7</v>
      </c>
      <c r="C3574" s="16">
        <v>3540</v>
      </c>
      <c r="D3574" cm="1">
        <f t="array" ref="D3574">IFERROR(INDEX(Jesper!AH$2:AH$366,ROUNDDOWN($C3574/24,0)+1,1)*INDEX($D$3:$AA$30,INDEX(Jesper!$R$2:$R$366,ROW(INDEX(Jesper!AH$2:AH$366,ROUNDDOWN($C3574/24,0)+1,1))-1)+IF('Standard Profiles'!$G$18=$B$10,7,0)+IF('Standard Profiles'!$G$18=$B$17,14,0)+IF('Standard Profiles'!$G$18=$B$24,21,0),MOD($C3574,24)+1)/SUM(INDEX($D$3:$AA$30,INDEX(Jesper!$R$2:$R$366,ROW(INDEX(Jesper!AH$2:AH$366,ROUNDDOWN($C3574/24,0)+1,1))-1)+IF('Standard Profiles'!$G$18=$B$10,7,0)+IF('Standard Profiles'!$G$18=$B$17,14,0)+IF('Standard Profiles'!$G$18=$B$24,21,0),0)),0)</f>
        <v>0</v>
      </c>
      <c r="E3574" cm="1">
        <f t="array" ref="E3574">IFERROR(INDEX(Jesper!AI$2:AI$366,ROUNDDOWN($C3574/24,0)+1,1)*INDEX($D$3:$AA$30,INDEX(Jesper!$R$2:$R$366,ROW(INDEX(Jesper!AI$2:AI$366,ROUNDDOWN($C3574/24,0)+1,1))-1)+IF('Standard Profiles'!$G$19=$B$10,7,0)+IF('Standard Profiles'!$G$19=$B$17,14,0)+IF('Standard Profiles'!$G$19=$B$24,21,0),MOD($C3574,24)+1)/SUM(INDEX($D$3:$AA$30,INDEX(Jesper!$R$2:$R$366,ROW(INDEX(Jesper!AI$2:AI$366,ROUNDDOWN($C3574/24,0)+1,1))-1)+IF('Standard Profiles'!$G$19=$B$10,7,0)+IF('Standard Profiles'!$G$19=$B$17,14,0)+IF('Standard Profiles'!$G$19=$B$24,21,0),0)),0)</f>
        <v>2.7578498158603737</v>
      </c>
      <c r="F3574" cm="1">
        <f t="array" ref="F3574">IFERROR(INDEX(Jesper!AJ$2:AJ$366,ROUNDDOWN($C3574/24,0)+1,1)*INDEX($D$3:$AA$30,INDEX(Jesper!$R$2:$R$366,ROW(INDEX(Jesper!AJ$2:AJ$366,ROUNDDOWN($C3574/24,0)+1,1))-1)+IF('Standard Profiles'!$G$20=$B$10,7,0)+IF('Standard Profiles'!$G$20=$B$17,14,0)+IF('Standard Profiles'!$G$20=$B$24,21,0),MOD($C3574,24)+1)/SUM(INDEX($D$3:$AA$30,INDEX(Jesper!$R$2:$R$366,ROW(INDEX(Jesper!AJ$2:AJ$366,ROUNDDOWN($C3574/24,0)+1,1))-1)+IF('Standard Profiles'!$G$20=$B$10,7,0)+IF('Standard Profiles'!$G$20=$B$17,14,0)+IF('Standard Profiles'!$G$20=$B$24,21,0),0)),0)</f>
        <v>1.3414631733594573</v>
      </c>
      <c r="G3574" cm="1">
        <f t="array" ref="G3574">IFERROR(INDEX(Jesper!AK$2:AK$366,ROUNDDOWN($C3574/24,0)+1,1)*INDEX($D$3:$AA$30,INDEX(Jesper!$R$2:$R$366,ROW(INDEX(Jesper!AK$2:AK$366,ROUNDDOWN($C3574/24,0)+1,1))-1)+IF('Standard Profiles'!$G$21=$B$10,7,0)+IF('Standard Profiles'!$G$21=$B$17,14,0)+IF('Standard Profiles'!$G$21=$B$24,21,0),MOD($C3574,24)+1)/SUM(INDEX($D$3:$AA$30,INDEX(Jesper!$R$2:$R$366,ROW(INDEX(Jesper!AK$2:AK$366,ROUNDDOWN($C3574/24,0)+1,1))-1)+IF('Standard Profiles'!$G$21=$B$10,7,0)+IF('Standard Profiles'!$G$21=$B$17,14,0)+IF('Standard Profiles'!$G$21=$B$24,21,0),0)),0)</f>
        <v>0.87059673913818703</v>
      </c>
      <c r="H3574" cm="1">
        <f t="array" ref="H3574">IFERROR(INDEX(Jesper!AL$2:AL$366,ROUNDDOWN($C3574/24,0)+1,1)*INDEX($D$3:$AA$30,INDEX(Jesper!$R$2:$R$366,ROW(INDEX(Jesper!AL$2:AL$366,ROUNDDOWN($C3574/24,0)+1,1))-1)+IF('Standard Profiles'!$G$22=$B$10,7,0)+IF('Standard Profiles'!$G$22=$B$17,14,0)+IF('Standard Profiles'!$G$22=$B$24,21,0),MOD($C3574,24)+1)/SUM(INDEX($D$3:$AA$30,INDEX(Jesper!$R$2:$R$366,ROW(INDEX(Jesper!AL$2:AL$366,ROUNDDOWN($C3574/24,0)+1,1))-1)+IF('Standard Profiles'!$G$22=$B$10,7,0)+IF('Standard Profiles'!$G$22=$B$17,14,0)+IF('Standard Profiles'!$G$22=$B$24,21,0),0)),0)</f>
        <v>0.62523091194685876</v>
      </c>
      <c r="I3574">
        <f t="shared" si="405"/>
        <v>0.60022167546898475</v>
      </c>
      <c r="J3574">
        <f t="shared" si="406"/>
        <v>4.6639769869326466</v>
      </c>
      <c r="K3574">
        <f t="shared" si="407"/>
        <v>0.2206279852688299</v>
      </c>
      <c r="L3574">
        <f t="shared" si="408"/>
        <v>0.11031399263441495</v>
      </c>
      <c r="M3574">
        <f t="shared" si="409"/>
        <v>0</v>
      </c>
      <c r="N3574" s="45">
        <f t="shared" si="410"/>
        <v>45074.499999991414</v>
      </c>
    </row>
    <row r="3575" spans="2:14" x14ac:dyDescent="0.25">
      <c r="B3575">
        <f t="shared" si="404"/>
        <v>7</v>
      </c>
      <c r="C3575" s="16">
        <v>3541</v>
      </c>
      <c r="D3575" cm="1">
        <f t="array" ref="D3575">IFERROR(INDEX(Jesper!AH$2:AH$366,ROUNDDOWN($C3575/24,0)+1,1)*INDEX($D$3:$AA$30,INDEX(Jesper!$R$2:$R$366,ROW(INDEX(Jesper!AH$2:AH$366,ROUNDDOWN($C3575/24,0)+1,1))-1)+IF('Standard Profiles'!$G$18=$B$10,7,0)+IF('Standard Profiles'!$G$18=$B$17,14,0)+IF('Standard Profiles'!$G$18=$B$24,21,0),MOD($C3575,24)+1)/SUM(INDEX($D$3:$AA$30,INDEX(Jesper!$R$2:$R$366,ROW(INDEX(Jesper!AH$2:AH$366,ROUNDDOWN($C3575/24,0)+1,1))-1)+IF('Standard Profiles'!$G$18=$B$10,7,0)+IF('Standard Profiles'!$G$18=$B$17,14,0)+IF('Standard Profiles'!$G$18=$B$24,21,0),0)),0)</f>
        <v>0</v>
      </c>
      <c r="E3575" cm="1">
        <f t="array" ref="E3575">IFERROR(INDEX(Jesper!AI$2:AI$366,ROUNDDOWN($C3575/24,0)+1,1)*INDEX($D$3:$AA$30,INDEX(Jesper!$R$2:$R$366,ROW(INDEX(Jesper!AI$2:AI$366,ROUNDDOWN($C3575/24,0)+1,1))-1)+IF('Standard Profiles'!$G$19=$B$10,7,0)+IF('Standard Profiles'!$G$19=$B$17,14,0)+IF('Standard Profiles'!$G$19=$B$24,21,0),MOD($C3575,24)+1)/SUM(INDEX($D$3:$AA$30,INDEX(Jesper!$R$2:$R$366,ROW(INDEX(Jesper!AI$2:AI$366,ROUNDDOWN($C3575/24,0)+1,1))-1)+IF('Standard Profiles'!$G$19=$B$10,7,0)+IF('Standard Profiles'!$G$19=$B$17,14,0)+IF('Standard Profiles'!$G$19=$B$24,21,0),0)),0)</f>
        <v>2.7578498158603737</v>
      </c>
      <c r="F3575" cm="1">
        <f t="array" ref="F3575">IFERROR(INDEX(Jesper!AJ$2:AJ$366,ROUNDDOWN($C3575/24,0)+1,1)*INDEX($D$3:$AA$30,INDEX(Jesper!$R$2:$R$366,ROW(INDEX(Jesper!AJ$2:AJ$366,ROUNDDOWN($C3575/24,0)+1,1))-1)+IF('Standard Profiles'!$G$20=$B$10,7,0)+IF('Standard Profiles'!$G$20=$B$17,14,0)+IF('Standard Profiles'!$G$20=$B$24,21,0),MOD($C3575,24)+1)/SUM(INDEX($D$3:$AA$30,INDEX(Jesper!$R$2:$R$366,ROW(INDEX(Jesper!AJ$2:AJ$366,ROUNDDOWN($C3575/24,0)+1,1))-1)+IF('Standard Profiles'!$G$20=$B$10,7,0)+IF('Standard Profiles'!$G$20=$B$17,14,0)+IF('Standard Profiles'!$G$20=$B$24,21,0),0)),0)</f>
        <v>1.3414631733594573</v>
      </c>
      <c r="G3575" cm="1">
        <f t="array" ref="G3575">IFERROR(INDEX(Jesper!AK$2:AK$366,ROUNDDOWN($C3575/24,0)+1,1)*INDEX($D$3:$AA$30,INDEX(Jesper!$R$2:$R$366,ROW(INDEX(Jesper!AK$2:AK$366,ROUNDDOWN($C3575/24,0)+1,1))-1)+IF('Standard Profiles'!$G$21=$B$10,7,0)+IF('Standard Profiles'!$G$21=$B$17,14,0)+IF('Standard Profiles'!$G$21=$B$24,21,0),MOD($C3575,24)+1)/SUM(INDEX($D$3:$AA$30,INDEX(Jesper!$R$2:$R$366,ROW(INDEX(Jesper!AK$2:AK$366,ROUNDDOWN($C3575/24,0)+1,1))-1)+IF('Standard Profiles'!$G$21=$B$10,7,0)+IF('Standard Profiles'!$G$21=$B$17,14,0)+IF('Standard Profiles'!$G$21=$B$24,21,0),0)),0)</f>
        <v>0.87059673913818703</v>
      </c>
      <c r="H3575" cm="1">
        <f t="array" ref="H3575">IFERROR(INDEX(Jesper!AL$2:AL$366,ROUNDDOWN($C3575/24,0)+1,1)*INDEX($D$3:$AA$30,INDEX(Jesper!$R$2:$R$366,ROW(INDEX(Jesper!AL$2:AL$366,ROUNDDOWN($C3575/24,0)+1,1))-1)+IF('Standard Profiles'!$G$22=$B$10,7,0)+IF('Standard Profiles'!$G$22=$B$17,14,0)+IF('Standard Profiles'!$G$22=$B$24,21,0),MOD($C3575,24)+1)/SUM(INDEX($D$3:$AA$30,INDEX(Jesper!$R$2:$R$366,ROW(INDEX(Jesper!AL$2:AL$366,ROUNDDOWN($C3575/24,0)+1,1))-1)+IF('Standard Profiles'!$G$22=$B$10,7,0)+IF('Standard Profiles'!$G$22=$B$17,14,0)+IF('Standard Profiles'!$G$22=$B$24,21,0),0)),0)</f>
        <v>0.62523091194685876</v>
      </c>
      <c r="I3575">
        <f t="shared" si="405"/>
        <v>0.60022167546898475</v>
      </c>
      <c r="J3575">
        <f t="shared" si="406"/>
        <v>4.6639769869326466</v>
      </c>
      <c r="K3575">
        <f t="shared" si="407"/>
        <v>0.2206279852688299</v>
      </c>
      <c r="L3575">
        <f t="shared" si="408"/>
        <v>0.11031399263441495</v>
      </c>
      <c r="M3575">
        <f t="shared" si="409"/>
        <v>0</v>
      </c>
      <c r="N3575" s="45">
        <f t="shared" si="410"/>
        <v>45074.541666658079</v>
      </c>
    </row>
    <row r="3576" spans="2:14" x14ac:dyDescent="0.25">
      <c r="B3576">
        <f t="shared" si="404"/>
        <v>7</v>
      </c>
      <c r="C3576" s="16">
        <v>3542</v>
      </c>
      <c r="D3576" cm="1">
        <f t="array" ref="D3576">IFERROR(INDEX(Jesper!AH$2:AH$366,ROUNDDOWN($C3576/24,0)+1,1)*INDEX($D$3:$AA$30,INDEX(Jesper!$R$2:$R$366,ROW(INDEX(Jesper!AH$2:AH$366,ROUNDDOWN($C3576/24,0)+1,1))-1)+IF('Standard Profiles'!$G$18=$B$10,7,0)+IF('Standard Profiles'!$G$18=$B$17,14,0)+IF('Standard Profiles'!$G$18=$B$24,21,0),MOD($C3576,24)+1)/SUM(INDEX($D$3:$AA$30,INDEX(Jesper!$R$2:$R$366,ROW(INDEX(Jesper!AH$2:AH$366,ROUNDDOWN($C3576/24,0)+1,1))-1)+IF('Standard Profiles'!$G$18=$B$10,7,0)+IF('Standard Profiles'!$G$18=$B$17,14,0)+IF('Standard Profiles'!$G$18=$B$24,21,0),0)),0)</f>
        <v>0</v>
      </c>
      <c r="E3576" cm="1">
        <f t="array" ref="E3576">IFERROR(INDEX(Jesper!AI$2:AI$366,ROUNDDOWN($C3576/24,0)+1,1)*INDEX($D$3:$AA$30,INDEX(Jesper!$R$2:$R$366,ROW(INDEX(Jesper!AI$2:AI$366,ROUNDDOWN($C3576/24,0)+1,1))-1)+IF('Standard Profiles'!$G$19=$B$10,7,0)+IF('Standard Profiles'!$G$19=$B$17,14,0)+IF('Standard Profiles'!$G$19=$B$24,21,0),MOD($C3576,24)+1)/SUM(INDEX($D$3:$AA$30,INDEX(Jesper!$R$2:$R$366,ROW(INDEX(Jesper!AI$2:AI$366,ROUNDDOWN($C3576/24,0)+1,1))-1)+IF('Standard Profiles'!$G$19=$B$10,7,0)+IF('Standard Profiles'!$G$19=$B$17,14,0)+IF('Standard Profiles'!$G$19=$B$24,21,0),0)),0)</f>
        <v>2.7578498158603737</v>
      </c>
      <c r="F3576" cm="1">
        <f t="array" ref="F3576">IFERROR(INDEX(Jesper!AJ$2:AJ$366,ROUNDDOWN($C3576/24,0)+1,1)*INDEX($D$3:$AA$30,INDEX(Jesper!$R$2:$R$366,ROW(INDEX(Jesper!AJ$2:AJ$366,ROUNDDOWN($C3576/24,0)+1,1))-1)+IF('Standard Profiles'!$G$20=$B$10,7,0)+IF('Standard Profiles'!$G$20=$B$17,14,0)+IF('Standard Profiles'!$G$20=$B$24,21,0),MOD($C3576,24)+1)/SUM(INDEX($D$3:$AA$30,INDEX(Jesper!$R$2:$R$366,ROW(INDEX(Jesper!AJ$2:AJ$366,ROUNDDOWN($C3576/24,0)+1,1))-1)+IF('Standard Profiles'!$G$20=$B$10,7,0)+IF('Standard Profiles'!$G$20=$B$17,14,0)+IF('Standard Profiles'!$G$20=$B$24,21,0),0)),0)</f>
        <v>1.3414631733594573</v>
      </c>
      <c r="G3576" cm="1">
        <f t="array" ref="G3576">IFERROR(INDEX(Jesper!AK$2:AK$366,ROUNDDOWN($C3576/24,0)+1,1)*INDEX($D$3:$AA$30,INDEX(Jesper!$R$2:$R$366,ROW(INDEX(Jesper!AK$2:AK$366,ROUNDDOWN($C3576/24,0)+1,1))-1)+IF('Standard Profiles'!$G$21=$B$10,7,0)+IF('Standard Profiles'!$G$21=$B$17,14,0)+IF('Standard Profiles'!$G$21=$B$24,21,0),MOD($C3576,24)+1)/SUM(INDEX($D$3:$AA$30,INDEX(Jesper!$R$2:$R$366,ROW(INDEX(Jesper!AK$2:AK$366,ROUNDDOWN($C3576/24,0)+1,1))-1)+IF('Standard Profiles'!$G$21=$B$10,7,0)+IF('Standard Profiles'!$G$21=$B$17,14,0)+IF('Standard Profiles'!$G$21=$B$24,21,0),0)),0)</f>
        <v>0.87059673913818703</v>
      </c>
      <c r="H3576" cm="1">
        <f t="array" ref="H3576">IFERROR(INDEX(Jesper!AL$2:AL$366,ROUNDDOWN($C3576/24,0)+1,1)*INDEX($D$3:$AA$30,INDEX(Jesper!$R$2:$R$366,ROW(INDEX(Jesper!AL$2:AL$366,ROUNDDOWN($C3576/24,0)+1,1))-1)+IF('Standard Profiles'!$G$22=$B$10,7,0)+IF('Standard Profiles'!$G$22=$B$17,14,0)+IF('Standard Profiles'!$G$22=$B$24,21,0),MOD($C3576,24)+1)/SUM(INDEX($D$3:$AA$30,INDEX(Jesper!$R$2:$R$366,ROW(INDEX(Jesper!AL$2:AL$366,ROUNDDOWN($C3576/24,0)+1,1))-1)+IF('Standard Profiles'!$G$22=$B$10,7,0)+IF('Standard Profiles'!$G$22=$B$17,14,0)+IF('Standard Profiles'!$G$22=$B$24,21,0),0)),0)</f>
        <v>0.62523091194685876</v>
      </c>
      <c r="I3576">
        <f t="shared" si="405"/>
        <v>0.60022167546898475</v>
      </c>
      <c r="J3576">
        <f t="shared" si="406"/>
        <v>4.6639769869326466</v>
      </c>
      <c r="K3576">
        <f t="shared" si="407"/>
        <v>0.2206279852688299</v>
      </c>
      <c r="L3576">
        <f t="shared" si="408"/>
        <v>0.11031399263441495</v>
      </c>
      <c r="M3576">
        <f t="shared" si="409"/>
        <v>0</v>
      </c>
      <c r="N3576" s="45">
        <f t="shared" si="410"/>
        <v>45074.583333324743</v>
      </c>
    </row>
    <row r="3577" spans="2:14" x14ac:dyDescent="0.25">
      <c r="B3577">
        <f t="shared" si="404"/>
        <v>7</v>
      </c>
      <c r="C3577" s="16">
        <v>3543</v>
      </c>
      <c r="D3577" cm="1">
        <f t="array" ref="D3577">IFERROR(INDEX(Jesper!AH$2:AH$366,ROUNDDOWN($C3577/24,0)+1,1)*INDEX($D$3:$AA$30,INDEX(Jesper!$R$2:$R$366,ROW(INDEX(Jesper!AH$2:AH$366,ROUNDDOWN($C3577/24,0)+1,1))-1)+IF('Standard Profiles'!$G$18=$B$10,7,0)+IF('Standard Profiles'!$G$18=$B$17,14,0)+IF('Standard Profiles'!$G$18=$B$24,21,0),MOD($C3577,24)+1)/SUM(INDEX($D$3:$AA$30,INDEX(Jesper!$R$2:$R$366,ROW(INDEX(Jesper!AH$2:AH$366,ROUNDDOWN($C3577/24,0)+1,1))-1)+IF('Standard Profiles'!$G$18=$B$10,7,0)+IF('Standard Profiles'!$G$18=$B$17,14,0)+IF('Standard Profiles'!$G$18=$B$24,21,0),0)),0)</f>
        <v>0</v>
      </c>
      <c r="E3577" cm="1">
        <f t="array" ref="E3577">IFERROR(INDEX(Jesper!AI$2:AI$366,ROUNDDOWN($C3577/24,0)+1,1)*INDEX($D$3:$AA$30,INDEX(Jesper!$R$2:$R$366,ROW(INDEX(Jesper!AI$2:AI$366,ROUNDDOWN($C3577/24,0)+1,1))-1)+IF('Standard Profiles'!$G$19=$B$10,7,0)+IF('Standard Profiles'!$G$19=$B$17,14,0)+IF('Standard Profiles'!$G$19=$B$24,21,0),MOD($C3577,24)+1)/SUM(INDEX($D$3:$AA$30,INDEX(Jesper!$R$2:$R$366,ROW(INDEX(Jesper!AI$2:AI$366,ROUNDDOWN($C3577/24,0)+1,1))-1)+IF('Standard Profiles'!$G$19=$B$10,7,0)+IF('Standard Profiles'!$G$19=$B$17,14,0)+IF('Standard Profiles'!$G$19=$B$24,21,0),0)),0)</f>
        <v>2.7578498158603737</v>
      </c>
      <c r="F3577" cm="1">
        <f t="array" ref="F3577">IFERROR(INDEX(Jesper!AJ$2:AJ$366,ROUNDDOWN($C3577/24,0)+1,1)*INDEX($D$3:$AA$30,INDEX(Jesper!$R$2:$R$366,ROW(INDEX(Jesper!AJ$2:AJ$366,ROUNDDOWN($C3577/24,0)+1,1))-1)+IF('Standard Profiles'!$G$20=$B$10,7,0)+IF('Standard Profiles'!$G$20=$B$17,14,0)+IF('Standard Profiles'!$G$20=$B$24,21,0),MOD($C3577,24)+1)/SUM(INDEX($D$3:$AA$30,INDEX(Jesper!$R$2:$R$366,ROW(INDEX(Jesper!AJ$2:AJ$366,ROUNDDOWN($C3577/24,0)+1,1))-1)+IF('Standard Profiles'!$G$20=$B$10,7,0)+IF('Standard Profiles'!$G$20=$B$17,14,0)+IF('Standard Profiles'!$G$20=$B$24,21,0),0)),0)</f>
        <v>1.3414631733594573</v>
      </c>
      <c r="G3577" cm="1">
        <f t="array" ref="G3577">IFERROR(INDEX(Jesper!AK$2:AK$366,ROUNDDOWN($C3577/24,0)+1,1)*INDEX($D$3:$AA$30,INDEX(Jesper!$R$2:$R$366,ROW(INDEX(Jesper!AK$2:AK$366,ROUNDDOWN($C3577/24,0)+1,1))-1)+IF('Standard Profiles'!$G$21=$B$10,7,0)+IF('Standard Profiles'!$G$21=$B$17,14,0)+IF('Standard Profiles'!$G$21=$B$24,21,0),MOD($C3577,24)+1)/SUM(INDEX($D$3:$AA$30,INDEX(Jesper!$R$2:$R$366,ROW(INDEX(Jesper!AK$2:AK$366,ROUNDDOWN($C3577/24,0)+1,1))-1)+IF('Standard Profiles'!$G$21=$B$10,7,0)+IF('Standard Profiles'!$G$21=$B$17,14,0)+IF('Standard Profiles'!$G$21=$B$24,21,0),0)),0)</f>
        <v>0.87059673913818703</v>
      </c>
      <c r="H3577" cm="1">
        <f t="array" ref="H3577">IFERROR(INDEX(Jesper!AL$2:AL$366,ROUNDDOWN($C3577/24,0)+1,1)*INDEX($D$3:$AA$30,INDEX(Jesper!$R$2:$R$366,ROW(INDEX(Jesper!AL$2:AL$366,ROUNDDOWN($C3577/24,0)+1,1))-1)+IF('Standard Profiles'!$G$22=$B$10,7,0)+IF('Standard Profiles'!$G$22=$B$17,14,0)+IF('Standard Profiles'!$G$22=$B$24,21,0),MOD($C3577,24)+1)/SUM(INDEX($D$3:$AA$30,INDEX(Jesper!$R$2:$R$366,ROW(INDEX(Jesper!AL$2:AL$366,ROUNDDOWN($C3577/24,0)+1,1))-1)+IF('Standard Profiles'!$G$22=$B$10,7,0)+IF('Standard Profiles'!$G$22=$B$17,14,0)+IF('Standard Profiles'!$G$22=$B$24,21,0),0)),0)</f>
        <v>0.55576081061943006</v>
      </c>
      <c r="I3577">
        <f t="shared" si="405"/>
        <v>0.5335303781946531</v>
      </c>
      <c r="J3577">
        <f t="shared" si="406"/>
        <v>4.6611981828795503</v>
      </c>
      <c r="K3577">
        <f t="shared" si="407"/>
        <v>0.2206279852688299</v>
      </c>
      <c r="L3577">
        <f t="shared" si="408"/>
        <v>0.11031399263441495</v>
      </c>
      <c r="M3577">
        <f t="shared" si="409"/>
        <v>0</v>
      </c>
      <c r="N3577" s="45">
        <f t="shared" si="410"/>
        <v>45074.624999991407</v>
      </c>
    </row>
    <row r="3578" spans="2:14" x14ac:dyDescent="0.25">
      <c r="B3578">
        <f t="shared" si="404"/>
        <v>7</v>
      </c>
      <c r="C3578" s="16">
        <v>3544</v>
      </c>
      <c r="D3578" cm="1">
        <f t="array" ref="D3578">IFERROR(INDEX(Jesper!AH$2:AH$366,ROUNDDOWN($C3578/24,0)+1,1)*INDEX($D$3:$AA$30,INDEX(Jesper!$R$2:$R$366,ROW(INDEX(Jesper!AH$2:AH$366,ROUNDDOWN($C3578/24,0)+1,1))-1)+IF('Standard Profiles'!$G$18=$B$10,7,0)+IF('Standard Profiles'!$G$18=$B$17,14,0)+IF('Standard Profiles'!$G$18=$B$24,21,0),MOD($C3578,24)+1)/SUM(INDEX($D$3:$AA$30,INDEX(Jesper!$R$2:$R$366,ROW(INDEX(Jesper!AH$2:AH$366,ROUNDDOWN($C3578/24,0)+1,1))-1)+IF('Standard Profiles'!$G$18=$B$10,7,0)+IF('Standard Profiles'!$G$18=$B$17,14,0)+IF('Standard Profiles'!$G$18=$B$24,21,0),0)),0)</f>
        <v>0</v>
      </c>
      <c r="E3578" cm="1">
        <f t="array" ref="E3578">IFERROR(INDEX(Jesper!AI$2:AI$366,ROUNDDOWN($C3578/24,0)+1,1)*INDEX($D$3:$AA$30,INDEX(Jesper!$R$2:$R$366,ROW(INDEX(Jesper!AI$2:AI$366,ROUNDDOWN($C3578/24,0)+1,1))-1)+IF('Standard Profiles'!$G$19=$B$10,7,0)+IF('Standard Profiles'!$G$19=$B$17,14,0)+IF('Standard Profiles'!$G$19=$B$24,21,0),MOD($C3578,24)+1)/SUM(INDEX($D$3:$AA$30,INDEX(Jesper!$R$2:$R$366,ROW(INDEX(Jesper!AI$2:AI$366,ROUNDDOWN($C3578/24,0)+1,1))-1)+IF('Standard Profiles'!$G$19=$B$10,7,0)+IF('Standard Profiles'!$G$19=$B$17,14,0)+IF('Standard Profiles'!$G$19=$B$24,21,0),0)),0)</f>
        <v>2.7578498158603737</v>
      </c>
      <c r="F3578" cm="1">
        <f t="array" ref="F3578">IFERROR(INDEX(Jesper!AJ$2:AJ$366,ROUNDDOWN($C3578/24,0)+1,1)*INDEX($D$3:$AA$30,INDEX(Jesper!$R$2:$R$366,ROW(INDEX(Jesper!AJ$2:AJ$366,ROUNDDOWN($C3578/24,0)+1,1))-1)+IF('Standard Profiles'!$G$20=$B$10,7,0)+IF('Standard Profiles'!$G$20=$B$17,14,0)+IF('Standard Profiles'!$G$20=$B$24,21,0),MOD($C3578,24)+1)/SUM(INDEX($D$3:$AA$30,INDEX(Jesper!$R$2:$R$366,ROW(INDEX(Jesper!AJ$2:AJ$366,ROUNDDOWN($C3578/24,0)+1,1))-1)+IF('Standard Profiles'!$G$20=$B$10,7,0)+IF('Standard Profiles'!$G$20=$B$17,14,0)+IF('Standard Profiles'!$G$20=$B$24,21,0),0)),0)</f>
        <v>1.3414631733594573</v>
      </c>
      <c r="G3578" cm="1">
        <f t="array" ref="G3578">IFERROR(INDEX(Jesper!AK$2:AK$366,ROUNDDOWN($C3578/24,0)+1,1)*INDEX($D$3:$AA$30,INDEX(Jesper!$R$2:$R$366,ROW(INDEX(Jesper!AK$2:AK$366,ROUNDDOWN($C3578/24,0)+1,1))-1)+IF('Standard Profiles'!$G$21=$B$10,7,0)+IF('Standard Profiles'!$G$21=$B$17,14,0)+IF('Standard Profiles'!$G$21=$B$24,21,0),MOD($C3578,24)+1)/SUM(INDEX($D$3:$AA$30,INDEX(Jesper!$R$2:$R$366,ROW(INDEX(Jesper!AK$2:AK$366,ROUNDDOWN($C3578/24,0)+1,1))-1)+IF('Standard Profiles'!$G$21=$B$10,7,0)+IF('Standard Profiles'!$G$21=$B$17,14,0)+IF('Standard Profiles'!$G$21=$B$24,21,0),0)),0)</f>
        <v>0.87059673913818703</v>
      </c>
      <c r="H3578" cm="1">
        <f t="array" ref="H3578">IFERROR(INDEX(Jesper!AL$2:AL$366,ROUNDDOWN($C3578/24,0)+1,1)*INDEX($D$3:$AA$30,INDEX(Jesper!$R$2:$R$366,ROW(INDEX(Jesper!AL$2:AL$366,ROUNDDOWN($C3578/24,0)+1,1))-1)+IF('Standard Profiles'!$G$22=$B$10,7,0)+IF('Standard Profiles'!$G$22=$B$17,14,0)+IF('Standard Profiles'!$G$22=$B$24,21,0),MOD($C3578,24)+1)/SUM(INDEX($D$3:$AA$30,INDEX(Jesper!$R$2:$R$366,ROW(INDEX(Jesper!AL$2:AL$366,ROUNDDOWN($C3578/24,0)+1,1))-1)+IF('Standard Profiles'!$G$22=$B$10,7,0)+IF('Standard Profiles'!$G$22=$B$17,14,0)+IF('Standard Profiles'!$G$22=$B$24,21,0),0)),0)</f>
        <v>0.54583651042979731</v>
      </c>
      <c r="I3578">
        <f t="shared" si="405"/>
        <v>0.52400305001260572</v>
      </c>
      <c r="J3578">
        <f t="shared" si="406"/>
        <v>4.6608012108719645</v>
      </c>
      <c r="K3578">
        <f t="shared" si="407"/>
        <v>0.2206279852688299</v>
      </c>
      <c r="L3578">
        <f t="shared" si="408"/>
        <v>0.11031399263441495</v>
      </c>
      <c r="M3578">
        <f t="shared" si="409"/>
        <v>0</v>
      </c>
      <c r="N3578" s="45">
        <f t="shared" si="410"/>
        <v>45074.666666658071</v>
      </c>
    </row>
    <row r="3579" spans="2:14" x14ac:dyDescent="0.25">
      <c r="B3579">
        <f t="shared" si="404"/>
        <v>7</v>
      </c>
      <c r="C3579" s="16">
        <v>3545</v>
      </c>
      <c r="D3579" cm="1">
        <f t="array" ref="D3579">IFERROR(INDEX(Jesper!AH$2:AH$366,ROUNDDOWN($C3579/24,0)+1,1)*INDEX($D$3:$AA$30,INDEX(Jesper!$R$2:$R$366,ROW(INDEX(Jesper!AH$2:AH$366,ROUNDDOWN($C3579/24,0)+1,1))-1)+IF('Standard Profiles'!$G$18=$B$10,7,0)+IF('Standard Profiles'!$G$18=$B$17,14,0)+IF('Standard Profiles'!$G$18=$B$24,21,0),MOD($C3579,24)+1)/SUM(INDEX($D$3:$AA$30,INDEX(Jesper!$R$2:$R$366,ROW(INDEX(Jesper!AH$2:AH$366,ROUNDDOWN($C3579/24,0)+1,1))-1)+IF('Standard Profiles'!$G$18=$B$10,7,0)+IF('Standard Profiles'!$G$18=$B$17,14,0)+IF('Standard Profiles'!$G$18=$B$24,21,0),0)),0)</f>
        <v>0</v>
      </c>
      <c r="E3579" cm="1">
        <f t="array" ref="E3579">IFERROR(INDEX(Jesper!AI$2:AI$366,ROUNDDOWN($C3579/24,0)+1,1)*INDEX($D$3:$AA$30,INDEX(Jesper!$R$2:$R$366,ROW(INDEX(Jesper!AI$2:AI$366,ROUNDDOWN($C3579/24,0)+1,1))-1)+IF('Standard Profiles'!$G$19=$B$10,7,0)+IF('Standard Profiles'!$G$19=$B$17,14,0)+IF('Standard Profiles'!$G$19=$B$24,21,0),MOD($C3579,24)+1)/SUM(INDEX($D$3:$AA$30,INDEX(Jesper!$R$2:$R$366,ROW(INDEX(Jesper!AI$2:AI$366,ROUNDDOWN($C3579/24,0)+1,1))-1)+IF('Standard Profiles'!$G$19=$B$10,7,0)+IF('Standard Profiles'!$G$19=$B$17,14,0)+IF('Standard Profiles'!$G$19=$B$24,21,0),0)),0)</f>
        <v>2.7578498158603737</v>
      </c>
      <c r="F3579" cm="1">
        <f t="array" ref="F3579">IFERROR(INDEX(Jesper!AJ$2:AJ$366,ROUNDDOWN($C3579/24,0)+1,1)*INDEX($D$3:$AA$30,INDEX(Jesper!$R$2:$R$366,ROW(INDEX(Jesper!AJ$2:AJ$366,ROUNDDOWN($C3579/24,0)+1,1))-1)+IF('Standard Profiles'!$G$20=$B$10,7,0)+IF('Standard Profiles'!$G$20=$B$17,14,0)+IF('Standard Profiles'!$G$20=$B$24,21,0),MOD($C3579,24)+1)/SUM(INDEX($D$3:$AA$30,INDEX(Jesper!$R$2:$R$366,ROW(INDEX(Jesper!AJ$2:AJ$366,ROUNDDOWN($C3579/24,0)+1,1))-1)+IF('Standard Profiles'!$G$20=$B$10,7,0)+IF('Standard Profiles'!$G$20=$B$17,14,0)+IF('Standard Profiles'!$G$20=$B$24,21,0),0)),0)</f>
        <v>1.3414631733594573</v>
      </c>
      <c r="G3579" cm="1">
        <f t="array" ref="G3579">IFERROR(INDEX(Jesper!AK$2:AK$366,ROUNDDOWN($C3579/24,0)+1,1)*INDEX($D$3:$AA$30,INDEX(Jesper!$R$2:$R$366,ROW(INDEX(Jesper!AK$2:AK$366,ROUNDDOWN($C3579/24,0)+1,1))-1)+IF('Standard Profiles'!$G$21=$B$10,7,0)+IF('Standard Profiles'!$G$21=$B$17,14,0)+IF('Standard Profiles'!$G$21=$B$24,21,0),MOD($C3579,24)+1)/SUM(INDEX($D$3:$AA$30,INDEX(Jesper!$R$2:$R$366,ROW(INDEX(Jesper!AK$2:AK$366,ROUNDDOWN($C3579/24,0)+1,1))-1)+IF('Standard Profiles'!$G$21=$B$10,7,0)+IF('Standard Profiles'!$G$21=$B$17,14,0)+IF('Standard Profiles'!$G$21=$B$24,21,0),0)),0)</f>
        <v>0.87059673913818703</v>
      </c>
      <c r="H3579" cm="1">
        <f t="array" ref="H3579">IFERROR(INDEX(Jesper!AL$2:AL$366,ROUNDDOWN($C3579/24,0)+1,1)*INDEX($D$3:$AA$30,INDEX(Jesper!$R$2:$R$366,ROW(INDEX(Jesper!AL$2:AL$366,ROUNDDOWN($C3579/24,0)+1,1))-1)+IF('Standard Profiles'!$G$22=$B$10,7,0)+IF('Standard Profiles'!$G$22=$B$17,14,0)+IF('Standard Profiles'!$G$22=$B$24,21,0),MOD($C3579,24)+1)/SUM(INDEX($D$3:$AA$30,INDEX(Jesper!$R$2:$R$366,ROW(INDEX(Jesper!AL$2:AL$366,ROUNDDOWN($C3579/24,0)+1,1))-1)+IF('Standard Profiles'!$G$22=$B$10,7,0)+IF('Standard Profiles'!$G$22=$B$17,14,0)+IF('Standard Profiles'!$G$22=$B$24,21,0),0)),0)</f>
        <v>0.46644210891273596</v>
      </c>
      <c r="I3579">
        <f t="shared" si="405"/>
        <v>0.44778442455622675</v>
      </c>
      <c r="J3579">
        <f t="shared" si="406"/>
        <v>4.6576254348112824</v>
      </c>
      <c r="K3579">
        <f t="shared" si="407"/>
        <v>0.2206279852688299</v>
      </c>
      <c r="L3579">
        <f t="shared" si="408"/>
        <v>0.11031399263441495</v>
      </c>
      <c r="M3579">
        <f t="shared" si="409"/>
        <v>0</v>
      </c>
      <c r="N3579" s="45">
        <f t="shared" si="410"/>
        <v>45074.708333324736</v>
      </c>
    </row>
    <row r="3580" spans="2:14" x14ac:dyDescent="0.25">
      <c r="B3580">
        <f t="shared" si="404"/>
        <v>7</v>
      </c>
      <c r="C3580" s="16">
        <v>3546</v>
      </c>
      <c r="D3580" cm="1">
        <f t="array" ref="D3580">IFERROR(INDEX(Jesper!AH$2:AH$366,ROUNDDOWN($C3580/24,0)+1,1)*INDEX($D$3:$AA$30,INDEX(Jesper!$R$2:$R$366,ROW(INDEX(Jesper!AH$2:AH$366,ROUNDDOWN($C3580/24,0)+1,1))-1)+IF('Standard Profiles'!$G$18=$B$10,7,0)+IF('Standard Profiles'!$G$18=$B$17,14,0)+IF('Standard Profiles'!$G$18=$B$24,21,0),MOD($C3580,24)+1)/SUM(INDEX($D$3:$AA$30,INDEX(Jesper!$R$2:$R$366,ROW(INDEX(Jesper!AH$2:AH$366,ROUNDDOWN($C3580/24,0)+1,1))-1)+IF('Standard Profiles'!$G$18=$B$10,7,0)+IF('Standard Profiles'!$G$18=$B$17,14,0)+IF('Standard Profiles'!$G$18=$B$24,21,0),0)),0)</f>
        <v>0</v>
      </c>
      <c r="E3580" cm="1">
        <f t="array" ref="E3580">IFERROR(INDEX(Jesper!AI$2:AI$366,ROUNDDOWN($C3580/24,0)+1,1)*INDEX($D$3:$AA$30,INDEX(Jesper!$R$2:$R$366,ROW(INDEX(Jesper!AI$2:AI$366,ROUNDDOWN($C3580/24,0)+1,1))-1)+IF('Standard Profiles'!$G$19=$B$10,7,0)+IF('Standard Profiles'!$G$19=$B$17,14,0)+IF('Standard Profiles'!$G$19=$B$24,21,0),MOD($C3580,24)+1)/SUM(INDEX($D$3:$AA$30,INDEX(Jesper!$R$2:$R$366,ROW(INDEX(Jesper!AI$2:AI$366,ROUNDDOWN($C3580/24,0)+1,1))-1)+IF('Standard Profiles'!$G$19=$B$10,7,0)+IF('Standard Profiles'!$G$19=$B$17,14,0)+IF('Standard Profiles'!$G$19=$B$24,21,0),0)),0)</f>
        <v>2.7578498158603737</v>
      </c>
      <c r="F3580" cm="1">
        <f t="array" ref="F3580">IFERROR(INDEX(Jesper!AJ$2:AJ$366,ROUNDDOWN($C3580/24,0)+1,1)*INDEX($D$3:$AA$30,INDEX(Jesper!$R$2:$R$366,ROW(INDEX(Jesper!AJ$2:AJ$366,ROUNDDOWN($C3580/24,0)+1,1))-1)+IF('Standard Profiles'!$G$20=$B$10,7,0)+IF('Standard Profiles'!$G$20=$B$17,14,0)+IF('Standard Profiles'!$G$20=$B$24,21,0),MOD($C3580,24)+1)/SUM(INDEX($D$3:$AA$30,INDEX(Jesper!$R$2:$R$366,ROW(INDEX(Jesper!AJ$2:AJ$366,ROUNDDOWN($C3580/24,0)+1,1))-1)+IF('Standard Profiles'!$G$20=$B$10,7,0)+IF('Standard Profiles'!$G$20=$B$17,14,0)+IF('Standard Profiles'!$G$20=$B$24,21,0),0)),0)</f>
        <v>1.3414631733594573</v>
      </c>
      <c r="G3580" cm="1">
        <f t="array" ref="G3580">IFERROR(INDEX(Jesper!AK$2:AK$366,ROUNDDOWN($C3580/24,0)+1,1)*INDEX($D$3:$AA$30,INDEX(Jesper!$R$2:$R$366,ROW(INDEX(Jesper!AK$2:AK$366,ROUNDDOWN($C3580/24,0)+1,1))-1)+IF('Standard Profiles'!$G$21=$B$10,7,0)+IF('Standard Profiles'!$G$21=$B$17,14,0)+IF('Standard Profiles'!$G$21=$B$24,21,0),MOD($C3580,24)+1)/SUM(INDEX($D$3:$AA$30,INDEX(Jesper!$R$2:$R$366,ROW(INDEX(Jesper!AK$2:AK$366,ROUNDDOWN($C3580/24,0)+1,1))-1)+IF('Standard Profiles'!$G$21=$B$10,7,0)+IF('Standard Profiles'!$G$21=$B$17,14,0)+IF('Standard Profiles'!$G$21=$B$24,21,0),0)),0)</f>
        <v>0.87059673913818703</v>
      </c>
      <c r="H3580" cm="1">
        <f t="array" ref="H3580">IFERROR(INDEX(Jesper!AL$2:AL$366,ROUNDDOWN($C3580/24,0)+1,1)*INDEX($D$3:$AA$30,INDEX(Jesper!$R$2:$R$366,ROW(INDEX(Jesper!AL$2:AL$366,ROUNDDOWN($C3580/24,0)+1,1))-1)+IF('Standard Profiles'!$G$22=$B$10,7,0)+IF('Standard Profiles'!$G$22=$B$17,14,0)+IF('Standard Profiles'!$G$22=$B$24,21,0),MOD($C3580,24)+1)/SUM(INDEX($D$3:$AA$30,INDEX(Jesper!$R$2:$R$366,ROW(INDEX(Jesper!AL$2:AL$366,ROUNDDOWN($C3580/24,0)+1,1))-1)+IF('Standard Profiles'!$G$22=$B$10,7,0)+IF('Standard Profiles'!$G$22=$B$17,14,0)+IF('Standard Profiles'!$G$22=$B$24,21,0),0)),0)</f>
        <v>0.43666920834383793</v>
      </c>
      <c r="I3580">
        <f t="shared" si="405"/>
        <v>0.41920244001008466</v>
      </c>
      <c r="J3580">
        <f t="shared" si="406"/>
        <v>4.6564345187885259</v>
      </c>
      <c r="K3580">
        <f t="shared" si="407"/>
        <v>0.2206279852688299</v>
      </c>
      <c r="L3580">
        <f t="shared" si="408"/>
        <v>0.11031399263441495</v>
      </c>
      <c r="M3580">
        <f t="shared" si="409"/>
        <v>0</v>
      </c>
      <c r="N3580" s="45">
        <f t="shared" si="410"/>
        <v>45074.7499999914</v>
      </c>
    </row>
    <row r="3581" spans="2:14" x14ac:dyDescent="0.25">
      <c r="B3581">
        <f t="shared" si="404"/>
        <v>7</v>
      </c>
      <c r="C3581" s="16">
        <v>3547</v>
      </c>
      <c r="D3581" cm="1">
        <f t="array" ref="D3581">IFERROR(INDEX(Jesper!AH$2:AH$366,ROUNDDOWN($C3581/24,0)+1,1)*INDEX($D$3:$AA$30,INDEX(Jesper!$R$2:$R$366,ROW(INDEX(Jesper!AH$2:AH$366,ROUNDDOWN($C3581/24,0)+1,1))-1)+IF('Standard Profiles'!$G$18=$B$10,7,0)+IF('Standard Profiles'!$G$18=$B$17,14,0)+IF('Standard Profiles'!$G$18=$B$24,21,0),MOD($C3581,24)+1)/SUM(INDEX($D$3:$AA$30,INDEX(Jesper!$R$2:$R$366,ROW(INDEX(Jesper!AH$2:AH$366,ROUNDDOWN($C3581/24,0)+1,1))-1)+IF('Standard Profiles'!$G$18=$B$10,7,0)+IF('Standard Profiles'!$G$18=$B$17,14,0)+IF('Standard Profiles'!$G$18=$B$24,21,0),0)),0)</f>
        <v>0</v>
      </c>
      <c r="E3581" cm="1">
        <f t="array" ref="E3581">IFERROR(INDEX(Jesper!AI$2:AI$366,ROUNDDOWN($C3581/24,0)+1,1)*INDEX($D$3:$AA$30,INDEX(Jesper!$R$2:$R$366,ROW(INDEX(Jesper!AI$2:AI$366,ROUNDDOWN($C3581/24,0)+1,1))-1)+IF('Standard Profiles'!$G$19=$B$10,7,0)+IF('Standard Profiles'!$G$19=$B$17,14,0)+IF('Standard Profiles'!$G$19=$B$24,21,0),MOD($C3581,24)+1)/SUM(INDEX($D$3:$AA$30,INDEX(Jesper!$R$2:$R$366,ROW(INDEX(Jesper!AI$2:AI$366,ROUNDDOWN($C3581/24,0)+1,1))-1)+IF('Standard Profiles'!$G$19=$B$10,7,0)+IF('Standard Profiles'!$G$19=$B$17,14,0)+IF('Standard Profiles'!$G$19=$B$24,21,0),0)),0)</f>
        <v>2.7578498158603737</v>
      </c>
      <c r="F3581" cm="1">
        <f t="array" ref="F3581">IFERROR(INDEX(Jesper!AJ$2:AJ$366,ROUNDDOWN($C3581/24,0)+1,1)*INDEX($D$3:$AA$30,INDEX(Jesper!$R$2:$R$366,ROW(INDEX(Jesper!AJ$2:AJ$366,ROUNDDOWN($C3581/24,0)+1,1))-1)+IF('Standard Profiles'!$G$20=$B$10,7,0)+IF('Standard Profiles'!$G$20=$B$17,14,0)+IF('Standard Profiles'!$G$20=$B$24,21,0),MOD($C3581,24)+1)/SUM(INDEX($D$3:$AA$30,INDEX(Jesper!$R$2:$R$366,ROW(INDEX(Jesper!AJ$2:AJ$366,ROUNDDOWN($C3581/24,0)+1,1))-1)+IF('Standard Profiles'!$G$20=$B$10,7,0)+IF('Standard Profiles'!$G$20=$B$17,14,0)+IF('Standard Profiles'!$G$20=$B$24,21,0),0)),0)</f>
        <v>1.3414631733594573</v>
      </c>
      <c r="G3581" cm="1">
        <f t="array" ref="G3581">IFERROR(INDEX(Jesper!AK$2:AK$366,ROUNDDOWN($C3581/24,0)+1,1)*INDEX($D$3:$AA$30,INDEX(Jesper!$R$2:$R$366,ROW(INDEX(Jesper!AK$2:AK$366,ROUNDDOWN($C3581/24,0)+1,1))-1)+IF('Standard Profiles'!$G$21=$B$10,7,0)+IF('Standard Profiles'!$G$21=$B$17,14,0)+IF('Standard Profiles'!$G$21=$B$24,21,0),MOD($C3581,24)+1)/SUM(INDEX($D$3:$AA$30,INDEX(Jesper!$R$2:$R$366,ROW(INDEX(Jesper!AK$2:AK$366,ROUNDDOWN($C3581/24,0)+1,1))-1)+IF('Standard Profiles'!$G$21=$B$10,7,0)+IF('Standard Profiles'!$G$21=$B$17,14,0)+IF('Standard Profiles'!$G$21=$B$24,21,0),0)),0)</f>
        <v>0.87059673913818703</v>
      </c>
      <c r="H3581" cm="1">
        <f t="array" ref="H3581">IFERROR(INDEX(Jesper!AL$2:AL$366,ROUNDDOWN($C3581/24,0)+1,1)*INDEX($D$3:$AA$30,INDEX(Jesper!$R$2:$R$366,ROW(INDEX(Jesper!AL$2:AL$366,ROUNDDOWN($C3581/24,0)+1,1))-1)+IF('Standard Profiles'!$G$22=$B$10,7,0)+IF('Standard Profiles'!$G$22=$B$17,14,0)+IF('Standard Profiles'!$G$22=$B$24,21,0),MOD($C3581,24)+1)/SUM(INDEX($D$3:$AA$30,INDEX(Jesper!$R$2:$R$366,ROW(INDEX(Jesper!AL$2:AL$366,ROUNDDOWN($C3581/24,0)+1,1))-1)+IF('Standard Profiles'!$G$22=$B$10,7,0)+IF('Standard Profiles'!$G$22=$B$17,14,0)+IF('Standard Profiles'!$G$22=$B$24,21,0),0)),0)</f>
        <v>0.36719910701640912</v>
      </c>
      <c r="I3581">
        <f t="shared" si="405"/>
        <v>0.35251114273575296</v>
      </c>
      <c r="J3581">
        <f t="shared" si="406"/>
        <v>4.6536557147354296</v>
      </c>
      <c r="K3581">
        <f t="shared" si="407"/>
        <v>0.2206279852688299</v>
      </c>
      <c r="L3581">
        <f t="shared" si="408"/>
        <v>0.11031399263441495</v>
      </c>
      <c r="M3581">
        <f t="shared" si="409"/>
        <v>0</v>
      </c>
      <c r="N3581" s="45">
        <f t="shared" si="410"/>
        <v>45074.791666658064</v>
      </c>
    </row>
    <row r="3582" spans="2:14" x14ac:dyDescent="0.25">
      <c r="B3582">
        <f t="shared" si="404"/>
        <v>7</v>
      </c>
      <c r="C3582" s="16">
        <v>3548</v>
      </c>
      <c r="D3582" cm="1">
        <f t="array" ref="D3582">IFERROR(INDEX(Jesper!AH$2:AH$366,ROUNDDOWN($C3582/24,0)+1,1)*INDEX($D$3:$AA$30,INDEX(Jesper!$R$2:$R$366,ROW(INDEX(Jesper!AH$2:AH$366,ROUNDDOWN($C3582/24,0)+1,1))-1)+IF('Standard Profiles'!$G$18=$B$10,7,0)+IF('Standard Profiles'!$G$18=$B$17,14,0)+IF('Standard Profiles'!$G$18=$B$24,21,0),MOD($C3582,24)+1)/SUM(INDEX($D$3:$AA$30,INDEX(Jesper!$R$2:$R$366,ROW(INDEX(Jesper!AH$2:AH$366,ROUNDDOWN($C3582/24,0)+1,1))-1)+IF('Standard Profiles'!$G$18=$B$10,7,0)+IF('Standard Profiles'!$G$18=$B$17,14,0)+IF('Standard Profiles'!$G$18=$B$24,21,0),0)),0)</f>
        <v>0</v>
      </c>
      <c r="E3582" cm="1">
        <f t="array" ref="E3582">IFERROR(INDEX(Jesper!AI$2:AI$366,ROUNDDOWN($C3582/24,0)+1,1)*INDEX($D$3:$AA$30,INDEX(Jesper!$R$2:$R$366,ROW(INDEX(Jesper!AI$2:AI$366,ROUNDDOWN($C3582/24,0)+1,1))-1)+IF('Standard Profiles'!$G$19=$B$10,7,0)+IF('Standard Profiles'!$G$19=$B$17,14,0)+IF('Standard Profiles'!$G$19=$B$24,21,0),MOD($C3582,24)+1)/SUM(INDEX($D$3:$AA$30,INDEX(Jesper!$R$2:$R$366,ROW(INDEX(Jesper!AI$2:AI$366,ROUNDDOWN($C3582/24,0)+1,1))-1)+IF('Standard Profiles'!$G$19=$B$10,7,0)+IF('Standard Profiles'!$G$19=$B$17,14,0)+IF('Standard Profiles'!$G$19=$B$24,21,0),0)),0)</f>
        <v>2.7578498158603737</v>
      </c>
      <c r="F3582" cm="1">
        <f t="array" ref="F3582">IFERROR(INDEX(Jesper!AJ$2:AJ$366,ROUNDDOWN($C3582/24,0)+1,1)*INDEX($D$3:$AA$30,INDEX(Jesper!$R$2:$R$366,ROW(INDEX(Jesper!AJ$2:AJ$366,ROUNDDOWN($C3582/24,0)+1,1))-1)+IF('Standard Profiles'!$G$20=$B$10,7,0)+IF('Standard Profiles'!$G$20=$B$17,14,0)+IF('Standard Profiles'!$G$20=$B$24,21,0),MOD($C3582,24)+1)/SUM(INDEX($D$3:$AA$30,INDEX(Jesper!$R$2:$R$366,ROW(INDEX(Jesper!AJ$2:AJ$366,ROUNDDOWN($C3582/24,0)+1,1))-1)+IF('Standard Profiles'!$G$20=$B$10,7,0)+IF('Standard Profiles'!$G$20=$B$17,14,0)+IF('Standard Profiles'!$G$20=$B$24,21,0),0)),0)</f>
        <v>1.3414631733594573</v>
      </c>
      <c r="G3582" cm="1">
        <f t="array" ref="G3582">IFERROR(INDEX(Jesper!AK$2:AK$366,ROUNDDOWN($C3582/24,0)+1,1)*INDEX($D$3:$AA$30,INDEX(Jesper!$R$2:$R$366,ROW(INDEX(Jesper!AK$2:AK$366,ROUNDDOWN($C3582/24,0)+1,1))-1)+IF('Standard Profiles'!$G$21=$B$10,7,0)+IF('Standard Profiles'!$G$21=$B$17,14,0)+IF('Standard Profiles'!$G$21=$B$24,21,0),MOD($C3582,24)+1)/SUM(INDEX($D$3:$AA$30,INDEX(Jesper!$R$2:$R$366,ROW(INDEX(Jesper!AK$2:AK$366,ROUNDDOWN($C3582/24,0)+1,1))-1)+IF('Standard Profiles'!$G$21=$B$10,7,0)+IF('Standard Profiles'!$G$21=$B$17,14,0)+IF('Standard Profiles'!$G$21=$B$24,21,0),0)),0)</f>
        <v>0.87059673913818703</v>
      </c>
      <c r="H3582" cm="1">
        <f t="array" ref="H3582">IFERROR(INDEX(Jesper!AL$2:AL$366,ROUNDDOWN($C3582/24,0)+1,1)*INDEX($D$3:$AA$30,INDEX(Jesper!$R$2:$R$366,ROW(INDEX(Jesper!AL$2:AL$366,ROUNDDOWN($C3582/24,0)+1,1))-1)+IF('Standard Profiles'!$G$22=$B$10,7,0)+IF('Standard Profiles'!$G$22=$B$17,14,0)+IF('Standard Profiles'!$G$22=$B$24,21,0),MOD($C3582,24)+1)/SUM(INDEX($D$3:$AA$30,INDEX(Jesper!$R$2:$R$366,ROW(INDEX(Jesper!AL$2:AL$366,ROUNDDOWN($C3582/24,0)+1,1))-1)+IF('Standard Profiles'!$G$22=$B$10,7,0)+IF('Standard Profiles'!$G$22=$B$17,14,0)+IF('Standard Profiles'!$G$22=$B$24,21,0),0)),0)</f>
        <v>0.30765330587861306</v>
      </c>
      <c r="I3582">
        <f t="shared" si="405"/>
        <v>0.29534717364346869</v>
      </c>
      <c r="J3582">
        <f t="shared" si="406"/>
        <v>4.6512738826899174</v>
      </c>
      <c r="K3582">
        <f t="shared" si="407"/>
        <v>0.2206279852688299</v>
      </c>
      <c r="L3582">
        <f t="shared" si="408"/>
        <v>0.11031399263441495</v>
      </c>
      <c r="M3582">
        <f t="shared" si="409"/>
        <v>0</v>
      </c>
      <c r="N3582" s="45">
        <f t="shared" si="410"/>
        <v>45074.833333324728</v>
      </c>
    </row>
    <row r="3583" spans="2:14" x14ac:dyDescent="0.25">
      <c r="B3583">
        <f t="shared" si="404"/>
        <v>7</v>
      </c>
      <c r="C3583" s="16">
        <v>3549</v>
      </c>
      <c r="D3583" cm="1">
        <f t="array" ref="D3583">IFERROR(INDEX(Jesper!AH$2:AH$366,ROUNDDOWN($C3583/24,0)+1,1)*INDEX($D$3:$AA$30,INDEX(Jesper!$R$2:$R$366,ROW(INDEX(Jesper!AH$2:AH$366,ROUNDDOWN($C3583/24,0)+1,1))-1)+IF('Standard Profiles'!$G$18=$B$10,7,0)+IF('Standard Profiles'!$G$18=$B$17,14,0)+IF('Standard Profiles'!$G$18=$B$24,21,0),MOD($C3583,24)+1)/SUM(INDEX($D$3:$AA$30,INDEX(Jesper!$R$2:$R$366,ROW(INDEX(Jesper!AH$2:AH$366,ROUNDDOWN($C3583/24,0)+1,1))-1)+IF('Standard Profiles'!$G$18=$B$10,7,0)+IF('Standard Profiles'!$G$18=$B$17,14,0)+IF('Standard Profiles'!$G$18=$B$24,21,0),0)),0)</f>
        <v>0</v>
      </c>
      <c r="E3583" cm="1">
        <f t="array" ref="E3583">IFERROR(INDEX(Jesper!AI$2:AI$366,ROUNDDOWN($C3583/24,0)+1,1)*INDEX($D$3:$AA$30,INDEX(Jesper!$R$2:$R$366,ROW(INDEX(Jesper!AI$2:AI$366,ROUNDDOWN($C3583/24,0)+1,1))-1)+IF('Standard Profiles'!$G$19=$B$10,7,0)+IF('Standard Profiles'!$G$19=$B$17,14,0)+IF('Standard Profiles'!$G$19=$B$24,21,0),MOD($C3583,24)+1)/SUM(INDEX($D$3:$AA$30,INDEX(Jesper!$R$2:$R$366,ROW(INDEX(Jesper!AI$2:AI$366,ROUNDDOWN($C3583/24,0)+1,1))-1)+IF('Standard Profiles'!$G$19=$B$10,7,0)+IF('Standard Profiles'!$G$19=$B$17,14,0)+IF('Standard Profiles'!$G$19=$B$24,21,0),0)),0)</f>
        <v>2.7578498158603737</v>
      </c>
      <c r="F3583" cm="1">
        <f t="array" ref="F3583">IFERROR(INDEX(Jesper!AJ$2:AJ$366,ROUNDDOWN($C3583/24,0)+1,1)*INDEX($D$3:$AA$30,INDEX(Jesper!$R$2:$R$366,ROW(INDEX(Jesper!AJ$2:AJ$366,ROUNDDOWN($C3583/24,0)+1,1))-1)+IF('Standard Profiles'!$G$20=$B$10,7,0)+IF('Standard Profiles'!$G$20=$B$17,14,0)+IF('Standard Profiles'!$G$20=$B$24,21,0),MOD($C3583,24)+1)/SUM(INDEX($D$3:$AA$30,INDEX(Jesper!$R$2:$R$366,ROW(INDEX(Jesper!AJ$2:AJ$366,ROUNDDOWN($C3583/24,0)+1,1))-1)+IF('Standard Profiles'!$G$20=$B$10,7,0)+IF('Standard Profiles'!$G$20=$B$17,14,0)+IF('Standard Profiles'!$G$20=$B$24,21,0),0)),0)</f>
        <v>1.3414631733594573</v>
      </c>
      <c r="G3583" cm="1">
        <f t="array" ref="G3583">IFERROR(INDEX(Jesper!AK$2:AK$366,ROUNDDOWN($C3583/24,0)+1,1)*INDEX($D$3:$AA$30,INDEX(Jesper!$R$2:$R$366,ROW(INDEX(Jesper!AK$2:AK$366,ROUNDDOWN($C3583/24,0)+1,1))-1)+IF('Standard Profiles'!$G$21=$B$10,7,0)+IF('Standard Profiles'!$G$21=$B$17,14,0)+IF('Standard Profiles'!$G$21=$B$24,21,0),MOD($C3583,24)+1)/SUM(INDEX($D$3:$AA$30,INDEX(Jesper!$R$2:$R$366,ROW(INDEX(Jesper!AK$2:AK$366,ROUNDDOWN($C3583/24,0)+1,1))-1)+IF('Standard Profiles'!$G$21=$B$10,7,0)+IF('Standard Profiles'!$G$21=$B$17,14,0)+IF('Standard Profiles'!$G$21=$B$24,21,0),0)),0)</f>
        <v>0.87059673913818703</v>
      </c>
      <c r="H3583" cm="1">
        <f t="array" ref="H3583">IFERROR(INDEX(Jesper!AL$2:AL$366,ROUNDDOWN($C3583/24,0)+1,1)*INDEX($D$3:$AA$30,INDEX(Jesper!$R$2:$R$366,ROW(INDEX(Jesper!AL$2:AL$366,ROUNDDOWN($C3583/24,0)+1,1))-1)+IF('Standard Profiles'!$G$22=$B$10,7,0)+IF('Standard Profiles'!$G$22=$B$17,14,0)+IF('Standard Profiles'!$G$22=$B$24,21,0),MOD($C3583,24)+1)/SUM(INDEX($D$3:$AA$30,INDEX(Jesper!$R$2:$R$366,ROW(INDEX(Jesper!AL$2:AL$366,ROUNDDOWN($C3583/24,0)+1,1))-1)+IF('Standard Profiles'!$G$22=$B$10,7,0)+IF('Standard Profiles'!$G$22=$B$17,14,0)+IF('Standard Profiles'!$G$22=$B$24,21,0),0)),0)</f>
        <v>0.26795610512008239</v>
      </c>
      <c r="I3583">
        <f t="shared" si="405"/>
        <v>0.25723786091527923</v>
      </c>
      <c r="J3583">
        <f t="shared" si="406"/>
        <v>4.6496859946595759</v>
      </c>
      <c r="K3583">
        <f t="shared" si="407"/>
        <v>0.2206279852688299</v>
      </c>
      <c r="L3583">
        <f t="shared" si="408"/>
        <v>0.11031399263441495</v>
      </c>
      <c r="M3583">
        <f t="shared" si="409"/>
        <v>0</v>
      </c>
      <c r="N3583" s="45">
        <f t="shared" si="410"/>
        <v>45074.874999991393</v>
      </c>
    </row>
    <row r="3584" spans="2:14" x14ac:dyDescent="0.25">
      <c r="B3584">
        <f t="shared" si="404"/>
        <v>7</v>
      </c>
      <c r="C3584" s="16">
        <v>3550</v>
      </c>
      <c r="D3584" cm="1">
        <f t="array" ref="D3584">IFERROR(INDEX(Jesper!AH$2:AH$366,ROUNDDOWN($C3584/24,0)+1,1)*INDEX($D$3:$AA$30,INDEX(Jesper!$R$2:$R$366,ROW(INDEX(Jesper!AH$2:AH$366,ROUNDDOWN($C3584/24,0)+1,1))-1)+IF('Standard Profiles'!$G$18=$B$10,7,0)+IF('Standard Profiles'!$G$18=$B$17,14,0)+IF('Standard Profiles'!$G$18=$B$24,21,0),MOD($C3584,24)+1)/SUM(INDEX($D$3:$AA$30,INDEX(Jesper!$R$2:$R$366,ROW(INDEX(Jesper!AH$2:AH$366,ROUNDDOWN($C3584/24,0)+1,1))-1)+IF('Standard Profiles'!$G$18=$B$10,7,0)+IF('Standard Profiles'!$G$18=$B$17,14,0)+IF('Standard Profiles'!$G$18=$B$24,21,0),0)),0)</f>
        <v>0</v>
      </c>
      <c r="E3584" cm="1">
        <f t="array" ref="E3584">IFERROR(INDEX(Jesper!AI$2:AI$366,ROUNDDOWN($C3584/24,0)+1,1)*INDEX($D$3:$AA$30,INDEX(Jesper!$R$2:$R$366,ROW(INDEX(Jesper!AI$2:AI$366,ROUNDDOWN($C3584/24,0)+1,1))-1)+IF('Standard Profiles'!$G$19=$B$10,7,0)+IF('Standard Profiles'!$G$19=$B$17,14,0)+IF('Standard Profiles'!$G$19=$B$24,21,0),MOD($C3584,24)+1)/SUM(INDEX($D$3:$AA$30,INDEX(Jesper!$R$2:$R$366,ROW(INDEX(Jesper!AI$2:AI$366,ROUNDDOWN($C3584/24,0)+1,1))-1)+IF('Standard Profiles'!$G$19=$B$10,7,0)+IF('Standard Profiles'!$G$19=$B$17,14,0)+IF('Standard Profiles'!$G$19=$B$24,21,0),0)),0)</f>
        <v>2.7578498158603737</v>
      </c>
      <c r="F3584" cm="1">
        <f t="array" ref="F3584">IFERROR(INDEX(Jesper!AJ$2:AJ$366,ROUNDDOWN($C3584/24,0)+1,1)*INDEX($D$3:$AA$30,INDEX(Jesper!$R$2:$R$366,ROW(INDEX(Jesper!AJ$2:AJ$366,ROUNDDOWN($C3584/24,0)+1,1))-1)+IF('Standard Profiles'!$G$20=$B$10,7,0)+IF('Standard Profiles'!$G$20=$B$17,14,0)+IF('Standard Profiles'!$G$20=$B$24,21,0),MOD($C3584,24)+1)/SUM(INDEX($D$3:$AA$30,INDEX(Jesper!$R$2:$R$366,ROW(INDEX(Jesper!AJ$2:AJ$366,ROUNDDOWN($C3584/24,0)+1,1))-1)+IF('Standard Profiles'!$G$20=$B$10,7,0)+IF('Standard Profiles'!$G$20=$B$17,14,0)+IF('Standard Profiles'!$G$20=$B$24,21,0),0)),0)</f>
        <v>1.3414631733594573</v>
      </c>
      <c r="G3584" cm="1">
        <f t="array" ref="G3584">IFERROR(INDEX(Jesper!AK$2:AK$366,ROUNDDOWN($C3584/24,0)+1,1)*INDEX($D$3:$AA$30,INDEX(Jesper!$R$2:$R$366,ROW(INDEX(Jesper!AK$2:AK$366,ROUNDDOWN($C3584/24,0)+1,1))-1)+IF('Standard Profiles'!$G$21=$B$10,7,0)+IF('Standard Profiles'!$G$21=$B$17,14,0)+IF('Standard Profiles'!$G$21=$B$24,21,0),MOD($C3584,24)+1)/SUM(INDEX($D$3:$AA$30,INDEX(Jesper!$R$2:$R$366,ROW(INDEX(Jesper!AK$2:AK$366,ROUNDDOWN($C3584/24,0)+1,1))-1)+IF('Standard Profiles'!$G$21=$B$10,7,0)+IF('Standard Profiles'!$G$21=$B$17,14,0)+IF('Standard Profiles'!$G$21=$B$24,21,0),0)),0)</f>
        <v>0.87059673913818703</v>
      </c>
      <c r="H3584" cm="1">
        <f t="array" ref="H3584">IFERROR(INDEX(Jesper!AL$2:AL$366,ROUNDDOWN($C3584/24,0)+1,1)*INDEX($D$3:$AA$30,INDEX(Jesper!$R$2:$R$366,ROW(INDEX(Jesper!AL$2:AL$366,ROUNDDOWN($C3584/24,0)+1,1))-1)+IF('Standard Profiles'!$G$22=$B$10,7,0)+IF('Standard Profiles'!$G$22=$B$17,14,0)+IF('Standard Profiles'!$G$22=$B$24,21,0),MOD($C3584,24)+1)/SUM(INDEX($D$3:$AA$30,INDEX(Jesper!$R$2:$R$366,ROW(INDEX(Jesper!AL$2:AL$366,ROUNDDOWN($C3584/24,0)+1,1))-1)+IF('Standard Profiles'!$G$22=$B$10,7,0)+IF('Standard Profiles'!$G$22=$B$17,14,0)+IF('Standard Profiles'!$G$22=$B$24,21,0),0)),0)</f>
        <v>0.26795610512008239</v>
      </c>
      <c r="I3584">
        <f t="shared" si="405"/>
        <v>0.25723786091527923</v>
      </c>
      <c r="J3584">
        <f t="shared" si="406"/>
        <v>4.6496859946595759</v>
      </c>
      <c r="K3584">
        <f t="shared" si="407"/>
        <v>0.2206279852688299</v>
      </c>
      <c r="L3584">
        <f t="shared" si="408"/>
        <v>0.11031399263441495</v>
      </c>
      <c r="M3584">
        <f t="shared" si="409"/>
        <v>0</v>
      </c>
      <c r="N3584" s="45">
        <f t="shared" si="410"/>
        <v>45074.916666658057</v>
      </c>
    </row>
    <row r="3585" spans="2:14" x14ac:dyDescent="0.25">
      <c r="B3585">
        <f t="shared" si="404"/>
        <v>7</v>
      </c>
      <c r="C3585" s="16">
        <v>3551</v>
      </c>
      <c r="D3585" cm="1">
        <f t="array" ref="D3585">IFERROR(INDEX(Jesper!AH$2:AH$366,ROUNDDOWN($C3585/24,0)+1,1)*INDEX($D$3:$AA$30,INDEX(Jesper!$R$2:$R$366,ROW(INDEX(Jesper!AH$2:AH$366,ROUNDDOWN($C3585/24,0)+1,1))-1)+IF('Standard Profiles'!$G$18=$B$10,7,0)+IF('Standard Profiles'!$G$18=$B$17,14,0)+IF('Standard Profiles'!$G$18=$B$24,21,0),MOD($C3585,24)+1)/SUM(INDEX($D$3:$AA$30,INDEX(Jesper!$R$2:$R$366,ROW(INDEX(Jesper!AH$2:AH$366,ROUNDDOWN($C3585/24,0)+1,1))-1)+IF('Standard Profiles'!$G$18=$B$10,7,0)+IF('Standard Profiles'!$G$18=$B$17,14,0)+IF('Standard Profiles'!$G$18=$B$24,21,0),0)),0)</f>
        <v>0</v>
      </c>
      <c r="E3585" cm="1">
        <f t="array" ref="E3585">IFERROR(INDEX(Jesper!AI$2:AI$366,ROUNDDOWN($C3585/24,0)+1,1)*INDEX($D$3:$AA$30,INDEX(Jesper!$R$2:$R$366,ROW(INDEX(Jesper!AI$2:AI$366,ROUNDDOWN($C3585/24,0)+1,1))-1)+IF('Standard Profiles'!$G$19=$B$10,7,0)+IF('Standard Profiles'!$G$19=$B$17,14,0)+IF('Standard Profiles'!$G$19=$B$24,21,0),MOD($C3585,24)+1)/SUM(INDEX($D$3:$AA$30,INDEX(Jesper!$R$2:$R$366,ROW(INDEX(Jesper!AI$2:AI$366,ROUNDDOWN($C3585/24,0)+1,1))-1)+IF('Standard Profiles'!$G$19=$B$10,7,0)+IF('Standard Profiles'!$G$19=$B$17,14,0)+IF('Standard Profiles'!$G$19=$B$24,21,0),0)),0)</f>
        <v>2.7578498158603737</v>
      </c>
      <c r="F3585" cm="1">
        <f t="array" ref="F3585">IFERROR(INDEX(Jesper!AJ$2:AJ$366,ROUNDDOWN($C3585/24,0)+1,1)*INDEX($D$3:$AA$30,INDEX(Jesper!$R$2:$R$366,ROW(INDEX(Jesper!AJ$2:AJ$366,ROUNDDOWN($C3585/24,0)+1,1))-1)+IF('Standard Profiles'!$G$20=$B$10,7,0)+IF('Standard Profiles'!$G$20=$B$17,14,0)+IF('Standard Profiles'!$G$20=$B$24,21,0),MOD($C3585,24)+1)/SUM(INDEX($D$3:$AA$30,INDEX(Jesper!$R$2:$R$366,ROW(INDEX(Jesper!AJ$2:AJ$366,ROUNDDOWN($C3585/24,0)+1,1))-1)+IF('Standard Profiles'!$G$20=$B$10,7,0)+IF('Standard Profiles'!$G$20=$B$17,14,0)+IF('Standard Profiles'!$G$20=$B$24,21,0),0)),0)</f>
        <v>1.3414631733594573</v>
      </c>
      <c r="G3585" cm="1">
        <f t="array" ref="G3585">IFERROR(INDEX(Jesper!AK$2:AK$366,ROUNDDOWN($C3585/24,0)+1,1)*INDEX($D$3:$AA$30,INDEX(Jesper!$R$2:$R$366,ROW(INDEX(Jesper!AK$2:AK$366,ROUNDDOWN($C3585/24,0)+1,1))-1)+IF('Standard Profiles'!$G$21=$B$10,7,0)+IF('Standard Profiles'!$G$21=$B$17,14,0)+IF('Standard Profiles'!$G$21=$B$24,21,0),MOD($C3585,24)+1)/SUM(INDEX($D$3:$AA$30,INDEX(Jesper!$R$2:$R$366,ROW(INDEX(Jesper!AK$2:AK$366,ROUNDDOWN($C3585/24,0)+1,1))-1)+IF('Standard Profiles'!$G$21=$B$10,7,0)+IF('Standard Profiles'!$G$21=$B$17,14,0)+IF('Standard Profiles'!$G$21=$B$24,21,0),0)),0)</f>
        <v>0.87059673913818703</v>
      </c>
      <c r="H3585" cm="1">
        <f t="array" ref="H3585">IFERROR(INDEX(Jesper!AL$2:AL$366,ROUNDDOWN($C3585/24,0)+1,1)*INDEX($D$3:$AA$30,INDEX(Jesper!$R$2:$R$366,ROW(INDEX(Jesper!AL$2:AL$366,ROUNDDOWN($C3585/24,0)+1,1))-1)+IF('Standard Profiles'!$G$22=$B$10,7,0)+IF('Standard Profiles'!$G$22=$B$17,14,0)+IF('Standard Profiles'!$G$22=$B$24,21,0),MOD($C3585,24)+1)/SUM(INDEX($D$3:$AA$30,INDEX(Jesper!$R$2:$R$366,ROW(INDEX(Jesper!AL$2:AL$366,ROUNDDOWN($C3585/24,0)+1,1))-1)+IF('Standard Profiles'!$G$22=$B$10,7,0)+IF('Standard Profiles'!$G$22=$B$17,14,0)+IF('Standard Profiles'!$G$22=$B$24,21,0),0)),0)</f>
        <v>0.26795610512008239</v>
      </c>
      <c r="I3585">
        <f t="shared" si="405"/>
        <v>0.25723786091527923</v>
      </c>
      <c r="J3585">
        <f t="shared" si="406"/>
        <v>4.6496859946595759</v>
      </c>
      <c r="K3585">
        <f t="shared" si="407"/>
        <v>0.2206279852688299</v>
      </c>
      <c r="L3585">
        <f t="shared" si="408"/>
        <v>0.11031399263441495</v>
      </c>
      <c r="M3585">
        <f t="shared" si="409"/>
        <v>0</v>
      </c>
      <c r="N3585" s="45">
        <f t="shared" si="410"/>
        <v>45074.958333324721</v>
      </c>
    </row>
    <row r="3586" spans="2:14" x14ac:dyDescent="0.25">
      <c r="B3586">
        <f t="shared" si="404"/>
        <v>1</v>
      </c>
      <c r="C3586" s="16">
        <v>3552</v>
      </c>
      <c r="D3586" cm="1">
        <f t="array" ref="D3586">IFERROR(INDEX(Jesper!AH$2:AH$366,ROUNDDOWN($C3586/24,0)+1,1)*INDEX($D$3:$AA$30,INDEX(Jesper!$R$2:$R$366,ROW(INDEX(Jesper!AH$2:AH$366,ROUNDDOWN($C3586/24,0)+1,1))-1)+IF('Standard Profiles'!$G$18=$B$10,7,0)+IF('Standard Profiles'!$G$18=$B$17,14,0)+IF('Standard Profiles'!$G$18=$B$24,21,0),MOD($C3586,24)+1)/SUM(INDEX($D$3:$AA$30,INDEX(Jesper!$R$2:$R$366,ROW(INDEX(Jesper!AH$2:AH$366,ROUNDDOWN($C3586/24,0)+1,1))-1)+IF('Standard Profiles'!$G$18=$B$10,7,0)+IF('Standard Profiles'!$G$18=$B$17,14,0)+IF('Standard Profiles'!$G$18=$B$24,21,0),0)),0)</f>
        <v>5.2358248862179027</v>
      </c>
      <c r="E3586" cm="1">
        <f t="array" ref="E3586">IFERROR(INDEX(Jesper!AI$2:AI$366,ROUNDDOWN($C3586/24,0)+1,1)*INDEX($D$3:$AA$30,INDEX(Jesper!$R$2:$R$366,ROW(INDEX(Jesper!AI$2:AI$366,ROUNDDOWN($C3586/24,0)+1,1))-1)+IF('Standard Profiles'!$G$19=$B$10,7,0)+IF('Standard Profiles'!$G$19=$B$17,14,0)+IF('Standard Profiles'!$G$19=$B$24,21,0),MOD($C3586,24)+1)/SUM(INDEX($D$3:$AA$30,INDEX(Jesper!$R$2:$R$366,ROW(INDEX(Jesper!AI$2:AI$366,ROUNDDOWN($C3586/24,0)+1,1))-1)+IF('Standard Profiles'!$G$19=$B$10,7,0)+IF('Standard Profiles'!$G$19=$B$17,14,0)+IF('Standard Profiles'!$G$19=$B$24,21,0),0)),0)</f>
        <v>2.3736239104790862</v>
      </c>
      <c r="F3586" cm="1">
        <f t="array" ref="F3586">IFERROR(INDEX(Jesper!AJ$2:AJ$366,ROUNDDOWN($C3586/24,0)+1,1)*INDEX($D$3:$AA$30,INDEX(Jesper!$R$2:$R$366,ROW(INDEX(Jesper!AJ$2:AJ$366,ROUNDDOWN($C3586/24,0)+1,1))-1)+IF('Standard Profiles'!$G$20=$B$10,7,0)+IF('Standard Profiles'!$G$20=$B$17,14,0)+IF('Standard Profiles'!$G$20=$B$24,21,0),MOD($C3586,24)+1)/SUM(INDEX($D$3:$AA$30,INDEX(Jesper!$R$2:$R$366,ROW(INDEX(Jesper!AJ$2:AJ$366,ROUNDDOWN($C3586/24,0)+1,1))-1)+IF('Standard Profiles'!$G$20=$B$10,7,0)+IF('Standard Profiles'!$G$20=$B$17,14,0)+IF('Standard Profiles'!$G$20=$B$24,21,0),0)),0)</f>
        <v>0</v>
      </c>
      <c r="G3586" cm="1">
        <f t="array" ref="G3586">IFERROR(INDEX(Jesper!AK$2:AK$366,ROUNDDOWN($C3586/24,0)+1,1)*INDEX($D$3:$AA$30,INDEX(Jesper!$R$2:$R$366,ROW(INDEX(Jesper!AK$2:AK$366,ROUNDDOWN($C3586/24,0)+1,1))-1)+IF('Standard Profiles'!$G$21=$B$10,7,0)+IF('Standard Profiles'!$G$21=$B$17,14,0)+IF('Standard Profiles'!$G$21=$B$24,21,0),MOD($C3586,24)+1)/SUM(INDEX($D$3:$AA$30,INDEX(Jesper!$R$2:$R$366,ROW(INDEX(Jesper!AK$2:AK$366,ROUNDDOWN($C3586/24,0)+1,1))-1)+IF('Standard Profiles'!$G$21=$B$10,7,0)+IF('Standard Profiles'!$G$21=$B$17,14,0)+IF('Standard Profiles'!$G$21=$B$24,21,0),0)),0)</f>
        <v>0.3338594249675943</v>
      </c>
      <c r="H3586" cm="1">
        <f t="array" ref="H3586">IFERROR(INDEX(Jesper!AL$2:AL$366,ROUNDDOWN($C3586/24,0)+1,1)*INDEX($D$3:$AA$30,INDEX(Jesper!$R$2:$R$366,ROW(INDEX(Jesper!AL$2:AL$366,ROUNDDOWN($C3586/24,0)+1,1))-1)+IF('Standard Profiles'!$G$22=$B$10,7,0)+IF('Standard Profiles'!$G$22=$B$17,14,0)+IF('Standard Profiles'!$G$22=$B$24,21,0),MOD($C3586,24)+1)/SUM(INDEX($D$3:$AA$30,INDEX(Jesper!$R$2:$R$366,ROW(INDEX(Jesper!AL$2:AL$366,ROUNDDOWN($C3586/24,0)+1,1))-1)+IF('Standard Profiles'!$G$22=$B$10,7,0)+IF('Standard Profiles'!$G$22=$B$17,14,0)+IF('Standard Profiles'!$G$22=$B$24,21,0),0)),0)</f>
        <v>0</v>
      </c>
      <c r="I3586">
        <f t="shared" si="405"/>
        <v>0.16025252398444517</v>
      </c>
      <c r="J3586">
        <f t="shared" si="406"/>
        <v>6.945323715885273</v>
      </c>
      <c r="K3586">
        <f t="shared" si="407"/>
        <v>0.55848798786324294</v>
      </c>
      <c r="L3586">
        <f t="shared" si="408"/>
        <v>0.27924399393162147</v>
      </c>
      <c r="M3586">
        <f t="shared" si="409"/>
        <v>0</v>
      </c>
      <c r="N3586" s="45">
        <f t="shared" si="410"/>
        <v>45074.999999991385</v>
      </c>
    </row>
    <row r="3587" spans="2:14" x14ac:dyDescent="0.25">
      <c r="B3587">
        <f t="shared" si="404"/>
        <v>1</v>
      </c>
      <c r="C3587" s="16">
        <v>3553</v>
      </c>
      <c r="D3587" cm="1">
        <f t="array" ref="D3587">IFERROR(INDEX(Jesper!AH$2:AH$366,ROUNDDOWN($C3587/24,0)+1,1)*INDEX($D$3:$AA$30,INDEX(Jesper!$R$2:$R$366,ROW(INDEX(Jesper!AH$2:AH$366,ROUNDDOWN($C3587/24,0)+1,1))-1)+IF('Standard Profiles'!$G$18=$B$10,7,0)+IF('Standard Profiles'!$G$18=$B$17,14,0)+IF('Standard Profiles'!$G$18=$B$24,21,0),MOD($C3587,24)+1)/SUM(INDEX($D$3:$AA$30,INDEX(Jesper!$R$2:$R$366,ROW(INDEX(Jesper!AH$2:AH$366,ROUNDDOWN($C3587/24,0)+1,1))-1)+IF('Standard Profiles'!$G$18=$B$10,7,0)+IF('Standard Profiles'!$G$18=$B$17,14,0)+IF('Standard Profiles'!$G$18=$B$24,21,0),0)),0)</f>
        <v>5.2358248862179027</v>
      </c>
      <c r="E3587" cm="1">
        <f t="array" ref="E3587">IFERROR(INDEX(Jesper!AI$2:AI$366,ROUNDDOWN($C3587/24,0)+1,1)*INDEX($D$3:$AA$30,INDEX(Jesper!$R$2:$R$366,ROW(INDEX(Jesper!AI$2:AI$366,ROUNDDOWN($C3587/24,0)+1,1))-1)+IF('Standard Profiles'!$G$19=$B$10,7,0)+IF('Standard Profiles'!$G$19=$B$17,14,0)+IF('Standard Profiles'!$G$19=$B$24,21,0),MOD($C3587,24)+1)/SUM(INDEX($D$3:$AA$30,INDEX(Jesper!$R$2:$R$366,ROW(INDEX(Jesper!AI$2:AI$366,ROUNDDOWN($C3587/24,0)+1,1))-1)+IF('Standard Profiles'!$G$19=$B$10,7,0)+IF('Standard Profiles'!$G$19=$B$17,14,0)+IF('Standard Profiles'!$G$19=$B$24,21,0),0)),0)</f>
        <v>2.3736239104790862</v>
      </c>
      <c r="F3587" cm="1">
        <f t="array" ref="F3587">IFERROR(INDEX(Jesper!AJ$2:AJ$366,ROUNDDOWN($C3587/24,0)+1,1)*INDEX($D$3:$AA$30,INDEX(Jesper!$R$2:$R$366,ROW(INDEX(Jesper!AJ$2:AJ$366,ROUNDDOWN($C3587/24,0)+1,1))-1)+IF('Standard Profiles'!$G$20=$B$10,7,0)+IF('Standard Profiles'!$G$20=$B$17,14,0)+IF('Standard Profiles'!$G$20=$B$24,21,0),MOD($C3587,24)+1)/SUM(INDEX($D$3:$AA$30,INDEX(Jesper!$R$2:$R$366,ROW(INDEX(Jesper!AJ$2:AJ$366,ROUNDDOWN($C3587/24,0)+1,1))-1)+IF('Standard Profiles'!$G$20=$B$10,7,0)+IF('Standard Profiles'!$G$20=$B$17,14,0)+IF('Standard Profiles'!$G$20=$B$24,21,0),0)),0)</f>
        <v>0</v>
      </c>
      <c r="G3587" cm="1">
        <f t="array" ref="G3587">IFERROR(INDEX(Jesper!AK$2:AK$366,ROUNDDOWN($C3587/24,0)+1,1)*INDEX($D$3:$AA$30,INDEX(Jesper!$R$2:$R$366,ROW(INDEX(Jesper!AK$2:AK$366,ROUNDDOWN($C3587/24,0)+1,1))-1)+IF('Standard Profiles'!$G$21=$B$10,7,0)+IF('Standard Profiles'!$G$21=$B$17,14,0)+IF('Standard Profiles'!$G$21=$B$24,21,0),MOD($C3587,24)+1)/SUM(INDEX($D$3:$AA$30,INDEX(Jesper!$R$2:$R$366,ROW(INDEX(Jesper!AK$2:AK$366,ROUNDDOWN($C3587/24,0)+1,1))-1)+IF('Standard Profiles'!$G$21=$B$10,7,0)+IF('Standard Profiles'!$G$21=$B$17,14,0)+IF('Standard Profiles'!$G$21=$B$24,21,0),0)),0)</f>
        <v>0.3338594249675943</v>
      </c>
      <c r="H3587" cm="1">
        <f t="array" ref="H3587">IFERROR(INDEX(Jesper!AL$2:AL$366,ROUNDDOWN($C3587/24,0)+1,1)*INDEX($D$3:$AA$30,INDEX(Jesper!$R$2:$R$366,ROW(INDEX(Jesper!AL$2:AL$366,ROUNDDOWN($C3587/24,0)+1,1))-1)+IF('Standard Profiles'!$G$22=$B$10,7,0)+IF('Standard Profiles'!$G$22=$B$17,14,0)+IF('Standard Profiles'!$G$22=$B$24,21,0),MOD($C3587,24)+1)/SUM(INDEX($D$3:$AA$30,INDEX(Jesper!$R$2:$R$366,ROW(INDEX(Jesper!AL$2:AL$366,ROUNDDOWN($C3587/24,0)+1,1))-1)+IF('Standard Profiles'!$G$22=$B$10,7,0)+IF('Standard Profiles'!$G$22=$B$17,14,0)+IF('Standard Profiles'!$G$22=$B$24,21,0),0)),0)</f>
        <v>0</v>
      </c>
      <c r="I3587">
        <f t="shared" si="405"/>
        <v>0.16025252398444517</v>
      </c>
      <c r="J3587">
        <f t="shared" si="406"/>
        <v>6.945323715885273</v>
      </c>
      <c r="K3587">
        <f t="shared" si="407"/>
        <v>0.55848798786324294</v>
      </c>
      <c r="L3587">
        <f t="shared" si="408"/>
        <v>0.27924399393162147</v>
      </c>
      <c r="M3587">
        <f t="shared" si="409"/>
        <v>0</v>
      </c>
      <c r="N3587" s="45">
        <f t="shared" si="410"/>
        <v>45075.04166665805</v>
      </c>
    </row>
    <row r="3588" spans="2:14" x14ac:dyDescent="0.25">
      <c r="B3588">
        <f t="shared" si="404"/>
        <v>1</v>
      </c>
      <c r="C3588" s="16">
        <v>3554</v>
      </c>
      <c r="D3588" cm="1">
        <f t="array" ref="D3588">IFERROR(INDEX(Jesper!AH$2:AH$366,ROUNDDOWN($C3588/24,0)+1,1)*INDEX($D$3:$AA$30,INDEX(Jesper!$R$2:$R$366,ROW(INDEX(Jesper!AH$2:AH$366,ROUNDDOWN($C3588/24,0)+1,1))-1)+IF('Standard Profiles'!$G$18=$B$10,7,0)+IF('Standard Profiles'!$G$18=$B$17,14,0)+IF('Standard Profiles'!$G$18=$B$24,21,0),MOD($C3588,24)+1)/SUM(INDEX($D$3:$AA$30,INDEX(Jesper!$R$2:$R$366,ROW(INDEX(Jesper!AH$2:AH$366,ROUNDDOWN($C3588/24,0)+1,1))-1)+IF('Standard Profiles'!$G$18=$B$10,7,0)+IF('Standard Profiles'!$G$18=$B$17,14,0)+IF('Standard Profiles'!$G$18=$B$24,21,0),0)),0)</f>
        <v>5.2358248862179027</v>
      </c>
      <c r="E3588" cm="1">
        <f t="array" ref="E3588">IFERROR(INDEX(Jesper!AI$2:AI$366,ROUNDDOWN($C3588/24,0)+1,1)*INDEX($D$3:$AA$30,INDEX(Jesper!$R$2:$R$366,ROW(INDEX(Jesper!AI$2:AI$366,ROUNDDOWN($C3588/24,0)+1,1))-1)+IF('Standard Profiles'!$G$19=$B$10,7,0)+IF('Standard Profiles'!$G$19=$B$17,14,0)+IF('Standard Profiles'!$G$19=$B$24,21,0),MOD($C3588,24)+1)/SUM(INDEX($D$3:$AA$30,INDEX(Jesper!$R$2:$R$366,ROW(INDEX(Jesper!AI$2:AI$366,ROUNDDOWN($C3588/24,0)+1,1))-1)+IF('Standard Profiles'!$G$19=$B$10,7,0)+IF('Standard Profiles'!$G$19=$B$17,14,0)+IF('Standard Profiles'!$G$19=$B$24,21,0),0)),0)</f>
        <v>2.3736239104790862</v>
      </c>
      <c r="F3588" cm="1">
        <f t="array" ref="F3588">IFERROR(INDEX(Jesper!AJ$2:AJ$366,ROUNDDOWN($C3588/24,0)+1,1)*INDEX($D$3:$AA$30,INDEX(Jesper!$R$2:$R$366,ROW(INDEX(Jesper!AJ$2:AJ$366,ROUNDDOWN($C3588/24,0)+1,1))-1)+IF('Standard Profiles'!$G$20=$B$10,7,0)+IF('Standard Profiles'!$G$20=$B$17,14,0)+IF('Standard Profiles'!$G$20=$B$24,21,0),MOD($C3588,24)+1)/SUM(INDEX($D$3:$AA$30,INDEX(Jesper!$R$2:$R$366,ROW(INDEX(Jesper!AJ$2:AJ$366,ROUNDDOWN($C3588/24,0)+1,1))-1)+IF('Standard Profiles'!$G$20=$B$10,7,0)+IF('Standard Profiles'!$G$20=$B$17,14,0)+IF('Standard Profiles'!$G$20=$B$24,21,0),0)),0)</f>
        <v>0</v>
      </c>
      <c r="G3588" cm="1">
        <f t="array" ref="G3588">IFERROR(INDEX(Jesper!AK$2:AK$366,ROUNDDOWN($C3588/24,0)+1,1)*INDEX($D$3:$AA$30,INDEX(Jesper!$R$2:$R$366,ROW(INDEX(Jesper!AK$2:AK$366,ROUNDDOWN($C3588/24,0)+1,1))-1)+IF('Standard Profiles'!$G$21=$B$10,7,0)+IF('Standard Profiles'!$G$21=$B$17,14,0)+IF('Standard Profiles'!$G$21=$B$24,21,0),MOD($C3588,24)+1)/SUM(INDEX($D$3:$AA$30,INDEX(Jesper!$R$2:$R$366,ROW(INDEX(Jesper!AK$2:AK$366,ROUNDDOWN($C3588/24,0)+1,1))-1)+IF('Standard Profiles'!$G$21=$B$10,7,0)+IF('Standard Profiles'!$G$21=$B$17,14,0)+IF('Standard Profiles'!$G$21=$B$24,21,0),0)),0)</f>
        <v>0.3338594249675943</v>
      </c>
      <c r="H3588" cm="1">
        <f t="array" ref="H3588">IFERROR(INDEX(Jesper!AL$2:AL$366,ROUNDDOWN($C3588/24,0)+1,1)*INDEX($D$3:$AA$30,INDEX(Jesper!$R$2:$R$366,ROW(INDEX(Jesper!AL$2:AL$366,ROUNDDOWN($C3588/24,0)+1,1))-1)+IF('Standard Profiles'!$G$22=$B$10,7,0)+IF('Standard Profiles'!$G$22=$B$17,14,0)+IF('Standard Profiles'!$G$22=$B$24,21,0),MOD($C3588,24)+1)/SUM(INDEX($D$3:$AA$30,INDEX(Jesper!$R$2:$R$366,ROW(INDEX(Jesper!AL$2:AL$366,ROUNDDOWN($C3588/24,0)+1,1))-1)+IF('Standard Profiles'!$G$22=$B$10,7,0)+IF('Standard Profiles'!$G$22=$B$17,14,0)+IF('Standard Profiles'!$G$22=$B$24,21,0),0)),0)</f>
        <v>0</v>
      </c>
      <c r="I3588">
        <f t="shared" si="405"/>
        <v>0.16025252398444517</v>
      </c>
      <c r="J3588">
        <f t="shared" si="406"/>
        <v>6.945323715885273</v>
      </c>
      <c r="K3588">
        <f t="shared" si="407"/>
        <v>0.55848798786324294</v>
      </c>
      <c r="L3588">
        <f t="shared" si="408"/>
        <v>0.27924399393162147</v>
      </c>
      <c r="M3588">
        <f t="shared" si="409"/>
        <v>0</v>
      </c>
      <c r="N3588" s="45">
        <f t="shared" si="410"/>
        <v>45075.083333324714</v>
      </c>
    </row>
    <row r="3589" spans="2:14" x14ac:dyDescent="0.25">
      <c r="B3589">
        <f t="shared" si="404"/>
        <v>1</v>
      </c>
      <c r="C3589" s="16">
        <v>3555</v>
      </c>
      <c r="D3589" cm="1">
        <f t="array" ref="D3589">IFERROR(INDEX(Jesper!AH$2:AH$366,ROUNDDOWN($C3589/24,0)+1,1)*INDEX($D$3:$AA$30,INDEX(Jesper!$R$2:$R$366,ROW(INDEX(Jesper!AH$2:AH$366,ROUNDDOWN($C3589/24,0)+1,1))-1)+IF('Standard Profiles'!$G$18=$B$10,7,0)+IF('Standard Profiles'!$G$18=$B$17,14,0)+IF('Standard Profiles'!$G$18=$B$24,21,0),MOD($C3589,24)+1)/SUM(INDEX($D$3:$AA$30,INDEX(Jesper!$R$2:$R$366,ROW(INDEX(Jesper!AH$2:AH$366,ROUNDDOWN($C3589/24,0)+1,1))-1)+IF('Standard Profiles'!$G$18=$B$10,7,0)+IF('Standard Profiles'!$G$18=$B$17,14,0)+IF('Standard Profiles'!$G$18=$B$24,21,0),0)),0)</f>
        <v>5.2358248862179027</v>
      </c>
      <c r="E3589" cm="1">
        <f t="array" ref="E3589">IFERROR(INDEX(Jesper!AI$2:AI$366,ROUNDDOWN($C3589/24,0)+1,1)*INDEX($D$3:$AA$30,INDEX(Jesper!$R$2:$R$366,ROW(INDEX(Jesper!AI$2:AI$366,ROUNDDOWN($C3589/24,0)+1,1))-1)+IF('Standard Profiles'!$G$19=$B$10,7,0)+IF('Standard Profiles'!$G$19=$B$17,14,0)+IF('Standard Profiles'!$G$19=$B$24,21,0),MOD($C3589,24)+1)/SUM(INDEX($D$3:$AA$30,INDEX(Jesper!$R$2:$R$366,ROW(INDEX(Jesper!AI$2:AI$366,ROUNDDOWN($C3589/24,0)+1,1))-1)+IF('Standard Profiles'!$G$19=$B$10,7,0)+IF('Standard Profiles'!$G$19=$B$17,14,0)+IF('Standard Profiles'!$G$19=$B$24,21,0),0)),0)</f>
        <v>2.3736239104790862</v>
      </c>
      <c r="F3589" cm="1">
        <f t="array" ref="F3589">IFERROR(INDEX(Jesper!AJ$2:AJ$366,ROUNDDOWN($C3589/24,0)+1,1)*INDEX($D$3:$AA$30,INDEX(Jesper!$R$2:$R$366,ROW(INDEX(Jesper!AJ$2:AJ$366,ROUNDDOWN($C3589/24,0)+1,1))-1)+IF('Standard Profiles'!$G$20=$B$10,7,0)+IF('Standard Profiles'!$G$20=$B$17,14,0)+IF('Standard Profiles'!$G$20=$B$24,21,0),MOD($C3589,24)+1)/SUM(INDEX($D$3:$AA$30,INDEX(Jesper!$R$2:$R$366,ROW(INDEX(Jesper!AJ$2:AJ$366,ROUNDDOWN($C3589/24,0)+1,1))-1)+IF('Standard Profiles'!$G$20=$B$10,7,0)+IF('Standard Profiles'!$G$20=$B$17,14,0)+IF('Standard Profiles'!$G$20=$B$24,21,0),0)),0)</f>
        <v>0</v>
      </c>
      <c r="G3589" cm="1">
        <f t="array" ref="G3589">IFERROR(INDEX(Jesper!AK$2:AK$366,ROUNDDOWN($C3589/24,0)+1,1)*INDEX($D$3:$AA$30,INDEX(Jesper!$R$2:$R$366,ROW(INDEX(Jesper!AK$2:AK$366,ROUNDDOWN($C3589/24,0)+1,1))-1)+IF('Standard Profiles'!$G$21=$B$10,7,0)+IF('Standard Profiles'!$G$21=$B$17,14,0)+IF('Standard Profiles'!$G$21=$B$24,21,0),MOD($C3589,24)+1)/SUM(INDEX($D$3:$AA$30,INDEX(Jesper!$R$2:$R$366,ROW(INDEX(Jesper!AK$2:AK$366,ROUNDDOWN($C3589/24,0)+1,1))-1)+IF('Standard Profiles'!$G$21=$B$10,7,0)+IF('Standard Profiles'!$G$21=$B$17,14,0)+IF('Standard Profiles'!$G$21=$B$24,21,0),0)),0)</f>
        <v>0.3338594249675943</v>
      </c>
      <c r="H3589" cm="1">
        <f t="array" ref="H3589">IFERROR(INDEX(Jesper!AL$2:AL$366,ROUNDDOWN($C3589/24,0)+1,1)*INDEX($D$3:$AA$30,INDEX(Jesper!$R$2:$R$366,ROW(INDEX(Jesper!AL$2:AL$366,ROUNDDOWN($C3589/24,0)+1,1))-1)+IF('Standard Profiles'!$G$22=$B$10,7,0)+IF('Standard Profiles'!$G$22=$B$17,14,0)+IF('Standard Profiles'!$G$22=$B$24,21,0),MOD($C3589,24)+1)/SUM(INDEX($D$3:$AA$30,INDEX(Jesper!$R$2:$R$366,ROW(INDEX(Jesper!AL$2:AL$366,ROUNDDOWN($C3589/24,0)+1,1))-1)+IF('Standard Profiles'!$G$22=$B$10,7,0)+IF('Standard Profiles'!$G$22=$B$17,14,0)+IF('Standard Profiles'!$G$22=$B$24,21,0),0)),0)</f>
        <v>0</v>
      </c>
      <c r="I3589">
        <f t="shared" si="405"/>
        <v>0.16025252398444517</v>
      </c>
      <c r="J3589">
        <f t="shared" si="406"/>
        <v>6.945323715885273</v>
      </c>
      <c r="K3589">
        <f t="shared" si="407"/>
        <v>0.55848798786324294</v>
      </c>
      <c r="L3589">
        <f t="shared" si="408"/>
        <v>0.27924399393162147</v>
      </c>
      <c r="M3589">
        <f t="shared" si="409"/>
        <v>0</v>
      </c>
      <c r="N3589" s="45">
        <f t="shared" si="410"/>
        <v>45075.124999991378</v>
      </c>
    </row>
    <row r="3590" spans="2:14" x14ac:dyDescent="0.25">
      <c r="B3590">
        <f t="shared" si="404"/>
        <v>1</v>
      </c>
      <c r="C3590" s="16">
        <v>3556</v>
      </c>
      <c r="D3590" cm="1">
        <f t="array" ref="D3590">IFERROR(INDEX(Jesper!AH$2:AH$366,ROUNDDOWN($C3590/24,0)+1,1)*INDEX($D$3:$AA$30,INDEX(Jesper!$R$2:$R$366,ROW(INDEX(Jesper!AH$2:AH$366,ROUNDDOWN($C3590/24,0)+1,1))-1)+IF('Standard Profiles'!$G$18=$B$10,7,0)+IF('Standard Profiles'!$G$18=$B$17,14,0)+IF('Standard Profiles'!$G$18=$B$24,21,0),MOD($C3590,24)+1)/SUM(INDEX($D$3:$AA$30,INDEX(Jesper!$R$2:$R$366,ROW(INDEX(Jesper!AH$2:AH$366,ROUNDDOWN($C3590/24,0)+1,1))-1)+IF('Standard Profiles'!$G$18=$B$10,7,0)+IF('Standard Profiles'!$G$18=$B$17,14,0)+IF('Standard Profiles'!$G$18=$B$24,21,0),0)),0)</f>
        <v>5.2358248862179027</v>
      </c>
      <c r="E3590" cm="1">
        <f t="array" ref="E3590">IFERROR(INDEX(Jesper!AI$2:AI$366,ROUNDDOWN($C3590/24,0)+1,1)*INDEX($D$3:$AA$30,INDEX(Jesper!$R$2:$R$366,ROW(INDEX(Jesper!AI$2:AI$366,ROUNDDOWN($C3590/24,0)+1,1))-1)+IF('Standard Profiles'!$G$19=$B$10,7,0)+IF('Standard Profiles'!$G$19=$B$17,14,0)+IF('Standard Profiles'!$G$19=$B$24,21,0),MOD($C3590,24)+1)/SUM(INDEX($D$3:$AA$30,INDEX(Jesper!$R$2:$R$366,ROW(INDEX(Jesper!AI$2:AI$366,ROUNDDOWN($C3590/24,0)+1,1))-1)+IF('Standard Profiles'!$G$19=$B$10,7,0)+IF('Standard Profiles'!$G$19=$B$17,14,0)+IF('Standard Profiles'!$G$19=$B$24,21,0),0)),0)</f>
        <v>2.3736239104790862</v>
      </c>
      <c r="F3590" cm="1">
        <f t="array" ref="F3590">IFERROR(INDEX(Jesper!AJ$2:AJ$366,ROUNDDOWN($C3590/24,0)+1,1)*INDEX($D$3:$AA$30,INDEX(Jesper!$R$2:$R$366,ROW(INDEX(Jesper!AJ$2:AJ$366,ROUNDDOWN($C3590/24,0)+1,1))-1)+IF('Standard Profiles'!$G$20=$B$10,7,0)+IF('Standard Profiles'!$G$20=$B$17,14,0)+IF('Standard Profiles'!$G$20=$B$24,21,0),MOD($C3590,24)+1)/SUM(INDEX($D$3:$AA$30,INDEX(Jesper!$R$2:$R$366,ROW(INDEX(Jesper!AJ$2:AJ$366,ROUNDDOWN($C3590/24,0)+1,1))-1)+IF('Standard Profiles'!$G$20=$B$10,7,0)+IF('Standard Profiles'!$G$20=$B$17,14,0)+IF('Standard Profiles'!$G$20=$B$24,21,0),0)),0)</f>
        <v>0</v>
      </c>
      <c r="G3590" cm="1">
        <f t="array" ref="G3590">IFERROR(INDEX(Jesper!AK$2:AK$366,ROUNDDOWN($C3590/24,0)+1,1)*INDEX($D$3:$AA$30,INDEX(Jesper!$R$2:$R$366,ROW(INDEX(Jesper!AK$2:AK$366,ROUNDDOWN($C3590/24,0)+1,1))-1)+IF('Standard Profiles'!$G$21=$B$10,7,0)+IF('Standard Profiles'!$G$21=$B$17,14,0)+IF('Standard Profiles'!$G$21=$B$24,21,0),MOD($C3590,24)+1)/SUM(INDEX($D$3:$AA$30,INDEX(Jesper!$R$2:$R$366,ROW(INDEX(Jesper!AK$2:AK$366,ROUNDDOWN($C3590/24,0)+1,1))-1)+IF('Standard Profiles'!$G$21=$B$10,7,0)+IF('Standard Profiles'!$G$21=$B$17,14,0)+IF('Standard Profiles'!$G$21=$B$24,21,0),0)),0)</f>
        <v>0.3338594249675943</v>
      </c>
      <c r="H3590" cm="1">
        <f t="array" ref="H3590">IFERROR(INDEX(Jesper!AL$2:AL$366,ROUNDDOWN($C3590/24,0)+1,1)*INDEX($D$3:$AA$30,INDEX(Jesper!$R$2:$R$366,ROW(INDEX(Jesper!AL$2:AL$366,ROUNDDOWN($C3590/24,0)+1,1))-1)+IF('Standard Profiles'!$G$22=$B$10,7,0)+IF('Standard Profiles'!$G$22=$B$17,14,0)+IF('Standard Profiles'!$G$22=$B$24,21,0),MOD($C3590,24)+1)/SUM(INDEX($D$3:$AA$30,INDEX(Jesper!$R$2:$R$366,ROW(INDEX(Jesper!AL$2:AL$366,ROUNDDOWN($C3590/24,0)+1,1))-1)+IF('Standard Profiles'!$G$22=$B$10,7,0)+IF('Standard Profiles'!$G$22=$B$17,14,0)+IF('Standard Profiles'!$G$22=$B$24,21,0),0)),0)</f>
        <v>0</v>
      </c>
      <c r="I3590">
        <f t="shared" si="405"/>
        <v>0.16025252398444517</v>
      </c>
      <c r="J3590">
        <f t="shared" si="406"/>
        <v>6.945323715885273</v>
      </c>
      <c r="K3590">
        <f t="shared" si="407"/>
        <v>0.55848798786324294</v>
      </c>
      <c r="L3590">
        <f t="shared" si="408"/>
        <v>0.27924399393162147</v>
      </c>
      <c r="M3590">
        <f t="shared" si="409"/>
        <v>0</v>
      </c>
      <c r="N3590" s="45">
        <f t="shared" si="410"/>
        <v>45075.166666658042</v>
      </c>
    </row>
    <row r="3591" spans="2:14" x14ac:dyDescent="0.25">
      <c r="B3591">
        <f t="shared" si="404"/>
        <v>1</v>
      </c>
      <c r="C3591" s="16">
        <v>3557</v>
      </c>
      <c r="D3591" cm="1">
        <f t="array" ref="D3591">IFERROR(INDEX(Jesper!AH$2:AH$366,ROUNDDOWN($C3591/24,0)+1,1)*INDEX($D$3:$AA$30,INDEX(Jesper!$R$2:$R$366,ROW(INDEX(Jesper!AH$2:AH$366,ROUNDDOWN($C3591/24,0)+1,1))-1)+IF('Standard Profiles'!$G$18=$B$10,7,0)+IF('Standard Profiles'!$G$18=$B$17,14,0)+IF('Standard Profiles'!$G$18=$B$24,21,0),MOD($C3591,24)+1)/SUM(INDEX($D$3:$AA$30,INDEX(Jesper!$R$2:$R$366,ROW(INDEX(Jesper!AH$2:AH$366,ROUNDDOWN($C3591/24,0)+1,1))-1)+IF('Standard Profiles'!$G$18=$B$10,7,0)+IF('Standard Profiles'!$G$18=$B$17,14,0)+IF('Standard Profiles'!$G$18=$B$24,21,0),0)),0)</f>
        <v>5.2358248862179027</v>
      </c>
      <c r="E3591" cm="1">
        <f t="array" ref="E3591">IFERROR(INDEX(Jesper!AI$2:AI$366,ROUNDDOWN($C3591/24,0)+1,1)*INDEX($D$3:$AA$30,INDEX(Jesper!$R$2:$R$366,ROW(INDEX(Jesper!AI$2:AI$366,ROUNDDOWN($C3591/24,0)+1,1))-1)+IF('Standard Profiles'!$G$19=$B$10,7,0)+IF('Standard Profiles'!$G$19=$B$17,14,0)+IF('Standard Profiles'!$G$19=$B$24,21,0),MOD($C3591,24)+1)/SUM(INDEX($D$3:$AA$30,INDEX(Jesper!$R$2:$R$366,ROW(INDEX(Jesper!AI$2:AI$366,ROUNDDOWN($C3591/24,0)+1,1))-1)+IF('Standard Profiles'!$G$19=$B$10,7,0)+IF('Standard Profiles'!$G$19=$B$17,14,0)+IF('Standard Profiles'!$G$19=$B$24,21,0),0)),0)</f>
        <v>2.3736239104790862</v>
      </c>
      <c r="F3591" cm="1">
        <f t="array" ref="F3591">IFERROR(INDEX(Jesper!AJ$2:AJ$366,ROUNDDOWN($C3591/24,0)+1,1)*INDEX($D$3:$AA$30,INDEX(Jesper!$R$2:$R$366,ROW(INDEX(Jesper!AJ$2:AJ$366,ROUNDDOWN($C3591/24,0)+1,1))-1)+IF('Standard Profiles'!$G$20=$B$10,7,0)+IF('Standard Profiles'!$G$20=$B$17,14,0)+IF('Standard Profiles'!$G$20=$B$24,21,0),MOD($C3591,24)+1)/SUM(INDEX($D$3:$AA$30,INDEX(Jesper!$R$2:$R$366,ROW(INDEX(Jesper!AJ$2:AJ$366,ROUNDDOWN($C3591/24,0)+1,1))-1)+IF('Standard Profiles'!$G$20=$B$10,7,0)+IF('Standard Profiles'!$G$20=$B$17,14,0)+IF('Standard Profiles'!$G$20=$B$24,21,0),0)),0)</f>
        <v>0</v>
      </c>
      <c r="G3591" cm="1">
        <f t="array" ref="G3591">IFERROR(INDEX(Jesper!AK$2:AK$366,ROUNDDOWN($C3591/24,0)+1,1)*INDEX($D$3:$AA$30,INDEX(Jesper!$R$2:$R$366,ROW(INDEX(Jesper!AK$2:AK$366,ROUNDDOWN($C3591/24,0)+1,1))-1)+IF('Standard Profiles'!$G$21=$B$10,7,0)+IF('Standard Profiles'!$G$21=$B$17,14,0)+IF('Standard Profiles'!$G$21=$B$24,21,0),MOD($C3591,24)+1)/SUM(INDEX($D$3:$AA$30,INDEX(Jesper!$R$2:$R$366,ROW(INDEX(Jesper!AK$2:AK$366,ROUNDDOWN($C3591/24,0)+1,1))-1)+IF('Standard Profiles'!$G$21=$B$10,7,0)+IF('Standard Profiles'!$G$21=$B$17,14,0)+IF('Standard Profiles'!$G$21=$B$24,21,0),0)),0)</f>
        <v>0.3338594249675943</v>
      </c>
      <c r="H3591" cm="1">
        <f t="array" ref="H3591">IFERROR(INDEX(Jesper!AL$2:AL$366,ROUNDDOWN($C3591/24,0)+1,1)*INDEX($D$3:$AA$30,INDEX(Jesper!$R$2:$R$366,ROW(INDEX(Jesper!AL$2:AL$366,ROUNDDOWN($C3591/24,0)+1,1))-1)+IF('Standard Profiles'!$G$22=$B$10,7,0)+IF('Standard Profiles'!$G$22=$B$17,14,0)+IF('Standard Profiles'!$G$22=$B$24,21,0),MOD($C3591,24)+1)/SUM(INDEX($D$3:$AA$30,INDEX(Jesper!$R$2:$R$366,ROW(INDEX(Jesper!AL$2:AL$366,ROUNDDOWN($C3591/24,0)+1,1))-1)+IF('Standard Profiles'!$G$22=$B$10,7,0)+IF('Standard Profiles'!$G$22=$B$17,14,0)+IF('Standard Profiles'!$G$22=$B$24,21,0),0)),0)</f>
        <v>0</v>
      </c>
      <c r="I3591">
        <f t="shared" si="405"/>
        <v>0.16025252398444517</v>
      </c>
      <c r="J3591">
        <f t="shared" si="406"/>
        <v>6.945323715885273</v>
      </c>
      <c r="K3591">
        <f t="shared" si="407"/>
        <v>0.55848798786324294</v>
      </c>
      <c r="L3591">
        <f t="shared" si="408"/>
        <v>0.27924399393162147</v>
      </c>
      <c r="M3591">
        <f t="shared" si="409"/>
        <v>0</v>
      </c>
      <c r="N3591" s="45">
        <f t="shared" si="410"/>
        <v>45075.208333324706</v>
      </c>
    </row>
    <row r="3592" spans="2:14" x14ac:dyDescent="0.25">
      <c r="B3592">
        <f t="shared" si="404"/>
        <v>1</v>
      </c>
      <c r="C3592" s="16">
        <v>3558</v>
      </c>
      <c r="D3592" cm="1">
        <f t="array" ref="D3592">IFERROR(INDEX(Jesper!AH$2:AH$366,ROUNDDOWN($C3592/24,0)+1,1)*INDEX($D$3:$AA$30,INDEX(Jesper!$R$2:$R$366,ROW(INDEX(Jesper!AH$2:AH$366,ROUNDDOWN($C3592/24,0)+1,1))-1)+IF('Standard Profiles'!$G$18=$B$10,7,0)+IF('Standard Profiles'!$G$18=$B$17,14,0)+IF('Standard Profiles'!$G$18=$B$24,21,0),MOD($C3592,24)+1)/SUM(INDEX($D$3:$AA$30,INDEX(Jesper!$R$2:$R$366,ROW(INDEX(Jesper!AH$2:AH$366,ROUNDDOWN($C3592/24,0)+1,1))-1)+IF('Standard Profiles'!$G$18=$B$10,7,0)+IF('Standard Profiles'!$G$18=$B$17,14,0)+IF('Standard Profiles'!$G$18=$B$24,21,0),0)),0)</f>
        <v>5.2358248862179027</v>
      </c>
      <c r="E3592" cm="1">
        <f t="array" ref="E3592">IFERROR(INDEX(Jesper!AI$2:AI$366,ROUNDDOWN($C3592/24,0)+1,1)*INDEX($D$3:$AA$30,INDEX(Jesper!$R$2:$R$366,ROW(INDEX(Jesper!AI$2:AI$366,ROUNDDOWN($C3592/24,0)+1,1))-1)+IF('Standard Profiles'!$G$19=$B$10,7,0)+IF('Standard Profiles'!$G$19=$B$17,14,0)+IF('Standard Profiles'!$G$19=$B$24,21,0),MOD($C3592,24)+1)/SUM(INDEX($D$3:$AA$30,INDEX(Jesper!$R$2:$R$366,ROW(INDEX(Jesper!AI$2:AI$366,ROUNDDOWN($C3592/24,0)+1,1))-1)+IF('Standard Profiles'!$G$19=$B$10,7,0)+IF('Standard Profiles'!$G$19=$B$17,14,0)+IF('Standard Profiles'!$G$19=$B$24,21,0),0)),0)</f>
        <v>2.3736239104790862</v>
      </c>
      <c r="F3592" cm="1">
        <f t="array" ref="F3592">IFERROR(INDEX(Jesper!AJ$2:AJ$366,ROUNDDOWN($C3592/24,0)+1,1)*INDEX($D$3:$AA$30,INDEX(Jesper!$R$2:$R$366,ROW(INDEX(Jesper!AJ$2:AJ$366,ROUNDDOWN($C3592/24,0)+1,1))-1)+IF('Standard Profiles'!$G$20=$B$10,7,0)+IF('Standard Profiles'!$G$20=$B$17,14,0)+IF('Standard Profiles'!$G$20=$B$24,21,0),MOD($C3592,24)+1)/SUM(INDEX($D$3:$AA$30,INDEX(Jesper!$R$2:$R$366,ROW(INDEX(Jesper!AJ$2:AJ$366,ROUNDDOWN($C3592/24,0)+1,1))-1)+IF('Standard Profiles'!$G$20=$B$10,7,0)+IF('Standard Profiles'!$G$20=$B$17,14,0)+IF('Standard Profiles'!$G$20=$B$24,21,0),0)),0)</f>
        <v>0</v>
      </c>
      <c r="G3592" cm="1">
        <f t="array" ref="G3592">IFERROR(INDEX(Jesper!AK$2:AK$366,ROUNDDOWN($C3592/24,0)+1,1)*INDEX($D$3:$AA$30,INDEX(Jesper!$R$2:$R$366,ROW(INDEX(Jesper!AK$2:AK$366,ROUNDDOWN($C3592/24,0)+1,1))-1)+IF('Standard Profiles'!$G$21=$B$10,7,0)+IF('Standard Profiles'!$G$21=$B$17,14,0)+IF('Standard Profiles'!$G$21=$B$24,21,0),MOD($C3592,24)+1)/SUM(INDEX($D$3:$AA$30,INDEX(Jesper!$R$2:$R$366,ROW(INDEX(Jesper!AK$2:AK$366,ROUNDDOWN($C3592/24,0)+1,1))-1)+IF('Standard Profiles'!$G$21=$B$10,7,0)+IF('Standard Profiles'!$G$21=$B$17,14,0)+IF('Standard Profiles'!$G$21=$B$24,21,0),0)),0)</f>
        <v>0.3338594249675943</v>
      </c>
      <c r="H3592" cm="1">
        <f t="array" ref="H3592">IFERROR(INDEX(Jesper!AL$2:AL$366,ROUNDDOWN($C3592/24,0)+1,1)*INDEX($D$3:$AA$30,INDEX(Jesper!$R$2:$R$366,ROW(INDEX(Jesper!AL$2:AL$366,ROUNDDOWN($C3592/24,0)+1,1))-1)+IF('Standard Profiles'!$G$22=$B$10,7,0)+IF('Standard Profiles'!$G$22=$B$17,14,0)+IF('Standard Profiles'!$G$22=$B$24,21,0),MOD($C3592,24)+1)/SUM(INDEX($D$3:$AA$30,INDEX(Jesper!$R$2:$R$366,ROW(INDEX(Jesper!AL$2:AL$366,ROUNDDOWN($C3592/24,0)+1,1))-1)+IF('Standard Profiles'!$G$22=$B$10,7,0)+IF('Standard Profiles'!$G$22=$B$17,14,0)+IF('Standard Profiles'!$G$22=$B$24,21,0),0)),0)</f>
        <v>0</v>
      </c>
      <c r="I3592">
        <f t="shared" si="405"/>
        <v>0.16025252398444517</v>
      </c>
      <c r="J3592">
        <f t="shared" si="406"/>
        <v>6.945323715885273</v>
      </c>
      <c r="K3592">
        <f t="shared" si="407"/>
        <v>0.55848798786324294</v>
      </c>
      <c r="L3592">
        <f t="shared" si="408"/>
        <v>0.27924399393162147</v>
      </c>
      <c r="M3592">
        <f t="shared" si="409"/>
        <v>0</v>
      </c>
      <c r="N3592" s="45">
        <f t="shared" si="410"/>
        <v>45075.249999991371</v>
      </c>
    </row>
    <row r="3593" spans="2:14" x14ac:dyDescent="0.25">
      <c r="B3593">
        <f t="shared" si="404"/>
        <v>1</v>
      </c>
      <c r="C3593" s="16">
        <v>3559</v>
      </c>
      <c r="D3593" cm="1">
        <f t="array" ref="D3593">IFERROR(INDEX(Jesper!AH$2:AH$366,ROUNDDOWN($C3593/24,0)+1,1)*INDEX($D$3:$AA$30,INDEX(Jesper!$R$2:$R$366,ROW(INDEX(Jesper!AH$2:AH$366,ROUNDDOWN($C3593/24,0)+1,1))-1)+IF('Standard Profiles'!$G$18=$B$10,7,0)+IF('Standard Profiles'!$G$18=$B$17,14,0)+IF('Standard Profiles'!$G$18=$B$24,21,0),MOD($C3593,24)+1)/SUM(INDEX($D$3:$AA$30,INDEX(Jesper!$R$2:$R$366,ROW(INDEX(Jesper!AH$2:AH$366,ROUNDDOWN($C3593/24,0)+1,1))-1)+IF('Standard Profiles'!$G$18=$B$10,7,0)+IF('Standard Profiles'!$G$18=$B$17,14,0)+IF('Standard Profiles'!$G$18=$B$24,21,0),0)),0)</f>
        <v>22.304614015288266</v>
      </c>
      <c r="E3593" cm="1">
        <f t="array" ref="E3593">IFERROR(INDEX(Jesper!AI$2:AI$366,ROUNDDOWN($C3593/24,0)+1,1)*INDEX($D$3:$AA$30,INDEX(Jesper!$R$2:$R$366,ROW(INDEX(Jesper!AI$2:AI$366,ROUNDDOWN($C3593/24,0)+1,1))-1)+IF('Standard Profiles'!$G$19=$B$10,7,0)+IF('Standard Profiles'!$G$19=$B$17,14,0)+IF('Standard Profiles'!$G$19=$B$24,21,0),MOD($C3593,24)+1)/SUM(INDEX($D$3:$AA$30,INDEX(Jesper!$R$2:$R$366,ROW(INDEX(Jesper!AI$2:AI$366,ROUNDDOWN($C3593/24,0)+1,1))-1)+IF('Standard Profiles'!$G$19=$B$10,7,0)+IF('Standard Profiles'!$G$19=$B$17,14,0)+IF('Standard Profiles'!$G$19=$B$24,21,0),0)),0)</f>
        <v>10.111637858640906</v>
      </c>
      <c r="F3593" cm="1">
        <f t="array" ref="F3593">IFERROR(INDEX(Jesper!AJ$2:AJ$366,ROUNDDOWN($C3593/24,0)+1,1)*INDEX($D$3:$AA$30,INDEX(Jesper!$R$2:$R$366,ROW(INDEX(Jesper!AJ$2:AJ$366,ROUNDDOWN($C3593/24,0)+1,1))-1)+IF('Standard Profiles'!$G$20=$B$10,7,0)+IF('Standard Profiles'!$G$20=$B$17,14,0)+IF('Standard Profiles'!$G$20=$B$24,21,0),MOD($C3593,24)+1)/SUM(INDEX($D$3:$AA$30,INDEX(Jesper!$R$2:$R$366,ROW(INDEX(Jesper!AJ$2:AJ$366,ROUNDDOWN($C3593/24,0)+1,1))-1)+IF('Standard Profiles'!$G$20=$B$10,7,0)+IF('Standard Profiles'!$G$20=$B$17,14,0)+IF('Standard Profiles'!$G$20=$B$24,21,0),0)),0)</f>
        <v>0</v>
      </c>
      <c r="G3593" cm="1">
        <f t="array" ref="G3593">IFERROR(INDEX(Jesper!AK$2:AK$366,ROUNDDOWN($C3593/24,0)+1,1)*INDEX($D$3:$AA$30,INDEX(Jesper!$R$2:$R$366,ROW(INDEX(Jesper!AK$2:AK$366,ROUNDDOWN($C3593/24,0)+1,1))-1)+IF('Standard Profiles'!$G$21=$B$10,7,0)+IF('Standard Profiles'!$G$21=$B$17,14,0)+IF('Standard Profiles'!$G$21=$B$24,21,0),MOD($C3593,24)+1)/SUM(INDEX($D$3:$AA$30,INDEX(Jesper!$R$2:$R$366,ROW(INDEX(Jesper!AK$2:AK$366,ROUNDDOWN($C3593/24,0)+1,1))-1)+IF('Standard Profiles'!$G$21=$B$10,7,0)+IF('Standard Profiles'!$G$21=$B$17,14,0)+IF('Standard Profiles'!$G$21=$B$24,21,0),0)),0)</f>
        <v>1.4522884986090352</v>
      </c>
      <c r="H3593" cm="1">
        <f t="array" ref="H3593">IFERROR(INDEX(Jesper!AL$2:AL$366,ROUNDDOWN($C3593/24,0)+1,1)*INDEX($D$3:$AA$30,INDEX(Jesper!$R$2:$R$366,ROW(INDEX(Jesper!AL$2:AL$366,ROUNDDOWN($C3593/24,0)+1,1))-1)+IF('Standard Profiles'!$G$22=$B$10,7,0)+IF('Standard Profiles'!$G$22=$B$17,14,0)+IF('Standard Profiles'!$G$22=$B$24,21,0),MOD($C3593,24)+1)/SUM(INDEX($D$3:$AA$30,INDEX(Jesper!$R$2:$R$366,ROW(INDEX(Jesper!AL$2:AL$366,ROUNDDOWN($C3593/24,0)+1,1))-1)+IF('Standard Profiles'!$G$22=$B$10,7,0)+IF('Standard Profiles'!$G$22=$B$17,14,0)+IF('Standard Profiles'!$G$22=$B$24,21,0),0)),0)</f>
        <v>0</v>
      </c>
      <c r="I3593">
        <f t="shared" si="405"/>
        <v>0.6970984793323366</v>
      </c>
      <c r="J3593">
        <f t="shared" si="406"/>
        <v>29.602703650759747</v>
      </c>
      <c r="K3593">
        <f t="shared" si="407"/>
        <v>2.379158828297415</v>
      </c>
      <c r="L3593">
        <f t="shared" si="408"/>
        <v>1.1895794141487075</v>
      </c>
      <c r="M3593">
        <f t="shared" si="409"/>
        <v>0</v>
      </c>
      <c r="N3593" s="45">
        <f t="shared" si="410"/>
        <v>45075.291666658035</v>
      </c>
    </row>
    <row r="3594" spans="2:14" x14ac:dyDescent="0.25">
      <c r="B3594">
        <f t="shared" si="404"/>
        <v>1</v>
      </c>
      <c r="C3594" s="16">
        <v>3560</v>
      </c>
      <c r="D3594" cm="1">
        <f t="array" ref="D3594">IFERROR(INDEX(Jesper!AH$2:AH$366,ROUNDDOWN($C3594/24,0)+1,1)*INDEX($D$3:$AA$30,INDEX(Jesper!$R$2:$R$366,ROW(INDEX(Jesper!AH$2:AH$366,ROUNDDOWN($C3594/24,0)+1,1))-1)+IF('Standard Profiles'!$G$18=$B$10,7,0)+IF('Standard Profiles'!$G$18=$B$17,14,0)+IF('Standard Profiles'!$G$18=$B$24,21,0),MOD($C3594,24)+1)/SUM(INDEX($D$3:$AA$30,INDEX(Jesper!$R$2:$R$366,ROW(INDEX(Jesper!AH$2:AH$366,ROUNDDOWN($C3594/24,0)+1,1))-1)+IF('Standard Profiles'!$G$18=$B$10,7,0)+IF('Standard Profiles'!$G$18=$B$17,14,0)+IF('Standard Profiles'!$G$18=$B$24,21,0),0)),0)</f>
        <v>25.092690767199301</v>
      </c>
      <c r="E3594" cm="1">
        <f t="array" ref="E3594">IFERROR(INDEX(Jesper!AI$2:AI$366,ROUNDDOWN($C3594/24,0)+1,1)*INDEX($D$3:$AA$30,INDEX(Jesper!$R$2:$R$366,ROW(INDEX(Jesper!AI$2:AI$366,ROUNDDOWN($C3594/24,0)+1,1))-1)+IF('Standard Profiles'!$G$19=$B$10,7,0)+IF('Standard Profiles'!$G$19=$B$17,14,0)+IF('Standard Profiles'!$G$19=$B$24,21,0),MOD($C3594,24)+1)/SUM(INDEX($D$3:$AA$30,INDEX(Jesper!$R$2:$R$366,ROW(INDEX(Jesper!AI$2:AI$366,ROUNDDOWN($C3594/24,0)+1,1))-1)+IF('Standard Profiles'!$G$19=$B$10,7,0)+IF('Standard Profiles'!$G$19=$B$17,14,0)+IF('Standard Profiles'!$G$19=$B$24,21,0),0)),0)</f>
        <v>11.375592590971021</v>
      </c>
      <c r="F3594" cm="1">
        <f t="array" ref="F3594">IFERROR(INDEX(Jesper!AJ$2:AJ$366,ROUNDDOWN($C3594/24,0)+1,1)*INDEX($D$3:$AA$30,INDEX(Jesper!$R$2:$R$366,ROW(INDEX(Jesper!AJ$2:AJ$366,ROUNDDOWN($C3594/24,0)+1,1))-1)+IF('Standard Profiles'!$G$20=$B$10,7,0)+IF('Standard Profiles'!$G$20=$B$17,14,0)+IF('Standard Profiles'!$G$20=$B$24,21,0),MOD($C3594,24)+1)/SUM(INDEX($D$3:$AA$30,INDEX(Jesper!$R$2:$R$366,ROW(INDEX(Jesper!AJ$2:AJ$366,ROUNDDOWN($C3594/24,0)+1,1))-1)+IF('Standard Profiles'!$G$20=$B$10,7,0)+IF('Standard Profiles'!$G$20=$B$17,14,0)+IF('Standard Profiles'!$G$20=$B$24,21,0),0)),0)</f>
        <v>0</v>
      </c>
      <c r="G3594" cm="1">
        <f t="array" ref="G3594">IFERROR(INDEX(Jesper!AK$2:AK$366,ROUNDDOWN($C3594/24,0)+1,1)*INDEX($D$3:$AA$30,INDEX(Jesper!$R$2:$R$366,ROW(INDEX(Jesper!AK$2:AK$366,ROUNDDOWN($C3594/24,0)+1,1))-1)+IF('Standard Profiles'!$G$21=$B$10,7,0)+IF('Standard Profiles'!$G$21=$B$17,14,0)+IF('Standard Profiles'!$G$21=$B$24,21,0),MOD($C3594,24)+1)/SUM(INDEX($D$3:$AA$30,INDEX(Jesper!$R$2:$R$366,ROW(INDEX(Jesper!AK$2:AK$366,ROUNDDOWN($C3594/24,0)+1,1))-1)+IF('Standard Profiles'!$G$21=$B$10,7,0)+IF('Standard Profiles'!$G$21=$B$17,14,0)+IF('Standard Profiles'!$G$21=$B$24,21,0),0)),0)</f>
        <v>1.6338245609351647</v>
      </c>
      <c r="H3594" cm="1">
        <f t="array" ref="H3594">IFERROR(INDEX(Jesper!AL$2:AL$366,ROUNDDOWN($C3594/24,0)+1,1)*INDEX($D$3:$AA$30,INDEX(Jesper!$R$2:$R$366,ROW(INDEX(Jesper!AL$2:AL$366,ROUNDDOWN($C3594/24,0)+1,1))-1)+IF('Standard Profiles'!$G$22=$B$10,7,0)+IF('Standard Profiles'!$G$22=$B$17,14,0)+IF('Standard Profiles'!$G$22=$B$24,21,0),MOD($C3594,24)+1)/SUM(INDEX($D$3:$AA$30,INDEX(Jesper!$R$2:$R$366,ROW(INDEX(Jesper!AL$2:AL$366,ROUNDDOWN($C3594/24,0)+1,1))-1)+IF('Standard Profiles'!$G$22=$B$10,7,0)+IF('Standard Profiles'!$G$22=$B$17,14,0)+IF('Standard Profiles'!$G$22=$B$24,21,0),0)),0)</f>
        <v>0</v>
      </c>
      <c r="I3594">
        <f t="shared" si="405"/>
        <v>0.78423578924887871</v>
      </c>
      <c r="J3594">
        <f t="shared" si="406"/>
        <v>33.303041607104717</v>
      </c>
      <c r="K3594">
        <f t="shared" si="407"/>
        <v>2.6765536818345921</v>
      </c>
      <c r="L3594">
        <f t="shared" si="408"/>
        <v>1.338276840917296</v>
      </c>
      <c r="M3594">
        <f t="shared" si="409"/>
        <v>0</v>
      </c>
      <c r="N3594" s="45">
        <f t="shared" si="410"/>
        <v>45075.333333324699</v>
      </c>
    </row>
    <row r="3595" spans="2:14" x14ac:dyDescent="0.25">
      <c r="B3595">
        <f t="shared" si="404"/>
        <v>1</v>
      </c>
      <c r="C3595" s="16">
        <v>3561</v>
      </c>
      <c r="D3595" cm="1">
        <f t="array" ref="D3595">IFERROR(INDEX(Jesper!AH$2:AH$366,ROUNDDOWN($C3595/24,0)+1,1)*INDEX($D$3:$AA$30,INDEX(Jesper!$R$2:$R$366,ROW(INDEX(Jesper!AH$2:AH$366,ROUNDDOWN($C3595/24,0)+1,1))-1)+IF('Standard Profiles'!$G$18=$B$10,7,0)+IF('Standard Profiles'!$G$18=$B$17,14,0)+IF('Standard Profiles'!$G$18=$B$24,21,0),MOD($C3595,24)+1)/SUM(INDEX($D$3:$AA$30,INDEX(Jesper!$R$2:$R$366,ROW(INDEX(Jesper!AH$2:AH$366,ROUNDDOWN($C3595/24,0)+1,1))-1)+IF('Standard Profiles'!$G$18=$B$10,7,0)+IF('Standard Profiles'!$G$18=$B$17,14,0)+IF('Standard Profiles'!$G$18=$B$24,21,0),0)),0)</f>
        <v>27.880767519110332</v>
      </c>
      <c r="E3595" cm="1">
        <f t="array" ref="E3595">IFERROR(INDEX(Jesper!AI$2:AI$366,ROUNDDOWN($C3595/24,0)+1,1)*INDEX($D$3:$AA$30,INDEX(Jesper!$R$2:$R$366,ROW(INDEX(Jesper!AI$2:AI$366,ROUNDDOWN($C3595/24,0)+1,1))-1)+IF('Standard Profiles'!$G$19=$B$10,7,0)+IF('Standard Profiles'!$G$19=$B$17,14,0)+IF('Standard Profiles'!$G$19=$B$24,21,0),MOD($C3595,24)+1)/SUM(INDEX($D$3:$AA$30,INDEX(Jesper!$R$2:$R$366,ROW(INDEX(Jesper!AI$2:AI$366,ROUNDDOWN($C3595/24,0)+1,1))-1)+IF('Standard Profiles'!$G$19=$B$10,7,0)+IF('Standard Profiles'!$G$19=$B$17,14,0)+IF('Standard Profiles'!$G$19=$B$24,21,0),0)),0)</f>
        <v>12.639547323301134</v>
      </c>
      <c r="F3595" cm="1">
        <f t="array" ref="F3595">IFERROR(INDEX(Jesper!AJ$2:AJ$366,ROUNDDOWN($C3595/24,0)+1,1)*INDEX($D$3:$AA$30,INDEX(Jesper!$R$2:$R$366,ROW(INDEX(Jesper!AJ$2:AJ$366,ROUNDDOWN($C3595/24,0)+1,1))-1)+IF('Standard Profiles'!$G$20=$B$10,7,0)+IF('Standard Profiles'!$G$20=$B$17,14,0)+IF('Standard Profiles'!$G$20=$B$24,21,0),MOD($C3595,24)+1)/SUM(INDEX($D$3:$AA$30,INDEX(Jesper!$R$2:$R$366,ROW(INDEX(Jesper!AJ$2:AJ$366,ROUNDDOWN($C3595/24,0)+1,1))-1)+IF('Standard Profiles'!$G$20=$B$10,7,0)+IF('Standard Profiles'!$G$20=$B$17,14,0)+IF('Standard Profiles'!$G$20=$B$24,21,0),0)),0)</f>
        <v>0</v>
      </c>
      <c r="G3595" cm="1">
        <f t="array" ref="G3595">IFERROR(INDEX(Jesper!AK$2:AK$366,ROUNDDOWN($C3595/24,0)+1,1)*INDEX($D$3:$AA$30,INDEX(Jesper!$R$2:$R$366,ROW(INDEX(Jesper!AK$2:AK$366,ROUNDDOWN($C3595/24,0)+1,1))-1)+IF('Standard Profiles'!$G$21=$B$10,7,0)+IF('Standard Profiles'!$G$21=$B$17,14,0)+IF('Standard Profiles'!$G$21=$B$24,21,0),MOD($C3595,24)+1)/SUM(INDEX($D$3:$AA$30,INDEX(Jesper!$R$2:$R$366,ROW(INDEX(Jesper!AK$2:AK$366,ROUNDDOWN($C3595/24,0)+1,1))-1)+IF('Standard Profiles'!$G$21=$B$10,7,0)+IF('Standard Profiles'!$G$21=$B$17,14,0)+IF('Standard Profiles'!$G$21=$B$24,21,0),0)),0)</f>
        <v>1.815360623261294</v>
      </c>
      <c r="H3595" cm="1">
        <f t="array" ref="H3595">IFERROR(INDEX(Jesper!AL$2:AL$366,ROUNDDOWN($C3595/24,0)+1,1)*INDEX($D$3:$AA$30,INDEX(Jesper!$R$2:$R$366,ROW(INDEX(Jesper!AL$2:AL$366,ROUNDDOWN($C3595/24,0)+1,1))-1)+IF('Standard Profiles'!$G$22=$B$10,7,0)+IF('Standard Profiles'!$G$22=$B$17,14,0)+IF('Standard Profiles'!$G$22=$B$24,21,0),MOD($C3595,24)+1)/SUM(INDEX($D$3:$AA$30,INDEX(Jesper!$R$2:$R$366,ROW(INDEX(Jesper!AL$2:AL$366,ROUNDDOWN($C3595/24,0)+1,1))-1)+IF('Standard Profiles'!$G$22=$B$10,7,0)+IF('Standard Profiles'!$G$22=$B$17,14,0)+IF('Standard Profiles'!$G$22=$B$24,21,0),0)),0)</f>
        <v>0</v>
      </c>
      <c r="I3595">
        <f t="shared" si="405"/>
        <v>0.87137309916542072</v>
      </c>
      <c r="J3595">
        <f t="shared" si="406"/>
        <v>37.003379563449684</v>
      </c>
      <c r="K3595">
        <f t="shared" si="407"/>
        <v>2.9739485353717687</v>
      </c>
      <c r="L3595">
        <f t="shared" si="408"/>
        <v>1.4869742676858844</v>
      </c>
      <c r="M3595">
        <f t="shared" si="409"/>
        <v>0</v>
      </c>
      <c r="N3595" s="45">
        <f t="shared" si="410"/>
        <v>45075.374999991363</v>
      </c>
    </row>
    <row r="3596" spans="2:14" x14ac:dyDescent="0.25">
      <c r="B3596">
        <f t="shared" si="404"/>
        <v>1</v>
      </c>
      <c r="C3596" s="16">
        <v>3562</v>
      </c>
      <c r="D3596" cm="1">
        <f t="array" ref="D3596">IFERROR(INDEX(Jesper!AH$2:AH$366,ROUNDDOWN($C3596/24,0)+1,1)*INDEX($D$3:$AA$30,INDEX(Jesper!$R$2:$R$366,ROW(INDEX(Jesper!AH$2:AH$366,ROUNDDOWN($C3596/24,0)+1,1))-1)+IF('Standard Profiles'!$G$18=$B$10,7,0)+IF('Standard Profiles'!$G$18=$B$17,14,0)+IF('Standard Profiles'!$G$18=$B$24,21,0),MOD($C3596,24)+1)/SUM(INDEX($D$3:$AA$30,INDEX(Jesper!$R$2:$R$366,ROW(INDEX(Jesper!AH$2:AH$366,ROUNDDOWN($C3596/24,0)+1,1))-1)+IF('Standard Profiles'!$G$18=$B$10,7,0)+IF('Standard Profiles'!$G$18=$B$17,14,0)+IF('Standard Profiles'!$G$18=$B$24,21,0),0)),0)</f>
        <v>27.880767519110332</v>
      </c>
      <c r="E3596" cm="1">
        <f t="array" ref="E3596">IFERROR(INDEX(Jesper!AI$2:AI$366,ROUNDDOWN($C3596/24,0)+1,1)*INDEX($D$3:$AA$30,INDEX(Jesper!$R$2:$R$366,ROW(INDEX(Jesper!AI$2:AI$366,ROUNDDOWN($C3596/24,0)+1,1))-1)+IF('Standard Profiles'!$G$19=$B$10,7,0)+IF('Standard Profiles'!$G$19=$B$17,14,0)+IF('Standard Profiles'!$G$19=$B$24,21,0),MOD($C3596,24)+1)/SUM(INDEX($D$3:$AA$30,INDEX(Jesper!$R$2:$R$366,ROW(INDEX(Jesper!AI$2:AI$366,ROUNDDOWN($C3596/24,0)+1,1))-1)+IF('Standard Profiles'!$G$19=$B$10,7,0)+IF('Standard Profiles'!$G$19=$B$17,14,0)+IF('Standard Profiles'!$G$19=$B$24,21,0),0)),0)</f>
        <v>12.639547323301134</v>
      </c>
      <c r="F3596" cm="1">
        <f t="array" ref="F3596">IFERROR(INDEX(Jesper!AJ$2:AJ$366,ROUNDDOWN($C3596/24,0)+1,1)*INDEX($D$3:$AA$30,INDEX(Jesper!$R$2:$R$366,ROW(INDEX(Jesper!AJ$2:AJ$366,ROUNDDOWN($C3596/24,0)+1,1))-1)+IF('Standard Profiles'!$G$20=$B$10,7,0)+IF('Standard Profiles'!$G$20=$B$17,14,0)+IF('Standard Profiles'!$G$20=$B$24,21,0),MOD($C3596,24)+1)/SUM(INDEX($D$3:$AA$30,INDEX(Jesper!$R$2:$R$366,ROW(INDEX(Jesper!AJ$2:AJ$366,ROUNDDOWN($C3596/24,0)+1,1))-1)+IF('Standard Profiles'!$G$20=$B$10,7,0)+IF('Standard Profiles'!$G$20=$B$17,14,0)+IF('Standard Profiles'!$G$20=$B$24,21,0),0)),0)</f>
        <v>0</v>
      </c>
      <c r="G3596" cm="1">
        <f t="array" ref="G3596">IFERROR(INDEX(Jesper!AK$2:AK$366,ROUNDDOWN($C3596/24,0)+1,1)*INDEX($D$3:$AA$30,INDEX(Jesper!$R$2:$R$366,ROW(INDEX(Jesper!AK$2:AK$366,ROUNDDOWN($C3596/24,0)+1,1))-1)+IF('Standard Profiles'!$G$21=$B$10,7,0)+IF('Standard Profiles'!$G$21=$B$17,14,0)+IF('Standard Profiles'!$G$21=$B$24,21,0),MOD($C3596,24)+1)/SUM(INDEX($D$3:$AA$30,INDEX(Jesper!$R$2:$R$366,ROW(INDEX(Jesper!AK$2:AK$366,ROUNDDOWN($C3596/24,0)+1,1))-1)+IF('Standard Profiles'!$G$21=$B$10,7,0)+IF('Standard Profiles'!$G$21=$B$17,14,0)+IF('Standard Profiles'!$G$21=$B$24,21,0),0)),0)</f>
        <v>1.815360623261294</v>
      </c>
      <c r="H3596" cm="1">
        <f t="array" ref="H3596">IFERROR(INDEX(Jesper!AL$2:AL$366,ROUNDDOWN($C3596/24,0)+1,1)*INDEX($D$3:$AA$30,INDEX(Jesper!$R$2:$R$366,ROW(INDEX(Jesper!AL$2:AL$366,ROUNDDOWN($C3596/24,0)+1,1))-1)+IF('Standard Profiles'!$G$22=$B$10,7,0)+IF('Standard Profiles'!$G$22=$B$17,14,0)+IF('Standard Profiles'!$G$22=$B$24,21,0),MOD($C3596,24)+1)/SUM(INDEX($D$3:$AA$30,INDEX(Jesper!$R$2:$R$366,ROW(INDEX(Jesper!AL$2:AL$366,ROUNDDOWN($C3596/24,0)+1,1))-1)+IF('Standard Profiles'!$G$22=$B$10,7,0)+IF('Standard Profiles'!$G$22=$B$17,14,0)+IF('Standard Profiles'!$G$22=$B$24,21,0),0)),0)</f>
        <v>0</v>
      </c>
      <c r="I3596">
        <f t="shared" si="405"/>
        <v>0.87137309916542072</v>
      </c>
      <c r="J3596">
        <f t="shared" si="406"/>
        <v>37.003379563449684</v>
      </c>
      <c r="K3596">
        <f t="shared" si="407"/>
        <v>2.9739485353717687</v>
      </c>
      <c r="L3596">
        <f t="shared" si="408"/>
        <v>1.4869742676858844</v>
      </c>
      <c r="M3596">
        <f t="shared" si="409"/>
        <v>0</v>
      </c>
      <c r="N3596" s="45">
        <f t="shared" si="410"/>
        <v>45075.416666658028</v>
      </c>
    </row>
    <row r="3597" spans="2:14" x14ac:dyDescent="0.25">
      <c r="B3597">
        <f t="shared" si="404"/>
        <v>1</v>
      </c>
      <c r="C3597" s="16">
        <v>3563</v>
      </c>
      <c r="D3597" cm="1">
        <f t="array" ref="D3597">IFERROR(INDEX(Jesper!AH$2:AH$366,ROUNDDOWN($C3597/24,0)+1,1)*INDEX($D$3:$AA$30,INDEX(Jesper!$R$2:$R$366,ROW(INDEX(Jesper!AH$2:AH$366,ROUNDDOWN($C3597/24,0)+1,1))-1)+IF('Standard Profiles'!$G$18=$B$10,7,0)+IF('Standard Profiles'!$G$18=$B$17,14,0)+IF('Standard Profiles'!$G$18=$B$24,21,0),MOD($C3597,24)+1)/SUM(INDEX($D$3:$AA$30,INDEX(Jesper!$R$2:$R$366,ROW(INDEX(Jesper!AH$2:AH$366,ROUNDDOWN($C3597/24,0)+1,1))-1)+IF('Standard Profiles'!$G$18=$B$10,7,0)+IF('Standard Profiles'!$G$18=$B$17,14,0)+IF('Standard Profiles'!$G$18=$B$24,21,0),0)),0)</f>
        <v>33.456921022932391</v>
      </c>
      <c r="E3597" cm="1">
        <f t="array" ref="E3597">IFERROR(INDEX(Jesper!AI$2:AI$366,ROUNDDOWN($C3597/24,0)+1,1)*INDEX($D$3:$AA$30,INDEX(Jesper!$R$2:$R$366,ROW(INDEX(Jesper!AI$2:AI$366,ROUNDDOWN($C3597/24,0)+1,1))-1)+IF('Standard Profiles'!$G$19=$B$10,7,0)+IF('Standard Profiles'!$G$19=$B$17,14,0)+IF('Standard Profiles'!$G$19=$B$24,21,0),MOD($C3597,24)+1)/SUM(INDEX($D$3:$AA$30,INDEX(Jesper!$R$2:$R$366,ROW(INDEX(Jesper!AI$2:AI$366,ROUNDDOWN($C3597/24,0)+1,1))-1)+IF('Standard Profiles'!$G$19=$B$10,7,0)+IF('Standard Profiles'!$G$19=$B$17,14,0)+IF('Standard Profiles'!$G$19=$B$24,21,0),0)),0)</f>
        <v>15.167456787961358</v>
      </c>
      <c r="F3597" cm="1">
        <f t="array" ref="F3597">IFERROR(INDEX(Jesper!AJ$2:AJ$366,ROUNDDOWN($C3597/24,0)+1,1)*INDEX($D$3:$AA$30,INDEX(Jesper!$R$2:$R$366,ROW(INDEX(Jesper!AJ$2:AJ$366,ROUNDDOWN($C3597/24,0)+1,1))-1)+IF('Standard Profiles'!$G$20=$B$10,7,0)+IF('Standard Profiles'!$G$20=$B$17,14,0)+IF('Standard Profiles'!$G$20=$B$24,21,0),MOD($C3597,24)+1)/SUM(INDEX($D$3:$AA$30,INDEX(Jesper!$R$2:$R$366,ROW(INDEX(Jesper!AJ$2:AJ$366,ROUNDDOWN($C3597/24,0)+1,1))-1)+IF('Standard Profiles'!$G$20=$B$10,7,0)+IF('Standard Profiles'!$G$20=$B$17,14,0)+IF('Standard Profiles'!$G$20=$B$24,21,0),0)),0)</f>
        <v>0</v>
      </c>
      <c r="G3597" cm="1">
        <f t="array" ref="G3597">IFERROR(INDEX(Jesper!AK$2:AK$366,ROUNDDOWN($C3597/24,0)+1,1)*INDEX($D$3:$AA$30,INDEX(Jesper!$R$2:$R$366,ROW(INDEX(Jesper!AK$2:AK$366,ROUNDDOWN($C3597/24,0)+1,1))-1)+IF('Standard Profiles'!$G$21=$B$10,7,0)+IF('Standard Profiles'!$G$21=$B$17,14,0)+IF('Standard Profiles'!$G$21=$B$24,21,0),MOD($C3597,24)+1)/SUM(INDEX($D$3:$AA$30,INDEX(Jesper!$R$2:$R$366,ROW(INDEX(Jesper!AK$2:AK$366,ROUNDDOWN($C3597/24,0)+1,1))-1)+IF('Standard Profiles'!$G$21=$B$10,7,0)+IF('Standard Profiles'!$G$21=$B$17,14,0)+IF('Standard Profiles'!$G$21=$B$24,21,0),0)),0)</f>
        <v>2.1784327479135528</v>
      </c>
      <c r="H3597" cm="1">
        <f t="array" ref="H3597">IFERROR(INDEX(Jesper!AL$2:AL$366,ROUNDDOWN($C3597/24,0)+1,1)*INDEX($D$3:$AA$30,INDEX(Jesper!$R$2:$R$366,ROW(INDEX(Jesper!AL$2:AL$366,ROUNDDOWN($C3597/24,0)+1,1))-1)+IF('Standard Profiles'!$G$22=$B$10,7,0)+IF('Standard Profiles'!$G$22=$B$17,14,0)+IF('Standard Profiles'!$G$22=$B$24,21,0),MOD($C3597,24)+1)/SUM(INDEX($D$3:$AA$30,INDEX(Jesper!$R$2:$R$366,ROW(INDEX(Jesper!AL$2:AL$366,ROUNDDOWN($C3597/24,0)+1,1))-1)+IF('Standard Profiles'!$G$22=$B$10,7,0)+IF('Standard Profiles'!$G$22=$B$17,14,0)+IF('Standard Profiles'!$G$22=$B$24,21,0),0)),0)</f>
        <v>0</v>
      </c>
      <c r="I3597">
        <f t="shared" si="405"/>
        <v>1.0456477189985047</v>
      </c>
      <c r="J3597">
        <f t="shared" si="406"/>
        <v>44.404055476139611</v>
      </c>
      <c r="K3597">
        <f t="shared" si="407"/>
        <v>3.568738242446122</v>
      </c>
      <c r="L3597">
        <f t="shared" si="408"/>
        <v>1.784369121223061</v>
      </c>
      <c r="M3597">
        <f t="shared" si="409"/>
        <v>0</v>
      </c>
      <c r="N3597" s="45">
        <f t="shared" si="410"/>
        <v>45075.458333324692</v>
      </c>
    </row>
    <row r="3598" spans="2:14" x14ac:dyDescent="0.25">
      <c r="B3598">
        <f t="shared" si="404"/>
        <v>1</v>
      </c>
      <c r="C3598" s="16">
        <v>3564</v>
      </c>
      <c r="D3598" cm="1">
        <f t="array" ref="D3598">IFERROR(INDEX(Jesper!AH$2:AH$366,ROUNDDOWN($C3598/24,0)+1,1)*INDEX($D$3:$AA$30,INDEX(Jesper!$R$2:$R$366,ROW(INDEX(Jesper!AH$2:AH$366,ROUNDDOWN($C3598/24,0)+1,1))-1)+IF('Standard Profiles'!$G$18=$B$10,7,0)+IF('Standard Profiles'!$G$18=$B$17,14,0)+IF('Standard Profiles'!$G$18=$B$24,21,0),MOD($C3598,24)+1)/SUM(INDEX($D$3:$AA$30,INDEX(Jesper!$R$2:$R$366,ROW(INDEX(Jesper!AH$2:AH$366,ROUNDDOWN($C3598/24,0)+1,1))-1)+IF('Standard Profiles'!$G$18=$B$10,7,0)+IF('Standard Profiles'!$G$18=$B$17,14,0)+IF('Standard Profiles'!$G$18=$B$24,21,0),0)),0)</f>
        <v>33.456921022932391</v>
      </c>
      <c r="E3598" cm="1">
        <f t="array" ref="E3598">IFERROR(INDEX(Jesper!AI$2:AI$366,ROUNDDOWN($C3598/24,0)+1,1)*INDEX($D$3:$AA$30,INDEX(Jesper!$R$2:$R$366,ROW(INDEX(Jesper!AI$2:AI$366,ROUNDDOWN($C3598/24,0)+1,1))-1)+IF('Standard Profiles'!$G$19=$B$10,7,0)+IF('Standard Profiles'!$G$19=$B$17,14,0)+IF('Standard Profiles'!$G$19=$B$24,21,0),MOD($C3598,24)+1)/SUM(INDEX($D$3:$AA$30,INDEX(Jesper!$R$2:$R$366,ROW(INDEX(Jesper!AI$2:AI$366,ROUNDDOWN($C3598/24,0)+1,1))-1)+IF('Standard Profiles'!$G$19=$B$10,7,0)+IF('Standard Profiles'!$G$19=$B$17,14,0)+IF('Standard Profiles'!$G$19=$B$24,21,0),0)),0)</f>
        <v>15.167456787961358</v>
      </c>
      <c r="F3598" cm="1">
        <f t="array" ref="F3598">IFERROR(INDEX(Jesper!AJ$2:AJ$366,ROUNDDOWN($C3598/24,0)+1,1)*INDEX($D$3:$AA$30,INDEX(Jesper!$R$2:$R$366,ROW(INDEX(Jesper!AJ$2:AJ$366,ROUNDDOWN($C3598/24,0)+1,1))-1)+IF('Standard Profiles'!$G$20=$B$10,7,0)+IF('Standard Profiles'!$G$20=$B$17,14,0)+IF('Standard Profiles'!$G$20=$B$24,21,0),MOD($C3598,24)+1)/SUM(INDEX($D$3:$AA$30,INDEX(Jesper!$R$2:$R$366,ROW(INDEX(Jesper!AJ$2:AJ$366,ROUNDDOWN($C3598/24,0)+1,1))-1)+IF('Standard Profiles'!$G$20=$B$10,7,0)+IF('Standard Profiles'!$G$20=$B$17,14,0)+IF('Standard Profiles'!$G$20=$B$24,21,0),0)),0)</f>
        <v>0</v>
      </c>
      <c r="G3598" cm="1">
        <f t="array" ref="G3598">IFERROR(INDEX(Jesper!AK$2:AK$366,ROUNDDOWN($C3598/24,0)+1,1)*INDEX($D$3:$AA$30,INDEX(Jesper!$R$2:$R$366,ROW(INDEX(Jesper!AK$2:AK$366,ROUNDDOWN($C3598/24,0)+1,1))-1)+IF('Standard Profiles'!$G$21=$B$10,7,0)+IF('Standard Profiles'!$G$21=$B$17,14,0)+IF('Standard Profiles'!$G$21=$B$24,21,0),MOD($C3598,24)+1)/SUM(INDEX($D$3:$AA$30,INDEX(Jesper!$R$2:$R$366,ROW(INDEX(Jesper!AK$2:AK$366,ROUNDDOWN($C3598/24,0)+1,1))-1)+IF('Standard Profiles'!$G$21=$B$10,7,0)+IF('Standard Profiles'!$G$21=$B$17,14,0)+IF('Standard Profiles'!$G$21=$B$24,21,0),0)),0)</f>
        <v>2.1784327479135528</v>
      </c>
      <c r="H3598" cm="1">
        <f t="array" ref="H3598">IFERROR(INDEX(Jesper!AL$2:AL$366,ROUNDDOWN($C3598/24,0)+1,1)*INDEX($D$3:$AA$30,INDEX(Jesper!$R$2:$R$366,ROW(INDEX(Jesper!AL$2:AL$366,ROUNDDOWN($C3598/24,0)+1,1))-1)+IF('Standard Profiles'!$G$22=$B$10,7,0)+IF('Standard Profiles'!$G$22=$B$17,14,0)+IF('Standard Profiles'!$G$22=$B$24,21,0),MOD($C3598,24)+1)/SUM(INDEX($D$3:$AA$30,INDEX(Jesper!$R$2:$R$366,ROW(INDEX(Jesper!AL$2:AL$366,ROUNDDOWN($C3598/24,0)+1,1))-1)+IF('Standard Profiles'!$G$22=$B$10,7,0)+IF('Standard Profiles'!$G$22=$B$17,14,0)+IF('Standard Profiles'!$G$22=$B$24,21,0),0)),0)</f>
        <v>0</v>
      </c>
      <c r="I3598">
        <f t="shared" si="405"/>
        <v>1.0456477189985047</v>
      </c>
      <c r="J3598">
        <f t="shared" si="406"/>
        <v>44.404055476139611</v>
      </c>
      <c r="K3598">
        <f t="shared" si="407"/>
        <v>3.568738242446122</v>
      </c>
      <c r="L3598">
        <f t="shared" si="408"/>
        <v>1.784369121223061</v>
      </c>
      <c r="M3598">
        <f t="shared" si="409"/>
        <v>0</v>
      </c>
      <c r="N3598" s="45">
        <f t="shared" si="410"/>
        <v>45075.499999991356</v>
      </c>
    </row>
    <row r="3599" spans="2:14" x14ac:dyDescent="0.25">
      <c r="B3599">
        <f t="shared" si="404"/>
        <v>1</v>
      </c>
      <c r="C3599" s="16">
        <v>3565</v>
      </c>
      <c r="D3599" cm="1">
        <f t="array" ref="D3599">IFERROR(INDEX(Jesper!AH$2:AH$366,ROUNDDOWN($C3599/24,0)+1,1)*INDEX($D$3:$AA$30,INDEX(Jesper!$R$2:$R$366,ROW(INDEX(Jesper!AH$2:AH$366,ROUNDDOWN($C3599/24,0)+1,1))-1)+IF('Standard Profiles'!$G$18=$B$10,7,0)+IF('Standard Profiles'!$G$18=$B$17,14,0)+IF('Standard Profiles'!$G$18=$B$24,21,0),MOD($C3599,24)+1)/SUM(INDEX($D$3:$AA$30,INDEX(Jesper!$R$2:$R$366,ROW(INDEX(Jesper!AH$2:AH$366,ROUNDDOWN($C3599/24,0)+1,1))-1)+IF('Standard Profiles'!$G$18=$B$10,7,0)+IF('Standard Profiles'!$G$18=$B$17,14,0)+IF('Standard Profiles'!$G$18=$B$24,21,0),0)),0)</f>
        <v>22.304614015288266</v>
      </c>
      <c r="E3599" cm="1">
        <f t="array" ref="E3599">IFERROR(INDEX(Jesper!AI$2:AI$366,ROUNDDOWN($C3599/24,0)+1,1)*INDEX($D$3:$AA$30,INDEX(Jesper!$R$2:$R$366,ROW(INDEX(Jesper!AI$2:AI$366,ROUNDDOWN($C3599/24,0)+1,1))-1)+IF('Standard Profiles'!$G$19=$B$10,7,0)+IF('Standard Profiles'!$G$19=$B$17,14,0)+IF('Standard Profiles'!$G$19=$B$24,21,0),MOD($C3599,24)+1)/SUM(INDEX($D$3:$AA$30,INDEX(Jesper!$R$2:$R$366,ROW(INDEX(Jesper!AI$2:AI$366,ROUNDDOWN($C3599/24,0)+1,1))-1)+IF('Standard Profiles'!$G$19=$B$10,7,0)+IF('Standard Profiles'!$G$19=$B$17,14,0)+IF('Standard Profiles'!$G$19=$B$24,21,0),0)),0)</f>
        <v>10.111637858640906</v>
      </c>
      <c r="F3599" cm="1">
        <f t="array" ref="F3599">IFERROR(INDEX(Jesper!AJ$2:AJ$366,ROUNDDOWN($C3599/24,0)+1,1)*INDEX($D$3:$AA$30,INDEX(Jesper!$R$2:$R$366,ROW(INDEX(Jesper!AJ$2:AJ$366,ROUNDDOWN($C3599/24,0)+1,1))-1)+IF('Standard Profiles'!$G$20=$B$10,7,0)+IF('Standard Profiles'!$G$20=$B$17,14,0)+IF('Standard Profiles'!$G$20=$B$24,21,0),MOD($C3599,24)+1)/SUM(INDEX($D$3:$AA$30,INDEX(Jesper!$R$2:$R$366,ROW(INDEX(Jesper!AJ$2:AJ$366,ROUNDDOWN($C3599/24,0)+1,1))-1)+IF('Standard Profiles'!$G$20=$B$10,7,0)+IF('Standard Profiles'!$G$20=$B$17,14,0)+IF('Standard Profiles'!$G$20=$B$24,21,0),0)),0)</f>
        <v>0</v>
      </c>
      <c r="G3599" cm="1">
        <f t="array" ref="G3599">IFERROR(INDEX(Jesper!AK$2:AK$366,ROUNDDOWN($C3599/24,0)+1,1)*INDEX($D$3:$AA$30,INDEX(Jesper!$R$2:$R$366,ROW(INDEX(Jesper!AK$2:AK$366,ROUNDDOWN($C3599/24,0)+1,1))-1)+IF('Standard Profiles'!$G$21=$B$10,7,0)+IF('Standard Profiles'!$G$21=$B$17,14,0)+IF('Standard Profiles'!$G$21=$B$24,21,0),MOD($C3599,24)+1)/SUM(INDEX($D$3:$AA$30,INDEX(Jesper!$R$2:$R$366,ROW(INDEX(Jesper!AK$2:AK$366,ROUNDDOWN($C3599/24,0)+1,1))-1)+IF('Standard Profiles'!$G$21=$B$10,7,0)+IF('Standard Profiles'!$G$21=$B$17,14,0)+IF('Standard Profiles'!$G$21=$B$24,21,0),0)),0)</f>
        <v>1.4522884986090352</v>
      </c>
      <c r="H3599" cm="1">
        <f t="array" ref="H3599">IFERROR(INDEX(Jesper!AL$2:AL$366,ROUNDDOWN($C3599/24,0)+1,1)*INDEX($D$3:$AA$30,INDEX(Jesper!$R$2:$R$366,ROW(INDEX(Jesper!AL$2:AL$366,ROUNDDOWN($C3599/24,0)+1,1))-1)+IF('Standard Profiles'!$G$22=$B$10,7,0)+IF('Standard Profiles'!$G$22=$B$17,14,0)+IF('Standard Profiles'!$G$22=$B$24,21,0),MOD($C3599,24)+1)/SUM(INDEX($D$3:$AA$30,INDEX(Jesper!$R$2:$R$366,ROW(INDEX(Jesper!AL$2:AL$366,ROUNDDOWN($C3599/24,0)+1,1))-1)+IF('Standard Profiles'!$G$22=$B$10,7,0)+IF('Standard Profiles'!$G$22=$B$17,14,0)+IF('Standard Profiles'!$G$22=$B$24,21,0),0)),0)</f>
        <v>0</v>
      </c>
      <c r="I3599">
        <f t="shared" si="405"/>
        <v>0.6970984793323366</v>
      </c>
      <c r="J3599">
        <f t="shared" si="406"/>
        <v>29.602703650759747</v>
      </c>
      <c r="K3599">
        <f t="shared" si="407"/>
        <v>2.379158828297415</v>
      </c>
      <c r="L3599">
        <f t="shared" si="408"/>
        <v>1.1895794141487075</v>
      </c>
      <c r="M3599">
        <f t="shared" si="409"/>
        <v>0</v>
      </c>
      <c r="N3599" s="45">
        <f t="shared" si="410"/>
        <v>45075.54166665802</v>
      </c>
    </row>
    <row r="3600" spans="2:14" x14ac:dyDescent="0.25">
      <c r="B3600">
        <f t="shared" si="404"/>
        <v>1</v>
      </c>
      <c r="C3600" s="16">
        <v>3566</v>
      </c>
      <c r="D3600" cm="1">
        <f t="array" ref="D3600">IFERROR(INDEX(Jesper!AH$2:AH$366,ROUNDDOWN($C3600/24,0)+1,1)*INDEX($D$3:$AA$30,INDEX(Jesper!$R$2:$R$366,ROW(INDEX(Jesper!AH$2:AH$366,ROUNDDOWN($C3600/24,0)+1,1))-1)+IF('Standard Profiles'!$G$18=$B$10,7,0)+IF('Standard Profiles'!$G$18=$B$17,14,0)+IF('Standard Profiles'!$G$18=$B$24,21,0),MOD($C3600,24)+1)/SUM(INDEX($D$3:$AA$30,INDEX(Jesper!$R$2:$R$366,ROW(INDEX(Jesper!AH$2:AH$366,ROUNDDOWN($C3600/24,0)+1,1))-1)+IF('Standard Profiles'!$G$18=$B$10,7,0)+IF('Standard Profiles'!$G$18=$B$17,14,0)+IF('Standard Profiles'!$G$18=$B$24,21,0),0)),0)</f>
        <v>33.456921022932391</v>
      </c>
      <c r="E3600" cm="1">
        <f t="array" ref="E3600">IFERROR(INDEX(Jesper!AI$2:AI$366,ROUNDDOWN($C3600/24,0)+1,1)*INDEX($D$3:$AA$30,INDEX(Jesper!$R$2:$R$366,ROW(INDEX(Jesper!AI$2:AI$366,ROUNDDOWN($C3600/24,0)+1,1))-1)+IF('Standard Profiles'!$G$19=$B$10,7,0)+IF('Standard Profiles'!$G$19=$B$17,14,0)+IF('Standard Profiles'!$G$19=$B$24,21,0),MOD($C3600,24)+1)/SUM(INDEX($D$3:$AA$30,INDEX(Jesper!$R$2:$R$366,ROW(INDEX(Jesper!AI$2:AI$366,ROUNDDOWN($C3600/24,0)+1,1))-1)+IF('Standard Profiles'!$G$19=$B$10,7,0)+IF('Standard Profiles'!$G$19=$B$17,14,0)+IF('Standard Profiles'!$G$19=$B$24,21,0),0)),0)</f>
        <v>15.167456787961358</v>
      </c>
      <c r="F3600" cm="1">
        <f t="array" ref="F3600">IFERROR(INDEX(Jesper!AJ$2:AJ$366,ROUNDDOWN($C3600/24,0)+1,1)*INDEX($D$3:$AA$30,INDEX(Jesper!$R$2:$R$366,ROW(INDEX(Jesper!AJ$2:AJ$366,ROUNDDOWN($C3600/24,0)+1,1))-1)+IF('Standard Profiles'!$G$20=$B$10,7,0)+IF('Standard Profiles'!$G$20=$B$17,14,0)+IF('Standard Profiles'!$G$20=$B$24,21,0),MOD($C3600,24)+1)/SUM(INDEX($D$3:$AA$30,INDEX(Jesper!$R$2:$R$366,ROW(INDEX(Jesper!AJ$2:AJ$366,ROUNDDOWN($C3600/24,0)+1,1))-1)+IF('Standard Profiles'!$G$20=$B$10,7,0)+IF('Standard Profiles'!$G$20=$B$17,14,0)+IF('Standard Profiles'!$G$20=$B$24,21,0),0)),0)</f>
        <v>0</v>
      </c>
      <c r="G3600" cm="1">
        <f t="array" ref="G3600">IFERROR(INDEX(Jesper!AK$2:AK$366,ROUNDDOWN($C3600/24,0)+1,1)*INDEX($D$3:$AA$30,INDEX(Jesper!$R$2:$R$366,ROW(INDEX(Jesper!AK$2:AK$366,ROUNDDOWN($C3600/24,0)+1,1))-1)+IF('Standard Profiles'!$G$21=$B$10,7,0)+IF('Standard Profiles'!$G$21=$B$17,14,0)+IF('Standard Profiles'!$G$21=$B$24,21,0),MOD($C3600,24)+1)/SUM(INDEX($D$3:$AA$30,INDEX(Jesper!$R$2:$R$366,ROW(INDEX(Jesper!AK$2:AK$366,ROUNDDOWN($C3600/24,0)+1,1))-1)+IF('Standard Profiles'!$G$21=$B$10,7,0)+IF('Standard Profiles'!$G$21=$B$17,14,0)+IF('Standard Profiles'!$G$21=$B$24,21,0),0)),0)</f>
        <v>2.1784327479135528</v>
      </c>
      <c r="H3600" cm="1">
        <f t="array" ref="H3600">IFERROR(INDEX(Jesper!AL$2:AL$366,ROUNDDOWN($C3600/24,0)+1,1)*INDEX($D$3:$AA$30,INDEX(Jesper!$R$2:$R$366,ROW(INDEX(Jesper!AL$2:AL$366,ROUNDDOWN($C3600/24,0)+1,1))-1)+IF('Standard Profiles'!$G$22=$B$10,7,0)+IF('Standard Profiles'!$G$22=$B$17,14,0)+IF('Standard Profiles'!$G$22=$B$24,21,0),MOD($C3600,24)+1)/SUM(INDEX($D$3:$AA$30,INDEX(Jesper!$R$2:$R$366,ROW(INDEX(Jesper!AL$2:AL$366,ROUNDDOWN($C3600/24,0)+1,1))-1)+IF('Standard Profiles'!$G$22=$B$10,7,0)+IF('Standard Profiles'!$G$22=$B$17,14,0)+IF('Standard Profiles'!$G$22=$B$24,21,0),0)),0)</f>
        <v>0</v>
      </c>
      <c r="I3600">
        <f t="shared" si="405"/>
        <v>1.0456477189985047</v>
      </c>
      <c r="J3600">
        <f t="shared" si="406"/>
        <v>44.404055476139611</v>
      </c>
      <c r="K3600">
        <f t="shared" si="407"/>
        <v>3.568738242446122</v>
      </c>
      <c r="L3600">
        <f t="shared" si="408"/>
        <v>1.784369121223061</v>
      </c>
      <c r="M3600">
        <f t="shared" si="409"/>
        <v>0</v>
      </c>
      <c r="N3600" s="45">
        <f t="shared" si="410"/>
        <v>45075.583333324685</v>
      </c>
    </row>
    <row r="3601" spans="2:14" x14ac:dyDescent="0.25">
      <c r="B3601">
        <f t="shared" si="404"/>
        <v>1</v>
      </c>
      <c r="C3601" s="16">
        <v>3567</v>
      </c>
      <c r="D3601" cm="1">
        <f t="array" ref="D3601">IFERROR(INDEX(Jesper!AH$2:AH$366,ROUNDDOWN($C3601/24,0)+1,1)*INDEX($D$3:$AA$30,INDEX(Jesper!$R$2:$R$366,ROW(INDEX(Jesper!AH$2:AH$366,ROUNDDOWN($C3601/24,0)+1,1))-1)+IF('Standard Profiles'!$G$18=$B$10,7,0)+IF('Standard Profiles'!$G$18=$B$17,14,0)+IF('Standard Profiles'!$G$18=$B$24,21,0),MOD($C3601,24)+1)/SUM(INDEX($D$3:$AA$30,INDEX(Jesper!$R$2:$R$366,ROW(INDEX(Jesper!AH$2:AH$366,ROUNDDOWN($C3601/24,0)+1,1))-1)+IF('Standard Profiles'!$G$18=$B$10,7,0)+IF('Standard Profiles'!$G$18=$B$17,14,0)+IF('Standard Profiles'!$G$18=$B$24,21,0),0)),0)</f>
        <v>33.456921022932391</v>
      </c>
      <c r="E3601" cm="1">
        <f t="array" ref="E3601">IFERROR(INDEX(Jesper!AI$2:AI$366,ROUNDDOWN($C3601/24,0)+1,1)*INDEX($D$3:$AA$30,INDEX(Jesper!$R$2:$R$366,ROW(INDEX(Jesper!AI$2:AI$366,ROUNDDOWN($C3601/24,0)+1,1))-1)+IF('Standard Profiles'!$G$19=$B$10,7,0)+IF('Standard Profiles'!$G$19=$B$17,14,0)+IF('Standard Profiles'!$G$19=$B$24,21,0),MOD($C3601,24)+1)/SUM(INDEX($D$3:$AA$30,INDEX(Jesper!$R$2:$R$366,ROW(INDEX(Jesper!AI$2:AI$366,ROUNDDOWN($C3601/24,0)+1,1))-1)+IF('Standard Profiles'!$G$19=$B$10,7,0)+IF('Standard Profiles'!$G$19=$B$17,14,0)+IF('Standard Profiles'!$G$19=$B$24,21,0),0)),0)</f>
        <v>15.167456787961358</v>
      </c>
      <c r="F3601" cm="1">
        <f t="array" ref="F3601">IFERROR(INDEX(Jesper!AJ$2:AJ$366,ROUNDDOWN($C3601/24,0)+1,1)*INDEX($D$3:$AA$30,INDEX(Jesper!$R$2:$R$366,ROW(INDEX(Jesper!AJ$2:AJ$366,ROUNDDOWN($C3601/24,0)+1,1))-1)+IF('Standard Profiles'!$G$20=$B$10,7,0)+IF('Standard Profiles'!$G$20=$B$17,14,0)+IF('Standard Profiles'!$G$20=$B$24,21,0),MOD($C3601,24)+1)/SUM(INDEX($D$3:$AA$30,INDEX(Jesper!$R$2:$R$366,ROW(INDEX(Jesper!AJ$2:AJ$366,ROUNDDOWN($C3601/24,0)+1,1))-1)+IF('Standard Profiles'!$G$20=$B$10,7,0)+IF('Standard Profiles'!$G$20=$B$17,14,0)+IF('Standard Profiles'!$G$20=$B$24,21,0),0)),0)</f>
        <v>0</v>
      </c>
      <c r="G3601" cm="1">
        <f t="array" ref="G3601">IFERROR(INDEX(Jesper!AK$2:AK$366,ROUNDDOWN($C3601/24,0)+1,1)*INDEX($D$3:$AA$30,INDEX(Jesper!$R$2:$R$366,ROW(INDEX(Jesper!AK$2:AK$366,ROUNDDOWN($C3601/24,0)+1,1))-1)+IF('Standard Profiles'!$G$21=$B$10,7,0)+IF('Standard Profiles'!$G$21=$B$17,14,0)+IF('Standard Profiles'!$G$21=$B$24,21,0),MOD($C3601,24)+1)/SUM(INDEX($D$3:$AA$30,INDEX(Jesper!$R$2:$R$366,ROW(INDEX(Jesper!AK$2:AK$366,ROUNDDOWN($C3601/24,0)+1,1))-1)+IF('Standard Profiles'!$G$21=$B$10,7,0)+IF('Standard Profiles'!$G$21=$B$17,14,0)+IF('Standard Profiles'!$G$21=$B$24,21,0),0)),0)</f>
        <v>2.1784327479135528</v>
      </c>
      <c r="H3601" cm="1">
        <f t="array" ref="H3601">IFERROR(INDEX(Jesper!AL$2:AL$366,ROUNDDOWN($C3601/24,0)+1,1)*INDEX($D$3:$AA$30,INDEX(Jesper!$R$2:$R$366,ROW(INDEX(Jesper!AL$2:AL$366,ROUNDDOWN($C3601/24,0)+1,1))-1)+IF('Standard Profiles'!$G$22=$B$10,7,0)+IF('Standard Profiles'!$G$22=$B$17,14,0)+IF('Standard Profiles'!$G$22=$B$24,21,0),MOD($C3601,24)+1)/SUM(INDEX($D$3:$AA$30,INDEX(Jesper!$R$2:$R$366,ROW(INDEX(Jesper!AL$2:AL$366,ROUNDDOWN($C3601/24,0)+1,1))-1)+IF('Standard Profiles'!$G$22=$B$10,7,0)+IF('Standard Profiles'!$G$22=$B$17,14,0)+IF('Standard Profiles'!$G$22=$B$24,21,0),0)),0)</f>
        <v>0</v>
      </c>
      <c r="I3601">
        <f t="shared" si="405"/>
        <v>1.0456477189985047</v>
      </c>
      <c r="J3601">
        <f t="shared" si="406"/>
        <v>44.404055476139611</v>
      </c>
      <c r="K3601">
        <f t="shared" si="407"/>
        <v>3.568738242446122</v>
      </c>
      <c r="L3601">
        <f t="shared" si="408"/>
        <v>1.784369121223061</v>
      </c>
      <c r="M3601">
        <f t="shared" si="409"/>
        <v>0</v>
      </c>
      <c r="N3601" s="45">
        <f t="shared" si="410"/>
        <v>45075.624999991349</v>
      </c>
    </row>
    <row r="3602" spans="2:14" x14ac:dyDescent="0.25">
      <c r="B3602">
        <f t="shared" si="404"/>
        <v>1</v>
      </c>
      <c r="C3602" s="16">
        <v>3568</v>
      </c>
      <c r="D3602" cm="1">
        <f t="array" ref="D3602">IFERROR(INDEX(Jesper!AH$2:AH$366,ROUNDDOWN($C3602/24,0)+1,1)*INDEX($D$3:$AA$30,INDEX(Jesper!$R$2:$R$366,ROW(INDEX(Jesper!AH$2:AH$366,ROUNDDOWN($C3602/24,0)+1,1))-1)+IF('Standard Profiles'!$G$18=$B$10,7,0)+IF('Standard Profiles'!$G$18=$B$17,14,0)+IF('Standard Profiles'!$G$18=$B$24,21,0),MOD($C3602,24)+1)/SUM(INDEX($D$3:$AA$30,INDEX(Jesper!$R$2:$R$366,ROW(INDEX(Jesper!AH$2:AH$366,ROUNDDOWN($C3602/24,0)+1,1))-1)+IF('Standard Profiles'!$G$18=$B$10,7,0)+IF('Standard Profiles'!$G$18=$B$17,14,0)+IF('Standard Profiles'!$G$18=$B$24,21,0),0)),0)</f>
        <v>19.516537263377231</v>
      </c>
      <c r="E3602" cm="1">
        <f t="array" ref="E3602">IFERROR(INDEX(Jesper!AI$2:AI$366,ROUNDDOWN($C3602/24,0)+1,1)*INDEX($D$3:$AA$30,INDEX(Jesper!$R$2:$R$366,ROW(INDEX(Jesper!AI$2:AI$366,ROUNDDOWN($C3602/24,0)+1,1))-1)+IF('Standard Profiles'!$G$19=$B$10,7,0)+IF('Standard Profiles'!$G$19=$B$17,14,0)+IF('Standard Profiles'!$G$19=$B$24,21,0),MOD($C3602,24)+1)/SUM(INDEX($D$3:$AA$30,INDEX(Jesper!$R$2:$R$366,ROW(INDEX(Jesper!AI$2:AI$366,ROUNDDOWN($C3602/24,0)+1,1))-1)+IF('Standard Profiles'!$G$19=$B$10,7,0)+IF('Standard Profiles'!$G$19=$B$17,14,0)+IF('Standard Profiles'!$G$19=$B$24,21,0),0)),0)</f>
        <v>8.8476831263107929</v>
      </c>
      <c r="F3602" cm="1">
        <f t="array" ref="F3602">IFERROR(INDEX(Jesper!AJ$2:AJ$366,ROUNDDOWN($C3602/24,0)+1,1)*INDEX($D$3:$AA$30,INDEX(Jesper!$R$2:$R$366,ROW(INDEX(Jesper!AJ$2:AJ$366,ROUNDDOWN($C3602/24,0)+1,1))-1)+IF('Standard Profiles'!$G$20=$B$10,7,0)+IF('Standard Profiles'!$G$20=$B$17,14,0)+IF('Standard Profiles'!$G$20=$B$24,21,0),MOD($C3602,24)+1)/SUM(INDEX($D$3:$AA$30,INDEX(Jesper!$R$2:$R$366,ROW(INDEX(Jesper!AJ$2:AJ$366,ROUNDDOWN($C3602/24,0)+1,1))-1)+IF('Standard Profiles'!$G$20=$B$10,7,0)+IF('Standard Profiles'!$G$20=$B$17,14,0)+IF('Standard Profiles'!$G$20=$B$24,21,0),0)),0)</f>
        <v>0</v>
      </c>
      <c r="G3602" cm="1">
        <f t="array" ref="G3602">IFERROR(INDEX(Jesper!AK$2:AK$366,ROUNDDOWN($C3602/24,0)+1,1)*INDEX($D$3:$AA$30,INDEX(Jesper!$R$2:$R$366,ROW(INDEX(Jesper!AK$2:AK$366,ROUNDDOWN($C3602/24,0)+1,1))-1)+IF('Standard Profiles'!$G$21=$B$10,7,0)+IF('Standard Profiles'!$G$21=$B$17,14,0)+IF('Standard Profiles'!$G$21=$B$24,21,0),MOD($C3602,24)+1)/SUM(INDEX($D$3:$AA$30,INDEX(Jesper!$R$2:$R$366,ROW(INDEX(Jesper!AK$2:AK$366,ROUNDDOWN($C3602/24,0)+1,1))-1)+IF('Standard Profiles'!$G$21=$B$10,7,0)+IF('Standard Profiles'!$G$21=$B$17,14,0)+IF('Standard Profiles'!$G$21=$B$24,21,0),0)),0)</f>
        <v>1.815360623261294</v>
      </c>
      <c r="H3602" cm="1">
        <f t="array" ref="H3602">IFERROR(INDEX(Jesper!AL$2:AL$366,ROUNDDOWN($C3602/24,0)+1,1)*INDEX($D$3:$AA$30,INDEX(Jesper!$R$2:$R$366,ROW(INDEX(Jesper!AL$2:AL$366,ROUNDDOWN($C3602/24,0)+1,1))-1)+IF('Standard Profiles'!$G$22=$B$10,7,0)+IF('Standard Profiles'!$G$22=$B$17,14,0)+IF('Standard Profiles'!$G$22=$B$24,21,0),MOD($C3602,24)+1)/SUM(INDEX($D$3:$AA$30,INDEX(Jesper!$R$2:$R$366,ROW(INDEX(Jesper!AL$2:AL$366,ROUNDDOWN($C3602/24,0)+1,1))-1)+IF('Standard Profiles'!$G$22=$B$10,7,0)+IF('Standard Profiles'!$G$22=$B$17,14,0)+IF('Standard Profiles'!$G$22=$B$24,21,0),0)),0)</f>
        <v>0</v>
      </c>
      <c r="I3602">
        <f t="shared" si="405"/>
        <v>0.87137309916542072</v>
      </c>
      <c r="J3602">
        <f t="shared" si="406"/>
        <v>26.185561951643542</v>
      </c>
      <c r="K3602">
        <f t="shared" si="407"/>
        <v>2.0817639747602379</v>
      </c>
      <c r="L3602">
        <f t="shared" si="408"/>
        <v>1.0408819873801189</v>
      </c>
      <c r="M3602">
        <f t="shared" si="409"/>
        <v>0</v>
      </c>
      <c r="N3602" s="45">
        <f t="shared" si="410"/>
        <v>45075.666666658013</v>
      </c>
    </row>
    <row r="3603" spans="2:14" x14ac:dyDescent="0.25">
      <c r="B3603">
        <f t="shared" si="404"/>
        <v>1</v>
      </c>
      <c r="C3603" s="16">
        <v>3569</v>
      </c>
      <c r="D3603" cm="1">
        <f t="array" ref="D3603">IFERROR(INDEX(Jesper!AH$2:AH$366,ROUNDDOWN($C3603/24,0)+1,1)*INDEX($D$3:$AA$30,INDEX(Jesper!$R$2:$R$366,ROW(INDEX(Jesper!AH$2:AH$366,ROUNDDOWN($C3603/24,0)+1,1))-1)+IF('Standard Profiles'!$G$18=$B$10,7,0)+IF('Standard Profiles'!$G$18=$B$17,14,0)+IF('Standard Profiles'!$G$18=$B$24,21,0),MOD($C3603,24)+1)/SUM(INDEX($D$3:$AA$30,INDEX(Jesper!$R$2:$R$366,ROW(INDEX(Jesper!AH$2:AH$366,ROUNDDOWN($C3603/24,0)+1,1))-1)+IF('Standard Profiles'!$G$18=$B$10,7,0)+IF('Standard Profiles'!$G$18=$B$17,14,0)+IF('Standard Profiles'!$G$18=$B$24,21,0),0)),0)</f>
        <v>5.5761535038220664</v>
      </c>
      <c r="E3603" cm="1">
        <f t="array" ref="E3603">IFERROR(INDEX(Jesper!AI$2:AI$366,ROUNDDOWN($C3603/24,0)+1,1)*INDEX($D$3:$AA$30,INDEX(Jesper!$R$2:$R$366,ROW(INDEX(Jesper!AI$2:AI$366,ROUNDDOWN($C3603/24,0)+1,1))-1)+IF('Standard Profiles'!$G$19=$B$10,7,0)+IF('Standard Profiles'!$G$19=$B$17,14,0)+IF('Standard Profiles'!$G$19=$B$24,21,0),MOD($C3603,24)+1)/SUM(INDEX($D$3:$AA$30,INDEX(Jesper!$R$2:$R$366,ROW(INDEX(Jesper!AI$2:AI$366,ROUNDDOWN($C3603/24,0)+1,1))-1)+IF('Standard Profiles'!$G$19=$B$10,7,0)+IF('Standard Profiles'!$G$19=$B$17,14,0)+IF('Standard Profiles'!$G$19=$B$24,21,0),0)),0)</f>
        <v>2.5279094646602265</v>
      </c>
      <c r="F3603" cm="1">
        <f t="array" ref="F3603">IFERROR(INDEX(Jesper!AJ$2:AJ$366,ROUNDDOWN($C3603/24,0)+1,1)*INDEX($D$3:$AA$30,INDEX(Jesper!$R$2:$R$366,ROW(INDEX(Jesper!AJ$2:AJ$366,ROUNDDOWN($C3603/24,0)+1,1))-1)+IF('Standard Profiles'!$G$20=$B$10,7,0)+IF('Standard Profiles'!$G$20=$B$17,14,0)+IF('Standard Profiles'!$G$20=$B$24,21,0),MOD($C3603,24)+1)/SUM(INDEX($D$3:$AA$30,INDEX(Jesper!$R$2:$R$366,ROW(INDEX(Jesper!AJ$2:AJ$366,ROUNDDOWN($C3603/24,0)+1,1))-1)+IF('Standard Profiles'!$G$20=$B$10,7,0)+IF('Standard Profiles'!$G$20=$B$17,14,0)+IF('Standard Profiles'!$G$20=$B$24,21,0),0)),0)</f>
        <v>0</v>
      </c>
      <c r="G3603" cm="1">
        <f t="array" ref="G3603">IFERROR(INDEX(Jesper!AK$2:AK$366,ROUNDDOWN($C3603/24,0)+1,1)*INDEX($D$3:$AA$30,INDEX(Jesper!$R$2:$R$366,ROW(INDEX(Jesper!AK$2:AK$366,ROUNDDOWN($C3603/24,0)+1,1))-1)+IF('Standard Profiles'!$G$21=$B$10,7,0)+IF('Standard Profiles'!$G$21=$B$17,14,0)+IF('Standard Profiles'!$G$21=$B$24,21,0),MOD($C3603,24)+1)/SUM(INDEX($D$3:$AA$30,INDEX(Jesper!$R$2:$R$366,ROW(INDEX(Jesper!AK$2:AK$366,ROUNDDOWN($C3603/24,0)+1,1))-1)+IF('Standard Profiles'!$G$21=$B$10,7,0)+IF('Standard Profiles'!$G$21=$B$17,14,0)+IF('Standard Profiles'!$G$21=$B$24,21,0),0)),0)</f>
        <v>1.4606349842332251</v>
      </c>
      <c r="H3603" cm="1">
        <f t="array" ref="H3603">IFERROR(INDEX(Jesper!AL$2:AL$366,ROUNDDOWN($C3603/24,0)+1,1)*INDEX($D$3:$AA$30,INDEX(Jesper!$R$2:$R$366,ROW(INDEX(Jesper!AL$2:AL$366,ROUNDDOWN($C3603/24,0)+1,1))-1)+IF('Standard Profiles'!$G$22=$B$10,7,0)+IF('Standard Profiles'!$G$22=$B$17,14,0)+IF('Standard Profiles'!$G$22=$B$24,21,0),MOD($C3603,24)+1)/SUM(INDEX($D$3:$AA$30,INDEX(Jesper!$R$2:$R$366,ROW(INDEX(Jesper!AL$2:AL$366,ROUNDDOWN($C3603/24,0)+1,1))-1)+IF('Standard Profiles'!$G$22=$B$10,7,0)+IF('Standard Profiles'!$G$22=$B$17,14,0)+IF('Standard Profiles'!$G$22=$B$24,21,0),0)),0)</f>
        <v>0</v>
      </c>
      <c r="I3603">
        <f t="shared" si="405"/>
        <v>0.70110479243194768</v>
      </c>
      <c r="J3603">
        <f t="shared" si="406"/>
        <v>7.9714085996720394</v>
      </c>
      <c r="K3603">
        <f t="shared" si="407"/>
        <v>0.59478970707435375</v>
      </c>
      <c r="L3603">
        <f t="shared" si="408"/>
        <v>0.29739485353717687</v>
      </c>
      <c r="M3603">
        <f t="shared" si="409"/>
        <v>0</v>
      </c>
      <c r="N3603" s="45">
        <f t="shared" si="410"/>
        <v>45075.708333324677</v>
      </c>
    </row>
    <row r="3604" spans="2:14" x14ac:dyDescent="0.25">
      <c r="B3604">
        <f t="shared" si="404"/>
        <v>1</v>
      </c>
      <c r="C3604" s="16">
        <v>3570</v>
      </c>
      <c r="D3604" cm="1">
        <f t="array" ref="D3604">IFERROR(INDEX(Jesper!AH$2:AH$366,ROUNDDOWN($C3604/24,0)+1,1)*INDEX($D$3:$AA$30,INDEX(Jesper!$R$2:$R$366,ROW(INDEX(Jesper!AH$2:AH$366,ROUNDDOWN($C3604/24,0)+1,1))-1)+IF('Standard Profiles'!$G$18=$B$10,7,0)+IF('Standard Profiles'!$G$18=$B$17,14,0)+IF('Standard Profiles'!$G$18=$B$24,21,0),MOD($C3604,24)+1)/SUM(INDEX($D$3:$AA$30,INDEX(Jesper!$R$2:$R$366,ROW(INDEX(Jesper!AH$2:AH$366,ROUNDDOWN($C3604/24,0)+1,1))-1)+IF('Standard Profiles'!$G$18=$B$10,7,0)+IF('Standard Profiles'!$G$18=$B$17,14,0)+IF('Standard Profiles'!$G$18=$B$24,21,0),0)),0)</f>
        <v>5.4976161305287974</v>
      </c>
      <c r="E3604" cm="1">
        <f t="array" ref="E3604">IFERROR(INDEX(Jesper!AI$2:AI$366,ROUNDDOWN($C3604/24,0)+1,1)*INDEX($D$3:$AA$30,INDEX(Jesper!$R$2:$R$366,ROW(INDEX(Jesper!AI$2:AI$366,ROUNDDOWN($C3604/24,0)+1,1))-1)+IF('Standard Profiles'!$G$19=$B$10,7,0)+IF('Standard Profiles'!$G$19=$B$17,14,0)+IF('Standard Profiles'!$G$19=$B$24,21,0),MOD($C3604,24)+1)/SUM(INDEX($D$3:$AA$30,INDEX(Jesper!$R$2:$R$366,ROW(INDEX(Jesper!AI$2:AI$366,ROUNDDOWN($C3604/24,0)+1,1))-1)+IF('Standard Profiles'!$G$19=$B$10,7,0)+IF('Standard Profiles'!$G$19=$B$17,14,0)+IF('Standard Profiles'!$G$19=$B$24,21,0),0)),0)</f>
        <v>2.4923051060030406</v>
      </c>
      <c r="F3604" cm="1">
        <f t="array" ref="F3604">IFERROR(INDEX(Jesper!AJ$2:AJ$366,ROUNDDOWN($C3604/24,0)+1,1)*INDEX($D$3:$AA$30,INDEX(Jesper!$R$2:$R$366,ROW(INDEX(Jesper!AJ$2:AJ$366,ROUNDDOWN($C3604/24,0)+1,1))-1)+IF('Standard Profiles'!$G$20=$B$10,7,0)+IF('Standard Profiles'!$G$20=$B$17,14,0)+IF('Standard Profiles'!$G$20=$B$24,21,0),MOD($C3604,24)+1)/SUM(INDEX($D$3:$AA$30,INDEX(Jesper!$R$2:$R$366,ROW(INDEX(Jesper!AJ$2:AJ$366,ROUNDDOWN($C3604/24,0)+1,1))-1)+IF('Standard Profiles'!$G$20=$B$10,7,0)+IF('Standard Profiles'!$G$20=$B$17,14,0)+IF('Standard Profiles'!$G$20=$B$24,21,0),0)),0)</f>
        <v>0</v>
      </c>
      <c r="G3604" cm="1">
        <f t="array" ref="G3604">IFERROR(INDEX(Jesper!AK$2:AK$366,ROUNDDOWN($C3604/24,0)+1,1)*INDEX($D$3:$AA$30,INDEX(Jesper!$R$2:$R$366,ROW(INDEX(Jesper!AK$2:AK$366,ROUNDDOWN($C3604/24,0)+1,1))-1)+IF('Standard Profiles'!$G$21=$B$10,7,0)+IF('Standard Profiles'!$G$21=$B$17,14,0)+IF('Standard Profiles'!$G$21=$B$24,21,0),MOD($C3604,24)+1)/SUM(INDEX($D$3:$AA$30,INDEX(Jesper!$R$2:$R$366,ROW(INDEX(Jesper!AK$2:AK$366,ROUNDDOWN($C3604/24,0)+1,1))-1)+IF('Standard Profiles'!$G$21=$B$10,7,0)+IF('Standard Profiles'!$G$21=$B$17,14,0)+IF('Standard Profiles'!$G$21=$B$24,21,0),0)),0)</f>
        <v>0.52165535151186615</v>
      </c>
      <c r="H3604" cm="1">
        <f t="array" ref="H3604">IFERROR(INDEX(Jesper!AL$2:AL$366,ROUNDDOWN($C3604/24,0)+1,1)*INDEX($D$3:$AA$30,INDEX(Jesper!$R$2:$R$366,ROW(INDEX(Jesper!AL$2:AL$366,ROUNDDOWN($C3604/24,0)+1,1))-1)+IF('Standard Profiles'!$G$22=$B$10,7,0)+IF('Standard Profiles'!$G$22=$B$17,14,0)+IF('Standard Profiles'!$G$22=$B$24,21,0),MOD($C3604,24)+1)/SUM(INDEX($D$3:$AA$30,INDEX(Jesper!$R$2:$R$366,ROW(INDEX(Jesper!AL$2:AL$366,ROUNDDOWN($C3604/24,0)+1,1))-1)+IF('Standard Profiles'!$G$22=$B$10,7,0)+IF('Standard Profiles'!$G$22=$B$17,14,0)+IF('Standard Profiles'!$G$22=$B$24,21,0),0)),0)</f>
        <v>0</v>
      </c>
      <c r="I3604">
        <f t="shared" si="405"/>
        <v>0.25039456872569565</v>
      </c>
      <c r="J3604">
        <f t="shared" si="406"/>
        <v>7.3815634384334006</v>
      </c>
      <c r="K3604">
        <f t="shared" si="407"/>
        <v>0.5864123872564051</v>
      </c>
      <c r="L3604">
        <f t="shared" si="408"/>
        <v>0.29320619362820255</v>
      </c>
      <c r="M3604">
        <f t="shared" si="409"/>
        <v>0</v>
      </c>
      <c r="N3604" s="45">
        <f t="shared" si="410"/>
        <v>45075.749999991342</v>
      </c>
    </row>
    <row r="3605" spans="2:14" x14ac:dyDescent="0.25">
      <c r="B3605">
        <f t="shared" si="404"/>
        <v>1</v>
      </c>
      <c r="C3605" s="16">
        <v>3571</v>
      </c>
      <c r="D3605" cm="1">
        <f t="array" ref="D3605">IFERROR(INDEX(Jesper!AH$2:AH$366,ROUNDDOWN($C3605/24,0)+1,1)*INDEX($D$3:$AA$30,INDEX(Jesper!$R$2:$R$366,ROW(INDEX(Jesper!AH$2:AH$366,ROUNDDOWN($C3605/24,0)+1,1))-1)+IF('Standard Profiles'!$G$18=$B$10,7,0)+IF('Standard Profiles'!$G$18=$B$17,14,0)+IF('Standard Profiles'!$G$18=$B$24,21,0),MOD($C3605,24)+1)/SUM(INDEX($D$3:$AA$30,INDEX(Jesper!$R$2:$R$366,ROW(INDEX(Jesper!AH$2:AH$366,ROUNDDOWN($C3605/24,0)+1,1))-1)+IF('Standard Profiles'!$G$18=$B$10,7,0)+IF('Standard Profiles'!$G$18=$B$17,14,0)+IF('Standard Profiles'!$G$18=$B$24,21,0),0)),0)</f>
        <v>5.4976161305287974</v>
      </c>
      <c r="E3605" cm="1">
        <f t="array" ref="E3605">IFERROR(INDEX(Jesper!AI$2:AI$366,ROUNDDOWN($C3605/24,0)+1,1)*INDEX($D$3:$AA$30,INDEX(Jesper!$R$2:$R$366,ROW(INDEX(Jesper!AI$2:AI$366,ROUNDDOWN($C3605/24,0)+1,1))-1)+IF('Standard Profiles'!$G$19=$B$10,7,0)+IF('Standard Profiles'!$G$19=$B$17,14,0)+IF('Standard Profiles'!$G$19=$B$24,21,0),MOD($C3605,24)+1)/SUM(INDEX($D$3:$AA$30,INDEX(Jesper!$R$2:$R$366,ROW(INDEX(Jesper!AI$2:AI$366,ROUNDDOWN($C3605/24,0)+1,1))-1)+IF('Standard Profiles'!$G$19=$B$10,7,0)+IF('Standard Profiles'!$G$19=$B$17,14,0)+IF('Standard Profiles'!$G$19=$B$24,21,0),0)),0)</f>
        <v>2.4923051060030406</v>
      </c>
      <c r="F3605" cm="1">
        <f t="array" ref="F3605">IFERROR(INDEX(Jesper!AJ$2:AJ$366,ROUNDDOWN($C3605/24,0)+1,1)*INDEX($D$3:$AA$30,INDEX(Jesper!$R$2:$R$366,ROW(INDEX(Jesper!AJ$2:AJ$366,ROUNDDOWN($C3605/24,0)+1,1))-1)+IF('Standard Profiles'!$G$20=$B$10,7,0)+IF('Standard Profiles'!$G$20=$B$17,14,0)+IF('Standard Profiles'!$G$20=$B$24,21,0),MOD($C3605,24)+1)/SUM(INDEX($D$3:$AA$30,INDEX(Jesper!$R$2:$R$366,ROW(INDEX(Jesper!AJ$2:AJ$366,ROUNDDOWN($C3605/24,0)+1,1))-1)+IF('Standard Profiles'!$G$20=$B$10,7,0)+IF('Standard Profiles'!$G$20=$B$17,14,0)+IF('Standard Profiles'!$G$20=$B$24,21,0),0)),0)</f>
        <v>0</v>
      </c>
      <c r="G3605" cm="1">
        <f t="array" ref="G3605">IFERROR(INDEX(Jesper!AK$2:AK$366,ROUNDDOWN($C3605/24,0)+1,1)*INDEX($D$3:$AA$30,INDEX(Jesper!$R$2:$R$366,ROW(INDEX(Jesper!AK$2:AK$366,ROUNDDOWN($C3605/24,0)+1,1))-1)+IF('Standard Profiles'!$G$21=$B$10,7,0)+IF('Standard Profiles'!$G$21=$B$17,14,0)+IF('Standard Profiles'!$G$21=$B$24,21,0),MOD($C3605,24)+1)/SUM(INDEX($D$3:$AA$30,INDEX(Jesper!$R$2:$R$366,ROW(INDEX(Jesper!AK$2:AK$366,ROUNDDOWN($C3605/24,0)+1,1))-1)+IF('Standard Profiles'!$G$21=$B$10,7,0)+IF('Standard Profiles'!$G$21=$B$17,14,0)+IF('Standard Profiles'!$G$21=$B$24,21,0),0)),0)</f>
        <v>0.52165535151186615</v>
      </c>
      <c r="H3605" cm="1">
        <f t="array" ref="H3605">IFERROR(INDEX(Jesper!AL$2:AL$366,ROUNDDOWN($C3605/24,0)+1,1)*INDEX($D$3:$AA$30,INDEX(Jesper!$R$2:$R$366,ROW(INDEX(Jesper!AL$2:AL$366,ROUNDDOWN($C3605/24,0)+1,1))-1)+IF('Standard Profiles'!$G$22=$B$10,7,0)+IF('Standard Profiles'!$G$22=$B$17,14,0)+IF('Standard Profiles'!$G$22=$B$24,21,0),MOD($C3605,24)+1)/SUM(INDEX($D$3:$AA$30,INDEX(Jesper!$R$2:$R$366,ROW(INDEX(Jesper!AL$2:AL$366,ROUNDDOWN($C3605/24,0)+1,1))-1)+IF('Standard Profiles'!$G$22=$B$10,7,0)+IF('Standard Profiles'!$G$22=$B$17,14,0)+IF('Standard Profiles'!$G$22=$B$24,21,0),0)),0)</f>
        <v>0</v>
      </c>
      <c r="I3605">
        <f t="shared" si="405"/>
        <v>0.25039456872569565</v>
      </c>
      <c r="J3605">
        <f t="shared" si="406"/>
        <v>7.3815634384334006</v>
      </c>
      <c r="K3605">
        <f t="shared" si="407"/>
        <v>0.5864123872564051</v>
      </c>
      <c r="L3605">
        <f t="shared" si="408"/>
        <v>0.29320619362820255</v>
      </c>
      <c r="M3605">
        <f t="shared" si="409"/>
        <v>0</v>
      </c>
      <c r="N3605" s="45">
        <f t="shared" si="410"/>
        <v>45075.791666658006</v>
      </c>
    </row>
    <row r="3606" spans="2:14" x14ac:dyDescent="0.25">
      <c r="B3606">
        <f t="shared" si="404"/>
        <v>1</v>
      </c>
      <c r="C3606" s="16">
        <v>3572</v>
      </c>
      <c r="D3606" cm="1">
        <f t="array" ref="D3606">IFERROR(INDEX(Jesper!AH$2:AH$366,ROUNDDOWN($C3606/24,0)+1,1)*INDEX($D$3:$AA$30,INDEX(Jesper!$R$2:$R$366,ROW(INDEX(Jesper!AH$2:AH$366,ROUNDDOWN($C3606/24,0)+1,1))-1)+IF('Standard Profiles'!$G$18=$B$10,7,0)+IF('Standard Profiles'!$G$18=$B$17,14,0)+IF('Standard Profiles'!$G$18=$B$24,21,0),MOD($C3606,24)+1)/SUM(INDEX($D$3:$AA$30,INDEX(Jesper!$R$2:$R$366,ROW(INDEX(Jesper!AH$2:AH$366,ROUNDDOWN($C3606/24,0)+1,1))-1)+IF('Standard Profiles'!$G$18=$B$10,7,0)+IF('Standard Profiles'!$G$18=$B$17,14,0)+IF('Standard Profiles'!$G$18=$B$24,21,0),0)),0)</f>
        <v>5.4976161305287974</v>
      </c>
      <c r="E3606" cm="1">
        <f t="array" ref="E3606">IFERROR(INDEX(Jesper!AI$2:AI$366,ROUNDDOWN($C3606/24,0)+1,1)*INDEX($D$3:$AA$30,INDEX(Jesper!$R$2:$R$366,ROW(INDEX(Jesper!AI$2:AI$366,ROUNDDOWN($C3606/24,0)+1,1))-1)+IF('Standard Profiles'!$G$19=$B$10,7,0)+IF('Standard Profiles'!$G$19=$B$17,14,0)+IF('Standard Profiles'!$G$19=$B$24,21,0),MOD($C3606,24)+1)/SUM(INDEX($D$3:$AA$30,INDEX(Jesper!$R$2:$R$366,ROW(INDEX(Jesper!AI$2:AI$366,ROUNDDOWN($C3606/24,0)+1,1))-1)+IF('Standard Profiles'!$G$19=$B$10,7,0)+IF('Standard Profiles'!$G$19=$B$17,14,0)+IF('Standard Profiles'!$G$19=$B$24,21,0),0)),0)</f>
        <v>2.4923051060030406</v>
      </c>
      <c r="F3606" cm="1">
        <f t="array" ref="F3606">IFERROR(INDEX(Jesper!AJ$2:AJ$366,ROUNDDOWN($C3606/24,0)+1,1)*INDEX($D$3:$AA$30,INDEX(Jesper!$R$2:$R$366,ROW(INDEX(Jesper!AJ$2:AJ$366,ROUNDDOWN($C3606/24,0)+1,1))-1)+IF('Standard Profiles'!$G$20=$B$10,7,0)+IF('Standard Profiles'!$G$20=$B$17,14,0)+IF('Standard Profiles'!$G$20=$B$24,21,0),MOD($C3606,24)+1)/SUM(INDEX($D$3:$AA$30,INDEX(Jesper!$R$2:$R$366,ROW(INDEX(Jesper!AJ$2:AJ$366,ROUNDDOWN($C3606/24,0)+1,1))-1)+IF('Standard Profiles'!$G$20=$B$10,7,0)+IF('Standard Profiles'!$G$20=$B$17,14,0)+IF('Standard Profiles'!$G$20=$B$24,21,0),0)),0)</f>
        <v>0</v>
      </c>
      <c r="G3606" cm="1">
        <f t="array" ref="G3606">IFERROR(INDEX(Jesper!AK$2:AK$366,ROUNDDOWN($C3606/24,0)+1,1)*INDEX($D$3:$AA$30,INDEX(Jesper!$R$2:$R$366,ROW(INDEX(Jesper!AK$2:AK$366,ROUNDDOWN($C3606/24,0)+1,1))-1)+IF('Standard Profiles'!$G$21=$B$10,7,0)+IF('Standard Profiles'!$G$21=$B$17,14,0)+IF('Standard Profiles'!$G$21=$B$24,21,0),MOD($C3606,24)+1)/SUM(INDEX($D$3:$AA$30,INDEX(Jesper!$R$2:$R$366,ROW(INDEX(Jesper!AK$2:AK$366,ROUNDDOWN($C3606/24,0)+1,1))-1)+IF('Standard Profiles'!$G$21=$B$10,7,0)+IF('Standard Profiles'!$G$21=$B$17,14,0)+IF('Standard Profiles'!$G$21=$B$24,21,0),0)),0)</f>
        <v>0.52165535151186615</v>
      </c>
      <c r="H3606" cm="1">
        <f t="array" ref="H3606">IFERROR(INDEX(Jesper!AL$2:AL$366,ROUNDDOWN($C3606/24,0)+1,1)*INDEX($D$3:$AA$30,INDEX(Jesper!$R$2:$R$366,ROW(INDEX(Jesper!AL$2:AL$366,ROUNDDOWN($C3606/24,0)+1,1))-1)+IF('Standard Profiles'!$G$22=$B$10,7,0)+IF('Standard Profiles'!$G$22=$B$17,14,0)+IF('Standard Profiles'!$G$22=$B$24,21,0),MOD($C3606,24)+1)/SUM(INDEX($D$3:$AA$30,INDEX(Jesper!$R$2:$R$366,ROW(INDEX(Jesper!AL$2:AL$366,ROUNDDOWN($C3606/24,0)+1,1))-1)+IF('Standard Profiles'!$G$22=$B$10,7,0)+IF('Standard Profiles'!$G$22=$B$17,14,0)+IF('Standard Profiles'!$G$22=$B$24,21,0),0)),0)</f>
        <v>0</v>
      </c>
      <c r="I3606">
        <f t="shared" si="405"/>
        <v>0.25039456872569565</v>
      </c>
      <c r="J3606">
        <f t="shared" si="406"/>
        <v>7.3815634384334006</v>
      </c>
      <c r="K3606">
        <f t="shared" si="407"/>
        <v>0.5864123872564051</v>
      </c>
      <c r="L3606">
        <f t="shared" si="408"/>
        <v>0.29320619362820255</v>
      </c>
      <c r="M3606">
        <f t="shared" si="409"/>
        <v>0</v>
      </c>
      <c r="N3606" s="45">
        <f t="shared" si="410"/>
        <v>45075.83333332467</v>
      </c>
    </row>
    <row r="3607" spans="2:14" x14ac:dyDescent="0.25">
      <c r="B3607">
        <f t="shared" si="404"/>
        <v>1</v>
      </c>
      <c r="C3607" s="16">
        <v>3573</v>
      </c>
      <c r="D3607" cm="1">
        <f t="array" ref="D3607">IFERROR(INDEX(Jesper!AH$2:AH$366,ROUNDDOWN($C3607/24,0)+1,1)*INDEX($D$3:$AA$30,INDEX(Jesper!$R$2:$R$366,ROW(INDEX(Jesper!AH$2:AH$366,ROUNDDOWN($C3607/24,0)+1,1))-1)+IF('Standard Profiles'!$G$18=$B$10,7,0)+IF('Standard Profiles'!$G$18=$B$17,14,0)+IF('Standard Profiles'!$G$18=$B$24,21,0),MOD($C3607,24)+1)/SUM(INDEX($D$3:$AA$30,INDEX(Jesper!$R$2:$R$366,ROW(INDEX(Jesper!AH$2:AH$366,ROUNDDOWN($C3607/24,0)+1,1))-1)+IF('Standard Profiles'!$G$18=$B$10,7,0)+IF('Standard Profiles'!$G$18=$B$17,14,0)+IF('Standard Profiles'!$G$18=$B$24,21,0),0)),0)</f>
        <v>5.4976161305287974</v>
      </c>
      <c r="E3607" cm="1">
        <f t="array" ref="E3607">IFERROR(INDEX(Jesper!AI$2:AI$366,ROUNDDOWN($C3607/24,0)+1,1)*INDEX($D$3:$AA$30,INDEX(Jesper!$R$2:$R$366,ROW(INDEX(Jesper!AI$2:AI$366,ROUNDDOWN($C3607/24,0)+1,1))-1)+IF('Standard Profiles'!$G$19=$B$10,7,0)+IF('Standard Profiles'!$G$19=$B$17,14,0)+IF('Standard Profiles'!$G$19=$B$24,21,0),MOD($C3607,24)+1)/SUM(INDEX($D$3:$AA$30,INDEX(Jesper!$R$2:$R$366,ROW(INDEX(Jesper!AI$2:AI$366,ROUNDDOWN($C3607/24,0)+1,1))-1)+IF('Standard Profiles'!$G$19=$B$10,7,0)+IF('Standard Profiles'!$G$19=$B$17,14,0)+IF('Standard Profiles'!$G$19=$B$24,21,0),0)),0)</f>
        <v>2.4923051060030406</v>
      </c>
      <c r="F3607" cm="1">
        <f t="array" ref="F3607">IFERROR(INDEX(Jesper!AJ$2:AJ$366,ROUNDDOWN($C3607/24,0)+1,1)*INDEX($D$3:$AA$30,INDEX(Jesper!$R$2:$R$366,ROW(INDEX(Jesper!AJ$2:AJ$366,ROUNDDOWN($C3607/24,0)+1,1))-1)+IF('Standard Profiles'!$G$20=$B$10,7,0)+IF('Standard Profiles'!$G$20=$B$17,14,0)+IF('Standard Profiles'!$G$20=$B$24,21,0),MOD($C3607,24)+1)/SUM(INDEX($D$3:$AA$30,INDEX(Jesper!$R$2:$R$366,ROW(INDEX(Jesper!AJ$2:AJ$366,ROUNDDOWN($C3607/24,0)+1,1))-1)+IF('Standard Profiles'!$G$20=$B$10,7,0)+IF('Standard Profiles'!$G$20=$B$17,14,0)+IF('Standard Profiles'!$G$20=$B$24,21,0),0)),0)</f>
        <v>0</v>
      </c>
      <c r="G3607" cm="1">
        <f t="array" ref="G3607">IFERROR(INDEX(Jesper!AK$2:AK$366,ROUNDDOWN($C3607/24,0)+1,1)*INDEX($D$3:$AA$30,INDEX(Jesper!$R$2:$R$366,ROW(INDEX(Jesper!AK$2:AK$366,ROUNDDOWN($C3607/24,0)+1,1))-1)+IF('Standard Profiles'!$G$21=$B$10,7,0)+IF('Standard Profiles'!$G$21=$B$17,14,0)+IF('Standard Profiles'!$G$21=$B$24,21,0),MOD($C3607,24)+1)/SUM(INDEX($D$3:$AA$30,INDEX(Jesper!$R$2:$R$366,ROW(INDEX(Jesper!AK$2:AK$366,ROUNDDOWN($C3607/24,0)+1,1))-1)+IF('Standard Profiles'!$G$21=$B$10,7,0)+IF('Standard Profiles'!$G$21=$B$17,14,0)+IF('Standard Profiles'!$G$21=$B$24,21,0),0)),0)</f>
        <v>0.52165535151186615</v>
      </c>
      <c r="H3607" cm="1">
        <f t="array" ref="H3607">IFERROR(INDEX(Jesper!AL$2:AL$366,ROUNDDOWN($C3607/24,0)+1,1)*INDEX($D$3:$AA$30,INDEX(Jesper!$R$2:$R$366,ROW(INDEX(Jesper!AL$2:AL$366,ROUNDDOWN($C3607/24,0)+1,1))-1)+IF('Standard Profiles'!$G$22=$B$10,7,0)+IF('Standard Profiles'!$G$22=$B$17,14,0)+IF('Standard Profiles'!$G$22=$B$24,21,0),MOD($C3607,24)+1)/SUM(INDEX($D$3:$AA$30,INDEX(Jesper!$R$2:$R$366,ROW(INDEX(Jesper!AL$2:AL$366,ROUNDDOWN($C3607/24,0)+1,1))-1)+IF('Standard Profiles'!$G$22=$B$10,7,0)+IF('Standard Profiles'!$G$22=$B$17,14,0)+IF('Standard Profiles'!$G$22=$B$24,21,0),0)),0)</f>
        <v>0</v>
      </c>
      <c r="I3607">
        <f t="shared" si="405"/>
        <v>0.25039456872569565</v>
      </c>
      <c r="J3607">
        <f t="shared" si="406"/>
        <v>7.3815634384334006</v>
      </c>
      <c r="K3607">
        <f t="shared" si="407"/>
        <v>0.5864123872564051</v>
      </c>
      <c r="L3607">
        <f t="shared" si="408"/>
        <v>0.29320619362820255</v>
      </c>
      <c r="M3607">
        <f t="shared" si="409"/>
        <v>0</v>
      </c>
      <c r="N3607" s="45">
        <f t="shared" si="410"/>
        <v>45075.874999991334</v>
      </c>
    </row>
    <row r="3608" spans="2:14" x14ac:dyDescent="0.25">
      <c r="B3608">
        <f t="shared" si="404"/>
        <v>1</v>
      </c>
      <c r="C3608" s="16">
        <v>3574</v>
      </c>
      <c r="D3608" cm="1">
        <f t="array" ref="D3608">IFERROR(INDEX(Jesper!AH$2:AH$366,ROUNDDOWN($C3608/24,0)+1,1)*INDEX($D$3:$AA$30,INDEX(Jesper!$R$2:$R$366,ROW(INDEX(Jesper!AH$2:AH$366,ROUNDDOWN($C3608/24,0)+1,1))-1)+IF('Standard Profiles'!$G$18=$B$10,7,0)+IF('Standard Profiles'!$G$18=$B$17,14,0)+IF('Standard Profiles'!$G$18=$B$24,21,0),MOD($C3608,24)+1)/SUM(INDEX($D$3:$AA$30,INDEX(Jesper!$R$2:$R$366,ROW(INDEX(Jesper!AH$2:AH$366,ROUNDDOWN($C3608/24,0)+1,1))-1)+IF('Standard Profiles'!$G$18=$B$10,7,0)+IF('Standard Profiles'!$G$18=$B$17,14,0)+IF('Standard Profiles'!$G$18=$B$24,21,0),0)),0)</f>
        <v>5.4976161305287974</v>
      </c>
      <c r="E3608" cm="1">
        <f t="array" ref="E3608">IFERROR(INDEX(Jesper!AI$2:AI$366,ROUNDDOWN($C3608/24,0)+1,1)*INDEX($D$3:$AA$30,INDEX(Jesper!$R$2:$R$366,ROW(INDEX(Jesper!AI$2:AI$366,ROUNDDOWN($C3608/24,0)+1,1))-1)+IF('Standard Profiles'!$G$19=$B$10,7,0)+IF('Standard Profiles'!$G$19=$B$17,14,0)+IF('Standard Profiles'!$G$19=$B$24,21,0),MOD($C3608,24)+1)/SUM(INDEX($D$3:$AA$30,INDEX(Jesper!$R$2:$R$366,ROW(INDEX(Jesper!AI$2:AI$366,ROUNDDOWN($C3608/24,0)+1,1))-1)+IF('Standard Profiles'!$G$19=$B$10,7,0)+IF('Standard Profiles'!$G$19=$B$17,14,0)+IF('Standard Profiles'!$G$19=$B$24,21,0),0)),0)</f>
        <v>2.4923051060030406</v>
      </c>
      <c r="F3608" cm="1">
        <f t="array" ref="F3608">IFERROR(INDEX(Jesper!AJ$2:AJ$366,ROUNDDOWN($C3608/24,0)+1,1)*INDEX($D$3:$AA$30,INDEX(Jesper!$R$2:$R$366,ROW(INDEX(Jesper!AJ$2:AJ$366,ROUNDDOWN($C3608/24,0)+1,1))-1)+IF('Standard Profiles'!$G$20=$B$10,7,0)+IF('Standard Profiles'!$G$20=$B$17,14,0)+IF('Standard Profiles'!$G$20=$B$24,21,0),MOD($C3608,24)+1)/SUM(INDEX($D$3:$AA$30,INDEX(Jesper!$R$2:$R$366,ROW(INDEX(Jesper!AJ$2:AJ$366,ROUNDDOWN($C3608/24,0)+1,1))-1)+IF('Standard Profiles'!$G$20=$B$10,7,0)+IF('Standard Profiles'!$G$20=$B$17,14,0)+IF('Standard Profiles'!$G$20=$B$24,21,0),0)),0)</f>
        <v>0</v>
      </c>
      <c r="G3608" cm="1">
        <f t="array" ref="G3608">IFERROR(INDEX(Jesper!AK$2:AK$366,ROUNDDOWN($C3608/24,0)+1,1)*INDEX($D$3:$AA$30,INDEX(Jesper!$R$2:$R$366,ROW(INDEX(Jesper!AK$2:AK$366,ROUNDDOWN($C3608/24,0)+1,1))-1)+IF('Standard Profiles'!$G$21=$B$10,7,0)+IF('Standard Profiles'!$G$21=$B$17,14,0)+IF('Standard Profiles'!$G$21=$B$24,21,0),MOD($C3608,24)+1)/SUM(INDEX($D$3:$AA$30,INDEX(Jesper!$R$2:$R$366,ROW(INDEX(Jesper!AK$2:AK$366,ROUNDDOWN($C3608/24,0)+1,1))-1)+IF('Standard Profiles'!$G$21=$B$10,7,0)+IF('Standard Profiles'!$G$21=$B$17,14,0)+IF('Standard Profiles'!$G$21=$B$24,21,0),0)),0)</f>
        <v>0.52165535151186615</v>
      </c>
      <c r="H3608" cm="1">
        <f t="array" ref="H3608">IFERROR(INDEX(Jesper!AL$2:AL$366,ROUNDDOWN($C3608/24,0)+1,1)*INDEX($D$3:$AA$30,INDEX(Jesper!$R$2:$R$366,ROW(INDEX(Jesper!AL$2:AL$366,ROUNDDOWN($C3608/24,0)+1,1))-1)+IF('Standard Profiles'!$G$22=$B$10,7,0)+IF('Standard Profiles'!$G$22=$B$17,14,0)+IF('Standard Profiles'!$G$22=$B$24,21,0),MOD($C3608,24)+1)/SUM(INDEX($D$3:$AA$30,INDEX(Jesper!$R$2:$R$366,ROW(INDEX(Jesper!AL$2:AL$366,ROUNDDOWN($C3608/24,0)+1,1))-1)+IF('Standard Profiles'!$G$22=$B$10,7,0)+IF('Standard Profiles'!$G$22=$B$17,14,0)+IF('Standard Profiles'!$G$22=$B$24,21,0),0)),0)</f>
        <v>0</v>
      </c>
      <c r="I3608">
        <f t="shared" si="405"/>
        <v>0.25039456872569565</v>
      </c>
      <c r="J3608">
        <f t="shared" si="406"/>
        <v>7.3815634384334006</v>
      </c>
      <c r="K3608">
        <f t="shared" si="407"/>
        <v>0.5864123872564051</v>
      </c>
      <c r="L3608">
        <f t="shared" si="408"/>
        <v>0.29320619362820255</v>
      </c>
      <c r="M3608">
        <f t="shared" si="409"/>
        <v>0</v>
      </c>
      <c r="N3608" s="45">
        <f t="shared" si="410"/>
        <v>45075.916666657999</v>
      </c>
    </row>
    <row r="3609" spans="2:14" x14ac:dyDescent="0.25">
      <c r="B3609">
        <f t="shared" si="404"/>
        <v>1</v>
      </c>
      <c r="C3609" s="16">
        <v>3575</v>
      </c>
      <c r="D3609" cm="1">
        <f t="array" ref="D3609">IFERROR(INDEX(Jesper!AH$2:AH$366,ROUNDDOWN($C3609/24,0)+1,1)*INDEX($D$3:$AA$30,INDEX(Jesper!$R$2:$R$366,ROW(INDEX(Jesper!AH$2:AH$366,ROUNDDOWN($C3609/24,0)+1,1))-1)+IF('Standard Profiles'!$G$18=$B$10,7,0)+IF('Standard Profiles'!$G$18=$B$17,14,0)+IF('Standard Profiles'!$G$18=$B$24,21,0),MOD($C3609,24)+1)/SUM(INDEX($D$3:$AA$30,INDEX(Jesper!$R$2:$R$366,ROW(INDEX(Jesper!AH$2:AH$366,ROUNDDOWN($C3609/24,0)+1,1))-1)+IF('Standard Profiles'!$G$18=$B$10,7,0)+IF('Standard Profiles'!$G$18=$B$17,14,0)+IF('Standard Profiles'!$G$18=$B$24,21,0),0)),0)</f>
        <v>5.4976161305287974</v>
      </c>
      <c r="E3609" cm="1">
        <f t="array" ref="E3609">IFERROR(INDEX(Jesper!AI$2:AI$366,ROUNDDOWN($C3609/24,0)+1,1)*INDEX($D$3:$AA$30,INDEX(Jesper!$R$2:$R$366,ROW(INDEX(Jesper!AI$2:AI$366,ROUNDDOWN($C3609/24,0)+1,1))-1)+IF('Standard Profiles'!$G$19=$B$10,7,0)+IF('Standard Profiles'!$G$19=$B$17,14,0)+IF('Standard Profiles'!$G$19=$B$24,21,0),MOD($C3609,24)+1)/SUM(INDEX($D$3:$AA$30,INDEX(Jesper!$R$2:$R$366,ROW(INDEX(Jesper!AI$2:AI$366,ROUNDDOWN($C3609/24,0)+1,1))-1)+IF('Standard Profiles'!$G$19=$B$10,7,0)+IF('Standard Profiles'!$G$19=$B$17,14,0)+IF('Standard Profiles'!$G$19=$B$24,21,0),0)),0)</f>
        <v>2.4923051060030406</v>
      </c>
      <c r="F3609" cm="1">
        <f t="array" ref="F3609">IFERROR(INDEX(Jesper!AJ$2:AJ$366,ROUNDDOWN($C3609/24,0)+1,1)*INDEX($D$3:$AA$30,INDEX(Jesper!$R$2:$R$366,ROW(INDEX(Jesper!AJ$2:AJ$366,ROUNDDOWN($C3609/24,0)+1,1))-1)+IF('Standard Profiles'!$G$20=$B$10,7,0)+IF('Standard Profiles'!$G$20=$B$17,14,0)+IF('Standard Profiles'!$G$20=$B$24,21,0),MOD($C3609,24)+1)/SUM(INDEX($D$3:$AA$30,INDEX(Jesper!$R$2:$R$366,ROW(INDEX(Jesper!AJ$2:AJ$366,ROUNDDOWN($C3609/24,0)+1,1))-1)+IF('Standard Profiles'!$G$20=$B$10,7,0)+IF('Standard Profiles'!$G$20=$B$17,14,0)+IF('Standard Profiles'!$G$20=$B$24,21,0),0)),0)</f>
        <v>0</v>
      </c>
      <c r="G3609" cm="1">
        <f t="array" ref="G3609">IFERROR(INDEX(Jesper!AK$2:AK$366,ROUNDDOWN($C3609/24,0)+1,1)*INDEX($D$3:$AA$30,INDEX(Jesper!$R$2:$R$366,ROW(INDEX(Jesper!AK$2:AK$366,ROUNDDOWN($C3609/24,0)+1,1))-1)+IF('Standard Profiles'!$G$21=$B$10,7,0)+IF('Standard Profiles'!$G$21=$B$17,14,0)+IF('Standard Profiles'!$G$21=$B$24,21,0),MOD($C3609,24)+1)/SUM(INDEX($D$3:$AA$30,INDEX(Jesper!$R$2:$R$366,ROW(INDEX(Jesper!AK$2:AK$366,ROUNDDOWN($C3609/24,0)+1,1))-1)+IF('Standard Profiles'!$G$21=$B$10,7,0)+IF('Standard Profiles'!$G$21=$B$17,14,0)+IF('Standard Profiles'!$G$21=$B$24,21,0),0)),0)</f>
        <v>0.52165535151186615</v>
      </c>
      <c r="H3609" cm="1">
        <f t="array" ref="H3609">IFERROR(INDEX(Jesper!AL$2:AL$366,ROUNDDOWN($C3609/24,0)+1,1)*INDEX($D$3:$AA$30,INDEX(Jesper!$R$2:$R$366,ROW(INDEX(Jesper!AL$2:AL$366,ROUNDDOWN($C3609/24,0)+1,1))-1)+IF('Standard Profiles'!$G$22=$B$10,7,0)+IF('Standard Profiles'!$G$22=$B$17,14,0)+IF('Standard Profiles'!$G$22=$B$24,21,0),MOD($C3609,24)+1)/SUM(INDEX($D$3:$AA$30,INDEX(Jesper!$R$2:$R$366,ROW(INDEX(Jesper!AL$2:AL$366,ROUNDDOWN($C3609/24,0)+1,1))-1)+IF('Standard Profiles'!$G$22=$B$10,7,0)+IF('Standard Profiles'!$G$22=$B$17,14,0)+IF('Standard Profiles'!$G$22=$B$24,21,0),0)),0)</f>
        <v>0</v>
      </c>
      <c r="I3609">
        <f t="shared" si="405"/>
        <v>0.25039456872569565</v>
      </c>
      <c r="J3609">
        <f t="shared" si="406"/>
        <v>7.3815634384334006</v>
      </c>
      <c r="K3609">
        <f t="shared" si="407"/>
        <v>0.5864123872564051</v>
      </c>
      <c r="L3609">
        <f t="shared" si="408"/>
        <v>0.29320619362820255</v>
      </c>
      <c r="M3609">
        <f t="shared" si="409"/>
        <v>0</v>
      </c>
      <c r="N3609" s="45">
        <f t="shared" si="410"/>
        <v>45075.958333324663</v>
      </c>
    </row>
    <row r="3610" spans="2:14" x14ac:dyDescent="0.25">
      <c r="B3610">
        <f t="shared" si="404"/>
        <v>2</v>
      </c>
      <c r="C3610" s="16">
        <v>3576</v>
      </c>
      <c r="D3610" cm="1">
        <f t="array" ref="D3610">IFERROR(INDEX(Jesper!AH$2:AH$366,ROUNDDOWN($C3610/24,0)+1,1)*INDEX($D$3:$AA$30,INDEX(Jesper!$R$2:$R$366,ROW(INDEX(Jesper!AH$2:AH$366,ROUNDDOWN($C3610/24,0)+1,1))-1)+IF('Standard Profiles'!$G$18=$B$10,7,0)+IF('Standard Profiles'!$G$18=$B$17,14,0)+IF('Standard Profiles'!$G$18=$B$24,21,0),MOD($C3610,24)+1)/SUM(INDEX($D$3:$AA$30,INDEX(Jesper!$R$2:$R$366,ROW(INDEX(Jesper!AH$2:AH$366,ROUNDDOWN($C3610/24,0)+1,1))-1)+IF('Standard Profiles'!$G$18=$B$10,7,0)+IF('Standard Profiles'!$G$18=$B$17,14,0)+IF('Standard Profiles'!$G$18=$B$24,21,0),0)),0)</f>
        <v>3.4801081382291432</v>
      </c>
      <c r="E3610" cm="1">
        <f t="array" ref="E3610">IFERROR(INDEX(Jesper!AI$2:AI$366,ROUNDDOWN($C3610/24,0)+1,1)*INDEX($D$3:$AA$30,INDEX(Jesper!$R$2:$R$366,ROW(INDEX(Jesper!AI$2:AI$366,ROUNDDOWN($C3610/24,0)+1,1))-1)+IF('Standard Profiles'!$G$19=$B$10,7,0)+IF('Standard Profiles'!$G$19=$B$17,14,0)+IF('Standard Profiles'!$G$19=$B$24,21,0),MOD($C3610,24)+1)/SUM(INDEX($D$3:$AA$30,INDEX(Jesper!$R$2:$R$366,ROW(INDEX(Jesper!AI$2:AI$366,ROUNDDOWN($C3610/24,0)+1,1))-1)+IF('Standard Profiles'!$G$19=$B$10,7,0)+IF('Standard Profiles'!$G$19=$B$17,14,0)+IF('Standard Profiles'!$G$19=$B$24,21,0),0)),0)</f>
        <v>1.5471540675627513</v>
      </c>
      <c r="F3610" cm="1">
        <f t="array" ref="F3610">IFERROR(INDEX(Jesper!AJ$2:AJ$366,ROUNDDOWN($C3610/24,0)+1,1)*INDEX($D$3:$AA$30,INDEX(Jesper!$R$2:$R$366,ROW(INDEX(Jesper!AJ$2:AJ$366,ROUNDDOWN($C3610/24,0)+1,1))-1)+IF('Standard Profiles'!$G$20=$B$10,7,0)+IF('Standard Profiles'!$G$20=$B$17,14,0)+IF('Standard Profiles'!$G$20=$B$24,21,0),MOD($C3610,24)+1)/SUM(INDEX($D$3:$AA$30,INDEX(Jesper!$R$2:$R$366,ROW(INDEX(Jesper!AJ$2:AJ$366,ROUNDDOWN($C3610/24,0)+1,1))-1)+IF('Standard Profiles'!$G$20=$B$10,7,0)+IF('Standard Profiles'!$G$20=$B$17,14,0)+IF('Standard Profiles'!$G$20=$B$24,21,0),0)),0)</f>
        <v>0</v>
      </c>
      <c r="G3610" cm="1">
        <f t="array" ref="G3610">IFERROR(INDEX(Jesper!AK$2:AK$366,ROUNDDOWN($C3610/24,0)+1,1)*INDEX($D$3:$AA$30,INDEX(Jesper!$R$2:$R$366,ROW(INDEX(Jesper!AK$2:AK$366,ROUNDDOWN($C3610/24,0)+1,1))-1)+IF('Standard Profiles'!$G$21=$B$10,7,0)+IF('Standard Profiles'!$G$21=$B$17,14,0)+IF('Standard Profiles'!$G$21=$B$24,21,0),MOD($C3610,24)+1)/SUM(INDEX($D$3:$AA$30,INDEX(Jesper!$R$2:$R$366,ROW(INDEX(Jesper!AK$2:AK$366,ROUNDDOWN($C3610/24,0)+1,1))-1)+IF('Standard Profiles'!$G$21=$B$10,7,0)+IF('Standard Profiles'!$G$21=$B$17,14,0)+IF('Standard Profiles'!$G$21=$B$24,21,0),0)),0)</f>
        <v>0.40542139853535358</v>
      </c>
      <c r="H3610" cm="1">
        <f t="array" ref="H3610">IFERROR(INDEX(Jesper!AL$2:AL$366,ROUNDDOWN($C3610/24,0)+1,1)*INDEX($D$3:$AA$30,INDEX(Jesper!$R$2:$R$366,ROW(INDEX(Jesper!AL$2:AL$366,ROUNDDOWN($C3610/24,0)+1,1))-1)+IF('Standard Profiles'!$G$22=$B$10,7,0)+IF('Standard Profiles'!$G$22=$B$17,14,0)+IF('Standard Profiles'!$G$22=$B$24,21,0),MOD($C3610,24)+1)/SUM(INDEX($D$3:$AA$30,INDEX(Jesper!$R$2:$R$366,ROW(INDEX(Jesper!AL$2:AL$366,ROUNDDOWN($C3610/24,0)+1,1))-1)+IF('Standard Profiles'!$G$22=$B$10,7,0)+IF('Standard Profiles'!$G$22=$B$17,14,0)+IF('Standard Profiles'!$G$22=$B$24,21,0),0)),0)</f>
        <v>0</v>
      </c>
      <c r="I3610">
        <f t="shared" si="405"/>
        <v>0.19460227129696961</v>
      </c>
      <c r="J3610">
        <f t="shared" si="406"/>
        <v>4.6812640309136153</v>
      </c>
      <c r="K3610">
        <f t="shared" si="407"/>
        <v>0.37121153474444196</v>
      </c>
      <c r="L3610">
        <f t="shared" si="408"/>
        <v>0.18560576737222098</v>
      </c>
      <c r="M3610">
        <f t="shared" si="409"/>
        <v>0</v>
      </c>
      <c r="N3610" s="45">
        <f t="shared" si="410"/>
        <v>45075.999999991327</v>
      </c>
    </row>
    <row r="3611" spans="2:14" x14ac:dyDescent="0.25">
      <c r="B3611">
        <f t="shared" si="404"/>
        <v>2</v>
      </c>
      <c r="C3611" s="16">
        <v>3577</v>
      </c>
      <c r="D3611" cm="1">
        <f t="array" ref="D3611">IFERROR(INDEX(Jesper!AH$2:AH$366,ROUNDDOWN($C3611/24,0)+1,1)*INDEX($D$3:$AA$30,INDEX(Jesper!$R$2:$R$366,ROW(INDEX(Jesper!AH$2:AH$366,ROUNDDOWN($C3611/24,0)+1,1))-1)+IF('Standard Profiles'!$G$18=$B$10,7,0)+IF('Standard Profiles'!$G$18=$B$17,14,0)+IF('Standard Profiles'!$G$18=$B$24,21,0),MOD($C3611,24)+1)/SUM(INDEX($D$3:$AA$30,INDEX(Jesper!$R$2:$R$366,ROW(INDEX(Jesper!AH$2:AH$366,ROUNDDOWN($C3611/24,0)+1,1))-1)+IF('Standard Profiles'!$G$18=$B$10,7,0)+IF('Standard Profiles'!$G$18=$B$17,14,0)+IF('Standard Profiles'!$G$18=$B$24,21,0),0)),0)</f>
        <v>5.3030219249205999</v>
      </c>
      <c r="E3611" cm="1">
        <f t="array" ref="E3611">IFERROR(INDEX(Jesper!AI$2:AI$366,ROUNDDOWN($C3611/24,0)+1,1)*INDEX($D$3:$AA$30,INDEX(Jesper!$R$2:$R$366,ROW(INDEX(Jesper!AI$2:AI$366,ROUNDDOWN($C3611/24,0)+1,1))-1)+IF('Standard Profiles'!$G$19=$B$10,7,0)+IF('Standard Profiles'!$G$19=$B$17,14,0)+IF('Standard Profiles'!$G$19=$B$24,21,0),MOD($C3611,24)+1)/SUM(INDEX($D$3:$AA$30,INDEX(Jesper!$R$2:$R$366,ROW(INDEX(Jesper!AI$2:AI$366,ROUNDDOWN($C3611/24,0)+1,1))-1)+IF('Standard Profiles'!$G$19=$B$10,7,0)+IF('Standard Profiles'!$G$19=$B$17,14,0)+IF('Standard Profiles'!$G$19=$B$24,21,0),0)),0)</f>
        <v>2.3575681029527642</v>
      </c>
      <c r="F3611" cm="1">
        <f t="array" ref="F3611">IFERROR(INDEX(Jesper!AJ$2:AJ$366,ROUNDDOWN($C3611/24,0)+1,1)*INDEX($D$3:$AA$30,INDEX(Jesper!$R$2:$R$366,ROW(INDEX(Jesper!AJ$2:AJ$366,ROUNDDOWN($C3611/24,0)+1,1))-1)+IF('Standard Profiles'!$G$20=$B$10,7,0)+IF('Standard Profiles'!$G$20=$B$17,14,0)+IF('Standard Profiles'!$G$20=$B$24,21,0),MOD($C3611,24)+1)/SUM(INDEX($D$3:$AA$30,INDEX(Jesper!$R$2:$R$366,ROW(INDEX(Jesper!AJ$2:AJ$366,ROUNDDOWN($C3611/24,0)+1,1))-1)+IF('Standard Profiles'!$G$20=$B$10,7,0)+IF('Standard Profiles'!$G$20=$B$17,14,0)+IF('Standard Profiles'!$G$20=$B$24,21,0),0)),0)</f>
        <v>0</v>
      </c>
      <c r="G3611" cm="1">
        <f t="array" ref="G3611">IFERROR(INDEX(Jesper!AK$2:AK$366,ROUNDDOWN($C3611/24,0)+1,1)*INDEX($D$3:$AA$30,INDEX(Jesper!$R$2:$R$366,ROW(INDEX(Jesper!AK$2:AK$366,ROUNDDOWN($C3611/24,0)+1,1))-1)+IF('Standard Profiles'!$G$21=$B$10,7,0)+IF('Standard Profiles'!$G$21=$B$17,14,0)+IF('Standard Profiles'!$G$21=$B$24,21,0),MOD($C3611,24)+1)/SUM(INDEX($D$3:$AA$30,INDEX(Jesper!$R$2:$R$366,ROW(INDEX(Jesper!AK$2:AK$366,ROUNDDOWN($C3611/24,0)+1,1))-1)+IF('Standard Profiles'!$G$21=$B$10,7,0)+IF('Standard Profiles'!$G$21=$B$17,14,0)+IF('Standard Profiles'!$G$21=$B$24,21,0),0)),0)</f>
        <v>0.40542139853535358</v>
      </c>
      <c r="H3611" cm="1">
        <f t="array" ref="H3611">IFERROR(INDEX(Jesper!AL$2:AL$366,ROUNDDOWN($C3611/24,0)+1,1)*INDEX($D$3:$AA$30,INDEX(Jesper!$R$2:$R$366,ROW(INDEX(Jesper!AL$2:AL$366,ROUNDDOWN($C3611/24,0)+1,1))-1)+IF('Standard Profiles'!$G$22=$B$10,7,0)+IF('Standard Profiles'!$G$22=$B$17,14,0)+IF('Standard Profiles'!$G$22=$B$24,21,0),MOD($C3611,24)+1)/SUM(INDEX($D$3:$AA$30,INDEX(Jesper!$R$2:$R$366,ROW(INDEX(Jesper!AL$2:AL$366,ROUNDDOWN($C3611/24,0)+1,1))-1)+IF('Standard Profiles'!$G$22=$B$10,7,0)+IF('Standard Profiles'!$G$22=$B$17,14,0)+IF('Standard Profiles'!$G$22=$B$24,21,0),0)),0)</f>
        <v>0</v>
      </c>
      <c r="I3611">
        <f t="shared" si="405"/>
        <v>0.19460227129696961</v>
      </c>
      <c r="J3611">
        <f t="shared" si="406"/>
        <v>7.0229256471244517</v>
      </c>
      <c r="K3611">
        <f t="shared" si="407"/>
        <v>0.56565567199153066</v>
      </c>
      <c r="L3611">
        <f t="shared" si="408"/>
        <v>0.28282783599576533</v>
      </c>
      <c r="M3611">
        <f t="shared" si="409"/>
        <v>0</v>
      </c>
      <c r="N3611" s="45">
        <f t="shared" si="410"/>
        <v>45076.041666657991</v>
      </c>
    </row>
    <row r="3612" spans="2:14" x14ac:dyDescent="0.25">
      <c r="B3612">
        <f t="shared" si="404"/>
        <v>2</v>
      </c>
      <c r="C3612" s="16">
        <v>3578</v>
      </c>
      <c r="D3612" cm="1">
        <f t="array" ref="D3612">IFERROR(INDEX(Jesper!AH$2:AH$366,ROUNDDOWN($C3612/24,0)+1,1)*INDEX($D$3:$AA$30,INDEX(Jesper!$R$2:$R$366,ROW(INDEX(Jesper!AH$2:AH$366,ROUNDDOWN($C3612/24,0)+1,1))-1)+IF('Standard Profiles'!$G$18=$B$10,7,0)+IF('Standard Profiles'!$G$18=$B$17,14,0)+IF('Standard Profiles'!$G$18=$B$24,21,0),MOD($C3612,24)+1)/SUM(INDEX($D$3:$AA$30,INDEX(Jesper!$R$2:$R$366,ROW(INDEX(Jesper!AH$2:AH$366,ROUNDDOWN($C3612/24,0)+1,1))-1)+IF('Standard Profiles'!$G$18=$B$10,7,0)+IF('Standard Profiles'!$G$18=$B$17,14,0)+IF('Standard Profiles'!$G$18=$B$24,21,0),0)),0)</f>
        <v>5.3030219249205999</v>
      </c>
      <c r="E3612" cm="1">
        <f t="array" ref="E3612">IFERROR(INDEX(Jesper!AI$2:AI$366,ROUNDDOWN($C3612/24,0)+1,1)*INDEX($D$3:$AA$30,INDEX(Jesper!$R$2:$R$366,ROW(INDEX(Jesper!AI$2:AI$366,ROUNDDOWN($C3612/24,0)+1,1))-1)+IF('Standard Profiles'!$G$19=$B$10,7,0)+IF('Standard Profiles'!$G$19=$B$17,14,0)+IF('Standard Profiles'!$G$19=$B$24,21,0),MOD($C3612,24)+1)/SUM(INDEX($D$3:$AA$30,INDEX(Jesper!$R$2:$R$366,ROW(INDEX(Jesper!AI$2:AI$366,ROUNDDOWN($C3612/24,0)+1,1))-1)+IF('Standard Profiles'!$G$19=$B$10,7,0)+IF('Standard Profiles'!$G$19=$B$17,14,0)+IF('Standard Profiles'!$G$19=$B$24,21,0),0)),0)</f>
        <v>2.3575681029527642</v>
      </c>
      <c r="F3612" cm="1">
        <f t="array" ref="F3612">IFERROR(INDEX(Jesper!AJ$2:AJ$366,ROUNDDOWN($C3612/24,0)+1,1)*INDEX($D$3:$AA$30,INDEX(Jesper!$R$2:$R$366,ROW(INDEX(Jesper!AJ$2:AJ$366,ROUNDDOWN($C3612/24,0)+1,1))-1)+IF('Standard Profiles'!$G$20=$B$10,7,0)+IF('Standard Profiles'!$G$20=$B$17,14,0)+IF('Standard Profiles'!$G$20=$B$24,21,0),MOD($C3612,24)+1)/SUM(INDEX($D$3:$AA$30,INDEX(Jesper!$R$2:$R$366,ROW(INDEX(Jesper!AJ$2:AJ$366,ROUNDDOWN($C3612/24,0)+1,1))-1)+IF('Standard Profiles'!$G$20=$B$10,7,0)+IF('Standard Profiles'!$G$20=$B$17,14,0)+IF('Standard Profiles'!$G$20=$B$24,21,0),0)),0)</f>
        <v>0</v>
      </c>
      <c r="G3612" cm="1">
        <f t="array" ref="G3612">IFERROR(INDEX(Jesper!AK$2:AK$366,ROUNDDOWN($C3612/24,0)+1,1)*INDEX($D$3:$AA$30,INDEX(Jesper!$R$2:$R$366,ROW(INDEX(Jesper!AK$2:AK$366,ROUNDDOWN($C3612/24,0)+1,1))-1)+IF('Standard Profiles'!$G$21=$B$10,7,0)+IF('Standard Profiles'!$G$21=$B$17,14,0)+IF('Standard Profiles'!$G$21=$B$24,21,0),MOD($C3612,24)+1)/SUM(INDEX($D$3:$AA$30,INDEX(Jesper!$R$2:$R$366,ROW(INDEX(Jesper!AK$2:AK$366,ROUNDDOWN($C3612/24,0)+1,1))-1)+IF('Standard Profiles'!$G$21=$B$10,7,0)+IF('Standard Profiles'!$G$21=$B$17,14,0)+IF('Standard Profiles'!$G$21=$B$24,21,0),0)),0)</f>
        <v>0.40542139853535358</v>
      </c>
      <c r="H3612" cm="1">
        <f t="array" ref="H3612">IFERROR(INDEX(Jesper!AL$2:AL$366,ROUNDDOWN($C3612/24,0)+1,1)*INDEX($D$3:$AA$30,INDEX(Jesper!$R$2:$R$366,ROW(INDEX(Jesper!AL$2:AL$366,ROUNDDOWN($C3612/24,0)+1,1))-1)+IF('Standard Profiles'!$G$22=$B$10,7,0)+IF('Standard Profiles'!$G$22=$B$17,14,0)+IF('Standard Profiles'!$G$22=$B$24,21,0),MOD($C3612,24)+1)/SUM(INDEX($D$3:$AA$30,INDEX(Jesper!$R$2:$R$366,ROW(INDEX(Jesper!AL$2:AL$366,ROUNDDOWN($C3612/24,0)+1,1))-1)+IF('Standard Profiles'!$G$22=$B$10,7,0)+IF('Standard Profiles'!$G$22=$B$17,14,0)+IF('Standard Profiles'!$G$22=$B$24,21,0),0)),0)</f>
        <v>0</v>
      </c>
      <c r="I3612">
        <f t="shared" si="405"/>
        <v>0.19460227129696961</v>
      </c>
      <c r="J3612">
        <f t="shared" si="406"/>
        <v>7.0229256471244517</v>
      </c>
      <c r="K3612">
        <f t="shared" si="407"/>
        <v>0.56565567199153066</v>
      </c>
      <c r="L3612">
        <f t="shared" si="408"/>
        <v>0.28282783599576533</v>
      </c>
      <c r="M3612">
        <f t="shared" si="409"/>
        <v>0</v>
      </c>
      <c r="N3612" s="45">
        <f t="shared" si="410"/>
        <v>45076.083333324656</v>
      </c>
    </row>
    <row r="3613" spans="2:14" x14ac:dyDescent="0.25">
      <c r="B3613">
        <f t="shared" si="404"/>
        <v>2</v>
      </c>
      <c r="C3613" s="16">
        <v>3579</v>
      </c>
      <c r="D3613" cm="1">
        <f t="array" ref="D3613">IFERROR(INDEX(Jesper!AH$2:AH$366,ROUNDDOWN($C3613/24,0)+1,1)*INDEX($D$3:$AA$30,INDEX(Jesper!$R$2:$R$366,ROW(INDEX(Jesper!AH$2:AH$366,ROUNDDOWN($C3613/24,0)+1,1))-1)+IF('Standard Profiles'!$G$18=$B$10,7,0)+IF('Standard Profiles'!$G$18=$B$17,14,0)+IF('Standard Profiles'!$G$18=$B$24,21,0),MOD($C3613,24)+1)/SUM(INDEX($D$3:$AA$30,INDEX(Jesper!$R$2:$R$366,ROW(INDEX(Jesper!AH$2:AH$366,ROUNDDOWN($C3613/24,0)+1,1))-1)+IF('Standard Profiles'!$G$18=$B$10,7,0)+IF('Standard Profiles'!$G$18=$B$17,14,0)+IF('Standard Profiles'!$G$18=$B$24,21,0),0)),0)</f>
        <v>5.3030219249205999</v>
      </c>
      <c r="E3613" cm="1">
        <f t="array" ref="E3613">IFERROR(INDEX(Jesper!AI$2:AI$366,ROUNDDOWN($C3613/24,0)+1,1)*INDEX($D$3:$AA$30,INDEX(Jesper!$R$2:$R$366,ROW(INDEX(Jesper!AI$2:AI$366,ROUNDDOWN($C3613/24,0)+1,1))-1)+IF('Standard Profiles'!$G$19=$B$10,7,0)+IF('Standard Profiles'!$G$19=$B$17,14,0)+IF('Standard Profiles'!$G$19=$B$24,21,0),MOD($C3613,24)+1)/SUM(INDEX($D$3:$AA$30,INDEX(Jesper!$R$2:$R$366,ROW(INDEX(Jesper!AI$2:AI$366,ROUNDDOWN($C3613/24,0)+1,1))-1)+IF('Standard Profiles'!$G$19=$B$10,7,0)+IF('Standard Profiles'!$G$19=$B$17,14,0)+IF('Standard Profiles'!$G$19=$B$24,21,0),0)),0)</f>
        <v>2.3575681029527642</v>
      </c>
      <c r="F3613" cm="1">
        <f t="array" ref="F3613">IFERROR(INDEX(Jesper!AJ$2:AJ$366,ROUNDDOWN($C3613/24,0)+1,1)*INDEX($D$3:$AA$30,INDEX(Jesper!$R$2:$R$366,ROW(INDEX(Jesper!AJ$2:AJ$366,ROUNDDOWN($C3613/24,0)+1,1))-1)+IF('Standard Profiles'!$G$20=$B$10,7,0)+IF('Standard Profiles'!$G$20=$B$17,14,0)+IF('Standard Profiles'!$G$20=$B$24,21,0),MOD($C3613,24)+1)/SUM(INDEX($D$3:$AA$30,INDEX(Jesper!$R$2:$R$366,ROW(INDEX(Jesper!AJ$2:AJ$366,ROUNDDOWN($C3613/24,0)+1,1))-1)+IF('Standard Profiles'!$G$20=$B$10,7,0)+IF('Standard Profiles'!$G$20=$B$17,14,0)+IF('Standard Profiles'!$G$20=$B$24,21,0),0)),0)</f>
        <v>0</v>
      </c>
      <c r="G3613" cm="1">
        <f t="array" ref="G3613">IFERROR(INDEX(Jesper!AK$2:AK$366,ROUNDDOWN($C3613/24,0)+1,1)*INDEX($D$3:$AA$30,INDEX(Jesper!$R$2:$R$366,ROW(INDEX(Jesper!AK$2:AK$366,ROUNDDOWN($C3613/24,0)+1,1))-1)+IF('Standard Profiles'!$G$21=$B$10,7,0)+IF('Standard Profiles'!$G$21=$B$17,14,0)+IF('Standard Profiles'!$G$21=$B$24,21,0),MOD($C3613,24)+1)/SUM(INDEX($D$3:$AA$30,INDEX(Jesper!$R$2:$R$366,ROW(INDEX(Jesper!AK$2:AK$366,ROUNDDOWN($C3613/24,0)+1,1))-1)+IF('Standard Profiles'!$G$21=$B$10,7,0)+IF('Standard Profiles'!$G$21=$B$17,14,0)+IF('Standard Profiles'!$G$21=$B$24,21,0),0)),0)</f>
        <v>0.40542139853535358</v>
      </c>
      <c r="H3613" cm="1">
        <f t="array" ref="H3613">IFERROR(INDEX(Jesper!AL$2:AL$366,ROUNDDOWN($C3613/24,0)+1,1)*INDEX($D$3:$AA$30,INDEX(Jesper!$R$2:$R$366,ROW(INDEX(Jesper!AL$2:AL$366,ROUNDDOWN($C3613/24,0)+1,1))-1)+IF('Standard Profiles'!$G$22=$B$10,7,0)+IF('Standard Profiles'!$G$22=$B$17,14,0)+IF('Standard Profiles'!$G$22=$B$24,21,0),MOD($C3613,24)+1)/SUM(INDEX($D$3:$AA$30,INDEX(Jesper!$R$2:$R$366,ROW(INDEX(Jesper!AL$2:AL$366,ROUNDDOWN($C3613/24,0)+1,1))-1)+IF('Standard Profiles'!$G$22=$B$10,7,0)+IF('Standard Profiles'!$G$22=$B$17,14,0)+IF('Standard Profiles'!$G$22=$B$24,21,0),0)),0)</f>
        <v>0</v>
      </c>
      <c r="I3613">
        <f t="shared" si="405"/>
        <v>0.19460227129696961</v>
      </c>
      <c r="J3613">
        <f t="shared" si="406"/>
        <v>7.0229256471244517</v>
      </c>
      <c r="K3613">
        <f t="shared" si="407"/>
        <v>0.56565567199153066</v>
      </c>
      <c r="L3613">
        <f t="shared" si="408"/>
        <v>0.28282783599576533</v>
      </c>
      <c r="M3613">
        <f t="shared" si="409"/>
        <v>0</v>
      </c>
      <c r="N3613" s="45">
        <f t="shared" si="410"/>
        <v>45076.12499999132</v>
      </c>
    </row>
    <row r="3614" spans="2:14" x14ac:dyDescent="0.25">
      <c r="B3614">
        <f t="shared" si="404"/>
        <v>2</v>
      </c>
      <c r="C3614" s="16">
        <v>3580</v>
      </c>
      <c r="D3614" cm="1">
        <f t="array" ref="D3614">IFERROR(INDEX(Jesper!AH$2:AH$366,ROUNDDOWN($C3614/24,0)+1,1)*INDEX($D$3:$AA$30,INDEX(Jesper!$R$2:$R$366,ROW(INDEX(Jesper!AH$2:AH$366,ROUNDDOWN($C3614/24,0)+1,1))-1)+IF('Standard Profiles'!$G$18=$B$10,7,0)+IF('Standard Profiles'!$G$18=$B$17,14,0)+IF('Standard Profiles'!$G$18=$B$24,21,0),MOD($C3614,24)+1)/SUM(INDEX($D$3:$AA$30,INDEX(Jesper!$R$2:$R$366,ROW(INDEX(Jesper!AH$2:AH$366,ROUNDDOWN($C3614/24,0)+1,1))-1)+IF('Standard Profiles'!$G$18=$B$10,7,0)+IF('Standard Profiles'!$G$18=$B$17,14,0)+IF('Standard Profiles'!$G$18=$B$24,21,0),0)),0)</f>
        <v>5.3030219249205999</v>
      </c>
      <c r="E3614" cm="1">
        <f t="array" ref="E3614">IFERROR(INDEX(Jesper!AI$2:AI$366,ROUNDDOWN($C3614/24,0)+1,1)*INDEX($D$3:$AA$30,INDEX(Jesper!$R$2:$R$366,ROW(INDEX(Jesper!AI$2:AI$366,ROUNDDOWN($C3614/24,0)+1,1))-1)+IF('Standard Profiles'!$G$19=$B$10,7,0)+IF('Standard Profiles'!$G$19=$B$17,14,0)+IF('Standard Profiles'!$G$19=$B$24,21,0),MOD($C3614,24)+1)/SUM(INDEX($D$3:$AA$30,INDEX(Jesper!$R$2:$R$366,ROW(INDEX(Jesper!AI$2:AI$366,ROUNDDOWN($C3614/24,0)+1,1))-1)+IF('Standard Profiles'!$G$19=$B$10,7,0)+IF('Standard Profiles'!$G$19=$B$17,14,0)+IF('Standard Profiles'!$G$19=$B$24,21,0),0)),0)</f>
        <v>2.3575681029527642</v>
      </c>
      <c r="F3614" cm="1">
        <f t="array" ref="F3614">IFERROR(INDEX(Jesper!AJ$2:AJ$366,ROUNDDOWN($C3614/24,0)+1,1)*INDEX($D$3:$AA$30,INDEX(Jesper!$R$2:$R$366,ROW(INDEX(Jesper!AJ$2:AJ$366,ROUNDDOWN($C3614/24,0)+1,1))-1)+IF('Standard Profiles'!$G$20=$B$10,7,0)+IF('Standard Profiles'!$G$20=$B$17,14,0)+IF('Standard Profiles'!$G$20=$B$24,21,0),MOD($C3614,24)+1)/SUM(INDEX($D$3:$AA$30,INDEX(Jesper!$R$2:$R$366,ROW(INDEX(Jesper!AJ$2:AJ$366,ROUNDDOWN($C3614/24,0)+1,1))-1)+IF('Standard Profiles'!$G$20=$B$10,7,0)+IF('Standard Profiles'!$G$20=$B$17,14,0)+IF('Standard Profiles'!$G$20=$B$24,21,0),0)),0)</f>
        <v>0</v>
      </c>
      <c r="G3614" cm="1">
        <f t="array" ref="G3614">IFERROR(INDEX(Jesper!AK$2:AK$366,ROUNDDOWN($C3614/24,0)+1,1)*INDEX($D$3:$AA$30,INDEX(Jesper!$R$2:$R$366,ROW(INDEX(Jesper!AK$2:AK$366,ROUNDDOWN($C3614/24,0)+1,1))-1)+IF('Standard Profiles'!$G$21=$B$10,7,0)+IF('Standard Profiles'!$G$21=$B$17,14,0)+IF('Standard Profiles'!$G$21=$B$24,21,0),MOD($C3614,24)+1)/SUM(INDEX($D$3:$AA$30,INDEX(Jesper!$R$2:$R$366,ROW(INDEX(Jesper!AK$2:AK$366,ROUNDDOWN($C3614/24,0)+1,1))-1)+IF('Standard Profiles'!$G$21=$B$10,7,0)+IF('Standard Profiles'!$G$21=$B$17,14,0)+IF('Standard Profiles'!$G$21=$B$24,21,0),0)),0)</f>
        <v>0.40542139853535358</v>
      </c>
      <c r="H3614" cm="1">
        <f t="array" ref="H3614">IFERROR(INDEX(Jesper!AL$2:AL$366,ROUNDDOWN($C3614/24,0)+1,1)*INDEX($D$3:$AA$30,INDEX(Jesper!$R$2:$R$366,ROW(INDEX(Jesper!AL$2:AL$366,ROUNDDOWN($C3614/24,0)+1,1))-1)+IF('Standard Profiles'!$G$22=$B$10,7,0)+IF('Standard Profiles'!$G$22=$B$17,14,0)+IF('Standard Profiles'!$G$22=$B$24,21,0),MOD($C3614,24)+1)/SUM(INDEX($D$3:$AA$30,INDEX(Jesper!$R$2:$R$366,ROW(INDEX(Jesper!AL$2:AL$366,ROUNDDOWN($C3614/24,0)+1,1))-1)+IF('Standard Profiles'!$G$22=$B$10,7,0)+IF('Standard Profiles'!$G$22=$B$17,14,0)+IF('Standard Profiles'!$G$22=$B$24,21,0),0)),0)</f>
        <v>0</v>
      </c>
      <c r="I3614">
        <f t="shared" si="405"/>
        <v>0.19460227129696961</v>
      </c>
      <c r="J3614">
        <f t="shared" si="406"/>
        <v>7.0229256471244517</v>
      </c>
      <c r="K3614">
        <f t="shared" si="407"/>
        <v>0.56565567199153066</v>
      </c>
      <c r="L3614">
        <f t="shared" si="408"/>
        <v>0.28282783599576533</v>
      </c>
      <c r="M3614">
        <f t="shared" si="409"/>
        <v>0</v>
      </c>
      <c r="N3614" s="45">
        <f t="shared" si="410"/>
        <v>45076.166666657984</v>
      </c>
    </row>
    <row r="3615" spans="2:14" x14ac:dyDescent="0.25">
      <c r="B3615">
        <f t="shared" si="404"/>
        <v>2</v>
      </c>
      <c r="C3615" s="16">
        <v>3581</v>
      </c>
      <c r="D3615" cm="1">
        <f t="array" ref="D3615">IFERROR(INDEX(Jesper!AH$2:AH$366,ROUNDDOWN($C3615/24,0)+1,1)*INDEX($D$3:$AA$30,INDEX(Jesper!$R$2:$R$366,ROW(INDEX(Jesper!AH$2:AH$366,ROUNDDOWN($C3615/24,0)+1,1))-1)+IF('Standard Profiles'!$G$18=$B$10,7,0)+IF('Standard Profiles'!$G$18=$B$17,14,0)+IF('Standard Profiles'!$G$18=$B$24,21,0),MOD($C3615,24)+1)/SUM(INDEX($D$3:$AA$30,INDEX(Jesper!$R$2:$R$366,ROW(INDEX(Jesper!AH$2:AH$366,ROUNDDOWN($C3615/24,0)+1,1))-1)+IF('Standard Profiles'!$G$18=$B$10,7,0)+IF('Standard Profiles'!$G$18=$B$17,14,0)+IF('Standard Profiles'!$G$18=$B$24,21,0),0)),0)</f>
        <v>5.3030219249205999</v>
      </c>
      <c r="E3615" cm="1">
        <f t="array" ref="E3615">IFERROR(INDEX(Jesper!AI$2:AI$366,ROUNDDOWN($C3615/24,0)+1,1)*INDEX($D$3:$AA$30,INDEX(Jesper!$R$2:$R$366,ROW(INDEX(Jesper!AI$2:AI$366,ROUNDDOWN($C3615/24,0)+1,1))-1)+IF('Standard Profiles'!$G$19=$B$10,7,0)+IF('Standard Profiles'!$G$19=$B$17,14,0)+IF('Standard Profiles'!$G$19=$B$24,21,0),MOD($C3615,24)+1)/SUM(INDEX($D$3:$AA$30,INDEX(Jesper!$R$2:$R$366,ROW(INDEX(Jesper!AI$2:AI$366,ROUNDDOWN($C3615/24,0)+1,1))-1)+IF('Standard Profiles'!$G$19=$B$10,7,0)+IF('Standard Profiles'!$G$19=$B$17,14,0)+IF('Standard Profiles'!$G$19=$B$24,21,0),0)),0)</f>
        <v>2.3575681029527642</v>
      </c>
      <c r="F3615" cm="1">
        <f t="array" ref="F3615">IFERROR(INDEX(Jesper!AJ$2:AJ$366,ROUNDDOWN($C3615/24,0)+1,1)*INDEX($D$3:$AA$30,INDEX(Jesper!$R$2:$R$366,ROW(INDEX(Jesper!AJ$2:AJ$366,ROUNDDOWN($C3615/24,0)+1,1))-1)+IF('Standard Profiles'!$G$20=$B$10,7,0)+IF('Standard Profiles'!$G$20=$B$17,14,0)+IF('Standard Profiles'!$G$20=$B$24,21,0),MOD($C3615,24)+1)/SUM(INDEX($D$3:$AA$30,INDEX(Jesper!$R$2:$R$366,ROW(INDEX(Jesper!AJ$2:AJ$366,ROUNDDOWN($C3615/24,0)+1,1))-1)+IF('Standard Profiles'!$G$20=$B$10,7,0)+IF('Standard Profiles'!$G$20=$B$17,14,0)+IF('Standard Profiles'!$G$20=$B$24,21,0),0)),0)</f>
        <v>0</v>
      </c>
      <c r="G3615" cm="1">
        <f t="array" ref="G3615">IFERROR(INDEX(Jesper!AK$2:AK$366,ROUNDDOWN($C3615/24,0)+1,1)*INDEX($D$3:$AA$30,INDEX(Jesper!$R$2:$R$366,ROW(INDEX(Jesper!AK$2:AK$366,ROUNDDOWN($C3615/24,0)+1,1))-1)+IF('Standard Profiles'!$G$21=$B$10,7,0)+IF('Standard Profiles'!$G$21=$B$17,14,0)+IF('Standard Profiles'!$G$21=$B$24,21,0),MOD($C3615,24)+1)/SUM(INDEX($D$3:$AA$30,INDEX(Jesper!$R$2:$R$366,ROW(INDEX(Jesper!AK$2:AK$366,ROUNDDOWN($C3615/24,0)+1,1))-1)+IF('Standard Profiles'!$G$21=$B$10,7,0)+IF('Standard Profiles'!$G$21=$B$17,14,0)+IF('Standard Profiles'!$G$21=$B$24,21,0),0)),0)</f>
        <v>0.40542139853535358</v>
      </c>
      <c r="H3615" cm="1">
        <f t="array" ref="H3615">IFERROR(INDEX(Jesper!AL$2:AL$366,ROUNDDOWN($C3615/24,0)+1,1)*INDEX($D$3:$AA$30,INDEX(Jesper!$R$2:$R$366,ROW(INDEX(Jesper!AL$2:AL$366,ROUNDDOWN($C3615/24,0)+1,1))-1)+IF('Standard Profiles'!$G$22=$B$10,7,0)+IF('Standard Profiles'!$G$22=$B$17,14,0)+IF('Standard Profiles'!$G$22=$B$24,21,0),MOD($C3615,24)+1)/SUM(INDEX($D$3:$AA$30,INDEX(Jesper!$R$2:$R$366,ROW(INDEX(Jesper!AL$2:AL$366,ROUNDDOWN($C3615/24,0)+1,1))-1)+IF('Standard Profiles'!$G$22=$B$10,7,0)+IF('Standard Profiles'!$G$22=$B$17,14,0)+IF('Standard Profiles'!$G$22=$B$24,21,0),0)),0)</f>
        <v>0</v>
      </c>
      <c r="I3615">
        <f t="shared" si="405"/>
        <v>0.19460227129696961</v>
      </c>
      <c r="J3615">
        <f t="shared" si="406"/>
        <v>7.0229256471244517</v>
      </c>
      <c r="K3615">
        <f t="shared" si="407"/>
        <v>0.56565567199153066</v>
      </c>
      <c r="L3615">
        <f t="shared" si="408"/>
        <v>0.28282783599576533</v>
      </c>
      <c r="M3615">
        <f t="shared" si="409"/>
        <v>0</v>
      </c>
      <c r="N3615" s="45">
        <f t="shared" si="410"/>
        <v>45076.208333324648</v>
      </c>
    </row>
    <row r="3616" spans="2:14" x14ac:dyDescent="0.25">
      <c r="B3616">
        <f t="shared" si="404"/>
        <v>2</v>
      </c>
      <c r="C3616" s="16">
        <v>3582</v>
      </c>
      <c r="D3616" cm="1">
        <f t="array" ref="D3616">IFERROR(INDEX(Jesper!AH$2:AH$366,ROUNDDOWN($C3616/24,0)+1,1)*INDEX($D$3:$AA$30,INDEX(Jesper!$R$2:$R$366,ROW(INDEX(Jesper!AH$2:AH$366,ROUNDDOWN($C3616/24,0)+1,1))-1)+IF('Standard Profiles'!$G$18=$B$10,7,0)+IF('Standard Profiles'!$G$18=$B$17,14,0)+IF('Standard Profiles'!$G$18=$B$24,21,0),MOD($C3616,24)+1)/SUM(INDEX($D$3:$AA$30,INDEX(Jesper!$R$2:$R$366,ROW(INDEX(Jesper!AH$2:AH$366,ROUNDDOWN($C3616/24,0)+1,1))-1)+IF('Standard Profiles'!$G$18=$B$10,7,0)+IF('Standard Profiles'!$G$18=$B$17,14,0)+IF('Standard Profiles'!$G$18=$B$24,21,0),0)),0)</f>
        <v>5.3030219249205999</v>
      </c>
      <c r="E3616" cm="1">
        <f t="array" ref="E3616">IFERROR(INDEX(Jesper!AI$2:AI$366,ROUNDDOWN($C3616/24,0)+1,1)*INDEX($D$3:$AA$30,INDEX(Jesper!$R$2:$R$366,ROW(INDEX(Jesper!AI$2:AI$366,ROUNDDOWN($C3616/24,0)+1,1))-1)+IF('Standard Profiles'!$G$19=$B$10,7,0)+IF('Standard Profiles'!$G$19=$B$17,14,0)+IF('Standard Profiles'!$G$19=$B$24,21,0),MOD($C3616,24)+1)/SUM(INDEX($D$3:$AA$30,INDEX(Jesper!$R$2:$R$366,ROW(INDEX(Jesper!AI$2:AI$366,ROUNDDOWN($C3616/24,0)+1,1))-1)+IF('Standard Profiles'!$G$19=$B$10,7,0)+IF('Standard Profiles'!$G$19=$B$17,14,0)+IF('Standard Profiles'!$G$19=$B$24,21,0),0)),0)</f>
        <v>2.3575681029527642</v>
      </c>
      <c r="F3616" cm="1">
        <f t="array" ref="F3616">IFERROR(INDEX(Jesper!AJ$2:AJ$366,ROUNDDOWN($C3616/24,0)+1,1)*INDEX($D$3:$AA$30,INDEX(Jesper!$R$2:$R$366,ROW(INDEX(Jesper!AJ$2:AJ$366,ROUNDDOWN($C3616/24,0)+1,1))-1)+IF('Standard Profiles'!$G$20=$B$10,7,0)+IF('Standard Profiles'!$G$20=$B$17,14,0)+IF('Standard Profiles'!$G$20=$B$24,21,0),MOD($C3616,24)+1)/SUM(INDEX($D$3:$AA$30,INDEX(Jesper!$R$2:$R$366,ROW(INDEX(Jesper!AJ$2:AJ$366,ROUNDDOWN($C3616/24,0)+1,1))-1)+IF('Standard Profiles'!$G$20=$B$10,7,0)+IF('Standard Profiles'!$G$20=$B$17,14,0)+IF('Standard Profiles'!$G$20=$B$24,21,0),0)),0)</f>
        <v>0</v>
      </c>
      <c r="G3616" cm="1">
        <f t="array" ref="G3616">IFERROR(INDEX(Jesper!AK$2:AK$366,ROUNDDOWN($C3616/24,0)+1,1)*INDEX($D$3:$AA$30,INDEX(Jesper!$R$2:$R$366,ROW(INDEX(Jesper!AK$2:AK$366,ROUNDDOWN($C3616/24,0)+1,1))-1)+IF('Standard Profiles'!$G$21=$B$10,7,0)+IF('Standard Profiles'!$G$21=$B$17,14,0)+IF('Standard Profiles'!$G$21=$B$24,21,0),MOD($C3616,24)+1)/SUM(INDEX($D$3:$AA$30,INDEX(Jesper!$R$2:$R$366,ROW(INDEX(Jesper!AK$2:AK$366,ROUNDDOWN($C3616/24,0)+1,1))-1)+IF('Standard Profiles'!$G$21=$B$10,7,0)+IF('Standard Profiles'!$G$21=$B$17,14,0)+IF('Standard Profiles'!$G$21=$B$24,21,0),0)),0)</f>
        <v>0.40542139853535358</v>
      </c>
      <c r="H3616" cm="1">
        <f t="array" ref="H3616">IFERROR(INDEX(Jesper!AL$2:AL$366,ROUNDDOWN($C3616/24,0)+1,1)*INDEX($D$3:$AA$30,INDEX(Jesper!$R$2:$R$366,ROW(INDEX(Jesper!AL$2:AL$366,ROUNDDOWN($C3616/24,0)+1,1))-1)+IF('Standard Profiles'!$G$22=$B$10,7,0)+IF('Standard Profiles'!$G$22=$B$17,14,0)+IF('Standard Profiles'!$G$22=$B$24,21,0),MOD($C3616,24)+1)/SUM(INDEX($D$3:$AA$30,INDEX(Jesper!$R$2:$R$366,ROW(INDEX(Jesper!AL$2:AL$366,ROUNDDOWN($C3616/24,0)+1,1))-1)+IF('Standard Profiles'!$G$22=$B$10,7,0)+IF('Standard Profiles'!$G$22=$B$17,14,0)+IF('Standard Profiles'!$G$22=$B$24,21,0),0)),0)</f>
        <v>0</v>
      </c>
      <c r="I3616">
        <f t="shared" si="405"/>
        <v>0.19460227129696961</v>
      </c>
      <c r="J3616">
        <f t="shared" si="406"/>
        <v>7.0229256471244517</v>
      </c>
      <c r="K3616">
        <f t="shared" si="407"/>
        <v>0.56565567199153066</v>
      </c>
      <c r="L3616">
        <f t="shared" si="408"/>
        <v>0.28282783599576533</v>
      </c>
      <c r="M3616">
        <f t="shared" si="409"/>
        <v>0</v>
      </c>
      <c r="N3616" s="45">
        <f t="shared" si="410"/>
        <v>45076.249999991313</v>
      </c>
    </row>
    <row r="3617" spans="2:14" x14ac:dyDescent="0.25">
      <c r="B3617">
        <f t="shared" si="404"/>
        <v>2</v>
      </c>
      <c r="C3617" s="16">
        <v>3583</v>
      </c>
      <c r="D3617" cm="1">
        <f t="array" ref="D3617">IFERROR(INDEX(Jesper!AH$2:AH$366,ROUNDDOWN($C3617/24,0)+1,1)*INDEX($D$3:$AA$30,INDEX(Jesper!$R$2:$R$366,ROW(INDEX(Jesper!AH$2:AH$366,ROUNDDOWN($C3617/24,0)+1,1))-1)+IF('Standard Profiles'!$G$18=$B$10,7,0)+IF('Standard Profiles'!$G$18=$B$17,14,0)+IF('Standard Profiles'!$G$18=$B$24,21,0),MOD($C3617,24)+1)/SUM(INDEX($D$3:$AA$30,INDEX(Jesper!$R$2:$R$366,ROW(INDEX(Jesper!AH$2:AH$366,ROUNDDOWN($C3617/24,0)+1,1))-1)+IF('Standard Profiles'!$G$18=$B$10,7,0)+IF('Standard Profiles'!$G$18=$B$17,14,0)+IF('Standard Profiles'!$G$18=$B$24,21,0),0)),0)</f>
        <v>22.355551802243401</v>
      </c>
      <c r="E3617" cm="1">
        <f t="array" ref="E3617">IFERROR(INDEX(Jesper!AI$2:AI$366,ROUNDDOWN($C3617/24,0)+1,1)*INDEX($D$3:$AA$30,INDEX(Jesper!$R$2:$R$366,ROW(INDEX(Jesper!AI$2:AI$366,ROUNDDOWN($C3617/24,0)+1,1))-1)+IF('Standard Profiles'!$G$19=$B$10,7,0)+IF('Standard Profiles'!$G$19=$B$17,14,0)+IF('Standard Profiles'!$G$19=$B$24,21,0),MOD($C3617,24)+1)/SUM(INDEX($D$3:$AA$30,INDEX(Jesper!$R$2:$R$366,ROW(INDEX(Jesper!AI$2:AI$366,ROUNDDOWN($C3617/24,0)+1,1))-1)+IF('Standard Profiles'!$G$19=$B$10,7,0)+IF('Standard Profiles'!$G$19=$B$17,14,0)+IF('Standard Profiles'!$G$19=$B$24,21,0),0)),0)</f>
        <v>9.9386230340102433</v>
      </c>
      <c r="F3617" cm="1">
        <f t="array" ref="F3617">IFERROR(INDEX(Jesper!AJ$2:AJ$366,ROUNDDOWN($C3617/24,0)+1,1)*INDEX($D$3:$AA$30,INDEX(Jesper!$R$2:$R$366,ROW(INDEX(Jesper!AJ$2:AJ$366,ROUNDDOWN($C3617/24,0)+1,1))-1)+IF('Standard Profiles'!$G$20=$B$10,7,0)+IF('Standard Profiles'!$G$20=$B$17,14,0)+IF('Standard Profiles'!$G$20=$B$24,21,0),MOD($C3617,24)+1)/SUM(INDEX($D$3:$AA$30,INDEX(Jesper!$R$2:$R$366,ROW(INDEX(Jesper!AJ$2:AJ$366,ROUNDDOWN($C3617/24,0)+1,1))-1)+IF('Standard Profiles'!$G$20=$B$10,7,0)+IF('Standard Profiles'!$G$20=$B$17,14,0)+IF('Standard Profiles'!$G$20=$B$24,21,0),0)),0)</f>
        <v>0</v>
      </c>
      <c r="G3617" cm="1">
        <f t="array" ref="G3617">IFERROR(INDEX(Jesper!AK$2:AK$366,ROUNDDOWN($C3617/24,0)+1,1)*INDEX($D$3:$AA$30,INDEX(Jesper!$R$2:$R$366,ROW(INDEX(Jesper!AK$2:AK$366,ROUNDDOWN($C3617/24,0)+1,1))-1)+IF('Standard Profiles'!$G$21=$B$10,7,0)+IF('Standard Profiles'!$G$21=$B$17,14,0)+IF('Standard Profiles'!$G$21=$B$24,21,0),MOD($C3617,24)+1)/SUM(INDEX($D$3:$AA$30,INDEX(Jesper!$R$2:$R$366,ROW(INDEX(Jesper!AK$2:AK$366,ROUNDDOWN($C3617/24,0)+1,1))-1)+IF('Standard Profiles'!$G$21=$B$10,7,0)+IF('Standard Profiles'!$G$21=$B$17,14,0)+IF('Standard Profiles'!$G$21=$B$24,21,0),0)),0)</f>
        <v>1.1678751899744215</v>
      </c>
      <c r="H3617" cm="1">
        <f t="array" ref="H3617">IFERROR(INDEX(Jesper!AL$2:AL$366,ROUNDDOWN($C3617/24,0)+1,1)*INDEX($D$3:$AA$30,INDEX(Jesper!$R$2:$R$366,ROW(INDEX(Jesper!AL$2:AL$366,ROUNDDOWN($C3617/24,0)+1,1))-1)+IF('Standard Profiles'!$G$22=$B$10,7,0)+IF('Standard Profiles'!$G$22=$B$17,14,0)+IF('Standard Profiles'!$G$22=$B$24,21,0),MOD($C3617,24)+1)/SUM(INDEX($D$3:$AA$30,INDEX(Jesper!$R$2:$R$366,ROW(INDEX(Jesper!AL$2:AL$366,ROUNDDOWN($C3617/24,0)+1,1))-1)+IF('Standard Profiles'!$G$22=$B$10,7,0)+IF('Standard Profiles'!$G$22=$B$17,14,0)+IF('Standard Profiles'!$G$22=$B$24,21,0),0)),0)</f>
        <v>0</v>
      </c>
      <c r="I3617">
        <f t="shared" si="405"/>
        <v>0.56058009118772201</v>
      </c>
      <c r="J3617">
        <f t="shared" si="406"/>
        <v>29.324581646681402</v>
      </c>
      <c r="K3617">
        <f t="shared" si="407"/>
        <v>2.3845921922392961</v>
      </c>
      <c r="L3617">
        <f t="shared" si="408"/>
        <v>1.192296096119648</v>
      </c>
      <c r="M3617">
        <f t="shared" si="409"/>
        <v>0</v>
      </c>
      <c r="N3617" s="45">
        <f t="shared" si="410"/>
        <v>45076.291666657977</v>
      </c>
    </row>
    <row r="3618" spans="2:14" x14ac:dyDescent="0.25">
      <c r="B3618">
        <f t="shared" si="404"/>
        <v>2</v>
      </c>
      <c r="C3618" s="16">
        <v>3584</v>
      </c>
      <c r="D3618" cm="1">
        <f t="array" ref="D3618">IFERROR(INDEX(Jesper!AH$2:AH$366,ROUNDDOWN($C3618/24,0)+1,1)*INDEX($D$3:$AA$30,INDEX(Jesper!$R$2:$R$366,ROW(INDEX(Jesper!AH$2:AH$366,ROUNDDOWN($C3618/24,0)+1,1))-1)+IF('Standard Profiles'!$G$18=$B$10,7,0)+IF('Standard Profiles'!$G$18=$B$17,14,0)+IF('Standard Profiles'!$G$18=$B$24,21,0),MOD($C3618,24)+1)/SUM(INDEX($D$3:$AA$30,INDEX(Jesper!$R$2:$R$366,ROW(INDEX(Jesper!AH$2:AH$366,ROUNDDOWN($C3618/24,0)+1,1))-1)+IF('Standard Profiles'!$G$18=$B$10,7,0)+IF('Standard Profiles'!$G$18=$B$17,14,0)+IF('Standard Profiles'!$G$18=$B$24,21,0),0)),0)</f>
        <v>24.944089379345268</v>
      </c>
      <c r="E3618" cm="1">
        <f t="array" ref="E3618">IFERROR(INDEX(Jesper!AI$2:AI$366,ROUNDDOWN($C3618/24,0)+1,1)*INDEX($D$3:$AA$30,INDEX(Jesper!$R$2:$R$366,ROW(INDEX(Jesper!AI$2:AI$366,ROUNDDOWN($C3618/24,0)+1,1))-1)+IF('Standard Profiles'!$G$19=$B$10,7,0)+IF('Standard Profiles'!$G$19=$B$17,14,0)+IF('Standard Profiles'!$G$19=$B$24,21,0),MOD($C3618,24)+1)/SUM(INDEX($D$3:$AA$30,INDEX(Jesper!$R$2:$R$366,ROW(INDEX(Jesper!AI$2:AI$366,ROUNDDOWN($C3618/24,0)+1,1))-1)+IF('Standard Profiles'!$G$19=$B$10,7,0)+IF('Standard Profiles'!$G$19=$B$17,14,0)+IF('Standard Profiles'!$G$19=$B$24,21,0),0)),0)</f>
        <v>11.089410964264063</v>
      </c>
      <c r="F3618" cm="1">
        <f t="array" ref="F3618">IFERROR(INDEX(Jesper!AJ$2:AJ$366,ROUNDDOWN($C3618/24,0)+1,1)*INDEX($D$3:$AA$30,INDEX(Jesper!$R$2:$R$366,ROW(INDEX(Jesper!AJ$2:AJ$366,ROUNDDOWN($C3618/24,0)+1,1))-1)+IF('Standard Profiles'!$G$20=$B$10,7,0)+IF('Standard Profiles'!$G$20=$B$17,14,0)+IF('Standard Profiles'!$G$20=$B$24,21,0),MOD($C3618,24)+1)/SUM(INDEX($D$3:$AA$30,INDEX(Jesper!$R$2:$R$366,ROW(INDEX(Jesper!AJ$2:AJ$366,ROUNDDOWN($C3618/24,0)+1,1))-1)+IF('Standard Profiles'!$G$20=$B$10,7,0)+IF('Standard Profiles'!$G$20=$B$17,14,0)+IF('Standard Profiles'!$G$20=$B$24,21,0),0)),0)</f>
        <v>0</v>
      </c>
      <c r="G3618" cm="1">
        <f t="array" ref="G3618">IFERROR(INDEX(Jesper!AK$2:AK$366,ROUNDDOWN($C3618/24,0)+1,1)*INDEX($D$3:$AA$30,INDEX(Jesper!$R$2:$R$366,ROW(INDEX(Jesper!AK$2:AK$366,ROUNDDOWN($C3618/24,0)+1,1))-1)+IF('Standard Profiles'!$G$21=$B$10,7,0)+IF('Standard Profiles'!$G$21=$B$17,14,0)+IF('Standard Profiles'!$G$21=$B$24,21,0),MOD($C3618,24)+1)/SUM(INDEX($D$3:$AA$30,INDEX(Jesper!$R$2:$R$366,ROW(INDEX(Jesper!AK$2:AK$366,ROUNDDOWN($C3618/24,0)+1,1))-1)+IF('Standard Profiles'!$G$21=$B$10,7,0)+IF('Standard Profiles'!$G$21=$B$17,14,0)+IF('Standard Profiles'!$G$21=$B$24,21,0),0)),0)</f>
        <v>1.3031028435504073</v>
      </c>
      <c r="H3618" cm="1">
        <f t="array" ref="H3618">IFERROR(INDEX(Jesper!AL$2:AL$366,ROUNDDOWN($C3618/24,0)+1,1)*INDEX($D$3:$AA$30,INDEX(Jesper!$R$2:$R$366,ROW(INDEX(Jesper!AL$2:AL$366,ROUNDDOWN($C3618/24,0)+1,1))-1)+IF('Standard Profiles'!$G$22=$B$10,7,0)+IF('Standard Profiles'!$G$22=$B$17,14,0)+IF('Standard Profiles'!$G$22=$B$24,21,0),MOD($C3618,24)+1)/SUM(INDEX($D$3:$AA$30,INDEX(Jesper!$R$2:$R$366,ROW(INDEX(Jesper!AL$2:AL$366,ROUNDDOWN($C3618/24,0)+1,1))-1)+IF('Standard Profiles'!$G$22=$B$10,7,0)+IF('Standard Profiles'!$G$22=$B$17,14,0)+IF('Standard Profiles'!$G$22=$B$24,21,0),0)),0)</f>
        <v>0</v>
      </c>
      <c r="I3618">
        <f t="shared" si="405"/>
        <v>0.62548936490419516</v>
      </c>
      <c r="J3618">
        <f t="shared" si="406"/>
        <v>32.720059521560302</v>
      </c>
      <c r="K3618">
        <f t="shared" si="407"/>
        <v>2.660702867130162</v>
      </c>
      <c r="L3618">
        <f t="shared" si="408"/>
        <v>1.330351433565081</v>
      </c>
      <c r="M3618">
        <f t="shared" si="409"/>
        <v>0</v>
      </c>
      <c r="N3618" s="45">
        <f t="shared" si="410"/>
        <v>45076.333333324641</v>
      </c>
    </row>
    <row r="3619" spans="2:14" x14ac:dyDescent="0.25">
      <c r="B3619">
        <f t="shared" ref="B3619:B3682" si="411">WEEKDAY(N3619,2)</f>
        <v>2</v>
      </c>
      <c r="C3619" s="16">
        <v>3585</v>
      </c>
      <c r="D3619" cm="1">
        <f t="array" ref="D3619">IFERROR(INDEX(Jesper!AH$2:AH$366,ROUNDDOWN($C3619/24,0)+1,1)*INDEX($D$3:$AA$30,INDEX(Jesper!$R$2:$R$366,ROW(INDEX(Jesper!AH$2:AH$366,ROUNDDOWN($C3619/24,0)+1,1))-1)+IF('Standard Profiles'!$G$18=$B$10,7,0)+IF('Standard Profiles'!$G$18=$B$17,14,0)+IF('Standard Profiles'!$G$18=$B$24,21,0),MOD($C3619,24)+1)/SUM(INDEX($D$3:$AA$30,INDEX(Jesper!$R$2:$R$366,ROW(INDEX(Jesper!AH$2:AH$366,ROUNDDOWN($C3619/24,0)+1,1))-1)+IF('Standard Profiles'!$G$18=$B$10,7,0)+IF('Standard Profiles'!$G$18=$B$17,14,0)+IF('Standard Profiles'!$G$18=$B$24,21,0),0)),0)</f>
        <v>27.532626956447139</v>
      </c>
      <c r="E3619" cm="1">
        <f t="array" ref="E3619">IFERROR(INDEX(Jesper!AI$2:AI$366,ROUNDDOWN($C3619/24,0)+1,1)*INDEX($D$3:$AA$30,INDEX(Jesper!$R$2:$R$366,ROW(INDEX(Jesper!AI$2:AI$366,ROUNDDOWN($C3619/24,0)+1,1))-1)+IF('Standard Profiles'!$G$19=$B$10,7,0)+IF('Standard Profiles'!$G$19=$B$17,14,0)+IF('Standard Profiles'!$G$19=$B$24,21,0),MOD($C3619,24)+1)/SUM(INDEX($D$3:$AA$30,INDEX(Jesper!$R$2:$R$366,ROW(INDEX(Jesper!AI$2:AI$366,ROUNDDOWN($C3619/24,0)+1,1))-1)+IF('Standard Profiles'!$G$19=$B$10,7,0)+IF('Standard Profiles'!$G$19=$B$17,14,0)+IF('Standard Profiles'!$G$19=$B$24,21,0),0)),0)</f>
        <v>12.240198894517881</v>
      </c>
      <c r="F3619" cm="1">
        <f t="array" ref="F3619">IFERROR(INDEX(Jesper!AJ$2:AJ$366,ROUNDDOWN($C3619/24,0)+1,1)*INDEX($D$3:$AA$30,INDEX(Jesper!$R$2:$R$366,ROW(INDEX(Jesper!AJ$2:AJ$366,ROUNDDOWN($C3619/24,0)+1,1))-1)+IF('Standard Profiles'!$G$20=$B$10,7,0)+IF('Standard Profiles'!$G$20=$B$17,14,0)+IF('Standard Profiles'!$G$20=$B$24,21,0),MOD($C3619,24)+1)/SUM(INDEX($D$3:$AA$30,INDEX(Jesper!$R$2:$R$366,ROW(INDEX(Jesper!AJ$2:AJ$366,ROUNDDOWN($C3619/24,0)+1,1))-1)+IF('Standard Profiles'!$G$20=$B$10,7,0)+IF('Standard Profiles'!$G$20=$B$17,14,0)+IF('Standard Profiles'!$G$20=$B$24,21,0),0)),0)</f>
        <v>0</v>
      </c>
      <c r="G3619" cm="1">
        <f t="array" ref="G3619">IFERROR(INDEX(Jesper!AK$2:AK$366,ROUNDDOWN($C3619/24,0)+1,1)*INDEX($D$3:$AA$30,INDEX(Jesper!$R$2:$R$366,ROW(INDEX(Jesper!AK$2:AK$366,ROUNDDOWN($C3619/24,0)+1,1))-1)+IF('Standard Profiles'!$G$21=$B$10,7,0)+IF('Standard Profiles'!$G$21=$B$17,14,0)+IF('Standard Profiles'!$G$21=$B$24,21,0),MOD($C3619,24)+1)/SUM(INDEX($D$3:$AA$30,INDEX(Jesper!$R$2:$R$366,ROW(INDEX(Jesper!AK$2:AK$366,ROUNDDOWN($C3619/24,0)+1,1))-1)+IF('Standard Profiles'!$G$21=$B$10,7,0)+IF('Standard Profiles'!$G$21=$B$17,14,0)+IF('Standard Profiles'!$G$21=$B$24,21,0),0)),0)</f>
        <v>1.438330497126393</v>
      </c>
      <c r="H3619" cm="1">
        <f t="array" ref="H3619">IFERROR(INDEX(Jesper!AL$2:AL$366,ROUNDDOWN($C3619/24,0)+1,1)*INDEX($D$3:$AA$30,INDEX(Jesper!$R$2:$R$366,ROW(INDEX(Jesper!AL$2:AL$366,ROUNDDOWN($C3619/24,0)+1,1))-1)+IF('Standard Profiles'!$G$22=$B$10,7,0)+IF('Standard Profiles'!$G$22=$B$17,14,0)+IF('Standard Profiles'!$G$22=$B$24,21,0),MOD($C3619,24)+1)/SUM(INDEX($D$3:$AA$30,INDEX(Jesper!$R$2:$R$366,ROW(INDEX(Jesper!AL$2:AL$366,ROUNDDOWN($C3619/24,0)+1,1))-1)+IF('Standard Profiles'!$G$22=$B$10,7,0)+IF('Standard Profiles'!$G$22=$B$17,14,0)+IF('Standard Profiles'!$G$22=$B$24,21,0),0)),0)</f>
        <v>0</v>
      </c>
      <c r="I3619">
        <f t="shared" ref="I3619:I3682" si="412">IF($B3619&lt;6,AC$37*$D3619+AC$38*$E3619+AC$39*$F3619+AC$40*$G3619,AC$46*$D3619+AC$47*$E3619+AC$48*$F3619+AC$49*$G3619+AC$50*$H3619)</f>
        <v>0.6903986386206683</v>
      </c>
      <c r="J3619">
        <f t="shared" ref="J3619:J3682" si="413">IF($B3619&lt;6,AD$37*$D3619+AD$38*$E3619+AD$39*$F3619+AD$40*$G3619,AD$46*$D3619+AD$47*$E3619+AD$48*$F3619+AD$49*$G3619+AD$50*$H3619)</f>
        <v>36.115537396439201</v>
      </c>
      <c r="K3619">
        <f t="shared" ref="K3619:K3682" si="414">IF($B3619&lt;6,AE$37*$D3619+AE$38*$E3619+AE$39*$F3619+AE$40*$G3619,AE$46*$D3619+AE$47*$E3619+AE$48*$F3619+AE$49*$G3619+AE$50*$H3619)</f>
        <v>2.9368135420210284</v>
      </c>
      <c r="L3619">
        <f t="shared" ref="L3619:L3682" si="415">IF($B3619&lt;6,AF$37*$D3619+AF$38*$E3619+AF$39*$F3619+AF$40*$G3619,AF$46*$D3619+AF$47*$E3619+AF$48*$F3619+AF$49*$G3619+AF$50*$H3619)</f>
        <v>1.4684067710105142</v>
      </c>
      <c r="M3619">
        <f t="shared" ref="M3619:M3682" si="416">IF($B3619&lt;6,AG$37*$D3619+AG$38*$E3619+AG$39*$F3619+AG$40*$G3619,AG$46*$D3619+AG$47*$E3619+AG$48*$F3619+AG$49*$G3619+AG$50*$H3619)</f>
        <v>0</v>
      </c>
      <c r="N3619" s="45">
        <f t="shared" si="410"/>
        <v>45076.374999991305</v>
      </c>
    </row>
    <row r="3620" spans="2:14" x14ac:dyDescent="0.25">
      <c r="B3620">
        <f t="shared" si="411"/>
        <v>2</v>
      </c>
      <c r="C3620" s="16">
        <v>3586</v>
      </c>
      <c r="D3620" cm="1">
        <f t="array" ref="D3620">IFERROR(INDEX(Jesper!AH$2:AH$366,ROUNDDOWN($C3620/24,0)+1,1)*INDEX($D$3:$AA$30,INDEX(Jesper!$R$2:$R$366,ROW(INDEX(Jesper!AH$2:AH$366,ROUNDDOWN($C3620/24,0)+1,1))-1)+IF('Standard Profiles'!$G$18=$B$10,7,0)+IF('Standard Profiles'!$G$18=$B$17,14,0)+IF('Standard Profiles'!$G$18=$B$24,21,0),MOD($C3620,24)+1)/SUM(INDEX($D$3:$AA$30,INDEX(Jesper!$R$2:$R$366,ROW(INDEX(Jesper!AH$2:AH$366,ROUNDDOWN($C3620/24,0)+1,1))-1)+IF('Standard Profiles'!$G$18=$B$10,7,0)+IF('Standard Profiles'!$G$18=$B$17,14,0)+IF('Standard Profiles'!$G$18=$B$24,21,0),0)),0)</f>
        <v>27.532626956447139</v>
      </c>
      <c r="E3620" cm="1">
        <f t="array" ref="E3620">IFERROR(INDEX(Jesper!AI$2:AI$366,ROUNDDOWN($C3620/24,0)+1,1)*INDEX($D$3:$AA$30,INDEX(Jesper!$R$2:$R$366,ROW(INDEX(Jesper!AI$2:AI$366,ROUNDDOWN($C3620/24,0)+1,1))-1)+IF('Standard Profiles'!$G$19=$B$10,7,0)+IF('Standard Profiles'!$G$19=$B$17,14,0)+IF('Standard Profiles'!$G$19=$B$24,21,0),MOD($C3620,24)+1)/SUM(INDEX($D$3:$AA$30,INDEX(Jesper!$R$2:$R$366,ROW(INDEX(Jesper!AI$2:AI$366,ROUNDDOWN($C3620/24,0)+1,1))-1)+IF('Standard Profiles'!$G$19=$B$10,7,0)+IF('Standard Profiles'!$G$19=$B$17,14,0)+IF('Standard Profiles'!$G$19=$B$24,21,0),0)),0)</f>
        <v>12.240198894517881</v>
      </c>
      <c r="F3620" cm="1">
        <f t="array" ref="F3620">IFERROR(INDEX(Jesper!AJ$2:AJ$366,ROUNDDOWN($C3620/24,0)+1,1)*INDEX($D$3:$AA$30,INDEX(Jesper!$R$2:$R$366,ROW(INDEX(Jesper!AJ$2:AJ$366,ROUNDDOWN($C3620/24,0)+1,1))-1)+IF('Standard Profiles'!$G$20=$B$10,7,0)+IF('Standard Profiles'!$G$20=$B$17,14,0)+IF('Standard Profiles'!$G$20=$B$24,21,0),MOD($C3620,24)+1)/SUM(INDEX($D$3:$AA$30,INDEX(Jesper!$R$2:$R$366,ROW(INDEX(Jesper!AJ$2:AJ$366,ROUNDDOWN($C3620/24,0)+1,1))-1)+IF('Standard Profiles'!$G$20=$B$10,7,0)+IF('Standard Profiles'!$G$20=$B$17,14,0)+IF('Standard Profiles'!$G$20=$B$24,21,0),0)),0)</f>
        <v>0</v>
      </c>
      <c r="G3620" cm="1">
        <f t="array" ref="G3620">IFERROR(INDEX(Jesper!AK$2:AK$366,ROUNDDOWN($C3620/24,0)+1,1)*INDEX($D$3:$AA$30,INDEX(Jesper!$R$2:$R$366,ROW(INDEX(Jesper!AK$2:AK$366,ROUNDDOWN($C3620/24,0)+1,1))-1)+IF('Standard Profiles'!$G$21=$B$10,7,0)+IF('Standard Profiles'!$G$21=$B$17,14,0)+IF('Standard Profiles'!$G$21=$B$24,21,0),MOD($C3620,24)+1)/SUM(INDEX($D$3:$AA$30,INDEX(Jesper!$R$2:$R$366,ROW(INDEX(Jesper!AK$2:AK$366,ROUNDDOWN($C3620/24,0)+1,1))-1)+IF('Standard Profiles'!$G$21=$B$10,7,0)+IF('Standard Profiles'!$G$21=$B$17,14,0)+IF('Standard Profiles'!$G$21=$B$24,21,0),0)),0)</f>
        <v>1.438330497126393</v>
      </c>
      <c r="H3620" cm="1">
        <f t="array" ref="H3620">IFERROR(INDEX(Jesper!AL$2:AL$366,ROUNDDOWN($C3620/24,0)+1,1)*INDEX($D$3:$AA$30,INDEX(Jesper!$R$2:$R$366,ROW(INDEX(Jesper!AL$2:AL$366,ROUNDDOWN($C3620/24,0)+1,1))-1)+IF('Standard Profiles'!$G$22=$B$10,7,0)+IF('Standard Profiles'!$G$22=$B$17,14,0)+IF('Standard Profiles'!$G$22=$B$24,21,0),MOD($C3620,24)+1)/SUM(INDEX($D$3:$AA$30,INDEX(Jesper!$R$2:$R$366,ROW(INDEX(Jesper!AL$2:AL$366,ROUNDDOWN($C3620/24,0)+1,1))-1)+IF('Standard Profiles'!$G$22=$B$10,7,0)+IF('Standard Profiles'!$G$22=$B$17,14,0)+IF('Standard Profiles'!$G$22=$B$24,21,0),0)),0)</f>
        <v>0</v>
      </c>
      <c r="I3620">
        <f t="shared" si="412"/>
        <v>0.6903986386206683</v>
      </c>
      <c r="J3620">
        <f t="shared" si="413"/>
        <v>36.115537396439201</v>
      </c>
      <c r="K3620">
        <f t="shared" si="414"/>
        <v>2.9368135420210284</v>
      </c>
      <c r="L3620">
        <f t="shared" si="415"/>
        <v>1.4684067710105142</v>
      </c>
      <c r="M3620">
        <f t="shared" si="416"/>
        <v>0</v>
      </c>
      <c r="N3620" s="45">
        <f t="shared" ref="N3620:N3683" si="417">N3619+1/24</f>
        <v>45076.416666657969</v>
      </c>
    </row>
    <row r="3621" spans="2:14" x14ac:dyDescent="0.25">
      <c r="B3621">
        <f t="shared" si="411"/>
        <v>2</v>
      </c>
      <c r="C3621" s="16">
        <v>3587</v>
      </c>
      <c r="D3621" cm="1">
        <f t="array" ref="D3621">IFERROR(INDEX(Jesper!AH$2:AH$366,ROUNDDOWN($C3621/24,0)+1,1)*INDEX($D$3:$AA$30,INDEX(Jesper!$R$2:$R$366,ROW(INDEX(Jesper!AH$2:AH$366,ROUNDDOWN($C3621/24,0)+1,1))-1)+IF('Standard Profiles'!$G$18=$B$10,7,0)+IF('Standard Profiles'!$G$18=$B$17,14,0)+IF('Standard Profiles'!$G$18=$B$24,21,0),MOD($C3621,24)+1)/SUM(INDEX($D$3:$AA$30,INDEX(Jesper!$R$2:$R$366,ROW(INDEX(Jesper!AH$2:AH$366,ROUNDDOWN($C3621/24,0)+1,1))-1)+IF('Standard Profiles'!$G$18=$B$10,7,0)+IF('Standard Profiles'!$G$18=$B$17,14,0)+IF('Standard Profiles'!$G$18=$B$24,21,0),0)),0)</f>
        <v>32.945023708569224</v>
      </c>
      <c r="E3621" cm="1">
        <f t="array" ref="E3621">IFERROR(INDEX(Jesper!AI$2:AI$366,ROUNDDOWN($C3621/24,0)+1,1)*INDEX($D$3:$AA$30,INDEX(Jesper!$R$2:$R$366,ROW(INDEX(Jesper!AI$2:AI$366,ROUNDDOWN($C3621/24,0)+1,1))-1)+IF('Standard Profiles'!$G$19=$B$10,7,0)+IF('Standard Profiles'!$G$19=$B$17,14,0)+IF('Standard Profiles'!$G$19=$B$24,21,0),MOD($C3621,24)+1)/SUM(INDEX($D$3:$AA$30,INDEX(Jesper!$R$2:$R$366,ROW(INDEX(Jesper!AI$2:AI$366,ROUNDDOWN($C3621/24,0)+1,1))-1)+IF('Standard Profiles'!$G$19=$B$10,7,0)+IF('Standard Profiles'!$G$19=$B$17,14,0)+IF('Standard Profiles'!$G$19=$B$24,21,0),0)),0)</f>
        <v>14.646391839594044</v>
      </c>
      <c r="F3621" cm="1">
        <f t="array" ref="F3621">IFERROR(INDEX(Jesper!AJ$2:AJ$366,ROUNDDOWN($C3621/24,0)+1,1)*INDEX($D$3:$AA$30,INDEX(Jesper!$R$2:$R$366,ROW(INDEX(Jesper!AJ$2:AJ$366,ROUNDDOWN($C3621/24,0)+1,1))-1)+IF('Standard Profiles'!$G$20=$B$10,7,0)+IF('Standard Profiles'!$G$20=$B$17,14,0)+IF('Standard Profiles'!$G$20=$B$24,21,0),MOD($C3621,24)+1)/SUM(INDEX($D$3:$AA$30,INDEX(Jesper!$R$2:$R$366,ROW(INDEX(Jesper!AJ$2:AJ$366,ROUNDDOWN($C3621/24,0)+1,1))-1)+IF('Standard Profiles'!$G$20=$B$10,7,0)+IF('Standard Profiles'!$G$20=$B$17,14,0)+IF('Standard Profiles'!$G$20=$B$24,21,0),0)),0)</f>
        <v>0</v>
      </c>
      <c r="G3621" cm="1">
        <f t="array" ref="G3621">IFERROR(INDEX(Jesper!AK$2:AK$366,ROUNDDOWN($C3621/24,0)+1,1)*INDEX($D$3:$AA$30,INDEX(Jesper!$R$2:$R$366,ROW(INDEX(Jesper!AK$2:AK$366,ROUNDDOWN($C3621/24,0)+1,1))-1)+IF('Standard Profiles'!$G$21=$B$10,7,0)+IF('Standard Profiles'!$G$21=$B$17,14,0)+IF('Standard Profiles'!$G$21=$B$24,21,0),MOD($C3621,24)+1)/SUM(INDEX($D$3:$AA$30,INDEX(Jesper!$R$2:$R$366,ROW(INDEX(Jesper!AK$2:AK$366,ROUNDDOWN($C3621/24,0)+1,1))-1)+IF('Standard Profiles'!$G$21=$B$10,7,0)+IF('Standard Profiles'!$G$21=$B$17,14,0)+IF('Standard Profiles'!$G$21=$B$24,21,0),0)),0)</f>
        <v>1.7210792273307267</v>
      </c>
      <c r="H3621" cm="1">
        <f t="array" ref="H3621">IFERROR(INDEX(Jesper!AL$2:AL$366,ROUNDDOWN($C3621/24,0)+1,1)*INDEX($D$3:$AA$30,INDEX(Jesper!$R$2:$R$366,ROW(INDEX(Jesper!AL$2:AL$366,ROUNDDOWN($C3621/24,0)+1,1))-1)+IF('Standard Profiles'!$G$22=$B$10,7,0)+IF('Standard Profiles'!$G$22=$B$17,14,0)+IF('Standard Profiles'!$G$22=$B$24,21,0),MOD($C3621,24)+1)/SUM(INDEX($D$3:$AA$30,INDEX(Jesper!$R$2:$R$366,ROW(INDEX(Jesper!AL$2:AL$366,ROUNDDOWN($C3621/24,0)+1,1))-1)+IF('Standard Profiles'!$G$22=$B$10,7,0)+IF('Standard Profiles'!$G$22=$B$17,14,0)+IF('Standard Profiles'!$G$22=$B$24,21,0),0)),0)</f>
        <v>0</v>
      </c>
      <c r="I3621">
        <f t="shared" si="412"/>
        <v>0.82611802911874843</v>
      </c>
      <c r="J3621">
        <f t="shared" si="413"/>
        <v>43.215172953004171</v>
      </c>
      <c r="K3621">
        <f t="shared" si="414"/>
        <v>3.5141358622473842</v>
      </c>
      <c r="L3621">
        <f t="shared" si="415"/>
        <v>1.7570679311236921</v>
      </c>
      <c r="M3621">
        <f t="shared" si="416"/>
        <v>0</v>
      </c>
      <c r="N3621" s="45">
        <f t="shared" si="417"/>
        <v>45076.458333324634</v>
      </c>
    </row>
    <row r="3622" spans="2:14" x14ac:dyDescent="0.25">
      <c r="B3622">
        <f t="shared" si="411"/>
        <v>2</v>
      </c>
      <c r="C3622" s="16">
        <v>3588</v>
      </c>
      <c r="D3622" cm="1">
        <f t="array" ref="D3622">IFERROR(INDEX(Jesper!AH$2:AH$366,ROUNDDOWN($C3622/24,0)+1,1)*INDEX($D$3:$AA$30,INDEX(Jesper!$R$2:$R$366,ROW(INDEX(Jesper!AH$2:AH$366,ROUNDDOWN($C3622/24,0)+1,1))-1)+IF('Standard Profiles'!$G$18=$B$10,7,0)+IF('Standard Profiles'!$G$18=$B$17,14,0)+IF('Standard Profiles'!$G$18=$B$24,21,0),MOD($C3622,24)+1)/SUM(INDEX($D$3:$AA$30,INDEX(Jesper!$R$2:$R$366,ROW(INDEX(Jesper!AH$2:AH$366,ROUNDDOWN($C3622/24,0)+1,1))-1)+IF('Standard Profiles'!$G$18=$B$10,7,0)+IF('Standard Profiles'!$G$18=$B$17,14,0)+IF('Standard Profiles'!$G$18=$B$24,21,0),0)),0)</f>
        <v>32.945023708569224</v>
      </c>
      <c r="E3622" cm="1">
        <f t="array" ref="E3622">IFERROR(INDEX(Jesper!AI$2:AI$366,ROUNDDOWN($C3622/24,0)+1,1)*INDEX($D$3:$AA$30,INDEX(Jesper!$R$2:$R$366,ROW(INDEX(Jesper!AI$2:AI$366,ROUNDDOWN($C3622/24,0)+1,1))-1)+IF('Standard Profiles'!$G$19=$B$10,7,0)+IF('Standard Profiles'!$G$19=$B$17,14,0)+IF('Standard Profiles'!$G$19=$B$24,21,0),MOD($C3622,24)+1)/SUM(INDEX($D$3:$AA$30,INDEX(Jesper!$R$2:$R$366,ROW(INDEX(Jesper!AI$2:AI$366,ROUNDDOWN($C3622/24,0)+1,1))-1)+IF('Standard Profiles'!$G$19=$B$10,7,0)+IF('Standard Profiles'!$G$19=$B$17,14,0)+IF('Standard Profiles'!$G$19=$B$24,21,0),0)),0)</f>
        <v>14.646391839594044</v>
      </c>
      <c r="F3622" cm="1">
        <f t="array" ref="F3622">IFERROR(INDEX(Jesper!AJ$2:AJ$366,ROUNDDOWN($C3622/24,0)+1,1)*INDEX($D$3:$AA$30,INDEX(Jesper!$R$2:$R$366,ROW(INDEX(Jesper!AJ$2:AJ$366,ROUNDDOWN($C3622/24,0)+1,1))-1)+IF('Standard Profiles'!$G$20=$B$10,7,0)+IF('Standard Profiles'!$G$20=$B$17,14,0)+IF('Standard Profiles'!$G$20=$B$24,21,0),MOD($C3622,24)+1)/SUM(INDEX($D$3:$AA$30,INDEX(Jesper!$R$2:$R$366,ROW(INDEX(Jesper!AJ$2:AJ$366,ROUNDDOWN($C3622/24,0)+1,1))-1)+IF('Standard Profiles'!$G$20=$B$10,7,0)+IF('Standard Profiles'!$G$20=$B$17,14,0)+IF('Standard Profiles'!$G$20=$B$24,21,0),0)),0)</f>
        <v>0</v>
      </c>
      <c r="G3622" cm="1">
        <f t="array" ref="G3622">IFERROR(INDEX(Jesper!AK$2:AK$366,ROUNDDOWN($C3622/24,0)+1,1)*INDEX($D$3:$AA$30,INDEX(Jesper!$R$2:$R$366,ROW(INDEX(Jesper!AK$2:AK$366,ROUNDDOWN($C3622/24,0)+1,1))-1)+IF('Standard Profiles'!$G$21=$B$10,7,0)+IF('Standard Profiles'!$G$21=$B$17,14,0)+IF('Standard Profiles'!$G$21=$B$24,21,0),MOD($C3622,24)+1)/SUM(INDEX($D$3:$AA$30,INDEX(Jesper!$R$2:$R$366,ROW(INDEX(Jesper!AK$2:AK$366,ROUNDDOWN($C3622/24,0)+1,1))-1)+IF('Standard Profiles'!$G$21=$B$10,7,0)+IF('Standard Profiles'!$G$21=$B$17,14,0)+IF('Standard Profiles'!$G$21=$B$24,21,0),0)),0)</f>
        <v>1.7210792273307267</v>
      </c>
      <c r="H3622" cm="1">
        <f t="array" ref="H3622">IFERROR(INDEX(Jesper!AL$2:AL$366,ROUNDDOWN($C3622/24,0)+1,1)*INDEX($D$3:$AA$30,INDEX(Jesper!$R$2:$R$366,ROW(INDEX(Jesper!AL$2:AL$366,ROUNDDOWN($C3622/24,0)+1,1))-1)+IF('Standard Profiles'!$G$22=$B$10,7,0)+IF('Standard Profiles'!$G$22=$B$17,14,0)+IF('Standard Profiles'!$G$22=$B$24,21,0),MOD($C3622,24)+1)/SUM(INDEX($D$3:$AA$30,INDEX(Jesper!$R$2:$R$366,ROW(INDEX(Jesper!AL$2:AL$366,ROUNDDOWN($C3622/24,0)+1,1))-1)+IF('Standard Profiles'!$G$22=$B$10,7,0)+IF('Standard Profiles'!$G$22=$B$17,14,0)+IF('Standard Profiles'!$G$22=$B$24,21,0),0)),0)</f>
        <v>0</v>
      </c>
      <c r="I3622">
        <f t="shared" si="412"/>
        <v>0.82611802911874843</v>
      </c>
      <c r="J3622">
        <f t="shared" si="413"/>
        <v>43.215172953004171</v>
      </c>
      <c r="K3622">
        <f t="shared" si="414"/>
        <v>3.5141358622473842</v>
      </c>
      <c r="L3622">
        <f t="shared" si="415"/>
        <v>1.7570679311236921</v>
      </c>
      <c r="M3622">
        <f t="shared" si="416"/>
        <v>0</v>
      </c>
      <c r="N3622" s="45">
        <f t="shared" si="417"/>
        <v>45076.499999991298</v>
      </c>
    </row>
    <row r="3623" spans="2:14" x14ac:dyDescent="0.25">
      <c r="B3623">
        <f t="shared" si="411"/>
        <v>2</v>
      </c>
      <c r="C3623" s="16">
        <v>3589</v>
      </c>
      <c r="D3623" cm="1">
        <f t="array" ref="D3623">IFERROR(INDEX(Jesper!AH$2:AH$366,ROUNDDOWN($C3623/24,0)+1,1)*INDEX($D$3:$AA$30,INDEX(Jesper!$R$2:$R$366,ROW(INDEX(Jesper!AH$2:AH$366,ROUNDDOWN($C3623/24,0)+1,1))-1)+IF('Standard Profiles'!$G$18=$B$10,7,0)+IF('Standard Profiles'!$G$18=$B$17,14,0)+IF('Standard Profiles'!$G$18=$B$24,21,0),MOD($C3623,24)+1)/SUM(INDEX($D$3:$AA$30,INDEX(Jesper!$R$2:$R$366,ROW(INDEX(Jesper!AH$2:AH$366,ROUNDDOWN($C3623/24,0)+1,1))-1)+IF('Standard Profiles'!$G$18=$B$10,7,0)+IF('Standard Profiles'!$G$18=$B$17,14,0)+IF('Standard Profiles'!$G$18=$B$24,21,0),0)),0)</f>
        <v>21.884908606406697</v>
      </c>
      <c r="E3623" cm="1">
        <f t="array" ref="E3623">IFERROR(INDEX(Jesper!AI$2:AI$366,ROUNDDOWN($C3623/24,0)+1,1)*INDEX($D$3:$AA$30,INDEX(Jesper!$R$2:$R$366,ROW(INDEX(Jesper!AI$2:AI$366,ROUNDDOWN($C3623/24,0)+1,1))-1)+IF('Standard Profiles'!$G$19=$B$10,7,0)+IF('Standard Profiles'!$G$19=$B$17,14,0)+IF('Standard Profiles'!$G$19=$B$24,21,0),MOD($C3623,24)+1)/SUM(INDEX($D$3:$AA$30,INDEX(Jesper!$R$2:$R$366,ROW(INDEX(Jesper!AI$2:AI$366,ROUNDDOWN($C3623/24,0)+1,1))-1)+IF('Standard Profiles'!$G$19=$B$10,7,0)+IF('Standard Profiles'!$G$19=$B$17,14,0)+IF('Standard Profiles'!$G$19=$B$24,21,0),0)),0)</f>
        <v>9.7293888648731865</v>
      </c>
      <c r="F3623" cm="1">
        <f t="array" ref="F3623">IFERROR(INDEX(Jesper!AJ$2:AJ$366,ROUNDDOWN($C3623/24,0)+1,1)*INDEX($D$3:$AA$30,INDEX(Jesper!$R$2:$R$366,ROW(INDEX(Jesper!AJ$2:AJ$366,ROUNDDOWN($C3623/24,0)+1,1))-1)+IF('Standard Profiles'!$G$20=$B$10,7,0)+IF('Standard Profiles'!$G$20=$B$17,14,0)+IF('Standard Profiles'!$G$20=$B$24,21,0),MOD($C3623,24)+1)/SUM(INDEX($D$3:$AA$30,INDEX(Jesper!$R$2:$R$366,ROW(INDEX(Jesper!AJ$2:AJ$366,ROUNDDOWN($C3623/24,0)+1,1))-1)+IF('Standard Profiles'!$G$20=$B$10,7,0)+IF('Standard Profiles'!$G$20=$B$17,14,0)+IF('Standard Profiles'!$G$20=$B$24,21,0),0)),0)</f>
        <v>0</v>
      </c>
      <c r="G3623" cm="1">
        <f t="array" ref="G3623">IFERROR(INDEX(Jesper!AK$2:AK$366,ROUNDDOWN($C3623/24,0)+1,1)*INDEX($D$3:$AA$30,INDEX(Jesper!$R$2:$R$366,ROW(INDEX(Jesper!AK$2:AK$366,ROUNDDOWN($C3623/24,0)+1,1))-1)+IF('Standard Profiles'!$G$21=$B$10,7,0)+IF('Standard Profiles'!$G$21=$B$17,14,0)+IF('Standard Profiles'!$G$21=$B$24,21,0),MOD($C3623,24)+1)/SUM(INDEX($D$3:$AA$30,INDEX(Jesper!$R$2:$R$366,ROW(INDEX(Jesper!AK$2:AK$366,ROUNDDOWN($C3623/24,0)+1,1))-1)+IF('Standard Profiles'!$G$21=$B$10,7,0)+IF('Standard Profiles'!$G$21=$B$17,14,0)+IF('Standard Profiles'!$G$21=$B$24,21,0),0)),0)</f>
        <v>1.1432883438696968</v>
      </c>
      <c r="H3623" cm="1">
        <f t="array" ref="H3623">IFERROR(INDEX(Jesper!AL$2:AL$366,ROUNDDOWN($C3623/24,0)+1,1)*INDEX($D$3:$AA$30,INDEX(Jesper!$R$2:$R$366,ROW(INDEX(Jesper!AL$2:AL$366,ROUNDDOWN($C3623/24,0)+1,1))-1)+IF('Standard Profiles'!$G$22=$B$10,7,0)+IF('Standard Profiles'!$G$22=$B$17,14,0)+IF('Standard Profiles'!$G$22=$B$24,21,0),MOD($C3623,24)+1)/SUM(INDEX($D$3:$AA$30,INDEX(Jesper!$R$2:$R$366,ROW(INDEX(Jesper!AL$2:AL$366,ROUNDDOWN($C3623/24,0)+1,1))-1)+IF('Standard Profiles'!$G$22=$B$10,7,0)+IF('Standard Profiles'!$G$22=$B$17,14,0)+IF('Standard Profiles'!$G$22=$B$24,21,0),0)),0)</f>
        <v>0</v>
      </c>
      <c r="I3623">
        <f t="shared" si="412"/>
        <v>0.54877840505745423</v>
      </c>
      <c r="J3623">
        <f t="shared" si="413"/>
        <v>28.707222033067055</v>
      </c>
      <c r="K3623">
        <f t="shared" si="414"/>
        <v>2.3343902513500479</v>
      </c>
      <c r="L3623">
        <f t="shared" si="415"/>
        <v>1.1671951256750239</v>
      </c>
      <c r="M3623">
        <f t="shared" si="416"/>
        <v>0</v>
      </c>
      <c r="N3623" s="45">
        <f t="shared" si="417"/>
        <v>45076.541666657962</v>
      </c>
    </row>
    <row r="3624" spans="2:14" x14ac:dyDescent="0.25">
      <c r="B3624">
        <f t="shared" si="411"/>
        <v>2</v>
      </c>
      <c r="C3624" s="16">
        <v>3590</v>
      </c>
      <c r="D3624" cm="1">
        <f t="array" ref="D3624">IFERROR(INDEX(Jesper!AH$2:AH$366,ROUNDDOWN($C3624/24,0)+1,1)*INDEX($D$3:$AA$30,INDEX(Jesper!$R$2:$R$366,ROW(INDEX(Jesper!AH$2:AH$366,ROUNDDOWN($C3624/24,0)+1,1))-1)+IF('Standard Profiles'!$G$18=$B$10,7,0)+IF('Standard Profiles'!$G$18=$B$17,14,0)+IF('Standard Profiles'!$G$18=$B$24,21,0),MOD($C3624,24)+1)/SUM(INDEX($D$3:$AA$30,INDEX(Jesper!$R$2:$R$366,ROW(INDEX(Jesper!AH$2:AH$366,ROUNDDOWN($C3624/24,0)+1,1))-1)+IF('Standard Profiles'!$G$18=$B$10,7,0)+IF('Standard Profiles'!$G$18=$B$17,14,0)+IF('Standard Profiles'!$G$18=$B$24,21,0),0)),0)</f>
        <v>32.945023708569224</v>
      </c>
      <c r="E3624" cm="1">
        <f t="array" ref="E3624">IFERROR(INDEX(Jesper!AI$2:AI$366,ROUNDDOWN($C3624/24,0)+1,1)*INDEX($D$3:$AA$30,INDEX(Jesper!$R$2:$R$366,ROW(INDEX(Jesper!AI$2:AI$366,ROUNDDOWN($C3624/24,0)+1,1))-1)+IF('Standard Profiles'!$G$19=$B$10,7,0)+IF('Standard Profiles'!$G$19=$B$17,14,0)+IF('Standard Profiles'!$G$19=$B$24,21,0),MOD($C3624,24)+1)/SUM(INDEX($D$3:$AA$30,INDEX(Jesper!$R$2:$R$366,ROW(INDEX(Jesper!AI$2:AI$366,ROUNDDOWN($C3624/24,0)+1,1))-1)+IF('Standard Profiles'!$G$19=$B$10,7,0)+IF('Standard Profiles'!$G$19=$B$17,14,0)+IF('Standard Profiles'!$G$19=$B$24,21,0),0)),0)</f>
        <v>14.646391839594044</v>
      </c>
      <c r="F3624" cm="1">
        <f t="array" ref="F3624">IFERROR(INDEX(Jesper!AJ$2:AJ$366,ROUNDDOWN($C3624/24,0)+1,1)*INDEX($D$3:$AA$30,INDEX(Jesper!$R$2:$R$366,ROW(INDEX(Jesper!AJ$2:AJ$366,ROUNDDOWN($C3624/24,0)+1,1))-1)+IF('Standard Profiles'!$G$20=$B$10,7,0)+IF('Standard Profiles'!$G$20=$B$17,14,0)+IF('Standard Profiles'!$G$20=$B$24,21,0),MOD($C3624,24)+1)/SUM(INDEX($D$3:$AA$30,INDEX(Jesper!$R$2:$R$366,ROW(INDEX(Jesper!AJ$2:AJ$366,ROUNDDOWN($C3624/24,0)+1,1))-1)+IF('Standard Profiles'!$G$20=$B$10,7,0)+IF('Standard Profiles'!$G$20=$B$17,14,0)+IF('Standard Profiles'!$G$20=$B$24,21,0),0)),0)</f>
        <v>0</v>
      </c>
      <c r="G3624" cm="1">
        <f t="array" ref="G3624">IFERROR(INDEX(Jesper!AK$2:AK$366,ROUNDDOWN($C3624/24,0)+1,1)*INDEX($D$3:$AA$30,INDEX(Jesper!$R$2:$R$366,ROW(INDEX(Jesper!AK$2:AK$366,ROUNDDOWN($C3624/24,0)+1,1))-1)+IF('Standard Profiles'!$G$21=$B$10,7,0)+IF('Standard Profiles'!$G$21=$B$17,14,0)+IF('Standard Profiles'!$G$21=$B$24,21,0),MOD($C3624,24)+1)/SUM(INDEX($D$3:$AA$30,INDEX(Jesper!$R$2:$R$366,ROW(INDEX(Jesper!AK$2:AK$366,ROUNDDOWN($C3624/24,0)+1,1))-1)+IF('Standard Profiles'!$G$21=$B$10,7,0)+IF('Standard Profiles'!$G$21=$B$17,14,0)+IF('Standard Profiles'!$G$21=$B$24,21,0),0)),0)</f>
        <v>1.7210792273307267</v>
      </c>
      <c r="H3624" cm="1">
        <f t="array" ref="H3624">IFERROR(INDEX(Jesper!AL$2:AL$366,ROUNDDOWN($C3624/24,0)+1,1)*INDEX($D$3:$AA$30,INDEX(Jesper!$R$2:$R$366,ROW(INDEX(Jesper!AL$2:AL$366,ROUNDDOWN($C3624/24,0)+1,1))-1)+IF('Standard Profiles'!$G$22=$B$10,7,0)+IF('Standard Profiles'!$G$22=$B$17,14,0)+IF('Standard Profiles'!$G$22=$B$24,21,0),MOD($C3624,24)+1)/SUM(INDEX($D$3:$AA$30,INDEX(Jesper!$R$2:$R$366,ROW(INDEX(Jesper!AL$2:AL$366,ROUNDDOWN($C3624/24,0)+1,1))-1)+IF('Standard Profiles'!$G$22=$B$10,7,0)+IF('Standard Profiles'!$G$22=$B$17,14,0)+IF('Standard Profiles'!$G$22=$B$24,21,0),0)),0)</f>
        <v>0</v>
      </c>
      <c r="I3624">
        <f t="shared" si="412"/>
        <v>0.82611802911874843</v>
      </c>
      <c r="J3624">
        <f t="shared" si="413"/>
        <v>43.215172953004171</v>
      </c>
      <c r="K3624">
        <f t="shared" si="414"/>
        <v>3.5141358622473842</v>
      </c>
      <c r="L3624">
        <f t="shared" si="415"/>
        <v>1.7570679311236921</v>
      </c>
      <c r="M3624">
        <f t="shared" si="416"/>
        <v>0</v>
      </c>
      <c r="N3624" s="45">
        <f t="shared" si="417"/>
        <v>45076.583333324626</v>
      </c>
    </row>
    <row r="3625" spans="2:14" x14ac:dyDescent="0.25">
      <c r="B3625">
        <f t="shared" si="411"/>
        <v>2</v>
      </c>
      <c r="C3625" s="16">
        <v>3591</v>
      </c>
      <c r="D3625" cm="1">
        <f t="array" ref="D3625">IFERROR(INDEX(Jesper!AH$2:AH$366,ROUNDDOWN($C3625/24,0)+1,1)*INDEX($D$3:$AA$30,INDEX(Jesper!$R$2:$R$366,ROW(INDEX(Jesper!AH$2:AH$366,ROUNDDOWN($C3625/24,0)+1,1))-1)+IF('Standard Profiles'!$G$18=$B$10,7,0)+IF('Standard Profiles'!$G$18=$B$17,14,0)+IF('Standard Profiles'!$G$18=$B$24,21,0),MOD($C3625,24)+1)/SUM(INDEX($D$3:$AA$30,INDEX(Jesper!$R$2:$R$366,ROW(INDEX(Jesper!AH$2:AH$366,ROUNDDOWN($C3625/24,0)+1,1))-1)+IF('Standard Profiles'!$G$18=$B$10,7,0)+IF('Standard Profiles'!$G$18=$B$17,14,0)+IF('Standard Profiles'!$G$18=$B$24,21,0),0)),0)</f>
        <v>32.945023708569224</v>
      </c>
      <c r="E3625" cm="1">
        <f t="array" ref="E3625">IFERROR(INDEX(Jesper!AI$2:AI$366,ROUNDDOWN($C3625/24,0)+1,1)*INDEX($D$3:$AA$30,INDEX(Jesper!$R$2:$R$366,ROW(INDEX(Jesper!AI$2:AI$366,ROUNDDOWN($C3625/24,0)+1,1))-1)+IF('Standard Profiles'!$G$19=$B$10,7,0)+IF('Standard Profiles'!$G$19=$B$17,14,0)+IF('Standard Profiles'!$G$19=$B$24,21,0),MOD($C3625,24)+1)/SUM(INDEX($D$3:$AA$30,INDEX(Jesper!$R$2:$R$366,ROW(INDEX(Jesper!AI$2:AI$366,ROUNDDOWN($C3625/24,0)+1,1))-1)+IF('Standard Profiles'!$G$19=$B$10,7,0)+IF('Standard Profiles'!$G$19=$B$17,14,0)+IF('Standard Profiles'!$G$19=$B$24,21,0),0)),0)</f>
        <v>14.646391839594044</v>
      </c>
      <c r="F3625" cm="1">
        <f t="array" ref="F3625">IFERROR(INDEX(Jesper!AJ$2:AJ$366,ROUNDDOWN($C3625/24,0)+1,1)*INDEX($D$3:$AA$30,INDEX(Jesper!$R$2:$R$366,ROW(INDEX(Jesper!AJ$2:AJ$366,ROUNDDOWN($C3625/24,0)+1,1))-1)+IF('Standard Profiles'!$G$20=$B$10,7,0)+IF('Standard Profiles'!$G$20=$B$17,14,0)+IF('Standard Profiles'!$G$20=$B$24,21,0),MOD($C3625,24)+1)/SUM(INDEX($D$3:$AA$30,INDEX(Jesper!$R$2:$R$366,ROW(INDEX(Jesper!AJ$2:AJ$366,ROUNDDOWN($C3625/24,0)+1,1))-1)+IF('Standard Profiles'!$G$20=$B$10,7,0)+IF('Standard Profiles'!$G$20=$B$17,14,0)+IF('Standard Profiles'!$G$20=$B$24,21,0),0)),0)</f>
        <v>0</v>
      </c>
      <c r="G3625" cm="1">
        <f t="array" ref="G3625">IFERROR(INDEX(Jesper!AK$2:AK$366,ROUNDDOWN($C3625/24,0)+1,1)*INDEX($D$3:$AA$30,INDEX(Jesper!$R$2:$R$366,ROW(INDEX(Jesper!AK$2:AK$366,ROUNDDOWN($C3625/24,0)+1,1))-1)+IF('Standard Profiles'!$G$21=$B$10,7,0)+IF('Standard Profiles'!$G$21=$B$17,14,0)+IF('Standard Profiles'!$G$21=$B$24,21,0),MOD($C3625,24)+1)/SUM(INDEX($D$3:$AA$30,INDEX(Jesper!$R$2:$R$366,ROW(INDEX(Jesper!AK$2:AK$366,ROUNDDOWN($C3625/24,0)+1,1))-1)+IF('Standard Profiles'!$G$21=$B$10,7,0)+IF('Standard Profiles'!$G$21=$B$17,14,0)+IF('Standard Profiles'!$G$21=$B$24,21,0),0)),0)</f>
        <v>1.7210792273307267</v>
      </c>
      <c r="H3625" cm="1">
        <f t="array" ref="H3625">IFERROR(INDEX(Jesper!AL$2:AL$366,ROUNDDOWN($C3625/24,0)+1,1)*INDEX($D$3:$AA$30,INDEX(Jesper!$R$2:$R$366,ROW(INDEX(Jesper!AL$2:AL$366,ROUNDDOWN($C3625/24,0)+1,1))-1)+IF('Standard Profiles'!$G$22=$B$10,7,0)+IF('Standard Profiles'!$G$22=$B$17,14,0)+IF('Standard Profiles'!$G$22=$B$24,21,0),MOD($C3625,24)+1)/SUM(INDEX($D$3:$AA$30,INDEX(Jesper!$R$2:$R$366,ROW(INDEX(Jesper!AL$2:AL$366,ROUNDDOWN($C3625/24,0)+1,1))-1)+IF('Standard Profiles'!$G$22=$B$10,7,0)+IF('Standard Profiles'!$G$22=$B$17,14,0)+IF('Standard Profiles'!$G$22=$B$24,21,0),0)),0)</f>
        <v>0</v>
      </c>
      <c r="I3625">
        <f t="shared" si="412"/>
        <v>0.82611802911874843</v>
      </c>
      <c r="J3625">
        <f t="shared" si="413"/>
        <v>43.215172953004171</v>
      </c>
      <c r="K3625">
        <f t="shared" si="414"/>
        <v>3.5141358622473842</v>
      </c>
      <c r="L3625">
        <f t="shared" si="415"/>
        <v>1.7570679311236921</v>
      </c>
      <c r="M3625">
        <f t="shared" si="416"/>
        <v>0</v>
      </c>
      <c r="N3625" s="45">
        <f t="shared" si="417"/>
        <v>45076.624999991291</v>
      </c>
    </row>
    <row r="3626" spans="2:14" x14ac:dyDescent="0.25">
      <c r="B3626">
        <f t="shared" si="411"/>
        <v>2</v>
      </c>
      <c r="C3626" s="16">
        <v>3592</v>
      </c>
      <c r="D3626" cm="1">
        <f t="array" ref="D3626">IFERROR(INDEX(Jesper!AH$2:AH$366,ROUNDDOWN($C3626/24,0)+1,1)*INDEX($D$3:$AA$30,INDEX(Jesper!$R$2:$R$366,ROW(INDEX(Jesper!AH$2:AH$366,ROUNDDOWN($C3626/24,0)+1,1))-1)+IF('Standard Profiles'!$G$18=$B$10,7,0)+IF('Standard Profiles'!$G$18=$B$17,14,0)+IF('Standard Profiles'!$G$18=$B$24,21,0),MOD($C3626,24)+1)/SUM(INDEX($D$3:$AA$30,INDEX(Jesper!$R$2:$R$366,ROW(INDEX(Jesper!AH$2:AH$366,ROUNDDOWN($C3626/24,0)+1,1))-1)+IF('Standard Profiles'!$G$18=$B$10,7,0)+IF('Standard Profiles'!$G$18=$B$17,14,0)+IF('Standard Profiles'!$G$18=$B$24,21,0),0)),0)</f>
        <v>19.414031828264008</v>
      </c>
      <c r="E3626" cm="1">
        <f t="array" ref="E3626">IFERROR(INDEX(Jesper!AI$2:AI$366,ROUNDDOWN($C3626/24,0)+1,1)*INDEX($D$3:$AA$30,INDEX(Jesper!$R$2:$R$366,ROW(INDEX(Jesper!AI$2:AI$366,ROUNDDOWN($C3626/24,0)+1,1))-1)+IF('Standard Profiles'!$G$19=$B$10,7,0)+IF('Standard Profiles'!$G$19=$B$17,14,0)+IF('Standard Profiles'!$G$19=$B$24,21,0),MOD($C3626,24)+1)/SUM(INDEX($D$3:$AA$30,INDEX(Jesper!$R$2:$R$366,ROW(INDEX(Jesper!AI$2:AI$366,ROUNDDOWN($C3626/24,0)+1,1))-1)+IF('Standard Profiles'!$G$19=$B$10,7,0)+IF('Standard Profiles'!$G$19=$B$17,14,0)+IF('Standard Profiles'!$G$19=$B$24,21,0),0)),0)</f>
        <v>8.6309094769036339</v>
      </c>
      <c r="F3626" cm="1">
        <f t="array" ref="F3626">IFERROR(INDEX(Jesper!AJ$2:AJ$366,ROUNDDOWN($C3626/24,0)+1,1)*INDEX($D$3:$AA$30,INDEX(Jesper!$R$2:$R$366,ROW(INDEX(Jesper!AJ$2:AJ$366,ROUNDDOWN($C3626/24,0)+1,1))-1)+IF('Standard Profiles'!$G$20=$B$10,7,0)+IF('Standard Profiles'!$G$20=$B$17,14,0)+IF('Standard Profiles'!$G$20=$B$24,21,0),MOD($C3626,24)+1)/SUM(INDEX($D$3:$AA$30,INDEX(Jesper!$R$2:$R$366,ROW(INDEX(Jesper!AJ$2:AJ$366,ROUNDDOWN($C3626/24,0)+1,1))-1)+IF('Standard Profiles'!$G$20=$B$10,7,0)+IF('Standard Profiles'!$G$20=$B$17,14,0)+IF('Standard Profiles'!$G$20=$B$24,21,0),0)),0)</f>
        <v>0</v>
      </c>
      <c r="G3626" cm="1">
        <f t="array" ref="G3626">IFERROR(INDEX(Jesper!AK$2:AK$366,ROUNDDOWN($C3626/24,0)+1,1)*INDEX($D$3:$AA$30,INDEX(Jesper!$R$2:$R$366,ROW(INDEX(Jesper!AK$2:AK$366,ROUNDDOWN($C3626/24,0)+1,1))-1)+IF('Standard Profiles'!$G$21=$B$10,7,0)+IF('Standard Profiles'!$G$21=$B$17,14,0)+IF('Standard Profiles'!$G$21=$B$24,21,0),MOD($C3626,24)+1)/SUM(INDEX($D$3:$AA$30,INDEX(Jesper!$R$2:$R$366,ROW(INDEX(Jesper!AK$2:AK$366,ROUNDDOWN($C3626/24,0)+1,1))-1)+IF('Standard Profiles'!$G$21=$B$10,7,0)+IF('Standard Profiles'!$G$21=$B$17,14,0)+IF('Standard Profiles'!$G$21=$B$24,21,0),0)),0)</f>
        <v>1.4385920593189965</v>
      </c>
      <c r="H3626" cm="1">
        <f t="array" ref="H3626">IFERROR(INDEX(Jesper!AL$2:AL$366,ROUNDDOWN($C3626/24,0)+1,1)*INDEX($D$3:$AA$30,INDEX(Jesper!$R$2:$R$366,ROW(INDEX(Jesper!AL$2:AL$366,ROUNDDOWN($C3626/24,0)+1,1))-1)+IF('Standard Profiles'!$G$22=$B$10,7,0)+IF('Standard Profiles'!$G$22=$B$17,14,0)+IF('Standard Profiles'!$G$22=$B$24,21,0),MOD($C3626,24)+1)/SUM(INDEX($D$3:$AA$30,INDEX(Jesper!$R$2:$R$366,ROW(INDEX(Jesper!AL$2:AL$366,ROUNDDOWN($C3626/24,0)+1,1))-1)+IF('Standard Profiles'!$G$22=$B$10,7,0)+IF('Standard Profiles'!$G$22=$B$17,14,0)+IF('Standard Profiles'!$G$22=$B$24,21,0),0)),0)</f>
        <v>0</v>
      </c>
      <c r="I3626">
        <f t="shared" si="412"/>
        <v>0.69052418847311792</v>
      </c>
      <c r="J3626">
        <f t="shared" si="413"/>
        <v>25.686764083491276</v>
      </c>
      <c r="K3626">
        <f t="shared" si="414"/>
        <v>2.0708300616814945</v>
      </c>
      <c r="L3626">
        <f t="shared" si="415"/>
        <v>1.0354150308407473</v>
      </c>
      <c r="M3626">
        <f t="shared" si="416"/>
        <v>0</v>
      </c>
      <c r="N3626" s="45">
        <f t="shared" si="417"/>
        <v>45076.666666657955</v>
      </c>
    </row>
    <row r="3627" spans="2:14" x14ac:dyDescent="0.25">
      <c r="B3627">
        <f t="shared" si="411"/>
        <v>2</v>
      </c>
      <c r="C3627" s="16">
        <v>3593</v>
      </c>
      <c r="D3627" cm="1">
        <f t="array" ref="D3627">IFERROR(INDEX(Jesper!AH$2:AH$366,ROUNDDOWN($C3627/24,0)+1,1)*INDEX($D$3:$AA$30,INDEX(Jesper!$R$2:$R$366,ROW(INDEX(Jesper!AH$2:AH$366,ROUNDDOWN($C3627/24,0)+1,1))-1)+IF('Standard Profiles'!$G$18=$B$10,7,0)+IF('Standard Profiles'!$G$18=$B$17,14,0)+IF('Standard Profiles'!$G$18=$B$24,21,0),MOD($C3627,24)+1)/SUM(INDEX($D$3:$AA$30,INDEX(Jesper!$R$2:$R$366,ROW(INDEX(Jesper!AH$2:AH$366,ROUNDDOWN($C3627/24,0)+1,1))-1)+IF('Standard Profiles'!$G$18=$B$10,7,0)+IF('Standard Profiles'!$G$18=$B$17,14,0)+IF('Standard Profiles'!$G$18=$B$24,21,0),0)),0)</f>
        <v>8.2859717576884364</v>
      </c>
      <c r="E3627" cm="1">
        <f t="array" ref="E3627">IFERROR(INDEX(Jesper!AI$2:AI$366,ROUNDDOWN($C3627/24,0)+1,1)*INDEX($D$3:$AA$30,INDEX(Jesper!$R$2:$R$366,ROW(INDEX(Jesper!AI$2:AI$366,ROUNDDOWN($C3627/24,0)+1,1))-1)+IF('Standard Profiles'!$G$19=$B$10,7,0)+IF('Standard Profiles'!$G$19=$B$17,14,0)+IF('Standard Profiles'!$G$19=$B$24,21,0),MOD($C3627,24)+1)/SUM(INDEX($D$3:$AA$30,INDEX(Jesper!$R$2:$R$366,ROW(INDEX(Jesper!AI$2:AI$366,ROUNDDOWN($C3627/24,0)+1,1))-1)+IF('Standard Profiles'!$G$19=$B$10,7,0)+IF('Standard Profiles'!$G$19=$B$17,14,0)+IF('Standard Profiles'!$G$19=$B$24,21,0),0)),0)</f>
        <v>3.6837001608636939</v>
      </c>
      <c r="F3627" cm="1">
        <f t="array" ref="F3627">IFERROR(INDEX(Jesper!AJ$2:AJ$366,ROUNDDOWN($C3627/24,0)+1,1)*INDEX($D$3:$AA$30,INDEX(Jesper!$R$2:$R$366,ROW(INDEX(Jesper!AJ$2:AJ$366,ROUNDDOWN($C3627/24,0)+1,1))-1)+IF('Standard Profiles'!$G$20=$B$10,7,0)+IF('Standard Profiles'!$G$20=$B$17,14,0)+IF('Standard Profiles'!$G$20=$B$24,21,0),MOD($C3627,24)+1)/SUM(INDEX($D$3:$AA$30,INDEX(Jesper!$R$2:$R$366,ROW(INDEX(Jesper!AJ$2:AJ$366,ROUNDDOWN($C3627/24,0)+1,1))-1)+IF('Standard Profiles'!$G$20=$B$10,7,0)+IF('Standard Profiles'!$G$20=$B$17,14,0)+IF('Standard Profiles'!$G$20=$B$24,21,0),0)),0)</f>
        <v>0</v>
      </c>
      <c r="G3627" cm="1">
        <f t="array" ref="G3627">IFERROR(INDEX(Jesper!AK$2:AK$366,ROUNDDOWN($C3627/24,0)+1,1)*INDEX($D$3:$AA$30,INDEX(Jesper!$R$2:$R$366,ROW(INDEX(Jesper!AK$2:AK$366,ROUNDDOWN($C3627/24,0)+1,1))-1)+IF('Standard Profiles'!$G$21=$B$10,7,0)+IF('Standard Profiles'!$G$21=$B$17,14,0)+IF('Standard Profiles'!$G$21=$B$24,21,0),MOD($C3627,24)+1)/SUM(INDEX($D$3:$AA$30,INDEX(Jesper!$R$2:$R$366,ROW(INDEX(Jesper!AK$2:AK$366,ROUNDDOWN($C3627/24,0)+1,1))-1)+IF('Standard Profiles'!$G$21=$B$10,7,0)+IF('Standard Profiles'!$G$21=$B$17,14,0)+IF('Standard Profiles'!$G$21=$B$24,21,0),0)),0)</f>
        <v>1.1430267816770934</v>
      </c>
      <c r="H3627" cm="1">
        <f t="array" ref="H3627">IFERROR(INDEX(Jesper!AL$2:AL$366,ROUNDDOWN($C3627/24,0)+1,1)*INDEX($D$3:$AA$30,INDEX(Jesper!$R$2:$R$366,ROW(INDEX(Jesper!AL$2:AL$366,ROUNDDOWN($C3627/24,0)+1,1))-1)+IF('Standard Profiles'!$G$22=$B$10,7,0)+IF('Standard Profiles'!$G$22=$B$17,14,0)+IF('Standard Profiles'!$G$22=$B$24,21,0),MOD($C3627,24)+1)/SUM(INDEX($D$3:$AA$30,INDEX(Jesper!$R$2:$R$366,ROW(INDEX(Jesper!AL$2:AL$366,ROUNDDOWN($C3627/24,0)+1,1))-1)+IF('Standard Profiles'!$G$22=$B$10,7,0)+IF('Standard Profiles'!$G$22=$B$17,14,0)+IF('Standard Profiles'!$G$22=$B$24,21,0),0)),0)</f>
        <v>0</v>
      </c>
      <c r="I3627">
        <f t="shared" si="412"/>
        <v>0.54865285520500451</v>
      </c>
      <c r="J3627">
        <f t="shared" si="413"/>
        <v>11.23829036379407</v>
      </c>
      <c r="K3627">
        <f t="shared" si="414"/>
        <v>0.88383698748676665</v>
      </c>
      <c r="L3627">
        <f t="shared" si="415"/>
        <v>0.44191849374338332</v>
      </c>
      <c r="M3627">
        <f t="shared" si="416"/>
        <v>0</v>
      </c>
      <c r="N3627" s="45">
        <f t="shared" si="417"/>
        <v>45076.708333324619</v>
      </c>
    </row>
    <row r="3628" spans="2:14" x14ac:dyDescent="0.25">
      <c r="B3628">
        <f t="shared" si="411"/>
        <v>2</v>
      </c>
      <c r="C3628" s="16">
        <v>3594</v>
      </c>
      <c r="D3628" cm="1">
        <f t="array" ref="D3628">IFERROR(INDEX(Jesper!AH$2:AH$366,ROUNDDOWN($C3628/24,0)+1,1)*INDEX($D$3:$AA$30,INDEX(Jesper!$R$2:$R$366,ROW(INDEX(Jesper!AH$2:AH$366,ROUNDDOWN($C3628/24,0)+1,1))-1)+IF('Standard Profiles'!$G$18=$B$10,7,0)+IF('Standard Profiles'!$G$18=$B$17,14,0)+IF('Standard Profiles'!$G$18=$B$24,21,0),MOD($C3628,24)+1)/SUM(INDEX($D$3:$AA$30,INDEX(Jesper!$R$2:$R$366,ROW(INDEX(Jesper!AH$2:AH$366,ROUNDDOWN($C3628/24,0)+1,1))-1)+IF('Standard Profiles'!$G$18=$B$10,7,0)+IF('Standard Profiles'!$G$18=$B$17,14,0)+IF('Standard Profiles'!$G$18=$B$24,21,0),0)),0)</f>
        <v>5.4687413600743682</v>
      </c>
      <c r="E3628" cm="1">
        <f t="array" ref="E3628">IFERROR(INDEX(Jesper!AI$2:AI$366,ROUNDDOWN($C3628/24,0)+1,1)*INDEX($D$3:$AA$30,INDEX(Jesper!$R$2:$R$366,ROW(INDEX(Jesper!AI$2:AI$366,ROUNDDOWN($C3628/24,0)+1,1))-1)+IF('Standard Profiles'!$G$19=$B$10,7,0)+IF('Standard Profiles'!$G$19=$B$17,14,0)+IF('Standard Profiles'!$G$19=$B$24,21,0),MOD($C3628,24)+1)/SUM(INDEX($D$3:$AA$30,INDEX(Jesper!$R$2:$R$366,ROW(INDEX(Jesper!AI$2:AI$366,ROUNDDOWN($C3628/24,0)+1,1))-1)+IF('Standard Profiles'!$G$19=$B$10,7,0)+IF('Standard Profiles'!$G$19=$B$17,14,0)+IF('Standard Profiles'!$G$19=$B$24,21,0),0)),0)</f>
        <v>2.4312421061700378</v>
      </c>
      <c r="F3628" cm="1">
        <f t="array" ref="F3628">IFERROR(INDEX(Jesper!AJ$2:AJ$366,ROUNDDOWN($C3628/24,0)+1,1)*INDEX($D$3:$AA$30,INDEX(Jesper!$R$2:$R$366,ROW(INDEX(Jesper!AJ$2:AJ$366,ROUNDDOWN($C3628/24,0)+1,1))-1)+IF('Standard Profiles'!$G$20=$B$10,7,0)+IF('Standard Profiles'!$G$20=$B$17,14,0)+IF('Standard Profiles'!$G$20=$B$24,21,0),MOD($C3628,24)+1)/SUM(INDEX($D$3:$AA$30,INDEX(Jesper!$R$2:$R$366,ROW(INDEX(Jesper!AJ$2:AJ$366,ROUNDDOWN($C3628/24,0)+1,1))-1)+IF('Standard Profiles'!$G$20=$B$10,7,0)+IF('Standard Profiles'!$G$20=$B$17,14,0)+IF('Standard Profiles'!$G$20=$B$24,21,0),0)),0)</f>
        <v>0</v>
      </c>
      <c r="G3628" cm="1">
        <f t="array" ref="G3628">IFERROR(INDEX(Jesper!AK$2:AK$366,ROUNDDOWN($C3628/24,0)+1,1)*INDEX($D$3:$AA$30,INDEX(Jesper!$R$2:$R$366,ROW(INDEX(Jesper!AK$2:AK$366,ROUNDDOWN($C3628/24,0)+1,1))-1)+IF('Standard Profiles'!$G$21=$B$10,7,0)+IF('Standard Profiles'!$G$21=$B$17,14,0)+IF('Standard Profiles'!$G$21=$B$24,21,0),MOD($C3628,24)+1)/SUM(INDEX($D$3:$AA$30,INDEX(Jesper!$R$2:$R$366,ROW(INDEX(Jesper!AK$2:AK$366,ROUNDDOWN($C3628/24,0)+1,1))-1)+IF('Standard Profiles'!$G$21=$B$10,7,0)+IF('Standard Profiles'!$G$21=$B$17,14,0)+IF('Standard Profiles'!$G$21=$B$24,21,0),0)),0)</f>
        <v>0.40542139853535358</v>
      </c>
      <c r="H3628" cm="1">
        <f t="array" ref="H3628">IFERROR(INDEX(Jesper!AL$2:AL$366,ROUNDDOWN($C3628/24,0)+1,1)*INDEX($D$3:$AA$30,INDEX(Jesper!$R$2:$R$366,ROW(INDEX(Jesper!AL$2:AL$366,ROUNDDOWN($C3628/24,0)+1,1))-1)+IF('Standard Profiles'!$G$22=$B$10,7,0)+IF('Standard Profiles'!$G$22=$B$17,14,0)+IF('Standard Profiles'!$G$22=$B$24,21,0),MOD($C3628,24)+1)/SUM(INDEX($D$3:$AA$30,INDEX(Jesper!$R$2:$R$366,ROW(INDEX(Jesper!AL$2:AL$366,ROUNDDOWN($C3628/24,0)+1,1))-1)+IF('Standard Profiles'!$G$22=$B$10,7,0)+IF('Standard Profiles'!$G$22=$B$17,14,0)+IF('Standard Profiles'!$G$22=$B$24,21,0),0)),0)</f>
        <v>0</v>
      </c>
      <c r="I3628">
        <f t="shared" si="412"/>
        <v>0.19460227129696961</v>
      </c>
      <c r="J3628">
        <f t="shared" si="413"/>
        <v>7.2358039758708905</v>
      </c>
      <c r="K3628">
        <f t="shared" si="414"/>
        <v>0.58333241174126593</v>
      </c>
      <c r="L3628">
        <f t="shared" si="415"/>
        <v>0.29166620587063297</v>
      </c>
      <c r="M3628">
        <f t="shared" si="416"/>
        <v>0</v>
      </c>
      <c r="N3628" s="45">
        <f t="shared" si="417"/>
        <v>45076.749999991283</v>
      </c>
    </row>
    <row r="3629" spans="2:14" x14ac:dyDescent="0.25">
      <c r="B3629">
        <f t="shared" si="411"/>
        <v>2</v>
      </c>
      <c r="C3629" s="16">
        <v>3595</v>
      </c>
      <c r="D3629" cm="1">
        <f t="array" ref="D3629">IFERROR(INDEX(Jesper!AH$2:AH$366,ROUNDDOWN($C3629/24,0)+1,1)*INDEX($D$3:$AA$30,INDEX(Jesper!$R$2:$R$366,ROW(INDEX(Jesper!AH$2:AH$366,ROUNDDOWN($C3629/24,0)+1,1))-1)+IF('Standard Profiles'!$G$18=$B$10,7,0)+IF('Standard Profiles'!$G$18=$B$17,14,0)+IF('Standard Profiles'!$G$18=$B$24,21,0),MOD($C3629,24)+1)/SUM(INDEX($D$3:$AA$30,INDEX(Jesper!$R$2:$R$366,ROW(INDEX(Jesper!AH$2:AH$366,ROUNDDOWN($C3629/24,0)+1,1))-1)+IF('Standard Profiles'!$G$18=$B$10,7,0)+IF('Standard Profiles'!$G$18=$B$17,14,0)+IF('Standard Profiles'!$G$18=$B$24,21,0),0)),0)</f>
        <v>5.4687413600743682</v>
      </c>
      <c r="E3629" cm="1">
        <f t="array" ref="E3629">IFERROR(INDEX(Jesper!AI$2:AI$366,ROUNDDOWN($C3629/24,0)+1,1)*INDEX($D$3:$AA$30,INDEX(Jesper!$R$2:$R$366,ROW(INDEX(Jesper!AI$2:AI$366,ROUNDDOWN($C3629/24,0)+1,1))-1)+IF('Standard Profiles'!$G$19=$B$10,7,0)+IF('Standard Profiles'!$G$19=$B$17,14,0)+IF('Standard Profiles'!$G$19=$B$24,21,0),MOD($C3629,24)+1)/SUM(INDEX($D$3:$AA$30,INDEX(Jesper!$R$2:$R$366,ROW(INDEX(Jesper!AI$2:AI$366,ROUNDDOWN($C3629/24,0)+1,1))-1)+IF('Standard Profiles'!$G$19=$B$10,7,0)+IF('Standard Profiles'!$G$19=$B$17,14,0)+IF('Standard Profiles'!$G$19=$B$24,21,0),0)),0)</f>
        <v>2.4312421061700378</v>
      </c>
      <c r="F3629" cm="1">
        <f t="array" ref="F3629">IFERROR(INDEX(Jesper!AJ$2:AJ$366,ROUNDDOWN($C3629/24,0)+1,1)*INDEX($D$3:$AA$30,INDEX(Jesper!$R$2:$R$366,ROW(INDEX(Jesper!AJ$2:AJ$366,ROUNDDOWN($C3629/24,0)+1,1))-1)+IF('Standard Profiles'!$G$20=$B$10,7,0)+IF('Standard Profiles'!$G$20=$B$17,14,0)+IF('Standard Profiles'!$G$20=$B$24,21,0),MOD($C3629,24)+1)/SUM(INDEX($D$3:$AA$30,INDEX(Jesper!$R$2:$R$366,ROW(INDEX(Jesper!AJ$2:AJ$366,ROUNDDOWN($C3629/24,0)+1,1))-1)+IF('Standard Profiles'!$G$20=$B$10,7,0)+IF('Standard Profiles'!$G$20=$B$17,14,0)+IF('Standard Profiles'!$G$20=$B$24,21,0),0)),0)</f>
        <v>0</v>
      </c>
      <c r="G3629" cm="1">
        <f t="array" ref="G3629">IFERROR(INDEX(Jesper!AK$2:AK$366,ROUNDDOWN($C3629/24,0)+1,1)*INDEX($D$3:$AA$30,INDEX(Jesper!$R$2:$R$366,ROW(INDEX(Jesper!AK$2:AK$366,ROUNDDOWN($C3629/24,0)+1,1))-1)+IF('Standard Profiles'!$G$21=$B$10,7,0)+IF('Standard Profiles'!$G$21=$B$17,14,0)+IF('Standard Profiles'!$G$21=$B$24,21,0),MOD($C3629,24)+1)/SUM(INDEX($D$3:$AA$30,INDEX(Jesper!$R$2:$R$366,ROW(INDEX(Jesper!AK$2:AK$366,ROUNDDOWN($C3629/24,0)+1,1))-1)+IF('Standard Profiles'!$G$21=$B$10,7,0)+IF('Standard Profiles'!$G$21=$B$17,14,0)+IF('Standard Profiles'!$G$21=$B$24,21,0),0)),0)</f>
        <v>0.40542139853535358</v>
      </c>
      <c r="H3629" cm="1">
        <f t="array" ref="H3629">IFERROR(INDEX(Jesper!AL$2:AL$366,ROUNDDOWN($C3629/24,0)+1,1)*INDEX($D$3:$AA$30,INDEX(Jesper!$R$2:$R$366,ROW(INDEX(Jesper!AL$2:AL$366,ROUNDDOWN($C3629/24,0)+1,1))-1)+IF('Standard Profiles'!$G$22=$B$10,7,0)+IF('Standard Profiles'!$G$22=$B$17,14,0)+IF('Standard Profiles'!$G$22=$B$24,21,0),MOD($C3629,24)+1)/SUM(INDEX($D$3:$AA$30,INDEX(Jesper!$R$2:$R$366,ROW(INDEX(Jesper!AL$2:AL$366,ROUNDDOWN($C3629/24,0)+1,1))-1)+IF('Standard Profiles'!$G$22=$B$10,7,0)+IF('Standard Profiles'!$G$22=$B$17,14,0)+IF('Standard Profiles'!$G$22=$B$24,21,0),0)),0)</f>
        <v>0</v>
      </c>
      <c r="I3629">
        <f t="shared" si="412"/>
        <v>0.19460227129696961</v>
      </c>
      <c r="J3629">
        <f t="shared" si="413"/>
        <v>7.2358039758708905</v>
      </c>
      <c r="K3629">
        <f t="shared" si="414"/>
        <v>0.58333241174126593</v>
      </c>
      <c r="L3629">
        <f t="shared" si="415"/>
        <v>0.29166620587063297</v>
      </c>
      <c r="M3629">
        <f t="shared" si="416"/>
        <v>0</v>
      </c>
      <c r="N3629" s="45">
        <f t="shared" si="417"/>
        <v>45076.791666657948</v>
      </c>
    </row>
    <row r="3630" spans="2:14" x14ac:dyDescent="0.25">
      <c r="B3630">
        <f t="shared" si="411"/>
        <v>2</v>
      </c>
      <c r="C3630" s="16">
        <v>3596</v>
      </c>
      <c r="D3630" cm="1">
        <f t="array" ref="D3630">IFERROR(INDEX(Jesper!AH$2:AH$366,ROUNDDOWN($C3630/24,0)+1,1)*INDEX($D$3:$AA$30,INDEX(Jesper!$R$2:$R$366,ROW(INDEX(Jesper!AH$2:AH$366,ROUNDDOWN($C3630/24,0)+1,1))-1)+IF('Standard Profiles'!$G$18=$B$10,7,0)+IF('Standard Profiles'!$G$18=$B$17,14,0)+IF('Standard Profiles'!$G$18=$B$24,21,0),MOD($C3630,24)+1)/SUM(INDEX($D$3:$AA$30,INDEX(Jesper!$R$2:$R$366,ROW(INDEX(Jesper!AH$2:AH$366,ROUNDDOWN($C3630/24,0)+1,1))-1)+IF('Standard Profiles'!$G$18=$B$10,7,0)+IF('Standard Profiles'!$G$18=$B$17,14,0)+IF('Standard Profiles'!$G$18=$B$24,21,0),0)),0)</f>
        <v>5.4687413600743682</v>
      </c>
      <c r="E3630" cm="1">
        <f t="array" ref="E3630">IFERROR(INDEX(Jesper!AI$2:AI$366,ROUNDDOWN($C3630/24,0)+1,1)*INDEX($D$3:$AA$30,INDEX(Jesper!$R$2:$R$366,ROW(INDEX(Jesper!AI$2:AI$366,ROUNDDOWN($C3630/24,0)+1,1))-1)+IF('Standard Profiles'!$G$19=$B$10,7,0)+IF('Standard Profiles'!$G$19=$B$17,14,0)+IF('Standard Profiles'!$G$19=$B$24,21,0),MOD($C3630,24)+1)/SUM(INDEX($D$3:$AA$30,INDEX(Jesper!$R$2:$R$366,ROW(INDEX(Jesper!AI$2:AI$366,ROUNDDOWN($C3630/24,0)+1,1))-1)+IF('Standard Profiles'!$G$19=$B$10,7,0)+IF('Standard Profiles'!$G$19=$B$17,14,0)+IF('Standard Profiles'!$G$19=$B$24,21,0),0)),0)</f>
        <v>2.4312421061700378</v>
      </c>
      <c r="F3630" cm="1">
        <f t="array" ref="F3630">IFERROR(INDEX(Jesper!AJ$2:AJ$366,ROUNDDOWN($C3630/24,0)+1,1)*INDEX($D$3:$AA$30,INDEX(Jesper!$R$2:$R$366,ROW(INDEX(Jesper!AJ$2:AJ$366,ROUNDDOWN($C3630/24,0)+1,1))-1)+IF('Standard Profiles'!$G$20=$B$10,7,0)+IF('Standard Profiles'!$G$20=$B$17,14,0)+IF('Standard Profiles'!$G$20=$B$24,21,0),MOD($C3630,24)+1)/SUM(INDEX($D$3:$AA$30,INDEX(Jesper!$R$2:$R$366,ROW(INDEX(Jesper!AJ$2:AJ$366,ROUNDDOWN($C3630/24,0)+1,1))-1)+IF('Standard Profiles'!$G$20=$B$10,7,0)+IF('Standard Profiles'!$G$20=$B$17,14,0)+IF('Standard Profiles'!$G$20=$B$24,21,0),0)),0)</f>
        <v>0</v>
      </c>
      <c r="G3630" cm="1">
        <f t="array" ref="G3630">IFERROR(INDEX(Jesper!AK$2:AK$366,ROUNDDOWN($C3630/24,0)+1,1)*INDEX($D$3:$AA$30,INDEX(Jesper!$R$2:$R$366,ROW(INDEX(Jesper!AK$2:AK$366,ROUNDDOWN($C3630/24,0)+1,1))-1)+IF('Standard Profiles'!$G$21=$B$10,7,0)+IF('Standard Profiles'!$G$21=$B$17,14,0)+IF('Standard Profiles'!$G$21=$B$24,21,0),MOD($C3630,24)+1)/SUM(INDEX($D$3:$AA$30,INDEX(Jesper!$R$2:$R$366,ROW(INDEX(Jesper!AK$2:AK$366,ROUNDDOWN($C3630/24,0)+1,1))-1)+IF('Standard Profiles'!$G$21=$B$10,7,0)+IF('Standard Profiles'!$G$21=$B$17,14,0)+IF('Standard Profiles'!$G$21=$B$24,21,0),0)),0)</f>
        <v>0.40542139853535358</v>
      </c>
      <c r="H3630" cm="1">
        <f t="array" ref="H3630">IFERROR(INDEX(Jesper!AL$2:AL$366,ROUNDDOWN($C3630/24,0)+1,1)*INDEX($D$3:$AA$30,INDEX(Jesper!$R$2:$R$366,ROW(INDEX(Jesper!AL$2:AL$366,ROUNDDOWN($C3630/24,0)+1,1))-1)+IF('Standard Profiles'!$G$22=$B$10,7,0)+IF('Standard Profiles'!$G$22=$B$17,14,0)+IF('Standard Profiles'!$G$22=$B$24,21,0),MOD($C3630,24)+1)/SUM(INDEX($D$3:$AA$30,INDEX(Jesper!$R$2:$R$366,ROW(INDEX(Jesper!AL$2:AL$366,ROUNDDOWN($C3630/24,0)+1,1))-1)+IF('Standard Profiles'!$G$22=$B$10,7,0)+IF('Standard Profiles'!$G$22=$B$17,14,0)+IF('Standard Profiles'!$G$22=$B$24,21,0),0)),0)</f>
        <v>0</v>
      </c>
      <c r="I3630">
        <f t="shared" si="412"/>
        <v>0.19460227129696961</v>
      </c>
      <c r="J3630">
        <f t="shared" si="413"/>
        <v>7.2358039758708905</v>
      </c>
      <c r="K3630">
        <f t="shared" si="414"/>
        <v>0.58333241174126593</v>
      </c>
      <c r="L3630">
        <f t="shared" si="415"/>
        <v>0.29166620587063297</v>
      </c>
      <c r="M3630">
        <f t="shared" si="416"/>
        <v>0</v>
      </c>
      <c r="N3630" s="45">
        <f t="shared" si="417"/>
        <v>45076.833333324612</v>
      </c>
    </row>
    <row r="3631" spans="2:14" x14ac:dyDescent="0.25">
      <c r="B3631">
        <f t="shared" si="411"/>
        <v>2</v>
      </c>
      <c r="C3631" s="16">
        <v>3597</v>
      </c>
      <c r="D3631" cm="1">
        <f t="array" ref="D3631">IFERROR(INDEX(Jesper!AH$2:AH$366,ROUNDDOWN($C3631/24,0)+1,1)*INDEX($D$3:$AA$30,INDEX(Jesper!$R$2:$R$366,ROW(INDEX(Jesper!AH$2:AH$366,ROUNDDOWN($C3631/24,0)+1,1))-1)+IF('Standard Profiles'!$G$18=$B$10,7,0)+IF('Standard Profiles'!$G$18=$B$17,14,0)+IF('Standard Profiles'!$G$18=$B$24,21,0),MOD($C3631,24)+1)/SUM(INDEX($D$3:$AA$30,INDEX(Jesper!$R$2:$R$366,ROW(INDEX(Jesper!AH$2:AH$366,ROUNDDOWN($C3631/24,0)+1,1))-1)+IF('Standard Profiles'!$G$18=$B$10,7,0)+IF('Standard Profiles'!$G$18=$B$17,14,0)+IF('Standard Profiles'!$G$18=$B$24,21,0),0)),0)</f>
        <v>5.4687413600743682</v>
      </c>
      <c r="E3631" cm="1">
        <f t="array" ref="E3631">IFERROR(INDEX(Jesper!AI$2:AI$366,ROUNDDOWN($C3631/24,0)+1,1)*INDEX($D$3:$AA$30,INDEX(Jesper!$R$2:$R$366,ROW(INDEX(Jesper!AI$2:AI$366,ROUNDDOWN($C3631/24,0)+1,1))-1)+IF('Standard Profiles'!$G$19=$B$10,7,0)+IF('Standard Profiles'!$G$19=$B$17,14,0)+IF('Standard Profiles'!$G$19=$B$24,21,0),MOD($C3631,24)+1)/SUM(INDEX($D$3:$AA$30,INDEX(Jesper!$R$2:$R$366,ROW(INDEX(Jesper!AI$2:AI$366,ROUNDDOWN($C3631/24,0)+1,1))-1)+IF('Standard Profiles'!$G$19=$B$10,7,0)+IF('Standard Profiles'!$G$19=$B$17,14,0)+IF('Standard Profiles'!$G$19=$B$24,21,0),0)),0)</f>
        <v>2.4312421061700378</v>
      </c>
      <c r="F3631" cm="1">
        <f t="array" ref="F3631">IFERROR(INDEX(Jesper!AJ$2:AJ$366,ROUNDDOWN($C3631/24,0)+1,1)*INDEX($D$3:$AA$30,INDEX(Jesper!$R$2:$R$366,ROW(INDEX(Jesper!AJ$2:AJ$366,ROUNDDOWN($C3631/24,0)+1,1))-1)+IF('Standard Profiles'!$G$20=$B$10,7,0)+IF('Standard Profiles'!$G$20=$B$17,14,0)+IF('Standard Profiles'!$G$20=$B$24,21,0),MOD($C3631,24)+1)/SUM(INDEX($D$3:$AA$30,INDEX(Jesper!$R$2:$R$366,ROW(INDEX(Jesper!AJ$2:AJ$366,ROUNDDOWN($C3631/24,0)+1,1))-1)+IF('Standard Profiles'!$G$20=$B$10,7,0)+IF('Standard Profiles'!$G$20=$B$17,14,0)+IF('Standard Profiles'!$G$20=$B$24,21,0),0)),0)</f>
        <v>0</v>
      </c>
      <c r="G3631" cm="1">
        <f t="array" ref="G3631">IFERROR(INDEX(Jesper!AK$2:AK$366,ROUNDDOWN($C3631/24,0)+1,1)*INDEX($D$3:$AA$30,INDEX(Jesper!$R$2:$R$366,ROW(INDEX(Jesper!AK$2:AK$366,ROUNDDOWN($C3631/24,0)+1,1))-1)+IF('Standard Profiles'!$G$21=$B$10,7,0)+IF('Standard Profiles'!$G$21=$B$17,14,0)+IF('Standard Profiles'!$G$21=$B$24,21,0),MOD($C3631,24)+1)/SUM(INDEX($D$3:$AA$30,INDEX(Jesper!$R$2:$R$366,ROW(INDEX(Jesper!AK$2:AK$366,ROUNDDOWN($C3631/24,0)+1,1))-1)+IF('Standard Profiles'!$G$21=$B$10,7,0)+IF('Standard Profiles'!$G$21=$B$17,14,0)+IF('Standard Profiles'!$G$21=$B$24,21,0),0)),0)</f>
        <v>0.40542139853535358</v>
      </c>
      <c r="H3631" cm="1">
        <f t="array" ref="H3631">IFERROR(INDEX(Jesper!AL$2:AL$366,ROUNDDOWN($C3631/24,0)+1,1)*INDEX($D$3:$AA$30,INDEX(Jesper!$R$2:$R$366,ROW(INDEX(Jesper!AL$2:AL$366,ROUNDDOWN($C3631/24,0)+1,1))-1)+IF('Standard Profiles'!$G$22=$B$10,7,0)+IF('Standard Profiles'!$G$22=$B$17,14,0)+IF('Standard Profiles'!$G$22=$B$24,21,0),MOD($C3631,24)+1)/SUM(INDEX($D$3:$AA$30,INDEX(Jesper!$R$2:$R$366,ROW(INDEX(Jesper!AL$2:AL$366,ROUNDDOWN($C3631/24,0)+1,1))-1)+IF('Standard Profiles'!$G$22=$B$10,7,0)+IF('Standard Profiles'!$G$22=$B$17,14,0)+IF('Standard Profiles'!$G$22=$B$24,21,0),0)),0)</f>
        <v>0</v>
      </c>
      <c r="I3631">
        <f t="shared" si="412"/>
        <v>0.19460227129696961</v>
      </c>
      <c r="J3631">
        <f t="shared" si="413"/>
        <v>7.2358039758708905</v>
      </c>
      <c r="K3631">
        <f t="shared" si="414"/>
        <v>0.58333241174126593</v>
      </c>
      <c r="L3631">
        <f t="shared" si="415"/>
        <v>0.29166620587063297</v>
      </c>
      <c r="M3631">
        <f t="shared" si="416"/>
        <v>0</v>
      </c>
      <c r="N3631" s="45">
        <f t="shared" si="417"/>
        <v>45076.874999991276</v>
      </c>
    </row>
    <row r="3632" spans="2:14" x14ac:dyDescent="0.25">
      <c r="B3632">
        <f t="shared" si="411"/>
        <v>2</v>
      </c>
      <c r="C3632" s="16">
        <v>3598</v>
      </c>
      <c r="D3632" cm="1">
        <f t="array" ref="D3632">IFERROR(INDEX(Jesper!AH$2:AH$366,ROUNDDOWN($C3632/24,0)+1,1)*INDEX($D$3:$AA$30,INDEX(Jesper!$R$2:$R$366,ROW(INDEX(Jesper!AH$2:AH$366,ROUNDDOWN($C3632/24,0)+1,1))-1)+IF('Standard Profiles'!$G$18=$B$10,7,0)+IF('Standard Profiles'!$G$18=$B$17,14,0)+IF('Standard Profiles'!$G$18=$B$24,21,0),MOD($C3632,24)+1)/SUM(INDEX($D$3:$AA$30,INDEX(Jesper!$R$2:$R$366,ROW(INDEX(Jesper!AH$2:AH$366,ROUNDDOWN($C3632/24,0)+1,1))-1)+IF('Standard Profiles'!$G$18=$B$10,7,0)+IF('Standard Profiles'!$G$18=$B$17,14,0)+IF('Standard Profiles'!$G$18=$B$24,21,0),0)),0)</f>
        <v>5.4687413600743682</v>
      </c>
      <c r="E3632" cm="1">
        <f t="array" ref="E3632">IFERROR(INDEX(Jesper!AI$2:AI$366,ROUNDDOWN($C3632/24,0)+1,1)*INDEX($D$3:$AA$30,INDEX(Jesper!$R$2:$R$366,ROW(INDEX(Jesper!AI$2:AI$366,ROUNDDOWN($C3632/24,0)+1,1))-1)+IF('Standard Profiles'!$G$19=$B$10,7,0)+IF('Standard Profiles'!$G$19=$B$17,14,0)+IF('Standard Profiles'!$G$19=$B$24,21,0),MOD($C3632,24)+1)/SUM(INDEX($D$3:$AA$30,INDEX(Jesper!$R$2:$R$366,ROW(INDEX(Jesper!AI$2:AI$366,ROUNDDOWN($C3632/24,0)+1,1))-1)+IF('Standard Profiles'!$G$19=$B$10,7,0)+IF('Standard Profiles'!$G$19=$B$17,14,0)+IF('Standard Profiles'!$G$19=$B$24,21,0),0)),0)</f>
        <v>2.4312421061700378</v>
      </c>
      <c r="F3632" cm="1">
        <f t="array" ref="F3632">IFERROR(INDEX(Jesper!AJ$2:AJ$366,ROUNDDOWN($C3632/24,0)+1,1)*INDEX($D$3:$AA$30,INDEX(Jesper!$R$2:$R$366,ROW(INDEX(Jesper!AJ$2:AJ$366,ROUNDDOWN($C3632/24,0)+1,1))-1)+IF('Standard Profiles'!$G$20=$B$10,7,0)+IF('Standard Profiles'!$G$20=$B$17,14,0)+IF('Standard Profiles'!$G$20=$B$24,21,0),MOD($C3632,24)+1)/SUM(INDEX($D$3:$AA$30,INDEX(Jesper!$R$2:$R$366,ROW(INDEX(Jesper!AJ$2:AJ$366,ROUNDDOWN($C3632/24,0)+1,1))-1)+IF('Standard Profiles'!$G$20=$B$10,7,0)+IF('Standard Profiles'!$G$20=$B$17,14,0)+IF('Standard Profiles'!$G$20=$B$24,21,0),0)),0)</f>
        <v>0</v>
      </c>
      <c r="G3632" cm="1">
        <f t="array" ref="G3632">IFERROR(INDEX(Jesper!AK$2:AK$366,ROUNDDOWN($C3632/24,0)+1,1)*INDEX($D$3:$AA$30,INDEX(Jesper!$R$2:$R$366,ROW(INDEX(Jesper!AK$2:AK$366,ROUNDDOWN($C3632/24,0)+1,1))-1)+IF('Standard Profiles'!$G$21=$B$10,7,0)+IF('Standard Profiles'!$G$21=$B$17,14,0)+IF('Standard Profiles'!$G$21=$B$24,21,0),MOD($C3632,24)+1)/SUM(INDEX($D$3:$AA$30,INDEX(Jesper!$R$2:$R$366,ROW(INDEX(Jesper!AK$2:AK$366,ROUNDDOWN($C3632/24,0)+1,1))-1)+IF('Standard Profiles'!$G$21=$B$10,7,0)+IF('Standard Profiles'!$G$21=$B$17,14,0)+IF('Standard Profiles'!$G$21=$B$24,21,0),0)),0)</f>
        <v>0.40542139853535358</v>
      </c>
      <c r="H3632" cm="1">
        <f t="array" ref="H3632">IFERROR(INDEX(Jesper!AL$2:AL$366,ROUNDDOWN($C3632/24,0)+1,1)*INDEX($D$3:$AA$30,INDEX(Jesper!$R$2:$R$366,ROW(INDEX(Jesper!AL$2:AL$366,ROUNDDOWN($C3632/24,0)+1,1))-1)+IF('Standard Profiles'!$G$22=$B$10,7,0)+IF('Standard Profiles'!$G$22=$B$17,14,0)+IF('Standard Profiles'!$G$22=$B$24,21,0),MOD($C3632,24)+1)/SUM(INDEX($D$3:$AA$30,INDEX(Jesper!$R$2:$R$366,ROW(INDEX(Jesper!AL$2:AL$366,ROUNDDOWN($C3632/24,0)+1,1))-1)+IF('Standard Profiles'!$G$22=$B$10,7,0)+IF('Standard Profiles'!$G$22=$B$17,14,0)+IF('Standard Profiles'!$G$22=$B$24,21,0),0)),0)</f>
        <v>0</v>
      </c>
      <c r="I3632">
        <f t="shared" si="412"/>
        <v>0.19460227129696961</v>
      </c>
      <c r="J3632">
        <f t="shared" si="413"/>
        <v>7.2358039758708905</v>
      </c>
      <c r="K3632">
        <f t="shared" si="414"/>
        <v>0.58333241174126593</v>
      </c>
      <c r="L3632">
        <f t="shared" si="415"/>
        <v>0.29166620587063297</v>
      </c>
      <c r="M3632">
        <f t="shared" si="416"/>
        <v>0</v>
      </c>
      <c r="N3632" s="45">
        <f t="shared" si="417"/>
        <v>45076.91666665794</v>
      </c>
    </row>
    <row r="3633" spans="2:14" x14ac:dyDescent="0.25">
      <c r="B3633">
        <f t="shared" si="411"/>
        <v>2</v>
      </c>
      <c r="C3633" s="16">
        <v>3599</v>
      </c>
      <c r="D3633" cm="1">
        <f t="array" ref="D3633">IFERROR(INDEX(Jesper!AH$2:AH$366,ROUNDDOWN($C3633/24,0)+1,1)*INDEX($D$3:$AA$30,INDEX(Jesper!$R$2:$R$366,ROW(INDEX(Jesper!AH$2:AH$366,ROUNDDOWN($C3633/24,0)+1,1))-1)+IF('Standard Profiles'!$G$18=$B$10,7,0)+IF('Standard Profiles'!$G$18=$B$17,14,0)+IF('Standard Profiles'!$G$18=$B$24,21,0),MOD($C3633,24)+1)/SUM(INDEX($D$3:$AA$30,INDEX(Jesper!$R$2:$R$366,ROW(INDEX(Jesper!AH$2:AH$366,ROUNDDOWN($C3633/24,0)+1,1))-1)+IF('Standard Profiles'!$G$18=$B$10,7,0)+IF('Standard Profiles'!$G$18=$B$17,14,0)+IF('Standard Profiles'!$G$18=$B$24,21,0),0)),0)</f>
        <v>5.4687413600743682</v>
      </c>
      <c r="E3633" cm="1">
        <f t="array" ref="E3633">IFERROR(INDEX(Jesper!AI$2:AI$366,ROUNDDOWN($C3633/24,0)+1,1)*INDEX($D$3:$AA$30,INDEX(Jesper!$R$2:$R$366,ROW(INDEX(Jesper!AI$2:AI$366,ROUNDDOWN($C3633/24,0)+1,1))-1)+IF('Standard Profiles'!$G$19=$B$10,7,0)+IF('Standard Profiles'!$G$19=$B$17,14,0)+IF('Standard Profiles'!$G$19=$B$24,21,0),MOD($C3633,24)+1)/SUM(INDEX($D$3:$AA$30,INDEX(Jesper!$R$2:$R$366,ROW(INDEX(Jesper!AI$2:AI$366,ROUNDDOWN($C3633/24,0)+1,1))-1)+IF('Standard Profiles'!$G$19=$B$10,7,0)+IF('Standard Profiles'!$G$19=$B$17,14,0)+IF('Standard Profiles'!$G$19=$B$24,21,0),0)),0)</f>
        <v>2.4312421061700378</v>
      </c>
      <c r="F3633" cm="1">
        <f t="array" ref="F3633">IFERROR(INDEX(Jesper!AJ$2:AJ$366,ROUNDDOWN($C3633/24,0)+1,1)*INDEX($D$3:$AA$30,INDEX(Jesper!$R$2:$R$366,ROW(INDEX(Jesper!AJ$2:AJ$366,ROUNDDOWN($C3633/24,0)+1,1))-1)+IF('Standard Profiles'!$G$20=$B$10,7,0)+IF('Standard Profiles'!$G$20=$B$17,14,0)+IF('Standard Profiles'!$G$20=$B$24,21,0),MOD($C3633,24)+1)/SUM(INDEX($D$3:$AA$30,INDEX(Jesper!$R$2:$R$366,ROW(INDEX(Jesper!AJ$2:AJ$366,ROUNDDOWN($C3633/24,0)+1,1))-1)+IF('Standard Profiles'!$G$20=$B$10,7,0)+IF('Standard Profiles'!$G$20=$B$17,14,0)+IF('Standard Profiles'!$G$20=$B$24,21,0),0)),0)</f>
        <v>0</v>
      </c>
      <c r="G3633" cm="1">
        <f t="array" ref="G3633">IFERROR(INDEX(Jesper!AK$2:AK$366,ROUNDDOWN($C3633/24,0)+1,1)*INDEX($D$3:$AA$30,INDEX(Jesper!$R$2:$R$366,ROW(INDEX(Jesper!AK$2:AK$366,ROUNDDOWN($C3633/24,0)+1,1))-1)+IF('Standard Profiles'!$G$21=$B$10,7,0)+IF('Standard Profiles'!$G$21=$B$17,14,0)+IF('Standard Profiles'!$G$21=$B$24,21,0),MOD($C3633,24)+1)/SUM(INDEX($D$3:$AA$30,INDEX(Jesper!$R$2:$R$366,ROW(INDEX(Jesper!AK$2:AK$366,ROUNDDOWN($C3633/24,0)+1,1))-1)+IF('Standard Profiles'!$G$21=$B$10,7,0)+IF('Standard Profiles'!$G$21=$B$17,14,0)+IF('Standard Profiles'!$G$21=$B$24,21,0),0)),0)</f>
        <v>0.40542139853535358</v>
      </c>
      <c r="H3633" cm="1">
        <f t="array" ref="H3633">IFERROR(INDEX(Jesper!AL$2:AL$366,ROUNDDOWN($C3633/24,0)+1,1)*INDEX($D$3:$AA$30,INDEX(Jesper!$R$2:$R$366,ROW(INDEX(Jesper!AL$2:AL$366,ROUNDDOWN($C3633/24,0)+1,1))-1)+IF('Standard Profiles'!$G$22=$B$10,7,0)+IF('Standard Profiles'!$G$22=$B$17,14,0)+IF('Standard Profiles'!$G$22=$B$24,21,0),MOD($C3633,24)+1)/SUM(INDEX($D$3:$AA$30,INDEX(Jesper!$R$2:$R$366,ROW(INDEX(Jesper!AL$2:AL$366,ROUNDDOWN($C3633/24,0)+1,1))-1)+IF('Standard Profiles'!$G$22=$B$10,7,0)+IF('Standard Profiles'!$G$22=$B$17,14,0)+IF('Standard Profiles'!$G$22=$B$24,21,0),0)),0)</f>
        <v>0</v>
      </c>
      <c r="I3633">
        <f t="shared" si="412"/>
        <v>0.19460227129696961</v>
      </c>
      <c r="J3633">
        <f t="shared" si="413"/>
        <v>7.2358039758708905</v>
      </c>
      <c r="K3633">
        <f t="shared" si="414"/>
        <v>0.58333241174126593</v>
      </c>
      <c r="L3633">
        <f t="shared" si="415"/>
        <v>0.29166620587063297</v>
      </c>
      <c r="M3633">
        <f t="shared" si="416"/>
        <v>0</v>
      </c>
      <c r="N3633" s="45">
        <f t="shared" si="417"/>
        <v>45076.958333324605</v>
      </c>
    </row>
    <row r="3634" spans="2:14" x14ac:dyDescent="0.25">
      <c r="B3634">
        <f t="shared" si="411"/>
        <v>3</v>
      </c>
      <c r="C3634" s="16">
        <v>3600</v>
      </c>
      <c r="D3634" cm="1">
        <f t="array" ref="D3634">IFERROR(INDEX(Jesper!AH$2:AH$366,ROUNDDOWN($C3634/24,0)+1,1)*INDEX($D$3:$AA$30,INDEX(Jesper!$R$2:$R$366,ROW(INDEX(Jesper!AH$2:AH$366,ROUNDDOWN($C3634/24,0)+1,1))-1)+IF('Standard Profiles'!$G$18=$B$10,7,0)+IF('Standard Profiles'!$G$18=$B$17,14,0)+IF('Standard Profiles'!$G$18=$B$24,21,0),MOD($C3634,24)+1)/SUM(INDEX($D$3:$AA$30,INDEX(Jesper!$R$2:$R$366,ROW(INDEX(Jesper!AH$2:AH$366,ROUNDDOWN($C3634/24,0)+1,1))-1)+IF('Standard Profiles'!$G$18=$B$10,7,0)+IF('Standard Profiles'!$G$18=$B$17,14,0)+IF('Standard Profiles'!$G$18=$B$24,21,0),0)),0)</f>
        <v>5.4227664477712461</v>
      </c>
      <c r="E3634" cm="1">
        <f t="array" ref="E3634">IFERROR(INDEX(Jesper!AI$2:AI$366,ROUNDDOWN($C3634/24,0)+1,1)*INDEX($D$3:$AA$30,INDEX(Jesper!$R$2:$R$366,ROW(INDEX(Jesper!AI$2:AI$366,ROUNDDOWN($C3634/24,0)+1,1))-1)+IF('Standard Profiles'!$G$19=$B$10,7,0)+IF('Standard Profiles'!$G$19=$B$17,14,0)+IF('Standard Profiles'!$G$19=$B$24,21,0),MOD($C3634,24)+1)/SUM(INDEX($D$3:$AA$30,INDEX(Jesper!$R$2:$R$366,ROW(INDEX(Jesper!AI$2:AI$366,ROUNDDOWN($C3634/24,0)+1,1))-1)+IF('Standard Profiles'!$G$19=$B$10,7,0)+IF('Standard Profiles'!$G$19=$B$17,14,0)+IF('Standard Profiles'!$G$19=$B$24,21,0),0)),0)</f>
        <v>2.4108030078000056</v>
      </c>
      <c r="F3634" cm="1">
        <f t="array" ref="F3634">IFERROR(INDEX(Jesper!AJ$2:AJ$366,ROUNDDOWN($C3634/24,0)+1,1)*INDEX($D$3:$AA$30,INDEX(Jesper!$R$2:$R$366,ROW(INDEX(Jesper!AJ$2:AJ$366,ROUNDDOWN($C3634/24,0)+1,1))-1)+IF('Standard Profiles'!$G$20=$B$10,7,0)+IF('Standard Profiles'!$G$20=$B$17,14,0)+IF('Standard Profiles'!$G$20=$B$24,21,0),MOD($C3634,24)+1)/SUM(INDEX($D$3:$AA$30,INDEX(Jesper!$R$2:$R$366,ROW(INDEX(Jesper!AJ$2:AJ$366,ROUNDDOWN($C3634/24,0)+1,1))-1)+IF('Standard Profiles'!$G$20=$B$10,7,0)+IF('Standard Profiles'!$G$20=$B$17,14,0)+IF('Standard Profiles'!$G$20=$B$24,21,0),0)),0)</f>
        <v>0</v>
      </c>
      <c r="G3634" cm="1">
        <f t="array" ref="G3634">IFERROR(INDEX(Jesper!AK$2:AK$366,ROUNDDOWN($C3634/24,0)+1,1)*INDEX($D$3:$AA$30,INDEX(Jesper!$R$2:$R$366,ROW(INDEX(Jesper!AK$2:AK$366,ROUNDDOWN($C3634/24,0)+1,1))-1)+IF('Standard Profiles'!$G$21=$B$10,7,0)+IF('Standard Profiles'!$G$21=$B$17,14,0)+IF('Standard Profiles'!$G$21=$B$24,21,0),MOD($C3634,24)+1)/SUM(INDEX($D$3:$AA$30,INDEX(Jesper!$R$2:$R$366,ROW(INDEX(Jesper!AK$2:AK$366,ROUNDDOWN($C3634/24,0)+1,1))-1)+IF('Standard Profiles'!$G$21=$B$10,7,0)+IF('Standard Profiles'!$G$21=$B$17,14,0)+IF('Standard Profiles'!$G$21=$B$24,21,0),0)),0)</f>
        <v>0.419164750660043</v>
      </c>
      <c r="H3634" cm="1">
        <f t="array" ref="H3634">IFERROR(INDEX(Jesper!AL$2:AL$366,ROUNDDOWN($C3634/24,0)+1,1)*INDEX($D$3:$AA$30,INDEX(Jesper!$R$2:$R$366,ROW(INDEX(Jesper!AL$2:AL$366,ROUNDDOWN($C3634/24,0)+1,1))-1)+IF('Standard Profiles'!$G$22=$B$10,7,0)+IF('Standard Profiles'!$G$22=$B$17,14,0)+IF('Standard Profiles'!$G$22=$B$24,21,0),MOD($C3634,24)+1)/SUM(INDEX($D$3:$AA$30,INDEX(Jesper!$R$2:$R$366,ROW(INDEX(Jesper!AL$2:AL$366,ROUNDDOWN($C3634/24,0)+1,1))-1)+IF('Standard Profiles'!$G$22=$B$10,7,0)+IF('Standard Profiles'!$G$22=$B$17,14,0)+IF('Standard Profiles'!$G$22=$B$24,21,0),0)),0)</f>
        <v>0</v>
      </c>
      <c r="I3634">
        <f t="shared" si="412"/>
        <v>0.20119908031682054</v>
      </c>
      <c r="J3634">
        <f t="shared" si="413"/>
        <v>7.183892494271074</v>
      </c>
      <c r="K3634">
        <f t="shared" si="414"/>
        <v>0.57842842109559967</v>
      </c>
      <c r="L3634">
        <f t="shared" si="415"/>
        <v>0.28921421054779983</v>
      </c>
      <c r="M3634">
        <f t="shared" si="416"/>
        <v>0</v>
      </c>
      <c r="N3634" s="45">
        <f t="shared" si="417"/>
        <v>45076.999999991269</v>
      </c>
    </row>
    <row r="3635" spans="2:14" x14ac:dyDescent="0.25">
      <c r="B3635">
        <f t="shared" si="411"/>
        <v>3</v>
      </c>
      <c r="C3635" s="16">
        <v>3601</v>
      </c>
      <c r="D3635" cm="1">
        <f t="array" ref="D3635">IFERROR(INDEX(Jesper!AH$2:AH$366,ROUNDDOWN($C3635/24,0)+1,1)*INDEX($D$3:$AA$30,INDEX(Jesper!$R$2:$R$366,ROW(INDEX(Jesper!AH$2:AH$366,ROUNDDOWN($C3635/24,0)+1,1))-1)+IF('Standard Profiles'!$G$18=$B$10,7,0)+IF('Standard Profiles'!$G$18=$B$17,14,0)+IF('Standard Profiles'!$G$18=$B$24,21,0),MOD($C3635,24)+1)/SUM(INDEX($D$3:$AA$30,INDEX(Jesper!$R$2:$R$366,ROW(INDEX(Jesper!AH$2:AH$366,ROUNDDOWN($C3635/24,0)+1,1))-1)+IF('Standard Profiles'!$G$18=$B$10,7,0)+IF('Standard Profiles'!$G$18=$B$17,14,0)+IF('Standard Profiles'!$G$18=$B$24,21,0),0)),0)</f>
        <v>5.4227664477712461</v>
      </c>
      <c r="E3635" cm="1">
        <f t="array" ref="E3635">IFERROR(INDEX(Jesper!AI$2:AI$366,ROUNDDOWN($C3635/24,0)+1,1)*INDEX($D$3:$AA$30,INDEX(Jesper!$R$2:$R$366,ROW(INDEX(Jesper!AI$2:AI$366,ROUNDDOWN($C3635/24,0)+1,1))-1)+IF('Standard Profiles'!$G$19=$B$10,7,0)+IF('Standard Profiles'!$G$19=$B$17,14,0)+IF('Standard Profiles'!$G$19=$B$24,21,0),MOD($C3635,24)+1)/SUM(INDEX($D$3:$AA$30,INDEX(Jesper!$R$2:$R$366,ROW(INDEX(Jesper!AI$2:AI$366,ROUNDDOWN($C3635/24,0)+1,1))-1)+IF('Standard Profiles'!$G$19=$B$10,7,0)+IF('Standard Profiles'!$G$19=$B$17,14,0)+IF('Standard Profiles'!$G$19=$B$24,21,0),0)),0)</f>
        <v>2.4108030078000056</v>
      </c>
      <c r="F3635" cm="1">
        <f t="array" ref="F3635">IFERROR(INDEX(Jesper!AJ$2:AJ$366,ROUNDDOWN($C3635/24,0)+1,1)*INDEX($D$3:$AA$30,INDEX(Jesper!$R$2:$R$366,ROW(INDEX(Jesper!AJ$2:AJ$366,ROUNDDOWN($C3635/24,0)+1,1))-1)+IF('Standard Profiles'!$G$20=$B$10,7,0)+IF('Standard Profiles'!$G$20=$B$17,14,0)+IF('Standard Profiles'!$G$20=$B$24,21,0),MOD($C3635,24)+1)/SUM(INDEX($D$3:$AA$30,INDEX(Jesper!$R$2:$R$366,ROW(INDEX(Jesper!AJ$2:AJ$366,ROUNDDOWN($C3635/24,0)+1,1))-1)+IF('Standard Profiles'!$G$20=$B$10,7,0)+IF('Standard Profiles'!$G$20=$B$17,14,0)+IF('Standard Profiles'!$G$20=$B$24,21,0),0)),0)</f>
        <v>0</v>
      </c>
      <c r="G3635" cm="1">
        <f t="array" ref="G3635">IFERROR(INDEX(Jesper!AK$2:AK$366,ROUNDDOWN($C3635/24,0)+1,1)*INDEX($D$3:$AA$30,INDEX(Jesper!$R$2:$R$366,ROW(INDEX(Jesper!AK$2:AK$366,ROUNDDOWN($C3635/24,0)+1,1))-1)+IF('Standard Profiles'!$G$21=$B$10,7,0)+IF('Standard Profiles'!$G$21=$B$17,14,0)+IF('Standard Profiles'!$G$21=$B$24,21,0),MOD($C3635,24)+1)/SUM(INDEX($D$3:$AA$30,INDEX(Jesper!$R$2:$R$366,ROW(INDEX(Jesper!AK$2:AK$366,ROUNDDOWN($C3635/24,0)+1,1))-1)+IF('Standard Profiles'!$G$21=$B$10,7,0)+IF('Standard Profiles'!$G$21=$B$17,14,0)+IF('Standard Profiles'!$G$21=$B$24,21,0),0)),0)</f>
        <v>0.419164750660043</v>
      </c>
      <c r="H3635" cm="1">
        <f t="array" ref="H3635">IFERROR(INDEX(Jesper!AL$2:AL$366,ROUNDDOWN($C3635/24,0)+1,1)*INDEX($D$3:$AA$30,INDEX(Jesper!$R$2:$R$366,ROW(INDEX(Jesper!AL$2:AL$366,ROUNDDOWN($C3635/24,0)+1,1))-1)+IF('Standard Profiles'!$G$22=$B$10,7,0)+IF('Standard Profiles'!$G$22=$B$17,14,0)+IF('Standard Profiles'!$G$22=$B$24,21,0),MOD($C3635,24)+1)/SUM(INDEX($D$3:$AA$30,INDEX(Jesper!$R$2:$R$366,ROW(INDEX(Jesper!AL$2:AL$366,ROUNDDOWN($C3635/24,0)+1,1))-1)+IF('Standard Profiles'!$G$22=$B$10,7,0)+IF('Standard Profiles'!$G$22=$B$17,14,0)+IF('Standard Profiles'!$G$22=$B$24,21,0),0)),0)</f>
        <v>0</v>
      </c>
      <c r="I3635">
        <f t="shared" si="412"/>
        <v>0.20119908031682054</v>
      </c>
      <c r="J3635">
        <f t="shared" si="413"/>
        <v>7.183892494271074</v>
      </c>
      <c r="K3635">
        <f t="shared" si="414"/>
        <v>0.57842842109559967</v>
      </c>
      <c r="L3635">
        <f t="shared" si="415"/>
        <v>0.28921421054779983</v>
      </c>
      <c r="M3635">
        <f t="shared" si="416"/>
        <v>0</v>
      </c>
      <c r="N3635" s="45">
        <f t="shared" si="417"/>
        <v>45077.041666657933</v>
      </c>
    </row>
    <row r="3636" spans="2:14" x14ac:dyDescent="0.25">
      <c r="B3636">
        <f t="shared" si="411"/>
        <v>3</v>
      </c>
      <c r="C3636" s="16">
        <v>3602</v>
      </c>
      <c r="D3636" cm="1">
        <f t="array" ref="D3636">IFERROR(INDEX(Jesper!AH$2:AH$366,ROUNDDOWN($C3636/24,0)+1,1)*INDEX($D$3:$AA$30,INDEX(Jesper!$R$2:$R$366,ROW(INDEX(Jesper!AH$2:AH$366,ROUNDDOWN($C3636/24,0)+1,1))-1)+IF('Standard Profiles'!$G$18=$B$10,7,0)+IF('Standard Profiles'!$G$18=$B$17,14,0)+IF('Standard Profiles'!$G$18=$B$24,21,0),MOD($C3636,24)+1)/SUM(INDEX($D$3:$AA$30,INDEX(Jesper!$R$2:$R$366,ROW(INDEX(Jesper!AH$2:AH$366,ROUNDDOWN($C3636/24,0)+1,1))-1)+IF('Standard Profiles'!$G$18=$B$10,7,0)+IF('Standard Profiles'!$G$18=$B$17,14,0)+IF('Standard Profiles'!$G$18=$B$24,21,0),0)),0)</f>
        <v>5.4227664477712461</v>
      </c>
      <c r="E3636" cm="1">
        <f t="array" ref="E3636">IFERROR(INDEX(Jesper!AI$2:AI$366,ROUNDDOWN($C3636/24,0)+1,1)*INDEX($D$3:$AA$30,INDEX(Jesper!$R$2:$R$366,ROW(INDEX(Jesper!AI$2:AI$366,ROUNDDOWN($C3636/24,0)+1,1))-1)+IF('Standard Profiles'!$G$19=$B$10,7,0)+IF('Standard Profiles'!$G$19=$B$17,14,0)+IF('Standard Profiles'!$G$19=$B$24,21,0),MOD($C3636,24)+1)/SUM(INDEX($D$3:$AA$30,INDEX(Jesper!$R$2:$R$366,ROW(INDEX(Jesper!AI$2:AI$366,ROUNDDOWN($C3636/24,0)+1,1))-1)+IF('Standard Profiles'!$G$19=$B$10,7,0)+IF('Standard Profiles'!$G$19=$B$17,14,0)+IF('Standard Profiles'!$G$19=$B$24,21,0),0)),0)</f>
        <v>2.4108030078000056</v>
      </c>
      <c r="F3636" cm="1">
        <f t="array" ref="F3636">IFERROR(INDEX(Jesper!AJ$2:AJ$366,ROUNDDOWN($C3636/24,0)+1,1)*INDEX($D$3:$AA$30,INDEX(Jesper!$R$2:$R$366,ROW(INDEX(Jesper!AJ$2:AJ$366,ROUNDDOWN($C3636/24,0)+1,1))-1)+IF('Standard Profiles'!$G$20=$B$10,7,0)+IF('Standard Profiles'!$G$20=$B$17,14,0)+IF('Standard Profiles'!$G$20=$B$24,21,0),MOD($C3636,24)+1)/SUM(INDEX($D$3:$AA$30,INDEX(Jesper!$R$2:$R$366,ROW(INDEX(Jesper!AJ$2:AJ$366,ROUNDDOWN($C3636/24,0)+1,1))-1)+IF('Standard Profiles'!$G$20=$B$10,7,0)+IF('Standard Profiles'!$G$20=$B$17,14,0)+IF('Standard Profiles'!$G$20=$B$24,21,0),0)),0)</f>
        <v>0</v>
      </c>
      <c r="G3636" cm="1">
        <f t="array" ref="G3636">IFERROR(INDEX(Jesper!AK$2:AK$366,ROUNDDOWN($C3636/24,0)+1,1)*INDEX($D$3:$AA$30,INDEX(Jesper!$R$2:$R$366,ROW(INDEX(Jesper!AK$2:AK$366,ROUNDDOWN($C3636/24,0)+1,1))-1)+IF('Standard Profiles'!$G$21=$B$10,7,0)+IF('Standard Profiles'!$G$21=$B$17,14,0)+IF('Standard Profiles'!$G$21=$B$24,21,0),MOD($C3636,24)+1)/SUM(INDEX($D$3:$AA$30,INDEX(Jesper!$R$2:$R$366,ROW(INDEX(Jesper!AK$2:AK$366,ROUNDDOWN($C3636/24,0)+1,1))-1)+IF('Standard Profiles'!$G$21=$B$10,7,0)+IF('Standard Profiles'!$G$21=$B$17,14,0)+IF('Standard Profiles'!$G$21=$B$24,21,0),0)),0)</f>
        <v>0.419164750660043</v>
      </c>
      <c r="H3636" cm="1">
        <f t="array" ref="H3636">IFERROR(INDEX(Jesper!AL$2:AL$366,ROUNDDOWN($C3636/24,0)+1,1)*INDEX($D$3:$AA$30,INDEX(Jesper!$R$2:$R$366,ROW(INDEX(Jesper!AL$2:AL$366,ROUNDDOWN($C3636/24,0)+1,1))-1)+IF('Standard Profiles'!$G$22=$B$10,7,0)+IF('Standard Profiles'!$G$22=$B$17,14,0)+IF('Standard Profiles'!$G$22=$B$24,21,0),MOD($C3636,24)+1)/SUM(INDEX($D$3:$AA$30,INDEX(Jesper!$R$2:$R$366,ROW(INDEX(Jesper!AL$2:AL$366,ROUNDDOWN($C3636/24,0)+1,1))-1)+IF('Standard Profiles'!$G$22=$B$10,7,0)+IF('Standard Profiles'!$G$22=$B$17,14,0)+IF('Standard Profiles'!$G$22=$B$24,21,0),0)),0)</f>
        <v>0</v>
      </c>
      <c r="I3636">
        <f t="shared" si="412"/>
        <v>0.20119908031682054</v>
      </c>
      <c r="J3636">
        <f t="shared" si="413"/>
        <v>7.183892494271074</v>
      </c>
      <c r="K3636">
        <f t="shared" si="414"/>
        <v>0.57842842109559967</v>
      </c>
      <c r="L3636">
        <f t="shared" si="415"/>
        <v>0.28921421054779983</v>
      </c>
      <c r="M3636">
        <f t="shared" si="416"/>
        <v>0</v>
      </c>
      <c r="N3636" s="45">
        <f t="shared" si="417"/>
        <v>45077.083333324597</v>
      </c>
    </row>
    <row r="3637" spans="2:14" x14ac:dyDescent="0.25">
      <c r="B3637">
        <f t="shared" si="411"/>
        <v>3</v>
      </c>
      <c r="C3637" s="16">
        <v>3603</v>
      </c>
      <c r="D3637" cm="1">
        <f t="array" ref="D3637">IFERROR(INDEX(Jesper!AH$2:AH$366,ROUNDDOWN($C3637/24,0)+1,1)*INDEX($D$3:$AA$30,INDEX(Jesper!$R$2:$R$366,ROW(INDEX(Jesper!AH$2:AH$366,ROUNDDOWN($C3637/24,0)+1,1))-1)+IF('Standard Profiles'!$G$18=$B$10,7,0)+IF('Standard Profiles'!$G$18=$B$17,14,0)+IF('Standard Profiles'!$G$18=$B$24,21,0),MOD($C3637,24)+1)/SUM(INDEX($D$3:$AA$30,INDEX(Jesper!$R$2:$R$366,ROW(INDEX(Jesper!AH$2:AH$366,ROUNDDOWN($C3637/24,0)+1,1))-1)+IF('Standard Profiles'!$G$18=$B$10,7,0)+IF('Standard Profiles'!$G$18=$B$17,14,0)+IF('Standard Profiles'!$G$18=$B$24,21,0),0)),0)</f>
        <v>5.4227664477712461</v>
      </c>
      <c r="E3637" cm="1">
        <f t="array" ref="E3637">IFERROR(INDEX(Jesper!AI$2:AI$366,ROUNDDOWN($C3637/24,0)+1,1)*INDEX($D$3:$AA$30,INDEX(Jesper!$R$2:$R$366,ROW(INDEX(Jesper!AI$2:AI$366,ROUNDDOWN($C3637/24,0)+1,1))-1)+IF('Standard Profiles'!$G$19=$B$10,7,0)+IF('Standard Profiles'!$G$19=$B$17,14,0)+IF('Standard Profiles'!$G$19=$B$24,21,0),MOD($C3637,24)+1)/SUM(INDEX($D$3:$AA$30,INDEX(Jesper!$R$2:$R$366,ROW(INDEX(Jesper!AI$2:AI$366,ROUNDDOWN($C3637/24,0)+1,1))-1)+IF('Standard Profiles'!$G$19=$B$10,7,0)+IF('Standard Profiles'!$G$19=$B$17,14,0)+IF('Standard Profiles'!$G$19=$B$24,21,0),0)),0)</f>
        <v>2.4108030078000056</v>
      </c>
      <c r="F3637" cm="1">
        <f t="array" ref="F3637">IFERROR(INDEX(Jesper!AJ$2:AJ$366,ROUNDDOWN($C3637/24,0)+1,1)*INDEX($D$3:$AA$30,INDEX(Jesper!$R$2:$R$366,ROW(INDEX(Jesper!AJ$2:AJ$366,ROUNDDOWN($C3637/24,0)+1,1))-1)+IF('Standard Profiles'!$G$20=$B$10,7,0)+IF('Standard Profiles'!$G$20=$B$17,14,0)+IF('Standard Profiles'!$G$20=$B$24,21,0),MOD($C3637,24)+1)/SUM(INDEX($D$3:$AA$30,INDEX(Jesper!$R$2:$R$366,ROW(INDEX(Jesper!AJ$2:AJ$366,ROUNDDOWN($C3637/24,0)+1,1))-1)+IF('Standard Profiles'!$G$20=$B$10,7,0)+IF('Standard Profiles'!$G$20=$B$17,14,0)+IF('Standard Profiles'!$G$20=$B$24,21,0),0)),0)</f>
        <v>0</v>
      </c>
      <c r="G3637" cm="1">
        <f t="array" ref="G3637">IFERROR(INDEX(Jesper!AK$2:AK$366,ROUNDDOWN($C3637/24,0)+1,1)*INDEX($D$3:$AA$30,INDEX(Jesper!$R$2:$R$366,ROW(INDEX(Jesper!AK$2:AK$366,ROUNDDOWN($C3637/24,0)+1,1))-1)+IF('Standard Profiles'!$G$21=$B$10,7,0)+IF('Standard Profiles'!$G$21=$B$17,14,0)+IF('Standard Profiles'!$G$21=$B$24,21,0),MOD($C3637,24)+1)/SUM(INDEX($D$3:$AA$30,INDEX(Jesper!$R$2:$R$366,ROW(INDEX(Jesper!AK$2:AK$366,ROUNDDOWN($C3637/24,0)+1,1))-1)+IF('Standard Profiles'!$G$21=$B$10,7,0)+IF('Standard Profiles'!$G$21=$B$17,14,0)+IF('Standard Profiles'!$G$21=$B$24,21,0),0)),0)</f>
        <v>0.419164750660043</v>
      </c>
      <c r="H3637" cm="1">
        <f t="array" ref="H3637">IFERROR(INDEX(Jesper!AL$2:AL$366,ROUNDDOWN($C3637/24,0)+1,1)*INDEX($D$3:$AA$30,INDEX(Jesper!$R$2:$R$366,ROW(INDEX(Jesper!AL$2:AL$366,ROUNDDOWN($C3637/24,0)+1,1))-1)+IF('Standard Profiles'!$G$22=$B$10,7,0)+IF('Standard Profiles'!$G$22=$B$17,14,0)+IF('Standard Profiles'!$G$22=$B$24,21,0),MOD($C3637,24)+1)/SUM(INDEX($D$3:$AA$30,INDEX(Jesper!$R$2:$R$366,ROW(INDEX(Jesper!AL$2:AL$366,ROUNDDOWN($C3637/24,0)+1,1))-1)+IF('Standard Profiles'!$G$22=$B$10,7,0)+IF('Standard Profiles'!$G$22=$B$17,14,0)+IF('Standard Profiles'!$G$22=$B$24,21,0),0)),0)</f>
        <v>0</v>
      </c>
      <c r="I3637">
        <f t="shared" si="412"/>
        <v>0.20119908031682054</v>
      </c>
      <c r="J3637">
        <f t="shared" si="413"/>
        <v>7.183892494271074</v>
      </c>
      <c r="K3637">
        <f t="shared" si="414"/>
        <v>0.57842842109559967</v>
      </c>
      <c r="L3637">
        <f t="shared" si="415"/>
        <v>0.28921421054779983</v>
      </c>
      <c r="M3637">
        <f t="shared" si="416"/>
        <v>0</v>
      </c>
      <c r="N3637" s="45">
        <f t="shared" si="417"/>
        <v>45077.124999991262</v>
      </c>
    </row>
    <row r="3638" spans="2:14" x14ac:dyDescent="0.25">
      <c r="B3638">
        <f t="shared" si="411"/>
        <v>3</v>
      </c>
      <c r="C3638" s="16">
        <v>3604</v>
      </c>
      <c r="D3638" cm="1">
        <f t="array" ref="D3638">IFERROR(INDEX(Jesper!AH$2:AH$366,ROUNDDOWN($C3638/24,0)+1,1)*INDEX($D$3:$AA$30,INDEX(Jesper!$R$2:$R$366,ROW(INDEX(Jesper!AH$2:AH$366,ROUNDDOWN($C3638/24,0)+1,1))-1)+IF('Standard Profiles'!$G$18=$B$10,7,0)+IF('Standard Profiles'!$G$18=$B$17,14,0)+IF('Standard Profiles'!$G$18=$B$24,21,0),MOD($C3638,24)+1)/SUM(INDEX($D$3:$AA$30,INDEX(Jesper!$R$2:$R$366,ROW(INDEX(Jesper!AH$2:AH$366,ROUNDDOWN($C3638/24,0)+1,1))-1)+IF('Standard Profiles'!$G$18=$B$10,7,0)+IF('Standard Profiles'!$G$18=$B$17,14,0)+IF('Standard Profiles'!$G$18=$B$24,21,0),0)),0)</f>
        <v>5.4227664477712461</v>
      </c>
      <c r="E3638" cm="1">
        <f t="array" ref="E3638">IFERROR(INDEX(Jesper!AI$2:AI$366,ROUNDDOWN($C3638/24,0)+1,1)*INDEX($D$3:$AA$30,INDEX(Jesper!$R$2:$R$366,ROW(INDEX(Jesper!AI$2:AI$366,ROUNDDOWN($C3638/24,0)+1,1))-1)+IF('Standard Profiles'!$G$19=$B$10,7,0)+IF('Standard Profiles'!$G$19=$B$17,14,0)+IF('Standard Profiles'!$G$19=$B$24,21,0),MOD($C3638,24)+1)/SUM(INDEX($D$3:$AA$30,INDEX(Jesper!$R$2:$R$366,ROW(INDEX(Jesper!AI$2:AI$366,ROUNDDOWN($C3638/24,0)+1,1))-1)+IF('Standard Profiles'!$G$19=$B$10,7,0)+IF('Standard Profiles'!$G$19=$B$17,14,0)+IF('Standard Profiles'!$G$19=$B$24,21,0),0)),0)</f>
        <v>2.4108030078000056</v>
      </c>
      <c r="F3638" cm="1">
        <f t="array" ref="F3638">IFERROR(INDEX(Jesper!AJ$2:AJ$366,ROUNDDOWN($C3638/24,0)+1,1)*INDEX($D$3:$AA$30,INDEX(Jesper!$R$2:$R$366,ROW(INDEX(Jesper!AJ$2:AJ$366,ROUNDDOWN($C3638/24,0)+1,1))-1)+IF('Standard Profiles'!$G$20=$B$10,7,0)+IF('Standard Profiles'!$G$20=$B$17,14,0)+IF('Standard Profiles'!$G$20=$B$24,21,0),MOD($C3638,24)+1)/SUM(INDEX($D$3:$AA$30,INDEX(Jesper!$R$2:$R$366,ROW(INDEX(Jesper!AJ$2:AJ$366,ROUNDDOWN($C3638/24,0)+1,1))-1)+IF('Standard Profiles'!$G$20=$B$10,7,0)+IF('Standard Profiles'!$G$20=$B$17,14,0)+IF('Standard Profiles'!$G$20=$B$24,21,0),0)),0)</f>
        <v>0</v>
      </c>
      <c r="G3638" cm="1">
        <f t="array" ref="G3638">IFERROR(INDEX(Jesper!AK$2:AK$366,ROUNDDOWN($C3638/24,0)+1,1)*INDEX($D$3:$AA$30,INDEX(Jesper!$R$2:$R$366,ROW(INDEX(Jesper!AK$2:AK$366,ROUNDDOWN($C3638/24,0)+1,1))-1)+IF('Standard Profiles'!$G$21=$B$10,7,0)+IF('Standard Profiles'!$G$21=$B$17,14,0)+IF('Standard Profiles'!$G$21=$B$24,21,0),MOD($C3638,24)+1)/SUM(INDEX($D$3:$AA$30,INDEX(Jesper!$R$2:$R$366,ROW(INDEX(Jesper!AK$2:AK$366,ROUNDDOWN($C3638/24,0)+1,1))-1)+IF('Standard Profiles'!$G$21=$B$10,7,0)+IF('Standard Profiles'!$G$21=$B$17,14,0)+IF('Standard Profiles'!$G$21=$B$24,21,0),0)),0)</f>
        <v>0.419164750660043</v>
      </c>
      <c r="H3638" cm="1">
        <f t="array" ref="H3638">IFERROR(INDEX(Jesper!AL$2:AL$366,ROUNDDOWN($C3638/24,0)+1,1)*INDEX($D$3:$AA$30,INDEX(Jesper!$R$2:$R$366,ROW(INDEX(Jesper!AL$2:AL$366,ROUNDDOWN($C3638/24,0)+1,1))-1)+IF('Standard Profiles'!$G$22=$B$10,7,0)+IF('Standard Profiles'!$G$22=$B$17,14,0)+IF('Standard Profiles'!$G$22=$B$24,21,0),MOD($C3638,24)+1)/SUM(INDEX($D$3:$AA$30,INDEX(Jesper!$R$2:$R$366,ROW(INDEX(Jesper!AL$2:AL$366,ROUNDDOWN($C3638/24,0)+1,1))-1)+IF('Standard Profiles'!$G$22=$B$10,7,0)+IF('Standard Profiles'!$G$22=$B$17,14,0)+IF('Standard Profiles'!$G$22=$B$24,21,0),0)),0)</f>
        <v>0</v>
      </c>
      <c r="I3638">
        <f t="shared" si="412"/>
        <v>0.20119908031682054</v>
      </c>
      <c r="J3638">
        <f t="shared" si="413"/>
        <v>7.183892494271074</v>
      </c>
      <c r="K3638">
        <f t="shared" si="414"/>
        <v>0.57842842109559967</v>
      </c>
      <c r="L3638">
        <f t="shared" si="415"/>
        <v>0.28921421054779983</v>
      </c>
      <c r="M3638">
        <f t="shared" si="416"/>
        <v>0</v>
      </c>
      <c r="N3638" s="45">
        <f t="shared" si="417"/>
        <v>45077.166666657926</v>
      </c>
    </row>
    <row r="3639" spans="2:14" x14ac:dyDescent="0.25">
      <c r="B3639">
        <f t="shared" si="411"/>
        <v>3</v>
      </c>
      <c r="C3639" s="16">
        <v>3605</v>
      </c>
      <c r="D3639" cm="1">
        <f t="array" ref="D3639">IFERROR(INDEX(Jesper!AH$2:AH$366,ROUNDDOWN($C3639/24,0)+1,1)*INDEX($D$3:$AA$30,INDEX(Jesper!$R$2:$R$366,ROW(INDEX(Jesper!AH$2:AH$366,ROUNDDOWN($C3639/24,0)+1,1))-1)+IF('Standard Profiles'!$G$18=$B$10,7,0)+IF('Standard Profiles'!$G$18=$B$17,14,0)+IF('Standard Profiles'!$G$18=$B$24,21,0),MOD($C3639,24)+1)/SUM(INDEX($D$3:$AA$30,INDEX(Jesper!$R$2:$R$366,ROW(INDEX(Jesper!AH$2:AH$366,ROUNDDOWN($C3639/24,0)+1,1))-1)+IF('Standard Profiles'!$G$18=$B$10,7,0)+IF('Standard Profiles'!$G$18=$B$17,14,0)+IF('Standard Profiles'!$G$18=$B$24,21,0),0)),0)</f>
        <v>5.4227664477712461</v>
      </c>
      <c r="E3639" cm="1">
        <f t="array" ref="E3639">IFERROR(INDEX(Jesper!AI$2:AI$366,ROUNDDOWN($C3639/24,0)+1,1)*INDEX($D$3:$AA$30,INDEX(Jesper!$R$2:$R$366,ROW(INDEX(Jesper!AI$2:AI$366,ROUNDDOWN($C3639/24,0)+1,1))-1)+IF('Standard Profiles'!$G$19=$B$10,7,0)+IF('Standard Profiles'!$G$19=$B$17,14,0)+IF('Standard Profiles'!$G$19=$B$24,21,0),MOD($C3639,24)+1)/SUM(INDEX($D$3:$AA$30,INDEX(Jesper!$R$2:$R$366,ROW(INDEX(Jesper!AI$2:AI$366,ROUNDDOWN($C3639/24,0)+1,1))-1)+IF('Standard Profiles'!$G$19=$B$10,7,0)+IF('Standard Profiles'!$G$19=$B$17,14,0)+IF('Standard Profiles'!$G$19=$B$24,21,0),0)),0)</f>
        <v>2.4108030078000056</v>
      </c>
      <c r="F3639" cm="1">
        <f t="array" ref="F3639">IFERROR(INDEX(Jesper!AJ$2:AJ$366,ROUNDDOWN($C3639/24,0)+1,1)*INDEX($D$3:$AA$30,INDEX(Jesper!$R$2:$R$366,ROW(INDEX(Jesper!AJ$2:AJ$366,ROUNDDOWN($C3639/24,0)+1,1))-1)+IF('Standard Profiles'!$G$20=$B$10,7,0)+IF('Standard Profiles'!$G$20=$B$17,14,0)+IF('Standard Profiles'!$G$20=$B$24,21,0),MOD($C3639,24)+1)/SUM(INDEX($D$3:$AA$30,INDEX(Jesper!$R$2:$R$366,ROW(INDEX(Jesper!AJ$2:AJ$366,ROUNDDOWN($C3639/24,0)+1,1))-1)+IF('Standard Profiles'!$G$20=$B$10,7,0)+IF('Standard Profiles'!$G$20=$B$17,14,0)+IF('Standard Profiles'!$G$20=$B$24,21,0),0)),0)</f>
        <v>0</v>
      </c>
      <c r="G3639" cm="1">
        <f t="array" ref="G3639">IFERROR(INDEX(Jesper!AK$2:AK$366,ROUNDDOWN($C3639/24,0)+1,1)*INDEX($D$3:$AA$30,INDEX(Jesper!$R$2:$R$366,ROW(INDEX(Jesper!AK$2:AK$366,ROUNDDOWN($C3639/24,0)+1,1))-1)+IF('Standard Profiles'!$G$21=$B$10,7,0)+IF('Standard Profiles'!$G$21=$B$17,14,0)+IF('Standard Profiles'!$G$21=$B$24,21,0),MOD($C3639,24)+1)/SUM(INDEX($D$3:$AA$30,INDEX(Jesper!$R$2:$R$366,ROW(INDEX(Jesper!AK$2:AK$366,ROUNDDOWN($C3639/24,0)+1,1))-1)+IF('Standard Profiles'!$G$21=$B$10,7,0)+IF('Standard Profiles'!$G$21=$B$17,14,0)+IF('Standard Profiles'!$G$21=$B$24,21,0),0)),0)</f>
        <v>0.419164750660043</v>
      </c>
      <c r="H3639" cm="1">
        <f t="array" ref="H3639">IFERROR(INDEX(Jesper!AL$2:AL$366,ROUNDDOWN($C3639/24,0)+1,1)*INDEX($D$3:$AA$30,INDEX(Jesper!$R$2:$R$366,ROW(INDEX(Jesper!AL$2:AL$366,ROUNDDOWN($C3639/24,0)+1,1))-1)+IF('Standard Profiles'!$G$22=$B$10,7,0)+IF('Standard Profiles'!$G$22=$B$17,14,0)+IF('Standard Profiles'!$G$22=$B$24,21,0),MOD($C3639,24)+1)/SUM(INDEX($D$3:$AA$30,INDEX(Jesper!$R$2:$R$366,ROW(INDEX(Jesper!AL$2:AL$366,ROUNDDOWN($C3639/24,0)+1,1))-1)+IF('Standard Profiles'!$G$22=$B$10,7,0)+IF('Standard Profiles'!$G$22=$B$17,14,0)+IF('Standard Profiles'!$G$22=$B$24,21,0),0)),0)</f>
        <v>0</v>
      </c>
      <c r="I3639">
        <f t="shared" si="412"/>
        <v>0.20119908031682054</v>
      </c>
      <c r="J3639">
        <f t="shared" si="413"/>
        <v>7.183892494271074</v>
      </c>
      <c r="K3639">
        <f t="shared" si="414"/>
        <v>0.57842842109559967</v>
      </c>
      <c r="L3639">
        <f t="shared" si="415"/>
        <v>0.28921421054779983</v>
      </c>
      <c r="M3639">
        <f t="shared" si="416"/>
        <v>0</v>
      </c>
      <c r="N3639" s="45">
        <f t="shared" si="417"/>
        <v>45077.20833332459</v>
      </c>
    </row>
    <row r="3640" spans="2:14" x14ac:dyDescent="0.25">
      <c r="B3640">
        <f t="shared" si="411"/>
        <v>3</v>
      </c>
      <c r="C3640" s="16">
        <v>3606</v>
      </c>
      <c r="D3640" cm="1">
        <f t="array" ref="D3640">IFERROR(INDEX(Jesper!AH$2:AH$366,ROUNDDOWN($C3640/24,0)+1,1)*INDEX($D$3:$AA$30,INDEX(Jesper!$R$2:$R$366,ROW(INDEX(Jesper!AH$2:AH$366,ROUNDDOWN($C3640/24,0)+1,1))-1)+IF('Standard Profiles'!$G$18=$B$10,7,0)+IF('Standard Profiles'!$G$18=$B$17,14,0)+IF('Standard Profiles'!$G$18=$B$24,21,0),MOD($C3640,24)+1)/SUM(INDEX($D$3:$AA$30,INDEX(Jesper!$R$2:$R$366,ROW(INDEX(Jesper!AH$2:AH$366,ROUNDDOWN($C3640/24,0)+1,1))-1)+IF('Standard Profiles'!$G$18=$B$10,7,0)+IF('Standard Profiles'!$G$18=$B$17,14,0)+IF('Standard Profiles'!$G$18=$B$24,21,0),0)),0)</f>
        <v>5.4227664477712461</v>
      </c>
      <c r="E3640" cm="1">
        <f t="array" ref="E3640">IFERROR(INDEX(Jesper!AI$2:AI$366,ROUNDDOWN($C3640/24,0)+1,1)*INDEX($D$3:$AA$30,INDEX(Jesper!$R$2:$R$366,ROW(INDEX(Jesper!AI$2:AI$366,ROUNDDOWN($C3640/24,0)+1,1))-1)+IF('Standard Profiles'!$G$19=$B$10,7,0)+IF('Standard Profiles'!$G$19=$B$17,14,0)+IF('Standard Profiles'!$G$19=$B$24,21,0),MOD($C3640,24)+1)/SUM(INDEX($D$3:$AA$30,INDEX(Jesper!$R$2:$R$366,ROW(INDEX(Jesper!AI$2:AI$366,ROUNDDOWN($C3640/24,0)+1,1))-1)+IF('Standard Profiles'!$G$19=$B$10,7,0)+IF('Standard Profiles'!$G$19=$B$17,14,0)+IF('Standard Profiles'!$G$19=$B$24,21,0),0)),0)</f>
        <v>2.4108030078000056</v>
      </c>
      <c r="F3640" cm="1">
        <f t="array" ref="F3640">IFERROR(INDEX(Jesper!AJ$2:AJ$366,ROUNDDOWN($C3640/24,0)+1,1)*INDEX($D$3:$AA$30,INDEX(Jesper!$R$2:$R$366,ROW(INDEX(Jesper!AJ$2:AJ$366,ROUNDDOWN($C3640/24,0)+1,1))-1)+IF('Standard Profiles'!$G$20=$B$10,7,0)+IF('Standard Profiles'!$G$20=$B$17,14,0)+IF('Standard Profiles'!$G$20=$B$24,21,0),MOD($C3640,24)+1)/SUM(INDEX($D$3:$AA$30,INDEX(Jesper!$R$2:$R$366,ROW(INDEX(Jesper!AJ$2:AJ$366,ROUNDDOWN($C3640/24,0)+1,1))-1)+IF('Standard Profiles'!$G$20=$B$10,7,0)+IF('Standard Profiles'!$G$20=$B$17,14,0)+IF('Standard Profiles'!$G$20=$B$24,21,0),0)),0)</f>
        <v>0</v>
      </c>
      <c r="G3640" cm="1">
        <f t="array" ref="G3640">IFERROR(INDEX(Jesper!AK$2:AK$366,ROUNDDOWN($C3640/24,0)+1,1)*INDEX($D$3:$AA$30,INDEX(Jesper!$R$2:$R$366,ROW(INDEX(Jesper!AK$2:AK$366,ROUNDDOWN($C3640/24,0)+1,1))-1)+IF('Standard Profiles'!$G$21=$B$10,7,0)+IF('Standard Profiles'!$G$21=$B$17,14,0)+IF('Standard Profiles'!$G$21=$B$24,21,0),MOD($C3640,24)+1)/SUM(INDEX($D$3:$AA$30,INDEX(Jesper!$R$2:$R$366,ROW(INDEX(Jesper!AK$2:AK$366,ROUNDDOWN($C3640/24,0)+1,1))-1)+IF('Standard Profiles'!$G$21=$B$10,7,0)+IF('Standard Profiles'!$G$21=$B$17,14,0)+IF('Standard Profiles'!$G$21=$B$24,21,0),0)),0)</f>
        <v>0.419164750660043</v>
      </c>
      <c r="H3640" cm="1">
        <f t="array" ref="H3640">IFERROR(INDEX(Jesper!AL$2:AL$366,ROUNDDOWN($C3640/24,0)+1,1)*INDEX($D$3:$AA$30,INDEX(Jesper!$R$2:$R$366,ROW(INDEX(Jesper!AL$2:AL$366,ROUNDDOWN($C3640/24,0)+1,1))-1)+IF('Standard Profiles'!$G$22=$B$10,7,0)+IF('Standard Profiles'!$G$22=$B$17,14,0)+IF('Standard Profiles'!$G$22=$B$24,21,0),MOD($C3640,24)+1)/SUM(INDEX($D$3:$AA$30,INDEX(Jesper!$R$2:$R$366,ROW(INDEX(Jesper!AL$2:AL$366,ROUNDDOWN($C3640/24,0)+1,1))-1)+IF('Standard Profiles'!$G$22=$B$10,7,0)+IF('Standard Profiles'!$G$22=$B$17,14,0)+IF('Standard Profiles'!$G$22=$B$24,21,0),0)),0)</f>
        <v>0</v>
      </c>
      <c r="I3640">
        <f t="shared" si="412"/>
        <v>0.20119908031682054</v>
      </c>
      <c r="J3640">
        <f t="shared" si="413"/>
        <v>7.183892494271074</v>
      </c>
      <c r="K3640">
        <f t="shared" si="414"/>
        <v>0.57842842109559967</v>
      </c>
      <c r="L3640">
        <f t="shared" si="415"/>
        <v>0.28921421054779983</v>
      </c>
      <c r="M3640">
        <f t="shared" si="416"/>
        <v>0</v>
      </c>
      <c r="N3640" s="45">
        <f t="shared" si="417"/>
        <v>45077.249999991254</v>
      </c>
    </row>
    <row r="3641" spans="2:14" x14ac:dyDescent="0.25">
      <c r="B3641">
        <f t="shared" si="411"/>
        <v>3</v>
      </c>
      <c r="C3641" s="16">
        <v>3607</v>
      </c>
      <c r="D3641" cm="1">
        <f t="array" ref="D3641">IFERROR(INDEX(Jesper!AH$2:AH$366,ROUNDDOWN($C3641/24,0)+1,1)*INDEX($D$3:$AA$30,INDEX(Jesper!$R$2:$R$366,ROW(INDEX(Jesper!AH$2:AH$366,ROUNDDOWN($C3641/24,0)+1,1))-1)+IF('Standard Profiles'!$G$18=$B$10,7,0)+IF('Standard Profiles'!$G$18=$B$17,14,0)+IF('Standard Profiles'!$G$18=$B$24,21,0),MOD($C3641,24)+1)/SUM(INDEX($D$3:$AA$30,INDEX(Jesper!$R$2:$R$366,ROW(INDEX(Jesper!AH$2:AH$366,ROUNDDOWN($C3641/24,0)+1,1))-1)+IF('Standard Profiles'!$G$18=$B$10,7,0)+IF('Standard Profiles'!$G$18=$B$17,14,0)+IF('Standard Profiles'!$G$18=$B$24,21,0),0)),0)</f>
        <v>22.16761193346488</v>
      </c>
      <c r="E3641" cm="1">
        <f t="array" ref="E3641">IFERROR(INDEX(Jesper!AI$2:AI$366,ROUNDDOWN($C3641/24,0)+1,1)*INDEX($D$3:$AA$30,INDEX(Jesper!$R$2:$R$366,ROW(INDEX(Jesper!AI$2:AI$366,ROUNDDOWN($C3641/24,0)+1,1))-1)+IF('Standard Profiles'!$G$19=$B$10,7,0)+IF('Standard Profiles'!$G$19=$B$17,14,0)+IF('Standard Profiles'!$G$19=$B$24,21,0),MOD($C3641,24)+1)/SUM(INDEX($D$3:$AA$30,INDEX(Jesper!$R$2:$R$366,ROW(INDEX(Jesper!AI$2:AI$366,ROUNDDOWN($C3641/24,0)+1,1))-1)+IF('Standard Profiles'!$G$19=$B$10,7,0)+IF('Standard Profiles'!$G$19=$B$17,14,0)+IF('Standard Profiles'!$G$19=$B$24,21,0),0)),0)</f>
        <v>9.8550704773400195</v>
      </c>
      <c r="F3641" cm="1">
        <f t="array" ref="F3641">IFERROR(INDEX(Jesper!AJ$2:AJ$366,ROUNDDOWN($C3641/24,0)+1,1)*INDEX($D$3:$AA$30,INDEX(Jesper!$R$2:$R$366,ROW(INDEX(Jesper!AJ$2:AJ$366,ROUNDDOWN($C3641/24,0)+1,1))-1)+IF('Standard Profiles'!$G$20=$B$10,7,0)+IF('Standard Profiles'!$G$20=$B$17,14,0)+IF('Standard Profiles'!$G$20=$B$24,21,0),MOD($C3641,24)+1)/SUM(INDEX($D$3:$AA$30,INDEX(Jesper!$R$2:$R$366,ROW(INDEX(Jesper!AJ$2:AJ$366,ROUNDDOWN($C3641/24,0)+1,1))-1)+IF('Standard Profiles'!$G$20=$B$10,7,0)+IF('Standard Profiles'!$G$20=$B$17,14,0)+IF('Standard Profiles'!$G$20=$B$24,21,0),0)),0)</f>
        <v>0</v>
      </c>
      <c r="G3641" cm="1">
        <f t="array" ref="G3641">IFERROR(INDEX(Jesper!AK$2:AK$366,ROUNDDOWN($C3641/24,0)+1,1)*INDEX($D$3:$AA$30,INDEX(Jesper!$R$2:$R$366,ROW(INDEX(Jesper!AK$2:AK$366,ROUNDDOWN($C3641/24,0)+1,1))-1)+IF('Standard Profiles'!$G$21=$B$10,7,0)+IF('Standard Profiles'!$G$21=$B$17,14,0)+IF('Standard Profiles'!$G$21=$B$24,21,0),MOD($C3641,24)+1)/SUM(INDEX($D$3:$AA$30,INDEX(Jesper!$R$2:$R$366,ROW(INDEX(Jesper!AK$2:AK$366,ROUNDDOWN($C3641/24,0)+1,1))-1)+IF('Standard Profiles'!$G$21=$B$10,7,0)+IF('Standard Profiles'!$G$21=$B$17,14,0)+IF('Standard Profiles'!$G$21=$B$24,21,0),0)),0)</f>
        <v>1.1547988880684183</v>
      </c>
      <c r="H3641" cm="1">
        <f t="array" ref="H3641">IFERROR(INDEX(Jesper!AL$2:AL$366,ROUNDDOWN($C3641/24,0)+1,1)*INDEX($D$3:$AA$30,INDEX(Jesper!$R$2:$R$366,ROW(INDEX(Jesper!AL$2:AL$366,ROUNDDOWN($C3641/24,0)+1,1))-1)+IF('Standard Profiles'!$G$22=$B$10,7,0)+IF('Standard Profiles'!$G$22=$B$17,14,0)+IF('Standard Profiles'!$G$22=$B$24,21,0),MOD($C3641,24)+1)/SUM(INDEX($D$3:$AA$30,INDEX(Jesper!$R$2:$R$366,ROW(INDEX(Jesper!AL$2:AL$366,ROUNDDOWN($C3641/24,0)+1,1))-1)+IF('Standard Profiles'!$G$22=$B$10,7,0)+IF('Standard Profiles'!$G$22=$B$17,14,0)+IF('Standard Profiles'!$G$22=$B$24,21,0),0)),0)</f>
        <v>0</v>
      </c>
      <c r="I3641">
        <f t="shared" si="412"/>
        <v>0.55430346627284055</v>
      </c>
      <c r="J3641">
        <f t="shared" si="413"/>
        <v>29.076359923246095</v>
      </c>
      <c r="K3641">
        <f t="shared" si="414"/>
        <v>2.3645452729029208</v>
      </c>
      <c r="L3641">
        <f t="shared" si="415"/>
        <v>1.1822726364514604</v>
      </c>
      <c r="M3641">
        <f t="shared" si="416"/>
        <v>0</v>
      </c>
      <c r="N3641" s="45">
        <f t="shared" si="417"/>
        <v>45077.291666657919</v>
      </c>
    </row>
    <row r="3642" spans="2:14" x14ac:dyDescent="0.25">
      <c r="B3642">
        <f t="shared" si="411"/>
        <v>3</v>
      </c>
      <c r="C3642" s="16">
        <v>3608</v>
      </c>
      <c r="D3642" cm="1">
        <f t="array" ref="D3642">IFERROR(INDEX(Jesper!AH$2:AH$366,ROUNDDOWN($C3642/24,0)+1,1)*INDEX($D$3:$AA$30,INDEX(Jesper!$R$2:$R$366,ROW(INDEX(Jesper!AH$2:AH$366,ROUNDDOWN($C3642/24,0)+1,1))-1)+IF('Standard Profiles'!$G$18=$B$10,7,0)+IF('Standard Profiles'!$G$18=$B$17,14,0)+IF('Standard Profiles'!$G$18=$B$24,21,0),MOD($C3642,24)+1)/SUM(INDEX($D$3:$AA$30,INDEX(Jesper!$R$2:$R$366,ROW(INDEX(Jesper!AH$2:AH$366,ROUNDDOWN($C3642/24,0)+1,1))-1)+IF('Standard Profiles'!$G$18=$B$10,7,0)+IF('Standard Profiles'!$G$18=$B$17,14,0)+IF('Standard Profiles'!$G$18=$B$24,21,0),0)),0)</f>
        <v>24.734388052076604</v>
      </c>
      <c r="E3642" cm="1">
        <f t="array" ref="E3642">IFERROR(INDEX(Jesper!AI$2:AI$366,ROUNDDOWN($C3642/24,0)+1,1)*INDEX($D$3:$AA$30,INDEX(Jesper!$R$2:$R$366,ROW(INDEX(Jesper!AI$2:AI$366,ROUNDDOWN($C3642/24,0)+1,1))-1)+IF('Standard Profiles'!$G$19=$B$10,7,0)+IF('Standard Profiles'!$G$19=$B$17,14,0)+IF('Standard Profiles'!$G$19=$B$24,21,0),MOD($C3642,24)+1)/SUM(INDEX($D$3:$AA$30,INDEX(Jesper!$R$2:$R$366,ROW(INDEX(Jesper!AI$2:AI$366,ROUNDDOWN($C3642/24,0)+1,1))-1)+IF('Standard Profiles'!$G$19=$B$10,7,0)+IF('Standard Profiles'!$G$19=$B$17,14,0)+IF('Standard Profiles'!$G$19=$B$24,21,0),0)),0)</f>
        <v>10.996183901032023</v>
      </c>
      <c r="F3642" cm="1">
        <f t="array" ref="F3642">IFERROR(INDEX(Jesper!AJ$2:AJ$366,ROUNDDOWN($C3642/24,0)+1,1)*INDEX($D$3:$AA$30,INDEX(Jesper!$R$2:$R$366,ROW(INDEX(Jesper!AJ$2:AJ$366,ROUNDDOWN($C3642/24,0)+1,1))-1)+IF('Standard Profiles'!$G$20=$B$10,7,0)+IF('Standard Profiles'!$G$20=$B$17,14,0)+IF('Standard Profiles'!$G$20=$B$24,21,0),MOD($C3642,24)+1)/SUM(INDEX($D$3:$AA$30,INDEX(Jesper!$R$2:$R$366,ROW(INDEX(Jesper!AJ$2:AJ$366,ROUNDDOWN($C3642/24,0)+1,1))-1)+IF('Standard Profiles'!$G$20=$B$10,7,0)+IF('Standard Profiles'!$G$20=$B$17,14,0)+IF('Standard Profiles'!$G$20=$B$24,21,0),0)),0)</f>
        <v>0</v>
      </c>
      <c r="G3642" cm="1">
        <f t="array" ref="G3642">IFERROR(INDEX(Jesper!AK$2:AK$366,ROUNDDOWN($C3642/24,0)+1,1)*INDEX($D$3:$AA$30,INDEX(Jesper!$R$2:$R$366,ROW(INDEX(Jesper!AK$2:AK$366,ROUNDDOWN($C3642/24,0)+1,1))-1)+IF('Standard Profiles'!$G$21=$B$10,7,0)+IF('Standard Profiles'!$G$21=$B$17,14,0)+IF('Standard Profiles'!$G$21=$B$24,21,0),MOD($C3642,24)+1)/SUM(INDEX($D$3:$AA$30,INDEX(Jesper!$R$2:$R$366,ROW(INDEX(Jesper!AK$2:AK$366,ROUNDDOWN($C3642/24,0)+1,1))-1)+IF('Standard Profiles'!$G$21=$B$10,7,0)+IF('Standard Profiles'!$G$21=$B$17,14,0)+IF('Standard Profiles'!$G$21=$B$24,21,0),0)),0)</f>
        <v>1.2885124435289723</v>
      </c>
      <c r="H3642" cm="1">
        <f t="array" ref="H3642">IFERROR(INDEX(Jesper!AL$2:AL$366,ROUNDDOWN($C3642/24,0)+1,1)*INDEX($D$3:$AA$30,INDEX(Jesper!$R$2:$R$366,ROW(INDEX(Jesper!AL$2:AL$366,ROUNDDOWN($C3642/24,0)+1,1))-1)+IF('Standard Profiles'!$G$22=$B$10,7,0)+IF('Standard Profiles'!$G$22=$B$17,14,0)+IF('Standard Profiles'!$G$22=$B$24,21,0),MOD($C3642,24)+1)/SUM(INDEX($D$3:$AA$30,INDEX(Jesper!$R$2:$R$366,ROW(INDEX(Jesper!AL$2:AL$366,ROUNDDOWN($C3642/24,0)+1,1))-1)+IF('Standard Profiles'!$G$22=$B$10,7,0)+IF('Standard Profiles'!$G$22=$B$17,14,0)+IF('Standard Profiles'!$G$22=$B$24,21,0),0)),0)</f>
        <v>0</v>
      </c>
      <c r="I3642">
        <f t="shared" si="412"/>
        <v>0.61848597289390639</v>
      </c>
      <c r="J3642">
        <f t="shared" si="413"/>
        <v>32.443096335411433</v>
      </c>
      <c r="K3642">
        <f t="shared" si="414"/>
        <v>2.6383347255548379</v>
      </c>
      <c r="L3642">
        <f t="shared" si="415"/>
        <v>1.319167362777419</v>
      </c>
      <c r="M3642">
        <f t="shared" si="416"/>
        <v>0</v>
      </c>
      <c r="N3642" s="45">
        <f t="shared" si="417"/>
        <v>45077.333333324583</v>
      </c>
    </row>
    <row r="3643" spans="2:14" x14ac:dyDescent="0.25">
      <c r="B3643">
        <f t="shared" si="411"/>
        <v>3</v>
      </c>
      <c r="C3643" s="16">
        <v>3609</v>
      </c>
      <c r="D3643" cm="1">
        <f t="array" ref="D3643">IFERROR(INDEX(Jesper!AH$2:AH$366,ROUNDDOWN($C3643/24,0)+1,1)*INDEX($D$3:$AA$30,INDEX(Jesper!$R$2:$R$366,ROW(INDEX(Jesper!AH$2:AH$366,ROUNDDOWN($C3643/24,0)+1,1))-1)+IF('Standard Profiles'!$G$18=$B$10,7,0)+IF('Standard Profiles'!$G$18=$B$17,14,0)+IF('Standard Profiles'!$G$18=$B$24,21,0),MOD($C3643,24)+1)/SUM(INDEX($D$3:$AA$30,INDEX(Jesper!$R$2:$R$366,ROW(INDEX(Jesper!AH$2:AH$366,ROUNDDOWN($C3643/24,0)+1,1))-1)+IF('Standard Profiles'!$G$18=$B$10,7,0)+IF('Standard Profiles'!$G$18=$B$17,14,0)+IF('Standard Profiles'!$G$18=$B$24,21,0),0)),0)</f>
        <v>27.301164170688327</v>
      </c>
      <c r="E3643" cm="1">
        <f t="array" ref="E3643">IFERROR(INDEX(Jesper!AI$2:AI$366,ROUNDDOWN($C3643/24,0)+1,1)*INDEX($D$3:$AA$30,INDEX(Jesper!$R$2:$R$366,ROW(INDEX(Jesper!AI$2:AI$366,ROUNDDOWN($C3643/24,0)+1,1))-1)+IF('Standard Profiles'!$G$19=$B$10,7,0)+IF('Standard Profiles'!$G$19=$B$17,14,0)+IF('Standard Profiles'!$G$19=$B$24,21,0),MOD($C3643,24)+1)/SUM(INDEX($D$3:$AA$30,INDEX(Jesper!$R$2:$R$366,ROW(INDEX(Jesper!AI$2:AI$366,ROUNDDOWN($C3643/24,0)+1,1))-1)+IF('Standard Profiles'!$G$19=$B$10,7,0)+IF('Standard Profiles'!$G$19=$B$17,14,0)+IF('Standard Profiles'!$G$19=$B$24,21,0),0)),0)</f>
        <v>12.137297324724026</v>
      </c>
      <c r="F3643" cm="1">
        <f t="array" ref="F3643">IFERROR(INDEX(Jesper!AJ$2:AJ$366,ROUNDDOWN($C3643/24,0)+1,1)*INDEX($D$3:$AA$30,INDEX(Jesper!$R$2:$R$366,ROW(INDEX(Jesper!AJ$2:AJ$366,ROUNDDOWN($C3643/24,0)+1,1))-1)+IF('Standard Profiles'!$G$20=$B$10,7,0)+IF('Standard Profiles'!$G$20=$B$17,14,0)+IF('Standard Profiles'!$G$20=$B$24,21,0),MOD($C3643,24)+1)/SUM(INDEX($D$3:$AA$30,INDEX(Jesper!$R$2:$R$366,ROW(INDEX(Jesper!AJ$2:AJ$366,ROUNDDOWN($C3643/24,0)+1,1))-1)+IF('Standard Profiles'!$G$20=$B$10,7,0)+IF('Standard Profiles'!$G$20=$B$17,14,0)+IF('Standard Profiles'!$G$20=$B$24,21,0),0)),0)</f>
        <v>0</v>
      </c>
      <c r="G3643" cm="1">
        <f t="array" ref="G3643">IFERROR(INDEX(Jesper!AK$2:AK$366,ROUNDDOWN($C3643/24,0)+1,1)*INDEX($D$3:$AA$30,INDEX(Jesper!$R$2:$R$366,ROW(INDEX(Jesper!AK$2:AK$366,ROUNDDOWN($C3643/24,0)+1,1))-1)+IF('Standard Profiles'!$G$21=$B$10,7,0)+IF('Standard Profiles'!$G$21=$B$17,14,0)+IF('Standard Profiles'!$G$21=$B$24,21,0),MOD($C3643,24)+1)/SUM(INDEX($D$3:$AA$30,INDEX(Jesper!$R$2:$R$366,ROW(INDEX(Jesper!AK$2:AK$366,ROUNDDOWN($C3643/24,0)+1,1))-1)+IF('Standard Profiles'!$G$21=$B$10,7,0)+IF('Standard Profiles'!$G$21=$B$17,14,0)+IF('Standard Profiles'!$G$21=$B$24,21,0),0)),0)</f>
        <v>1.4222259989895256</v>
      </c>
      <c r="H3643" cm="1">
        <f t="array" ref="H3643">IFERROR(INDEX(Jesper!AL$2:AL$366,ROUNDDOWN($C3643/24,0)+1,1)*INDEX($D$3:$AA$30,INDEX(Jesper!$R$2:$R$366,ROW(INDEX(Jesper!AL$2:AL$366,ROUNDDOWN($C3643/24,0)+1,1))-1)+IF('Standard Profiles'!$G$22=$B$10,7,0)+IF('Standard Profiles'!$G$22=$B$17,14,0)+IF('Standard Profiles'!$G$22=$B$24,21,0),MOD($C3643,24)+1)/SUM(INDEX($D$3:$AA$30,INDEX(Jesper!$R$2:$R$366,ROW(INDEX(Jesper!AL$2:AL$366,ROUNDDOWN($C3643/24,0)+1,1))-1)+IF('Standard Profiles'!$G$22=$B$10,7,0)+IF('Standard Profiles'!$G$22=$B$17,14,0)+IF('Standard Profiles'!$G$22=$B$24,21,0),0)),0)</f>
        <v>0</v>
      </c>
      <c r="I3643">
        <f t="shared" si="412"/>
        <v>0.682668479514972</v>
      </c>
      <c r="J3643">
        <f t="shared" si="413"/>
        <v>35.80983274757677</v>
      </c>
      <c r="K3643">
        <f t="shared" si="414"/>
        <v>2.9121241782067551</v>
      </c>
      <c r="L3643">
        <f t="shared" si="415"/>
        <v>1.4560620891033775</v>
      </c>
      <c r="M3643">
        <f t="shared" si="416"/>
        <v>0</v>
      </c>
      <c r="N3643" s="45">
        <f t="shared" si="417"/>
        <v>45077.374999991247</v>
      </c>
    </row>
    <row r="3644" spans="2:14" x14ac:dyDescent="0.25">
      <c r="B3644">
        <f t="shared" si="411"/>
        <v>3</v>
      </c>
      <c r="C3644" s="16">
        <v>3610</v>
      </c>
      <c r="D3644" cm="1">
        <f t="array" ref="D3644">IFERROR(INDEX(Jesper!AH$2:AH$366,ROUNDDOWN($C3644/24,0)+1,1)*INDEX($D$3:$AA$30,INDEX(Jesper!$R$2:$R$366,ROW(INDEX(Jesper!AH$2:AH$366,ROUNDDOWN($C3644/24,0)+1,1))-1)+IF('Standard Profiles'!$G$18=$B$10,7,0)+IF('Standard Profiles'!$G$18=$B$17,14,0)+IF('Standard Profiles'!$G$18=$B$24,21,0),MOD($C3644,24)+1)/SUM(INDEX($D$3:$AA$30,INDEX(Jesper!$R$2:$R$366,ROW(INDEX(Jesper!AH$2:AH$366,ROUNDDOWN($C3644/24,0)+1,1))-1)+IF('Standard Profiles'!$G$18=$B$10,7,0)+IF('Standard Profiles'!$G$18=$B$17,14,0)+IF('Standard Profiles'!$G$18=$B$24,21,0),0)),0)</f>
        <v>27.301164170688327</v>
      </c>
      <c r="E3644" cm="1">
        <f t="array" ref="E3644">IFERROR(INDEX(Jesper!AI$2:AI$366,ROUNDDOWN($C3644/24,0)+1,1)*INDEX($D$3:$AA$30,INDEX(Jesper!$R$2:$R$366,ROW(INDEX(Jesper!AI$2:AI$366,ROUNDDOWN($C3644/24,0)+1,1))-1)+IF('Standard Profiles'!$G$19=$B$10,7,0)+IF('Standard Profiles'!$G$19=$B$17,14,0)+IF('Standard Profiles'!$G$19=$B$24,21,0),MOD($C3644,24)+1)/SUM(INDEX($D$3:$AA$30,INDEX(Jesper!$R$2:$R$366,ROW(INDEX(Jesper!AI$2:AI$366,ROUNDDOWN($C3644/24,0)+1,1))-1)+IF('Standard Profiles'!$G$19=$B$10,7,0)+IF('Standard Profiles'!$G$19=$B$17,14,0)+IF('Standard Profiles'!$G$19=$B$24,21,0),0)),0)</f>
        <v>12.137297324724026</v>
      </c>
      <c r="F3644" cm="1">
        <f t="array" ref="F3644">IFERROR(INDEX(Jesper!AJ$2:AJ$366,ROUNDDOWN($C3644/24,0)+1,1)*INDEX($D$3:$AA$30,INDEX(Jesper!$R$2:$R$366,ROW(INDEX(Jesper!AJ$2:AJ$366,ROUNDDOWN($C3644/24,0)+1,1))-1)+IF('Standard Profiles'!$G$20=$B$10,7,0)+IF('Standard Profiles'!$G$20=$B$17,14,0)+IF('Standard Profiles'!$G$20=$B$24,21,0),MOD($C3644,24)+1)/SUM(INDEX($D$3:$AA$30,INDEX(Jesper!$R$2:$R$366,ROW(INDEX(Jesper!AJ$2:AJ$366,ROUNDDOWN($C3644/24,0)+1,1))-1)+IF('Standard Profiles'!$G$20=$B$10,7,0)+IF('Standard Profiles'!$G$20=$B$17,14,0)+IF('Standard Profiles'!$G$20=$B$24,21,0),0)),0)</f>
        <v>0</v>
      </c>
      <c r="G3644" cm="1">
        <f t="array" ref="G3644">IFERROR(INDEX(Jesper!AK$2:AK$366,ROUNDDOWN($C3644/24,0)+1,1)*INDEX($D$3:$AA$30,INDEX(Jesper!$R$2:$R$366,ROW(INDEX(Jesper!AK$2:AK$366,ROUNDDOWN($C3644/24,0)+1,1))-1)+IF('Standard Profiles'!$G$21=$B$10,7,0)+IF('Standard Profiles'!$G$21=$B$17,14,0)+IF('Standard Profiles'!$G$21=$B$24,21,0),MOD($C3644,24)+1)/SUM(INDEX($D$3:$AA$30,INDEX(Jesper!$R$2:$R$366,ROW(INDEX(Jesper!AK$2:AK$366,ROUNDDOWN($C3644/24,0)+1,1))-1)+IF('Standard Profiles'!$G$21=$B$10,7,0)+IF('Standard Profiles'!$G$21=$B$17,14,0)+IF('Standard Profiles'!$G$21=$B$24,21,0),0)),0)</f>
        <v>1.4222259989895256</v>
      </c>
      <c r="H3644" cm="1">
        <f t="array" ref="H3644">IFERROR(INDEX(Jesper!AL$2:AL$366,ROUNDDOWN($C3644/24,0)+1,1)*INDEX($D$3:$AA$30,INDEX(Jesper!$R$2:$R$366,ROW(INDEX(Jesper!AL$2:AL$366,ROUNDDOWN($C3644/24,0)+1,1))-1)+IF('Standard Profiles'!$G$22=$B$10,7,0)+IF('Standard Profiles'!$G$22=$B$17,14,0)+IF('Standard Profiles'!$G$22=$B$24,21,0),MOD($C3644,24)+1)/SUM(INDEX($D$3:$AA$30,INDEX(Jesper!$R$2:$R$366,ROW(INDEX(Jesper!AL$2:AL$366,ROUNDDOWN($C3644/24,0)+1,1))-1)+IF('Standard Profiles'!$G$22=$B$10,7,0)+IF('Standard Profiles'!$G$22=$B$17,14,0)+IF('Standard Profiles'!$G$22=$B$24,21,0),0)),0)</f>
        <v>0</v>
      </c>
      <c r="I3644">
        <f t="shared" si="412"/>
        <v>0.682668479514972</v>
      </c>
      <c r="J3644">
        <f t="shared" si="413"/>
        <v>35.80983274757677</v>
      </c>
      <c r="K3644">
        <f t="shared" si="414"/>
        <v>2.9121241782067551</v>
      </c>
      <c r="L3644">
        <f t="shared" si="415"/>
        <v>1.4560620891033775</v>
      </c>
      <c r="M3644">
        <f t="shared" si="416"/>
        <v>0</v>
      </c>
      <c r="N3644" s="45">
        <f t="shared" si="417"/>
        <v>45077.416666657911</v>
      </c>
    </row>
    <row r="3645" spans="2:14" x14ac:dyDescent="0.25">
      <c r="B3645">
        <f t="shared" si="411"/>
        <v>3</v>
      </c>
      <c r="C3645" s="16">
        <v>3611</v>
      </c>
      <c r="D3645" cm="1">
        <f t="array" ref="D3645">IFERROR(INDEX(Jesper!AH$2:AH$366,ROUNDDOWN($C3645/24,0)+1,1)*INDEX($D$3:$AA$30,INDEX(Jesper!$R$2:$R$366,ROW(INDEX(Jesper!AH$2:AH$366,ROUNDDOWN($C3645/24,0)+1,1))-1)+IF('Standard Profiles'!$G$18=$B$10,7,0)+IF('Standard Profiles'!$G$18=$B$17,14,0)+IF('Standard Profiles'!$G$18=$B$24,21,0),MOD($C3645,24)+1)/SUM(INDEX($D$3:$AA$30,INDEX(Jesper!$R$2:$R$366,ROW(INDEX(Jesper!AH$2:AH$366,ROUNDDOWN($C3645/24,0)+1,1))-1)+IF('Standard Profiles'!$G$18=$B$10,7,0)+IF('Standard Profiles'!$G$18=$B$17,14,0)+IF('Standard Profiles'!$G$18=$B$24,21,0),0)),0)</f>
        <v>32.668059691421924</v>
      </c>
      <c r="E3645" cm="1">
        <f t="array" ref="E3645">IFERROR(INDEX(Jesper!AI$2:AI$366,ROUNDDOWN($C3645/24,0)+1,1)*INDEX($D$3:$AA$30,INDEX(Jesper!$R$2:$R$366,ROW(INDEX(Jesper!AI$2:AI$366,ROUNDDOWN($C3645/24,0)+1,1))-1)+IF('Standard Profiles'!$G$19=$B$10,7,0)+IF('Standard Profiles'!$G$19=$B$17,14,0)+IF('Standard Profiles'!$G$19=$B$24,21,0),MOD($C3645,24)+1)/SUM(INDEX($D$3:$AA$30,INDEX(Jesper!$R$2:$R$366,ROW(INDEX(Jesper!AI$2:AI$366,ROUNDDOWN($C3645/24,0)+1,1))-1)+IF('Standard Profiles'!$G$19=$B$10,7,0)+IF('Standard Profiles'!$G$19=$B$17,14,0)+IF('Standard Profiles'!$G$19=$B$24,21,0),0)),0)</f>
        <v>14.523261756080029</v>
      </c>
      <c r="F3645" cm="1">
        <f t="array" ref="F3645">IFERROR(INDEX(Jesper!AJ$2:AJ$366,ROUNDDOWN($C3645/24,0)+1,1)*INDEX($D$3:$AA$30,INDEX(Jesper!$R$2:$R$366,ROW(INDEX(Jesper!AJ$2:AJ$366,ROUNDDOWN($C3645/24,0)+1,1))-1)+IF('Standard Profiles'!$G$20=$B$10,7,0)+IF('Standard Profiles'!$G$20=$B$17,14,0)+IF('Standard Profiles'!$G$20=$B$24,21,0),MOD($C3645,24)+1)/SUM(INDEX($D$3:$AA$30,INDEX(Jesper!$R$2:$R$366,ROW(INDEX(Jesper!AJ$2:AJ$366,ROUNDDOWN($C3645/24,0)+1,1))-1)+IF('Standard Profiles'!$G$20=$B$10,7,0)+IF('Standard Profiles'!$G$20=$B$17,14,0)+IF('Standard Profiles'!$G$20=$B$24,21,0),0)),0)</f>
        <v>0</v>
      </c>
      <c r="G3645" cm="1">
        <f t="array" ref="G3645">IFERROR(INDEX(Jesper!AK$2:AK$366,ROUNDDOWN($C3645/24,0)+1,1)*INDEX($D$3:$AA$30,INDEX(Jesper!$R$2:$R$366,ROW(INDEX(Jesper!AK$2:AK$366,ROUNDDOWN($C3645/24,0)+1,1))-1)+IF('Standard Profiles'!$G$21=$B$10,7,0)+IF('Standard Profiles'!$G$21=$B$17,14,0)+IF('Standard Profiles'!$G$21=$B$24,21,0),MOD($C3645,24)+1)/SUM(INDEX($D$3:$AA$30,INDEX(Jesper!$R$2:$R$366,ROW(INDEX(Jesper!AK$2:AK$366,ROUNDDOWN($C3645/24,0)+1,1))-1)+IF('Standard Profiles'!$G$21=$B$10,7,0)+IF('Standard Profiles'!$G$21=$B$17,14,0)+IF('Standard Profiles'!$G$21=$B$24,21,0),0)),0)</f>
        <v>1.7018088876797743</v>
      </c>
      <c r="H3645" cm="1">
        <f t="array" ref="H3645">IFERROR(INDEX(Jesper!AL$2:AL$366,ROUNDDOWN($C3645/24,0)+1,1)*INDEX($D$3:$AA$30,INDEX(Jesper!$R$2:$R$366,ROW(INDEX(Jesper!AL$2:AL$366,ROUNDDOWN($C3645/24,0)+1,1))-1)+IF('Standard Profiles'!$G$22=$B$10,7,0)+IF('Standard Profiles'!$G$22=$B$17,14,0)+IF('Standard Profiles'!$G$22=$B$24,21,0),MOD($C3645,24)+1)/SUM(INDEX($D$3:$AA$30,INDEX(Jesper!$R$2:$R$366,ROW(INDEX(Jesper!AL$2:AL$366,ROUNDDOWN($C3645/24,0)+1,1))-1)+IF('Standard Profiles'!$G$22=$B$10,7,0)+IF('Standard Profiles'!$G$22=$B$17,14,0)+IF('Standard Profiles'!$G$22=$B$24,21,0),0)),0)</f>
        <v>0</v>
      </c>
      <c r="I3645">
        <f t="shared" si="412"/>
        <v>0.81686826608629126</v>
      </c>
      <c r="J3645">
        <f t="shared" si="413"/>
        <v>42.849372518467931</v>
      </c>
      <c r="K3645">
        <f t="shared" si="414"/>
        <v>3.484593033751672</v>
      </c>
      <c r="L3645">
        <f t="shared" si="415"/>
        <v>1.742296516875836</v>
      </c>
      <c r="M3645">
        <f t="shared" si="416"/>
        <v>0</v>
      </c>
      <c r="N3645" s="45">
        <f t="shared" si="417"/>
        <v>45077.458333324576</v>
      </c>
    </row>
    <row r="3646" spans="2:14" x14ac:dyDescent="0.25">
      <c r="B3646">
        <f t="shared" si="411"/>
        <v>3</v>
      </c>
      <c r="C3646" s="16">
        <v>3612</v>
      </c>
      <c r="D3646" cm="1">
        <f t="array" ref="D3646">IFERROR(INDEX(Jesper!AH$2:AH$366,ROUNDDOWN($C3646/24,0)+1,1)*INDEX($D$3:$AA$30,INDEX(Jesper!$R$2:$R$366,ROW(INDEX(Jesper!AH$2:AH$366,ROUNDDOWN($C3646/24,0)+1,1))-1)+IF('Standard Profiles'!$G$18=$B$10,7,0)+IF('Standard Profiles'!$G$18=$B$17,14,0)+IF('Standard Profiles'!$G$18=$B$24,21,0),MOD($C3646,24)+1)/SUM(INDEX($D$3:$AA$30,INDEX(Jesper!$R$2:$R$366,ROW(INDEX(Jesper!AH$2:AH$366,ROUNDDOWN($C3646/24,0)+1,1))-1)+IF('Standard Profiles'!$G$18=$B$10,7,0)+IF('Standard Profiles'!$G$18=$B$17,14,0)+IF('Standard Profiles'!$G$18=$B$24,21,0),0)),0)</f>
        <v>32.668059691421924</v>
      </c>
      <c r="E3646" cm="1">
        <f t="array" ref="E3646">IFERROR(INDEX(Jesper!AI$2:AI$366,ROUNDDOWN($C3646/24,0)+1,1)*INDEX($D$3:$AA$30,INDEX(Jesper!$R$2:$R$366,ROW(INDEX(Jesper!AI$2:AI$366,ROUNDDOWN($C3646/24,0)+1,1))-1)+IF('Standard Profiles'!$G$19=$B$10,7,0)+IF('Standard Profiles'!$G$19=$B$17,14,0)+IF('Standard Profiles'!$G$19=$B$24,21,0),MOD($C3646,24)+1)/SUM(INDEX($D$3:$AA$30,INDEX(Jesper!$R$2:$R$366,ROW(INDEX(Jesper!AI$2:AI$366,ROUNDDOWN($C3646/24,0)+1,1))-1)+IF('Standard Profiles'!$G$19=$B$10,7,0)+IF('Standard Profiles'!$G$19=$B$17,14,0)+IF('Standard Profiles'!$G$19=$B$24,21,0),0)),0)</f>
        <v>14.523261756080029</v>
      </c>
      <c r="F3646" cm="1">
        <f t="array" ref="F3646">IFERROR(INDEX(Jesper!AJ$2:AJ$366,ROUNDDOWN($C3646/24,0)+1,1)*INDEX($D$3:$AA$30,INDEX(Jesper!$R$2:$R$366,ROW(INDEX(Jesper!AJ$2:AJ$366,ROUNDDOWN($C3646/24,0)+1,1))-1)+IF('Standard Profiles'!$G$20=$B$10,7,0)+IF('Standard Profiles'!$G$20=$B$17,14,0)+IF('Standard Profiles'!$G$20=$B$24,21,0),MOD($C3646,24)+1)/SUM(INDEX($D$3:$AA$30,INDEX(Jesper!$R$2:$R$366,ROW(INDEX(Jesper!AJ$2:AJ$366,ROUNDDOWN($C3646/24,0)+1,1))-1)+IF('Standard Profiles'!$G$20=$B$10,7,0)+IF('Standard Profiles'!$G$20=$B$17,14,0)+IF('Standard Profiles'!$G$20=$B$24,21,0),0)),0)</f>
        <v>0</v>
      </c>
      <c r="G3646" cm="1">
        <f t="array" ref="G3646">IFERROR(INDEX(Jesper!AK$2:AK$366,ROUNDDOWN($C3646/24,0)+1,1)*INDEX($D$3:$AA$30,INDEX(Jesper!$R$2:$R$366,ROW(INDEX(Jesper!AK$2:AK$366,ROUNDDOWN($C3646/24,0)+1,1))-1)+IF('Standard Profiles'!$G$21=$B$10,7,0)+IF('Standard Profiles'!$G$21=$B$17,14,0)+IF('Standard Profiles'!$G$21=$B$24,21,0),MOD($C3646,24)+1)/SUM(INDEX($D$3:$AA$30,INDEX(Jesper!$R$2:$R$366,ROW(INDEX(Jesper!AK$2:AK$366,ROUNDDOWN($C3646/24,0)+1,1))-1)+IF('Standard Profiles'!$G$21=$B$10,7,0)+IF('Standard Profiles'!$G$21=$B$17,14,0)+IF('Standard Profiles'!$G$21=$B$24,21,0),0)),0)</f>
        <v>1.7018088876797743</v>
      </c>
      <c r="H3646" cm="1">
        <f t="array" ref="H3646">IFERROR(INDEX(Jesper!AL$2:AL$366,ROUNDDOWN($C3646/24,0)+1,1)*INDEX($D$3:$AA$30,INDEX(Jesper!$R$2:$R$366,ROW(INDEX(Jesper!AL$2:AL$366,ROUNDDOWN($C3646/24,0)+1,1))-1)+IF('Standard Profiles'!$G$22=$B$10,7,0)+IF('Standard Profiles'!$G$22=$B$17,14,0)+IF('Standard Profiles'!$G$22=$B$24,21,0),MOD($C3646,24)+1)/SUM(INDEX($D$3:$AA$30,INDEX(Jesper!$R$2:$R$366,ROW(INDEX(Jesper!AL$2:AL$366,ROUNDDOWN($C3646/24,0)+1,1))-1)+IF('Standard Profiles'!$G$22=$B$10,7,0)+IF('Standard Profiles'!$G$22=$B$17,14,0)+IF('Standard Profiles'!$G$22=$B$24,21,0),0)),0)</f>
        <v>0</v>
      </c>
      <c r="I3646">
        <f t="shared" si="412"/>
        <v>0.81686826608629126</v>
      </c>
      <c r="J3646">
        <f t="shared" si="413"/>
        <v>42.849372518467931</v>
      </c>
      <c r="K3646">
        <f t="shared" si="414"/>
        <v>3.484593033751672</v>
      </c>
      <c r="L3646">
        <f t="shared" si="415"/>
        <v>1.742296516875836</v>
      </c>
      <c r="M3646">
        <f t="shared" si="416"/>
        <v>0</v>
      </c>
      <c r="N3646" s="45">
        <f t="shared" si="417"/>
        <v>45077.49999999124</v>
      </c>
    </row>
    <row r="3647" spans="2:14" x14ac:dyDescent="0.25">
      <c r="B3647">
        <f t="shared" si="411"/>
        <v>3</v>
      </c>
      <c r="C3647" s="16">
        <v>3613</v>
      </c>
      <c r="D3647" cm="1">
        <f t="array" ref="D3647">IFERROR(INDEX(Jesper!AH$2:AH$366,ROUNDDOWN($C3647/24,0)+1,1)*INDEX($D$3:$AA$30,INDEX(Jesper!$R$2:$R$366,ROW(INDEX(Jesper!AH$2:AH$366,ROUNDDOWN($C3647/24,0)+1,1))-1)+IF('Standard Profiles'!$G$18=$B$10,7,0)+IF('Standard Profiles'!$G$18=$B$17,14,0)+IF('Standard Profiles'!$G$18=$B$24,21,0),MOD($C3647,24)+1)/SUM(INDEX($D$3:$AA$30,INDEX(Jesper!$R$2:$R$366,ROW(INDEX(Jesper!AH$2:AH$366,ROUNDDOWN($C3647/24,0)+1,1))-1)+IF('Standard Profiles'!$G$18=$B$10,7,0)+IF('Standard Profiles'!$G$18=$B$17,14,0)+IF('Standard Profiles'!$G$18=$B$24,21,0),0)),0)</f>
        <v>21.700925366444565</v>
      </c>
      <c r="E3647" cm="1">
        <f t="array" ref="E3647">IFERROR(INDEX(Jesper!AI$2:AI$366,ROUNDDOWN($C3647/24,0)+1,1)*INDEX($D$3:$AA$30,INDEX(Jesper!$R$2:$R$366,ROW(INDEX(Jesper!AI$2:AI$366,ROUNDDOWN($C3647/24,0)+1,1))-1)+IF('Standard Profiles'!$G$19=$B$10,7,0)+IF('Standard Profiles'!$G$19=$B$17,14,0)+IF('Standard Profiles'!$G$19=$B$24,21,0),MOD($C3647,24)+1)/SUM(INDEX($D$3:$AA$30,INDEX(Jesper!$R$2:$R$366,ROW(INDEX(Jesper!AI$2:AI$366,ROUNDDOWN($C3647/24,0)+1,1))-1)+IF('Standard Profiles'!$G$19=$B$10,7,0)+IF('Standard Profiles'!$G$19=$B$17,14,0)+IF('Standard Profiles'!$G$19=$B$24,21,0),0)),0)</f>
        <v>9.6475953093960207</v>
      </c>
      <c r="F3647" cm="1">
        <f t="array" ref="F3647">IFERROR(INDEX(Jesper!AJ$2:AJ$366,ROUNDDOWN($C3647/24,0)+1,1)*INDEX($D$3:$AA$30,INDEX(Jesper!$R$2:$R$366,ROW(INDEX(Jesper!AJ$2:AJ$366,ROUNDDOWN($C3647/24,0)+1,1))-1)+IF('Standard Profiles'!$G$20=$B$10,7,0)+IF('Standard Profiles'!$G$20=$B$17,14,0)+IF('Standard Profiles'!$G$20=$B$24,21,0),MOD($C3647,24)+1)/SUM(INDEX($D$3:$AA$30,INDEX(Jesper!$R$2:$R$366,ROW(INDEX(Jesper!AJ$2:AJ$366,ROUNDDOWN($C3647/24,0)+1,1))-1)+IF('Standard Profiles'!$G$20=$B$10,7,0)+IF('Standard Profiles'!$G$20=$B$17,14,0)+IF('Standard Profiles'!$G$20=$B$24,21,0),0)),0)</f>
        <v>0</v>
      </c>
      <c r="G3647" cm="1">
        <f t="array" ref="G3647">IFERROR(INDEX(Jesper!AK$2:AK$366,ROUNDDOWN($C3647/24,0)+1,1)*INDEX($D$3:$AA$30,INDEX(Jesper!$R$2:$R$366,ROW(INDEX(Jesper!AK$2:AK$366,ROUNDDOWN($C3647/24,0)+1,1))-1)+IF('Standard Profiles'!$G$21=$B$10,7,0)+IF('Standard Profiles'!$G$21=$B$17,14,0)+IF('Standard Profiles'!$G$21=$B$24,21,0),MOD($C3647,24)+1)/SUM(INDEX($D$3:$AA$30,INDEX(Jesper!$R$2:$R$366,ROW(INDEX(Jesper!AK$2:AK$366,ROUNDDOWN($C3647/24,0)+1,1))-1)+IF('Standard Profiles'!$G$21=$B$10,7,0)+IF('Standard Profiles'!$G$21=$B$17,14,0)+IF('Standard Profiles'!$G$21=$B$24,21,0),0)),0)</f>
        <v>1.1304873325301359</v>
      </c>
      <c r="H3647" cm="1">
        <f t="array" ref="H3647">IFERROR(INDEX(Jesper!AL$2:AL$366,ROUNDDOWN($C3647/24,0)+1,1)*INDEX($D$3:$AA$30,INDEX(Jesper!$R$2:$R$366,ROW(INDEX(Jesper!AL$2:AL$366,ROUNDDOWN($C3647/24,0)+1,1))-1)+IF('Standard Profiles'!$G$22=$B$10,7,0)+IF('Standard Profiles'!$G$22=$B$17,14,0)+IF('Standard Profiles'!$G$22=$B$24,21,0),MOD($C3647,24)+1)/SUM(INDEX($D$3:$AA$30,INDEX(Jesper!$R$2:$R$366,ROW(INDEX(Jesper!AL$2:AL$366,ROUNDDOWN($C3647/24,0)+1,1))-1)+IF('Standard Profiles'!$G$22=$B$10,7,0)+IF('Standard Profiles'!$G$22=$B$17,14,0)+IF('Standard Profiles'!$G$22=$B$24,21,0),0)),0)</f>
        <v>0</v>
      </c>
      <c r="I3647">
        <f t="shared" si="412"/>
        <v>0.54263391961446494</v>
      </c>
      <c r="J3647">
        <f t="shared" si="413"/>
        <v>28.464226030125126</v>
      </c>
      <c r="K3647">
        <f t="shared" si="414"/>
        <v>2.3147653724207538</v>
      </c>
      <c r="L3647">
        <f t="shared" si="415"/>
        <v>1.1573826862103769</v>
      </c>
      <c r="M3647">
        <f t="shared" si="416"/>
        <v>0</v>
      </c>
      <c r="N3647" s="45">
        <f t="shared" si="417"/>
        <v>45077.541666657904</v>
      </c>
    </row>
    <row r="3648" spans="2:14" x14ac:dyDescent="0.25">
      <c r="B3648">
        <f t="shared" si="411"/>
        <v>3</v>
      </c>
      <c r="C3648" s="16">
        <v>3614</v>
      </c>
      <c r="D3648" cm="1">
        <f t="array" ref="D3648">IFERROR(INDEX(Jesper!AH$2:AH$366,ROUNDDOWN($C3648/24,0)+1,1)*INDEX($D$3:$AA$30,INDEX(Jesper!$R$2:$R$366,ROW(INDEX(Jesper!AH$2:AH$366,ROUNDDOWN($C3648/24,0)+1,1))-1)+IF('Standard Profiles'!$G$18=$B$10,7,0)+IF('Standard Profiles'!$G$18=$B$17,14,0)+IF('Standard Profiles'!$G$18=$B$24,21,0),MOD($C3648,24)+1)/SUM(INDEX($D$3:$AA$30,INDEX(Jesper!$R$2:$R$366,ROW(INDEX(Jesper!AH$2:AH$366,ROUNDDOWN($C3648/24,0)+1,1))-1)+IF('Standard Profiles'!$G$18=$B$10,7,0)+IF('Standard Profiles'!$G$18=$B$17,14,0)+IF('Standard Profiles'!$G$18=$B$24,21,0),0)),0)</f>
        <v>32.668059691421924</v>
      </c>
      <c r="E3648" cm="1">
        <f t="array" ref="E3648">IFERROR(INDEX(Jesper!AI$2:AI$366,ROUNDDOWN($C3648/24,0)+1,1)*INDEX($D$3:$AA$30,INDEX(Jesper!$R$2:$R$366,ROW(INDEX(Jesper!AI$2:AI$366,ROUNDDOWN($C3648/24,0)+1,1))-1)+IF('Standard Profiles'!$G$19=$B$10,7,0)+IF('Standard Profiles'!$G$19=$B$17,14,0)+IF('Standard Profiles'!$G$19=$B$24,21,0),MOD($C3648,24)+1)/SUM(INDEX($D$3:$AA$30,INDEX(Jesper!$R$2:$R$366,ROW(INDEX(Jesper!AI$2:AI$366,ROUNDDOWN($C3648/24,0)+1,1))-1)+IF('Standard Profiles'!$G$19=$B$10,7,0)+IF('Standard Profiles'!$G$19=$B$17,14,0)+IF('Standard Profiles'!$G$19=$B$24,21,0),0)),0)</f>
        <v>14.523261756080029</v>
      </c>
      <c r="F3648" cm="1">
        <f t="array" ref="F3648">IFERROR(INDEX(Jesper!AJ$2:AJ$366,ROUNDDOWN($C3648/24,0)+1,1)*INDEX($D$3:$AA$30,INDEX(Jesper!$R$2:$R$366,ROW(INDEX(Jesper!AJ$2:AJ$366,ROUNDDOWN($C3648/24,0)+1,1))-1)+IF('Standard Profiles'!$G$20=$B$10,7,0)+IF('Standard Profiles'!$G$20=$B$17,14,0)+IF('Standard Profiles'!$G$20=$B$24,21,0),MOD($C3648,24)+1)/SUM(INDEX($D$3:$AA$30,INDEX(Jesper!$R$2:$R$366,ROW(INDEX(Jesper!AJ$2:AJ$366,ROUNDDOWN($C3648/24,0)+1,1))-1)+IF('Standard Profiles'!$G$20=$B$10,7,0)+IF('Standard Profiles'!$G$20=$B$17,14,0)+IF('Standard Profiles'!$G$20=$B$24,21,0),0)),0)</f>
        <v>0</v>
      </c>
      <c r="G3648" cm="1">
        <f t="array" ref="G3648">IFERROR(INDEX(Jesper!AK$2:AK$366,ROUNDDOWN($C3648/24,0)+1,1)*INDEX($D$3:$AA$30,INDEX(Jesper!$R$2:$R$366,ROW(INDEX(Jesper!AK$2:AK$366,ROUNDDOWN($C3648/24,0)+1,1))-1)+IF('Standard Profiles'!$G$21=$B$10,7,0)+IF('Standard Profiles'!$G$21=$B$17,14,0)+IF('Standard Profiles'!$G$21=$B$24,21,0),MOD($C3648,24)+1)/SUM(INDEX($D$3:$AA$30,INDEX(Jesper!$R$2:$R$366,ROW(INDEX(Jesper!AK$2:AK$366,ROUNDDOWN($C3648/24,0)+1,1))-1)+IF('Standard Profiles'!$G$21=$B$10,7,0)+IF('Standard Profiles'!$G$21=$B$17,14,0)+IF('Standard Profiles'!$G$21=$B$24,21,0),0)),0)</f>
        <v>1.7018088876797743</v>
      </c>
      <c r="H3648" cm="1">
        <f t="array" ref="H3648">IFERROR(INDEX(Jesper!AL$2:AL$366,ROUNDDOWN($C3648/24,0)+1,1)*INDEX($D$3:$AA$30,INDEX(Jesper!$R$2:$R$366,ROW(INDEX(Jesper!AL$2:AL$366,ROUNDDOWN($C3648/24,0)+1,1))-1)+IF('Standard Profiles'!$G$22=$B$10,7,0)+IF('Standard Profiles'!$G$22=$B$17,14,0)+IF('Standard Profiles'!$G$22=$B$24,21,0),MOD($C3648,24)+1)/SUM(INDEX($D$3:$AA$30,INDEX(Jesper!$R$2:$R$366,ROW(INDEX(Jesper!AL$2:AL$366,ROUNDDOWN($C3648/24,0)+1,1))-1)+IF('Standard Profiles'!$G$22=$B$10,7,0)+IF('Standard Profiles'!$G$22=$B$17,14,0)+IF('Standard Profiles'!$G$22=$B$24,21,0),0)),0)</f>
        <v>0</v>
      </c>
      <c r="I3648">
        <f t="shared" si="412"/>
        <v>0.81686826608629126</v>
      </c>
      <c r="J3648">
        <f t="shared" si="413"/>
        <v>42.849372518467931</v>
      </c>
      <c r="K3648">
        <f t="shared" si="414"/>
        <v>3.484593033751672</v>
      </c>
      <c r="L3648">
        <f t="shared" si="415"/>
        <v>1.742296516875836</v>
      </c>
      <c r="M3648">
        <f t="shared" si="416"/>
        <v>0</v>
      </c>
      <c r="N3648" s="45">
        <f t="shared" si="417"/>
        <v>45077.583333324568</v>
      </c>
    </row>
    <row r="3649" spans="2:14" x14ac:dyDescent="0.25">
      <c r="B3649">
        <f t="shared" si="411"/>
        <v>3</v>
      </c>
      <c r="C3649" s="16">
        <v>3615</v>
      </c>
      <c r="D3649" cm="1">
        <f t="array" ref="D3649">IFERROR(INDEX(Jesper!AH$2:AH$366,ROUNDDOWN($C3649/24,0)+1,1)*INDEX($D$3:$AA$30,INDEX(Jesper!$R$2:$R$366,ROW(INDEX(Jesper!AH$2:AH$366,ROUNDDOWN($C3649/24,0)+1,1))-1)+IF('Standard Profiles'!$G$18=$B$10,7,0)+IF('Standard Profiles'!$G$18=$B$17,14,0)+IF('Standard Profiles'!$G$18=$B$24,21,0),MOD($C3649,24)+1)/SUM(INDEX($D$3:$AA$30,INDEX(Jesper!$R$2:$R$366,ROW(INDEX(Jesper!AH$2:AH$366,ROUNDDOWN($C3649/24,0)+1,1))-1)+IF('Standard Profiles'!$G$18=$B$10,7,0)+IF('Standard Profiles'!$G$18=$B$17,14,0)+IF('Standard Profiles'!$G$18=$B$24,21,0),0)),0)</f>
        <v>32.668059691421924</v>
      </c>
      <c r="E3649" cm="1">
        <f t="array" ref="E3649">IFERROR(INDEX(Jesper!AI$2:AI$366,ROUNDDOWN($C3649/24,0)+1,1)*INDEX($D$3:$AA$30,INDEX(Jesper!$R$2:$R$366,ROW(INDEX(Jesper!AI$2:AI$366,ROUNDDOWN($C3649/24,0)+1,1))-1)+IF('Standard Profiles'!$G$19=$B$10,7,0)+IF('Standard Profiles'!$G$19=$B$17,14,0)+IF('Standard Profiles'!$G$19=$B$24,21,0),MOD($C3649,24)+1)/SUM(INDEX($D$3:$AA$30,INDEX(Jesper!$R$2:$R$366,ROW(INDEX(Jesper!AI$2:AI$366,ROUNDDOWN($C3649/24,0)+1,1))-1)+IF('Standard Profiles'!$G$19=$B$10,7,0)+IF('Standard Profiles'!$G$19=$B$17,14,0)+IF('Standard Profiles'!$G$19=$B$24,21,0),0)),0)</f>
        <v>14.523261756080029</v>
      </c>
      <c r="F3649" cm="1">
        <f t="array" ref="F3649">IFERROR(INDEX(Jesper!AJ$2:AJ$366,ROUNDDOWN($C3649/24,0)+1,1)*INDEX($D$3:$AA$30,INDEX(Jesper!$R$2:$R$366,ROW(INDEX(Jesper!AJ$2:AJ$366,ROUNDDOWN($C3649/24,0)+1,1))-1)+IF('Standard Profiles'!$G$20=$B$10,7,0)+IF('Standard Profiles'!$G$20=$B$17,14,0)+IF('Standard Profiles'!$G$20=$B$24,21,0),MOD($C3649,24)+1)/SUM(INDEX($D$3:$AA$30,INDEX(Jesper!$R$2:$R$366,ROW(INDEX(Jesper!AJ$2:AJ$366,ROUNDDOWN($C3649/24,0)+1,1))-1)+IF('Standard Profiles'!$G$20=$B$10,7,0)+IF('Standard Profiles'!$G$20=$B$17,14,0)+IF('Standard Profiles'!$G$20=$B$24,21,0),0)),0)</f>
        <v>0</v>
      </c>
      <c r="G3649" cm="1">
        <f t="array" ref="G3649">IFERROR(INDEX(Jesper!AK$2:AK$366,ROUNDDOWN($C3649/24,0)+1,1)*INDEX($D$3:$AA$30,INDEX(Jesper!$R$2:$R$366,ROW(INDEX(Jesper!AK$2:AK$366,ROUNDDOWN($C3649/24,0)+1,1))-1)+IF('Standard Profiles'!$G$21=$B$10,7,0)+IF('Standard Profiles'!$G$21=$B$17,14,0)+IF('Standard Profiles'!$G$21=$B$24,21,0),MOD($C3649,24)+1)/SUM(INDEX($D$3:$AA$30,INDEX(Jesper!$R$2:$R$366,ROW(INDEX(Jesper!AK$2:AK$366,ROUNDDOWN($C3649/24,0)+1,1))-1)+IF('Standard Profiles'!$G$21=$B$10,7,0)+IF('Standard Profiles'!$G$21=$B$17,14,0)+IF('Standard Profiles'!$G$21=$B$24,21,0),0)),0)</f>
        <v>1.7018088876797743</v>
      </c>
      <c r="H3649" cm="1">
        <f t="array" ref="H3649">IFERROR(INDEX(Jesper!AL$2:AL$366,ROUNDDOWN($C3649/24,0)+1,1)*INDEX($D$3:$AA$30,INDEX(Jesper!$R$2:$R$366,ROW(INDEX(Jesper!AL$2:AL$366,ROUNDDOWN($C3649/24,0)+1,1))-1)+IF('Standard Profiles'!$G$22=$B$10,7,0)+IF('Standard Profiles'!$G$22=$B$17,14,0)+IF('Standard Profiles'!$G$22=$B$24,21,0),MOD($C3649,24)+1)/SUM(INDEX($D$3:$AA$30,INDEX(Jesper!$R$2:$R$366,ROW(INDEX(Jesper!AL$2:AL$366,ROUNDDOWN($C3649/24,0)+1,1))-1)+IF('Standard Profiles'!$G$22=$B$10,7,0)+IF('Standard Profiles'!$G$22=$B$17,14,0)+IF('Standard Profiles'!$G$22=$B$24,21,0),0)),0)</f>
        <v>0</v>
      </c>
      <c r="I3649">
        <f t="shared" si="412"/>
        <v>0.81686826608629126</v>
      </c>
      <c r="J3649">
        <f t="shared" si="413"/>
        <v>42.849372518467931</v>
      </c>
      <c r="K3649">
        <f t="shared" si="414"/>
        <v>3.484593033751672</v>
      </c>
      <c r="L3649">
        <f t="shared" si="415"/>
        <v>1.742296516875836</v>
      </c>
      <c r="M3649">
        <f t="shared" si="416"/>
        <v>0</v>
      </c>
      <c r="N3649" s="45">
        <f t="shared" si="417"/>
        <v>45077.624999991232</v>
      </c>
    </row>
    <row r="3650" spans="2:14" x14ac:dyDescent="0.25">
      <c r="B3650">
        <f t="shared" si="411"/>
        <v>3</v>
      </c>
      <c r="C3650" s="16">
        <v>3616</v>
      </c>
      <c r="D3650" cm="1">
        <f t="array" ref="D3650">IFERROR(INDEX(Jesper!AH$2:AH$366,ROUNDDOWN($C3650/24,0)+1,1)*INDEX($D$3:$AA$30,INDEX(Jesper!$R$2:$R$366,ROW(INDEX(Jesper!AH$2:AH$366,ROUNDDOWN($C3650/24,0)+1,1))-1)+IF('Standard Profiles'!$G$18=$B$10,7,0)+IF('Standard Profiles'!$G$18=$B$17,14,0)+IF('Standard Profiles'!$G$18=$B$24,21,0),MOD($C3650,24)+1)/SUM(INDEX($D$3:$AA$30,INDEX(Jesper!$R$2:$R$366,ROW(INDEX(Jesper!AH$2:AH$366,ROUNDDOWN($C3650/24,0)+1,1))-1)+IF('Standard Profiles'!$G$18=$B$10,7,0)+IF('Standard Profiles'!$G$18=$B$17,14,0)+IF('Standard Profiles'!$G$18=$B$24,21,0),0)),0)</f>
        <v>19.250820889587921</v>
      </c>
      <c r="E3650" cm="1">
        <f t="array" ref="E3650">IFERROR(INDEX(Jesper!AI$2:AI$366,ROUNDDOWN($C3650/24,0)+1,1)*INDEX($D$3:$AA$30,INDEX(Jesper!$R$2:$R$366,ROW(INDEX(Jesper!AI$2:AI$366,ROUNDDOWN($C3650/24,0)+1,1))-1)+IF('Standard Profiles'!$G$19=$B$10,7,0)+IF('Standard Profiles'!$G$19=$B$17,14,0)+IF('Standard Profiles'!$G$19=$B$24,21,0),MOD($C3650,24)+1)/SUM(INDEX($D$3:$AA$30,INDEX(Jesper!$R$2:$R$366,ROW(INDEX(Jesper!AI$2:AI$366,ROUNDDOWN($C3650/24,0)+1,1))-1)+IF('Standard Profiles'!$G$19=$B$10,7,0)+IF('Standard Profiles'!$G$19=$B$17,14,0)+IF('Standard Profiles'!$G$19=$B$24,21,0),0)),0)</f>
        <v>8.5583506776900187</v>
      </c>
      <c r="F3650" cm="1">
        <f t="array" ref="F3650">IFERROR(INDEX(Jesper!AJ$2:AJ$366,ROUNDDOWN($C3650/24,0)+1,1)*INDEX($D$3:$AA$30,INDEX(Jesper!$R$2:$R$366,ROW(INDEX(Jesper!AJ$2:AJ$366,ROUNDDOWN($C3650/24,0)+1,1))-1)+IF('Standard Profiles'!$G$20=$B$10,7,0)+IF('Standard Profiles'!$G$20=$B$17,14,0)+IF('Standard Profiles'!$G$20=$B$24,21,0),MOD($C3650,24)+1)/SUM(INDEX($D$3:$AA$30,INDEX(Jesper!$R$2:$R$366,ROW(INDEX(Jesper!AJ$2:AJ$366,ROUNDDOWN($C3650/24,0)+1,1))-1)+IF('Standard Profiles'!$G$20=$B$10,7,0)+IF('Standard Profiles'!$G$20=$B$17,14,0)+IF('Standard Profiles'!$G$20=$B$24,21,0),0)),0)</f>
        <v>0</v>
      </c>
      <c r="G3650" cm="1">
        <f t="array" ref="G3650">IFERROR(INDEX(Jesper!AK$2:AK$366,ROUNDDOWN($C3650/24,0)+1,1)*INDEX($D$3:$AA$30,INDEX(Jesper!$R$2:$R$366,ROW(INDEX(Jesper!AK$2:AK$366,ROUNDDOWN($C3650/24,0)+1,1))-1)+IF('Standard Profiles'!$G$21=$B$10,7,0)+IF('Standard Profiles'!$G$21=$B$17,14,0)+IF('Standard Profiles'!$G$21=$B$24,21,0),MOD($C3650,24)+1)/SUM(INDEX($D$3:$AA$30,INDEX(Jesper!$R$2:$R$366,ROW(INDEX(Jesper!AK$2:AK$366,ROUNDDOWN($C3650/24,0)+1,1))-1)+IF('Standard Profiles'!$G$21=$B$10,7,0)+IF('Standard Profiles'!$G$21=$B$17,14,0)+IF('Standard Profiles'!$G$21=$B$24,21,0),0)),0)</f>
        <v>1.422016416614196</v>
      </c>
      <c r="H3650" cm="1">
        <f t="array" ref="H3650">IFERROR(INDEX(Jesper!AL$2:AL$366,ROUNDDOWN($C3650/24,0)+1,1)*INDEX($D$3:$AA$30,INDEX(Jesper!$R$2:$R$366,ROW(INDEX(Jesper!AL$2:AL$366,ROUNDDOWN($C3650/24,0)+1,1))-1)+IF('Standard Profiles'!$G$22=$B$10,7,0)+IF('Standard Profiles'!$G$22=$B$17,14,0)+IF('Standard Profiles'!$G$22=$B$24,21,0),MOD($C3650,24)+1)/SUM(INDEX($D$3:$AA$30,INDEX(Jesper!$R$2:$R$366,ROW(INDEX(Jesper!AL$2:AL$366,ROUNDDOWN($C3650/24,0)+1,1))-1)+IF('Standard Profiles'!$G$22=$B$10,7,0)+IF('Standard Profiles'!$G$22=$B$17,14,0)+IF('Standard Profiles'!$G$22=$B$24,21,0),0)),0)</f>
        <v>0</v>
      </c>
      <c r="I3650">
        <f t="shared" si="412"/>
        <v>0.68256787997481372</v>
      </c>
      <c r="J3650">
        <f t="shared" si="413"/>
        <v>25.468488761583256</v>
      </c>
      <c r="K3650">
        <f t="shared" si="414"/>
        <v>2.0534208948893782</v>
      </c>
      <c r="L3650">
        <f t="shared" si="415"/>
        <v>1.0267104474446891</v>
      </c>
      <c r="M3650">
        <f t="shared" si="416"/>
        <v>0</v>
      </c>
      <c r="N3650" s="45">
        <f t="shared" si="417"/>
        <v>45077.666666657897</v>
      </c>
    </row>
    <row r="3651" spans="2:14" x14ac:dyDescent="0.25">
      <c r="B3651">
        <f t="shared" si="411"/>
        <v>3</v>
      </c>
      <c r="C3651" s="16">
        <v>3617</v>
      </c>
      <c r="D3651" cm="1">
        <f t="array" ref="D3651">IFERROR(INDEX(Jesper!AH$2:AH$366,ROUNDDOWN($C3651/24,0)+1,1)*INDEX($D$3:$AA$30,INDEX(Jesper!$R$2:$R$366,ROW(INDEX(Jesper!AH$2:AH$366,ROUNDDOWN($C3651/24,0)+1,1))-1)+IF('Standard Profiles'!$G$18=$B$10,7,0)+IF('Standard Profiles'!$G$18=$B$17,14,0)+IF('Standard Profiles'!$G$18=$B$24,21,0),MOD($C3651,24)+1)/SUM(INDEX($D$3:$AA$30,INDEX(Jesper!$R$2:$R$366,ROW(INDEX(Jesper!AH$2:AH$366,ROUNDDOWN($C3651/24,0)+1,1))-1)+IF('Standard Profiles'!$G$18=$B$10,7,0)+IF('Standard Profiles'!$G$18=$B$17,14,0)+IF('Standard Profiles'!$G$18=$B$24,21,0),0)),0)</f>
        <v>8.2163127996534033</v>
      </c>
      <c r="E3651" cm="1">
        <f t="array" ref="E3651">IFERROR(INDEX(Jesper!AI$2:AI$366,ROUNDDOWN($C3651/24,0)+1,1)*INDEX($D$3:$AA$30,INDEX(Jesper!$R$2:$R$366,ROW(INDEX(Jesper!AI$2:AI$366,ROUNDDOWN($C3651/24,0)+1,1))-1)+IF('Standard Profiles'!$G$19=$B$10,7,0)+IF('Standard Profiles'!$G$19=$B$17,14,0)+IF('Standard Profiles'!$G$19=$B$24,21,0),MOD($C3651,24)+1)/SUM(INDEX($D$3:$AA$30,INDEX(Jesper!$R$2:$R$366,ROW(INDEX(Jesper!AI$2:AI$366,ROUNDDOWN($C3651/24,0)+1,1))-1)+IF('Standard Profiles'!$G$19=$B$10,7,0)+IF('Standard Profiles'!$G$19=$B$17,14,0)+IF('Standard Profiles'!$G$19=$B$24,21,0),0)),0)</f>
        <v>3.652731830000008</v>
      </c>
      <c r="F3651" cm="1">
        <f t="array" ref="F3651">IFERROR(INDEX(Jesper!AJ$2:AJ$366,ROUNDDOWN($C3651/24,0)+1,1)*INDEX($D$3:$AA$30,INDEX(Jesper!$R$2:$R$366,ROW(INDEX(Jesper!AJ$2:AJ$366,ROUNDDOWN($C3651/24,0)+1,1))-1)+IF('Standard Profiles'!$G$20=$B$10,7,0)+IF('Standard Profiles'!$G$20=$B$17,14,0)+IF('Standard Profiles'!$G$20=$B$24,21,0),MOD($C3651,24)+1)/SUM(INDEX($D$3:$AA$30,INDEX(Jesper!$R$2:$R$366,ROW(INDEX(Jesper!AJ$2:AJ$366,ROUNDDOWN($C3651/24,0)+1,1))-1)+IF('Standard Profiles'!$G$20=$B$10,7,0)+IF('Standard Profiles'!$G$20=$B$17,14,0)+IF('Standard Profiles'!$G$20=$B$24,21,0),0)),0)</f>
        <v>0</v>
      </c>
      <c r="G3651" cm="1">
        <f t="array" ref="G3651">IFERROR(INDEX(Jesper!AK$2:AK$366,ROUNDDOWN($C3651/24,0)+1,1)*INDEX($D$3:$AA$30,INDEX(Jesper!$R$2:$R$366,ROW(INDEX(Jesper!AK$2:AK$366,ROUNDDOWN($C3651/24,0)+1,1))-1)+IF('Standard Profiles'!$G$21=$B$10,7,0)+IF('Standard Profiles'!$G$21=$B$17,14,0)+IF('Standard Profiles'!$G$21=$B$24,21,0),MOD($C3651,24)+1)/SUM(INDEX($D$3:$AA$30,INDEX(Jesper!$R$2:$R$366,ROW(INDEX(Jesper!AK$2:AK$366,ROUNDDOWN($C3651/24,0)+1,1))-1)+IF('Standard Profiles'!$G$21=$B$10,7,0)+IF('Standard Profiles'!$G$21=$B$17,14,0)+IF('Standard Profiles'!$G$21=$B$24,21,0),0)),0)</f>
        <v>1.1306969149054658</v>
      </c>
      <c r="H3651" cm="1">
        <f t="array" ref="H3651">IFERROR(INDEX(Jesper!AL$2:AL$366,ROUNDDOWN($C3651/24,0)+1,1)*INDEX($D$3:$AA$30,INDEX(Jesper!$R$2:$R$366,ROW(INDEX(Jesper!AL$2:AL$366,ROUNDDOWN($C3651/24,0)+1,1))-1)+IF('Standard Profiles'!$G$22=$B$10,7,0)+IF('Standard Profiles'!$G$22=$B$17,14,0)+IF('Standard Profiles'!$G$22=$B$24,21,0),MOD($C3651,24)+1)/SUM(INDEX($D$3:$AA$30,INDEX(Jesper!$R$2:$R$366,ROW(INDEX(Jesper!AL$2:AL$366,ROUNDDOWN($C3651/24,0)+1,1))-1)+IF('Standard Profiles'!$G$22=$B$10,7,0)+IF('Standard Profiles'!$G$22=$B$17,14,0)+IF('Standard Profiles'!$G$22=$B$24,21,0),0)),0)</f>
        <v>0</v>
      </c>
      <c r="I3651">
        <f t="shared" si="412"/>
        <v>0.54273451915462334</v>
      </c>
      <c r="J3651">
        <f t="shared" si="413"/>
        <v>11.142396977459709</v>
      </c>
      <c r="K3651">
        <f t="shared" si="414"/>
        <v>0.87640669862969645</v>
      </c>
      <c r="L3651">
        <f t="shared" si="415"/>
        <v>0.43820334931484822</v>
      </c>
      <c r="M3651">
        <f t="shared" si="416"/>
        <v>0</v>
      </c>
      <c r="N3651" s="45">
        <f t="shared" si="417"/>
        <v>45077.708333324561</v>
      </c>
    </row>
    <row r="3652" spans="2:14" x14ac:dyDescent="0.25">
      <c r="B3652">
        <f t="shared" si="411"/>
        <v>3</v>
      </c>
      <c r="C3652" s="16">
        <v>3618</v>
      </c>
      <c r="D3652" cm="1">
        <f t="array" ref="D3652">IFERROR(INDEX(Jesper!AH$2:AH$366,ROUNDDOWN($C3652/24,0)+1,1)*INDEX($D$3:$AA$30,INDEX(Jesper!$R$2:$R$366,ROW(INDEX(Jesper!AH$2:AH$366,ROUNDDOWN($C3652/24,0)+1,1))-1)+IF('Standard Profiles'!$G$18=$B$10,7,0)+IF('Standard Profiles'!$G$18=$B$17,14,0)+IF('Standard Profiles'!$G$18=$B$24,21,0),MOD($C3652,24)+1)/SUM(INDEX($D$3:$AA$30,INDEX(Jesper!$R$2:$R$366,ROW(INDEX(Jesper!AH$2:AH$366,ROUNDDOWN($C3652/24,0)+1,1))-1)+IF('Standard Profiles'!$G$18=$B$10,7,0)+IF('Standard Profiles'!$G$18=$B$17,14,0)+IF('Standard Profiles'!$G$18=$B$24,21,0),0)),0)</f>
        <v>5.4227664477712461</v>
      </c>
      <c r="E3652" cm="1">
        <f t="array" ref="E3652">IFERROR(INDEX(Jesper!AI$2:AI$366,ROUNDDOWN($C3652/24,0)+1,1)*INDEX($D$3:$AA$30,INDEX(Jesper!$R$2:$R$366,ROW(INDEX(Jesper!AI$2:AI$366,ROUNDDOWN($C3652/24,0)+1,1))-1)+IF('Standard Profiles'!$G$19=$B$10,7,0)+IF('Standard Profiles'!$G$19=$B$17,14,0)+IF('Standard Profiles'!$G$19=$B$24,21,0),MOD($C3652,24)+1)/SUM(INDEX($D$3:$AA$30,INDEX(Jesper!$R$2:$R$366,ROW(INDEX(Jesper!AI$2:AI$366,ROUNDDOWN($C3652/24,0)+1,1))-1)+IF('Standard Profiles'!$G$19=$B$10,7,0)+IF('Standard Profiles'!$G$19=$B$17,14,0)+IF('Standard Profiles'!$G$19=$B$24,21,0),0)),0)</f>
        <v>2.4108030078000056</v>
      </c>
      <c r="F3652" cm="1">
        <f t="array" ref="F3652">IFERROR(INDEX(Jesper!AJ$2:AJ$366,ROUNDDOWN($C3652/24,0)+1,1)*INDEX($D$3:$AA$30,INDEX(Jesper!$R$2:$R$366,ROW(INDEX(Jesper!AJ$2:AJ$366,ROUNDDOWN($C3652/24,0)+1,1))-1)+IF('Standard Profiles'!$G$20=$B$10,7,0)+IF('Standard Profiles'!$G$20=$B$17,14,0)+IF('Standard Profiles'!$G$20=$B$24,21,0),MOD($C3652,24)+1)/SUM(INDEX($D$3:$AA$30,INDEX(Jesper!$R$2:$R$366,ROW(INDEX(Jesper!AJ$2:AJ$366,ROUNDDOWN($C3652/24,0)+1,1))-1)+IF('Standard Profiles'!$G$20=$B$10,7,0)+IF('Standard Profiles'!$G$20=$B$17,14,0)+IF('Standard Profiles'!$G$20=$B$24,21,0),0)),0)</f>
        <v>0</v>
      </c>
      <c r="G3652" cm="1">
        <f t="array" ref="G3652">IFERROR(INDEX(Jesper!AK$2:AK$366,ROUNDDOWN($C3652/24,0)+1,1)*INDEX($D$3:$AA$30,INDEX(Jesper!$R$2:$R$366,ROW(INDEX(Jesper!AK$2:AK$366,ROUNDDOWN($C3652/24,0)+1,1))-1)+IF('Standard Profiles'!$G$21=$B$10,7,0)+IF('Standard Profiles'!$G$21=$B$17,14,0)+IF('Standard Profiles'!$G$21=$B$24,21,0),MOD($C3652,24)+1)/SUM(INDEX($D$3:$AA$30,INDEX(Jesper!$R$2:$R$366,ROW(INDEX(Jesper!AK$2:AK$366,ROUNDDOWN($C3652/24,0)+1,1))-1)+IF('Standard Profiles'!$G$21=$B$10,7,0)+IF('Standard Profiles'!$G$21=$B$17,14,0)+IF('Standard Profiles'!$G$21=$B$24,21,0),0)),0)</f>
        <v>0.419164750660043</v>
      </c>
      <c r="H3652" cm="1">
        <f t="array" ref="H3652">IFERROR(INDEX(Jesper!AL$2:AL$366,ROUNDDOWN($C3652/24,0)+1,1)*INDEX($D$3:$AA$30,INDEX(Jesper!$R$2:$R$366,ROW(INDEX(Jesper!AL$2:AL$366,ROUNDDOWN($C3652/24,0)+1,1))-1)+IF('Standard Profiles'!$G$22=$B$10,7,0)+IF('Standard Profiles'!$G$22=$B$17,14,0)+IF('Standard Profiles'!$G$22=$B$24,21,0),MOD($C3652,24)+1)/SUM(INDEX($D$3:$AA$30,INDEX(Jesper!$R$2:$R$366,ROW(INDEX(Jesper!AL$2:AL$366,ROUNDDOWN($C3652/24,0)+1,1))-1)+IF('Standard Profiles'!$G$22=$B$10,7,0)+IF('Standard Profiles'!$G$22=$B$17,14,0)+IF('Standard Profiles'!$G$22=$B$24,21,0),0)),0)</f>
        <v>0</v>
      </c>
      <c r="I3652">
        <f t="shared" si="412"/>
        <v>0.20119908031682054</v>
      </c>
      <c r="J3652">
        <f t="shared" si="413"/>
        <v>7.183892494271074</v>
      </c>
      <c r="K3652">
        <f t="shared" si="414"/>
        <v>0.57842842109559967</v>
      </c>
      <c r="L3652">
        <f t="shared" si="415"/>
        <v>0.28921421054779983</v>
      </c>
      <c r="M3652">
        <f t="shared" si="416"/>
        <v>0</v>
      </c>
      <c r="N3652" s="45">
        <f t="shared" si="417"/>
        <v>45077.749999991225</v>
      </c>
    </row>
    <row r="3653" spans="2:14" x14ac:dyDescent="0.25">
      <c r="B3653">
        <f t="shared" si="411"/>
        <v>3</v>
      </c>
      <c r="C3653" s="16">
        <v>3619</v>
      </c>
      <c r="D3653" cm="1">
        <f t="array" ref="D3653">IFERROR(INDEX(Jesper!AH$2:AH$366,ROUNDDOWN($C3653/24,0)+1,1)*INDEX($D$3:$AA$30,INDEX(Jesper!$R$2:$R$366,ROW(INDEX(Jesper!AH$2:AH$366,ROUNDDOWN($C3653/24,0)+1,1))-1)+IF('Standard Profiles'!$G$18=$B$10,7,0)+IF('Standard Profiles'!$G$18=$B$17,14,0)+IF('Standard Profiles'!$G$18=$B$24,21,0),MOD($C3653,24)+1)/SUM(INDEX($D$3:$AA$30,INDEX(Jesper!$R$2:$R$366,ROW(INDEX(Jesper!AH$2:AH$366,ROUNDDOWN($C3653/24,0)+1,1))-1)+IF('Standard Profiles'!$G$18=$B$10,7,0)+IF('Standard Profiles'!$G$18=$B$17,14,0)+IF('Standard Profiles'!$G$18=$B$24,21,0),0)),0)</f>
        <v>5.4227664477712461</v>
      </c>
      <c r="E3653" cm="1">
        <f t="array" ref="E3653">IFERROR(INDEX(Jesper!AI$2:AI$366,ROUNDDOWN($C3653/24,0)+1,1)*INDEX($D$3:$AA$30,INDEX(Jesper!$R$2:$R$366,ROW(INDEX(Jesper!AI$2:AI$366,ROUNDDOWN($C3653/24,0)+1,1))-1)+IF('Standard Profiles'!$G$19=$B$10,7,0)+IF('Standard Profiles'!$G$19=$B$17,14,0)+IF('Standard Profiles'!$G$19=$B$24,21,0),MOD($C3653,24)+1)/SUM(INDEX($D$3:$AA$30,INDEX(Jesper!$R$2:$R$366,ROW(INDEX(Jesper!AI$2:AI$366,ROUNDDOWN($C3653/24,0)+1,1))-1)+IF('Standard Profiles'!$G$19=$B$10,7,0)+IF('Standard Profiles'!$G$19=$B$17,14,0)+IF('Standard Profiles'!$G$19=$B$24,21,0),0)),0)</f>
        <v>2.4108030078000056</v>
      </c>
      <c r="F3653" cm="1">
        <f t="array" ref="F3653">IFERROR(INDEX(Jesper!AJ$2:AJ$366,ROUNDDOWN($C3653/24,0)+1,1)*INDEX($D$3:$AA$30,INDEX(Jesper!$R$2:$R$366,ROW(INDEX(Jesper!AJ$2:AJ$366,ROUNDDOWN($C3653/24,0)+1,1))-1)+IF('Standard Profiles'!$G$20=$B$10,7,0)+IF('Standard Profiles'!$G$20=$B$17,14,0)+IF('Standard Profiles'!$G$20=$B$24,21,0),MOD($C3653,24)+1)/SUM(INDEX($D$3:$AA$30,INDEX(Jesper!$R$2:$R$366,ROW(INDEX(Jesper!AJ$2:AJ$366,ROUNDDOWN($C3653/24,0)+1,1))-1)+IF('Standard Profiles'!$G$20=$B$10,7,0)+IF('Standard Profiles'!$G$20=$B$17,14,0)+IF('Standard Profiles'!$G$20=$B$24,21,0),0)),0)</f>
        <v>0</v>
      </c>
      <c r="G3653" cm="1">
        <f t="array" ref="G3653">IFERROR(INDEX(Jesper!AK$2:AK$366,ROUNDDOWN($C3653/24,0)+1,1)*INDEX($D$3:$AA$30,INDEX(Jesper!$R$2:$R$366,ROW(INDEX(Jesper!AK$2:AK$366,ROUNDDOWN($C3653/24,0)+1,1))-1)+IF('Standard Profiles'!$G$21=$B$10,7,0)+IF('Standard Profiles'!$G$21=$B$17,14,0)+IF('Standard Profiles'!$G$21=$B$24,21,0),MOD($C3653,24)+1)/SUM(INDEX($D$3:$AA$30,INDEX(Jesper!$R$2:$R$366,ROW(INDEX(Jesper!AK$2:AK$366,ROUNDDOWN($C3653/24,0)+1,1))-1)+IF('Standard Profiles'!$G$21=$B$10,7,0)+IF('Standard Profiles'!$G$21=$B$17,14,0)+IF('Standard Profiles'!$G$21=$B$24,21,0),0)),0)</f>
        <v>0.419164750660043</v>
      </c>
      <c r="H3653" cm="1">
        <f t="array" ref="H3653">IFERROR(INDEX(Jesper!AL$2:AL$366,ROUNDDOWN($C3653/24,0)+1,1)*INDEX($D$3:$AA$30,INDEX(Jesper!$R$2:$R$366,ROW(INDEX(Jesper!AL$2:AL$366,ROUNDDOWN($C3653/24,0)+1,1))-1)+IF('Standard Profiles'!$G$22=$B$10,7,0)+IF('Standard Profiles'!$G$22=$B$17,14,0)+IF('Standard Profiles'!$G$22=$B$24,21,0),MOD($C3653,24)+1)/SUM(INDEX($D$3:$AA$30,INDEX(Jesper!$R$2:$R$366,ROW(INDEX(Jesper!AL$2:AL$366,ROUNDDOWN($C3653/24,0)+1,1))-1)+IF('Standard Profiles'!$G$22=$B$10,7,0)+IF('Standard Profiles'!$G$22=$B$17,14,0)+IF('Standard Profiles'!$G$22=$B$24,21,0),0)),0)</f>
        <v>0</v>
      </c>
      <c r="I3653">
        <f t="shared" si="412"/>
        <v>0.20119908031682054</v>
      </c>
      <c r="J3653">
        <f t="shared" si="413"/>
        <v>7.183892494271074</v>
      </c>
      <c r="K3653">
        <f t="shared" si="414"/>
        <v>0.57842842109559967</v>
      </c>
      <c r="L3653">
        <f t="shared" si="415"/>
        <v>0.28921421054779983</v>
      </c>
      <c r="M3653">
        <f t="shared" si="416"/>
        <v>0</v>
      </c>
      <c r="N3653" s="45">
        <f t="shared" si="417"/>
        <v>45077.791666657889</v>
      </c>
    </row>
    <row r="3654" spans="2:14" x14ac:dyDescent="0.25">
      <c r="B3654">
        <f t="shared" si="411"/>
        <v>3</v>
      </c>
      <c r="C3654" s="16">
        <v>3620</v>
      </c>
      <c r="D3654" cm="1">
        <f t="array" ref="D3654">IFERROR(INDEX(Jesper!AH$2:AH$366,ROUNDDOWN($C3654/24,0)+1,1)*INDEX($D$3:$AA$30,INDEX(Jesper!$R$2:$R$366,ROW(INDEX(Jesper!AH$2:AH$366,ROUNDDOWN($C3654/24,0)+1,1))-1)+IF('Standard Profiles'!$G$18=$B$10,7,0)+IF('Standard Profiles'!$G$18=$B$17,14,0)+IF('Standard Profiles'!$G$18=$B$24,21,0),MOD($C3654,24)+1)/SUM(INDEX($D$3:$AA$30,INDEX(Jesper!$R$2:$R$366,ROW(INDEX(Jesper!AH$2:AH$366,ROUNDDOWN($C3654/24,0)+1,1))-1)+IF('Standard Profiles'!$G$18=$B$10,7,0)+IF('Standard Profiles'!$G$18=$B$17,14,0)+IF('Standard Profiles'!$G$18=$B$24,21,0),0)),0)</f>
        <v>5.4227664477712461</v>
      </c>
      <c r="E3654" cm="1">
        <f t="array" ref="E3654">IFERROR(INDEX(Jesper!AI$2:AI$366,ROUNDDOWN($C3654/24,0)+1,1)*INDEX($D$3:$AA$30,INDEX(Jesper!$R$2:$R$366,ROW(INDEX(Jesper!AI$2:AI$366,ROUNDDOWN($C3654/24,0)+1,1))-1)+IF('Standard Profiles'!$G$19=$B$10,7,0)+IF('Standard Profiles'!$G$19=$B$17,14,0)+IF('Standard Profiles'!$G$19=$B$24,21,0),MOD($C3654,24)+1)/SUM(INDEX($D$3:$AA$30,INDEX(Jesper!$R$2:$R$366,ROW(INDEX(Jesper!AI$2:AI$366,ROUNDDOWN($C3654/24,0)+1,1))-1)+IF('Standard Profiles'!$G$19=$B$10,7,0)+IF('Standard Profiles'!$G$19=$B$17,14,0)+IF('Standard Profiles'!$G$19=$B$24,21,0),0)),0)</f>
        <v>2.4108030078000056</v>
      </c>
      <c r="F3654" cm="1">
        <f t="array" ref="F3654">IFERROR(INDEX(Jesper!AJ$2:AJ$366,ROUNDDOWN($C3654/24,0)+1,1)*INDEX($D$3:$AA$30,INDEX(Jesper!$R$2:$R$366,ROW(INDEX(Jesper!AJ$2:AJ$366,ROUNDDOWN($C3654/24,0)+1,1))-1)+IF('Standard Profiles'!$G$20=$B$10,7,0)+IF('Standard Profiles'!$G$20=$B$17,14,0)+IF('Standard Profiles'!$G$20=$B$24,21,0),MOD($C3654,24)+1)/SUM(INDEX($D$3:$AA$30,INDEX(Jesper!$R$2:$R$366,ROW(INDEX(Jesper!AJ$2:AJ$366,ROUNDDOWN($C3654/24,0)+1,1))-1)+IF('Standard Profiles'!$G$20=$B$10,7,0)+IF('Standard Profiles'!$G$20=$B$17,14,0)+IF('Standard Profiles'!$G$20=$B$24,21,0),0)),0)</f>
        <v>0</v>
      </c>
      <c r="G3654" cm="1">
        <f t="array" ref="G3654">IFERROR(INDEX(Jesper!AK$2:AK$366,ROUNDDOWN($C3654/24,0)+1,1)*INDEX($D$3:$AA$30,INDEX(Jesper!$R$2:$R$366,ROW(INDEX(Jesper!AK$2:AK$366,ROUNDDOWN($C3654/24,0)+1,1))-1)+IF('Standard Profiles'!$G$21=$B$10,7,0)+IF('Standard Profiles'!$G$21=$B$17,14,0)+IF('Standard Profiles'!$G$21=$B$24,21,0),MOD($C3654,24)+1)/SUM(INDEX($D$3:$AA$30,INDEX(Jesper!$R$2:$R$366,ROW(INDEX(Jesper!AK$2:AK$366,ROUNDDOWN($C3654/24,0)+1,1))-1)+IF('Standard Profiles'!$G$21=$B$10,7,0)+IF('Standard Profiles'!$G$21=$B$17,14,0)+IF('Standard Profiles'!$G$21=$B$24,21,0),0)),0)</f>
        <v>0.419164750660043</v>
      </c>
      <c r="H3654" cm="1">
        <f t="array" ref="H3654">IFERROR(INDEX(Jesper!AL$2:AL$366,ROUNDDOWN($C3654/24,0)+1,1)*INDEX($D$3:$AA$30,INDEX(Jesper!$R$2:$R$366,ROW(INDEX(Jesper!AL$2:AL$366,ROUNDDOWN($C3654/24,0)+1,1))-1)+IF('Standard Profiles'!$G$22=$B$10,7,0)+IF('Standard Profiles'!$G$22=$B$17,14,0)+IF('Standard Profiles'!$G$22=$B$24,21,0),MOD($C3654,24)+1)/SUM(INDEX($D$3:$AA$30,INDEX(Jesper!$R$2:$R$366,ROW(INDEX(Jesper!AL$2:AL$366,ROUNDDOWN($C3654/24,0)+1,1))-1)+IF('Standard Profiles'!$G$22=$B$10,7,0)+IF('Standard Profiles'!$G$22=$B$17,14,0)+IF('Standard Profiles'!$G$22=$B$24,21,0),0)),0)</f>
        <v>0</v>
      </c>
      <c r="I3654">
        <f t="shared" si="412"/>
        <v>0.20119908031682054</v>
      </c>
      <c r="J3654">
        <f t="shared" si="413"/>
        <v>7.183892494271074</v>
      </c>
      <c r="K3654">
        <f t="shared" si="414"/>
        <v>0.57842842109559967</v>
      </c>
      <c r="L3654">
        <f t="shared" si="415"/>
        <v>0.28921421054779983</v>
      </c>
      <c r="M3654">
        <f t="shared" si="416"/>
        <v>0</v>
      </c>
      <c r="N3654" s="45">
        <f t="shared" si="417"/>
        <v>45077.833333324554</v>
      </c>
    </row>
    <row r="3655" spans="2:14" x14ac:dyDescent="0.25">
      <c r="B3655">
        <f t="shared" si="411"/>
        <v>3</v>
      </c>
      <c r="C3655" s="16">
        <v>3621</v>
      </c>
      <c r="D3655" cm="1">
        <f t="array" ref="D3655">IFERROR(INDEX(Jesper!AH$2:AH$366,ROUNDDOWN($C3655/24,0)+1,1)*INDEX($D$3:$AA$30,INDEX(Jesper!$R$2:$R$366,ROW(INDEX(Jesper!AH$2:AH$366,ROUNDDOWN($C3655/24,0)+1,1))-1)+IF('Standard Profiles'!$G$18=$B$10,7,0)+IF('Standard Profiles'!$G$18=$B$17,14,0)+IF('Standard Profiles'!$G$18=$B$24,21,0),MOD($C3655,24)+1)/SUM(INDEX($D$3:$AA$30,INDEX(Jesper!$R$2:$R$366,ROW(INDEX(Jesper!AH$2:AH$366,ROUNDDOWN($C3655/24,0)+1,1))-1)+IF('Standard Profiles'!$G$18=$B$10,7,0)+IF('Standard Profiles'!$G$18=$B$17,14,0)+IF('Standard Profiles'!$G$18=$B$24,21,0),0)),0)</f>
        <v>5.4227664477712461</v>
      </c>
      <c r="E3655" cm="1">
        <f t="array" ref="E3655">IFERROR(INDEX(Jesper!AI$2:AI$366,ROUNDDOWN($C3655/24,0)+1,1)*INDEX($D$3:$AA$30,INDEX(Jesper!$R$2:$R$366,ROW(INDEX(Jesper!AI$2:AI$366,ROUNDDOWN($C3655/24,0)+1,1))-1)+IF('Standard Profiles'!$G$19=$B$10,7,0)+IF('Standard Profiles'!$G$19=$B$17,14,0)+IF('Standard Profiles'!$G$19=$B$24,21,0),MOD($C3655,24)+1)/SUM(INDEX($D$3:$AA$30,INDEX(Jesper!$R$2:$R$366,ROW(INDEX(Jesper!AI$2:AI$366,ROUNDDOWN($C3655/24,0)+1,1))-1)+IF('Standard Profiles'!$G$19=$B$10,7,0)+IF('Standard Profiles'!$G$19=$B$17,14,0)+IF('Standard Profiles'!$G$19=$B$24,21,0),0)),0)</f>
        <v>2.4108030078000056</v>
      </c>
      <c r="F3655" cm="1">
        <f t="array" ref="F3655">IFERROR(INDEX(Jesper!AJ$2:AJ$366,ROUNDDOWN($C3655/24,0)+1,1)*INDEX($D$3:$AA$30,INDEX(Jesper!$R$2:$R$366,ROW(INDEX(Jesper!AJ$2:AJ$366,ROUNDDOWN($C3655/24,0)+1,1))-1)+IF('Standard Profiles'!$G$20=$B$10,7,0)+IF('Standard Profiles'!$G$20=$B$17,14,0)+IF('Standard Profiles'!$G$20=$B$24,21,0),MOD($C3655,24)+1)/SUM(INDEX($D$3:$AA$30,INDEX(Jesper!$R$2:$R$366,ROW(INDEX(Jesper!AJ$2:AJ$366,ROUNDDOWN($C3655/24,0)+1,1))-1)+IF('Standard Profiles'!$G$20=$B$10,7,0)+IF('Standard Profiles'!$G$20=$B$17,14,0)+IF('Standard Profiles'!$G$20=$B$24,21,0),0)),0)</f>
        <v>0</v>
      </c>
      <c r="G3655" cm="1">
        <f t="array" ref="G3655">IFERROR(INDEX(Jesper!AK$2:AK$366,ROUNDDOWN($C3655/24,0)+1,1)*INDEX($D$3:$AA$30,INDEX(Jesper!$R$2:$R$366,ROW(INDEX(Jesper!AK$2:AK$366,ROUNDDOWN($C3655/24,0)+1,1))-1)+IF('Standard Profiles'!$G$21=$B$10,7,0)+IF('Standard Profiles'!$G$21=$B$17,14,0)+IF('Standard Profiles'!$G$21=$B$24,21,0),MOD($C3655,24)+1)/SUM(INDEX($D$3:$AA$30,INDEX(Jesper!$R$2:$R$366,ROW(INDEX(Jesper!AK$2:AK$366,ROUNDDOWN($C3655/24,0)+1,1))-1)+IF('Standard Profiles'!$G$21=$B$10,7,0)+IF('Standard Profiles'!$G$21=$B$17,14,0)+IF('Standard Profiles'!$G$21=$B$24,21,0),0)),0)</f>
        <v>0.419164750660043</v>
      </c>
      <c r="H3655" cm="1">
        <f t="array" ref="H3655">IFERROR(INDEX(Jesper!AL$2:AL$366,ROUNDDOWN($C3655/24,0)+1,1)*INDEX($D$3:$AA$30,INDEX(Jesper!$R$2:$R$366,ROW(INDEX(Jesper!AL$2:AL$366,ROUNDDOWN($C3655/24,0)+1,1))-1)+IF('Standard Profiles'!$G$22=$B$10,7,0)+IF('Standard Profiles'!$G$22=$B$17,14,0)+IF('Standard Profiles'!$G$22=$B$24,21,0),MOD($C3655,24)+1)/SUM(INDEX($D$3:$AA$30,INDEX(Jesper!$R$2:$R$366,ROW(INDEX(Jesper!AL$2:AL$366,ROUNDDOWN($C3655/24,0)+1,1))-1)+IF('Standard Profiles'!$G$22=$B$10,7,0)+IF('Standard Profiles'!$G$22=$B$17,14,0)+IF('Standard Profiles'!$G$22=$B$24,21,0),0)),0)</f>
        <v>0</v>
      </c>
      <c r="I3655">
        <f t="shared" si="412"/>
        <v>0.20119908031682054</v>
      </c>
      <c r="J3655">
        <f t="shared" si="413"/>
        <v>7.183892494271074</v>
      </c>
      <c r="K3655">
        <f t="shared" si="414"/>
        <v>0.57842842109559967</v>
      </c>
      <c r="L3655">
        <f t="shared" si="415"/>
        <v>0.28921421054779983</v>
      </c>
      <c r="M3655">
        <f t="shared" si="416"/>
        <v>0</v>
      </c>
      <c r="N3655" s="45">
        <f t="shared" si="417"/>
        <v>45077.874999991218</v>
      </c>
    </row>
    <row r="3656" spans="2:14" x14ac:dyDescent="0.25">
      <c r="B3656">
        <f t="shared" si="411"/>
        <v>3</v>
      </c>
      <c r="C3656" s="16">
        <v>3622</v>
      </c>
      <c r="D3656" cm="1">
        <f t="array" ref="D3656">IFERROR(INDEX(Jesper!AH$2:AH$366,ROUNDDOWN($C3656/24,0)+1,1)*INDEX($D$3:$AA$30,INDEX(Jesper!$R$2:$R$366,ROW(INDEX(Jesper!AH$2:AH$366,ROUNDDOWN($C3656/24,0)+1,1))-1)+IF('Standard Profiles'!$G$18=$B$10,7,0)+IF('Standard Profiles'!$G$18=$B$17,14,0)+IF('Standard Profiles'!$G$18=$B$24,21,0),MOD($C3656,24)+1)/SUM(INDEX($D$3:$AA$30,INDEX(Jesper!$R$2:$R$366,ROW(INDEX(Jesper!AH$2:AH$366,ROUNDDOWN($C3656/24,0)+1,1))-1)+IF('Standard Profiles'!$G$18=$B$10,7,0)+IF('Standard Profiles'!$G$18=$B$17,14,0)+IF('Standard Profiles'!$G$18=$B$24,21,0),0)),0)</f>
        <v>5.4227664477712461</v>
      </c>
      <c r="E3656" cm="1">
        <f t="array" ref="E3656">IFERROR(INDEX(Jesper!AI$2:AI$366,ROUNDDOWN($C3656/24,0)+1,1)*INDEX($D$3:$AA$30,INDEX(Jesper!$R$2:$R$366,ROW(INDEX(Jesper!AI$2:AI$366,ROUNDDOWN($C3656/24,0)+1,1))-1)+IF('Standard Profiles'!$G$19=$B$10,7,0)+IF('Standard Profiles'!$G$19=$B$17,14,0)+IF('Standard Profiles'!$G$19=$B$24,21,0),MOD($C3656,24)+1)/SUM(INDEX($D$3:$AA$30,INDEX(Jesper!$R$2:$R$366,ROW(INDEX(Jesper!AI$2:AI$366,ROUNDDOWN($C3656/24,0)+1,1))-1)+IF('Standard Profiles'!$G$19=$B$10,7,0)+IF('Standard Profiles'!$G$19=$B$17,14,0)+IF('Standard Profiles'!$G$19=$B$24,21,0),0)),0)</f>
        <v>2.4108030078000056</v>
      </c>
      <c r="F3656" cm="1">
        <f t="array" ref="F3656">IFERROR(INDEX(Jesper!AJ$2:AJ$366,ROUNDDOWN($C3656/24,0)+1,1)*INDEX($D$3:$AA$30,INDEX(Jesper!$R$2:$R$366,ROW(INDEX(Jesper!AJ$2:AJ$366,ROUNDDOWN($C3656/24,0)+1,1))-1)+IF('Standard Profiles'!$G$20=$B$10,7,0)+IF('Standard Profiles'!$G$20=$B$17,14,0)+IF('Standard Profiles'!$G$20=$B$24,21,0),MOD($C3656,24)+1)/SUM(INDEX($D$3:$AA$30,INDEX(Jesper!$R$2:$R$366,ROW(INDEX(Jesper!AJ$2:AJ$366,ROUNDDOWN($C3656/24,0)+1,1))-1)+IF('Standard Profiles'!$G$20=$B$10,7,0)+IF('Standard Profiles'!$G$20=$B$17,14,0)+IF('Standard Profiles'!$G$20=$B$24,21,0),0)),0)</f>
        <v>0</v>
      </c>
      <c r="G3656" cm="1">
        <f t="array" ref="G3656">IFERROR(INDEX(Jesper!AK$2:AK$366,ROUNDDOWN($C3656/24,0)+1,1)*INDEX($D$3:$AA$30,INDEX(Jesper!$R$2:$R$366,ROW(INDEX(Jesper!AK$2:AK$366,ROUNDDOWN($C3656/24,0)+1,1))-1)+IF('Standard Profiles'!$G$21=$B$10,7,0)+IF('Standard Profiles'!$G$21=$B$17,14,0)+IF('Standard Profiles'!$G$21=$B$24,21,0),MOD($C3656,24)+1)/SUM(INDEX($D$3:$AA$30,INDEX(Jesper!$R$2:$R$366,ROW(INDEX(Jesper!AK$2:AK$366,ROUNDDOWN($C3656/24,0)+1,1))-1)+IF('Standard Profiles'!$G$21=$B$10,7,0)+IF('Standard Profiles'!$G$21=$B$17,14,0)+IF('Standard Profiles'!$G$21=$B$24,21,0),0)),0)</f>
        <v>0.419164750660043</v>
      </c>
      <c r="H3656" cm="1">
        <f t="array" ref="H3656">IFERROR(INDEX(Jesper!AL$2:AL$366,ROUNDDOWN($C3656/24,0)+1,1)*INDEX($D$3:$AA$30,INDEX(Jesper!$R$2:$R$366,ROW(INDEX(Jesper!AL$2:AL$366,ROUNDDOWN($C3656/24,0)+1,1))-1)+IF('Standard Profiles'!$G$22=$B$10,7,0)+IF('Standard Profiles'!$G$22=$B$17,14,0)+IF('Standard Profiles'!$G$22=$B$24,21,0),MOD($C3656,24)+1)/SUM(INDEX($D$3:$AA$30,INDEX(Jesper!$R$2:$R$366,ROW(INDEX(Jesper!AL$2:AL$366,ROUNDDOWN($C3656/24,0)+1,1))-1)+IF('Standard Profiles'!$G$22=$B$10,7,0)+IF('Standard Profiles'!$G$22=$B$17,14,0)+IF('Standard Profiles'!$G$22=$B$24,21,0),0)),0)</f>
        <v>0</v>
      </c>
      <c r="I3656">
        <f t="shared" si="412"/>
        <v>0.20119908031682054</v>
      </c>
      <c r="J3656">
        <f t="shared" si="413"/>
        <v>7.183892494271074</v>
      </c>
      <c r="K3656">
        <f t="shared" si="414"/>
        <v>0.57842842109559967</v>
      </c>
      <c r="L3656">
        <f t="shared" si="415"/>
        <v>0.28921421054779983</v>
      </c>
      <c r="M3656">
        <f t="shared" si="416"/>
        <v>0</v>
      </c>
      <c r="N3656" s="45">
        <f t="shared" si="417"/>
        <v>45077.916666657882</v>
      </c>
    </row>
    <row r="3657" spans="2:14" x14ac:dyDescent="0.25">
      <c r="B3657">
        <f t="shared" si="411"/>
        <v>3</v>
      </c>
      <c r="C3657" s="16">
        <v>3623</v>
      </c>
      <c r="D3657" cm="1">
        <f t="array" ref="D3657">IFERROR(INDEX(Jesper!AH$2:AH$366,ROUNDDOWN($C3657/24,0)+1,1)*INDEX($D$3:$AA$30,INDEX(Jesper!$R$2:$R$366,ROW(INDEX(Jesper!AH$2:AH$366,ROUNDDOWN($C3657/24,0)+1,1))-1)+IF('Standard Profiles'!$G$18=$B$10,7,0)+IF('Standard Profiles'!$G$18=$B$17,14,0)+IF('Standard Profiles'!$G$18=$B$24,21,0),MOD($C3657,24)+1)/SUM(INDEX($D$3:$AA$30,INDEX(Jesper!$R$2:$R$366,ROW(INDEX(Jesper!AH$2:AH$366,ROUNDDOWN($C3657/24,0)+1,1))-1)+IF('Standard Profiles'!$G$18=$B$10,7,0)+IF('Standard Profiles'!$G$18=$B$17,14,0)+IF('Standard Profiles'!$G$18=$B$24,21,0),0)),0)</f>
        <v>5.4227664477712461</v>
      </c>
      <c r="E3657" cm="1">
        <f t="array" ref="E3657">IFERROR(INDEX(Jesper!AI$2:AI$366,ROUNDDOWN($C3657/24,0)+1,1)*INDEX($D$3:$AA$30,INDEX(Jesper!$R$2:$R$366,ROW(INDEX(Jesper!AI$2:AI$366,ROUNDDOWN($C3657/24,0)+1,1))-1)+IF('Standard Profiles'!$G$19=$B$10,7,0)+IF('Standard Profiles'!$G$19=$B$17,14,0)+IF('Standard Profiles'!$G$19=$B$24,21,0),MOD($C3657,24)+1)/SUM(INDEX($D$3:$AA$30,INDEX(Jesper!$R$2:$R$366,ROW(INDEX(Jesper!AI$2:AI$366,ROUNDDOWN($C3657/24,0)+1,1))-1)+IF('Standard Profiles'!$G$19=$B$10,7,0)+IF('Standard Profiles'!$G$19=$B$17,14,0)+IF('Standard Profiles'!$G$19=$B$24,21,0),0)),0)</f>
        <v>2.4108030078000056</v>
      </c>
      <c r="F3657" cm="1">
        <f t="array" ref="F3657">IFERROR(INDEX(Jesper!AJ$2:AJ$366,ROUNDDOWN($C3657/24,0)+1,1)*INDEX($D$3:$AA$30,INDEX(Jesper!$R$2:$R$366,ROW(INDEX(Jesper!AJ$2:AJ$366,ROUNDDOWN($C3657/24,0)+1,1))-1)+IF('Standard Profiles'!$G$20=$B$10,7,0)+IF('Standard Profiles'!$G$20=$B$17,14,0)+IF('Standard Profiles'!$G$20=$B$24,21,0),MOD($C3657,24)+1)/SUM(INDEX($D$3:$AA$30,INDEX(Jesper!$R$2:$R$366,ROW(INDEX(Jesper!AJ$2:AJ$366,ROUNDDOWN($C3657/24,0)+1,1))-1)+IF('Standard Profiles'!$G$20=$B$10,7,0)+IF('Standard Profiles'!$G$20=$B$17,14,0)+IF('Standard Profiles'!$G$20=$B$24,21,0),0)),0)</f>
        <v>0</v>
      </c>
      <c r="G3657" cm="1">
        <f t="array" ref="G3657">IFERROR(INDEX(Jesper!AK$2:AK$366,ROUNDDOWN($C3657/24,0)+1,1)*INDEX($D$3:$AA$30,INDEX(Jesper!$R$2:$R$366,ROW(INDEX(Jesper!AK$2:AK$366,ROUNDDOWN($C3657/24,0)+1,1))-1)+IF('Standard Profiles'!$G$21=$B$10,7,0)+IF('Standard Profiles'!$G$21=$B$17,14,0)+IF('Standard Profiles'!$G$21=$B$24,21,0),MOD($C3657,24)+1)/SUM(INDEX($D$3:$AA$30,INDEX(Jesper!$R$2:$R$366,ROW(INDEX(Jesper!AK$2:AK$366,ROUNDDOWN($C3657/24,0)+1,1))-1)+IF('Standard Profiles'!$G$21=$B$10,7,0)+IF('Standard Profiles'!$G$21=$B$17,14,0)+IF('Standard Profiles'!$G$21=$B$24,21,0),0)),0)</f>
        <v>0.419164750660043</v>
      </c>
      <c r="H3657" cm="1">
        <f t="array" ref="H3657">IFERROR(INDEX(Jesper!AL$2:AL$366,ROUNDDOWN($C3657/24,0)+1,1)*INDEX($D$3:$AA$30,INDEX(Jesper!$R$2:$R$366,ROW(INDEX(Jesper!AL$2:AL$366,ROUNDDOWN($C3657/24,0)+1,1))-1)+IF('Standard Profiles'!$G$22=$B$10,7,0)+IF('Standard Profiles'!$G$22=$B$17,14,0)+IF('Standard Profiles'!$G$22=$B$24,21,0),MOD($C3657,24)+1)/SUM(INDEX($D$3:$AA$30,INDEX(Jesper!$R$2:$R$366,ROW(INDEX(Jesper!AL$2:AL$366,ROUNDDOWN($C3657/24,0)+1,1))-1)+IF('Standard Profiles'!$G$22=$B$10,7,0)+IF('Standard Profiles'!$G$22=$B$17,14,0)+IF('Standard Profiles'!$G$22=$B$24,21,0),0)),0)</f>
        <v>0</v>
      </c>
      <c r="I3657">
        <f t="shared" si="412"/>
        <v>0.20119908031682054</v>
      </c>
      <c r="J3657">
        <f t="shared" si="413"/>
        <v>7.183892494271074</v>
      </c>
      <c r="K3657">
        <f t="shared" si="414"/>
        <v>0.57842842109559967</v>
      </c>
      <c r="L3657">
        <f t="shared" si="415"/>
        <v>0.28921421054779983</v>
      </c>
      <c r="M3657">
        <f t="shared" si="416"/>
        <v>0</v>
      </c>
      <c r="N3657" s="45">
        <f t="shared" si="417"/>
        <v>45077.958333324546</v>
      </c>
    </row>
    <row r="3658" spans="2:14" x14ac:dyDescent="0.25">
      <c r="B3658">
        <f t="shared" si="411"/>
        <v>4</v>
      </c>
      <c r="C3658" s="16">
        <v>3624</v>
      </c>
      <c r="D3658" cm="1">
        <f t="array" ref="D3658">IFERROR(INDEX(Jesper!AH$2:AH$366,ROUNDDOWN($C3658/24,0)+1,1)*INDEX($D$3:$AA$30,INDEX(Jesper!$R$2:$R$366,ROW(INDEX(Jesper!AH$2:AH$366,ROUNDDOWN($C3658/24,0)+1,1))-1)+IF('Standard Profiles'!$G$18=$B$10,7,0)+IF('Standard Profiles'!$G$18=$B$17,14,0)+IF('Standard Profiles'!$G$18=$B$24,21,0),MOD($C3658,24)+1)/SUM(INDEX($D$3:$AA$30,INDEX(Jesper!$R$2:$R$366,ROW(INDEX(Jesper!AH$2:AH$366,ROUNDDOWN($C3658/24,0)+1,1))-1)+IF('Standard Profiles'!$G$18=$B$10,7,0)+IF('Standard Profiles'!$G$18=$B$17,14,0)+IF('Standard Profiles'!$G$18=$B$24,21,0),0)),0)</f>
        <v>5.3975702573001536</v>
      </c>
      <c r="E3658" cm="1">
        <f t="array" ref="E3658">IFERROR(INDEX(Jesper!AI$2:AI$366,ROUNDDOWN($C3658/24,0)+1,1)*INDEX($D$3:$AA$30,INDEX(Jesper!$R$2:$R$366,ROW(INDEX(Jesper!AI$2:AI$366,ROUNDDOWN($C3658/24,0)+1,1))-1)+IF('Standard Profiles'!$G$19=$B$10,7,0)+IF('Standard Profiles'!$G$19=$B$17,14,0)+IF('Standard Profiles'!$G$19=$B$24,21,0),MOD($C3658,24)+1)/SUM(INDEX($D$3:$AA$30,INDEX(Jesper!$R$2:$R$366,ROW(INDEX(Jesper!AI$2:AI$366,ROUNDDOWN($C3658/24,0)+1,1))-1)+IF('Standard Profiles'!$G$19=$B$10,7,0)+IF('Standard Profiles'!$G$19=$B$17,14,0)+IF('Standard Profiles'!$G$19=$B$24,21,0),0)),0)</f>
        <v>2.3637033485221908</v>
      </c>
      <c r="F3658" cm="1">
        <f t="array" ref="F3658">IFERROR(INDEX(Jesper!AJ$2:AJ$366,ROUNDDOWN($C3658/24,0)+1,1)*INDEX($D$3:$AA$30,INDEX(Jesper!$R$2:$R$366,ROW(INDEX(Jesper!AJ$2:AJ$366,ROUNDDOWN($C3658/24,0)+1,1))-1)+IF('Standard Profiles'!$G$20=$B$10,7,0)+IF('Standard Profiles'!$G$20=$B$17,14,0)+IF('Standard Profiles'!$G$20=$B$24,21,0),MOD($C3658,24)+1)/SUM(INDEX($D$3:$AA$30,INDEX(Jesper!$R$2:$R$366,ROW(INDEX(Jesper!AJ$2:AJ$366,ROUNDDOWN($C3658/24,0)+1,1))-1)+IF('Standard Profiles'!$G$20=$B$10,7,0)+IF('Standard Profiles'!$G$20=$B$17,14,0)+IF('Standard Profiles'!$G$20=$B$24,21,0),0)),0)</f>
        <v>0</v>
      </c>
      <c r="G3658" cm="1">
        <f t="array" ref="G3658">IFERROR(INDEX(Jesper!AK$2:AK$366,ROUNDDOWN($C3658/24,0)+1,1)*INDEX($D$3:$AA$30,INDEX(Jesper!$R$2:$R$366,ROW(INDEX(Jesper!AK$2:AK$366,ROUNDDOWN($C3658/24,0)+1,1))-1)+IF('Standard Profiles'!$G$21=$B$10,7,0)+IF('Standard Profiles'!$G$21=$B$17,14,0)+IF('Standard Profiles'!$G$21=$B$24,21,0),MOD($C3658,24)+1)/SUM(INDEX($D$3:$AA$30,INDEX(Jesper!$R$2:$R$366,ROW(INDEX(Jesper!AK$2:AK$366,ROUNDDOWN($C3658/24,0)+1,1))-1)+IF('Standard Profiles'!$G$21=$B$10,7,0)+IF('Standard Profiles'!$G$21=$B$17,14,0)+IF('Standard Profiles'!$G$21=$B$24,21,0),0)),0)</f>
        <v>0.35402431113243199</v>
      </c>
      <c r="H3658" cm="1">
        <f t="array" ref="H3658">IFERROR(INDEX(Jesper!AL$2:AL$366,ROUNDDOWN($C3658/24,0)+1,1)*INDEX($D$3:$AA$30,INDEX(Jesper!$R$2:$R$366,ROW(INDEX(Jesper!AL$2:AL$366,ROUNDDOWN($C3658/24,0)+1,1))-1)+IF('Standard Profiles'!$G$22=$B$10,7,0)+IF('Standard Profiles'!$G$22=$B$17,14,0)+IF('Standard Profiles'!$G$22=$B$24,21,0),MOD($C3658,24)+1)/SUM(INDEX($D$3:$AA$30,INDEX(Jesper!$R$2:$R$366,ROW(INDEX(Jesper!AL$2:AL$366,ROUNDDOWN($C3658/24,0)+1,1))-1)+IF('Standard Profiles'!$G$22=$B$10,7,0)+IF('Standard Profiles'!$G$22=$B$17,14,0)+IF('Standard Profiles'!$G$22=$B$24,21,0),0)),0)</f>
        <v>0</v>
      </c>
      <c r="I3658">
        <f t="shared" si="412"/>
        <v>0.16993166934356727</v>
      </c>
      <c r="J3658">
        <f t="shared" si="413"/>
        <v>7.081755006443184</v>
      </c>
      <c r="K3658">
        <f t="shared" si="414"/>
        <v>0.57574082744534971</v>
      </c>
      <c r="L3658">
        <f t="shared" si="415"/>
        <v>0.28787041372267486</v>
      </c>
      <c r="M3658">
        <f t="shared" si="416"/>
        <v>0</v>
      </c>
      <c r="N3658" s="45">
        <f t="shared" si="417"/>
        <v>45077.999999991211</v>
      </c>
    </row>
    <row r="3659" spans="2:14" x14ac:dyDescent="0.25">
      <c r="B3659">
        <f t="shared" si="411"/>
        <v>4</v>
      </c>
      <c r="C3659" s="16">
        <v>3625</v>
      </c>
      <c r="D3659" cm="1">
        <f t="array" ref="D3659">IFERROR(INDEX(Jesper!AH$2:AH$366,ROUNDDOWN($C3659/24,0)+1,1)*INDEX($D$3:$AA$30,INDEX(Jesper!$R$2:$R$366,ROW(INDEX(Jesper!AH$2:AH$366,ROUNDDOWN($C3659/24,0)+1,1))-1)+IF('Standard Profiles'!$G$18=$B$10,7,0)+IF('Standard Profiles'!$G$18=$B$17,14,0)+IF('Standard Profiles'!$G$18=$B$24,21,0),MOD($C3659,24)+1)/SUM(INDEX($D$3:$AA$30,INDEX(Jesper!$R$2:$R$366,ROW(INDEX(Jesper!AH$2:AH$366,ROUNDDOWN($C3659/24,0)+1,1))-1)+IF('Standard Profiles'!$G$18=$B$10,7,0)+IF('Standard Profiles'!$G$18=$B$17,14,0)+IF('Standard Profiles'!$G$18=$B$24,21,0),0)),0)</f>
        <v>5.3975702573001536</v>
      </c>
      <c r="E3659" cm="1">
        <f t="array" ref="E3659">IFERROR(INDEX(Jesper!AI$2:AI$366,ROUNDDOWN($C3659/24,0)+1,1)*INDEX($D$3:$AA$30,INDEX(Jesper!$R$2:$R$366,ROW(INDEX(Jesper!AI$2:AI$366,ROUNDDOWN($C3659/24,0)+1,1))-1)+IF('Standard Profiles'!$G$19=$B$10,7,0)+IF('Standard Profiles'!$G$19=$B$17,14,0)+IF('Standard Profiles'!$G$19=$B$24,21,0),MOD($C3659,24)+1)/SUM(INDEX($D$3:$AA$30,INDEX(Jesper!$R$2:$R$366,ROW(INDEX(Jesper!AI$2:AI$366,ROUNDDOWN($C3659/24,0)+1,1))-1)+IF('Standard Profiles'!$G$19=$B$10,7,0)+IF('Standard Profiles'!$G$19=$B$17,14,0)+IF('Standard Profiles'!$G$19=$B$24,21,0),0)),0)</f>
        <v>2.3637033485221908</v>
      </c>
      <c r="F3659" cm="1">
        <f t="array" ref="F3659">IFERROR(INDEX(Jesper!AJ$2:AJ$366,ROUNDDOWN($C3659/24,0)+1,1)*INDEX($D$3:$AA$30,INDEX(Jesper!$R$2:$R$366,ROW(INDEX(Jesper!AJ$2:AJ$366,ROUNDDOWN($C3659/24,0)+1,1))-1)+IF('Standard Profiles'!$G$20=$B$10,7,0)+IF('Standard Profiles'!$G$20=$B$17,14,0)+IF('Standard Profiles'!$G$20=$B$24,21,0),MOD($C3659,24)+1)/SUM(INDEX($D$3:$AA$30,INDEX(Jesper!$R$2:$R$366,ROW(INDEX(Jesper!AJ$2:AJ$366,ROUNDDOWN($C3659/24,0)+1,1))-1)+IF('Standard Profiles'!$G$20=$B$10,7,0)+IF('Standard Profiles'!$G$20=$B$17,14,0)+IF('Standard Profiles'!$G$20=$B$24,21,0),0)),0)</f>
        <v>0</v>
      </c>
      <c r="G3659" cm="1">
        <f t="array" ref="G3659">IFERROR(INDEX(Jesper!AK$2:AK$366,ROUNDDOWN($C3659/24,0)+1,1)*INDEX($D$3:$AA$30,INDEX(Jesper!$R$2:$R$366,ROW(INDEX(Jesper!AK$2:AK$366,ROUNDDOWN($C3659/24,0)+1,1))-1)+IF('Standard Profiles'!$G$21=$B$10,7,0)+IF('Standard Profiles'!$G$21=$B$17,14,0)+IF('Standard Profiles'!$G$21=$B$24,21,0),MOD($C3659,24)+1)/SUM(INDEX($D$3:$AA$30,INDEX(Jesper!$R$2:$R$366,ROW(INDEX(Jesper!AK$2:AK$366,ROUNDDOWN($C3659/24,0)+1,1))-1)+IF('Standard Profiles'!$G$21=$B$10,7,0)+IF('Standard Profiles'!$G$21=$B$17,14,0)+IF('Standard Profiles'!$G$21=$B$24,21,0),0)),0)</f>
        <v>0.35402431113243199</v>
      </c>
      <c r="H3659" cm="1">
        <f t="array" ref="H3659">IFERROR(INDEX(Jesper!AL$2:AL$366,ROUNDDOWN($C3659/24,0)+1,1)*INDEX($D$3:$AA$30,INDEX(Jesper!$R$2:$R$366,ROW(INDEX(Jesper!AL$2:AL$366,ROUNDDOWN($C3659/24,0)+1,1))-1)+IF('Standard Profiles'!$G$22=$B$10,7,0)+IF('Standard Profiles'!$G$22=$B$17,14,0)+IF('Standard Profiles'!$G$22=$B$24,21,0),MOD($C3659,24)+1)/SUM(INDEX($D$3:$AA$30,INDEX(Jesper!$R$2:$R$366,ROW(INDEX(Jesper!AL$2:AL$366,ROUNDDOWN($C3659/24,0)+1,1))-1)+IF('Standard Profiles'!$G$22=$B$10,7,0)+IF('Standard Profiles'!$G$22=$B$17,14,0)+IF('Standard Profiles'!$G$22=$B$24,21,0),0)),0)</f>
        <v>0</v>
      </c>
      <c r="I3659">
        <f t="shared" si="412"/>
        <v>0.16993166934356727</v>
      </c>
      <c r="J3659">
        <f t="shared" si="413"/>
        <v>7.081755006443184</v>
      </c>
      <c r="K3659">
        <f t="shared" si="414"/>
        <v>0.57574082744534971</v>
      </c>
      <c r="L3659">
        <f t="shared" si="415"/>
        <v>0.28787041372267486</v>
      </c>
      <c r="M3659">
        <f t="shared" si="416"/>
        <v>0</v>
      </c>
      <c r="N3659" s="45">
        <f t="shared" si="417"/>
        <v>45078.041666657875</v>
      </c>
    </row>
    <row r="3660" spans="2:14" x14ac:dyDescent="0.25">
      <c r="B3660">
        <f t="shared" si="411"/>
        <v>4</v>
      </c>
      <c r="C3660" s="16">
        <v>3626</v>
      </c>
      <c r="D3660" cm="1">
        <f t="array" ref="D3660">IFERROR(INDEX(Jesper!AH$2:AH$366,ROUNDDOWN($C3660/24,0)+1,1)*INDEX($D$3:$AA$30,INDEX(Jesper!$R$2:$R$366,ROW(INDEX(Jesper!AH$2:AH$366,ROUNDDOWN($C3660/24,0)+1,1))-1)+IF('Standard Profiles'!$G$18=$B$10,7,0)+IF('Standard Profiles'!$G$18=$B$17,14,0)+IF('Standard Profiles'!$G$18=$B$24,21,0),MOD($C3660,24)+1)/SUM(INDEX($D$3:$AA$30,INDEX(Jesper!$R$2:$R$366,ROW(INDEX(Jesper!AH$2:AH$366,ROUNDDOWN($C3660/24,0)+1,1))-1)+IF('Standard Profiles'!$G$18=$B$10,7,0)+IF('Standard Profiles'!$G$18=$B$17,14,0)+IF('Standard Profiles'!$G$18=$B$24,21,0),0)),0)</f>
        <v>5.3975702573001536</v>
      </c>
      <c r="E3660" cm="1">
        <f t="array" ref="E3660">IFERROR(INDEX(Jesper!AI$2:AI$366,ROUNDDOWN($C3660/24,0)+1,1)*INDEX($D$3:$AA$30,INDEX(Jesper!$R$2:$R$366,ROW(INDEX(Jesper!AI$2:AI$366,ROUNDDOWN($C3660/24,0)+1,1))-1)+IF('Standard Profiles'!$G$19=$B$10,7,0)+IF('Standard Profiles'!$G$19=$B$17,14,0)+IF('Standard Profiles'!$G$19=$B$24,21,0),MOD($C3660,24)+1)/SUM(INDEX($D$3:$AA$30,INDEX(Jesper!$R$2:$R$366,ROW(INDEX(Jesper!AI$2:AI$366,ROUNDDOWN($C3660/24,0)+1,1))-1)+IF('Standard Profiles'!$G$19=$B$10,7,0)+IF('Standard Profiles'!$G$19=$B$17,14,0)+IF('Standard Profiles'!$G$19=$B$24,21,0),0)),0)</f>
        <v>2.3637033485221908</v>
      </c>
      <c r="F3660" cm="1">
        <f t="array" ref="F3660">IFERROR(INDEX(Jesper!AJ$2:AJ$366,ROUNDDOWN($C3660/24,0)+1,1)*INDEX($D$3:$AA$30,INDEX(Jesper!$R$2:$R$366,ROW(INDEX(Jesper!AJ$2:AJ$366,ROUNDDOWN($C3660/24,0)+1,1))-1)+IF('Standard Profiles'!$G$20=$B$10,7,0)+IF('Standard Profiles'!$G$20=$B$17,14,0)+IF('Standard Profiles'!$G$20=$B$24,21,0),MOD($C3660,24)+1)/SUM(INDEX($D$3:$AA$30,INDEX(Jesper!$R$2:$R$366,ROW(INDEX(Jesper!AJ$2:AJ$366,ROUNDDOWN($C3660/24,0)+1,1))-1)+IF('Standard Profiles'!$G$20=$B$10,7,0)+IF('Standard Profiles'!$G$20=$B$17,14,0)+IF('Standard Profiles'!$G$20=$B$24,21,0),0)),0)</f>
        <v>0</v>
      </c>
      <c r="G3660" cm="1">
        <f t="array" ref="G3660">IFERROR(INDEX(Jesper!AK$2:AK$366,ROUNDDOWN($C3660/24,0)+1,1)*INDEX($D$3:$AA$30,INDEX(Jesper!$R$2:$R$366,ROW(INDEX(Jesper!AK$2:AK$366,ROUNDDOWN($C3660/24,0)+1,1))-1)+IF('Standard Profiles'!$G$21=$B$10,7,0)+IF('Standard Profiles'!$G$21=$B$17,14,0)+IF('Standard Profiles'!$G$21=$B$24,21,0),MOD($C3660,24)+1)/SUM(INDEX($D$3:$AA$30,INDEX(Jesper!$R$2:$R$366,ROW(INDEX(Jesper!AK$2:AK$366,ROUNDDOWN($C3660/24,0)+1,1))-1)+IF('Standard Profiles'!$G$21=$B$10,7,0)+IF('Standard Profiles'!$G$21=$B$17,14,0)+IF('Standard Profiles'!$G$21=$B$24,21,0),0)),0)</f>
        <v>0.35402431113243199</v>
      </c>
      <c r="H3660" cm="1">
        <f t="array" ref="H3660">IFERROR(INDEX(Jesper!AL$2:AL$366,ROUNDDOWN($C3660/24,0)+1,1)*INDEX($D$3:$AA$30,INDEX(Jesper!$R$2:$R$366,ROW(INDEX(Jesper!AL$2:AL$366,ROUNDDOWN($C3660/24,0)+1,1))-1)+IF('Standard Profiles'!$G$22=$B$10,7,0)+IF('Standard Profiles'!$G$22=$B$17,14,0)+IF('Standard Profiles'!$G$22=$B$24,21,0),MOD($C3660,24)+1)/SUM(INDEX($D$3:$AA$30,INDEX(Jesper!$R$2:$R$366,ROW(INDEX(Jesper!AL$2:AL$366,ROUNDDOWN($C3660/24,0)+1,1))-1)+IF('Standard Profiles'!$G$22=$B$10,7,0)+IF('Standard Profiles'!$G$22=$B$17,14,0)+IF('Standard Profiles'!$G$22=$B$24,21,0),0)),0)</f>
        <v>0</v>
      </c>
      <c r="I3660">
        <f t="shared" si="412"/>
        <v>0.16993166934356727</v>
      </c>
      <c r="J3660">
        <f t="shared" si="413"/>
        <v>7.081755006443184</v>
      </c>
      <c r="K3660">
        <f t="shared" si="414"/>
        <v>0.57574082744534971</v>
      </c>
      <c r="L3660">
        <f t="shared" si="415"/>
        <v>0.28787041372267486</v>
      </c>
      <c r="M3660">
        <f t="shared" si="416"/>
        <v>0</v>
      </c>
      <c r="N3660" s="45">
        <f t="shared" si="417"/>
        <v>45078.083333324539</v>
      </c>
    </row>
    <row r="3661" spans="2:14" x14ac:dyDescent="0.25">
      <c r="B3661">
        <f t="shared" si="411"/>
        <v>4</v>
      </c>
      <c r="C3661" s="16">
        <v>3627</v>
      </c>
      <c r="D3661" cm="1">
        <f t="array" ref="D3661">IFERROR(INDEX(Jesper!AH$2:AH$366,ROUNDDOWN($C3661/24,0)+1,1)*INDEX($D$3:$AA$30,INDEX(Jesper!$R$2:$R$366,ROW(INDEX(Jesper!AH$2:AH$366,ROUNDDOWN($C3661/24,0)+1,1))-1)+IF('Standard Profiles'!$G$18=$B$10,7,0)+IF('Standard Profiles'!$G$18=$B$17,14,0)+IF('Standard Profiles'!$G$18=$B$24,21,0),MOD($C3661,24)+1)/SUM(INDEX($D$3:$AA$30,INDEX(Jesper!$R$2:$R$366,ROW(INDEX(Jesper!AH$2:AH$366,ROUNDDOWN($C3661/24,0)+1,1))-1)+IF('Standard Profiles'!$G$18=$B$10,7,0)+IF('Standard Profiles'!$G$18=$B$17,14,0)+IF('Standard Profiles'!$G$18=$B$24,21,0),0)),0)</f>
        <v>5.3975702573001536</v>
      </c>
      <c r="E3661" cm="1">
        <f t="array" ref="E3661">IFERROR(INDEX(Jesper!AI$2:AI$366,ROUNDDOWN($C3661/24,0)+1,1)*INDEX($D$3:$AA$30,INDEX(Jesper!$R$2:$R$366,ROW(INDEX(Jesper!AI$2:AI$366,ROUNDDOWN($C3661/24,0)+1,1))-1)+IF('Standard Profiles'!$G$19=$B$10,7,0)+IF('Standard Profiles'!$G$19=$B$17,14,0)+IF('Standard Profiles'!$G$19=$B$24,21,0),MOD($C3661,24)+1)/SUM(INDEX($D$3:$AA$30,INDEX(Jesper!$R$2:$R$366,ROW(INDEX(Jesper!AI$2:AI$366,ROUNDDOWN($C3661/24,0)+1,1))-1)+IF('Standard Profiles'!$G$19=$B$10,7,0)+IF('Standard Profiles'!$G$19=$B$17,14,0)+IF('Standard Profiles'!$G$19=$B$24,21,0),0)),0)</f>
        <v>2.3637033485221908</v>
      </c>
      <c r="F3661" cm="1">
        <f t="array" ref="F3661">IFERROR(INDEX(Jesper!AJ$2:AJ$366,ROUNDDOWN($C3661/24,0)+1,1)*INDEX($D$3:$AA$30,INDEX(Jesper!$R$2:$R$366,ROW(INDEX(Jesper!AJ$2:AJ$366,ROUNDDOWN($C3661/24,0)+1,1))-1)+IF('Standard Profiles'!$G$20=$B$10,7,0)+IF('Standard Profiles'!$G$20=$B$17,14,0)+IF('Standard Profiles'!$G$20=$B$24,21,0),MOD($C3661,24)+1)/SUM(INDEX($D$3:$AA$30,INDEX(Jesper!$R$2:$R$366,ROW(INDEX(Jesper!AJ$2:AJ$366,ROUNDDOWN($C3661/24,0)+1,1))-1)+IF('Standard Profiles'!$G$20=$B$10,7,0)+IF('Standard Profiles'!$G$20=$B$17,14,0)+IF('Standard Profiles'!$G$20=$B$24,21,0),0)),0)</f>
        <v>0</v>
      </c>
      <c r="G3661" cm="1">
        <f t="array" ref="G3661">IFERROR(INDEX(Jesper!AK$2:AK$366,ROUNDDOWN($C3661/24,0)+1,1)*INDEX($D$3:$AA$30,INDEX(Jesper!$R$2:$R$366,ROW(INDEX(Jesper!AK$2:AK$366,ROUNDDOWN($C3661/24,0)+1,1))-1)+IF('Standard Profiles'!$G$21=$B$10,7,0)+IF('Standard Profiles'!$G$21=$B$17,14,0)+IF('Standard Profiles'!$G$21=$B$24,21,0),MOD($C3661,24)+1)/SUM(INDEX($D$3:$AA$30,INDEX(Jesper!$R$2:$R$366,ROW(INDEX(Jesper!AK$2:AK$366,ROUNDDOWN($C3661/24,0)+1,1))-1)+IF('Standard Profiles'!$G$21=$B$10,7,0)+IF('Standard Profiles'!$G$21=$B$17,14,0)+IF('Standard Profiles'!$G$21=$B$24,21,0),0)),0)</f>
        <v>0.35402431113243199</v>
      </c>
      <c r="H3661" cm="1">
        <f t="array" ref="H3661">IFERROR(INDEX(Jesper!AL$2:AL$366,ROUNDDOWN($C3661/24,0)+1,1)*INDEX($D$3:$AA$30,INDEX(Jesper!$R$2:$R$366,ROW(INDEX(Jesper!AL$2:AL$366,ROUNDDOWN($C3661/24,0)+1,1))-1)+IF('Standard Profiles'!$G$22=$B$10,7,0)+IF('Standard Profiles'!$G$22=$B$17,14,0)+IF('Standard Profiles'!$G$22=$B$24,21,0),MOD($C3661,24)+1)/SUM(INDEX($D$3:$AA$30,INDEX(Jesper!$R$2:$R$366,ROW(INDEX(Jesper!AL$2:AL$366,ROUNDDOWN($C3661/24,0)+1,1))-1)+IF('Standard Profiles'!$G$22=$B$10,7,0)+IF('Standard Profiles'!$G$22=$B$17,14,0)+IF('Standard Profiles'!$G$22=$B$24,21,0),0)),0)</f>
        <v>0</v>
      </c>
      <c r="I3661">
        <f t="shared" si="412"/>
        <v>0.16993166934356727</v>
      </c>
      <c r="J3661">
        <f t="shared" si="413"/>
        <v>7.081755006443184</v>
      </c>
      <c r="K3661">
        <f t="shared" si="414"/>
        <v>0.57574082744534971</v>
      </c>
      <c r="L3661">
        <f t="shared" si="415"/>
        <v>0.28787041372267486</v>
      </c>
      <c r="M3661">
        <f t="shared" si="416"/>
        <v>0</v>
      </c>
      <c r="N3661" s="45">
        <f t="shared" si="417"/>
        <v>45078.124999991203</v>
      </c>
    </row>
    <row r="3662" spans="2:14" x14ac:dyDescent="0.25">
      <c r="B3662">
        <f t="shared" si="411"/>
        <v>4</v>
      </c>
      <c r="C3662" s="16">
        <v>3628</v>
      </c>
      <c r="D3662" cm="1">
        <f t="array" ref="D3662">IFERROR(INDEX(Jesper!AH$2:AH$366,ROUNDDOWN($C3662/24,0)+1,1)*INDEX($D$3:$AA$30,INDEX(Jesper!$R$2:$R$366,ROW(INDEX(Jesper!AH$2:AH$366,ROUNDDOWN($C3662/24,0)+1,1))-1)+IF('Standard Profiles'!$G$18=$B$10,7,0)+IF('Standard Profiles'!$G$18=$B$17,14,0)+IF('Standard Profiles'!$G$18=$B$24,21,0),MOD($C3662,24)+1)/SUM(INDEX($D$3:$AA$30,INDEX(Jesper!$R$2:$R$366,ROW(INDEX(Jesper!AH$2:AH$366,ROUNDDOWN($C3662/24,0)+1,1))-1)+IF('Standard Profiles'!$G$18=$B$10,7,0)+IF('Standard Profiles'!$G$18=$B$17,14,0)+IF('Standard Profiles'!$G$18=$B$24,21,0),0)),0)</f>
        <v>5.3975702573001536</v>
      </c>
      <c r="E3662" cm="1">
        <f t="array" ref="E3662">IFERROR(INDEX(Jesper!AI$2:AI$366,ROUNDDOWN($C3662/24,0)+1,1)*INDEX($D$3:$AA$30,INDEX(Jesper!$R$2:$R$366,ROW(INDEX(Jesper!AI$2:AI$366,ROUNDDOWN($C3662/24,0)+1,1))-1)+IF('Standard Profiles'!$G$19=$B$10,7,0)+IF('Standard Profiles'!$G$19=$B$17,14,0)+IF('Standard Profiles'!$G$19=$B$24,21,0),MOD($C3662,24)+1)/SUM(INDEX($D$3:$AA$30,INDEX(Jesper!$R$2:$R$366,ROW(INDEX(Jesper!AI$2:AI$366,ROUNDDOWN($C3662/24,0)+1,1))-1)+IF('Standard Profiles'!$G$19=$B$10,7,0)+IF('Standard Profiles'!$G$19=$B$17,14,0)+IF('Standard Profiles'!$G$19=$B$24,21,0),0)),0)</f>
        <v>2.3637033485221908</v>
      </c>
      <c r="F3662" cm="1">
        <f t="array" ref="F3662">IFERROR(INDEX(Jesper!AJ$2:AJ$366,ROUNDDOWN($C3662/24,0)+1,1)*INDEX($D$3:$AA$30,INDEX(Jesper!$R$2:$R$366,ROW(INDEX(Jesper!AJ$2:AJ$366,ROUNDDOWN($C3662/24,0)+1,1))-1)+IF('Standard Profiles'!$G$20=$B$10,7,0)+IF('Standard Profiles'!$G$20=$B$17,14,0)+IF('Standard Profiles'!$G$20=$B$24,21,0),MOD($C3662,24)+1)/SUM(INDEX($D$3:$AA$30,INDEX(Jesper!$R$2:$R$366,ROW(INDEX(Jesper!AJ$2:AJ$366,ROUNDDOWN($C3662/24,0)+1,1))-1)+IF('Standard Profiles'!$G$20=$B$10,7,0)+IF('Standard Profiles'!$G$20=$B$17,14,0)+IF('Standard Profiles'!$G$20=$B$24,21,0),0)),0)</f>
        <v>0</v>
      </c>
      <c r="G3662" cm="1">
        <f t="array" ref="G3662">IFERROR(INDEX(Jesper!AK$2:AK$366,ROUNDDOWN($C3662/24,0)+1,1)*INDEX($D$3:$AA$30,INDEX(Jesper!$R$2:$R$366,ROW(INDEX(Jesper!AK$2:AK$366,ROUNDDOWN($C3662/24,0)+1,1))-1)+IF('Standard Profiles'!$G$21=$B$10,7,0)+IF('Standard Profiles'!$G$21=$B$17,14,0)+IF('Standard Profiles'!$G$21=$B$24,21,0),MOD($C3662,24)+1)/SUM(INDEX($D$3:$AA$30,INDEX(Jesper!$R$2:$R$366,ROW(INDEX(Jesper!AK$2:AK$366,ROUNDDOWN($C3662/24,0)+1,1))-1)+IF('Standard Profiles'!$G$21=$B$10,7,0)+IF('Standard Profiles'!$G$21=$B$17,14,0)+IF('Standard Profiles'!$G$21=$B$24,21,0),0)),0)</f>
        <v>0.35402431113243199</v>
      </c>
      <c r="H3662" cm="1">
        <f t="array" ref="H3662">IFERROR(INDEX(Jesper!AL$2:AL$366,ROUNDDOWN($C3662/24,0)+1,1)*INDEX($D$3:$AA$30,INDEX(Jesper!$R$2:$R$366,ROW(INDEX(Jesper!AL$2:AL$366,ROUNDDOWN($C3662/24,0)+1,1))-1)+IF('Standard Profiles'!$G$22=$B$10,7,0)+IF('Standard Profiles'!$G$22=$B$17,14,0)+IF('Standard Profiles'!$G$22=$B$24,21,0),MOD($C3662,24)+1)/SUM(INDEX($D$3:$AA$30,INDEX(Jesper!$R$2:$R$366,ROW(INDEX(Jesper!AL$2:AL$366,ROUNDDOWN($C3662/24,0)+1,1))-1)+IF('Standard Profiles'!$G$22=$B$10,7,0)+IF('Standard Profiles'!$G$22=$B$17,14,0)+IF('Standard Profiles'!$G$22=$B$24,21,0),0)),0)</f>
        <v>0</v>
      </c>
      <c r="I3662">
        <f t="shared" si="412"/>
        <v>0.16993166934356727</v>
      </c>
      <c r="J3662">
        <f t="shared" si="413"/>
        <v>7.081755006443184</v>
      </c>
      <c r="K3662">
        <f t="shared" si="414"/>
        <v>0.57574082744534971</v>
      </c>
      <c r="L3662">
        <f t="shared" si="415"/>
        <v>0.28787041372267486</v>
      </c>
      <c r="M3662">
        <f t="shared" si="416"/>
        <v>0</v>
      </c>
      <c r="N3662" s="45">
        <f t="shared" si="417"/>
        <v>45078.166666657868</v>
      </c>
    </row>
    <row r="3663" spans="2:14" x14ac:dyDescent="0.25">
      <c r="B3663">
        <f t="shared" si="411"/>
        <v>4</v>
      </c>
      <c r="C3663" s="16">
        <v>3629</v>
      </c>
      <c r="D3663" cm="1">
        <f t="array" ref="D3663">IFERROR(INDEX(Jesper!AH$2:AH$366,ROUNDDOWN($C3663/24,0)+1,1)*INDEX($D$3:$AA$30,INDEX(Jesper!$R$2:$R$366,ROW(INDEX(Jesper!AH$2:AH$366,ROUNDDOWN($C3663/24,0)+1,1))-1)+IF('Standard Profiles'!$G$18=$B$10,7,0)+IF('Standard Profiles'!$G$18=$B$17,14,0)+IF('Standard Profiles'!$G$18=$B$24,21,0),MOD($C3663,24)+1)/SUM(INDEX($D$3:$AA$30,INDEX(Jesper!$R$2:$R$366,ROW(INDEX(Jesper!AH$2:AH$366,ROUNDDOWN($C3663/24,0)+1,1))-1)+IF('Standard Profiles'!$G$18=$B$10,7,0)+IF('Standard Profiles'!$G$18=$B$17,14,0)+IF('Standard Profiles'!$G$18=$B$24,21,0),0)),0)</f>
        <v>5.3975702573001536</v>
      </c>
      <c r="E3663" cm="1">
        <f t="array" ref="E3663">IFERROR(INDEX(Jesper!AI$2:AI$366,ROUNDDOWN($C3663/24,0)+1,1)*INDEX($D$3:$AA$30,INDEX(Jesper!$R$2:$R$366,ROW(INDEX(Jesper!AI$2:AI$366,ROUNDDOWN($C3663/24,0)+1,1))-1)+IF('Standard Profiles'!$G$19=$B$10,7,0)+IF('Standard Profiles'!$G$19=$B$17,14,0)+IF('Standard Profiles'!$G$19=$B$24,21,0),MOD($C3663,24)+1)/SUM(INDEX($D$3:$AA$30,INDEX(Jesper!$R$2:$R$366,ROW(INDEX(Jesper!AI$2:AI$366,ROUNDDOWN($C3663/24,0)+1,1))-1)+IF('Standard Profiles'!$G$19=$B$10,7,0)+IF('Standard Profiles'!$G$19=$B$17,14,0)+IF('Standard Profiles'!$G$19=$B$24,21,0),0)),0)</f>
        <v>2.3637033485221908</v>
      </c>
      <c r="F3663" cm="1">
        <f t="array" ref="F3663">IFERROR(INDEX(Jesper!AJ$2:AJ$366,ROUNDDOWN($C3663/24,0)+1,1)*INDEX($D$3:$AA$30,INDEX(Jesper!$R$2:$R$366,ROW(INDEX(Jesper!AJ$2:AJ$366,ROUNDDOWN($C3663/24,0)+1,1))-1)+IF('Standard Profiles'!$G$20=$B$10,7,0)+IF('Standard Profiles'!$G$20=$B$17,14,0)+IF('Standard Profiles'!$G$20=$B$24,21,0),MOD($C3663,24)+1)/SUM(INDEX($D$3:$AA$30,INDEX(Jesper!$R$2:$R$366,ROW(INDEX(Jesper!AJ$2:AJ$366,ROUNDDOWN($C3663/24,0)+1,1))-1)+IF('Standard Profiles'!$G$20=$B$10,7,0)+IF('Standard Profiles'!$G$20=$B$17,14,0)+IF('Standard Profiles'!$G$20=$B$24,21,0),0)),0)</f>
        <v>0</v>
      </c>
      <c r="G3663" cm="1">
        <f t="array" ref="G3663">IFERROR(INDEX(Jesper!AK$2:AK$366,ROUNDDOWN($C3663/24,0)+1,1)*INDEX($D$3:$AA$30,INDEX(Jesper!$R$2:$R$366,ROW(INDEX(Jesper!AK$2:AK$366,ROUNDDOWN($C3663/24,0)+1,1))-1)+IF('Standard Profiles'!$G$21=$B$10,7,0)+IF('Standard Profiles'!$G$21=$B$17,14,0)+IF('Standard Profiles'!$G$21=$B$24,21,0),MOD($C3663,24)+1)/SUM(INDEX($D$3:$AA$30,INDEX(Jesper!$R$2:$R$366,ROW(INDEX(Jesper!AK$2:AK$366,ROUNDDOWN($C3663/24,0)+1,1))-1)+IF('Standard Profiles'!$G$21=$B$10,7,0)+IF('Standard Profiles'!$G$21=$B$17,14,0)+IF('Standard Profiles'!$G$21=$B$24,21,0),0)),0)</f>
        <v>0.35402431113243199</v>
      </c>
      <c r="H3663" cm="1">
        <f t="array" ref="H3663">IFERROR(INDEX(Jesper!AL$2:AL$366,ROUNDDOWN($C3663/24,0)+1,1)*INDEX($D$3:$AA$30,INDEX(Jesper!$R$2:$R$366,ROW(INDEX(Jesper!AL$2:AL$366,ROUNDDOWN($C3663/24,0)+1,1))-1)+IF('Standard Profiles'!$G$22=$B$10,7,0)+IF('Standard Profiles'!$G$22=$B$17,14,0)+IF('Standard Profiles'!$G$22=$B$24,21,0),MOD($C3663,24)+1)/SUM(INDEX($D$3:$AA$30,INDEX(Jesper!$R$2:$R$366,ROW(INDEX(Jesper!AL$2:AL$366,ROUNDDOWN($C3663/24,0)+1,1))-1)+IF('Standard Profiles'!$G$22=$B$10,7,0)+IF('Standard Profiles'!$G$22=$B$17,14,0)+IF('Standard Profiles'!$G$22=$B$24,21,0),0)),0)</f>
        <v>0</v>
      </c>
      <c r="I3663">
        <f t="shared" si="412"/>
        <v>0.16993166934356727</v>
      </c>
      <c r="J3663">
        <f t="shared" si="413"/>
        <v>7.081755006443184</v>
      </c>
      <c r="K3663">
        <f t="shared" si="414"/>
        <v>0.57574082744534971</v>
      </c>
      <c r="L3663">
        <f t="shared" si="415"/>
        <v>0.28787041372267486</v>
      </c>
      <c r="M3663">
        <f t="shared" si="416"/>
        <v>0</v>
      </c>
      <c r="N3663" s="45">
        <f t="shared" si="417"/>
        <v>45078.208333324532</v>
      </c>
    </row>
    <row r="3664" spans="2:14" x14ac:dyDescent="0.25">
      <c r="B3664">
        <f t="shared" si="411"/>
        <v>4</v>
      </c>
      <c r="C3664" s="16">
        <v>3630</v>
      </c>
      <c r="D3664" cm="1">
        <f t="array" ref="D3664">IFERROR(INDEX(Jesper!AH$2:AH$366,ROUNDDOWN($C3664/24,0)+1,1)*INDEX($D$3:$AA$30,INDEX(Jesper!$R$2:$R$366,ROW(INDEX(Jesper!AH$2:AH$366,ROUNDDOWN($C3664/24,0)+1,1))-1)+IF('Standard Profiles'!$G$18=$B$10,7,0)+IF('Standard Profiles'!$G$18=$B$17,14,0)+IF('Standard Profiles'!$G$18=$B$24,21,0),MOD($C3664,24)+1)/SUM(INDEX($D$3:$AA$30,INDEX(Jesper!$R$2:$R$366,ROW(INDEX(Jesper!AH$2:AH$366,ROUNDDOWN($C3664/24,0)+1,1))-1)+IF('Standard Profiles'!$G$18=$B$10,7,0)+IF('Standard Profiles'!$G$18=$B$17,14,0)+IF('Standard Profiles'!$G$18=$B$24,21,0),0)),0)</f>
        <v>5.3975702573001536</v>
      </c>
      <c r="E3664" cm="1">
        <f t="array" ref="E3664">IFERROR(INDEX(Jesper!AI$2:AI$366,ROUNDDOWN($C3664/24,0)+1,1)*INDEX($D$3:$AA$30,INDEX(Jesper!$R$2:$R$366,ROW(INDEX(Jesper!AI$2:AI$366,ROUNDDOWN($C3664/24,0)+1,1))-1)+IF('Standard Profiles'!$G$19=$B$10,7,0)+IF('Standard Profiles'!$G$19=$B$17,14,0)+IF('Standard Profiles'!$G$19=$B$24,21,0),MOD($C3664,24)+1)/SUM(INDEX($D$3:$AA$30,INDEX(Jesper!$R$2:$R$366,ROW(INDEX(Jesper!AI$2:AI$366,ROUNDDOWN($C3664/24,0)+1,1))-1)+IF('Standard Profiles'!$G$19=$B$10,7,0)+IF('Standard Profiles'!$G$19=$B$17,14,0)+IF('Standard Profiles'!$G$19=$B$24,21,0),0)),0)</f>
        <v>2.3637033485221908</v>
      </c>
      <c r="F3664" cm="1">
        <f t="array" ref="F3664">IFERROR(INDEX(Jesper!AJ$2:AJ$366,ROUNDDOWN($C3664/24,0)+1,1)*INDEX($D$3:$AA$30,INDEX(Jesper!$R$2:$R$366,ROW(INDEX(Jesper!AJ$2:AJ$366,ROUNDDOWN($C3664/24,0)+1,1))-1)+IF('Standard Profiles'!$G$20=$B$10,7,0)+IF('Standard Profiles'!$G$20=$B$17,14,0)+IF('Standard Profiles'!$G$20=$B$24,21,0),MOD($C3664,24)+1)/SUM(INDEX($D$3:$AA$30,INDEX(Jesper!$R$2:$R$366,ROW(INDEX(Jesper!AJ$2:AJ$366,ROUNDDOWN($C3664/24,0)+1,1))-1)+IF('Standard Profiles'!$G$20=$B$10,7,0)+IF('Standard Profiles'!$G$20=$B$17,14,0)+IF('Standard Profiles'!$G$20=$B$24,21,0),0)),0)</f>
        <v>0</v>
      </c>
      <c r="G3664" cm="1">
        <f t="array" ref="G3664">IFERROR(INDEX(Jesper!AK$2:AK$366,ROUNDDOWN($C3664/24,0)+1,1)*INDEX($D$3:$AA$30,INDEX(Jesper!$R$2:$R$366,ROW(INDEX(Jesper!AK$2:AK$366,ROUNDDOWN($C3664/24,0)+1,1))-1)+IF('Standard Profiles'!$G$21=$B$10,7,0)+IF('Standard Profiles'!$G$21=$B$17,14,0)+IF('Standard Profiles'!$G$21=$B$24,21,0),MOD($C3664,24)+1)/SUM(INDEX($D$3:$AA$30,INDEX(Jesper!$R$2:$R$366,ROW(INDEX(Jesper!AK$2:AK$366,ROUNDDOWN($C3664/24,0)+1,1))-1)+IF('Standard Profiles'!$G$21=$B$10,7,0)+IF('Standard Profiles'!$G$21=$B$17,14,0)+IF('Standard Profiles'!$G$21=$B$24,21,0),0)),0)</f>
        <v>0.35402431113243199</v>
      </c>
      <c r="H3664" cm="1">
        <f t="array" ref="H3664">IFERROR(INDEX(Jesper!AL$2:AL$366,ROUNDDOWN($C3664/24,0)+1,1)*INDEX($D$3:$AA$30,INDEX(Jesper!$R$2:$R$366,ROW(INDEX(Jesper!AL$2:AL$366,ROUNDDOWN($C3664/24,0)+1,1))-1)+IF('Standard Profiles'!$G$22=$B$10,7,0)+IF('Standard Profiles'!$G$22=$B$17,14,0)+IF('Standard Profiles'!$G$22=$B$24,21,0),MOD($C3664,24)+1)/SUM(INDEX($D$3:$AA$30,INDEX(Jesper!$R$2:$R$366,ROW(INDEX(Jesper!AL$2:AL$366,ROUNDDOWN($C3664/24,0)+1,1))-1)+IF('Standard Profiles'!$G$22=$B$10,7,0)+IF('Standard Profiles'!$G$22=$B$17,14,0)+IF('Standard Profiles'!$G$22=$B$24,21,0),0)),0)</f>
        <v>0</v>
      </c>
      <c r="I3664">
        <f t="shared" si="412"/>
        <v>0.16993166934356727</v>
      </c>
      <c r="J3664">
        <f t="shared" si="413"/>
        <v>7.081755006443184</v>
      </c>
      <c r="K3664">
        <f t="shared" si="414"/>
        <v>0.57574082744534971</v>
      </c>
      <c r="L3664">
        <f t="shared" si="415"/>
        <v>0.28787041372267486</v>
      </c>
      <c r="M3664">
        <f t="shared" si="416"/>
        <v>0</v>
      </c>
      <c r="N3664" s="45">
        <f t="shared" si="417"/>
        <v>45078.249999991196</v>
      </c>
    </row>
    <row r="3665" spans="2:14" x14ac:dyDescent="0.25">
      <c r="B3665">
        <f t="shared" si="411"/>
        <v>4</v>
      </c>
      <c r="C3665" s="16">
        <v>3631</v>
      </c>
      <c r="D3665" cm="1">
        <f t="array" ref="D3665">IFERROR(INDEX(Jesper!AH$2:AH$366,ROUNDDOWN($C3665/24,0)+1,1)*INDEX($D$3:$AA$30,INDEX(Jesper!$R$2:$R$366,ROW(INDEX(Jesper!AH$2:AH$366,ROUNDDOWN($C3665/24,0)+1,1))-1)+IF('Standard Profiles'!$G$18=$B$10,7,0)+IF('Standard Profiles'!$G$18=$B$17,14,0)+IF('Standard Profiles'!$G$18=$B$24,21,0),MOD($C3665,24)+1)/SUM(INDEX($D$3:$AA$30,INDEX(Jesper!$R$2:$R$366,ROW(INDEX(Jesper!AH$2:AH$366,ROUNDDOWN($C3665/24,0)+1,1))-1)+IF('Standard Profiles'!$G$18=$B$10,7,0)+IF('Standard Profiles'!$G$18=$B$17,14,0)+IF('Standard Profiles'!$G$18=$B$24,21,0),0)),0)</f>
        <v>22.06461296090275</v>
      </c>
      <c r="E3665" cm="1">
        <f t="array" ref="E3665">IFERROR(INDEX(Jesper!AI$2:AI$366,ROUNDDOWN($C3665/24,0)+1,1)*INDEX($D$3:$AA$30,INDEX(Jesper!$R$2:$R$366,ROW(INDEX(Jesper!AI$2:AI$366,ROUNDDOWN($C3665/24,0)+1,1))-1)+IF('Standard Profiles'!$G$19=$B$10,7,0)+IF('Standard Profiles'!$G$19=$B$17,14,0)+IF('Standard Profiles'!$G$19=$B$24,21,0),MOD($C3665,24)+1)/SUM(INDEX($D$3:$AA$30,INDEX(Jesper!$R$2:$R$366,ROW(INDEX(Jesper!AI$2:AI$366,ROUNDDOWN($C3665/24,0)+1,1))-1)+IF('Standard Profiles'!$G$19=$B$10,7,0)+IF('Standard Profiles'!$G$19=$B$17,14,0)+IF('Standard Profiles'!$G$19=$B$24,21,0),0)),0)</f>
        <v>9.6625327792619231</v>
      </c>
      <c r="F3665" cm="1">
        <f t="array" ref="F3665">IFERROR(INDEX(Jesper!AJ$2:AJ$366,ROUNDDOWN($C3665/24,0)+1,1)*INDEX($D$3:$AA$30,INDEX(Jesper!$R$2:$R$366,ROW(INDEX(Jesper!AJ$2:AJ$366,ROUNDDOWN($C3665/24,0)+1,1))-1)+IF('Standard Profiles'!$G$20=$B$10,7,0)+IF('Standard Profiles'!$G$20=$B$17,14,0)+IF('Standard Profiles'!$G$20=$B$24,21,0),MOD($C3665,24)+1)/SUM(INDEX($D$3:$AA$30,INDEX(Jesper!$R$2:$R$366,ROW(INDEX(Jesper!AJ$2:AJ$366,ROUNDDOWN($C3665/24,0)+1,1))-1)+IF('Standard Profiles'!$G$20=$B$10,7,0)+IF('Standard Profiles'!$G$20=$B$17,14,0)+IF('Standard Profiles'!$G$20=$B$24,21,0),0)),0)</f>
        <v>0</v>
      </c>
      <c r="G3665" cm="1">
        <f t="array" ref="G3665">IFERROR(INDEX(Jesper!AK$2:AK$366,ROUNDDOWN($C3665/24,0)+1,1)*INDEX($D$3:$AA$30,INDEX(Jesper!$R$2:$R$366,ROW(INDEX(Jesper!AK$2:AK$366,ROUNDDOWN($C3665/24,0)+1,1))-1)+IF('Standard Profiles'!$G$21=$B$10,7,0)+IF('Standard Profiles'!$G$21=$B$17,14,0)+IF('Standard Profiles'!$G$21=$B$24,21,0),MOD($C3665,24)+1)/SUM(INDEX($D$3:$AA$30,INDEX(Jesper!$R$2:$R$366,ROW(INDEX(Jesper!AK$2:AK$366,ROUNDDOWN($C3665/24,0)+1,1))-1)+IF('Standard Profiles'!$G$21=$B$10,7,0)+IF('Standard Profiles'!$G$21=$B$17,14,0)+IF('Standard Profiles'!$G$21=$B$24,21,0),0)),0)</f>
        <v>0.97533697716985002</v>
      </c>
      <c r="H3665" cm="1">
        <f t="array" ref="H3665">IFERROR(INDEX(Jesper!AL$2:AL$366,ROUNDDOWN($C3665/24,0)+1,1)*INDEX($D$3:$AA$30,INDEX(Jesper!$R$2:$R$366,ROW(INDEX(Jesper!AL$2:AL$366,ROUNDDOWN($C3665/24,0)+1,1))-1)+IF('Standard Profiles'!$G$22=$B$10,7,0)+IF('Standard Profiles'!$G$22=$B$17,14,0)+IF('Standard Profiles'!$G$22=$B$24,21,0),MOD($C3665,24)+1)/SUM(INDEX($D$3:$AA$30,INDEX(Jesper!$R$2:$R$366,ROW(INDEX(Jesper!AL$2:AL$366,ROUNDDOWN($C3665/24,0)+1,1))-1)+IF('Standard Profiles'!$G$22=$B$10,7,0)+IF('Standard Profiles'!$G$22=$B$17,14,0)+IF('Standard Profiles'!$G$22=$B$24,21,0),0)),0)</f>
        <v>0</v>
      </c>
      <c r="I3665">
        <f t="shared" si="412"/>
        <v>0.4681617490415278</v>
      </c>
      <c r="J3665">
        <f t="shared" si="413"/>
        <v>28.703982894548552</v>
      </c>
      <c r="K3665">
        <f t="shared" si="414"/>
        <v>2.3535587158296267</v>
      </c>
      <c r="L3665">
        <f t="shared" si="415"/>
        <v>1.1767793579148134</v>
      </c>
      <c r="M3665">
        <f t="shared" si="416"/>
        <v>0</v>
      </c>
      <c r="N3665" s="45">
        <f t="shared" si="417"/>
        <v>45078.29166665786</v>
      </c>
    </row>
    <row r="3666" spans="2:14" x14ac:dyDescent="0.25">
      <c r="B3666">
        <f t="shared" si="411"/>
        <v>4</v>
      </c>
      <c r="C3666" s="16">
        <v>3632</v>
      </c>
      <c r="D3666" cm="1">
        <f t="array" ref="D3666">IFERROR(INDEX(Jesper!AH$2:AH$366,ROUNDDOWN($C3666/24,0)+1,1)*INDEX($D$3:$AA$30,INDEX(Jesper!$R$2:$R$366,ROW(INDEX(Jesper!AH$2:AH$366,ROUNDDOWN($C3666/24,0)+1,1))-1)+IF('Standard Profiles'!$G$18=$B$10,7,0)+IF('Standard Profiles'!$G$18=$B$17,14,0)+IF('Standard Profiles'!$G$18=$B$24,21,0),MOD($C3666,24)+1)/SUM(INDEX($D$3:$AA$30,INDEX(Jesper!$R$2:$R$366,ROW(INDEX(Jesper!AH$2:AH$366,ROUNDDOWN($C3666/24,0)+1,1))-1)+IF('Standard Profiles'!$G$18=$B$10,7,0)+IF('Standard Profiles'!$G$18=$B$17,14,0)+IF('Standard Profiles'!$G$18=$B$24,21,0),0)),0)</f>
        <v>24.61946288269149</v>
      </c>
      <c r="E3666" cm="1">
        <f t="array" ref="E3666">IFERROR(INDEX(Jesper!AI$2:AI$366,ROUNDDOWN($C3666/24,0)+1,1)*INDEX($D$3:$AA$30,INDEX(Jesper!$R$2:$R$366,ROW(INDEX(Jesper!AI$2:AI$366,ROUNDDOWN($C3666/24,0)+1,1))-1)+IF('Standard Profiles'!$G$19=$B$10,7,0)+IF('Standard Profiles'!$G$19=$B$17,14,0)+IF('Standard Profiles'!$G$19=$B$24,21,0),MOD($C3666,24)+1)/SUM(INDEX($D$3:$AA$30,INDEX(Jesper!$R$2:$R$366,ROW(INDEX(Jesper!AI$2:AI$366,ROUNDDOWN($C3666/24,0)+1,1))-1)+IF('Standard Profiles'!$G$19=$B$10,7,0)+IF('Standard Profiles'!$G$19=$B$17,14,0)+IF('Standard Profiles'!$G$19=$B$24,21,0),0)),0)</f>
        <v>10.781352364229095</v>
      </c>
      <c r="F3666" cm="1">
        <f t="array" ref="F3666">IFERROR(INDEX(Jesper!AJ$2:AJ$366,ROUNDDOWN($C3666/24,0)+1,1)*INDEX($D$3:$AA$30,INDEX(Jesper!$R$2:$R$366,ROW(INDEX(Jesper!AJ$2:AJ$366,ROUNDDOWN($C3666/24,0)+1,1))-1)+IF('Standard Profiles'!$G$20=$B$10,7,0)+IF('Standard Profiles'!$G$20=$B$17,14,0)+IF('Standard Profiles'!$G$20=$B$24,21,0),MOD($C3666,24)+1)/SUM(INDEX($D$3:$AA$30,INDEX(Jesper!$R$2:$R$366,ROW(INDEX(Jesper!AJ$2:AJ$366,ROUNDDOWN($C3666/24,0)+1,1))-1)+IF('Standard Profiles'!$G$20=$B$10,7,0)+IF('Standard Profiles'!$G$20=$B$17,14,0)+IF('Standard Profiles'!$G$20=$B$24,21,0),0)),0)</f>
        <v>0</v>
      </c>
      <c r="G3666" cm="1">
        <f t="array" ref="G3666">IFERROR(INDEX(Jesper!AK$2:AK$366,ROUNDDOWN($C3666/24,0)+1,1)*INDEX($D$3:$AA$30,INDEX(Jesper!$R$2:$R$366,ROW(INDEX(Jesper!AK$2:AK$366,ROUNDDOWN($C3666/24,0)+1,1))-1)+IF('Standard Profiles'!$G$21=$B$10,7,0)+IF('Standard Profiles'!$G$21=$B$17,14,0)+IF('Standard Profiles'!$G$21=$B$24,21,0),MOD($C3666,24)+1)/SUM(INDEX($D$3:$AA$30,INDEX(Jesper!$R$2:$R$366,ROW(INDEX(Jesper!AK$2:AK$366,ROUNDDOWN($C3666/24,0)+1,1))-1)+IF('Standard Profiles'!$G$21=$B$10,7,0)+IF('Standard Profiles'!$G$21=$B$17,14,0)+IF('Standard Profiles'!$G$21=$B$24,21,0),0)),0)</f>
        <v>1.0882707324210961</v>
      </c>
      <c r="H3666" cm="1">
        <f t="array" ref="H3666">IFERROR(INDEX(Jesper!AL$2:AL$366,ROUNDDOWN($C3666/24,0)+1,1)*INDEX($D$3:$AA$30,INDEX(Jesper!$R$2:$R$366,ROW(INDEX(Jesper!AL$2:AL$366,ROUNDDOWN($C3666/24,0)+1,1))-1)+IF('Standard Profiles'!$G$22=$B$10,7,0)+IF('Standard Profiles'!$G$22=$B$17,14,0)+IF('Standard Profiles'!$G$22=$B$24,21,0),MOD($C3666,24)+1)/SUM(INDEX($D$3:$AA$30,INDEX(Jesper!$R$2:$R$366,ROW(INDEX(Jesper!AL$2:AL$366,ROUNDDOWN($C3666/24,0)+1,1))-1)+IF('Standard Profiles'!$G$22=$B$10,7,0)+IF('Standard Profiles'!$G$22=$B$17,14,0)+IF('Standard Profiles'!$G$22=$B$24,21,0),0)),0)</f>
        <v>0</v>
      </c>
      <c r="I3666">
        <f t="shared" si="412"/>
        <v>0.52236995156212584</v>
      </c>
      <c r="J3666">
        <f t="shared" si="413"/>
        <v>32.027601966548914</v>
      </c>
      <c r="K3666">
        <f t="shared" si="414"/>
        <v>2.6260760408204256</v>
      </c>
      <c r="L3666">
        <f t="shared" si="415"/>
        <v>1.3130380204102128</v>
      </c>
      <c r="M3666">
        <f t="shared" si="416"/>
        <v>0</v>
      </c>
      <c r="N3666" s="45">
        <f t="shared" si="417"/>
        <v>45078.333333324525</v>
      </c>
    </row>
    <row r="3667" spans="2:14" x14ac:dyDescent="0.25">
      <c r="B3667">
        <f t="shared" si="411"/>
        <v>4</v>
      </c>
      <c r="C3667" s="16">
        <v>3633</v>
      </c>
      <c r="D3667" cm="1">
        <f t="array" ref="D3667">IFERROR(INDEX(Jesper!AH$2:AH$366,ROUNDDOWN($C3667/24,0)+1,1)*INDEX($D$3:$AA$30,INDEX(Jesper!$R$2:$R$366,ROW(INDEX(Jesper!AH$2:AH$366,ROUNDDOWN($C3667/24,0)+1,1))-1)+IF('Standard Profiles'!$G$18=$B$10,7,0)+IF('Standard Profiles'!$G$18=$B$17,14,0)+IF('Standard Profiles'!$G$18=$B$24,21,0),MOD($C3667,24)+1)/SUM(INDEX($D$3:$AA$30,INDEX(Jesper!$R$2:$R$366,ROW(INDEX(Jesper!AH$2:AH$366,ROUNDDOWN($C3667/24,0)+1,1))-1)+IF('Standard Profiles'!$G$18=$B$10,7,0)+IF('Standard Profiles'!$G$18=$B$17,14,0)+IF('Standard Profiles'!$G$18=$B$24,21,0),0)),0)</f>
        <v>27.17431280448023</v>
      </c>
      <c r="E3667" cm="1">
        <f t="array" ref="E3667">IFERROR(INDEX(Jesper!AI$2:AI$366,ROUNDDOWN($C3667/24,0)+1,1)*INDEX($D$3:$AA$30,INDEX(Jesper!$R$2:$R$366,ROW(INDEX(Jesper!AI$2:AI$366,ROUNDDOWN($C3667/24,0)+1,1))-1)+IF('Standard Profiles'!$G$19=$B$10,7,0)+IF('Standard Profiles'!$G$19=$B$17,14,0)+IF('Standard Profiles'!$G$19=$B$24,21,0),MOD($C3667,24)+1)/SUM(INDEX($D$3:$AA$30,INDEX(Jesper!$R$2:$R$366,ROW(INDEX(Jesper!AI$2:AI$366,ROUNDDOWN($C3667/24,0)+1,1))-1)+IF('Standard Profiles'!$G$19=$B$10,7,0)+IF('Standard Profiles'!$G$19=$B$17,14,0)+IF('Standard Profiles'!$G$19=$B$24,21,0),0)),0)</f>
        <v>11.900171949196265</v>
      </c>
      <c r="F3667" cm="1">
        <f t="array" ref="F3667">IFERROR(INDEX(Jesper!AJ$2:AJ$366,ROUNDDOWN($C3667/24,0)+1,1)*INDEX($D$3:$AA$30,INDEX(Jesper!$R$2:$R$366,ROW(INDEX(Jesper!AJ$2:AJ$366,ROUNDDOWN($C3667/24,0)+1,1))-1)+IF('Standard Profiles'!$G$20=$B$10,7,0)+IF('Standard Profiles'!$G$20=$B$17,14,0)+IF('Standard Profiles'!$G$20=$B$24,21,0),MOD($C3667,24)+1)/SUM(INDEX($D$3:$AA$30,INDEX(Jesper!$R$2:$R$366,ROW(INDEX(Jesper!AJ$2:AJ$366,ROUNDDOWN($C3667/24,0)+1,1))-1)+IF('Standard Profiles'!$G$20=$B$10,7,0)+IF('Standard Profiles'!$G$20=$B$17,14,0)+IF('Standard Profiles'!$G$20=$B$24,21,0),0)),0)</f>
        <v>0</v>
      </c>
      <c r="G3667" cm="1">
        <f t="array" ref="G3667">IFERROR(INDEX(Jesper!AK$2:AK$366,ROUNDDOWN($C3667/24,0)+1,1)*INDEX($D$3:$AA$30,INDEX(Jesper!$R$2:$R$366,ROW(INDEX(Jesper!AK$2:AK$366,ROUNDDOWN($C3667/24,0)+1,1))-1)+IF('Standard Profiles'!$G$21=$B$10,7,0)+IF('Standard Profiles'!$G$21=$B$17,14,0)+IF('Standard Profiles'!$G$21=$B$24,21,0),MOD($C3667,24)+1)/SUM(INDEX($D$3:$AA$30,INDEX(Jesper!$R$2:$R$366,ROW(INDEX(Jesper!AK$2:AK$366,ROUNDDOWN($C3667/24,0)+1,1))-1)+IF('Standard Profiles'!$G$21=$B$10,7,0)+IF('Standard Profiles'!$G$21=$B$17,14,0)+IF('Standard Profiles'!$G$21=$B$24,21,0),0)),0)</f>
        <v>1.2012044876723418</v>
      </c>
      <c r="H3667" cm="1">
        <f t="array" ref="H3667">IFERROR(INDEX(Jesper!AL$2:AL$366,ROUNDDOWN($C3667/24,0)+1,1)*INDEX($D$3:$AA$30,INDEX(Jesper!$R$2:$R$366,ROW(INDEX(Jesper!AL$2:AL$366,ROUNDDOWN($C3667/24,0)+1,1))-1)+IF('Standard Profiles'!$G$22=$B$10,7,0)+IF('Standard Profiles'!$G$22=$B$17,14,0)+IF('Standard Profiles'!$G$22=$B$24,21,0),MOD($C3667,24)+1)/SUM(INDEX($D$3:$AA$30,INDEX(Jesper!$R$2:$R$366,ROW(INDEX(Jesper!AL$2:AL$366,ROUNDDOWN($C3667/24,0)+1,1))-1)+IF('Standard Profiles'!$G$22=$B$10,7,0)+IF('Standard Profiles'!$G$22=$B$17,14,0)+IF('Standard Profiles'!$G$22=$B$24,21,0),0)),0)</f>
        <v>0</v>
      </c>
      <c r="I3667">
        <f t="shared" si="412"/>
        <v>0.57657815408272373</v>
      </c>
      <c r="J3667">
        <f t="shared" si="413"/>
        <v>35.351221038549276</v>
      </c>
      <c r="K3667">
        <f t="shared" si="414"/>
        <v>2.8985933658112248</v>
      </c>
      <c r="L3667">
        <f t="shared" si="415"/>
        <v>1.4492966829056124</v>
      </c>
      <c r="M3667">
        <f t="shared" si="416"/>
        <v>0</v>
      </c>
      <c r="N3667" s="45">
        <f t="shared" si="417"/>
        <v>45078.374999991189</v>
      </c>
    </row>
    <row r="3668" spans="2:14" x14ac:dyDescent="0.25">
      <c r="B3668">
        <f t="shared" si="411"/>
        <v>4</v>
      </c>
      <c r="C3668" s="16">
        <v>3634</v>
      </c>
      <c r="D3668" cm="1">
        <f t="array" ref="D3668">IFERROR(INDEX(Jesper!AH$2:AH$366,ROUNDDOWN($C3668/24,0)+1,1)*INDEX($D$3:$AA$30,INDEX(Jesper!$R$2:$R$366,ROW(INDEX(Jesper!AH$2:AH$366,ROUNDDOWN($C3668/24,0)+1,1))-1)+IF('Standard Profiles'!$G$18=$B$10,7,0)+IF('Standard Profiles'!$G$18=$B$17,14,0)+IF('Standard Profiles'!$G$18=$B$24,21,0),MOD($C3668,24)+1)/SUM(INDEX($D$3:$AA$30,INDEX(Jesper!$R$2:$R$366,ROW(INDEX(Jesper!AH$2:AH$366,ROUNDDOWN($C3668/24,0)+1,1))-1)+IF('Standard Profiles'!$G$18=$B$10,7,0)+IF('Standard Profiles'!$G$18=$B$17,14,0)+IF('Standard Profiles'!$G$18=$B$24,21,0),0)),0)</f>
        <v>27.17431280448023</v>
      </c>
      <c r="E3668" cm="1">
        <f t="array" ref="E3668">IFERROR(INDEX(Jesper!AI$2:AI$366,ROUNDDOWN($C3668/24,0)+1,1)*INDEX($D$3:$AA$30,INDEX(Jesper!$R$2:$R$366,ROW(INDEX(Jesper!AI$2:AI$366,ROUNDDOWN($C3668/24,0)+1,1))-1)+IF('Standard Profiles'!$G$19=$B$10,7,0)+IF('Standard Profiles'!$G$19=$B$17,14,0)+IF('Standard Profiles'!$G$19=$B$24,21,0),MOD($C3668,24)+1)/SUM(INDEX($D$3:$AA$30,INDEX(Jesper!$R$2:$R$366,ROW(INDEX(Jesper!AI$2:AI$366,ROUNDDOWN($C3668/24,0)+1,1))-1)+IF('Standard Profiles'!$G$19=$B$10,7,0)+IF('Standard Profiles'!$G$19=$B$17,14,0)+IF('Standard Profiles'!$G$19=$B$24,21,0),0)),0)</f>
        <v>11.900171949196265</v>
      </c>
      <c r="F3668" cm="1">
        <f t="array" ref="F3668">IFERROR(INDEX(Jesper!AJ$2:AJ$366,ROUNDDOWN($C3668/24,0)+1,1)*INDEX($D$3:$AA$30,INDEX(Jesper!$R$2:$R$366,ROW(INDEX(Jesper!AJ$2:AJ$366,ROUNDDOWN($C3668/24,0)+1,1))-1)+IF('Standard Profiles'!$G$20=$B$10,7,0)+IF('Standard Profiles'!$G$20=$B$17,14,0)+IF('Standard Profiles'!$G$20=$B$24,21,0),MOD($C3668,24)+1)/SUM(INDEX($D$3:$AA$30,INDEX(Jesper!$R$2:$R$366,ROW(INDEX(Jesper!AJ$2:AJ$366,ROUNDDOWN($C3668/24,0)+1,1))-1)+IF('Standard Profiles'!$G$20=$B$10,7,0)+IF('Standard Profiles'!$G$20=$B$17,14,0)+IF('Standard Profiles'!$G$20=$B$24,21,0),0)),0)</f>
        <v>0</v>
      </c>
      <c r="G3668" cm="1">
        <f t="array" ref="G3668">IFERROR(INDEX(Jesper!AK$2:AK$366,ROUNDDOWN($C3668/24,0)+1,1)*INDEX($D$3:$AA$30,INDEX(Jesper!$R$2:$R$366,ROW(INDEX(Jesper!AK$2:AK$366,ROUNDDOWN($C3668/24,0)+1,1))-1)+IF('Standard Profiles'!$G$21=$B$10,7,0)+IF('Standard Profiles'!$G$21=$B$17,14,0)+IF('Standard Profiles'!$G$21=$B$24,21,0),MOD($C3668,24)+1)/SUM(INDEX($D$3:$AA$30,INDEX(Jesper!$R$2:$R$366,ROW(INDEX(Jesper!AK$2:AK$366,ROUNDDOWN($C3668/24,0)+1,1))-1)+IF('Standard Profiles'!$G$21=$B$10,7,0)+IF('Standard Profiles'!$G$21=$B$17,14,0)+IF('Standard Profiles'!$G$21=$B$24,21,0),0)),0)</f>
        <v>1.2012044876723418</v>
      </c>
      <c r="H3668" cm="1">
        <f t="array" ref="H3668">IFERROR(INDEX(Jesper!AL$2:AL$366,ROUNDDOWN($C3668/24,0)+1,1)*INDEX($D$3:$AA$30,INDEX(Jesper!$R$2:$R$366,ROW(INDEX(Jesper!AL$2:AL$366,ROUNDDOWN($C3668/24,0)+1,1))-1)+IF('Standard Profiles'!$G$22=$B$10,7,0)+IF('Standard Profiles'!$G$22=$B$17,14,0)+IF('Standard Profiles'!$G$22=$B$24,21,0),MOD($C3668,24)+1)/SUM(INDEX($D$3:$AA$30,INDEX(Jesper!$R$2:$R$366,ROW(INDEX(Jesper!AL$2:AL$366,ROUNDDOWN($C3668/24,0)+1,1))-1)+IF('Standard Profiles'!$G$22=$B$10,7,0)+IF('Standard Profiles'!$G$22=$B$17,14,0)+IF('Standard Profiles'!$G$22=$B$24,21,0),0)),0)</f>
        <v>0</v>
      </c>
      <c r="I3668">
        <f t="shared" si="412"/>
        <v>0.57657815408272373</v>
      </c>
      <c r="J3668">
        <f t="shared" si="413"/>
        <v>35.351221038549276</v>
      </c>
      <c r="K3668">
        <f t="shared" si="414"/>
        <v>2.8985933658112248</v>
      </c>
      <c r="L3668">
        <f t="shared" si="415"/>
        <v>1.4492966829056124</v>
      </c>
      <c r="M3668">
        <f t="shared" si="416"/>
        <v>0</v>
      </c>
      <c r="N3668" s="45">
        <f t="shared" si="417"/>
        <v>45078.416666657853</v>
      </c>
    </row>
    <row r="3669" spans="2:14" x14ac:dyDescent="0.25">
      <c r="B3669">
        <f t="shared" si="411"/>
        <v>4</v>
      </c>
      <c r="C3669" s="16">
        <v>3635</v>
      </c>
      <c r="D3669" cm="1">
        <f t="array" ref="D3669">IFERROR(INDEX(Jesper!AH$2:AH$366,ROUNDDOWN($C3669/24,0)+1,1)*INDEX($D$3:$AA$30,INDEX(Jesper!$R$2:$R$366,ROW(INDEX(Jesper!AH$2:AH$366,ROUNDDOWN($C3669/24,0)+1,1))-1)+IF('Standard Profiles'!$G$18=$B$10,7,0)+IF('Standard Profiles'!$G$18=$B$17,14,0)+IF('Standard Profiles'!$G$18=$B$24,21,0),MOD($C3669,24)+1)/SUM(INDEX($D$3:$AA$30,INDEX(Jesper!$R$2:$R$366,ROW(INDEX(Jesper!AH$2:AH$366,ROUNDDOWN($C3669/24,0)+1,1))-1)+IF('Standard Profiles'!$G$18=$B$10,7,0)+IF('Standard Profiles'!$G$18=$B$17,14,0)+IF('Standard Profiles'!$G$18=$B$24,21,0),0)),0)</f>
        <v>32.516271731856683</v>
      </c>
      <c r="E3669" cm="1">
        <f t="array" ref="E3669">IFERROR(INDEX(Jesper!AI$2:AI$366,ROUNDDOWN($C3669/24,0)+1,1)*INDEX($D$3:$AA$30,INDEX(Jesper!$R$2:$R$366,ROW(INDEX(Jesper!AI$2:AI$366,ROUNDDOWN($C3669/24,0)+1,1))-1)+IF('Standard Profiles'!$G$19=$B$10,7,0)+IF('Standard Profiles'!$G$19=$B$17,14,0)+IF('Standard Profiles'!$G$19=$B$24,21,0),MOD($C3669,24)+1)/SUM(INDEX($D$3:$AA$30,INDEX(Jesper!$R$2:$R$366,ROW(INDEX(Jesper!AI$2:AI$366,ROUNDDOWN($C3669/24,0)+1,1))-1)+IF('Standard Profiles'!$G$19=$B$10,7,0)+IF('Standard Profiles'!$G$19=$B$17,14,0)+IF('Standard Profiles'!$G$19=$B$24,21,0),0)),0)</f>
        <v>14.239521990491257</v>
      </c>
      <c r="F3669" cm="1">
        <f t="array" ref="F3669">IFERROR(INDEX(Jesper!AJ$2:AJ$366,ROUNDDOWN($C3669/24,0)+1,1)*INDEX($D$3:$AA$30,INDEX(Jesper!$R$2:$R$366,ROW(INDEX(Jesper!AJ$2:AJ$366,ROUNDDOWN($C3669/24,0)+1,1))-1)+IF('Standard Profiles'!$G$20=$B$10,7,0)+IF('Standard Profiles'!$G$20=$B$17,14,0)+IF('Standard Profiles'!$G$20=$B$24,21,0),MOD($C3669,24)+1)/SUM(INDEX($D$3:$AA$30,INDEX(Jesper!$R$2:$R$366,ROW(INDEX(Jesper!AJ$2:AJ$366,ROUNDDOWN($C3669/24,0)+1,1))-1)+IF('Standard Profiles'!$G$20=$B$10,7,0)+IF('Standard Profiles'!$G$20=$B$17,14,0)+IF('Standard Profiles'!$G$20=$B$24,21,0),0)),0)</f>
        <v>0</v>
      </c>
      <c r="G3669" cm="1">
        <f t="array" ref="G3669">IFERROR(INDEX(Jesper!AK$2:AK$366,ROUNDDOWN($C3669/24,0)+1,1)*INDEX($D$3:$AA$30,INDEX(Jesper!$R$2:$R$366,ROW(INDEX(Jesper!AK$2:AK$366,ROUNDDOWN($C3669/24,0)+1,1))-1)+IF('Standard Profiles'!$G$21=$B$10,7,0)+IF('Standard Profiles'!$G$21=$B$17,14,0)+IF('Standard Profiles'!$G$21=$B$24,21,0),MOD($C3669,24)+1)/SUM(INDEX($D$3:$AA$30,INDEX(Jesper!$R$2:$R$366,ROW(INDEX(Jesper!AK$2:AK$366,ROUNDDOWN($C3669/24,0)+1,1))-1)+IF('Standard Profiles'!$G$21=$B$10,7,0)+IF('Standard Profiles'!$G$21=$B$17,14,0)+IF('Standard Profiles'!$G$21=$B$24,21,0),0)),0)</f>
        <v>1.4373387031976739</v>
      </c>
      <c r="H3669" cm="1">
        <f t="array" ref="H3669">IFERROR(INDEX(Jesper!AL$2:AL$366,ROUNDDOWN($C3669/24,0)+1,1)*INDEX($D$3:$AA$30,INDEX(Jesper!$R$2:$R$366,ROW(INDEX(Jesper!AL$2:AL$366,ROUNDDOWN($C3669/24,0)+1,1))-1)+IF('Standard Profiles'!$G$22=$B$10,7,0)+IF('Standard Profiles'!$G$22=$B$17,14,0)+IF('Standard Profiles'!$G$22=$B$24,21,0),MOD($C3669,24)+1)/SUM(INDEX($D$3:$AA$30,INDEX(Jesper!$R$2:$R$366,ROW(INDEX(Jesper!AL$2:AL$366,ROUNDDOWN($C3669/24,0)+1,1))-1)+IF('Standard Profiles'!$G$22=$B$10,7,0)+IF('Standard Profiles'!$G$22=$B$17,14,0)+IF('Standard Profiles'!$G$22=$B$24,21,0),0)),0)</f>
        <v>0</v>
      </c>
      <c r="I3669">
        <f t="shared" si="412"/>
        <v>0.68992257753488306</v>
      </c>
      <c r="J3669">
        <f t="shared" si="413"/>
        <v>42.300606370913655</v>
      </c>
      <c r="K3669">
        <f t="shared" si="414"/>
        <v>3.468402318064713</v>
      </c>
      <c r="L3669">
        <f t="shared" si="415"/>
        <v>1.7342011590323565</v>
      </c>
      <c r="M3669">
        <f t="shared" si="416"/>
        <v>0</v>
      </c>
      <c r="N3669" s="45">
        <f t="shared" si="417"/>
        <v>45078.458333324517</v>
      </c>
    </row>
    <row r="3670" spans="2:14" x14ac:dyDescent="0.25">
      <c r="B3670">
        <f t="shared" si="411"/>
        <v>4</v>
      </c>
      <c r="C3670" s="16">
        <v>3636</v>
      </c>
      <c r="D3670" cm="1">
        <f t="array" ref="D3670">IFERROR(INDEX(Jesper!AH$2:AH$366,ROUNDDOWN($C3670/24,0)+1,1)*INDEX($D$3:$AA$30,INDEX(Jesper!$R$2:$R$366,ROW(INDEX(Jesper!AH$2:AH$366,ROUNDDOWN($C3670/24,0)+1,1))-1)+IF('Standard Profiles'!$G$18=$B$10,7,0)+IF('Standard Profiles'!$G$18=$B$17,14,0)+IF('Standard Profiles'!$G$18=$B$24,21,0),MOD($C3670,24)+1)/SUM(INDEX($D$3:$AA$30,INDEX(Jesper!$R$2:$R$366,ROW(INDEX(Jesper!AH$2:AH$366,ROUNDDOWN($C3670/24,0)+1,1))-1)+IF('Standard Profiles'!$G$18=$B$10,7,0)+IF('Standard Profiles'!$G$18=$B$17,14,0)+IF('Standard Profiles'!$G$18=$B$24,21,0),0)),0)</f>
        <v>32.516271731856683</v>
      </c>
      <c r="E3670" cm="1">
        <f t="array" ref="E3670">IFERROR(INDEX(Jesper!AI$2:AI$366,ROUNDDOWN($C3670/24,0)+1,1)*INDEX($D$3:$AA$30,INDEX(Jesper!$R$2:$R$366,ROW(INDEX(Jesper!AI$2:AI$366,ROUNDDOWN($C3670/24,0)+1,1))-1)+IF('Standard Profiles'!$G$19=$B$10,7,0)+IF('Standard Profiles'!$G$19=$B$17,14,0)+IF('Standard Profiles'!$G$19=$B$24,21,0),MOD($C3670,24)+1)/SUM(INDEX($D$3:$AA$30,INDEX(Jesper!$R$2:$R$366,ROW(INDEX(Jesper!AI$2:AI$366,ROUNDDOWN($C3670/24,0)+1,1))-1)+IF('Standard Profiles'!$G$19=$B$10,7,0)+IF('Standard Profiles'!$G$19=$B$17,14,0)+IF('Standard Profiles'!$G$19=$B$24,21,0),0)),0)</f>
        <v>14.239521990491257</v>
      </c>
      <c r="F3670" cm="1">
        <f t="array" ref="F3670">IFERROR(INDEX(Jesper!AJ$2:AJ$366,ROUNDDOWN($C3670/24,0)+1,1)*INDEX($D$3:$AA$30,INDEX(Jesper!$R$2:$R$366,ROW(INDEX(Jesper!AJ$2:AJ$366,ROUNDDOWN($C3670/24,0)+1,1))-1)+IF('Standard Profiles'!$G$20=$B$10,7,0)+IF('Standard Profiles'!$G$20=$B$17,14,0)+IF('Standard Profiles'!$G$20=$B$24,21,0),MOD($C3670,24)+1)/SUM(INDEX($D$3:$AA$30,INDEX(Jesper!$R$2:$R$366,ROW(INDEX(Jesper!AJ$2:AJ$366,ROUNDDOWN($C3670/24,0)+1,1))-1)+IF('Standard Profiles'!$G$20=$B$10,7,0)+IF('Standard Profiles'!$G$20=$B$17,14,0)+IF('Standard Profiles'!$G$20=$B$24,21,0),0)),0)</f>
        <v>0</v>
      </c>
      <c r="G3670" cm="1">
        <f t="array" ref="G3670">IFERROR(INDEX(Jesper!AK$2:AK$366,ROUNDDOWN($C3670/24,0)+1,1)*INDEX($D$3:$AA$30,INDEX(Jesper!$R$2:$R$366,ROW(INDEX(Jesper!AK$2:AK$366,ROUNDDOWN($C3670/24,0)+1,1))-1)+IF('Standard Profiles'!$G$21=$B$10,7,0)+IF('Standard Profiles'!$G$21=$B$17,14,0)+IF('Standard Profiles'!$G$21=$B$24,21,0),MOD($C3670,24)+1)/SUM(INDEX($D$3:$AA$30,INDEX(Jesper!$R$2:$R$366,ROW(INDEX(Jesper!AK$2:AK$366,ROUNDDOWN($C3670/24,0)+1,1))-1)+IF('Standard Profiles'!$G$21=$B$10,7,0)+IF('Standard Profiles'!$G$21=$B$17,14,0)+IF('Standard Profiles'!$G$21=$B$24,21,0),0)),0)</f>
        <v>1.4373387031976739</v>
      </c>
      <c r="H3670" cm="1">
        <f t="array" ref="H3670">IFERROR(INDEX(Jesper!AL$2:AL$366,ROUNDDOWN($C3670/24,0)+1,1)*INDEX($D$3:$AA$30,INDEX(Jesper!$R$2:$R$366,ROW(INDEX(Jesper!AL$2:AL$366,ROUNDDOWN($C3670/24,0)+1,1))-1)+IF('Standard Profiles'!$G$22=$B$10,7,0)+IF('Standard Profiles'!$G$22=$B$17,14,0)+IF('Standard Profiles'!$G$22=$B$24,21,0),MOD($C3670,24)+1)/SUM(INDEX($D$3:$AA$30,INDEX(Jesper!$R$2:$R$366,ROW(INDEX(Jesper!AL$2:AL$366,ROUNDDOWN($C3670/24,0)+1,1))-1)+IF('Standard Profiles'!$G$22=$B$10,7,0)+IF('Standard Profiles'!$G$22=$B$17,14,0)+IF('Standard Profiles'!$G$22=$B$24,21,0),0)),0)</f>
        <v>0</v>
      </c>
      <c r="I3670">
        <f t="shared" si="412"/>
        <v>0.68992257753488306</v>
      </c>
      <c r="J3670">
        <f t="shared" si="413"/>
        <v>42.300606370913655</v>
      </c>
      <c r="K3670">
        <f t="shared" si="414"/>
        <v>3.468402318064713</v>
      </c>
      <c r="L3670">
        <f t="shared" si="415"/>
        <v>1.7342011590323565</v>
      </c>
      <c r="M3670">
        <f t="shared" si="416"/>
        <v>0</v>
      </c>
      <c r="N3670" s="45">
        <f t="shared" si="417"/>
        <v>45078.499999991182</v>
      </c>
    </row>
    <row r="3671" spans="2:14" x14ac:dyDescent="0.25">
      <c r="B3671">
        <f t="shared" si="411"/>
        <v>4</v>
      </c>
      <c r="C3671" s="16">
        <v>3637</v>
      </c>
      <c r="D3671" cm="1">
        <f t="array" ref="D3671">IFERROR(INDEX(Jesper!AH$2:AH$366,ROUNDDOWN($C3671/24,0)+1,1)*INDEX($D$3:$AA$30,INDEX(Jesper!$R$2:$R$366,ROW(INDEX(Jesper!AH$2:AH$366,ROUNDDOWN($C3671/24,0)+1,1))-1)+IF('Standard Profiles'!$G$18=$B$10,7,0)+IF('Standard Profiles'!$G$18=$B$17,14,0)+IF('Standard Profiles'!$G$18=$B$24,21,0),MOD($C3671,24)+1)/SUM(INDEX($D$3:$AA$30,INDEX(Jesper!$R$2:$R$366,ROW(INDEX(Jesper!AH$2:AH$366,ROUNDDOWN($C3671/24,0)+1,1))-1)+IF('Standard Profiles'!$G$18=$B$10,7,0)+IF('Standard Profiles'!$G$18=$B$17,14,0)+IF('Standard Profiles'!$G$18=$B$24,21,0),0)),0)</f>
        <v>21.600094793304795</v>
      </c>
      <c r="E3671" cm="1">
        <f t="array" ref="E3671">IFERROR(INDEX(Jesper!AI$2:AI$366,ROUNDDOWN($C3671/24,0)+1,1)*INDEX($D$3:$AA$30,INDEX(Jesper!$R$2:$R$366,ROW(INDEX(Jesper!AI$2:AI$366,ROUNDDOWN($C3671/24,0)+1,1))-1)+IF('Standard Profiles'!$G$19=$B$10,7,0)+IF('Standard Profiles'!$G$19=$B$17,14,0)+IF('Standard Profiles'!$G$19=$B$24,21,0),MOD($C3671,24)+1)/SUM(INDEX($D$3:$AA$30,INDEX(Jesper!$R$2:$R$366,ROW(INDEX(Jesper!AI$2:AI$366,ROUNDDOWN($C3671/24,0)+1,1))-1)+IF('Standard Profiles'!$G$19=$B$10,7,0)+IF('Standard Profiles'!$G$19=$B$17,14,0)+IF('Standard Profiles'!$G$19=$B$24,21,0),0)),0)</f>
        <v>9.4591110365406212</v>
      </c>
      <c r="F3671" cm="1">
        <f t="array" ref="F3671">IFERROR(INDEX(Jesper!AJ$2:AJ$366,ROUNDDOWN($C3671/24,0)+1,1)*INDEX($D$3:$AA$30,INDEX(Jesper!$R$2:$R$366,ROW(INDEX(Jesper!AJ$2:AJ$366,ROUNDDOWN($C3671/24,0)+1,1))-1)+IF('Standard Profiles'!$G$20=$B$10,7,0)+IF('Standard Profiles'!$G$20=$B$17,14,0)+IF('Standard Profiles'!$G$20=$B$24,21,0),MOD($C3671,24)+1)/SUM(INDEX($D$3:$AA$30,INDEX(Jesper!$R$2:$R$366,ROW(INDEX(Jesper!AJ$2:AJ$366,ROUNDDOWN($C3671/24,0)+1,1))-1)+IF('Standard Profiles'!$G$20=$B$10,7,0)+IF('Standard Profiles'!$G$20=$B$17,14,0)+IF('Standard Profiles'!$G$20=$B$24,21,0),0)),0)</f>
        <v>0</v>
      </c>
      <c r="G3671" cm="1">
        <f t="array" ref="G3671">IFERROR(INDEX(Jesper!AK$2:AK$366,ROUNDDOWN($C3671/24,0)+1,1)*INDEX($D$3:$AA$30,INDEX(Jesper!$R$2:$R$366,ROW(INDEX(Jesper!AK$2:AK$366,ROUNDDOWN($C3671/24,0)+1,1))-1)+IF('Standard Profiles'!$G$21=$B$10,7,0)+IF('Standard Profiles'!$G$21=$B$17,14,0)+IF('Standard Profiles'!$G$21=$B$24,21,0),MOD($C3671,24)+1)/SUM(INDEX($D$3:$AA$30,INDEX(Jesper!$R$2:$R$366,ROW(INDEX(Jesper!AK$2:AK$366,ROUNDDOWN($C3671/24,0)+1,1))-1)+IF('Standard Profiles'!$G$21=$B$10,7,0)+IF('Standard Profiles'!$G$21=$B$17,14,0)+IF('Standard Profiles'!$G$21=$B$24,21,0),0)),0)</f>
        <v>0.95480356712416892</v>
      </c>
      <c r="H3671" cm="1">
        <f t="array" ref="H3671">IFERROR(INDEX(Jesper!AL$2:AL$366,ROUNDDOWN($C3671/24,0)+1,1)*INDEX($D$3:$AA$30,INDEX(Jesper!$R$2:$R$366,ROW(INDEX(Jesper!AL$2:AL$366,ROUNDDOWN($C3671/24,0)+1,1))-1)+IF('Standard Profiles'!$G$22=$B$10,7,0)+IF('Standard Profiles'!$G$22=$B$17,14,0)+IF('Standard Profiles'!$G$22=$B$24,21,0),MOD($C3671,24)+1)/SUM(INDEX($D$3:$AA$30,INDEX(Jesper!$R$2:$R$366,ROW(INDEX(Jesper!AL$2:AL$366,ROUNDDOWN($C3671/24,0)+1,1))-1)+IF('Standard Profiles'!$G$22=$B$10,7,0)+IF('Standard Profiles'!$G$22=$B$17,14,0)+IF('Standard Profiles'!$G$22=$B$24,21,0),0)),0)</f>
        <v>0</v>
      </c>
      <c r="I3671">
        <f t="shared" si="412"/>
        <v>0.45830571221960087</v>
      </c>
      <c r="J3671">
        <f t="shared" si="413"/>
        <v>28.099688517821214</v>
      </c>
      <c r="K3671">
        <f t="shared" si="414"/>
        <v>2.3040101112858449</v>
      </c>
      <c r="L3671">
        <f t="shared" si="415"/>
        <v>1.1520050556429224</v>
      </c>
      <c r="M3671">
        <f t="shared" si="416"/>
        <v>0</v>
      </c>
      <c r="N3671" s="45">
        <f t="shared" si="417"/>
        <v>45078.541666657846</v>
      </c>
    </row>
    <row r="3672" spans="2:14" x14ac:dyDescent="0.25">
      <c r="B3672">
        <f t="shared" si="411"/>
        <v>4</v>
      </c>
      <c r="C3672" s="16">
        <v>3638</v>
      </c>
      <c r="D3672" cm="1">
        <f t="array" ref="D3672">IFERROR(INDEX(Jesper!AH$2:AH$366,ROUNDDOWN($C3672/24,0)+1,1)*INDEX($D$3:$AA$30,INDEX(Jesper!$R$2:$R$366,ROW(INDEX(Jesper!AH$2:AH$366,ROUNDDOWN($C3672/24,0)+1,1))-1)+IF('Standard Profiles'!$G$18=$B$10,7,0)+IF('Standard Profiles'!$G$18=$B$17,14,0)+IF('Standard Profiles'!$G$18=$B$24,21,0),MOD($C3672,24)+1)/SUM(INDEX($D$3:$AA$30,INDEX(Jesper!$R$2:$R$366,ROW(INDEX(Jesper!AH$2:AH$366,ROUNDDOWN($C3672/24,0)+1,1))-1)+IF('Standard Profiles'!$G$18=$B$10,7,0)+IF('Standard Profiles'!$G$18=$B$17,14,0)+IF('Standard Profiles'!$G$18=$B$24,21,0),0)),0)</f>
        <v>32.516271731856683</v>
      </c>
      <c r="E3672" cm="1">
        <f t="array" ref="E3672">IFERROR(INDEX(Jesper!AI$2:AI$366,ROUNDDOWN($C3672/24,0)+1,1)*INDEX($D$3:$AA$30,INDEX(Jesper!$R$2:$R$366,ROW(INDEX(Jesper!AI$2:AI$366,ROUNDDOWN($C3672/24,0)+1,1))-1)+IF('Standard Profiles'!$G$19=$B$10,7,0)+IF('Standard Profiles'!$G$19=$B$17,14,0)+IF('Standard Profiles'!$G$19=$B$24,21,0),MOD($C3672,24)+1)/SUM(INDEX($D$3:$AA$30,INDEX(Jesper!$R$2:$R$366,ROW(INDEX(Jesper!AI$2:AI$366,ROUNDDOWN($C3672/24,0)+1,1))-1)+IF('Standard Profiles'!$G$19=$B$10,7,0)+IF('Standard Profiles'!$G$19=$B$17,14,0)+IF('Standard Profiles'!$G$19=$B$24,21,0),0)),0)</f>
        <v>14.239521990491257</v>
      </c>
      <c r="F3672" cm="1">
        <f t="array" ref="F3672">IFERROR(INDEX(Jesper!AJ$2:AJ$366,ROUNDDOWN($C3672/24,0)+1,1)*INDEX($D$3:$AA$30,INDEX(Jesper!$R$2:$R$366,ROW(INDEX(Jesper!AJ$2:AJ$366,ROUNDDOWN($C3672/24,0)+1,1))-1)+IF('Standard Profiles'!$G$20=$B$10,7,0)+IF('Standard Profiles'!$G$20=$B$17,14,0)+IF('Standard Profiles'!$G$20=$B$24,21,0),MOD($C3672,24)+1)/SUM(INDEX($D$3:$AA$30,INDEX(Jesper!$R$2:$R$366,ROW(INDEX(Jesper!AJ$2:AJ$366,ROUNDDOWN($C3672/24,0)+1,1))-1)+IF('Standard Profiles'!$G$20=$B$10,7,0)+IF('Standard Profiles'!$G$20=$B$17,14,0)+IF('Standard Profiles'!$G$20=$B$24,21,0),0)),0)</f>
        <v>0</v>
      </c>
      <c r="G3672" cm="1">
        <f t="array" ref="G3672">IFERROR(INDEX(Jesper!AK$2:AK$366,ROUNDDOWN($C3672/24,0)+1,1)*INDEX($D$3:$AA$30,INDEX(Jesper!$R$2:$R$366,ROW(INDEX(Jesper!AK$2:AK$366,ROUNDDOWN($C3672/24,0)+1,1))-1)+IF('Standard Profiles'!$G$21=$B$10,7,0)+IF('Standard Profiles'!$G$21=$B$17,14,0)+IF('Standard Profiles'!$G$21=$B$24,21,0),MOD($C3672,24)+1)/SUM(INDEX($D$3:$AA$30,INDEX(Jesper!$R$2:$R$366,ROW(INDEX(Jesper!AK$2:AK$366,ROUNDDOWN($C3672/24,0)+1,1))-1)+IF('Standard Profiles'!$G$21=$B$10,7,0)+IF('Standard Profiles'!$G$21=$B$17,14,0)+IF('Standard Profiles'!$G$21=$B$24,21,0),0)),0)</f>
        <v>1.4373387031976739</v>
      </c>
      <c r="H3672" cm="1">
        <f t="array" ref="H3672">IFERROR(INDEX(Jesper!AL$2:AL$366,ROUNDDOWN($C3672/24,0)+1,1)*INDEX($D$3:$AA$30,INDEX(Jesper!$R$2:$R$366,ROW(INDEX(Jesper!AL$2:AL$366,ROUNDDOWN($C3672/24,0)+1,1))-1)+IF('Standard Profiles'!$G$22=$B$10,7,0)+IF('Standard Profiles'!$G$22=$B$17,14,0)+IF('Standard Profiles'!$G$22=$B$24,21,0),MOD($C3672,24)+1)/SUM(INDEX($D$3:$AA$30,INDEX(Jesper!$R$2:$R$366,ROW(INDEX(Jesper!AL$2:AL$366,ROUNDDOWN($C3672/24,0)+1,1))-1)+IF('Standard Profiles'!$G$22=$B$10,7,0)+IF('Standard Profiles'!$G$22=$B$17,14,0)+IF('Standard Profiles'!$G$22=$B$24,21,0),0)),0)</f>
        <v>0</v>
      </c>
      <c r="I3672">
        <f t="shared" si="412"/>
        <v>0.68992257753488306</v>
      </c>
      <c r="J3672">
        <f t="shared" si="413"/>
        <v>42.300606370913655</v>
      </c>
      <c r="K3672">
        <f t="shared" si="414"/>
        <v>3.468402318064713</v>
      </c>
      <c r="L3672">
        <f t="shared" si="415"/>
        <v>1.7342011590323565</v>
      </c>
      <c r="M3672">
        <f t="shared" si="416"/>
        <v>0</v>
      </c>
      <c r="N3672" s="45">
        <f t="shared" si="417"/>
        <v>45078.58333332451</v>
      </c>
    </row>
    <row r="3673" spans="2:14" x14ac:dyDescent="0.25">
      <c r="B3673">
        <f t="shared" si="411"/>
        <v>4</v>
      </c>
      <c r="C3673" s="16">
        <v>3639</v>
      </c>
      <c r="D3673" cm="1">
        <f t="array" ref="D3673">IFERROR(INDEX(Jesper!AH$2:AH$366,ROUNDDOWN($C3673/24,0)+1,1)*INDEX($D$3:$AA$30,INDEX(Jesper!$R$2:$R$366,ROW(INDEX(Jesper!AH$2:AH$366,ROUNDDOWN($C3673/24,0)+1,1))-1)+IF('Standard Profiles'!$G$18=$B$10,7,0)+IF('Standard Profiles'!$G$18=$B$17,14,0)+IF('Standard Profiles'!$G$18=$B$24,21,0),MOD($C3673,24)+1)/SUM(INDEX($D$3:$AA$30,INDEX(Jesper!$R$2:$R$366,ROW(INDEX(Jesper!AH$2:AH$366,ROUNDDOWN($C3673/24,0)+1,1))-1)+IF('Standard Profiles'!$G$18=$B$10,7,0)+IF('Standard Profiles'!$G$18=$B$17,14,0)+IF('Standard Profiles'!$G$18=$B$24,21,0),0)),0)</f>
        <v>32.516271731856683</v>
      </c>
      <c r="E3673" cm="1">
        <f t="array" ref="E3673">IFERROR(INDEX(Jesper!AI$2:AI$366,ROUNDDOWN($C3673/24,0)+1,1)*INDEX($D$3:$AA$30,INDEX(Jesper!$R$2:$R$366,ROW(INDEX(Jesper!AI$2:AI$366,ROUNDDOWN($C3673/24,0)+1,1))-1)+IF('Standard Profiles'!$G$19=$B$10,7,0)+IF('Standard Profiles'!$G$19=$B$17,14,0)+IF('Standard Profiles'!$G$19=$B$24,21,0),MOD($C3673,24)+1)/SUM(INDEX($D$3:$AA$30,INDEX(Jesper!$R$2:$R$366,ROW(INDEX(Jesper!AI$2:AI$366,ROUNDDOWN($C3673/24,0)+1,1))-1)+IF('Standard Profiles'!$G$19=$B$10,7,0)+IF('Standard Profiles'!$G$19=$B$17,14,0)+IF('Standard Profiles'!$G$19=$B$24,21,0),0)),0)</f>
        <v>14.239521990491257</v>
      </c>
      <c r="F3673" cm="1">
        <f t="array" ref="F3673">IFERROR(INDEX(Jesper!AJ$2:AJ$366,ROUNDDOWN($C3673/24,0)+1,1)*INDEX($D$3:$AA$30,INDEX(Jesper!$R$2:$R$366,ROW(INDEX(Jesper!AJ$2:AJ$366,ROUNDDOWN($C3673/24,0)+1,1))-1)+IF('Standard Profiles'!$G$20=$B$10,7,0)+IF('Standard Profiles'!$G$20=$B$17,14,0)+IF('Standard Profiles'!$G$20=$B$24,21,0),MOD($C3673,24)+1)/SUM(INDEX($D$3:$AA$30,INDEX(Jesper!$R$2:$R$366,ROW(INDEX(Jesper!AJ$2:AJ$366,ROUNDDOWN($C3673/24,0)+1,1))-1)+IF('Standard Profiles'!$G$20=$B$10,7,0)+IF('Standard Profiles'!$G$20=$B$17,14,0)+IF('Standard Profiles'!$G$20=$B$24,21,0),0)),0)</f>
        <v>0</v>
      </c>
      <c r="G3673" cm="1">
        <f t="array" ref="G3673">IFERROR(INDEX(Jesper!AK$2:AK$366,ROUNDDOWN($C3673/24,0)+1,1)*INDEX($D$3:$AA$30,INDEX(Jesper!$R$2:$R$366,ROW(INDEX(Jesper!AK$2:AK$366,ROUNDDOWN($C3673/24,0)+1,1))-1)+IF('Standard Profiles'!$G$21=$B$10,7,0)+IF('Standard Profiles'!$G$21=$B$17,14,0)+IF('Standard Profiles'!$G$21=$B$24,21,0),MOD($C3673,24)+1)/SUM(INDEX($D$3:$AA$30,INDEX(Jesper!$R$2:$R$366,ROW(INDEX(Jesper!AK$2:AK$366,ROUNDDOWN($C3673/24,0)+1,1))-1)+IF('Standard Profiles'!$G$21=$B$10,7,0)+IF('Standard Profiles'!$G$21=$B$17,14,0)+IF('Standard Profiles'!$G$21=$B$24,21,0),0)),0)</f>
        <v>1.4373387031976739</v>
      </c>
      <c r="H3673" cm="1">
        <f t="array" ref="H3673">IFERROR(INDEX(Jesper!AL$2:AL$366,ROUNDDOWN($C3673/24,0)+1,1)*INDEX($D$3:$AA$30,INDEX(Jesper!$R$2:$R$366,ROW(INDEX(Jesper!AL$2:AL$366,ROUNDDOWN($C3673/24,0)+1,1))-1)+IF('Standard Profiles'!$G$22=$B$10,7,0)+IF('Standard Profiles'!$G$22=$B$17,14,0)+IF('Standard Profiles'!$G$22=$B$24,21,0),MOD($C3673,24)+1)/SUM(INDEX($D$3:$AA$30,INDEX(Jesper!$R$2:$R$366,ROW(INDEX(Jesper!AL$2:AL$366,ROUNDDOWN($C3673/24,0)+1,1))-1)+IF('Standard Profiles'!$G$22=$B$10,7,0)+IF('Standard Profiles'!$G$22=$B$17,14,0)+IF('Standard Profiles'!$G$22=$B$24,21,0),0)),0)</f>
        <v>0</v>
      </c>
      <c r="I3673">
        <f t="shared" si="412"/>
        <v>0.68992257753488306</v>
      </c>
      <c r="J3673">
        <f t="shared" si="413"/>
        <v>42.300606370913655</v>
      </c>
      <c r="K3673">
        <f t="shared" si="414"/>
        <v>3.468402318064713</v>
      </c>
      <c r="L3673">
        <f t="shared" si="415"/>
        <v>1.7342011590323565</v>
      </c>
      <c r="M3673">
        <f t="shared" si="416"/>
        <v>0</v>
      </c>
      <c r="N3673" s="45">
        <f t="shared" si="417"/>
        <v>45078.624999991174</v>
      </c>
    </row>
    <row r="3674" spans="2:14" x14ac:dyDescent="0.25">
      <c r="B3674">
        <f t="shared" si="411"/>
        <v>4</v>
      </c>
      <c r="C3674" s="16">
        <v>3640</v>
      </c>
      <c r="D3674" cm="1">
        <f t="array" ref="D3674">IFERROR(INDEX(Jesper!AH$2:AH$366,ROUNDDOWN($C3674/24,0)+1,1)*INDEX($D$3:$AA$30,INDEX(Jesper!$R$2:$R$366,ROW(INDEX(Jesper!AH$2:AH$366,ROUNDDOWN($C3674/24,0)+1,1))-1)+IF('Standard Profiles'!$G$18=$B$10,7,0)+IF('Standard Profiles'!$G$18=$B$17,14,0)+IF('Standard Profiles'!$G$18=$B$24,21,0),MOD($C3674,24)+1)/SUM(INDEX($D$3:$AA$30,INDEX(Jesper!$R$2:$R$366,ROW(INDEX(Jesper!AH$2:AH$366,ROUNDDOWN($C3674/24,0)+1,1))-1)+IF('Standard Profiles'!$G$18=$B$10,7,0)+IF('Standard Profiles'!$G$18=$B$17,14,0)+IF('Standard Profiles'!$G$18=$B$24,21,0),0)),0)</f>
        <v>19.161374413415547</v>
      </c>
      <c r="E3674" cm="1">
        <f t="array" ref="E3674">IFERROR(INDEX(Jesper!AI$2:AI$366,ROUNDDOWN($C3674/24,0)+1,1)*INDEX($D$3:$AA$30,INDEX(Jesper!$R$2:$R$366,ROW(INDEX(Jesper!AI$2:AI$366,ROUNDDOWN($C3674/24,0)+1,1))-1)+IF('Standard Profiles'!$G$19=$B$10,7,0)+IF('Standard Profiles'!$G$19=$B$17,14,0)+IF('Standard Profiles'!$G$19=$B$24,21,0),MOD($C3674,24)+1)/SUM(INDEX($D$3:$AA$30,INDEX(Jesper!$R$2:$R$366,ROW(INDEX(Jesper!AI$2:AI$366,ROUNDDOWN($C3674/24,0)+1,1))-1)+IF('Standard Profiles'!$G$19=$B$10,7,0)+IF('Standard Profiles'!$G$19=$B$17,14,0)+IF('Standard Profiles'!$G$19=$B$24,21,0),0)),0)</f>
        <v>8.3911468872537771</v>
      </c>
      <c r="F3674" cm="1">
        <f t="array" ref="F3674">IFERROR(INDEX(Jesper!AJ$2:AJ$366,ROUNDDOWN($C3674/24,0)+1,1)*INDEX($D$3:$AA$30,INDEX(Jesper!$R$2:$R$366,ROW(INDEX(Jesper!AJ$2:AJ$366,ROUNDDOWN($C3674/24,0)+1,1))-1)+IF('Standard Profiles'!$G$20=$B$10,7,0)+IF('Standard Profiles'!$G$20=$B$17,14,0)+IF('Standard Profiles'!$G$20=$B$24,21,0),MOD($C3674,24)+1)/SUM(INDEX($D$3:$AA$30,INDEX(Jesper!$R$2:$R$366,ROW(INDEX(Jesper!AJ$2:AJ$366,ROUNDDOWN($C3674/24,0)+1,1))-1)+IF('Standard Profiles'!$G$20=$B$10,7,0)+IF('Standard Profiles'!$G$20=$B$17,14,0)+IF('Standard Profiles'!$G$20=$B$24,21,0),0)),0)</f>
        <v>0</v>
      </c>
      <c r="G3674" cm="1">
        <f t="array" ref="G3674">IFERROR(INDEX(Jesper!AK$2:AK$366,ROUNDDOWN($C3674/24,0)+1,1)*INDEX($D$3:$AA$30,INDEX(Jesper!$R$2:$R$366,ROW(INDEX(Jesper!AK$2:AK$366,ROUNDDOWN($C3674/24,0)+1,1))-1)+IF('Standard Profiles'!$G$21=$B$10,7,0)+IF('Standard Profiles'!$G$21=$B$17,14,0)+IF('Standard Profiles'!$G$21=$B$24,21,0),MOD($C3674,24)+1)/SUM(INDEX($D$3:$AA$30,INDEX(Jesper!$R$2:$R$366,ROW(INDEX(Jesper!AK$2:AK$366,ROUNDDOWN($C3674/24,0)+1,1))-1)+IF('Standard Profiles'!$G$21=$B$10,7,0)+IF('Standard Profiles'!$G$21=$B$17,14,0)+IF('Standard Profiles'!$G$21=$B$24,21,0),0)),0)</f>
        <v>1.2010274755167756</v>
      </c>
      <c r="H3674" cm="1">
        <f t="array" ref="H3674">IFERROR(INDEX(Jesper!AL$2:AL$366,ROUNDDOWN($C3674/24,0)+1,1)*INDEX($D$3:$AA$30,INDEX(Jesper!$R$2:$R$366,ROW(INDEX(Jesper!AL$2:AL$366,ROUNDDOWN($C3674/24,0)+1,1))-1)+IF('Standard Profiles'!$G$22=$B$10,7,0)+IF('Standard Profiles'!$G$22=$B$17,14,0)+IF('Standard Profiles'!$G$22=$B$24,21,0),MOD($C3674,24)+1)/SUM(INDEX($D$3:$AA$30,INDEX(Jesper!$R$2:$R$366,ROW(INDEX(Jesper!AL$2:AL$366,ROUNDDOWN($C3674/24,0)+1,1))-1)+IF('Standard Profiles'!$G$22=$B$10,7,0)+IF('Standard Profiles'!$G$22=$B$17,14,0)+IF('Standard Profiles'!$G$22=$B$24,21,0),0)),0)</f>
        <v>0</v>
      </c>
      <c r="I3674">
        <f t="shared" si="412"/>
        <v>0.57649318824805196</v>
      </c>
      <c r="J3674">
        <f t="shared" si="413"/>
        <v>25.111235681791563</v>
      </c>
      <c r="K3674">
        <f t="shared" si="414"/>
        <v>2.0438799374309919</v>
      </c>
      <c r="L3674">
        <f t="shared" si="415"/>
        <v>1.021939968715496</v>
      </c>
      <c r="M3674">
        <f t="shared" si="416"/>
        <v>0</v>
      </c>
      <c r="N3674" s="45">
        <f t="shared" si="417"/>
        <v>45078.666666657839</v>
      </c>
    </row>
    <row r="3675" spans="2:14" x14ac:dyDescent="0.25">
      <c r="B3675">
        <f t="shared" si="411"/>
        <v>4</v>
      </c>
      <c r="C3675" s="16">
        <v>3641</v>
      </c>
      <c r="D3675" cm="1">
        <f t="array" ref="D3675">IFERROR(INDEX(Jesper!AH$2:AH$366,ROUNDDOWN($C3675/24,0)+1,1)*INDEX($D$3:$AA$30,INDEX(Jesper!$R$2:$R$366,ROW(INDEX(Jesper!AH$2:AH$366,ROUNDDOWN($C3675/24,0)+1,1))-1)+IF('Standard Profiles'!$G$18=$B$10,7,0)+IF('Standard Profiles'!$G$18=$B$17,14,0)+IF('Standard Profiles'!$G$18=$B$24,21,0),MOD($C3675,24)+1)/SUM(INDEX($D$3:$AA$30,INDEX(Jesper!$R$2:$R$366,ROW(INDEX(Jesper!AH$2:AH$366,ROUNDDOWN($C3675/24,0)+1,1))-1)+IF('Standard Profiles'!$G$18=$B$10,7,0)+IF('Standard Profiles'!$G$18=$B$17,14,0)+IF('Standard Profiles'!$G$18=$B$24,21,0),0)),0)</f>
        <v>8.1781367534850826</v>
      </c>
      <c r="E3675" cm="1">
        <f t="array" ref="E3675">IFERROR(INDEX(Jesper!AI$2:AI$366,ROUNDDOWN($C3675/24,0)+1,1)*INDEX($D$3:$AA$30,INDEX(Jesper!$R$2:$R$366,ROW(INDEX(Jesper!AI$2:AI$366,ROUNDDOWN($C3675/24,0)+1,1))-1)+IF('Standard Profiles'!$G$19=$B$10,7,0)+IF('Standard Profiles'!$G$19=$B$17,14,0)+IF('Standard Profiles'!$G$19=$B$24,21,0),MOD($C3675,24)+1)/SUM(INDEX($D$3:$AA$30,INDEX(Jesper!$R$2:$R$366,ROW(INDEX(Jesper!AI$2:AI$366,ROUNDDOWN($C3675/24,0)+1,1))-1)+IF('Standard Profiles'!$G$19=$B$10,7,0)+IF('Standard Profiles'!$G$19=$B$17,14,0)+IF('Standard Profiles'!$G$19=$B$24,21,0),0)),0)</f>
        <v>3.5813687098821072</v>
      </c>
      <c r="F3675" cm="1">
        <f t="array" ref="F3675">IFERROR(INDEX(Jesper!AJ$2:AJ$366,ROUNDDOWN($C3675/24,0)+1,1)*INDEX($D$3:$AA$30,INDEX(Jesper!$R$2:$R$366,ROW(INDEX(Jesper!AJ$2:AJ$366,ROUNDDOWN($C3675/24,0)+1,1))-1)+IF('Standard Profiles'!$G$20=$B$10,7,0)+IF('Standard Profiles'!$G$20=$B$17,14,0)+IF('Standard Profiles'!$G$20=$B$24,21,0),MOD($C3675,24)+1)/SUM(INDEX($D$3:$AA$30,INDEX(Jesper!$R$2:$R$366,ROW(INDEX(Jesper!AJ$2:AJ$366,ROUNDDOWN($C3675/24,0)+1,1))-1)+IF('Standard Profiles'!$G$20=$B$10,7,0)+IF('Standard Profiles'!$G$20=$B$17,14,0)+IF('Standard Profiles'!$G$20=$B$24,21,0),0)),0)</f>
        <v>0</v>
      </c>
      <c r="G3675" cm="1">
        <f t="array" ref="G3675">IFERROR(INDEX(Jesper!AK$2:AK$366,ROUNDDOWN($C3675/24,0)+1,1)*INDEX($D$3:$AA$30,INDEX(Jesper!$R$2:$R$366,ROW(INDEX(Jesper!AK$2:AK$366,ROUNDDOWN($C3675/24,0)+1,1))-1)+IF('Standard Profiles'!$G$21=$B$10,7,0)+IF('Standard Profiles'!$G$21=$B$17,14,0)+IF('Standard Profiles'!$G$21=$B$24,21,0),MOD($C3675,24)+1)/SUM(INDEX($D$3:$AA$30,INDEX(Jesper!$R$2:$R$366,ROW(INDEX(Jesper!AK$2:AK$366,ROUNDDOWN($C3675/24,0)+1,1))-1)+IF('Standard Profiles'!$G$21=$B$10,7,0)+IF('Standard Profiles'!$G$21=$B$17,14,0)+IF('Standard Profiles'!$G$21=$B$24,21,0),0)),0)</f>
        <v>0.95498057927973523</v>
      </c>
      <c r="H3675" cm="1">
        <f t="array" ref="H3675">IFERROR(INDEX(Jesper!AL$2:AL$366,ROUNDDOWN($C3675/24,0)+1,1)*INDEX($D$3:$AA$30,INDEX(Jesper!$R$2:$R$366,ROW(INDEX(Jesper!AL$2:AL$366,ROUNDDOWN($C3675/24,0)+1,1))-1)+IF('Standard Profiles'!$G$22=$B$10,7,0)+IF('Standard Profiles'!$G$22=$B$17,14,0)+IF('Standard Profiles'!$G$22=$B$24,21,0),MOD($C3675,24)+1)/SUM(INDEX($D$3:$AA$30,INDEX(Jesper!$R$2:$R$366,ROW(INDEX(Jesper!AL$2:AL$366,ROUNDDOWN($C3675/24,0)+1,1))-1)+IF('Standard Profiles'!$G$22=$B$10,7,0)+IF('Standard Profiles'!$G$22=$B$17,14,0)+IF('Standard Profiles'!$G$22=$B$24,21,0),0)),0)</f>
        <v>0</v>
      </c>
      <c r="I3675">
        <f t="shared" si="412"/>
        <v>0.45839067805427269</v>
      </c>
      <c r="J3675">
        <f t="shared" si="413"/>
        <v>10.947593484035039</v>
      </c>
      <c r="K3675">
        <f t="shared" si="414"/>
        <v>0.87233458703840883</v>
      </c>
      <c r="L3675">
        <f t="shared" si="415"/>
        <v>0.43616729351920441</v>
      </c>
      <c r="M3675">
        <f t="shared" si="416"/>
        <v>0</v>
      </c>
      <c r="N3675" s="45">
        <f t="shared" si="417"/>
        <v>45078.708333324503</v>
      </c>
    </row>
    <row r="3676" spans="2:14" x14ac:dyDescent="0.25">
      <c r="B3676">
        <f t="shared" si="411"/>
        <v>4</v>
      </c>
      <c r="C3676" s="16">
        <v>3642</v>
      </c>
      <c r="D3676" cm="1">
        <f t="array" ref="D3676">IFERROR(INDEX(Jesper!AH$2:AH$366,ROUNDDOWN($C3676/24,0)+1,1)*INDEX($D$3:$AA$30,INDEX(Jesper!$R$2:$R$366,ROW(INDEX(Jesper!AH$2:AH$366,ROUNDDOWN($C3676/24,0)+1,1))-1)+IF('Standard Profiles'!$G$18=$B$10,7,0)+IF('Standard Profiles'!$G$18=$B$17,14,0)+IF('Standard Profiles'!$G$18=$B$24,21,0),MOD($C3676,24)+1)/SUM(INDEX($D$3:$AA$30,INDEX(Jesper!$R$2:$R$366,ROW(INDEX(Jesper!AH$2:AH$366,ROUNDDOWN($C3676/24,0)+1,1))-1)+IF('Standard Profiles'!$G$18=$B$10,7,0)+IF('Standard Profiles'!$G$18=$B$17,14,0)+IF('Standard Profiles'!$G$18=$B$24,21,0),0)),0)</f>
        <v>5.3975702573001536</v>
      </c>
      <c r="E3676" cm="1">
        <f t="array" ref="E3676">IFERROR(INDEX(Jesper!AI$2:AI$366,ROUNDDOWN($C3676/24,0)+1,1)*INDEX($D$3:$AA$30,INDEX(Jesper!$R$2:$R$366,ROW(INDEX(Jesper!AI$2:AI$366,ROUNDDOWN($C3676/24,0)+1,1))-1)+IF('Standard Profiles'!$G$19=$B$10,7,0)+IF('Standard Profiles'!$G$19=$B$17,14,0)+IF('Standard Profiles'!$G$19=$B$24,21,0),MOD($C3676,24)+1)/SUM(INDEX($D$3:$AA$30,INDEX(Jesper!$R$2:$R$366,ROW(INDEX(Jesper!AI$2:AI$366,ROUNDDOWN($C3676/24,0)+1,1))-1)+IF('Standard Profiles'!$G$19=$B$10,7,0)+IF('Standard Profiles'!$G$19=$B$17,14,0)+IF('Standard Profiles'!$G$19=$B$24,21,0),0)),0)</f>
        <v>2.3637033485221908</v>
      </c>
      <c r="F3676" cm="1">
        <f t="array" ref="F3676">IFERROR(INDEX(Jesper!AJ$2:AJ$366,ROUNDDOWN($C3676/24,0)+1,1)*INDEX($D$3:$AA$30,INDEX(Jesper!$R$2:$R$366,ROW(INDEX(Jesper!AJ$2:AJ$366,ROUNDDOWN($C3676/24,0)+1,1))-1)+IF('Standard Profiles'!$G$20=$B$10,7,0)+IF('Standard Profiles'!$G$20=$B$17,14,0)+IF('Standard Profiles'!$G$20=$B$24,21,0),MOD($C3676,24)+1)/SUM(INDEX($D$3:$AA$30,INDEX(Jesper!$R$2:$R$366,ROW(INDEX(Jesper!AJ$2:AJ$366,ROUNDDOWN($C3676/24,0)+1,1))-1)+IF('Standard Profiles'!$G$20=$B$10,7,0)+IF('Standard Profiles'!$G$20=$B$17,14,0)+IF('Standard Profiles'!$G$20=$B$24,21,0),0)),0)</f>
        <v>0</v>
      </c>
      <c r="G3676" cm="1">
        <f t="array" ref="G3676">IFERROR(INDEX(Jesper!AK$2:AK$366,ROUNDDOWN($C3676/24,0)+1,1)*INDEX($D$3:$AA$30,INDEX(Jesper!$R$2:$R$366,ROW(INDEX(Jesper!AK$2:AK$366,ROUNDDOWN($C3676/24,0)+1,1))-1)+IF('Standard Profiles'!$G$21=$B$10,7,0)+IF('Standard Profiles'!$G$21=$B$17,14,0)+IF('Standard Profiles'!$G$21=$B$24,21,0),MOD($C3676,24)+1)/SUM(INDEX($D$3:$AA$30,INDEX(Jesper!$R$2:$R$366,ROW(INDEX(Jesper!AK$2:AK$366,ROUNDDOWN($C3676/24,0)+1,1))-1)+IF('Standard Profiles'!$G$21=$B$10,7,0)+IF('Standard Profiles'!$G$21=$B$17,14,0)+IF('Standard Profiles'!$G$21=$B$24,21,0),0)),0)</f>
        <v>0.35402431113243199</v>
      </c>
      <c r="H3676" cm="1">
        <f t="array" ref="H3676">IFERROR(INDEX(Jesper!AL$2:AL$366,ROUNDDOWN($C3676/24,0)+1,1)*INDEX($D$3:$AA$30,INDEX(Jesper!$R$2:$R$366,ROW(INDEX(Jesper!AL$2:AL$366,ROUNDDOWN($C3676/24,0)+1,1))-1)+IF('Standard Profiles'!$G$22=$B$10,7,0)+IF('Standard Profiles'!$G$22=$B$17,14,0)+IF('Standard Profiles'!$G$22=$B$24,21,0),MOD($C3676,24)+1)/SUM(INDEX($D$3:$AA$30,INDEX(Jesper!$R$2:$R$366,ROW(INDEX(Jesper!AL$2:AL$366,ROUNDDOWN($C3676/24,0)+1,1))-1)+IF('Standard Profiles'!$G$22=$B$10,7,0)+IF('Standard Profiles'!$G$22=$B$17,14,0)+IF('Standard Profiles'!$G$22=$B$24,21,0),0)),0)</f>
        <v>0</v>
      </c>
      <c r="I3676">
        <f t="shared" si="412"/>
        <v>0.16993166934356727</v>
      </c>
      <c r="J3676">
        <f t="shared" si="413"/>
        <v>7.081755006443184</v>
      </c>
      <c r="K3676">
        <f t="shared" si="414"/>
        <v>0.57574082744534971</v>
      </c>
      <c r="L3676">
        <f t="shared" si="415"/>
        <v>0.28787041372267486</v>
      </c>
      <c r="M3676">
        <f t="shared" si="416"/>
        <v>0</v>
      </c>
      <c r="N3676" s="45">
        <f t="shared" si="417"/>
        <v>45078.749999991167</v>
      </c>
    </row>
    <row r="3677" spans="2:14" x14ac:dyDescent="0.25">
      <c r="B3677">
        <f t="shared" si="411"/>
        <v>4</v>
      </c>
      <c r="C3677" s="16">
        <v>3643</v>
      </c>
      <c r="D3677" cm="1">
        <f t="array" ref="D3677">IFERROR(INDEX(Jesper!AH$2:AH$366,ROUNDDOWN($C3677/24,0)+1,1)*INDEX($D$3:$AA$30,INDEX(Jesper!$R$2:$R$366,ROW(INDEX(Jesper!AH$2:AH$366,ROUNDDOWN($C3677/24,0)+1,1))-1)+IF('Standard Profiles'!$G$18=$B$10,7,0)+IF('Standard Profiles'!$G$18=$B$17,14,0)+IF('Standard Profiles'!$G$18=$B$24,21,0),MOD($C3677,24)+1)/SUM(INDEX($D$3:$AA$30,INDEX(Jesper!$R$2:$R$366,ROW(INDEX(Jesper!AH$2:AH$366,ROUNDDOWN($C3677/24,0)+1,1))-1)+IF('Standard Profiles'!$G$18=$B$10,7,0)+IF('Standard Profiles'!$G$18=$B$17,14,0)+IF('Standard Profiles'!$G$18=$B$24,21,0),0)),0)</f>
        <v>5.3975702573001536</v>
      </c>
      <c r="E3677" cm="1">
        <f t="array" ref="E3677">IFERROR(INDEX(Jesper!AI$2:AI$366,ROUNDDOWN($C3677/24,0)+1,1)*INDEX($D$3:$AA$30,INDEX(Jesper!$R$2:$R$366,ROW(INDEX(Jesper!AI$2:AI$366,ROUNDDOWN($C3677/24,0)+1,1))-1)+IF('Standard Profiles'!$G$19=$B$10,7,0)+IF('Standard Profiles'!$G$19=$B$17,14,0)+IF('Standard Profiles'!$G$19=$B$24,21,0),MOD($C3677,24)+1)/SUM(INDEX($D$3:$AA$30,INDEX(Jesper!$R$2:$R$366,ROW(INDEX(Jesper!AI$2:AI$366,ROUNDDOWN($C3677/24,0)+1,1))-1)+IF('Standard Profiles'!$G$19=$B$10,7,0)+IF('Standard Profiles'!$G$19=$B$17,14,0)+IF('Standard Profiles'!$G$19=$B$24,21,0),0)),0)</f>
        <v>2.3637033485221908</v>
      </c>
      <c r="F3677" cm="1">
        <f t="array" ref="F3677">IFERROR(INDEX(Jesper!AJ$2:AJ$366,ROUNDDOWN($C3677/24,0)+1,1)*INDEX($D$3:$AA$30,INDEX(Jesper!$R$2:$R$366,ROW(INDEX(Jesper!AJ$2:AJ$366,ROUNDDOWN($C3677/24,0)+1,1))-1)+IF('Standard Profiles'!$G$20=$B$10,7,0)+IF('Standard Profiles'!$G$20=$B$17,14,0)+IF('Standard Profiles'!$G$20=$B$24,21,0),MOD($C3677,24)+1)/SUM(INDEX($D$3:$AA$30,INDEX(Jesper!$R$2:$R$366,ROW(INDEX(Jesper!AJ$2:AJ$366,ROUNDDOWN($C3677/24,0)+1,1))-1)+IF('Standard Profiles'!$G$20=$B$10,7,0)+IF('Standard Profiles'!$G$20=$B$17,14,0)+IF('Standard Profiles'!$G$20=$B$24,21,0),0)),0)</f>
        <v>0</v>
      </c>
      <c r="G3677" cm="1">
        <f t="array" ref="G3677">IFERROR(INDEX(Jesper!AK$2:AK$366,ROUNDDOWN($C3677/24,0)+1,1)*INDEX($D$3:$AA$30,INDEX(Jesper!$R$2:$R$366,ROW(INDEX(Jesper!AK$2:AK$366,ROUNDDOWN($C3677/24,0)+1,1))-1)+IF('Standard Profiles'!$G$21=$B$10,7,0)+IF('Standard Profiles'!$G$21=$B$17,14,0)+IF('Standard Profiles'!$G$21=$B$24,21,0),MOD($C3677,24)+1)/SUM(INDEX($D$3:$AA$30,INDEX(Jesper!$R$2:$R$366,ROW(INDEX(Jesper!AK$2:AK$366,ROUNDDOWN($C3677/24,0)+1,1))-1)+IF('Standard Profiles'!$G$21=$B$10,7,0)+IF('Standard Profiles'!$G$21=$B$17,14,0)+IF('Standard Profiles'!$G$21=$B$24,21,0),0)),0)</f>
        <v>0.35402431113243199</v>
      </c>
      <c r="H3677" cm="1">
        <f t="array" ref="H3677">IFERROR(INDEX(Jesper!AL$2:AL$366,ROUNDDOWN($C3677/24,0)+1,1)*INDEX($D$3:$AA$30,INDEX(Jesper!$R$2:$R$366,ROW(INDEX(Jesper!AL$2:AL$366,ROUNDDOWN($C3677/24,0)+1,1))-1)+IF('Standard Profiles'!$G$22=$B$10,7,0)+IF('Standard Profiles'!$G$22=$B$17,14,0)+IF('Standard Profiles'!$G$22=$B$24,21,0),MOD($C3677,24)+1)/SUM(INDEX($D$3:$AA$30,INDEX(Jesper!$R$2:$R$366,ROW(INDEX(Jesper!AL$2:AL$366,ROUNDDOWN($C3677/24,0)+1,1))-1)+IF('Standard Profiles'!$G$22=$B$10,7,0)+IF('Standard Profiles'!$G$22=$B$17,14,0)+IF('Standard Profiles'!$G$22=$B$24,21,0),0)),0)</f>
        <v>0</v>
      </c>
      <c r="I3677">
        <f t="shared" si="412"/>
        <v>0.16993166934356727</v>
      </c>
      <c r="J3677">
        <f t="shared" si="413"/>
        <v>7.081755006443184</v>
      </c>
      <c r="K3677">
        <f t="shared" si="414"/>
        <v>0.57574082744534971</v>
      </c>
      <c r="L3677">
        <f t="shared" si="415"/>
        <v>0.28787041372267486</v>
      </c>
      <c r="M3677">
        <f t="shared" si="416"/>
        <v>0</v>
      </c>
      <c r="N3677" s="45">
        <f t="shared" si="417"/>
        <v>45078.791666657831</v>
      </c>
    </row>
    <row r="3678" spans="2:14" x14ac:dyDescent="0.25">
      <c r="B3678">
        <f t="shared" si="411"/>
        <v>4</v>
      </c>
      <c r="C3678" s="16">
        <v>3644</v>
      </c>
      <c r="D3678" cm="1">
        <f t="array" ref="D3678">IFERROR(INDEX(Jesper!AH$2:AH$366,ROUNDDOWN($C3678/24,0)+1,1)*INDEX($D$3:$AA$30,INDEX(Jesper!$R$2:$R$366,ROW(INDEX(Jesper!AH$2:AH$366,ROUNDDOWN($C3678/24,0)+1,1))-1)+IF('Standard Profiles'!$G$18=$B$10,7,0)+IF('Standard Profiles'!$G$18=$B$17,14,0)+IF('Standard Profiles'!$G$18=$B$24,21,0),MOD($C3678,24)+1)/SUM(INDEX($D$3:$AA$30,INDEX(Jesper!$R$2:$R$366,ROW(INDEX(Jesper!AH$2:AH$366,ROUNDDOWN($C3678/24,0)+1,1))-1)+IF('Standard Profiles'!$G$18=$B$10,7,0)+IF('Standard Profiles'!$G$18=$B$17,14,0)+IF('Standard Profiles'!$G$18=$B$24,21,0),0)),0)</f>
        <v>5.3975702573001536</v>
      </c>
      <c r="E3678" cm="1">
        <f t="array" ref="E3678">IFERROR(INDEX(Jesper!AI$2:AI$366,ROUNDDOWN($C3678/24,0)+1,1)*INDEX($D$3:$AA$30,INDEX(Jesper!$R$2:$R$366,ROW(INDEX(Jesper!AI$2:AI$366,ROUNDDOWN($C3678/24,0)+1,1))-1)+IF('Standard Profiles'!$G$19=$B$10,7,0)+IF('Standard Profiles'!$G$19=$B$17,14,0)+IF('Standard Profiles'!$G$19=$B$24,21,0),MOD($C3678,24)+1)/SUM(INDEX($D$3:$AA$30,INDEX(Jesper!$R$2:$R$366,ROW(INDEX(Jesper!AI$2:AI$366,ROUNDDOWN($C3678/24,0)+1,1))-1)+IF('Standard Profiles'!$G$19=$B$10,7,0)+IF('Standard Profiles'!$G$19=$B$17,14,0)+IF('Standard Profiles'!$G$19=$B$24,21,0),0)),0)</f>
        <v>2.3637033485221908</v>
      </c>
      <c r="F3678" cm="1">
        <f t="array" ref="F3678">IFERROR(INDEX(Jesper!AJ$2:AJ$366,ROUNDDOWN($C3678/24,0)+1,1)*INDEX($D$3:$AA$30,INDEX(Jesper!$R$2:$R$366,ROW(INDEX(Jesper!AJ$2:AJ$366,ROUNDDOWN($C3678/24,0)+1,1))-1)+IF('Standard Profiles'!$G$20=$B$10,7,0)+IF('Standard Profiles'!$G$20=$B$17,14,0)+IF('Standard Profiles'!$G$20=$B$24,21,0),MOD($C3678,24)+1)/SUM(INDEX($D$3:$AA$30,INDEX(Jesper!$R$2:$R$366,ROW(INDEX(Jesper!AJ$2:AJ$366,ROUNDDOWN($C3678/24,0)+1,1))-1)+IF('Standard Profiles'!$G$20=$B$10,7,0)+IF('Standard Profiles'!$G$20=$B$17,14,0)+IF('Standard Profiles'!$G$20=$B$24,21,0),0)),0)</f>
        <v>0</v>
      </c>
      <c r="G3678" cm="1">
        <f t="array" ref="G3678">IFERROR(INDEX(Jesper!AK$2:AK$366,ROUNDDOWN($C3678/24,0)+1,1)*INDEX($D$3:$AA$30,INDEX(Jesper!$R$2:$R$366,ROW(INDEX(Jesper!AK$2:AK$366,ROUNDDOWN($C3678/24,0)+1,1))-1)+IF('Standard Profiles'!$G$21=$B$10,7,0)+IF('Standard Profiles'!$G$21=$B$17,14,0)+IF('Standard Profiles'!$G$21=$B$24,21,0),MOD($C3678,24)+1)/SUM(INDEX($D$3:$AA$30,INDEX(Jesper!$R$2:$R$366,ROW(INDEX(Jesper!AK$2:AK$366,ROUNDDOWN($C3678/24,0)+1,1))-1)+IF('Standard Profiles'!$G$21=$B$10,7,0)+IF('Standard Profiles'!$G$21=$B$17,14,0)+IF('Standard Profiles'!$G$21=$B$24,21,0),0)),0)</f>
        <v>0.35402431113243199</v>
      </c>
      <c r="H3678" cm="1">
        <f t="array" ref="H3678">IFERROR(INDEX(Jesper!AL$2:AL$366,ROUNDDOWN($C3678/24,0)+1,1)*INDEX($D$3:$AA$30,INDEX(Jesper!$R$2:$R$366,ROW(INDEX(Jesper!AL$2:AL$366,ROUNDDOWN($C3678/24,0)+1,1))-1)+IF('Standard Profiles'!$G$22=$B$10,7,0)+IF('Standard Profiles'!$G$22=$B$17,14,0)+IF('Standard Profiles'!$G$22=$B$24,21,0),MOD($C3678,24)+1)/SUM(INDEX($D$3:$AA$30,INDEX(Jesper!$R$2:$R$366,ROW(INDEX(Jesper!AL$2:AL$366,ROUNDDOWN($C3678/24,0)+1,1))-1)+IF('Standard Profiles'!$G$22=$B$10,7,0)+IF('Standard Profiles'!$G$22=$B$17,14,0)+IF('Standard Profiles'!$G$22=$B$24,21,0),0)),0)</f>
        <v>0</v>
      </c>
      <c r="I3678">
        <f t="shared" si="412"/>
        <v>0.16993166934356727</v>
      </c>
      <c r="J3678">
        <f t="shared" si="413"/>
        <v>7.081755006443184</v>
      </c>
      <c r="K3678">
        <f t="shared" si="414"/>
        <v>0.57574082744534971</v>
      </c>
      <c r="L3678">
        <f t="shared" si="415"/>
        <v>0.28787041372267486</v>
      </c>
      <c r="M3678">
        <f t="shared" si="416"/>
        <v>0</v>
      </c>
      <c r="N3678" s="45">
        <f t="shared" si="417"/>
        <v>45078.833333324495</v>
      </c>
    </row>
    <row r="3679" spans="2:14" x14ac:dyDescent="0.25">
      <c r="B3679">
        <f t="shared" si="411"/>
        <v>4</v>
      </c>
      <c r="C3679" s="16">
        <v>3645</v>
      </c>
      <c r="D3679" cm="1">
        <f t="array" ref="D3679">IFERROR(INDEX(Jesper!AH$2:AH$366,ROUNDDOWN($C3679/24,0)+1,1)*INDEX($D$3:$AA$30,INDEX(Jesper!$R$2:$R$366,ROW(INDEX(Jesper!AH$2:AH$366,ROUNDDOWN($C3679/24,0)+1,1))-1)+IF('Standard Profiles'!$G$18=$B$10,7,0)+IF('Standard Profiles'!$G$18=$B$17,14,0)+IF('Standard Profiles'!$G$18=$B$24,21,0),MOD($C3679,24)+1)/SUM(INDEX($D$3:$AA$30,INDEX(Jesper!$R$2:$R$366,ROW(INDEX(Jesper!AH$2:AH$366,ROUNDDOWN($C3679/24,0)+1,1))-1)+IF('Standard Profiles'!$G$18=$B$10,7,0)+IF('Standard Profiles'!$G$18=$B$17,14,0)+IF('Standard Profiles'!$G$18=$B$24,21,0),0)),0)</f>
        <v>5.3975702573001536</v>
      </c>
      <c r="E3679" cm="1">
        <f t="array" ref="E3679">IFERROR(INDEX(Jesper!AI$2:AI$366,ROUNDDOWN($C3679/24,0)+1,1)*INDEX($D$3:$AA$30,INDEX(Jesper!$R$2:$R$366,ROW(INDEX(Jesper!AI$2:AI$366,ROUNDDOWN($C3679/24,0)+1,1))-1)+IF('Standard Profiles'!$G$19=$B$10,7,0)+IF('Standard Profiles'!$G$19=$B$17,14,0)+IF('Standard Profiles'!$G$19=$B$24,21,0),MOD($C3679,24)+1)/SUM(INDEX($D$3:$AA$30,INDEX(Jesper!$R$2:$R$366,ROW(INDEX(Jesper!AI$2:AI$366,ROUNDDOWN($C3679/24,0)+1,1))-1)+IF('Standard Profiles'!$G$19=$B$10,7,0)+IF('Standard Profiles'!$G$19=$B$17,14,0)+IF('Standard Profiles'!$G$19=$B$24,21,0),0)),0)</f>
        <v>2.3637033485221908</v>
      </c>
      <c r="F3679" cm="1">
        <f t="array" ref="F3679">IFERROR(INDEX(Jesper!AJ$2:AJ$366,ROUNDDOWN($C3679/24,0)+1,1)*INDEX($D$3:$AA$30,INDEX(Jesper!$R$2:$R$366,ROW(INDEX(Jesper!AJ$2:AJ$366,ROUNDDOWN($C3679/24,0)+1,1))-1)+IF('Standard Profiles'!$G$20=$B$10,7,0)+IF('Standard Profiles'!$G$20=$B$17,14,0)+IF('Standard Profiles'!$G$20=$B$24,21,0),MOD($C3679,24)+1)/SUM(INDEX($D$3:$AA$30,INDEX(Jesper!$R$2:$R$366,ROW(INDEX(Jesper!AJ$2:AJ$366,ROUNDDOWN($C3679/24,0)+1,1))-1)+IF('Standard Profiles'!$G$20=$B$10,7,0)+IF('Standard Profiles'!$G$20=$B$17,14,0)+IF('Standard Profiles'!$G$20=$B$24,21,0),0)),0)</f>
        <v>0</v>
      </c>
      <c r="G3679" cm="1">
        <f t="array" ref="G3679">IFERROR(INDEX(Jesper!AK$2:AK$366,ROUNDDOWN($C3679/24,0)+1,1)*INDEX($D$3:$AA$30,INDEX(Jesper!$R$2:$R$366,ROW(INDEX(Jesper!AK$2:AK$366,ROUNDDOWN($C3679/24,0)+1,1))-1)+IF('Standard Profiles'!$G$21=$B$10,7,0)+IF('Standard Profiles'!$G$21=$B$17,14,0)+IF('Standard Profiles'!$G$21=$B$24,21,0),MOD($C3679,24)+1)/SUM(INDEX($D$3:$AA$30,INDEX(Jesper!$R$2:$R$366,ROW(INDEX(Jesper!AK$2:AK$366,ROUNDDOWN($C3679/24,0)+1,1))-1)+IF('Standard Profiles'!$G$21=$B$10,7,0)+IF('Standard Profiles'!$G$21=$B$17,14,0)+IF('Standard Profiles'!$G$21=$B$24,21,0),0)),0)</f>
        <v>0.35402431113243199</v>
      </c>
      <c r="H3679" cm="1">
        <f t="array" ref="H3679">IFERROR(INDEX(Jesper!AL$2:AL$366,ROUNDDOWN($C3679/24,0)+1,1)*INDEX($D$3:$AA$30,INDEX(Jesper!$R$2:$R$366,ROW(INDEX(Jesper!AL$2:AL$366,ROUNDDOWN($C3679/24,0)+1,1))-1)+IF('Standard Profiles'!$G$22=$B$10,7,0)+IF('Standard Profiles'!$G$22=$B$17,14,0)+IF('Standard Profiles'!$G$22=$B$24,21,0),MOD($C3679,24)+1)/SUM(INDEX($D$3:$AA$30,INDEX(Jesper!$R$2:$R$366,ROW(INDEX(Jesper!AL$2:AL$366,ROUNDDOWN($C3679/24,0)+1,1))-1)+IF('Standard Profiles'!$G$22=$B$10,7,0)+IF('Standard Profiles'!$G$22=$B$17,14,0)+IF('Standard Profiles'!$G$22=$B$24,21,0),0)),0)</f>
        <v>0</v>
      </c>
      <c r="I3679">
        <f t="shared" si="412"/>
        <v>0.16993166934356727</v>
      </c>
      <c r="J3679">
        <f t="shared" si="413"/>
        <v>7.081755006443184</v>
      </c>
      <c r="K3679">
        <f t="shared" si="414"/>
        <v>0.57574082744534971</v>
      </c>
      <c r="L3679">
        <f t="shared" si="415"/>
        <v>0.28787041372267486</v>
      </c>
      <c r="M3679">
        <f t="shared" si="416"/>
        <v>0</v>
      </c>
      <c r="N3679" s="45">
        <f t="shared" si="417"/>
        <v>45078.87499999116</v>
      </c>
    </row>
    <row r="3680" spans="2:14" x14ac:dyDescent="0.25">
      <c r="B3680">
        <f t="shared" si="411"/>
        <v>4</v>
      </c>
      <c r="C3680" s="16">
        <v>3646</v>
      </c>
      <c r="D3680" cm="1">
        <f t="array" ref="D3680">IFERROR(INDEX(Jesper!AH$2:AH$366,ROUNDDOWN($C3680/24,0)+1,1)*INDEX($D$3:$AA$30,INDEX(Jesper!$R$2:$R$366,ROW(INDEX(Jesper!AH$2:AH$366,ROUNDDOWN($C3680/24,0)+1,1))-1)+IF('Standard Profiles'!$G$18=$B$10,7,0)+IF('Standard Profiles'!$G$18=$B$17,14,0)+IF('Standard Profiles'!$G$18=$B$24,21,0),MOD($C3680,24)+1)/SUM(INDEX($D$3:$AA$30,INDEX(Jesper!$R$2:$R$366,ROW(INDEX(Jesper!AH$2:AH$366,ROUNDDOWN($C3680/24,0)+1,1))-1)+IF('Standard Profiles'!$G$18=$B$10,7,0)+IF('Standard Profiles'!$G$18=$B$17,14,0)+IF('Standard Profiles'!$G$18=$B$24,21,0),0)),0)</f>
        <v>5.3975702573001536</v>
      </c>
      <c r="E3680" cm="1">
        <f t="array" ref="E3680">IFERROR(INDEX(Jesper!AI$2:AI$366,ROUNDDOWN($C3680/24,0)+1,1)*INDEX($D$3:$AA$30,INDEX(Jesper!$R$2:$R$366,ROW(INDEX(Jesper!AI$2:AI$366,ROUNDDOWN($C3680/24,0)+1,1))-1)+IF('Standard Profiles'!$G$19=$B$10,7,0)+IF('Standard Profiles'!$G$19=$B$17,14,0)+IF('Standard Profiles'!$G$19=$B$24,21,0),MOD($C3680,24)+1)/SUM(INDEX($D$3:$AA$30,INDEX(Jesper!$R$2:$R$366,ROW(INDEX(Jesper!AI$2:AI$366,ROUNDDOWN($C3680/24,0)+1,1))-1)+IF('Standard Profiles'!$G$19=$B$10,7,0)+IF('Standard Profiles'!$G$19=$B$17,14,0)+IF('Standard Profiles'!$G$19=$B$24,21,0),0)),0)</f>
        <v>2.3637033485221908</v>
      </c>
      <c r="F3680" cm="1">
        <f t="array" ref="F3680">IFERROR(INDEX(Jesper!AJ$2:AJ$366,ROUNDDOWN($C3680/24,0)+1,1)*INDEX($D$3:$AA$30,INDEX(Jesper!$R$2:$R$366,ROW(INDEX(Jesper!AJ$2:AJ$366,ROUNDDOWN($C3680/24,0)+1,1))-1)+IF('Standard Profiles'!$G$20=$B$10,7,0)+IF('Standard Profiles'!$G$20=$B$17,14,0)+IF('Standard Profiles'!$G$20=$B$24,21,0),MOD($C3680,24)+1)/SUM(INDEX($D$3:$AA$30,INDEX(Jesper!$R$2:$R$366,ROW(INDEX(Jesper!AJ$2:AJ$366,ROUNDDOWN($C3680/24,0)+1,1))-1)+IF('Standard Profiles'!$G$20=$B$10,7,0)+IF('Standard Profiles'!$G$20=$B$17,14,0)+IF('Standard Profiles'!$G$20=$B$24,21,0),0)),0)</f>
        <v>0</v>
      </c>
      <c r="G3680" cm="1">
        <f t="array" ref="G3680">IFERROR(INDEX(Jesper!AK$2:AK$366,ROUNDDOWN($C3680/24,0)+1,1)*INDEX($D$3:$AA$30,INDEX(Jesper!$R$2:$R$366,ROW(INDEX(Jesper!AK$2:AK$366,ROUNDDOWN($C3680/24,0)+1,1))-1)+IF('Standard Profiles'!$G$21=$B$10,7,0)+IF('Standard Profiles'!$G$21=$B$17,14,0)+IF('Standard Profiles'!$G$21=$B$24,21,0),MOD($C3680,24)+1)/SUM(INDEX($D$3:$AA$30,INDEX(Jesper!$R$2:$R$366,ROW(INDEX(Jesper!AK$2:AK$366,ROUNDDOWN($C3680/24,0)+1,1))-1)+IF('Standard Profiles'!$G$21=$B$10,7,0)+IF('Standard Profiles'!$G$21=$B$17,14,0)+IF('Standard Profiles'!$G$21=$B$24,21,0),0)),0)</f>
        <v>0.35402431113243199</v>
      </c>
      <c r="H3680" cm="1">
        <f t="array" ref="H3680">IFERROR(INDEX(Jesper!AL$2:AL$366,ROUNDDOWN($C3680/24,0)+1,1)*INDEX($D$3:$AA$30,INDEX(Jesper!$R$2:$R$366,ROW(INDEX(Jesper!AL$2:AL$366,ROUNDDOWN($C3680/24,0)+1,1))-1)+IF('Standard Profiles'!$G$22=$B$10,7,0)+IF('Standard Profiles'!$G$22=$B$17,14,0)+IF('Standard Profiles'!$G$22=$B$24,21,0),MOD($C3680,24)+1)/SUM(INDEX($D$3:$AA$30,INDEX(Jesper!$R$2:$R$366,ROW(INDEX(Jesper!AL$2:AL$366,ROUNDDOWN($C3680/24,0)+1,1))-1)+IF('Standard Profiles'!$G$22=$B$10,7,0)+IF('Standard Profiles'!$G$22=$B$17,14,0)+IF('Standard Profiles'!$G$22=$B$24,21,0),0)),0)</f>
        <v>0</v>
      </c>
      <c r="I3680">
        <f t="shared" si="412"/>
        <v>0.16993166934356727</v>
      </c>
      <c r="J3680">
        <f t="shared" si="413"/>
        <v>7.081755006443184</v>
      </c>
      <c r="K3680">
        <f t="shared" si="414"/>
        <v>0.57574082744534971</v>
      </c>
      <c r="L3680">
        <f t="shared" si="415"/>
        <v>0.28787041372267486</v>
      </c>
      <c r="M3680">
        <f t="shared" si="416"/>
        <v>0</v>
      </c>
      <c r="N3680" s="45">
        <f t="shared" si="417"/>
        <v>45078.916666657824</v>
      </c>
    </row>
    <row r="3681" spans="2:14" x14ac:dyDescent="0.25">
      <c r="B3681">
        <f t="shared" si="411"/>
        <v>4</v>
      </c>
      <c r="C3681" s="16">
        <v>3647</v>
      </c>
      <c r="D3681" cm="1">
        <f t="array" ref="D3681">IFERROR(INDEX(Jesper!AH$2:AH$366,ROUNDDOWN($C3681/24,0)+1,1)*INDEX($D$3:$AA$30,INDEX(Jesper!$R$2:$R$366,ROW(INDEX(Jesper!AH$2:AH$366,ROUNDDOWN($C3681/24,0)+1,1))-1)+IF('Standard Profiles'!$G$18=$B$10,7,0)+IF('Standard Profiles'!$G$18=$B$17,14,0)+IF('Standard Profiles'!$G$18=$B$24,21,0),MOD($C3681,24)+1)/SUM(INDEX($D$3:$AA$30,INDEX(Jesper!$R$2:$R$366,ROW(INDEX(Jesper!AH$2:AH$366,ROUNDDOWN($C3681/24,0)+1,1))-1)+IF('Standard Profiles'!$G$18=$B$10,7,0)+IF('Standard Profiles'!$G$18=$B$17,14,0)+IF('Standard Profiles'!$G$18=$B$24,21,0),0)),0)</f>
        <v>5.3975702573001536</v>
      </c>
      <c r="E3681" cm="1">
        <f t="array" ref="E3681">IFERROR(INDEX(Jesper!AI$2:AI$366,ROUNDDOWN($C3681/24,0)+1,1)*INDEX($D$3:$AA$30,INDEX(Jesper!$R$2:$R$366,ROW(INDEX(Jesper!AI$2:AI$366,ROUNDDOWN($C3681/24,0)+1,1))-1)+IF('Standard Profiles'!$G$19=$B$10,7,0)+IF('Standard Profiles'!$G$19=$B$17,14,0)+IF('Standard Profiles'!$G$19=$B$24,21,0),MOD($C3681,24)+1)/SUM(INDEX($D$3:$AA$30,INDEX(Jesper!$R$2:$R$366,ROW(INDEX(Jesper!AI$2:AI$366,ROUNDDOWN($C3681/24,0)+1,1))-1)+IF('Standard Profiles'!$G$19=$B$10,7,0)+IF('Standard Profiles'!$G$19=$B$17,14,0)+IF('Standard Profiles'!$G$19=$B$24,21,0),0)),0)</f>
        <v>2.3637033485221908</v>
      </c>
      <c r="F3681" cm="1">
        <f t="array" ref="F3681">IFERROR(INDEX(Jesper!AJ$2:AJ$366,ROUNDDOWN($C3681/24,0)+1,1)*INDEX($D$3:$AA$30,INDEX(Jesper!$R$2:$R$366,ROW(INDEX(Jesper!AJ$2:AJ$366,ROUNDDOWN($C3681/24,0)+1,1))-1)+IF('Standard Profiles'!$G$20=$B$10,7,0)+IF('Standard Profiles'!$G$20=$B$17,14,0)+IF('Standard Profiles'!$G$20=$B$24,21,0),MOD($C3681,24)+1)/SUM(INDEX($D$3:$AA$30,INDEX(Jesper!$R$2:$R$366,ROW(INDEX(Jesper!AJ$2:AJ$366,ROUNDDOWN($C3681/24,0)+1,1))-1)+IF('Standard Profiles'!$G$20=$B$10,7,0)+IF('Standard Profiles'!$G$20=$B$17,14,0)+IF('Standard Profiles'!$G$20=$B$24,21,0),0)),0)</f>
        <v>0</v>
      </c>
      <c r="G3681" cm="1">
        <f t="array" ref="G3681">IFERROR(INDEX(Jesper!AK$2:AK$366,ROUNDDOWN($C3681/24,0)+1,1)*INDEX($D$3:$AA$30,INDEX(Jesper!$R$2:$R$366,ROW(INDEX(Jesper!AK$2:AK$366,ROUNDDOWN($C3681/24,0)+1,1))-1)+IF('Standard Profiles'!$G$21=$B$10,7,0)+IF('Standard Profiles'!$G$21=$B$17,14,0)+IF('Standard Profiles'!$G$21=$B$24,21,0),MOD($C3681,24)+1)/SUM(INDEX($D$3:$AA$30,INDEX(Jesper!$R$2:$R$366,ROW(INDEX(Jesper!AK$2:AK$366,ROUNDDOWN($C3681/24,0)+1,1))-1)+IF('Standard Profiles'!$G$21=$B$10,7,0)+IF('Standard Profiles'!$G$21=$B$17,14,0)+IF('Standard Profiles'!$G$21=$B$24,21,0),0)),0)</f>
        <v>0.35402431113243199</v>
      </c>
      <c r="H3681" cm="1">
        <f t="array" ref="H3681">IFERROR(INDEX(Jesper!AL$2:AL$366,ROUNDDOWN($C3681/24,0)+1,1)*INDEX($D$3:$AA$30,INDEX(Jesper!$R$2:$R$366,ROW(INDEX(Jesper!AL$2:AL$366,ROUNDDOWN($C3681/24,0)+1,1))-1)+IF('Standard Profiles'!$G$22=$B$10,7,0)+IF('Standard Profiles'!$G$22=$B$17,14,0)+IF('Standard Profiles'!$G$22=$B$24,21,0),MOD($C3681,24)+1)/SUM(INDEX($D$3:$AA$30,INDEX(Jesper!$R$2:$R$366,ROW(INDEX(Jesper!AL$2:AL$366,ROUNDDOWN($C3681/24,0)+1,1))-1)+IF('Standard Profiles'!$G$22=$B$10,7,0)+IF('Standard Profiles'!$G$22=$B$17,14,0)+IF('Standard Profiles'!$G$22=$B$24,21,0),0)),0)</f>
        <v>0</v>
      </c>
      <c r="I3681">
        <f t="shared" si="412"/>
        <v>0.16993166934356727</v>
      </c>
      <c r="J3681">
        <f t="shared" si="413"/>
        <v>7.081755006443184</v>
      </c>
      <c r="K3681">
        <f t="shared" si="414"/>
        <v>0.57574082744534971</v>
      </c>
      <c r="L3681">
        <f t="shared" si="415"/>
        <v>0.28787041372267486</v>
      </c>
      <c r="M3681">
        <f t="shared" si="416"/>
        <v>0</v>
      </c>
      <c r="N3681" s="45">
        <f t="shared" si="417"/>
        <v>45078.958333324488</v>
      </c>
    </row>
    <row r="3682" spans="2:14" x14ac:dyDescent="0.25">
      <c r="B3682">
        <f t="shared" si="411"/>
        <v>5</v>
      </c>
      <c r="C3682" s="16">
        <v>3648</v>
      </c>
      <c r="D3682" cm="1">
        <f t="array" ref="D3682">IFERROR(INDEX(Jesper!AH$2:AH$366,ROUNDDOWN($C3682/24,0)+1,1)*INDEX($D$3:$AA$30,INDEX(Jesper!$R$2:$R$366,ROW(INDEX(Jesper!AH$2:AH$366,ROUNDDOWN($C3682/24,0)+1,1))-1)+IF('Standard Profiles'!$G$18=$B$10,7,0)+IF('Standard Profiles'!$G$18=$B$17,14,0)+IF('Standard Profiles'!$G$18=$B$24,21,0),MOD($C3682,24)+1)/SUM(INDEX($D$3:$AA$30,INDEX(Jesper!$R$2:$R$366,ROW(INDEX(Jesper!AH$2:AH$366,ROUNDDOWN($C3682/24,0)+1,1))-1)+IF('Standard Profiles'!$G$18=$B$10,7,0)+IF('Standard Profiles'!$G$18=$B$17,14,0)+IF('Standard Profiles'!$G$18=$B$24,21,0),0)),0)</f>
        <v>8.2057917724460001</v>
      </c>
      <c r="E3682" cm="1">
        <f t="array" ref="E3682">IFERROR(INDEX(Jesper!AI$2:AI$366,ROUNDDOWN($C3682/24,0)+1,1)*INDEX($D$3:$AA$30,INDEX(Jesper!$R$2:$R$366,ROW(INDEX(Jesper!AI$2:AI$366,ROUNDDOWN($C3682/24,0)+1,1))-1)+IF('Standard Profiles'!$G$19=$B$10,7,0)+IF('Standard Profiles'!$G$19=$B$17,14,0)+IF('Standard Profiles'!$G$19=$B$24,21,0),MOD($C3682,24)+1)/SUM(INDEX($D$3:$AA$30,INDEX(Jesper!$R$2:$R$366,ROW(INDEX(Jesper!AI$2:AI$366,ROUNDDOWN($C3682/24,0)+1,1))-1)+IF('Standard Profiles'!$G$19=$B$10,7,0)+IF('Standard Profiles'!$G$19=$B$17,14,0)+IF('Standard Profiles'!$G$19=$B$24,21,0),0)),0)</f>
        <v>3.5291609432178954</v>
      </c>
      <c r="F3682" cm="1">
        <f t="array" ref="F3682">IFERROR(INDEX(Jesper!AJ$2:AJ$366,ROUNDDOWN($C3682/24,0)+1,1)*INDEX($D$3:$AA$30,INDEX(Jesper!$R$2:$R$366,ROW(INDEX(Jesper!AJ$2:AJ$366,ROUNDDOWN($C3682/24,0)+1,1))-1)+IF('Standard Profiles'!$G$20=$B$10,7,0)+IF('Standard Profiles'!$G$20=$B$17,14,0)+IF('Standard Profiles'!$G$20=$B$24,21,0),MOD($C3682,24)+1)/SUM(INDEX($D$3:$AA$30,INDEX(Jesper!$R$2:$R$366,ROW(INDEX(Jesper!AJ$2:AJ$366,ROUNDDOWN($C3682/24,0)+1,1))-1)+IF('Standard Profiles'!$G$20=$B$10,7,0)+IF('Standard Profiles'!$G$20=$B$17,14,0)+IF('Standard Profiles'!$G$20=$B$24,21,0),0)),0)</f>
        <v>0</v>
      </c>
      <c r="G3682" cm="1">
        <f t="array" ref="G3682">IFERROR(INDEX(Jesper!AK$2:AK$366,ROUNDDOWN($C3682/24,0)+1,1)*INDEX($D$3:$AA$30,INDEX(Jesper!$R$2:$R$366,ROW(INDEX(Jesper!AK$2:AK$366,ROUNDDOWN($C3682/24,0)+1,1))-1)+IF('Standard Profiles'!$G$21=$B$10,7,0)+IF('Standard Profiles'!$G$21=$B$17,14,0)+IF('Standard Profiles'!$G$21=$B$24,21,0),MOD($C3682,24)+1)/SUM(INDEX($D$3:$AA$30,INDEX(Jesper!$R$2:$R$366,ROW(INDEX(Jesper!AK$2:AK$366,ROUNDDOWN($C3682/24,0)+1,1))-1)+IF('Standard Profiles'!$G$21=$B$10,7,0)+IF('Standard Profiles'!$G$21=$B$17,14,0)+IF('Standard Profiles'!$G$21=$B$24,21,0),0)),0)</f>
        <v>0.26835250543146205</v>
      </c>
      <c r="H3682" cm="1">
        <f t="array" ref="H3682">IFERROR(INDEX(Jesper!AL$2:AL$366,ROUNDDOWN($C3682/24,0)+1,1)*INDEX($D$3:$AA$30,INDEX(Jesper!$R$2:$R$366,ROW(INDEX(Jesper!AL$2:AL$366,ROUNDDOWN($C3682/24,0)+1,1))-1)+IF('Standard Profiles'!$G$22=$B$10,7,0)+IF('Standard Profiles'!$G$22=$B$17,14,0)+IF('Standard Profiles'!$G$22=$B$24,21,0),MOD($C3682,24)+1)/SUM(INDEX($D$3:$AA$30,INDEX(Jesper!$R$2:$R$366,ROW(INDEX(Jesper!AL$2:AL$366,ROUNDDOWN($C3682/24,0)+1,1))-1)+IF('Standard Profiles'!$G$22=$B$10,7,0)+IF('Standard Profiles'!$G$22=$B$17,14,0)+IF('Standard Profiles'!$G$22=$B$24,21,0),0)),0)</f>
        <v>0</v>
      </c>
      <c r="I3682">
        <f t="shared" si="412"/>
        <v>0.12880920260710171</v>
      </c>
      <c r="J3682">
        <f t="shared" si="413"/>
        <v>10.561569334896896</v>
      </c>
      <c r="K3682">
        <f t="shared" si="414"/>
        <v>0.87528445572757341</v>
      </c>
      <c r="L3682">
        <f t="shared" si="415"/>
        <v>0.4376422278637867</v>
      </c>
      <c r="M3682">
        <f t="shared" si="416"/>
        <v>0</v>
      </c>
      <c r="N3682" s="45">
        <f t="shared" si="417"/>
        <v>45078.999999991152</v>
      </c>
    </row>
    <row r="3683" spans="2:14" x14ac:dyDescent="0.25">
      <c r="B3683">
        <f t="shared" ref="B3683:B3746" si="418">WEEKDAY(N3683,2)</f>
        <v>5</v>
      </c>
      <c r="C3683" s="16">
        <v>3649</v>
      </c>
      <c r="D3683" cm="1">
        <f t="array" ref="D3683">IFERROR(INDEX(Jesper!AH$2:AH$366,ROUNDDOWN($C3683/24,0)+1,1)*INDEX($D$3:$AA$30,INDEX(Jesper!$R$2:$R$366,ROW(INDEX(Jesper!AH$2:AH$366,ROUNDDOWN($C3683/24,0)+1,1))-1)+IF('Standard Profiles'!$G$18=$B$10,7,0)+IF('Standard Profiles'!$G$18=$B$17,14,0)+IF('Standard Profiles'!$G$18=$B$24,21,0),MOD($C3683,24)+1)/SUM(INDEX($D$3:$AA$30,INDEX(Jesper!$R$2:$R$366,ROW(INDEX(Jesper!AH$2:AH$366,ROUNDDOWN($C3683/24,0)+1,1))-1)+IF('Standard Profiles'!$G$18=$B$10,7,0)+IF('Standard Profiles'!$G$18=$B$17,14,0)+IF('Standard Profiles'!$G$18=$B$24,21,0),0)),0)</f>
        <v>4.973207134815758</v>
      </c>
      <c r="E3683" cm="1">
        <f t="array" ref="E3683">IFERROR(INDEX(Jesper!AI$2:AI$366,ROUNDDOWN($C3683/24,0)+1,1)*INDEX($D$3:$AA$30,INDEX(Jesper!$R$2:$R$366,ROW(INDEX(Jesper!AI$2:AI$366,ROUNDDOWN($C3683/24,0)+1,1))-1)+IF('Standard Profiles'!$G$19=$B$10,7,0)+IF('Standard Profiles'!$G$19=$B$17,14,0)+IF('Standard Profiles'!$G$19=$B$24,21,0),MOD($C3683,24)+1)/SUM(INDEX($D$3:$AA$30,INDEX(Jesper!$R$2:$R$366,ROW(INDEX(Jesper!AI$2:AI$366,ROUNDDOWN($C3683/24,0)+1,1))-1)+IF('Standard Profiles'!$G$19=$B$10,7,0)+IF('Standard Profiles'!$G$19=$B$17,14,0)+IF('Standard Profiles'!$G$19=$B$24,21,0),0)),0)</f>
        <v>2.1388854201320577</v>
      </c>
      <c r="F3683" cm="1">
        <f t="array" ref="F3683">IFERROR(INDEX(Jesper!AJ$2:AJ$366,ROUNDDOWN($C3683/24,0)+1,1)*INDEX($D$3:$AA$30,INDEX(Jesper!$R$2:$R$366,ROW(INDEX(Jesper!AJ$2:AJ$366,ROUNDDOWN($C3683/24,0)+1,1))-1)+IF('Standard Profiles'!$G$20=$B$10,7,0)+IF('Standard Profiles'!$G$20=$B$17,14,0)+IF('Standard Profiles'!$G$20=$B$24,21,0),MOD($C3683,24)+1)/SUM(INDEX($D$3:$AA$30,INDEX(Jesper!$R$2:$R$366,ROW(INDEX(Jesper!AJ$2:AJ$366,ROUNDDOWN($C3683/24,0)+1,1))-1)+IF('Standard Profiles'!$G$20=$B$10,7,0)+IF('Standard Profiles'!$G$20=$B$17,14,0)+IF('Standard Profiles'!$G$20=$B$24,21,0),0)),0)</f>
        <v>0</v>
      </c>
      <c r="G3683" cm="1">
        <f t="array" ref="G3683">IFERROR(INDEX(Jesper!AK$2:AK$366,ROUNDDOWN($C3683/24,0)+1,1)*INDEX($D$3:$AA$30,INDEX(Jesper!$R$2:$R$366,ROW(INDEX(Jesper!AK$2:AK$366,ROUNDDOWN($C3683/24,0)+1,1))-1)+IF('Standard Profiles'!$G$21=$B$10,7,0)+IF('Standard Profiles'!$G$21=$B$17,14,0)+IF('Standard Profiles'!$G$21=$B$24,21,0),MOD($C3683,24)+1)/SUM(INDEX($D$3:$AA$30,INDEX(Jesper!$R$2:$R$366,ROW(INDEX(Jesper!AK$2:AK$366,ROUNDDOWN($C3683/24,0)+1,1))-1)+IF('Standard Profiles'!$G$21=$B$10,7,0)+IF('Standard Profiles'!$G$21=$B$17,14,0)+IF('Standard Profiles'!$G$21=$B$24,21,0),0)),0)</f>
        <v>0.26835250543146205</v>
      </c>
      <c r="H3683" cm="1">
        <f t="array" ref="H3683">IFERROR(INDEX(Jesper!AL$2:AL$366,ROUNDDOWN($C3683/24,0)+1,1)*INDEX($D$3:$AA$30,INDEX(Jesper!$R$2:$R$366,ROW(INDEX(Jesper!AL$2:AL$366,ROUNDDOWN($C3683/24,0)+1,1))-1)+IF('Standard Profiles'!$G$22=$B$10,7,0)+IF('Standard Profiles'!$G$22=$B$17,14,0)+IF('Standard Profiles'!$G$22=$B$24,21,0),MOD($C3683,24)+1)/SUM(INDEX($D$3:$AA$30,INDEX(Jesper!$R$2:$R$366,ROW(INDEX(Jesper!AL$2:AL$366,ROUNDDOWN($C3683/24,0)+1,1))-1)+IF('Standard Profiles'!$G$22=$B$10,7,0)+IF('Standard Profiles'!$G$22=$B$17,14,0)+IF('Standard Profiles'!$G$22=$B$24,21,0),0)),0)</f>
        <v>0</v>
      </c>
      <c r="I3683">
        <f t="shared" ref="I3683:I3746" si="419">IF($B3683&lt;6,AC$37*$D3683+AC$38*$E3683+AC$39*$F3683+AC$40*$G3683,AC$46*$D3683+AC$47*$E3683+AC$48*$F3683+AC$49*$G3683+AC$50*$H3683)</f>
        <v>0.12880920260710171</v>
      </c>
      <c r="J3683">
        <f t="shared" ref="J3683:J3746" si="420">IF($B3683&lt;6,AD$37*$D3683+AD$38*$E3683+AD$39*$F3683+AD$40*$G3683,AD$46*$D3683+AD$47*$E3683+AD$48*$F3683+AD$49*$G3683+AD$50*$H3683)</f>
        <v>6.4559227162016546</v>
      </c>
      <c r="K3683">
        <f t="shared" ref="K3683:K3746" si="421">IF($B3683&lt;6,AE$37*$D3683+AE$38*$E3683+AE$39*$F3683+AE$40*$G3683,AE$46*$D3683+AE$47*$E3683+AE$48*$F3683+AE$49*$G3683+AE$50*$H3683)</f>
        <v>0.53047542771368095</v>
      </c>
      <c r="L3683">
        <f t="shared" ref="L3683:L3746" si="422">IF($B3683&lt;6,AF$37*$D3683+AF$38*$E3683+AF$39*$F3683+AF$40*$G3683,AF$46*$D3683+AF$47*$E3683+AF$48*$F3683+AF$49*$G3683+AF$50*$H3683)</f>
        <v>0.26523771385684047</v>
      </c>
      <c r="M3683">
        <f t="shared" ref="M3683:M3746" si="423">IF($B3683&lt;6,AG$37*$D3683+AG$38*$E3683+AG$39*$F3683+AG$40*$G3683,AG$46*$D3683+AG$47*$E3683+AG$48*$F3683+AG$49*$G3683+AG$50*$H3683)</f>
        <v>0</v>
      </c>
      <c r="N3683" s="45">
        <f t="shared" si="417"/>
        <v>45079.041666657817</v>
      </c>
    </row>
    <row r="3684" spans="2:14" x14ac:dyDescent="0.25">
      <c r="B3684">
        <f t="shared" si="418"/>
        <v>5</v>
      </c>
      <c r="C3684" s="16">
        <v>3650</v>
      </c>
      <c r="D3684" cm="1">
        <f t="array" ref="D3684">IFERROR(INDEX(Jesper!AH$2:AH$366,ROUNDDOWN($C3684/24,0)+1,1)*INDEX($D$3:$AA$30,INDEX(Jesper!$R$2:$R$366,ROW(INDEX(Jesper!AH$2:AH$366,ROUNDDOWN($C3684/24,0)+1,1))-1)+IF('Standard Profiles'!$G$18=$B$10,7,0)+IF('Standard Profiles'!$G$18=$B$17,14,0)+IF('Standard Profiles'!$G$18=$B$24,21,0),MOD($C3684,24)+1)/SUM(INDEX($D$3:$AA$30,INDEX(Jesper!$R$2:$R$366,ROW(INDEX(Jesper!AH$2:AH$366,ROUNDDOWN($C3684/24,0)+1,1))-1)+IF('Standard Profiles'!$G$18=$B$10,7,0)+IF('Standard Profiles'!$G$18=$B$17,14,0)+IF('Standard Profiles'!$G$18=$B$24,21,0),0)),0)</f>
        <v>4.973207134815758</v>
      </c>
      <c r="E3684" cm="1">
        <f t="array" ref="E3684">IFERROR(INDEX(Jesper!AI$2:AI$366,ROUNDDOWN($C3684/24,0)+1,1)*INDEX($D$3:$AA$30,INDEX(Jesper!$R$2:$R$366,ROW(INDEX(Jesper!AI$2:AI$366,ROUNDDOWN($C3684/24,0)+1,1))-1)+IF('Standard Profiles'!$G$19=$B$10,7,0)+IF('Standard Profiles'!$G$19=$B$17,14,0)+IF('Standard Profiles'!$G$19=$B$24,21,0),MOD($C3684,24)+1)/SUM(INDEX($D$3:$AA$30,INDEX(Jesper!$R$2:$R$366,ROW(INDEX(Jesper!AI$2:AI$366,ROUNDDOWN($C3684/24,0)+1,1))-1)+IF('Standard Profiles'!$G$19=$B$10,7,0)+IF('Standard Profiles'!$G$19=$B$17,14,0)+IF('Standard Profiles'!$G$19=$B$24,21,0),0)),0)</f>
        <v>2.1388854201320577</v>
      </c>
      <c r="F3684" cm="1">
        <f t="array" ref="F3684">IFERROR(INDEX(Jesper!AJ$2:AJ$366,ROUNDDOWN($C3684/24,0)+1,1)*INDEX($D$3:$AA$30,INDEX(Jesper!$R$2:$R$366,ROW(INDEX(Jesper!AJ$2:AJ$366,ROUNDDOWN($C3684/24,0)+1,1))-1)+IF('Standard Profiles'!$G$20=$B$10,7,0)+IF('Standard Profiles'!$G$20=$B$17,14,0)+IF('Standard Profiles'!$G$20=$B$24,21,0),MOD($C3684,24)+1)/SUM(INDEX($D$3:$AA$30,INDEX(Jesper!$R$2:$R$366,ROW(INDEX(Jesper!AJ$2:AJ$366,ROUNDDOWN($C3684/24,0)+1,1))-1)+IF('Standard Profiles'!$G$20=$B$10,7,0)+IF('Standard Profiles'!$G$20=$B$17,14,0)+IF('Standard Profiles'!$G$20=$B$24,21,0),0)),0)</f>
        <v>0</v>
      </c>
      <c r="G3684" cm="1">
        <f t="array" ref="G3684">IFERROR(INDEX(Jesper!AK$2:AK$366,ROUNDDOWN($C3684/24,0)+1,1)*INDEX($D$3:$AA$30,INDEX(Jesper!$R$2:$R$366,ROW(INDEX(Jesper!AK$2:AK$366,ROUNDDOWN($C3684/24,0)+1,1))-1)+IF('Standard Profiles'!$G$21=$B$10,7,0)+IF('Standard Profiles'!$G$21=$B$17,14,0)+IF('Standard Profiles'!$G$21=$B$24,21,0),MOD($C3684,24)+1)/SUM(INDEX($D$3:$AA$30,INDEX(Jesper!$R$2:$R$366,ROW(INDEX(Jesper!AK$2:AK$366,ROUNDDOWN($C3684/24,0)+1,1))-1)+IF('Standard Profiles'!$G$21=$B$10,7,0)+IF('Standard Profiles'!$G$21=$B$17,14,0)+IF('Standard Profiles'!$G$21=$B$24,21,0),0)),0)</f>
        <v>0.26835250543146205</v>
      </c>
      <c r="H3684" cm="1">
        <f t="array" ref="H3684">IFERROR(INDEX(Jesper!AL$2:AL$366,ROUNDDOWN($C3684/24,0)+1,1)*INDEX($D$3:$AA$30,INDEX(Jesper!$R$2:$R$366,ROW(INDEX(Jesper!AL$2:AL$366,ROUNDDOWN($C3684/24,0)+1,1))-1)+IF('Standard Profiles'!$G$22=$B$10,7,0)+IF('Standard Profiles'!$G$22=$B$17,14,0)+IF('Standard Profiles'!$G$22=$B$24,21,0),MOD($C3684,24)+1)/SUM(INDEX($D$3:$AA$30,INDEX(Jesper!$R$2:$R$366,ROW(INDEX(Jesper!AL$2:AL$366,ROUNDDOWN($C3684/24,0)+1,1))-1)+IF('Standard Profiles'!$G$22=$B$10,7,0)+IF('Standard Profiles'!$G$22=$B$17,14,0)+IF('Standard Profiles'!$G$22=$B$24,21,0),0)),0)</f>
        <v>0</v>
      </c>
      <c r="I3684">
        <f t="shared" si="419"/>
        <v>0.12880920260710171</v>
      </c>
      <c r="J3684">
        <f t="shared" si="420"/>
        <v>6.4559227162016546</v>
      </c>
      <c r="K3684">
        <f t="shared" si="421"/>
        <v>0.53047542771368095</v>
      </c>
      <c r="L3684">
        <f t="shared" si="422"/>
        <v>0.26523771385684047</v>
      </c>
      <c r="M3684">
        <f t="shared" si="423"/>
        <v>0</v>
      </c>
      <c r="N3684" s="45">
        <f t="shared" ref="N3684:N3747" si="424">N3683+1/24</f>
        <v>45079.083333324481</v>
      </c>
    </row>
    <row r="3685" spans="2:14" x14ac:dyDescent="0.25">
      <c r="B3685">
        <f t="shared" si="418"/>
        <v>5</v>
      </c>
      <c r="C3685" s="16">
        <v>3651</v>
      </c>
      <c r="D3685" cm="1">
        <f t="array" ref="D3685">IFERROR(INDEX(Jesper!AH$2:AH$366,ROUNDDOWN($C3685/24,0)+1,1)*INDEX($D$3:$AA$30,INDEX(Jesper!$R$2:$R$366,ROW(INDEX(Jesper!AH$2:AH$366,ROUNDDOWN($C3685/24,0)+1,1))-1)+IF('Standard Profiles'!$G$18=$B$10,7,0)+IF('Standard Profiles'!$G$18=$B$17,14,0)+IF('Standard Profiles'!$G$18=$B$24,21,0),MOD($C3685,24)+1)/SUM(INDEX($D$3:$AA$30,INDEX(Jesper!$R$2:$R$366,ROW(INDEX(Jesper!AH$2:AH$366,ROUNDDOWN($C3685/24,0)+1,1))-1)+IF('Standard Profiles'!$G$18=$B$10,7,0)+IF('Standard Profiles'!$G$18=$B$17,14,0)+IF('Standard Profiles'!$G$18=$B$24,21,0),0)),0)</f>
        <v>4.973207134815758</v>
      </c>
      <c r="E3685" cm="1">
        <f t="array" ref="E3685">IFERROR(INDEX(Jesper!AI$2:AI$366,ROUNDDOWN($C3685/24,0)+1,1)*INDEX($D$3:$AA$30,INDEX(Jesper!$R$2:$R$366,ROW(INDEX(Jesper!AI$2:AI$366,ROUNDDOWN($C3685/24,0)+1,1))-1)+IF('Standard Profiles'!$G$19=$B$10,7,0)+IF('Standard Profiles'!$G$19=$B$17,14,0)+IF('Standard Profiles'!$G$19=$B$24,21,0),MOD($C3685,24)+1)/SUM(INDEX($D$3:$AA$30,INDEX(Jesper!$R$2:$R$366,ROW(INDEX(Jesper!AI$2:AI$366,ROUNDDOWN($C3685/24,0)+1,1))-1)+IF('Standard Profiles'!$G$19=$B$10,7,0)+IF('Standard Profiles'!$G$19=$B$17,14,0)+IF('Standard Profiles'!$G$19=$B$24,21,0),0)),0)</f>
        <v>2.1388854201320577</v>
      </c>
      <c r="F3685" cm="1">
        <f t="array" ref="F3685">IFERROR(INDEX(Jesper!AJ$2:AJ$366,ROUNDDOWN($C3685/24,0)+1,1)*INDEX($D$3:$AA$30,INDEX(Jesper!$R$2:$R$366,ROW(INDEX(Jesper!AJ$2:AJ$366,ROUNDDOWN($C3685/24,0)+1,1))-1)+IF('Standard Profiles'!$G$20=$B$10,7,0)+IF('Standard Profiles'!$G$20=$B$17,14,0)+IF('Standard Profiles'!$G$20=$B$24,21,0),MOD($C3685,24)+1)/SUM(INDEX($D$3:$AA$30,INDEX(Jesper!$R$2:$R$366,ROW(INDEX(Jesper!AJ$2:AJ$366,ROUNDDOWN($C3685/24,0)+1,1))-1)+IF('Standard Profiles'!$G$20=$B$10,7,0)+IF('Standard Profiles'!$G$20=$B$17,14,0)+IF('Standard Profiles'!$G$20=$B$24,21,0),0)),0)</f>
        <v>0</v>
      </c>
      <c r="G3685" cm="1">
        <f t="array" ref="G3685">IFERROR(INDEX(Jesper!AK$2:AK$366,ROUNDDOWN($C3685/24,0)+1,1)*INDEX($D$3:$AA$30,INDEX(Jesper!$R$2:$R$366,ROW(INDEX(Jesper!AK$2:AK$366,ROUNDDOWN($C3685/24,0)+1,1))-1)+IF('Standard Profiles'!$G$21=$B$10,7,0)+IF('Standard Profiles'!$G$21=$B$17,14,0)+IF('Standard Profiles'!$G$21=$B$24,21,0),MOD($C3685,24)+1)/SUM(INDEX($D$3:$AA$30,INDEX(Jesper!$R$2:$R$366,ROW(INDEX(Jesper!AK$2:AK$366,ROUNDDOWN($C3685/24,0)+1,1))-1)+IF('Standard Profiles'!$G$21=$B$10,7,0)+IF('Standard Profiles'!$G$21=$B$17,14,0)+IF('Standard Profiles'!$G$21=$B$24,21,0),0)),0)</f>
        <v>0.26835250543146205</v>
      </c>
      <c r="H3685" cm="1">
        <f t="array" ref="H3685">IFERROR(INDEX(Jesper!AL$2:AL$366,ROUNDDOWN($C3685/24,0)+1,1)*INDEX($D$3:$AA$30,INDEX(Jesper!$R$2:$R$366,ROW(INDEX(Jesper!AL$2:AL$366,ROUNDDOWN($C3685/24,0)+1,1))-1)+IF('Standard Profiles'!$G$22=$B$10,7,0)+IF('Standard Profiles'!$G$22=$B$17,14,0)+IF('Standard Profiles'!$G$22=$B$24,21,0),MOD($C3685,24)+1)/SUM(INDEX($D$3:$AA$30,INDEX(Jesper!$R$2:$R$366,ROW(INDEX(Jesper!AL$2:AL$366,ROUNDDOWN($C3685/24,0)+1,1))-1)+IF('Standard Profiles'!$G$22=$B$10,7,0)+IF('Standard Profiles'!$G$22=$B$17,14,0)+IF('Standard Profiles'!$G$22=$B$24,21,0),0)),0)</f>
        <v>0</v>
      </c>
      <c r="I3685">
        <f t="shared" si="419"/>
        <v>0.12880920260710171</v>
      </c>
      <c r="J3685">
        <f t="shared" si="420"/>
        <v>6.4559227162016546</v>
      </c>
      <c r="K3685">
        <f t="shared" si="421"/>
        <v>0.53047542771368095</v>
      </c>
      <c r="L3685">
        <f t="shared" si="422"/>
        <v>0.26523771385684047</v>
      </c>
      <c r="M3685">
        <f t="shared" si="423"/>
        <v>0</v>
      </c>
      <c r="N3685" s="45">
        <f t="shared" si="424"/>
        <v>45079.124999991145</v>
      </c>
    </row>
    <row r="3686" spans="2:14" x14ac:dyDescent="0.25">
      <c r="B3686">
        <f t="shared" si="418"/>
        <v>5</v>
      </c>
      <c r="C3686" s="16">
        <v>3652</v>
      </c>
      <c r="D3686" cm="1">
        <f t="array" ref="D3686">IFERROR(INDEX(Jesper!AH$2:AH$366,ROUNDDOWN($C3686/24,0)+1,1)*INDEX($D$3:$AA$30,INDEX(Jesper!$R$2:$R$366,ROW(INDEX(Jesper!AH$2:AH$366,ROUNDDOWN($C3686/24,0)+1,1))-1)+IF('Standard Profiles'!$G$18=$B$10,7,0)+IF('Standard Profiles'!$G$18=$B$17,14,0)+IF('Standard Profiles'!$G$18=$B$24,21,0),MOD($C3686,24)+1)/SUM(INDEX($D$3:$AA$30,INDEX(Jesper!$R$2:$R$366,ROW(INDEX(Jesper!AH$2:AH$366,ROUNDDOWN($C3686/24,0)+1,1))-1)+IF('Standard Profiles'!$G$18=$B$10,7,0)+IF('Standard Profiles'!$G$18=$B$17,14,0)+IF('Standard Profiles'!$G$18=$B$24,21,0),0)),0)</f>
        <v>4.973207134815758</v>
      </c>
      <c r="E3686" cm="1">
        <f t="array" ref="E3686">IFERROR(INDEX(Jesper!AI$2:AI$366,ROUNDDOWN($C3686/24,0)+1,1)*INDEX($D$3:$AA$30,INDEX(Jesper!$R$2:$R$366,ROW(INDEX(Jesper!AI$2:AI$366,ROUNDDOWN($C3686/24,0)+1,1))-1)+IF('Standard Profiles'!$G$19=$B$10,7,0)+IF('Standard Profiles'!$G$19=$B$17,14,0)+IF('Standard Profiles'!$G$19=$B$24,21,0),MOD($C3686,24)+1)/SUM(INDEX($D$3:$AA$30,INDEX(Jesper!$R$2:$R$366,ROW(INDEX(Jesper!AI$2:AI$366,ROUNDDOWN($C3686/24,0)+1,1))-1)+IF('Standard Profiles'!$G$19=$B$10,7,0)+IF('Standard Profiles'!$G$19=$B$17,14,0)+IF('Standard Profiles'!$G$19=$B$24,21,0),0)),0)</f>
        <v>2.1388854201320577</v>
      </c>
      <c r="F3686" cm="1">
        <f t="array" ref="F3686">IFERROR(INDEX(Jesper!AJ$2:AJ$366,ROUNDDOWN($C3686/24,0)+1,1)*INDEX($D$3:$AA$30,INDEX(Jesper!$R$2:$R$366,ROW(INDEX(Jesper!AJ$2:AJ$366,ROUNDDOWN($C3686/24,0)+1,1))-1)+IF('Standard Profiles'!$G$20=$B$10,7,0)+IF('Standard Profiles'!$G$20=$B$17,14,0)+IF('Standard Profiles'!$G$20=$B$24,21,0),MOD($C3686,24)+1)/SUM(INDEX($D$3:$AA$30,INDEX(Jesper!$R$2:$R$366,ROW(INDEX(Jesper!AJ$2:AJ$366,ROUNDDOWN($C3686/24,0)+1,1))-1)+IF('Standard Profiles'!$G$20=$B$10,7,0)+IF('Standard Profiles'!$G$20=$B$17,14,0)+IF('Standard Profiles'!$G$20=$B$24,21,0),0)),0)</f>
        <v>0</v>
      </c>
      <c r="G3686" cm="1">
        <f t="array" ref="G3686">IFERROR(INDEX(Jesper!AK$2:AK$366,ROUNDDOWN($C3686/24,0)+1,1)*INDEX($D$3:$AA$30,INDEX(Jesper!$R$2:$R$366,ROW(INDEX(Jesper!AK$2:AK$366,ROUNDDOWN($C3686/24,0)+1,1))-1)+IF('Standard Profiles'!$G$21=$B$10,7,0)+IF('Standard Profiles'!$G$21=$B$17,14,0)+IF('Standard Profiles'!$G$21=$B$24,21,0),MOD($C3686,24)+1)/SUM(INDEX($D$3:$AA$30,INDEX(Jesper!$R$2:$R$366,ROW(INDEX(Jesper!AK$2:AK$366,ROUNDDOWN($C3686/24,0)+1,1))-1)+IF('Standard Profiles'!$G$21=$B$10,7,0)+IF('Standard Profiles'!$G$21=$B$17,14,0)+IF('Standard Profiles'!$G$21=$B$24,21,0),0)),0)</f>
        <v>0.26835250543146205</v>
      </c>
      <c r="H3686" cm="1">
        <f t="array" ref="H3686">IFERROR(INDEX(Jesper!AL$2:AL$366,ROUNDDOWN($C3686/24,0)+1,1)*INDEX($D$3:$AA$30,INDEX(Jesper!$R$2:$R$366,ROW(INDEX(Jesper!AL$2:AL$366,ROUNDDOWN($C3686/24,0)+1,1))-1)+IF('Standard Profiles'!$G$22=$B$10,7,0)+IF('Standard Profiles'!$G$22=$B$17,14,0)+IF('Standard Profiles'!$G$22=$B$24,21,0),MOD($C3686,24)+1)/SUM(INDEX($D$3:$AA$30,INDEX(Jesper!$R$2:$R$366,ROW(INDEX(Jesper!AL$2:AL$366,ROUNDDOWN($C3686/24,0)+1,1))-1)+IF('Standard Profiles'!$G$22=$B$10,7,0)+IF('Standard Profiles'!$G$22=$B$17,14,0)+IF('Standard Profiles'!$G$22=$B$24,21,0),0)),0)</f>
        <v>0</v>
      </c>
      <c r="I3686">
        <f t="shared" si="419"/>
        <v>0.12880920260710171</v>
      </c>
      <c r="J3686">
        <f t="shared" si="420"/>
        <v>6.4559227162016546</v>
      </c>
      <c r="K3686">
        <f t="shared" si="421"/>
        <v>0.53047542771368095</v>
      </c>
      <c r="L3686">
        <f t="shared" si="422"/>
        <v>0.26523771385684047</v>
      </c>
      <c r="M3686">
        <f t="shared" si="423"/>
        <v>0</v>
      </c>
      <c r="N3686" s="45">
        <f t="shared" si="424"/>
        <v>45079.166666657809</v>
      </c>
    </row>
    <row r="3687" spans="2:14" x14ac:dyDescent="0.25">
      <c r="B3687">
        <f t="shared" si="418"/>
        <v>5</v>
      </c>
      <c r="C3687" s="16">
        <v>3653</v>
      </c>
      <c r="D3687" cm="1">
        <f t="array" ref="D3687">IFERROR(INDEX(Jesper!AH$2:AH$366,ROUNDDOWN($C3687/24,0)+1,1)*INDEX($D$3:$AA$30,INDEX(Jesper!$R$2:$R$366,ROW(INDEX(Jesper!AH$2:AH$366,ROUNDDOWN($C3687/24,0)+1,1))-1)+IF('Standard Profiles'!$G$18=$B$10,7,0)+IF('Standard Profiles'!$G$18=$B$17,14,0)+IF('Standard Profiles'!$G$18=$B$24,21,0),MOD($C3687,24)+1)/SUM(INDEX($D$3:$AA$30,INDEX(Jesper!$R$2:$R$366,ROW(INDEX(Jesper!AH$2:AH$366,ROUNDDOWN($C3687/24,0)+1,1))-1)+IF('Standard Profiles'!$G$18=$B$10,7,0)+IF('Standard Profiles'!$G$18=$B$17,14,0)+IF('Standard Profiles'!$G$18=$B$24,21,0),0)),0)</f>
        <v>4.973207134815758</v>
      </c>
      <c r="E3687" cm="1">
        <f t="array" ref="E3687">IFERROR(INDEX(Jesper!AI$2:AI$366,ROUNDDOWN($C3687/24,0)+1,1)*INDEX($D$3:$AA$30,INDEX(Jesper!$R$2:$R$366,ROW(INDEX(Jesper!AI$2:AI$366,ROUNDDOWN($C3687/24,0)+1,1))-1)+IF('Standard Profiles'!$G$19=$B$10,7,0)+IF('Standard Profiles'!$G$19=$B$17,14,0)+IF('Standard Profiles'!$G$19=$B$24,21,0),MOD($C3687,24)+1)/SUM(INDEX($D$3:$AA$30,INDEX(Jesper!$R$2:$R$366,ROW(INDEX(Jesper!AI$2:AI$366,ROUNDDOWN($C3687/24,0)+1,1))-1)+IF('Standard Profiles'!$G$19=$B$10,7,0)+IF('Standard Profiles'!$G$19=$B$17,14,0)+IF('Standard Profiles'!$G$19=$B$24,21,0),0)),0)</f>
        <v>2.1388854201320577</v>
      </c>
      <c r="F3687" cm="1">
        <f t="array" ref="F3687">IFERROR(INDEX(Jesper!AJ$2:AJ$366,ROUNDDOWN($C3687/24,0)+1,1)*INDEX($D$3:$AA$30,INDEX(Jesper!$R$2:$R$366,ROW(INDEX(Jesper!AJ$2:AJ$366,ROUNDDOWN($C3687/24,0)+1,1))-1)+IF('Standard Profiles'!$G$20=$B$10,7,0)+IF('Standard Profiles'!$G$20=$B$17,14,0)+IF('Standard Profiles'!$G$20=$B$24,21,0),MOD($C3687,24)+1)/SUM(INDEX($D$3:$AA$30,INDEX(Jesper!$R$2:$R$366,ROW(INDEX(Jesper!AJ$2:AJ$366,ROUNDDOWN($C3687/24,0)+1,1))-1)+IF('Standard Profiles'!$G$20=$B$10,7,0)+IF('Standard Profiles'!$G$20=$B$17,14,0)+IF('Standard Profiles'!$G$20=$B$24,21,0),0)),0)</f>
        <v>0</v>
      </c>
      <c r="G3687" cm="1">
        <f t="array" ref="G3687">IFERROR(INDEX(Jesper!AK$2:AK$366,ROUNDDOWN($C3687/24,0)+1,1)*INDEX($D$3:$AA$30,INDEX(Jesper!$R$2:$R$366,ROW(INDEX(Jesper!AK$2:AK$366,ROUNDDOWN($C3687/24,0)+1,1))-1)+IF('Standard Profiles'!$G$21=$B$10,7,0)+IF('Standard Profiles'!$G$21=$B$17,14,0)+IF('Standard Profiles'!$G$21=$B$24,21,0),MOD($C3687,24)+1)/SUM(INDEX($D$3:$AA$30,INDEX(Jesper!$R$2:$R$366,ROW(INDEX(Jesper!AK$2:AK$366,ROUNDDOWN($C3687/24,0)+1,1))-1)+IF('Standard Profiles'!$G$21=$B$10,7,0)+IF('Standard Profiles'!$G$21=$B$17,14,0)+IF('Standard Profiles'!$G$21=$B$24,21,0),0)),0)</f>
        <v>0.26835250543146205</v>
      </c>
      <c r="H3687" cm="1">
        <f t="array" ref="H3687">IFERROR(INDEX(Jesper!AL$2:AL$366,ROUNDDOWN($C3687/24,0)+1,1)*INDEX($D$3:$AA$30,INDEX(Jesper!$R$2:$R$366,ROW(INDEX(Jesper!AL$2:AL$366,ROUNDDOWN($C3687/24,0)+1,1))-1)+IF('Standard Profiles'!$G$22=$B$10,7,0)+IF('Standard Profiles'!$G$22=$B$17,14,0)+IF('Standard Profiles'!$G$22=$B$24,21,0),MOD($C3687,24)+1)/SUM(INDEX($D$3:$AA$30,INDEX(Jesper!$R$2:$R$366,ROW(INDEX(Jesper!AL$2:AL$366,ROUNDDOWN($C3687/24,0)+1,1))-1)+IF('Standard Profiles'!$G$22=$B$10,7,0)+IF('Standard Profiles'!$G$22=$B$17,14,0)+IF('Standard Profiles'!$G$22=$B$24,21,0),0)),0)</f>
        <v>0</v>
      </c>
      <c r="I3687">
        <f t="shared" si="419"/>
        <v>0.12880920260710171</v>
      </c>
      <c r="J3687">
        <f t="shared" si="420"/>
        <v>6.4559227162016546</v>
      </c>
      <c r="K3687">
        <f t="shared" si="421"/>
        <v>0.53047542771368095</v>
      </c>
      <c r="L3687">
        <f t="shared" si="422"/>
        <v>0.26523771385684047</v>
      </c>
      <c r="M3687">
        <f t="shared" si="423"/>
        <v>0</v>
      </c>
      <c r="N3687" s="45">
        <f t="shared" si="424"/>
        <v>45079.208333324474</v>
      </c>
    </row>
    <row r="3688" spans="2:14" x14ac:dyDescent="0.25">
      <c r="B3688">
        <f t="shared" si="418"/>
        <v>5</v>
      </c>
      <c r="C3688" s="16">
        <v>3654</v>
      </c>
      <c r="D3688" cm="1">
        <f t="array" ref="D3688">IFERROR(INDEX(Jesper!AH$2:AH$366,ROUNDDOWN($C3688/24,0)+1,1)*INDEX($D$3:$AA$30,INDEX(Jesper!$R$2:$R$366,ROW(INDEX(Jesper!AH$2:AH$366,ROUNDDOWN($C3688/24,0)+1,1))-1)+IF('Standard Profiles'!$G$18=$B$10,7,0)+IF('Standard Profiles'!$G$18=$B$17,14,0)+IF('Standard Profiles'!$G$18=$B$24,21,0),MOD($C3688,24)+1)/SUM(INDEX($D$3:$AA$30,INDEX(Jesper!$R$2:$R$366,ROW(INDEX(Jesper!AH$2:AH$366,ROUNDDOWN($C3688/24,0)+1,1))-1)+IF('Standard Profiles'!$G$18=$B$10,7,0)+IF('Standard Profiles'!$G$18=$B$17,14,0)+IF('Standard Profiles'!$G$18=$B$24,21,0),0)),0)</f>
        <v>4.973207134815758</v>
      </c>
      <c r="E3688" cm="1">
        <f t="array" ref="E3688">IFERROR(INDEX(Jesper!AI$2:AI$366,ROUNDDOWN($C3688/24,0)+1,1)*INDEX($D$3:$AA$30,INDEX(Jesper!$R$2:$R$366,ROW(INDEX(Jesper!AI$2:AI$366,ROUNDDOWN($C3688/24,0)+1,1))-1)+IF('Standard Profiles'!$G$19=$B$10,7,0)+IF('Standard Profiles'!$G$19=$B$17,14,0)+IF('Standard Profiles'!$G$19=$B$24,21,0),MOD($C3688,24)+1)/SUM(INDEX($D$3:$AA$30,INDEX(Jesper!$R$2:$R$366,ROW(INDEX(Jesper!AI$2:AI$366,ROUNDDOWN($C3688/24,0)+1,1))-1)+IF('Standard Profiles'!$G$19=$B$10,7,0)+IF('Standard Profiles'!$G$19=$B$17,14,0)+IF('Standard Profiles'!$G$19=$B$24,21,0),0)),0)</f>
        <v>2.1388854201320577</v>
      </c>
      <c r="F3688" cm="1">
        <f t="array" ref="F3688">IFERROR(INDEX(Jesper!AJ$2:AJ$366,ROUNDDOWN($C3688/24,0)+1,1)*INDEX($D$3:$AA$30,INDEX(Jesper!$R$2:$R$366,ROW(INDEX(Jesper!AJ$2:AJ$366,ROUNDDOWN($C3688/24,0)+1,1))-1)+IF('Standard Profiles'!$G$20=$B$10,7,0)+IF('Standard Profiles'!$G$20=$B$17,14,0)+IF('Standard Profiles'!$G$20=$B$24,21,0),MOD($C3688,24)+1)/SUM(INDEX($D$3:$AA$30,INDEX(Jesper!$R$2:$R$366,ROW(INDEX(Jesper!AJ$2:AJ$366,ROUNDDOWN($C3688/24,0)+1,1))-1)+IF('Standard Profiles'!$G$20=$B$10,7,0)+IF('Standard Profiles'!$G$20=$B$17,14,0)+IF('Standard Profiles'!$G$20=$B$24,21,0),0)),0)</f>
        <v>0</v>
      </c>
      <c r="G3688" cm="1">
        <f t="array" ref="G3688">IFERROR(INDEX(Jesper!AK$2:AK$366,ROUNDDOWN($C3688/24,0)+1,1)*INDEX($D$3:$AA$30,INDEX(Jesper!$R$2:$R$366,ROW(INDEX(Jesper!AK$2:AK$366,ROUNDDOWN($C3688/24,0)+1,1))-1)+IF('Standard Profiles'!$G$21=$B$10,7,0)+IF('Standard Profiles'!$G$21=$B$17,14,0)+IF('Standard Profiles'!$G$21=$B$24,21,0),MOD($C3688,24)+1)/SUM(INDEX($D$3:$AA$30,INDEX(Jesper!$R$2:$R$366,ROW(INDEX(Jesper!AK$2:AK$366,ROUNDDOWN($C3688/24,0)+1,1))-1)+IF('Standard Profiles'!$G$21=$B$10,7,0)+IF('Standard Profiles'!$G$21=$B$17,14,0)+IF('Standard Profiles'!$G$21=$B$24,21,0),0)),0)</f>
        <v>0.26835250543146205</v>
      </c>
      <c r="H3688" cm="1">
        <f t="array" ref="H3688">IFERROR(INDEX(Jesper!AL$2:AL$366,ROUNDDOWN($C3688/24,0)+1,1)*INDEX($D$3:$AA$30,INDEX(Jesper!$R$2:$R$366,ROW(INDEX(Jesper!AL$2:AL$366,ROUNDDOWN($C3688/24,0)+1,1))-1)+IF('Standard Profiles'!$G$22=$B$10,7,0)+IF('Standard Profiles'!$G$22=$B$17,14,0)+IF('Standard Profiles'!$G$22=$B$24,21,0),MOD($C3688,24)+1)/SUM(INDEX($D$3:$AA$30,INDEX(Jesper!$R$2:$R$366,ROW(INDEX(Jesper!AL$2:AL$366,ROUNDDOWN($C3688/24,0)+1,1))-1)+IF('Standard Profiles'!$G$22=$B$10,7,0)+IF('Standard Profiles'!$G$22=$B$17,14,0)+IF('Standard Profiles'!$G$22=$B$24,21,0),0)),0)</f>
        <v>0</v>
      </c>
      <c r="I3688">
        <f t="shared" si="419"/>
        <v>0.12880920260710171</v>
      </c>
      <c r="J3688">
        <f t="shared" si="420"/>
        <v>6.4559227162016546</v>
      </c>
      <c r="K3688">
        <f t="shared" si="421"/>
        <v>0.53047542771368095</v>
      </c>
      <c r="L3688">
        <f t="shared" si="422"/>
        <v>0.26523771385684047</v>
      </c>
      <c r="M3688">
        <f t="shared" si="423"/>
        <v>0</v>
      </c>
      <c r="N3688" s="45">
        <f t="shared" si="424"/>
        <v>45079.249999991138</v>
      </c>
    </row>
    <row r="3689" spans="2:14" x14ac:dyDescent="0.25">
      <c r="B3689">
        <f t="shared" si="418"/>
        <v>5</v>
      </c>
      <c r="C3689" s="16">
        <v>3655</v>
      </c>
      <c r="D3689" cm="1">
        <f t="array" ref="D3689">IFERROR(INDEX(Jesper!AH$2:AH$366,ROUNDDOWN($C3689/24,0)+1,1)*INDEX($D$3:$AA$30,INDEX(Jesper!$R$2:$R$366,ROW(INDEX(Jesper!AH$2:AH$366,ROUNDDOWN($C3689/24,0)+1,1))-1)+IF('Standard Profiles'!$G$18=$B$10,7,0)+IF('Standard Profiles'!$G$18=$B$17,14,0)+IF('Standard Profiles'!$G$18=$B$24,21,0),MOD($C3689,24)+1)/SUM(INDEX($D$3:$AA$30,INDEX(Jesper!$R$2:$R$366,ROW(INDEX(Jesper!AH$2:AH$366,ROUNDDOWN($C3689/24,0)+1,1))-1)+IF('Standard Profiles'!$G$18=$B$10,7,0)+IF('Standard Profiles'!$G$18=$B$17,14,0)+IF('Standard Profiles'!$G$18=$B$24,21,0),0)),0)</f>
        <v>21.185862394315127</v>
      </c>
      <c r="E3689" cm="1">
        <f t="array" ref="E3689">IFERROR(INDEX(Jesper!AI$2:AI$366,ROUNDDOWN($C3689/24,0)+1,1)*INDEX($D$3:$AA$30,INDEX(Jesper!$R$2:$R$366,ROW(INDEX(Jesper!AI$2:AI$366,ROUNDDOWN($C3689/24,0)+1,1))-1)+IF('Standard Profiles'!$G$19=$B$10,7,0)+IF('Standard Profiles'!$G$19=$B$17,14,0)+IF('Standard Profiles'!$G$19=$B$24,21,0),MOD($C3689,24)+1)/SUM(INDEX($D$3:$AA$30,INDEX(Jesper!$R$2:$R$366,ROW(INDEX(Jesper!AI$2:AI$366,ROUNDDOWN($C3689/24,0)+1,1))-1)+IF('Standard Profiles'!$G$19=$B$10,7,0)+IF('Standard Profiles'!$G$19=$B$17,14,0)+IF('Standard Profiles'!$G$19=$B$24,21,0),0)),0)</f>
        <v>9.111651889762566</v>
      </c>
      <c r="F3689" cm="1">
        <f t="array" ref="F3689">IFERROR(INDEX(Jesper!AJ$2:AJ$366,ROUNDDOWN($C3689/24,0)+1,1)*INDEX($D$3:$AA$30,INDEX(Jesper!$R$2:$R$366,ROW(INDEX(Jesper!AJ$2:AJ$366,ROUNDDOWN($C3689/24,0)+1,1))-1)+IF('Standard Profiles'!$G$20=$B$10,7,0)+IF('Standard Profiles'!$G$20=$B$17,14,0)+IF('Standard Profiles'!$G$20=$B$24,21,0),MOD($C3689,24)+1)/SUM(INDEX($D$3:$AA$30,INDEX(Jesper!$R$2:$R$366,ROW(INDEX(Jesper!AJ$2:AJ$366,ROUNDDOWN($C3689/24,0)+1,1))-1)+IF('Standard Profiles'!$G$20=$B$10,7,0)+IF('Standard Profiles'!$G$20=$B$17,14,0)+IF('Standard Profiles'!$G$20=$B$24,21,0),0)),0)</f>
        <v>0</v>
      </c>
      <c r="G3689" cm="1">
        <f t="array" ref="G3689">IFERROR(INDEX(Jesper!AK$2:AK$366,ROUNDDOWN($C3689/24,0)+1,1)*INDEX($D$3:$AA$30,INDEX(Jesper!$R$2:$R$366,ROW(INDEX(Jesper!AK$2:AK$366,ROUNDDOWN($C3689/24,0)+1,1))-1)+IF('Standard Profiles'!$G$21=$B$10,7,0)+IF('Standard Profiles'!$G$21=$B$17,14,0)+IF('Standard Profiles'!$G$21=$B$24,21,0),MOD($C3689,24)+1)/SUM(INDEX($D$3:$AA$30,INDEX(Jesper!$R$2:$R$366,ROW(INDEX(Jesper!AK$2:AK$366,ROUNDDOWN($C3689/24,0)+1,1))-1)+IF('Standard Profiles'!$G$21=$B$10,7,0)+IF('Standard Profiles'!$G$21=$B$17,14,0)+IF('Standard Profiles'!$G$21=$B$24,21,0),0)),0)</f>
        <v>0.72714872439492928</v>
      </c>
      <c r="H3689" cm="1">
        <f t="array" ref="H3689">IFERROR(INDEX(Jesper!AL$2:AL$366,ROUNDDOWN($C3689/24,0)+1,1)*INDEX($D$3:$AA$30,INDEX(Jesper!$R$2:$R$366,ROW(INDEX(Jesper!AL$2:AL$366,ROUNDDOWN($C3689/24,0)+1,1))-1)+IF('Standard Profiles'!$G$22=$B$10,7,0)+IF('Standard Profiles'!$G$22=$B$17,14,0)+IF('Standard Profiles'!$G$22=$B$24,21,0),MOD($C3689,24)+1)/SUM(INDEX($D$3:$AA$30,INDEX(Jesper!$R$2:$R$366,ROW(INDEX(Jesper!AL$2:AL$366,ROUNDDOWN($C3689/24,0)+1,1))-1)+IF('Standard Profiles'!$G$22=$B$10,7,0)+IF('Standard Profiles'!$G$22=$B$17,14,0)+IF('Standard Profiles'!$G$22=$B$24,21,0),0)),0)</f>
        <v>0</v>
      </c>
      <c r="I3689">
        <f t="shared" si="419"/>
        <v>0.34903138770956588</v>
      </c>
      <c r="J3689">
        <f t="shared" si="420"/>
        <v>27.285893637672636</v>
      </c>
      <c r="K3689">
        <f t="shared" si="421"/>
        <v>2.2598253220602804</v>
      </c>
      <c r="L3689">
        <f t="shared" si="422"/>
        <v>1.1299126610301402</v>
      </c>
      <c r="M3689">
        <f t="shared" si="423"/>
        <v>0</v>
      </c>
      <c r="N3689" s="45">
        <f t="shared" si="424"/>
        <v>45079.291666657802</v>
      </c>
    </row>
    <row r="3690" spans="2:14" x14ac:dyDescent="0.25">
      <c r="B3690">
        <f t="shared" si="418"/>
        <v>5</v>
      </c>
      <c r="C3690" s="16">
        <v>3656</v>
      </c>
      <c r="D3690" cm="1">
        <f t="array" ref="D3690">IFERROR(INDEX(Jesper!AH$2:AH$366,ROUNDDOWN($C3690/24,0)+1,1)*INDEX($D$3:$AA$30,INDEX(Jesper!$R$2:$R$366,ROW(INDEX(Jesper!AH$2:AH$366,ROUNDDOWN($C3690/24,0)+1,1))-1)+IF('Standard Profiles'!$G$18=$B$10,7,0)+IF('Standard Profiles'!$G$18=$B$17,14,0)+IF('Standard Profiles'!$G$18=$B$24,21,0),MOD($C3690,24)+1)/SUM(INDEX($D$3:$AA$30,INDEX(Jesper!$R$2:$R$366,ROW(INDEX(Jesper!AH$2:AH$366,ROUNDDOWN($C3690/24,0)+1,1))-1)+IF('Standard Profiles'!$G$18=$B$10,7,0)+IF('Standard Profiles'!$G$18=$B$17,14,0)+IF('Standard Profiles'!$G$18=$B$24,21,0),0)),0)</f>
        <v>26.482327992893911</v>
      </c>
      <c r="E3690" cm="1">
        <f t="array" ref="E3690">IFERROR(INDEX(Jesper!AI$2:AI$366,ROUNDDOWN($C3690/24,0)+1,1)*INDEX($D$3:$AA$30,INDEX(Jesper!$R$2:$R$366,ROW(INDEX(Jesper!AI$2:AI$366,ROUNDDOWN($C3690/24,0)+1,1))-1)+IF('Standard Profiles'!$G$19=$B$10,7,0)+IF('Standard Profiles'!$G$19=$B$17,14,0)+IF('Standard Profiles'!$G$19=$B$24,21,0),MOD($C3690,24)+1)/SUM(INDEX($D$3:$AA$30,INDEX(Jesper!$R$2:$R$366,ROW(INDEX(Jesper!AI$2:AI$366,ROUNDDOWN($C3690/24,0)+1,1))-1)+IF('Standard Profiles'!$G$19=$B$10,7,0)+IF('Standard Profiles'!$G$19=$B$17,14,0)+IF('Standard Profiles'!$G$19=$B$24,21,0),0)),0)</f>
        <v>11.389564862203207</v>
      </c>
      <c r="F3690" cm="1">
        <f t="array" ref="F3690">IFERROR(INDEX(Jesper!AJ$2:AJ$366,ROUNDDOWN($C3690/24,0)+1,1)*INDEX($D$3:$AA$30,INDEX(Jesper!$R$2:$R$366,ROW(INDEX(Jesper!AJ$2:AJ$366,ROUNDDOWN($C3690/24,0)+1,1))-1)+IF('Standard Profiles'!$G$20=$B$10,7,0)+IF('Standard Profiles'!$G$20=$B$17,14,0)+IF('Standard Profiles'!$G$20=$B$24,21,0),MOD($C3690,24)+1)/SUM(INDEX($D$3:$AA$30,INDEX(Jesper!$R$2:$R$366,ROW(INDEX(Jesper!AJ$2:AJ$366,ROUNDDOWN($C3690/24,0)+1,1))-1)+IF('Standard Profiles'!$G$20=$B$10,7,0)+IF('Standard Profiles'!$G$20=$B$17,14,0)+IF('Standard Profiles'!$G$20=$B$24,21,0),0)),0)</f>
        <v>0</v>
      </c>
      <c r="G3690" cm="1">
        <f t="array" ref="G3690">IFERROR(INDEX(Jesper!AK$2:AK$366,ROUNDDOWN($C3690/24,0)+1,1)*INDEX($D$3:$AA$30,INDEX(Jesper!$R$2:$R$366,ROW(INDEX(Jesper!AK$2:AK$366,ROUNDDOWN($C3690/24,0)+1,1))-1)+IF('Standard Profiles'!$G$21=$B$10,7,0)+IF('Standard Profiles'!$G$21=$B$17,14,0)+IF('Standard Profiles'!$G$21=$B$24,21,0),MOD($C3690,24)+1)/SUM(INDEX($D$3:$AA$30,INDEX(Jesper!$R$2:$R$366,ROW(INDEX(Jesper!AK$2:AK$366,ROUNDDOWN($C3690/24,0)+1,1))-1)+IF('Standard Profiles'!$G$21=$B$10,7,0)+IF('Standard Profiles'!$G$21=$B$17,14,0)+IF('Standard Profiles'!$G$21=$B$24,21,0),0)),0)</f>
        <v>0.90893590549366154</v>
      </c>
      <c r="H3690" cm="1">
        <f t="array" ref="H3690">IFERROR(INDEX(Jesper!AL$2:AL$366,ROUNDDOWN($C3690/24,0)+1,1)*INDEX($D$3:$AA$30,INDEX(Jesper!$R$2:$R$366,ROW(INDEX(Jesper!AL$2:AL$366,ROUNDDOWN($C3690/24,0)+1,1))-1)+IF('Standard Profiles'!$G$22=$B$10,7,0)+IF('Standard Profiles'!$G$22=$B$17,14,0)+IF('Standard Profiles'!$G$22=$B$24,21,0),MOD($C3690,24)+1)/SUM(INDEX($D$3:$AA$30,INDEX(Jesper!$R$2:$R$366,ROW(INDEX(Jesper!AL$2:AL$366,ROUNDDOWN($C3690/24,0)+1,1))-1)+IF('Standard Profiles'!$G$22=$B$10,7,0)+IF('Standard Profiles'!$G$22=$B$17,14,0)+IF('Standard Profiles'!$G$22=$B$24,21,0),0)),0)</f>
        <v>0</v>
      </c>
      <c r="I3690">
        <f t="shared" si="419"/>
        <v>0.43628923463695735</v>
      </c>
      <c r="J3690">
        <f t="shared" si="420"/>
        <v>34.107367047090797</v>
      </c>
      <c r="K3690">
        <f t="shared" si="421"/>
        <v>2.8247816525753509</v>
      </c>
      <c r="L3690">
        <f t="shared" si="422"/>
        <v>1.4123908262876754</v>
      </c>
      <c r="M3690">
        <f t="shared" si="423"/>
        <v>0</v>
      </c>
      <c r="N3690" s="45">
        <f t="shared" si="424"/>
        <v>45079.333333324466</v>
      </c>
    </row>
    <row r="3691" spans="2:14" x14ac:dyDescent="0.25">
      <c r="B3691">
        <f t="shared" si="418"/>
        <v>5</v>
      </c>
      <c r="C3691" s="16">
        <v>3657</v>
      </c>
      <c r="D3691" cm="1">
        <f t="array" ref="D3691">IFERROR(INDEX(Jesper!AH$2:AH$366,ROUNDDOWN($C3691/24,0)+1,1)*INDEX($D$3:$AA$30,INDEX(Jesper!$R$2:$R$366,ROW(INDEX(Jesper!AH$2:AH$366,ROUNDDOWN($C3691/24,0)+1,1))-1)+IF('Standard Profiles'!$G$18=$B$10,7,0)+IF('Standard Profiles'!$G$18=$B$17,14,0)+IF('Standard Profiles'!$G$18=$B$24,21,0),MOD($C3691,24)+1)/SUM(INDEX($D$3:$AA$30,INDEX(Jesper!$R$2:$R$366,ROW(INDEX(Jesper!AH$2:AH$366,ROUNDDOWN($C3691/24,0)+1,1))-1)+IF('Standard Profiles'!$G$18=$B$10,7,0)+IF('Standard Profiles'!$G$18=$B$17,14,0)+IF('Standard Profiles'!$G$18=$B$24,21,0),0)),0)</f>
        <v>29.130560792183303</v>
      </c>
      <c r="E3691" cm="1">
        <f t="array" ref="E3691">IFERROR(INDEX(Jesper!AI$2:AI$366,ROUNDDOWN($C3691/24,0)+1,1)*INDEX($D$3:$AA$30,INDEX(Jesper!$R$2:$R$366,ROW(INDEX(Jesper!AI$2:AI$366,ROUNDDOWN($C3691/24,0)+1,1))-1)+IF('Standard Profiles'!$G$19=$B$10,7,0)+IF('Standard Profiles'!$G$19=$B$17,14,0)+IF('Standard Profiles'!$G$19=$B$24,21,0),MOD($C3691,24)+1)/SUM(INDEX($D$3:$AA$30,INDEX(Jesper!$R$2:$R$366,ROW(INDEX(Jesper!AI$2:AI$366,ROUNDDOWN($C3691/24,0)+1,1))-1)+IF('Standard Profiles'!$G$19=$B$10,7,0)+IF('Standard Profiles'!$G$19=$B$17,14,0)+IF('Standard Profiles'!$G$19=$B$24,21,0),0)),0)</f>
        <v>12.528521348423528</v>
      </c>
      <c r="F3691" cm="1">
        <f t="array" ref="F3691">IFERROR(INDEX(Jesper!AJ$2:AJ$366,ROUNDDOWN($C3691/24,0)+1,1)*INDEX($D$3:$AA$30,INDEX(Jesper!$R$2:$R$366,ROW(INDEX(Jesper!AJ$2:AJ$366,ROUNDDOWN($C3691/24,0)+1,1))-1)+IF('Standard Profiles'!$G$20=$B$10,7,0)+IF('Standard Profiles'!$G$20=$B$17,14,0)+IF('Standard Profiles'!$G$20=$B$24,21,0),MOD($C3691,24)+1)/SUM(INDEX($D$3:$AA$30,INDEX(Jesper!$R$2:$R$366,ROW(INDEX(Jesper!AJ$2:AJ$366,ROUNDDOWN($C3691/24,0)+1,1))-1)+IF('Standard Profiles'!$G$20=$B$10,7,0)+IF('Standard Profiles'!$G$20=$B$17,14,0)+IF('Standard Profiles'!$G$20=$B$24,21,0),0)),0)</f>
        <v>0</v>
      </c>
      <c r="G3691" cm="1">
        <f t="array" ref="G3691">IFERROR(INDEX(Jesper!AK$2:AK$366,ROUNDDOWN($C3691/24,0)+1,1)*INDEX($D$3:$AA$30,INDEX(Jesper!$R$2:$R$366,ROW(INDEX(Jesper!AK$2:AK$366,ROUNDDOWN($C3691/24,0)+1,1))-1)+IF('Standard Profiles'!$G$21=$B$10,7,0)+IF('Standard Profiles'!$G$21=$B$17,14,0)+IF('Standard Profiles'!$G$21=$B$24,21,0),MOD($C3691,24)+1)/SUM(INDEX($D$3:$AA$30,INDEX(Jesper!$R$2:$R$366,ROW(INDEX(Jesper!AK$2:AK$366,ROUNDDOWN($C3691/24,0)+1,1))-1)+IF('Standard Profiles'!$G$21=$B$10,7,0)+IF('Standard Profiles'!$G$21=$B$17,14,0)+IF('Standard Profiles'!$G$21=$B$24,21,0),0)),0)</f>
        <v>0.99982949604302784</v>
      </c>
      <c r="H3691" cm="1">
        <f t="array" ref="H3691">IFERROR(INDEX(Jesper!AL$2:AL$366,ROUNDDOWN($C3691/24,0)+1,1)*INDEX($D$3:$AA$30,INDEX(Jesper!$R$2:$R$366,ROW(INDEX(Jesper!AL$2:AL$366,ROUNDDOWN($C3691/24,0)+1,1))-1)+IF('Standard Profiles'!$G$22=$B$10,7,0)+IF('Standard Profiles'!$G$22=$B$17,14,0)+IF('Standard Profiles'!$G$22=$B$24,21,0),MOD($C3691,24)+1)/SUM(INDEX($D$3:$AA$30,INDEX(Jesper!$R$2:$R$366,ROW(INDEX(Jesper!AL$2:AL$366,ROUNDDOWN($C3691/24,0)+1,1))-1)+IF('Standard Profiles'!$G$22=$B$10,7,0)+IF('Standard Profiles'!$G$22=$B$17,14,0)+IF('Standard Profiles'!$G$22=$B$24,21,0),0)),0)</f>
        <v>0</v>
      </c>
      <c r="I3691">
        <f t="shared" si="419"/>
        <v>0.47991815810065314</v>
      </c>
      <c r="J3691">
        <f t="shared" si="420"/>
        <v>37.518103751799877</v>
      </c>
      <c r="K3691">
        <f t="shared" si="421"/>
        <v>3.1072598178328859</v>
      </c>
      <c r="L3691">
        <f t="shared" si="422"/>
        <v>1.5536299089164429</v>
      </c>
      <c r="M3691">
        <f t="shared" si="423"/>
        <v>0</v>
      </c>
      <c r="N3691" s="45">
        <f t="shared" si="424"/>
        <v>45079.374999991131</v>
      </c>
    </row>
    <row r="3692" spans="2:14" x14ac:dyDescent="0.25">
      <c r="B3692">
        <f t="shared" si="418"/>
        <v>5</v>
      </c>
      <c r="C3692" s="16">
        <v>3658</v>
      </c>
      <c r="D3692" cm="1">
        <f t="array" ref="D3692">IFERROR(INDEX(Jesper!AH$2:AH$366,ROUNDDOWN($C3692/24,0)+1,1)*INDEX($D$3:$AA$30,INDEX(Jesper!$R$2:$R$366,ROW(INDEX(Jesper!AH$2:AH$366,ROUNDDOWN($C3692/24,0)+1,1))-1)+IF('Standard Profiles'!$G$18=$B$10,7,0)+IF('Standard Profiles'!$G$18=$B$17,14,0)+IF('Standard Profiles'!$G$18=$B$24,21,0),MOD($C3692,24)+1)/SUM(INDEX($D$3:$AA$30,INDEX(Jesper!$R$2:$R$366,ROW(INDEX(Jesper!AH$2:AH$366,ROUNDDOWN($C3692/24,0)+1,1))-1)+IF('Standard Profiles'!$G$18=$B$10,7,0)+IF('Standard Profiles'!$G$18=$B$17,14,0)+IF('Standard Profiles'!$G$18=$B$24,21,0),0)),0)</f>
        <v>29.130560792183303</v>
      </c>
      <c r="E3692" cm="1">
        <f t="array" ref="E3692">IFERROR(INDEX(Jesper!AI$2:AI$366,ROUNDDOWN($C3692/24,0)+1,1)*INDEX($D$3:$AA$30,INDEX(Jesper!$R$2:$R$366,ROW(INDEX(Jesper!AI$2:AI$366,ROUNDDOWN($C3692/24,0)+1,1))-1)+IF('Standard Profiles'!$G$19=$B$10,7,0)+IF('Standard Profiles'!$G$19=$B$17,14,0)+IF('Standard Profiles'!$G$19=$B$24,21,0),MOD($C3692,24)+1)/SUM(INDEX($D$3:$AA$30,INDEX(Jesper!$R$2:$R$366,ROW(INDEX(Jesper!AI$2:AI$366,ROUNDDOWN($C3692/24,0)+1,1))-1)+IF('Standard Profiles'!$G$19=$B$10,7,0)+IF('Standard Profiles'!$G$19=$B$17,14,0)+IF('Standard Profiles'!$G$19=$B$24,21,0),0)),0)</f>
        <v>12.528521348423528</v>
      </c>
      <c r="F3692" cm="1">
        <f t="array" ref="F3692">IFERROR(INDEX(Jesper!AJ$2:AJ$366,ROUNDDOWN($C3692/24,0)+1,1)*INDEX($D$3:$AA$30,INDEX(Jesper!$R$2:$R$366,ROW(INDEX(Jesper!AJ$2:AJ$366,ROUNDDOWN($C3692/24,0)+1,1))-1)+IF('Standard Profiles'!$G$20=$B$10,7,0)+IF('Standard Profiles'!$G$20=$B$17,14,0)+IF('Standard Profiles'!$G$20=$B$24,21,0),MOD($C3692,24)+1)/SUM(INDEX($D$3:$AA$30,INDEX(Jesper!$R$2:$R$366,ROW(INDEX(Jesper!AJ$2:AJ$366,ROUNDDOWN($C3692/24,0)+1,1))-1)+IF('Standard Profiles'!$G$20=$B$10,7,0)+IF('Standard Profiles'!$G$20=$B$17,14,0)+IF('Standard Profiles'!$G$20=$B$24,21,0),0)),0)</f>
        <v>0</v>
      </c>
      <c r="G3692" cm="1">
        <f t="array" ref="G3692">IFERROR(INDEX(Jesper!AK$2:AK$366,ROUNDDOWN($C3692/24,0)+1,1)*INDEX($D$3:$AA$30,INDEX(Jesper!$R$2:$R$366,ROW(INDEX(Jesper!AK$2:AK$366,ROUNDDOWN($C3692/24,0)+1,1))-1)+IF('Standard Profiles'!$G$21=$B$10,7,0)+IF('Standard Profiles'!$G$21=$B$17,14,0)+IF('Standard Profiles'!$G$21=$B$24,21,0),MOD($C3692,24)+1)/SUM(INDEX($D$3:$AA$30,INDEX(Jesper!$R$2:$R$366,ROW(INDEX(Jesper!AK$2:AK$366,ROUNDDOWN($C3692/24,0)+1,1))-1)+IF('Standard Profiles'!$G$21=$B$10,7,0)+IF('Standard Profiles'!$G$21=$B$17,14,0)+IF('Standard Profiles'!$G$21=$B$24,21,0),0)),0)</f>
        <v>0.99982949604302784</v>
      </c>
      <c r="H3692" cm="1">
        <f t="array" ref="H3692">IFERROR(INDEX(Jesper!AL$2:AL$366,ROUNDDOWN($C3692/24,0)+1,1)*INDEX($D$3:$AA$30,INDEX(Jesper!$R$2:$R$366,ROW(INDEX(Jesper!AL$2:AL$366,ROUNDDOWN($C3692/24,0)+1,1))-1)+IF('Standard Profiles'!$G$22=$B$10,7,0)+IF('Standard Profiles'!$G$22=$B$17,14,0)+IF('Standard Profiles'!$G$22=$B$24,21,0),MOD($C3692,24)+1)/SUM(INDEX($D$3:$AA$30,INDEX(Jesper!$R$2:$R$366,ROW(INDEX(Jesper!AL$2:AL$366,ROUNDDOWN($C3692/24,0)+1,1))-1)+IF('Standard Profiles'!$G$22=$B$10,7,0)+IF('Standard Profiles'!$G$22=$B$17,14,0)+IF('Standard Profiles'!$G$22=$B$24,21,0),0)),0)</f>
        <v>0</v>
      </c>
      <c r="I3692">
        <f t="shared" si="419"/>
        <v>0.47991815810065314</v>
      </c>
      <c r="J3692">
        <f t="shared" si="420"/>
        <v>37.518103751799877</v>
      </c>
      <c r="K3692">
        <f t="shared" si="421"/>
        <v>3.1072598178328859</v>
      </c>
      <c r="L3692">
        <f t="shared" si="422"/>
        <v>1.5536299089164429</v>
      </c>
      <c r="M3692">
        <f t="shared" si="423"/>
        <v>0</v>
      </c>
      <c r="N3692" s="45">
        <f t="shared" si="424"/>
        <v>45079.416666657795</v>
      </c>
    </row>
    <row r="3693" spans="2:14" x14ac:dyDescent="0.25">
      <c r="B3693">
        <f t="shared" si="418"/>
        <v>5</v>
      </c>
      <c r="C3693" s="16">
        <v>3659</v>
      </c>
      <c r="D3693" cm="1">
        <f t="array" ref="D3693">IFERROR(INDEX(Jesper!AH$2:AH$366,ROUNDDOWN($C3693/24,0)+1,1)*INDEX($D$3:$AA$30,INDEX(Jesper!$R$2:$R$366,ROW(INDEX(Jesper!AH$2:AH$366,ROUNDDOWN($C3693/24,0)+1,1))-1)+IF('Standard Profiles'!$G$18=$B$10,7,0)+IF('Standard Profiles'!$G$18=$B$17,14,0)+IF('Standard Profiles'!$G$18=$B$24,21,0),MOD($C3693,24)+1)/SUM(INDEX($D$3:$AA$30,INDEX(Jesper!$R$2:$R$366,ROW(INDEX(Jesper!AH$2:AH$366,ROUNDDOWN($C3693/24,0)+1,1))-1)+IF('Standard Profiles'!$G$18=$B$10,7,0)+IF('Standard Profiles'!$G$18=$B$17,14,0)+IF('Standard Profiles'!$G$18=$B$24,21,0),0)),0)</f>
        <v>34.42702639076208</v>
      </c>
      <c r="E3693" cm="1">
        <f t="array" ref="E3693">IFERROR(INDEX(Jesper!AI$2:AI$366,ROUNDDOWN($C3693/24,0)+1,1)*INDEX($D$3:$AA$30,INDEX(Jesper!$R$2:$R$366,ROW(INDEX(Jesper!AI$2:AI$366,ROUNDDOWN($C3693/24,0)+1,1))-1)+IF('Standard Profiles'!$G$19=$B$10,7,0)+IF('Standard Profiles'!$G$19=$B$17,14,0)+IF('Standard Profiles'!$G$19=$B$24,21,0),MOD($C3693,24)+1)/SUM(INDEX($D$3:$AA$30,INDEX(Jesper!$R$2:$R$366,ROW(INDEX(Jesper!AI$2:AI$366,ROUNDDOWN($C3693/24,0)+1,1))-1)+IF('Standard Profiles'!$G$19=$B$10,7,0)+IF('Standard Profiles'!$G$19=$B$17,14,0)+IF('Standard Profiles'!$G$19=$B$24,21,0),0)),0)</f>
        <v>14.806434320864168</v>
      </c>
      <c r="F3693" cm="1">
        <f t="array" ref="F3693">IFERROR(INDEX(Jesper!AJ$2:AJ$366,ROUNDDOWN($C3693/24,0)+1,1)*INDEX($D$3:$AA$30,INDEX(Jesper!$R$2:$R$366,ROW(INDEX(Jesper!AJ$2:AJ$366,ROUNDDOWN($C3693/24,0)+1,1))-1)+IF('Standard Profiles'!$G$20=$B$10,7,0)+IF('Standard Profiles'!$G$20=$B$17,14,0)+IF('Standard Profiles'!$G$20=$B$24,21,0),MOD($C3693,24)+1)/SUM(INDEX($D$3:$AA$30,INDEX(Jesper!$R$2:$R$366,ROW(INDEX(Jesper!AJ$2:AJ$366,ROUNDDOWN($C3693/24,0)+1,1))-1)+IF('Standard Profiles'!$G$20=$B$10,7,0)+IF('Standard Profiles'!$G$20=$B$17,14,0)+IF('Standard Profiles'!$G$20=$B$24,21,0),0)),0)</f>
        <v>0</v>
      </c>
      <c r="G3693" cm="1">
        <f t="array" ref="G3693">IFERROR(INDEX(Jesper!AK$2:AK$366,ROUNDDOWN($C3693/24,0)+1,1)*INDEX($D$3:$AA$30,INDEX(Jesper!$R$2:$R$366,ROW(INDEX(Jesper!AK$2:AK$366,ROUNDDOWN($C3693/24,0)+1,1))-1)+IF('Standard Profiles'!$G$21=$B$10,7,0)+IF('Standard Profiles'!$G$21=$B$17,14,0)+IF('Standard Profiles'!$G$21=$B$24,21,0),MOD($C3693,24)+1)/SUM(INDEX($D$3:$AA$30,INDEX(Jesper!$R$2:$R$366,ROW(INDEX(Jesper!AK$2:AK$366,ROUNDDOWN($C3693/24,0)+1,1))-1)+IF('Standard Profiles'!$G$21=$B$10,7,0)+IF('Standard Profiles'!$G$21=$B$17,14,0)+IF('Standard Profiles'!$G$21=$B$24,21,0),0)),0)</f>
        <v>1.1816166771417602</v>
      </c>
      <c r="H3693" cm="1">
        <f t="array" ref="H3693">IFERROR(INDEX(Jesper!AL$2:AL$366,ROUNDDOWN($C3693/24,0)+1,1)*INDEX($D$3:$AA$30,INDEX(Jesper!$R$2:$R$366,ROW(INDEX(Jesper!AL$2:AL$366,ROUNDDOWN($C3693/24,0)+1,1))-1)+IF('Standard Profiles'!$G$22=$B$10,7,0)+IF('Standard Profiles'!$G$22=$B$17,14,0)+IF('Standard Profiles'!$G$22=$B$24,21,0),MOD($C3693,24)+1)/SUM(INDEX($D$3:$AA$30,INDEX(Jesper!$R$2:$R$366,ROW(INDEX(Jesper!AL$2:AL$366,ROUNDDOWN($C3693/24,0)+1,1))-1)+IF('Standard Profiles'!$G$22=$B$10,7,0)+IF('Standard Profiles'!$G$22=$B$17,14,0)+IF('Standard Profiles'!$G$22=$B$24,21,0),0)),0)</f>
        <v>0</v>
      </c>
      <c r="I3693">
        <f t="shared" si="419"/>
        <v>0.56717600502804466</v>
      </c>
      <c r="J3693">
        <f t="shared" si="420"/>
        <v>44.339577161218031</v>
      </c>
      <c r="K3693">
        <f t="shared" si="421"/>
        <v>3.6722161483479554</v>
      </c>
      <c r="L3693">
        <f t="shared" si="422"/>
        <v>1.8361080741739777</v>
      </c>
      <c r="M3693">
        <f t="shared" si="423"/>
        <v>0</v>
      </c>
      <c r="N3693" s="45">
        <f t="shared" si="424"/>
        <v>45079.458333324459</v>
      </c>
    </row>
    <row r="3694" spans="2:14" x14ac:dyDescent="0.25">
      <c r="B3694">
        <f t="shared" si="418"/>
        <v>5</v>
      </c>
      <c r="C3694" s="16">
        <v>3660</v>
      </c>
      <c r="D3694" cm="1">
        <f t="array" ref="D3694">IFERROR(INDEX(Jesper!AH$2:AH$366,ROUNDDOWN($C3694/24,0)+1,1)*INDEX($D$3:$AA$30,INDEX(Jesper!$R$2:$R$366,ROW(INDEX(Jesper!AH$2:AH$366,ROUNDDOWN($C3694/24,0)+1,1))-1)+IF('Standard Profiles'!$G$18=$B$10,7,0)+IF('Standard Profiles'!$G$18=$B$17,14,0)+IF('Standard Profiles'!$G$18=$B$24,21,0),MOD($C3694,24)+1)/SUM(INDEX($D$3:$AA$30,INDEX(Jesper!$R$2:$R$366,ROW(INDEX(Jesper!AH$2:AH$366,ROUNDDOWN($C3694/24,0)+1,1))-1)+IF('Standard Profiles'!$G$18=$B$10,7,0)+IF('Standard Profiles'!$G$18=$B$17,14,0)+IF('Standard Profiles'!$G$18=$B$24,21,0),0)),0)</f>
        <v>34.42702639076208</v>
      </c>
      <c r="E3694" cm="1">
        <f t="array" ref="E3694">IFERROR(INDEX(Jesper!AI$2:AI$366,ROUNDDOWN($C3694/24,0)+1,1)*INDEX($D$3:$AA$30,INDEX(Jesper!$R$2:$R$366,ROW(INDEX(Jesper!AI$2:AI$366,ROUNDDOWN($C3694/24,0)+1,1))-1)+IF('Standard Profiles'!$G$19=$B$10,7,0)+IF('Standard Profiles'!$G$19=$B$17,14,0)+IF('Standard Profiles'!$G$19=$B$24,21,0),MOD($C3694,24)+1)/SUM(INDEX($D$3:$AA$30,INDEX(Jesper!$R$2:$R$366,ROW(INDEX(Jesper!AI$2:AI$366,ROUNDDOWN($C3694/24,0)+1,1))-1)+IF('Standard Profiles'!$G$19=$B$10,7,0)+IF('Standard Profiles'!$G$19=$B$17,14,0)+IF('Standard Profiles'!$G$19=$B$24,21,0),0)),0)</f>
        <v>14.806434320864168</v>
      </c>
      <c r="F3694" cm="1">
        <f t="array" ref="F3694">IFERROR(INDEX(Jesper!AJ$2:AJ$366,ROUNDDOWN($C3694/24,0)+1,1)*INDEX($D$3:$AA$30,INDEX(Jesper!$R$2:$R$366,ROW(INDEX(Jesper!AJ$2:AJ$366,ROUNDDOWN($C3694/24,0)+1,1))-1)+IF('Standard Profiles'!$G$20=$B$10,7,0)+IF('Standard Profiles'!$G$20=$B$17,14,0)+IF('Standard Profiles'!$G$20=$B$24,21,0),MOD($C3694,24)+1)/SUM(INDEX($D$3:$AA$30,INDEX(Jesper!$R$2:$R$366,ROW(INDEX(Jesper!AJ$2:AJ$366,ROUNDDOWN($C3694/24,0)+1,1))-1)+IF('Standard Profiles'!$G$20=$B$10,7,0)+IF('Standard Profiles'!$G$20=$B$17,14,0)+IF('Standard Profiles'!$G$20=$B$24,21,0),0)),0)</f>
        <v>0</v>
      </c>
      <c r="G3694" cm="1">
        <f t="array" ref="G3694">IFERROR(INDEX(Jesper!AK$2:AK$366,ROUNDDOWN($C3694/24,0)+1,1)*INDEX($D$3:$AA$30,INDEX(Jesper!$R$2:$R$366,ROW(INDEX(Jesper!AK$2:AK$366,ROUNDDOWN($C3694/24,0)+1,1))-1)+IF('Standard Profiles'!$G$21=$B$10,7,0)+IF('Standard Profiles'!$G$21=$B$17,14,0)+IF('Standard Profiles'!$G$21=$B$24,21,0),MOD($C3694,24)+1)/SUM(INDEX($D$3:$AA$30,INDEX(Jesper!$R$2:$R$366,ROW(INDEX(Jesper!AK$2:AK$366,ROUNDDOWN($C3694/24,0)+1,1))-1)+IF('Standard Profiles'!$G$21=$B$10,7,0)+IF('Standard Profiles'!$G$21=$B$17,14,0)+IF('Standard Profiles'!$G$21=$B$24,21,0),0)),0)</f>
        <v>1.1816166771417602</v>
      </c>
      <c r="H3694" cm="1">
        <f t="array" ref="H3694">IFERROR(INDEX(Jesper!AL$2:AL$366,ROUNDDOWN($C3694/24,0)+1,1)*INDEX($D$3:$AA$30,INDEX(Jesper!$R$2:$R$366,ROW(INDEX(Jesper!AL$2:AL$366,ROUNDDOWN($C3694/24,0)+1,1))-1)+IF('Standard Profiles'!$G$22=$B$10,7,0)+IF('Standard Profiles'!$G$22=$B$17,14,0)+IF('Standard Profiles'!$G$22=$B$24,21,0),MOD($C3694,24)+1)/SUM(INDEX($D$3:$AA$30,INDEX(Jesper!$R$2:$R$366,ROW(INDEX(Jesper!AL$2:AL$366,ROUNDDOWN($C3694/24,0)+1,1))-1)+IF('Standard Profiles'!$G$22=$B$10,7,0)+IF('Standard Profiles'!$G$22=$B$17,14,0)+IF('Standard Profiles'!$G$22=$B$24,21,0),0)),0)</f>
        <v>0</v>
      </c>
      <c r="I3694">
        <f t="shared" si="419"/>
        <v>0.56717600502804466</v>
      </c>
      <c r="J3694">
        <f t="shared" si="420"/>
        <v>44.339577161218031</v>
      </c>
      <c r="K3694">
        <f t="shared" si="421"/>
        <v>3.6722161483479554</v>
      </c>
      <c r="L3694">
        <f t="shared" si="422"/>
        <v>1.8361080741739777</v>
      </c>
      <c r="M3694">
        <f t="shared" si="423"/>
        <v>0</v>
      </c>
      <c r="N3694" s="45">
        <f t="shared" si="424"/>
        <v>45079.499999991123</v>
      </c>
    </row>
    <row r="3695" spans="2:14" x14ac:dyDescent="0.25">
      <c r="B3695">
        <f t="shared" si="418"/>
        <v>5</v>
      </c>
      <c r="C3695" s="16">
        <v>3661</v>
      </c>
      <c r="D3695" cm="1">
        <f t="array" ref="D3695">IFERROR(INDEX(Jesper!AH$2:AH$366,ROUNDDOWN($C3695/24,0)+1,1)*INDEX($D$3:$AA$30,INDEX(Jesper!$R$2:$R$366,ROW(INDEX(Jesper!AH$2:AH$366,ROUNDDOWN($C3695/24,0)+1,1))-1)+IF('Standard Profiles'!$G$18=$B$10,7,0)+IF('Standard Profiles'!$G$18=$B$17,14,0)+IF('Standard Profiles'!$G$18=$B$24,21,0),MOD($C3695,24)+1)/SUM(INDEX($D$3:$AA$30,INDEX(Jesper!$R$2:$R$366,ROW(INDEX(Jesper!AH$2:AH$366,ROUNDDOWN($C3695/24,0)+1,1))-1)+IF('Standard Profiles'!$G$18=$B$10,7,0)+IF('Standard Profiles'!$G$18=$B$17,14,0)+IF('Standard Profiles'!$G$18=$B$24,21,0),0)),0)</f>
        <v>23.834095193604519</v>
      </c>
      <c r="E3695" cm="1">
        <f t="array" ref="E3695">IFERROR(INDEX(Jesper!AI$2:AI$366,ROUNDDOWN($C3695/24,0)+1,1)*INDEX($D$3:$AA$30,INDEX(Jesper!$R$2:$R$366,ROW(INDEX(Jesper!AI$2:AI$366,ROUNDDOWN($C3695/24,0)+1,1))-1)+IF('Standard Profiles'!$G$19=$B$10,7,0)+IF('Standard Profiles'!$G$19=$B$17,14,0)+IF('Standard Profiles'!$G$19=$B$24,21,0),MOD($C3695,24)+1)/SUM(INDEX($D$3:$AA$30,INDEX(Jesper!$R$2:$R$366,ROW(INDEX(Jesper!AI$2:AI$366,ROUNDDOWN($C3695/24,0)+1,1))-1)+IF('Standard Profiles'!$G$19=$B$10,7,0)+IF('Standard Profiles'!$G$19=$B$17,14,0)+IF('Standard Profiles'!$G$19=$B$24,21,0),0)),0)</f>
        <v>10.250608375982885</v>
      </c>
      <c r="F3695" cm="1">
        <f t="array" ref="F3695">IFERROR(INDEX(Jesper!AJ$2:AJ$366,ROUNDDOWN($C3695/24,0)+1,1)*INDEX($D$3:$AA$30,INDEX(Jesper!$R$2:$R$366,ROW(INDEX(Jesper!AJ$2:AJ$366,ROUNDDOWN($C3695/24,0)+1,1))-1)+IF('Standard Profiles'!$G$20=$B$10,7,0)+IF('Standard Profiles'!$G$20=$B$17,14,0)+IF('Standard Profiles'!$G$20=$B$24,21,0),MOD($C3695,24)+1)/SUM(INDEX($D$3:$AA$30,INDEX(Jesper!$R$2:$R$366,ROW(INDEX(Jesper!AJ$2:AJ$366,ROUNDDOWN($C3695/24,0)+1,1))-1)+IF('Standard Profiles'!$G$20=$B$10,7,0)+IF('Standard Profiles'!$G$20=$B$17,14,0)+IF('Standard Profiles'!$G$20=$B$24,21,0),0)),0)</f>
        <v>0</v>
      </c>
      <c r="G3695" cm="1">
        <f t="array" ref="G3695">IFERROR(INDEX(Jesper!AK$2:AK$366,ROUNDDOWN($C3695/24,0)+1,1)*INDEX($D$3:$AA$30,INDEX(Jesper!$R$2:$R$366,ROW(INDEX(Jesper!AK$2:AK$366,ROUNDDOWN($C3695/24,0)+1,1))-1)+IF('Standard Profiles'!$G$21=$B$10,7,0)+IF('Standard Profiles'!$G$21=$B$17,14,0)+IF('Standard Profiles'!$G$21=$B$24,21,0),MOD($C3695,24)+1)/SUM(INDEX($D$3:$AA$30,INDEX(Jesper!$R$2:$R$366,ROW(INDEX(Jesper!AK$2:AK$366,ROUNDDOWN($C3695/24,0)+1,1))-1)+IF('Standard Profiles'!$G$21=$B$10,7,0)+IF('Standard Profiles'!$G$21=$B$17,14,0)+IF('Standard Profiles'!$G$21=$B$24,21,0),0)),0)</f>
        <v>0.81804231494429547</v>
      </c>
      <c r="H3695" cm="1">
        <f t="array" ref="H3695">IFERROR(INDEX(Jesper!AL$2:AL$366,ROUNDDOWN($C3695/24,0)+1,1)*INDEX($D$3:$AA$30,INDEX(Jesper!$R$2:$R$366,ROW(INDEX(Jesper!AL$2:AL$366,ROUNDDOWN($C3695/24,0)+1,1))-1)+IF('Standard Profiles'!$G$22=$B$10,7,0)+IF('Standard Profiles'!$G$22=$B$17,14,0)+IF('Standard Profiles'!$G$22=$B$24,21,0),MOD($C3695,24)+1)/SUM(INDEX($D$3:$AA$30,INDEX(Jesper!$R$2:$R$366,ROW(INDEX(Jesper!AL$2:AL$366,ROUNDDOWN($C3695/24,0)+1,1))-1)+IF('Standard Profiles'!$G$22=$B$10,7,0)+IF('Standard Profiles'!$G$22=$B$17,14,0)+IF('Standard Profiles'!$G$22=$B$24,21,0),0)),0)</f>
        <v>0</v>
      </c>
      <c r="I3695">
        <f t="shared" si="419"/>
        <v>0.39266031117326161</v>
      </c>
      <c r="J3695">
        <f t="shared" si="420"/>
        <v>30.696630342381713</v>
      </c>
      <c r="K3695">
        <f t="shared" si="421"/>
        <v>2.5423034873178154</v>
      </c>
      <c r="L3695">
        <f t="shared" si="422"/>
        <v>1.2711517436589077</v>
      </c>
      <c r="M3695">
        <f t="shared" si="423"/>
        <v>0</v>
      </c>
      <c r="N3695" s="45">
        <f t="shared" si="424"/>
        <v>45079.541666657788</v>
      </c>
    </row>
    <row r="3696" spans="2:14" x14ac:dyDescent="0.25">
      <c r="B3696">
        <f t="shared" si="418"/>
        <v>5</v>
      </c>
      <c r="C3696" s="16">
        <v>3662</v>
      </c>
      <c r="D3696" cm="1">
        <f t="array" ref="D3696">IFERROR(INDEX(Jesper!AH$2:AH$366,ROUNDDOWN($C3696/24,0)+1,1)*INDEX($D$3:$AA$30,INDEX(Jesper!$R$2:$R$366,ROW(INDEX(Jesper!AH$2:AH$366,ROUNDDOWN($C3696/24,0)+1,1))-1)+IF('Standard Profiles'!$G$18=$B$10,7,0)+IF('Standard Profiles'!$G$18=$B$17,14,0)+IF('Standard Profiles'!$G$18=$B$24,21,0),MOD($C3696,24)+1)/SUM(INDEX($D$3:$AA$30,INDEX(Jesper!$R$2:$R$366,ROW(INDEX(Jesper!AH$2:AH$366,ROUNDDOWN($C3696/24,0)+1,1))-1)+IF('Standard Profiles'!$G$18=$B$10,7,0)+IF('Standard Profiles'!$G$18=$B$17,14,0)+IF('Standard Profiles'!$G$18=$B$24,21,0),0)),0)</f>
        <v>34.42702639076208</v>
      </c>
      <c r="E3696" cm="1">
        <f t="array" ref="E3696">IFERROR(INDEX(Jesper!AI$2:AI$366,ROUNDDOWN($C3696/24,0)+1,1)*INDEX($D$3:$AA$30,INDEX(Jesper!$R$2:$R$366,ROW(INDEX(Jesper!AI$2:AI$366,ROUNDDOWN($C3696/24,0)+1,1))-1)+IF('Standard Profiles'!$G$19=$B$10,7,0)+IF('Standard Profiles'!$G$19=$B$17,14,0)+IF('Standard Profiles'!$G$19=$B$24,21,0),MOD($C3696,24)+1)/SUM(INDEX($D$3:$AA$30,INDEX(Jesper!$R$2:$R$366,ROW(INDEX(Jesper!AI$2:AI$366,ROUNDDOWN($C3696/24,0)+1,1))-1)+IF('Standard Profiles'!$G$19=$B$10,7,0)+IF('Standard Profiles'!$G$19=$B$17,14,0)+IF('Standard Profiles'!$G$19=$B$24,21,0),0)),0)</f>
        <v>14.806434320864168</v>
      </c>
      <c r="F3696" cm="1">
        <f t="array" ref="F3696">IFERROR(INDEX(Jesper!AJ$2:AJ$366,ROUNDDOWN($C3696/24,0)+1,1)*INDEX($D$3:$AA$30,INDEX(Jesper!$R$2:$R$366,ROW(INDEX(Jesper!AJ$2:AJ$366,ROUNDDOWN($C3696/24,0)+1,1))-1)+IF('Standard Profiles'!$G$20=$B$10,7,0)+IF('Standard Profiles'!$G$20=$B$17,14,0)+IF('Standard Profiles'!$G$20=$B$24,21,0),MOD($C3696,24)+1)/SUM(INDEX($D$3:$AA$30,INDEX(Jesper!$R$2:$R$366,ROW(INDEX(Jesper!AJ$2:AJ$366,ROUNDDOWN($C3696/24,0)+1,1))-1)+IF('Standard Profiles'!$G$20=$B$10,7,0)+IF('Standard Profiles'!$G$20=$B$17,14,0)+IF('Standard Profiles'!$G$20=$B$24,21,0),0)),0)</f>
        <v>0</v>
      </c>
      <c r="G3696" cm="1">
        <f t="array" ref="G3696">IFERROR(INDEX(Jesper!AK$2:AK$366,ROUNDDOWN($C3696/24,0)+1,1)*INDEX($D$3:$AA$30,INDEX(Jesper!$R$2:$R$366,ROW(INDEX(Jesper!AK$2:AK$366,ROUNDDOWN($C3696/24,0)+1,1))-1)+IF('Standard Profiles'!$G$21=$B$10,7,0)+IF('Standard Profiles'!$G$21=$B$17,14,0)+IF('Standard Profiles'!$G$21=$B$24,21,0),MOD($C3696,24)+1)/SUM(INDEX($D$3:$AA$30,INDEX(Jesper!$R$2:$R$366,ROW(INDEX(Jesper!AK$2:AK$366,ROUNDDOWN($C3696/24,0)+1,1))-1)+IF('Standard Profiles'!$G$21=$B$10,7,0)+IF('Standard Profiles'!$G$21=$B$17,14,0)+IF('Standard Profiles'!$G$21=$B$24,21,0),0)),0)</f>
        <v>1.1816166771417602</v>
      </c>
      <c r="H3696" cm="1">
        <f t="array" ref="H3696">IFERROR(INDEX(Jesper!AL$2:AL$366,ROUNDDOWN($C3696/24,0)+1,1)*INDEX($D$3:$AA$30,INDEX(Jesper!$R$2:$R$366,ROW(INDEX(Jesper!AL$2:AL$366,ROUNDDOWN($C3696/24,0)+1,1))-1)+IF('Standard Profiles'!$G$22=$B$10,7,0)+IF('Standard Profiles'!$G$22=$B$17,14,0)+IF('Standard Profiles'!$G$22=$B$24,21,0),MOD($C3696,24)+1)/SUM(INDEX($D$3:$AA$30,INDEX(Jesper!$R$2:$R$366,ROW(INDEX(Jesper!AL$2:AL$366,ROUNDDOWN($C3696/24,0)+1,1))-1)+IF('Standard Profiles'!$G$22=$B$10,7,0)+IF('Standard Profiles'!$G$22=$B$17,14,0)+IF('Standard Profiles'!$G$22=$B$24,21,0),0)),0)</f>
        <v>0</v>
      </c>
      <c r="I3696">
        <f t="shared" si="419"/>
        <v>0.56717600502804466</v>
      </c>
      <c r="J3696">
        <f t="shared" si="420"/>
        <v>44.339577161218031</v>
      </c>
      <c r="K3696">
        <f t="shared" si="421"/>
        <v>3.6722161483479554</v>
      </c>
      <c r="L3696">
        <f t="shared" si="422"/>
        <v>1.8361080741739777</v>
      </c>
      <c r="M3696">
        <f t="shared" si="423"/>
        <v>0</v>
      </c>
      <c r="N3696" s="45">
        <f t="shared" si="424"/>
        <v>45079.583333324452</v>
      </c>
    </row>
    <row r="3697" spans="2:14" x14ac:dyDescent="0.25">
      <c r="B3697">
        <f t="shared" si="418"/>
        <v>5</v>
      </c>
      <c r="C3697" s="16">
        <v>3663</v>
      </c>
      <c r="D3697" cm="1">
        <f t="array" ref="D3697">IFERROR(INDEX(Jesper!AH$2:AH$366,ROUNDDOWN($C3697/24,0)+1,1)*INDEX($D$3:$AA$30,INDEX(Jesper!$R$2:$R$366,ROW(INDEX(Jesper!AH$2:AH$366,ROUNDDOWN($C3697/24,0)+1,1))-1)+IF('Standard Profiles'!$G$18=$B$10,7,0)+IF('Standard Profiles'!$G$18=$B$17,14,0)+IF('Standard Profiles'!$G$18=$B$24,21,0),MOD($C3697,24)+1)/SUM(INDEX($D$3:$AA$30,INDEX(Jesper!$R$2:$R$366,ROW(INDEX(Jesper!AH$2:AH$366,ROUNDDOWN($C3697/24,0)+1,1))-1)+IF('Standard Profiles'!$G$18=$B$10,7,0)+IF('Standard Profiles'!$G$18=$B$17,14,0)+IF('Standard Profiles'!$G$18=$B$24,21,0),0)),0)</f>
        <v>26.482327992893911</v>
      </c>
      <c r="E3697" cm="1">
        <f t="array" ref="E3697">IFERROR(INDEX(Jesper!AI$2:AI$366,ROUNDDOWN($C3697/24,0)+1,1)*INDEX($D$3:$AA$30,INDEX(Jesper!$R$2:$R$366,ROW(INDEX(Jesper!AI$2:AI$366,ROUNDDOWN($C3697/24,0)+1,1))-1)+IF('Standard Profiles'!$G$19=$B$10,7,0)+IF('Standard Profiles'!$G$19=$B$17,14,0)+IF('Standard Profiles'!$G$19=$B$24,21,0),MOD($C3697,24)+1)/SUM(INDEX($D$3:$AA$30,INDEX(Jesper!$R$2:$R$366,ROW(INDEX(Jesper!AI$2:AI$366,ROUNDDOWN($C3697/24,0)+1,1))-1)+IF('Standard Profiles'!$G$19=$B$10,7,0)+IF('Standard Profiles'!$G$19=$B$17,14,0)+IF('Standard Profiles'!$G$19=$B$24,21,0),0)),0)</f>
        <v>11.389564862203207</v>
      </c>
      <c r="F3697" cm="1">
        <f t="array" ref="F3697">IFERROR(INDEX(Jesper!AJ$2:AJ$366,ROUNDDOWN($C3697/24,0)+1,1)*INDEX($D$3:$AA$30,INDEX(Jesper!$R$2:$R$366,ROW(INDEX(Jesper!AJ$2:AJ$366,ROUNDDOWN($C3697/24,0)+1,1))-1)+IF('Standard Profiles'!$G$20=$B$10,7,0)+IF('Standard Profiles'!$G$20=$B$17,14,0)+IF('Standard Profiles'!$G$20=$B$24,21,0),MOD($C3697,24)+1)/SUM(INDEX($D$3:$AA$30,INDEX(Jesper!$R$2:$R$366,ROW(INDEX(Jesper!AJ$2:AJ$366,ROUNDDOWN($C3697/24,0)+1,1))-1)+IF('Standard Profiles'!$G$20=$B$10,7,0)+IF('Standard Profiles'!$G$20=$B$17,14,0)+IF('Standard Profiles'!$G$20=$B$24,21,0),0)),0)</f>
        <v>0</v>
      </c>
      <c r="G3697" cm="1">
        <f t="array" ref="G3697">IFERROR(INDEX(Jesper!AK$2:AK$366,ROUNDDOWN($C3697/24,0)+1,1)*INDEX($D$3:$AA$30,INDEX(Jesper!$R$2:$R$366,ROW(INDEX(Jesper!AK$2:AK$366,ROUNDDOWN($C3697/24,0)+1,1))-1)+IF('Standard Profiles'!$G$21=$B$10,7,0)+IF('Standard Profiles'!$G$21=$B$17,14,0)+IF('Standard Profiles'!$G$21=$B$24,21,0),MOD($C3697,24)+1)/SUM(INDEX($D$3:$AA$30,INDEX(Jesper!$R$2:$R$366,ROW(INDEX(Jesper!AK$2:AK$366,ROUNDDOWN($C3697/24,0)+1,1))-1)+IF('Standard Profiles'!$G$21=$B$10,7,0)+IF('Standard Profiles'!$G$21=$B$17,14,0)+IF('Standard Profiles'!$G$21=$B$24,21,0),0)),0)</f>
        <v>0.99982949604302784</v>
      </c>
      <c r="H3697" cm="1">
        <f t="array" ref="H3697">IFERROR(INDEX(Jesper!AL$2:AL$366,ROUNDDOWN($C3697/24,0)+1,1)*INDEX($D$3:$AA$30,INDEX(Jesper!$R$2:$R$366,ROW(INDEX(Jesper!AL$2:AL$366,ROUNDDOWN($C3697/24,0)+1,1))-1)+IF('Standard Profiles'!$G$22=$B$10,7,0)+IF('Standard Profiles'!$G$22=$B$17,14,0)+IF('Standard Profiles'!$G$22=$B$24,21,0),MOD($C3697,24)+1)/SUM(INDEX($D$3:$AA$30,INDEX(Jesper!$R$2:$R$366,ROW(INDEX(Jesper!AL$2:AL$366,ROUNDDOWN($C3697/24,0)+1,1))-1)+IF('Standard Profiles'!$G$22=$B$10,7,0)+IF('Standard Profiles'!$G$22=$B$17,14,0)+IF('Standard Profiles'!$G$22=$B$24,21,0),0)),0)</f>
        <v>0</v>
      </c>
      <c r="I3697">
        <f t="shared" si="419"/>
        <v>0.47991815810065314</v>
      </c>
      <c r="J3697">
        <f t="shared" si="420"/>
        <v>34.154631714176467</v>
      </c>
      <c r="K3697">
        <f t="shared" si="421"/>
        <v>2.8247816525753509</v>
      </c>
      <c r="L3697">
        <f t="shared" si="422"/>
        <v>1.4123908262876754</v>
      </c>
      <c r="M3697">
        <f t="shared" si="423"/>
        <v>0</v>
      </c>
      <c r="N3697" s="45">
        <f t="shared" si="424"/>
        <v>45079.624999991116</v>
      </c>
    </row>
    <row r="3698" spans="2:14" x14ac:dyDescent="0.25">
      <c r="B3698">
        <f t="shared" si="418"/>
        <v>5</v>
      </c>
      <c r="C3698" s="16">
        <v>3664</v>
      </c>
      <c r="D3698" cm="1">
        <f t="array" ref="D3698">IFERROR(INDEX(Jesper!AH$2:AH$366,ROUNDDOWN($C3698/24,0)+1,1)*INDEX($D$3:$AA$30,INDEX(Jesper!$R$2:$R$366,ROW(INDEX(Jesper!AH$2:AH$366,ROUNDDOWN($C3698/24,0)+1,1))-1)+IF('Standard Profiles'!$G$18=$B$10,7,0)+IF('Standard Profiles'!$G$18=$B$17,14,0)+IF('Standard Profiles'!$G$18=$B$24,21,0),MOD($C3698,24)+1)/SUM(INDEX($D$3:$AA$30,INDEX(Jesper!$R$2:$R$366,ROW(INDEX(Jesper!AH$2:AH$366,ROUNDDOWN($C3698/24,0)+1,1))-1)+IF('Standard Profiles'!$G$18=$B$10,7,0)+IF('Standard Profiles'!$G$18=$B$17,14,0)+IF('Standard Profiles'!$G$18=$B$24,21,0),0)),0)</f>
        <v>12.433017837039394</v>
      </c>
      <c r="E3698" cm="1">
        <f t="array" ref="E3698">IFERROR(INDEX(Jesper!AI$2:AI$366,ROUNDDOWN($C3698/24,0)+1,1)*INDEX($D$3:$AA$30,INDEX(Jesper!$R$2:$R$366,ROW(INDEX(Jesper!AI$2:AI$366,ROUNDDOWN($C3698/24,0)+1,1))-1)+IF('Standard Profiles'!$G$19=$B$10,7,0)+IF('Standard Profiles'!$G$19=$B$17,14,0)+IF('Standard Profiles'!$G$19=$B$24,21,0),MOD($C3698,24)+1)/SUM(INDEX($D$3:$AA$30,INDEX(Jesper!$R$2:$R$366,ROW(INDEX(Jesper!AI$2:AI$366,ROUNDDOWN($C3698/24,0)+1,1))-1)+IF('Standard Profiles'!$G$19=$B$10,7,0)+IF('Standard Profiles'!$G$19=$B$17,14,0)+IF('Standard Profiles'!$G$19=$B$24,21,0),0)),0)</f>
        <v>5.347213550330145</v>
      </c>
      <c r="F3698" cm="1">
        <f t="array" ref="F3698">IFERROR(INDEX(Jesper!AJ$2:AJ$366,ROUNDDOWN($C3698/24,0)+1,1)*INDEX($D$3:$AA$30,INDEX(Jesper!$R$2:$R$366,ROW(INDEX(Jesper!AJ$2:AJ$366,ROUNDDOWN($C3698/24,0)+1,1))-1)+IF('Standard Profiles'!$G$20=$B$10,7,0)+IF('Standard Profiles'!$G$20=$B$17,14,0)+IF('Standard Profiles'!$G$20=$B$24,21,0),MOD($C3698,24)+1)/SUM(INDEX($D$3:$AA$30,INDEX(Jesper!$R$2:$R$366,ROW(INDEX(Jesper!AJ$2:AJ$366,ROUNDDOWN($C3698/24,0)+1,1))-1)+IF('Standard Profiles'!$G$20=$B$10,7,0)+IF('Standard Profiles'!$G$20=$B$17,14,0)+IF('Standard Profiles'!$G$20=$B$24,21,0),0)),0)</f>
        <v>0</v>
      </c>
      <c r="G3698" cm="1">
        <f t="array" ref="G3698">IFERROR(INDEX(Jesper!AK$2:AK$366,ROUNDDOWN($C3698/24,0)+1,1)*INDEX($D$3:$AA$30,INDEX(Jesper!$R$2:$R$366,ROW(INDEX(Jesper!AK$2:AK$366,ROUNDDOWN($C3698/24,0)+1,1))-1)+IF('Standard Profiles'!$G$21=$B$10,7,0)+IF('Standard Profiles'!$G$21=$B$17,14,0)+IF('Standard Profiles'!$G$21=$B$24,21,0),MOD($C3698,24)+1)/SUM(INDEX($D$3:$AA$30,INDEX(Jesper!$R$2:$R$366,ROW(INDEX(Jesper!AK$2:AK$366,ROUNDDOWN($C3698/24,0)+1,1))-1)+IF('Standard Profiles'!$G$21=$B$10,7,0)+IF('Standard Profiles'!$G$21=$B$17,14,0)+IF('Standard Profiles'!$G$21=$B$24,21,0),0)),0)</f>
        <v>0.86565324332729687</v>
      </c>
      <c r="H3698" cm="1">
        <f t="array" ref="H3698">IFERROR(INDEX(Jesper!AL$2:AL$366,ROUNDDOWN($C3698/24,0)+1,1)*INDEX($D$3:$AA$30,INDEX(Jesper!$R$2:$R$366,ROW(INDEX(Jesper!AL$2:AL$366,ROUNDDOWN($C3698/24,0)+1,1))-1)+IF('Standard Profiles'!$G$22=$B$10,7,0)+IF('Standard Profiles'!$G$22=$B$17,14,0)+IF('Standard Profiles'!$G$22=$B$24,21,0),MOD($C3698,24)+1)/SUM(INDEX($D$3:$AA$30,INDEX(Jesper!$R$2:$R$366,ROW(INDEX(Jesper!AL$2:AL$366,ROUNDDOWN($C3698/24,0)+1,1))-1)+IF('Standard Profiles'!$G$22=$B$10,7,0)+IF('Standard Profiles'!$G$22=$B$17,14,0)+IF('Standard Profiles'!$G$22=$B$24,21,0),0)),0)</f>
        <v>0</v>
      </c>
      <c r="I3698">
        <f t="shared" si="419"/>
        <v>0.41551355679710228</v>
      </c>
      <c r="J3698">
        <f t="shared" si="420"/>
        <v>16.241088219973431</v>
      </c>
      <c r="K3698">
        <f t="shared" si="421"/>
        <v>1.3261885692842021</v>
      </c>
      <c r="L3698">
        <f t="shared" si="422"/>
        <v>0.66309428464210107</v>
      </c>
      <c r="M3698">
        <f t="shared" si="423"/>
        <v>0</v>
      </c>
      <c r="N3698" s="45">
        <f t="shared" si="424"/>
        <v>45079.66666665778</v>
      </c>
    </row>
    <row r="3699" spans="2:14" x14ac:dyDescent="0.25">
      <c r="B3699">
        <f t="shared" si="418"/>
        <v>5</v>
      </c>
      <c r="C3699" s="16">
        <v>3665</v>
      </c>
      <c r="D3699" cm="1">
        <f t="array" ref="D3699">IFERROR(INDEX(Jesper!AH$2:AH$366,ROUNDDOWN($C3699/24,0)+1,1)*INDEX($D$3:$AA$30,INDEX(Jesper!$R$2:$R$366,ROW(INDEX(Jesper!AH$2:AH$366,ROUNDDOWN($C3699/24,0)+1,1))-1)+IF('Standard Profiles'!$G$18=$B$10,7,0)+IF('Standard Profiles'!$G$18=$B$17,14,0)+IF('Standard Profiles'!$G$18=$B$24,21,0),MOD($C3699,24)+1)/SUM(INDEX($D$3:$AA$30,INDEX(Jesper!$R$2:$R$366,ROW(INDEX(Jesper!AH$2:AH$366,ROUNDDOWN($C3699/24,0)+1,1))-1)+IF('Standard Profiles'!$G$18=$B$10,7,0)+IF('Standard Profiles'!$G$18=$B$17,14,0)+IF('Standard Profiles'!$G$18=$B$24,21,0),0)),0)</f>
        <v>8.2057917724460001</v>
      </c>
      <c r="E3699" cm="1">
        <f t="array" ref="E3699">IFERROR(INDEX(Jesper!AI$2:AI$366,ROUNDDOWN($C3699/24,0)+1,1)*INDEX($D$3:$AA$30,INDEX(Jesper!$R$2:$R$366,ROW(INDEX(Jesper!AI$2:AI$366,ROUNDDOWN($C3699/24,0)+1,1))-1)+IF('Standard Profiles'!$G$19=$B$10,7,0)+IF('Standard Profiles'!$G$19=$B$17,14,0)+IF('Standard Profiles'!$G$19=$B$24,21,0),MOD($C3699,24)+1)/SUM(INDEX($D$3:$AA$30,INDEX(Jesper!$R$2:$R$366,ROW(INDEX(Jesper!AI$2:AI$366,ROUNDDOWN($C3699/24,0)+1,1))-1)+IF('Standard Profiles'!$G$19=$B$10,7,0)+IF('Standard Profiles'!$G$19=$B$17,14,0)+IF('Standard Profiles'!$G$19=$B$24,21,0),0)),0)</f>
        <v>3.5291609432178954</v>
      </c>
      <c r="F3699" cm="1">
        <f t="array" ref="F3699">IFERROR(INDEX(Jesper!AJ$2:AJ$366,ROUNDDOWN($C3699/24,0)+1,1)*INDEX($D$3:$AA$30,INDEX(Jesper!$R$2:$R$366,ROW(INDEX(Jesper!AJ$2:AJ$366,ROUNDDOWN($C3699/24,0)+1,1))-1)+IF('Standard Profiles'!$G$20=$B$10,7,0)+IF('Standard Profiles'!$G$20=$B$17,14,0)+IF('Standard Profiles'!$G$20=$B$24,21,0),MOD($C3699,24)+1)/SUM(INDEX($D$3:$AA$30,INDEX(Jesper!$R$2:$R$366,ROW(INDEX(Jesper!AJ$2:AJ$366,ROUNDDOWN($C3699/24,0)+1,1))-1)+IF('Standard Profiles'!$G$20=$B$10,7,0)+IF('Standard Profiles'!$G$20=$B$17,14,0)+IF('Standard Profiles'!$G$20=$B$24,21,0),0)),0)</f>
        <v>0</v>
      </c>
      <c r="G3699" cm="1">
        <f t="array" ref="G3699">IFERROR(INDEX(Jesper!AK$2:AK$366,ROUNDDOWN($C3699/24,0)+1,1)*INDEX($D$3:$AA$30,INDEX(Jesper!$R$2:$R$366,ROW(INDEX(Jesper!AK$2:AK$366,ROUNDDOWN($C3699/24,0)+1,1))-1)+IF('Standard Profiles'!$G$21=$B$10,7,0)+IF('Standard Profiles'!$G$21=$B$17,14,0)+IF('Standard Profiles'!$G$21=$B$24,21,0),MOD($C3699,24)+1)/SUM(INDEX($D$3:$AA$30,INDEX(Jesper!$R$2:$R$366,ROW(INDEX(Jesper!AK$2:AK$366,ROUNDDOWN($C3699/24,0)+1,1))-1)+IF('Standard Profiles'!$G$21=$B$10,7,0)+IF('Standard Profiles'!$G$21=$B$17,14,0)+IF('Standard Profiles'!$G$21=$B$24,21,0),0)),0)</f>
        <v>0.72714872439492928</v>
      </c>
      <c r="H3699" cm="1">
        <f t="array" ref="H3699">IFERROR(INDEX(Jesper!AL$2:AL$366,ROUNDDOWN($C3699/24,0)+1,1)*INDEX($D$3:$AA$30,INDEX(Jesper!$R$2:$R$366,ROW(INDEX(Jesper!AL$2:AL$366,ROUNDDOWN($C3699/24,0)+1,1))-1)+IF('Standard Profiles'!$G$22=$B$10,7,0)+IF('Standard Profiles'!$G$22=$B$17,14,0)+IF('Standard Profiles'!$G$22=$B$24,21,0),MOD($C3699,24)+1)/SUM(INDEX($D$3:$AA$30,INDEX(Jesper!$R$2:$R$366,ROW(INDEX(Jesper!AL$2:AL$366,ROUNDDOWN($C3699/24,0)+1,1))-1)+IF('Standard Profiles'!$G$22=$B$10,7,0)+IF('Standard Profiles'!$G$22=$B$17,14,0)+IF('Standard Profiles'!$G$22=$B$24,21,0),0)),0)</f>
        <v>0</v>
      </c>
      <c r="I3699">
        <f t="shared" si="419"/>
        <v>0.34903138770956588</v>
      </c>
      <c r="J3699">
        <f t="shared" si="420"/>
        <v>10.800143368757899</v>
      </c>
      <c r="K3699">
        <f t="shared" si="421"/>
        <v>0.87528445572757341</v>
      </c>
      <c r="L3699">
        <f t="shared" si="422"/>
        <v>0.4376422278637867</v>
      </c>
      <c r="M3699">
        <f t="shared" si="423"/>
        <v>0</v>
      </c>
      <c r="N3699" s="45">
        <f t="shared" si="424"/>
        <v>45079.708333324445</v>
      </c>
    </row>
    <row r="3700" spans="2:14" x14ac:dyDescent="0.25">
      <c r="B3700">
        <f t="shared" si="418"/>
        <v>5</v>
      </c>
      <c r="C3700" s="16">
        <v>3666</v>
      </c>
      <c r="D3700" cm="1">
        <f t="array" ref="D3700">IFERROR(INDEX(Jesper!AH$2:AH$366,ROUNDDOWN($C3700/24,0)+1,1)*INDEX($D$3:$AA$30,INDEX(Jesper!$R$2:$R$366,ROW(INDEX(Jesper!AH$2:AH$366,ROUNDDOWN($C3700/24,0)+1,1))-1)+IF('Standard Profiles'!$G$18=$B$10,7,0)+IF('Standard Profiles'!$G$18=$B$17,14,0)+IF('Standard Profiles'!$G$18=$B$24,21,0),MOD($C3700,24)+1)/SUM(INDEX($D$3:$AA$30,INDEX(Jesper!$R$2:$R$366,ROW(INDEX(Jesper!AH$2:AH$366,ROUNDDOWN($C3700/24,0)+1,1))-1)+IF('Standard Profiles'!$G$18=$B$10,7,0)+IF('Standard Profiles'!$G$18=$B$17,14,0)+IF('Standard Profiles'!$G$18=$B$24,21,0),0)),0)</f>
        <v>5.2218674915565453</v>
      </c>
      <c r="E3700" cm="1">
        <f t="array" ref="E3700">IFERROR(INDEX(Jesper!AI$2:AI$366,ROUNDDOWN($C3700/24,0)+1,1)*INDEX($D$3:$AA$30,INDEX(Jesper!$R$2:$R$366,ROW(INDEX(Jesper!AI$2:AI$366,ROUNDDOWN($C3700/24,0)+1,1))-1)+IF('Standard Profiles'!$G$19=$B$10,7,0)+IF('Standard Profiles'!$G$19=$B$17,14,0)+IF('Standard Profiles'!$G$19=$B$24,21,0),MOD($C3700,24)+1)/SUM(INDEX($D$3:$AA$30,INDEX(Jesper!$R$2:$R$366,ROW(INDEX(Jesper!AI$2:AI$366,ROUNDDOWN($C3700/24,0)+1,1))-1)+IF('Standard Profiles'!$G$19=$B$10,7,0)+IF('Standard Profiles'!$G$19=$B$17,14,0)+IF('Standard Profiles'!$G$19=$B$24,21,0),0)),0)</f>
        <v>2.2458296911386606</v>
      </c>
      <c r="F3700" cm="1">
        <f t="array" ref="F3700">IFERROR(INDEX(Jesper!AJ$2:AJ$366,ROUNDDOWN($C3700/24,0)+1,1)*INDEX($D$3:$AA$30,INDEX(Jesper!$R$2:$R$366,ROW(INDEX(Jesper!AJ$2:AJ$366,ROUNDDOWN($C3700/24,0)+1,1))-1)+IF('Standard Profiles'!$G$20=$B$10,7,0)+IF('Standard Profiles'!$G$20=$B$17,14,0)+IF('Standard Profiles'!$G$20=$B$24,21,0),MOD($C3700,24)+1)/SUM(INDEX($D$3:$AA$30,INDEX(Jesper!$R$2:$R$366,ROW(INDEX(Jesper!AJ$2:AJ$366,ROUNDDOWN($C3700/24,0)+1,1))-1)+IF('Standard Profiles'!$G$20=$B$10,7,0)+IF('Standard Profiles'!$G$20=$B$17,14,0)+IF('Standard Profiles'!$G$20=$B$24,21,0),0)),0)</f>
        <v>0</v>
      </c>
      <c r="G3700" cm="1">
        <f t="array" ref="G3700">IFERROR(INDEX(Jesper!AK$2:AK$366,ROUNDDOWN($C3700/24,0)+1,1)*INDEX($D$3:$AA$30,INDEX(Jesper!$R$2:$R$366,ROW(INDEX(Jesper!AK$2:AK$366,ROUNDDOWN($C3700/24,0)+1,1))-1)+IF('Standard Profiles'!$G$21=$B$10,7,0)+IF('Standard Profiles'!$G$21=$B$17,14,0)+IF('Standard Profiles'!$G$21=$B$24,21,0),MOD($C3700,24)+1)/SUM(INDEX($D$3:$AA$30,INDEX(Jesper!$R$2:$R$366,ROW(INDEX(Jesper!AK$2:AK$366,ROUNDDOWN($C3700/24,0)+1,1))-1)+IF('Standard Profiles'!$G$21=$B$10,7,0)+IF('Standard Profiles'!$G$21=$B$17,14,0)+IF('Standard Profiles'!$G$21=$B$24,21,0),0)),0)</f>
        <v>0.26835250543146205</v>
      </c>
      <c r="H3700" cm="1">
        <f t="array" ref="H3700">IFERROR(INDEX(Jesper!AL$2:AL$366,ROUNDDOWN($C3700/24,0)+1,1)*INDEX($D$3:$AA$30,INDEX(Jesper!$R$2:$R$366,ROW(INDEX(Jesper!AL$2:AL$366,ROUNDDOWN($C3700/24,0)+1,1))-1)+IF('Standard Profiles'!$G$22=$B$10,7,0)+IF('Standard Profiles'!$G$22=$B$17,14,0)+IF('Standard Profiles'!$G$22=$B$24,21,0),MOD($C3700,24)+1)/SUM(INDEX($D$3:$AA$30,INDEX(Jesper!$R$2:$R$366,ROW(INDEX(Jesper!AL$2:AL$366,ROUNDDOWN($C3700/24,0)+1,1))-1)+IF('Standard Profiles'!$G$22=$B$10,7,0)+IF('Standard Profiles'!$G$22=$B$17,14,0)+IF('Standard Profiles'!$G$22=$B$24,21,0),0)),0)</f>
        <v>0</v>
      </c>
      <c r="I3700">
        <f t="shared" si="419"/>
        <v>0.12880920260710171</v>
      </c>
      <c r="J3700">
        <f t="shared" si="420"/>
        <v>6.7717416868705183</v>
      </c>
      <c r="K3700">
        <f t="shared" si="421"/>
        <v>0.55699919909936491</v>
      </c>
      <c r="L3700">
        <f t="shared" si="422"/>
        <v>0.27849959954968245</v>
      </c>
      <c r="M3700">
        <f t="shared" si="423"/>
        <v>0</v>
      </c>
      <c r="N3700" s="45">
        <f t="shared" si="424"/>
        <v>45079.749999991109</v>
      </c>
    </row>
    <row r="3701" spans="2:14" x14ac:dyDescent="0.25">
      <c r="B3701">
        <f t="shared" si="418"/>
        <v>5</v>
      </c>
      <c r="C3701" s="16">
        <v>3667</v>
      </c>
      <c r="D3701" cm="1">
        <f t="array" ref="D3701">IFERROR(INDEX(Jesper!AH$2:AH$366,ROUNDDOWN($C3701/24,0)+1,1)*INDEX($D$3:$AA$30,INDEX(Jesper!$R$2:$R$366,ROW(INDEX(Jesper!AH$2:AH$366,ROUNDDOWN($C3701/24,0)+1,1))-1)+IF('Standard Profiles'!$G$18=$B$10,7,0)+IF('Standard Profiles'!$G$18=$B$17,14,0)+IF('Standard Profiles'!$G$18=$B$24,21,0),MOD($C3701,24)+1)/SUM(INDEX($D$3:$AA$30,INDEX(Jesper!$R$2:$R$366,ROW(INDEX(Jesper!AH$2:AH$366,ROUNDDOWN($C3701/24,0)+1,1))-1)+IF('Standard Profiles'!$G$18=$B$10,7,0)+IF('Standard Profiles'!$G$18=$B$17,14,0)+IF('Standard Profiles'!$G$18=$B$24,21,0),0)),0)</f>
        <v>4.973207134815758</v>
      </c>
      <c r="E3701" cm="1">
        <f t="array" ref="E3701">IFERROR(INDEX(Jesper!AI$2:AI$366,ROUNDDOWN($C3701/24,0)+1,1)*INDEX($D$3:$AA$30,INDEX(Jesper!$R$2:$R$366,ROW(INDEX(Jesper!AI$2:AI$366,ROUNDDOWN($C3701/24,0)+1,1))-1)+IF('Standard Profiles'!$G$19=$B$10,7,0)+IF('Standard Profiles'!$G$19=$B$17,14,0)+IF('Standard Profiles'!$G$19=$B$24,21,0),MOD($C3701,24)+1)/SUM(INDEX($D$3:$AA$30,INDEX(Jesper!$R$2:$R$366,ROW(INDEX(Jesper!AI$2:AI$366,ROUNDDOWN($C3701/24,0)+1,1))-1)+IF('Standard Profiles'!$G$19=$B$10,7,0)+IF('Standard Profiles'!$G$19=$B$17,14,0)+IF('Standard Profiles'!$G$19=$B$24,21,0),0)),0)</f>
        <v>2.1388854201320577</v>
      </c>
      <c r="F3701" cm="1">
        <f t="array" ref="F3701">IFERROR(INDEX(Jesper!AJ$2:AJ$366,ROUNDDOWN($C3701/24,0)+1,1)*INDEX($D$3:$AA$30,INDEX(Jesper!$R$2:$R$366,ROW(INDEX(Jesper!AJ$2:AJ$366,ROUNDDOWN($C3701/24,0)+1,1))-1)+IF('Standard Profiles'!$G$20=$B$10,7,0)+IF('Standard Profiles'!$G$20=$B$17,14,0)+IF('Standard Profiles'!$G$20=$B$24,21,0),MOD($C3701,24)+1)/SUM(INDEX($D$3:$AA$30,INDEX(Jesper!$R$2:$R$366,ROW(INDEX(Jesper!AJ$2:AJ$366,ROUNDDOWN($C3701/24,0)+1,1))-1)+IF('Standard Profiles'!$G$20=$B$10,7,0)+IF('Standard Profiles'!$G$20=$B$17,14,0)+IF('Standard Profiles'!$G$20=$B$24,21,0),0)),0)</f>
        <v>0</v>
      </c>
      <c r="G3701" cm="1">
        <f t="array" ref="G3701">IFERROR(INDEX(Jesper!AK$2:AK$366,ROUNDDOWN($C3701/24,0)+1,1)*INDEX($D$3:$AA$30,INDEX(Jesper!$R$2:$R$366,ROW(INDEX(Jesper!AK$2:AK$366,ROUNDDOWN($C3701/24,0)+1,1))-1)+IF('Standard Profiles'!$G$21=$B$10,7,0)+IF('Standard Profiles'!$G$21=$B$17,14,0)+IF('Standard Profiles'!$G$21=$B$24,21,0),MOD($C3701,24)+1)/SUM(INDEX($D$3:$AA$30,INDEX(Jesper!$R$2:$R$366,ROW(INDEX(Jesper!AK$2:AK$366,ROUNDDOWN($C3701/24,0)+1,1))-1)+IF('Standard Profiles'!$G$21=$B$10,7,0)+IF('Standard Profiles'!$G$21=$B$17,14,0)+IF('Standard Profiles'!$G$21=$B$24,21,0),0)),0)</f>
        <v>0.26835250543146205</v>
      </c>
      <c r="H3701" cm="1">
        <f t="array" ref="H3701">IFERROR(INDEX(Jesper!AL$2:AL$366,ROUNDDOWN($C3701/24,0)+1,1)*INDEX($D$3:$AA$30,INDEX(Jesper!$R$2:$R$366,ROW(INDEX(Jesper!AL$2:AL$366,ROUNDDOWN($C3701/24,0)+1,1))-1)+IF('Standard Profiles'!$G$22=$B$10,7,0)+IF('Standard Profiles'!$G$22=$B$17,14,0)+IF('Standard Profiles'!$G$22=$B$24,21,0),MOD($C3701,24)+1)/SUM(INDEX($D$3:$AA$30,INDEX(Jesper!$R$2:$R$366,ROW(INDEX(Jesper!AL$2:AL$366,ROUNDDOWN($C3701/24,0)+1,1))-1)+IF('Standard Profiles'!$G$22=$B$10,7,0)+IF('Standard Profiles'!$G$22=$B$17,14,0)+IF('Standard Profiles'!$G$22=$B$24,21,0),0)),0)</f>
        <v>0</v>
      </c>
      <c r="I3701">
        <f t="shared" si="419"/>
        <v>0.12880920260710171</v>
      </c>
      <c r="J3701">
        <f t="shared" si="420"/>
        <v>6.4559227162016546</v>
      </c>
      <c r="K3701">
        <f t="shared" si="421"/>
        <v>0.53047542771368095</v>
      </c>
      <c r="L3701">
        <f t="shared" si="422"/>
        <v>0.26523771385684047</v>
      </c>
      <c r="M3701">
        <f t="shared" si="423"/>
        <v>0</v>
      </c>
      <c r="N3701" s="45">
        <f t="shared" si="424"/>
        <v>45079.791666657773</v>
      </c>
    </row>
    <row r="3702" spans="2:14" x14ac:dyDescent="0.25">
      <c r="B3702">
        <f t="shared" si="418"/>
        <v>5</v>
      </c>
      <c r="C3702" s="16">
        <v>3668</v>
      </c>
      <c r="D3702" cm="1">
        <f t="array" ref="D3702">IFERROR(INDEX(Jesper!AH$2:AH$366,ROUNDDOWN($C3702/24,0)+1,1)*INDEX($D$3:$AA$30,INDEX(Jesper!$R$2:$R$366,ROW(INDEX(Jesper!AH$2:AH$366,ROUNDDOWN($C3702/24,0)+1,1))-1)+IF('Standard Profiles'!$G$18=$B$10,7,0)+IF('Standard Profiles'!$G$18=$B$17,14,0)+IF('Standard Profiles'!$G$18=$B$24,21,0),MOD($C3702,24)+1)/SUM(INDEX($D$3:$AA$30,INDEX(Jesper!$R$2:$R$366,ROW(INDEX(Jesper!AH$2:AH$366,ROUNDDOWN($C3702/24,0)+1,1))-1)+IF('Standard Profiles'!$G$18=$B$10,7,0)+IF('Standard Profiles'!$G$18=$B$17,14,0)+IF('Standard Profiles'!$G$18=$B$24,21,0),0)),0)</f>
        <v>4.973207134815758</v>
      </c>
      <c r="E3702" cm="1">
        <f t="array" ref="E3702">IFERROR(INDEX(Jesper!AI$2:AI$366,ROUNDDOWN($C3702/24,0)+1,1)*INDEX($D$3:$AA$30,INDEX(Jesper!$R$2:$R$366,ROW(INDEX(Jesper!AI$2:AI$366,ROUNDDOWN($C3702/24,0)+1,1))-1)+IF('Standard Profiles'!$G$19=$B$10,7,0)+IF('Standard Profiles'!$G$19=$B$17,14,0)+IF('Standard Profiles'!$G$19=$B$24,21,0),MOD($C3702,24)+1)/SUM(INDEX($D$3:$AA$30,INDEX(Jesper!$R$2:$R$366,ROW(INDEX(Jesper!AI$2:AI$366,ROUNDDOWN($C3702/24,0)+1,1))-1)+IF('Standard Profiles'!$G$19=$B$10,7,0)+IF('Standard Profiles'!$G$19=$B$17,14,0)+IF('Standard Profiles'!$G$19=$B$24,21,0),0)),0)</f>
        <v>2.1388854201320577</v>
      </c>
      <c r="F3702" cm="1">
        <f t="array" ref="F3702">IFERROR(INDEX(Jesper!AJ$2:AJ$366,ROUNDDOWN($C3702/24,0)+1,1)*INDEX($D$3:$AA$30,INDEX(Jesper!$R$2:$R$366,ROW(INDEX(Jesper!AJ$2:AJ$366,ROUNDDOWN($C3702/24,0)+1,1))-1)+IF('Standard Profiles'!$G$20=$B$10,7,0)+IF('Standard Profiles'!$G$20=$B$17,14,0)+IF('Standard Profiles'!$G$20=$B$24,21,0),MOD($C3702,24)+1)/SUM(INDEX($D$3:$AA$30,INDEX(Jesper!$R$2:$R$366,ROW(INDEX(Jesper!AJ$2:AJ$366,ROUNDDOWN($C3702/24,0)+1,1))-1)+IF('Standard Profiles'!$G$20=$B$10,7,0)+IF('Standard Profiles'!$G$20=$B$17,14,0)+IF('Standard Profiles'!$G$20=$B$24,21,0),0)),0)</f>
        <v>0</v>
      </c>
      <c r="G3702" cm="1">
        <f t="array" ref="G3702">IFERROR(INDEX(Jesper!AK$2:AK$366,ROUNDDOWN($C3702/24,0)+1,1)*INDEX($D$3:$AA$30,INDEX(Jesper!$R$2:$R$366,ROW(INDEX(Jesper!AK$2:AK$366,ROUNDDOWN($C3702/24,0)+1,1))-1)+IF('Standard Profiles'!$G$21=$B$10,7,0)+IF('Standard Profiles'!$G$21=$B$17,14,0)+IF('Standard Profiles'!$G$21=$B$24,21,0),MOD($C3702,24)+1)/SUM(INDEX($D$3:$AA$30,INDEX(Jesper!$R$2:$R$366,ROW(INDEX(Jesper!AK$2:AK$366,ROUNDDOWN($C3702/24,0)+1,1))-1)+IF('Standard Profiles'!$G$21=$B$10,7,0)+IF('Standard Profiles'!$G$21=$B$17,14,0)+IF('Standard Profiles'!$G$21=$B$24,21,0),0)),0)</f>
        <v>0.26835250543146205</v>
      </c>
      <c r="H3702" cm="1">
        <f t="array" ref="H3702">IFERROR(INDEX(Jesper!AL$2:AL$366,ROUNDDOWN($C3702/24,0)+1,1)*INDEX($D$3:$AA$30,INDEX(Jesper!$R$2:$R$366,ROW(INDEX(Jesper!AL$2:AL$366,ROUNDDOWN($C3702/24,0)+1,1))-1)+IF('Standard Profiles'!$G$22=$B$10,7,0)+IF('Standard Profiles'!$G$22=$B$17,14,0)+IF('Standard Profiles'!$G$22=$B$24,21,0),MOD($C3702,24)+1)/SUM(INDEX($D$3:$AA$30,INDEX(Jesper!$R$2:$R$366,ROW(INDEX(Jesper!AL$2:AL$366,ROUNDDOWN($C3702/24,0)+1,1))-1)+IF('Standard Profiles'!$G$22=$B$10,7,0)+IF('Standard Profiles'!$G$22=$B$17,14,0)+IF('Standard Profiles'!$G$22=$B$24,21,0),0)),0)</f>
        <v>0</v>
      </c>
      <c r="I3702">
        <f t="shared" si="419"/>
        <v>0.12880920260710171</v>
      </c>
      <c r="J3702">
        <f t="shared" si="420"/>
        <v>6.4559227162016546</v>
      </c>
      <c r="K3702">
        <f t="shared" si="421"/>
        <v>0.53047542771368095</v>
      </c>
      <c r="L3702">
        <f t="shared" si="422"/>
        <v>0.26523771385684047</v>
      </c>
      <c r="M3702">
        <f t="shared" si="423"/>
        <v>0</v>
      </c>
      <c r="N3702" s="45">
        <f t="shared" si="424"/>
        <v>45079.833333324437</v>
      </c>
    </row>
    <row r="3703" spans="2:14" x14ac:dyDescent="0.25">
      <c r="B3703">
        <f t="shared" si="418"/>
        <v>5</v>
      </c>
      <c r="C3703" s="16">
        <v>3669</v>
      </c>
      <c r="D3703" cm="1">
        <f t="array" ref="D3703">IFERROR(INDEX(Jesper!AH$2:AH$366,ROUNDDOWN($C3703/24,0)+1,1)*INDEX($D$3:$AA$30,INDEX(Jesper!$R$2:$R$366,ROW(INDEX(Jesper!AH$2:AH$366,ROUNDDOWN($C3703/24,0)+1,1))-1)+IF('Standard Profiles'!$G$18=$B$10,7,0)+IF('Standard Profiles'!$G$18=$B$17,14,0)+IF('Standard Profiles'!$G$18=$B$24,21,0),MOD($C3703,24)+1)/SUM(INDEX($D$3:$AA$30,INDEX(Jesper!$R$2:$R$366,ROW(INDEX(Jesper!AH$2:AH$366,ROUNDDOWN($C3703/24,0)+1,1))-1)+IF('Standard Profiles'!$G$18=$B$10,7,0)+IF('Standard Profiles'!$G$18=$B$17,14,0)+IF('Standard Profiles'!$G$18=$B$24,21,0),0)),0)</f>
        <v>4.973207134815758</v>
      </c>
      <c r="E3703" cm="1">
        <f t="array" ref="E3703">IFERROR(INDEX(Jesper!AI$2:AI$366,ROUNDDOWN($C3703/24,0)+1,1)*INDEX($D$3:$AA$30,INDEX(Jesper!$R$2:$R$366,ROW(INDEX(Jesper!AI$2:AI$366,ROUNDDOWN($C3703/24,0)+1,1))-1)+IF('Standard Profiles'!$G$19=$B$10,7,0)+IF('Standard Profiles'!$G$19=$B$17,14,0)+IF('Standard Profiles'!$G$19=$B$24,21,0),MOD($C3703,24)+1)/SUM(INDEX($D$3:$AA$30,INDEX(Jesper!$R$2:$R$366,ROW(INDEX(Jesper!AI$2:AI$366,ROUNDDOWN($C3703/24,0)+1,1))-1)+IF('Standard Profiles'!$G$19=$B$10,7,0)+IF('Standard Profiles'!$G$19=$B$17,14,0)+IF('Standard Profiles'!$G$19=$B$24,21,0),0)),0)</f>
        <v>2.1388854201320577</v>
      </c>
      <c r="F3703" cm="1">
        <f t="array" ref="F3703">IFERROR(INDEX(Jesper!AJ$2:AJ$366,ROUNDDOWN($C3703/24,0)+1,1)*INDEX($D$3:$AA$30,INDEX(Jesper!$R$2:$R$366,ROW(INDEX(Jesper!AJ$2:AJ$366,ROUNDDOWN($C3703/24,0)+1,1))-1)+IF('Standard Profiles'!$G$20=$B$10,7,0)+IF('Standard Profiles'!$G$20=$B$17,14,0)+IF('Standard Profiles'!$G$20=$B$24,21,0),MOD($C3703,24)+1)/SUM(INDEX($D$3:$AA$30,INDEX(Jesper!$R$2:$R$366,ROW(INDEX(Jesper!AJ$2:AJ$366,ROUNDDOWN($C3703/24,0)+1,1))-1)+IF('Standard Profiles'!$G$20=$B$10,7,0)+IF('Standard Profiles'!$G$20=$B$17,14,0)+IF('Standard Profiles'!$G$20=$B$24,21,0),0)),0)</f>
        <v>0</v>
      </c>
      <c r="G3703" cm="1">
        <f t="array" ref="G3703">IFERROR(INDEX(Jesper!AK$2:AK$366,ROUNDDOWN($C3703/24,0)+1,1)*INDEX($D$3:$AA$30,INDEX(Jesper!$R$2:$R$366,ROW(INDEX(Jesper!AK$2:AK$366,ROUNDDOWN($C3703/24,0)+1,1))-1)+IF('Standard Profiles'!$G$21=$B$10,7,0)+IF('Standard Profiles'!$G$21=$B$17,14,0)+IF('Standard Profiles'!$G$21=$B$24,21,0),MOD($C3703,24)+1)/SUM(INDEX($D$3:$AA$30,INDEX(Jesper!$R$2:$R$366,ROW(INDEX(Jesper!AK$2:AK$366,ROUNDDOWN($C3703/24,0)+1,1))-1)+IF('Standard Profiles'!$G$21=$B$10,7,0)+IF('Standard Profiles'!$G$21=$B$17,14,0)+IF('Standard Profiles'!$G$21=$B$24,21,0),0)),0)</f>
        <v>0.26835250543146205</v>
      </c>
      <c r="H3703" cm="1">
        <f t="array" ref="H3703">IFERROR(INDEX(Jesper!AL$2:AL$366,ROUNDDOWN($C3703/24,0)+1,1)*INDEX($D$3:$AA$30,INDEX(Jesper!$R$2:$R$366,ROW(INDEX(Jesper!AL$2:AL$366,ROUNDDOWN($C3703/24,0)+1,1))-1)+IF('Standard Profiles'!$G$22=$B$10,7,0)+IF('Standard Profiles'!$G$22=$B$17,14,0)+IF('Standard Profiles'!$G$22=$B$24,21,0),MOD($C3703,24)+1)/SUM(INDEX($D$3:$AA$30,INDEX(Jesper!$R$2:$R$366,ROW(INDEX(Jesper!AL$2:AL$366,ROUNDDOWN($C3703/24,0)+1,1))-1)+IF('Standard Profiles'!$G$22=$B$10,7,0)+IF('Standard Profiles'!$G$22=$B$17,14,0)+IF('Standard Profiles'!$G$22=$B$24,21,0),0)),0)</f>
        <v>0</v>
      </c>
      <c r="I3703">
        <f t="shared" si="419"/>
        <v>0.12880920260710171</v>
      </c>
      <c r="J3703">
        <f t="shared" si="420"/>
        <v>6.4559227162016546</v>
      </c>
      <c r="K3703">
        <f t="shared" si="421"/>
        <v>0.53047542771368095</v>
      </c>
      <c r="L3703">
        <f t="shared" si="422"/>
        <v>0.26523771385684047</v>
      </c>
      <c r="M3703">
        <f t="shared" si="423"/>
        <v>0</v>
      </c>
      <c r="N3703" s="45">
        <f t="shared" si="424"/>
        <v>45079.874999991102</v>
      </c>
    </row>
    <row r="3704" spans="2:14" x14ac:dyDescent="0.25">
      <c r="B3704">
        <f t="shared" si="418"/>
        <v>5</v>
      </c>
      <c r="C3704" s="16">
        <v>3670</v>
      </c>
      <c r="D3704" cm="1">
        <f t="array" ref="D3704">IFERROR(INDEX(Jesper!AH$2:AH$366,ROUNDDOWN($C3704/24,0)+1,1)*INDEX($D$3:$AA$30,INDEX(Jesper!$R$2:$R$366,ROW(INDEX(Jesper!AH$2:AH$366,ROUNDDOWN($C3704/24,0)+1,1))-1)+IF('Standard Profiles'!$G$18=$B$10,7,0)+IF('Standard Profiles'!$G$18=$B$17,14,0)+IF('Standard Profiles'!$G$18=$B$24,21,0),MOD($C3704,24)+1)/SUM(INDEX($D$3:$AA$30,INDEX(Jesper!$R$2:$R$366,ROW(INDEX(Jesper!AH$2:AH$366,ROUNDDOWN($C3704/24,0)+1,1))-1)+IF('Standard Profiles'!$G$18=$B$10,7,0)+IF('Standard Profiles'!$G$18=$B$17,14,0)+IF('Standard Profiles'!$G$18=$B$24,21,0),0)),0)</f>
        <v>4.973207134815758</v>
      </c>
      <c r="E3704" cm="1">
        <f t="array" ref="E3704">IFERROR(INDEX(Jesper!AI$2:AI$366,ROUNDDOWN($C3704/24,0)+1,1)*INDEX($D$3:$AA$30,INDEX(Jesper!$R$2:$R$366,ROW(INDEX(Jesper!AI$2:AI$366,ROUNDDOWN($C3704/24,0)+1,1))-1)+IF('Standard Profiles'!$G$19=$B$10,7,0)+IF('Standard Profiles'!$G$19=$B$17,14,0)+IF('Standard Profiles'!$G$19=$B$24,21,0),MOD($C3704,24)+1)/SUM(INDEX($D$3:$AA$30,INDEX(Jesper!$R$2:$R$366,ROW(INDEX(Jesper!AI$2:AI$366,ROUNDDOWN($C3704/24,0)+1,1))-1)+IF('Standard Profiles'!$G$19=$B$10,7,0)+IF('Standard Profiles'!$G$19=$B$17,14,0)+IF('Standard Profiles'!$G$19=$B$24,21,0),0)),0)</f>
        <v>2.1388854201320577</v>
      </c>
      <c r="F3704" cm="1">
        <f t="array" ref="F3704">IFERROR(INDEX(Jesper!AJ$2:AJ$366,ROUNDDOWN($C3704/24,0)+1,1)*INDEX($D$3:$AA$30,INDEX(Jesper!$R$2:$R$366,ROW(INDEX(Jesper!AJ$2:AJ$366,ROUNDDOWN($C3704/24,0)+1,1))-1)+IF('Standard Profiles'!$G$20=$B$10,7,0)+IF('Standard Profiles'!$G$20=$B$17,14,0)+IF('Standard Profiles'!$G$20=$B$24,21,0),MOD($C3704,24)+1)/SUM(INDEX($D$3:$AA$30,INDEX(Jesper!$R$2:$R$366,ROW(INDEX(Jesper!AJ$2:AJ$366,ROUNDDOWN($C3704/24,0)+1,1))-1)+IF('Standard Profiles'!$G$20=$B$10,7,0)+IF('Standard Profiles'!$G$20=$B$17,14,0)+IF('Standard Profiles'!$G$20=$B$24,21,0),0)),0)</f>
        <v>0</v>
      </c>
      <c r="G3704" cm="1">
        <f t="array" ref="G3704">IFERROR(INDEX(Jesper!AK$2:AK$366,ROUNDDOWN($C3704/24,0)+1,1)*INDEX($D$3:$AA$30,INDEX(Jesper!$R$2:$R$366,ROW(INDEX(Jesper!AK$2:AK$366,ROUNDDOWN($C3704/24,0)+1,1))-1)+IF('Standard Profiles'!$G$21=$B$10,7,0)+IF('Standard Profiles'!$G$21=$B$17,14,0)+IF('Standard Profiles'!$G$21=$B$24,21,0),MOD($C3704,24)+1)/SUM(INDEX($D$3:$AA$30,INDEX(Jesper!$R$2:$R$366,ROW(INDEX(Jesper!AK$2:AK$366,ROUNDDOWN($C3704/24,0)+1,1))-1)+IF('Standard Profiles'!$G$21=$B$10,7,0)+IF('Standard Profiles'!$G$21=$B$17,14,0)+IF('Standard Profiles'!$G$21=$B$24,21,0),0)),0)</f>
        <v>0.26835250543146205</v>
      </c>
      <c r="H3704" cm="1">
        <f t="array" ref="H3704">IFERROR(INDEX(Jesper!AL$2:AL$366,ROUNDDOWN($C3704/24,0)+1,1)*INDEX($D$3:$AA$30,INDEX(Jesper!$R$2:$R$366,ROW(INDEX(Jesper!AL$2:AL$366,ROUNDDOWN($C3704/24,0)+1,1))-1)+IF('Standard Profiles'!$G$22=$B$10,7,0)+IF('Standard Profiles'!$G$22=$B$17,14,0)+IF('Standard Profiles'!$G$22=$B$24,21,0),MOD($C3704,24)+1)/SUM(INDEX($D$3:$AA$30,INDEX(Jesper!$R$2:$R$366,ROW(INDEX(Jesper!AL$2:AL$366,ROUNDDOWN($C3704/24,0)+1,1))-1)+IF('Standard Profiles'!$G$22=$B$10,7,0)+IF('Standard Profiles'!$G$22=$B$17,14,0)+IF('Standard Profiles'!$G$22=$B$24,21,0),0)),0)</f>
        <v>0</v>
      </c>
      <c r="I3704">
        <f t="shared" si="419"/>
        <v>0.12880920260710171</v>
      </c>
      <c r="J3704">
        <f t="shared" si="420"/>
        <v>6.4559227162016546</v>
      </c>
      <c r="K3704">
        <f t="shared" si="421"/>
        <v>0.53047542771368095</v>
      </c>
      <c r="L3704">
        <f t="shared" si="422"/>
        <v>0.26523771385684047</v>
      </c>
      <c r="M3704">
        <f t="shared" si="423"/>
        <v>0</v>
      </c>
      <c r="N3704" s="45">
        <f t="shared" si="424"/>
        <v>45079.916666657766</v>
      </c>
    </row>
    <row r="3705" spans="2:14" x14ac:dyDescent="0.25">
      <c r="B3705">
        <f t="shared" si="418"/>
        <v>5</v>
      </c>
      <c r="C3705" s="16">
        <v>3671</v>
      </c>
      <c r="D3705" cm="1">
        <f t="array" ref="D3705">IFERROR(INDEX(Jesper!AH$2:AH$366,ROUNDDOWN($C3705/24,0)+1,1)*INDEX($D$3:$AA$30,INDEX(Jesper!$R$2:$R$366,ROW(INDEX(Jesper!AH$2:AH$366,ROUNDDOWN($C3705/24,0)+1,1))-1)+IF('Standard Profiles'!$G$18=$B$10,7,0)+IF('Standard Profiles'!$G$18=$B$17,14,0)+IF('Standard Profiles'!$G$18=$B$24,21,0),MOD($C3705,24)+1)/SUM(INDEX($D$3:$AA$30,INDEX(Jesper!$R$2:$R$366,ROW(INDEX(Jesper!AH$2:AH$366,ROUNDDOWN($C3705/24,0)+1,1))-1)+IF('Standard Profiles'!$G$18=$B$10,7,0)+IF('Standard Profiles'!$G$18=$B$17,14,0)+IF('Standard Profiles'!$G$18=$B$24,21,0),0)),0)</f>
        <v>4.973207134815758</v>
      </c>
      <c r="E3705" cm="1">
        <f t="array" ref="E3705">IFERROR(INDEX(Jesper!AI$2:AI$366,ROUNDDOWN($C3705/24,0)+1,1)*INDEX($D$3:$AA$30,INDEX(Jesper!$R$2:$R$366,ROW(INDEX(Jesper!AI$2:AI$366,ROUNDDOWN($C3705/24,0)+1,1))-1)+IF('Standard Profiles'!$G$19=$B$10,7,0)+IF('Standard Profiles'!$G$19=$B$17,14,0)+IF('Standard Profiles'!$G$19=$B$24,21,0),MOD($C3705,24)+1)/SUM(INDEX($D$3:$AA$30,INDEX(Jesper!$R$2:$R$366,ROW(INDEX(Jesper!AI$2:AI$366,ROUNDDOWN($C3705/24,0)+1,1))-1)+IF('Standard Profiles'!$G$19=$B$10,7,0)+IF('Standard Profiles'!$G$19=$B$17,14,0)+IF('Standard Profiles'!$G$19=$B$24,21,0),0)),0)</f>
        <v>2.1388854201320577</v>
      </c>
      <c r="F3705" cm="1">
        <f t="array" ref="F3705">IFERROR(INDEX(Jesper!AJ$2:AJ$366,ROUNDDOWN($C3705/24,0)+1,1)*INDEX($D$3:$AA$30,INDEX(Jesper!$R$2:$R$366,ROW(INDEX(Jesper!AJ$2:AJ$366,ROUNDDOWN($C3705/24,0)+1,1))-1)+IF('Standard Profiles'!$G$20=$B$10,7,0)+IF('Standard Profiles'!$G$20=$B$17,14,0)+IF('Standard Profiles'!$G$20=$B$24,21,0),MOD($C3705,24)+1)/SUM(INDEX($D$3:$AA$30,INDEX(Jesper!$R$2:$R$366,ROW(INDEX(Jesper!AJ$2:AJ$366,ROUNDDOWN($C3705/24,0)+1,1))-1)+IF('Standard Profiles'!$G$20=$B$10,7,0)+IF('Standard Profiles'!$G$20=$B$17,14,0)+IF('Standard Profiles'!$G$20=$B$24,21,0),0)),0)</f>
        <v>0</v>
      </c>
      <c r="G3705" cm="1">
        <f t="array" ref="G3705">IFERROR(INDEX(Jesper!AK$2:AK$366,ROUNDDOWN($C3705/24,0)+1,1)*INDEX($D$3:$AA$30,INDEX(Jesper!$R$2:$R$366,ROW(INDEX(Jesper!AK$2:AK$366,ROUNDDOWN($C3705/24,0)+1,1))-1)+IF('Standard Profiles'!$G$21=$B$10,7,0)+IF('Standard Profiles'!$G$21=$B$17,14,0)+IF('Standard Profiles'!$G$21=$B$24,21,0),MOD($C3705,24)+1)/SUM(INDEX($D$3:$AA$30,INDEX(Jesper!$R$2:$R$366,ROW(INDEX(Jesper!AK$2:AK$366,ROUNDDOWN($C3705/24,0)+1,1))-1)+IF('Standard Profiles'!$G$21=$B$10,7,0)+IF('Standard Profiles'!$G$21=$B$17,14,0)+IF('Standard Profiles'!$G$21=$B$24,21,0),0)),0)</f>
        <v>0.26835250543146205</v>
      </c>
      <c r="H3705" cm="1">
        <f t="array" ref="H3705">IFERROR(INDEX(Jesper!AL$2:AL$366,ROUNDDOWN($C3705/24,0)+1,1)*INDEX($D$3:$AA$30,INDEX(Jesper!$R$2:$R$366,ROW(INDEX(Jesper!AL$2:AL$366,ROUNDDOWN($C3705/24,0)+1,1))-1)+IF('Standard Profiles'!$G$22=$B$10,7,0)+IF('Standard Profiles'!$G$22=$B$17,14,0)+IF('Standard Profiles'!$G$22=$B$24,21,0),MOD($C3705,24)+1)/SUM(INDEX($D$3:$AA$30,INDEX(Jesper!$R$2:$R$366,ROW(INDEX(Jesper!AL$2:AL$366,ROUNDDOWN($C3705/24,0)+1,1))-1)+IF('Standard Profiles'!$G$22=$B$10,7,0)+IF('Standard Profiles'!$G$22=$B$17,14,0)+IF('Standard Profiles'!$G$22=$B$24,21,0),0)),0)</f>
        <v>0</v>
      </c>
      <c r="I3705">
        <f t="shared" si="419"/>
        <v>0.12880920260710171</v>
      </c>
      <c r="J3705">
        <f t="shared" si="420"/>
        <v>6.4559227162016546</v>
      </c>
      <c r="K3705">
        <f t="shared" si="421"/>
        <v>0.53047542771368095</v>
      </c>
      <c r="L3705">
        <f t="shared" si="422"/>
        <v>0.26523771385684047</v>
      </c>
      <c r="M3705">
        <f t="shared" si="423"/>
        <v>0</v>
      </c>
      <c r="N3705" s="45">
        <f t="shared" si="424"/>
        <v>45079.95833332443</v>
      </c>
    </row>
    <row r="3706" spans="2:14" x14ac:dyDescent="0.25">
      <c r="B3706">
        <f t="shared" si="418"/>
        <v>6</v>
      </c>
      <c r="C3706" s="16">
        <v>3672</v>
      </c>
      <c r="D3706" cm="1">
        <f t="array" ref="D3706">IFERROR(INDEX(Jesper!AH$2:AH$366,ROUNDDOWN($C3706/24,0)+1,1)*INDEX($D$3:$AA$30,INDEX(Jesper!$R$2:$R$366,ROW(INDEX(Jesper!AH$2:AH$366,ROUNDDOWN($C3706/24,0)+1,1))-1)+IF('Standard Profiles'!$G$18=$B$10,7,0)+IF('Standard Profiles'!$G$18=$B$17,14,0)+IF('Standard Profiles'!$G$18=$B$24,21,0),MOD($C3706,24)+1)/SUM(INDEX($D$3:$AA$30,INDEX(Jesper!$R$2:$R$366,ROW(INDEX(Jesper!AH$2:AH$366,ROUNDDOWN($C3706/24,0)+1,1))-1)+IF('Standard Profiles'!$G$18=$B$10,7,0)+IF('Standard Profiles'!$G$18=$B$17,14,0)+IF('Standard Profiles'!$G$18=$B$24,21,0),0)),0)</f>
        <v>0</v>
      </c>
      <c r="E3706" cm="1">
        <f t="array" ref="E3706">IFERROR(INDEX(Jesper!AI$2:AI$366,ROUNDDOWN($C3706/24,0)+1,1)*INDEX($D$3:$AA$30,INDEX(Jesper!$R$2:$R$366,ROW(INDEX(Jesper!AI$2:AI$366,ROUNDDOWN($C3706/24,0)+1,1))-1)+IF('Standard Profiles'!$G$19=$B$10,7,0)+IF('Standard Profiles'!$G$19=$B$17,14,0)+IF('Standard Profiles'!$G$19=$B$24,21,0),MOD($C3706,24)+1)/SUM(INDEX($D$3:$AA$30,INDEX(Jesper!$R$2:$R$366,ROW(INDEX(Jesper!AI$2:AI$366,ROUNDDOWN($C3706/24,0)+1,1))-1)+IF('Standard Profiles'!$G$19=$B$10,7,0)+IF('Standard Profiles'!$G$19=$B$17,14,0)+IF('Standard Profiles'!$G$19=$B$24,21,0),0)),0)</f>
        <v>3.0563282417767614</v>
      </c>
      <c r="F3706" cm="1">
        <f t="array" ref="F3706">IFERROR(INDEX(Jesper!AJ$2:AJ$366,ROUNDDOWN($C3706/24,0)+1,1)*INDEX($D$3:$AA$30,INDEX(Jesper!$R$2:$R$366,ROW(INDEX(Jesper!AJ$2:AJ$366,ROUNDDOWN($C3706/24,0)+1,1))-1)+IF('Standard Profiles'!$G$20=$B$10,7,0)+IF('Standard Profiles'!$G$20=$B$17,14,0)+IF('Standard Profiles'!$G$20=$B$24,21,0),MOD($C3706,24)+1)/SUM(INDEX($D$3:$AA$30,INDEX(Jesper!$R$2:$R$366,ROW(INDEX(Jesper!AJ$2:AJ$366,ROUNDDOWN($C3706/24,0)+1,1))-1)+IF('Standard Profiles'!$G$20=$B$10,7,0)+IF('Standard Profiles'!$G$20=$B$17,14,0)+IF('Standard Profiles'!$G$20=$B$24,21,0),0)),0)</f>
        <v>1.5233700309631659</v>
      </c>
      <c r="G3706" cm="1">
        <f t="array" ref="G3706">IFERROR(INDEX(Jesper!AK$2:AK$366,ROUNDDOWN($C3706/24,0)+1,1)*INDEX($D$3:$AA$30,INDEX(Jesper!$R$2:$R$366,ROW(INDEX(Jesper!AK$2:AK$366,ROUNDDOWN($C3706/24,0)+1,1))-1)+IF('Standard Profiles'!$G$21=$B$10,7,0)+IF('Standard Profiles'!$G$21=$B$17,14,0)+IF('Standard Profiles'!$G$21=$B$24,21,0),MOD($C3706,24)+1)/SUM(INDEX($D$3:$AA$30,INDEX(Jesper!$R$2:$R$366,ROW(INDEX(Jesper!AK$2:AK$366,ROUNDDOWN($C3706/24,0)+1,1))-1)+IF('Standard Profiles'!$G$21=$B$10,7,0)+IF('Standard Profiles'!$G$21=$B$17,14,0)+IF('Standard Profiles'!$G$21=$B$24,21,0),0)),0)</f>
        <v>0.91433187344932554</v>
      </c>
      <c r="H3706" cm="1">
        <f t="array" ref="H3706">IFERROR(INDEX(Jesper!AL$2:AL$366,ROUNDDOWN($C3706/24,0)+1,1)*INDEX($D$3:$AA$30,INDEX(Jesper!$R$2:$R$366,ROW(INDEX(Jesper!AL$2:AL$366,ROUNDDOWN($C3706/24,0)+1,1))-1)+IF('Standard Profiles'!$G$22=$B$10,7,0)+IF('Standard Profiles'!$G$22=$B$17,14,0)+IF('Standard Profiles'!$G$22=$B$24,21,0),MOD($C3706,24)+1)/SUM(INDEX($D$3:$AA$30,INDEX(Jesper!$R$2:$R$366,ROW(INDEX(Jesper!AL$2:AL$366,ROUNDDOWN($C3706/24,0)+1,1))-1)+IF('Standard Profiles'!$G$22=$B$10,7,0)+IF('Standard Profiles'!$G$22=$B$17,14,0)+IF('Standard Profiles'!$G$22=$B$24,21,0),0)),0)</f>
        <v>0.19877114721847874</v>
      </c>
      <c r="I3706">
        <f t="shared" si="419"/>
        <v>0.19082030132973971</v>
      </c>
      <c r="J3706">
        <f t="shared" si="420"/>
        <v>5.1352216030647808</v>
      </c>
      <c r="K3706">
        <f t="shared" si="421"/>
        <v>0.24450625934214093</v>
      </c>
      <c r="L3706">
        <f t="shared" si="422"/>
        <v>0.12225312967107047</v>
      </c>
      <c r="M3706">
        <f t="shared" si="423"/>
        <v>0</v>
      </c>
      <c r="N3706" s="45">
        <f t="shared" si="424"/>
        <v>45079.999999991094</v>
      </c>
    </row>
    <row r="3707" spans="2:14" x14ac:dyDescent="0.25">
      <c r="B3707">
        <f t="shared" si="418"/>
        <v>6</v>
      </c>
      <c r="C3707" s="16">
        <v>3673</v>
      </c>
      <c r="D3707" cm="1">
        <f t="array" ref="D3707">IFERROR(INDEX(Jesper!AH$2:AH$366,ROUNDDOWN($C3707/24,0)+1,1)*INDEX($D$3:$AA$30,INDEX(Jesper!$R$2:$R$366,ROW(INDEX(Jesper!AH$2:AH$366,ROUNDDOWN($C3707/24,0)+1,1))-1)+IF('Standard Profiles'!$G$18=$B$10,7,0)+IF('Standard Profiles'!$G$18=$B$17,14,0)+IF('Standard Profiles'!$G$18=$B$24,21,0),MOD($C3707,24)+1)/SUM(INDEX($D$3:$AA$30,INDEX(Jesper!$R$2:$R$366,ROW(INDEX(Jesper!AH$2:AH$366,ROUNDDOWN($C3707/24,0)+1,1))-1)+IF('Standard Profiles'!$G$18=$B$10,7,0)+IF('Standard Profiles'!$G$18=$B$17,14,0)+IF('Standard Profiles'!$G$18=$B$24,21,0),0)),0)</f>
        <v>0</v>
      </c>
      <c r="E3707" cm="1">
        <f t="array" ref="E3707">IFERROR(INDEX(Jesper!AI$2:AI$366,ROUNDDOWN($C3707/24,0)+1,1)*INDEX($D$3:$AA$30,INDEX(Jesper!$R$2:$R$366,ROW(INDEX(Jesper!AI$2:AI$366,ROUNDDOWN($C3707/24,0)+1,1))-1)+IF('Standard Profiles'!$G$19=$B$10,7,0)+IF('Standard Profiles'!$G$19=$B$17,14,0)+IF('Standard Profiles'!$G$19=$B$24,21,0),MOD($C3707,24)+1)/SUM(INDEX($D$3:$AA$30,INDEX(Jesper!$R$2:$R$366,ROW(INDEX(Jesper!AI$2:AI$366,ROUNDDOWN($C3707/24,0)+1,1))-1)+IF('Standard Profiles'!$G$19=$B$10,7,0)+IF('Standard Profiles'!$G$19=$B$17,14,0)+IF('Standard Profiles'!$G$19=$B$24,21,0),0)),0)</f>
        <v>2.7506954175990854</v>
      </c>
      <c r="F3707" cm="1">
        <f t="array" ref="F3707">IFERROR(INDEX(Jesper!AJ$2:AJ$366,ROUNDDOWN($C3707/24,0)+1,1)*INDEX($D$3:$AA$30,INDEX(Jesper!$R$2:$R$366,ROW(INDEX(Jesper!AJ$2:AJ$366,ROUNDDOWN($C3707/24,0)+1,1))-1)+IF('Standard Profiles'!$G$20=$B$10,7,0)+IF('Standard Profiles'!$G$20=$B$17,14,0)+IF('Standard Profiles'!$G$20=$B$24,21,0),MOD($C3707,24)+1)/SUM(INDEX($D$3:$AA$30,INDEX(Jesper!$R$2:$R$366,ROW(INDEX(Jesper!AJ$2:AJ$366,ROUNDDOWN($C3707/24,0)+1,1))-1)+IF('Standard Profiles'!$G$20=$B$10,7,0)+IF('Standard Profiles'!$G$20=$B$17,14,0)+IF('Standard Profiles'!$G$20=$B$24,21,0),0)),0)</f>
        <v>1.3710330278668492</v>
      </c>
      <c r="G3707" cm="1">
        <f t="array" ref="G3707">IFERROR(INDEX(Jesper!AK$2:AK$366,ROUNDDOWN($C3707/24,0)+1,1)*INDEX($D$3:$AA$30,INDEX(Jesper!$R$2:$R$366,ROW(INDEX(Jesper!AK$2:AK$366,ROUNDDOWN($C3707/24,0)+1,1))-1)+IF('Standard Profiles'!$G$21=$B$10,7,0)+IF('Standard Profiles'!$G$21=$B$17,14,0)+IF('Standard Profiles'!$G$21=$B$24,21,0),MOD($C3707,24)+1)/SUM(INDEX($D$3:$AA$30,INDEX(Jesper!$R$2:$R$366,ROW(INDEX(Jesper!AK$2:AK$366,ROUNDDOWN($C3707/24,0)+1,1))-1)+IF('Standard Profiles'!$G$21=$B$10,7,0)+IF('Standard Profiles'!$G$21=$B$17,14,0)+IF('Standard Profiles'!$G$21=$B$24,21,0),0)),0)</f>
        <v>0.91433187344932554</v>
      </c>
      <c r="H3707" cm="1">
        <f t="array" ref="H3707">IFERROR(INDEX(Jesper!AL$2:AL$366,ROUNDDOWN($C3707/24,0)+1,1)*INDEX($D$3:$AA$30,INDEX(Jesper!$R$2:$R$366,ROW(INDEX(Jesper!AL$2:AL$366,ROUNDDOWN($C3707/24,0)+1,1))-1)+IF('Standard Profiles'!$G$22=$B$10,7,0)+IF('Standard Profiles'!$G$22=$B$17,14,0)+IF('Standard Profiles'!$G$22=$B$24,21,0),MOD($C3707,24)+1)/SUM(INDEX($D$3:$AA$30,INDEX(Jesper!$R$2:$R$366,ROW(INDEX(Jesper!AL$2:AL$366,ROUNDDOWN($C3707/24,0)+1,1))-1)+IF('Standard Profiles'!$G$22=$B$10,7,0)+IF('Standard Profiles'!$G$22=$B$17,14,0)+IF('Standard Profiles'!$G$22=$B$24,21,0),0)),0)</f>
        <v>0.38807700171226811</v>
      </c>
      <c r="I3707">
        <f t="shared" si="419"/>
        <v>0.3725539216437776</v>
      </c>
      <c r="J3707">
        <f t="shared" si="420"/>
        <v>4.7214999488718608</v>
      </c>
      <c r="K3707">
        <f t="shared" si="421"/>
        <v>0.22005563340792683</v>
      </c>
      <c r="L3707">
        <f t="shared" si="422"/>
        <v>0.11002781670396342</v>
      </c>
      <c r="M3707">
        <f t="shared" si="423"/>
        <v>0</v>
      </c>
      <c r="N3707" s="45">
        <f t="shared" si="424"/>
        <v>45080.041666657758</v>
      </c>
    </row>
    <row r="3708" spans="2:14" x14ac:dyDescent="0.25">
      <c r="B3708">
        <f t="shared" si="418"/>
        <v>6</v>
      </c>
      <c r="C3708" s="16">
        <v>3674</v>
      </c>
      <c r="D3708" cm="1">
        <f t="array" ref="D3708">IFERROR(INDEX(Jesper!AH$2:AH$366,ROUNDDOWN($C3708/24,0)+1,1)*INDEX($D$3:$AA$30,INDEX(Jesper!$R$2:$R$366,ROW(INDEX(Jesper!AH$2:AH$366,ROUNDDOWN($C3708/24,0)+1,1))-1)+IF('Standard Profiles'!$G$18=$B$10,7,0)+IF('Standard Profiles'!$G$18=$B$17,14,0)+IF('Standard Profiles'!$G$18=$B$24,21,0),MOD($C3708,24)+1)/SUM(INDEX($D$3:$AA$30,INDEX(Jesper!$R$2:$R$366,ROW(INDEX(Jesper!AH$2:AH$366,ROUNDDOWN($C3708/24,0)+1,1))-1)+IF('Standard Profiles'!$G$18=$B$10,7,0)+IF('Standard Profiles'!$G$18=$B$17,14,0)+IF('Standard Profiles'!$G$18=$B$24,21,0),0)),0)</f>
        <v>0</v>
      </c>
      <c r="E3708" cm="1">
        <f t="array" ref="E3708">IFERROR(INDEX(Jesper!AI$2:AI$366,ROUNDDOWN($C3708/24,0)+1,1)*INDEX($D$3:$AA$30,INDEX(Jesper!$R$2:$R$366,ROW(INDEX(Jesper!AI$2:AI$366,ROUNDDOWN($C3708/24,0)+1,1))-1)+IF('Standard Profiles'!$G$19=$B$10,7,0)+IF('Standard Profiles'!$G$19=$B$17,14,0)+IF('Standard Profiles'!$G$19=$B$24,21,0),MOD($C3708,24)+1)/SUM(INDEX($D$3:$AA$30,INDEX(Jesper!$R$2:$R$366,ROW(INDEX(Jesper!AI$2:AI$366,ROUNDDOWN($C3708/24,0)+1,1))-1)+IF('Standard Profiles'!$G$19=$B$10,7,0)+IF('Standard Profiles'!$G$19=$B$17,14,0)+IF('Standard Profiles'!$G$19=$B$24,21,0),0)),0)</f>
        <v>2.7506954175990854</v>
      </c>
      <c r="F3708" cm="1">
        <f t="array" ref="F3708">IFERROR(INDEX(Jesper!AJ$2:AJ$366,ROUNDDOWN($C3708/24,0)+1,1)*INDEX($D$3:$AA$30,INDEX(Jesper!$R$2:$R$366,ROW(INDEX(Jesper!AJ$2:AJ$366,ROUNDDOWN($C3708/24,0)+1,1))-1)+IF('Standard Profiles'!$G$20=$B$10,7,0)+IF('Standard Profiles'!$G$20=$B$17,14,0)+IF('Standard Profiles'!$G$20=$B$24,21,0),MOD($C3708,24)+1)/SUM(INDEX($D$3:$AA$30,INDEX(Jesper!$R$2:$R$366,ROW(INDEX(Jesper!AJ$2:AJ$366,ROUNDDOWN($C3708/24,0)+1,1))-1)+IF('Standard Profiles'!$G$20=$B$10,7,0)+IF('Standard Profiles'!$G$20=$B$17,14,0)+IF('Standard Profiles'!$G$20=$B$24,21,0),0)),0)</f>
        <v>1.3710330278668492</v>
      </c>
      <c r="G3708" cm="1">
        <f t="array" ref="G3708">IFERROR(INDEX(Jesper!AK$2:AK$366,ROUNDDOWN($C3708/24,0)+1,1)*INDEX($D$3:$AA$30,INDEX(Jesper!$R$2:$R$366,ROW(INDEX(Jesper!AK$2:AK$366,ROUNDDOWN($C3708/24,0)+1,1))-1)+IF('Standard Profiles'!$G$21=$B$10,7,0)+IF('Standard Profiles'!$G$21=$B$17,14,0)+IF('Standard Profiles'!$G$21=$B$24,21,0),MOD($C3708,24)+1)/SUM(INDEX($D$3:$AA$30,INDEX(Jesper!$R$2:$R$366,ROW(INDEX(Jesper!AK$2:AK$366,ROUNDDOWN($C3708/24,0)+1,1))-1)+IF('Standard Profiles'!$G$21=$B$10,7,0)+IF('Standard Profiles'!$G$21=$B$17,14,0)+IF('Standard Profiles'!$G$21=$B$24,21,0),0)),0)</f>
        <v>0.91433187344932554</v>
      </c>
      <c r="H3708" cm="1">
        <f t="array" ref="H3708">IFERROR(INDEX(Jesper!AL$2:AL$366,ROUNDDOWN($C3708/24,0)+1,1)*INDEX($D$3:$AA$30,INDEX(Jesper!$R$2:$R$366,ROW(INDEX(Jesper!AL$2:AL$366,ROUNDDOWN($C3708/24,0)+1,1))-1)+IF('Standard Profiles'!$G$22=$B$10,7,0)+IF('Standard Profiles'!$G$22=$B$17,14,0)+IF('Standard Profiles'!$G$22=$B$24,21,0),MOD($C3708,24)+1)/SUM(INDEX($D$3:$AA$30,INDEX(Jesper!$R$2:$R$366,ROW(INDEX(Jesper!AL$2:AL$366,ROUNDDOWN($C3708/24,0)+1,1))-1)+IF('Standard Profiles'!$G$22=$B$10,7,0)+IF('Standard Profiles'!$G$22=$B$17,14,0)+IF('Standard Profiles'!$G$22=$B$24,21,0),0)),0)</f>
        <v>0.38807700171226811</v>
      </c>
      <c r="I3708">
        <f t="shared" si="419"/>
        <v>0.3725539216437776</v>
      </c>
      <c r="J3708">
        <f t="shared" si="420"/>
        <v>4.7214999488718608</v>
      </c>
      <c r="K3708">
        <f t="shared" si="421"/>
        <v>0.22005563340792683</v>
      </c>
      <c r="L3708">
        <f t="shared" si="422"/>
        <v>0.11002781670396342</v>
      </c>
      <c r="M3708">
        <f t="shared" si="423"/>
        <v>0</v>
      </c>
      <c r="N3708" s="45">
        <f t="shared" si="424"/>
        <v>45080.083333324423</v>
      </c>
    </row>
    <row r="3709" spans="2:14" x14ac:dyDescent="0.25">
      <c r="B3709">
        <f t="shared" si="418"/>
        <v>6</v>
      </c>
      <c r="C3709" s="16">
        <v>3675</v>
      </c>
      <c r="D3709" cm="1">
        <f t="array" ref="D3709">IFERROR(INDEX(Jesper!AH$2:AH$366,ROUNDDOWN($C3709/24,0)+1,1)*INDEX($D$3:$AA$30,INDEX(Jesper!$R$2:$R$366,ROW(INDEX(Jesper!AH$2:AH$366,ROUNDDOWN($C3709/24,0)+1,1))-1)+IF('Standard Profiles'!$G$18=$B$10,7,0)+IF('Standard Profiles'!$G$18=$B$17,14,0)+IF('Standard Profiles'!$G$18=$B$24,21,0),MOD($C3709,24)+1)/SUM(INDEX($D$3:$AA$30,INDEX(Jesper!$R$2:$R$366,ROW(INDEX(Jesper!AH$2:AH$366,ROUNDDOWN($C3709/24,0)+1,1))-1)+IF('Standard Profiles'!$G$18=$B$10,7,0)+IF('Standard Profiles'!$G$18=$B$17,14,0)+IF('Standard Profiles'!$G$18=$B$24,21,0),0)),0)</f>
        <v>0</v>
      </c>
      <c r="E3709" cm="1">
        <f t="array" ref="E3709">IFERROR(INDEX(Jesper!AI$2:AI$366,ROUNDDOWN($C3709/24,0)+1,1)*INDEX($D$3:$AA$30,INDEX(Jesper!$R$2:$R$366,ROW(INDEX(Jesper!AI$2:AI$366,ROUNDDOWN($C3709/24,0)+1,1))-1)+IF('Standard Profiles'!$G$19=$B$10,7,0)+IF('Standard Profiles'!$G$19=$B$17,14,0)+IF('Standard Profiles'!$G$19=$B$24,21,0),MOD($C3709,24)+1)/SUM(INDEX($D$3:$AA$30,INDEX(Jesper!$R$2:$R$366,ROW(INDEX(Jesper!AI$2:AI$366,ROUNDDOWN($C3709/24,0)+1,1))-1)+IF('Standard Profiles'!$G$19=$B$10,7,0)+IF('Standard Profiles'!$G$19=$B$17,14,0)+IF('Standard Profiles'!$G$19=$B$24,21,0),0)),0)</f>
        <v>2.7506954175990854</v>
      </c>
      <c r="F3709" cm="1">
        <f t="array" ref="F3709">IFERROR(INDEX(Jesper!AJ$2:AJ$366,ROUNDDOWN($C3709/24,0)+1,1)*INDEX($D$3:$AA$30,INDEX(Jesper!$R$2:$R$366,ROW(INDEX(Jesper!AJ$2:AJ$366,ROUNDDOWN($C3709/24,0)+1,1))-1)+IF('Standard Profiles'!$G$20=$B$10,7,0)+IF('Standard Profiles'!$G$20=$B$17,14,0)+IF('Standard Profiles'!$G$20=$B$24,21,0),MOD($C3709,24)+1)/SUM(INDEX($D$3:$AA$30,INDEX(Jesper!$R$2:$R$366,ROW(INDEX(Jesper!AJ$2:AJ$366,ROUNDDOWN($C3709/24,0)+1,1))-1)+IF('Standard Profiles'!$G$20=$B$10,7,0)+IF('Standard Profiles'!$G$20=$B$17,14,0)+IF('Standard Profiles'!$G$20=$B$24,21,0),0)),0)</f>
        <v>1.3710330278668492</v>
      </c>
      <c r="G3709" cm="1">
        <f t="array" ref="G3709">IFERROR(INDEX(Jesper!AK$2:AK$366,ROUNDDOWN($C3709/24,0)+1,1)*INDEX($D$3:$AA$30,INDEX(Jesper!$R$2:$R$366,ROW(INDEX(Jesper!AK$2:AK$366,ROUNDDOWN($C3709/24,0)+1,1))-1)+IF('Standard Profiles'!$G$21=$B$10,7,0)+IF('Standard Profiles'!$G$21=$B$17,14,0)+IF('Standard Profiles'!$G$21=$B$24,21,0),MOD($C3709,24)+1)/SUM(INDEX($D$3:$AA$30,INDEX(Jesper!$R$2:$R$366,ROW(INDEX(Jesper!AK$2:AK$366,ROUNDDOWN($C3709/24,0)+1,1))-1)+IF('Standard Profiles'!$G$21=$B$10,7,0)+IF('Standard Profiles'!$G$21=$B$17,14,0)+IF('Standard Profiles'!$G$21=$B$24,21,0),0)),0)</f>
        <v>0.91433187344932554</v>
      </c>
      <c r="H3709" cm="1">
        <f t="array" ref="H3709">IFERROR(INDEX(Jesper!AL$2:AL$366,ROUNDDOWN($C3709/24,0)+1,1)*INDEX($D$3:$AA$30,INDEX(Jesper!$R$2:$R$366,ROW(INDEX(Jesper!AL$2:AL$366,ROUNDDOWN($C3709/24,0)+1,1))-1)+IF('Standard Profiles'!$G$22=$B$10,7,0)+IF('Standard Profiles'!$G$22=$B$17,14,0)+IF('Standard Profiles'!$G$22=$B$24,21,0),MOD($C3709,24)+1)/SUM(INDEX($D$3:$AA$30,INDEX(Jesper!$R$2:$R$366,ROW(INDEX(Jesper!AL$2:AL$366,ROUNDDOWN($C3709/24,0)+1,1))-1)+IF('Standard Profiles'!$G$22=$B$10,7,0)+IF('Standard Profiles'!$G$22=$B$17,14,0)+IF('Standard Profiles'!$G$22=$B$24,21,0),0)),0)</f>
        <v>0.38807700171226811</v>
      </c>
      <c r="I3709">
        <f t="shared" si="419"/>
        <v>0.3725539216437776</v>
      </c>
      <c r="J3709">
        <f t="shared" si="420"/>
        <v>4.7214999488718608</v>
      </c>
      <c r="K3709">
        <f t="shared" si="421"/>
        <v>0.22005563340792683</v>
      </c>
      <c r="L3709">
        <f t="shared" si="422"/>
        <v>0.11002781670396342</v>
      </c>
      <c r="M3709">
        <f t="shared" si="423"/>
        <v>0</v>
      </c>
      <c r="N3709" s="45">
        <f t="shared" si="424"/>
        <v>45080.124999991087</v>
      </c>
    </row>
    <row r="3710" spans="2:14" x14ac:dyDescent="0.25">
      <c r="B3710">
        <f t="shared" si="418"/>
        <v>6</v>
      </c>
      <c r="C3710" s="16">
        <v>3676</v>
      </c>
      <c r="D3710" cm="1">
        <f t="array" ref="D3710">IFERROR(INDEX(Jesper!AH$2:AH$366,ROUNDDOWN($C3710/24,0)+1,1)*INDEX($D$3:$AA$30,INDEX(Jesper!$R$2:$R$366,ROW(INDEX(Jesper!AH$2:AH$366,ROUNDDOWN($C3710/24,0)+1,1))-1)+IF('Standard Profiles'!$G$18=$B$10,7,0)+IF('Standard Profiles'!$G$18=$B$17,14,0)+IF('Standard Profiles'!$G$18=$B$24,21,0),MOD($C3710,24)+1)/SUM(INDEX($D$3:$AA$30,INDEX(Jesper!$R$2:$R$366,ROW(INDEX(Jesper!AH$2:AH$366,ROUNDDOWN($C3710/24,0)+1,1))-1)+IF('Standard Profiles'!$G$18=$B$10,7,0)+IF('Standard Profiles'!$G$18=$B$17,14,0)+IF('Standard Profiles'!$G$18=$B$24,21,0),0)),0)</f>
        <v>0</v>
      </c>
      <c r="E3710" cm="1">
        <f t="array" ref="E3710">IFERROR(INDEX(Jesper!AI$2:AI$366,ROUNDDOWN($C3710/24,0)+1,1)*INDEX($D$3:$AA$30,INDEX(Jesper!$R$2:$R$366,ROW(INDEX(Jesper!AI$2:AI$366,ROUNDDOWN($C3710/24,0)+1,1))-1)+IF('Standard Profiles'!$G$19=$B$10,7,0)+IF('Standard Profiles'!$G$19=$B$17,14,0)+IF('Standard Profiles'!$G$19=$B$24,21,0),MOD($C3710,24)+1)/SUM(INDEX($D$3:$AA$30,INDEX(Jesper!$R$2:$R$366,ROW(INDEX(Jesper!AI$2:AI$366,ROUNDDOWN($C3710/24,0)+1,1))-1)+IF('Standard Profiles'!$G$19=$B$10,7,0)+IF('Standard Profiles'!$G$19=$B$17,14,0)+IF('Standard Profiles'!$G$19=$B$24,21,0),0)),0)</f>
        <v>2.7506954175990854</v>
      </c>
      <c r="F3710" cm="1">
        <f t="array" ref="F3710">IFERROR(INDEX(Jesper!AJ$2:AJ$366,ROUNDDOWN($C3710/24,0)+1,1)*INDEX($D$3:$AA$30,INDEX(Jesper!$R$2:$R$366,ROW(INDEX(Jesper!AJ$2:AJ$366,ROUNDDOWN($C3710/24,0)+1,1))-1)+IF('Standard Profiles'!$G$20=$B$10,7,0)+IF('Standard Profiles'!$G$20=$B$17,14,0)+IF('Standard Profiles'!$G$20=$B$24,21,0),MOD($C3710,24)+1)/SUM(INDEX($D$3:$AA$30,INDEX(Jesper!$R$2:$R$366,ROW(INDEX(Jesper!AJ$2:AJ$366,ROUNDDOWN($C3710/24,0)+1,1))-1)+IF('Standard Profiles'!$G$20=$B$10,7,0)+IF('Standard Profiles'!$G$20=$B$17,14,0)+IF('Standard Profiles'!$G$20=$B$24,21,0),0)),0)</f>
        <v>1.3710330278668492</v>
      </c>
      <c r="G3710" cm="1">
        <f t="array" ref="G3710">IFERROR(INDEX(Jesper!AK$2:AK$366,ROUNDDOWN($C3710/24,0)+1,1)*INDEX($D$3:$AA$30,INDEX(Jesper!$R$2:$R$366,ROW(INDEX(Jesper!AK$2:AK$366,ROUNDDOWN($C3710/24,0)+1,1))-1)+IF('Standard Profiles'!$G$21=$B$10,7,0)+IF('Standard Profiles'!$G$21=$B$17,14,0)+IF('Standard Profiles'!$G$21=$B$24,21,0),MOD($C3710,24)+1)/SUM(INDEX($D$3:$AA$30,INDEX(Jesper!$R$2:$R$366,ROW(INDEX(Jesper!AK$2:AK$366,ROUNDDOWN($C3710/24,0)+1,1))-1)+IF('Standard Profiles'!$G$21=$B$10,7,0)+IF('Standard Profiles'!$G$21=$B$17,14,0)+IF('Standard Profiles'!$G$21=$B$24,21,0),0)),0)</f>
        <v>0.91433187344932554</v>
      </c>
      <c r="H3710" cm="1">
        <f t="array" ref="H3710">IFERROR(INDEX(Jesper!AL$2:AL$366,ROUNDDOWN($C3710/24,0)+1,1)*INDEX($D$3:$AA$30,INDEX(Jesper!$R$2:$R$366,ROW(INDEX(Jesper!AL$2:AL$366,ROUNDDOWN($C3710/24,0)+1,1))-1)+IF('Standard Profiles'!$G$22=$B$10,7,0)+IF('Standard Profiles'!$G$22=$B$17,14,0)+IF('Standard Profiles'!$G$22=$B$24,21,0),MOD($C3710,24)+1)/SUM(INDEX($D$3:$AA$30,INDEX(Jesper!$R$2:$R$366,ROW(INDEX(Jesper!AL$2:AL$366,ROUNDDOWN($C3710/24,0)+1,1))-1)+IF('Standard Profiles'!$G$22=$B$10,7,0)+IF('Standard Profiles'!$G$22=$B$17,14,0)+IF('Standard Profiles'!$G$22=$B$24,21,0),0)),0)</f>
        <v>0.38807700171226811</v>
      </c>
      <c r="I3710">
        <f t="shared" si="419"/>
        <v>0.3725539216437776</v>
      </c>
      <c r="J3710">
        <f t="shared" si="420"/>
        <v>4.7214999488718608</v>
      </c>
      <c r="K3710">
        <f t="shared" si="421"/>
        <v>0.22005563340792683</v>
      </c>
      <c r="L3710">
        <f t="shared" si="422"/>
        <v>0.11002781670396342</v>
      </c>
      <c r="M3710">
        <f t="shared" si="423"/>
        <v>0</v>
      </c>
      <c r="N3710" s="45">
        <f t="shared" si="424"/>
        <v>45080.166666657751</v>
      </c>
    </row>
    <row r="3711" spans="2:14" x14ac:dyDescent="0.25">
      <c r="B3711">
        <f t="shared" si="418"/>
        <v>6</v>
      </c>
      <c r="C3711" s="16">
        <v>3677</v>
      </c>
      <c r="D3711" cm="1">
        <f t="array" ref="D3711">IFERROR(INDEX(Jesper!AH$2:AH$366,ROUNDDOWN($C3711/24,0)+1,1)*INDEX($D$3:$AA$30,INDEX(Jesper!$R$2:$R$366,ROW(INDEX(Jesper!AH$2:AH$366,ROUNDDOWN($C3711/24,0)+1,1))-1)+IF('Standard Profiles'!$G$18=$B$10,7,0)+IF('Standard Profiles'!$G$18=$B$17,14,0)+IF('Standard Profiles'!$G$18=$B$24,21,0),MOD($C3711,24)+1)/SUM(INDEX($D$3:$AA$30,INDEX(Jesper!$R$2:$R$366,ROW(INDEX(Jesper!AH$2:AH$366,ROUNDDOWN($C3711/24,0)+1,1))-1)+IF('Standard Profiles'!$G$18=$B$10,7,0)+IF('Standard Profiles'!$G$18=$B$17,14,0)+IF('Standard Profiles'!$G$18=$B$24,21,0),0)),0)</f>
        <v>0</v>
      </c>
      <c r="E3711" cm="1">
        <f t="array" ref="E3711">IFERROR(INDEX(Jesper!AI$2:AI$366,ROUNDDOWN($C3711/24,0)+1,1)*INDEX($D$3:$AA$30,INDEX(Jesper!$R$2:$R$366,ROW(INDEX(Jesper!AI$2:AI$366,ROUNDDOWN($C3711/24,0)+1,1))-1)+IF('Standard Profiles'!$G$19=$B$10,7,0)+IF('Standard Profiles'!$G$19=$B$17,14,0)+IF('Standard Profiles'!$G$19=$B$24,21,0),MOD($C3711,24)+1)/SUM(INDEX($D$3:$AA$30,INDEX(Jesper!$R$2:$R$366,ROW(INDEX(Jesper!AI$2:AI$366,ROUNDDOWN($C3711/24,0)+1,1))-1)+IF('Standard Profiles'!$G$19=$B$10,7,0)+IF('Standard Profiles'!$G$19=$B$17,14,0)+IF('Standard Profiles'!$G$19=$B$24,21,0),0)),0)</f>
        <v>2.7506954175990854</v>
      </c>
      <c r="F3711" cm="1">
        <f t="array" ref="F3711">IFERROR(INDEX(Jesper!AJ$2:AJ$366,ROUNDDOWN($C3711/24,0)+1,1)*INDEX($D$3:$AA$30,INDEX(Jesper!$R$2:$R$366,ROW(INDEX(Jesper!AJ$2:AJ$366,ROUNDDOWN($C3711/24,0)+1,1))-1)+IF('Standard Profiles'!$G$20=$B$10,7,0)+IF('Standard Profiles'!$G$20=$B$17,14,0)+IF('Standard Profiles'!$G$20=$B$24,21,0),MOD($C3711,24)+1)/SUM(INDEX($D$3:$AA$30,INDEX(Jesper!$R$2:$R$366,ROW(INDEX(Jesper!AJ$2:AJ$366,ROUNDDOWN($C3711/24,0)+1,1))-1)+IF('Standard Profiles'!$G$20=$B$10,7,0)+IF('Standard Profiles'!$G$20=$B$17,14,0)+IF('Standard Profiles'!$G$20=$B$24,21,0),0)),0)</f>
        <v>1.3710330278668492</v>
      </c>
      <c r="G3711" cm="1">
        <f t="array" ref="G3711">IFERROR(INDEX(Jesper!AK$2:AK$366,ROUNDDOWN($C3711/24,0)+1,1)*INDEX($D$3:$AA$30,INDEX(Jesper!$R$2:$R$366,ROW(INDEX(Jesper!AK$2:AK$366,ROUNDDOWN($C3711/24,0)+1,1))-1)+IF('Standard Profiles'!$G$21=$B$10,7,0)+IF('Standard Profiles'!$G$21=$B$17,14,0)+IF('Standard Profiles'!$G$21=$B$24,21,0),MOD($C3711,24)+1)/SUM(INDEX($D$3:$AA$30,INDEX(Jesper!$R$2:$R$366,ROW(INDEX(Jesper!AK$2:AK$366,ROUNDDOWN($C3711/24,0)+1,1))-1)+IF('Standard Profiles'!$G$21=$B$10,7,0)+IF('Standard Profiles'!$G$21=$B$17,14,0)+IF('Standard Profiles'!$G$21=$B$24,21,0),0)),0)</f>
        <v>0.91433187344932554</v>
      </c>
      <c r="H3711" cm="1">
        <f t="array" ref="H3711">IFERROR(INDEX(Jesper!AL$2:AL$366,ROUNDDOWN($C3711/24,0)+1,1)*INDEX($D$3:$AA$30,INDEX(Jesper!$R$2:$R$366,ROW(INDEX(Jesper!AL$2:AL$366,ROUNDDOWN($C3711/24,0)+1,1))-1)+IF('Standard Profiles'!$G$22=$B$10,7,0)+IF('Standard Profiles'!$G$22=$B$17,14,0)+IF('Standard Profiles'!$G$22=$B$24,21,0),MOD($C3711,24)+1)/SUM(INDEX($D$3:$AA$30,INDEX(Jesper!$R$2:$R$366,ROW(INDEX(Jesper!AL$2:AL$366,ROUNDDOWN($C3711/24,0)+1,1))-1)+IF('Standard Profiles'!$G$22=$B$10,7,0)+IF('Standard Profiles'!$G$22=$B$17,14,0)+IF('Standard Profiles'!$G$22=$B$24,21,0),0)),0)</f>
        <v>0.48272992895916278</v>
      </c>
      <c r="I3711">
        <f t="shared" si="419"/>
        <v>0.46342073180079651</v>
      </c>
      <c r="J3711">
        <f t="shared" si="420"/>
        <v>4.7252860659617362</v>
      </c>
      <c r="K3711">
        <f t="shared" si="421"/>
        <v>0.22005563340792683</v>
      </c>
      <c r="L3711">
        <f t="shared" si="422"/>
        <v>0.11002781670396342</v>
      </c>
      <c r="M3711">
        <f t="shared" si="423"/>
        <v>0</v>
      </c>
      <c r="N3711" s="45">
        <f t="shared" si="424"/>
        <v>45080.208333324415</v>
      </c>
    </row>
    <row r="3712" spans="2:14" x14ac:dyDescent="0.25">
      <c r="B3712">
        <f t="shared" si="418"/>
        <v>6</v>
      </c>
      <c r="C3712" s="16">
        <v>3678</v>
      </c>
      <c r="D3712" cm="1">
        <f t="array" ref="D3712">IFERROR(INDEX(Jesper!AH$2:AH$366,ROUNDDOWN($C3712/24,0)+1,1)*INDEX($D$3:$AA$30,INDEX(Jesper!$R$2:$R$366,ROW(INDEX(Jesper!AH$2:AH$366,ROUNDDOWN($C3712/24,0)+1,1))-1)+IF('Standard Profiles'!$G$18=$B$10,7,0)+IF('Standard Profiles'!$G$18=$B$17,14,0)+IF('Standard Profiles'!$G$18=$B$24,21,0),MOD($C3712,24)+1)/SUM(INDEX($D$3:$AA$30,INDEX(Jesper!$R$2:$R$366,ROW(INDEX(Jesper!AH$2:AH$366,ROUNDDOWN($C3712/24,0)+1,1))-1)+IF('Standard Profiles'!$G$18=$B$10,7,0)+IF('Standard Profiles'!$G$18=$B$17,14,0)+IF('Standard Profiles'!$G$18=$B$24,21,0),0)),0)</f>
        <v>0</v>
      </c>
      <c r="E3712" cm="1">
        <f t="array" ref="E3712">IFERROR(INDEX(Jesper!AI$2:AI$366,ROUNDDOWN($C3712/24,0)+1,1)*INDEX($D$3:$AA$30,INDEX(Jesper!$R$2:$R$366,ROW(INDEX(Jesper!AI$2:AI$366,ROUNDDOWN($C3712/24,0)+1,1))-1)+IF('Standard Profiles'!$G$19=$B$10,7,0)+IF('Standard Profiles'!$G$19=$B$17,14,0)+IF('Standard Profiles'!$G$19=$B$24,21,0),MOD($C3712,24)+1)/SUM(INDEX($D$3:$AA$30,INDEX(Jesper!$R$2:$R$366,ROW(INDEX(Jesper!AI$2:AI$366,ROUNDDOWN($C3712/24,0)+1,1))-1)+IF('Standard Profiles'!$G$19=$B$10,7,0)+IF('Standard Profiles'!$G$19=$B$17,14,0)+IF('Standard Profiles'!$G$19=$B$24,21,0),0)),0)</f>
        <v>2.7506954175990854</v>
      </c>
      <c r="F3712" cm="1">
        <f t="array" ref="F3712">IFERROR(INDEX(Jesper!AJ$2:AJ$366,ROUNDDOWN($C3712/24,0)+1,1)*INDEX($D$3:$AA$30,INDEX(Jesper!$R$2:$R$366,ROW(INDEX(Jesper!AJ$2:AJ$366,ROUNDDOWN($C3712/24,0)+1,1))-1)+IF('Standard Profiles'!$G$20=$B$10,7,0)+IF('Standard Profiles'!$G$20=$B$17,14,0)+IF('Standard Profiles'!$G$20=$B$24,21,0),MOD($C3712,24)+1)/SUM(INDEX($D$3:$AA$30,INDEX(Jesper!$R$2:$R$366,ROW(INDEX(Jesper!AJ$2:AJ$366,ROUNDDOWN($C3712/24,0)+1,1))-1)+IF('Standard Profiles'!$G$20=$B$10,7,0)+IF('Standard Profiles'!$G$20=$B$17,14,0)+IF('Standard Profiles'!$G$20=$B$24,21,0),0)),0)</f>
        <v>1.3710330278668492</v>
      </c>
      <c r="G3712" cm="1">
        <f t="array" ref="G3712">IFERROR(INDEX(Jesper!AK$2:AK$366,ROUNDDOWN($C3712/24,0)+1,1)*INDEX($D$3:$AA$30,INDEX(Jesper!$R$2:$R$366,ROW(INDEX(Jesper!AK$2:AK$366,ROUNDDOWN($C3712/24,0)+1,1))-1)+IF('Standard Profiles'!$G$21=$B$10,7,0)+IF('Standard Profiles'!$G$21=$B$17,14,0)+IF('Standard Profiles'!$G$21=$B$24,21,0),MOD($C3712,24)+1)/SUM(INDEX($D$3:$AA$30,INDEX(Jesper!$R$2:$R$366,ROW(INDEX(Jesper!AK$2:AK$366,ROUNDDOWN($C3712/24,0)+1,1))-1)+IF('Standard Profiles'!$G$21=$B$10,7,0)+IF('Standard Profiles'!$G$21=$B$17,14,0)+IF('Standard Profiles'!$G$21=$B$24,21,0),0)),0)</f>
        <v>0.91433187344932554</v>
      </c>
      <c r="H3712" cm="1">
        <f t="array" ref="H3712">IFERROR(INDEX(Jesper!AL$2:AL$366,ROUNDDOWN($C3712/24,0)+1,1)*INDEX($D$3:$AA$30,INDEX(Jesper!$R$2:$R$366,ROW(INDEX(Jesper!AL$2:AL$366,ROUNDDOWN($C3712/24,0)+1,1))-1)+IF('Standard Profiles'!$G$22=$B$10,7,0)+IF('Standard Profiles'!$G$22=$B$17,14,0)+IF('Standard Profiles'!$G$22=$B$24,21,0),MOD($C3712,24)+1)/SUM(INDEX($D$3:$AA$30,INDEX(Jesper!$R$2:$R$366,ROW(INDEX(Jesper!AL$2:AL$366,ROUNDDOWN($C3712/24,0)+1,1))-1)+IF('Standard Profiles'!$G$22=$B$10,7,0)+IF('Standard Profiles'!$G$22=$B$17,14,0)+IF('Standard Profiles'!$G$22=$B$24,21,0),0)),0)</f>
        <v>0.60577873438012575</v>
      </c>
      <c r="I3712">
        <f t="shared" si="419"/>
        <v>0.58154758500492099</v>
      </c>
      <c r="J3712">
        <f t="shared" si="420"/>
        <v>4.7302080181785753</v>
      </c>
      <c r="K3712">
        <f t="shared" si="421"/>
        <v>0.22005563340792683</v>
      </c>
      <c r="L3712">
        <f t="shared" si="422"/>
        <v>0.11002781670396342</v>
      </c>
      <c r="M3712">
        <f t="shared" si="423"/>
        <v>0</v>
      </c>
      <c r="N3712" s="45">
        <f t="shared" si="424"/>
        <v>45080.24999999108</v>
      </c>
    </row>
    <row r="3713" spans="2:14" x14ac:dyDescent="0.25">
      <c r="B3713">
        <f t="shared" si="418"/>
        <v>6</v>
      </c>
      <c r="C3713" s="16">
        <v>3679</v>
      </c>
      <c r="D3713" cm="1">
        <f t="array" ref="D3713">IFERROR(INDEX(Jesper!AH$2:AH$366,ROUNDDOWN($C3713/24,0)+1,1)*INDEX($D$3:$AA$30,INDEX(Jesper!$R$2:$R$366,ROW(INDEX(Jesper!AH$2:AH$366,ROUNDDOWN($C3713/24,0)+1,1))-1)+IF('Standard Profiles'!$G$18=$B$10,7,0)+IF('Standard Profiles'!$G$18=$B$17,14,0)+IF('Standard Profiles'!$G$18=$B$24,21,0),MOD($C3713,24)+1)/SUM(INDEX($D$3:$AA$30,INDEX(Jesper!$R$2:$R$366,ROW(INDEX(Jesper!AH$2:AH$366,ROUNDDOWN($C3713/24,0)+1,1))-1)+IF('Standard Profiles'!$G$18=$B$10,7,0)+IF('Standard Profiles'!$G$18=$B$17,14,0)+IF('Standard Profiles'!$G$18=$B$24,21,0),0)),0)</f>
        <v>0</v>
      </c>
      <c r="E3713" cm="1">
        <f t="array" ref="E3713">IFERROR(INDEX(Jesper!AI$2:AI$366,ROUNDDOWN($C3713/24,0)+1,1)*INDEX($D$3:$AA$30,INDEX(Jesper!$R$2:$R$366,ROW(INDEX(Jesper!AI$2:AI$366,ROUNDDOWN($C3713/24,0)+1,1))-1)+IF('Standard Profiles'!$G$19=$B$10,7,0)+IF('Standard Profiles'!$G$19=$B$17,14,0)+IF('Standard Profiles'!$G$19=$B$24,21,0),MOD($C3713,24)+1)/SUM(INDEX($D$3:$AA$30,INDEX(Jesper!$R$2:$R$366,ROW(INDEX(Jesper!AI$2:AI$366,ROUNDDOWN($C3713/24,0)+1,1))-1)+IF('Standard Profiles'!$G$19=$B$10,7,0)+IF('Standard Profiles'!$G$19=$B$17,14,0)+IF('Standard Profiles'!$G$19=$B$24,21,0),0)),0)</f>
        <v>2.7506954175990854</v>
      </c>
      <c r="F3713" cm="1">
        <f t="array" ref="F3713">IFERROR(INDEX(Jesper!AJ$2:AJ$366,ROUNDDOWN($C3713/24,0)+1,1)*INDEX($D$3:$AA$30,INDEX(Jesper!$R$2:$R$366,ROW(INDEX(Jesper!AJ$2:AJ$366,ROUNDDOWN($C3713/24,0)+1,1))-1)+IF('Standard Profiles'!$G$20=$B$10,7,0)+IF('Standard Profiles'!$G$20=$B$17,14,0)+IF('Standard Profiles'!$G$20=$B$24,21,0),MOD($C3713,24)+1)/SUM(INDEX($D$3:$AA$30,INDEX(Jesper!$R$2:$R$366,ROW(INDEX(Jesper!AJ$2:AJ$366,ROUNDDOWN($C3713/24,0)+1,1))-1)+IF('Standard Profiles'!$G$20=$B$10,7,0)+IF('Standard Profiles'!$G$20=$B$17,14,0)+IF('Standard Profiles'!$G$20=$B$24,21,0),0)),0)</f>
        <v>1.3710330278668492</v>
      </c>
      <c r="G3713" cm="1">
        <f t="array" ref="G3713">IFERROR(INDEX(Jesper!AK$2:AK$366,ROUNDDOWN($C3713/24,0)+1,1)*INDEX($D$3:$AA$30,INDEX(Jesper!$R$2:$R$366,ROW(INDEX(Jesper!AK$2:AK$366,ROUNDDOWN($C3713/24,0)+1,1))-1)+IF('Standard Profiles'!$G$21=$B$10,7,0)+IF('Standard Profiles'!$G$21=$B$17,14,0)+IF('Standard Profiles'!$G$21=$B$24,21,0),MOD($C3713,24)+1)/SUM(INDEX($D$3:$AA$30,INDEX(Jesper!$R$2:$R$366,ROW(INDEX(Jesper!AK$2:AK$366,ROUNDDOWN($C3713/24,0)+1,1))-1)+IF('Standard Profiles'!$G$21=$B$10,7,0)+IF('Standard Profiles'!$G$21=$B$17,14,0)+IF('Standard Profiles'!$G$21=$B$24,21,0),0)),0)</f>
        <v>0.91433187344932554</v>
      </c>
      <c r="H3713" cm="1">
        <f t="array" ref="H3713">IFERROR(INDEX(Jesper!AL$2:AL$366,ROUNDDOWN($C3713/24,0)+1,1)*INDEX($D$3:$AA$30,INDEX(Jesper!$R$2:$R$366,ROW(INDEX(Jesper!AL$2:AL$366,ROUNDDOWN($C3713/24,0)+1,1))-1)+IF('Standard Profiles'!$G$22=$B$10,7,0)+IF('Standard Profiles'!$G$22=$B$17,14,0)+IF('Standard Profiles'!$G$22=$B$24,21,0),MOD($C3713,24)+1)/SUM(INDEX($D$3:$AA$30,INDEX(Jesper!$R$2:$R$366,ROW(INDEX(Jesper!AL$2:AL$366,ROUNDDOWN($C3713/24,0)+1,1))-1)+IF('Standard Profiles'!$G$22=$B$10,7,0)+IF('Standard Profiles'!$G$22=$B$17,14,0)+IF('Standard Profiles'!$G$22=$B$24,21,0),0)),0)</f>
        <v>0.69096636890233099</v>
      </c>
      <c r="I3713">
        <f t="shared" si="419"/>
        <v>0.66332771414623815</v>
      </c>
      <c r="J3713">
        <f t="shared" si="420"/>
        <v>4.7336155235594628</v>
      </c>
      <c r="K3713">
        <f t="shared" si="421"/>
        <v>0.22005563340792683</v>
      </c>
      <c r="L3713">
        <f t="shared" si="422"/>
        <v>0.11002781670396342</v>
      </c>
      <c r="M3713">
        <f t="shared" si="423"/>
        <v>0</v>
      </c>
      <c r="N3713" s="45">
        <f t="shared" si="424"/>
        <v>45080.291666657744</v>
      </c>
    </row>
    <row r="3714" spans="2:14" x14ac:dyDescent="0.25">
      <c r="B3714">
        <f t="shared" si="418"/>
        <v>6</v>
      </c>
      <c r="C3714" s="16">
        <v>3680</v>
      </c>
      <c r="D3714" cm="1">
        <f t="array" ref="D3714">IFERROR(INDEX(Jesper!AH$2:AH$366,ROUNDDOWN($C3714/24,0)+1,1)*INDEX($D$3:$AA$30,INDEX(Jesper!$R$2:$R$366,ROW(INDEX(Jesper!AH$2:AH$366,ROUNDDOWN($C3714/24,0)+1,1))-1)+IF('Standard Profiles'!$G$18=$B$10,7,0)+IF('Standard Profiles'!$G$18=$B$17,14,0)+IF('Standard Profiles'!$G$18=$B$24,21,0),MOD($C3714,24)+1)/SUM(INDEX($D$3:$AA$30,INDEX(Jesper!$R$2:$R$366,ROW(INDEX(Jesper!AH$2:AH$366,ROUNDDOWN($C3714/24,0)+1,1))-1)+IF('Standard Profiles'!$G$18=$B$10,7,0)+IF('Standard Profiles'!$G$18=$B$17,14,0)+IF('Standard Profiles'!$G$18=$B$24,21,0),0)),0)</f>
        <v>0</v>
      </c>
      <c r="E3714" cm="1">
        <f t="array" ref="E3714">IFERROR(INDEX(Jesper!AI$2:AI$366,ROUNDDOWN($C3714/24,0)+1,1)*INDEX($D$3:$AA$30,INDEX(Jesper!$R$2:$R$366,ROW(INDEX(Jesper!AI$2:AI$366,ROUNDDOWN($C3714/24,0)+1,1))-1)+IF('Standard Profiles'!$G$19=$B$10,7,0)+IF('Standard Profiles'!$G$19=$B$17,14,0)+IF('Standard Profiles'!$G$19=$B$24,21,0),MOD($C3714,24)+1)/SUM(INDEX($D$3:$AA$30,INDEX(Jesper!$R$2:$R$366,ROW(INDEX(Jesper!AI$2:AI$366,ROUNDDOWN($C3714/24,0)+1,1))-1)+IF('Standard Profiles'!$G$19=$B$10,7,0)+IF('Standard Profiles'!$G$19=$B$17,14,0)+IF('Standard Profiles'!$G$19=$B$24,21,0),0)),0)</f>
        <v>2.7506954175990854</v>
      </c>
      <c r="F3714" cm="1">
        <f t="array" ref="F3714">IFERROR(INDEX(Jesper!AJ$2:AJ$366,ROUNDDOWN($C3714/24,0)+1,1)*INDEX($D$3:$AA$30,INDEX(Jesper!$R$2:$R$366,ROW(INDEX(Jesper!AJ$2:AJ$366,ROUNDDOWN($C3714/24,0)+1,1))-1)+IF('Standard Profiles'!$G$20=$B$10,7,0)+IF('Standard Profiles'!$G$20=$B$17,14,0)+IF('Standard Profiles'!$G$20=$B$24,21,0),MOD($C3714,24)+1)/SUM(INDEX($D$3:$AA$30,INDEX(Jesper!$R$2:$R$366,ROW(INDEX(Jesper!AJ$2:AJ$366,ROUNDDOWN($C3714/24,0)+1,1))-1)+IF('Standard Profiles'!$G$20=$B$10,7,0)+IF('Standard Profiles'!$G$20=$B$17,14,0)+IF('Standard Profiles'!$G$20=$B$24,21,0),0)),0)</f>
        <v>1.3710330278668492</v>
      </c>
      <c r="G3714" cm="1">
        <f t="array" ref="G3714">IFERROR(INDEX(Jesper!AK$2:AK$366,ROUNDDOWN($C3714/24,0)+1,1)*INDEX($D$3:$AA$30,INDEX(Jesper!$R$2:$R$366,ROW(INDEX(Jesper!AK$2:AK$366,ROUNDDOWN($C3714/24,0)+1,1))-1)+IF('Standard Profiles'!$G$21=$B$10,7,0)+IF('Standard Profiles'!$G$21=$B$17,14,0)+IF('Standard Profiles'!$G$21=$B$24,21,0),MOD($C3714,24)+1)/SUM(INDEX($D$3:$AA$30,INDEX(Jesper!$R$2:$R$366,ROW(INDEX(Jesper!AK$2:AK$366,ROUNDDOWN($C3714/24,0)+1,1))-1)+IF('Standard Profiles'!$G$21=$B$10,7,0)+IF('Standard Profiles'!$G$21=$B$17,14,0)+IF('Standard Profiles'!$G$21=$B$24,21,0),0)),0)</f>
        <v>0.91433187344932554</v>
      </c>
      <c r="H3714" cm="1">
        <f t="array" ref="H3714">IFERROR(INDEX(Jesper!AL$2:AL$366,ROUNDDOWN($C3714/24,0)+1,1)*INDEX($D$3:$AA$30,INDEX(Jesper!$R$2:$R$366,ROW(INDEX(Jesper!AL$2:AL$366,ROUNDDOWN($C3714/24,0)+1,1))-1)+IF('Standard Profiles'!$G$22=$B$10,7,0)+IF('Standard Profiles'!$G$22=$B$17,14,0)+IF('Standard Profiles'!$G$22=$B$24,21,0),MOD($C3714,24)+1)/SUM(INDEX($D$3:$AA$30,INDEX(Jesper!$R$2:$R$366,ROW(INDEX(Jesper!AL$2:AL$366,ROUNDDOWN($C3714/24,0)+1,1))-1)+IF('Standard Profiles'!$G$22=$B$10,7,0)+IF('Standard Profiles'!$G$22=$B$17,14,0)+IF('Standard Profiles'!$G$22=$B$24,21,0),0)),0)</f>
        <v>0.69096636890233099</v>
      </c>
      <c r="I3714">
        <f t="shared" si="419"/>
        <v>0.66332771414623815</v>
      </c>
      <c r="J3714">
        <f t="shared" si="420"/>
        <v>4.7336155235594628</v>
      </c>
      <c r="K3714">
        <f t="shared" si="421"/>
        <v>0.22005563340792683</v>
      </c>
      <c r="L3714">
        <f t="shared" si="422"/>
        <v>0.11002781670396342</v>
      </c>
      <c r="M3714">
        <f t="shared" si="423"/>
        <v>0</v>
      </c>
      <c r="N3714" s="45">
        <f t="shared" si="424"/>
        <v>45080.333333324408</v>
      </c>
    </row>
    <row r="3715" spans="2:14" x14ac:dyDescent="0.25">
      <c r="B3715">
        <f t="shared" si="418"/>
        <v>6</v>
      </c>
      <c r="C3715" s="16">
        <v>3681</v>
      </c>
      <c r="D3715" cm="1">
        <f t="array" ref="D3715">IFERROR(INDEX(Jesper!AH$2:AH$366,ROUNDDOWN($C3715/24,0)+1,1)*INDEX($D$3:$AA$30,INDEX(Jesper!$R$2:$R$366,ROW(INDEX(Jesper!AH$2:AH$366,ROUNDDOWN($C3715/24,0)+1,1))-1)+IF('Standard Profiles'!$G$18=$B$10,7,0)+IF('Standard Profiles'!$G$18=$B$17,14,0)+IF('Standard Profiles'!$G$18=$B$24,21,0),MOD($C3715,24)+1)/SUM(INDEX($D$3:$AA$30,INDEX(Jesper!$R$2:$R$366,ROW(INDEX(Jesper!AH$2:AH$366,ROUNDDOWN($C3715/24,0)+1,1))-1)+IF('Standard Profiles'!$G$18=$B$10,7,0)+IF('Standard Profiles'!$G$18=$B$17,14,0)+IF('Standard Profiles'!$G$18=$B$24,21,0),0)),0)</f>
        <v>0</v>
      </c>
      <c r="E3715" cm="1">
        <f t="array" ref="E3715">IFERROR(INDEX(Jesper!AI$2:AI$366,ROUNDDOWN($C3715/24,0)+1,1)*INDEX($D$3:$AA$30,INDEX(Jesper!$R$2:$R$366,ROW(INDEX(Jesper!AI$2:AI$366,ROUNDDOWN($C3715/24,0)+1,1))-1)+IF('Standard Profiles'!$G$19=$B$10,7,0)+IF('Standard Profiles'!$G$19=$B$17,14,0)+IF('Standard Profiles'!$G$19=$B$24,21,0),MOD($C3715,24)+1)/SUM(INDEX($D$3:$AA$30,INDEX(Jesper!$R$2:$R$366,ROW(INDEX(Jesper!AI$2:AI$366,ROUNDDOWN($C3715/24,0)+1,1))-1)+IF('Standard Profiles'!$G$19=$B$10,7,0)+IF('Standard Profiles'!$G$19=$B$17,14,0)+IF('Standard Profiles'!$G$19=$B$24,21,0),0)),0)</f>
        <v>2.7506954175990854</v>
      </c>
      <c r="F3715" cm="1">
        <f t="array" ref="F3715">IFERROR(INDEX(Jesper!AJ$2:AJ$366,ROUNDDOWN($C3715/24,0)+1,1)*INDEX($D$3:$AA$30,INDEX(Jesper!$R$2:$R$366,ROW(INDEX(Jesper!AJ$2:AJ$366,ROUNDDOWN($C3715/24,0)+1,1))-1)+IF('Standard Profiles'!$G$20=$B$10,7,0)+IF('Standard Profiles'!$G$20=$B$17,14,0)+IF('Standard Profiles'!$G$20=$B$24,21,0),MOD($C3715,24)+1)/SUM(INDEX($D$3:$AA$30,INDEX(Jesper!$R$2:$R$366,ROW(INDEX(Jesper!AJ$2:AJ$366,ROUNDDOWN($C3715/24,0)+1,1))-1)+IF('Standard Profiles'!$G$20=$B$10,7,0)+IF('Standard Profiles'!$G$20=$B$17,14,0)+IF('Standard Profiles'!$G$20=$B$24,21,0),0)),0)</f>
        <v>1.3710330278668492</v>
      </c>
      <c r="G3715" cm="1">
        <f t="array" ref="G3715">IFERROR(INDEX(Jesper!AK$2:AK$366,ROUNDDOWN($C3715/24,0)+1,1)*INDEX($D$3:$AA$30,INDEX(Jesper!$R$2:$R$366,ROW(INDEX(Jesper!AK$2:AK$366,ROUNDDOWN($C3715/24,0)+1,1))-1)+IF('Standard Profiles'!$G$21=$B$10,7,0)+IF('Standard Profiles'!$G$21=$B$17,14,0)+IF('Standard Profiles'!$G$21=$B$24,21,0),MOD($C3715,24)+1)/SUM(INDEX($D$3:$AA$30,INDEX(Jesper!$R$2:$R$366,ROW(INDEX(Jesper!AK$2:AK$366,ROUNDDOWN($C3715/24,0)+1,1))-1)+IF('Standard Profiles'!$G$21=$B$10,7,0)+IF('Standard Profiles'!$G$21=$B$17,14,0)+IF('Standard Profiles'!$G$21=$B$24,21,0),0)),0)</f>
        <v>0.91433187344932554</v>
      </c>
      <c r="H3715" cm="1">
        <f t="array" ref="H3715">IFERROR(INDEX(Jesper!AL$2:AL$366,ROUNDDOWN($C3715/24,0)+1,1)*INDEX($D$3:$AA$30,INDEX(Jesper!$R$2:$R$366,ROW(INDEX(Jesper!AL$2:AL$366,ROUNDDOWN($C3715/24,0)+1,1))-1)+IF('Standard Profiles'!$G$22=$B$10,7,0)+IF('Standard Profiles'!$G$22=$B$17,14,0)+IF('Standard Profiles'!$G$22=$B$24,21,0),MOD($C3715,24)+1)/SUM(INDEX($D$3:$AA$30,INDEX(Jesper!$R$2:$R$366,ROW(INDEX(Jesper!AL$2:AL$366,ROUNDDOWN($C3715/24,0)+1,1))-1)+IF('Standard Profiles'!$G$22=$B$10,7,0)+IF('Standard Profiles'!$G$22=$B$17,14,0)+IF('Standard Profiles'!$G$22=$B$24,21,0),0)),0)</f>
        <v>0.69096636890233099</v>
      </c>
      <c r="I3715">
        <f t="shared" si="419"/>
        <v>0.66332771414623815</v>
      </c>
      <c r="J3715">
        <f t="shared" si="420"/>
        <v>4.7336155235594628</v>
      </c>
      <c r="K3715">
        <f t="shared" si="421"/>
        <v>0.22005563340792683</v>
      </c>
      <c r="L3715">
        <f t="shared" si="422"/>
        <v>0.11002781670396342</v>
      </c>
      <c r="M3715">
        <f t="shared" si="423"/>
        <v>0</v>
      </c>
      <c r="N3715" s="45">
        <f t="shared" si="424"/>
        <v>45080.374999991072</v>
      </c>
    </row>
    <row r="3716" spans="2:14" x14ac:dyDescent="0.25">
      <c r="B3716">
        <f t="shared" si="418"/>
        <v>6</v>
      </c>
      <c r="C3716" s="16">
        <v>3682</v>
      </c>
      <c r="D3716" cm="1">
        <f t="array" ref="D3716">IFERROR(INDEX(Jesper!AH$2:AH$366,ROUNDDOWN($C3716/24,0)+1,1)*INDEX($D$3:$AA$30,INDEX(Jesper!$R$2:$R$366,ROW(INDEX(Jesper!AH$2:AH$366,ROUNDDOWN($C3716/24,0)+1,1))-1)+IF('Standard Profiles'!$G$18=$B$10,7,0)+IF('Standard Profiles'!$G$18=$B$17,14,0)+IF('Standard Profiles'!$G$18=$B$24,21,0),MOD($C3716,24)+1)/SUM(INDEX($D$3:$AA$30,INDEX(Jesper!$R$2:$R$366,ROW(INDEX(Jesper!AH$2:AH$366,ROUNDDOWN($C3716/24,0)+1,1))-1)+IF('Standard Profiles'!$G$18=$B$10,7,0)+IF('Standard Profiles'!$G$18=$B$17,14,0)+IF('Standard Profiles'!$G$18=$B$24,21,0),0)),0)</f>
        <v>0</v>
      </c>
      <c r="E3716" cm="1">
        <f t="array" ref="E3716">IFERROR(INDEX(Jesper!AI$2:AI$366,ROUNDDOWN($C3716/24,0)+1,1)*INDEX($D$3:$AA$30,INDEX(Jesper!$R$2:$R$366,ROW(INDEX(Jesper!AI$2:AI$366,ROUNDDOWN($C3716/24,0)+1,1))-1)+IF('Standard Profiles'!$G$19=$B$10,7,0)+IF('Standard Profiles'!$G$19=$B$17,14,0)+IF('Standard Profiles'!$G$19=$B$24,21,0),MOD($C3716,24)+1)/SUM(INDEX($D$3:$AA$30,INDEX(Jesper!$R$2:$R$366,ROW(INDEX(Jesper!AI$2:AI$366,ROUNDDOWN($C3716/24,0)+1,1))-1)+IF('Standard Profiles'!$G$19=$B$10,7,0)+IF('Standard Profiles'!$G$19=$B$17,14,0)+IF('Standard Profiles'!$G$19=$B$24,21,0),0)),0)</f>
        <v>2.7506954175990854</v>
      </c>
      <c r="F3716" cm="1">
        <f t="array" ref="F3716">IFERROR(INDEX(Jesper!AJ$2:AJ$366,ROUNDDOWN($C3716/24,0)+1,1)*INDEX($D$3:$AA$30,INDEX(Jesper!$R$2:$R$366,ROW(INDEX(Jesper!AJ$2:AJ$366,ROUNDDOWN($C3716/24,0)+1,1))-1)+IF('Standard Profiles'!$G$20=$B$10,7,0)+IF('Standard Profiles'!$G$20=$B$17,14,0)+IF('Standard Profiles'!$G$20=$B$24,21,0),MOD($C3716,24)+1)/SUM(INDEX($D$3:$AA$30,INDEX(Jesper!$R$2:$R$366,ROW(INDEX(Jesper!AJ$2:AJ$366,ROUNDDOWN($C3716/24,0)+1,1))-1)+IF('Standard Profiles'!$G$20=$B$10,7,0)+IF('Standard Profiles'!$G$20=$B$17,14,0)+IF('Standard Profiles'!$G$20=$B$24,21,0),0)),0)</f>
        <v>1.3710330278668492</v>
      </c>
      <c r="G3716" cm="1">
        <f t="array" ref="G3716">IFERROR(INDEX(Jesper!AK$2:AK$366,ROUNDDOWN($C3716/24,0)+1,1)*INDEX($D$3:$AA$30,INDEX(Jesper!$R$2:$R$366,ROW(INDEX(Jesper!AK$2:AK$366,ROUNDDOWN($C3716/24,0)+1,1))-1)+IF('Standard Profiles'!$G$21=$B$10,7,0)+IF('Standard Profiles'!$G$21=$B$17,14,0)+IF('Standard Profiles'!$G$21=$B$24,21,0),MOD($C3716,24)+1)/SUM(INDEX($D$3:$AA$30,INDEX(Jesper!$R$2:$R$366,ROW(INDEX(Jesper!AK$2:AK$366,ROUNDDOWN($C3716/24,0)+1,1))-1)+IF('Standard Profiles'!$G$21=$B$10,7,0)+IF('Standard Profiles'!$G$21=$B$17,14,0)+IF('Standard Profiles'!$G$21=$B$24,21,0),0)),0)</f>
        <v>0.91433187344932554</v>
      </c>
      <c r="H3716" cm="1">
        <f t="array" ref="H3716">IFERROR(INDEX(Jesper!AL$2:AL$366,ROUNDDOWN($C3716/24,0)+1,1)*INDEX($D$3:$AA$30,INDEX(Jesper!$R$2:$R$366,ROW(INDEX(Jesper!AL$2:AL$366,ROUNDDOWN($C3716/24,0)+1,1))-1)+IF('Standard Profiles'!$G$22=$B$10,7,0)+IF('Standard Profiles'!$G$22=$B$17,14,0)+IF('Standard Profiles'!$G$22=$B$24,21,0),MOD($C3716,24)+1)/SUM(INDEX($D$3:$AA$30,INDEX(Jesper!$R$2:$R$366,ROW(INDEX(Jesper!AL$2:AL$366,ROUNDDOWN($C3716/24,0)+1,1))-1)+IF('Standard Profiles'!$G$22=$B$10,7,0)+IF('Standard Profiles'!$G$22=$B$17,14,0)+IF('Standard Profiles'!$G$22=$B$24,21,0),0)),0)</f>
        <v>0.69096636890233099</v>
      </c>
      <c r="I3716">
        <f t="shared" si="419"/>
        <v>0.66332771414623815</v>
      </c>
      <c r="J3716">
        <f t="shared" si="420"/>
        <v>4.7336155235594628</v>
      </c>
      <c r="K3716">
        <f t="shared" si="421"/>
        <v>0.22005563340792683</v>
      </c>
      <c r="L3716">
        <f t="shared" si="422"/>
        <v>0.11002781670396342</v>
      </c>
      <c r="M3716">
        <f t="shared" si="423"/>
        <v>0</v>
      </c>
      <c r="N3716" s="45">
        <f t="shared" si="424"/>
        <v>45080.416666657737</v>
      </c>
    </row>
    <row r="3717" spans="2:14" x14ac:dyDescent="0.25">
      <c r="B3717">
        <f t="shared" si="418"/>
        <v>6</v>
      </c>
      <c r="C3717" s="16">
        <v>3683</v>
      </c>
      <c r="D3717" cm="1">
        <f t="array" ref="D3717">IFERROR(INDEX(Jesper!AH$2:AH$366,ROUNDDOWN($C3717/24,0)+1,1)*INDEX($D$3:$AA$30,INDEX(Jesper!$R$2:$R$366,ROW(INDEX(Jesper!AH$2:AH$366,ROUNDDOWN($C3717/24,0)+1,1))-1)+IF('Standard Profiles'!$G$18=$B$10,7,0)+IF('Standard Profiles'!$G$18=$B$17,14,0)+IF('Standard Profiles'!$G$18=$B$24,21,0),MOD($C3717,24)+1)/SUM(INDEX($D$3:$AA$30,INDEX(Jesper!$R$2:$R$366,ROW(INDEX(Jesper!AH$2:AH$366,ROUNDDOWN($C3717/24,0)+1,1))-1)+IF('Standard Profiles'!$G$18=$B$10,7,0)+IF('Standard Profiles'!$G$18=$B$17,14,0)+IF('Standard Profiles'!$G$18=$B$24,21,0),0)),0)</f>
        <v>0</v>
      </c>
      <c r="E3717" cm="1">
        <f t="array" ref="E3717">IFERROR(INDEX(Jesper!AI$2:AI$366,ROUNDDOWN($C3717/24,0)+1,1)*INDEX($D$3:$AA$30,INDEX(Jesper!$R$2:$R$366,ROW(INDEX(Jesper!AI$2:AI$366,ROUNDDOWN($C3717/24,0)+1,1))-1)+IF('Standard Profiles'!$G$19=$B$10,7,0)+IF('Standard Profiles'!$G$19=$B$17,14,0)+IF('Standard Profiles'!$G$19=$B$24,21,0),MOD($C3717,24)+1)/SUM(INDEX($D$3:$AA$30,INDEX(Jesper!$R$2:$R$366,ROW(INDEX(Jesper!AI$2:AI$366,ROUNDDOWN($C3717/24,0)+1,1))-1)+IF('Standard Profiles'!$G$19=$B$10,7,0)+IF('Standard Profiles'!$G$19=$B$17,14,0)+IF('Standard Profiles'!$G$19=$B$24,21,0),0)),0)</f>
        <v>2.7506954175990854</v>
      </c>
      <c r="F3717" cm="1">
        <f t="array" ref="F3717">IFERROR(INDEX(Jesper!AJ$2:AJ$366,ROUNDDOWN($C3717/24,0)+1,1)*INDEX($D$3:$AA$30,INDEX(Jesper!$R$2:$R$366,ROW(INDEX(Jesper!AJ$2:AJ$366,ROUNDDOWN($C3717/24,0)+1,1))-1)+IF('Standard Profiles'!$G$20=$B$10,7,0)+IF('Standard Profiles'!$G$20=$B$17,14,0)+IF('Standard Profiles'!$G$20=$B$24,21,0),MOD($C3717,24)+1)/SUM(INDEX($D$3:$AA$30,INDEX(Jesper!$R$2:$R$366,ROW(INDEX(Jesper!AJ$2:AJ$366,ROUNDDOWN($C3717/24,0)+1,1))-1)+IF('Standard Profiles'!$G$20=$B$10,7,0)+IF('Standard Profiles'!$G$20=$B$17,14,0)+IF('Standard Profiles'!$G$20=$B$24,21,0),0)),0)</f>
        <v>1.3710330278668492</v>
      </c>
      <c r="G3717" cm="1">
        <f t="array" ref="G3717">IFERROR(INDEX(Jesper!AK$2:AK$366,ROUNDDOWN($C3717/24,0)+1,1)*INDEX($D$3:$AA$30,INDEX(Jesper!$R$2:$R$366,ROW(INDEX(Jesper!AK$2:AK$366,ROUNDDOWN($C3717/24,0)+1,1))-1)+IF('Standard Profiles'!$G$21=$B$10,7,0)+IF('Standard Profiles'!$G$21=$B$17,14,0)+IF('Standard Profiles'!$G$21=$B$24,21,0),MOD($C3717,24)+1)/SUM(INDEX($D$3:$AA$30,INDEX(Jesper!$R$2:$R$366,ROW(INDEX(Jesper!AK$2:AK$366,ROUNDDOWN($C3717/24,0)+1,1))-1)+IF('Standard Profiles'!$G$21=$B$10,7,0)+IF('Standard Profiles'!$G$21=$B$17,14,0)+IF('Standard Profiles'!$G$21=$B$24,21,0),0)),0)</f>
        <v>0.91433187344932554</v>
      </c>
      <c r="H3717" cm="1">
        <f t="array" ref="H3717">IFERROR(INDEX(Jesper!AL$2:AL$366,ROUNDDOWN($C3717/24,0)+1,1)*INDEX($D$3:$AA$30,INDEX(Jesper!$R$2:$R$366,ROW(INDEX(Jesper!AL$2:AL$366,ROUNDDOWN($C3717/24,0)+1,1))-1)+IF('Standard Profiles'!$G$22=$B$10,7,0)+IF('Standard Profiles'!$G$22=$B$17,14,0)+IF('Standard Profiles'!$G$22=$B$24,21,0),MOD($C3717,24)+1)/SUM(INDEX($D$3:$AA$30,INDEX(Jesper!$R$2:$R$366,ROW(INDEX(Jesper!AL$2:AL$366,ROUNDDOWN($C3717/24,0)+1,1))-1)+IF('Standard Profiles'!$G$22=$B$10,7,0)+IF('Standard Profiles'!$G$22=$B$17,14,0)+IF('Standard Profiles'!$G$22=$B$24,21,0),0)),0)</f>
        <v>0.69096636890233099</v>
      </c>
      <c r="I3717">
        <f t="shared" si="419"/>
        <v>0.66332771414623815</v>
      </c>
      <c r="J3717">
        <f t="shared" si="420"/>
        <v>4.7336155235594628</v>
      </c>
      <c r="K3717">
        <f t="shared" si="421"/>
        <v>0.22005563340792683</v>
      </c>
      <c r="L3717">
        <f t="shared" si="422"/>
        <v>0.11002781670396342</v>
      </c>
      <c r="M3717">
        <f t="shared" si="423"/>
        <v>0</v>
      </c>
      <c r="N3717" s="45">
        <f t="shared" si="424"/>
        <v>45080.458333324401</v>
      </c>
    </row>
    <row r="3718" spans="2:14" x14ac:dyDescent="0.25">
      <c r="B3718">
        <f t="shared" si="418"/>
        <v>6</v>
      </c>
      <c r="C3718" s="16">
        <v>3684</v>
      </c>
      <c r="D3718" cm="1">
        <f t="array" ref="D3718">IFERROR(INDEX(Jesper!AH$2:AH$366,ROUNDDOWN($C3718/24,0)+1,1)*INDEX($D$3:$AA$30,INDEX(Jesper!$R$2:$R$366,ROW(INDEX(Jesper!AH$2:AH$366,ROUNDDOWN($C3718/24,0)+1,1))-1)+IF('Standard Profiles'!$G$18=$B$10,7,0)+IF('Standard Profiles'!$G$18=$B$17,14,0)+IF('Standard Profiles'!$G$18=$B$24,21,0),MOD($C3718,24)+1)/SUM(INDEX($D$3:$AA$30,INDEX(Jesper!$R$2:$R$366,ROW(INDEX(Jesper!AH$2:AH$366,ROUNDDOWN($C3718/24,0)+1,1))-1)+IF('Standard Profiles'!$G$18=$B$10,7,0)+IF('Standard Profiles'!$G$18=$B$17,14,0)+IF('Standard Profiles'!$G$18=$B$24,21,0),0)),0)</f>
        <v>0</v>
      </c>
      <c r="E3718" cm="1">
        <f t="array" ref="E3718">IFERROR(INDEX(Jesper!AI$2:AI$366,ROUNDDOWN($C3718/24,0)+1,1)*INDEX($D$3:$AA$30,INDEX(Jesper!$R$2:$R$366,ROW(INDEX(Jesper!AI$2:AI$366,ROUNDDOWN($C3718/24,0)+1,1))-1)+IF('Standard Profiles'!$G$19=$B$10,7,0)+IF('Standard Profiles'!$G$19=$B$17,14,0)+IF('Standard Profiles'!$G$19=$B$24,21,0),MOD($C3718,24)+1)/SUM(INDEX($D$3:$AA$30,INDEX(Jesper!$R$2:$R$366,ROW(INDEX(Jesper!AI$2:AI$366,ROUNDDOWN($C3718/24,0)+1,1))-1)+IF('Standard Profiles'!$G$19=$B$10,7,0)+IF('Standard Profiles'!$G$19=$B$17,14,0)+IF('Standard Profiles'!$G$19=$B$24,21,0),0)),0)</f>
        <v>2.7506954175990854</v>
      </c>
      <c r="F3718" cm="1">
        <f t="array" ref="F3718">IFERROR(INDEX(Jesper!AJ$2:AJ$366,ROUNDDOWN($C3718/24,0)+1,1)*INDEX($D$3:$AA$30,INDEX(Jesper!$R$2:$R$366,ROW(INDEX(Jesper!AJ$2:AJ$366,ROUNDDOWN($C3718/24,0)+1,1))-1)+IF('Standard Profiles'!$G$20=$B$10,7,0)+IF('Standard Profiles'!$G$20=$B$17,14,0)+IF('Standard Profiles'!$G$20=$B$24,21,0),MOD($C3718,24)+1)/SUM(INDEX($D$3:$AA$30,INDEX(Jesper!$R$2:$R$366,ROW(INDEX(Jesper!AJ$2:AJ$366,ROUNDDOWN($C3718/24,0)+1,1))-1)+IF('Standard Profiles'!$G$20=$B$10,7,0)+IF('Standard Profiles'!$G$20=$B$17,14,0)+IF('Standard Profiles'!$G$20=$B$24,21,0),0)),0)</f>
        <v>1.3710330278668492</v>
      </c>
      <c r="G3718" cm="1">
        <f t="array" ref="G3718">IFERROR(INDEX(Jesper!AK$2:AK$366,ROUNDDOWN($C3718/24,0)+1,1)*INDEX($D$3:$AA$30,INDEX(Jesper!$R$2:$R$366,ROW(INDEX(Jesper!AK$2:AK$366,ROUNDDOWN($C3718/24,0)+1,1))-1)+IF('Standard Profiles'!$G$21=$B$10,7,0)+IF('Standard Profiles'!$G$21=$B$17,14,0)+IF('Standard Profiles'!$G$21=$B$24,21,0),MOD($C3718,24)+1)/SUM(INDEX($D$3:$AA$30,INDEX(Jesper!$R$2:$R$366,ROW(INDEX(Jesper!AK$2:AK$366,ROUNDDOWN($C3718/24,0)+1,1))-1)+IF('Standard Profiles'!$G$21=$B$10,7,0)+IF('Standard Profiles'!$G$21=$B$17,14,0)+IF('Standard Profiles'!$G$21=$B$24,21,0),0)),0)</f>
        <v>0.91433187344932554</v>
      </c>
      <c r="H3718" cm="1">
        <f t="array" ref="H3718">IFERROR(INDEX(Jesper!AL$2:AL$366,ROUNDDOWN($C3718/24,0)+1,1)*INDEX($D$3:$AA$30,INDEX(Jesper!$R$2:$R$366,ROW(INDEX(Jesper!AL$2:AL$366,ROUNDDOWN($C3718/24,0)+1,1))-1)+IF('Standard Profiles'!$G$22=$B$10,7,0)+IF('Standard Profiles'!$G$22=$B$17,14,0)+IF('Standard Profiles'!$G$22=$B$24,21,0),MOD($C3718,24)+1)/SUM(INDEX($D$3:$AA$30,INDEX(Jesper!$R$2:$R$366,ROW(INDEX(Jesper!AL$2:AL$366,ROUNDDOWN($C3718/24,0)+1,1))-1)+IF('Standard Profiles'!$G$22=$B$10,7,0)+IF('Standard Profiles'!$G$22=$B$17,14,0)+IF('Standard Profiles'!$G$22=$B$24,21,0),0)),0)</f>
        <v>0.69096636890233099</v>
      </c>
      <c r="I3718">
        <f t="shared" si="419"/>
        <v>0.66332771414623815</v>
      </c>
      <c r="J3718">
        <f t="shared" si="420"/>
        <v>4.7336155235594628</v>
      </c>
      <c r="K3718">
        <f t="shared" si="421"/>
        <v>0.22005563340792683</v>
      </c>
      <c r="L3718">
        <f t="shared" si="422"/>
        <v>0.11002781670396342</v>
      </c>
      <c r="M3718">
        <f t="shared" si="423"/>
        <v>0</v>
      </c>
      <c r="N3718" s="45">
        <f t="shared" si="424"/>
        <v>45080.499999991065</v>
      </c>
    </row>
    <row r="3719" spans="2:14" x14ac:dyDescent="0.25">
      <c r="B3719">
        <f t="shared" si="418"/>
        <v>6</v>
      </c>
      <c r="C3719" s="16">
        <v>3685</v>
      </c>
      <c r="D3719" cm="1">
        <f t="array" ref="D3719">IFERROR(INDEX(Jesper!AH$2:AH$366,ROUNDDOWN($C3719/24,0)+1,1)*INDEX($D$3:$AA$30,INDEX(Jesper!$R$2:$R$366,ROW(INDEX(Jesper!AH$2:AH$366,ROUNDDOWN($C3719/24,0)+1,1))-1)+IF('Standard Profiles'!$G$18=$B$10,7,0)+IF('Standard Profiles'!$G$18=$B$17,14,0)+IF('Standard Profiles'!$G$18=$B$24,21,0),MOD($C3719,24)+1)/SUM(INDEX($D$3:$AA$30,INDEX(Jesper!$R$2:$R$366,ROW(INDEX(Jesper!AH$2:AH$366,ROUNDDOWN($C3719/24,0)+1,1))-1)+IF('Standard Profiles'!$G$18=$B$10,7,0)+IF('Standard Profiles'!$G$18=$B$17,14,0)+IF('Standard Profiles'!$G$18=$B$24,21,0),0)),0)</f>
        <v>0</v>
      </c>
      <c r="E3719" cm="1">
        <f t="array" ref="E3719">IFERROR(INDEX(Jesper!AI$2:AI$366,ROUNDDOWN($C3719/24,0)+1,1)*INDEX($D$3:$AA$30,INDEX(Jesper!$R$2:$R$366,ROW(INDEX(Jesper!AI$2:AI$366,ROUNDDOWN($C3719/24,0)+1,1))-1)+IF('Standard Profiles'!$G$19=$B$10,7,0)+IF('Standard Profiles'!$G$19=$B$17,14,0)+IF('Standard Profiles'!$G$19=$B$24,21,0),MOD($C3719,24)+1)/SUM(INDEX($D$3:$AA$30,INDEX(Jesper!$R$2:$R$366,ROW(INDEX(Jesper!AI$2:AI$366,ROUNDDOWN($C3719/24,0)+1,1))-1)+IF('Standard Profiles'!$G$19=$B$10,7,0)+IF('Standard Profiles'!$G$19=$B$17,14,0)+IF('Standard Profiles'!$G$19=$B$24,21,0),0)),0)</f>
        <v>2.7506954175990854</v>
      </c>
      <c r="F3719" cm="1">
        <f t="array" ref="F3719">IFERROR(INDEX(Jesper!AJ$2:AJ$366,ROUNDDOWN($C3719/24,0)+1,1)*INDEX($D$3:$AA$30,INDEX(Jesper!$R$2:$R$366,ROW(INDEX(Jesper!AJ$2:AJ$366,ROUNDDOWN($C3719/24,0)+1,1))-1)+IF('Standard Profiles'!$G$20=$B$10,7,0)+IF('Standard Profiles'!$G$20=$B$17,14,0)+IF('Standard Profiles'!$G$20=$B$24,21,0),MOD($C3719,24)+1)/SUM(INDEX($D$3:$AA$30,INDEX(Jesper!$R$2:$R$366,ROW(INDEX(Jesper!AJ$2:AJ$366,ROUNDDOWN($C3719/24,0)+1,1))-1)+IF('Standard Profiles'!$G$20=$B$10,7,0)+IF('Standard Profiles'!$G$20=$B$17,14,0)+IF('Standard Profiles'!$G$20=$B$24,21,0),0)),0)</f>
        <v>1.3710330278668492</v>
      </c>
      <c r="G3719" cm="1">
        <f t="array" ref="G3719">IFERROR(INDEX(Jesper!AK$2:AK$366,ROUNDDOWN($C3719/24,0)+1,1)*INDEX($D$3:$AA$30,INDEX(Jesper!$R$2:$R$366,ROW(INDEX(Jesper!AK$2:AK$366,ROUNDDOWN($C3719/24,0)+1,1))-1)+IF('Standard Profiles'!$G$21=$B$10,7,0)+IF('Standard Profiles'!$G$21=$B$17,14,0)+IF('Standard Profiles'!$G$21=$B$24,21,0),MOD($C3719,24)+1)/SUM(INDEX($D$3:$AA$30,INDEX(Jesper!$R$2:$R$366,ROW(INDEX(Jesper!AK$2:AK$366,ROUNDDOWN($C3719/24,0)+1,1))-1)+IF('Standard Profiles'!$G$21=$B$10,7,0)+IF('Standard Profiles'!$G$21=$B$17,14,0)+IF('Standard Profiles'!$G$21=$B$24,21,0),0)),0)</f>
        <v>0.91433187344932554</v>
      </c>
      <c r="H3719" cm="1">
        <f t="array" ref="H3719">IFERROR(INDEX(Jesper!AL$2:AL$366,ROUNDDOWN($C3719/24,0)+1,1)*INDEX($D$3:$AA$30,INDEX(Jesper!$R$2:$R$366,ROW(INDEX(Jesper!AL$2:AL$366,ROUNDDOWN($C3719/24,0)+1,1))-1)+IF('Standard Profiles'!$G$22=$B$10,7,0)+IF('Standard Profiles'!$G$22=$B$17,14,0)+IF('Standard Profiles'!$G$22=$B$24,21,0),MOD($C3719,24)+1)/SUM(INDEX($D$3:$AA$30,INDEX(Jesper!$R$2:$R$366,ROW(INDEX(Jesper!AL$2:AL$366,ROUNDDOWN($C3719/24,0)+1,1))-1)+IF('Standard Profiles'!$G$22=$B$10,7,0)+IF('Standard Profiles'!$G$22=$B$17,14,0)+IF('Standard Profiles'!$G$22=$B$24,21,0),0)),0)</f>
        <v>0.69096636890233099</v>
      </c>
      <c r="I3719">
        <f t="shared" si="419"/>
        <v>0.66332771414623815</v>
      </c>
      <c r="J3719">
        <f t="shared" si="420"/>
        <v>4.7336155235594628</v>
      </c>
      <c r="K3719">
        <f t="shared" si="421"/>
        <v>0.22005563340792683</v>
      </c>
      <c r="L3719">
        <f t="shared" si="422"/>
        <v>0.11002781670396342</v>
      </c>
      <c r="M3719">
        <f t="shared" si="423"/>
        <v>0</v>
      </c>
      <c r="N3719" s="45">
        <f t="shared" si="424"/>
        <v>45080.541666657729</v>
      </c>
    </row>
    <row r="3720" spans="2:14" x14ac:dyDescent="0.25">
      <c r="B3720">
        <f t="shared" si="418"/>
        <v>6</v>
      </c>
      <c r="C3720" s="16">
        <v>3686</v>
      </c>
      <c r="D3720" cm="1">
        <f t="array" ref="D3720">IFERROR(INDEX(Jesper!AH$2:AH$366,ROUNDDOWN($C3720/24,0)+1,1)*INDEX($D$3:$AA$30,INDEX(Jesper!$R$2:$R$366,ROW(INDEX(Jesper!AH$2:AH$366,ROUNDDOWN($C3720/24,0)+1,1))-1)+IF('Standard Profiles'!$G$18=$B$10,7,0)+IF('Standard Profiles'!$G$18=$B$17,14,0)+IF('Standard Profiles'!$G$18=$B$24,21,0),MOD($C3720,24)+1)/SUM(INDEX($D$3:$AA$30,INDEX(Jesper!$R$2:$R$366,ROW(INDEX(Jesper!AH$2:AH$366,ROUNDDOWN($C3720/24,0)+1,1))-1)+IF('Standard Profiles'!$G$18=$B$10,7,0)+IF('Standard Profiles'!$G$18=$B$17,14,0)+IF('Standard Profiles'!$G$18=$B$24,21,0),0)),0)</f>
        <v>0</v>
      </c>
      <c r="E3720" cm="1">
        <f t="array" ref="E3720">IFERROR(INDEX(Jesper!AI$2:AI$366,ROUNDDOWN($C3720/24,0)+1,1)*INDEX($D$3:$AA$30,INDEX(Jesper!$R$2:$R$366,ROW(INDEX(Jesper!AI$2:AI$366,ROUNDDOWN($C3720/24,0)+1,1))-1)+IF('Standard Profiles'!$G$19=$B$10,7,0)+IF('Standard Profiles'!$G$19=$B$17,14,0)+IF('Standard Profiles'!$G$19=$B$24,21,0),MOD($C3720,24)+1)/SUM(INDEX($D$3:$AA$30,INDEX(Jesper!$R$2:$R$366,ROW(INDEX(Jesper!AI$2:AI$366,ROUNDDOWN($C3720/24,0)+1,1))-1)+IF('Standard Profiles'!$G$19=$B$10,7,0)+IF('Standard Profiles'!$G$19=$B$17,14,0)+IF('Standard Profiles'!$G$19=$B$24,21,0),0)),0)</f>
        <v>2.7506954175990854</v>
      </c>
      <c r="F3720" cm="1">
        <f t="array" ref="F3720">IFERROR(INDEX(Jesper!AJ$2:AJ$366,ROUNDDOWN($C3720/24,0)+1,1)*INDEX($D$3:$AA$30,INDEX(Jesper!$R$2:$R$366,ROW(INDEX(Jesper!AJ$2:AJ$366,ROUNDDOWN($C3720/24,0)+1,1))-1)+IF('Standard Profiles'!$G$20=$B$10,7,0)+IF('Standard Profiles'!$G$20=$B$17,14,0)+IF('Standard Profiles'!$G$20=$B$24,21,0),MOD($C3720,24)+1)/SUM(INDEX($D$3:$AA$30,INDEX(Jesper!$R$2:$R$366,ROW(INDEX(Jesper!AJ$2:AJ$366,ROUNDDOWN($C3720/24,0)+1,1))-1)+IF('Standard Profiles'!$G$20=$B$10,7,0)+IF('Standard Profiles'!$G$20=$B$17,14,0)+IF('Standard Profiles'!$G$20=$B$24,21,0),0)),0)</f>
        <v>1.3710330278668492</v>
      </c>
      <c r="G3720" cm="1">
        <f t="array" ref="G3720">IFERROR(INDEX(Jesper!AK$2:AK$366,ROUNDDOWN($C3720/24,0)+1,1)*INDEX($D$3:$AA$30,INDEX(Jesper!$R$2:$R$366,ROW(INDEX(Jesper!AK$2:AK$366,ROUNDDOWN($C3720/24,0)+1,1))-1)+IF('Standard Profiles'!$G$21=$B$10,7,0)+IF('Standard Profiles'!$G$21=$B$17,14,0)+IF('Standard Profiles'!$G$21=$B$24,21,0),MOD($C3720,24)+1)/SUM(INDEX($D$3:$AA$30,INDEX(Jesper!$R$2:$R$366,ROW(INDEX(Jesper!AK$2:AK$366,ROUNDDOWN($C3720/24,0)+1,1))-1)+IF('Standard Profiles'!$G$21=$B$10,7,0)+IF('Standard Profiles'!$G$21=$B$17,14,0)+IF('Standard Profiles'!$G$21=$B$24,21,0),0)),0)</f>
        <v>0.91433187344932554</v>
      </c>
      <c r="H3720" cm="1">
        <f t="array" ref="H3720">IFERROR(INDEX(Jesper!AL$2:AL$366,ROUNDDOWN($C3720/24,0)+1,1)*INDEX($D$3:$AA$30,INDEX(Jesper!$R$2:$R$366,ROW(INDEX(Jesper!AL$2:AL$366,ROUNDDOWN($C3720/24,0)+1,1))-1)+IF('Standard Profiles'!$G$22=$B$10,7,0)+IF('Standard Profiles'!$G$22=$B$17,14,0)+IF('Standard Profiles'!$G$22=$B$24,21,0),MOD($C3720,24)+1)/SUM(INDEX($D$3:$AA$30,INDEX(Jesper!$R$2:$R$366,ROW(INDEX(Jesper!AL$2:AL$366,ROUNDDOWN($C3720/24,0)+1,1))-1)+IF('Standard Profiles'!$G$22=$B$10,7,0)+IF('Standard Profiles'!$G$22=$B$17,14,0)+IF('Standard Profiles'!$G$22=$B$24,21,0),0)),0)</f>
        <v>0.69096636890233099</v>
      </c>
      <c r="I3720">
        <f t="shared" si="419"/>
        <v>0.66332771414623815</v>
      </c>
      <c r="J3720">
        <f t="shared" si="420"/>
        <v>4.7336155235594628</v>
      </c>
      <c r="K3720">
        <f t="shared" si="421"/>
        <v>0.22005563340792683</v>
      </c>
      <c r="L3720">
        <f t="shared" si="422"/>
        <v>0.11002781670396342</v>
      </c>
      <c r="M3720">
        <f t="shared" si="423"/>
        <v>0</v>
      </c>
      <c r="N3720" s="45">
        <f t="shared" si="424"/>
        <v>45080.583333324394</v>
      </c>
    </row>
    <row r="3721" spans="2:14" x14ac:dyDescent="0.25">
      <c r="B3721">
        <f t="shared" si="418"/>
        <v>6</v>
      </c>
      <c r="C3721" s="16">
        <v>3687</v>
      </c>
      <c r="D3721" cm="1">
        <f t="array" ref="D3721">IFERROR(INDEX(Jesper!AH$2:AH$366,ROUNDDOWN($C3721/24,0)+1,1)*INDEX($D$3:$AA$30,INDEX(Jesper!$R$2:$R$366,ROW(INDEX(Jesper!AH$2:AH$366,ROUNDDOWN($C3721/24,0)+1,1))-1)+IF('Standard Profiles'!$G$18=$B$10,7,0)+IF('Standard Profiles'!$G$18=$B$17,14,0)+IF('Standard Profiles'!$G$18=$B$24,21,0),MOD($C3721,24)+1)/SUM(INDEX($D$3:$AA$30,INDEX(Jesper!$R$2:$R$366,ROW(INDEX(Jesper!AH$2:AH$366,ROUNDDOWN($C3721/24,0)+1,1))-1)+IF('Standard Profiles'!$G$18=$B$10,7,0)+IF('Standard Profiles'!$G$18=$B$17,14,0)+IF('Standard Profiles'!$G$18=$B$24,21,0),0)),0)</f>
        <v>0</v>
      </c>
      <c r="E3721" cm="1">
        <f t="array" ref="E3721">IFERROR(INDEX(Jesper!AI$2:AI$366,ROUNDDOWN($C3721/24,0)+1,1)*INDEX($D$3:$AA$30,INDEX(Jesper!$R$2:$R$366,ROW(INDEX(Jesper!AI$2:AI$366,ROUNDDOWN($C3721/24,0)+1,1))-1)+IF('Standard Profiles'!$G$19=$B$10,7,0)+IF('Standard Profiles'!$G$19=$B$17,14,0)+IF('Standard Profiles'!$G$19=$B$24,21,0),MOD($C3721,24)+1)/SUM(INDEX($D$3:$AA$30,INDEX(Jesper!$R$2:$R$366,ROW(INDEX(Jesper!AI$2:AI$366,ROUNDDOWN($C3721/24,0)+1,1))-1)+IF('Standard Profiles'!$G$19=$B$10,7,0)+IF('Standard Profiles'!$G$19=$B$17,14,0)+IF('Standard Profiles'!$G$19=$B$24,21,0),0)),0)</f>
        <v>2.7506954175990854</v>
      </c>
      <c r="F3721" cm="1">
        <f t="array" ref="F3721">IFERROR(INDEX(Jesper!AJ$2:AJ$366,ROUNDDOWN($C3721/24,0)+1,1)*INDEX($D$3:$AA$30,INDEX(Jesper!$R$2:$R$366,ROW(INDEX(Jesper!AJ$2:AJ$366,ROUNDDOWN($C3721/24,0)+1,1))-1)+IF('Standard Profiles'!$G$20=$B$10,7,0)+IF('Standard Profiles'!$G$20=$B$17,14,0)+IF('Standard Profiles'!$G$20=$B$24,21,0),MOD($C3721,24)+1)/SUM(INDEX($D$3:$AA$30,INDEX(Jesper!$R$2:$R$366,ROW(INDEX(Jesper!AJ$2:AJ$366,ROUNDDOWN($C3721/24,0)+1,1))-1)+IF('Standard Profiles'!$G$20=$B$10,7,0)+IF('Standard Profiles'!$G$20=$B$17,14,0)+IF('Standard Profiles'!$G$20=$B$24,21,0),0)),0)</f>
        <v>1.3710330278668492</v>
      </c>
      <c r="G3721" cm="1">
        <f t="array" ref="G3721">IFERROR(INDEX(Jesper!AK$2:AK$366,ROUNDDOWN($C3721/24,0)+1,1)*INDEX($D$3:$AA$30,INDEX(Jesper!$R$2:$R$366,ROW(INDEX(Jesper!AK$2:AK$366,ROUNDDOWN($C3721/24,0)+1,1))-1)+IF('Standard Profiles'!$G$21=$B$10,7,0)+IF('Standard Profiles'!$G$21=$B$17,14,0)+IF('Standard Profiles'!$G$21=$B$24,21,0),MOD($C3721,24)+1)/SUM(INDEX($D$3:$AA$30,INDEX(Jesper!$R$2:$R$366,ROW(INDEX(Jesper!AK$2:AK$366,ROUNDDOWN($C3721/24,0)+1,1))-1)+IF('Standard Profiles'!$G$21=$B$10,7,0)+IF('Standard Profiles'!$G$21=$B$17,14,0)+IF('Standard Profiles'!$G$21=$B$24,21,0),0)),0)</f>
        <v>0.91433187344932554</v>
      </c>
      <c r="H3721" cm="1">
        <f t="array" ref="H3721">IFERROR(INDEX(Jesper!AL$2:AL$366,ROUNDDOWN($C3721/24,0)+1,1)*INDEX($D$3:$AA$30,INDEX(Jesper!$R$2:$R$366,ROW(INDEX(Jesper!AL$2:AL$366,ROUNDDOWN($C3721/24,0)+1,1))-1)+IF('Standard Profiles'!$G$22=$B$10,7,0)+IF('Standard Profiles'!$G$22=$B$17,14,0)+IF('Standard Profiles'!$G$22=$B$24,21,0),MOD($C3721,24)+1)/SUM(INDEX($D$3:$AA$30,INDEX(Jesper!$R$2:$R$366,ROW(INDEX(Jesper!AL$2:AL$366,ROUNDDOWN($C3721/24,0)+1,1))-1)+IF('Standard Profiles'!$G$22=$B$10,7,0)+IF('Standard Profiles'!$G$22=$B$17,14,0)+IF('Standard Profiles'!$G$22=$B$24,21,0),0)),0)</f>
        <v>0.62470931982950462</v>
      </c>
      <c r="I3721">
        <f t="shared" si="419"/>
        <v>0.59972094703632473</v>
      </c>
      <c r="J3721">
        <f t="shared" si="420"/>
        <v>4.7309652415965502</v>
      </c>
      <c r="K3721">
        <f t="shared" si="421"/>
        <v>0.22005563340792683</v>
      </c>
      <c r="L3721">
        <f t="shared" si="422"/>
        <v>0.11002781670396342</v>
      </c>
      <c r="M3721">
        <f t="shared" si="423"/>
        <v>0</v>
      </c>
      <c r="N3721" s="45">
        <f t="shared" si="424"/>
        <v>45080.624999991058</v>
      </c>
    </row>
    <row r="3722" spans="2:14" x14ac:dyDescent="0.25">
      <c r="B3722">
        <f t="shared" si="418"/>
        <v>6</v>
      </c>
      <c r="C3722" s="16">
        <v>3688</v>
      </c>
      <c r="D3722" cm="1">
        <f t="array" ref="D3722">IFERROR(INDEX(Jesper!AH$2:AH$366,ROUNDDOWN($C3722/24,0)+1,1)*INDEX($D$3:$AA$30,INDEX(Jesper!$R$2:$R$366,ROW(INDEX(Jesper!AH$2:AH$366,ROUNDDOWN($C3722/24,0)+1,1))-1)+IF('Standard Profiles'!$G$18=$B$10,7,0)+IF('Standard Profiles'!$G$18=$B$17,14,0)+IF('Standard Profiles'!$G$18=$B$24,21,0),MOD($C3722,24)+1)/SUM(INDEX($D$3:$AA$30,INDEX(Jesper!$R$2:$R$366,ROW(INDEX(Jesper!AH$2:AH$366,ROUNDDOWN($C3722/24,0)+1,1))-1)+IF('Standard Profiles'!$G$18=$B$10,7,0)+IF('Standard Profiles'!$G$18=$B$17,14,0)+IF('Standard Profiles'!$G$18=$B$24,21,0),0)),0)</f>
        <v>0</v>
      </c>
      <c r="E3722" cm="1">
        <f t="array" ref="E3722">IFERROR(INDEX(Jesper!AI$2:AI$366,ROUNDDOWN($C3722/24,0)+1,1)*INDEX($D$3:$AA$30,INDEX(Jesper!$R$2:$R$366,ROW(INDEX(Jesper!AI$2:AI$366,ROUNDDOWN($C3722/24,0)+1,1))-1)+IF('Standard Profiles'!$G$19=$B$10,7,0)+IF('Standard Profiles'!$G$19=$B$17,14,0)+IF('Standard Profiles'!$G$19=$B$24,21,0),MOD($C3722,24)+1)/SUM(INDEX($D$3:$AA$30,INDEX(Jesper!$R$2:$R$366,ROW(INDEX(Jesper!AI$2:AI$366,ROUNDDOWN($C3722/24,0)+1,1))-1)+IF('Standard Profiles'!$G$19=$B$10,7,0)+IF('Standard Profiles'!$G$19=$B$17,14,0)+IF('Standard Profiles'!$G$19=$B$24,21,0),0)),0)</f>
        <v>2.7506954175990854</v>
      </c>
      <c r="F3722" cm="1">
        <f t="array" ref="F3722">IFERROR(INDEX(Jesper!AJ$2:AJ$366,ROUNDDOWN($C3722/24,0)+1,1)*INDEX($D$3:$AA$30,INDEX(Jesper!$R$2:$R$366,ROW(INDEX(Jesper!AJ$2:AJ$366,ROUNDDOWN($C3722/24,0)+1,1))-1)+IF('Standard Profiles'!$G$20=$B$10,7,0)+IF('Standard Profiles'!$G$20=$B$17,14,0)+IF('Standard Profiles'!$G$20=$B$24,21,0),MOD($C3722,24)+1)/SUM(INDEX($D$3:$AA$30,INDEX(Jesper!$R$2:$R$366,ROW(INDEX(Jesper!AJ$2:AJ$366,ROUNDDOWN($C3722/24,0)+1,1))-1)+IF('Standard Profiles'!$G$20=$B$10,7,0)+IF('Standard Profiles'!$G$20=$B$17,14,0)+IF('Standard Profiles'!$G$20=$B$24,21,0),0)),0)</f>
        <v>1.3710330278668492</v>
      </c>
      <c r="G3722" cm="1">
        <f t="array" ref="G3722">IFERROR(INDEX(Jesper!AK$2:AK$366,ROUNDDOWN($C3722/24,0)+1,1)*INDEX($D$3:$AA$30,INDEX(Jesper!$R$2:$R$366,ROW(INDEX(Jesper!AK$2:AK$366,ROUNDDOWN($C3722/24,0)+1,1))-1)+IF('Standard Profiles'!$G$21=$B$10,7,0)+IF('Standard Profiles'!$G$21=$B$17,14,0)+IF('Standard Profiles'!$G$21=$B$24,21,0),MOD($C3722,24)+1)/SUM(INDEX($D$3:$AA$30,INDEX(Jesper!$R$2:$R$366,ROW(INDEX(Jesper!AK$2:AK$366,ROUNDDOWN($C3722/24,0)+1,1))-1)+IF('Standard Profiles'!$G$21=$B$10,7,0)+IF('Standard Profiles'!$G$21=$B$17,14,0)+IF('Standard Profiles'!$G$21=$B$24,21,0),0)),0)</f>
        <v>0.91433187344932554</v>
      </c>
      <c r="H3722" cm="1">
        <f t="array" ref="H3722">IFERROR(INDEX(Jesper!AL$2:AL$366,ROUNDDOWN($C3722/24,0)+1,1)*INDEX($D$3:$AA$30,INDEX(Jesper!$R$2:$R$366,ROW(INDEX(Jesper!AL$2:AL$366,ROUNDDOWN($C3722/24,0)+1,1))-1)+IF('Standard Profiles'!$G$22=$B$10,7,0)+IF('Standard Profiles'!$G$22=$B$17,14,0)+IF('Standard Profiles'!$G$22=$B$24,21,0),MOD($C3722,24)+1)/SUM(INDEX($D$3:$AA$30,INDEX(Jesper!$R$2:$R$366,ROW(INDEX(Jesper!AL$2:AL$366,ROUNDDOWN($C3722/24,0)+1,1))-1)+IF('Standard Profiles'!$G$22=$B$10,7,0)+IF('Standard Profiles'!$G$22=$B$17,14,0)+IF('Standard Profiles'!$G$22=$B$24,21,0),0)),0)</f>
        <v>0.5679175634813679</v>
      </c>
      <c r="I3722">
        <f t="shared" si="419"/>
        <v>0.54520086094211351</v>
      </c>
      <c r="J3722">
        <f t="shared" si="420"/>
        <v>4.7286935713426246</v>
      </c>
      <c r="K3722">
        <f t="shared" si="421"/>
        <v>0.22005563340792683</v>
      </c>
      <c r="L3722">
        <f t="shared" si="422"/>
        <v>0.11002781670396342</v>
      </c>
      <c r="M3722">
        <f t="shared" si="423"/>
        <v>0</v>
      </c>
      <c r="N3722" s="45">
        <f t="shared" si="424"/>
        <v>45080.666666657722</v>
      </c>
    </row>
    <row r="3723" spans="2:14" x14ac:dyDescent="0.25">
      <c r="B3723">
        <f t="shared" si="418"/>
        <v>6</v>
      </c>
      <c r="C3723" s="16">
        <v>3689</v>
      </c>
      <c r="D3723" cm="1">
        <f t="array" ref="D3723">IFERROR(INDEX(Jesper!AH$2:AH$366,ROUNDDOWN($C3723/24,0)+1,1)*INDEX($D$3:$AA$30,INDEX(Jesper!$R$2:$R$366,ROW(INDEX(Jesper!AH$2:AH$366,ROUNDDOWN($C3723/24,0)+1,1))-1)+IF('Standard Profiles'!$G$18=$B$10,7,0)+IF('Standard Profiles'!$G$18=$B$17,14,0)+IF('Standard Profiles'!$G$18=$B$24,21,0),MOD($C3723,24)+1)/SUM(INDEX($D$3:$AA$30,INDEX(Jesper!$R$2:$R$366,ROW(INDEX(Jesper!AH$2:AH$366,ROUNDDOWN($C3723/24,0)+1,1))-1)+IF('Standard Profiles'!$G$18=$B$10,7,0)+IF('Standard Profiles'!$G$18=$B$17,14,0)+IF('Standard Profiles'!$G$18=$B$24,21,0),0)),0)</f>
        <v>0</v>
      </c>
      <c r="E3723" cm="1">
        <f t="array" ref="E3723">IFERROR(INDEX(Jesper!AI$2:AI$366,ROUNDDOWN($C3723/24,0)+1,1)*INDEX($D$3:$AA$30,INDEX(Jesper!$R$2:$R$366,ROW(INDEX(Jesper!AI$2:AI$366,ROUNDDOWN($C3723/24,0)+1,1))-1)+IF('Standard Profiles'!$G$19=$B$10,7,0)+IF('Standard Profiles'!$G$19=$B$17,14,0)+IF('Standard Profiles'!$G$19=$B$24,21,0),MOD($C3723,24)+1)/SUM(INDEX($D$3:$AA$30,INDEX(Jesper!$R$2:$R$366,ROW(INDEX(Jesper!AI$2:AI$366,ROUNDDOWN($C3723/24,0)+1,1))-1)+IF('Standard Profiles'!$G$19=$B$10,7,0)+IF('Standard Profiles'!$G$19=$B$17,14,0)+IF('Standard Profiles'!$G$19=$B$24,21,0),0)),0)</f>
        <v>2.7506954175990854</v>
      </c>
      <c r="F3723" cm="1">
        <f t="array" ref="F3723">IFERROR(INDEX(Jesper!AJ$2:AJ$366,ROUNDDOWN($C3723/24,0)+1,1)*INDEX($D$3:$AA$30,INDEX(Jesper!$R$2:$R$366,ROW(INDEX(Jesper!AJ$2:AJ$366,ROUNDDOWN($C3723/24,0)+1,1))-1)+IF('Standard Profiles'!$G$20=$B$10,7,0)+IF('Standard Profiles'!$G$20=$B$17,14,0)+IF('Standard Profiles'!$G$20=$B$24,21,0),MOD($C3723,24)+1)/SUM(INDEX($D$3:$AA$30,INDEX(Jesper!$R$2:$R$366,ROW(INDEX(Jesper!AJ$2:AJ$366,ROUNDDOWN($C3723/24,0)+1,1))-1)+IF('Standard Profiles'!$G$20=$B$10,7,0)+IF('Standard Profiles'!$G$20=$B$17,14,0)+IF('Standard Profiles'!$G$20=$B$24,21,0),0)),0)</f>
        <v>1.3710330278668492</v>
      </c>
      <c r="G3723" cm="1">
        <f t="array" ref="G3723">IFERROR(INDEX(Jesper!AK$2:AK$366,ROUNDDOWN($C3723/24,0)+1,1)*INDEX($D$3:$AA$30,INDEX(Jesper!$R$2:$R$366,ROW(INDEX(Jesper!AK$2:AK$366,ROUNDDOWN($C3723/24,0)+1,1))-1)+IF('Standard Profiles'!$G$21=$B$10,7,0)+IF('Standard Profiles'!$G$21=$B$17,14,0)+IF('Standard Profiles'!$G$21=$B$24,21,0),MOD($C3723,24)+1)/SUM(INDEX($D$3:$AA$30,INDEX(Jesper!$R$2:$R$366,ROW(INDEX(Jesper!AK$2:AK$366,ROUNDDOWN($C3723/24,0)+1,1))-1)+IF('Standard Profiles'!$G$21=$B$10,7,0)+IF('Standard Profiles'!$G$21=$B$17,14,0)+IF('Standard Profiles'!$G$21=$B$24,21,0),0)),0)</f>
        <v>0.91433187344932554</v>
      </c>
      <c r="H3723" cm="1">
        <f t="array" ref="H3723">IFERROR(INDEX(Jesper!AL$2:AL$366,ROUNDDOWN($C3723/24,0)+1,1)*INDEX($D$3:$AA$30,INDEX(Jesper!$R$2:$R$366,ROW(INDEX(Jesper!AL$2:AL$366,ROUNDDOWN($C3723/24,0)+1,1))-1)+IF('Standard Profiles'!$G$22=$B$10,7,0)+IF('Standard Profiles'!$G$22=$B$17,14,0)+IF('Standard Profiles'!$G$22=$B$24,21,0),MOD($C3723,24)+1)/SUM(INDEX($D$3:$AA$30,INDEX(Jesper!$R$2:$R$366,ROW(INDEX(Jesper!AL$2:AL$366,ROUNDDOWN($C3723/24,0)+1,1))-1)+IF('Standard Profiles'!$G$22=$B$10,7,0)+IF('Standard Profiles'!$G$22=$B$17,14,0)+IF('Standard Profiles'!$G$22=$B$24,21,0),0)),0)</f>
        <v>0.51112580713323119</v>
      </c>
      <c r="I3723">
        <f t="shared" si="419"/>
        <v>0.49068077484790223</v>
      </c>
      <c r="J3723">
        <f t="shared" si="420"/>
        <v>4.726421901088699</v>
      </c>
      <c r="K3723">
        <f t="shared" si="421"/>
        <v>0.22005563340792683</v>
      </c>
      <c r="L3723">
        <f t="shared" si="422"/>
        <v>0.11002781670396342</v>
      </c>
      <c r="M3723">
        <f t="shared" si="423"/>
        <v>0</v>
      </c>
      <c r="N3723" s="45">
        <f t="shared" si="424"/>
        <v>45080.708333324386</v>
      </c>
    </row>
    <row r="3724" spans="2:14" x14ac:dyDescent="0.25">
      <c r="B3724">
        <f t="shared" si="418"/>
        <v>6</v>
      </c>
      <c r="C3724" s="16">
        <v>3690</v>
      </c>
      <c r="D3724" cm="1">
        <f t="array" ref="D3724">IFERROR(INDEX(Jesper!AH$2:AH$366,ROUNDDOWN($C3724/24,0)+1,1)*INDEX($D$3:$AA$30,INDEX(Jesper!$R$2:$R$366,ROW(INDEX(Jesper!AH$2:AH$366,ROUNDDOWN($C3724/24,0)+1,1))-1)+IF('Standard Profiles'!$G$18=$B$10,7,0)+IF('Standard Profiles'!$G$18=$B$17,14,0)+IF('Standard Profiles'!$G$18=$B$24,21,0),MOD($C3724,24)+1)/SUM(INDEX($D$3:$AA$30,INDEX(Jesper!$R$2:$R$366,ROW(INDEX(Jesper!AH$2:AH$366,ROUNDDOWN($C3724/24,0)+1,1))-1)+IF('Standard Profiles'!$G$18=$B$10,7,0)+IF('Standard Profiles'!$G$18=$B$17,14,0)+IF('Standard Profiles'!$G$18=$B$24,21,0),0)),0)</f>
        <v>0</v>
      </c>
      <c r="E3724" cm="1">
        <f t="array" ref="E3724">IFERROR(INDEX(Jesper!AI$2:AI$366,ROUNDDOWN($C3724/24,0)+1,1)*INDEX($D$3:$AA$30,INDEX(Jesper!$R$2:$R$366,ROW(INDEX(Jesper!AI$2:AI$366,ROUNDDOWN($C3724/24,0)+1,1))-1)+IF('Standard Profiles'!$G$19=$B$10,7,0)+IF('Standard Profiles'!$G$19=$B$17,14,0)+IF('Standard Profiles'!$G$19=$B$24,21,0),MOD($C3724,24)+1)/SUM(INDEX($D$3:$AA$30,INDEX(Jesper!$R$2:$R$366,ROW(INDEX(Jesper!AI$2:AI$366,ROUNDDOWN($C3724/24,0)+1,1))-1)+IF('Standard Profiles'!$G$19=$B$10,7,0)+IF('Standard Profiles'!$G$19=$B$17,14,0)+IF('Standard Profiles'!$G$19=$B$24,21,0),0)),0)</f>
        <v>2.7506954175990854</v>
      </c>
      <c r="F3724" cm="1">
        <f t="array" ref="F3724">IFERROR(INDEX(Jesper!AJ$2:AJ$366,ROUNDDOWN($C3724/24,0)+1,1)*INDEX($D$3:$AA$30,INDEX(Jesper!$R$2:$R$366,ROW(INDEX(Jesper!AJ$2:AJ$366,ROUNDDOWN($C3724/24,0)+1,1))-1)+IF('Standard Profiles'!$G$20=$B$10,7,0)+IF('Standard Profiles'!$G$20=$B$17,14,0)+IF('Standard Profiles'!$G$20=$B$24,21,0),MOD($C3724,24)+1)/SUM(INDEX($D$3:$AA$30,INDEX(Jesper!$R$2:$R$366,ROW(INDEX(Jesper!AJ$2:AJ$366,ROUNDDOWN($C3724/24,0)+1,1))-1)+IF('Standard Profiles'!$G$20=$B$10,7,0)+IF('Standard Profiles'!$G$20=$B$17,14,0)+IF('Standard Profiles'!$G$20=$B$24,21,0),0)),0)</f>
        <v>1.3710330278668492</v>
      </c>
      <c r="G3724" cm="1">
        <f t="array" ref="G3724">IFERROR(INDEX(Jesper!AK$2:AK$366,ROUNDDOWN($C3724/24,0)+1,1)*INDEX($D$3:$AA$30,INDEX(Jesper!$R$2:$R$366,ROW(INDEX(Jesper!AK$2:AK$366,ROUNDDOWN($C3724/24,0)+1,1))-1)+IF('Standard Profiles'!$G$21=$B$10,7,0)+IF('Standard Profiles'!$G$21=$B$17,14,0)+IF('Standard Profiles'!$G$21=$B$24,21,0),MOD($C3724,24)+1)/SUM(INDEX($D$3:$AA$30,INDEX(Jesper!$R$2:$R$366,ROW(INDEX(Jesper!AK$2:AK$366,ROUNDDOWN($C3724/24,0)+1,1))-1)+IF('Standard Profiles'!$G$21=$B$10,7,0)+IF('Standard Profiles'!$G$21=$B$17,14,0)+IF('Standard Profiles'!$G$21=$B$24,21,0),0)),0)</f>
        <v>0.91433187344932554</v>
      </c>
      <c r="H3724" cm="1">
        <f t="array" ref="H3724">IFERROR(INDEX(Jesper!AL$2:AL$366,ROUNDDOWN($C3724/24,0)+1,1)*INDEX($D$3:$AA$30,INDEX(Jesper!$R$2:$R$366,ROW(INDEX(Jesper!AL$2:AL$366,ROUNDDOWN($C3724/24,0)+1,1))-1)+IF('Standard Profiles'!$G$22=$B$10,7,0)+IF('Standard Profiles'!$G$22=$B$17,14,0)+IF('Standard Profiles'!$G$22=$B$24,21,0),MOD($C3724,24)+1)/SUM(INDEX($D$3:$AA$30,INDEX(Jesper!$R$2:$R$366,ROW(INDEX(Jesper!AL$2:AL$366,ROUNDDOWN($C3724/24,0)+1,1))-1)+IF('Standard Profiles'!$G$22=$B$10,7,0)+IF('Standard Profiles'!$G$22=$B$17,14,0)+IF('Standard Profiles'!$G$22=$B$24,21,0),0)),0)</f>
        <v>0.4921952216838521</v>
      </c>
      <c r="I3724">
        <f t="shared" si="419"/>
        <v>0.47250741281649827</v>
      </c>
      <c r="J3724">
        <f t="shared" si="420"/>
        <v>4.7256646776707241</v>
      </c>
      <c r="K3724">
        <f t="shared" si="421"/>
        <v>0.22005563340792683</v>
      </c>
      <c r="L3724">
        <f t="shared" si="422"/>
        <v>0.11002781670396342</v>
      </c>
      <c r="M3724">
        <f t="shared" si="423"/>
        <v>0</v>
      </c>
      <c r="N3724" s="45">
        <f t="shared" si="424"/>
        <v>45080.749999991051</v>
      </c>
    </row>
    <row r="3725" spans="2:14" x14ac:dyDescent="0.25">
      <c r="B3725">
        <f t="shared" si="418"/>
        <v>6</v>
      </c>
      <c r="C3725" s="16">
        <v>3691</v>
      </c>
      <c r="D3725" cm="1">
        <f t="array" ref="D3725">IFERROR(INDEX(Jesper!AH$2:AH$366,ROUNDDOWN($C3725/24,0)+1,1)*INDEX($D$3:$AA$30,INDEX(Jesper!$R$2:$R$366,ROW(INDEX(Jesper!AH$2:AH$366,ROUNDDOWN($C3725/24,0)+1,1))-1)+IF('Standard Profiles'!$G$18=$B$10,7,0)+IF('Standard Profiles'!$G$18=$B$17,14,0)+IF('Standard Profiles'!$G$18=$B$24,21,0),MOD($C3725,24)+1)/SUM(INDEX($D$3:$AA$30,INDEX(Jesper!$R$2:$R$366,ROW(INDEX(Jesper!AH$2:AH$366,ROUNDDOWN($C3725/24,0)+1,1))-1)+IF('Standard Profiles'!$G$18=$B$10,7,0)+IF('Standard Profiles'!$G$18=$B$17,14,0)+IF('Standard Profiles'!$G$18=$B$24,21,0),0)),0)</f>
        <v>0</v>
      </c>
      <c r="E3725" cm="1">
        <f t="array" ref="E3725">IFERROR(INDEX(Jesper!AI$2:AI$366,ROUNDDOWN($C3725/24,0)+1,1)*INDEX($D$3:$AA$30,INDEX(Jesper!$R$2:$R$366,ROW(INDEX(Jesper!AI$2:AI$366,ROUNDDOWN($C3725/24,0)+1,1))-1)+IF('Standard Profiles'!$G$19=$B$10,7,0)+IF('Standard Profiles'!$G$19=$B$17,14,0)+IF('Standard Profiles'!$G$19=$B$24,21,0),MOD($C3725,24)+1)/SUM(INDEX($D$3:$AA$30,INDEX(Jesper!$R$2:$R$366,ROW(INDEX(Jesper!AI$2:AI$366,ROUNDDOWN($C3725/24,0)+1,1))-1)+IF('Standard Profiles'!$G$19=$B$10,7,0)+IF('Standard Profiles'!$G$19=$B$17,14,0)+IF('Standard Profiles'!$G$19=$B$24,21,0),0)),0)</f>
        <v>2.7506954175990854</v>
      </c>
      <c r="F3725" cm="1">
        <f t="array" ref="F3725">IFERROR(INDEX(Jesper!AJ$2:AJ$366,ROUNDDOWN($C3725/24,0)+1,1)*INDEX($D$3:$AA$30,INDEX(Jesper!$R$2:$R$366,ROW(INDEX(Jesper!AJ$2:AJ$366,ROUNDDOWN($C3725/24,0)+1,1))-1)+IF('Standard Profiles'!$G$20=$B$10,7,0)+IF('Standard Profiles'!$G$20=$B$17,14,0)+IF('Standard Profiles'!$G$20=$B$24,21,0),MOD($C3725,24)+1)/SUM(INDEX($D$3:$AA$30,INDEX(Jesper!$R$2:$R$366,ROW(INDEX(Jesper!AJ$2:AJ$366,ROUNDDOWN($C3725/24,0)+1,1))-1)+IF('Standard Profiles'!$G$20=$B$10,7,0)+IF('Standard Profiles'!$G$20=$B$17,14,0)+IF('Standard Profiles'!$G$20=$B$24,21,0),0)),0)</f>
        <v>1.3710330278668492</v>
      </c>
      <c r="G3725" cm="1">
        <f t="array" ref="G3725">IFERROR(INDEX(Jesper!AK$2:AK$366,ROUNDDOWN($C3725/24,0)+1,1)*INDEX($D$3:$AA$30,INDEX(Jesper!$R$2:$R$366,ROW(INDEX(Jesper!AK$2:AK$366,ROUNDDOWN($C3725/24,0)+1,1))-1)+IF('Standard Profiles'!$G$21=$B$10,7,0)+IF('Standard Profiles'!$G$21=$B$17,14,0)+IF('Standard Profiles'!$G$21=$B$24,21,0),MOD($C3725,24)+1)/SUM(INDEX($D$3:$AA$30,INDEX(Jesper!$R$2:$R$366,ROW(INDEX(Jesper!AK$2:AK$366,ROUNDDOWN($C3725/24,0)+1,1))-1)+IF('Standard Profiles'!$G$21=$B$10,7,0)+IF('Standard Profiles'!$G$21=$B$17,14,0)+IF('Standard Profiles'!$G$21=$B$24,21,0),0)),0)</f>
        <v>0.91433187344932554</v>
      </c>
      <c r="H3725" cm="1">
        <f t="array" ref="H3725">IFERROR(INDEX(Jesper!AL$2:AL$366,ROUNDDOWN($C3725/24,0)+1,1)*INDEX($D$3:$AA$30,INDEX(Jesper!$R$2:$R$366,ROW(INDEX(Jesper!AL$2:AL$366,ROUNDDOWN($C3725/24,0)+1,1))-1)+IF('Standard Profiles'!$G$22=$B$10,7,0)+IF('Standard Profiles'!$G$22=$B$17,14,0)+IF('Standard Profiles'!$G$22=$B$24,21,0),MOD($C3725,24)+1)/SUM(INDEX($D$3:$AA$30,INDEX(Jesper!$R$2:$R$366,ROW(INDEX(Jesper!AL$2:AL$366,ROUNDDOWN($C3725/24,0)+1,1))-1)+IF('Standard Profiles'!$G$22=$B$10,7,0)+IF('Standard Profiles'!$G$22=$B$17,14,0)+IF('Standard Profiles'!$G$22=$B$24,21,0),0)),0)</f>
        <v>0.39754229443695749</v>
      </c>
      <c r="I3725">
        <f t="shared" si="419"/>
        <v>0.38164060265947941</v>
      </c>
      <c r="J3725">
        <f t="shared" si="420"/>
        <v>4.7218785605808486</v>
      </c>
      <c r="K3725">
        <f t="shared" si="421"/>
        <v>0.22005563340792683</v>
      </c>
      <c r="L3725">
        <f t="shared" si="422"/>
        <v>0.11002781670396342</v>
      </c>
      <c r="M3725">
        <f t="shared" si="423"/>
        <v>0</v>
      </c>
      <c r="N3725" s="45">
        <f t="shared" si="424"/>
        <v>45080.791666657715</v>
      </c>
    </row>
    <row r="3726" spans="2:14" x14ac:dyDescent="0.25">
      <c r="B3726">
        <f t="shared" si="418"/>
        <v>6</v>
      </c>
      <c r="C3726" s="16">
        <v>3692</v>
      </c>
      <c r="D3726" cm="1">
        <f t="array" ref="D3726">IFERROR(INDEX(Jesper!AH$2:AH$366,ROUNDDOWN($C3726/24,0)+1,1)*INDEX($D$3:$AA$30,INDEX(Jesper!$R$2:$R$366,ROW(INDEX(Jesper!AH$2:AH$366,ROUNDDOWN($C3726/24,0)+1,1))-1)+IF('Standard Profiles'!$G$18=$B$10,7,0)+IF('Standard Profiles'!$G$18=$B$17,14,0)+IF('Standard Profiles'!$G$18=$B$24,21,0),MOD($C3726,24)+1)/SUM(INDEX($D$3:$AA$30,INDEX(Jesper!$R$2:$R$366,ROW(INDEX(Jesper!AH$2:AH$366,ROUNDDOWN($C3726/24,0)+1,1))-1)+IF('Standard Profiles'!$G$18=$B$10,7,0)+IF('Standard Profiles'!$G$18=$B$17,14,0)+IF('Standard Profiles'!$G$18=$B$24,21,0),0)),0)</f>
        <v>0</v>
      </c>
      <c r="E3726" cm="1">
        <f t="array" ref="E3726">IFERROR(INDEX(Jesper!AI$2:AI$366,ROUNDDOWN($C3726/24,0)+1,1)*INDEX($D$3:$AA$30,INDEX(Jesper!$R$2:$R$366,ROW(INDEX(Jesper!AI$2:AI$366,ROUNDDOWN($C3726/24,0)+1,1))-1)+IF('Standard Profiles'!$G$19=$B$10,7,0)+IF('Standard Profiles'!$G$19=$B$17,14,0)+IF('Standard Profiles'!$G$19=$B$24,21,0),MOD($C3726,24)+1)/SUM(INDEX($D$3:$AA$30,INDEX(Jesper!$R$2:$R$366,ROW(INDEX(Jesper!AI$2:AI$366,ROUNDDOWN($C3726/24,0)+1,1))-1)+IF('Standard Profiles'!$G$19=$B$10,7,0)+IF('Standard Profiles'!$G$19=$B$17,14,0)+IF('Standard Profiles'!$G$19=$B$24,21,0),0)),0)</f>
        <v>2.7506954175990854</v>
      </c>
      <c r="F3726" cm="1">
        <f t="array" ref="F3726">IFERROR(INDEX(Jesper!AJ$2:AJ$366,ROUNDDOWN($C3726/24,0)+1,1)*INDEX($D$3:$AA$30,INDEX(Jesper!$R$2:$R$366,ROW(INDEX(Jesper!AJ$2:AJ$366,ROUNDDOWN($C3726/24,0)+1,1))-1)+IF('Standard Profiles'!$G$20=$B$10,7,0)+IF('Standard Profiles'!$G$20=$B$17,14,0)+IF('Standard Profiles'!$G$20=$B$24,21,0),MOD($C3726,24)+1)/SUM(INDEX($D$3:$AA$30,INDEX(Jesper!$R$2:$R$366,ROW(INDEX(Jesper!AJ$2:AJ$366,ROUNDDOWN($C3726/24,0)+1,1))-1)+IF('Standard Profiles'!$G$20=$B$10,7,0)+IF('Standard Profiles'!$G$20=$B$17,14,0)+IF('Standard Profiles'!$G$20=$B$24,21,0),0)),0)</f>
        <v>1.3710330278668492</v>
      </c>
      <c r="G3726" cm="1">
        <f t="array" ref="G3726">IFERROR(INDEX(Jesper!AK$2:AK$366,ROUNDDOWN($C3726/24,0)+1,1)*INDEX($D$3:$AA$30,INDEX(Jesper!$R$2:$R$366,ROW(INDEX(Jesper!AK$2:AK$366,ROUNDDOWN($C3726/24,0)+1,1))-1)+IF('Standard Profiles'!$G$21=$B$10,7,0)+IF('Standard Profiles'!$G$21=$B$17,14,0)+IF('Standard Profiles'!$G$21=$B$24,21,0),MOD($C3726,24)+1)/SUM(INDEX($D$3:$AA$30,INDEX(Jesper!$R$2:$R$366,ROW(INDEX(Jesper!AK$2:AK$366,ROUNDDOWN($C3726/24,0)+1,1))-1)+IF('Standard Profiles'!$G$21=$B$10,7,0)+IF('Standard Profiles'!$G$21=$B$17,14,0)+IF('Standard Profiles'!$G$21=$B$24,21,0),0)),0)</f>
        <v>0.91433187344932554</v>
      </c>
      <c r="H3726" cm="1">
        <f t="array" ref="H3726">IFERROR(INDEX(Jesper!AL$2:AL$366,ROUNDDOWN($C3726/24,0)+1,1)*INDEX($D$3:$AA$30,INDEX(Jesper!$R$2:$R$366,ROW(INDEX(Jesper!AL$2:AL$366,ROUNDDOWN($C3726/24,0)+1,1))-1)+IF('Standard Profiles'!$G$22=$B$10,7,0)+IF('Standard Profiles'!$G$22=$B$17,14,0)+IF('Standard Profiles'!$G$22=$B$24,21,0),MOD($C3726,24)+1)/SUM(INDEX($D$3:$AA$30,INDEX(Jesper!$R$2:$R$366,ROW(INDEX(Jesper!AL$2:AL$366,ROUNDDOWN($C3726/24,0)+1,1))-1)+IF('Standard Profiles'!$G$22=$B$10,7,0)+IF('Standard Profiles'!$G$22=$B$17,14,0)+IF('Standard Profiles'!$G$22=$B$24,21,0),0)),0)</f>
        <v>0.29342407446537344</v>
      </c>
      <c r="I3726">
        <f t="shared" si="419"/>
        <v>0.28168711148675868</v>
      </c>
      <c r="J3726">
        <f t="shared" si="420"/>
        <v>4.7177138317819853</v>
      </c>
      <c r="K3726">
        <f t="shared" si="421"/>
        <v>0.22005563340792683</v>
      </c>
      <c r="L3726">
        <f t="shared" si="422"/>
        <v>0.11002781670396342</v>
      </c>
      <c r="M3726">
        <f t="shared" si="423"/>
        <v>0</v>
      </c>
      <c r="N3726" s="45">
        <f t="shared" si="424"/>
        <v>45080.833333324379</v>
      </c>
    </row>
    <row r="3727" spans="2:14" x14ac:dyDescent="0.25">
      <c r="B3727">
        <f t="shared" si="418"/>
        <v>6</v>
      </c>
      <c r="C3727" s="16">
        <v>3693</v>
      </c>
      <c r="D3727" cm="1">
        <f t="array" ref="D3727">IFERROR(INDEX(Jesper!AH$2:AH$366,ROUNDDOWN($C3727/24,0)+1,1)*INDEX($D$3:$AA$30,INDEX(Jesper!$R$2:$R$366,ROW(INDEX(Jesper!AH$2:AH$366,ROUNDDOWN($C3727/24,0)+1,1))-1)+IF('Standard Profiles'!$G$18=$B$10,7,0)+IF('Standard Profiles'!$G$18=$B$17,14,0)+IF('Standard Profiles'!$G$18=$B$24,21,0),MOD($C3727,24)+1)/SUM(INDEX($D$3:$AA$30,INDEX(Jesper!$R$2:$R$366,ROW(INDEX(Jesper!AH$2:AH$366,ROUNDDOWN($C3727/24,0)+1,1))-1)+IF('Standard Profiles'!$G$18=$B$10,7,0)+IF('Standard Profiles'!$G$18=$B$17,14,0)+IF('Standard Profiles'!$G$18=$B$24,21,0),0)),0)</f>
        <v>0</v>
      </c>
      <c r="E3727" cm="1">
        <f t="array" ref="E3727">IFERROR(INDEX(Jesper!AI$2:AI$366,ROUNDDOWN($C3727/24,0)+1,1)*INDEX($D$3:$AA$30,INDEX(Jesper!$R$2:$R$366,ROW(INDEX(Jesper!AI$2:AI$366,ROUNDDOWN($C3727/24,0)+1,1))-1)+IF('Standard Profiles'!$G$19=$B$10,7,0)+IF('Standard Profiles'!$G$19=$B$17,14,0)+IF('Standard Profiles'!$G$19=$B$24,21,0),MOD($C3727,24)+1)/SUM(INDEX($D$3:$AA$30,INDEX(Jesper!$R$2:$R$366,ROW(INDEX(Jesper!AI$2:AI$366,ROUNDDOWN($C3727/24,0)+1,1))-1)+IF('Standard Profiles'!$G$19=$B$10,7,0)+IF('Standard Profiles'!$G$19=$B$17,14,0)+IF('Standard Profiles'!$G$19=$B$24,21,0),0)),0)</f>
        <v>2.7506954175990854</v>
      </c>
      <c r="F3727" cm="1">
        <f t="array" ref="F3727">IFERROR(INDEX(Jesper!AJ$2:AJ$366,ROUNDDOWN($C3727/24,0)+1,1)*INDEX($D$3:$AA$30,INDEX(Jesper!$R$2:$R$366,ROW(INDEX(Jesper!AJ$2:AJ$366,ROUNDDOWN($C3727/24,0)+1,1))-1)+IF('Standard Profiles'!$G$20=$B$10,7,0)+IF('Standard Profiles'!$G$20=$B$17,14,0)+IF('Standard Profiles'!$G$20=$B$24,21,0),MOD($C3727,24)+1)/SUM(INDEX($D$3:$AA$30,INDEX(Jesper!$R$2:$R$366,ROW(INDEX(Jesper!AJ$2:AJ$366,ROUNDDOWN($C3727/24,0)+1,1))-1)+IF('Standard Profiles'!$G$20=$B$10,7,0)+IF('Standard Profiles'!$G$20=$B$17,14,0)+IF('Standard Profiles'!$G$20=$B$24,21,0),0)),0)</f>
        <v>1.3710330278668492</v>
      </c>
      <c r="G3727" cm="1">
        <f t="array" ref="G3727">IFERROR(INDEX(Jesper!AK$2:AK$366,ROUNDDOWN($C3727/24,0)+1,1)*INDEX($D$3:$AA$30,INDEX(Jesper!$R$2:$R$366,ROW(INDEX(Jesper!AK$2:AK$366,ROUNDDOWN($C3727/24,0)+1,1))-1)+IF('Standard Profiles'!$G$21=$B$10,7,0)+IF('Standard Profiles'!$G$21=$B$17,14,0)+IF('Standard Profiles'!$G$21=$B$24,21,0),MOD($C3727,24)+1)/SUM(INDEX($D$3:$AA$30,INDEX(Jesper!$R$2:$R$366,ROW(INDEX(Jesper!AK$2:AK$366,ROUNDDOWN($C3727/24,0)+1,1))-1)+IF('Standard Profiles'!$G$21=$B$10,7,0)+IF('Standard Profiles'!$G$21=$B$17,14,0)+IF('Standard Profiles'!$G$21=$B$24,21,0),0)),0)</f>
        <v>0.91433187344932554</v>
      </c>
      <c r="H3727" cm="1">
        <f t="array" ref="H3727">IFERROR(INDEX(Jesper!AL$2:AL$366,ROUNDDOWN($C3727/24,0)+1,1)*INDEX($D$3:$AA$30,INDEX(Jesper!$R$2:$R$366,ROW(INDEX(Jesper!AL$2:AL$366,ROUNDDOWN($C3727/24,0)+1,1))-1)+IF('Standard Profiles'!$G$22=$B$10,7,0)+IF('Standard Profiles'!$G$22=$B$17,14,0)+IF('Standard Profiles'!$G$22=$B$24,21,0),MOD($C3727,24)+1)/SUM(INDEX($D$3:$AA$30,INDEX(Jesper!$R$2:$R$366,ROW(INDEX(Jesper!AL$2:AL$366,ROUNDDOWN($C3727/24,0)+1,1))-1)+IF('Standard Profiles'!$G$22=$B$10,7,0)+IF('Standard Profiles'!$G$22=$B$17,14,0)+IF('Standard Profiles'!$G$22=$B$24,21,0),0)),0)</f>
        <v>0.29342407446537344</v>
      </c>
      <c r="I3727">
        <f t="shared" si="419"/>
        <v>0.28168711148675868</v>
      </c>
      <c r="J3727">
        <f t="shared" si="420"/>
        <v>4.7177138317819853</v>
      </c>
      <c r="K3727">
        <f t="shared" si="421"/>
        <v>0.22005563340792683</v>
      </c>
      <c r="L3727">
        <f t="shared" si="422"/>
        <v>0.11002781670396342</v>
      </c>
      <c r="M3727">
        <f t="shared" si="423"/>
        <v>0</v>
      </c>
      <c r="N3727" s="45">
        <f t="shared" si="424"/>
        <v>45080.874999991043</v>
      </c>
    </row>
    <row r="3728" spans="2:14" x14ac:dyDescent="0.25">
      <c r="B3728">
        <f t="shared" si="418"/>
        <v>6</v>
      </c>
      <c r="C3728" s="16">
        <v>3694</v>
      </c>
      <c r="D3728" cm="1">
        <f t="array" ref="D3728">IFERROR(INDEX(Jesper!AH$2:AH$366,ROUNDDOWN($C3728/24,0)+1,1)*INDEX($D$3:$AA$30,INDEX(Jesper!$R$2:$R$366,ROW(INDEX(Jesper!AH$2:AH$366,ROUNDDOWN($C3728/24,0)+1,1))-1)+IF('Standard Profiles'!$G$18=$B$10,7,0)+IF('Standard Profiles'!$G$18=$B$17,14,0)+IF('Standard Profiles'!$G$18=$B$24,21,0),MOD($C3728,24)+1)/SUM(INDEX($D$3:$AA$30,INDEX(Jesper!$R$2:$R$366,ROW(INDEX(Jesper!AH$2:AH$366,ROUNDDOWN($C3728/24,0)+1,1))-1)+IF('Standard Profiles'!$G$18=$B$10,7,0)+IF('Standard Profiles'!$G$18=$B$17,14,0)+IF('Standard Profiles'!$G$18=$B$24,21,0),0)),0)</f>
        <v>0</v>
      </c>
      <c r="E3728" cm="1">
        <f t="array" ref="E3728">IFERROR(INDEX(Jesper!AI$2:AI$366,ROUNDDOWN($C3728/24,0)+1,1)*INDEX($D$3:$AA$30,INDEX(Jesper!$R$2:$R$366,ROW(INDEX(Jesper!AI$2:AI$366,ROUNDDOWN($C3728/24,0)+1,1))-1)+IF('Standard Profiles'!$G$19=$B$10,7,0)+IF('Standard Profiles'!$G$19=$B$17,14,0)+IF('Standard Profiles'!$G$19=$B$24,21,0),MOD($C3728,24)+1)/SUM(INDEX($D$3:$AA$30,INDEX(Jesper!$R$2:$R$366,ROW(INDEX(Jesper!AI$2:AI$366,ROUNDDOWN($C3728/24,0)+1,1))-1)+IF('Standard Profiles'!$G$19=$B$10,7,0)+IF('Standard Profiles'!$G$19=$B$17,14,0)+IF('Standard Profiles'!$G$19=$B$24,21,0),0)),0)</f>
        <v>2.7506954175990854</v>
      </c>
      <c r="F3728" cm="1">
        <f t="array" ref="F3728">IFERROR(INDEX(Jesper!AJ$2:AJ$366,ROUNDDOWN($C3728/24,0)+1,1)*INDEX($D$3:$AA$30,INDEX(Jesper!$R$2:$R$366,ROW(INDEX(Jesper!AJ$2:AJ$366,ROUNDDOWN($C3728/24,0)+1,1))-1)+IF('Standard Profiles'!$G$20=$B$10,7,0)+IF('Standard Profiles'!$G$20=$B$17,14,0)+IF('Standard Profiles'!$G$20=$B$24,21,0),MOD($C3728,24)+1)/SUM(INDEX($D$3:$AA$30,INDEX(Jesper!$R$2:$R$366,ROW(INDEX(Jesper!AJ$2:AJ$366,ROUNDDOWN($C3728/24,0)+1,1))-1)+IF('Standard Profiles'!$G$20=$B$10,7,0)+IF('Standard Profiles'!$G$20=$B$17,14,0)+IF('Standard Profiles'!$G$20=$B$24,21,0),0)),0)</f>
        <v>1.3710330278668492</v>
      </c>
      <c r="G3728" cm="1">
        <f t="array" ref="G3728">IFERROR(INDEX(Jesper!AK$2:AK$366,ROUNDDOWN($C3728/24,0)+1,1)*INDEX($D$3:$AA$30,INDEX(Jesper!$R$2:$R$366,ROW(INDEX(Jesper!AK$2:AK$366,ROUNDDOWN($C3728/24,0)+1,1))-1)+IF('Standard Profiles'!$G$21=$B$10,7,0)+IF('Standard Profiles'!$G$21=$B$17,14,0)+IF('Standard Profiles'!$G$21=$B$24,21,0),MOD($C3728,24)+1)/SUM(INDEX($D$3:$AA$30,INDEX(Jesper!$R$2:$R$366,ROW(INDEX(Jesper!AK$2:AK$366,ROUNDDOWN($C3728/24,0)+1,1))-1)+IF('Standard Profiles'!$G$21=$B$10,7,0)+IF('Standard Profiles'!$G$21=$B$17,14,0)+IF('Standard Profiles'!$G$21=$B$24,21,0),0)),0)</f>
        <v>0.91433187344932554</v>
      </c>
      <c r="H3728" cm="1">
        <f t="array" ref="H3728">IFERROR(INDEX(Jesper!AL$2:AL$366,ROUNDDOWN($C3728/24,0)+1,1)*INDEX($D$3:$AA$30,INDEX(Jesper!$R$2:$R$366,ROW(INDEX(Jesper!AL$2:AL$366,ROUNDDOWN($C3728/24,0)+1,1))-1)+IF('Standard Profiles'!$G$22=$B$10,7,0)+IF('Standard Profiles'!$G$22=$B$17,14,0)+IF('Standard Profiles'!$G$22=$B$24,21,0),MOD($C3728,24)+1)/SUM(INDEX($D$3:$AA$30,INDEX(Jesper!$R$2:$R$366,ROW(INDEX(Jesper!AL$2:AL$366,ROUNDDOWN($C3728/24,0)+1,1))-1)+IF('Standard Profiles'!$G$22=$B$10,7,0)+IF('Standard Profiles'!$G$22=$B$17,14,0)+IF('Standard Profiles'!$G$22=$B$24,21,0),0)),0)</f>
        <v>0.29342407446537344</v>
      </c>
      <c r="I3728">
        <f t="shared" si="419"/>
        <v>0.28168711148675868</v>
      </c>
      <c r="J3728">
        <f t="shared" si="420"/>
        <v>4.7177138317819853</v>
      </c>
      <c r="K3728">
        <f t="shared" si="421"/>
        <v>0.22005563340792683</v>
      </c>
      <c r="L3728">
        <f t="shared" si="422"/>
        <v>0.11002781670396342</v>
      </c>
      <c r="M3728">
        <f t="shared" si="423"/>
        <v>0</v>
      </c>
      <c r="N3728" s="45">
        <f t="shared" si="424"/>
        <v>45080.916666657708</v>
      </c>
    </row>
    <row r="3729" spans="2:14" x14ac:dyDescent="0.25">
      <c r="B3729">
        <f t="shared" si="418"/>
        <v>6</v>
      </c>
      <c r="C3729" s="16">
        <v>3695</v>
      </c>
      <c r="D3729" cm="1">
        <f t="array" ref="D3729">IFERROR(INDEX(Jesper!AH$2:AH$366,ROUNDDOWN($C3729/24,0)+1,1)*INDEX($D$3:$AA$30,INDEX(Jesper!$R$2:$R$366,ROW(INDEX(Jesper!AH$2:AH$366,ROUNDDOWN($C3729/24,0)+1,1))-1)+IF('Standard Profiles'!$G$18=$B$10,7,0)+IF('Standard Profiles'!$G$18=$B$17,14,0)+IF('Standard Profiles'!$G$18=$B$24,21,0),MOD($C3729,24)+1)/SUM(INDEX($D$3:$AA$30,INDEX(Jesper!$R$2:$R$366,ROW(INDEX(Jesper!AH$2:AH$366,ROUNDDOWN($C3729/24,0)+1,1))-1)+IF('Standard Profiles'!$G$18=$B$10,7,0)+IF('Standard Profiles'!$G$18=$B$17,14,0)+IF('Standard Profiles'!$G$18=$B$24,21,0),0)),0)</f>
        <v>0</v>
      </c>
      <c r="E3729" cm="1">
        <f t="array" ref="E3729">IFERROR(INDEX(Jesper!AI$2:AI$366,ROUNDDOWN($C3729/24,0)+1,1)*INDEX($D$3:$AA$30,INDEX(Jesper!$R$2:$R$366,ROW(INDEX(Jesper!AI$2:AI$366,ROUNDDOWN($C3729/24,0)+1,1))-1)+IF('Standard Profiles'!$G$19=$B$10,7,0)+IF('Standard Profiles'!$G$19=$B$17,14,0)+IF('Standard Profiles'!$G$19=$B$24,21,0),MOD($C3729,24)+1)/SUM(INDEX($D$3:$AA$30,INDEX(Jesper!$R$2:$R$366,ROW(INDEX(Jesper!AI$2:AI$366,ROUNDDOWN($C3729/24,0)+1,1))-1)+IF('Standard Profiles'!$G$19=$B$10,7,0)+IF('Standard Profiles'!$G$19=$B$17,14,0)+IF('Standard Profiles'!$G$19=$B$24,21,0),0)),0)</f>
        <v>2.7506954175990854</v>
      </c>
      <c r="F3729" cm="1">
        <f t="array" ref="F3729">IFERROR(INDEX(Jesper!AJ$2:AJ$366,ROUNDDOWN($C3729/24,0)+1,1)*INDEX($D$3:$AA$30,INDEX(Jesper!$R$2:$R$366,ROW(INDEX(Jesper!AJ$2:AJ$366,ROUNDDOWN($C3729/24,0)+1,1))-1)+IF('Standard Profiles'!$G$20=$B$10,7,0)+IF('Standard Profiles'!$G$20=$B$17,14,0)+IF('Standard Profiles'!$G$20=$B$24,21,0),MOD($C3729,24)+1)/SUM(INDEX($D$3:$AA$30,INDEX(Jesper!$R$2:$R$366,ROW(INDEX(Jesper!AJ$2:AJ$366,ROUNDDOWN($C3729/24,0)+1,1))-1)+IF('Standard Profiles'!$G$20=$B$10,7,0)+IF('Standard Profiles'!$G$20=$B$17,14,0)+IF('Standard Profiles'!$G$20=$B$24,21,0),0)),0)</f>
        <v>1.3710330278668492</v>
      </c>
      <c r="G3729" cm="1">
        <f t="array" ref="G3729">IFERROR(INDEX(Jesper!AK$2:AK$366,ROUNDDOWN($C3729/24,0)+1,1)*INDEX($D$3:$AA$30,INDEX(Jesper!$R$2:$R$366,ROW(INDEX(Jesper!AK$2:AK$366,ROUNDDOWN($C3729/24,0)+1,1))-1)+IF('Standard Profiles'!$G$21=$B$10,7,0)+IF('Standard Profiles'!$G$21=$B$17,14,0)+IF('Standard Profiles'!$G$21=$B$24,21,0),MOD($C3729,24)+1)/SUM(INDEX($D$3:$AA$30,INDEX(Jesper!$R$2:$R$366,ROW(INDEX(Jesper!AK$2:AK$366,ROUNDDOWN($C3729/24,0)+1,1))-1)+IF('Standard Profiles'!$G$21=$B$10,7,0)+IF('Standard Profiles'!$G$21=$B$17,14,0)+IF('Standard Profiles'!$G$21=$B$24,21,0),0)),0)</f>
        <v>0.91433187344932554</v>
      </c>
      <c r="H3729" cm="1">
        <f t="array" ref="H3729">IFERROR(INDEX(Jesper!AL$2:AL$366,ROUNDDOWN($C3729/24,0)+1,1)*INDEX($D$3:$AA$30,INDEX(Jesper!$R$2:$R$366,ROW(INDEX(Jesper!AL$2:AL$366,ROUNDDOWN($C3729/24,0)+1,1))-1)+IF('Standard Profiles'!$G$22=$B$10,7,0)+IF('Standard Profiles'!$G$22=$B$17,14,0)+IF('Standard Profiles'!$G$22=$B$24,21,0),MOD($C3729,24)+1)/SUM(INDEX($D$3:$AA$30,INDEX(Jesper!$R$2:$R$366,ROW(INDEX(Jesper!AL$2:AL$366,ROUNDDOWN($C3729/24,0)+1,1))-1)+IF('Standard Profiles'!$G$22=$B$10,7,0)+IF('Standard Profiles'!$G$22=$B$17,14,0)+IF('Standard Profiles'!$G$22=$B$24,21,0),0)),0)</f>
        <v>0.29342407446537344</v>
      </c>
      <c r="I3729">
        <f t="shared" si="419"/>
        <v>0.28168711148675868</v>
      </c>
      <c r="J3729">
        <f t="shared" si="420"/>
        <v>4.7177138317819853</v>
      </c>
      <c r="K3729">
        <f t="shared" si="421"/>
        <v>0.22005563340792683</v>
      </c>
      <c r="L3729">
        <f t="shared" si="422"/>
        <v>0.11002781670396342</v>
      </c>
      <c r="M3729">
        <f t="shared" si="423"/>
        <v>0</v>
      </c>
      <c r="N3729" s="45">
        <f t="shared" si="424"/>
        <v>45080.958333324372</v>
      </c>
    </row>
    <row r="3730" spans="2:14" x14ac:dyDescent="0.25">
      <c r="B3730">
        <f t="shared" si="418"/>
        <v>7</v>
      </c>
      <c r="C3730" s="16">
        <v>3696</v>
      </c>
      <c r="D3730" cm="1">
        <f t="array" ref="D3730">IFERROR(INDEX(Jesper!AH$2:AH$366,ROUNDDOWN($C3730/24,0)+1,1)*INDEX($D$3:$AA$30,INDEX(Jesper!$R$2:$R$366,ROW(INDEX(Jesper!AH$2:AH$366,ROUNDDOWN($C3730/24,0)+1,1))-1)+IF('Standard Profiles'!$G$18=$B$10,7,0)+IF('Standard Profiles'!$G$18=$B$17,14,0)+IF('Standard Profiles'!$G$18=$B$24,21,0),MOD($C3730,24)+1)/SUM(INDEX($D$3:$AA$30,INDEX(Jesper!$R$2:$R$366,ROW(INDEX(Jesper!AH$2:AH$366,ROUNDDOWN($C3730/24,0)+1,1))-1)+IF('Standard Profiles'!$G$18=$B$10,7,0)+IF('Standard Profiles'!$G$18=$B$17,14,0)+IF('Standard Profiles'!$G$18=$B$24,21,0),0)),0)</f>
        <v>0</v>
      </c>
      <c r="E3730" cm="1">
        <f t="array" ref="E3730">IFERROR(INDEX(Jesper!AI$2:AI$366,ROUNDDOWN($C3730/24,0)+1,1)*INDEX($D$3:$AA$30,INDEX(Jesper!$R$2:$R$366,ROW(INDEX(Jesper!AI$2:AI$366,ROUNDDOWN($C3730/24,0)+1,1))-1)+IF('Standard Profiles'!$G$19=$B$10,7,0)+IF('Standard Profiles'!$G$19=$B$17,14,0)+IF('Standard Profiles'!$G$19=$B$24,21,0),MOD($C3730,24)+1)/SUM(INDEX($D$3:$AA$30,INDEX(Jesper!$R$2:$R$366,ROW(INDEX(Jesper!AI$2:AI$366,ROUNDDOWN($C3730/24,0)+1,1))-1)+IF('Standard Profiles'!$G$19=$B$10,7,0)+IF('Standard Profiles'!$G$19=$B$17,14,0)+IF('Standard Profiles'!$G$19=$B$24,21,0),0)),0)</f>
        <v>2.759709916775746</v>
      </c>
      <c r="F3730" cm="1">
        <f t="array" ref="F3730">IFERROR(INDEX(Jesper!AJ$2:AJ$366,ROUNDDOWN($C3730/24,0)+1,1)*INDEX($D$3:$AA$30,INDEX(Jesper!$R$2:$R$366,ROW(INDEX(Jesper!AJ$2:AJ$366,ROUNDDOWN($C3730/24,0)+1,1))-1)+IF('Standard Profiles'!$G$20=$B$10,7,0)+IF('Standard Profiles'!$G$20=$B$17,14,0)+IF('Standard Profiles'!$G$20=$B$24,21,0),MOD($C3730,24)+1)/SUM(INDEX($D$3:$AA$30,INDEX(Jesper!$R$2:$R$366,ROW(INDEX(Jesper!AJ$2:AJ$366,ROUNDDOWN($C3730/24,0)+1,1))-1)+IF('Standard Profiles'!$G$20=$B$10,7,0)+IF('Standard Profiles'!$G$20=$B$17,14,0)+IF('Standard Profiles'!$G$20=$B$24,21,0),0)),0)</f>
        <v>1.3534355832382592</v>
      </c>
      <c r="G3730" cm="1">
        <f t="array" ref="G3730">IFERROR(INDEX(Jesper!AK$2:AK$366,ROUNDDOWN($C3730/24,0)+1,1)*INDEX($D$3:$AA$30,INDEX(Jesper!$R$2:$R$366,ROW(INDEX(Jesper!AK$2:AK$366,ROUNDDOWN($C3730/24,0)+1,1))-1)+IF('Standard Profiles'!$G$21=$B$10,7,0)+IF('Standard Profiles'!$G$21=$B$17,14,0)+IF('Standard Profiles'!$G$21=$B$24,21,0),MOD($C3730,24)+1)/SUM(INDEX($D$3:$AA$30,INDEX(Jesper!$R$2:$R$366,ROW(INDEX(Jesper!AK$2:AK$366,ROUNDDOWN($C3730/24,0)+1,1))-1)+IF('Standard Profiles'!$G$21=$B$10,7,0)+IF('Standard Profiles'!$G$21=$B$17,14,0)+IF('Standard Profiles'!$G$21=$B$24,21,0),0)),0)</f>
        <v>0.88517511724189968</v>
      </c>
      <c r="H3730" cm="1">
        <f t="array" ref="H3730">IFERROR(INDEX(Jesper!AL$2:AL$366,ROUNDDOWN($C3730/24,0)+1,1)*INDEX($D$3:$AA$30,INDEX(Jesper!$R$2:$R$366,ROW(INDEX(Jesper!AL$2:AL$366,ROUNDDOWN($C3730/24,0)+1,1))-1)+IF('Standard Profiles'!$G$22=$B$10,7,0)+IF('Standard Profiles'!$G$22=$B$17,14,0)+IF('Standard Profiles'!$G$22=$B$24,21,0),MOD($C3730,24)+1)/SUM(INDEX($D$3:$AA$30,INDEX(Jesper!$R$2:$R$366,ROW(INDEX(Jesper!AL$2:AL$366,ROUNDDOWN($C3730/24,0)+1,1))-1)+IF('Standard Profiles'!$G$22=$B$10,7,0)+IF('Standard Profiles'!$G$22=$B$17,14,0)+IF('Standard Profiles'!$G$22=$B$24,21,0),0)),0)</f>
        <v>0.31626345198781319</v>
      </c>
      <c r="I3730">
        <f t="shared" si="419"/>
        <v>0.30361291390830081</v>
      </c>
      <c r="J3730">
        <f t="shared" si="420"/>
        <v>4.6798059653223278</v>
      </c>
      <c r="K3730">
        <f t="shared" si="421"/>
        <v>0.22077679334205969</v>
      </c>
      <c r="L3730">
        <f t="shared" si="422"/>
        <v>0.11038839667102984</v>
      </c>
      <c r="M3730">
        <f t="shared" si="423"/>
        <v>0</v>
      </c>
      <c r="N3730" s="45">
        <f t="shared" si="424"/>
        <v>45080.999999991036</v>
      </c>
    </row>
    <row r="3731" spans="2:14" x14ac:dyDescent="0.25">
      <c r="B3731">
        <f t="shared" si="418"/>
        <v>7</v>
      </c>
      <c r="C3731" s="16">
        <v>3697</v>
      </c>
      <c r="D3731" cm="1">
        <f t="array" ref="D3731">IFERROR(INDEX(Jesper!AH$2:AH$366,ROUNDDOWN($C3731/24,0)+1,1)*INDEX($D$3:$AA$30,INDEX(Jesper!$R$2:$R$366,ROW(INDEX(Jesper!AH$2:AH$366,ROUNDDOWN($C3731/24,0)+1,1))-1)+IF('Standard Profiles'!$G$18=$B$10,7,0)+IF('Standard Profiles'!$G$18=$B$17,14,0)+IF('Standard Profiles'!$G$18=$B$24,21,0),MOD($C3731,24)+1)/SUM(INDEX($D$3:$AA$30,INDEX(Jesper!$R$2:$R$366,ROW(INDEX(Jesper!AH$2:AH$366,ROUNDDOWN($C3731/24,0)+1,1))-1)+IF('Standard Profiles'!$G$18=$B$10,7,0)+IF('Standard Profiles'!$G$18=$B$17,14,0)+IF('Standard Profiles'!$G$18=$B$24,21,0),0)),0)</f>
        <v>0</v>
      </c>
      <c r="E3731" cm="1">
        <f t="array" ref="E3731">IFERROR(INDEX(Jesper!AI$2:AI$366,ROUNDDOWN($C3731/24,0)+1,1)*INDEX($D$3:$AA$30,INDEX(Jesper!$R$2:$R$366,ROW(INDEX(Jesper!AI$2:AI$366,ROUNDDOWN($C3731/24,0)+1,1))-1)+IF('Standard Profiles'!$G$19=$B$10,7,0)+IF('Standard Profiles'!$G$19=$B$17,14,0)+IF('Standard Profiles'!$G$19=$B$24,21,0),MOD($C3731,24)+1)/SUM(INDEX($D$3:$AA$30,INDEX(Jesper!$R$2:$R$366,ROW(INDEX(Jesper!AI$2:AI$366,ROUNDDOWN($C3731/24,0)+1,1))-1)+IF('Standard Profiles'!$G$19=$B$10,7,0)+IF('Standard Profiles'!$G$19=$B$17,14,0)+IF('Standard Profiles'!$G$19=$B$24,21,0),0)),0)</f>
        <v>2.759709916775746</v>
      </c>
      <c r="F3731" cm="1">
        <f t="array" ref="F3731">IFERROR(INDEX(Jesper!AJ$2:AJ$366,ROUNDDOWN($C3731/24,0)+1,1)*INDEX($D$3:$AA$30,INDEX(Jesper!$R$2:$R$366,ROW(INDEX(Jesper!AJ$2:AJ$366,ROUNDDOWN($C3731/24,0)+1,1))-1)+IF('Standard Profiles'!$G$20=$B$10,7,0)+IF('Standard Profiles'!$G$20=$B$17,14,0)+IF('Standard Profiles'!$G$20=$B$24,21,0),MOD($C3731,24)+1)/SUM(INDEX($D$3:$AA$30,INDEX(Jesper!$R$2:$R$366,ROW(INDEX(Jesper!AJ$2:AJ$366,ROUNDDOWN($C3731/24,0)+1,1))-1)+IF('Standard Profiles'!$G$20=$B$10,7,0)+IF('Standard Profiles'!$G$20=$B$17,14,0)+IF('Standard Profiles'!$G$20=$B$24,21,0),0)),0)</f>
        <v>1.3534355832382592</v>
      </c>
      <c r="G3731" cm="1">
        <f t="array" ref="G3731">IFERROR(INDEX(Jesper!AK$2:AK$366,ROUNDDOWN($C3731/24,0)+1,1)*INDEX($D$3:$AA$30,INDEX(Jesper!$R$2:$R$366,ROW(INDEX(Jesper!AK$2:AK$366,ROUNDDOWN($C3731/24,0)+1,1))-1)+IF('Standard Profiles'!$G$21=$B$10,7,0)+IF('Standard Profiles'!$G$21=$B$17,14,0)+IF('Standard Profiles'!$G$21=$B$24,21,0),MOD($C3731,24)+1)/SUM(INDEX($D$3:$AA$30,INDEX(Jesper!$R$2:$R$366,ROW(INDEX(Jesper!AK$2:AK$366,ROUNDDOWN($C3731/24,0)+1,1))-1)+IF('Standard Profiles'!$G$21=$B$10,7,0)+IF('Standard Profiles'!$G$21=$B$17,14,0)+IF('Standard Profiles'!$G$21=$B$24,21,0),0)),0)</f>
        <v>0.88517511724189968</v>
      </c>
      <c r="H3731" cm="1">
        <f t="array" ref="H3731">IFERROR(INDEX(Jesper!AL$2:AL$366,ROUNDDOWN($C3731/24,0)+1,1)*INDEX($D$3:$AA$30,INDEX(Jesper!$R$2:$R$366,ROW(INDEX(Jesper!AL$2:AL$366,ROUNDDOWN($C3731/24,0)+1,1))-1)+IF('Standard Profiles'!$G$22=$B$10,7,0)+IF('Standard Profiles'!$G$22=$B$17,14,0)+IF('Standard Profiles'!$G$22=$B$24,21,0),MOD($C3731,24)+1)/SUM(INDEX($D$3:$AA$30,INDEX(Jesper!$R$2:$R$366,ROW(INDEX(Jesper!AL$2:AL$366,ROUNDDOWN($C3731/24,0)+1,1))-1)+IF('Standard Profiles'!$G$22=$B$10,7,0)+IF('Standard Profiles'!$G$22=$B$17,14,0)+IF('Standard Profiles'!$G$22=$B$24,21,0),0)),0)</f>
        <v>0.36727368617939599</v>
      </c>
      <c r="I3731">
        <f t="shared" si="419"/>
        <v>0.35258273873222035</v>
      </c>
      <c r="J3731">
        <f t="shared" si="420"/>
        <v>4.6818463746899912</v>
      </c>
      <c r="K3731">
        <f t="shared" si="421"/>
        <v>0.22077679334205969</v>
      </c>
      <c r="L3731">
        <f t="shared" si="422"/>
        <v>0.11038839667102984</v>
      </c>
      <c r="M3731">
        <f t="shared" si="423"/>
        <v>0</v>
      </c>
      <c r="N3731" s="45">
        <f t="shared" si="424"/>
        <v>45081.0416666577</v>
      </c>
    </row>
    <row r="3732" spans="2:14" x14ac:dyDescent="0.25">
      <c r="B3732">
        <f t="shared" si="418"/>
        <v>7</v>
      </c>
      <c r="C3732" s="16">
        <v>3698</v>
      </c>
      <c r="D3732" cm="1">
        <f t="array" ref="D3732">IFERROR(INDEX(Jesper!AH$2:AH$366,ROUNDDOWN($C3732/24,0)+1,1)*INDEX($D$3:$AA$30,INDEX(Jesper!$R$2:$R$366,ROW(INDEX(Jesper!AH$2:AH$366,ROUNDDOWN($C3732/24,0)+1,1))-1)+IF('Standard Profiles'!$G$18=$B$10,7,0)+IF('Standard Profiles'!$G$18=$B$17,14,0)+IF('Standard Profiles'!$G$18=$B$24,21,0),MOD($C3732,24)+1)/SUM(INDEX($D$3:$AA$30,INDEX(Jesper!$R$2:$R$366,ROW(INDEX(Jesper!AH$2:AH$366,ROUNDDOWN($C3732/24,0)+1,1))-1)+IF('Standard Profiles'!$G$18=$B$10,7,0)+IF('Standard Profiles'!$G$18=$B$17,14,0)+IF('Standard Profiles'!$G$18=$B$24,21,0),0)),0)</f>
        <v>0</v>
      </c>
      <c r="E3732" cm="1">
        <f t="array" ref="E3732">IFERROR(INDEX(Jesper!AI$2:AI$366,ROUNDDOWN($C3732/24,0)+1,1)*INDEX($D$3:$AA$30,INDEX(Jesper!$R$2:$R$366,ROW(INDEX(Jesper!AI$2:AI$366,ROUNDDOWN($C3732/24,0)+1,1))-1)+IF('Standard Profiles'!$G$19=$B$10,7,0)+IF('Standard Profiles'!$G$19=$B$17,14,0)+IF('Standard Profiles'!$G$19=$B$24,21,0),MOD($C3732,24)+1)/SUM(INDEX($D$3:$AA$30,INDEX(Jesper!$R$2:$R$366,ROW(INDEX(Jesper!AI$2:AI$366,ROUNDDOWN($C3732/24,0)+1,1))-1)+IF('Standard Profiles'!$G$19=$B$10,7,0)+IF('Standard Profiles'!$G$19=$B$17,14,0)+IF('Standard Profiles'!$G$19=$B$24,21,0),0)),0)</f>
        <v>2.759709916775746</v>
      </c>
      <c r="F3732" cm="1">
        <f t="array" ref="F3732">IFERROR(INDEX(Jesper!AJ$2:AJ$366,ROUNDDOWN($C3732/24,0)+1,1)*INDEX($D$3:$AA$30,INDEX(Jesper!$R$2:$R$366,ROW(INDEX(Jesper!AJ$2:AJ$366,ROUNDDOWN($C3732/24,0)+1,1))-1)+IF('Standard Profiles'!$G$20=$B$10,7,0)+IF('Standard Profiles'!$G$20=$B$17,14,0)+IF('Standard Profiles'!$G$20=$B$24,21,0),MOD($C3732,24)+1)/SUM(INDEX($D$3:$AA$30,INDEX(Jesper!$R$2:$R$366,ROW(INDEX(Jesper!AJ$2:AJ$366,ROUNDDOWN($C3732/24,0)+1,1))-1)+IF('Standard Profiles'!$G$20=$B$10,7,0)+IF('Standard Profiles'!$G$20=$B$17,14,0)+IF('Standard Profiles'!$G$20=$B$24,21,0),0)),0)</f>
        <v>1.3534355832382592</v>
      </c>
      <c r="G3732" cm="1">
        <f t="array" ref="G3732">IFERROR(INDEX(Jesper!AK$2:AK$366,ROUNDDOWN($C3732/24,0)+1,1)*INDEX($D$3:$AA$30,INDEX(Jesper!$R$2:$R$366,ROW(INDEX(Jesper!AK$2:AK$366,ROUNDDOWN($C3732/24,0)+1,1))-1)+IF('Standard Profiles'!$G$21=$B$10,7,0)+IF('Standard Profiles'!$G$21=$B$17,14,0)+IF('Standard Profiles'!$G$21=$B$24,21,0),MOD($C3732,24)+1)/SUM(INDEX($D$3:$AA$30,INDEX(Jesper!$R$2:$R$366,ROW(INDEX(Jesper!AK$2:AK$366,ROUNDDOWN($C3732/24,0)+1,1))-1)+IF('Standard Profiles'!$G$21=$B$10,7,0)+IF('Standard Profiles'!$G$21=$B$17,14,0)+IF('Standard Profiles'!$G$21=$B$24,21,0),0)),0)</f>
        <v>0.88517511724189968</v>
      </c>
      <c r="H3732" cm="1">
        <f t="array" ref="H3732">IFERROR(INDEX(Jesper!AL$2:AL$366,ROUNDDOWN($C3732/24,0)+1,1)*INDEX($D$3:$AA$30,INDEX(Jesper!$R$2:$R$366,ROW(INDEX(Jesper!AL$2:AL$366,ROUNDDOWN($C3732/24,0)+1,1))-1)+IF('Standard Profiles'!$G$22=$B$10,7,0)+IF('Standard Profiles'!$G$22=$B$17,14,0)+IF('Standard Profiles'!$G$22=$B$24,21,0),MOD($C3732,24)+1)/SUM(INDEX($D$3:$AA$30,INDEX(Jesper!$R$2:$R$366,ROW(INDEX(Jesper!AL$2:AL$366,ROUNDDOWN($C3732/24,0)+1,1))-1)+IF('Standard Profiles'!$G$22=$B$10,7,0)+IF('Standard Profiles'!$G$22=$B$17,14,0)+IF('Standard Profiles'!$G$22=$B$24,21,0),0)),0)</f>
        <v>0.36727368617939599</v>
      </c>
      <c r="I3732">
        <f t="shared" si="419"/>
        <v>0.35258273873222035</v>
      </c>
      <c r="J3732">
        <f t="shared" si="420"/>
        <v>4.6818463746899912</v>
      </c>
      <c r="K3732">
        <f t="shared" si="421"/>
        <v>0.22077679334205969</v>
      </c>
      <c r="L3732">
        <f t="shared" si="422"/>
        <v>0.11038839667102984</v>
      </c>
      <c r="M3732">
        <f t="shared" si="423"/>
        <v>0</v>
      </c>
      <c r="N3732" s="45">
        <f t="shared" si="424"/>
        <v>45081.083333324365</v>
      </c>
    </row>
    <row r="3733" spans="2:14" x14ac:dyDescent="0.25">
      <c r="B3733">
        <f t="shared" si="418"/>
        <v>7</v>
      </c>
      <c r="C3733" s="16">
        <v>3699</v>
      </c>
      <c r="D3733" cm="1">
        <f t="array" ref="D3733">IFERROR(INDEX(Jesper!AH$2:AH$366,ROUNDDOWN($C3733/24,0)+1,1)*INDEX($D$3:$AA$30,INDEX(Jesper!$R$2:$R$366,ROW(INDEX(Jesper!AH$2:AH$366,ROUNDDOWN($C3733/24,0)+1,1))-1)+IF('Standard Profiles'!$G$18=$B$10,7,0)+IF('Standard Profiles'!$G$18=$B$17,14,0)+IF('Standard Profiles'!$G$18=$B$24,21,0),MOD($C3733,24)+1)/SUM(INDEX($D$3:$AA$30,INDEX(Jesper!$R$2:$R$366,ROW(INDEX(Jesper!AH$2:AH$366,ROUNDDOWN($C3733/24,0)+1,1))-1)+IF('Standard Profiles'!$G$18=$B$10,7,0)+IF('Standard Profiles'!$G$18=$B$17,14,0)+IF('Standard Profiles'!$G$18=$B$24,21,0),0)),0)</f>
        <v>0</v>
      </c>
      <c r="E3733" cm="1">
        <f t="array" ref="E3733">IFERROR(INDEX(Jesper!AI$2:AI$366,ROUNDDOWN($C3733/24,0)+1,1)*INDEX($D$3:$AA$30,INDEX(Jesper!$R$2:$R$366,ROW(INDEX(Jesper!AI$2:AI$366,ROUNDDOWN($C3733/24,0)+1,1))-1)+IF('Standard Profiles'!$G$19=$B$10,7,0)+IF('Standard Profiles'!$G$19=$B$17,14,0)+IF('Standard Profiles'!$G$19=$B$24,21,0),MOD($C3733,24)+1)/SUM(INDEX($D$3:$AA$30,INDEX(Jesper!$R$2:$R$366,ROW(INDEX(Jesper!AI$2:AI$366,ROUNDDOWN($C3733/24,0)+1,1))-1)+IF('Standard Profiles'!$G$19=$B$10,7,0)+IF('Standard Profiles'!$G$19=$B$17,14,0)+IF('Standard Profiles'!$G$19=$B$24,21,0),0)),0)</f>
        <v>2.759709916775746</v>
      </c>
      <c r="F3733" cm="1">
        <f t="array" ref="F3733">IFERROR(INDEX(Jesper!AJ$2:AJ$366,ROUNDDOWN($C3733/24,0)+1,1)*INDEX($D$3:$AA$30,INDEX(Jesper!$R$2:$R$366,ROW(INDEX(Jesper!AJ$2:AJ$366,ROUNDDOWN($C3733/24,0)+1,1))-1)+IF('Standard Profiles'!$G$20=$B$10,7,0)+IF('Standard Profiles'!$G$20=$B$17,14,0)+IF('Standard Profiles'!$G$20=$B$24,21,0),MOD($C3733,24)+1)/SUM(INDEX($D$3:$AA$30,INDEX(Jesper!$R$2:$R$366,ROW(INDEX(Jesper!AJ$2:AJ$366,ROUNDDOWN($C3733/24,0)+1,1))-1)+IF('Standard Profiles'!$G$20=$B$10,7,0)+IF('Standard Profiles'!$G$20=$B$17,14,0)+IF('Standard Profiles'!$G$20=$B$24,21,0),0)),0)</f>
        <v>1.3534355832382592</v>
      </c>
      <c r="G3733" cm="1">
        <f t="array" ref="G3733">IFERROR(INDEX(Jesper!AK$2:AK$366,ROUNDDOWN($C3733/24,0)+1,1)*INDEX($D$3:$AA$30,INDEX(Jesper!$R$2:$R$366,ROW(INDEX(Jesper!AK$2:AK$366,ROUNDDOWN($C3733/24,0)+1,1))-1)+IF('Standard Profiles'!$G$21=$B$10,7,0)+IF('Standard Profiles'!$G$21=$B$17,14,0)+IF('Standard Profiles'!$G$21=$B$24,21,0),MOD($C3733,24)+1)/SUM(INDEX($D$3:$AA$30,INDEX(Jesper!$R$2:$R$366,ROW(INDEX(Jesper!AK$2:AK$366,ROUNDDOWN($C3733/24,0)+1,1))-1)+IF('Standard Profiles'!$G$21=$B$10,7,0)+IF('Standard Profiles'!$G$21=$B$17,14,0)+IF('Standard Profiles'!$G$21=$B$24,21,0),0)),0)</f>
        <v>0.88517511724189968</v>
      </c>
      <c r="H3733" cm="1">
        <f t="array" ref="H3733">IFERROR(INDEX(Jesper!AL$2:AL$366,ROUNDDOWN($C3733/24,0)+1,1)*INDEX($D$3:$AA$30,INDEX(Jesper!$R$2:$R$366,ROW(INDEX(Jesper!AL$2:AL$366,ROUNDDOWN($C3733/24,0)+1,1))-1)+IF('Standard Profiles'!$G$22=$B$10,7,0)+IF('Standard Profiles'!$G$22=$B$17,14,0)+IF('Standard Profiles'!$G$22=$B$24,21,0),MOD($C3733,24)+1)/SUM(INDEX($D$3:$AA$30,INDEX(Jesper!$R$2:$R$366,ROW(INDEX(Jesper!AL$2:AL$366,ROUNDDOWN($C3733/24,0)+1,1))-1)+IF('Standard Profiles'!$G$22=$B$10,7,0)+IF('Standard Profiles'!$G$22=$B$17,14,0)+IF('Standard Profiles'!$G$22=$B$24,21,0),0)),0)</f>
        <v>0.36727368617939599</v>
      </c>
      <c r="I3733">
        <f t="shared" si="419"/>
        <v>0.35258273873222035</v>
      </c>
      <c r="J3733">
        <f t="shared" si="420"/>
        <v>4.6818463746899912</v>
      </c>
      <c r="K3733">
        <f t="shared" si="421"/>
        <v>0.22077679334205969</v>
      </c>
      <c r="L3733">
        <f t="shared" si="422"/>
        <v>0.11038839667102984</v>
      </c>
      <c r="M3733">
        <f t="shared" si="423"/>
        <v>0</v>
      </c>
      <c r="N3733" s="45">
        <f t="shared" si="424"/>
        <v>45081.124999991029</v>
      </c>
    </row>
    <row r="3734" spans="2:14" x14ac:dyDescent="0.25">
      <c r="B3734">
        <f t="shared" si="418"/>
        <v>7</v>
      </c>
      <c r="C3734" s="16">
        <v>3700</v>
      </c>
      <c r="D3734" cm="1">
        <f t="array" ref="D3734">IFERROR(INDEX(Jesper!AH$2:AH$366,ROUNDDOWN($C3734/24,0)+1,1)*INDEX($D$3:$AA$30,INDEX(Jesper!$R$2:$R$366,ROW(INDEX(Jesper!AH$2:AH$366,ROUNDDOWN($C3734/24,0)+1,1))-1)+IF('Standard Profiles'!$G$18=$B$10,7,0)+IF('Standard Profiles'!$G$18=$B$17,14,0)+IF('Standard Profiles'!$G$18=$B$24,21,0),MOD($C3734,24)+1)/SUM(INDEX($D$3:$AA$30,INDEX(Jesper!$R$2:$R$366,ROW(INDEX(Jesper!AH$2:AH$366,ROUNDDOWN($C3734/24,0)+1,1))-1)+IF('Standard Profiles'!$G$18=$B$10,7,0)+IF('Standard Profiles'!$G$18=$B$17,14,0)+IF('Standard Profiles'!$G$18=$B$24,21,0),0)),0)</f>
        <v>0</v>
      </c>
      <c r="E3734" cm="1">
        <f t="array" ref="E3734">IFERROR(INDEX(Jesper!AI$2:AI$366,ROUNDDOWN($C3734/24,0)+1,1)*INDEX($D$3:$AA$30,INDEX(Jesper!$R$2:$R$366,ROW(INDEX(Jesper!AI$2:AI$366,ROUNDDOWN($C3734/24,0)+1,1))-1)+IF('Standard Profiles'!$G$19=$B$10,7,0)+IF('Standard Profiles'!$G$19=$B$17,14,0)+IF('Standard Profiles'!$G$19=$B$24,21,0),MOD($C3734,24)+1)/SUM(INDEX($D$3:$AA$30,INDEX(Jesper!$R$2:$R$366,ROW(INDEX(Jesper!AI$2:AI$366,ROUNDDOWN($C3734/24,0)+1,1))-1)+IF('Standard Profiles'!$G$19=$B$10,7,0)+IF('Standard Profiles'!$G$19=$B$17,14,0)+IF('Standard Profiles'!$G$19=$B$24,21,0),0)),0)</f>
        <v>2.759709916775746</v>
      </c>
      <c r="F3734" cm="1">
        <f t="array" ref="F3734">IFERROR(INDEX(Jesper!AJ$2:AJ$366,ROUNDDOWN($C3734/24,0)+1,1)*INDEX($D$3:$AA$30,INDEX(Jesper!$R$2:$R$366,ROW(INDEX(Jesper!AJ$2:AJ$366,ROUNDDOWN($C3734/24,0)+1,1))-1)+IF('Standard Profiles'!$G$20=$B$10,7,0)+IF('Standard Profiles'!$G$20=$B$17,14,0)+IF('Standard Profiles'!$G$20=$B$24,21,0),MOD($C3734,24)+1)/SUM(INDEX($D$3:$AA$30,INDEX(Jesper!$R$2:$R$366,ROW(INDEX(Jesper!AJ$2:AJ$366,ROUNDDOWN($C3734/24,0)+1,1))-1)+IF('Standard Profiles'!$G$20=$B$10,7,0)+IF('Standard Profiles'!$G$20=$B$17,14,0)+IF('Standard Profiles'!$G$20=$B$24,21,0),0)),0)</f>
        <v>1.3534355832382592</v>
      </c>
      <c r="G3734" cm="1">
        <f t="array" ref="G3734">IFERROR(INDEX(Jesper!AK$2:AK$366,ROUNDDOWN($C3734/24,0)+1,1)*INDEX($D$3:$AA$30,INDEX(Jesper!$R$2:$R$366,ROW(INDEX(Jesper!AK$2:AK$366,ROUNDDOWN($C3734/24,0)+1,1))-1)+IF('Standard Profiles'!$G$21=$B$10,7,0)+IF('Standard Profiles'!$G$21=$B$17,14,0)+IF('Standard Profiles'!$G$21=$B$24,21,0),MOD($C3734,24)+1)/SUM(INDEX($D$3:$AA$30,INDEX(Jesper!$R$2:$R$366,ROW(INDEX(Jesper!AK$2:AK$366,ROUNDDOWN($C3734/24,0)+1,1))-1)+IF('Standard Profiles'!$G$21=$B$10,7,0)+IF('Standard Profiles'!$G$21=$B$17,14,0)+IF('Standard Profiles'!$G$21=$B$24,21,0),0)),0)</f>
        <v>0.88517511724189968</v>
      </c>
      <c r="H3734" cm="1">
        <f t="array" ref="H3734">IFERROR(INDEX(Jesper!AL$2:AL$366,ROUNDDOWN($C3734/24,0)+1,1)*INDEX($D$3:$AA$30,INDEX(Jesper!$R$2:$R$366,ROW(INDEX(Jesper!AL$2:AL$366,ROUNDDOWN($C3734/24,0)+1,1))-1)+IF('Standard Profiles'!$G$22=$B$10,7,0)+IF('Standard Profiles'!$G$22=$B$17,14,0)+IF('Standard Profiles'!$G$22=$B$24,21,0),MOD($C3734,24)+1)/SUM(INDEX($D$3:$AA$30,INDEX(Jesper!$R$2:$R$366,ROW(INDEX(Jesper!AL$2:AL$366,ROUNDDOWN($C3734/24,0)+1,1))-1)+IF('Standard Profiles'!$G$22=$B$10,7,0)+IF('Standard Profiles'!$G$22=$B$17,14,0)+IF('Standard Profiles'!$G$22=$B$24,21,0),0)),0)</f>
        <v>0.36727368617939599</v>
      </c>
      <c r="I3734">
        <f t="shared" si="419"/>
        <v>0.35258273873222035</v>
      </c>
      <c r="J3734">
        <f t="shared" si="420"/>
        <v>4.6818463746899912</v>
      </c>
      <c r="K3734">
        <f t="shared" si="421"/>
        <v>0.22077679334205969</v>
      </c>
      <c r="L3734">
        <f t="shared" si="422"/>
        <v>0.11038839667102984</v>
      </c>
      <c r="M3734">
        <f t="shared" si="423"/>
        <v>0</v>
      </c>
      <c r="N3734" s="45">
        <f t="shared" si="424"/>
        <v>45081.166666657693</v>
      </c>
    </row>
    <row r="3735" spans="2:14" x14ac:dyDescent="0.25">
      <c r="B3735">
        <f t="shared" si="418"/>
        <v>7</v>
      </c>
      <c r="C3735" s="16">
        <v>3701</v>
      </c>
      <c r="D3735" cm="1">
        <f t="array" ref="D3735">IFERROR(INDEX(Jesper!AH$2:AH$366,ROUNDDOWN($C3735/24,0)+1,1)*INDEX($D$3:$AA$30,INDEX(Jesper!$R$2:$R$366,ROW(INDEX(Jesper!AH$2:AH$366,ROUNDDOWN($C3735/24,0)+1,1))-1)+IF('Standard Profiles'!$G$18=$B$10,7,0)+IF('Standard Profiles'!$G$18=$B$17,14,0)+IF('Standard Profiles'!$G$18=$B$24,21,0),MOD($C3735,24)+1)/SUM(INDEX($D$3:$AA$30,INDEX(Jesper!$R$2:$R$366,ROW(INDEX(Jesper!AH$2:AH$366,ROUNDDOWN($C3735/24,0)+1,1))-1)+IF('Standard Profiles'!$G$18=$B$10,7,0)+IF('Standard Profiles'!$G$18=$B$17,14,0)+IF('Standard Profiles'!$G$18=$B$24,21,0),0)),0)</f>
        <v>0</v>
      </c>
      <c r="E3735" cm="1">
        <f t="array" ref="E3735">IFERROR(INDEX(Jesper!AI$2:AI$366,ROUNDDOWN($C3735/24,0)+1,1)*INDEX($D$3:$AA$30,INDEX(Jesper!$R$2:$R$366,ROW(INDEX(Jesper!AI$2:AI$366,ROUNDDOWN($C3735/24,0)+1,1))-1)+IF('Standard Profiles'!$G$19=$B$10,7,0)+IF('Standard Profiles'!$G$19=$B$17,14,0)+IF('Standard Profiles'!$G$19=$B$24,21,0),MOD($C3735,24)+1)/SUM(INDEX($D$3:$AA$30,INDEX(Jesper!$R$2:$R$366,ROW(INDEX(Jesper!AI$2:AI$366,ROUNDDOWN($C3735/24,0)+1,1))-1)+IF('Standard Profiles'!$G$19=$B$10,7,0)+IF('Standard Profiles'!$G$19=$B$17,14,0)+IF('Standard Profiles'!$G$19=$B$24,21,0),0)),0)</f>
        <v>2.759709916775746</v>
      </c>
      <c r="F3735" cm="1">
        <f t="array" ref="F3735">IFERROR(INDEX(Jesper!AJ$2:AJ$366,ROUNDDOWN($C3735/24,0)+1,1)*INDEX($D$3:$AA$30,INDEX(Jesper!$R$2:$R$366,ROW(INDEX(Jesper!AJ$2:AJ$366,ROUNDDOWN($C3735/24,0)+1,1))-1)+IF('Standard Profiles'!$G$20=$B$10,7,0)+IF('Standard Profiles'!$G$20=$B$17,14,0)+IF('Standard Profiles'!$G$20=$B$24,21,0),MOD($C3735,24)+1)/SUM(INDEX($D$3:$AA$30,INDEX(Jesper!$R$2:$R$366,ROW(INDEX(Jesper!AJ$2:AJ$366,ROUNDDOWN($C3735/24,0)+1,1))-1)+IF('Standard Profiles'!$G$20=$B$10,7,0)+IF('Standard Profiles'!$G$20=$B$17,14,0)+IF('Standard Profiles'!$G$20=$B$24,21,0),0)),0)</f>
        <v>1.3534355832382592</v>
      </c>
      <c r="G3735" cm="1">
        <f t="array" ref="G3735">IFERROR(INDEX(Jesper!AK$2:AK$366,ROUNDDOWN($C3735/24,0)+1,1)*INDEX($D$3:$AA$30,INDEX(Jesper!$R$2:$R$366,ROW(INDEX(Jesper!AK$2:AK$366,ROUNDDOWN($C3735/24,0)+1,1))-1)+IF('Standard Profiles'!$G$21=$B$10,7,0)+IF('Standard Profiles'!$G$21=$B$17,14,0)+IF('Standard Profiles'!$G$21=$B$24,21,0),MOD($C3735,24)+1)/SUM(INDEX($D$3:$AA$30,INDEX(Jesper!$R$2:$R$366,ROW(INDEX(Jesper!AK$2:AK$366,ROUNDDOWN($C3735/24,0)+1,1))-1)+IF('Standard Profiles'!$G$21=$B$10,7,0)+IF('Standard Profiles'!$G$21=$B$17,14,0)+IF('Standard Profiles'!$G$21=$B$24,21,0),0)),0)</f>
        <v>0.88517511724189968</v>
      </c>
      <c r="H3735" cm="1">
        <f t="array" ref="H3735">IFERROR(INDEX(Jesper!AL$2:AL$366,ROUNDDOWN($C3735/24,0)+1,1)*INDEX($D$3:$AA$30,INDEX(Jesper!$R$2:$R$366,ROW(INDEX(Jesper!AL$2:AL$366,ROUNDDOWN($C3735/24,0)+1,1))-1)+IF('Standard Profiles'!$G$22=$B$10,7,0)+IF('Standard Profiles'!$G$22=$B$17,14,0)+IF('Standard Profiles'!$G$22=$B$24,21,0),MOD($C3735,24)+1)/SUM(INDEX($D$3:$AA$30,INDEX(Jesper!$R$2:$R$366,ROW(INDEX(Jesper!AL$2:AL$366,ROUNDDOWN($C3735/24,0)+1,1))-1)+IF('Standard Profiles'!$G$22=$B$10,7,0)+IF('Standard Profiles'!$G$22=$B$17,14,0)+IF('Standard Profiles'!$G$22=$B$24,21,0),0)),0)</f>
        <v>0.45909210772424497</v>
      </c>
      <c r="I3735">
        <f t="shared" si="419"/>
        <v>0.44072842341527541</v>
      </c>
      <c r="J3735">
        <f t="shared" si="420"/>
        <v>4.6855191115517849</v>
      </c>
      <c r="K3735">
        <f t="shared" si="421"/>
        <v>0.22077679334205969</v>
      </c>
      <c r="L3735">
        <f t="shared" si="422"/>
        <v>0.11038839667102984</v>
      </c>
      <c r="M3735">
        <f t="shared" si="423"/>
        <v>0</v>
      </c>
      <c r="N3735" s="45">
        <f t="shared" si="424"/>
        <v>45081.208333324357</v>
      </c>
    </row>
    <row r="3736" spans="2:14" x14ac:dyDescent="0.25">
      <c r="B3736">
        <f t="shared" si="418"/>
        <v>7</v>
      </c>
      <c r="C3736" s="16">
        <v>3702</v>
      </c>
      <c r="D3736" cm="1">
        <f t="array" ref="D3736">IFERROR(INDEX(Jesper!AH$2:AH$366,ROUNDDOWN($C3736/24,0)+1,1)*INDEX($D$3:$AA$30,INDEX(Jesper!$R$2:$R$366,ROW(INDEX(Jesper!AH$2:AH$366,ROUNDDOWN($C3736/24,0)+1,1))-1)+IF('Standard Profiles'!$G$18=$B$10,7,0)+IF('Standard Profiles'!$G$18=$B$17,14,0)+IF('Standard Profiles'!$G$18=$B$24,21,0),MOD($C3736,24)+1)/SUM(INDEX($D$3:$AA$30,INDEX(Jesper!$R$2:$R$366,ROW(INDEX(Jesper!AH$2:AH$366,ROUNDDOWN($C3736/24,0)+1,1))-1)+IF('Standard Profiles'!$G$18=$B$10,7,0)+IF('Standard Profiles'!$G$18=$B$17,14,0)+IF('Standard Profiles'!$G$18=$B$24,21,0),0)),0)</f>
        <v>0</v>
      </c>
      <c r="E3736" cm="1">
        <f t="array" ref="E3736">IFERROR(INDEX(Jesper!AI$2:AI$366,ROUNDDOWN($C3736/24,0)+1,1)*INDEX($D$3:$AA$30,INDEX(Jesper!$R$2:$R$366,ROW(INDEX(Jesper!AI$2:AI$366,ROUNDDOWN($C3736/24,0)+1,1))-1)+IF('Standard Profiles'!$G$19=$B$10,7,0)+IF('Standard Profiles'!$G$19=$B$17,14,0)+IF('Standard Profiles'!$G$19=$B$24,21,0),MOD($C3736,24)+1)/SUM(INDEX($D$3:$AA$30,INDEX(Jesper!$R$2:$R$366,ROW(INDEX(Jesper!AI$2:AI$366,ROUNDDOWN($C3736/24,0)+1,1))-1)+IF('Standard Profiles'!$G$19=$B$10,7,0)+IF('Standard Profiles'!$G$19=$B$17,14,0)+IF('Standard Profiles'!$G$19=$B$24,21,0),0)),0)</f>
        <v>2.759709916775746</v>
      </c>
      <c r="F3736" cm="1">
        <f t="array" ref="F3736">IFERROR(INDEX(Jesper!AJ$2:AJ$366,ROUNDDOWN($C3736/24,0)+1,1)*INDEX($D$3:$AA$30,INDEX(Jesper!$R$2:$R$366,ROW(INDEX(Jesper!AJ$2:AJ$366,ROUNDDOWN($C3736/24,0)+1,1))-1)+IF('Standard Profiles'!$G$20=$B$10,7,0)+IF('Standard Profiles'!$G$20=$B$17,14,0)+IF('Standard Profiles'!$G$20=$B$24,21,0),MOD($C3736,24)+1)/SUM(INDEX($D$3:$AA$30,INDEX(Jesper!$R$2:$R$366,ROW(INDEX(Jesper!AJ$2:AJ$366,ROUNDDOWN($C3736/24,0)+1,1))-1)+IF('Standard Profiles'!$G$20=$B$10,7,0)+IF('Standard Profiles'!$G$20=$B$17,14,0)+IF('Standard Profiles'!$G$20=$B$24,21,0),0)),0)</f>
        <v>1.3534355832382592</v>
      </c>
      <c r="G3736" cm="1">
        <f t="array" ref="G3736">IFERROR(INDEX(Jesper!AK$2:AK$366,ROUNDDOWN($C3736/24,0)+1,1)*INDEX($D$3:$AA$30,INDEX(Jesper!$R$2:$R$366,ROW(INDEX(Jesper!AK$2:AK$366,ROUNDDOWN($C3736/24,0)+1,1))-1)+IF('Standard Profiles'!$G$21=$B$10,7,0)+IF('Standard Profiles'!$G$21=$B$17,14,0)+IF('Standard Profiles'!$G$21=$B$24,21,0),MOD($C3736,24)+1)/SUM(INDEX($D$3:$AA$30,INDEX(Jesper!$R$2:$R$366,ROW(INDEX(Jesper!AK$2:AK$366,ROUNDDOWN($C3736/24,0)+1,1))-1)+IF('Standard Profiles'!$G$21=$B$10,7,0)+IF('Standard Profiles'!$G$21=$B$17,14,0)+IF('Standard Profiles'!$G$21=$B$24,21,0),0)),0)</f>
        <v>0.88517511724189968</v>
      </c>
      <c r="H3736" cm="1">
        <f t="array" ref="H3736">IFERROR(INDEX(Jesper!AL$2:AL$366,ROUNDDOWN($C3736/24,0)+1,1)*INDEX($D$3:$AA$30,INDEX(Jesper!$R$2:$R$366,ROW(INDEX(Jesper!AL$2:AL$366,ROUNDDOWN($C3736/24,0)+1,1))-1)+IF('Standard Profiles'!$G$22=$B$10,7,0)+IF('Standard Profiles'!$G$22=$B$17,14,0)+IF('Standard Profiles'!$G$22=$B$24,21,0),MOD($C3736,24)+1)/SUM(INDEX($D$3:$AA$30,INDEX(Jesper!$R$2:$R$366,ROW(INDEX(Jesper!AL$2:AL$366,ROUNDDOWN($C3736/24,0)+1,1))-1)+IF('Standard Profiles'!$G$22=$B$10,7,0)+IF('Standard Profiles'!$G$22=$B$17,14,0)+IF('Standard Profiles'!$G$22=$B$24,21,0),0)),0)</f>
        <v>0.54070848243077752</v>
      </c>
      <c r="I3736">
        <f t="shared" si="419"/>
        <v>0.51908014313354667</v>
      </c>
      <c r="J3736">
        <f t="shared" si="420"/>
        <v>4.6887837665400465</v>
      </c>
      <c r="K3736">
        <f t="shared" si="421"/>
        <v>0.22077679334205969</v>
      </c>
      <c r="L3736">
        <f t="shared" si="422"/>
        <v>0.11038839667102984</v>
      </c>
      <c r="M3736">
        <f t="shared" si="423"/>
        <v>0</v>
      </c>
      <c r="N3736" s="45">
        <f t="shared" si="424"/>
        <v>45081.249999991021</v>
      </c>
    </row>
    <row r="3737" spans="2:14" x14ac:dyDescent="0.25">
      <c r="B3737">
        <f t="shared" si="418"/>
        <v>7</v>
      </c>
      <c r="C3737" s="16">
        <v>3703</v>
      </c>
      <c r="D3737" cm="1">
        <f t="array" ref="D3737">IFERROR(INDEX(Jesper!AH$2:AH$366,ROUNDDOWN($C3737/24,0)+1,1)*INDEX($D$3:$AA$30,INDEX(Jesper!$R$2:$R$366,ROW(INDEX(Jesper!AH$2:AH$366,ROUNDDOWN($C3737/24,0)+1,1))-1)+IF('Standard Profiles'!$G$18=$B$10,7,0)+IF('Standard Profiles'!$G$18=$B$17,14,0)+IF('Standard Profiles'!$G$18=$B$24,21,0),MOD($C3737,24)+1)/SUM(INDEX($D$3:$AA$30,INDEX(Jesper!$R$2:$R$366,ROW(INDEX(Jesper!AH$2:AH$366,ROUNDDOWN($C3737/24,0)+1,1))-1)+IF('Standard Profiles'!$G$18=$B$10,7,0)+IF('Standard Profiles'!$G$18=$B$17,14,0)+IF('Standard Profiles'!$G$18=$B$24,21,0),0)),0)</f>
        <v>0</v>
      </c>
      <c r="E3737" cm="1">
        <f t="array" ref="E3737">IFERROR(INDEX(Jesper!AI$2:AI$366,ROUNDDOWN($C3737/24,0)+1,1)*INDEX($D$3:$AA$30,INDEX(Jesper!$R$2:$R$366,ROW(INDEX(Jesper!AI$2:AI$366,ROUNDDOWN($C3737/24,0)+1,1))-1)+IF('Standard Profiles'!$G$19=$B$10,7,0)+IF('Standard Profiles'!$G$19=$B$17,14,0)+IF('Standard Profiles'!$G$19=$B$24,21,0),MOD($C3737,24)+1)/SUM(INDEX($D$3:$AA$30,INDEX(Jesper!$R$2:$R$366,ROW(INDEX(Jesper!AI$2:AI$366,ROUNDDOWN($C3737/24,0)+1,1))-1)+IF('Standard Profiles'!$G$19=$B$10,7,0)+IF('Standard Profiles'!$G$19=$B$17,14,0)+IF('Standard Profiles'!$G$19=$B$24,21,0),0)),0)</f>
        <v>2.759709916775746</v>
      </c>
      <c r="F3737" cm="1">
        <f t="array" ref="F3737">IFERROR(INDEX(Jesper!AJ$2:AJ$366,ROUNDDOWN($C3737/24,0)+1,1)*INDEX($D$3:$AA$30,INDEX(Jesper!$R$2:$R$366,ROW(INDEX(Jesper!AJ$2:AJ$366,ROUNDDOWN($C3737/24,0)+1,1))-1)+IF('Standard Profiles'!$G$20=$B$10,7,0)+IF('Standard Profiles'!$G$20=$B$17,14,0)+IF('Standard Profiles'!$G$20=$B$24,21,0),MOD($C3737,24)+1)/SUM(INDEX($D$3:$AA$30,INDEX(Jesper!$R$2:$R$366,ROW(INDEX(Jesper!AJ$2:AJ$366,ROUNDDOWN($C3737/24,0)+1,1))-1)+IF('Standard Profiles'!$G$20=$B$10,7,0)+IF('Standard Profiles'!$G$20=$B$17,14,0)+IF('Standard Profiles'!$G$20=$B$24,21,0),0)),0)</f>
        <v>1.3534355832382592</v>
      </c>
      <c r="G3737" cm="1">
        <f t="array" ref="G3737">IFERROR(INDEX(Jesper!AK$2:AK$366,ROUNDDOWN($C3737/24,0)+1,1)*INDEX($D$3:$AA$30,INDEX(Jesper!$R$2:$R$366,ROW(INDEX(Jesper!AK$2:AK$366,ROUNDDOWN($C3737/24,0)+1,1))-1)+IF('Standard Profiles'!$G$21=$B$10,7,0)+IF('Standard Profiles'!$G$21=$B$17,14,0)+IF('Standard Profiles'!$G$21=$B$24,21,0),MOD($C3737,24)+1)/SUM(INDEX($D$3:$AA$30,INDEX(Jesper!$R$2:$R$366,ROW(INDEX(Jesper!AK$2:AK$366,ROUNDDOWN($C3737/24,0)+1,1))-1)+IF('Standard Profiles'!$G$21=$B$10,7,0)+IF('Standard Profiles'!$G$21=$B$17,14,0)+IF('Standard Profiles'!$G$21=$B$24,21,0),0)),0)</f>
        <v>0.88517511724189968</v>
      </c>
      <c r="H3737" cm="1">
        <f t="array" ref="H3737">IFERROR(INDEX(Jesper!AL$2:AL$366,ROUNDDOWN($C3737/24,0)+1,1)*INDEX($D$3:$AA$30,INDEX(Jesper!$R$2:$R$366,ROW(INDEX(Jesper!AL$2:AL$366,ROUNDDOWN($C3737/24,0)+1,1))-1)+IF('Standard Profiles'!$G$22=$B$10,7,0)+IF('Standard Profiles'!$G$22=$B$17,14,0)+IF('Standard Profiles'!$G$22=$B$24,21,0),MOD($C3737,24)+1)/SUM(INDEX($D$3:$AA$30,INDEX(Jesper!$R$2:$R$366,ROW(INDEX(Jesper!AL$2:AL$366,ROUNDDOWN($C3737/24,0)+1,1))-1)+IF('Standard Profiles'!$G$22=$B$10,7,0)+IF('Standard Profiles'!$G$22=$B$17,14,0)+IF('Standard Profiles'!$G$22=$B$24,21,0),0)),0)</f>
        <v>0.64272895081394299</v>
      </c>
      <c r="I3737">
        <f t="shared" si="419"/>
        <v>0.61701979278138563</v>
      </c>
      <c r="J3737">
        <f t="shared" si="420"/>
        <v>4.6928645852753732</v>
      </c>
      <c r="K3737">
        <f t="shared" si="421"/>
        <v>0.22077679334205969</v>
      </c>
      <c r="L3737">
        <f t="shared" si="422"/>
        <v>0.11038839667102984</v>
      </c>
      <c r="M3737">
        <f t="shared" si="423"/>
        <v>0</v>
      </c>
      <c r="N3737" s="45">
        <f t="shared" si="424"/>
        <v>45081.291666657686</v>
      </c>
    </row>
    <row r="3738" spans="2:14" x14ac:dyDescent="0.25">
      <c r="B3738">
        <f t="shared" si="418"/>
        <v>7</v>
      </c>
      <c r="C3738" s="16">
        <v>3704</v>
      </c>
      <c r="D3738" cm="1">
        <f t="array" ref="D3738">IFERROR(INDEX(Jesper!AH$2:AH$366,ROUNDDOWN($C3738/24,0)+1,1)*INDEX($D$3:$AA$30,INDEX(Jesper!$R$2:$R$366,ROW(INDEX(Jesper!AH$2:AH$366,ROUNDDOWN($C3738/24,0)+1,1))-1)+IF('Standard Profiles'!$G$18=$B$10,7,0)+IF('Standard Profiles'!$G$18=$B$17,14,0)+IF('Standard Profiles'!$G$18=$B$24,21,0),MOD($C3738,24)+1)/SUM(INDEX($D$3:$AA$30,INDEX(Jesper!$R$2:$R$366,ROW(INDEX(Jesper!AH$2:AH$366,ROUNDDOWN($C3738/24,0)+1,1))-1)+IF('Standard Profiles'!$G$18=$B$10,7,0)+IF('Standard Profiles'!$G$18=$B$17,14,0)+IF('Standard Profiles'!$G$18=$B$24,21,0),0)),0)</f>
        <v>0</v>
      </c>
      <c r="E3738" cm="1">
        <f t="array" ref="E3738">IFERROR(INDEX(Jesper!AI$2:AI$366,ROUNDDOWN($C3738/24,0)+1,1)*INDEX($D$3:$AA$30,INDEX(Jesper!$R$2:$R$366,ROW(INDEX(Jesper!AI$2:AI$366,ROUNDDOWN($C3738/24,0)+1,1))-1)+IF('Standard Profiles'!$G$19=$B$10,7,0)+IF('Standard Profiles'!$G$19=$B$17,14,0)+IF('Standard Profiles'!$G$19=$B$24,21,0),MOD($C3738,24)+1)/SUM(INDEX($D$3:$AA$30,INDEX(Jesper!$R$2:$R$366,ROW(INDEX(Jesper!AI$2:AI$366,ROUNDDOWN($C3738/24,0)+1,1))-1)+IF('Standard Profiles'!$G$19=$B$10,7,0)+IF('Standard Profiles'!$G$19=$B$17,14,0)+IF('Standard Profiles'!$G$19=$B$24,21,0),0)),0)</f>
        <v>2.759709916775746</v>
      </c>
      <c r="F3738" cm="1">
        <f t="array" ref="F3738">IFERROR(INDEX(Jesper!AJ$2:AJ$366,ROUNDDOWN($C3738/24,0)+1,1)*INDEX($D$3:$AA$30,INDEX(Jesper!$R$2:$R$366,ROW(INDEX(Jesper!AJ$2:AJ$366,ROUNDDOWN($C3738/24,0)+1,1))-1)+IF('Standard Profiles'!$G$20=$B$10,7,0)+IF('Standard Profiles'!$G$20=$B$17,14,0)+IF('Standard Profiles'!$G$20=$B$24,21,0),MOD($C3738,24)+1)/SUM(INDEX($D$3:$AA$30,INDEX(Jesper!$R$2:$R$366,ROW(INDEX(Jesper!AJ$2:AJ$366,ROUNDDOWN($C3738/24,0)+1,1))-1)+IF('Standard Profiles'!$G$20=$B$10,7,0)+IF('Standard Profiles'!$G$20=$B$17,14,0)+IF('Standard Profiles'!$G$20=$B$24,21,0),0)),0)</f>
        <v>1.3534355832382592</v>
      </c>
      <c r="G3738" cm="1">
        <f t="array" ref="G3738">IFERROR(INDEX(Jesper!AK$2:AK$366,ROUNDDOWN($C3738/24,0)+1,1)*INDEX($D$3:$AA$30,INDEX(Jesper!$R$2:$R$366,ROW(INDEX(Jesper!AK$2:AK$366,ROUNDDOWN($C3738/24,0)+1,1))-1)+IF('Standard Profiles'!$G$21=$B$10,7,0)+IF('Standard Profiles'!$G$21=$B$17,14,0)+IF('Standard Profiles'!$G$21=$B$24,21,0),MOD($C3738,24)+1)/SUM(INDEX($D$3:$AA$30,INDEX(Jesper!$R$2:$R$366,ROW(INDEX(Jesper!AK$2:AK$366,ROUNDDOWN($C3738/24,0)+1,1))-1)+IF('Standard Profiles'!$G$21=$B$10,7,0)+IF('Standard Profiles'!$G$21=$B$17,14,0)+IF('Standard Profiles'!$G$21=$B$24,21,0),0)),0)</f>
        <v>0.88517511724189968</v>
      </c>
      <c r="H3738" cm="1">
        <f t="array" ref="H3738">IFERROR(INDEX(Jesper!AL$2:AL$366,ROUNDDOWN($C3738/24,0)+1,1)*INDEX($D$3:$AA$30,INDEX(Jesper!$R$2:$R$366,ROW(INDEX(Jesper!AL$2:AL$366,ROUNDDOWN($C3738/24,0)+1,1))-1)+IF('Standard Profiles'!$G$22=$B$10,7,0)+IF('Standard Profiles'!$G$22=$B$17,14,0)+IF('Standard Profiles'!$G$22=$B$24,21,0),MOD($C3738,24)+1)/SUM(INDEX($D$3:$AA$30,INDEX(Jesper!$R$2:$R$366,ROW(INDEX(Jesper!AL$2:AL$366,ROUNDDOWN($C3738/24,0)+1,1))-1)+IF('Standard Profiles'!$G$22=$B$10,7,0)+IF('Standard Profiles'!$G$22=$B$17,14,0)+IF('Standard Profiles'!$G$22=$B$24,21,0),0)),0)</f>
        <v>0.64272895081394299</v>
      </c>
      <c r="I3738">
        <f t="shared" si="419"/>
        <v>0.61701979278138563</v>
      </c>
      <c r="J3738">
        <f t="shared" si="420"/>
        <v>4.6928645852753732</v>
      </c>
      <c r="K3738">
        <f t="shared" si="421"/>
        <v>0.22077679334205969</v>
      </c>
      <c r="L3738">
        <f t="shared" si="422"/>
        <v>0.11038839667102984</v>
      </c>
      <c r="M3738">
        <f t="shared" si="423"/>
        <v>0</v>
      </c>
      <c r="N3738" s="45">
        <f t="shared" si="424"/>
        <v>45081.33333332435</v>
      </c>
    </row>
    <row r="3739" spans="2:14" x14ac:dyDescent="0.25">
      <c r="B3739">
        <f t="shared" si="418"/>
        <v>7</v>
      </c>
      <c r="C3739" s="16">
        <v>3705</v>
      </c>
      <c r="D3739" cm="1">
        <f t="array" ref="D3739">IFERROR(INDEX(Jesper!AH$2:AH$366,ROUNDDOWN($C3739/24,0)+1,1)*INDEX($D$3:$AA$30,INDEX(Jesper!$R$2:$R$366,ROW(INDEX(Jesper!AH$2:AH$366,ROUNDDOWN($C3739/24,0)+1,1))-1)+IF('Standard Profiles'!$G$18=$B$10,7,0)+IF('Standard Profiles'!$G$18=$B$17,14,0)+IF('Standard Profiles'!$G$18=$B$24,21,0),MOD($C3739,24)+1)/SUM(INDEX($D$3:$AA$30,INDEX(Jesper!$R$2:$R$366,ROW(INDEX(Jesper!AH$2:AH$366,ROUNDDOWN($C3739/24,0)+1,1))-1)+IF('Standard Profiles'!$G$18=$B$10,7,0)+IF('Standard Profiles'!$G$18=$B$17,14,0)+IF('Standard Profiles'!$G$18=$B$24,21,0),0)),0)</f>
        <v>0</v>
      </c>
      <c r="E3739" cm="1">
        <f t="array" ref="E3739">IFERROR(INDEX(Jesper!AI$2:AI$366,ROUNDDOWN($C3739/24,0)+1,1)*INDEX($D$3:$AA$30,INDEX(Jesper!$R$2:$R$366,ROW(INDEX(Jesper!AI$2:AI$366,ROUNDDOWN($C3739/24,0)+1,1))-1)+IF('Standard Profiles'!$G$19=$B$10,7,0)+IF('Standard Profiles'!$G$19=$B$17,14,0)+IF('Standard Profiles'!$G$19=$B$24,21,0),MOD($C3739,24)+1)/SUM(INDEX($D$3:$AA$30,INDEX(Jesper!$R$2:$R$366,ROW(INDEX(Jesper!AI$2:AI$366,ROUNDDOWN($C3739/24,0)+1,1))-1)+IF('Standard Profiles'!$G$19=$B$10,7,0)+IF('Standard Profiles'!$G$19=$B$17,14,0)+IF('Standard Profiles'!$G$19=$B$24,21,0),0)),0)</f>
        <v>2.759709916775746</v>
      </c>
      <c r="F3739" cm="1">
        <f t="array" ref="F3739">IFERROR(INDEX(Jesper!AJ$2:AJ$366,ROUNDDOWN($C3739/24,0)+1,1)*INDEX($D$3:$AA$30,INDEX(Jesper!$R$2:$R$366,ROW(INDEX(Jesper!AJ$2:AJ$366,ROUNDDOWN($C3739/24,0)+1,1))-1)+IF('Standard Profiles'!$G$20=$B$10,7,0)+IF('Standard Profiles'!$G$20=$B$17,14,0)+IF('Standard Profiles'!$G$20=$B$24,21,0),MOD($C3739,24)+1)/SUM(INDEX($D$3:$AA$30,INDEX(Jesper!$R$2:$R$366,ROW(INDEX(Jesper!AJ$2:AJ$366,ROUNDDOWN($C3739/24,0)+1,1))-1)+IF('Standard Profiles'!$G$20=$B$10,7,0)+IF('Standard Profiles'!$G$20=$B$17,14,0)+IF('Standard Profiles'!$G$20=$B$24,21,0),0)),0)</f>
        <v>1.3534355832382592</v>
      </c>
      <c r="G3739" cm="1">
        <f t="array" ref="G3739">IFERROR(INDEX(Jesper!AK$2:AK$366,ROUNDDOWN($C3739/24,0)+1,1)*INDEX($D$3:$AA$30,INDEX(Jesper!$R$2:$R$366,ROW(INDEX(Jesper!AK$2:AK$366,ROUNDDOWN($C3739/24,0)+1,1))-1)+IF('Standard Profiles'!$G$21=$B$10,7,0)+IF('Standard Profiles'!$G$21=$B$17,14,0)+IF('Standard Profiles'!$G$21=$B$24,21,0),MOD($C3739,24)+1)/SUM(INDEX($D$3:$AA$30,INDEX(Jesper!$R$2:$R$366,ROW(INDEX(Jesper!AK$2:AK$366,ROUNDDOWN($C3739/24,0)+1,1))-1)+IF('Standard Profiles'!$G$21=$B$10,7,0)+IF('Standard Profiles'!$G$21=$B$17,14,0)+IF('Standard Profiles'!$G$21=$B$24,21,0),0)),0)</f>
        <v>0.88517511724189968</v>
      </c>
      <c r="H3739" cm="1">
        <f t="array" ref="H3739">IFERROR(INDEX(Jesper!AL$2:AL$366,ROUNDDOWN($C3739/24,0)+1,1)*INDEX($D$3:$AA$30,INDEX(Jesper!$R$2:$R$366,ROW(INDEX(Jesper!AL$2:AL$366,ROUNDDOWN($C3739/24,0)+1,1))-1)+IF('Standard Profiles'!$G$22=$B$10,7,0)+IF('Standard Profiles'!$G$22=$B$17,14,0)+IF('Standard Profiles'!$G$22=$B$24,21,0),MOD($C3739,24)+1)/SUM(INDEX($D$3:$AA$30,INDEX(Jesper!$R$2:$R$366,ROW(INDEX(Jesper!AL$2:AL$366,ROUNDDOWN($C3739/24,0)+1,1))-1)+IF('Standard Profiles'!$G$22=$B$10,7,0)+IF('Standard Profiles'!$G$22=$B$17,14,0)+IF('Standard Profiles'!$G$22=$B$24,21,0),0)),0)</f>
        <v>0.64272895081394299</v>
      </c>
      <c r="I3739">
        <f t="shared" si="419"/>
        <v>0.61701979278138563</v>
      </c>
      <c r="J3739">
        <f t="shared" si="420"/>
        <v>4.6928645852753732</v>
      </c>
      <c r="K3739">
        <f t="shared" si="421"/>
        <v>0.22077679334205969</v>
      </c>
      <c r="L3739">
        <f t="shared" si="422"/>
        <v>0.11038839667102984</v>
      </c>
      <c r="M3739">
        <f t="shared" si="423"/>
        <v>0</v>
      </c>
      <c r="N3739" s="45">
        <f t="shared" si="424"/>
        <v>45081.374999991014</v>
      </c>
    </row>
    <row r="3740" spans="2:14" x14ac:dyDescent="0.25">
      <c r="B3740">
        <f t="shared" si="418"/>
        <v>7</v>
      </c>
      <c r="C3740" s="16">
        <v>3706</v>
      </c>
      <c r="D3740" cm="1">
        <f t="array" ref="D3740">IFERROR(INDEX(Jesper!AH$2:AH$366,ROUNDDOWN($C3740/24,0)+1,1)*INDEX($D$3:$AA$30,INDEX(Jesper!$R$2:$R$366,ROW(INDEX(Jesper!AH$2:AH$366,ROUNDDOWN($C3740/24,0)+1,1))-1)+IF('Standard Profiles'!$G$18=$B$10,7,0)+IF('Standard Profiles'!$G$18=$B$17,14,0)+IF('Standard Profiles'!$G$18=$B$24,21,0),MOD($C3740,24)+1)/SUM(INDEX($D$3:$AA$30,INDEX(Jesper!$R$2:$R$366,ROW(INDEX(Jesper!AH$2:AH$366,ROUNDDOWN($C3740/24,0)+1,1))-1)+IF('Standard Profiles'!$G$18=$B$10,7,0)+IF('Standard Profiles'!$G$18=$B$17,14,0)+IF('Standard Profiles'!$G$18=$B$24,21,0),0)),0)</f>
        <v>0</v>
      </c>
      <c r="E3740" cm="1">
        <f t="array" ref="E3740">IFERROR(INDEX(Jesper!AI$2:AI$366,ROUNDDOWN($C3740/24,0)+1,1)*INDEX($D$3:$AA$30,INDEX(Jesper!$R$2:$R$366,ROW(INDEX(Jesper!AI$2:AI$366,ROUNDDOWN($C3740/24,0)+1,1))-1)+IF('Standard Profiles'!$G$19=$B$10,7,0)+IF('Standard Profiles'!$G$19=$B$17,14,0)+IF('Standard Profiles'!$G$19=$B$24,21,0),MOD($C3740,24)+1)/SUM(INDEX($D$3:$AA$30,INDEX(Jesper!$R$2:$R$366,ROW(INDEX(Jesper!AI$2:AI$366,ROUNDDOWN($C3740/24,0)+1,1))-1)+IF('Standard Profiles'!$G$19=$B$10,7,0)+IF('Standard Profiles'!$G$19=$B$17,14,0)+IF('Standard Profiles'!$G$19=$B$24,21,0),0)),0)</f>
        <v>2.759709916775746</v>
      </c>
      <c r="F3740" cm="1">
        <f t="array" ref="F3740">IFERROR(INDEX(Jesper!AJ$2:AJ$366,ROUNDDOWN($C3740/24,0)+1,1)*INDEX($D$3:$AA$30,INDEX(Jesper!$R$2:$R$366,ROW(INDEX(Jesper!AJ$2:AJ$366,ROUNDDOWN($C3740/24,0)+1,1))-1)+IF('Standard Profiles'!$G$20=$B$10,7,0)+IF('Standard Profiles'!$G$20=$B$17,14,0)+IF('Standard Profiles'!$G$20=$B$24,21,0),MOD($C3740,24)+1)/SUM(INDEX($D$3:$AA$30,INDEX(Jesper!$R$2:$R$366,ROW(INDEX(Jesper!AJ$2:AJ$366,ROUNDDOWN($C3740/24,0)+1,1))-1)+IF('Standard Profiles'!$G$20=$B$10,7,0)+IF('Standard Profiles'!$G$20=$B$17,14,0)+IF('Standard Profiles'!$G$20=$B$24,21,0),0)),0)</f>
        <v>1.3534355832382592</v>
      </c>
      <c r="G3740" cm="1">
        <f t="array" ref="G3740">IFERROR(INDEX(Jesper!AK$2:AK$366,ROUNDDOWN($C3740/24,0)+1,1)*INDEX($D$3:$AA$30,INDEX(Jesper!$R$2:$R$366,ROW(INDEX(Jesper!AK$2:AK$366,ROUNDDOWN($C3740/24,0)+1,1))-1)+IF('Standard Profiles'!$G$21=$B$10,7,0)+IF('Standard Profiles'!$G$21=$B$17,14,0)+IF('Standard Profiles'!$G$21=$B$24,21,0),MOD($C3740,24)+1)/SUM(INDEX($D$3:$AA$30,INDEX(Jesper!$R$2:$R$366,ROW(INDEX(Jesper!AK$2:AK$366,ROUNDDOWN($C3740/24,0)+1,1))-1)+IF('Standard Profiles'!$G$21=$B$10,7,0)+IF('Standard Profiles'!$G$21=$B$17,14,0)+IF('Standard Profiles'!$G$21=$B$24,21,0),0)),0)</f>
        <v>0.88517511724189968</v>
      </c>
      <c r="H3740" cm="1">
        <f t="array" ref="H3740">IFERROR(INDEX(Jesper!AL$2:AL$366,ROUNDDOWN($C3740/24,0)+1,1)*INDEX($D$3:$AA$30,INDEX(Jesper!$R$2:$R$366,ROW(INDEX(Jesper!AL$2:AL$366,ROUNDDOWN($C3740/24,0)+1,1))-1)+IF('Standard Profiles'!$G$22=$B$10,7,0)+IF('Standard Profiles'!$G$22=$B$17,14,0)+IF('Standard Profiles'!$G$22=$B$24,21,0),MOD($C3740,24)+1)/SUM(INDEX($D$3:$AA$30,INDEX(Jesper!$R$2:$R$366,ROW(INDEX(Jesper!AL$2:AL$366,ROUNDDOWN($C3740/24,0)+1,1))-1)+IF('Standard Profiles'!$G$22=$B$10,7,0)+IF('Standard Profiles'!$G$22=$B$17,14,0)+IF('Standard Profiles'!$G$22=$B$24,21,0),0)),0)</f>
        <v>0.64272895081394299</v>
      </c>
      <c r="I3740">
        <f t="shared" si="419"/>
        <v>0.61701979278138563</v>
      </c>
      <c r="J3740">
        <f t="shared" si="420"/>
        <v>4.6928645852753732</v>
      </c>
      <c r="K3740">
        <f t="shared" si="421"/>
        <v>0.22077679334205969</v>
      </c>
      <c r="L3740">
        <f t="shared" si="422"/>
        <v>0.11038839667102984</v>
      </c>
      <c r="M3740">
        <f t="shared" si="423"/>
        <v>0</v>
      </c>
      <c r="N3740" s="45">
        <f t="shared" si="424"/>
        <v>45081.416666657678</v>
      </c>
    </row>
    <row r="3741" spans="2:14" x14ac:dyDescent="0.25">
      <c r="B3741">
        <f t="shared" si="418"/>
        <v>7</v>
      </c>
      <c r="C3741" s="16">
        <v>3707</v>
      </c>
      <c r="D3741" cm="1">
        <f t="array" ref="D3741">IFERROR(INDEX(Jesper!AH$2:AH$366,ROUNDDOWN($C3741/24,0)+1,1)*INDEX($D$3:$AA$30,INDEX(Jesper!$R$2:$R$366,ROW(INDEX(Jesper!AH$2:AH$366,ROUNDDOWN($C3741/24,0)+1,1))-1)+IF('Standard Profiles'!$G$18=$B$10,7,0)+IF('Standard Profiles'!$G$18=$B$17,14,0)+IF('Standard Profiles'!$G$18=$B$24,21,0),MOD($C3741,24)+1)/SUM(INDEX($D$3:$AA$30,INDEX(Jesper!$R$2:$R$366,ROW(INDEX(Jesper!AH$2:AH$366,ROUNDDOWN($C3741/24,0)+1,1))-1)+IF('Standard Profiles'!$G$18=$B$10,7,0)+IF('Standard Profiles'!$G$18=$B$17,14,0)+IF('Standard Profiles'!$G$18=$B$24,21,0),0)),0)</f>
        <v>0</v>
      </c>
      <c r="E3741" cm="1">
        <f t="array" ref="E3741">IFERROR(INDEX(Jesper!AI$2:AI$366,ROUNDDOWN($C3741/24,0)+1,1)*INDEX($D$3:$AA$30,INDEX(Jesper!$R$2:$R$366,ROW(INDEX(Jesper!AI$2:AI$366,ROUNDDOWN($C3741/24,0)+1,1))-1)+IF('Standard Profiles'!$G$19=$B$10,7,0)+IF('Standard Profiles'!$G$19=$B$17,14,0)+IF('Standard Profiles'!$G$19=$B$24,21,0),MOD($C3741,24)+1)/SUM(INDEX($D$3:$AA$30,INDEX(Jesper!$R$2:$R$366,ROW(INDEX(Jesper!AI$2:AI$366,ROUNDDOWN($C3741/24,0)+1,1))-1)+IF('Standard Profiles'!$G$19=$B$10,7,0)+IF('Standard Profiles'!$G$19=$B$17,14,0)+IF('Standard Profiles'!$G$19=$B$24,21,0),0)),0)</f>
        <v>2.759709916775746</v>
      </c>
      <c r="F3741" cm="1">
        <f t="array" ref="F3741">IFERROR(INDEX(Jesper!AJ$2:AJ$366,ROUNDDOWN($C3741/24,0)+1,1)*INDEX($D$3:$AA$30,INDEX(Jesper!$R$2:$R$366,ROW(INDEX(Jesper!AJ$2:AJ$366,ROUNDDOWN($C3741/24,0)+1,1))-1)+IF('Standard Profiles'!$G$20=$B$10,7,0)+IF('Standard Profiles'!$G$20=$B$17,14,0)+IF('Standard Profiles'!$G$20=$B$24,21,0),MOD($C3741,24)+1)/SUM(INDEX($D$3:$AA$30,INDEX(Jesper!$R$2:$R$366,ROW(INDEX(Jesper!AJ$2:AJ$366,ROUNDDOWN($C3741/24,0)+1,1))-1)+IF('Standard Profiles'!$G$20=$B$10,7,0)+IF('Standard Profiles'!$G$20=$B$17,14,0)+IF('Standard Profiles'!$G$20=$B$24,21,0),0)),0)</f>
        <v>1.3534355832382592</v>
      </c>
      <c r="G3741" cm="1">
        <f t="array" ref="G3741">IFERROR(INDEX(Jesper!AK$2:AK$366,ROUNDDOWN($C3741/24,0)+1,1)*INDEX($D$3:$AA$30,INDEX(Jesper!$R$2:$R$366,ROW(INDEX(Jesper!AK$2:AK$366,ROUNDDOWN($C3741/24,0)+1,1))-1)+IF('Standard Profiles'!$G$21=$B$10,7,0)+IF('Standard Profiles'!$G$21=$B$17,14,0)+IF('Standard Profiles'!$G$21=$B$24,21,0),MOD($C3741,24)+1)/SUM(INDEX($D$3:$AA$30,INDEX(Jesper!$R$2:$R$366,ROW(INDEX(Jesper!AK$2:AK$366,ROUNDDOWN($C3741/24,0)+1,1))-1)+IF('Standard Profiles'!$G$21=$B$10,7,0)+IF('Standard Profiles'!$G$21=$B$17,14,0)+IF('Standard Profiles'!$G$21=$B$24,21,0),0)),0)</f>
        <v>0.88517511724189968</v>
      </c>
      <c r="H3741" cm="1">
        <f t="array" ref="H3741">IFERROR(INDEX(Jesper!AL$2:AL$366,ROUNDDOWN($C3741/24,0)+1,1)*INDEX($D$3:$AA$30,INDEX(Jesper!$R$2:$R$366,ROW(INDEX(Jesper!AL$2:AL$366,ROUNDDOWN($C3741/24,0)+1,1))-1)+IF('Standard Profiles'!$G$22=$B$10,7,0)+IF('Standard Profiles'!$G$22=$B$17,14,0)+IF('Standard Profiles'!$G$22=$B$24,21,0),MOD($C3741,24)+1)/SUM(INDEX($D$3:$AA$30,INDEX(Jesper!$R$2:$R$366,ROW(INDEX(Jesper!AL$2:AL$366,ROUNDDOWN($C3741/24,0)+1,1))-1)+IF('Standard Profiles'!$G$22=$B$10,7,0)+IF('Standard Profiles'!$G$22=$B$17,14,0)+IF('Standard Profiles'!$G$22=$B$24,21,0),0)),0)</f>
        <v>0.64272895081394299</v>
      </c>
      <c r="I3741">
        <f t="shared" si="419"/>
        <v>0.61701979278138563</v>
      </c>
      <c r="J3741">
        <f t="shared" si="420"/>
        <v>4.6928645852753732</v>
      </c>
      <c r="K3741">
        <f t="shared" si="421"/>
        <v>0.22077679334205969</v>
      </c>
      <c r="L3741">
        <f t="shared" si="422"/>
        <v>0.11038839667102984</v>
      </c>
      <c r="M3741">
        <f t="shared" si="423"/>
        <v>0</v>
      </c>
      <c r="N3741" s="45">
        <f t="shared" si="424"/>
        <v>45081.458333324343</v>
      </c>
    </row>
    <row r="3742" spans="2:14" x14ac:dyDescent="0.25">
      <c r="B3742">
        <f t="shared" si="418"/>
        <v>7</v>
      </c>
      <c r="C3742" s="16">
        <v>3708</v>
      </c>
      <c r="D3742" cm="1">
        <f t="array" ref="D3742">IFERROR(INDEX(Jesper!AH$2:AH$366,ROUNDDOWN($C3742/24,0)+1,1)*INDEX($D$3:$AA$30,INDEX(Jesper!$R$2:$R$366,ROW(INDEX(Jesper!AH$2:AH$366,ROUNDDOWN($C3742/24,0)+1,1))-1)+IF('Standard Profiles'!$G$18=$B$10,7,0)+IF('Standard Profiles'!$G$18=$B$17,14,0)+IF('Standard Profiles'!$G$18=$B$24,21,0),MOD($C3742,24)+1)/SUM(INDEX($D$3:$AA$30,INDEX(Jesper!$R$2:$R$366,ROW(INDEX(Jesper!AH$2:AH$366,ROUNDDOWN($C3742/24,0)+1,1))-1)+IF('Standard Profiles'!$G$18=$B$10,7,0)+IF('Standard Profiles'!$G$18=$B$17,14,0)+IF('Standard Profiles'!$G$18=$B$24,21,0),0)),0)</f>
        <v>0</v>
      </c>
      <c r="E3742" cm="1">
        <f t="array" ref="E3742">IFERROR(INDEX(Jesper!AI$2:AI$366,ROUNDDOWN($C3742/24,0)+1,1)*INDEX($D$3:$AA$30,INDEX(Jesper!$R$2:$R$366,ROW(INDEX(Jesper!AI$2:AI$366,ROUNDDOWN($C3742/24,0)+1,1))-1)+IF('Standard Profiles'!$G$19=$B$10,7,0)+IF('Standard Profiles'!$G$19=$B$17,14,0)+IF('Standard Profiles'!$G$19=$B$24,21,0),MOD($C3742,24)+1)/SUM(INDEX($D$3:$AA$30,INDEX(Jesper!$R$2:$R$366,ROW(INDEX(Jesper!AI$2:AI$366,ROUNDDOWN($C3742/24,0)+1,1))-1)+IF('Standard Profiles'!$G$19=$B$10,7,0)+IF('Standard Profiles'!$G$19=$B$17,14,0)+IF('Standard Profiles'!$G$19=$B$24,21,0),0)),0)</f>
        <v>2.759709916775746</v>
      </c>
      <c r="F3742" cm="1">
        <f t="array" ref="F3742">IFERROR(INDEX(Jesper!AJ$2:AJ$366,ROUNDDOWN($C3742/24,0)+1,1)*INDEX($D$3:$AA$30,INDEX(Jesper!$R$2:$R$366,ROW(INDEX(Jesper!AJ$2:AJ$366,ROUNDDOWN($C3742/24,0)+1,1))-1)+IF('Standard Profiles'!$G$20=$B$10,7,0)+IF('Standard Profiles'!$G$20=$B$17,14,0)+IF('Standard Profiles'!$G$20=$B$24,21,0),MOD($C3742,24)+1)/SUM(INDEX($D$3:$AA$30,INDEX(Jesper!$R$2:$R$366,ROW(INDEX(Jesper!AJ$2:AJ$366,ROUNDDOWN($C3742/24,0)+1,1))-1)+IF('Standard Profiles'!$G$20=$B$10,7,0)+IF('Standard Profiles'!$G$20=$B$17,14,0)+IF('Standard Profiles'!$G$20=$B$24,21,0),0)),0)</f>
        <v>1.3534355832382592</v>
      </c>
      <c r="G3742" cm="1">
        <f t="array" ref="G3742">IFERROR(INDEX(Jesper!AK$2:AK$366,ROUNDDOWN($C3742/24,0)+1,1)*INDEX($D$3:$AA$30,INDEX(Jesper!$R$2:$R$366,ROW(INDEX(Jesper!AK$2:AK$366,ROUNDDOWN($C3742/24,0)+1,1))-1)+IF('Standard Profiles'!$G$21=$B$10,7,0)+IF('Standard Profiles'!$G$21=$B$17,14,0)+IF('Standard Profiles'!$G$21=$B$24,21,0),MOD($C3742,24)+1)/SUM(INDEX($D$3:$AA$30,INDEX(Jesper!$R$2:$R$366,ROW(INDEX(Jesper!AK$2:AK$366,ROUNDDOWN($C3742/24,0)+1,1))-1)+IF('Standard Profiles'!$G$21=$B$10,7,0)+IF('Standard Profiles'!$G$21=$B$17,14,0)+IF('Standard Profiles'!$G$21=$B$24,21,0),0)),0)</f>
        <v>0.88517511724189968</v>
      </c>
      <c r="H3742" cm="1">
        <f t="array" ref="H3742">IFERROR(INDEX(Jesper!AL$2:AL$366,ROUNDDOWN($C3742/24,0)+1,1)*INDEX($D$3:$AA$30,INDEX(Jesper!$R$2:$R$366,ROW(INDEX(Jesper!AL$2:AL$366,ROUNDDOWN($C3742/24,0)+1,1))-1)+IF('Standard Profiles'!$G$22=$B$10,7,0)+IF('Standard Profiles'!$G$22=$B$17,14,0)+IF('Standard Profiles'!$G$22=$B$24,21,0),MOD($C3742,24)+1)/SUM(INDEX($D$3:$AA$30,INDEX(Jesper!$R$2:$R$366,ROW(INDEX(Jesper!AL$2:AL$366,ROUNDDOWN($C3742/24,0)+1,1))-1)+IF('Standard Profiles'!$G$22=$B$10,7,0)+IF('Standard Profiles'!$G$22=$B$17,14,0)+IF('Standard Profiles'!$G$22=$B$24,21,0),0)),0)</f>
        <v>0.64272895081394299</v>
      </c>
      <c r="I3742">
        <f t="shared" si="419"/>
        <v>0.61701979278138563</v>
      </c>
      <c r="J3742">
        <f t="shared" si="420"/>
        <v>4.6928645852753732</v>
      </c>
      <c r="K3742">
        <f t="shared" si="421"/>
        <v>0.22077679334205969</v>
      </c>
      <c r="L3742">
        <f t="shared" si="422"/>
        <v>0.11038839667102984</v>
      </c>
      <c r="M3742">
        <f t="shared" si="423"/>
        <v>0</v>
      </c>
      <c r="N3742" s="45">
        <f t="shared" si="424"/>
        <v>45081.499999991007</v>
      </c>
    </row>
    <row r="3743" spans="2:14" x14ac:dyDescent="0.25">
      <c r="B3743">
        <f t="shared" si="418"/>
        <v>7</v>
      </c>
      <c r="C3743" s="16">
        <v>3709</v>
      </c>
      <c r="D3743" cm="1">
        <f t="array" ref="D3743">IFERROR(INDEX(Jesper!AH$2:AH$366,ROUNDDOWN($C3743/24,0)+1,1)*INDEX($D$3:$AA$30,INDEX(Jesper!$R$2:$R$366,ROW(INDEX(Jesper!AH$2:AH$366,ROUNDDOWN($C3743/24,0)+1,1))-1)+IF('Standard Profiles'!$G$18=$B$10,7,0)+IF('Standard Profiles'!$G$18=$B$17,14,0)+IF('Standard Profiles'!$G$18=$B$24,21,0),MOD($C3743,24)+1)/SUM(INDEX($D$3:$AA$30,INDEX(Jesper!$R$2:$R$366,ROW(INDEX(Jesper!AH$2:AH$366,ROUNDDOWN($C3743/24,0)+1,1))-1)+IF('Standard Profiles'!$G$18=$B$10,7,0)+IF('Standard Profiles'!$G$18=$B$17,14,0)+IF('Standard Profiles'!$G$18=$B$24,21,0),0)),0)</f>
        <v>0</v>
      </c>
      <c r="E3743" cm="1">
        <f t="array" ref="E3743">IFERROR(INDEX(Jesper!AI$2:AI$366,ROUNDDOWN($C3743/24,0)+1,1)*INDEX($D$3:$AA$30,INDEX(Jesper!$R$2:$R$366,ROW(INDEX(Jesper!AI$2:AI$366,ROUNDDOWN($C3743/24,0)+1,1))-1)+IF('Standard Profiles'!$G$19=$B$10,7,0)+IF('Standard Profiles'!$G$19=$B$17,14,0)+IF('Standard Profiles'!$G$19=$B$24,21,0),MOD($C3743,24)+1)/SUM(INDEX($D$3:$AA$30,INDEX(Jesper!$R$2:$R$366,ROW(INDEX(Jesper!AI$2:AI$366,ROUNDDOWN($C3743/24,0)+1,1))-1)+IF('Standard Profiles'!$G$19=$B$10,7,0)+IF('Standard Profiles'!$G$19=$B$17,14,0)+IF('Standard Profiles'!$G$19=$B$24,21,0),0)),0)</f>
        <v>2.759709916775746</v>
      </c>
      <c r="F3743" cm="1">
        <f t="array" ref="F3743">IFERROR(INDEX(Jesper!AJ$2:AJ$366,ROUNDDOWN($C3743/24,0)+1,1)*INDEX($D$3:$AA$30,INDEX(Jesper!$R$2:$R$366,ROW(INDEX(Jesper!AJ$2:AJ$366,ROUNDDOWN($C3743/24,0)+1,1))-1)+IF('Standard Profiles'!$G$20=$B$10,7,0)+IF('Standard Profiles'!$G$20=$B$17,14,0)+IF('Standard Profiles'!$G$20=$B$24,21,0),MOD($C3743,24)+1)/SUM(INDEX($D$3:$AA$30,INDEX(Jesper!$R$2:$R$366,ROW(INDEX(Jesper!AJ$2:AJ$366,ROUNDDOWN($C3743/24,0)+1,1))-1)+IF('Standard Profiles'!$G$20=$B$10,7,0)+IF('Standard Profiles'!$G$20=$B$17,14,0)+IF('Standard Profiles'!$G$20=$B$24,21,0),0)),0)</f>
        <v>1.3534355832382592</v>
      </c>
      <c r="G3743" cm="1">
        <f t="array" ref="G3743">IFERROR(INDEX(Jesper!AK$2:AK$366,ROUNDDOWN($C3743/24,0)+1,1)*INDEX($D$3:$AA$30,INDEX(Jesper!$R$2:$R$366,ROW(INDEX(Jesper!AK$2:AK$366,ROUNDDOWN($C3743/24,0)+1,1))-1)+IF('Standard Profiles'!$G$21=$B$10,7,0)+IF('Standard Profiles'!$G$21=$B$17,14,0)+IF('Standard Profiles'!$G$21=$B$24,21,0),MOD($C3743,24)+1)/SUM(INDEX($D$3:$AA$30,INDEX(Jesper!$R$2:$R$366,ROW(INDEX(Jesper!AK$2:AK$366,ROUNDDOWN($C3743/24,0)+1,1))-1)+IF('Standard Profiles'!$G$21=$B$10,7,0)+IF('Standard Profiles'!$G$21=$B$17,14,0)+IF('Standard Profiles'!$G$21=$B$24,21,0),0)),0)</f>
        <v>0.88517511724189968</v>
      </c>
      <c r="H3743" cm="1">
        <f t="array" ref="H3743">IFERROR(INDEX(Jesper!AL$2:AL$366,ROUNDDOWN($C3743/24,0)+1,1)*INDEX($D$3:$AA$30,INDEX(Jesper!$R$2:$R$366,ROW(INDEX(Jesper!AL$2:AL$366,ROUNDDOWN($C3743/24,0)+1,1))-1)+IF('Standard Profiles'!$G$22=$B$10,7,0)+IF('Standard Profiles'!$G$22=$B$17,14,0)+IF('Standard Profiles'!$G$22=$B$24,21,0),MOD($C3743,24)+1)/SUM(INDEX($D$3:$AA$30,INDEX(Jesper!$R$2:$R$366,ROW(INDEX(Jesper!AL$2:AL$366,ROUNDDOWN($C3743/24,0)+1,1))-1)+IF('Standard Profiles'!$G$22=$B$10,7,0)+IF('Standard Profiles'!$G$22=$B$17,14,0)+IF('Standard Profiles'!$G$22=$B$24,21,0),0)),0)</f>
        <v>0.64272895081394299</v>
      </c>
      <c r="I3743">
        <f t="shared" si="419"/>
        <v>0.61701979278138563</v>
      </c>
      <c r="J3743">
        <f t="shared" si="420"/>
        <v>4.6928645852753732</v>
      </c>
      <c r="K3743">
        <f t="shared" si="421"/>
        <v>0.22077679334205969</v>
      </c>
      <c r="L3743">
        <f t="shared" si="422"/>
        <v>0.11038839667102984</v>
      </c>
      <c r="M3743">
        <f t="shared" si="423"/>
        <v>0</v>
      </c>
      <c r="N3743" s="45">
        <f t="shared" si="424"/>
        <v>45081.541666657671</v>
      </c>
    </row>
    <row r="3744" spans="2:14" x14ac:dyDescent="0.25">
      <c r="B3744">
        <f t="shared" si="418"/>
        <v>7</v>
      </c>
      <c r="C3744" s="16">
        <v>3710</v>
      </c>
      <c r="D3744" cm="1">
        <f t="array" ref="D3744">IFERROR(INDEX(Jesper!AH$2:AH$366,ROUNDDOWN($C3744/24,0)+1,1)*INDEX($D$3:$AA$30,INDEX(Jesper!$R$2:$R$366,ROW(INDEX(Jesper!AH$2:AH$366,ROUNDDOWN($C3744/24,0)+1,1))-1)+IF('Standard Profiles'!$G$18=$B$10,7,0)+IF('Standard Profiles'!$G$18=$B$17,14,0)+IF('Standard Profiles'!$G$18=$B$24,21,0),MOD($C3744,24)+1)/SUM(INDEX($D$3:$AA$30,INDEX(Jesper!$R$2:$R$366,ROW(INDEX(Jesper!AH$2:AH$366,ROUNDDOWN($C3744/24,0)+1,1))-1)+IF('Standard Profiles'!$G$18=$B$10,7,0)+IF('Standard Profiles'!$G$18=$B$17,14,0)+IF('Standard Profiles'!$G$18=$B$24,21,0),0)),0)</f>
        <v>0</v>
      </c>
      <c r="E3744" cm="1">
        <f t="array" ref="E3744">IFERROR(INDEX(Jesper!AI$2:AI$366,ROUNDDOWN($C3744/24,0)+1,1)*INDEX($D$3:$AA$30,INDEX(Jesper!$R$2:$R$366,ROW(INDEX(Jesper!AI$2:AI$366,ROUNDDOWN($C3744/24,0)+1,1))-1)+IF('Standard Profiles'!$G$19=$B$10,7,0)+IF('Standard Profiles'!$G$19=$B$17,14,0)+IF('Standard Profiles'!$G$19=$B$24,21,0),MOD($C3744,24)+1)/SUM(INDEX($D$3:$AA$30,INDEX(Jesper!$R$2:$R$366,ROW(INDEX(Jesper!AI$2:AI$366,ROUNDDOWN($C3744/24,0)+1,1))-1)+IF('Standard Profiles'!$G$19=$B$10,7,0)+IF('Standard Profiles'!$G$19=$B$17,14,0)+IF('Standard Profiles'!$G$19=$B$24,21,0),0)),0)</f>
        <v>2.759709916775746</v>
      </c>
      <c r="F3744" cm="1">
        <f t="array" ref="F3744">IFERROR(INDEX(Jesper!AJ$2:AJ$366,ROUNDDOWN($C3744/24,0)+1,1)*INDEX($D$3:$AA$30,INDEX(Jesper!$R$2:$R$366,ROW(INDEX(Jesper!AJ$2:AJ$366,ROUNDDOWN($C3744/24,0)+1,1))-1)+IF('Standard Profiles'!$G$20=$B$10,7,0)+IF('Standard Profiles'!$G$20=$B$17,14,0)+IF('Standard Profiles'!$G$20=$B$24,21,0),MOD($C3744,24)+1)/SUM(INDEX($D$3:$AA$30,INDEX(Jesper!$R$2:$R$366,ROW(INDEX(Jesper!AJ$2:AJ$366,ROUNDDOWN($C3744/24,0)+1,1))-1)+IF('Standard Profiles'!$G$20=$B$10,7,0)+IF('Standard Profiles'!$G$20=$B$17,14,0)+IF('Standard Profiles'!$G$20=$B$24,21,0),0)),0)</f>
        <v>1.3534355832382592</v>
      </c>
      <c r="G3744" cm="1">
        <f t="array" ref="G3744">IFERROR(INDEX(Jesper!AK$2:AK$366,ROUNDDOWN($C3744/24,0)+1,1)*INDEX($D$3:$AA$30,INDEX(Jesper!$R$2:$R$366,ROW(INDEX(Jesper!AK$2:AK$366,ROUNDDOWN($C3744/24,0)+1,1))-1)+IF('Standard Profiles'!$G$21=$B$10,7,0)+IF('Standard Profiles'!$G$21=$B$17,14,0)+IF('Standard Profiles'!$G$21=$B$24,21,0),MOD($C3744,24)+1)/SUM(INDEX($D$3:$AA$30,INDEX(Jesper!$R$2:$R$366,ROW(INDEX(Jesper!AK$2:AK$366,ROUNDDOWN($C3744/24,0)+1,1))-1)+IF('Standard Profiles'!$G$21=$B$10,7,0)+IF('Standard Profiles'!$G$21=$B$17,14,0)+IF('Standard Profiles'!$G$21=$B$24,21,0),0)),0)</f>
        <v>0.88517511724189968</v>
      </c>
      <c r="H3744" cm="1">
        <f t="array" ref="H3744">IFERROR(INDEX(Jesper!AL$2:AL$366,ROUNDDOWN($C3744/24,0)+1,1)*INDEX($D$3:$AA$30,INDEX(Jesper!$R$2:$R$366,ROW(INDEX(Jesper!AL$2:AL$366,ROUNDDOWN($C3744/24,0)+1,1))-1)+IF('Standard Profiles'!$G$22=$B$10,7,0)+IF('Standard Profiles'!$G$22=$B$17,14,0)+IF('Standard Profiles'!$G$22=$B$24,21,0),MOD($C3744,24)+1)/SUM(INDEX($D$3:$AA$30,INDEX(Jesper!$R$2:$R$366,ROW(INDEX(Jesper!AL$2:AL$366,ROUNDDOWN($C3744/24,0)+1,1))-1)+IF('Standard Profiles'!$G$22=$B$10,7,0)+IF('Standard Profiles'!$G$22=$B$17,14,0)+IF('Standard Profiles'!$G$22=$B$24,21,0),0)),0)</f>
        <v>0.64272895081394299</v>
      </c>
      <c r="I3744">
        <f t="shared" si="419"/>
        <v>0.61701979278138563</v>
      </c>
      <c r="J3744">
        <f t="shared" si="420"/>
        <v>4.6928645852753732</v>
      </c>
      <c r="K3744">
        <f t="shared" si="421"/>
        <v>0.22077679334205969</v>
      </c>
      <c r="L3744">
        <f t="shared" si="422"/>
        <v>0.11038839667102984</v>
      </c>
      <c r="M3744">
        <f t="shared" si="423"/>
        <v>0</v>
      </c>
      <c r="N3744" s="45">
        <f t="shared" si="424"/>
        <v>45081.583333324335</v>
      </c>
    </row>
    <row r="3745" spans="2:14" x14ac:dyDescent="0.25">
      <c r="B3745">
        <f t="shared" si="418"/>
        <v>7</v>
      </c>
      <c r="C3745" s="16">
        <v>3711</v>
      </c>
      <c r="D3745" cm="1">
        <f t="array" ref="D3745">IFERROR(INDEX(Jesper!AH$2:AH$366,ROUNDDOWN($C3745/24,0)+1,1)*INDEX($D$3:$AA$30,INDEX(Jesper!$R$2:$R$366,ROW(INDEX(Jesper!AH$2:AH$366,ROUNDDOWN($C3745/24,0)+1,1))-1)+IF('Standard Profiles'!$G$18=$B$10,7,0)+IF('Standard Profiles'!$G$18=$B$17,14,0)+IF('Standard Profiles'!$G$18=$B$24,21,0),MOD($C3745,24)+1)/SUM(INDEX($D$3:$AA$30,INDEX(Jesper!$R$2:$R$366,ROW(INDEX(Jesper!AH$2:AH$366,ROUNDDOWN($C3745/24,0)+1,1))-1)+IF('Standard Profiles'!$G$18=$B$10,7,0)+IF('Standard Profiles'!$G$18=$B$17,14,0)+IF('Standard Profiles'!$G$18=$B$24,21,0),0)),0)</f>
        <v>0</v>
      </c>
      <c r="E3745" cm="1">
        <f t="array" ref="E3745">IFERROR(INDEX(Jesper!AI$2:AI$366,ROUNDDOWN($C3745/24,0)+1,1)*INDEX($D$3:$AA$30,INDEX(Jesper!$R$2:$R$366,ROW(INDEX(Jesper!AI$2:AI$366,ROUNDDOWN($C3745/24,0)+1,1))-1)+IF('Standard Profiles'!$G$19=$B$10,7,0)+IF('Standard Profiles'!$G$19=$B$17,14,0)+IF('Standard Profiles'!$G$19=$B$24,21,0),MOD($C3745,24)+1)/SUM(INDEX($D$3:$AA$30,INDEX(Jesper!$R$2:$R$366,ROW(INDEX(Jesper!AI$2:AI$366,ROUNDDOWN($C3745/24,0)+1,1))-1)+IF('Standard Profiles'!$G$19=$B$10,7,0)+IF('Standard Profiles'!$G$19=$B$17,14,0)+IF('Standard Profiles'!$G$19=$B$24,21,0),0)),0)</f>
        <v>2.759709916775746</v>
      </c>
      <c r="F3745" cm="1">
        <f t="array" ref="F3745">IFERROR(INDEX(Jesper!AJ$2:AJ$366,ROUNDDOWN($C3745/24,0)+1,1)*INDEX($D$3:$AA$30,INDEX(Jesper!$R$2:$R$366,ROW(INDEX(Jesper!AJ$2:AJ$366,ROUNDDOWN($C3745/24,0)+1,1))-1)+IF('Standard Profiles'!$G$20=$B$10,7,0)+IF('Standard Profiles'!$G$20=$B$17,14,0)+IF('Standard Profiles'!$G$20=$B$24,21,0),MOD($C3745,24)+1)/SUM(INDEX($D$3:$AA$30,INDEX(Jesper!$R$2:$R$366,ROW(INDEX(Jesper!AJ$2:AJ$366,ROUNDDOWN($C3745/24,0)+1,1))-1)+IF('Standard Profiles'!$G$20=$B$10,7,0)+IF('Standard Profiles'!$G$20=$B$17,14,0)+IF('Standard Profiles'!$G$20=$B$24,21,0),0)),0)</f>
        <v>1.3534355832382592</v>
      </c>
      <c r="G3745" cm="1">
        <f t="array" ref="G3745">IFERROR(INDEX(Jesper!AK$2:AK$366,ROUNDDOWN($C3745/24,0)+1,1)*INDEX($D$3:$AA$30,INDEX(Jesper!$R$2:$R$366,ROW(INDEX(Jesper!AK$2:AK$366,ROUNDDOWN($C3745/24,0)+1,1))-1)+IF('Standard Profiles'!$G$21=$B$10,7,0)+IF('Standard Profiles'!$G$21=$B$17,14,0)+IF('Standard Profiles'!$G$21=$B$24,21,0),MOD($C3745,24)+1)/SUM(INDEX($D$3:$AA$30,INDEX(Jesper!$R$2:$R$366,ROW(INDEX(Jesper!AK$2:AK$366,ROUNDDOWN($C3745/24,0)+1,1))-1)+IF('Standard Profiles'!$G$21=$B$10,7,0)+IF('Standard Profiles'!$G$21=$B$17,14,0)+IF('Standard Profiles'!$G$21=$B$24,21,0),0)),0)</f>
        <v>0.88517511724189968</v>
      </c>
      <c r="H3745" cm="1">
        <f t="array" ref="H3745">IFERROR(INDEX(Jesper!AL$2:AL$366,ROUNDDOWN($C3745/24,0)+1,1)*INDEX($D$3:$AA$30,INDEX(Jesper!$R$2:$R$366,ROW(INDEX(Jesper!AL$2:AL$366,ROUNDDOWN($C3745/24,0)+1,1))-1)+IF('Standard Profiles'!$G$22=$B$10,7,0)+IF('Standard Profiles'!$G$22=$B$17,14,0)+IF('Standard Profiles'!$G$22=$B$24,21,0),MOD($C3745,24)+1)/SUM(INDEX($D$3:$AA$30,INDEX(Jesper!$R$2:$R$366,ROW(INDEX(Jesper!AL$2:AL$366,ROUNDDOWN($C3745/24,0)+1,1))-1)+IF('Standard Profiles'!$G$22=$B$10,7,0)+IF('Standard Profiles'!$G$22=$B$17,14,0)+IF('Standard Profiles'!$G$22=$B$24,21,0),0)),0)</f>
        <v>0.5713146229457271</v>
      </c>
      <c r="I3745">
        <f t="shared" si="419"/>
        <v>0.54846203802789828</v>
      </c>
      <c r="J3745">
        <f t="shared" si="420"/>
        <v>4.6900080121606447</v>
      </c>
      <c r="K3745">
        <f t="shared" si="421"/>
        <v>0.22077679334205969</v>
      </c>
      <c r="L3745">
        <f t="shared" si="422"/>
        <v>0.11038839667102984</v>
      </c>
      <c r="M3745">
        <f t="shared" si="423"/>
        <v>0</v>
      </c>
      <c r="N3745" s="45">
        <f t="shared" si="424"/>
        <v>45081.624999991</v>
      </c>
    </row>
    <row r="3746" spans="2:14" x14ac:dyDescent="0.25">
      <c r="B3746">
        <f t="shared" si="418"/>
        <v>7</v>
      </c>
      <c r="C3746" s="16">
        <v>3712</v>
      </c>
      <c r="D3746" cm="1">
        <f t="array" ref="D3746">IFERROR(INDEX(Jesper!AH$2:AH$366,ROUNDDOWN($C3746/24,0)+1,1)*INDEX($D$3:$AA$30,INDEX(Jesper!$R$2:$R$366,ROW(INDEX(Jesper!AH$2:AH$366,ROUNDDOWN($C3746/24,0)+1,1))-1)+IF('Standard Profiles'!$G$18=$B$10,7,0)+IF('Standard Profiles'!$G$18=$B$17,14,0)+IF('Standard Profiles'!$G$18=$B$24,21,0),MOD($C3746,24)+1)/SUM(INDEX($D$3:$AA$30,INDEX(Jesper!$R$2:$R$366,ROW(INDEX(Jesper!AH$2:AH$366,ROUNDDOWN($C3746/24,0)+1,1))-1)+IF('Standard Profiles'!$G$18=$B$10,7,0)+IF('Standard Profiles'!$G$18=$B$17,14,0)+IF('Standard Profiles'!$G$18=$B$24,21,0),0)),0)</f>
        <v>0</v>
      </c>
      <c r="E3746" cm="1">
        <f t="array" ref="E3746">IFERROR(INDEX(Jesper!AI$2:AI$366,ROUNDDOWN($C3746/24,0)+1,1)*INDEX($D$3:$AA$30,INDEX(Jesper!$R$2:$R$366,ROW(INDEX(Jesper!AI$2:AI$366,ROUNDDOWN($C3746/24,0)+1,1))-1)+IF('Standard Profiles'!$G$19=$B$10,7,0)+IF('Standard Profiles'!$G$19=$B$17,14,0)+IF('Standard Profiles'!$G$19=$B$24,21,0),MOD($C3746,24)+1)/SUM(INDEX($D$3:$AA$30,INDEX(Jesper!$R$2:$R$366,ROW(INDEX(Jesper!AI$2:AI$366,ROUNDDOWN($C3746/24,0)+1,1))-1)+IF('Standard Profiles'!$G$19=$B$10,7,0)+IF('Standard Profiles'!$G$19=$B$17,14,0)+IF('Standard Profiles'!$G$19=$B$24,21,0),0)),0)</f>
        <v>2.759709916775746</v>
      </c>
      <c r="F3746" cm="1">
        <f t="array" ref="F3746">IFERROR(INDEX(Jesper!AJ$2:AJ$366,ROUNDDOWN($C3746/24,0)+1,1)*INDEX($D$3:$AA$30,INDEX(Jesper!$R$2:$R$366,ROW(INDEX(Jesper!AJ$2:AJ$366,ROUNDDOWN($C3746/24,0)+1,1))-1)+IF('Standard Profiles'!$G$20=$B$10,7,0)+IF('Standard Profiles'!$G$20=$B$17,14,0)+IF('Standard Profiles'!$G$20=$B$24,21,0),MOD($C3746,24)+1)/SUM(INDEX($D$3:$AA$30,INDEX(Jesper!$R$2:$R$366,ROW(INDEX(Jesper!AJ$2:AJ$366,ROUNDDOWN($C3746/24,0)+1,1))-1)+IF('Standard Profiles'!$G$20=$B$10,7,0)+IF('Standard Profiles'!$G$20=$B$17,14,0)+IF('Standard Profiles'!$G$20=$B$24,21,0),0)),0)</f>
        <v>1.3534355832382592</v>
      </c>
      <c r="G3746" cm="1">
        <f t="array" ref="G3746">IFERROR(INDEX(Jesper!AK$2:AK$366,ROUNDDOWN($C3746/24,0)+1,1)*INDEX($D$3:$AA$30,INDEX(Jesper!$R$2:$R$366,ROW(INDEX(Jesper!AK$2:AK$366,ROUNDDOWN($C3746/24,0)+1,1))-1)+IF('Standard Profiles'!$G$21=$B$10,7,0)+IF('Standard Profiles'!$G$21=$B$17,14,0)+IF('Standard Profiles'!$G$21=$B$24,21,0),MOD($C3746,24)+1)/SUM(INDEX($D$3:$AA$30,INDEX(Jesper!$R$2:$R$366,ROW(INDEX(Jesper!AK$2:AK$366,ROUNDDOWN($C3746/24,0)+1,1))-1)+IF('Standard Profiles'!$G$21=$B$10,7,0)+IF('Standard Profiles'!$G$21=$B$17,14,0)+IF('Standard Profiles'!$G$21=$B$24,21,0),0)),0)</f>
        <v>0.88517511724189968</v>
      </c>
      <c r="H3746" cm="1">
        <f t="array" ref="H3746">IFERROR(INDEX(Jesper!AL$2:AL$366,ROUNDDOWN($C3746/24,0)+1,1)*INDEX($D$3:$AA$30,INDEX(Jesper!$R$2:$R$366,ROW(INDEX(Jesper!AL$2:AL$366,ROUNDDOWN($C3746/24,0)+1,1))-1)+IF('Standard Profiles'!$G$22=$B$10,7,0)+IF('Standard Profiles'!$G$22=$B$17,14,0)+IF('Standard Profiles'!$G$22=$B$24,21,0),MOD($C3746,24)+1)/SUM(INDEX($D$3:$AA$30,INDEX(Jesper!$R$2:$R$366,ROW(INDEX(Jesper!AL$2:AL$366,ROUNDDOWN($C3746/24,0)+1,1))-1)+IF('Standard Profiles'!$G$22=$B$10,7,0)+IF('Standard Profiles'!$G$22=$B$17,14,0)+IF('Standard Profiles'!$G$22=$B$24,21,0),0)),0)</f>
        <v>0.5611125761074105</v>
      </c>
      <c r="I3746">
        <f t="shared" si="419"/>
        <v>0.53866807306311437</v>
      </c>
      <c r="J3746">
        <f t="shared" si="420"/>
        <v>4.6895999302871116</v>
      </c>
      <c r="K3746">
        <f t="shared" si="421"/>
        <v>0.22077679334205969</v>
      </c>
      <c r="L3746">
        <f t="shared" si="422"/>
        <v>0.11038839667102984</v>
      </c>
      <c r="M3746">
        <f t="shared" si="423"/>
        <v>0</v>
      </c>
      <c r="N3746" s="45">
        <f t="shared" si="424"/>
        <v>45081.666666657664</v>
      </c>
    </row>
    <row r="3747" spans="2:14" x14ac:dyDescent="0.25">
      <c r="B3747">
        <f t="shared" ref="B3747:B3810" si="425">WEEKDAY(N3747,2)</f>
        <v>7</v>
      </c>
      <c r="C3747" s="16">
        <v>3713</v>
      </c>
      <c r="D3747" cm="1">
        <f t="array" ref="D3747">IFERROR(INDEX(Jesper!AH$2:AH$366,ROUNDDOWN($C3747/24,0)+1,1)*INDEX($D$3:$AA$30,INDEX(Jesper!$R$2:$R$366,ROW(INDEX(Jesper!AH$2:AH$366,ROUNDDOWN($C3747/24,0)+1,1))-1)+IF('Standard Profiles'!$G$18=$B$10,7,0)+IF('Standard Profiles'!$G$18=$B$17,14,0)+IF('Standard Profiles'!$G$18=$B$24,21,0),MOD($C3747,24)+1)/SUM(INDEX($D$3:$AA$30,INDEX(Jesper!$R$2:$R$366,ROW(INDEX(Jesper!AH$2:AH$366,ROUNDDOWN($C3747/24,0)+1,1))-1)+IF('Standard Profiles'!$G$18=$B$10,7,0)+IF('Standard Profiles'!$G$18=$B$17,14,0)+IF('Standard Profiles'!$G$18=$B$24,21,0),0)),0)</f>
        <v>0</v>
      </c>
      <c r="E3747" cm="1">
        <f t="array" ref="E3747">IFERROR(INDEX(Jesper!AI$2:AI$366,ROUNDDOWN($C3747/24,0)+1,1)*INDEX($D$3:$AA$30,INDEX(Jesper!$R$2:$R$366,ROW(INDEX(Jesper!AI$2:AI$366,ROUNDDOWN($C3747/24,0)+1,1))-1)+IF('Standard Profiles'!$G$19=$B$10,7,0)+IF('Standard Profiles'!$G$19=$B$17,14,0)+IF('Standard Profiles'!$G$19=$B$24,21,0),MOD($C3747,24)+1)/SUM(INDEX($D$3:$AA$30,INDEX(Jesper!$R$2:$R$366,ROW(INDEX(Jesper!AI$2:AI$366,ROUNDDOWN($C3747/24,0)+1,1))-1)+IF('Standard Profiles'!$G$19=$B$10,7,0)+IF('Standard Profiles'!$G$19=$B$17,14,0)+IF('Standard Profiles'!$G$19=$B$24,21,0),0)),0)</f>
        <v>2.759709916775746</v>
      </c>
      <c r="F3747" cm="1">
        <f t="array" ref="F3747">IFERROR(INDEX(Jesper!AJ$2:AJ$366,ROUNDDOWN($C3747/24,0)+1,1)*INDEX($D$3:$AA$30,INDEX(Jesper!$R$2:$R$366,ROW(INDEX(Jesper!AJ$2:AJ$366,ROUNDDOWN($C3747/24,0)+1,1))-1)+IF('Standard Profiles'!$G$20=$B$10,7,0)+IF('Standard Profiles'!$G$20=$B$17,14,0)+IF('Standard Profiles'!$G$20=$B$24,21,0),MOD($C3747,24)+1)/SUM(INDEX($D$3:$AA$30,INDEX(Jesper!$R$2:$R$366,ROW(INDEX(Jesper!AJ$2:AJ$366,ROUNDDOWN($C3747/24,0)+1,1))-1)+IF('Standard Profiles'!$G$20=$B$10,7,0)+IF('Standard Profiles'!$G$20=$B$17,14,0)+IF('Standard Profiles'!$G$20=$B$24,21,0),0)),0)</f>
        <v>1.3534355832382592</v>
      </c>
      <c r="G3747" cm="1">
        <f t="array" ref="G3747">IFERROR(INDEX(Jesper!AK$2:AK$366,ROUNDDOWN($C3747/24,0)+1,1)*INDEX($D$3:$AA$30,INDEX(Jesper!$R$2:$R$366,ROW(INDEX(Jesper!AK$2:AK$366,ROUNDDOWN($C3747/24,0)+1,1))-1)+IF('Standard Profiles'!$G$21=$B$10,7,0)+IF('Standard Profiles'!$G$21=$B$17,14,0)+IF('Standard Profiles'!$G$21=$B$24,21,0),MOD($C3747,24)+1)/SUM(INDEX($D$3:$AA$30,INDEX(Jesper!$R$2:$R$366,ROW(INDEX(Jesper!AK$2:AK$366,ROUNDDOWN($C3747/24,0)+1,1))-1)+IF('Standard Profiles'!$G$21=$B$10,7,0)+IF('Standard Profiles'!$G$21=$B$17,14,0)+IF('Standard Profiles'!$G$21=$B$24,21,0),0)),0)</f>
        <v>0.88517511724189968</v>
      </c>
      <c r="H3747" cm="1">
        <f t="array" ref="H3747">IFERROR(INDEX(Jesper!AL$2:AL$366,ROUNDDOWN($C3747/24,0)+1,1)*INDEX($D$3:$AA$30,INDEX(Jesper!$R$2:$R$366,ROW(INDEX(Jesper!AL$2:AL$366,ROUNDDOWN($C3747/24,0)+1,1))-1)+IF('Standard Profiles'!$G$22=$B$10,7,0)+IF('Standard Profiles'!$G$22=$B$17,14,0)+IF('Standard Profiles'!$G$22=$B$24,21,0),MOD($C3747,24)+1)/SUM(INDEX($D$3:$AA$30,INDEX(Jesper!$R$2:$R$366,ROW(INDEX(Jesper!AL$2:AL$366,ROUNDDOWN($C3747/24,0)+1,1))-1)+IF('Standard Profiles'!$G$22=$B$10,7,0)+IF('Standard Profiles'!$G$22=$B$17,14,0)+IF('Standard Profiles'!$G$22=$B$24,21,0),0)),0)</f>
        <v>0.47949620140087817</v>
      </c>
      <c r="I3747">
        <f t="shared" ref="I3747:I3810" si="426">IF($B3747&lt;6,AC$37*$D3747+AC$38*$E3747+AC$39*$F3747+AC$40*$G3747,AC$46*$D3747+AC$47*$E3747+AC$48*$F3747+AC$49*$G3747+AC$50*$H3747)</f>
        <v>0.46031635334484328</v>
      </c>
      <c r="J3747">
        <f t="shared" ref="J3747:J3810" si="427">IF($B3747&lt;6,AD$37*$D3747+AD$38*$E3747+AD$39*$F3747+AD$40*$G3747,AD$46*$D3747+AD$47*$E3747+AD$48*$F3747+AD$49*$G3747+AD$50*$H3747)</f>
        <v>4.6863352752988501</v>
      </c>
      <c r="K3747">
        <f t="shared" ref="K3747:K3810" si="428">IF($B3747&lt;6,AE$37*$D3747+AE$38*$E3747+AE$39*$F3747+AE$40*$G3747,AE$46*$D3747+AE$47*$E3747+AE$48*$F3747+AE$49*$G3747+AE$50*$H3747)</f>
        <v>0.22077679334205969</v>
      </c>
      <c r="L3747">
        <f t="shared" ref="L3747:L3810" si="429">IF($B3747&lt;6,AF$37*$D3747+AF$38*$E3747+AF$39*$F3747+AF$40*$G3747,AF$46*$D3747+AF$47*$E3747+AF$48*$F3747+AF$49*$G3747+AF$50*$H3747)</f>
        <v>0.11038839667102984</v>
      </c>
      <c r="M3747">
        <f t="shared" ref="M3747:M3810" si="430">IF($B3747&lt;6,AG$37*$D3747+AG$38*$E3747+AG$39*$F3747+AG$40*$G3747,AG$46*$D3747+AG$47*$E3747+AG$48*$F3747+AG$49*$G3747+AG$50*$H3747)</f>
        <v>0</v>
      </c>
      <c r="N3747" s="45">
        <f t="shared" si="424"/>
        <v>45081.708333324328</v>
      </c>
    </row>
    <row r="3748" spans="2:14" x14ac:dyDescent="0.25">
      <c r="B3748">
        <f t="shared" si="425"/>
        <v>7</v>
      </c>
      <c r="C3748" s="16">
        <v>3714</v>
      </c>
      <c r="D3748" cm="1">
        <f t="array" ref="D3748">IFERROR(INDEX(Jesper!AH$2:AH$366,ROUNDDOWN($C3748/24,0)+1,1)*INDEX($D$3:$AA$30,INDEX(Jesper!$R$2:$R$366,ROW(INDEX(Jesper!AH$2:AH$366,ROUNDDOWN($C3748/24,0)+1,1))-1)+IF('Standard Profiles'!$G$18=$B$10,7,0)+IF('Standard Profiles'!$G$18=$B$17,14,0)+IF('Standard Profiles'!$G$18=$B$24,21,0),MOD($C3748,24)+1)/SUM(INDEX($D$3:$AA$30,INDEX(Jesper!$R$2:$R$366,ROW(INDEX(Jesper!AH$2:AH$366,ROUNDDOWN($C3748/24,0)+1,1))-1)+IF('Standard Profiles'!$G$18=$B$10,7,0)+IF('Standard Profiles'!$G$18=$B$17,14,0)+IF('Standard Profiles'!$G$18=$B$24,21,0),0)),0)</f>
        <v>0</v>
      </c>
      <c r="E3748" cm="1">
        <f t="array" ref="E3748">IFERROR(INDEX(Jesper!AI$2:AI$366,ROUNDDOWN($C3748/24,0)+1,1)*INDEX($D$3:$AA$30,INDEX(Jesper!$R$2:$R$366,ROW(INDEX(Jesper!AI$2:AI$366,ROUNDDOWN($C3748/24,0)+1,1))-1)+IF('Standard Profiles'!$G$19=$B$10,7,0)+IF('Standard Profiles'!$G$19=$B$17,14,0)+IF('Standard Profiles'!$G$19=$B$24,21,0),MOD($C3748,24)+1)/SUM(INDEX($D$3:$AA$30,INDEX(Jesper!$R$2:$R$366,ROW(INDEX(Jesper!AI$2:AI$366,ROUNDDOWN($C3748/24,0)+1,1))-1)+IF('Standard Profiles'!$G$19=$B$10,7,0)+IF('Standard Profiles'!$G$19=$B$17,14,0)+IF('Standard Profiles'!$G$19=$B$24,21,0),0)),0)</f>
        <v>2.759709916775746</v>
      </c>
      <c r="F3748" cm="1">
        <f t="array" ref="F3748">IFERROR(INDEX(Jesper!AJ$2:AJ$366,ROUNDDOWN($C3748/24,0)+1,1)*INDEX($D$3:$AA$30,INDEX(Jesper!$R$2:$R$366,ROW(INDEX(Jesper!AJ$2:AJ$366,ROUNDDOWN($C3748/24,0)+1,1))-1)+IF('Standard Profiles'!$G$20=$B$10,7,0)+IF('Standard Profiles'!$G$20=$B$17,14,0)+IF('Standard Profiles'!$G$20=$B$24,21,0),MOD($C3748,24)+1)/SUM(INDEX($D$3:$AA$30,INDEX(Jesper!$R$2:$R$366,ROW(INDEX(Jesper!AJ$2:AJ$366,ROUNDDOWN($C3748/24,0)+1,1))-1)+IF('Standard Profiles'!$G$20=$B$10,7,0)+IF('Standard Profiles'!$G$20=$B$17,14,0)+IF('Standard Profiles'!$G$20=$B$24,21,0),0)),0)</f>
        <v>1.3534355832382592</v>
      </c>
      <c r="G3748" cm="1">
        <f t="array" ref="G3748">IFERROR(INDEX(Jesper!AK$2:AK$366,ROUNDDOWN($C3748/24,0)+1,1)*INDEX($D$3:$AA$30,INDEX(Jesper!$R$2:$R$366,ROW(INDEX(Jesper!AK$2:AK$366,ROUNDDOWN($C3748/24,0)+1,1))-1)+IF('Standard Profiles'!$G$21=$B$10,7,0)+IF('Standard Profiles'!$G$21=$B$17,14,0)+IF('Standard Profiles'!$G$21=$B$24,21,0),MOD($C3748,24)+1)/SUM(INDEX($D$3:$AA$30,INDEX(Jesper!$R$2:$R$366,ROW(INDEX(Jesper!AK$2:AK$366,ROUNDDOWN($C3748/24,0)+1,1))-1)+IF('Standard Profiles'!$G$21=$B$10,7,0)+IF('Standard Profiles'!$G$21=$B$17,14,0)+IF('Standard Profiles'!$G$21=$B$24,21,0),0)),0)</f>
        <v>0.88517511724189968</v>
      </c>
      <c r="H3748" cm="1">
        <f t="array" ref="H3748">IFERROR(INDEX(Jesper!AL$2:AL$366,ROUNDDOWN($C3748/24,0)+1,1)*INDEX($D$3:$AA$30,INDEX(Jesper!$R$2:$R$366,ROW(INDEX(Jesper!AL$2:AL$366,ROUNDDOWN($C3748/24,0)+1,1))-1)+IF('Standard Profiles'!$G$22=$B$10,7,0)+IF('Standard Profiles'!$G$22=$B$17,14,0)+IF('Standard Profiles'!$G$22=$B$24,21,0),MOD($C3748,24)+1)/SUM(INDEX($D$3:$AA$30,INDEX(Jesper!$R$2:$R$366,ROW(INDEX(Jesper!AL$2:AL$366,ROUNDDOWN($C3748/24,0)+1,1))-1)+IF('Standard Profiles'!$G$22=$B$10,7,0)+IF('Standard Profiles'!$G$22=$B$17,14,0)+IF('Standard Profiles'!$G$22=$B$24,21,0),0)),0)</f>
        <v>0.44889006088592842</v>
      </c>
      <c r="I3748">
        <f t="shared" si="426"/>
        <v>0.4309344584504915</v>
      </c>
      <c r="J3748">
        <f t="shared" si="427"/>
        <v>4.6851110296782528</v>
      </c>
      <c r="K3748">
        <f t="shared" si="428"/>
        <v>0.22077679334205969</v>
      </c>
      <c r="L3748">
        <f t="shared" si="429"/>
        <v>0.11038839667102984</v>
      </c>
      <c r="M3748">
        <f t="shared" si="430"/>
        <v>0</v>
      </c>
      <c r="N3748" s="45">
        <f t="shared" ref="N3748:N3811" si="431">N3747+1/24</f>
        <v>45081.749999990992</v>
      </c>
    </row>
    <row r="3749" spans="2:14" x14ac:dyDescent="0.25">
      <c r="B3749">
        <f t="shared" si="425"/>
        <v>7</v>
      </c>
      <c r="C3749" s="16">
        <v>3715</v>
      </c>
      <c r="D3749" cm="1">
        <f t="array" ref="D3749">IFERROR(INDEX(Jesper!AH$2:AH$366,ROUNDDOWN($C3749/24,0)+1,1)*INDEX($D$3:$AA$30,INDEX(Jesper!$R$2:$R$366,ROW(INDEX(Jesper!AH$2:AH$366,ROUNDDOWN($C3749/24,0)+1,1))-1)+IF('Standard Profiles'!$G$18=$B$10,7,0)+IF('Standard Profiles'!$G$18=$B$17,14,0)+IF('Standard Profiles'!$G$18=$B$24,21,0),MOD($C3749,24)+1)/SUM(INDEX($D$3:$AA$30,INDEX(Jesper!$R$2:$R$366,ROW(INDEX(Jesper!AH$2:AH$366,ROUNDDOWN($C3749/24,0)+1,1))-1)+IF('Standard Profiles'!$G$18=$B$10,7,0)+IF('Standard Profiles'!$G$18=$B$17,14,0)+IF('Standard Profiles'!$G$18=$B$24,21,0),0)),0)</f>
        <v>0</v>
      </c>
      <c r="E3749" cm="1">
        <f t="array" ref="E3749">IFERROR(INDEX(Jesper!AI$2:AI$366,ROUNDDOWN($C3749/24,0)+1,1)*INDEX($D$3:$AA$30,INDEX(Jesper!$R$2:$R$366,ROW(INDEX(Jesper!AI$2:AI$366,ROUNDDOWN($C3749/24,0)+1,1))-1)+IF('Standard Profiles'!$G$19=$B$10,7,0)+IF('Standard Profiles'!$G$19=$B$17,14,0)+IF('Standard Profiles'!$G$19=$B$24,21,0),MOD($C3749,24)+1)/SUM(INDEX($D$3:$AA$30,INDEX(Jesper!$R$2:$R$366,ROW(INDEX(Jesper!AI$2:AI$366,ROUNDDOWN($C3749/24,0)+1,1))-1)+IF('Standard Profiles'!$G$19=$B$10,7,0)+IF('Standard Profiles'!$G$19=$B$17,14,0)+IF('Standard Profiles'!$G$19=$B$24,21,0),0)),0)</f>
        <v>2.759709916775746</v>
      </c>
      <c r="F3749" cm="1">
        <f t="array" ref="F3749">IFERROR(INDEX(Jesper!AJ$2:AJ$366,ROUNDDOWN($C3749/24,0)+1,1)*INDEX($D$3:$AA$30,INDEX(Jesper!$R$2:$R$366,ROW(INDEX(Jesper!AJ$2:AJ$366,ROUNDDOWN($C3749/24,0)+1,1))-1)+IF('Standard Profiles'!$G$20=$B$10,7,0)+IF('Standard Profiles'!$G$20=$B$17,14,0)+IF('Standard Profiles'!$G$20=$B$24,21,0),MOD($C3749,24)+1)/SUM(INDEX($D$3:$AA$30,INDEX(Jesper!$R$2:$R$366,ROW(INDEX(Jesper!AJ$2:AJ$366,ROUNDDOWN($C3749/24,0)+1,1))-1)+IF('Standard Profiles'!$G$20=$B$10,7,0)+IF('Standard Profiles'!$G$20=$B$17,14,0)+IF('Standard Profiles'!$G$20=$B$24,21,0),0)),0)</f>
        <v>1.3534355832382592</v>
      </c>
      <c r="G3749" cm="1">
        <f t="array" ref="G3749">IFERROR(INDEX(Jesper!AK$2:AK$366,ROUNDDOWN($C3749/24,0)+1,1)*INDEX($D$3:$AA$30,INDEX(Jesper!$R$2:$R$366,ROW(INDEX(Jesper!AK$2:AK$366,ROUNDDOWN($C3749/24,0)+1,1))-1)+IF('Standard Profiles'!$G$21=$B$10,7,0)+IF('Standard Profiles'!$G$21=$B$17,14,0)+IF('Standard Profiles'!$G$21=$B$24,21,0),MOD($C3749,24)+1)/SUM(INDEX($D$3:$AA$30,INDEX(Jesper!$R$2:$R$366,ROW(INDEX(Jesper!AK$2:AK$366,ROUNDDOWN($C3749/24,0)+1,1))-1)+IF('Standard Profiles'!$G$21=$B$10,7,0)+IF('Standard Profiles'!$G$21=$B$17,14,0)+IF('Standard Profiles'!$G$21=$B$24,21,0),0)),0)</f>
        <v>0.88517511724189968</v>
      </c>
      <c r="H3749" cm="1">
        <f t="array" ref="H3749">IFERROR(INDEX(Jesper!AL$2:AL$366,ROUNDDOWN($C3749/24,0)+1,1)*INDEX($D$3:$AA$30,INDEX(Jesper!$R$2:$R$366,ROW(INDEX(Jesper!AL$2:AL$366,ROUNDDOWN($C3749/24,0)+1,1))-1)+IF('Standard Profiles'!$G$22=$B$10,7,0)+IF('Standard Profiles'!$G$22=$B$17,14,0)+IF('Standard Profiles'!$G$22=$B$24,21,0),MOD($C3749,24)+1)/SUM(INDEX($D$3:$AA$30,INDEX(Jesper!$R$2:$R$366,ROW(INDEX(Jesper!AL$2:AL$366,ROUNDDOWN($C3749/24,0)+1,1))-1)+IF('Standard Profiles'!$G$22=$B$10,7,0)+IF('Standard Profiles'!$G$22=$B$17,14,0)+IF('Standard Profiles'!$G$22=$B$24,21,0),0)),0)</f>
        <v>0.37747573301771259</v>
      </c>
      <c r="I3749">
        <f t="shared" si="426"/>
        <v>0.36237670369700425</v>
      </c>
      <c r="J3749">
        <f t="shared" si="427"/>
        <v>4.6822544565635242</v>
      </c>
      <c r="K3749">
        <f t="shared" si="428"/>
        <v>0.22077679334205969</v>
      </c>
      <c r="L3749">
        <f t="shared" si="429"/>
        <v>0.11038839667102984</v>
      </c>
      <c r="M3749">
        <f t="shared" si="430"/>
        <v>0</v>
      </c>
      <c r="N3749" s="45">
        <f t="shared" si="431"/>
        <v>45081.791666657657</v>
      </c>
    </row>
    <row r="3750" spans="2:14" x14ac:dyDescent="0.25">
      <c r="B3750">
        <f t="shared" si="425"/>
        <v>7</v>
      </c>
      <c r="C3750" s="16">
        <v>3716</v>
      </c>
      <c r="D3750" cm="1">
        <f t="array" ref="D3750">IFERROR(INDEX(Jesper!AH$2:AH$366,ROUNDDOWN($C3750/24,0)+1,1)*INDEX($D$3:$AA$30,INDEX(Jesper!$R$2:$R$366,ROW(INDEX(Jesper!AH$2:AH$366,ROUNDDOWN($C3750/24,0)+1,1))-1)+IF('Standard Profiles'!$G$18=$B$10,7,0)+IF('Standard Profiles'!$G$18=$B$17,14,0)+IF('Standard Profiles'!$G$18=$B$24,21,0),MOD($C3750,24)+1)/SUM(INDEX($D$3:$AA$30,INDEX(Jesper!$R$2:$R$366,ROW(INDEX(Jesper!AH$2:AH$366,ROUNDDOWN($C3750/24,0)+1,1))-1)+IF('Standard Profiles'!$G$18=$B$10,7,0)+IF('Standard Profiles'!$G$18=$B$17,14,0)+IF('Standard Profiles'!$G$18=$B$24,21,0),0)),0)</f>
        <v>0</v>
      </c>
      <c r="E3750" cm="1">
        <f t="array" ref="E3750">IFERROR(INDEX(Jesper!AI$2:AI$366,ROUNDDOWN($C3750/24,0)+1,1)*INDEX($D$3:$AA$30,INDEX(Jesper!$R$2:$R$366,ROW(INDEX(Jesper!AI$2:AI$366,ROUNDDOWN($C3750/24,0)+1,1))-1)+IF('Standard Profiles'!$G$19=$B$10,7,0)+IF('Standard Profiles'!$G$19=$B$17,14,0)+IF('Standard Profiles'!$G$19=$B$24,21,0),MOD($C3750,24)+1)/SUM(INDEX($D$3:$AA$30,INDEX(Jesper!$R$2:$R$366,ROW(INDEX(Jesper!AI$2:AI$366,ROUNDDOWN($C3750/24,0)+1,1))-1)+IF('Standard Profiles'!$G$19=$B$10,7,0)+IF('Standard Profiles'!$G$19=$B$17,14,0)+IF('Standard Profiles'!$G$19=$B$24,21,0),0)),0)</f>
        <v>2.759709916775746</v>
      </c>
      <c r="F3750" cm="1">
        <f t="array" ref="F3750">IFERROR(INDEX(Jesper!AJ$2:AJ$366,ROUNDDOWN($C3750/24,0)+1,1)*INDEX($D$3:$AA$30,INDEX(Jesper!$R$2:$R$366,ROW(INDEX(Jesper!AJ$2:AJ$366,ROUNDDOWN($C3750/24,0)+1,1))-1)+IF('Standard Profiles'!$G$20=$B$10,7,0)+IF('Standard Profiles'!$G$20=$B$17,14,0)+IF('Standard Profiles'!$G$20=$B$24,21,0),MOD($C3750,24)+1)/SUM(INDEX($D$3:$AA$30,INDEX(Jesper!$R$2:$R$366,ROW(INDEX(Jesper!AJ$2:AJ$366,ROUNDDOWN($C3750/24,0)+1,1))-1)+IF('Standard Profiles'!$G$20=$B$10,7,0)+IF('Standard Profiles'!$G$20=$B$17,14,0)+IF('Standard Profiles'!$G$20=$B$24,21,0),0)),0)</f>
        <v>1.3534355832382592</v>
      </c>
      <c r="G3750" cm="1">
        <f t="array" ref="G3750">IFERROR(INDEX(Jesper!AK$2:AK$366,ROUNDDOWN($C3750/24,0)+1,1)*INDEX($D$3:$AA$30,INDEX(Jesper!$R$2:$R$366,ROW(INDEX(Jesper!AK$2:AK$366,ROUNDDOWN($C3750/24,0)+1,1))-1)+IF('Standard Profiles'!$G$21=$B$10,7,0)+IF('Standard Profiles'!$G$21=$B$17,14,0)+IF('Standard Profiles'!$G$21=$B$24,21,0),MOD($C3750,24)+1)/SUM(INDEX($D$3:$AA$30,INDEX(Jesper!$R$2:$R$366,ROW(INDEX(Jesper!AK$2:AK$366,ROUNDDOWN($C3750/24,0)+1,1))-1)+IF('Standard Profiles'!$G$21=$B$10,7,0)+IF('Standard Profiles'!$G$21=$B$17,14,0)+IF('Standard Profiles'!$G$21=$B$24,21,0),0)),0)</f>
        <v>0.88517511724189968</v>
      </c>
      <c r="H3750" cm="1">
        <f t="array" ref="H3750">IFERROR(INDEX(Jesper!AL$2:AL$366,ROUNDDOWN($C3750/24,0)+1,1)*INDEX($D$3:$AA$30,INDEX(Jesper!$R$2:$R$366,ROW(INDEX(Jesper!AL$2:AL$366,ROUNDDOWN($C3750/24,0)+1,1))-1)+IF('Standard Profiles'!$G$22=$B$10,7,0)+IF('Standard Profiles'!$G$22=$B$17,14,0)+IF('Standard Profiles'!$G$22=$B$24,21,0),MOD($C3750,24)+1)/SUM(INDEX($D$3:$AA$30,INDEX(Jesper!$R$2:$R$366,ROW(INDEX(Jesper!AL$2:AL$366,ROUNDDOWN($C3750/24,0)+1,1))-1)+IF('Standard Profiles'!$G$22=$B$10,7,0)+IF('Standard Profiles'!$G$22=$B$17,14,0)+IF('Standard Profiles'!$G$22=$B$24,21,0),0)),0)</f>
        <v>0.31626345198781319</v>
      </c>
      <c r="I3750">
        <f t="shared" si="426"/>
        <v>0.30361291390830081</v>
      </c>
      <c r="J3750">
        <f t="shared" si="427"/>
        <v>4.6798059653223278</v>
      </c>
      <c r="K3750">
        <f t="shared" si="428"/>
        <v>0.22077679334205969</v>
      </c>
      <c r="L3750">
        <f t="shared" si="429"/>
        <v>0.11038839667102984</v>
      </c>
      <c r="M3750">
        <f t="shared" si="430"/>
        <v>0</v>
      </c>
      <c r="N3750" s="45">
        <f t="shared" si="431"/>
        <v>45081.833333324321</v>
      </c>
    </row>
    <row r="3751" spans="2:14" x14ac:dyDescent="0.25">
      <c r="B3751">
        <f t="shared" si="425"/>
        <v>7</v>
      </c>
      <c r="C3751" s="16">
        <v>3717</v>
      </c>
      <c r="D3751" cm="1">
        <f t="array" ref="D3751">IFERROR(INDEX(Jesper!AH$2:AH$366,ROUNDDOWN($C3751/24,0)+1,1)*INDEX($D$3:$AA$30,INDEX(Jesper!$R$2:$R$366,ROW(INDEX(Jesper!AH$2:AH$366,ROUNDDOWN($C3751/24,0)+1,1))-1)+IF('Standard Profiles'!$G$18=$B$10,7,0)+IF('Standard Profiles'!$G$18=$B$17,14,0)+IF('Standard Profiles'!$G$18=$B$24,21,0),MOD($C3751,24)+1)/SUM(INDEX($D$3:$AA$30,INDEX(Jesper!$R$2:$R$366,ROW(INDEX(Jesper!AH$2:AH$366,ROUNDDOWN($C3751/24,0)+1,1))-1)+IF('Standard Profiles'!$G$18=$B$10,7,0)+IF('Standard Profiles'!$G$18=$B$17,14,0)+IF('Standard Profiles'!$G$18=$B$24,21,0),0)),0)</f>
        <v>0</v>
      </c>
      <c r="E3751" cm="1">
        <f t="array" ref="E3751">IFERROR(INDEX(Jesper!AI$2:AI$366,ROUNDDOWN($C3751/24,0)+1,1)*INDEX($D$3:$AA$30,INDEX(Jesper!$R$2:$R$366,ROW(INDEX(Jesper!AI$2:AI$366,ROUNDDOWN($C3751/24,0)+1,1))-1)+IF('Standard Profiles'!$G$19=$B$10,7,0)+IF('Standard Profiles'!$G$19=$B$17,14,0)+IF('Standard Profiles'!$G$19=$B$24,21,0),MOD($C3751,24)+1)/SUM(INDEX($D$3:$AA$30,INDEX(Jesper!$R$2:$R$366,ROW(INDEX(Jesper!AI$2:AI$366,ROUNDDOWN($C3751/24,0)+1,1))-1)+IF('Standard Profiles'!$G$19=$B$10,7,0)+IF('Standard Profiles'!$G$19=$B$17,14,0)+IF('Standard Profiles'!$G$19=$B$24,21,0),0)),0)</f>
        <v>2.759709916775746</v>
      </c>
      <c r="F3751" cm="1">
        <f t="array" ref="F3751">IFERROR(INDEX(Jesper!AJ$2:AJ$366,ROUNDDOWN($C3751/24,0)+1,1)*INDEX($D$3:$AA$30,INDEX(Jesper!$R$2:$R$366,ROW(INDEX(Jesper!AJ$2:AJ$366,ROUNDDOWN($C3751/24,0)+1,1))-1)+IF('Standard Profiles'!$G$20=$B$10,7,0)+IF('Standard Profiles'!$G$20=$B$17,14,0)+IF('Standard Profiles'!$G$20=$B$24,21,0),MOD($C3751,24)+1)/SUM(INDEX($D$3:$AA$30,INDEX(Jesper!$R$2:$R$366,ROW(INDEX(Jesper!AJ$2:AJ$366,ROUNDDOWN($C3751/24,0)+1,1))-1)+IF('Standard Profiles'!$G$20=$B$10,7,0)+IF('Standard Profiles'!$G$20=$B$17,14,0)+IF('Standard Profiles'!$G$20=$B$24,21,0),0)),0)</f>
        <v>1.3534355832382592</v>
      </c>
      <c r="G3751" cm="1">
        <f t="array" ref="G3751">IFERROR(INDEX(Jesper!AK$2:AK$366,ROUNDDOWN($C3751/24,0)+1,1)*INDEX($D$3:$AA$30,INDEX(Jesper!$R$2:$R$366,ROW(INDEX(Jesper!AK$2:AK$366,ROUNDDOWN($C3751/24,0)+1,1))-1)+IF('Standard Profiles'!$G$21=$B$10,7,0)+IF('Standard Profiles'!$G$21=$B$17,14,0)+IF('Standard Profiles'!$G$21=$B$24,21,0),MOD($C3751,24)+1)/SUM(INDEX($D$3:$AA$30,INDEX(Jesper!$R$2:$R$366,ROW(INDEX(Jesper!AK$2:AK$366,ROUNDDOWN($C3751/24,0)+1,1))-1)+IF('Standard Profiles'!$G$21=$B$10,7,0)+IF('Standard Profiles'!$G$21=$B$17,14,0)+IF('Standard Profiles'!$G$21=$B$24,21,0),0)),0)</f>
        <v>0.88517511724189968</v>
      </c>
      <c r="H3751" cm="1">
        <f t="array" ref="H3751">IFERROR(INDEX(Jesper!AL$2:AL$366,ROUNDDOWN($C3751/24,0)+1,1)*INDEX($D$3:$AA$30,INDEX(Jesper!$R$2:$R$366,ROW(INDEX(Jesper!AL$2:AL$366,ROUNDDOWN($C3751/24,0)+1,1))-1)+IF('Standard Profiles'!$G$22=$B$10,7,0)+IF('Standard Profiles'!$G$22=$B$17,14,0)+IF('Standard Profiles'!$G$22=$B$24,21,0),MOD($C3751,24)+1)/SUM(INDEX($D$3:$AA$30,INDEX(Jesper!$R$2:$R$366,ROW(INDEX(Jesper!AL$2:AL$366,ROUNDDOWN($C3751/24,0)+1,1))-1)+IF('Standard Profiles'!$G$22=$B$10,7,0)+IF('Standard Profiles'!$G$22=$B$17,14,0)+IF('Standard Profiles'!$G$22=$B$24,21,0),0)),0)</f>
        <v>0.275455264634547</v>
      </c>
      <c r="I3751">
        <f t="shared" si="426"/>
        <v>0.26443705404916529</v>
      </c>
      <c r="J3751">
        <f t="shared" si="427"/>
        <v>4.6781736378281975</v>
      </c>
      <c r="K3751">
        <f t="shared" si="428"/>
        <v>0.22077679334205969</v>
      </c>
      <c r="L3751">
        <f t="shared" si="429"/>
        <v>0.11038839667102984</v>
      </c>
      <c r="M3751">
        <f t="shared" si="430"/>
        <v>0</v>
      </c>
      <c r="N3751" s="45">
        <f t="shared" si="431"/>
        <v>45081.874999990985</v>
      </c>
    </row>
    <row r="3752" spans="2:14" x14ac:dyDescent="0.25">
      <c r="B3752">
        <f t="shared" si="425"/>
        <v>7</v>
      </c>
      <c r="C3752" s="16">
        <v>3718</v>
      </c>
      <c r="D3752" cm="1">
        <f t="array" ref="D3752">IFERROR(INDEX(Jesper!AH$2:AH$366,ROUNDDOWN($C3752/24,0)+1,1)*INDEX($D$3:$AA$30,INDEX(Jesper!$R$2:$R$366,ROW(INDEX(Jesper!AH$2:AH$366,ROUNDDOWN($C3752/24,0)+1,1))-1)+IF('Standard Profiles'!$G$18=$B$10,7,0)+IF('Standard Profiles'!$G$18=$B$17,14,0)+IF('Standard Profiles'!$G$18=$B$24,21,0),MOD($C3752,24)+1)/SUM(INDEX($D$3:$AA$30,INDEX(Jesper!$R$2:$R$366,ROW(INDEX(Jesper!AH$2:AH$366,ROUNDDOWN($C3752/24,0)+1,1))-1)+IF('Standard Profiles'!$G$18=$B$10,7,0)+IF('Standard Profiles'!$G$18=$B$17,14,0)+IF('Standard Profiles'!$G$18=$B$24,21,0),0)),0)</f>
        <v>0</v>
      </c>
      <c r="E3752" cm="1">
        <f t="array" ref="E3752">IFERROR(INDEX(Jesper!AI$2:AI$366,ROUNDDOWN($C3752/24,0)+1,1)*INDEX($D$3:$AA$30,INDEX(Jesper!$R$2:$R$366,ROW(INDEX(Jesper!AI$2:AI$366,ROUNDDOWN($C3752/24,0)+1,1))-1)+IF('Standard Profiles'!$G$19=$B$10,7,0)+IF('Standard Profiles'!$G$19=$B$17,14,0)+IF('Standard Profiles'!$G$19=$B$24,21,0),MOD($C3752,24)+1)/SUM(INDEX($D$3:$AA$30,INDEX(Jesper!$R$2:$R$366,ROW(INDEX(Jesper!AI$2:AI$366,ROUNDDOWN($C3752/24,0)+1,1))-1)+IF('Standard Profiles'!$G$19=$B$10,7,0)+IF('Standard Profiles'!$G$19=$B$17,14,0)+IF('Standard Profiles'!$G$19=$B$24,21,0),0)),0)</f>
        <v>2.759709916775746</v>
      </c>
      <c r="F3752" cm="1">
        <f t="array" ref="F3752">IFERROR(INDEX(Jesper!AJ$2:AJ$366,ROUNDDOWN($C3752/24,0)+1,1)*INDEX($D$3:$AA$30,INDEX(Jesper!$R$2:$R$366,ROW(INDEX(Jesper!AJ$2:AJ$366,ROUNDDOWN($C3752/24,0)+1,1))-1)+IF('Standard Profiles'!$G$20=$B$10,7,0)+IF('Standard Profiles'!$G$20=$B$17,14,0)+IF('Standard Profiles'!$G$20=$B$24,21,0),MOD($C3752,24)+1)/SUM(INDEX($D$3:$AA$30,INDEX(Jesper!$R$2:$R$366,ROW(INDEX(Jesper!AJ$2:AJ$366,ROUNDDOWN($C3752/24,0)+1,1))-1)+IF('Standard Profiles'!$G$20=$B$10,7,0)+IF('Standard Profiles'!$G$20=$B$17,14,0)+IF('Standard Profiles'!$G$20=$B$24,21,0),0)),0)</f>
        <v>1.3534355832382592</v>
      </c>
      <c r="G3752" cm="1">
        <f t="array" ref="G3752">IFERROR(INDEX(Jesper!AK$2:AK$366,ROUNDDOWN($C3752/24,0)+1,1)*INDEX($D$3:$AA$30,INDEX(Jesper!$R$2:$R$366,ROW(INDEX(Jesper!AK$2:AK$366,ROUNDDOWN($C3752/24,0)+1,1))-1)+IF('Standard Profiles'!$G$21=$B$10,7,0)+IF('Standard Profiles'!$G$21=$B$17,14,0)+IF('Standard Profiles'!$G$21=$B$24,21,0),MOD($C3752,24)+1)/SUM(INDEX($D$3:$AA$30,INDEX(Jesper!$R$2:$R$366,ROW(INDEX(Jesper!AK$2:AK$366,ROUNDDOWN($C3752/24,0)+1,1))-1)+IF('Standard Profiles'!$G$21=$B$10,7,0)+IF('Standard Profiles'!$G$21=$B$17,14,0)+IF('Standard Profiles'!$G$21=$B$24,21,0),0)),0)</f>
        <v>0.88517511724189968</v>
      </c>
      <c r="H3752" cm="1">
        <f t="array" ref="H3752">IFERROR(INDEX(Jesper!AL$2:AL$366,ROUNDDOWN($C3752/24,0)+1,1)*INDEX($D$3:$AA$30,INDEX(Jesper!$R$2:$R$366,ROW(INDEX(Jesper!AL$2:AL$366,ROUNDDOWN($C3752/24,0)+1,1))-1)+IF('Standard Profiles'!$G$22=$B$10,7,0)+IF('Standard Profiles'!$G$22=$B$17,14,0)+IF('Standard Profiles'!$G$22=$B$24,21,0),MOD($C3752,24)+1)/SUM(INDEX($D$3:$AA$30,INDEX(Jesper!$R$2:$R$366,ROW(INDEX(Jesper!AL$2:AL$366,ROUNDDOWN($C3752/24,0)+1,1))-1)+IF('Standard Profiles'!$G$22=$B$10,7,0)+IF('Standard Profiles'!$G$22=$B$17,14,0)+IF('Standard Profiles'!$G$22=$B$24,21,0),0)),0)</f>
        <v>0.275455264634547</v>
      </c>
      <c r="I3752">
        <f t="shared" si="426"/>
        <v>0.26443705404916529</v>
      </c>
      <c r="J3752">
        <f t="shared" si="427"/>
        <v>4.6781736378281975</v>
      </c>
      <c r="K3752">
        <f t="shared" si="428"/>
        <v>0.22077679334205969</v>
      </c>
      <c r="L3752">
        <f t="shared" si="429"/>
        <v>0.11038839667102984</v>
      </c>
      <c r="M3752">
        <f t="shared" si="430"/>
        <v>0</v>
      </c>
      <c r="N3752" s="45">
        <f t="shared" si="431"/>
        <v>45081.916666657649</v>
      </c>
    </row>
    <row r="3753" spans="2:14" x14ac:dyDescent="0.25">
      <c r="B3753">
        <f t="shared" si="425"/>
        <v>7</v>
      </c>
      <c r="C3753" s="16">
        <v>3719</v>
      </c>
      <c r="D3753" cm="1">
        <f t="array" ref="D3753">IFERROR(INDEX(Jesper!AH$2:AH$366,ROUNDDOWN($C3753/24,0)+1,1)*INDEX($D$3:$AA$30,INDEX(Jesper!$R$2:$R$366,ROW(INDEX(Jesper!AH$2:AH$366,ROUNDDOWN($C3753/24,0)+1,1))-1)+IF('Standard Profiles'!$G$18=$B$10,7,0)+IF('Standard Profiles'!$G$18=$B$17,14,0)+IF('Standard Profiles'!$G$18=$B$24,21,0),MOD($C3753,24)+1)/SUM(INDEX($D$3:$AA$30,INDEX(Jesper!$R$2:$R$366,ROW(INDEX(Jesper!AH$2:AH$366,ROUNDDOWN($C3753/24,0)+1,1))-1)+IF('Standard Profiles'!$G$18=$B$10,7,0)+IF('Standard Profiles'!$G$18=$B$17,14,0)+IF('Standard Profiles'!$G$18=$B$24,21,0),0)),0)</f>
        <v>0</v>
      </c>
      <c r="E3753" cm="1">
        <f t="array" ref="E3753">IFERROR(INDEX(Jesper!AI$2:AI$366,ROUNDDOWN($C3753/24,0)+1,1)*INDEX($D$3:$AA$30,INDEX(Jesper!$R$2:$R$366,ROW(INDEX(Jesper!AI$2:AI$366,ROUNDDOWN($C3753/24,0)+1,1))-1)+IF('Standard Profiles'!$G$19=$B$10,7,0)+IF('Standard Profiles'!$G$19=$B$17,14,0)+IF('Standard Profiles'!$G$19=$B$24,21,0),MOD($C3753,24)+1)/SUM(INDEX($D$3:$AA$30,INDEX(Jesper!$R$2:$R$366,ROW(INDEX(Jesper!AI$2:AI$366,ROUNDDOWN($C3753/24,0)+1,1))-1)+IF('Standard Profiles'!$G$19=$B$10,7,0)+IF('Standard Profiles'!$G$19=$B$17,14,0)+IF('Standard Profiles'!$G$19=$B$24,21,0),0)),0)</f>
        <v>2.759709916775746</v>
      </c>
      <c r="F3753" cm="1">
        <f t="array" ref="F3753">IFERROR(INDEX(Jesper!AJ$2:AJ$366,ROUNDDOWN($C3753/24,0)+1,1)*INDEX($D$3:$AA$30,INDEX(Jesper!$R$2:$R$366,ROW(INDEX(Jesper!AJ$2:AJ$366,ROUNDDOWN($C3753/24,0)+1,1))-1)+IF('Standard Profiles'!$G$20=$B$10,7,0)+IF('Standard Profiles'!$G$20=$B$17,14,0)+IF('Standard Profiles'!$G$20=$B$24,21,0),MOD($C3753,24)+1)/SUM(INDEX($D$3:$AA$30,INDEX(Jesper!$R$2:$R$366,ROW(INDEX(Jesper!AJ$2:AJ$366,ROUNDDOWN($C3753/24,0)+1,1))-1)+IF('Standard Profiles'!$G$20=$B$10,7,0)+IF('Standard Profiles'!$G$20=$B$17,14,0)+IF('Standard Profiles'!$G$20=$B$24,21,0),0)),0)</f>
        <v>1.3534355832382592</v>
      </c>
      <c r="G3753" cm="1">
        <f t="array" ref="G3753">IFERROR(INDEX(Jesper!AK$2:AK$366,ROUNDDOWN($C3753/24,0)+1,1)*INDEX($D$3:$AA$30,INDEX(Jesper!$R$2:$R$366,ROW(INDEX(Jesper!AK$2:AK$366,ROUNDDOWN($C3753/24,0)+1,1))-1)+IF('Standard Profiles'!$G$21=$B$10,7,0)+IF('Standard Profiles'!$G$21=$B$17,14,0)+IF('Standard Profiles'!$G$21=$B$24,21,0),MOD($C3753,24)+1)/SUM(INDEX($D$3:$AA$30,INDEX(Jesper!$R$2:$R$366,ROW(INDEX(Jesper!AK$2:AK$366,ROUNDDOWN($C3753/24,0)+1,1))-1)+IF('Standard Profiles'!$G$21=$B$10,7,0)+IF('Standard Profiles'!$G$21=$B$17,14,0)+IF('Standard Profiles'!$G$21=$B$24,21,0),0)),0)</f>
        <v>0.88517511724189968</v>
      </c>
      <c r="H3753" cm="1">
        <f t="array" ref="H3753">IFERROR(INDEX(Jesper!AL$2:AL$366,ROUNDDOWN($C3753/24,0)+1,1)*INDEX($D$3:$AA$30,INDEX(Jesper!$R$2:$R$366,ROW(INDEX(Jesper!AL$2:AL$366,ROUNDDOWN($C3753/24,0)+1,1))-1)+IF('Standard Profiles'!$G$22=$B$10,7,0)+IF('Standard Profiles'!$G$22=$B$17,14,0)+IF('Standard Profiles'!$G$22=$B$24,21,0),MOD($C3753,24)+1)/SUM(INDEX($D$3:$AA$30,INDEX(Jesper!$R$2:$R$366,ROW(INDEX(Jesper!AL$2:AL$366,ROUNDDOWN($C3753/24,0)+1,1))-1)+IF('Standard Profiles'!$G$22=$B$10,7,0)+IF('Standard Profiles'!$G$22=$B$17,14,0)+IF('Standard Profiles'!$G$22=$B$24,21,0),0)),0)</f>
        <v>0.275455264634547</v>
      </c>
      <c r="I3753">
        <f t="shared" si="426"/>
        <v>0.26443705404916529</v>
      </c>
      <c r="J3753">
        <f t="shared" si="427"/>
        <v>4.6781736378281975</v>
      </c>
      <c r="K3753">
        <f t="shared" si="428"/>
        <v>0.22077679334205969</v>
      </c>
      <c r="L3753">
        <f t="shared" si="429"/>
        <v>0.11038839667102984</v>
      </c>
      <c r="M3753">
        <f t="shared" si="430"/>
        <v>0</v>
      </c>
      <c r="N3753" s="45">
        <f t="shared" si="431"/>
        <v>45081.958333324314</v>
      </c>
    </row>
    <row r="3754" spans="2:14" x14ac:dyDescent="0.25">
      <c r="B3754">
        <f t="shared" si="425"/>
        <v>1</v>
      </c>
      <c r="C3754" s="16">
        <v>3720</v>
      </c>
      <c r="D3754" cm="1">
        <f t="array" ref="D3754">IFERROR(INDEX(Jesper!AH$2:AH$366,ROUNDDOWN($C3754/24,0)+1,1)*INDEX($D$3:$AA$30,INDEX(Jesper!$R$2:$R$366,ROW(INDEX(Jesper!AH$2:AH$366,ROUNDDOWN($C3754/24,0)+1,1))-1)+IF('Standard Profiles'!$G$18=$B$10,7,0)+IF('Standard Profiles'!$G$18=$B$17,14,0)+IF('Standard Profiles'!$G$18=$B$24,21,0),MOD($C3754,24)+1)/SUM(INDEX($D$3:$AA$30,INDEX(Jesper!$R$2:$R$366,ROW(INDEX(Jesper!AH$2:AH$366,ROUNDDOWN($C3754/24,0)+1,1))-1)+IF('Standard Profiles'!$G$18=$B$10,7,0)+IF('Standard Profiles'!$G$18=$B$17,14,0)+IF('Standard Profiles'!$G$18=$B$24,21,0),0)),0)</f>
        <v>5.2600026912053925</v>
      </c>
      <c r="E3754" cm="1">
        <f t="array" ref="E3754">IFERROR(INDEX(Jesper!AI$2:AI$366,ROUNDDOWN($C3754/24,0)+1,1)*INDEX($D$3:$AA$30,INDEX(Jesper!$R$2:$R$366,ROW(INDEX(Jesper!AI$2:AI$366,ROUNDDOWN($C3754/24,0)+1,1))-1)+IF('Standard Profiles'!$G$19=$B$10,7,0)+IF('Standard Profiles'!$G$19=$B$17,14,0)+IF('Standard Profiles'!$G$19=$B$24,21,0),MOD($C3754,24)+1)/SUM(INDEX($D$3:$AA$30,INDEX(Jesper!$R$2:$R$366,ROW(INDEX(Jesper!AI$2:AI$366,ROUNDDOWN($C3754/24,0)+1,1))-1)+IF('Standard Profiles'!$G$19=$B$10,7,0)+IF('Standard Profiles'!$G$19=$B$17,14,0)+IF('Standard Profiles'!$G$19=$B$24,21,0),0)),0)</f>
        <v>2.4188198847793565</v>
      </c>
      <c r="F3754" cm="1">
        <f t="array" ref="F3754">IFERROR(INDEX(Jesper!AJ$2:AJ$366,ROUNDDOWN($C3754/24,0)+1,1)*INDEX($D$3:$AA$30,INDEX(Jesper!$R$2:$R$366,ROW(INDEX(Jesper!AJ$2:AJ$366,ROUNDDOWN($C3754/24,0)+1,1))-1)+IF('Standard Profiles'!$G$20=$B$10,7,0)+IF('Standard Profiles'!$G$20=$B$17,14,0)+IF('Standard Profiles'!$G$20=$B$24,21,0),MOD($C3754,24)+1)/SUM(INDEX($D$3:$AA$30,INDEX(Jesper!$R$2:$R$366,ROW(INDEX(Jesper!AJ$2:AJ$366,ROUNDDOWN($C3754/24,0)+1,1))-1)+IF('Standard Profiles'!$G$20=$B$10,7,0)+IF('Standard Profiles'!$G$20=$B$17,14,0)+IF('Standard Profiles'!$G$20=$B$24,21,0),0)),0)</f>
        <v>0</v>
      </c>
      <c r="G3754" cm="1">
        <f t="array" ref="G3754">IFERROR(INDEX(Jesper!AK$2:AK$366,ROUNDDOWN($C3754/24,0)+1,1)*INDEX($D$3:$AA$30,INDEX(Jesper!$R$2:$R$366,ROW(INDEX(Jesper!AK$2:AK$366,ROUNDDOWN($C3754/24,0)+1,1))-1)+IF('Standard Profiles'!$G$21=$B$10,7,0)+IF('Standard Profiles'!$G$21=$B$17,14,0)+IF('Standard Profiles'!$G$21=$B$24,21,0),MOD($C3754,24)+1)/SUM(INDEX($D$3:$AA$30,INDEX(Jesper!$R$2:$R$366,ROW(INDEX(Jesper!AK$2:AK$366,ROUNDDOWN($C3754/24,0)+1,1))-1)+IF('Standard Profiles'!$G$21=$B$10,7,0)+IF('Standard Profiles'!$G$21=$B$17,14,0)+IF('Standard Profiles'!$G$21=$B$24,21,0),0)),0)</f>
        <v>0.37683758164613546</v>
      </c>
      <c r="H3754" cm="1">
        <f t="array" ref="H3754">IFERROR(INDEX(Jesper!AL$2:AL$366,ROUNDDOWN($C3754/24,0)+1,1)*INDEX($D$3:$AA$30,INDEX(Jesper!$R$2:$R$366,ROW(INDEX(Jesper!AL$2:AL$366,ROUNDDOWN($C3754/24,0)+1,1))-1)+IF('Standard Profiles'!$G$22=$B$10,7,0)+IF('Standard Profiles'!$G$22=$B$17,14,0)+IF('Standard Profiles'!$G$22=$B$24,21,0),MOD($C3754,24)+1)/SUM(INDEX($D$3:$AA$30,INDEX(Jesper!$R$2:$R$366,ROW(INDEX(Jesper!AL$2:AL$366,ROUNDDOWN($C3754/24,0)+1,1))-1)+IF('Standard Profiles'!$G$22=$B$10,7,0)+IF('Standard Profiles'!$G$22=$B$17,14,0)+IF('Standard Profiles'!$G$22=$B$24,21,0),0)),0)</f>
        <v>0</v>
      </c>
      <c r="I3754">
        <f t="shared" si="426"/>
        <v>0.18088203919014492</v>
      </c>
      <c r="J3754">
        <f t="shared" si="427"/>
        <v>7.0331776878478767</v>
      </c>
      <c r="K3754">
        <f t="shared" si="428"/>
        <v>0.56106695372857529</v>
      </c>
      <c r="L3754">
        <f t="shared" si="429"/>
        <v>0.28053347686428765</v>
      </c>
      <c r="M3754">
        <f t="shared" si="430"/>
        <v>0</v>
      </c>
      <c r="N3754" s="45">
        <f t="shared" si="431"/>
        <v>45081.999999990978</v>
      </c>
    </row>
    <row r="3755" spans="2:14" x14ac:dyDescent="0.25">
      <c r="B3755">
        <f t="shared" si="425"/>
        <v>1</v>
      </c>
      <c r="C3755" s="16">
        <v>3721</v>
      </c>
      <c r="D3755" cm="1">
        <f t="array" ref="D3755">IFERROR(INDEX(Jesper!AH$2:AH$366,ROUNDDOWN($C3755/24,0)+1,1)*INDEX($D$3:$AA$30,INDEX(Jesper!$R$2:$R$366,ROW(INDEX(Jesper!AH$2:AH$366,ROUNDDOWN($C3755/24,0)+1,1))-1)+IF('Standard Profiles'!$G$18=$B$10,7,0)+IF('Standard Profiles'!$G$18=$B$17,14,0)+IF('Standard Profiles'!$G$18=$B$24,21,0),MOD($C3755,24)+1)/SUM(INDEX($D$3:$AA$30,INDEX(Jesper!$R$2:$R$366,ROW(INDEX(Jesper!AH$2:AH$366,ROUNDDOWN($C3755/24,0)+1,1))-1)+IF('Standard Profiles'!$G$18=$B$10,7,0)+IF('Standard Profiles'!$G$18=$B$17,14,0)+IF('Standard Profiles'!$G$18=$B$24,21,0),0)),0)</f>
        <v>5.2600026912053925</v>
      </c>
      <c r="E3755" cm="1">
        <f t="array" ref="E3755">IFERROR(INDEX(Jesper!AI$2:AI$366,ROUNDDOWN($C3755/24,0)+1,1)*INDEX($D$3:$AA$30,INDEX(Jesper!$R$2:$R$366,ROW(INDEX(Jesper!AI$2:AI$366,ROUNDDOWN($C3755/24,0)+1,1))-1)+IF('Standard Profiles'!$G$19=$B$10,7,0)+IF('Standard Profiles'!$G$19=$B$17,14,0)+IF('Standard Profiles'!$G$19=$B$24,21,0),MOD($C3755,24)+1)/SUM(INDEX($D$3:$AA$30,INDEX(Jesper!$R$2:$R$366,ROW(INDEX(Jesper!AI$2:AI$366,ROUNDDOWN($C3755/24,0)+1,1))-1)+IF('Standard Profiles'!$G$19=$B$10,7,0)+IF('Standard Profiles'!$G$19=$B$17,14,0)+IF('Standard Profiles'!$G$19=$B$24,21,0),0)),0)</f>
        <v>2.4188198847793565</v>
      </c>
      <c r="F3755" cm="1">
        <f t="array" ref="F3755">IFERROR(INDEX(Jesper!AJ$2:AJ$366,ROUNDDOWN($C3755/24,0)+1,1)*INDEX($D$3:$AA$30,INDEX(Jesper!$R$2:$R$366,ROW(INDEX(Jesper!AJ$2:AJ$366,ROUNDDOWN($C3755/24,0)+1,1))-1)+IF('Standard Profiles'!$G$20=$B$10,7,0)+IF('Standard Profiles'!$G$20=$B$17,14,0)+IF('Standard Profiles'!$G$20=$B$24,21,0),MOD($C3755,24)+1)/SUM(INDEX($D$3:$AA$30,INDEX(Jesper!$R$2:$R$366,ROW(INDEX(Jesper!AJ$2:AJ$366,ROUNDDOWN($C3755/24,0)+1,1))-1)+IF('Standard Profiles'!$G$20=$B$10,7,0)+IF('Standard Profiles'!$G$20=$B$17,14,0)+IF('Standard Profiles'!$G$20=$B$24,21,0),0)),0)</f>
        <v>0</v>
      </c>
      <c r="G3755" cm="1">
        <f t="array" ref="G3755">IFERROR(INDEX(Jesper!AK$2:AK$366,ROUNDDOWN($C3755/24,0)+1,1)*INDEX($D$3:$AA$30,INDEX(Jesper!$R$2:$R$366,ROW(INDEX(Jesper!AK$2:AK$366,ROUNDDOWN($C3755/24,0)+1,1))-1)+IF('Standard Profiles'!$G$21=$B$10,7,0)+IF('Standard Profiles'!$G$21=$B$17,14,0)+IF('Standard Profiles'!$G$21=$B$24,21,0),MOD($C3755,24)+1)/SUM(INDEX($D$3:$AA$30,INDEX(Jesper!$R$2:$R$366,ROW(INDEX(Jesper!AK$2:AK$366,ROUNDDOWN($C3755/24,0)+1,1))-1)+IF('Standard Profiles'!$G$21=$B$10,7,0)+IF('Standard Profiles'!$G$21=$B$17,14,0)+IF('Standard Profiles'!$G$21=$B$24,21,0),0)),0)</f>
        <v>0.37683758164613546</v>
      </c>
      <c r="H3755" cm="1">
        <f t="array" ref="H3755">IFERROR(INDEX(Jesper!AL$2:AL$366,ROUNDDOWN($C3755/24,0)+1,1)*INDEX($D$3:$AA$30,INDEX(Jesper!$R$2:$R$366,ROW(INDEX(Jesper!AL$2:AL$366,ROUNDDOWN($C3755/24,0)+1,1))-1)+IF('Standard Profiles'!$G$22=$B$10,7,0)+IF('Standard Profiles'!$G$22=$B$17,14,0)+IF('Standard Profiles'!$G$22=$B$24,21,0),MOD($C3755,24)+1)/SUM(INDEX($D$3:$AA$30,INDEX(Jesper!$R$2:$R$366,ROW(INDEX(Jesper!AL$2:AL$366,ROUNDDOWN($C3755/24,0)+1,1))-1)+IF('Standard Profiles'!$G$22=$B$10,7,0)+IF('Standard Profiles'!$G$22=$B$17,14,0)+IF('Standard Profiles'!$G$22=$B$24,21,0),0)),0)</f>
        <v>0</v>
      </c>
      <c r="I3755">
        <f t="shared" si="426"/>
        <v>0.18088203919014492</v>
      </c>
      <c r="J3755">
        <f t="shared" si="427"/>
        <v>7.0331776878478767</v>
      </c>
      <c r="K3755">
        <f t="shared" si="428"/>
        <v>0.56106695372857529</v>
      </c>
      <c r="L3755">
        <f t="shared" si="429"/>
        <v>0.28053347686428765</v>
      </c>
      <c r="M3755">
        <f t="shared" si="430"/>
        <v>0</v>
      </c>
      <c r="N3755" s="45">
        <f t="shared" si="431"/>
        <v>45082.041666657642</v>
      </c>
    </row>
    <row r="3756" spans="2:14" x14ac:dyDescent="0.25">
      <c r="B3756">
        <f t="shared" si="425"/>
        <v>1</v>
      </c>
      <c r="C3756" s="16">
        <v>3722</v>
      </c>
      <c r="D3756" cm="1">
        <f t="array" ref="D3756">IFERROR(INDEX(Jesper!AH$2:AH$366,ROUNDDOWN($C3756/24,0)+1,1)*INDEX($D$3:$AA$30,INDEX(Jesper!$R$2:$R$366,ROW(INDEX(Jesper!AH$2:AH$366,ROUNDDOWN($C3756/24,0)+1,1))-1)+IF('Standard Profiles'!$G$18=$B$10,7,0)+IF('Standard Profiles'!$G$18=$B$17,14,0)+IF('Standard Profiles'!$G$18=$B$24,21,0),MOD($C3756,24)+1)/SUM(INDEX($D$3:$AA$30,INDEX(Jesper!$R$2:$R$366,ROW(INDEX(Jesper!AH$2:AH$366,ROUNDDOWN($C3756/24,0)+1,1))-1)+IF('Standard Profiles'!$G$18=$B$10,7,0)+IF('Standard Profiles'!$G$18=$B$17,14,0)+IF('Standard Profiles'!$G$18=$B$24,21,0),0)),0)</f>
        <v>5.2600026912053925</v>
      </c>
      <c r="E3756" cm="1">
        <f t="array" ref="E3756">IFERROR(INDEX(Jesper!AI$2:AI$366,ROUNDDOWN($C3756/24,0)+1,1)*INDEX($D$3:$AA$30,INDEX(Jesper!$R$2:$R$366,ROW(INDEX(Jesper!AI$2:AI$366,ROUNDDOWN($C3756/24,0)+1,1))-1)+IF('Standard Profiles'!$G$19=$B$10,7,0)+IF('Standard Profiles'!$G$19=$B$17,14,0)+IF('Standard Profiles'!$G$19=$B$24,21,0),MOD($C3756,24)+1)/SUM(INDEX($D$3:$AA$30,INDEX(Jesper!$R$2:$R$366,ROW(INDEX(Jesper!AI$2:AI$366,ROUNDDOWN($C3756/24,0)+1,1))-1)+IF('Standard Profiles'!$G$19=$B$10,7,0)+IF('Standard Profiles'!$G$19=$B$17,14,0)+IF('Standard Profiles'!$G$19=$B$24,21,0),0)),0)</f>
        <v>2.4188198847793565</v>
      </c>
      <c r="F3756" cm="1">
        <f t="array" ref="F3756">IFERROR(INDEX(Jesper!AJ$2:AJ$366,ROUNDDOWN($C3756/24,0)+1,1)*INDEX($D$3:$AA$30,INDEX(Jesper!$R$2:$R$366,ROW(INDEX(Jesper!AJ$2:AJ$366,ROUNDDOWN($C3756/24,0)+1,1))-1)+IF('Standard Profiles'!$G$20=$B$10,7,0)+IF('Standard Profiles'!$G$20=$B$17,14,0)+IF('Standard Profiles'!$G$20=$B$24,21,0),MOD($C3756,24)+1)/SUM(INDEX($D$3:$AA$30,INDEX(Jesper!$R$2:$R$366,ROW(INDEX(Jesper!AJ$2:AJ$366,ROUNDDOWN($C3756/24,0)+1,1))-1)+IF('Standard Profiles'!$G$20=$B$10,7,0)+IF('Standard Profiles'!$G$20=$B$17,14,0)+IF('Standard Profiles'!$G$20=$B$24,21,0),0)),0)</f>
        <v>0</v>
      </c>
      <c r="G3756" cm="1">
        <f t="array" ref="G3756">IFERROR(INDEX(Jesper!AK$2:AK$366,ROUNDDOWN($C3756/24,0)+1,1)*INDEX($D$3:$AA$30,INDEX(Jesper!$R$2:$R$366,ROW(INDEX(Jesper!AK$2:AK$366,ROUNDDOWN($C3756/24,0)+1,1))-1)+IF('Standard Profiles'!$G$21=$B$10,7,0)+IF('Standard Profiles'!$G$21=$B$17,14,0)+IF('Standard Profiles'!$G$21=$B$24,21,0),MOD($C3756,24)+1)/SUM(INDEX($D$3:$AA$30,INDEX(Jesper!$R$2:$R$366,ROW(INDEX(Jesper!AK$2:AK$366,ROUNDDOWN($C3756/24,0)+1,1))-1)+IF('Standard Profiles'!$G$21=$B$10,7,0)+IF('Standard Profiles'!$G$21=$B$17,14,0)+IF('Standard Profiles'!$G$21=$B$24,21,0),0)),0)</f>
        <v>0.37683758164613546</v>
      </c>
      <c r="H3756" cm="1">
        <f t="array" ref="H3756">IFERROR(INDEX(Jesper!AL$2:AL$366,ROUNDDOWN($C3756/24,0)+1,1)*INDEX($D$3:$AA$30,INDEX(Jesper!$R$2:$R$366,ROW(INDEX(Jesper!AL$2:AL$366,ROUNDDOWN($C3756/24,0)+1,1))-1)+IF('Standard Profiles'!$G$22=$B$10,7,0)+IF('Standard Profiles'!$G$22=$B$17,14,0)+IF('Standard Profiles'!$G$22=$B$24,21,0),MOD($C3756,24)+1)/SUM(INDEX($D$3:$AA$30,INDEX(Jesper!$R$2:$R$366,ROW(INDEX(Jesper!AL$2:AL$366,ROUNDDOWN($C3756/24,0)+1,1))-1)+IF('Standard Profiles'!$G$22=$B$10,7,0)+IF('Standard Profiles'!$G$22=$B$17,14,0)+IF('Standard Profiles'!$G$22=$B$24,21,0),0)),0)</f>
        <v>0</v>
      </c>
      <c r="I3756">
        <f t="shared" si="426"/>
        <v>0.18088203919014492</v>
      </c>
      <c r="J3756">
        <f t="shared" si="427"/>
        <v>7.0331776878478767</v>
      </c>
      <c r="K3756">
        <f t="shared" si="428"/>
        <v>0.56106695372857529</v>
      </c>
      <c r="L3756">
        <f t="shared" si="429"/>
        <v>0.28053347686428765</v>
      </c>
      <c r="M3756">
        <f t="shared" si="430"/>
        <v>0</v>
      </c>
      <c r="N3756" s="45">
        <f t="shared" si="431"/>
        <v>45082.083333324306</v>
      </c>
    </row>
    <row r="3757" spans="2:14" x14ac:dyDescent="0.25">
      <c r="B3757">
        <f t="shared" si="425"/>
        <v>1</v>
      </c>
      <c r="C3757" s="16">
        <v>3723</v>
      </c>
      <c r="D3757" cm="1">
        <f t="array" ref="D3757">IFERROR(INDEX(Jesper!AH$2:AH$366,ROUNDDOWN($C3757/24,0)+1,1)*INDEX($D$3:$AA$30,INDEX(Jesper!$R$2:$R$366,ROW(INDEX(Jesper!AH$2:AH$366,ROUNDDOWN($C3757/24,0)+1,1))-1)+IF('Standard Profiles'!$G$18=$B$10,7,0)+IF('Standard Profiles'!$G$18=$B$17,14,0)+IF('Standard Profiles'!$G$18=$B$24,21,0),MOD($C3757,24)+1)/SUM(INDEX($D$3:$AA$30,INDEX(Jesper!$R$2:$R$366,ROW(INDEX(Jesper!AH$2:AH$366,ROUNDDOWN($C3757/24,0)+1,1))-1)+IF('Standard Profiles'!$G$18=$B$10,7,0)+IF('Standard Profiles'!$G$18=$B$17,14,0)+IF('Standard Profiles'!$G$18=$B$24,21,0),0)),0)</f>
        <v>5.2600026912053925</v>
      </c>
      <c r="E3757" cm="1">
        <f t="array" ref="E3757">IFERROR(INDEX(Jesper!AI$2:AI$366,ROUNDDOWN($C3757/24,0)+1,1)*INDEX($D$3:$AA$30,INDEX(Jesper!$R$2:$R$366,ROW(INDEX(Jesper!AI$2:AI$366,ROUNDDOWN($C3757/24,0)+1,1))-1)+IF('Standard Profiles'!$G$19=$B$10,7,0)+IF('Standard Profiles'!$G$19=$B$17,14,0)+IF('Standard Profiles'!$G$19=$B$24,21,0),MOD($C3757,24)+1)/SUM(INDEX($D$3:$AA$30,INDEX(Jesper!$R$2:$R$366,ROW(INDEX(Jesper!AI$2:AI$366,ROUNDDOWN($C3757/24,0)+1,1))-1)+IF('Standard Profiles'!$G$19=$B$10,7,0)+IF('Standard Profiles'!$G$19=$B$17,14,0)+IF('Standard Profiles'!$G$19=$B$24,21,0),0)),0)</f>
        <v>2.4188198847793565</v>
      </c>
      <c r="F3757" cm="1">
        <f t="array" ref="F3757">IFERROR(INDEX(Jesper!AJ$2:AJ$366,ROUNDDOWN($C3757/24,0)+1,1)*INDEX($D$3:$AA$30,INDEX(Jesper!$R$2:$R$366,ROW(INDEX(Jesper!AJ$2:AJ$366,ROUNDDOWN($C3757/24,0)+1,1))-1)+IF('Standard Profiles'!$G$20=$B$10,7,0)+IF('Standard Profiles'!$G$20=$B$17,14,0)+IF('Standard Profiles'!$G$20=$B$24,21,0),MOD($C3757,24)+1)/SUM(INDEX($D$3:$AA$30,INDEX(Jesper!$R$2:$R$366,ROW(INDEX(Jesper!AJ$2:AJ$366,ROUNDDOWN($C3757/24,0)+1,1))-1)+IF('Standard Profiles'!$G$20=$B$10,7,0)+IF('Standard Profiles'!$G$20=$B$17,14,0)+IF('Standard Profiles'!$G$20=$B$24,21,0),0)),0)</f>
        <v>0</v>
      </c>
      <c r="G3757" cm="1">
        <f t="array" ref="G3757">IFERROR(INDEX(Jesper!AK$2:AK$366,ROUNDDOWN($C3757/24,0)+1,1)*INDEX($D$3:$AA$30,INDEX(Jesper!$R$2:$R$366,ROW(INDEX(Jesper!AK$2:AK$366,ROUNDDOWN($C3757/24,0)+1,1))-1)+IF('Standard Profiles'!$G$21=$B$10,7,0)+IF('Standard Profiles'!$G$21=$B$17,14,0)+IF('Standard Profiles'!$G$21=$B$24,21,0),MOD($C3757,24)+1)/SUM(INDEX($D$3:$AA$30,INDEX(Jesper!$R$2:$R$366,ROW(INDEX(Jesper!AK$2:AK$366,ROUNDDOWN($C3757/24,0)+1,1))-1)+IF('Standard Profiles'!$G$21=$B$10,7,0)+IF('Standard Profiles'!$G$21=$B$17,14,0)+IF('Standard Profiles'!$G$21=$B$24,21,0),0)),0)</f>
        <v>0.37683758164613546</v>
      </c>
      <c r="H3757" cm="1">
        <f t="array" ref="H3757">IFERROR(INDEX(Jesper!AL$2:AL$366,ROUNDDOWN($C3757/24,0)+1,1)*INDEX($D$3:$AA$30,INDEX(Jesper!$R$2:$R$366,ROW(INDEX(Jesper!AL$2:AL$366,ROUNDDOWN($C3757/24,0)+1,1))-1)+IF('Standard Profiles'!$G$22=$B$10,7,0)+IF('Standard Profiles'!$G$22=$B$17,14,0)+IF('Standard Profiles'!$G$22=$B$24,21,0),MOD($C3757,24)+1)/SUM(INDEX($D$3:$AA$30,INDEX(Jesper!$R$2:$R$366,ROW(INDEX(Jesper!AL$2:AL$366,ROUNDDOWN($C3757/24,0)+1,1))-1)+IF('Standard Profiles'!$G$22=$B$10,7,0)+IF('Standard Profiles'!$G$22=$B$17,14,0)+IF('Standard Profiles'!$G$22=$B$24,21,0),0)),0)</f>
        <v>0</v>
      </c>
      <c r="I3757">
        <f t="shared" si="426"/>
        <v>0.18088203919014492</v>
      </c>
      <c r="J3757">
        <f t="shared" si="427"/>
        <v>7.0331776878478767</v>
      </c>
      <c r="K3757">
        <f t="shared" si="428"/>
        <v>0.56106695372857529</v>
      </c>
      <c r="L3757">
        <f t="shared" si="429"/>
        <v>0.28053347686428765</v>
      </c>
      <c r="M3757">
        <f t="shared" si="430"/>
        <v>0</v>
      </c>
      <c r="N3757" s="45">
        <f t="shared" si="431"/>
        <v>45082.124999990971</v>
      </c>
    </row>
    <row r="3758" spans="2:14" x14ac:dyDescent="0.25">
      <c r="B3758">
        <f t="shared" si="425"/>
        <v>1</v>
      </c>
      <c r="C3758" s="16">
        <v>3724</v>
      </c>
      <c r="D3758" cm="1">
        <f t="array" ref="D3758">IFERROR(INDEX(Jesper!AH$2:AH$366,ROUNDDOWN($C3758/24,0)+1,1)*INDEX($D$3:$AA$30,INDEX(Jesper!$R$2:$R$366,ROW(INDEX(Jesper!AH$2:AH$366,ROUNDDOWN($C3758/24,0)+1,1))-1)+IF('Standard Profiles'!$G$18=$B$10,7,0)+IF('Standard Profiles'!$G$18=$B$17,14,0)+IF('Standard Profiles'!$G$18=$B$24,21,0),MOD($C3758,24)+1)/SUM(INDEX($D$3:$AA$30,INDEX(Jesper!$R$2:$R$366,ROW(INDEX(Jesper!AH$2:AH$366,ROUNDDOWN($C3758/24,0)+1,1))-1)+IF('Standard Profiles'!$G$18=$B$10,7,0)+IF('Standard Profiles'!$G$18=$B$17,14,0)+IF('Standard Profiles'!$G$18=$B$24,21,0),0)),0)</f>
        <v>5.2600026912053925</v>
      </c>
      <c r="E3758" cm="1">
        <f t="array" ref="E3758">IFERROR(INDEX(Jesper!AI$2:AI$366,ROUNDDOWN($C3758/24,0)+1,1)*INDEX($D$3:$AA$30,INDEX(Jesper!$R$2:$R$366,ROW(INDEX(Jesper!AI$2:AI$366,ROUNDDOWN($C3758/24,0)+1,1))-1)+IF('Standard Profiles'!$G$19=$B$10,7,0)+IF('Standard Profiles'!$G$19=$B$17,14,0)+IF('Standard Profiles'!$G$19=$B$24,21,0),MOD($C3758,24)+1)/SUM(INDEX($D$3:$AA$30,INDEX(Jesper!$R$2:$R$366,ROW(INDEX(Jesper!AI$2:AI$366,ROUNDDOWN($C3758/24,0)+1,1))-1)+IF('Standard Profiles'!$G$19=$B$10,7,0)+IF('Standard Profiles'!$G$19=$B$17,14,0)+IF('Standard Profiles'!$G$19=$B$24,21,0),0)),0)</f>
        <v>2.4188198847793565</v>
      </c>
      <c r="F3758" cm="1">
        <f t="array" ref="F3758">IFERROR(INDEX(Jesper!AJ$2:AJ$366,ROUNDDOWN($C3758/24,0)+1,1)*INDEX($D$3:$AA$30,INDEX(Jesper!$R$2:$R$366,ROW(INDEX(Jesper!AJ$2:AJ$366,ROUNDDOWN($C3758/24,0)+1,1))-1)+IF('Standard Profiles'!$G$20=$B$10,7,0)+IF('Standard Profiles'!$G$20=$B$17,14,0)+IF('Standard Profiles'!$G$20=$B$24,21,0),MOD($C3758,24)+1)/SUM(INDEX($D$3:$AA$30,INDEX(Jesper!$R$2:$R$366,ROW(INDEX(Jesper!AJ$2:AJ$366,ROUNDDOWN($C3758/24,0)+1,1))-1)+IF('Standard Profiles'!$G$20=$B$10,7,0)+IF('Standard Profiles'!$G$20=$B$17,14,0)+IF('Standard Profiles'!$G$20=$B$24,21,0),0)),0)</f>
        <v>0</v>
      </c>
      <c r="G3758" cm="1">
        <f t="array" ref="G3758">IFERROR(INDEX(Jesper!AK$2:AK$366,ROUNDDOWN($C3758/24,0)+1,1)*INDEX($D$3:$AA$30,INDEX(Jesper!$R$2:$R$366,ROW(INDEX(Jesper!AK$2:AK$366,ROUNDDOWN($C3758/24,0)+1,1))-1)+IF('Standard Profiles'!$G$21=$B$10,7,0)+IF('Standard Profiles'!$G$21=$B$17,14,0)+IF('Standard Profiles'!$G$21=$B$24,21,0),MOD($C3758,24)+1)/SUM(INDEX($D$3:$AA$30,INDEX(Jesper!$R$2:$R$366,ROW(INDEX(Jesper!AK$2:AK$366,ROUNDDOWN($C3758/24,0)+1,1))-1)+IF('Standard Profiles'!$G$21=$B$10,7,0)+IF('Standard Profiles'!$G$21=$B$17,14,0)+IF('Standard Profiles'!$G$21=$B$24,21,0),0)),0)</f>
        <v>0.37683758164613546</v>
      </c>
      <c r="H3758" cm="1">
        <f t="array" ref="H3758">IFERROR(INDEX(Jesper!AL$2:AL$366,ROUNDDOWN($C3758/24,0)+1,1)*INDEX($D$3:$AA$30,INDEX(Jesper!$R$2:$R$366,ROW(INDEX(Jesper!AL$2:AL$366,ROUNDDOWN($C3758/24,0)+1,1))-1)+IF('Standard Profiles'!$G$22=$B$10,7,0)+IF('Standard Profiles'!$G$22=$B$17,14,0)+IF('Standard Profiles'!$G$22=$B$24,21,0),MOD($C3758,24)+1)/SUM(INDEX($D$3:$AA$30,INDEX(Jesper!$R$2:$R$366,ROW(INDEX(Jesper!AL$2:AL$366,ROUNDDOWN($C3758/24,0)+1,1))-1)+IF('Standard Profiles'!$G$22=$B$10,7,0)+IF('Standard Profiles'!$G$22=$B$17,14,0)+IF('Standard Profiles'!$G$22=$B$24,21,0),0)),0)</f>
        <v>0</v>
      </c>
      <c r="I3758">
        <f t="shared" si="426"/>
        <v>0.18088203919014492</v>
      </c>
      <c r="J3758">
        <f t="shared" si="427"/>
        <v>7.0331776878478767</v>
      </c>
      <c r="K3758">
        <f t="shared" si="428"/>
        <v>0.56106695372857529</v>
      </c>
      <c r="L3758">
        <f t="shared" si="429"/>
        <v>0.28053347686428765</v>
      </c>
      <c r="M3758">
        <f t="shared" si="430"/>
        <v>0</v>
      </c>
      <c r="N3758" s="45">
        <f t="shared" si="431"/>
        <v>45082.166666657635</v>
      </c>
    </row>
    <row r="3759" spans="2:14" x14ac:dyDescent="0.25">
      <c r="B3759">
        <f t="shared" si="425"/>
        <v>1</v>
      </c>
      <c r="C3759" s="16">
        <v>3725</v>
      </c>
      <c r="D3759" cm="1">
        <f t="array" ref="D3759">IFERROR(INDEX(Jesper!AH$2:AH$366,ROUNDDOWN($C3759/24,0)+1,1)*INDEX($D$3:$AA$30,INDEX(Jesper!$R$2:$R$366,ROW(INDEX(Jesper!AH$2:AH$366,ROUNDDOWN($C3759/24,0)+1,1))-1)+IF('Standard Profiles'!$G$18=$B$10,7,0)+IF('Standard Profiles'!$G$18=$B$17,14,0)+IF('Standard Profiles'!$G$18=$B$24,21,0),MOD($C3759,24)+1)/SUM(INDEX($D$3:$AA$30,INDEX(Jesper!$R$2:$R$366,ROW(INDEX(Jesper!AH$2:AH$366,ROUNDDOWN($C3759/24,0)+1,1))-1)+IF('Standard Profiles'!$G$18=$B$10,7,0)+IF('Standard Profiles'!$G$18=$B$17,14,0)+IF('Standard Profiles'!$G$18=$B$24,21,0),0)),0)</f>
        <v>5.2600026912053925</v>
      </c>
      <c r="E3759" cm="1">
        <f t="array" ref="E3759">IFERROR(INDEX(Jesper!AI$2:AI$366,ROUNDDOWN($C3759/24,0)+1,1)*INDEX($D$3:$AA$30,INDEX(Jesper!$R$2:$R$366,ROW(INDEX(Jesper!AI$2:AI$366,ROUNDDOWN($C3759/24,0)+1,1))-1)+IF('Standard Profiles'!$G$19=$B$10,7,0)+IF('Standard Profiles'!$G$19=$B$17,14,0)+IF('Standard Profiles'!$G$19=$B$24,21,0),MOD($C3759,24)+1)/SUM(INDEX($D$3:$AA$30,INDEX(Jesper!$R$2:$R$366,ROW(INDEX(Jesper!AI$2:AI$366,ROUNDDOWN($C3759/24,0)+1,1))-1)+IF('Standard Profiles'!$G$19=$B$10,7,0)+IF('Standard Profiles'!$G$19=$B$17,14,0)+IF('Standard Profiles'!$G$19=$B$24,21,0),0)),0)</f>
        <v>2.4188198847793565</v>
      </c>
      <c r="F3759" cm="1">
        <f t="array" ref="F3759">IFERROR(INDEX(Jesper!AJ$2:AJ$366,ROUNDDOWN($C3759/24,0)+1,1)*INDEX($D$3:$AA$30,INDEX(Jesper!$R$2:$R$366,ROW(INDEX(Jesper!AJ$2:AJ$366,ROUNDDOWN($C3759/24,0)+1,1))-1)+IF('Standard Profiles'!$G$20=$B$10,7,0)+IF('Standard Profiles'!$G$20=$B$17,14,0)+IF('Standard Profiles'!$G$20=$B$24,21,0),MOD($C3759,24)+1)/SUM(INDEX($D$3:$AA$30,INDEX(Jesper!$R$2:$R$366,ROW(INDEX(Jesper!AJ$2:AJ$366,ROUNDDOWN($C3759/24,0)+1,1))-1)+IF('Standard Profiles'!$G$20=$B$10,7,0)+IF('Standard Profiles'!$G$20=$B$17,14,0)+IF('Standard Profiles'!$G$20=$B$24,21,0),0)),0)</f>
        <v>0</v>
      </c>
      <c r="G3759" cm="1">
        <f t="array" ref="G3759">IFERROR(INDEX(Jesper!AK$2:AK$366,ROUNDDOWN($C3759/24,0)+1,1)*INDEX($D$3:$AA$30,INDEX(Jesper!$R$2:$R$366,ROW(INDEX(Jesper!AK$2:AK$366,ROUNDDOWN($C3759/24,0)+1,1))-1)+IF('Standard Profiles'!$G$21=$B$10,7,0)+IF('Standard Profiles'!$G$21=$B$17,14,0)+IF('Standard Profiles'!$G$21=$B$24,21,0),MOD($C3759,24)+1)/SUM(INDEX($D$3:$AA$30,INDEX(Jesper!$R$2:$R$366,ROW(INDEX(Jesper!AK$2:AK$366,ROUNDDOWN($C3759/24,0)+1,1))-1)+IF('Standard Profiles'!$G$21=$B$10,7,0)+IF('Standard Profiles'!$G$21=$B$17,14,0)+IF('Standard Profiles'!$G$21=$B$24,21,0),0)),0)</f>
        <v>0.37683758164613546</v>
      </c>
      <c r="H3759" cm="1">
        <f t="array" ref="H3759">IFERROR(INDEX(Jesper!AL$2:AL$366,ROUNDDOWN($C3759/24,0)+1,1)*INDEX($D$3:$AA$30,INDEX(Jesper!$R$2:$R$366,ROW(INDEX(Jesper!AL$2:AL$366,ROUNDDOWN($C3759/24,0)+1,1))-1)+IF('Standard Profiles'!$G$22=$B$10,7,0)+IF('Standard Profiles'!$G$22=$B$17,14,0)+IF('Standard Profiles'!$G$22=$B$24,21,0),MOD($C3759,24)+1)/SUM(INDEX($D$3:$AA$30,INDEX(Jesper!$R$2:$R$366,ROW(INDEX(Jesper!AL$2:AL$366,ROUNDDOWN($C3759/24,0)+1,1))-1)+IF('Standard Profiles'!$G$22=$B$10,7,0)+IF('Standard Profiles'!$G$22=$B$17,14,0)+IF('Standard Profiles'!$G$22=$B$24,21,0),0)),0)</f>
        <v>0</v>
      </c>
      <c r="I3759">
        <f t="shared" si="426"/>
        <v>0.18088203919014492</v>
      </c>
      <c r="J3759">
        <f t="shared" si="427"/>
        <v>7.0331776878478767</v>
      </c>
      <c r="K3759">
        <f t="shared" si="428"/>
        <v>0.56106695372857529</v>
      </c>
      <c r="L3759">
        <f t="shared" si="429"/>
        <v>0.28053347686428765</v>
      </c>
      <c r="M3759">
        <f t="shared" si="430"/>
        <v>0</v>
      </c>
      <c r="N3759" s="45">
        <f t="shared" si="431"/>
        <v>45082.208333324299</v>
      </c>
    </row>
    <row r="3760" spans="2:14" x14ac:dyDescent="0.25">
      <c r="B3760">
        <f t="shared" si="425"/>
        <v>1</v>
      </c>
      <c r="C3760" s="16">
        <v>3726</v>
      </c>
      <c r="D3760" cm="1">
        <f t="array" ref="D3760">IFERROR(INDEX(Jesper!AH$2:AH$366,ROUNDDOWN($C3760/24,0)+1,1)*INDEX($D$3:$AA$30,INDEX(Jesper!$R$2:$R$366,ROW(INDEX(Jesper!AH$2:AH$366,ROUNDDOWN($C3760/24,0)+1,1))-1)+IF('Standard Profiles'!$G$18=$B$10,7,0)+IF('Standard Profiles'!$G$18=$B$17,14,0)+IF('Standard Profiles'!$G$18=$B$24,21,0),MOD($C3760,24)+1)/SUM(INDEX($D$3:$AA$30,INDEX(Jesper!$R$2:$R$366,ROW(INDEX(Jesper!AH$2:AH$366,ROUNDDOWN($C3760/24,0)+1,1))-1)+IF('Standard Profiles'!$G$18=$B$10,7,0)+IF('Standard Profiles'!$G$18=$B$17,14,0)+IF('Standard Profiles'!$G$18=$B$24,21,0),0)),0)</f>
        <v>5.2600026912053925</v>
      </c>
      <c r="E3760" cm="1">
        <f t="array" ref="E3760">IFERROR(INDEX(Jesper!AI$2:AI$366,ROUNDDOWN($C3760/24,0)+1,1)*INDEX($D$3:$AA$30,INDEX(Jesper!$R$2:$R$366,ROW(INDEX(Jesper!AI$2:AI$366,ROUNDDOWN($C3760/24,0)+1,1))-1)+IF('Standard Profiles'!$G$19=$B$10,7,0)+IF('Standard Profiles'!$G$19=$B$17,14,0)+IF('Standard Profiles'!$G$19=$B$24,21,0),MOD($C3760,24)+1)/SUM(INDEX($D$3:$AA$30,INDEX(Jesper!$R$2:$R$366,ROW(INDEX(Jesper!AI$2:AI$366,ROUNDDOWN($C3760/24,0)+1,1))-1)+IF('Standard Profiles'!$G$19=$B$10,7,0)+IF('Standard Profiles'!$G$19=$B$17,14,0)+IF('Standard Profiles'!$G$19=$B$24,21,0),0)),0)</f>
        <v>2.4188198847793565</v>
      </c>
      <c r="F3760" cm="1">
        <f t="array" ref="F3760">IFERROR(INDEX(Jesper!AJ$2:AJ$366,ROUNDDOWN($C3760/24,0)+1,1)*INDEX($D$3:$AA$30,INDEX(Jesper!$R$2:$R$366,ROW(INDEX(Jesper!AJ$2:AJ$366,ROUNDDOWN($C3760/24,0)+1,1))-1)+IF('Standard Profiles'!$G$20=$B$10,7,0)+IF('Standard Profiles'!$G$20=$B$17,14,0)+IF('Standard Profiles'!$G$20=$B$24,21,0),MOD($C3760,24)+1)/SUM(INDEX($D$3:$AA$30,INDEX(Jesper!$R$2:$R$366,ROW(INDEX(Jesper!AJ$2:AJ$366,ROUNDDOWN($C3760/24,0)+1,1))-1)+IF('Standard Profiles'!$G$20=$B$10,7,0)+IF('Standard Profiles'!$G$20=$B$17,14,0)+IF('Standard Profiles'!$G$20=$B$24,21,0),0)),0)</f>
        <v>0</v>
      </c>
      <c r="G3760" cm="1">
        <f t="array" ref="G3760">IFERROR(INDEX(Jesper!AK$2:AK$366,ROUNDDOWN($C3760/24,0)+1,1)*INDEX($D$3:$AA$30,INDEX(Jesper!$R$2:$R$366,ROW(INDEX(Jesper!AK$2:AK$366,ROUNDDOWN($C3760/24,0)+1,1))-1)+IF('Standard Profiles'!$G$21=$B$10,7,0)+IF('Standard Profiles'!$G$21=$B$17,14,0)+IF('Standard Profiles'!$G$21=$B$24,21,0),MOD($C3760,24)+1)/SUM(INDEX($D$3:$AA$30,INDEX(Jesper!$R$2:$R$366,ROW(INDEX(Jesper!AK$2:AK$366,ROUNDDOWN($C3760/24,0)+1,1))-1)+IF('Standard Profiles'!$G$21=$B$10,7,0)+IF('Standard Profiles'!$G$21=$B$17,14,0)+IF('Standard Profiles'!$G$21=$B$24,21,0),0)),0)</f>
        <v>0.37683758164613546</v>
      </c>
      <c r="H3760" cm="1">
        <f t="array" ref="H3760">IFERROR(INDEX(Jesper!AL$2:AL$366,ROUNDDOWN($C3760/24,0)+1,1)*INDEX($D$3:$AA$30,INDEX(Jesper!$R$2:$R$366,ROW(INDEX(Jesper!AL$2:AL$366,ROUNDDOWN($C3760/24,0)+1,1))-1)+IF('Standard Profiles'!$G$22=$B$10,7,0)+IF('Standard Profiles'!$G$22=$B$17,14,0)+IF('Standard Profiles'!$G$22=$B$24,21,0),MOD($C3760,24)+1)/SUM(INDEX($D$3:$AA$30,INDEX(Jesper!$R$2:$R$366,ROW(INDEX(Jesper!AL$2:AL$366,ROUNDDOWN($C3760/24,0)+1,1))-1)+IF('Standard Profiles'!$G$22=$B$10,7,0)+IF('Standard Profiles'!$G$22=$B$17,14,0)+IF('Standard Profiles'!$G$22=$B$24,21,0),0)),0)</f>
        <v>0</v>
      </c>
      <c r="I3760">
        <f t="shared" si="426"/>
        <v>0.18088203919014492</v>
      </c>
      <c r="J3760">
        <f t="shared" si="427"/>
        <v>7.0331776878478767</v>
      </c>
      <c r="K3760">
        <f t="shared" si="428"/>
        <v>0.56106695372857529</v>
      </c>
      <c r="L3760">
        <f t="shared" si="429"/>
        <v>0.28053347686428765</v>
      </c>
      <c r="M3760">
        <f t="shared" si="430"/>
        <v>0</v>
      </c>
      <c r="N3760" s="45">
        <f t="shared" si="431"/>
        <v>45082.249999990963</v>
      </c>
    </row>
    <row r="3761" spans="2:14" x14ac:dyDescent="0.25">
      <c r="B3761">
        <f t="shared" si="425"/>
        <v>1</v>
      </c>
      <c r="C3761" s="16">
        <v>3727</v>
      </c>
      <c r="D3761" cm="1">
        <f t="array" ref="D3761">IFERROR(INDEX(Jesper!AH$2:AH$366,ROUNDDOWN($C3761/24,0)+1,1)*INDEX($D$3:$AA$30,INDEX(Jesper!$R$2:$R$366,ROW(INDEX(Jesper!AH$2:AH$366,ROUNDDOWN($C3761/24,0)+1,1))-1)+IF('Standard Profiles'!$G$18=$B$10,7,0)+IF('Standard Profiles'!$G$18=$B$17,14,0)+IF('Standard Profiles'!$G$18=$B$24,21,0),MOD($C3761,24)+1)/SUM(INDEX($D$3:$AA$30,INDEX(Jesper!$R$2:$R$366,ROW(INDEX(Jesper!AH$2:AH$366,ROUNDDOWN($C3761/24,0)+1,1))-1)+IF('Standard Profiles'!$G$18=$B$10,7,0)+IF('Standard Profiles'!$G$18=$B$17,14,0)+IF('Standard Profiles'!$G$18=$B$24,21,0),0)),0)</f>
        <v>22.407611464534973</v>
      </c>
      <c r="E3761" cm="1">
        <f t="array" ref="E3761">IFERROR(INDEX(Jesper!AI$2:AI$366,ROUNDDOWN($C3761/24,0)+1,1)*INDEX($D$3:$AA$30,INDEX(Jesper!$R$2:$R$366,ROW(INDEX(Jesper!AI$2:AI$366,ROUNDDOWN($C3761/24,0)+1,1))-1)+IF('Standard Profiles'!$G$19=$B$10,7,0)+IF('Standard Profiles'!$G$19=$B$17,14,0)+IF('Standard Profiles'!$G$19=$B$24,21,0),MOD($C3761,24)+1)/SUM(INDEX($D$3:$AA$30,INDEX(Jesper!$R$2:$R$366,ROW(INDEX(Jesper!AI$2:AI$366,ROUNDDOWN($C3761/24,0)+1,1))-1)+IF('Standard Profiles'!$G$19=$B$10,7,0)+IF('Standard Profiles'!$G$19=$B$17,14,0)+IF('Standard Profiles'!$G$19=$B$24,21,0),0)),0)</f>
        <v>10.304172709160058</v>
      </c>
      <c r="F3761" cm="1">
        <f t="array" ref="F3761">IFERROR(INDEX(Jesper!AJ$2:AJ$366,ROUNDDOWN($C3761/24,0)+1,1)*INDEX($D$3:$AA$30,INDEX(Jesper!$R$2:$R$366,ROW(INDEX(Jesper!AJ$2:AJ$366,ROUNDDOWN($C3761/24,0)+1,1))-1)+IF('Standard Profiles'!$G$20=$B$10,7,0)+IF('Standard Profiles'!$G$20=$B$17,14,0)+IF('Standard Profiles'!$G$20=$B$24,21,0),MOD($C3761,24)+1)/SUM(INDEX($D$3:$AA$30,INDEX(Jesper!$R$2:$R$366,ROW(INDEX(Jesper!AJ$2:AJ$366,ROUNDDOWN($C3761/24,0)+1,1))-1)+IF('Standard Profiles'!$G$20=$B$10,7,0)+IF('Standard Profiles'!$G$20=$B$17,14,0)+IF('Standard Profiles'!$G$20=$B$24,21,0),0)),0)</f>
        <v>0</v>
      </c>
      <c r="G3761" cm="1">
        <f t="array" ref="G3761">IFERROR(INDEX(Jesper!AK$2:AK$366,ROUNDDOWN($C3761/24,0)+1,1)*INDEX($D$3:$AA$30,INDEX(Jesper!$R$2:$R$366,ROW(INDEX(Jesper!AK$2:AK$366,ROUNDDOWN($C3761/24,0)+1,1))-1)+IF('Standard Profiles'!$G$21=$B$10,7,0)+IF('Standard Profiles'!$G$21=$B$17,14,0)+IF('Standard Profiles'!$G$21=$B$24,21,0),MOD($C3761,24)+1)/SUM(INDEX($D$3:$AA$30,INDEX(Jesper!$R$2:$R$366,ROW(INDEX(Jesper!AK$2:AK$366,ROUNDDOWN($C3761/24,0)+1,1))-1)+IF('Standard Profiles'!$G$21=$B$10,7,0)+IF('Standard Profiles'!$G$21=$B$17,14,0)+IF('Standard Profiles'!$G$21=$B$24,21,0),0)),0)</f>
        <v>1.6392434801606892</v>
      </c>
      <c r="H3761" cm="1">
        <f t="array" ref="H3761">IFERROR(INDEX(Jesper!AL$2:AL$366,ROUNDDOWN($C3761/24,0)+1,1)*INDEX($D$3:$AA$30,INDEX(Jesper!$R$2:$R$366,ROW(INDEX(Jesper!AL$2:AL$366,ROUNDDOWN($C3761/24,0)+1,1))-1)+IF('Standard Profiles'!$G$22=$B$10,7,0)+IF('Standard Profiles'!$G$22=$B$17,14,0)+IF('Standard Profiles'!$G$22=$B$24,21,0),MOD($C3761,24)+1)/SUM(INDEX($D$3:$AA$30,INDEX(Jesper!$R$2:$R$366,ROW(INDEX(Jesper!AL$2:AL$366,ROUNDDOWN($C3761/24,0)+1,1))-1)+IF('Standard Profiles'!$G$22=$B$10,7,0)+IF('Standard Profiles'!$G$22=$B$17,14,0)+IF('Standard Profiles'!$G$22=$B$24,21,0),0)),0)</f>
        <v>0</v>
      </c>
      <c r="I3761">
        <f t="shared" si="426"/>
        <v>0.78683687047713047</v>
      </c>
      <c r="J3761">
        <f t="shared" si="427"/>
        <v>29.978972949052991</v>
      </c>
      <c r="K3761">
        <f t="shared" si="428"/>
        <v>2.3901452228837305</v>
      </c>
      <c r="L3761">
        <f t="shared" si="429"/>
        <v>1.1950726114418653</v>
      </c>
      <c r="M3761">
        <f t="shared" si="430"/>
        <v>0</v>
      </c>
      <c r="N3761" s="45">
        <f t="shared" si="431"/>
        <v>45082.291666657628</v>
      </c>
    </row>
    <row r="3762" spans="2:14" x14ac:dyDescent="0.25">
      <c r="B3762">
        <f t="shared" si="425"/>
        <v>1</v>
      </c>
      <c r="C3762" s="16">
        <v>3728</v>
      </c>
      <c r="D3762" cm="1">
        <f t="array" ref="D3762">IFERROR(INDEX(Jesper!AH$2:AH$366,ROUNDDOWN($C3762/24,0)+1,1)*INDEX($D$3:$AA$30,INDEX(Jesper!$R$2:$R$366,ROW(INDEX(Jesper!AH$2:AH$366,ROUNDDOWN($C3762/24,0)+1,1))-1)+IF('Standard Profiles'!$G$18=$B$10,7,0)+IF('Standard Profiles'!$G$18=$B$17,14,0)+IF('Standard Profiles'!$G$18=$B$24,21,0),MOD($C3762,24)+1)/SUM(INDEX($D$3:$AA$30,INDEX(Jesper!$R$2:$R$366,ROW(INDEX(Jesper!AH$2:AH$366,ROUNDDOWN($C3762/24,0)+1,1))-1)+IF('Standard Profiles'!$G$18=$B$10,7,0)+IF('Standard Profiles'!$G$18=$B$17,14,0)+IF('Standard Profiles'!$G$18=$B$24,21,0),0)),0)</f>
        <v>25.208562897601841</v>
      </c>
      <c r="E3762" cm="1">
        <f t="array" ref="E3762">IFERROR(INDEX(Jesper!AI$2:AI$366,ROUNDDOWN($C3762/24,0)+1,1)*INDEX($D$3:$AA$30,INDEX(Jesper!$R$2:$R$366,ROW(INDEX(Jesper!AI$2:AI$366,ROUNDDOWN($C3762/24,0)+1,1))-1)+IF('Standard Profiles'!$G$19=$B$10,7,0)+IF('Standard Profiles'!$G$19=$B$17,14,0)+IF('Standard Profiles'!$G$19=$B$24,21,0),MOD($C3762,24)+1)/SUM(INDEX($D$3:$AA$30,INDEX(Jesper!$R$2:$R$366,ROW(INDEX(Jesper!AI$2:AI$366,ROUNDDOWN($C3762/24,0)+1,1))-1)+IF('Standard Profiles'!$G$19=$B$10,7,0)+IF('Standard Profiles'!$G$19=$B$17,14,0)+IF('Standard Profiles'!$G$19=$B$24,21,0),0)),0)</f>
        <v>11.592194297805067</v>
      </c>
      <c r="F3762" cm="1">
        <f t="array" ref="F3762">IFERROR(INDEX(Jesper!AJ$2:AJ$366,ROUNDDOWN($C3762/24,0)+1,1)*INDEX($D$3:$AA$30,INDEX(Jesper!$R$2:$R$366,ROW(INDEX(Jesper!AJ$2:AJ$366,ROUNDDOWN($C3762/24,0)+1,1))-1)+IF('Standard Profiles'!$G$20=$B$10,7,0)+IF('Standard Profiles'!$G$20=$B$17,14,0)+IF('Standard Profiles'!$G$20=$B$24,21,0),MOD($C3762,24)+1)/SUM(INDEX($D$3:$AA$30,INDEX(Jesper!$R$2:$R$366,ROW(INDEX(Jesper!AJ$2:AJ$366,ROUNDDOWN($C3762/24,0)+1,1))-1)+IF('Standard Profiles'!$G$20=$B$10,7,0)+IF('Standard Profiles'!$G$20=$B$17,14,0)+IF('Standard Profiles'!$G$20=$B$24,21,0),0)),0)</f>
        <v>0</v>
      </c>
      <c r="G3762" cm="1">
        <f t="array" ref="G3762">IFERROR(INDEX(Jesper!AK$2:AK$366,ROUNDDOWN($C3762/24,0)+1,1)*INDEX($D$3:$AA$30,INDEX(Jesper!$R$2:$R$366,ROW(INDEX(Jesper!AK$2:AK$366,ROUNDDOWN($C3762/24,0)+1,1))-1)+IF('Standard Profiles'!$G$21=$B$10,7,0)+IF('Standard Profiles'!$G$21=$B$17,14,0)+IF('Standard Profiles'!$G$21=$B$24,21,0),MOD($C3762,24)+1)/SUM(INDEX($D$3:$AA$30,INDEX(Jesper!$R$2:$R$366,ROW(INDEX(Jesper!AK$2:AK$366,ROUNDDOWN($C3762/24,0)+1,1))-1)+IF('Standard Profiles'!$G$21=$B$10,7,0)+IF('Standard Profiles'!$G$21=$B$17,14,0)+IF('Standard Profiles'!$G$21=$B$24,21,0),0)),0)</f>
        <v>1.8441489151807755</v>
      </c>
      <c r="H3762" cm="1">
        <f t="array" ref="H3762">IFERROR(INDEX(Jesper!AL$2:AL$366,ROUNDDOWN($C3762/24,0)+1,1)*INDEX($D$3:$AA$30,INDEX(Jesper!$R$2:$R$366,ROW(INDEX(Jesper!AL$2:AL$366,ROUNDDOWN($C3762/24,0)+1,1))-1)+IF('Standard Profiles'!$G$22=$B$10,7,0)+IF('Standard Profiles'!$G$22=$B$17,14,0)+IF('Standard Profiles'!$G$22=$B$24,21,0),MOD($C3762,24)+1)/SUM(INDEX($D$3:$AA$30,INDEX(Jesper!$R$2:$R$366,ROW(INDEX(Jesper!AL$2:AL$366,ROUNDDOWN($C3762/24,0)+1,1))-1)+IF('Standard Profiles'!$G$22=$B$10,7,0)+IF('Standard Profiles'!$G$22=$B$17,14,0)+IF('Standard Profiles'!$G$22=$B$24,21,0),0)),0)</f>
        <v>0</v>
      </c>
      <c r="I3762">
        <f t="shared" si="426"/>
        <v>0.88519147928677178</v>
      </c>
      <c r="J3762">
        <f t="shared" si="427"/>
        <v>33.72634456768462</v>
      </c>
      <c r="K3762">
        <f t="shared" si="428"/>
        <v>2.6889133757441965</v>
      </c>
      <c r="L3762">
        <f t="shared" si="429"/>
        <v>1.3444566878720983</v>
      </c>
      <c r="M3762">
        <f t="shared" si="430"/>
        <v>0</v>
      </c>
      <c r="N3762" s="45">
        <f t="shared" si="431"/>
        <v>45082.333333324292</v>
      </c>
    </row>
    <row r="3763" spans="2:14" x14ac:dyDescent="0.25">
      <c r="B3763">
        <f t="shared" si="425"/>
        <v>1</v>
      </c>
      <c r="C3763" s="16">
        <v>3729</v>
      </c>
      <c r="D3763" cm="1">
        <f t="array" ref="D3763">IFERROR(INDEX(Jesper!AH$2:AH$366,ROUNDDOWN($C3763/24,0)+1,1)*INDEX($D$3:$AA$30,INDEX(Jesper!$R$2:$R$366,ROW(INDEX(Jesper!AH$2:AH$366,ROUNDDOWN($C3763/24,0)+1,1))-1)+IF('Standard Profiles'!$G$18=$B$10,7,0)+IF('Standard Profiles'!$G$18=$B$17,14,0)+IF('Standard Profiles'!$G$18=$B$24,21,0),MOD($C3763,24)+1)/SUM(INDEX($D$3:$AA$30,INDEX(Jesper!$R$2:$R$366,ROW(INDEX(Jesper!AH$2:AH$366,ROUNDDOWN($C3763/24,0)+1,1))-1)+IF('Standard Profiles'!$G$18=$B$10,7,0)+IF('Standard Profiles'!$G$18=$B$17,14,0)+IF('Standard Profiles'!$G$18=$B$24,21,0),0)),0)</f>
        <v>28.009514330668711</v>
      </c>
      <c r="E3763" cm="1">
        <f t="array" ref="E3763">IFERROR(INDEX(Jesper!AI$2:AI$366,ROUNDDOWN($C3763/24,0)+1,1)*INDEX($D$3:$AA$30,INDEX(Jesper!$R$2:$R$366,ROW(INDEX(Jesper!AI$2:AI$366,ROUNDDOWN($C3763/24,0)+1,1))-1)+IF('Standard Profiles'!$G$19=$B$10,7,0)+IF('Standard Profiles'!$G$19=$B$17,14,0)+IF('Standard Profiles'!$G$19=$B$24,21,0),MOD($C3763,24)+1)/SUM(INDEX($D$3:$AA$30,INDEX(Jesper!$R$2:$R$366,ROW(INDEX(Jesper!AI$2:AI$366,ROUNDDOWN($C3763/24,0)+1,1))-1)+IF('Standard Profiles'!$G$19=$B$10,7,0)+IF('Standard Profiles'!$G$19=$B$17,14,0)+IF('Standard Profiles'!$G$19=$B$24,21,0),0)),0)</f>
        <v>12.880215886450074</v>
      </c>
      <c r="F3763" cm="1">
        <f t="array" ref="F3763">IFERROR(INDEX(Jesper!AJ$2:AJ$366,ROUNDDOWN($C3763/24,0)+1,1)*INDEX($D$3:$AA$30,INDEX(Jesper!$R$2:$R$366,ROW(INDEX(Jesper!AJ$2:AJ$366,ROUNDDOWN($C3763/24,0)+1,1))-1)+IF('Standard Profiles'!$G$20=$B$10,7,0)+IF('Standard Profiles'!$G$20=$B$17,14,0)+IF('Standard Profiles'!$G$20=$B$24,21,0),MOD($C3763,24)+1)/SUM(INDEX($D$3:$AA$30,INDEX(Jesper!$R$2:$R$366,ROW(INDEX(Jesper!AJ$2:AJ$366,ROUNDDOWN($C3763/24,0)+1,1))-1)+IF('Standard Profiles'!$G$20=$B$10,7,0)+IF('Standard Profiles'!$G$20=$B$17,14,0)+IF('Standard Profiles'!$G$20=$B$24,21,0),0)),0)</f>
        <v>0</v>
      </c>
      <c r="G3763" cm="1">
        <f t="array" ref="G3763">IFERROR(INDEX(Jesper!AK$2:AK$366,ROUNDDOWN($C3763/24,0)+1,1)*INDEX($D$3:$AA$30,INDEX(Jesper!$R$2:$R$366,ROW(INDEX(Jesper!AK$2:AK$366,ROUNDDOWN($C3763/24,0)+1,1))-1)+IF('Standard Profiles'!$G$21=$B$10,7,0)+IF('Standard Profiles'!$G$21=$B$17,14,0)+IF('Standard Profiles'!$G$21=$B$24,21,0),MOD($C3763,24)+1)/SUM(INDEX($D$3:$AA$30,INDEX(Jesper!$R$2:$R$366,ROW(INDEX(Jesper!AK$2:AK$366,ROUNDDOWN($C3763/24,0)+1,1))-1)+IF('Standard Profiles'!$G$21=$B$10,7,0)+IF('Standard Profiles'!$G$21=$B$17,14,0)+IF('Standard Profiles'!$G$21=$B$24,21,0),0)),0)</f>
        <v>2.0490543502008611</v>
      </c>
      <c r="H3763" cm="1">
        <f t="array" ref="H3763">IFERROR(INDEX(Jesper!AL$2:AL$366,ROUNDDOWN($C3763/24,0)+1,1)*INDEX($D$3:$AA$30,INDEX(Jesper!$R$2:$R$366,ROW(INDEX(Jesper!AL$2:AL$366,ROUNDDOWN($C3763/24,0)+1,1))-1)+IF('Standard Profiles'!$G$22=$B$10,7,0)+IF('Standard Profiles'!$G$22=$B$17,14,0)+IF('Standard Profiles'!$G$22=$B$24,21,0),MOD($C3763,24)+1)/SUM(INDEX($D$3:$AA$30,INDEX(Jesper!$R$2:$R$366,ROW(INDEX(Jesper!AL$2:AL$366,ROUNDDOWN($C3763/24,0)+1,1))-1)+IF('Standard Profiles'!$G$22=$B$10,7,0)+IF('Standard Profiles'!$G$22=$B$17,14,0)+IF('Standard Profiles'!$G$22=$B$24,21,0),0)),0)</f>
        <v>0</v>
      </c>
      <c r="I3763">
        <f t="shared" si="426"/>
        <v>0.98354608809641286</v>
      </c>
      <c r="J3763">
        <f t="shared" si="427"/>
        <v>37.473716186316246</v>
      </c>
      <c r="K3763">
        <f t="shared" si="428"/>
        <v>2.9876815286046625</v>
      </c>
      <c r="L3763">
        <f t="shared" si="429"/>
        <v>1.4938407643023313</v>
      </c>
      <c r="M3763">
        <f t="shared" si="430"/>
        <v>0</v>
      </c>
      <c r="N3763" s="45">
        <f t="shared" si="431"/>
        <v>45082.374999990956</v>
      </c>
    </row>
    <row r="3764" spans="2:14" x14ac:dyDescent="0.25">
      <c r="B3764">
        <f t="shared" si="425"/>
        <v>1</v>
      </c>
      <c r="C3764" s="16">
        <v>3730</v>
      </c>
      <c r="D3764" cm="1">
        <f t="array" ref="D3764">IFERROR(INDEX(Jesper!AH$2:AH$366,ROUNDDOWN($C3764/24,0)+1,1)*INDEX($D$3:$AA$30,INDEX(Jesper!$R$2:$R$366,ROW(INDEX(Jesper!AH$2:AH$366,ROUNDDOWN($C3764/24,0)+1,1))-1)+IF('Standard Profiles'!$G$18=$B$10,7,0)+IF('Standard Profiles'!$G$18=$B$17,14,0)+IF('Standard Profiles'!$G$18=$B$24,21,0),MOD($C3764,24)+1)/SUM(INDEX($D$3:$AA$30,INDEX(Jesper!$R$2:$R$366,ROW(INDEX(Jesper!AH$2:AH$366,ROUNDDOWN($C3764/24,0)+1,1))-1)+IF('Standard Profiles'!$G$18=$B$10,7,0)+IF('Standard Profiles'!$G$18=$B$17,14,0)+IF('Standard Profiles'!$G$18=$B$24,21,0),0)),0)</f>
        <v>28.009514330668711</v>
      </c>
      <c r="E3764" cm="1">
        <f t="array" ref="E3764">IFERROR(INDEX(Jesper!AI$2:AI$366,ROUNDDOWN($C3764/24,0)+1,1)*INDEX($D$3:$AA$30,INDEX(Jesper!$R$2:$R$366,ROW(INDEX(Jesper!AI$2:AI$366,ROUNDDOWN($C3764/24,0)+1,1))-1)+IF('Standard Profiles'!$G$19=$B$10,7,0)+IF('Standard Profiles'!$G$19=$B$17,14,0)+IF('Standard Profiles'!$G$19=$B$24,21,0),MOD($C3764,24)+1)/SUM(INDEX($D$3:$AA$30,INDEX(Jesper!$R$2:$R$366,ROW(INDEX(Jesper!AI$2:AI$366,ROUNDDOWN($C3764/24,0)+1,1))-1)+IF('Standard Profiles'!$G$19=$B$10,7,0)+IF('Standard Profiles'!$G$19=$B$17,14,0)+IF('Standard Profiles'!$G$19=$B$24,21,0),0)),0)</f>
        <v>12.880215886450074</v>
      </c>
      <c r="F3764" cm="1">
        <f t="array" ref="F3764">IFERROR(INDEX(Jesper!AJ$2:AJ$366,ROUNDDOWN($C3764/24,0)+1,1)*INDEX($D$3:$AA$30,INDEX(Jesper!$R$2:$R$366,ROW(INDEX(Jesper!AJ$2:AJ$366,ROUNDDOWN($C3764/24,0)+1,1))-1)+IF('Standard Profiles'!$G$20=$B$10,7,0)+IF('Standard Profiles'!$G$20=$B$17,14,0)+IF('Standard Profiles'!$G$20=$B$24,21,0),MOD($C3764,24)+1)/SUM(INDEX($D$3:$AA$30,INDEX(Jesper!$R$2:$R$366,ROW(INDEX(Jesper!AJ$2:AJ$366,ROUNDDOWN($C3764/24,0)+1,1))-1)+IF('Standard Profiles'!$G$20=$B$10,7,0)+IF('Standard Profiles'!$G$20=$B$17,14,0)+IF('Standard Profiles'!$G$20=$B$24,21,0),0)),0)</f>
        <v>0</v>
      </c>
      <c r="G3764" cm="1">
        <f t="array" ref="G3764">IFERROR(INDEX(Jesper!AK$2:AK$366,ROUNDDOWN($C3764/24,0)+1,1)*INDEX($D$3:$AA$30,INDEX(Jesper!$R$2:$R$366,ROW(INDEX(Jesper!AK$2:AK$366,ROUNDDOWN($C3764/24,0)+1,1))-1)+IF('Standard Profiles'!$G$21=$B$10,7,0)+IF('Standard Profiles'!$G$21=$B$17,14,0)+IF('Standard Profiles'!$G$21=$B$24,21,0),MOD($C3764,24)+1)/SUM(INDEX($D$3:$AA$30,INDEX(Jesper!$R$2:$R$366,ROW(INDEX(Jesper!AK$2:AK$366,ROUNDDOWN($C3764/24,0)+1,1))-1)+IF('Standard Profiles'!$G$21=$B$10,7,0)+IF('Standard Profiles'!$G$21=$B$17,14,0)+IF('Standard Profiles'!$G$21=$B$24,21,0),0)),0)</f>
        <v>2.0490543502008611</v>
      </c>
      <c r="H3764" cm="1">
        <f t="array" ref="H3764">IFERROR(INDEX(Jesper!AL$2:AL$366,ROUNDDOWN($C3764/24,0)+1,1)*INDEX($D$3:$AA$30,INDEX(Jesper!$R$2:$R$366,ROW(INDEX(Jesper!AL$2:AL$366,ROUNDDOWN($C3764/24,0)+1,1))-1)+IF('Standard Profiles'!$G$22=$B$10,7,0)+IF('Standard Profiles'!$G$22=$B$17,14,0)+IF('Standard Profiles'!$G$22=$B$24,21,0),MOD($C3764,24)+1)/SUM(INDEX($D$3:$AA$30,INDEX(Jesper!$R$2:$R$366,ROW(INDEX(Jesper!AL$2:AL$366,ROUNDDOWN($C3764/24,0)+1,1))-1)+IF('Standard Profiles'!$G$22=$B$10,7,0)+IF('Standard Profiles'!$G$22=$B$17,14,0)+IF('Standard Profiles'!$G$22=$B$24,21,0),0)),0)</f>
        <v>0</v>
      </c>
      <c r="I3764">
        <f t="shared" si="426"/>
        <v>0.98354608809641286</v>
      </c>
      <c r="J3764">
        <f t="shared" si="427"/>
        <v>37.473716186316246</v>
      </c>
      <c r="K3764">
        <f t="shared" si="428"/>
        <v>2.9876815286046625</v>
      </c>
      <c r="L3764">
        <f t="shared" si="429"/>
        <v>1.4938407643023313</v>
      </c>
      <c r="M3764">
        <f t="shared" si="430"/>
        <v>0</v>
      </c>
      <c r="N3764" s="45">
        <f t="shared" si="431"/>
        <v>45082.41666665762</v>
      </c>
    </row>
    <row r="3765" spans="2:14" x14ac:dyDescent="0.25">
      <c r="B3765">
        <f t="shared" si="425"/>
        <v>1</v>
      </c>
      <c r="C3765" s="16">
        <v>3731</v>
      </c>
      <c r="D3765" cm="1">
        <f t="array" ref="D3765">IFERROR(INDEX(Jesper!AH$2:AH$366,ROUNDDOWN($C3765/24,0)+1,1)*INDEX($D$3:$AA$30,INDEX(Jesper!$R$2:$R$366,ROW(INDEX(Jesper!AH$2:AH$366,ROUNDDOWN($C3765/24,0)+1,1))-1)+IF('Standard Profiles'!$G$18=$B$10,7,0)+IF('Standard Profiles'!$G$18=$B$17,14,0)+IF('Standard Profiles'!$G$18=$B$24,21,0),MOD($C3765,24)+1)/SUM(INDEX($D$3:$AA$30,INDEX(Jesper!$R$2:$R$366,ROW(INDEX(Jesper!AH$2:AH$366,ROUNDDOWN($C3765/24,0)+1,1))-1)+IF('Standard Profiles'!$G$18=$B$10,7,0)+IF('Standard Profiles'!$G$18=$B$17,14,0)+IF('Standard Profiles'!$G$18=$B$24,21,0),0)),0)</f>
        <v>33.611417196802449</v>
      </c>
      <c r="E3765" cm="1">
        <f t="array" ref="E3765">IFERROR(INDEX(Jesper!AI$2:AI$366,ROUNDDOWN($C3765/24,0)+1,1)*INDEX($D$3:$AA$30,INDEX(Jesper!$R$2:$R$366,ROW(INDEX(Jesper!AI$2:AI$366,ROUNDDOWN($C3765/24,0)+1,1))-1)+IF('Standard Profiles'!$G$19=$B$10,7,0)+IF('Standard Profiles'!$G$19=$B$17,14,0)+IF('Standard Profiles'!$G$19=$B$24,21,0),MOD($C3765,24)+1)/SUM(INDEX($D$3:$AA$30,INDEX(Jesper!$R$2:$R$366,ROW(INDEX(Jesper!AI$2:AI$366,ROUNDDOWN($C3765/24,0)+1,1))-1)+IF('Standard Profiles'!$G$19=$B$10,7,0)+IF('Standard Profiles'!$G$19=$B$17,14,0)+IF('Standard Profiles'!$G$19=$B$24,21,0),0)),0)</f>
        <v>15.456259063740086</v>
      </c>
      <c r="F3765" cm="1">
        <f t="array" ref="F3765">IFERROR(INDEX(Jesper!AJ$2:AJ$366,ROUNDDOWN($C3765/24,0)+1,1)*INDEX($D$3:$AA$30,INDEX(Jesper!$R$2:$R$366,ROW(INDEX(Jesper!AJ$2:AJ$366,ROUNDDOWN($C3765/24,0)+1,1))-1)+IF('Standard Profiles'!$G$20=$B$10,7,0)+IF('Standard Profiles'!$G$20=$B$17,14,0)+IF('Standard Profiles'!$G$20=$B$24,21,0),MOD($C3765,24)+1)/SUM(INDEX($D$3:$AA$30,INDEX(Jesper!$R$2:$R$366,ROW(INDEX(Jesper!AJ$2:AJ$366,ROUNDDOWN($C3765/24,0)+1,1))-1)+IF('Standard Profiles'!$G$20=$B$10,7,0)+IF('Standard Profiles'!$G$20=$B$17,14,0)+IF('Standard Profiles'!$G$20=$B$24,21,0),0)),0)</f>
        <v>0</v>
      </c>
      <c r="G3765" cm="1">
        <f t="array" ref="G3765">IFERROR(INDEX(Jesper!AK$2:AK$366,ROUNDDOWN($C3765/24,0)+1,1)*INDEX($D$3:$AA$30,INDEX(Jesper!$R$2:$R$366,ROW(INDEX(Jesper!AK$2:AK$366,ROUNDDOWN($C3765/24,0)+1,1))-1)+IF('Standard Profiles'!$G$21=$B$10,7,0)+IF('Standard Profiles'!$G$21=$B$17,14,0)+IF('Standard Profiles'!$G$21=$B$24,21,0),MOD($C3765,24)+1)/SUM(INDEX($D$3:$AA$30,INDEX(Jesper!$R$2:$R$366,ROW(INDEX(Jesper!AK$2:AK$366,ROUNDDOWN($C3765/24,0)+1,1))-1)+IF('Standard Profiles'!$G$21=$B$10,7,0)+IF('Standard Profiles'!$G$21=$B$17,14,0)+IF('Standard Profiles'!$G$21=$B$24,21,0),0)),0)</f>
        <v>2.4588652202410333</v>
      </c>
      <c r="H3765" cm="1">
        <f t="array" ref="H3765">IFERROR(INDEX(Jesper!AL$2:AL$366,ROUNDDOWN($C3765/24,0)+1,1)*INDEX($D$3:$AA$30,INDEX(Jesper!$R$2:$R$366,ROW(INDEX(Jesper!AL$2:AL$366,ROUNDDOWN($C3765/24,0)+1,1))-1)+IF('Standard Profiles'!$G$22=$B$10,7,0)+IF('Standard Profiles'!$G$22=$B$17,14,0)+IF('Standard Profiles'!$G$22=$B$24,21,0),MOD($C3765,24)+1)/SUM(INDEX($D$3:$AA$30,INDEX(Jesper!$R$2:$R$366,ROW(INDEX(Jesper!AL$2:AL$366,ROUNDDOWN($C3765/24,0)+1,1))-1)+IF('Standard Profiles'!$G$22=$B$10,7,0)+IF('Standard Profiles'!$G$22=$B$17,14,0)+IF('Standard Profiles'!$G$22=$B$24,21,0),0)),0)</f>
        <v>0</v>
      </c>
      <c r="I3765">
        <f t="shared" si="426"/>
        <v>1.1802553057156955</v>
      </c>
      <c r="J3765">
        <f t="shared" si="427"/>
        <v>44.968459423579482</v>
      </c>
      <c r="K3765">
        <f t="shared" si="428"/>
        <v>3.5852178343255949</v>
      </c>
      <c r="L3765">
        <f t="shared" si="429"/>
        <v>1.7926089171627975</v>
      </c>
      <c r="M3765">
        <f t="shared" si="430"/>
        <v>0</v>
      </c>
      <c r="N3765" s="45">
        <f t="shared" si="431"/>
        <v>45082.458333324284</v>
      </c>
    </row>
    <row r="3766" spans="2:14" x14ac:dyDescent="0.25">
      <c r="B3766">
        <f t="shared" si="425"/>
        <v>1</v>
      </c>
      <c r="C3766" s="16">
        <v>3732</v>
      </c>
      <c r="D3766" cm="1">
        <f t="array" ref="D3766">IFERROR(INDEX(Jesper!AH$2:AH$366,ROUNDDOWN($C3766/24,0)+1,1)*INDEX($D$3:$AA$30,INDEX(Jesper!$R$2:$R$366,ROW(INDEX(Jesper!AH$2:AH$366,ROUNDDOWN($C3766/24,0)+1,1))-1)+IF('Standard Profiles'!$G$18=$B$10,7,0)+IF('Standard Profiles'!$G$18=$B$17,14,0)+IF('Standard Profiles'!$G$18=$B$24,21,0),MOD($C3766,24)+1)/SUM(INDEX($D$3:$AA$30,INDEX(Jesper!$R$2:$R$366,ROW(INDEX(Jesper!AH$2:AH$366,ROUNDDOWN($C3766/24,0)+1,1))-1)+IF('Standard Profiles'!$G$18=$B$10,7,0)+IF('Standard Profiles'!$G$18=$B$17,14,0)+IF('Standard Profiles'!$G$18=$B$24,21,0),0)),0)</f>
        <v>33.611417196802449</v>
      </c>
      <c r="E3766" cm="1">
        <f t="array" ref="E3766">IFERROR(INDEX(Jesper!AI$2:AI$366,ROUNDDOWN($C3766/24,0)+1,1)*INDEX($D$3:$AA$30,INDEX(Jesper!$R$2:$R$366,ROW(INDEX(Jesper!AI$2:AI$366,ROUNDDOWN($C3766/24,0)+1,1))-1)+IF('Standard Profiles'!$G$19=$B$10,7,0)+IF('Standard Profiles'!$G$19=$B$17,14,0)+IF('Standard Profiles'!$G$19=$B$24,21,0),MOD($C3766,24)+1)/SUM(INDEX($D$3:$AA$30,INDEX(Jesper!$R$2:$R$366,ROW(INDEX(Jesper!AI$2:AI$366,ROUNDDOWN($C3766/24,0)+1,1))-1)+IF('Standard Profiles'!$G$19=$B$10,7,0)+IF('Standard Profiles'!$G$19=$B$17,14,0)+IF('Standard Profiles'!$G$19=$B$24,21,0),0)),0)</f>
        <v>15.456259063740086</v>
      </c>
      <c r="F3766" cm="1">
        <f t="array" ref="F3766">IFERROR(INDEX(Jesper!AJ$2:AJ$366,ROUNDDOWN($C3766/24,0)+1,1)*INDEX($D$3:$AA$30,INDEX(Jesper!$R$2:$R$366,ROW(INDEX(Jesper!AJ$2:AJ$366,ROUNDDOWN($C3766/24,0)+1,1))-1)+IF('Standard Profiles'!$G$20=$B$10,7,0)+IF('Standard Profiles'!$G$20=$B$17,14,0)+IF('Standard Profiles'!$G$20=$B$24,21,0),MOD($C3766,24)+1)/SUM(INDEX($D$3:$AA$30,INDEX(Jesper!$R$2:$R$366,ROW(INDEX(Jesper!AJ$2:AJ$366,ROUNDDOWN($C3766/24,0)+1,1))-1)+IF('Standard Profiles'!$G$20=$B$10,7,0)+IF('Standard Profiles'!$G$20=$B$17,14,0)+IF('Standard Profiles'!$G$20=$B$24,21,0),0)),0)</f>
        <v>0</v>
      </c>
      <c r="G3766" cm="1">
        <f t="array" ref="G3766">IFERROR(INDEX(Jesper!AK$2:AK$366,ROUNDDOWN($C3766/24,0)+1,1)*INDEX($D$3:$AA$30,INDEX(Jesper!$R$2:$R$366,ROW(INDEX(Jesper!AK$2:AK$366,ROUNDDOWN($C3766/24,0)+1,1))-1)+IF('Standard Profiles'!$G$21=$B$10,7,0)+IF('Standard Profiles'!$G$21=$B$17,14,0)+IF('Standard Profiles'!$G$21=$B$24,21,0),MOD($C3766,24)+1)/SUM(INDEX($D$3:$AA$30,INDEX(Jesper!$R$2:$R$366,ROW(INDEX(Jesper!AK$2:AK$366,ROUNDDOWN($C3766/24,0)+1,1))-1)+IF('Standard Profiles'!$G$21=$B$10,7,0)+IF('Standard Profiles'!$G$21=$B$17,14,0)+IF('Standard Profiles'!$G$21=$B$24,21,0),0)),0)</f>
        <v>2.4588652202410333</v>
      </c>
      <c r="H3766" cm="1">
        <f t="array" ref="H3766">IFERROR(INDEX(Jesper!AL$2:AL$366,ROUNDDOWN($C3766/24,0)+1,1)*INDEX($D$3:$AA$30,INDEX(Jesper!$R$2:$R$366,ROW(INDEX(Jesper!AL$2:AL$366,ROUNDDOWN($C3766/24,0)+1,1))-1)+IF('Standard Profiles'!$G$22=$B$10,7,0)+IF('Standard Profiles'!$G$22=$B$17,14,0)+IF('Standard Profiles'!$G$22=$B$24,21,0),MOD($C3766,24)+1)/SUM(INDEX($D$3:$AA$30,INDEX(Jesper!$R$2:$R$366,ROW(INDEX(Jesper!AL$2:AL$366,ROUNDDOWN($C3766/24,0)+1,1))-1)+IF('Standard Profiles'!$G$22=$B$10,7,0)+IF('Standard Profiles'!$G$22=$B$17,14,0)+IF('Standard Profiles'!$G$22=$B$24,21,0),0)),0)</f>
        <v>0</v>
      </c>
      <c r="I3766">
        <f t="shared" si="426"/>
        <v>1.1802553057156955</v>
      </c>
      <c r="J3766">
        <f t="shared" si="427"/>
        <v>44.968459423579482</v>
      </c>
      <c r="K3766">
        <f t="shared" si="428"/>
        <v>3.5852178343255949</v>
      </c>
      <c r="L3766">
        <f t="shared" si="429"/>
        <v>1.7926089171627975</v>
      </c>
      <c r="M3766">
        <f t="shared" si="430"/>
        <v>0</v>
      </c>
      <c r="N3766" s="45">
        <f t="shared" si="431"/>
        <v>45082.499999990949</v>
      </c>
    </row>
    <row r="3767" spans="2:14" x14ac:dyDescent="0.25">
      <c r="B3767">
        <f t="shared" si="425"/>
        <v>1</v>
      </c>
      <c r="C3767" s="16">
        <v>3733</v>
      </c>
      <c r="D3767" cm="1">
        <f t="array" ref="D3767">IFERROR(INDEX(Jesper!AH$2:AH$366,ROUNDDOWN($C3767/24,0)+1,1)*INDEX($D$3:$AA$30,INDEX(Jesper!$R$2:$R$366,ROW(INDEX(Jesper!AH$2:AH$366,ROUNDDOWN($C3767/24,0)+1,1))-1)+IF('Standard Profiles'!$G$18=$B$10,7,0)+IF('Standard Profiles'!$G$18=$B$17,14,0)+IF('Standard Profiles'!$G$18=$B$24,21,0),MOD($C3767,24)+1)/SUM(INDEX($D$3:$AA$30,INDEX(Jesper!$R$2:$R$366,ROW(INDEX(Jesper!AH$2:AH$366,ROUNDDOWN($C3767/24,0)+1,1))-1)+IF('Standard Profiles'!$G$18=$B$10,7,0)+IF('Standard Profiles'!$G$18=$B$17,14,0)+IF('Standard Profiles'!$G$18=$B$24,21,0),0)),0)</f>
        <v>22.407611464534973</v>
      </c>
      <c r="E3767" cm="1">
        <f t="array" ref="E3767">IFERROR(INDEX(Jesper!AI$2:AI$366,ROUNDDOWN($C3767/24,0)+1,1)*INDEX($D$3:$AA$30,INDEX(Jesper!$R$2:$R$366,ROW(INDEX(Jesper!AI$2:AI$366,ROUNDDOWN($C3767/24,0)+1,1))-1)+IF('Standard Profiles'!$G$19=$B$10,7,0)+IF('Standard Profiles'!$G$19=$B$17,14,0)+IF('Standard Profiles'!$G$19=$B$24,21,0),MOD($C3767,24)+1)/SUM(INDEX($D$3:$AA$30,INDEX(Jesper!$R$2:$R$366,ROW(INDEX(Jesper!AI$2:AI$366,ROUNDDOWN($C3767/24,0)+1,1))-1)+IF('Standard Profiles'!$G$19=$B$10,7,0)+IF('Standard Profiles'!$G$19=$B$17,14,0)+IF('Standard Profiles'!$G$19=$B$24,21,0),0)),0)</f>
        <v>10.304172709160058</v>
      </c>
      <c r="F3767" cm="1">
        <f t="array" ref="F3767">IFERROR(INDEX(Jesper!AJ$2:AJ$366,ROUNDDOWN($C3767/24,0)+1,1)*INDEX($D$3:$AA$30,INDEX(Jesper!$R$2:$R$366,ROW(INDEX(Jesper!AJ$2:AJ$366,ROUNDDOWN($C3767/24,0)+1,1))-1)+IF('Standard Profiles'!$G$20=$B$10,7,0)+IF('Standard Profiles'!$G$20=$B$17,14,0)+IF('Standard Profiles'!$G$20=$B$24,21,0),MOD($C3767,24)+1)/SUM(INDEX($D$3:$AA$30,INDEX(Jesper!$R$2:$R$366,ROW(INDEX(Jesper!AJ$2:AJ$366,ROUNDDOWN($C3767/24,0)+1,1))-1)+IF('Standard Profiles'!$G$20=$B$10,7,0)+IF('Standard Profiles'!$G$20=$B$17,14,0)+IF('Standard Profiles'!$G$20=$B$24,21,0),0)),0)</f>
        <v>0</v>
      </c>
      <c r="G3767" cm="1">
        <f t="array" ref="G3767">IFERROR(INDEX(Jesper!AK$2:AK$366,ROUNDDOWN($C3767/24,0)+1,1)*INDEX($D$3:$AA$30,INDEX(Jesper!$R$2:$R$366,ROW(INDEX(Jesper!AK$2:AK$366,ROUNDDOWN($C3767/24,0)+1,1))-1)+IF('Standard Profiles'!$G$21=$B$10,7,0)+IF('Standard Profiles'!$G$21=$B$17,14,0)+IF('Standard Profiles'!$G$21=$B$24,21,0),MOD($C3767,24)+1)/SUM(INDEX($D$3:$AA$30,INDEX(Jesper!$R$2:$R$366,ROW(INDEX(Jesper!AK$2:AK$366,ROUNDDOWN($C3767/24,0)+1,1))-1)+IF('Standard Profiles'!$G$21=$B$10,7,0)+IF('Standard Profiles'!$G$21=$B$17,14,0)+IF('Standard Profiles'!$G$21=$B$24,21,0),0)),0)</f>
        <v>1.6392434801606892</v>
      </c>
      <c r="H3767" cm="1">
        <f t="array" ref="H3767">IFERROR(INDEX(Jesper!AL$2:AL$366,ROUNDDOWN($C3767/24,0)+1,1)*INDEX($D$3:$AA$30,INDEX(Jesper!$R$2:$R$366,ROW(INDEX(Jesper!AL$2:AL$366,ROUNDDOWN($C3767/24,0)+1,1))-1)+IF('Standard Profiles'!$G$22=$B$10,7,0)+IF('Standard Profiles'!$G$22=$B$17,14,0)+IF('Standard Profiles'!$G$22=$B$24,21,0),MOD($C3767,24)+1)/SUM(INDEX($D$3:$AA$30,INDEX(Jesper!$R$2:$R$366,ROW(INDEX(Jesper!AL$2:AL$366,ROUNDDOWN($C3767/24,0)+1,1))-1)+IF('Standard Profiles'!$G$22=$B$10,7,0)+IF('Standard Profiles'!$G$22=$B$17,14,0)+IF('Standard Profiles'!$G$22=$B$24,21,0),0)),0)</f>
        <v>0</v>
      </c>
      <c r="I3767">
        <f t="shared" si="426"/>
        <v>0.78683687047713047</v>
      </c>
      <c r="J3767">
        <f t="shared" si="427"/>
        <v>29.978972949052991</v>
      </c>
      <c r="K3767">
        <f t="shared" si="428"/>
        <v>2.3901452228837305</v>
      </c>
      <c r="L3767">
        <f t="shared" si="429"/>
        <v>1.1950726114418653</v>
      </c>
      <c r="M3767">
        <f t="shared" si="430"/>
        <v>0</v>
      </c>
      <c r="N3767" s="45">
        <f t="shared" si="431"/>
        <v>45082.541666657613</v>
      </c>
    </row>
    <row r="3768" spans="2:14" x14ac:dyDescent="0.25">
      <c r="B3768">
        <f t="shared" si="425"/>
        <v>1</v>
      </c>
      <c r="C3768" s="16">
        <v>3734</v>
      </c>
      <c r="D3768" cm="1">
        <f t="array" ref="D3768">IFERROR(INDEX(Jesper!AH$2:AH$366,ROUNDDOWN($C3768/24,0)+1,1)*INDEX($D$3:$AA$30,INDEX(Jesper!$R$2:$R$366,ROW(INDEX(Jesper!AH$2:AH$366,ROUNDDOWN($C3768/24,0)+1,1))-1)+IF('Standard Profiles'!$G$18=$B$10,7,0)+IF('Standard Profiles'!$G$18=$B$17,14,0)+IF('Standard Profiles'!$G$18=$B$24,21,0),MOD($C3768,24)+1)/SUM(INDEX($D$3:$AA$30,INDEX(Jesper!$R$2:$R$366,ROW(INDEX(Jesper!AH$2:AH$366,ROUNDDOWN($C3768/24,0)+1,1))-1)+IF('Standard Profiles'!$G$18=$B$10,7,0)+IF('Standard Profiles'!$G$18=$B$17,14,0)+IF('Standard Profiles'!$G$18=$B$24,21,0),0)),0)</f>
        <v>33.611417196802449</v>
      </c>
      <c r="E3768" cm="1">
        <f t="array" ref="E3768">IFERROR(INDEX(Jesper!AI$2:AI$366,ROUNDDOWN($C3768/24,0)+1,1)*INDEX($D$3:$AA$30,INDEX(Jesper!$R$2:$R$366,ROW(INDEX(Jesper!AI$2:AI$366,ROUNDDOWN($C3768/24,0)+1,1))-1)+IF('Standard Profiles'!$G$19=$B$10,7,0)+IF('Standard Profiles'!$G$19=$B$17,14,0)+IF('Standard Profiles'!$G$19=$B$24,21,0),MOD($C3768,24)+1)/SUM(INDEX($D$3:$AA$30,INDEX(Jesper!$R$2:$R$366,ROW(INDEX(Jesper!AI$2:AI$366,ROUNDDOWN($C3768/24,0)+1,1))-1)+IF('Standard Profiles'!$G$19=$B$10,7,0)+IF('Standard Profiles'!$G$19=$B$17,14,0)+IF('Standard Profiles'!$G$19=$B$24,21,0),0)),0)</f>
        <v>15.456259063740086</v>
      </c>
      <c r="F3768" cm="1">
        <f t="array" ref="F3768">IFERROR(INDEX(Jesper!AJ$2:AJ$366,ROUNDDOWN($C3768/24,0)+1,1)*INDEX($D$3:$AA$30,INDEX(Jesper!$R$2:$R$366,ROW(INDEX(Jesper!AJ$2:AJ$366,ROUNDDOWN($C3768/24,0)+1,1))-1)+IF('Standard Profiles'!$G$20=$B$10,7,0)+IF('Standard Profiles'!$G$20=$B$17,14,0)+IF('Standard Profiles'!$G$20=$B$24,21,0),MOD($C3768,24)+1)/SUM(INDEX($D$3:$AA$30,INDEX(Jesper!$R$2:$R$366,ROW(INDEX(Jesper!AJ$2:AJ$366,ROUNDDOWN($C3768/24,0)+1,1))-1)+IF('Standard Profiles'!$G$20=$B$10,7,0)+IF('Standard Profiles'!$G$20=$B$17,14,0)+IF('Standard Profiles'!$G$20=$B$24,21,0),0)),0)</f>
        <v>0</v>
      </c>
      <c r="G3768" cm="1">
        <f t="array" ref="G3768">IFERROR(INDEX(Jesper!AK$2:AK$366,ROUNDDOWN($C3768/24,0)+1,1)*INDEX($D$3:$AA$30,INDEX(Jesper!$R$2:$R$366,ROW(INDEX(Jesper!AK$2:AK$366,ROUNDDOWN($C3768/24,0)+1,1))-1)+IF('Standard Profiles'!$G$21=$B$10,7,0)+IF('Standard Profiles'!$G$21=$B$17,14,0)+IF('Standard Profiles'!$G$21=$B$24,21,0),MOD($C3768,24)+1)/SUM(INDEX($D$3:$AA$30,INDEX(Jesper!$R$2:$R$366,ROW(INDEX(Jesper!AK$2:AK$366,ROUNDDOWN($C3768/24,0)+1,1))-1)+IF('Standard Profiles'!$G$21=$B$10,7,0)+IF('Standard Profiles'!$G$21=$B$17,14,0)+IF('Standard Profiles'!$G$21=$B$24,21,0),0)),0)</f>
        <v>2.4588652202410333</v>
      </c>
      <c r="H3768" cm="1">
        <f t="array" ref="H3768">IFERROR(INDEX(Jesper!AL$2:AL$366,ROUNDDOWN($C3768/24,0)+1,1)*INDEX($D$3:$AA$30,INDEX(Jesper!$R$2:$R$366,ROW(INDEX(Jesper!AL$2:AL$366,ROUNDDOWN($C3768/24,0)+1,1))-1)+IF('Standard Profiles'!$G$22=$B$10,7,0)+IF('Standard Profiles'!$G$22=$B$17,14,0)+IF('Standard Profiles'!$G$22=$B$24,21,0),MOD($C3768,24)+1)/SUM(INDEX($D$3:$AA$30,INDEX(Jesper!$R$2:$R$366,ROW(INDEX(Jesper!AL$2:AL$366,ROUNDDOWN($C3768/24,0)+1,1))-1)+IF('Standard Profiles'!$G$22=$B$10,7,0)+IF('Standard Profiles'!$G$22=$B$17,14,0)+IF('Standard Profiles'!$G$22=$B$24,21,0),0)),0)</f>
        <v>0</v>
      </c>
      <c r="I3768">
        <f t="shared" si="426"/>
        <v>1.1802553057156955</v>
      </c>
      <c r="J3768">
        <f t="shared" si="427"/>
        <v>44.968459423579482</v>
      </c>
      <c r="K3768">
        <f t="shared" si="428"/>
        <v>3.5852178343255949</v>
      </c>
      <c r="L3768">
        <f t="shared" si="429"/>
        <v>1.7926089171627975</v>
      </c>
      <c r="M3768">
        <f t="shared" si="430"/>
        <v>0</v>
      </c>
      <c r="N3768" s="45">
        <f t="shared" si="431"/>
        <v>45082.583333324277</v>
      </c>
    </row>
    <row r="3769" spans="2:14" x14ac:dyDescent="0.25">
      <c r="B3769">
        <f t="shared" si="425"/>
        <v>1</v>
      </c>
      <c r="C3769" s="16">
        <v>3735</v>
      </c>
      <c r="D3769" cm="1">
        <f t="array" ref="D3769">IFERROR(INDEX(Jesper!AH$2:AH$366,ROUNDDOWN($C3769/24,0)+1,1)*INDEX($D$3:$AA$30,INDEX(Jesper!$R$2:$R$366,ROW(INDEX(Jesper!AH$2:AH$366,ROUNDDOWN($C3769/24,0)+1,1))-1)+IF('Standard Profiles'!$G$18=$B$10,7,0)+IF('Standard Profiles'!$G$18=$B$17,14,0)+IF('Standard Profiles'!$G$18=$B$24,21,0),MOD($C3769,24)+1)/SUM(INDEX($D$3:$AA$30,INDEX(Jesper!$R$2:$R$366,ROW(INDEX(Jesper!AH$2:AH$366,ROUNDDOWN($C3769/24,0)+1,1))-1)+IF('Standard Profiles'!$G$18=$B$10,7,0)+IF('Standard Profiles'!$G$18=$B$17,14,0)+IF('Standard Profiles'!$G$18=$B$24,21,0),0)),0)</f>
        <v>33.611417196802449</v>
      </c>
      <c r="E3769" cm="1">
        <f t="array" ref="E3769">IFERROR(INDEX(Jesper!AI$2:AI$366,ROUNDDOWN($C3769/24,0)+1,1)*INDEX($D$3:$AA$30,INDEX(Jesper!$R$2:$R$366,ROW(INDEX(Jesper!AI$2:AI$366,ROUNDDOWN($C3769/24,0)+1,1))-1)+IF('Standard Profiles'!$G$19=$B$10,7,0)+IF('Standard Profiles'!$G$19=$B$17,14,0)+IF('Standard Profiles'!$G$19=$B$24,21,0),MOD($C3769,24)+1)/SUM(INDEX($D$3:$AA$30,INDEX(Jesper!$R$2:$R$366,ROW(INDEX(Jesper!AI$2:AI$366,ROUNDDOWN($C3769/24,0)+1,1))-1)+IF('Standard Profiles'!$G$19=$B$10,7,0)+IF('Standard Profiles'!$G$19=$B$17,14,0)+IF('Standard Profiles'!$G$19=$B$24,21,0),0)),0)</f>
        <v>15.456259063740086</v>
      </c>
      <c r="F3769" cm="1">
        <f t="array" ref="F3769">IFERROR(INDEX(Jesper!AJ$2:AJ$366,ROUNDDOWN($C3769/24,0)+1,1)*INDEX($D$3:$AA$30,INDEX(Jesper!$R$2:$R$366,ROW(INDEX(Jesper!AJ$2:AJ$366,ROUNDDOWN($C3769/24,0)+1,1))-1)+IF('Standard Profiles'!$G$20=$B$10,7,0)+IF('Standard Profiles'!$G$20=$B$17,14,0)+IF('Standard Profiles'!$G$20=$B$24,21,0),MOD($C3769,24)+1)/SUM(INDEX($D$3:$AA$30,INDEX(Jesper!$R$2:$R$366,ROW(INDEX(Jesper!AJ$2:AJ$366,ROUNDDOWN($C3769/24,0)+1,1))-1)+IF('Standard Profiles'!$G$20=$B$10,7,0)+IF('Standard Profiles'!$G$20=$B$17,14,0)+IF('Standard Profiles'!$G$20=$B$24,21,0),0)),0)</f>
        <v>0</v>
      </c>
      <c r="G3769" cm="1">
        <f t="array" ref="G3769">IFERROR(INDEX(Jesper!AK$2:AK$366,ROUNDDOWN($C3769/24,0)+1,1)*INDEX($D$3:$AA$30,INDEX(Jesper!$R$2:$R$366,ROW(INDEX(Jesper!AK$2:AK$366,ROUNDDOWN($C3769/24,0)+1,1))-1)+IF('Standard Profiles'!$G$21=$B$10,7,0)+IF('Standard Profiles'!$G$21=$B$17,14,0)+IF('Standard Profiles'!$G$21=$B$24,21,0),MOD($C3769,24)+1)/SUM(INDEX($D$3:$AA$30,INDEX(Jesper!$R$2:$R$366,ROW(INDEX(Jesper!AK$2:AK$366,ROUNDDOWN($C3769/24,0)+1,1))-1)+IF('Standard Profiles'!$G$21=$B$10,7,0)+IF('Standard Profiles'!$G$21=$B$17,14,0)+IF('Standard Profiles'!$G$21=$B$24,21,0),0)),0)</f>
        <v>2.4588652202410333</v>
      </c>
      <c r="H3769" cm="1">
        <f t="array" ref="H3769">IFERROR(INDEX(Jesper!AL$2:AL$366,ROUNDDOWN($C3769/24,0)+1,1)*INDEX($D$3:$AA$30,INDEX(Jesper!$R$2:$R$366,ROW(INDEX(Jesper!AL$2:AL$366,ROUNDDOWN($C3769/24,0)+1,1))-1)+IF('Standard Profiles'!$G$22=$B$10,7,0)+IF('Standard Profiles'!$G$22=$B$17,14,0)+IF('Standard Profiles'!$G$22=$B$24,21,0),MOD($C3769,24)+1)/SUM(INDEX($D$3:$AA$30,INDEX(Jesper!$R$2:$R$366,ROW(INDEX(Jesper!AL$2:AL$366,ROUNDDOWN($C3769/24,0)+1,1))-1)+IF('Standard Profiles'!$G$22=$B$10,7,0)+IF('Standard Profiles'!$G$22=$B$17,14,0)+IF('Standard Profiles'!$G$22=$B$24,21,0),0)),0)</f>
        <v>0</v>
      </c>
      <c r="I3769">
        <f t="shared" si="426"/>
        <v>1.1802553057156955</v>
      </c>
      <c r="J3769">
        <f t="shared" si="427"/>
        <v>44.968459423579482</v>
      </c>
      <c r="K3769">
        <f t="shared" si="428"/>
        <v>3.5852178343255949</v>
      </c>
      <c r="L3769">
        <f t="shared" si="429"/>
        <v>1.7926089171627975</v>
      </c>
      <c r="M3769">
        <f t="shared" si="430"/>
        <v>0</v>
      </c>
      <c r="N3769" s="45">
        <f t="shared" si="431"/>
        <v>45082.624999990941</v>
      </c>
    </row>
    <row r="3770" spans="2:14" x14ac:dyDescent="0.25">
      <c r="B3770">
        <f t="shared" si="425"/>
        <v>1</v>
      </c>
      <c r="C3770" s="16">
        <v>3736</v>
      </c>
      <c r="D3770" cm="1">
        <f t="array" ref="D3770">IFERROR(INDEX(Jesper!AH$2:AH$366,ROUNDDOWN($C3770/24,0)+1,1)*INDEX($D$3:$AA$30,INDEX(Jesper!$R$2:$R$366,ROW(INDEX(Jesper!AH$2:AH$366,ROUNDDOWN($C3770/24,0)+1,1))-1)+IF('Standard Profiles'!$G$18=$B$10,7,0)+IF('Standard Profiles'!$G$18=$B$17,14,0)+IF('Standard Profiles'!$G$18=$B$24,21,0),MOD($C3770,24)+1)/SUM(INDEX($D$3:$AA$30,INDEX(Jesper!$R$2:$R$366,ROW(INDEX(Jesper!AH$2:AH$366,ROUNDDOWN($C3770/24,0)+1,1))-1)+IF('Standard Profiles'!$G$18=$B$10,7,0)+IF('Standard Profiles'!$G$18=$B$17,14,0)+IF('Standard Profiles'!$G$18=$B$24,21,0),0)),0)</f>
        <v>19.606660031468099</v>
      </c>
      <c r="E3770" cm="1">
        <f t="array" ref="E3770">IFERROR(INDEX(Jesper!AI$2:AI$366,ROUNDDOWN($C3770/24,0)+1,1)*INDEX($D$3:$AA$30,INDEX(Jesper!$R$2:$R$366,ROW(INDEX(Jesper!AI$2:AI$366,ROUNDDOWN($C3770/24,0)+1,1))-1)+IF('Standard Profiles'!$G$19=$B$10,7,0)+IF('Standard Profiles'!$G$19=$B$17,14,0)+IF('Standard Profiles'!$G$19=$B$24,21,0),MOD($C3770,24)+1)/SUM(INDEX($D$3:$AA$30,INDEX(Jesper!$R$2:$R$366,ROW(INDEX(Jesper!AI$2:AI$366,ROUNDDOWN($C3770/24,0)+1,1))-1)+IF('Standard Profiles'!$G$19=$B$10,7,0)+IF('Standard Profiles'!$G$19=$B$17,14,0)+IF('Standard Profiles'!$G$19=$B$24,21,0),0)),0)</f>
        <v>9.0161511205150493</v>
      </c>
      <c r="F3770" cm="1">
        <f t="array" ref="F3770">IFERROR(INDEX(Jesper!AJ$2:AJ$366,ROUNDDOWN($C3770/24,0)+1,1)*INDEX($D$3:$AA$30,INDEX(Jesper!$R$2:$R$366,ROW(INDEX(Jesper!AJ$2:AJ$366,ROUNDDOWN($C3770/24,0)+1,1))-1)+IF('Standard Profiles'!$G$20=$B$10,7,0)+IF('Standard Profiles'!$G$20=$B$17,14,0)+IF('Standard Profiles'!$G$20=$B$24,21,0),MOD($C3770,24)+1)/SUM(INDEX($D$3:$AA$30,INDEX(Jesper!$R$2:$R$366,ROW(INDEX(Jesper!AJ$2:AJ$366,ROUNDDOWN($C3770/24,0)+1,1))-1)+IF('Standard Profiles'!$G$20=$B$10,7,0)+IF('Standard Profiles'!$G$20=$B$17,14,0)+IF('Standard Profiles'!$G$20=$B$24,21,0),0)),0)</f>
        <v>0</v>
      </c>
      <c r="G3770" cm="1">
        <f t="array" ref="G3770">IFERROR(INDEX(Jesper!AK$2:AK$366,ROUNDDOWN($C3770/24,0)+1,1)*INDEX($D$3:$AA$30,INDEX(Jesper!$R$2:$R$366,ROW(INDEX(Jesper!AK$2:AK$366,ROUNDDOWN($C3770/24,0)+1,1))-1)+IF('Standard Profiles'!$G$21=$B$10,7,0)+IF('Standard Profiles'!$G$21=$B$17,14,0)+IF('Standard Profiles'!$G$21=$B$24,21,0),MOD($C3770,24)+1)/SUM(INDEX($D$3:$AA$30,INDEX(Jesper!$R$2:$R$366,ROW(INDEX(Jesper!AK$2:AK$366,ROUNDDOWN($C3770/24,0)+1,1))-1)+IF('Standard Profiles'!$G$21=$B$10,7,0)+IF('Standard Profiles'!$G$21=$B$17,14,0)+IF('Standard Profiles'!$G$21=$B$24,21,0),0)),0)</f>
        <v>2.0490543502008611</v>
      </c>
      <c r="H3770" cm="1">
        <f t="array" ref="H3770">IFERROR(INDEX(Jesper!AL$2:AL$366,ROUNDDOWN($C3770/24,0)+1,1)*INDEX($D$3:$AA$30,INDEX(Jesper!$R$2:$R$366,ROW(INDEX(Jesper!AL$2:AL$366,ROUNDDOWN($C3770/24,0)+1,1))-1)+IF('Standard Profiles'!$G$22=$B$10,7,0)+IF('Standard Profiles'!$G$22=$B$17,14,0)+IF('Standard Profiles'!$G$22=$B$24,21,0),MOD($C3770,24)+1)/SUM(INDEX($D$3:$AA$30,INDEX(Jesper!$R$2:$R$366,ROW(INDEX(Jesper!AL$2:AL$366,ROUNDDOWN($C3770/24,0)+1,1))-1)+IF('Standard Profiles'!$G$22=$B$10,7,0)+IF('Standard Profiles'!$G$22=$B$17,14,0)+IF('Standard Profiles'!$G$22=$B$24,21,0),0)),0)</f>
        <v>0</v>
      </c>
      <c r="I3770">
        <f t="shared" si="426"/>
        <v>0.98354608809641286</v>
      </c>
      <c r="J3770">
        <f t="shared" si="427"/>
        <v>26.551253809052699</v>
      </c>
      <c r="K3770">
        <f t="shared" si="428"/>
        <v>2.0913770700232641</v>
      </c>
      <c r="L3770">
        <f t="shared" si="429"/>
        <v>1.0456885350116321</v>
      </c>
      <c r="M3770">
        <f t="shared" si="430"/>
        <v>0</v>
      </c>
      <c r="N3770" s="45">
        <f t="shared" si="431"/>
        <v>45082.666666657606</v>
      </c>
    </row>
    <row r="3771" spans="2:14" x14ac:dyDescent="0.25">
      <c r="B3771">
        <f t="shared" si="425"/>
        <v>1</v>
      </c>
      <c r="C3771" s="16">
        <v>3737</v>
      </c>
      <c r="D3771" cm="1">
        <f t="array" ref="D3771">IFERROR(INDEX(Jesper!AH$2:AH$366,ROUNDDOWN($C3771/24,0)+1,1)*INDEX($D$3:$AA$30,INDEX(Jesper!$R$2:$R$366,ROW(INDEX(Jesper!AH$2:AH$366,ROUNDDOWN($C3771/24,0)+1,1))-1)+IF('Standard Profiles'!$G$18=$B$10,7,0)+IF('Standard Profiles'!$G$18=$B$17,14,0)+IF('Standard Profiles'!$G$18=$B$24,21,0),MOD($C3771,24)+1)/SUM(INDEX($D$3:$AA$30,INDEX(Jesper!$R$2:$R$366,ROW(INDEX(Jesper!AH$2:AH$366,ROUNDDOWN($C3771/24,0)+1,1))-1)+IF('Standard Profiles'!$G$18=$B$10,7,0)+IF('Standard Profiles'!$G$18=$B$17,14,0)+IF('Standard Profiles'!$G$18=$B$24,21,0),0)),0)</f>
        <v>5.6019028661337433</v>
      </c>
      <c r="E3771" cm="1">
        <f t="array" ref="E3771">IFERROR(INDEX(Jesper!AI$2:AI$366,ROUNDDOWN($C3771/24,0)+1,1)*INDEX($D$3:$AA$30,INDEX(Jesper!$R$2:$R$366,ROW(INDEX(Jesper!AI$2:AI$366,ROUNDDOWN($C3771/24,0)+1,1))-1)+IF('Standard Profiles'!$G$19=$B$10,7,0)+IF('Standard Profiles'!$G$19=$B$17,14,0)+IF('Standard Profiles'!$G$19=$B$24,21,0),MOD($C3771,24)+1)/SUM(INDEX($D$3:$AA$30,INDEX(Jesper!$R$2:$R$366,ROW(INDEX(Jesper!AI$2:AI$366,ROUNDDOWN($C3771/24,0)+1,1))-1)+IF('Standard Profiles'!$G$19=$B$10,7,0)+IF('Standard Profiles'!$G$19=$B$17,14,0)+IF('Standard Profiles'!$G$19=$B$24,21,0),0)),0)</f>
        <v>2.5760431772900145</v>
      </c>
      <c r="F3771" cm="1">
        <f t="array" ref="F3771">IFERROR(INDEX(Jesper!AJ$2:AJ$366,ROUNDDOWN($C3771/24,0)+1,1)*INDEX($D$3:$AA$30,INDEX(Jesper!$R$2:$R$366,ROW(INDEX(Jesper!AJ$2:AJ$366,ROUNDDOWN($C3771/24,0)+1,1))-1)+IF('Standard Profiles'!$G$20=$B$10,7,0)+IF('Standard Profiles'!$G$20=$B$17,14,0)+IF('Standard Profiles'!$G$20=$B$24,21,0),MOD($C3771,24)+1)/SUM(INDEX($D$3:$AA$30,INDEX(Jesper!$R$2:$R$366,ROW(INDEX(Jesper!AJ$2:AJ$366,ROUNDDOWN($C3771/24,0)+1,1))-1)+IF('Standard Profiles'!$G$20=$B$10,7,0)+IF('Standard Profiles'!$G$20=$B$17,14,0)+IF('Standard Profiles'!$G$20=$B$24,21,0),0)),0)</f>
        <v>0</v>
      </c>
      <c r="G3771" cm="1">
        <f t="array" ref="G3771">IFERROR(INDEX(Jesper!AK$2:AK$366,ROUNDDOWN($C3771/24,0)+1,1)*INDEX($D$3:$AA$30,INDEX(Jesper!$R$2:$R$366,ROW(INDEX(Jesper!AK$2:AK$366,ROUNDDOWN($C3771/24,0)+1,1))-1)+IF('Standard Profiles'!$G$21=$B$10,7,0)+IF('Standard Profiles'!$G$21=$B$17,14,0)+IF('Standard Profiles'!$G$21=$B$24,21,0),MOD($C3771,24)+1)/SUM(INDEX($D$3:$AA$30,INDEX(Jesper!$R$2:$R$366,ROW(INDEX(Jesper!AK$2:AK$366,ROUNDDOWN($C3771/24,0)+1,1))-1)+IF('Standard Profiles'!$G$21=$B$10,7,0)+IF('Standard Profiles'!$G$21=$B$17,14,0)+IF('Standard Profiles'!$G$21=$B$24,21,0),0)),0)</f>
        <v>1.6486644197018425</v>
      </c>
      <c r="H3771" cm="1">
        <f t="array" ref="H3771">IFERROR(INDEX(Jesper!AL$2:AL$366,ROUNDDOWN($C3771/24,0)+1,1)*INDEX($D$3:$AA$30,INDEX(Jesper!$R$2:$R$366,ROW(INDEX(Jesper!AL$2:AL$366,ROUNDDOWN($C3771/24,0)+1,1))-1)+IF('Standard Profiles'!$G$22=$B$10,7,0)+IF('Standard Profiles'!$G$22=$B$17,14,0)+IF('Standard Profiles'!$G$22=$B$24,21,0),MOD($C3771,24)+1)/SUM(INDEX($D$3:$AA$30,INDEX(Jesper!$R$2:$R$366,ROW(INDEX(Jesper!AL$2:AL$366,ROUNDDOWN($C3771/24,0)+1,1))-1)+IF('Standard Profiles'!$G$22=$B$10,7,0)+IF('Standard Profiles'!$G$22=$B$17,14,0)+IF('Standard Profiles'!$G$22=$B$24,21,0),0)),0)</f>
        <v>0</v>
      </c>
      <c r="I3771">
        <f t="shared" si="426"/>
        <v>0.79135892145688402</v>
      </c>
      <c r="J3771">
        <f t="shared" si="427"/>
        <v>8.1389470830873165</v>
      </c>
      <c r="K3771">
        <f t="shared" si="428"/>
        <v>0.59753630572093264</v>
      </c>
      <c r="L3771">
        <f t="shared" si="429"/>
        <v>0.29876815286046632</v>
      </c>
      <c r="M3771">
        <f t="shared" si="430"/>
        <v>0</v>
      </c>
      <c r="N3771" s="45">
        <f t="shared" si="431"/>
        <v>45082.70833332427</v>
      </c>
    </row>
    <row r="3772" spans="2:14" x14ac:dyDescent="0.25">
      <c r="B3772">
        <f t="shared" si="425"/>
        <v>1</v>
      </c>
      <c r="C3772" s="16">
        <v>3738</v>
      </c>
      <c r="D3772" cm="1">
        <f t="array" ref="D3772">IFERROR(INDEX(Jesper!AH$2:AH$366,ROUNDDOWN($C3772/24,0)+1,1)*INDEX($D$3:$AA$30,INDEX(Jesper!$R$2:$R$366,ROW(INDEX(Jesper!AH$2:AH$366,ROUNDDOWN($C3772/24,0)+1,1))-1)+IF('Standard Profiles'!$G$18=$B$10,7,0)+IF('Standard Profiles'!$G$18=$B$17,14,0)+IF('Standard Profiles'!$G$18=$B$24,21,0),MOD($C3772,24)+1)/SUM(INDEX($D$3:$AA$30,INDEX(Jesper!$R$2:$R$366,ROW(INDEX(Jesper!AH$2:AH$366,ROUNDDOWN($C3772/24,0)+1,1))-1)+IF('Standard Profiles'!$G$18=$B$10,7,0)+IF('Standard Profiles'!$G$18=$B$17,14,0)+IF('Standard Profiles'!$G$18=$B$24,21,0),0)),0)</f>
        <v>5.5230028257656612</v>
      </c>
      <c r="E3772" cm="1">
        <f t="array" ref="E3772">IFERROR(INDEX(Jesper!AI$2:AI$366,ROUNDDOWN($C3772/24,0)+1,1)*INDEX($D$3:$AA$30,INDEX(Jesper!$R$2:$R$366,ROW(INDEX(Jesper!AI$2:AI$366,ROUNDDOWN($C3772/24,0)+1,1))-1)+IF('Standard Profiles'!$G$19=$B$10,7,0)+IF('Standard Profiles'!$G$19=$B$17,14,0)+IF('Standard Profiles'!$G$19=$B$24,21,0),MOD($C3772,24)+1)/SUM(INDEX($D$3:$AA$30,INDEX(Jesper!$R$2:$R$366,ROW(INDEX(Jesper!AI$2:AI$366,ROUNDDOWN($C3772/24,0)+1,1))-1)+IF('Standard Profiles'!$G$19=$B$10,7,0)+IF('Standard Profiles'!$G$19=$B$17,14,0)+IF('Standard Profiles'!$G$19=$B$24,21,0),0)),0)</f>
        <v>2.5397608790183241</v>
      </c>
      <c r="F3772" cm="1">
        <f t="array" ref="F3772">IFERROR(INDEX(Jesper!AJ$2:AJ$366,ROUNDDOWN($C3772/24,0)+1,1)*INDEX($D$3:$AA$30,INDEX(Jesper!$R$2:$R$366,ROW(INDEX(Jesper!AJ$2:AJ$366,ROUNDDOWN($C3772/24,0)+1,1))-1)+IF('Standard Profiles'!$G$20=$B$10,7,0)+IF('Standard Profiles'!$G$20=$B$17,14,0)+IF('Standard Profiles'!$G$20=$B$24,21,0),MOD($C3772,24)+1)/SUM(INDEX($D$3:$AA$30,INDEX(Jesper!$R$2:$R$366,ROW(INDEX(Jesper!AJ$2:AJ$366,ROUNDDOWN($C3772/24,0)+1,1))-1)+IF('Standard Profiles'!$G$20=$B$10,7,0)+IF('Standard Profiles'!$G$20=$B$17,14,0)+IF('Standard Profiles'!$G$20=$B$24,21,0),0)),0)</f>
        <v>0</v>
      </c>
      <c r="G3772" cm="1">
        <f t="array" ref="G3772">IFERROR(INDEX(Jesper!AK$2:AK$366,ROUNDDOWN($C3772/24,0)+1,1)*INDEX($D$3:$AA$30,INDEX(Jesper!$R$2:$R$366,ROW(INDEX(Jesper!AK$2:AK$366,ROUNDDOWN($C3772/24,0)+1,1))-1)+IF('Standard Profiles'!$G$21=$B$10,7,0)+IF('Standard Profiles'!$G$21=$B$17,14,0)+IF('Standard Profiles'!$G$21=$B$24,21,0),MOD($C3772,24)+1)/SUM(INDEX($D$3:$AA$30,INDEX(Jesper!$R$2:$R$366,ROW(INDEX(Jesper!AK$2:AK$366,ROUNDDOWN($C3772/24,0)+1,1))-1)+IF('Standard Profiles'!$G$21=$B$10,7,0)+IF('Standard Profiles'!$G$21=$B$17,14,0)+IF('Standard Profiles'!$G$21=$B$24,21,0),0)),0)</f>
        <v>0.58880872132208673</v>
      </c>
      <c r="H3772" cm="1">
        <f t="array" ref="H3772">IFERROR(INDEX(Jesper!AL$2:AL$366,ROUNDDOWN($C3772/24,0)+1,1)*INDEX($D$3:$AA$30,INDEX(Jesper!$R$2:$R$366,ROW(INDEX(Jesper!AL$2:AL$366,ROUNDDOWN($C3772/24,0)+1,1))-1)+IF('Standard Profiles'!$G$22=$B$10,7,0)+IF('Standard Profiles'!$G$22=$B$17,14,0)+IF('Standard Profiles'!$G$22=$B$24,21,0),MOD($C3772,24)+1)/SUM(INDEX($D$3:$AA$30,INDEX(Jesper!$R$2:$R$366,ROW(INDEX(Jesper!AL$2:AL$366,ROUNDDOWN($C3772/24,0)+1,1))-1)+IF('Standard Profiles'!$G$22=$B$10,7,0)+IF('Standard Profiles'!$G$22=$B$17,14,0)+IF('Standard Profiles'!$G$22=$B$24,21,0),0)),0)</f>
        <v>0</v>
      </c>
      <c r="I3772">
        <f t="shared" si="426"/>
        <v>0.28262818623460151</v>
      </c>
      <c r="J3772">
        <f t="shared" si="427"/>
        <v>7.4852637877489645</v>
      </c>
      <c r="K3772">
        <f t="shared" si="428"/>
        <v>0.58912030141500393</v>
      </c>
      <c r="L3772">
        <f t="shared" si="429"/>
        <v>0.29456015070750197</v>
      </c>
      <c r="M3772">
        <f t="shared" si="430"/>
        <v>0</v>
      </c>
      <c r="N3772" s="45">
        <f t="shared" si="431"/>
        <v>45082.749999990934</v>
      </c>
    </row>
    <row r="3773" spans="2:14" x14ac:dyDescent="0.25">
      <c r="B3773">
        <f t="shared" si="425"/>
        <v>1</v>
      </c>
      <c r="C3773" s="16">
        <v>3739</v>
      </c>
      <c r="D3773" cm="1">
        <f t="array" ref="D3773">IFERROR(INDEX(Jesper!AH$2:AH$366,ROUNDDOWN($C3773/24,0)+1,1)*INDEX($D$3:$AA$30,INDEX(Jesper!$R$2:$R$366,ROW(INDEX(Jesper!AH$2:AH$366,ROUNDDOWN($C3773/24,0)+1,1))-1)+IF('Standard Profiles'!$G$18=$B$10,7,0)+IF('Standard Profiles'!$G$18=$B$17,14,0)+IF('Standard Profiles'!$G$18=$B$24,21,0),MOD($C3773,24)+1)/SUM(INDEX($D$3:$AA$30,INDEX(Jesper!$R$2:$R$366,ROW(INDEX(Jesper!AH$2:AH$366,ROUNDDOWN($C3773/24,0)+1,1))-1)+IF('Standard Profiles'!$G$18=$B$10,7,0)+IF('Standard Profiles'!$G$18=$B$17,14,0)+IF('Standard Profiles'!$G$18=$B$24,21,0),0)),0)</f>
        <v>5.5230028257656612</v>
      </c>
      <c r="E3773" cm="1">
        <f t="array" ref="E3773">IFERROR(INDEX(Jesper!AI$2:AI$366,ROUNDDOWN($C3773/24,0)+1,1)*INDEX($D$3:$AA$30,INDEX(Jesper!$R$2:$R$366,ROW(INDEX(Jesper!AI$2:AI$366,ROUNDDOWN($C3773/24,0)+1,1))-1)+IF('Standard Profiles'!$G$19=$B$10,7,0)+IF('Standard Profiles'!$G$19=$B$17,14,0)+IF('Standard Profiles'!$G$19=$B$24,21,0),MOD($C3773,24)+1)/SUM(INDEX($D$3:$AA$30,INDEX(Jesper!$R$2:$R$366,ROW(INDEX(Jesper!AI$2:AI$366,ROUNDDOWN($C3773/24,0)+1,1))-1)+IF('Standard Profiles'!$G$19=$B$10,7,0)+IF('Standard Profiles'!$G$19=$B$17,14,0)+IF('Standard Profiles'!$G$19=$B$24,21,0),0)),0)</f>
        <v>2.5397608790183241</v>
      </c>
      <c r="F3773" cm="1">
        <f t="array" ref="F3773">IFERROR(INDEX(Jesper!AJ$2:AJ$366,ROUNDDOWN($C3773/24,0)+1,1)*INDEX($D$3:$AA$30,INDEX(Jesper!$R$2:$R$366,ROW(INDEX(Jesper!AJ$2:AJ$366,ROUNDDOWN($C3773/24,0)+1,1))-1)+IF('Standard Profiles'!$G$20=$B$10,7,0)+IF('Standard Profiles'!$G$20=$B$17,14,0)+IF('Standard Profiles'!$G$20=$B$24,21,0),MOD($C3773,24)+1)/SUM(INDEX($D$3:$AA$30,INDEX(Jesper!$R$2:$R$366,ROW(INDEX(Jesper!AJ$2:AJ$366,ROUNDDOWN($C3773/24,0)+1,1))-1)+IF('Standard Profiles'!$G$20=$B$10,7,0)+IF('Standard Profiles'!$G$20=$B$17,14,0)+IF('Standard Profiles'!$G$20=$B$24,21,0),0)),0)</f>
        <v>0</v>
      </c>
      <c r="G3773" cm="1">
        <f t="array" ref="G3773">IFERROR(INDEX(Jesper!AK$2:AK$366,ROUNDDOWN($C3773/24,0)+1,1)*INDEX($D$3:$AA$30,INDEX(Jesper!$R$2:$R$366,ROW(INDEX(Jesper!AK$2:AK$366,ROUNDDOWN($C3773/24,0)+1,1))-1)+IF('Standard Profiles'!$G$21=$B$10,7,0)+IF('Standard Profiles'!$G$21=$B$17,14,0)+IF('Standard Profiles'!$G$21=$B$24,21,0),MOD($C3773,24)+1)/SUM(INDEX($D$3:$AA$30,INDEX(Jesper!$R$2:$R$366,ROW(INDEX(Jesper!AK$2:AK$366,ROUNDDOWN($C3773/24,0)+1,1))-1)+IF('Standard Profiles'!$G$21=$B$10,7,0)+IF('Standard Profiles'!$G$21=$B$17,14,0)+IF('Standard Profiles'!$G$21=$B$24,21,0),0)),0)</f>
        <v>0.58880872132208673</v>
      </c>
      <c r="H3773" cm="1">
        <f t="array" ref="H3773">IFERROR(INDEX(Jesper!AL$2:AL$366,ROUNDDOWN($C3773/24,0)+1,1)*INDEX($D$3:$AA$30,INDEX(Jesper!$R$2:$R$366,ROW(INDEX(Jesper!AL$2:AL$366,ROUNDDOWN($C3773/24,0)+1,1))-1)+IF('Standard Profiles'!$G$22=$B$10,7,0)+IF('Standard Profiles'!$G$22=$B$17,14,0)+IF('Standard Profiles'!$G$22=$B$24,21,0),MOD($C3773,24)+1)/SUM(INDEX($D$3:$AA$30,INDEX(Jesper!$R$2:$R$366,ROW(INDEX(Jesper!AL$2:AL$366,ROUNDDOWN($C3773/24,0)+1,1))-1)+IF('Standard Profiles'!$G$22=$B$10,7,0)+IF('Standard Profiles'!$G$22=$B$17,14,0)+IF('Standard Profiles'!$G$22=$B$24,21,0),0)),0)</f>
        <v>0</v>
      </c>
      <c r="I3773">
        <f t="shared" si="426"/>
        <v>0.28262818623460151</v>
      </c>
      <c r="J3773">
        <f t="shared" si="427"/>
        <v>7.4852637877489645</v>
      </c>
      <c r="K3773">
        <f t="shared" si="428"/>
        <v>0.58912030141500393</v>
      </c>
      <c r="L3773">
        <f t="shared" si="429"/>
        <v>0.29456015070750197</v>
      </c>
      <c r="M3773">
        <f t="shared" si="430"/>
        <v>0</v>
      </c>
      <c r="N3773" s="45">
        <f t="shared" si="431"/>
        <v>45082.791666657598</v>
      </c>
    </row>
    <row r="3774" spans="2:14" x14ac:dyDescent="0.25">
      <c r="B3774">
        <f t="shared" si="425"/>
        <v>1</v>
      </c>
      <c r="C3774" s="16">
        <v>3740</v>
      </c>
      <c r="D3774" cm="1">
        <f t="array" ref="D3774">IFERROR(INDEX(Jesper!AH$2:AH$366,ROUNDDOWN($C3774/24,0)+1,1)*INDEX($D$3:$AA$30,INDEX(Jesper!$R$2:$R$366,ROW(INDEX(Jesper!AH$2:AH$366,ROUNDDOWN($C3774/24,0)+1,1))-1)+IF('Standard Profiles'!$G$18=$B$10,7,0)+IF('Standard Profiles'!$G$18=$B$17,14,0)+IF('Standard Profiles'!$G$18=$B$24,21,0),MOD($C3774,24)+1)/SUM(INDEX($D$3:$AA$30,INDEX(Jesper!$R$2:$R$366,ROW(INDEX(Jesper!AH$2:AH$366,ROUNDDOWN($C3774/24,0)+1,1))-1)+IF('Standard Profiles'!$G$18=$B$10,7,0)+IF('Standard Profiles'!$G$18=$B$17,14,0)+IF('Standard Profiles'!$G$18=$B$24,21,0),0)),0)</f>
        <v>5.5230028257656612</v>
      </c>
      <c r="E3774" cm="1">
        <f t="array" ref="E3774">IFERROR(INDEX(Jesper!AI$2:AI$366,ROUNDDOWN($C3774/24,0)+1,1)*INDEX($D$3:$AA$30,INDEX(Jesper!$R$2:$R$366,ROW(INDEX(Jesper!AI$2:AI$366,ROUNDDOWN($C3774/24,0)+1,1))-1)+IF('Standard Profiles'!$G$19=$B$10,7,0)+IF('Standard Profiles'!$G$19=$B$17,14,0)+IF('Standard Profiles'!$G$19=$B$24,21,0),MOD($C3774,24)+1)/SUM(INDEX($D$3:$AA$30,INDEX(Jesper!$R$2:$R$366,ROW(INDEX(Jesper!AI$2:AI$366,ROUNDDOWN($C3774/24,0)+1,1))-1)+IF('Standard Profiles'!$G$19=$B$10,7,0)+IF('Standard Profiles'!$G$19=$B$17,14,0)+IF('Standard Profiles'!$G$19=$B$24,21,0),0)),0)</f>
        <v>2.5397608790183241</v>
      </c>
      <c r="F3774" cm="1">
        <f t="array" ref="F3774">IFERROR(INDEX(Jesper!AJ$2:AJ$366,ROUNDDOWN($C3774/24,0)+1,1)*INDEX($D$3:$AA$30,INDEX(Jesper!$R$2:$R$366,ROW(INDEX(Jesper!AJ$2:AJ$366,ROUNDDOWN($C3774/24,0)+1,1))-1)+IF('Standard Profiles'!$G$20=$B$10,7,0)+IF('Standard Profiles'!$G$20=$B$17,14,0)+IF('Standard Profiles'!$G$20=$B$24,21,0),MOD($C3774,24)+1)/SUM(INDEX($D$3:$AA$30,INDEX(Jesper!$R$2:$R$366,ROW(INDEX(Jesper!AJ$2:AJ$366,ROUNDDOWN($C3774/24,0)+1,1))-1)+IF('Standard Profiles'!$G$20=$B$10,7,0)+IF('Standard Profiles'!$G$20=$B$17,14,0)+IF('Standard Profiles'!$G$20=$B$24,21,0),0)),0)</f>
        <v>0</v>
      </c>
      <c r="G3774" cm="1">
        <f t="array" ref="G3774">IFERROR(INDEX(Jesper!AK$2:AK$366,ROUNDDOWN($C3774/24,0)+1,1)*INDEX($D$3:$AA$30,INDEX(Jesper!$R$2:$R$366,ROW(INDEX(Jesper!AK$2:AK$366,ROUNDDOWN($C3774/24,0)+1,1))-1)+IF('Standard Profiles'!$G$21=$B$10,7,0)+IF('Standard Profiles'!$G$21=$B$17,14,0)+IF('Standard Profiles'!$G$21=$B$24,21,0),MOD($C3774,24)+1)/SUM(INDEX($D$3:$AA$30,INDEX(Jesper!$R$2:$R$366,ROW(INDEX(Jesper!AK$2:AK$366,ROUNDDOWN($C3774/24,0)+1,1))-1)+IF('Standard Profiles'!$G$21=$B$10,7,0)+IF('Standard Profiles'!$G$21=$B$17,14,0)+IF('Standard Profiles'!$G$21=$B$24,21,0),0)),0)</f>
        <v>0.58880872132208673</v>
      </c>
      <c r="H3774" cm="1">
        <f t="array" ref="H3774">IFERROR(INDEX(Jesper!AL$2:AL$366,ROUNDDOWN($C3774/24,0)+1,1)*INDEX($D$3:$AA$30,INDEX(Jesper!$R$2:$R$366,ROW(INDEX(Jesper!AL$2:AL$366,ROUNDDOWN($C3774/24,0)+1,1))-1)+IF('Standard Profiles'!$G$22=$B$10,7,0)+IF('Standard Profiles'!$G$22=$B$17,14,0)+IF('Standard Profiles'!$G$22=$B$24,21,0),MOD($C3774,24)+1)/SUM(INDEX($D$3:$AA$30,INDEX(Jesper!$R$2:$R$366,ROW(INDEX(Jesper!AL$2:AL$366,ROUNDDOWN($C3774/24,0)+1,1))-1)+IF('Standard Profiles'!$G$22=$B$10,7,0)+IF('Standard Profiles'!$G$22=$B$17,14,0)+IF('Standard Profiles'!$G$22=$B$24,21,0),0)),0)</f>
        <v>0</v>
      </c>
      <c r="I3774">
        <f t="shared" si="426"/>
        <v>0.28262818623460151</v>
      </c>
      <c r="J3774">
        <f t="shared" si="427"/>
        <v>7.4852637877489645</v>
      </c>
      <c r="K3774">
        <f t="shared" si="428"/>
        <v>0.58912030141500393</v>
      </c>
      <c r="L3774">
        <f t="shared" si="429"/>
        <v>0.29456015070750197</v>
      </c>
      <c r="M3774">
        <f t="shared" si="430"/>
        <v>0</v>
      </c>
      <c r="N3774" s="45">
        <f t="shared" si="431"/>
        <v>45082.833333324263</v>
      </c>
    </row>
    <row r="3775" spans="2:14" x14ac:dyDescent="0.25">
      <c r="B3775">
        <f t="shared" si="425"/>
        <v>1</v>
      </c>
      <c r="C3775" s="16">
        <v>3741</v>
      </c>
      <c r="D3775" cm="1">
        <f t="array" ref="D3775">IFERROR(INDEX(Jesper!AH$2:AH$366,ROUNDDOWN($C3775/24,0)+1,1)*INDEX($D$3:$AA$30,INDEX(Jesper!$R$2:$R$366,ROW(INDEX(Jesper!AH$2:AH$366,ROUNDDOWN($C3775/24,0)+1,1))-1)+IF('Standard Profiles'!$G$18=$B$10,7,0)+IF('Standard Profiles'!$G$18=$B$17,14,0)+IF('Standard Profiles'!$G$18=$B$24,21,0),MOD($C3775,24)+1)/SUM(INDEX($D$3:$AA$30,INDEX(Jesper!$R$2:$R$366,ROW(INDEX(Jesper!AH$2:AH$366,ROUNDDOWN($C3775/24,0)+1,1))-1)+IF('Standard Profiles'!$G$18=$B$10,7,0)+IF('Standard Profiles'!$G$18=$B$17,14,0)+IF('Standard Profiles'!$G$18=$B$24,21,0),0)),0)</f>
        <v>5.5230028257656612</v>
      </c>
      <c r="E3775" cm="1">
        <f t="array" ref="E3775">IFERROR(INDEX(Jesper!AI$2:AI$366,ROUNDDOWN($C3775/24,0)+1,1)*INDEX($D$3:$AA$30,INDEX(Jesper!$R$2:$R$366,ROW(INDEX(Jesper!AI$2:AI$366,ROUNDDOWN($C3775/24,0)+1,1))-1)+IF('Standard Profiles'!$G$19=$B$10,7,0)+IF('Standard Profiles'!$G$19=$B$17,14,0)+IF('Standard Profiles'!$G$19=$B$24,21,0),MOD($C3775,24)+1)/SUM(INDEX($D$3:$AA$30,INDEX(Jesper!$R$2:$R$366,ROW(INDEX(Jesper!AI$2:AI$366,ROUNDDOWN($C3775/24,0)+1,1))-1)+IF('Standard Profiles'!$G$19=$B$10,7,0)+IF('Standard Profiles'!$G$19=$B$17,14,0)+IF('Standard Profiles'!$G$19=$B$24,21,0),0)),0)</f>
        <v>2.5397608790183241</v>
      </c>
      <c r="F3775" cm="1">
        <f t="array" ref="F3775">IFERROR(INDEX(Jesper!AJ$2:AJ$366,ROUNDDOWN($C3775/24,0)+1,1)*INDEX($D$3:$AA$30,INDEX(Jesper!$R$2:$R$366,ROW(INDEX(Jesper!AJ$2:AJ$366,ROUNDDOWN($C3775/24,0)+1,1))-1)+IF('Standard Profiles'!$G$20=$B$10,7,0)+IF('Standard Profiles'!$G$20=$B$17,14,0)+IF('Standard Profiles'!$G$20=$B$24,21,0),MOD($C3775,24)+1)/SUM(INDEX($D$3:$AA$30,INDEX(Jesper!$R$2:$R$366,ROW(INDEX(Jesper!AJ$2:AJ$366,ROUNDDOWN($C3775/24,0)+1,1))-1)+IF('Standard Profiles'!$G$20=$B$10,7,0)+IF('Standard Profiles'!$G$20=$B$17,14,0)+IF('Standard Profiles'!$G$20=$B$24,21,0),0)),0)</f>
        <v>0</v>
      </c>
      <c r="G3775" cm="1">
        <f t="array" ref="G3775">IFERROR(INDEX(Jesper!AK$2:AK$366,ROUNDDOWN($C3775/24,0)+1,1)*INDEX($D$3:$AA$30,INDEX(Jesper!$R$2:$R$366,ROW(INDEX(Jesper!AK$2:AK$366,ROUNDDOWN($C3775/24,0)+1,1))-1)+IF('Standard Profiles'!$G$21=$B$10,7,0)+IF('Standard Profiles'!$G$21=$B$17,14,0)+IF('Standard Profiles'!$G$21=$B$24,21,0),MOD($C3775,24)+1)/SUM(INDEX($D$3:$AA$30,INDEX(Jesper!$R$2:$R$366,ROW(INDEX(Jesper!AK$2:AK$366,ROUNDDOWN($C3775/24,0)+1,1))-1)+IF('Standard Profiles'!$G$21=$B$10,7,0)+IF('Standard Profiles'!$G$21=$B$17,14,0)+IF('Standard Profiles'!$G$21=$B$24,21,0),0)),0)</f>
        <v>0.58880872132208673</v>
      </c>
      <c r="H3775" cm="1">
        <f t="array" ref="H3775">IFERROR(INDEX(Jesper!AL$2:AL$366,ROUNDDOWN($C3775/24,0)+1,1)*INDEX($D$3:$AA$30,INDEX(Jesper!$R$2:$R$366,ROW(INDEX(Jesper!AL$2:AL$366,ROUNDDOWN($C3775/24,0)+1,1))-1)+IF('Standard Profiles'!$G$22=$B$10,7,0)+IF('Standard Profiles'!$G$22=$B$17,14,0)+IF('Standard Profiles'!$G$22=$B$24,21,0),MOD($C3775,24)+1)/SUM(INDEX($D$3:$AA$30,INDEX(Jesper!$R$2:$R$366,ROW(INDEX(Jesper!AL$2:AL$366,ROUNDDOWN($C3775/24,0)+1,1))-1)+IF('Standard Profiles'!$G$22=$B$10,7,0)+IF('Standard Profiles'!$G$22=$B$17,14,0)+IF('Standard Profiles'!$G$22=$B$24,21,0),0)),0)</f>
        <v>0</v>
      </c>
      <c r="I3775">
        <f t="shared" si="426"/>
        <v>0.28262818623460151</v>
      </c>
      <c r="J3775">
        <f t="shared" si="427"/>
        <v>7.4852637877489645</v>
      </c>
      <c r="K3775">
        <f t="shared" si="428"/>
        <v>0.58912030141500393</v>
      </c>
      <c r="L3775">
        <f t="shared" si="429"/>
        <v>0.29456015070750197</v>
      </c>
      <c r="M3775">
        <f t="shared" si="430"/>
        <v>0</v>
      </c>
      <c r="N3775" s="45">
        <f t="shared" si="431"/>
        <v>45082.874999990927</v>
      </c>
    </row>
    <row r="3776" spans="2:14" x14ac:dyDescent="0.25">
      <c r="B3776">
        <f t="shared" si="425"/>
        <v>1</v>
      </c>
      <c r="C3776" s="16">
        <v>3742</v>
      </c>
      <c r="D3776" cm="1">
        <f t="array" ref="D3776">IFERROR(INDEX(Jesper!AH$2:AH$366,ROUNDDOWN($C3776/24,0)+1,1)*INDEX($D$3:$AA$30,INDEX(Jesper!$R$2:$R$366,ROW(INDEX(Jesper!AH$2:AH$366,ROUNDDOWN($C3776/24,0)+1,1))-1)+IF('Standard Profiles'!$G$18=$B$10,7,0)+IF('Standard Profiles'!$G$18=$B$17,14,0)+IF('Standard Profiles'!$G$18=$B$24,21,0),MOD($C3776,24)+1)/SUM(INDEX($D$3:$AA$30,INDEX(Jesper!$R$2:$R$366,ROW(INDEX(Jesper!AH$2:AH$366,ROUNDDOWN($C3776/24,0)+1,1))-1)+IF('Standard Profiles'!$G$18=$B$10,7,0)+IF('Standard Profiles'!$G$18=$B$17,14,0)+IF('Standard Profiles'!$G$18=$B$24,21,0),0)),0)</f>
        <v>5.5230028257656612</v>
      </c>
      <c r="E3776" cm="1">
        <f t="array" ref="E3776">IFERROR(INDEX(Jesper!AI$2:AI$366,ROUNDDOWN($C3776/24,0)+1,1)*INDEX($D$3:$AA$30,INDEX(Jesper!$R$2:$R$366,ROW(INDEX(Jesper!AI$2:AI$366,ROUNDDOWN($C3776/24,0)+1,1))-1)+IF('Standard Profiles'!$G$19=$B$10,7,0)+IF('Standard Profiles'!$G$19=$B$17,14,0)+IF('Standard Profiles'!$G$19=$B$24,21,0),MOD($C3776,24)+1)/SUM(INDEX($D$3:$AA$30,INDEX(Jesper!$R$2:$R$366,ROW(INDEX(Jesper!AI$2:AI$366,ROUNDDOWN($C3776/24,0)+1,1))-1)+IF('Standard Profiles'!$G$19=$B$10,7,0)+IF('Standard Profiles'!$G$19=$B$17,14,0)+IF('Standard Profiles'!$G$19=$B$24,21,0),0)),0)</f>
        <v>2.5397608790183241</v>
      </c>
      <c r="F3776" cm="1">
        <f t="array" ref="F3776">IFERROR(INDEX(Jesper!AJ$2:AJ$366,ROUNDDOWN($C3776/24,0)+1,1)*INDEX($D$3:$AA$30,INDEX(Jesper!$R$2:$R$366,ROW(INDEX(Jesper!AJ$2:AJ$366,ROUNDDOWN($C3776/24,0)+1,1))-1)+IF('Standard Profiles'!$G$20=$B$10,7,0)+IF('Standard Profiles'!$G$20=$B$17,14,0)+IF('Standard Profiles'!$G$20=$B$24,21,0),MOD($C3776,24)+1)/SUM(INDEX($D$3:$AA$30,INDEX(Jesper!$R$2:$R$366,ROW(INDEX(Jesper!AJ$2:AJ$366,ROUNDDOWN($C3776/24,0)+1,1))-1)+IF('Standard Profiles'!$G$20=$B$10,7,0)+IF('Standard Profiles'!$G$20=$B$17,14,0)+IF('Standard Profiles'!$G$20=$B$24,21,0),0)),0)</f>
        <v>0</v>
      </c>
      <c r="G3776" cm="1">
        <f t="array" ref="G3776">IFERROR(INDEX(Jesper!AK$2:AK$366,ROUNDDOWN($C3776/24,0)+1,1)*INDEX($D$3:$AA$30,INDEX(Jesper!$R$2:$R$366,ROW(INDEX(Jesper!AK$2:AK$366,ROUNDDOWN($C3776/24,0)+1,1))-1)+IF('Standard Profiles'!$G$21=$B$10,7,0)+IF('Standard Profiles'!$G$21=$B$17,14,0)+IF('Standard Profiles'!$G$21=$B$24,21,0),MOD($C3776,24)+1)/SUM(INDEX($D$3:$AA$30,INDEX(Jesper!$R$2:$R$366,ROW(INDEX(Jesper!AK$2:AK$366,ROUNDDOWN($C3776/24,0)+1,1))-1)+IF('Standard Profiles'!$G$21=$B$10,7,0)+IF('Standard Profiles'!$G$21=$B$17,14,0)+IF('Standard Profiles'!$G$21=$B$24,21,0),0)),0)</f>
        <v>0.58880872132208673</v>
      </c>
      <c r="H3776" cm="1">
        <f t="array" ref="H3776">IFERROR(INDEX(Jesper!AL$2:AL$366,ROUNDDOWN($C3776/24,0)+1,1)*INDEX($D$3:$AA$30,INDEX(Jesper!$R$2:$R$366,ROW(INDEX(Jesper!AL$2:AL$366,ROUNDDOWN($C3776/24,0)+1,1))-1)+IF('Standard Profiles'!$G$22=$B$10,7,0)+IF('Standard Profiles'!$G$22=$B$17,14,0)+IF('Standard Profiles'!$G$22=$B$24,21,0),MOD($C3776,24)+1)/SUM(INDEX($D$3:$AA$30,INDEX(Jesper!$R$2:$R$366,ROW(INDEX(Jesper!AL$2:AL$366,ROUNDDOWN($C3776/24,0)+1,1))-1)+IF('Standard Profiles'!$G$22=$B$10,7,0)+IF('Standard Profiles'!$G$22=$B$17,14,0)+IF('Standard Profiles'!$G$22=$B$24,21,0),0)),0)</f>
        <v>0</v>
      </c>
      <c r="I3776">
        <f t="shared" si="426"/>
        <v>0.28262818623460151</v>
      </c>
      <c r="J3776">
        <f t="shared" si="427"/>
        <v>7.4852637877489645</v>
      </c>
      <c r="K3776">
        <f t="shared" si="428"/>
        <v>0.58912030141500393</v>
      </c>
      <c r="L3776">
        <f t="shared" si="429"/>
        <v>0.29456015070750197</v>
      </c>
      <c r="M3776">
        <f t="shared" si="430"/>
        <v>0</v>
      </c>
      <c r="N3776" s="45">
        <f t="shared" si="431"/>
        <v>45082.916666657591</v>
      </c>
    </row>
    <row r="3777" spans="2:14" x14ac:dyDescent="0.25">
      <c r="B3777">
        <f t="shared" si="425"/>
        <v>1</v>
      </c>
      <c r="C3777" s="16">
        <v>3743</v>
      </c>
      <c r="D3777" cm="1">
        <f t="array" ref="D3777">IFERROR(INDEX(Jesper!AH$2:AH$366,ROUNDDOWN($C3777/24,0)+1,1)*INDEX($D$3:$AA$30,INDEX(Jesper!$R$2:$R$366,ROW(INDEX(Jesper!AH$2:AH$366,ROUNDDOWN($C3777/24,0)+1,1))-1)+IF('Standard Profiles'!$G$18=$B$10,7,0)+IF('Standard Profiles'!$G$18=$B$17,14,0)+IF('Standard Profiles'!$G$18=$B$24,21,0),MOD($C3777,24)+1)/SUM(INDEX($D$3:$AA$30,INDEX(Jesper!$R$2:$R$366,ROW(INDEX(Jesper!AH$2:AH$366,ROUNDDOWN($C3777/24,0)+1,1))-1)+IF('Standard Profiles'!$G$18=$B$10,7,0)+IF('Standard Profiles'!$G$18=$B$17,14,0)+IF('Standard Profiles'!$G$18=$B$24,21,0),0)),0)</f>
        <v>5.5230028257656612</v>
      </c>
      <c r="E3777" cm="1">
        <f t="array" ref="E3777">IFERROR(INDEX(Jesper!AI$2:AI$366,ROUNDDOWN($C3777/24,0)+1,1)*INDEX($D$3:$AA$30,INDEX(Jesper!$R$2:$R$366,ROW(INDEX(Jesper!AI$2:AI$366,ROUNDDOWN($C3777/24,0)+1,1))-1)+IF('Standard Profiles'!$G$19=$B$10,7,0)+IF('Standard Profiles'!$G$19=$B$17,14,0)+IF('Standard Profiles'!$G$19=$B$24,21,0),MOD($C3777,24)+1)/SUM(INDEX($D$3:$AA$30,INDEX(Jesper!$R$2:$R$366,ROW(INDEX(Jesper!AI$2:AI$366,ROUNDDOWN($C3777/24,0)+1,1))-1)+IF('Standard Profiles'!$G$19=$B$10,7,0)+IF('Standard Profiles'!$G$19=$B$17,14,0)+IF('Standard Profiles'!$G$19=$B$24,21,0),0)),0)</f>
        <v>2.5397608790183241</v>
      </c>
      <c r="F3777" cm="1">
        <f t="array" ref="F3777">IFERROR(INDEX(Jesper!AJ$2:AJ$366,ROUNDDOWN($C3777/24,0)+1,1)*INDEX($D$3:$AA$30,INDEX(Jesper!$R$2:$R$366,ROW(INDEX(Jesper!AJ$2:AJ$366,ROUNDDOWN($C3777/24,0)+1,1))-1)+IF('Standard Profiles'!$G$20=$B$10,7,0)+IF('Standard Profiles'!$G$20=$B$17,14,0)+IF('Standard Profiles'!$G$20=$B$24,21,0),MOD($C3777,24)+1)/SUM(INDEX($D$3:$AA$30,INDEX(Jesper!$R$2:$R$366,ROW(INDEX(Jesper!AJ$2:AJ$366,ROUNDDOWN($C3777/24,0)+1,1))-1)+IF('Standard Profiles'!$G$20=$B$10,7,0)+IF('Standard Profiles'!$G$20=$B$17,14,0)+IF('Standard Profiles'!$G$20=$B$24,21,0),0)),0)</f>
        <v>0</v>
      </c>
      <c r="G3777" cm="1">
        <f t="array" ref="G3777">IFERROR(INDEX(Jesper!AK$2:AK$366,ROUNDDOWN($C3777/24,0)+1,1)*INDEX($D$3:$AA$30,INDEX(Jesper!$R$2:$R$366,ROW(INDEX(Jesper!AK$2:AK$366,ROUNDDOWN($C3777/24,0)+1,1))-1)+IF('Standard Profiles'!$G$21=$B$10,7,0)+IF('Standard Profiles'!$G$21=$B$17,14,0)+IF('Standard Profiles'!$G$21=$B$24,21,0),MOD($C3777,24)+1)/SUM(INDEX($D$3:$AA$30,INDEX(Jesper!$R$2:$R$366,ROW(INDEX(Jesper!AK$2:AK$366,ROUNDDOWN($C3777/24,0)+1,1))-1)+IF('Standard Profiles'!$G$21=$B$10,7,0)+IF('Standard Profiles'!$G$21=$B$17,14,0)+IF('Standard Profiles'!$G$21=$B$24,21,0),0)),0)</f>
        <v>0.58880872132208673</v>
      </c>
      <c r="H3777" cm="1">
        <f t="array" ref="H3777">IFERROR(INDEX(Jesper!AL$2:AL$366,ROUNDDOWN($C3777/24,0)+1,1)*INDEX($D$3:$AA$30,INDEX(Jesper!$R$2:$R$366,ROW(INDEX(Jesper!AL$2:AL$366,ROUNDDOWN($C3777/24,0)+1,1))-1)+IF('Standard Profiles'!$G$22=$B$10,7,0)+IF('Standard Profiles'!$G$22=$B$17,14,0)+IF('Standard Profiles'!$G$22=$B$24,21,0),MOD($C3777,24)+1)/SUM(INDEX($D$3:$AA$30,INDEX(Jesper!$R$2:$R$366,ROW(INDEX(Jesper!AL$2:AL$366,ROUNDDOWN($C3777/24,0)+1,1))-1)+IF('Standard Profiles'!$G$22=$B$10,7,0)+IF('Standard Profiles'!$G$22=$B$17,14,0)+IF('Standard Profiles'!$G$22=$B$24,21,0),0)),0)</f>
        <v>0</v>
      </c>
      <c r="I3777">
        <f t="shared" si="426"/>
        <v>0.28262818623460151</v>
      </c>
      <c r="J3777">
        <f t="shared" si="427"/>
        <v>7.4852637877489645</v>
      </c>
      <c r="K3777">
        <f t="shared" si="428"/>
        <v>0.58912030141500393</v>
      </c>
      <c r="L3777">
        <f t="shared" si="429"/>
        <v>0.29456015070750197</v>
      </c>
      <c r="M3777">
        <f t="shared" si="430"/>
        <v>0</v>
      </c>
      <c r="N3777" s="45">
        <f t="shared" si="431"/>
        <v>45082.958333324255</v>
      </c>
    </row>
    <row r="3778" spans="2:14" x14ac:dyDescent="0.25">
      <c r="B3778">
        <f t="shared" si="425"/>
        <v>2</v>
      </c>
      <c r="C3778" s="16">
        <v>3744</v>
      </c>
      <c r="D3778" cm="1">
        <f t="array" ref="D3778">IFERROR(INDEX(Jesper!AH$2:AH$366,ROUNDDOWN($C3778/24,0)+1,1)*INDEX($D$3:$AA$30,INDEX(Jesper!$R$2:$R$366,ROW(INDEX(Jesper!AH$2:AH$366,ROUNDDOWN($C3778/24,0)+1,1))-1)+IF('Standard Profiles'!$G$18=$B$10,7,0)+IF('Standard Profiles'!$G$18=$B$17,14,0)+IF('Standard Profiles'!$G$18=$B$24,21,0),MOD($C3778,24)+1)/SUM(INDEX($D$3:$AA$30,INDEX(Jesper!$R$2:$R$366,ROW(INDEX(Jesper!AH$2:AH$366,ROUNDDOWN($C3778/24,0)+1,1))-1)+IF('Standard Profiles'!$G$18=$B$10,7,0)+IF('Standard Profiles'!$G$18=$B$17,14,0)+IF('Standard Profiles'!$G$18=$B$24,21,0),0)),0)</f>
        <v>3.5097529130843417</v>
      </c>
      <c r="E3778" cm="1">
        <f t="array" ref="E3778">IFERROR(INDEX(Jesper!AI$2:AI$366,ROUNDDOWN($C3778/24,0)+1,1)*INDEX($D$3:$AA$30,INDEX(Jesper!$R$2:$R$366,ROW(INDEX(Jesper!AI$2:AI$366,ROUNDDOWN($C3778/24,0)+1,1))-1)+IF('Standard Profiles'!$G$19=$B$10,7,0)+IF('Standard Profiles'!$G$19=$B$17,14,0)+IF('Standard Profiles'!$G$19=$B$24,21,0),MOD($C3778,24)+1)/SUM(INDEX($D$3:$AA$30,INDEX(Jesper!$R$2:$R$366,ROW(INDEX(Jesper!AI$2:AI$366,ROUNDDOWN($C3778/24,0)+1,1))-1)+IF('Standard Profiles'!$G$19=$B$10,7,0)+IF('Standard Profiles'!$G$19=$B$17,14,0)+IF('Standard Profiles'!$G$19=$B$24,21,0),0)),0)</f>
        <v>1.6025695398600142</v>
      </c>
      <c r="F3778" cm="1">
        <f t="array" ref="F3778">IFERROR(INDEX(Jesper!AJ$2:AJ$366,ROUNDDOWN($C3778/24,0)+1,1)*INDEX($D$3:$AA$30,INDEX(Jesper!$R$2:$R$366,ROW(INDEX(Jesper!AJ$2:AJ$366,ROUNDDOWN($C3778/24,0)+1,1))-1)+IF('Standard Profiles'!$G$20=$B$10,7,0)+IF('Standard Profiles'!$G$20=$B$17,14,0)+IF('Standard Profiles'!$G$20=$B$24,21,0),MOD($C3778,24)+1)/SUM(INDEX($D$3:$AA$30,INDEX(Jesper!$R$2:$R$366,ROW(INDEX(Jesper!AJ$2:AJ$366,ROUNDDOWN($C3778/24,0)+1,1))-1)+IF('Standard Profiles'!$G$20=$B$10,7,0)+IF('Standard Profiles'!$G$20=$B$17,14,0)+IF('Standard Profiles'!$G$20=$B$24,21,0),0)),0)</f>
        <v>0</v>
      </c>
      <c r="G3778" cm="1">
        <f t="array" ref="G3778">IFERROR(INDEX(Jesper!AK$2:AK$366,ROUNDDOWN($C3778/24,0)+1,1)*INDEX($D$3:$AA$30,INDEX(Jesper!$R$2:$R$366,ROW(INDEX(Jesper!AK$2:AK$366,ROUNDDOWN($C3778/24,0)+1,1))-1)+IF('Standard Profiles'!$G$21=$B$10,7,0)+IF('Standard Profiles'!$G$21=$B$17,14,0)+IF('Standard Profiles'!$G$21=$B$24,21,0),MOD($C3778,24)+1)/SUM(INDEX($D$3:$AA$30,INDEX(Jesper!$R$2:$R$366,ROW(INDEX(Jesper!AK$2:AK$366,ROUNDDOWN($C3778/24,0)+1,1))-1)+IF('Standard Profiles'!$G$21=$B$10,7,0)+IF('Standard Profiles'!$G$21=$B$17,14,0)+IF('Standard Profiles'!$G$21=$B$24,21,0),0)),0)</f>
        <v>0.52092992216556655</v>
      </c>
      <c r="H3778" cm="1">
        <f t="array" ref="H3778">IFERROR(INDEX(Jesper!AL$2:AL$366,ROUNDDOWN($C3778/24,0)+1,1)*INDEX($D$3:$AA$30,INDEX(Jesper!$R$2:$R$366,ROW(INDEX(Jesper!AL$2:AL$366,ROUNDDOWN($C3778/24,0)+1,1))-1)+IF('Standard Profiles'!$G$22=$B$10,7,0)+IF('Standard Profiles'!$G$22=$B$17,14,0)+IF('Standard Profiles'!$G$22=$B$24,21,0),MOD($C3778,24)+1)/SUM(INDEX($D$3:$AA$30,INDEX(Jesper!$R$2:$R$366,ROW(INDEX(Jesper!AL$2:AL$366,ROUNDDOWN($C3778/24,0)+1,1))-1)+IF('Standard Profiles'!$G$22=$B$10,7,0)+IF('Standard Profiles'!$G$22=$B$17,14,0)+IF('Standard Profiles'!$G$22=$B$24,21,0),0)),0)</f>
        <v>0</v>
      </c>
      <c r="I3778">
        <f t="shared" si="426"/>
        <v>0.25004636263947183</v>
      </c>
      <c r="J3778">
        <f t="shared" si="427"/>
        <v>4.8216455463769554</v>
      </c>
      <c r="K3778">
        <f t="shared" si="428"/>
        <v>0.37437364406232981</v>
      </c>
      <c r="L3778">
        <f t="shared" si="429"/>
        <v>0.18718682203116491</v>
      </c>
      <c r="M3778">
        <f t="shared" si="430"/>
        <v>0</v>
      </c>
      <c r="N3778" s="45">
        <f t="shared" si="431"/>
        <v>45082.99999999092</v>
      </c>
    </row>
    <row r="3779" spans="2:14" x14ac:dyDescent="0.25">
      <c r="B3779">
        <f t="shared" si="425"/>
        <v>2</v>
      </c>
      <c r="C3779" s="16">
        <v>3745</v>
      </c>
      <c r="D3779" cm="1">
        <f t="array" ref="D3779">IFERROR(INDEX(Jesper!AH$2:AH$366,ROUNDDOWN($C3779/24,0)+1,1)*INDEX($D$3:$AA$30,INDEX(Jesper!$R$2:$R$366,ROW(INDEX(Jesper!AH$2:AH$366,ROUNDDOWN($C3779/24,0)+1,1))-1)+IF('Standard Profiles'!$G$18=$B$10,7,0)+IF('Standard Profiles'!$G$18=$B$17,14,0)+IF('Standard Profiles'!$G$18=$B$24,21,0),MOD($C3779,24)+1)/SUM(INDEX($D$3:$AA$30,INDEX(Jesper!$R$2:$R$366,ROW(INDEX(Jesper!AH$2:AH$366,ROUNDDOWN($C3779/24,0)+1,1))-1)+IF('Standard Profiles'!$G$18=$B$10,7,0)+IF('Standard Profiles'!$G$18=$B$17,14,0)+IF('Standard Profiles'!$G$18=$B$24,21,0),0)),0)</f>
        <v>5.3481949151761397</v>
      </c>
      <c r="E3779" cm="1">
        <f t="array" ref="E3779">IFERROR(INDEX(Jesper!AI$2:AI$366,ROUNDDOWN($C3779/24,0)+1,1)*INDEX($D$3:$AA$30,INDEX(Jesper!$R$2:$R$366,ROW(INDEX(Jesper!AI$2:AI$366,ROUNDDOWN($C3779/24,0)+1,1))-1)+IF('Standard Profiles'!$G$19=$B$10,7,0)+IF('Standard Profiles'!$G$19=$B$17,14,0)+IF('Standard Profiles'!$G$19=$B$24,21,0),MOD($C3779,24)+1)/SUM(INDEX($D$3:$AA$30,INDEX(Jesper!$R$2:$R$366,ROW(INDEX(Jesper!AI$2:AI$366,ROUNDDOWN($C3779/24,0)+1,1))-1)+IF('Standard Profiles'!$G$19=$B$10,7,0)+IF('Standard Profiles'!$G$19=$B$17,14,0)+IF('Standard Profiles'!$G$19=$B$24,21,0),0)),0)</f>
        <v>2.4420107274057359</v>
      </c>
      <c r="F3779" cm="1">
        <f t="array" ref="F3779">IFERROR(INDEX(Jesper!AJ$2:AJ$366,ROUNDDOWN($C3779/24,0)+1,1)*INDEX($D$3:$AA$30,INDEX(Jesper!$R$2:$R$366,ROW(INDEX(Jesper!AJ$2:AJ$366,ROUNDDOWN($C3779/24,0)+1,1))-1)+IF('Standard Profiles'!$G$20=$B$10,7,0)+IF('Standard Profiles'!$G$20=$B$17,14,0)+IF('Standard Profiles'!$G$20=$B$24,21,0),MOD($C3779,24)+1)/SUM(INDEX($D$3:$AA$30,INDEX(Jesper!$R$2:$R$366,ROW(INDEX(Jesper!AJ$2:AJ$366,ROUNDDOWN($C3779/24,0)+1,1))-1)+IF('Standard Profiles'!$G$20=$B$10,7,0)+IF('Standard Profiles'!$G$20=$B$17,14,0)+IF('Standard Profiles'!$G$20=$B$24,21,0),0)),0)</f>
        <v>0</v>
      </c>
      <c r="G3779" cm="1">
        <f t="array" ref="G3779">IFERROR(INDEX(Jesper!AK$2:AK$366,ROUNDDOWN($C3779/24,0)+1,1)*INDEX($D$3:$AA$30,INDEX(Jesper!$R$2:$R$366,ROW(INDEX(Jesper!AK$2:AK$366,ROUNDDOWN($C3779/24,0)+1,1))-1)+IF('Standard Profiles'!$G$21=$B$10,7,0)+IF('Standard Profiles'!$G$21=$B$17,14,0)+IF('Standard Profiles'!$G$21=$B$24,21,0),MOD($C3779,24)+1)/SUM(INDEX($D$3:$AA$30,INDEX(Jesper!$R$2:$R$366,ROW(INDEX(Jesper!AK$2:AK$366,ROUNDDOWN($C3779/24,0)+1,1))-1)+IF('Standard Profiles'!$G$21=$B$10,7,0)+IF('Standard Profiles'!$G$21=$B$17,14,0)+IF('Standard Profiles'!$G$21=$B$24,21,0),0)),0)</f>
        <v>0.52092992216556655</v>
      </c>
      <c r="H3779" cm="1">
        <f t="array" ref="H3779">IFERROR(INDEX(Jesper!AL$2:AL$366,ROUNDDOWN($C3779/24,0)+1,1)*INDEX($D$3:$AA$30,INDEX(Jesper!$R$2:$R$366,ROW(INDEX(Jesper!AL$2:AL$366,ROUNDDOWN($C3779/24,0)+1,1))-1)+IF('Standard Profiles'!$G$22=$B$10,7,0)+IF('Standard Profiles'!$G$22=$B$17,14,0)+IF('Standard Profiles'!$G$22=$B$24,21,0),MOD($C3779,24)+1)/SUM(INDEX($D$3:$AA$30,INDEX(Jesper!$R$2:$R$366,ROW(INDEX(Jesper!AL$2:AL$366,ROUNDDOWN($C3779/24,0)+1,1))-1)+IF('Standard Profiles'!$G$22=$B$10,7,0)+IF('Standard Profiles'!$G$22=$B$17,14,0)+IF('Standard Profiles'!$G$22=$B$24,21,0),0)),0)</f>
        <v>0</v>
      </c>
      <c r="I3779">
        <f t="shared" si="426"/>
        <v>0.25004636263947183</v>
      </c>
      <c r="J3779">
        <f t="shared" si="427"/>
        <v>7.2053780156797878</v>
      </c>
      <c r="K3779">
        <f t="shared" si="428"/>
        <v>0.57047412428545496</v>
      </c>
      <c r="L3779">
        <f t="shared" si="429"/>
        <v>0.28523706214272748</v>
      </c>
      <c r="M3779">
        <f t="shared" si="430"/>
        <v>0</v>
      </c>
      <c r="N3779" s="45">
        <f t="shared" si="431"/>
        <v>45083.041666657584</v>
      </c>
    </row>
    <row r="3780" spans="2:14" x14ac:dyDescent="0.25">
      <c r="B3780">
        <f t="shared" si="425"/>
        <v>2</v>
      </c>
      <c r="C3780" s="16">
        <v>3746</v>
      </c>
      <c r="D3780" cm="1">
        <f t="array" ref="D3780">IFERROR(INDEX(Jesper!AH$2:AH$366,ROUNDDOWN($C3780/24,0)+1,1)*INDEX($D$3:$AA$30,INDEX(Jesper!$R$2:$R$366,ROW(INDEX(Jesper!AH$2:AH$366,ROUNDDOWN($C3780/24,0)+1,1))-1)+IF('Standard Profiles'!$G$18=$B$10,7,0)+IF('Standard Profiles'!$G$18=$B$17,14,0)+IF('Standard Profiles'!$G$18=$B$24,21,0),MOD($C3780,24)+1)/SUM(INDEX($D$3:$AA$30,INDEX(Jesper!$R$2:$R$366,ROW(INDEX(Jesper!AH$2:AH$366,ROUNDDOWN($C3780/24,0)+1,1))-1)+IF('Standard Profiles'!$G$18=$B$10,7,0)+IF('Standard Profiles'!$G$18=$B$17,14,0)+IF('Standard Profiles'!$G$18=$B$24,21,0),0)),0)</f>
        <v>5.3481949151761397</v>
      </c>
      <c r="E3780" cm="1">
        <f t="array" ref="E3780">IFERROR(INDEX(Jesper!AI$2:AI$366,ROUNDDOWN($C3780/24,0)+1,1)*INDEX($D$3:$AA$30,INDEX(Jesper!$R$2:$R$366,ROW(INDEX(Jesper!AI$2:AI$366,ROUNDDOWN($C3780/24,0)+1,1))-1)+IF('Standard Profiles'!$G$19=$B$10,7,0)+IF('Standard Profiles'!$G$19=$B$17,14,0)+IF('Standard Profiles'!$G$19=$B$24,21,0),MOD($C3780,24)+1)/SUM(INDEX($D$3:$AA$30,INDEX(Jesper!$R$2:$R$366,ROW(INDEX(Jesper!AI$2:AI$366,ROUNDDOWN($C3780/24,0)+1,1))-1)+IF('Standard Profiles'!$G$19=$B$10,7,0)+IF('Standard Profiles'!$G$19=$B$17,14,0)+IF('Standard Profiles'!$G$19=$B$24,21,0),0)),0)</f>
        <v>2.4420107274057359</v>
      </c>
      <c r="F3780" cm="1">
        <f t="array" ref="F3780">IFERROR(INDEX(Jesper!AJ$2:AJ$366,ROUNDDOWN($C3780/24,0)+1,1)*INDEX($D$3:$AA$30,INDEX(Jesper!$R$2:$R$366,ROW(INDEX(Jesper!AJ$2:AJ$366,ROUNDDOWN($C3780/24,0)+1,1))-1)+IF('Standard Profiles'!$G$20=$B$10,7,0)+IF('Standard Profiles'!$G$20=$B$17,14,0)+IF('Standard Profiles'!$G$20=$B$24,21,0),MOD($C3780,24)+1)/SUM(INDEX($D$3:$AA$30,INDEX(Jesper!$R$2:$R$366,ROW(INDEX(Jesper!AJ$2:AJ$366,ROUNDDOWN($C3780/24,0)+1,1))-1)+IF('Standard Profiles'!$G$20=$B$10,7,0)+IF('Standard Profiles'!$G$20=$B$17,14,0)+IF('Standard Profiles'!$G$20=$B$24,21,0),0)),0)</f>
        <v>0</v>
      </c>
      <c r="G3780" cm="1">
        <f t="array" ref="G3780">IFERROR(INDEX(Jesper!AK$2:AK$366,ROUNDDOWN($C3780/24,0)+1,1)*INDEX($D$3:$AA$30,INDEX(Jesper!$R$2:$R$366,ROW(INDEX(Jesper!AK$2:AK$366,ROUNDDOWN($C3780/24,0)+1,1))-1)+IF('Standard Profiles'!$G$21=$B$10,7,0)+IF('Standard Profiles'!$G$21=$B$17,14,0)+IF('Standard Profiles'!$G$21=$B$24,21,0),MOD($C3780,24)+1)/SUM(INDEX($D$3:$AA$30,INDEX(Jesper!$R$2:$R$366,ROW(INDEX(Jesper!AK$2:AK$366,ROUNDDOWN($C3780/24,0)+1,1))-1)+IF('Standard Profiles'!$G$21=$B$10,7,0)+IF('Standard Profiles'!$G$21=$B$17,14,0)+IF('Standard Profiles'!$G$21=$B$24,21,0),0)),0)</f>
        <v>0.52092992216556655</v>
      </c>
      <c r="H3780" cm="1">
        <f t="array" ref="H3780">IFERROR(INDEX(Jesper!AL$2:AL$366,ROUNDDOWN($C3780/24,0)+1,1)*INDEX($D$3:$AA$30,INDEX(Jesper!$R$2:$R$366,ROW(INDEX(Jesper!AL$2:AL$366,ROUNDDOWN($C3780/24,0)+1,1))-1)+IF('Standard Profiles'!$G$22=$B$10,7,0)+IF('Standard Profiles'!$G$22=$B$17,14,0)+IF('Standard Profiles'!$G$22=$B$24,21,0),MOD($C3780,24)+1)/SUM(INDEX($D$3:$AA$30,INDEX(Jesper!$R$2:$R$366,ROW(INDEX(Jesper!AL$2:AL$366,ROUNDDOWN($C3780/24,0)+1,1))-1)+IF('Standard Profiles'!$G$22=$B$10,7,0)+IF('Standard Profiles'!$G$22=$B$17,14,0)+IF('Standard Profiles'!$G$22=$B$24,21,0),0)),0)</f>
        <v>0</v>
      </c>
      <c r="I3780">
        <f t="shared" si="426"/>
        <v>0.25004636263947183</v>
      </c>
      <c r="J3780">
        <f t="shared" si="427"/>
        <v>7.2053780156797878</v>
      </c>
      <c r="K3780">
        <f t="shared" si="428"/>
        <v>0.57047412428545496</v>
      </c>
      <c r="L3780">
        <f t="shared" si="429"/>
        <v>0.28523706214272748</v>
      </c>
      <c r="M3780">
        <f t="shared" si="430"/>
        <v>0</v>
      </c>
      <c r="N3780" s="45">
        <f t="shared" si="431"/>
        <v>45083.083333324248</v>
      </c>
    </row>
    <row r="3781" spans="2:14" x14ac:dyDescent="0.25">
      <c r="B3781">
        <f t="shared" si="425"/>
        <v>2</v>
      </c>
      <c r="C3781" s="16">
        <v>3747</v>
      </c>
      <c r="D3781" cm="1">
        <f t="array" ref="D3781">IFERROR(INDEX(Jesper!AH$2:AH$366,ROUNDDOWN($C3781/24,0)+1,1)*INDEX($D$3:$AA$30,INDEX(Jesper!$R$2:$R$366,ROW(INDEX(Jesper!AH$2:AH$366,ROUNDDOWN($C3781/24,0)+1,1))-1)+IF('Standard Profiles'!$G$18=$B$10,7,0)+IF('Standard Profiles'!$G$18=$B$17,14,0)+IF('Standard Profiles'!$G$18=$B$24,21,0),MOD($C3781,24)+1)/SUM(INDEX($D$3:$AA$30,INDEX(Jesper!$R$2:$R$366,ROW(INDEX(Jesper!AH$2:AH$366,ROUNDDOWN($C3781/24,0)+1,1))-1)+IF('Standard Profiles'!$G$18=$B$10,7,0)+IF('Standard Profiles'!$G$18=$B$17,14,0)+IF('Standard Profiles'!$G$18=$B$24,21,0),0)),0)</f>
        <v>5.3481949151761397</v>
      </c>
      <c r="E3781" cm="1">
        <f t="array" ref="E3781">IFERROR(INDEX(Jesper!AI$2:AI$366,ROUNDDOWN($C3781/24,0)+1,1)*INDEX($D$3:$AA$30,INDEX(Jesper!$R$2:$R$366,ROW(INDEX(Jesper!AI$2:AI$366,ROUNDDOWN($C3781/24,0)+1,1))-1)+IF('Standard Profiles'!$G$19=$B$10,7,0)+IF('Standard Profiles'!$G$19=$B$17,14,0)+IF('Standard Profiles'!$G$19=$B$24,21,0),MOD($C3781,24)+1)/SUM(INDEX($D$3:$AA$30,INDEX(Jesper!$R$2:$R$366,ROW(INDEX(Jesper!AI$2:AI$366,ROUNDDOWN($C3781/24,0)+1,1))-1)+IF('Standard Profiles'!$G$19=$B$10,7,0)+IF('Standard Profiles'!$G$19=$B$17,14,0)+IF('Standard Profiles'!$G$19=$B$24,21,0),0)),0)</f>
        <v>2.4420107274057359</v>
      </c>
      <c r="F3781" cm="1">
        <f t="array" ref="F3781">IFERROR(INDEX(Jesper!AJ$2:AJ$366,ROUNDDOWN($C3781/24,0)+1,1)*INDEX($D$3:$AA$30,INDEX(Jesper!$R$2:$R$366,ROW(INDEX(Jesper!AJ$2:AJ$366,ROUNDDOWN($C3781/24,0)+1,1))-1)+IF('Standard Profiles'!$G$20=$B$10,7,0)+IF('Standard Profiles'!$G$20=$B$17,14,0)+IF('Standard Profiles'!$G$20=$B$24,21,0),MOD($C3781,24)+1)/SUM(INDEX($D$3:$AA$30,INDEX(Jesper!$R$2:$R$366,ROW(INDEX(Jesper!AJ$2:AJ$366,ROUNDDOWN($C3781/24,0)+1,1))-1)+IF('Standard Profiles'!$G$20=$B$10,7,0)+IF('Standard Profiles'!$G$20=$B$17,14,0)+IF('Standard Profiles'!$G$20=$B$24,21,0),0)),0)</f>
        <v>0</v>
      </c>
      <c r="G3781" cm="1">
        <f t="array" ref="G3781">IFERROR(INDEX(Jesper!AK$2:AK$366,ROUNDDOWN($C3781/24,0)+1,1)*INDEX($D$3:$AA$30,INDEX(Jesper!$R$2:$R$366,ROW(INDEX(Jesper!AK$2:AK$366,ROUNDDOWN($C3781/24,0)+1,1))-1)+IF('Standard Profiles'!$G$21=$B$10,7,0)+IF('Standard Profiles'!$G$21=$B$17,14,0)+IF('Standard Profiles'!$G$21=$B$24,21,0),MOD($C3781,24)+1)/SUM(INDEX($D$3:$AA$30,INDEX(Jesper!$R$2:$R$366,ROW(INDEX(Jesper!AK$2:AK$366,ROUNDDOWN($C3781/24,0)+1,1))-1)+IF('Standard Profiles'!$G$21=$B$10,7,0)+IF('Standard Profiles'!$G$21=$B$17,14,0)+IF('Standard Profiles'!$G$21=$B$24,21,0),0)),0)</f>
        <v>0.52092992216556655</v>
      </c>
      <c r="H3781" cm="1">
        <f t="array" ref="H3781">IFERROR(INDEX(Jesper!AL$2:AL$366,ROUNDDOWN($C3781/24,0)+1,1)*INDEX($D$3:$AA$30,INDEX(Jesper!$R$2:$R$366,ROW(INDEX(Jesper!AL$2:AL$366,ROUNDDOWN($C3781/24,0)+1,1))-1)+IF('Standard Profiles'!$G$22=$B$10,7,0)+IF('Standard Profiles'!$G$22=$B$17,14,0)+IF('Standard Profiles'!$G$22=$B$24,21,0),MOD($C3781,24)+1)/SUM(INDEX($D$3:$AA$30,INDEX(Jesper!$R$2:$R$366,ROW(INDEX(Jesper!AL$2:AL$366,ROUNDDOWN($C3781/24,0)+1,1))-1)+IF('Standard Profiles'!$G$22=$B$10,7,0)+IF('Standard Profiles'!$G$22=$B$17,14,0)+IF('Standard Profiles'!$G$22=$B$24,21,0),0)),0)</f>
        <v>0</v>
      </c>
      <c r="I3781">
        <f t="shared" si="426"/>
        <v>0.25004636263947183</v>
      </c>
      <c r="J3781">
        <f t="shared" si="427"/>
        <v>7.2053780156797878</v>
      </c>
      <c r="K3781">
        <f t="shared" si="428"/>
        <v>0.57047412428545496</v>
      </c>
      <c r="L3781">
        <f t="shared" si="429"/>
        <v>0.28523706214272748</v>
      </c>
      <c r="M3781">
        <f t="shared" si="430"/>
        <v>0</v>
      </c>
      <c r="N3781" s="45">
        <f t="shared" si="431"/>
        <v>45083.124999990912</v>
      </c>
    </row>
    <row r="3782" spans="2:14" x14ac:dyDescent="0.25">
      <c r="B3782">
        <f t="shared" si="425"/>
        <v>2</v>
      </c>
      <c r="C3782" s="16">
        <v>3748</v>
      </c>
      <c r="D3782" cm="1">
        <f t="array" ref="D3782">IFERROR(INDEX(Jesper!AH$2:AH$366,ROUNDDOWN($C3782/24,0)+1,1)*INDEX($D$3:$AA$30,INDEX(Jesper!$R$2:$R$366,ROW(INDEX(Jesper!AH$2:AH$366,ROUNDDOWN($C3782/24,0)+1,1))-1)+IF('Standard Profiles'!$G$18=$B$10,7,0)+IF('Standard Profiles'!$G$18=$B$17,14,0)+IF('Standard Profiles'!$G$18=$B$24,21,0),MOD($C3782,24)+1)/SUM(INDEX($D$3:$AA$30,INDEX(Jesper!$R$2:$R$366,ROW(INDEX(Jesper!AH$2:AH$366,ROUNDDOWN($C3782/24,0)+1,1))-1)+IF('Standard Profiles'!$G$18=$B$10,7,0)+IF('Standard Profiles'!$G$18=$B$17,14,0)+IF('Standard Profiles'!$G$18=$B$24,21,0),0)),0)</f>
        <v>5.3481949151761397</v>
      </c>
      <c r="E3782" cm="1">
        <f t="array" ref="E3782">IFERROR(INDEX(Jesper!AI$2:AI$366,ROUNDDOWN($C3782/24,0)+1,1)*INDEX($D$3:$AA$30,INDEX(Jesper!$R$2:$R$366,ROW(INDEX(Jesper!AI$2:AI$366,ROUNDDOWN($C3782/24,0)+1,1))-1)+IF('Standard Profiles'!$G$19=$B$10,7,0)+IF('Standard Profiles'!$G$19=$B$17,14,0)+IF('Standard Profiles'!$G$19=$B$24,21,0),MOD($C3782,24)+1)/SUM(INDEX($D$3:$AA$30,INDEX(Jesper!$R$2:$R$366,ROW(INDEX(Jesper!AI$2:AI$366,ROUNDDOWN($C3782/24,0)+1,1))-1)+IF('Standard Profiles'!$G$19=$B$10,7,0)+IF('Standard Profiles'!$G$19=$B$17,14,0)+IF('Standard Profiles'!$G$19=$B$24,21,0),0)),0)</f>
        <v>2.4420107274057359</v>
      </c>
      <c r="F3782" cm="1">
        <f t="array" ref="F3782">IFERROR(INDEX(Jesper!AJ$2:AJ$366,ROUNDDOWN($C3782/24,0)+1,1)*INDEX($D$3:$AA$30,INDEX(Jesper!$R$2:$R$366,ROW(INDEX(Jesper!AJ$2:AJ$366,ROUNDDOWN($C3782/24,0)+1,1))-1)+IF('Standard Profiles'!$G$20=$B$10,7,0)+IF('Standard Profiles'!$G$20=$B$17,14,0)+IF('Standard Profiles'!$G$20=$B$24,21,0),MOD($C3782,24)+1)/SUM(INDEX($D$3:$AA$30,INDEX(Jesper!$R$2:$R$366,ROW(INDEX(Jesper!AJ$2:AJ$366,ROUNDDOWN($C3782/24,0)+1,1))-1)+IF('Standard Profiles'!$G$20=$B$10,7,0)+IF('Standard Profiles'!$G$20=$B$17,14,0)+IF('Standard Profiles'!$G$20=$B$24,21,0),0)),0)</f>
        <v>0</v>
      </c>
      <c r="G3782" cm="1">
        <f t="array" ref="G3782">IFERROR(INDEX(Jesper!AK$2:AK$366,ROUNDDOWN($C3782/24,0)+1,1)*INDEX($D$3:$AA$30,INDEX(Jesper!$R$2:$R$366,ROW(INDEX(Jesper!AK$2:AK$366,ROUNDDOWN($C3782/24,0)+1,1))-1)+IF('Standard Profiles'!$G$21=$B$10,7,0)+IF('Standard Profiles'!$G$21=$B$17,14,0)+IF('Standard Profiles'!$G$21=$B$24,21,0),MOD($C3782,24)+1)/SUM(INDEX($D$3:$AA$30,INDEX(Jesper!$R$2:$R$366,ROW(INDEX(Jesper!AK$2:AK$366,ROUNDDOWN($C3782/24,0)+1,1))-1)+IF('Standard Profiles'!$G$21=$B$10,7,0)+IF('Standard Profiles'!$G$21=$B$17,14,0)+IF('Standard Profiles'!$G$21=$B$24,21,0),0)),0)</f>
        <v>0.52092992216556655</v>
      </c>
      <c r="H3782" cm="1">
        <f t="array" ref="H3782">IFERROR(INDEX(Jesper!AL$2:AL$366,ROUNDDOWN($C3782/24,0)+1,1)*INDEX($D$3:$AA$30,INDEX(Jesper!$R$2:$R$366,ROW(INDEX(Jesper!AL$2:AL$366,ROUNDDOWN($C3782/24,0)+1,1))-1)+IF('Standard Profiles'!$G$22=$B$10,7,0)+IF('Standard Profiles'!$G$22=$B$17,14,0)+IF('Standard Profiles'!$G$22=$B$24,21,0),MOD($C3782,24)+1)/SUM(INDEX($D$3:$AA$30,INDEX(Jesper!$R$2:$R$366,ROW(INDEX(Jesper!AL$2:AL$366,ROUNDDOWN($C3782/24,0)+1,1))-1)+IF('Standard Profiles'!$G$22=$B$10,7,0)+IF('Standard Profiles'!$G$22=$B$17,14,0)+IF('Standard Profiles'!$G$22=$B$24,21,0),0)),0)</f>
        <v>0</v>
      </c>
      <c r="I3782">
        <f t="shared" si="426"/>
        <v>0.25004636263947183</v>
      </c>
      <c r="J3782">
        <f t="shared" si="427"/>
        <v>7.2053780156797878</v>
      </c>
      <c r="K3782">
        <f t="shared" si="428"/>
        <v>0.57047412428545496</v>
      </c>
      <c r="L3782">
        <f t="shared" si="429"/>
        <v>0.28523706214272748</v>
      </c>
      <c r="M3782">
        <f t="shared" si="430"/>
        <v>0</v>
      </c>
      <c r="N3782" s="45">
        <f t="shared" si="431"/>
        <v>45083.166666657577</v>
      </c>
    </row>
    <row r="3783" spans="2:14" x14ac:dyDescent="0.25">
      <c r="B3783">
        <f t="shared" si="425"/>
        <v>2</v>
      </c>
      <c r="C3783" s="16">
        <v>3749</v>
      </c>
      <c r="D3783" cm="1">
        <f t="array" ref="D3783">IFERROR(INDEX(Jesper!AH$2:AH$366,ROUNDDOWN($C3783/24,0)+1,1)*INDEX($D$3:$AA$30,INDEX(Jesper!$R$2:$R$366,ROW(INDEX(Jesper!AH$2:AH$366,ROUNDDOWN($C3783/24,0)+1,1))-1)+IF('Standard Profiles'!$G$18=$B$10,7,0)+IF('Standard Profiles'!$G$18=$B$17,14,0)+IF('Standard Profiles'!$G$18=$B$24,21,0),MOD($C3783,24)+1)/SUM(INDEX($D$3:$AA$30,INDEX(Jesper!$R$2:$R$366,ROW(INDEX(Jesper!AH$2:AH$366,ROUNDDOWN($C3783/24,0)+1,1))-1)+IF('Standard Profiles'!$G$18=$B$10,7,0)+IF('Standard Profiles'!$G$18=$B$17,14,0)+IF('Standard Profiles'!$G$18=$B$24,21,0),0)),0)</f>
        <v>5.3481949151761397</v>
      </c>
      <c r="E3783" cm="1">
        <f t="array" ref="E3783">IFERROR(INDEX(Jesper!AI$2:AI$366,ROUNDDOWN($C3783/24,0)+1,1)*INDEX($D$3:$AA$30,INDEX(Jesper!$R$2:$R$366,ROW(INDEX(Jesper!AI$2:AI$366,ROUNDDOWN($C3783/24,0)+1,1))-1)+IF('Standard Profiles'!$G$19=$B$10,7,0)+IF('Standard Profiles'!$G$19=$B$17,14,0)+IF('Standard Profiles'!$G$19=$B$24,21,0),MOD($C3783,24)+1)/SUM(INDEX($D$3:$AA$30,INDEX(Jesper!$R$2:$R$366,ROW(INDEX(Jesper!AI$2:AI$366,ROUNDDOWN($C3783/24,0)+1,1))-1)+IF('Standard Profiles'!$G$19=$B$10,7,0)+IF('Standard Profiles'!$G$19=$B$17,14,0)+IF('Standard Profiles'!$G$19=$B$24,21,0),0)),0)</f>
        <v>2.4420107274057359</v>
      </c>
      <c r="F3783" cm="1">
        <f t="array" ref="F3783">IFERROR(INDEX(Jesper!AJ$2:AJ$366,ROUNDDOWN($C3783/24,0)+1,1)*INDEX($D$3:$AA$30,INDEX(Jesper!$R$2:$R$366,ROW(INDEX(Jesper!AJ$2:AJ$366,ROUNDDOWN($C3783/24,0)+1,1))-1)+IF('Standard Profiles'!$G$20=$B$10,7,0)+IF('Standard Profiles'!$G$20=$B$17,14,0)+IF('Standard Profiles'!$G$20=$B$24,21,0),MOD($C3783,24)+1)/SUM(INDEX($D$3:$AA$30,INDEX(Jesper!$R$2:$R$366,ROW(INDEX(Jesper!AJ$2:AJ$366,ROUNDDOWN($C3783/24,0)+1,1))-1)+IF('Standard Profiles'!$G$20=$B$10,7,0)+IF('Standard Profiles'!$G$20=$B$17,14,0)+IF('Standard Profiles'!$G$20=$B$24,21,0),0)),0)</f>
        <v>0</v>
      </c>
      <c r="G3783" cm="1">
        <f t="array" ref="G3783">IFERROR(INDEX(Jesper!AK$2:AK$366,ROUNDDOWN($C3783/24,0)+1,1)*INDEX($D$3:$AA$30,INDEX(Jesper!$R$2:$R$366,ROW(INDEX(Jesper!AK$2:AK$366,ROUNDDOWN($C3783/24,0)+1,1))-1)+IF('Standard Profiles'!$G$21=$B$10,7,0)+IF('Standard Profiles'!$G$21=$B$17,14,0)+IF('Standard Profiles'!$G$21=$B$24,21,0),MOD($C3783,24)+1)/SUM(INDEX($D$3:$AA$30,INDEX(Jesper!$R$2:$R$366,ROW(INDEX(Jesper!AK$2:AK$366,ROUNDDOWN($C3783/24,0)+1,1))-1)+IF('Standard Profiles'!$G$21=$B$10,7,0)+IF('Standard Profiles'!$G$21=$B$17,14,0)+IF('Standard Profiles'!$G$21=$B$24,21,0),0)),0)</f>
        <v>0.52092992216556655</v>
      </c>
      <c r="H3783" cm="1">
        <f t="array" ref="H3783">IFERROR(INDEX(Jesper!AL$2:AL$366,ROUNDDOWN($C3783/24,0)+1,1)*INDEX($D$3:$AA$30,INDEX(Jesper!$R$2:$R$366,ROW(INDEX(Jesper!AL$2:AL$366,ROUNDDOWN($C3783/24,0)+1,1))-1)+IF('Standard Profiles'!$G$22=$B$10,7,0)+IF('Standard Profiles'!$G$22=$B$17,14,0)+IF('Standard Profiles'!$G$22=$B$24,21,0),MOD($C3783,24)+1)/SUM(INDEX($D$3:$AA$30,INDEX(Jesper!$R$2:$R$366,ROW(INDEX(Jesper!AL$2:AL$366,ROUNDDOWN($C3783/24,0)+1,1))-1)+IF('Standard Profiles'!$G$22=$B$10,7,0)+IF('Standard Profiles'!$G$22=$B$17,14,0)+IF('Standard Profiles'!$G$22=$B$24,21,0),0)),0)</f>
        <v>0</v>
      </c>
      <c r="I3783">
        <f t="shared" si="426"/>
        <v>0.25004636263947183</v>
      </c>
      <c r="J3783">
        <f t="shared" si="427"/>
        <v>7.2053780156797878</v>
      </c>
      <c r="K3783">
        <f t="shared" si="428"/>
        <v>0.57047412428545496</v>
      </c>
      <c r="L3783">
        <f t="shared" si="429"/>
        <v>0.28523706214272748</v>
      </c>
      <c r="M3783">
        <f t="shared" si="430"/>
        <v>0</v>
      </c>
      <c r="N3783" s="45">
        <f t="shared" si="431"/>
        <v>45083.208333324241</v>
      </c>
    </row>
    <row r="3784" spans="2:14" x14ac:dyDescent="0.25">
      <c r="B3784">
        <f t="shared" si="425"/>
        <v>2</v>
      </c>
      <c r="C3784" s="16">
        <v>3750</v>
      </c>
      <c r="D3784" cm="1">
        <f t="array" ref="D3784">IFERROR(INDEX(Jesper!AH$2:AH$366,ROUNDDOWN($C3784/24,0)+1,1)*INDEX($D$3:$AA$30,INDEX(Jesper!$R$2:$R$366,ROW(INDEX(Jesper!AH$2:AH$366,ROUNDDOWN($C3784/24,0)+1,1))-1)+IF('Standard Profiles'!$G$18=$B$10,7,0)+IF('Standard Profiles'!$G$18=$B$17,14,0)+IF('Standard Profiles'!$G$18=$B$24,21,0),MOD($C3784,24)+1)/SUM(INDEX($D$3:$AA$30,INDEX(Jesper!$R$2:$R$366,ROW(INDEX(Jesper!AH$2:AH$366,ROUNDDOWN($C3784/24,0)+1,1))-1)+IF('Standard Profiles'!$G$18=$B$10,7,0)+IF('Standard Profiles'!$G$18=$B$17,14,0)+IF('Standard Profiles'!$G$18=$B$24,21,0),0)),0)</f>
        <v>5.3481949151761397</v>
      </c>
      <c r="E3784" cm="1">
        <f t="array" ref="E3784">IFERROR(INDEX(Jesper!AI$2:AI$366,ROUNDDOWN($C3784/24,0)+1,1)*INDEX($D$3:$AA$30,INDEX(Jesper!$R$2:$R$366,ROW(INDEX(Jesper!AI$2:AI$366,ROUNDDOWN($C3784/24,0)+1,1))-1)+IF('Standard Profiles'!$G$19=$B$10,7,0)+IF('Standard Profiles'!$G$19=$B$17,14,0)+IF('Standard Profiles'!$G$19=$B$24,21,0),MOD($C3784,24)+1)/SUM(INDEX($D$3:$AA$30,INDEX(Jesper!$R$2:$R$366,ROW(INDEX(Jesper!AI$2:AI$366,ROUNDDOWN($C3784/24,0)+1,1))-1)+IF('Standard Profiles'!$G$19=$B$10,7,0)+IF('Standard Profiles'!$G$19=$B$17,14,0)+IF('Standard Profiles'!$G$19=$B$24,21,0),0)),0)</f>
        <v>2.4420107274057359</v>
      </c>
      <c r="F3784" cm="1">
        <f t="array" ref="F3784">IFERROR(INDEX(Jesper!AJ$2:AJ$366,ROUNDDOWN($C3784/24,0)+1,1)*INDEX($D$3:$AA$30,INDEX(Jesper!$R$2:$R$366,ROW(INDEX(Jesper!AJ$2:AJ$366,ROUNDDOWN($C3784/24,0)+1,1))-1)+IF('Standard Profiles'!$G$20=$B$10,7,0)+IF('Standard Profiles'!$G$20=$B$17,14,0)+IF('Standard Profiles'!$G$20=$B$24,21,0),MOD($C3784,24)+1)/SUM(INDEX($D$3:$AA$30,INDEX(Jesper!$R$2:$R$366,ROW(INDEX(Jesper!AJ$2:AJ$366,ROUNDDOWN($C3784/24,0)+1,1))-1)+IF('Standard Profiles'!$G$20=$B$10,7,0)+IF('Standard Profiles'!$G$20=$B$17,14,0)+IF('Standard Profiles'!$G$20=$B$24,21,0),0)),0)</f>
        <v>0</v>
      </c>
      <c r="G3784" cm="1">
        <f t="array" ref="G3784">IFERROR(INDEX(Jesper!AK$2:AK$366,ROUNDDOWN($C3784/24,0)+1,1)*INDEX($D$3:$AA$30,INDEX(Jesper!$R$2:$R$366,ROW(INDEX(Jesper!AK$2:AK$366,ROUNDDOWN($C3784/24,0)+1,1))-1)+IF('Standard Profiles'!$G$21=$B$10,7,0)+IF('Standard Profiles'!$G$21=$B$17,14,0)+IF('Standard Profiles'!$G$21=$B$24,21,0),MOD($C3784,24)+1)/SUM(INDEX($D$3:$AA$30,INDEX(Jesper!$R$2:$R$366,ROW(INDEX(Jesper!AK$2:AK$366,ROUNDDOWN($C3784/24,0)+1,1))-1)+IF('Standard Profiles'!$G$21=$B$10,7,0)+IF('Standard Profiles'!$G$21=$B$17,14,0)+IF('Standard Profiles'!$G$21=$B$24,21,0),0)),0)</f>
        <v>0.52092992216556655</v>
      </c>
      <c r="H3784" cm="1">
        <f t="array" ref="H3784">IFERROR(INDEX(Jesper!AL$2:AL$366,ROUNDDOWN($C3784/24,0)+1,1)*INDEX($D$3:$AA$30,INDEX(Jesper!$R$2:$R$366,ROW(INDEX(Jesper!AL$2:AL$366,ROUNDDOWN($C3784/24,0)+1,1))-1)+IF('Standard Profiles'!$G$22=$B$10,7,0)+IF('Standard Profiles'!$G$22=$B$17,14,0)+IF('Standard Profiles'!$G$22=$B$24,21,0),MOD($C3784,24)+1)/SUM(INDEX($D$3:$AA$30,INDEX(Jesper!$R$2:$R$366,ROW(INDEX(Jesper!AL$2:AL$366,ROUNDDOWN($C3784/24,0)+1,1))-1)+IF('Standard Profiles'!$G$22=$B$10,7,0)+IF('Standard Profiles'!$G$22=$B$17,14,0)+IF('Standard Profiles'!$G$22=$B$24,21,0),0)),0)</f>
        <v>0</v>
      </c>
      <c r="I3784">
        <f t="shared" si="426"/>
        <v>0.25004636263947183</v>
      </c>
      <c r="J3784">
        <f t="shared" si="427"/>
        <v>7.2053780156797878</v>
      </c>
      <c r="K3784">
        <f t="shared" si="428"/>
        <v>0.57047412428545496</v>
      </c>
      <c r="L3784">
        <f t="shared" si="429"/>
        <v>0.28523706214272748</v>
      </c>
      <c r="M3784">
        <f t="shared" si="430"/>
        <v>0</v>
      </c>
      <c r="N3784" s="45">
        <f t="shared" si="431"/>
        <v>45083.249999990905</v>
      </c>
    </row>
    <row r="3785" spans="2:14" x14ac:dyDescent="0.25">
      <c r="B3785">
        <f t="shared" si="425"/>
        <v>2</v>
      </c>
      <c r="C3785" s="16">
        <v>3751</v>
      </c>
      <c r="D3785" cm="1">
        <f t="array" ref="D3785">IFERROR(INDEX(Jesper!AH$2:AH$366,ROUNDDOWN($C3785/24,0)+1,1)*INDEX($D$3:$AA$30,INDEX(Jesper!$R$2:$R$366,ROW(INDEX(Jesper!AH$2:AH$366,ROUNDDOWN($C3785/24,0)+1,1))-1)+IF('Standard Profiles'!$G$18=$B$10,7,0)+IF('Standard Profiles'!$G$18=$B$17,14,0)+IF('Standard Profiles'!$G$18=$B$24,21,0),MOD($C3785,24)+1)/SUM(INDEX($D$3:$AA$30,INDEX(Jesper!$R$2:$R$366,ROW(INDEX(Jesper!AH$2:AH$366,ROUNDDOWN($C3785/24,0)+1,1))-1)+IF('Standard Profiles'!$G$18=$B$10,7,0)+IF('Standard Profiles'!$G$18=$B$17,14,0)+IF('Standard Profiles'!$G$18=$B$24,21,0),0)),0)</f>
        <v>22.54598418928941</v>
      </c>
      <c r="E3785" cm="1">
        <f t="array" ref="E3785">IFERROR(INDEX(Jesper!AI$2:AI$366,ROUNDDOWN($C3785/24,0)+1,1)*INDEX($D$3:$AA$30,INDEX(Jesper!$R$2:$R$366,ROW(INDEX(Jesper!AI$2:AI$366,ROUNDDOWN($C3785/24,0)+1,1))-1)+IF('Standard Profiles'!$G$19=$B$10,7,0)+IF('Standard Profiles'!$G$19=$B$17,14,0)+IF('Standard Profiles'!$G$19=$B$24,21,0),MOD($C3785,24)+1)/SUM(INDEX($D$3:$AA$30,INDEX(Jesper!$R$2:$R$366,ROW(INDEX(Jesper!AI$2:AI$366,ROUNDDOWN($C3785/24,0)+1,1))-1)+IF('Standard Profiles'!$G$19=$B$10,7,0)+IF('Standard Profiles'!$G$19=$B$17,14,0)+IF('Standard Profiles'!$G$19=$B$24,21,0),0)),0)</f>
        <v>10.294601472719805</v>
      </c>
      <c r="F3785" cm="1">
        <f t="array" ref="F3785">IFERROR(INDEX(Jesper!AJ$2:AJ$366,ROUNDDOWN($C3785/24,0)+1,1)*INDEX($D$3:$AA$30,INDEX(Jesper!$R$2:$R$366,ROW(INDEX(Jesper!AJ$2:AJ$366,ROUNDDOWN($C3785/24,0)+1,1))-1)+IF('Standard Profiles'!$G$20=$B$10,7,0)+IF('Standard Profiles'!$G$20=$B$17,14,0)+IF('Standard Profiles'!$G$20=$B$24,21,0),MOD($C3785,24)+1)/SUM(INDEX($D$3:$AA$30,INDEX(Jesper!$R$2:$R$366,ROW(INDEX(Jesper!AJ$2:AJ$366,ROUNDDOWN($C3785/24,0)+1,1))-1)+IF('Standard Profiles'!$G$20=$B$10,7,0)+IF('Standard Profiles'!$G$20=$B$17,14,0)+IF('Standard Profiles'!$G$20=$B$24,21,0),0)),0)</f>
        <v>0</v>
      </c>
      <c r="G3785" cm="1">
        <f t="array" ref="G3785">IFERROR(INDEX(Jesper!AK$2:AK$366,ROUNDDOWN($C3785/24,0)+1,1)*INDEX($D$3:$AA$30,INDEX(Jesper!$R$2:$R$366,ROW(INDEX(Jesper!AK$2:AK$366,ROUNDDOWN($C3785/24,0)+1,1))-1)+IF('Standard Profiles'!$G$21=$B$10,7,0)+IF('Standard Profiles'!$G$21=$B$17,14,0)+IF('Standard Profiles'!$G$21=$B$24,21,0),MOD($C3785,24)+1)/SUM(INDEX($D$3:$AA$30,INDEX(Jesper!$R$2:$R$366,ROW(INDEX(Jesper!AK$2:AK$366,ROUNDDOWN($C3785/24,0)+1,1))-1)+IF('Standard Profiles'!$G$21=$B$10,7,0)+IF('Standard Profiles'!$G$21=$B$17,14,0)+IF('Standard Profiles'!$G$21=$B$24,21,0),0)),0)</f>
        <v>1.5006142596575835</v>
      </c>
      <c r="H3785" cm="1">
        <f t="array" ref="H3785">IFERROR(INDEX(Jesper!AL$2:AL$366,ROUNDDOWN($C3785/24,0)+1,1)*INDEX($D$3:$AA$30,INDEX(Jesper!$R$2:$R$366,ROW(INDEX(Jesper!AL$2:AL$366,ROUNDDOWN($C3785/24,0)+1,1))-1)+IF('Standard Profiles'!$G$22=$B$10,7,0)+IF('Standard Profiles'!$G$22=$B$17,14,0)+IF('Standard Profiles'!$G$22=$B$24,21,0),MOD($C3785,24)+1)/SUM(INDEX($D$3:$AA$30,INDEX(Jesper!$R$2:$R$366,ROW(INDEX(Jesper!AL$2:AL$366,ROUNDDOWN($C3785/24,0)+1,1))-1)+IF('Standard Profiles'!$G$22=$B$10,7,0)+IF('Standard Profiles'!$G$22=$B$17,14,0)+IF('Standard Profiles'!$G$22=$B$24,21,0),0)),0)</f>
        <v>0</v>
      </c>
      <c r="I3785">
        <f t="shared" si="426"/>
        <v>0.72029484463563975</v>
      </c>
      <c r="J3785">
        <f t="shared" si="427"/>
        <v>30.013547606744851</v>
      </c>
      <c r="K3785">
        <f t="shared" si="428"/>
        <v>2.4049049801908704</v>
      </c>
      <c r="L3785">
        <f t="shared" si="429"/>
        <v>1.2024524900954352</v>
      </c>
      <c r="M3785">
        <f t="shared" si="430"/>
        <v>0</v>
      </c>
      <c r="N3785" s="45">
        <f t="shared" si="431"/>
        <v>45083.291666657569</v>
      </c>
    </row>
    <row r="3786" spans="2:14" x14ac:dyDescent="0.25">
      <c r="B3786">
        <f t="shared" si="425"/>
        <v>2</v>
      </c>
      <c r="C3786" s="16">
        <v>3752</v>
      </c>
      <c r="D3786" cm="1">
        <f t="array" ref="D3786">IFERROR(INDEX(Jesper!AH$2:AH$366,ROUNDDOWN($C3786/24,0)+1,1)*INDEX($D$3:$AA$30,INDEX(Jesper!$R$2:$R$366,ROW(INDEX(Jesper!AH$2:AH$366,ROUNDDOWN($C3786/24,0)+1,1))-1)+IF('Standard Profiles'!$G$18=$B$10,7,0)+IF('Standard Profiles'!$G$18=$B$17,14,0)+IF('Standard Profiles'!$G$18=$B$24,21,0),MOD($C3786,24)+1)/SUM(INDEX($D$3:$AA$30,INDEX(Jesper!$R$2:$R$366,ROW(INDEX(Jesper!AH$2:AH$366,ROUNDDOWN($C3786/24,0)+1,1))-1)+IF('Standard Profiles'!$G$18=$B$10,7,0)+IF('Standard Profiles'!$G$18=$B$17,14,0)+IF('Standard Profiles'!$G$18=$B$24,21,0),0)),0)</f>
        <v>25.156571832259768</v>
      </c>
      <c r="E3786" cm="1">
        <f t="array" ref="E3786">IFERROR(INDEX(Jesper!AI$2:AI$366,ROUNDDOWN($C3786/24,0)+1,1)*INDEX($D$3:$AA$30,INDEX(Jesper!$R$2:$R$366,ROW(INDEX(Jesper!AI$2:AI$366,ROUNDDOWN($C3786/24,0)+1,1))-1)+IF('Standard Profiles'!$G$19=$B$10,7,0)+IF('Standard Profiles'!$G$19=$B$17,14,0)+IF('Standard Profiles'!$G$19=$B$24,21,0),MOD($C3786,24)+1)/SUM(INDEX($D$3:$AA$30,INDEX(Jesper!$R$2:$R$366,ROW(INDEX(Jesper!AI$2:AI$366,ROUNDDOWN($C3786/24,0)+1,1))-1)+IF('Standard Profiles'!$G$19=$B$10,7,0)+IF('Standard Profiles'!$G$19=$B$17,14,0)+IF('Standard Profiles'!$G$19=$B$24,21,0),0)),0)</f>
        <v>11.48660795903473</v>
      </c>
      <c r="F3786" cm="1">
        <f t="array" ref="F3786">IFERROR(INDEX(Jesper!AJ$2:AJ$366,ROUNDDOWN($C3786/24,0)+1,1)*INDEX($D$3:$AA$30,INDEX(Jesper!$R$2:$R$366,ROW(INDEX(Jesper!AJ$2:AJ$366,ROUNDDOWN($C3786/24,0)+1,1))-1)+IF('Standard Profiles'!$G$20=$B$10,7,0)+IF('Standard Profiles'!$G$20=$B$17,14,0)+IF('Standard Profiles'!$G$20=$B$24,21,0),MOD($C3786,24)+1)/SUM(INDEX($D$3:$AA$30,INDEX(Jesper!$R$2:$R$366,ROW(INDEX(Jesper!AJ$2:AJ$366,ROUNDDOWN($C3786/24,0)+1,1))-1)+IF('Standard Profiles'!$G$20=$B$10,7,0)+IF('Standard Profiles'!$G$20=$B$17,14,0)+IF('Standard Profiles'!$G$20=$B$24,21,0),0)),0)</f>
        <v>0</v>
      </c>
      <c r="G3786" cm="1">
        <f t="array" ref="G3786">IFERROR(INDEX(Jesper!AK$2:AK$366,ROUNDDOWN($C3786/24,0)+1,1)*INDEX($D$3:$AA$30,INDEX(Jesper!$R$2:$R$366,ROW(INDEX(Jesper!AK$2:AK$366,ROUNDDOWN($C3786/24,0)+1,1))-1)+IF('Standard Profiles'!$G$21=$B$10,7,0)+IF('Standard Profiles'!$G$21=$B$17,14,0)+IF('Standard Profiles'!$G$21=$B$24,21,0),MOD($C3786,24)+1)/SUM(INDEX($D$3:$AA$30,INDEX(Jesper!$R$2:$R$366,ROW(INDEX(Jesper!AK$2:AK$366,ROUNDDOWN($C3786/24,0)+1,1))-1)+IF('Standard Profiles'!$G$21=$B$10,7,0)+IF('Standard Profiles'!$G$21=$B$17,14,0)+IF('Standard Profiles'!$G$21=$B$24,21,0),0)),0)</f>
        <v>1.6743695949863564</v>
      </c>
      <c r="H3786" cm="1">
        <f t="array" ref="H3786">IFERROR(INDEX(Jesper!AL$2:AL$366,ROUNDDOWN($C3786/24,0)+1,1)*INDEX($D$3:$AA$30,INDEX(Jesper!$R$2:$R$366,ROW(INDEX(Jesper!AL$2:AL$366,ROUNDDOWN($C3786/24,0)+1,1))-1)+IF('Standard Profiles'!$G$22=$B$10,7,0)+IF('Standard Profiles'!$G$22=$B$17,14,0)+IF('Standard Profiles'!$G$22=$B$24,21,0),MOD($C3786,24)+1)/SUM(INDEX($D$3:$AA$30,INDEX(Jesper!$R$2:$R$366,ROW(INDEX(Jesper!AL$2:AL$366,ROUNDDOWN($C3786/24,0)+1,1))-1)+IF('Standard Profiles'!$G$22=$B$10,7,0)+IF('Standard Profiles'!$G$22=$B$17,14,0)+IF('Standard Profiles'!$G$22=$B$24,21,0),0)),0)</f>
        <v>0</v>
      </c>
      <c r="I3786">
        <f t="shared" si="426"/>
        <v>0.80369740559345071</v>
      </c>
      <c r="J3786">
        <f t="shared" si="427"/>
        <v>33.488800487525843</v>
      </c>
      <c r="K3786">
        <f t="shared" si="428"/>
        <v>2.6833676621077087</v>
      </c>
      <c r="L3786">
        <f t="shared" si="429"/>
        <v>1.3416838310538544</v>
      </c>
      <c r="M3786">
        <f t="shared" si="430"/>
        <v>0</v>
      </c>
      <c r="N3786" s="45">
        <f t="shared" si="431"/>
        <v>45083.333333324234</v>
      </c>
    </row>
    <row r="3787" spans="2:14" x14ac:dyDescent="0.25">
      <c r="B3787">
        <f t="shared" si="425"/>
        <v>2</v>
      </c>
      <c r="C3787" s="16">
        <v>3753</v>
      </c>
      <c r="D3787" cm="1">
        <f t="array" ref="D3787">IFERROR(INDEX(Jesper!AH$2:AH$366,ROUNDDOWN($C3787/24,0)+1,1)*INDEX($D$3:$AA$30,INDEX(Jesper!$R$2:$R$366,ROW(INDEX(Jesper!AH$2:AH$366,ROUNDDOWN($C3787/24,0)+1,1))-1)+IF('Standard Profiles'!$G$18=$B$10,7,0)+IF('Standard Profiles'!$G$18=$B$17,14,0)+IF('Standard Profiles'!$G$18=$B$24,21,0),MOD($C3787,24)+1)/SUM(INDEX($D$3:$AA$30,INDEX(Jesper!$R$2:$R$366,ROW(INDEX(Jesper!AH$2:AH$366,ROUNDDOWN($C3787/24,0)+1,1))-1)+IF('Standard Profiles'!$G$18=$B$10,7,0)+IF('Standard Profiles'!$G$18=$B$17,14,0)+IF('Standard Profiles'!$G$18=$B$24,21,0),0)),0)</f>
        <v>27.767159475230123</v>
      </c>
      <c r="E3787" cm="1">
        <f t="array" ref="E3787">IFERROR(INDEX(Jesper!AI$2:AI$366,ROUNDDOWN($C3787/24,0)+1,1)*INDEX($D$3:$AA$30,INDEX(Jesper!$R$2:$R$366,ROW(INDEX(Jesper!AI$2:AI$366,ROUNDDOWN($C3787/24,0)+1,1))-1)+IF('Standard Profiles'!$G$19=$B$10,7,0)+IF('Standard Profiles'!$G$19=$B$17,14,0)+IF('Standard Profiles'!$G$19=$B$24,21,0),MOD($C3787,24)+1)/SUM(INDEX($D$3:$AA$30,INDEX(Jesper!$R$2:$R$366,ROW(INDEX(Jesper!AI$2:AI$366,ROUNDDOWN($C3787/24,0)+1,1))-1)+IF('Standard Profiles'!$G$19=$B$10,7,0)+IF('Standard Profiles'!$G$19=$B$17,14,0)+IF('Standard Profiles'!$G$19=$B$24,21,0),0)),0)</f>
        <v>12.678614445349654</v>
      </c>
      <c r="F3787" cm="1">
        <f t="array" ref="F3787">IFERROR(INDEX(Jesper!AJ$2:AJ$366,ROUNDDOWN($C3787/24,0)+1,1)*INDEX($D$3:$AA$30,INDEX(Jesper!$R$2:$R$366,ROW(INDEX(Jesper!AJ$2:AJ$366,ROUNDDOWN($C3787/24,0)+1,1))-1)+IF('Standard Profiles'!$G$20=$B$10,7,0)+IF('Standard Profiles'!$G$20=$B$17,14,0)+IF('Standard Profiles'!$G$20=$B$24,21,0),MOD($C3787,24)+1)/SUM(INDEX($D$3:$AA$30,INDEX(Jesper!$R$2:$R$366,ROW(INDEX(Jesper!AJ$2:AJ$366,ROUNDDOWN($C3787/24,0)+1,1))-1)+IF('Standard Profiles'!$G$20=$B$10,7,0)+IF('Standard Profiles'!$G$20=$B$17,14,0)+IF('Standard Profiles'!$G$20=$B$24,21,0),0)),0)</f>
        <v>0</v>
      </c>
      <c r="G3787" cm="1">
        <f t="array" ref="G3787">IFERROR(INDEX(Jesper!AK$2:AK$366,ROUNDDOWN($C3787/24,0)+1,1)*INDEX($D$3:$AA$30,INDEX(Jesper!$R$2:$R$366,ROW(INDEX(Jesper!AK$2:AK$366,ROUNDDOWN($C3787/24,0)+1,1))-1)+IF('Standard Profiles'!$G$21=$B$10,7,0)+IF('Standard Profiles'!$G$21=$B$17,14,0)+IF('Standard Profiles'!$G$21=$B$24,21,0),MOD($C3787,24)+1)/SUM(INDEX($D$3:$AA$30,INDEX(Jesper!$R$2:$R$366,ROW(INDEX(Jesper!AK$2:AK$366,ROUNDDOWN($C3787/24,0)+1,1))-1)+IF('Standard Profiles'!$G$21=$B$10,7,0)+IF('Standard Profiles'!$G$21=$B$17,14,0)+IF('Standard Profiles'!$G$21=$B$24,21,0),0)),0)</f>
        <v>1.8481249303151295</v>
      </c>
      <c r="H3787" cm="1">
        <f t="array" ref="H3787">IFERROR(INDEX(Jesper!AL$2:AL$366,ROUNDDOWN($C3787/24,0)+1,1)*INDEX($D$3:$AA$30,INDEX(Jesper!$R$2:$R$366,ROW(INDEX(Jesper!AL$2:AL$366,ROUNDDOWN($C3787/24,0)+1,1))-1)+IF('Standard Profiles'!$G$22=$B$10,7,0)+IF('Standard Profiles'!$G$22=$B$17,14,0)+IF('Standard Profiles'!$G$22=$B$24,21,0),MOD($C3787,24)+1)/SUM(INDEX($D$3:$AA$30,INDEX(Jesper!$R$2:$R$366,ROW(INDEX(Jesper!AL$2:AL$366,ROUNDDOWN($C3787/24,0)+1,1))-1)+IF('Standard Profiles'!$G$22=$B$10,7,0)+IF('Standard Profiles'!$G$22=$B$17,14,0)+IF('Standard Profiles'!$G$22=$B$24,21,0),0)),0)</f>
        <v>0</v>
      </c>
      <c r="I3787">
        <f t="shared" si="426"/>
        <v>0.88709996655126166</v>
      </c>
      <c r="J3787">
        <f t="shared" si="427"/>
        <v>36.964053368306828</v>
      </c>
      <c r="K3787">
        <f t="shared" si="428"/>
        <v>2.9618303440245466</v>
      </c>
      <c r="L3787">
        <f t="shared" si="429"/>
        <v>1.4809151720122733</v>
      </c>
      <c r="M3787">
        <f t="shared" si="430"/>
        <v>0</v>
      </c>
      <c r="N3787" s="45">
        <f t="shared" si="431"/>
        <v>45083.374999990898</v>
      </c>
    </row>
    <row r="3788" spans="2:14" x14ac:dyDescent="0.25">
      <c r="B3788">
        <f t="shared" si="425"/>
        <v>2</v>
      </c>
      <c r="C3788" s="16">
        <v>3754</v>
      </c>
      <c r="D3788" cm="1">
        <f t="array" ref="D3788">IFERROR(INDEX(Jesper!AH$2:AH$366,ROUNDDOWN($C3788/24,0)+1,1)*INDEX($D$3:$AA$30,INDEX(Jesper!$R$2:$R$366,ROW(INDEX(Jesper!AH$2:AH$366,ROUNDDOWN($C3788/24,0)+1,1))-1)+IF('Standard Profiles'!$G$18=$B$10,7,0)+IF('Standard Profiles'!$G$18=$B$17,14,0)+IF('Standard Profiles'!$G$18=$B$24,21,0),MOD($C3788,24)+1)/SUM(INDEX($D$3:$AA$30,INDEX(Jesper!$R$2:$R$366,ROW(INDEX(Jesper!AH$2:AH$366,ROUNDDOWN($C3788/24,0)+1,1))-1)+IF('Standard Profiles'!$G$18=$B$10,7,0)+IF('Standard Profiles'!$G$18=$B$17,14,0)+IF('Standard Profiles'!$G$18=$B$24,21,0),0)),0)</f>
        <v>27.767159475230123</v>
      </c>
      <c r="E3788" cm="1">
        <f t="array" ref="E3788">IFERROR(INDEX(Jesper!AI$2:AI$366,ROUNDDOWN($C3788/24,0)+1,1)*INDEX($D$3:$AA$30,INDEX(Jesper!$R$2:$R$366,ROW(INDEX(Jesper!AI$2:AI$366,ROUNDDOWN($C3788/24,0)+1,1))-1)+IF('Standard Profiles'!$G$19=$B$10,7,0)+IF('Standard Profiles'!$G$19=$B$17,14,0)+IF('Standard Profiles'!$G$19=$B$24,21,0),MOD($C3788,24)+1)/SUM(INDEX($D$3:$AA$30,INDEX(Jesper!$R$2:$R$366,ROW(INDEX(Jesper!AI$2:AI$366,ROUNDDOWN($C3788/24,0)+1,1))-1)+IF('Standard Profiles'!$G$19=$B$10,7,0)+IF('Standard Profiles'!$G$19=$B$17,14,0)+IF('Standard Profiles'!$G$19=$B$24,21,0),0)),0)</f>
        <v>12.678614445349654</v>
      </c>
      <c r="F3788" cm="1">
        <f t="array" ref="F3788">IFERROR(INDEX(Jesper!AJ$2:AJ$366,ROUNDDOWN($C3788/24,0)+1,1)*INDEX($D$3:$AA$30,INDEX(Jesper!$R$2:$R$366,ROW(INDEX(Jesper!AJ$2:AJ$366,ROUNDDOWN($C3788/24,0)+1,1))-1)+IF('Standard Profiles'!$G$20=$B$10,7,0)+IF('Standard Profiles'!$G$20=$B$17,14,0)+IF('Standard Profiles'!$G$20=$B$24,21,0),MOD($C3788,24)+1)/SUM(INDEX($D$3:$AA$30,INDEX(Jesper!$R$2:$R$366,ROW(INDEX(Jesper!AJ$2:AJ$366,ROUNDDOWN($C3788/24,0)+1,1))-1)+IF('Standard Profiles'!$G$20=$B$10,7,0)+IF('Standard Profiles'!$G$20=$B$17,14,0)+IF('Standard Profiles'!$G$20=$B$24,21,0),0)),0)</f>
        <v>0</v>
      </c>
      <c r="G3788" cm="1">
        <f t="array" ref="G3788">IFERROR(INDEX(Jesper!AK$2:AK$366,ROUNDDOWN($C3788/24,0)+1,1)*INDEX($D$3:$AA$30,INDEX(Jesper!$R$2:$R$366,ROW(INDEX(Jesper!AK$2:AK$366,ROUNDDOWN($C3788/24,0)+1,1))-1)+IF('Standard Profiles'!$G$21=$B$10,7,0)+IF('Standard Profiles'!$G$21=$B$17,14,0)+IF('Standard Profiles'!$G$21=$B$24,21,0),MOD($C3788,24)+1)/SUM(INDEX($D$3:$AA$30,INDEX(Jesper!$R$2:$R$366,ROW(INDEX(Jesper!AK$2:AK$366,ROUNDDOWN($C3788/24,0)+1,1))-1)+IF('Standard Profiles'!$G$21=$B$10,7,0)+IF('Standard Profiles'!$G$21=$B$17,14,0)+IF('Standard Profiles'!$G$21=$B$24,21,0),0)),0)</f>
        <v>1.8481249303151295</v>
      </c>
      <c r="H3788" cm="1">
        <f t="array" ref="H3788">IFERROR(INDEX(Jesper!AL$2:AL$366,ROUNDDOWN($C3788/24,0)+1,1)*INDEX($D$3:$AA$30,INDEX(Jesper!$R$2:$R$366,ROW(INDEX(Jesper!AL$2:AL$366,ROUNDDOWN($C3788/24,0)+1,1))-1)+IF('Standard Profiles'!$G$22=$B$10,7,0)+IF('Standard Profiles'!$G$22=$B$17,14,0)+IF('Standard Profiles'!$G$22=$B$24,21,0),MOD($C3788,24)+1)/SUM(INDEX($D$3:$AA$30,INDEX(Jesper!$R$2:$R$366,ROW(INDEX(Jesper!AL$2:AL$366,ROUNDDOWN($C3788/24,0)+1,1))-1)+IF('Standard Profiles'!$G$22=$B$10,7,0)+IF('Standard Profiles'!$G$22=$B$17,14,0)+IF('Standard Profiles'!$G$22=$B$24,21,0),0)),0)</f>
        <v>0</v>
      </c>
      <c r="I3788">
        <f t="shared" si="426"/>
        <v>0.88709996655126166</v>
      </c>
      <c r="J3788">
        <f t="shared" si="427"/>
        <v>36.964053368306828</v>
      </c>
      <c r="K3788">
        <f t="shared" si="428"/>
        <v>2.9618303440245466</v>
      </c>
      <c r="L3788">
        <f t="shared" si="429"/>
        <v>1.4809151720122733</v>
      </c>
      <c r="M3788">
        <f t="shared" si="430"/>
        <v>0</v>
      </c>
      <c r="N3788" s="45">
        <f t="shared" si="431"/>
        <v>45083.416666657562</v>
      </c>
    </row>
    <row r="3789" spans="2:14" x14ac:dyDescent="0.25">
      <c r="B3789">
        <f t="shared" si="425"/>
        <v>2</v>
      </c>
      <c r="C3789" s="16">
        <v>3755</v>
      </c>
      <c r="D3789" cm="1">
        <f t="array" ref="D3789">IFERROR(INDEX(Jesper!AH$2:AH$366,ROUNDDOWN($C3789/24,0)+1,1)*INDEX($D$3:$AA$30,INDEX(Jesper!$R$2:$R$366,ROW(INDEX(Jesper!AH$2:AH$366,ROUNDDOWN($C3789/24,0)+1,1))-1)+IF('Standard Profiles'!$G$18=$B$10,7,0)+IF('Standard Profiles'!$G$18=$B$17,14,0)+IF('Standard Profiles'!$G$18=$B$24,21,0),MOD($C3789,24)+1)/SUM(INDEX($D$3:$AA$30,INDEX(Jesper!$R$2:$R$366,ROW(INDEX(Jesper!AH$2:AH$366,ROUNDDOWN($C3789/24,0)+1,1))-1)+IF('Standard Profiles'!$G$18=$B$10,7,0)+IF('Standard Profiles'!$G$18=$B$17,14,0)+IF('Standard Profiles'!$G$18=$B$24,21,0),0)),0)</f>
        <v>33.225660910531765</v>
      </c>
      <c r="E3789" cm="1">
        <f t="array" ref="E3789">IFERROR(INDEX(Jesper!AI$2:AI$366,ROUNDDOWN($C3789/24,0)+1,1)*INDEX($D$3:$AA$30,INDEX(Jesper!$R$2:$R$366,ROW(INDEX(Jesper!AI$2:AI$366,ROUNDDOWN($C3789/24,0)+1,1))-1)+IF('Standard Profiles'!$G$19=$B$10,7,0)+IF('Standard Profiles'!$G$19=$B$17,14,0)+IF('Standard Profiles'!$G$19=$B$24,21,0),MOD($C3789,24)+1)/SUM(INDEX($D$3:$AA$30,INDEX(Jesper!$R$2:$R$366,ROW(INDEX(Jesper!AI$2:AI$366,ROUNDDOWN($C3789/24,0)+1,1))-1)+IF('Standard Profiles'!$G$19=$B$10,7,0)+IF('Standard Profiles'!$G$19=$B$17,14,0)+IF('Standard Profiles'!$G$19=$B$24,21,0),0)),0)</f>
        <v>15.170991644008133</v>
      </c>
      <c r="F3789" cm="1">
        <f t="array" ref="F3789">IFERROR(INDEX(Jesper!AJ$2:AJ$366,ROUNDDOWN($C3789/24,0)+1,1)*INDEX($D$3:$AA$30,INDEX(Jesper!$R$2:$R$366,ROW(INDEX(Jesper!AJ$2:AJ$366,ROUNDDOWN($C3789/24,0)+1,1))-1)+IF('Standard Profiles'!$G$20=$B$10,7,0)+IF('Standard Profiles'!$G$20=$B$17,14,0)+IF('Standard Profiles'!$G$20=$B$24,21,0),MOD($C3789,24)+1)/SUM(INDEX($D$3:$AA$30,INDEX(Jesper!$R$2:$R$366,ROW(INDEX(Jesper!AJ$2:AJ$366,ROUNDDOWN($C3789/24,0)+1,1))-1)+IF('Standard Profiles'!$G$20=$B$10,7,0)+IF('Standard Profiles'!$G$20=$B$17,14,0)+IF('Standard Profiles'!$G$20=$B$24,21,0),0)),0)</f>
        <v>0</v>
      </c>
      <c r="G3789" cm="1">
        <f t="array" ref="G3789">IFERROR(INDEX(Jesper!AK$2:AK$366,ROUNDDOWN($C3789/24,0)+1,1)*INDEX($D$3:$AA$30,INDEX(Jesper!$R$2:$R$366,ROW(INDEX(Jesper!AK$2:AK$366,ROUNDDOWN($C3789/24,0)+1,1))-1)+IF('Standard Profiles'!$G$21=$B$10,7,0)+IF('Standard Profiles'!$G$21=$B$17,14,0)+IF('Standard Profiles'!$G$21=$B$24,21,0),MOD($C3789,24)+1)/SUM(INDEX($D$3:$AA$30,INDEX(Jesper!$R$2:$R$366,ROW(INDEX(Jesper!AK$2:AK$366,ROUNDDOWN($C3789/24,0)+1,1))-1)+IF('Standard Profiles'!$G$21=$B$10,7,0)+IF('Standard Profiles'!$G$21=$B$17,14,0)+IF('Standard Profiles'!$G$21=$B$24,21,0),0)),0)</f>
        <v>2.2114315405480185</v>
      </c>
      <c r="H3789" cm="1">
        <f t="array" ref="H3789">IFERROR(INDEX(Jesper!AL$2:AL$366,ROUNDDOWN($C3789/24,0)+1,1)*INDEX($D$3:$AA$30,INDEX(Jesper!$R$2:$R$366,ROW(INDEX(Jesper!AL$2:AL$366,ROUNDDOWN($C3789/24,0)+1,1))-1)+IF('Standard Profiles'!$G$22=$B$10,7,0)+IF('Standard Profiles'!$G$22=$B$17,14,0)+IF('Standard Profiles'!$G$22=$B$24,21,0),MOD($C3789,24)+1)/SUM(INDEX($D$3:$AA$30,INDEX(Jesper!$R$2:$R$366,ROW(INDEX(Jesper!AL$2:AL$366,ROUNDDOWN($C3789/24,0)+1,1))-1)+IF('Standard Profiles'!$G$22=$B$10,7,0)+IF('Standard Profiles'!$G$22=$B$17,14,0)+IF('Standard Profiles'!$G$22=$B$24,21,0),0)),0)</f>
        <v>0</v>
      </c>
      <c r="I3789">
        <f t="shared" si="426"/>
        <v>1.0614871394630483</v>
      </c>
      <c r="J3789">
        <f t="shared" si="427"/>
        <v>44.230491209939792</v>
      </c>
      <c r="K3789">
        <f t="shared" si="428"/>
        <v>3.5440704971233883</v>
      </c>
      <c r="L3789">
        <f t="shared" si="429"/>
        <v>1.7720352485616941</v>
      </c>
      <c r="M3789">
        <f t="shared" si="430"/>
        <v>0</v>
      </c>
      <c r="N3789" s="45">
        <f t="shared" si="431"/>
        <v>45083.458333324226</v>
      </c>
    </row>
    <row r="3790" spans="2:14" x14ac:dyDescent="0.25">
      <c r="B3790">
        <f t="shared" si="425"/>
        <v>2</v>
      </c>
      <c r="C3790" s="16">
        <v>3756</v>
      </c>
      <c r="D3790" cm="1">
        <f t="array" ref="D3790">IFERROR(INDEX(Jesper!AH$2:AH$366,ROUNDDOWN($C3790/24,0)+1,1)*INDEX($D$3:$AA$30,INDEX(Jesper!$R$2:$R$366,ROW(INDEX(Jesper!AH$2:AH$366,ROUNDDOWN($C3790/24,0)+1,1))-1)+IF('Standard Profiles'!$G$18=$B$10,7,0)+IF('Standard Profiles'!$G$18=$B$17,14,0)+IF('Standard Profiles'!$G$18=$B$24,21,0),MOD($C3790,24)+1)/SUM(INDEX($D$3:$AA$30,INDEX(Jesper!$R$2:$R$366,ROW(INDEX(Jesper!AH$2:AH$366,ROUNDDOWN($C3790/24,0)+1,1))-1)+IF('Standard Profiles'!$G$18=$B$10,7,0)+IF('Standard Profiles'!$G$18=$B$17,14,0)+IF('Standard Profiles'!$G$18=$B$24,21,0),0)),0)</f>
        <v>33.225660910531765</v>
      </c>
      <c r="E3790" cm="1">
        <f t="array" ref="E3790">IFERROR(INDEX(Jesper!AI$2:AI$366,ROUNDDOWN($C3790/24,0)+1,1)*INDEX($D$3:$AA$30,INDEX(Jesper!$R$2:$R$366,ROW(INDEX(Jesper!AI$2:AI$366,ROUNDDOWN($C3790/24,0)+1,1))-1)+IF('Standard Profiles'!$G$19=$B$10,7,0)+IF('Standard Profiles'!$G$19=$B$17,14,0)+IF('Standard Profiles'!$G$19=$B$24,21,0),MOD($C3790,24)+1)/SUM(INDEX($D$3:$AA$30,INDEX(Jesper!$R$2:$R$366,ROW(INDEX(Jesper!AI$2:AI$366,ROUNDDOWN($C3790/24,0)+1,1))-1)+IF('Standard Profiles'!$G$19=$B$10,7,0)+IF('Standard Profiles'!$G$19=$B$17,14,0)+IF('Standard Profiles'!$G$19=$B$24,21,0),0)),0)</f>
        <v>15.170991644008133</v>
      </c>
      <c r="F3790" cm="1">
        <f t="array" ref="F3790">IFERROR(INDEX(Jesper!AJ$2:AJ$366,ROUNDDOWN($C3790/24,0)+1,1)*INDEX($D$3:$AA$30,INDEX(Jesper!$R$2:$R$366,ROW(INDEX(Jesper!AJ$2:AJ$366,ROUNDDOWN($C3790/24,0)+1,1))-1)+IF('Standard Profiles'!$G$20=$B$10,7,0)+IF('Standard Profiles'!$G$20=$B$17,14,0)+IF('Standard Profiles'!$G$20=$B$24,21,0),MOD($C3790,24)+1)/SUM(INDEX($D$3:$AA$30,INDEX(Jesper!$R$2:$R$366,ROW(INDEX(Jesper!AJ$2:AJ$366,ROUNDDOWN($C3790/24,0)+1,1))-1)+IF('Standard Profiles'!$G$20=$B$10,7,0)+IF('Standard Profiles'!$G$20=$B$17,14,0)+IF('Standard Profiles'!$G$20=$B$24,21,0),0)),0)</f>
        <v>0</v>
      </c>
      <c r="G3790" cm="1">
        <f t="array" ref="G3790">IFERROR(INDEX(Jesper!AK$2:AK$366,ROUNDDOWN($C3790/24,0)+1,1)*INDEX($D$3:$AA$30,INDEX(Jesper!$R$2:$R$366,ROW(INDEX(Jesper!AK$2:AK$366,ROUNDDOWN($C3790/24,0)+1,1))-1)+IF('Standard Profiles'!$G$21=$B$10,7,0)+IF('Standard Profiles'!$G$21=$B$17,14,0)+IF('Standard Profiles'!$G$21=$B$24,21,0),MOD($C3790,24)+1)/SUM(INDEX($D$3:$AA$30,INDEX(Jesper!$R$2:$R$366,ROW(INDEX(Jesper!AK$2:AK$366,ROUNDDOWN($C3790/24,0)+1,1))-1)+IF('Standard Profiles'!$G$21=$B$10,7,0)+IF('Standard Profiles'!$G$21=$B$17,14,0)+IF('Standard Profiles'!$G$21=$B$24,21,0),0)),0)</f>
        <v>2.2114315405480185</v>
      </c>
      <c r="H3790" cm="1">
        <f t="array" ref="H3790">IFERROR(INDEX(Jesper!AL$2:AL$366,ROUNDDOWN($C3790/24,0)+1,1)*INDEX($D$3:$AA$30,INDEX(Jesper!$R$2:$R$366,ROW(INDEX(Jesper!AL$2:AL$366,ROUNDDOWN($C3790/24,0)+1,1))-1)+IF('Standard Profiles'!$G$22=$B$10,7,0)+IF('Standard Profiles'!$G$22=$B$17,14,0)+IF('Standard Profiles'!$G$22=$B$24,21,0),MOD($C3790,24)+1)/SUM(INDEX($D$3:$AA$30,INDEX(Jesper!$R$2:$R$366,ROW(INDEX(Jesper!AL$2:AL$366,ROUNDDOWN($C3790/24,0)+1,1))-1)+IF('Standard Profiles'!$G$22=$B$10,7,0)+IF('Standard Profiles'!$G$22=$B$17,14,0)+IF('Standard Profiles'!$G$22=$B$24,21,0),0)),0)</f>
        <v>0</v>
      </c>
      <c r="I3790">
        <f t="shared" si="426"/>
        <v>1.0614871394630483</v>
      </c>
      <c r="J3790">
        <f t="shared" si="427"/>
        <v>44.230491209939792</v>
      </c>
      <c r="K3790">
        <f t="shared" si="428"/>
        <v>3.5440704971233883</v>
      </c>
      <c r="L3790">
        <f t="shared" si="429"/>
        <v>1.7720352485616941</v>
      </c>
      <c r="M3790">
        <f t="shared" si="430"/>
        <v>0</v>
      </c>
      <c r="N3790" s="45">
        <f t="shared" si="431"/>
        <v>45083.499999990891</v>
      </c>
    </row>
    <row r="3791" spans="2:14" x14ac:dyDescent="0.25">
      <c r="B3791">
        <f t="shared" si="425"/>
        <v>2</v>
      </c>
      <c r="C3791" s="16">
        <v>3757</v>
      </c>
      <c r="D3791" cm="1">
        <f t="array" ref="D3791">IFERROR(INDEX(Jesper!AH$2:AH$366,ROUNDDOWN($C3791/24,0)+1,1)*INDEX($D$3:$AA$30,INDEX(Jesper!$R$2:$R$366,ROW(INDEX(Jesper!AH$2:AH$366,ROUNDDOWN($C3791/24,0)+1,1))-1)+IF('Standard Profiles'!$G$18=$B$10,7,0)+IF('Standard Profiles'!$G$18=$B$17,14,0)+IF('Standard Profiles'!$G$18=$B$24,21,0),MOD($C3791,24)+1)/SUM(INDEX($D$3:$AA$30,INDEX(Jesper!$R$2:$R$366,ROW(INDEX(Jesper!AH$2:AH$366,ROUNDDOWN($C3791/24,0)+1,1))-1)+IF('Standard Profiles'!$G$18=$B$10,7,0)+IF('Standard Profiles'!$G$18=$B$17,14,0)+IF('Standard Profiles'!$G$18=$B$24,21,0),0)),0)</f>
        <v>22.071331890567528</v>
      </c>
      <c r="E3791" cm="1">
        <f t="array" ref="E3791">IFERROR(INDEX(Jesper!AI$2:AI$366,ROUNDDOWN($C3791/24,0)+1,1)*INDEX($D$3:$AA$30,INDEX(Jesper!$R$2:$R$366,ROW(INDEX(Jesper!AI$2:AI$366,ROUNDDOWN($C3791/24,0)+1,1))-1)+IF('Standard Profiles'!$G$19=$B$10,7,0)+IF('Standard Profiles'!$G$19=$B$17,14,0)+IF('Standard Profiles'!$G$19=$B$24,21,0),MOD($C3791,24)+1)/SUM(INDEX($D$3:$AA$30,INDEX(Jesper!$R$2:$R$366,ROW(INDEX(Jesper!AI$2:AI$366,ROUNDDOWN($C3791/24,0)+1,1))-1)+IF('Standard Profiles'!$G$19=$B$10,7,0)+IF('Standard Profiles'!$G$19=$B$17,14,0)+IF('Standard Profiles'!$G$19=$B$24,21,0),0)),0)</f>
        <v>10.077873020662546</v>
      </c>
      <c r="F3791" cm="1">
        <f t="array" ref="F3791">IFERROR(INDEX(Jesper!AJ$2:AJ$366,ROUNDDOWN($C3791/24,0)+1,1)*INDEX($D$3:$AA$30,INDEX(Jesper!$R$2:$R$366,ROW(INDEX(Jesper!AJ$2:AJ$366,ROUNDDOWN($C3791/24,0)+1,1))-1)+IF('Standard Profiles'!$G$20=$B$10,7,0)+IF('Standard Profiles'!$G$20=$B$17,14,0)+IF('Standard Profiles'!$G$20=$B$24,21,0),MOD($C3791,24)+1)/SUM(INDEX($D$3:$AA$30,INDEX(Jesper!$R$2:$R$366,ROW(INDEX(Jesper!AJ$2:AJ$366,ROUNDDOWN($C3791/24,0)+1,1))-1)+IF('Standard Profiles'!$G$20=$B$10,7,0)+IF('Standard Profiles'!$G$20=$B$17,14,0)+IF('Standard Profiles'!$G$20=$B$24,21,0),0)),0)</f>
        <v>0</v>
      </c>
      <c r="G3791" cm="1">
        <f t="array" ref="G3791">IFERROR(INDEX(Jesper!AK$2:AK$366,ROUNDDOWN($C3791/24,0)+1,1)*INDEX($D$3:$AA$30,INDEX(Jesper!$R$2:$R$366,ROW(INDEX(Jesper!AK$2:AK$366,ROUNDDOWN($C3791/24,0)+1,1))-1)+IF('Standard Profiles'!$G$21=$B$10,7,0)+IF('Standard Profiles'!$G$21=$B$17,14,0)+IF('Standard Profiles'!$G$21=$B$24,21,0),MOD($C3791,24)+1)/SUM(INDEX($D$3:$AA$30,INDEX(Jesper!$R$2:$R$366,ROW(INDEX(Jesper!AK$2:AK$366,ROUNDDOWN($C3791/24,0)+1,1))-1)+IF('Standard Profiles'!$G$21=$B$10,7,0)+IF('Standard Profiles'!$G$21=$B$17,14,0)+IF('Standard Profiles'!$G$21=$B$24,21,0),0)),0)</f>
        <v>1.4690223805068976</v>
      </c>
      <c r="H3791" cm="1">
        <f t="array" ref="H3791">IFERROR(INDEX(Jesper!AL$2:AL$366,ROUNDDOWN($C3791/24,0)+1,1)*INDEX($D$3:$AA$30,INDEX(Jesper!$R$2:$R$366,ROW(INDEX(Jesper!AL$2:AL$366,ROUNDDOWN($C3791/24,0)+1,1))-1)+IF('Standard Profiles'!$G$22=$B$10,7,0)+IF('Standard Profiles'!$G$22=$B$17,14,0)+IF('Standard Profiles'!$G$22=$B$24,21,0),MOD($C3791,24)+1)/SUM(INDEX($D$3:$AA$30,INDEX(Jesper!$R$2:$R$366,ROW(INDEX(Jesper!AL$2:AL$366,ROUNDDOWN($C3791/24,0)+1,1))-1)+IF('Standard Profiles'!$G$22=$B$10,7,0)+IF('Standard Profiles'!$G$22=$B$17,14,0)+IF('Standard Profiles'!$G$22=$B$24,21,0),0)),0)</f>
        <v>0</v>
      </c>
      <c r="I3791">
        <f t="shared" si="426"/>
        <v>0.70513074264331055</v>
      </c>
      <c r="J3791">
        <f t="shared" si="427"/>
        <v>29.381683446602857</v>
      </c>
      <c r="K3791">
        <f t="shared" si="428"/>
        <v>2.3542754016605363</v>
      </c>
      <c r="L3791">
        <f t="shared" si="429"/>
        <v>1.1771377008302681</v>
      </c>
      <c r="M3791">
        <f t="shared" si="430"/>
        <v>0</v>
      </c>
      <c r="N3791" s="45">
        <f t="shared" si="431"/>
        <v>45083.541666657555</v>
      </c>
    </row>
    <row r="3792" spans="2:14" x14ac:dyDescent="0.25">
      <c r="B3792">
        <f t="shared" si="425"/>
        <v>2</v>
      </c>
      <c r="C3792" s="16">
        <v>3758</v>
      </c>
      <c r="D3792" cm="1">
        <f t="array" ref="D3792">IFERROR(INDEX(Jesper!AH$2:AH$366,ROUNDDOWN($C3792/24,0)+1,1)*INDEX($D$3:$AA$30,INDEX(Jesper!$R$2:$R$366,ROW(INDEX(Jesper!AH$2:AH$366,ROUNDDOWN($C3792/24,0)+1,1))-1)+IF('Standard Profiles'!$G$18=$B$10,7,0)+IF('Standard Profiles'!$G$18=$B$17,14,0)+IF('Standard Profiles'!$G$18=$B$24,21,0),MOD($C3792,24)+1)/SUM(INDEX($D$3:$AA$30,INDEX(Jesper!$R$2:$R$366,ROW(INDEX(Jesper!AH$2:AH$366,ROUNDDOWN($C3792/24,0)+1,1))-1)+IF('Standard Profiles'!$G$18=$B$10,7,0)+IF('Standard Profiles'!$G$18=$B$17,14,0)+IF('Standard Profiles'!$G$18=$B$24,21,0),0)),0)</f>
        <v>33.225660910531765</v>
      </c>
      <c r="E3792" cm="1">
        <f t="array" ref="E3792">IFERROR(INDEX(Jesper!AI$2:AI$366,ROUNDDOWN($C3792/24,0)+1,1)*INDEX($D$3:$AA$30,INDEX(Jesper!$R$2:$R$366,ROW(INDEX(Jesper!AI$2:AI$366,ROUNDDOWN($C3792/24,0)+1,1))-1)+IF('Standard Profiles'!$G$19=$B$10,7,0)+IF('Standard Profiles'!$G$19=$B$17,14,0)+IF('Standard Profiles'!$G$19=$B$24,21,0),MOD($C3792,24)+1)/SUM(INDEX($D$3:$AA$30,INDEX(Jesper!$R$2:$R$366,ROW(INDEX(Jesper!AI$2:AI$366,ROUNDDOWN($C3792/24,0)+1,1))-1)+IF('Standard Profiles'!$G$19=$B$10,7,0)+IF('Standard Profiles'!$G$19=$B$17,14,0)+IF('Standard Profiles'!$G$19=$B$24,21,0),0)),0)</f>
        <v>15.170991644008133</v>
      </c>
      <c r="F3792" cm="1">
        <f t="array" ref="F3792">IFERROR(INDEX(Jesper!AJ$2:AJ$366,ROUNDDOWN($C3792/24,0)+1,1)*INDEX($D$3:$AA$30,INDEX(Jesper!$R$2:$R$366,ROW(INDEX(Jesper!AJ$2:AJ$366,ROUNDDOWN($C3792/24,0)+1,1))-1)+IF('Standard Profiles'!$G$20=$B$10,7,0)+IF('Standard Profiles'!$G$20=$B$17,14,0)+IF('Standard Profiles'!$G$20=$B$24,21,0),MOD($C3792,24)+1)/SUM(INDEX($D$3:$AA$30,INDEX(Jesper!$R$2:$R$366,ROW(INDEX(Jesper!AJ$2:AJ$366,ROUNDDOWN($C3792/24,0)+1,1))-1)+IF('Standard Profiles'!$G$20=$B$10,7,0)+IF('Standard Profiles'!$G$20=$B$17,14,0)+IF('Standard Profiles'!$G$20=$B$24,21,0),0)),0)</f>
        <v>0</v>
      </c>
      <c r="G3792" cm="1">
        <f t="array" ref="G3792">IFERROR(INDEX(Jesper!AK$2:AK$366,ROUNDDOWN($C3792/24,0)+1,1)*INDEX($D$3:$AA$30,INDEX(Jesper!$R$2:$R$366,ROW(INDEX(Jesper!AK$2:AK$366,ROUNDDOWN($C3792/24,0)+1,1))-1)+IF('Standard Profiles'!$G$21=$B$10,7,0)+IF('Standard Profiles'!$G$21=$B$17,14,0)+IF('Standard Profiles'!$G$21=$B$24,21,0),MOD($C3792,24)+1)/SUM(INDEX($D$3:$AA$30,INDEX(Jesper!$R$2:$R$366,ROW(INDEX(Jesper!AK$2:AK$366,ROUNDDOWN($C3792/24,0)+1,1))-1)+IF('Standard Profiles'!$G$21=$B$10,7,0)+IF('Standard Profiles'!$G$21=$B$17,14,0)+IF('Standard Profiles'!$G$21=$B$24,21,0),0)),0)</f>
        <v>2.2114315405480185</v>
      </c>
      <c r="H3792" cm="1">
        <f t="array" ref="H3792">IFERROR(INDEX(Jesper!AL$2:AL$366,ROUNDDOWN($C3792/24,0)+1,1)*INDEX($D$3:$AA$30,INDEX(Jesper!$R$2:$R$366,ROW(INDEX(Jesper!AL$2:AL$366,ROUNDDOWN($C3792/24,0)+1,1))-1)+IF('Standard Profiles'!$G$22=$B$10,7,0)+IF('Standard Profiles'!$G$22=$B$17,14,0)+IF('Standard Profiles'!$G$22=$B$24,21,0),MOD($C3792,24)+1)/SUM(INDEX($D$3:$AA$30,INDEX(Jesper!$R$2:$R$366,ROW(INDEX(Jesper!AL$2:AL$366,ROUNDDOWN($C3792/24,0)+1,1))-1)+IF('Standard Profiles'!$G$22=$B$10,7,0)+IF('Standard Profiles'!$G$22=$B$17,14,0)+IF('Standard Profiles'!$G$22=$B$24,21,0),0)),0)</f>
        <v>0</v>
      </c>
      <c r="I3792">
        <f t="shared" si="426"/>
        <v>1.0614871394630483</v>
      </c>
      <c r="J3792">
        <f t="shared" si="427"/>
        <v>44.230491209939792</v>
      </c>
      <c r="K3792">
        <f t="shared" si="428"/>
        <v>3.5440704971233883</v>
      </c>
      <c r="L3792">
        <f t="shared" si="429"/>
        <v>1.7720352485616941</v>
      </c>
      <c r="M3792">
        <f t="shared" si="430"/>
        <v>0</v>
      </c>
      <c r="N3792" s="45">
        <f t="shared" si="431"/>
        <v>45083.583333324219</v>
      </c>
    </row>
    <row r="3793" spans="2:14" x14ac:dyDescent="0.25">
      <c r="B3793">
        <f t="shared" si="425"/>
        <v>2</v>
      </c>
      <c r="C3793" s="16">
        <v>3759</v>
      </c>
      <c r="D3793" cm="1">
        <f t="array" ref="D3793">IFERROR(INDEX(Jesper!AH$2:AH$366,ROUNDDOWN($C3793/24,0)+1,1)*INDEX($D$3:$AA$30,INDEX(Jesper!$R$2:$R$366,ROW(INDEX(Jesper!AH$2:AH$366,ROUNDDOWN($C3793/24,0)+1,1))-1)+IF('Standard Profiles'!$G$18=$B$10,7,0)+IF('Standard Profiles'!$G$18=$B$17,14,0)+IF('Standard Profiles'!$G$18=$B$24,21,0),MOD($C3793,24)+1)/SUM(INDEX($D$3:$AA$30,INDEX(Jesper!$R$2:$R$366,ROW(INDEX(Jesper!AH$2:AH$366,ROUNDDOWN($C3793/24,0)+1,1))-1)+IF('Standard Profiles'!$G$18=$B$10,7,0)+IF('Standard Profiles'!$G$18=$B$17,14,0)+IF('Standard Profiles'!$G$18=$B$24,21,0),0)),0)</f>
        <v>33.225660910531765</v>
      </c>
      <c r="E3793" cm="1">
        <f t="array" ref="E3793">IFERROR(INDEX(Jesper!AI$2:AI$366,ROUNDDOWN($C3793/24,0)+1,1)*INDEX($D$3:$AA$30,INDEX(Jesper!$R$2:$R$366,ROW(INDEX(Jesper!AI$2:AI$366,ROUNDDOWN($C3793/24,0)+1,1))-1)+IF('Standard Profiles'!$G$19=$B$10,7,0)+IF('Standard Profiles'!$G$19=$B$17,14,0)+IF('Standard Profiles'!$G$19=$B$24,21,0),MOD($C3793,24)+1)/SUM(INDEX($D$3:$AA$30,INDEX(Jesper!$R$2:$R$366,ROW(INDEX(Jesper!AI$2:AI$366,ROUNDDOWN($C3793/24,0)+1,1))-1)+IF('Standard Profiles'!$G$19=$B$10,7,0)+IF('Standard Profiles'!$G$19=$B$17,14,0)+IF('Standard Profiles'!$G$19=$B$24,21,0),0)),0)</f>
        <v>15.170991644008133</v>
      </c>
      <c r="F3793" cm="1">
        <f t="array" ref="F3793">IFERROR(INDEX(Jesper!AJ$2:AJ$366,ROUNDDOWN($C3793/24,0)+1,1)*INDEX($D$3:$AA$30,INDEX(Jesper!$R$2:$R$366,ROW(INDEX(Jesper!AJ$2:AJ$366,ROUNDDOWN($C3793/24,0)+1,1))-1)+IF('Standard Profiles'!$G$20=$B$10,7,0)+IF('Standard Profiles'!$G$20=$B$17,14,0)+IF('Standard Profiles'!$G$20=$B$24,21,0),MOD($C3793,24)+1)/SUM(INDEX($D$3:$AA$30,INDEX(Jesper!$R$2:$R$366,ROW(INDEX(Jesper!AJ$2:AJ$366,ROUNDDOWN($C3793/24,0)+1,1))-1)+IF('Standard Profiles'!$G$20=$B$10,7,0)+IF('Standard Profiles'!$G$20=$B$17,14,0)+IF('Standard Profiles'!$G$20=$B$24,21,0),0)),0)</f>
        <v>0</v>
      </c>
      <c r="G3793" cm="1">
        <f t="array" ref="G3793">IFERROR(INDEX(Jesper!AK$2:AK$366,ROUNDDOWN($C3793/24,0)+1,1)*INDEX($D$3:$AA$30,INDEX(Jesper!$R$2:$R$366,ROW(INDEX(Jesper!AK$2:AK$366,ROUNDDOWN($C3793/24,0)+1,1))-1)+IF('Standard Profiles'!$G$21=$B$10,7,0)+IF('Standard Profiles'!$G$21=$B$17,14,0)+IF('Standard Profiles'!$G$21=$B$24,21,0),MOD($C3793,24)+1)/SUM(INDEX($D$3:$AA$30,INDEX(Jesper!$R$2:$R$366,ROW(INDEX(Jesper!AK$2:AK$366,ROUNDDOWN($C3793/24,0)+1,1))-1)+IF('Standard Profiles'!$G$21=$B$10,7,0)+IF('Standard Profiles'!$G$21=$B$17,14,0)+IF('Standard Profiles'!$G$21=$B$24,21,0),0)),0)</f>
        <v>2.2114315405480185</v>
      </c>
      <c r="H3793" cm="1">
        <f t="array" ref="H3793">IFERROR(INDEX(Jesper!AL$2:AL$366,ROUNDDOWN($C3793/24,0)+1,1)*INDEX($D$3:$AA$30,INDEX(Jesper!$R$2:$R$366,ROW(INDEX(Jesper!AL$2:AL$366,ROUNDDOWN($C3793/24,0)+1,1))-1)+IF('Standard Profiles'!$G$22=$B$10,7,0)+IF('Standard Profiles'!$G$22=$B$17,14,0)+IF('Standard Profiles'!$G$22=$B$24,21,0),MOD($C3793,24)+1)/SUM(INDEX($D$3:$AA$30,INDEX(Jesper!$R$2:$R$366,ROW(INDEX(Jesper!AL$2:AL$366,ROUNDDOWN($C3793/24,0)+1,1))-1)+IF('Standard Profiles'!$G$22=$B$10,7,0)+IF('Standard Profiles'!$G$22=$B$17,14,0)+IF('Standard Profiles'!$G$22=$B$24,21,0),0)),0)</f>
        <v>0</v>
      </c>
      <c r="I3793">
        <f t="shared" si="426"/>
        <v>1.0614871394630483</v>
      </c>
      <c r="J3793">
        <f t="shared" si="427"/>
        <v>44.230491209939792</v>
      </c>
      <c r="K3793">
        <f t="shared" si="428"/>
        <v>3.5440704971233883</v>
      </c>
      <c r="L3793">
        <f t="shared" si="429"/>
        <v>1.7720352485616941</v>
      </c>
      <c r="M3793">
        <f t="shared" si="430"/>
        <v>0</v>
      </c>
      <c r="N3793" s="45">
        <f t="shared" si="431"/>
        <v>45083.624999990883</v>
      </c>
    </row>
    <row r="3794" spans="2:14" x14ac:dyDescent="0.25">
      <c r="B3794">
        <f t="shared" si="425"/>
        <v>2</v>
      </c>
      <c r="C3794" s="16">
        <v>3760</v>
      </c>
      <c r="D3794" cm="1">
        <f t="array" ref="D3794">IFERROR(INDEX(Jesper!AH$2:AH$366,ROUNDDOWN($C3794/24,0)+1,1)*INDEX($D$3:$AA$30,INDEX(Jesper!$R$2:$R$366,ROW(INDEX(Jesper!AH$2:AH$366,ROUNDDOWN($C3794/24,0)+1,1))-1)+IF('Standard Profiles'!$G$18=$B$10,7,0)+IF('Standard Profiles'!$G$18=$B$17,14,0)+IF('Standard Profiles'!$G$18=$B$24,21,0),MOD($C3794,24)+1)/SUM(INDEX($D$3:$AA$30,INDEX(Jesper!$R$2:$R$366,ROW(INDEX(Jesper!AH$2:AH$366,ROUNDDOWN($C3794/24,0)+1,1))-1)+IF('Standard Profiles'!$G$18=$B$10,7,0)+IF('Standard Profiles'!$G$18=$B$17,14,0)+IF('Standard Profiles'!$G$18=$B$24,21,0),0)),0)</f>
        <v>19.579407322277646</v>
      </c>
      <c r="E3794" cm="1">
        <f t="array" ref="E3794">IFERROR(INDEX(Jesper!AI$2:AI$366,ROUNDDOWN($C3794/24,0)+1,1)*INDEX($D$3:$AA$30,INDEX(Jesper!$R$2:$R$366,ROW(INDEX(Jesper!AI$2:AI$366,ROUNDDOWN($C3794/24,0)+1,1))-1)+IF('Standard Profiles'!$G$19=$B$10,7,0)+IF('Standard Profiles'!$G$19=$B$17,14,0)+IF('Standard Profiles'!$G$19=$B$24,21,0),MOD($C3794,24)+1)/SUM(INDEX($D$3:$AA$30,INDEX(Jesper!$R$2:$R$366,ROW(INDEX(Jesper!AI$2:AI$366,ROUNDDOWN($C3794/24,0)+1,1))-1)+IF('Standard Profiles'!$G$19=$B$10,7,0)+IF('Standard Profiles'!$G$19=$B$17,14,0)+IF('Standard Profiles'!$G$19=$B$24,21,0),0)),0)</f>
        <v>8.9400486473619356</v>
      </c>
      <c r="F3794" cm="1">
        <f t="array" ref="F3794">IFERROR(INDEX(Jesper!AJ$2:AJ$366,ROUNDDOWN($C3794/24,0)+1,1)*INDEX($D$3:$AA$30,INDEX(Jesper!$R$2:$R$366,ROW(INDEX(Jesper!AJ$2:AJ$366,ROUNDDOWN($C3794/24,0)+1,1))-1)+IF('Standard Profiles'!$G$20=$B$10,7,0)+IF('Standard Profiles'!$G$20=$B$17,14,0)+IF('Standard Profiles'!$G$20=$B$24,21,0),MOD($C3794,24)+1)/SUM(INDEX($D$3:$AA$30,INDEX(Jesper!$R$2:$R$366,ROW(INDEX(Jesper!AJ$2:AJ$366,ROUNDDOWN($C3794/24,0)+1,1))-1)+IF('Standard Profiles'!$G$20=$B$10,7,0)+IF('Standard Profiles'!$G$20=$B$17,14,0)+IF('Standard Profiles'!$G$20=$B$24,21,0),0)),0)</f>
        <v>0</v>
      </c>
      <c r="G3794" cm="1">
        <f t="array" ref="G3794">IFERROR(INDEX(Jesper!AK$2:AK$366,ROUNDDOWN($C3794/24,0)+1,1)*INDEX($D$3:$AA$30,INDEX(Jesper!$R$2:$R$366,ROW(INDEX(Jesper!AK$2:AK$366,ROUNDDOWN($C3794/24,0)+1,1))-1)+IF('Standard Profiles'!$G$21=$B$10,7,0)+IF('Standard Profiles'!$G$21=$B$17,14,0)+IF('Standard Profiles'!$G$21=$B$24,21,0),MOD($C3794,24)+1)/SUM(INDEX($D$3:$AA$30,INDEX(Jesper!$R$2:$R$366,ROW(INDEX(Jesper!AK$2:AK$366,ROUNDDOWN($C3794/24,0)+1,1))-1)+IF('Standard Profiles'!$G$21=$B$10,7,0)+IF('Standard Profiles'!$G$21=$B$17,14,0)+IF('Standard Profiles'!$G$21=$B$24,21,0),0)),0)</f>
        <v>1.8484610141358813</v>
      </c>
      <c r="H3794" cm="1">
        <f t="array" ref="H3794">IFERROR(INDEX(Jesper!AL$2:AL$366,ROUNDDOWN($C3794/24,0)+1,1)*INDEX($D$3:$AA$30,INDEX(Jesper!$R$2:$R$366,ROW(INDEX(Jesper!AL$2:AL$366,ROUNDDOWN($C3794/24,0)+1,1))-1)+IF('Standard Profiles'!$G$22=$B$10,7,0)+IF('Standard Profiles'!$G$22=$B$17,14,0)+IF('Standard Profiles'!$G$22=$B$24,21,0),MOD($C3794,24)+1)/SUM(INDEX($D$3:$AA$30,INDEX(Jesper!$R$2:$R$366,ROW(INDEX(Jesper!AL$2:AL$366,ROUNDDOWN($C3794/24,0)+1,1))-1)+IF('Standard Profiles'!$G$22=$B$10,7,0)+IF('Standard Profiles'!$G$22=$B$17,14,0)+IF('Standard Profiles'!$G$22=$B$24,21,0),0)),0)</f>
        <v>0</v>
      </c>
      <c r="I3794">
        <f t="shared" si="426"/>
        <v>0.88726128678522254</v>
      </c>
      <c r="J3794">
        <f t="shared" si="427"/>
        <v>26.347950525425816</v>
      </c>
      <c r="K3794">
        <f t="shared" si="428"/>
        <v>2.0884701143762823</v>
      </c>
      <c r="L3794">
        <f t="shared" si="429"/>
        <v>1.0442350571881411</v>
      </c>
      <c r="M3794">
        <f t="shared" si="430"/>
        <v>0</v>
      </c>
      <c r="N3794" s="45">
        <f t="shared" si="431"/>
        <v>45083.666666657547</v>
      </c>
    </row>
    <row r="3795" spans="2:14" x14ac:dyDescent="0.25">
      <c r="B3795">
        <f t="shared" si="425"/>
        <v>2</v>
      </c>
      <c r="C3795" s="16">
        <v>3761</v>
      </c>
      <c r="D3795" cm="1">
        <f t="array" ref="D3795">IFERROR(INDEX(Jesper!AH$2:AH$366,ROUNDDOWN($C3795/24,0)+1,1)*INDEX($D$3:$AA$30,INDEX(Jesper!$R$2:$R$366,ROW(INDEX(Jesper!AH$2:AH$366,ROUNDDOWN($C3795/24,0)+1,1))-1)+IF('Standard Profiles'!$G$18=$B$10,7,0)+IF('Standard Profiles'!$G$18=$B$17,14,0)+IF('Standard Profiles'!$G$18=$B$24,21,0),MOD($C3795,24)+1)/SUM(INDEX($D$3:$AA$30,INDEX(Jesper!$R$2:$R$366,ROW(INDEX(Jesper!AH$2:AH$366,ROUNDDOWN($C3795/24,0)+1,1))-1)+IF('Standard Profiles'!$G$18=$B$10,7,0)+IF('Standard Profiles'!$G$18=$B$17,14,0)+IF('Standard Profiles'!$G$18=$B$24,21,0),0)),0)</f>
        <v>8.3565545549627185</v>
      </c>
      <c r="E3795" cm="1">
        <f t="array" ref="E3795">IFERROR(INDEX(Jesper!AI$2:AI$366,ROUNDDOWN($C3795/24,0)+1,1)*INDEX($D$3:$AA$30,INDEX(Jesper!$R$2:$R$366,ROW(INDEX(Jesper!AI$2:AI$366,ROUNDDOWN($C3795/24,0)+1,1))-1)+IF('Standard Profiles'!$G$19=$B$10,7,0)+IF('Standard Profiles'!$G$19=$B$17,14,0)+IF('Standard Profiles'!$G$19=$B$24,21,0),MOD($C3795,24)+1)/SUM(INDEX($D$3:$AA$30,INDEX(Jesper!$R$2:$R$366,ROW(INDEX(Jesper!AI$2:AI$366,ROUNDDOWN($C3795/24,0)+1,1))-1)+IF('Standard Profiles'!$G$19=$B$10,7,0)+IF('Standard Profiles'!$G$19=$B$17,14,0)+IF('Standard Profiles'!$G$19=$B$24,21,0),0)),0)</f>
        <v>3.8156417615714626</v>
      </c>
      <c r="F3795" cm="1">
        <f t="array" ref="F3795">IFERROR(INDEX(Jesper!AJ$2:AJ$366,ROUNDDOWN($C3795/24,0)+1,1)*INDEX($D$3:$AA$30,INDEX(Jesper!$R$2:$R$366,ROW(INDEX(Jesper!AJ$2:AJ$366,ROUNDDOWN($C3795/24,0)+1,1))-1)+IF('Standard Profiles'!$G$20=$B$10,7,0)+IF('Standard Profiles'!$G$20=$B$17,14,0)+IF('Standard Profiles'!$G$20=$B$24,21,0),MOD($C3795,24)+1)/SUM(INDEX($D$3:$AA$30,INDEX(Jesper!$R$2:$R$366,ROW(INDEX(Jesper!AJ$2:AJ$366,ROUNDDOWN($C3795/24,0)+1,1))-1)+IF('Standard Profiles'!$G$20=$B$10,7,0)+IF('Standard Profiles'!$G$20=$B$17,14,0)+IF('Standard Profiles'!$G$20=$B$24,21,0),0)),0)</f>
        <v>0</v>
      </c>
      <c r="G3795" cm="1">
        <f t="array" ref="G3795">IFERROR(INDEX(Jesper!AK$2:AK$366,ROUNDDOWN($C3795/24,0)+1,1)*INDEX($D$3:$AA$30,INDEX(Jesper!$R$2:$R$366,ROW(INDEX(Jesper!AK$2:AK$366,ROUNDDOWN($C3795/24,0)+1,1))-1)+IF('Standard Profiles'!$G$21=$B$10,7,0)+IF('Standard Profiles'!$G$21=$B$17,14,0)+IF('Standard Profiles'!$G$21=$B$24,21,0),MOD($C3795,24)+1)/SUM(INDEX($D$3:$AA$30,INDEX(Jesper!$R$2:$R$366,ROW(INDEX(Jesper!AK$2:AK$366,ROUNDDOWN($C3795/24,0)+1,1))-1)+IF('Standard Profiles'!$G$21=$B$10,7,0)+IF('Standard Profiles'!$G$21=$B$17,14,0)+IF('Standard Profiles'!$G$21=$B$24,21,0),0)),0)</f>
        <v>1.4686862966861458</v>
      </c>
      <c r="H3795" cm="1">
        <f t="array" ref="H3795">IFERROR(INDEX(Jesper!AL$2:AL$366,ROUNDDOWN($C3795/24,0)+1,1)*INDEX($D$3:$AA$30,INDEX(Jesper!$R$2:$R$366,ROW(INDEX(Jesper!AL$2:AL$366,ROUNDDOWN($C3795/24,0)+1,1))-1)+IF('Standard Profiles'!$G$22=$B$10,7,0)+IF('Standard Profiles'!$G$22=$B$17,14,0)+IF('Standard Profiles'!$G$22=$B$24,21,0),MOD($C3795,24)+1)/SUM(INDEX($D$3:$AA$30,INDEX(Jesper!$R$2:$R$366,ROW(INDEX(Jesper!AL$2:AL$366,ROUNDDOWN($C3795/24,0)+1,1))-1)+IF('Standard Profiles'!$G$22=$B$10,7,0)+IF('Standard Profiles'!$G$22=$B$17,14,0)+IF('Standard Profiles'!$G$22=$B$24,21,0),0)),0)</f>
        <v>0</v>
      </c>
      <c r="I3795">
        <f t="shared" si="426"/>
        <v>0.70496942240934968</v>
      </c>
      <c r="J3795">
        <f t="shared" si="427"/>
        <v>11.598864462016941</v>
      </c>
      <c r="K3795">
        <f t="shared" si="428"/>
        <v>0.89136581919602331</v>
      </c>
      <c r="L3795">
        <f t="shared" si="429"/>
        <v>0.44568290959801166</v>
      </c>
      <c r="M3795">
        <f t="shared" si="430"/>
        <v>0</v>
      </c>
      <c r="N3795" s="45">
        <f t="shared" si="431"/>
        <v>45083.708333324212</v>
      </c>
    </row>
    <row r="3796" spans="2:14" x14ac:dyDescent="0.25">
      <c r="B3796">
        <f t="shared" si="425"/>
        <v>2</v>
      </c>
      <c r="C3796" s="16">
        <v>3762</v>
      </c>
      <c r="D3796" cm="1">
        <f t="array" ref="D3796">IFERROR(INDEX(Jesper!AH$2:AH$366,ROUNDDOWN($C3796/24,0)+1,1)*INDEX($D$3:$AA$30,INDEX(Jesper!$R$2:$R$366,ROW(INDEX(Jesper!AH$2:AH$366,ROUNDDOWN($C3796/24,0)+1,1))-1)+IF('Standard Profiles'!$G$18=$B$10,7,0)+IF('Standard Profiles'!$G$18=$B$17,14,0)+IF('Standard Profiles'!$G$18=$B$24,21,0),MOD($C3796,24)+1)/SUM(INDEX($D$3:$AA$30,INDEX(Jesper!$R$2:$R$366,ROW(INDEX(Jesper!AH$2:AH$366,ROUNDDOWN($C3796/24,0)+1,1))-1)+IF('Standard Profiles'!$G$18=$B$10,7,0)+IF('Standard Profiles'!$G$18=$B$17,14,0)+IF('Standard Profiles'!$G$18=$B$24,21,0),0)),0)</f>
        <v>5.5153260062753935</v>
      </c>
      <c r="E3796" cm="1">
        <f t="array" ref="E3796">IFERROR(INDEX(Jesper!AI$2:AI$366,ROUNDDOWN($C3796/24,0)+1,1)*INDEX($D$3:$AA$30,INDEX(Jesper!$R$2:$R$366,ROW(INDEX(Jesper!AI$2:AI$366,ROUNDDOWN($C3796/24,0)+1,1))-1)+IF('Standard Profiles'!$G$19=$B$10,7,0)+IF('Standard Profiles'!$G$19=$B$17,14,0)+IF('Standard Profiles'!$G$19=$B$24,21,0),MOD($C3796,24)+1)/SUM(INDEX($D$3:$AA$30,INDEX(Jesper!$R$2:$R$366,ROW(INDEX(Jesper!AI$2:AI$366,ROUNDDOWN($C3796/24,0)+1,1))-1)+IF('Standard Profiles'!$G$19=$B$10,7,0)+IF('Standard Profiles'!$G$19=$B$17,14,0)+IF('Standard Profiles'!$G$19=$B$24,21,0),0)),0)</f>
        <v>2.5183235626371654</v>
      </c>
      <c r="F3796" cm="1">
        <f t="array" ref="F3796">IFERROR(INDEX(Jesper!AJ$2:AJ$366,ROUNDDOWN($C3796/24,0)+1,1)*INDEX($D$3:$AA$30,INDEX(Jesper!$R$2:$R$366,ROW(INDEX(Jesper!AJ$2:AJ$366,ROUNDDOWN($C3796/24,0)+1,1))-1)+IF('Standard Profiles'!$G$20=$B$10,7,0)+IF('Standard Profiles'!$G$20=$B$17,14,0)+IF('Standard Profiles'!$G$20=$B$24,21,0),MOD($C3796,24)+1)/SUM(INDEX($D$3:$AA$30,INDEX(Jesper!$R$2:$R$366,ROW(INDEX(Jesper!AJ$2:AJ$366,ROUNDDOWN($C3796/24,0)+1,1))-1)+IF('Standard Profiles'!$G$20=$B$10,7,0)+IF('Standard Profiles'!$G$20=$B$17,14,0)+IF('Standard Profiles'!$G$20=$B$24,21,0),0)),0)</f>
        <v>0</v>
      </c>
      <c r="G3796" cm="1">
        <f t="array" ref="G3796">IFERROR(INDEX(Jesper!AK$2:AK$366,ROUNDDOWN($C3796/24,0)+1,1)*INDEX($D$3:$AA$30,INDEX(Jesper!$R$2:$R$366,ROW(INDEX(Jesper!AK$2:AK$366,ROUNDDOWN($C3796/24,0)+1,1))-1)+IF('Standard Profiles'!$G$21=$B$10,7,0)+IF('Standard Profiles'!$G$21=$B$17,14,0)+IF('Standard Profiles'!$G$21=$B$24,21,0),MOD($C3796,24)+1)/SUM(INDEX($D$3:$AA$30,INDEX(Jesper!$R$2:$R$366,ROW(INDEX(Jesper!AK$2:AK$366,ROUNDDOWN($C3796/24,0)+1,1))-1)+IF('Standard Profiles'!$G$21=$B$10,7,0)+IF('Standard Profiles'!$G$21=$B$17,14,0)+IF('Standard Profiles'!$G$21=$B$24,21,0),0)),0)</f>
        <v>0.52092992216556655</v>
      </c>
      <c r="H3796" cm="1">
        <f t="array" ref="H3796">IFERROR(INDEX(Jesper!AL$2:AL$366,ROUNDDOWN($C3796/24,0)+1,1)*INDEX($D$3:$AA$30,INDEX(Jesper!$R$2:$R$366,ROW(INDEX(Jesper!AL$2:AL$366,ROUNDDOWN($C3796/24,0)+1,1))-1)+IF('Standard Profiles'!$G$22=$B$10,7,0)+IF('Standard Profiles'!$G$22=$B$17,14,0)+IF('Standard Profiles'!$G$22=$B$24,21,0),MOD($C3796,24)+1)/SUM(INDEX($D$3:$AA$30,INDEX(Jesper!$R$2:$R$366,ROW(INDEX(Jesper!AL$2:AL$366,ROUNDDOWN($C3796/24,0)+1,1))-1)+IF('Standard Profiles'!$G$22=$B$10,7,0)+IF('Standard Profiles'!$G$22=$B$17,14,0)+IF('Standard Profiles'!$G$22=$B$24,21,0),0)),0)</f>
        <v>0</v>
      </c>
      <c r="I3796">
        <f t="shared" si="426"/>
        <v>0.25004636263947183</v>
      </c>
      <c r="J3796">
        <f t="shared" si="427"/>
        <v>7.4220809674345904</v>
      </c>
      <c r="K3796">
        <f t="shared" si="428"/>
        <v>0.5883014406693754</v>
      </c>
      <c r="L3796">
        <f t="shared" si="429"/>
        <v>0.2941507203346877</v>
      </c>
      <c r="M3796">
        <f t="shared" si="430"/>
        <v>0</v>
      </c>
      <c r="N3796" s="45">
        <f t="shared" si="431"/>
        <v>45083.749999990876</v>
      </c>
    </row>
    <row r="3797" spans="2:14" x14ac:dyDescent="0.25">
      <c r="B3797">
        <f t="shared" si="425"/>
        <v>2</v>
      </c>
      <c r="C3797" s="16">
        <v>3763</v>
      </c>
      <c r="D3797" cm="1">
        <f t="array" ref="D3797">IFERROR(INDEX(Jesper!AH$2:AH$366,ROUNDDOWN($C3797/24,0)+1,1)*INDEX($D$3:$AA$30,INDEX(Jesper!$R$2:$R$366,ROW(INDEX(Jesper!AH$2:AH$366,ROUNDDOWN($C3797/24,0)+1,1))-1)+IF('Standard Profiles'!$G$18=$B$10,7,0)+IF('Standard Profiles'!$G$18=$B$17,14,0)+IF('Standard Profiles'!$G$18=$B$24,21,0),MOD($C3797,24)+1)/SUM(INDEX($D$3:$AA$30,INDEX(Jesper!$R$2:$R$366,ROW(INDEX(Jesper!AH$2:AH$366,ROUNDDOWN($C3797/24,0)+1,1))-1)+IF('Standard Profiles'!$G$18=$B$10,7,0)+IF('Standard Profiles'!$G$18=$B$17,14,0)+IF('Standard Profiles'!$G$18=$B$24,21,0),0)),0)</f>
        <v>5.5153260062753935</v>
      </c>
      <c r="E3797" cm="1">
        <f t="array" ref="E3797">IFERROR(INDEX(Jesper!AI$2:AI$366,ROUNDDOWN($C3797/24,0)+1,1)*INDEX($D$3:$AA$30,INDEX(Jesper!$R$2:$R$366,ROW(INDEX(Jesper!AI$2:AI$366,ROUNDDOWN($C3797/24,0)+1,1))-1)+IF('Standard Profiles'!$G$19=$B$10,7,0)+IF('Standard Profiles'!$G$19=$B$17,14,0)+IF('Standard Profiles'!$G$19=$B$24,21,0),MOD($C3797,24)+1)/SUM(INDEX($D$3:$AA$30,INDEX(Jesper!$R$2:$R$366,ROW(INDEX(Jesper!AI$2:AI$366,ROUNDDOWN($C3797/24,0)+1,1))-1)+IF('Standard Profiles'!$G$19=$B$10,7,0)+IF('Standard Profiles'!$G$19=$B$17,14,0)+IF('Standard Profiles'!$G$19=$B$24,21,0),0)),0)</f>
        <v>2.5183235626371654</v>
      </c>
      <c r="F3797" cm="1">
        <f t="array" ref="F3797">IFERROR(INDEX(Jesper!AJ$2:AJ$366,ROUNDDOWN($C3797/24,0)+1,1)*INDEX($D$3:$AA$30,INDEX(Jesper!$R$2:$R$366,ROW(INDEX(Jesper!AJ$2:AJ$366,ROUNDDOWN($C3797/24,0)+1,1))-1)+IF('Standard Profiles'!$G$20=$B$10,7,0)+IF('Standard Profiles'!$G$20=$B$17,14,0)+IF('Standard Profiles'!$G$20=$B$24,21,0),MOD($C3797,24)+1)/SUM(INDEX($D$3:$AA$30,INDEX(Jesper!$R$2:$R$366,ROW(INDEX(Jesper!AJ$2:AJ$366,ROUNDDOWN($C3797/24,0)+1,1))-1)+IF('Standard Profiles'!$G$20=$B$10,7,0)+IF('Standard Profiles'!$G$20=$B$17,14,0)+IF('Standard Profiles'!$G$20=$B$24,21,0),0)),0)</f>
        <v>0</v>
      </c>
      <c r="G3797" cm="1">
        <f t="array" ref="G3797">IFERROR(INDEX(Jesper!AK$2:AK$366,ROUNDDOWN($C3797/24,0)+1,1)*INDEX($D$3:$AA$30,INDEX(Jesper!$R$2:$R$366,ROW(INDEX(Jesper!AK$2:AK$366,ROUNDDOWN($C3797/24,0)+1,1))-1)+IF('Standard Profiles'!$G$21=$B$10,7,0)+IF('Standard Profiles'!$G$21=$B$17,14,0)+IF('Standard Profiles'!$G$21=$B$24,21,0),MOD($C3797,24)+1)/SUM(INDEX($D$3:$AA$30,INDEX(Jesper!$R$2:$R$366,ROW(INDEX(Jesper!AK$2:AK$366,ROUNDDOWN($C3797/24,0)+1,1))-1)+IF('Standard Profiles'!$G$21=$B$10,7,0)+IF('Standard Profiles'!$G$21=$B$17,14,0)+IF('Standard Profiles'!$G$21=$B$24,21,0),0)),0)</f>
        <v>0.52092992216556655</v>
      </c>
      <c r="H3797" cm="1">
        <f t="array" ref="H3797">IFERROR(INDEX(Jesper!AL$2:AL$366,ROUNDDOWN($C3797/24,0)+1,1)*INDEX($D$3:$AA$30,INDEX(Jesper!$R$2:$R$366,ROW(INDEX(Jesper!AL$2:AL$366,ROUNDDOWN($C3797/24,0)+1,1))-1)+IF('Standard Profiles'!$G$22=$B$10,7,0)+IF('Standard Profiles'!$G$22=$B$17,14,0)+IF('Standard Profiles'!$G$22=$B$24,21,0),MOD($C3797,24)+1)/SUM(INDEX($D$3:$AA$30,INDEX(Jesper!$R$2:$R$366,ROW(INDEX(Jesper!AL$2:AL$366,ROUNDDOWN($C3797/24,0)+1,1))-1)+IF('Standard Profiles'!$G$22=$B$10,7,0)+IF('Standard Profiles'!$G$22=$B$17,14,0)+IF('Standard Profiles'!$G$22=$B$24,21,0),0)),0)</f>
        <v>0</v>
      </c>
      <c r="I3797">
        <f t="shared" si="426"/>
        <v>0.25004636263947183</v>
      </c>
      <c r="J3797">
        <f t="shared" si="427"/>
        <v>7.4220809674345904</v>
      </c>
      <c r="K3797">
        <f t="shared" si="428"/>
        <v>0.5883014406693754</v>
      </c>
      <c r="L3797">
        <f t="shared" si="429"/>
        <v>0.2941507203346877</v>
      </c>
      <c r="M3797">
        <f t="shared" si="430"/>
        <v>0</v>
      </c>
      <c r="N3797" s="45">
        <f t="shared" si="431"/>
        <v>45083.79166665754</v>
      </c>
    </row>
    <row r="3798" spans="2:14" x14ac:dyDescent="0.25">
      <c r="B3798">
        <f t="shared" si="425"/>
        <v>2</v>
      </c>
      <c r="C3798" s="16">
        <v>3764</v>
      </c>
      <c r="D3798" cm="1">
        <f t="array" ref="D3798">IFERROR(INDEX(Jesper!AH$2:AH$366,ROUNDDOWN($C3798/24,0)+1,1)*INDEX($D$3:$AA$30,INDEX(Jesper!$R$2:$R$366,ROW(INDEX(Jesper!AH$2:AH$366,ROUNDDOWN($C3798/24,0)+1,1))-1)+IF('Standard Profiles'!$G$18=$B$10,7,0)+IF('Standard Profiles'!$G$18=$B$17,14,0)+IF('Standard Profiles'!$G$18=$B$24,21,0),MOD($C3798,24)+1)/SUM(INDEX($D$3:$AA$30,INDEX(Jesper!$R$2:$R$366,ROW(INDEX(Jesper!AH$2:AH$366,ROUNDDOWN($C3798/24,0)+1,1))-1)+IF('Standard Profiles'!$G$18=$B$10,7,0)+IF('Standard Profiles'!$G$18=$B$17,14,0)+IF('Standard Profiles'!$G$18=$B$24,21,0),0)),0)</f>
        <v>5.5153260062753935</v>
      </c>
      <c r="E3798" cm="1">
        <f t="array" ref="E3798">IFERROR(INDEX(Jesper!AI$2:AI$366,ROUNDDOWN($C3798/24,0)+1,1)*INDEX($D$3:$AA$30,INDEX(Jesper!$R$2:$R$366,ROW(INDEX(Jesper!AI$2:AI$366,ROUNDDOWN($C3798/24,0)+1,1))-1)+IF('Standard Profiles'!$G$19=$B$10,7,0)+IF('Standard Profiles'!$G$19=$B$17,14,0)+IF('Standard Profiles'!$G$19=$B$24,21,0),MOD($C3798,24)+1)/SUM(INDEX($D$3:$AA$30,INDEX(Jesper!$R$2:$R$366,ROW(INDEX(Jesper!AI$2:AI$366,ROUNDDOWN($C3798/24,0)+1,1))-1)+IF('Standard Profiles'!$G$19=$B$10,7,0)+IF('Standard Profiles'!$G$19=$B$17,14,0)+IF('Standard Profiles'!$G$19=$B$24,21,0),0)),0)</f>
        <v>2.5183235626371654</v>
      </c>
      <c r="F3798" cm="1">
        <f t="array" ref="F3798">IFERROR(INDEX(Jesper!AJ$2:AJ$366,ROUNDDOWN($C3798/24,0)+1,1)*INDEX($D$3:$AA$30,INDEX(Jesper!$R$2:$R$366,ROW(INDEX(Jesper!AJ$2:AJ$366,ROUNDDOWN($C3798/24,0)+1,1))-1)+IF('Standard Profiles'!$G$20=$B$10,7,0)+IF('Standard Profiles'!$G$20=$B$17,14,0)+IF('Standard Profiles'!$G$20=$B$24,21,0),MOD($C3798,24)+1)/SUM(INDEX($D$3:$AA$30,INDEX(Jesper!$R$2:$R$366,ROW(INDEX(Jesper!AJ$2:AJ$366,ROUNDDOWN($C3798/24,0)+1,1))-1)+IF('Standard Profiles'!$G$20=$B$10,7,0)+IF('Standard Profiles'!$G$20=$B$17,14,0)+IF('Standard Profiles'!$G$20=$B$24,21,0),0)),0)</f>
        <v>0</v>
      </c>
      <c r="G3798" cm="1">
        <f t="array" ref="G3798">IFERROR(INDEX(Jesper!AK$2:AK$366,ROUNDDOWN($C3798/24,0)+1,1)*INDEX($D$3:$AA$30,INDEX(Jesper!$R$2:$R$366,ROW(INDEX(Jesper!AK$2:AK$366,ROUNDDOWN($C3798/24,0)+1,1))-1)+IF('Standard Profiles'!$G$21=$B$10,7,0)+IF('Standard Profiles'!$G$21=$B$17,14,0)+IF('Standard Profiles'!$G$21=$B$24,21,0),MOD($C3798,24)+1)/SUM(INDEX($D$3:$AA$30,INDEX(Jesper!$R$2:$R$366,ROW(INDEX(Jesper!AK$2:AK$366,ROUNDDOWN($C3798/24,0)+1,1))-1)+IF('Standard Profiles'!$G$21=$B$10,7,0)+IF('Standard Profiles'!$G$21=$B$17,14,0)+IF('Standard Profiles'!$G$21=$B$24,21,0),0)),0)</f>
        <v>0.52092992216556655</v>
      </c>
      <c r="H3798" cm="1">
        <f t="array" ref="H3798">IFERROR(INDEX(Jesper!AL$2:AL$366,ROUNDDOWN($C3798/24,0)+1,1)*INDEX($D$3:$AA$30,INDEX(Jesper!$R$2:$R$366,ROW(INDEX(Jesper!AL$2:AL$366,ROUNDDOWN($C3798/24,0)+1,1))-1)+IF('Standard Profiles'!$G$22=$B$10,7,0)+IF('Standard Profiles'!$G$22=$B$17,14,0)+IF('Standard Profiles'!$G$22=$B$24,21,0),MOD($C3798,24)+1)/SUM(INDEX($D$3:$AA$30,INDEX(Jesper!$R$2:$R$366,ROW(INDEX(Jesper!AL$2:AL$366,ROUNDDOWN($C3798/24,0)+1,1))-1)+IF('Standard Profiles'!$G$22=$B$10,7,0)+IF('Standard Profiles'!$G$22=$B$17,14,0)+IF('Standard Profiles'!$G$22=$B$24,21,0),0)),0)</f>
        <v>0</v>
      </c>
      <c r="I3798">
        <f t="shared" si="426"/>
        <v>0.25004636263947183</v>
      </c>
      <c r="J3798">
        <f t="shared" si="427"/>
        <v>7.4220809674345904</v>
      </c>
      <c r="K3798">
        <f t="shared" si="428"/>
        <v>0.5883014406693754</v>
      </c>
      <c r="L3798">
        <f t="shared" si="429"/>
        <v>0.2941507203346877</v>
      </c>
      <c r="M3798">
        <f t="shared" si="430"/>
        <v>0</v>
      </c>
      <c r="N3798" s="45">
        <f t="shared" si="431"/>
        <v>45083.833333324204</v>
      </c>
    </row>
    <row r="3799" spans="2:14" x14ac:dyDescent="0.25">
      <c r="B3799">
        <f t="shared" si="425"/>
        <v>2</v>
      </c>
      <c r="C3799" s="16">
        <v>3765</v>
      </c>
      <c r="D3799" cm="1">
        <f t="array" ref="D3799">IFERROR(INDEX(Jesper!AH$2:AH$366,ROUNDDOWN($C3799/24,0)+1,1)*INDEX($D$3:$AA$30,INDEX(Jesper!$R$2:$R$366,ROW(INDEX(Jesper!AH$2:AH$366,ROUNDDOWN($C3799/24,0)+1,1))-1)+IF('Standard Profiles'!$G$18=$B$10,7,0)+IF('Standard Profiles'!$G$18=$B$17,14,0)+IF('Standard Profiles'!$G$18=$B$24,21,0),MOD($C3799,24)+1)/SUM(INDEX($D$3:$AA$30,INDEX(Jesper!$R$2:$R$366,ROW(INDEX(Jesper!AH$2:AH$366,ROUNDDOWN($C3799/24,0)+1,1))-1)+IF('Standard Profiles'!$G$18=$B$10,7,0)+IF('Standard Profiles'!$G$18=$B$17,14,0)+IF('Standard Profiles'!$G$18=$B$24,21,0),0)),0)</f>
        <v>5.5153260062753935</v>
      </c>
      <c r="E3799" cm="1">
        <f t="array" ref="E3799">IFERROR(INDEX(Jesper!AI$2:AI$366,ROUNDDOWN($C3799/24,0)+1,1)*INDEX($D$3:$AA$30,INDEX(Jesper!$R$2:$R$366,ROW(INDEX(Jesper!AI$2:AI$366,ROUNDDOWN($C3799/24,0)+1,1))-1)+IF('Standard Profiles'!$G$19=$B$10,7,0)+IF('Standard Profiles'!$G$19=$B$17,14,0)+IF('Standard Profiles'!$G$19=$B$24,21,0),MOD($C3799,24)+1)/SUM(INDEX($D$3:$AA$30,INDEX(Jesper!$R$2:$R$366,ROW(INDEX(Jesper!AI$2:AI$366,ROUNDDOWN($C3799/24,0)+1,1))-1)+IF('Standard Profiles'!$G$19=$B$10,7,0)+IF('Standard Profiles'!$G$19=$B$17,14,0)+IF('Standard Profiles'!$G$19=$B$24,21,0),0)),0)</f>
        <v>2.5183235626371654</v>
      </c>
      <c r="F3799" cm="1">
        <f t="array" ref="F3799">IFERROR(INDEX(Jesper!AJ$2:AJ$366,ROUNDDOWN($C3799/24,0)+1,1)*INDEX($D$3:$AA$30,INDEX(Jesper!$R$2:$R$366,ROW(INDEX(Jesper!AJ$2:AJ$366,ROUNDDOWN($C3799/24,0)+1,1))-1)+IF('Standard Profiles'!$G$20=$B$10,7,0)+IF('Standard Profiles'!$G$20=$B$17,14,0)+IF('Standard Profiles'!$G$20=$B$24,21,0),MOD($C3799,24)+1)/SUM(INDEX($D$3:$AA$30,INDEX(Jesper!$R$2:$R$366,ROW(INDEX(Jesper!AJ$2:AJ$366,ROUNDDOWN($C3799/24,0)+1,1))-1)+IF('Standard Profiles'!$G$20=$B$10,7,0)+IF('Standard Profiles'!$G$20=$B$17,14,0)+IF('Standard Profiles'!$G$20=$B$24,21,0),0)),0)</f>
        <v>0</v>
      </c>
      <c r="G3799" cm="1">
        <f t="array" ref="G3799">IFERROR(INDEX(Jesper!AK$2:AK$366,ROUNDDOWN($C3799/24,0)+1,1)*INDEX($D$3:$AA$30,INDEX(Jesper!$R$2:$R$366,ROW(INDEX(Jesper!AK$2:AK$366,ROUNDDOWN($C3799/24,0)+1,1))-1)+IF('Standard Profiles'!$G$21=$B$10,7,0)+IF('Standard Profiles'!$G$21=$B$17,14,0)+IF('Standard Profiles'!$G$21=$B$24,21,0),MOD($C3799,24)+1)/SUM(INDEX($D$3:$AA$30,INDEX(Jesper!$R$2:$R$366,ROW(INDEX(Jesper!AK$2:AK$366,ROUNDDOWN($C3799/24,0)+1,1))-1)+IF('Standard Profiles'!$G$21=$B$10,7,0)+IF('Standard Profiles'!$G$21=$B$17,14,0)+IF('Standard Profiles'!$G$21=$B$24,21,0),0)),0)</f>
        <v>0.52092992216556655</v>
      </c>
      <c r="H3799" cm="1">
        <f t="array" ref="H3799">IFERROR(INDEX(Jesper!AL$2:AL$366,ROUNDDOWN($C3799/24,0)+1,1)*INDEX($D$3:$AA$30,INDEX(Jesper!$R$2:$R$366,ROW(INDEX(Jesper!AL$2:AL$366,ROUNDDOWN($C3799/24,0)+1,1))-1)+IF('Standard Profiles'!$G$22=$B$10,7,0)+IF('Standard Profiles'!$G$22=$B$17,14,0)+IF('Standard Profiles'!$G$22=$B$24,21,0),MOD($C3799,24)+1)/SUM(INDEX($D$3:$AA$30,INDEX(Jesper!$R$2:$R$366,ROW(INDEX(Jesper!AL$2:AL$366,ROUNDDOWN($C3799/24,0)+1,1))-1)+IF('Standard Profiles'!$G$22=$B$10,7,0)+IF('Standard Profiles'!$G$22=$B$17,14,0)+IF('Standard Profiles'!$G$22=$B$24,21,0),0)),0)</f>
        <v>0</v>
      </c>
      <c r="I3799">
        <f t="shared" si="426"/>
        <v>0.25004636263947183</v>
      </c>
      <c r="J3799">
        <f t="shared" si="427"/>
        <v>7.4220809674345904</v>
      </c>
      <c r="K3799">
        <f t="shared" si="428"/>
        <v>0.5883014406693754</v>
      </c>
      <c r="L3799">
        <f t="shared" si="429"/>
        <v>0.2941507203346877</v>
      </c>
      <c r="M3799">
        <f t="shared" si="430"/>
        <v>0</v>
      </c>
      <c r="N3799" s="45">
        <f t="shared" si="431"/>
        <v>45083.874999990869</v>
      </c>
    </row>
    <row r="3800" spans="2:14" x14ac:dyDescent="0.25">
      <c r="B3800">
        <f t="shared" si="425"/>
        <v>2</v>
      </c>
      <c r="C3800" s="16">
        <v>3766</v>
      </c>
      <c r="D3800" cm="1">
        <f t="array" ref="D3800">IFERROR(INDEX(Jesper!AH$2:AH$366,ROUNDDOWN($C3800/24,0)+1,1)*INDEX($D$3:$AA$30,INDEX(Jesper!$R$2:$R$366,ROW(INDEX(Jesper!AH$2:AH$366,ROUNDDOWN($C3800/24,0)+1,1))-1)+IF('Standard Profiles'!$G$18=$B$10,7,0)+IF('Standard Profiles'!$G$18=$B$17,14,0)+IF('Standard Profiles'!$G$18=$B$24,21,0),MOD($C3800,24)+1)/SUM(INDEX($D$3:$AA$30,INDEX(Jesper!$R$2:$R$366,ROW(INDEX(Jesper!AH$2:AH$366,ROUNDDOWN($C3800/24,0)+1,1))-1)+IF('Standard Profiles'!$G$18=$B$10,7,0)+IF('Standard Profiles'!$G$18=$B$17,14,0)+IF('Standard Profiles'!$G$18=$B$24,21,0),0)),0)</f>
        <v>5.5153260062753935</v>
      </c>
      <c r="E3800" cm="1">
        <f t="array" ref="E3800">IFERROR(INDEX(Jesper!AI$2:AI$366,ROUNDDOWN($C3800/24,0)+1,1)*INDEX($D$3:$AA$30,INDEX(Jesper!$R$2:$R$366,ROW(INDEX(Jesper!AI$2:AI$366,ROUNDDOWN($C3800/24,0)+1,1))-1)+IF('Standard Profiles'!$G$19=$B$10,7,0)+IF('Standard Profiles'!$G$19=$B$17,14,0)+IF('Standard Profiles'!$G$19=$B$24,21,0),MOD($C3800,24)+1)/SUM(INDEX($D$3:$AA$30,INDEX(Jesper!$R$2:$R$366,ROW(INDEX(Jesper!AI$2:AI$366,ROUNDDOWN($C3800/24,0)+1,1))-1)+IF('Standard Profiles'!$G$19=$B$10,7,0)+IF('Standard Profiles'!$G$19=$B$17,14,0)+IF('Standard Profiles'!$G$19=$B$24,21,0),0)),0)</f>
        <v>2.5183235626371654</v>
      </c>
      <c r="F3800" cm="1">
        <f t="array" ref="F3800">IFERROR(INDEX(Jesper!AJ$2:AJ$366,ROUNDDOWN($C3800/24,0)+1,1)*INDEX($D$3:$AA$30,INDEX(Jesper!$R$2:$R$366,ROW(INDEX(Jesper!AJ$2:AJ$366,ROUNDDOWN($C3800/24,0)+1,1))-1)+IF('Standard Profiles'!$G$20=$B$10,7,0)+IF('Standard Profiles'!$G$20=$B$17,14,0)+IF('Standard Profiles'!$G$20=$B$24,21,0),MOD($C3800,24)+1)/SUM(INDEX($D$3:$AA$30,INDEX(Jesper!$R$2:$R$366,ROW(INDEX(Jesper!AJ$2:AJ$366,ROUNDDOWN($C3800/24,0)+1,1))-1)+IF('Standard Profiles'!$G$20=$B$10,7,0)+IF('Standard Profiles'!$G$20=$B$17,14,0)+IF('Standard Profiles'!$G$20=$B$24,21,0),0)),0)</f>
        <v>0</v>
      </c>
      <c r="G3800" cm="1">
        <f t="array" ref="G3800">IFERROR(INDEX(Jesper!AK$2:AK$366,ROUNDDOWN($C3800/24,0)+1,1)*INDEX($D$3:$AA$30,INDEX(Jesper!$R$2:$R$366,ROW(INDEX(Jesper!AK$2:AK$366,ROUNDDOWN($C3800/24,0)+1,1))-1)+IF('Standard Profiles'!$G$21=$B$10,7,0)+IF('Standard Profiles'!$G$21=$B$17,14,0)+IF('Standard Profiles'!$G$21=$B$24,21,0),MOD($C3800,24)+1)/SUM(INDEX($D$3:$AA$30,INDEX(Jesper!$R$2:$R$366,ROW(INDEX(Jesper!AK$2:AK$366,ROUNDDOWN($C3800/24,0)+1,1))-1)+IF('Standard Profiles'!$G$21=$B$10,7,0)+IF('Standard Profiles'!$G$21=$B$17,14,0)+IF('Standard Profiles'!$G$21=$B$24,21,0),0)),0)</f>
        <v>0.52092992216556655</v>
      </c>
      <c r="H3800" cm="1">
        <f t="array" ref="H3800">IFERROR(INDEX(Jesper!AL$2:AL$366,ROUNDDOWN($C3800/24,0)+1,1)*INDEX($D$3:$AA$30,INDEX(Jesper!$R$2:$R$366,ROW(INDEX(Jesper!AL$2:AL$366,ROUNDDOWN($C3800/24,0)+1,1))-1)+IF('Standard Profiles'!$G$22=$B$10,7,0)+IF('Standard Profiles'!$G$22=$B$17,14,0)+IF('Standard Profiles'!$G$22=$B$24,21,0),MOD($C3800,24)+1)/SUM(INDEX($D$3:$AA$30,INDEX(Jesper!$R$2:$R$366,ROW(INDEX(Jesper!AL$2:AL$366,ROUNDDOWN($C3800/24,0)+1,1))-1)+IF('Standard Profiles'!$G$22=$B$10,7,0)+IF('Standard Profiles'!$G$22=$B$17,14,0)+IF('Standard Profiles'!$G$22=$B$24,21,0),0)),0)</f>
        <v>0</v>
      </c>
      <c r="I3800">
        <f t="shared" si="426"/>
        <v>0.25004636263947183</v>
      </c>
      <c r="J3800">
        <f t="shared" si="427"/>
        <v>7.4220809674345904</v>
      </c>
      <c r="K3800">
        <f t="shared" si="428"/>
        <v>0.5883014406693754</v>
      </c>
      <c r="L3800">
        <f t="shared" si="429"/>
        <v>0.2941507203346877</v>
      </c>
      <c r="M3800">
        <f t="shared" si="430"/>
        <v>0</v>
      </c>
      <c r="N3800" s="45">
        <f t="shared" si="431"/>
        <v>45083.916666657533</v>
      </c>
    </row>
    <row r="3801" spans="2:14" x14ac:dyDescent="0.25">
      <c r="B3801">
        <f t="shared" si="425"/>
        <v>2</v>
      </c>
      <c r="C3801" s="16">
        <v>3767</v>
      </c>
      <c r="D3801" cm="1">
        <f t="array" ref="D3801">IFERROR(INDEX(Jesper!AH$2:AH$366,ROUNDDOWN($C3801/24,0)+1,1)*INDEX($D$3:$AA$30,INDEX(Jesper!$R$2:$R$366,ROW(INDEX(Jesper!AH$2:AH$366,ROUNDDOWN($C3801/24,0)+1,1))-1)+IF('Standard Profiles'!$G$18=$B$10,7,0)+IF('Standard Profiles'!$G$18=$B$17,14,0)+IF('Standard Profiles'!$G$18=$B$24,21,0),MOD($C3801,24)+1)/SUM(INDEX($D$3:$AA$30,INDEX(Jesper!$R$2:$R$366,ROW(INDEX(Jesper!AH$2:AH$366,ROUNDDOWN($C3801/24,0)+1,1))-1)+IF('Standard Profiles'!$G$18=$B$10,7,0)+IF('Standard Profiles'!$G$18=$B$17,14,0)+IF('Standard Profiles'!$G$18=$B$24,21,0),0)),0)</f>
        <v>5.5153260062753935</v>
      </c>
      <c r="E3801" cm="1">
        <f t="array" ref="E3801">IFERROR(INDEX(Jesper!AI$2:AI$366,ROUNDDOWN($C3801/24,0)+1,1)*INDEX($D$3:$AA$30,INDEX(Jesper!$R$2:$R$366,ROW(INDEX(Jesper!AI$2:AI$366,ROUNDDOWN($C3801/24,0)+1,1))-1)+IF('Standard Profiles'!$G$19=$B$10,7,0)+IF('Standard Profiles'!$G$19=$B$17,14,0)+IF('Standard Profiles'!$G$19=$B$24,21,0),MOD($C3801,24)+1)/SUM(INDEX($D$3:$AA$30,INDEX(Jesper!$R$2:$R$366,ROW(INDEX(Jesper!AI$2:AI$366,ROUNDDOWN($C3801/24,0)+1,1))-1)+IF('Standard Profiles'!$G$19=$B$10,7,0)+IF('Standard Profiles'!$G$19=$B$17,14,0)+IF('Standard Profiles'!$G$19=$B$24,21,0),0)),0)</f>
        <v>2.5183235626371654</v>
      </c>
      <c r="F3801" cm="1">
        <f t="array" ref="F3801">IFERROR(INDEX(Jesper!AJ$2:AJ$366,ROUNDDOWN($C3801/24,0)+1,1)*INDEX($D$3:$AA$30,INDEX(Jesper!$R$2:$R$366,ROW(INDEX(Jesper!AJ$2:AJ$366,ROUNDDOWN($C3801/24,0)+1,1))-1)+IF('Standard Profiles'!$G$20=$B$10,7,0)+IF('Standard Profiles'!$G$20=$B$17,14,0)+IF('Standard Profiles'!$G$20=$B$24,21,0),MOD($C3801,24)+1)/SUM(INDEX($D$3:$AA$30,INDEX(Jesper!$R$2:$R$366,ROW(INDEX(Jesper!AJ$2:AJ$366,ROUNDDOWN($C3801/24,0)+1,1))-1)+IF('Standard Profiles'!$G$20=$B$10,7,0)+IF('Standard Profiles'!$G$20=$B$17,14,0)+IF('Standard Profiles'!$G$20=$B$24,21,0),0)),0)</f>
        <v>0</v>
      </c>
      <c r="G3801" cm="1">
        <f t="array" ref="G3801">IFERROR(INDEX(Jesper!AK$2:AK$366,ROUNDDOWN($C3801/24,0)+1,1)*INDEX($D$3:$AA$30,INDEX(Jesper!$R$2:$R$366,ROW(INDEX(Jesper!AK$2:AK$366,ROUNDDOWN($C3801/24,0)+1,1))-1)+IF('Standard Profiles'!$G$21=$B$10,7,0)+IF('Standard Profiles'!$G$21=$B$17,14,0)+IF('Standard Profiles'!$G$21=$B$24,21,0),MOD($C3801,24)+1)/SUM(INDEX($D$3:$AA$30,INDEX(Jesper!$R$2:$R$366,ROW(INDEX(Jesper!AK$2:AK$366,ROUNDDOWN($C3801/24,0)+1,1))-1)+IF('Standard Profiles'!$G$21=$B$10,7,0)+IF('Standard Profiles'!$G$21=$B$17,14,0)+IF('Standard Profiles'!$G$21=$B$24,21,0),0)),0)</f>
        <v>0.52092992216556655</v>
      </c>
      <c r="H3801" cm="1">
        <f t="array" ref="H3801">IFERROR(INDEX(Jesper!AL$2:AL$366,ROUNDDOWN($C3801/24,0)+1,1)*INDEX($D$3:$AA$30,INDEX(Jesper!$R$2:$R$366,ROW(INDEX(Jesper!AL$2:AL$366,ROUNDDOWN($C3801/24,0)+1,1))-1)+IF('Standard Profiles'!$G$22=$B$10,7,0)+IF('Standard Profiles'!$G$22=$B$17,14,0)+IF('Standard Profiles'!$G$22=$B$24,21,0),MOD($C3801,24)+1)/SUM(INDEX($D$3:$AA$30,INDEX(Jesper!$R$2:$R$366,ROW(INDEX(Jesper!AL$2:AL$366,ROUNDDOWN($C3801/24,0)+1,1))-1)+IF('Standard Profiles'!$G$22=$B$10,7,0)+IF('Standard Profiles'!$G$22=$B$17,14,0)+IF('Standard Profiles'!$G$22=$B$24,21,0),0)),0)</f>
        <v>0</v>
      </c>
      <c r="I3801">
        <f t="shared" si="426"/>
        <v>0.25004636263947183</v>
      </c>
      <c r="J3801">
        <f t="shared" si="427"/>
        <v>7.4220809674345904</v>
      </c>
      <c r="K3801">
        <f t="shared" si="428"/>
        <v>0.5883014406693754</v>
      </c>
      <c r="L3801">
        <f t="shared" si="429"/>
        <v>0.2941507203346877</v>
      </c>
      <c r="M3801">
        <f t="shared" si="430"/>
        <v>0</v>
      </c>
      <c r="N3801" s="45">
        <f t="shared" si="431"/>
        <v>45083.958333324197</v>
      </c>
    </row>
    <row r="3802" spans="2:14" x14ac:dyDescent="0.25">
      <c r="B3802">
        <f t="shared" si="425"/>
        <v>3</v>
      </c>
      <c r="C3802" s="16">
        <v>3768</v>
      </c>
      <c r="D3802" cm="1">
        <f t="array" ref="D3802">IFERROR(INDEX(Jesper!AH$2:AH$366,ROUNDDOWN($C3802/24,0)+1,1)*INDEX($D$3:$AA$30,INDEX(Jesper!$R$2:$R$366,ROW(INDEX(Jesper!AH$2:AH$366,ROUNDDOWN($C3802/24,0)+1,1))-1)+IF('Standard Profiles'!$G$18=$B$10,7,0)+IF('Standard Profiles'!$G$18=$B$17,14,0)+IF('Standard Profiles'!$G$18=$B$24,21,0),MOD($C3802,24)+1)/SUM(INDEX($D$3:$AA$30,INDEX(Jesper!$R$2:$R$366,ROW(INDEX(Jesper!AH$2:AH$366,ROUNDDOWN($C3802/24,0)+1,1))-1)+IF('Standard Profiles'!$G$18=$B$10,7,0)+IF('Standard Profiles'!$G$18=$B$17,14,0)+IF('Standard Profiles'!$G$18=$B$24,21,0),0)),0)</f>
        <v>5.4479626382423367</v>
      </c>
      <c r="E3802" cm="1">
        <f t="array" ref="E3802">IFERROR(INDEX(Jesper!AI$2:AI$366,ROUNDDOWN($C3802/24,0)+1,1)*INDEX($D$3:$AA$30,INDEX(Jesper!$R$2:$R$366,ROW(INDEX(Jesper!AI$2:AI$366,ROUNDDOWN($C3802/24,0)+1,1))-1)+IF('Standard Profiles'!$G$19=$B$10,7,0)+IF('Standard Profiles'!$G$19=$B$17,14,0)+IF('Standard Profiles'!$G$19=$B$24,21,0),MOD($C3802,24)+1)/SUM(INDEX($D$3:$AA$30,INDEX(Jesper!$R$2:$R$366,ROW(INDEX(Jesper!AI$2:AI$366,ROUNDDOWN($C3802/24,0)+1,1))-1)+IF('Standard Profiles'!$G$19=$B$10,7,0)+IF('Standard Profiles'!$G$19=$B$17,14,0)+IF('Standard Profiles'!$G$19=$B$24,21,0),0)),0)</f>
        <v>2.4579026670778195</v>
      </c>
      <c r="F3802" cm="1">
        <f t="array" ref="F3802">IFERROR(INDEX(Jesper!AJ$2:AJ$366,ROUNDDOWN($C3802/24,0)+1,1)*INDEX($D$3:$AA$30,INDEX(Jesper!$R$2:$R$366,ROW(INDEX(Jesper!AJ$2:AJ$366,ROUNDDOWN($C3802/24,0)+1,1))-1)+IF('Standard Profiles'!$G$20=$B$10,7,0)+IF('Standard Profiles'!$G$20=$B$17,14,0)+IF('Standard Profiles'!$G$20=$B$24,21,0),MOD($C3802,24)+1)/SUM(INDEX($D$3:$AA$30,INDEX(Jesper!$R$2:$R$366,ROW(INDEX(Jesper!AJ$2:AJ$366,ROUNDDOWN($C3802/24,0)+1,1))-1)+IF('Standard Profiles'!$G$20=$B$10,7,0)+IF('Standard Profiles'!$G$20=$B$17,14,0)+IF('Standard Profiles'!$G$20=$B$24,21,0),0)),0)</f>
        <v>0</v>
      </c>
      <c r="G3802" cm="1">
        <f t="array" ref="G3802">IFERROR(INDEX(Jesper!AK$2:AK$366,ROUNDDOWN($C3802/24,0)+1,1)*INDEX($D$3:$AA$30,INDEX(Jesper!$R$2:$R$366,ROW(INDEX(Jesper!AK$2:AK$366,ROUNDDOWN($C3802/24,0)+1,1))-1)+IF('Standard Profiles'!$G$21=$B$10,7,0)+IF('Standard Profiles'!$G$21=$B$17,14,0)+IF('Standard Profiles'!$G$21=$B$24,21,0),MOD($C3802,24)+1)/SUM(INDEX($D$3:$AA$30,INDEX(Jesper!$R$2:$R$366,ROW(INDEX(Jesper!AK$2:AK$366,ROUNDDOWN($C3802/24,0)+1,1))-1)+IF('Standard Profiles'!$G$21=$B$10,7,0)+IF('Standard Profiles'!$G$21=$B$17,14,0)+IF('Standard Profiles'!$G$21=$B$24,21,0),0)),0)</f>
        <v>0.48430519018765378</v>
      </c>
      <c r="H3802" cm="1">
        <f t="array" ref="H3802">IFERROR(INDEX(Jesper!AL$2:AL$366,ROUNDDOWN($C3802/24,0)+1,1)*INDEX($D$3:$AA$30,INDEX(Jesper!$R$2:$R$366,ROW(INDEX(Jesper!AL$2:AL$366,ROUNDDOWN($C3802/24,0)+1,1))-1)+IF('Standard Profiles'!$G$22=$B$10,7,0)+IF('Standard Profiles'!$G$22=$B$17,14,0)+IF('Standard Profiles'!$G$22=$B$24,21,0),MOD($C3802,24)+1)/SUM(INDEX($D$3:$AA$30,INDEX(Jesper!$R$2:$R$366,ROW(INDEX(Jesper!AL$2:AL$366,ROUNDDOWN($C3802/24,0)+1,1))-1)+IF('Standard Profiles'!$G$22=$B$10,7,0)+IF('Standard Profiles'!$G$22=$B$17,14,0)+IF('Standard Profiles'!$G$22=$B$24,21,0),0)),0)</f>
        <v>0</v>
      </c>
      <c r="I3802">
        <f t="shared" si="426"/>
        <v>0.23246649129007368</v>
      </c>
      <c r="J3802">
        <f t="shared" si="427"/>
        <v>7.2860299820989622</v>
      </c>
      <c r="K3802">
        <f t="shared" si="428"/>
        <v>0.58111601474584929</v>
      </c>
      <c r="L3802">
        <f t="shared" si="429"/>
        <v>0.29055800737292464</v>
      </c>
      <c r="M3802">
        <f t="shared" si="430"/>
        <v>0</v>
      </c>
      <c r="N3802" s="45">
        <f t="shared" si="431"/>
        <v>45083.999999990861</v>
      </c>
    </row>
    <row r="3803" spans="2:14" x14ac:dyDescent="0.25">
      <c r="B3803">
        <f t="shared" si="425"/>
        <v>3</v>
      </c>
      <c r="C3803" s="16">
        <v>3769</v>
      </c>
      <c r="D3803" cm="1">
        <f t="array" ref="D3803">IFERROR(INDEX(Jesper!AH$2:AH$366,ROUNDDOWN($C3803/24,0)+1,1)*INDEX($D$3:$AA$30,INDEX(Jesper!$R$2:$R$366,ROW(INDEX(Jesper!AH$2:AH$366,ROUNDDOWN($C3803/24,0)+1,1))-1)+IF('Standard Profiles'!$G$18=$B$10,7,0)+IF('Standard Profiles'!$G$18=$B$17,14,0)+IF('Standard Profiles'!$G$18=$B$24,21,0),MOD($C3803,24)+1)/SUM(INDEX($D$3:$AA$30,INDEX(Jesper!$R$2:$R$366,ROW(INDEX(Jesper!AH$2:AH$366,ROUNDDOWN($C3803/24,0)+1,1))-1)+IF('Standard Profiles'!$G$18=$B$10,7,0)+IF('Standard Profiles'!$G$18=$B$17,14,0)+IF('Standard Profiles'!$G$18=$B$24,21,0),0)),0)</f>
        <v>5.4479626382423367</v>
      </c>
      <c r="E3803" cm="1">
        <f t="array" ref="E3803">IFERROR(INDEX(Jesper!AI$2:AI$366,ROUNDDOWN($C3803/24,0)+1,1)*INDEX($D$3:$AA$30,INDEX(Jesper!$R$2:$R$366,ROW(INDEX(Jesper!AI$2:AI$366,ROUNDDOWN($C3803/24,0)+1,1))-1)+IF('Standard Profiles'!$G$19=$B$10,7,0)+IF('Standard Profiles'!$G$19=$B$17,14,0)+IF('Standard Profiles'!$G$19=$B$24,21,0),MOD($C3803,24)+1)/SUM(INDEX($D$3:$AA$30,INDEX(Jesper!$R$2:$R$366,ROW(INDEX(Jesper!AI$2:AI$366,ROUNDDOWN($C3803/24,0)+1,1))-1)+IF('Standard Profiles'!$G$19=$B$10,7,0)+IF('Standard Profiles'!$G$19=$B$17,14,0)+IF('Standard Profiles'!$G$19=$B$24,21,0),0)),0)</f>
        <v>2.4579026670778195</v>
      </c>
      <c r="F3803" cm="1">
        <f t="array" ref="F3803">IFERROR(INDEX(Jesper!AJ$2:AJ$366,ROUNDDOWN($C3803/24,0)+1,1)*INDEX($D$3:$AA$30,INDEX(Jesper!$R$2:$R$366,ROW(INDEX(Jesper!AJ$2:AJ$366,ROUNDDOWN($C3803/24,0)+1,1))-1)+IF('Standard Profiles'!$G$20=$B$10,7,0)+IF('Standard Profiles'!$G$20=$B$17,14,0)+IF('Standard Profiles'!$G$20=$B$24,21,0),MOD($C3803,24)+1)/SUM(INDEX($D$3:$AA$30,INDEX(Jesper!$R$2:$R$366,ROW(INDEX(Jesper!AJ$2:AJ$366,ROUNDDOWN($C3803/24,0)+1,1))-1)+IF('Standard Profiles'!$G$20=$B$10,7,0)+IF('Standard Profiles'!$G$20=$B$17,14,0)+IF('Standard Profiles'!$G$20=$B$24,21,0),0)),0)</f>
        <v>0</v>
      </c>
      <c r="G3803" cm="1">
        <f t="array" ref="G3803">IFERROR(INDEX(Jesper!AK$2:AK$366,ROUNDDOWN($C3803/24,0)+1,1)*INDEX($D$3:$AA$30,INDEX(Jesper!$R$2:$R$366,ROW(INDEX(Jesper!AK$2:AK$366,ROUNDDOWN($C3803/24,0)+1,1))-1)+IF('Standard Profiles'!$G$21=$B$10,7,0)+IF('Standard Profiles'!$G$21=$B$17,14,0)+IF('Standard Profiles'!$G$21=$B$24,21,0),MOD($C3803,24)+1)/SUM(INDEX($D$3:$AA$30,INDEX(Jesper!$R$2:$R$366,ROW(INDEX(Jesper!AK$2:AK$366,ROUNDDOWN($C3803/24,0)+1,1))-1)+IF('Standard Profiles'!$G$21=$B$10,7,0)+IF('Standard Profiles'!$G$21=$B$17,14,0)+IF('Standard Profiles'!$G$21=$B$24,21,0),0)),0)</f>
        <v>0.48430519018765378</v>
      </c>
      <c r="H3803" cm="1">
        <f t="array" ref="H3803">IFERROR(INDEX(Jesper!AL$2:AL$366,ROUNDDOWN($C3803/24,0)+1,1)*INDEX($D$3:$AA$30,INDEX(Jesper!$R$2:$R$366,ROW(INDEX(Jesper!AL$2:AL$366,ROUNDDOWN($C3803/24,0)+1,1))-1)+IF('Standard Profiles'!$G$22=$B$10,7,0)+IF('Standard Profiles'!$G$22=$B$17,14,0)+IF('Standard Profiles'!$G$22=$B$24,21,0),MOD($C3803,24)+1)/SUM(INDEX($D$3:$AA$30,INDEX(Jesper!$R$2:$R$366,ROW(INDEX(Jesper!AL$2:AL$366,ROUNDDOWN($C3803/24,0)+1,1))-1)+IF('Standard Profiles'!$G$22=$B$10,7,0)+IF('Standard Profiles'!$G$22=$B$17,14,0)+IF('Standard Profiles'!$G$22=$B$24,21,0),0)),0)</f>
        <v>0</v>
      </c>
      <c r="I3803">
        <f t="shared" si="426"/>
        <v>0.23246649129007368</v>
      </c>
      <c r="J3803">
        <f t="shared" si="427"/>
        <v>7.2860299820989622</v>
      </c>
      <c r="K3803">
        <f t="shared" si="428"/>
        <v>0.58111601474584929</v>
      </c>
      <c r="L3803">
        <f t="shared" si="429"/>
        <v>0.29055800737292464</v>
      </c>
      <c r="M3803">
        <f t="shared" si="430"/>
        <v>0</v>
      </c>
      <c r="N3803" s="45">
        <f t="shared" si="431"/>
        <v>45084.041666657526</v>
      </c>
    </row>
    <row r="3804" spans="2:14" x14ac:dyDescent="0.25">
      <c r="B3804">
        <f t="shared" si="425"/>
        <v>3</v>
      </c>
      <c r="C3804" s="16">
        <v>3770</v>
      </c>
      <c r="D3804" cm="1">
        <f t="array" ref="D3804">IFERROR(INDEX(Jesper!AH$2:AH$366,ROUNDDOWN($C3804/24,0)+1,1)*INDEX($D$3:$AA$30,INDEX(Jesper!$R$2:$R$366,ROW(INDEX(Jesper!AH$2:AH$366,ROUNDDOWN($C3804/24,0)+1,1))-1)+IF('Standard Profiles'!$G$18=$B$10,7,0)+IF('Standard Profiles'!$G$18=$B$17,14,0)+IF('Standard Profiles'!$G$18=$B$24,21,0),MOD($C3804,24)+1)/SUM(INDEX($D$3:$AA$30,INDEX(Jesper!$R$2:$R$366,ROW(INDEX(Jesper!AH$2:AH$366,ROUNDDOWN($C3804/24,0)+1,1))-1)+IF('Standard Profiles'!$G$18=$B$10,7,0)+IF('Standard Profiles'!$G$18=$B$17,14,0)+IF('Standard Profiles'!$G$18=$B$24,21,0),0)),0)</f>
        <v>5.4479626382423367</v>
      </c>
      <c r="E3804" cm="1">
        <f t="array" ref="E3804">IFERROR(INDEX(Jesper!AI$2:AI$366,ROUNDDOWN($C3804/24,0)+1,1)*INDEX($D$3:$AA$30,INDEX(Jesper!$R$2:$R$366,ROW(INDEX(Jesper!AI$2:AI$366,ROUNDDOWN($C3804/24,0)+1,1))-1)+IF('Standard Profiles'!$G$19=$B$10,7,0)+IF('Standard Profiles'!$G$19=$B$17,14,0)+IF('Standard Profiles'!$G$19=$B$24,21,0),MOD($C3804,24)+1)/SUM(INDEX($D$3:$AA$30,INDEX(Jesper!$R$2:$R$366,ROW(INDEX(Jesper!AI$2:AI$366,ROUNDDOWN($C3804/24,0)+1,1))-1)+IF('Standard Profiles'!$G$19=$B$10,7,0)+IF('Standard Profiles'!$G$19=$B$17,14,0)+IF('Standard Profiles'!$G$19=$B$24,21,0),0)),0)</f>
        <v>2.4579026670778195</v>
      </c>
      <c r="F3804" cm="1">
        <f t="array" ref="F3804">IFERROR(INDEX(Jesper!AJ$2:AJ$366,ROUNDDOWN($C3804/24,0)+1,1)*INDEX($D$3:$AA$30,INDEX(Jesper!$R$2:$R$366,ROW(INDEX(Jesper!AJ$2:AJ$366,ROUNDDOWN($C3804/24,0)+1,1))-1)+IF('Standard Profiles'!$G$20=$B$10,7,0)+IF('Standard Profiles'!$G$20=$B$17,14,0)+IF('Standard Profiles'!$G$20=$B$24,21,0),MOD($C3804,24)+1)/SUM(INDEX($D$3:$AA$30,INDEX(Jesper!$R$2:$R$366,ROW(INDEX(Jesper!AJ$2:AJ$366,ROUNDDOWN($C3804/24,0)+1,1))-1)+IF('Standard Profiles'!$G$20=$B$10,7,0)+IF('Standard Profiles'!$G$20=$B$17,14,0)+IF('Standard Profiles'!$G$20=$B$24,21,0),0)),0)</f>
        <v>0</v>
      </c>
      <c r="G3804" cm="1">
        <f t="array" ref="G3804">IFERROR(INDEX(Jesper!AK$2:AK$366,ROUNDDOWN($C3804/24,0)+1,1)*INDEX($D$3:$AA$30,INDEX(Jesper!$R$2:$R$366,ROW(INDEX(Jesper!AK$2:AK$366,ROUNDDOWN($C3804/24,0)+1,1))-1)+IF('Standard Profiles'!$G$21=$B$10,7,0)+IF('Standard Profiles'!$G$21=$B$17,14,0)+IF('Standard Profiles'!$G$21=$B$24,21,0),MOD($C3804,24)+1)/SUM(INDEX($D$3:$AA$30,INDEX(Jesper!$R$2:$R$366,ROW(INDEX(Jesper!AK$2:AK$366,ROUNDDOWN($C3804/24,0)+1,1))-1)+IF('Standard Profiles'!$G$21=$B$10,7,0)+IF('Standard Profiles'!$G$21=$B$17,14,0)+IF('Standard Profiles'!$G$21=$B$24,21,0),0)),0)</f>
        <v>0.48430519018765378</v>
      </c>
      <c r="H3804" cm="1">
        <f t="array" ref="H3804">IFERROR(INDEX(Jesper!AL$2:AL$366,ROUNDDOWN($C3804/24,0)+1,1)*INDEX($D$3:$AA$30,INDEX(Jesper!$R$2:$R$366,ROW(INDEX(Jesper!AL$2:AL$366,ROUNDDOWN($C3804/24,0)+1,1))-1)+IF('Standard Profiles'!$G$22=$B$10,7,0)+IF('Standard Profiles'!$G$22=$B$17,14,0)+IF('Standard Profiles'!$G$22=$B$24,21,0),MOD($C3804,24)+1)/SUM(INDEX($D$3:$AA$30,INDEX(Jesper!$R$2:$R$366,ROW(INDEX(Jesper!AL$2:AL$366,ROUNDDOWN($C3804/24,0)+1,1))-1)+IF('Standard Profiles'!$G$22=$B$10,7,0)+IF('Standard Profiles'!$G$22=$B$17,14,0)+IF('Standard Profiles'!$G$22=$B$24,21,0),0)),0)</f>
        <v>0</v>
      </c>
      <c r="I3804">
        <f t="shared" si="426"/>
        <v>0.23246649129007368</v>
      </c>
      <c r="J3804">
        <f t="shared" si="427"/>
        <v>7.2860299820989622</v>
      </c>
      <c r="K3804">
        <f t="shared" si="428"/>
        <v>0.58111601474584929</v>
      </c>
      <c r="L3804">
        <f t="shared" si="429"/>
        <v>0.29055800737292464</v>
      </c>
      <c r="M3804">
        <f t="shared" si="430"/>
        <v>0</v>
      </c>
      <c r="N3804" s="45">
        <f t="shared" si="431"/>
        <v>45084.08333332419</v>
      </c>
    </row>
    <row r="3805" spans="2:14" x14ac:dyDescent="0.25">
      <c r="B3805">
        <f t="shared" si="425"/>
        <v>3</v>
      </c>
      <c r="C3805" s="16">
        <v>3771</v>
      </c>
      <c r="D3805" cm="1">
        <f t="array" ref="D3805">IFERROR(INDEX(Jesper!AH$2:AH$366,ROUNDDOWN($C3805/24,0)+1,1)*INDEX($D$3:$AA$30,INDEX(Jesper!$R$2:$R$366,ROW(INDEX(Jesper!AH$2:AH$366,ROUNDDOWN($C3805/24,0)+1,1))-1)+IF('Standard Profiles'!$G$18=$B$10,7,0)+IF('Standard Profiles'!$G$18=$B$17,14,0)+IF('Standard Profiles'!$G$18=$B$24,21,0),MOD($C3805,24)+1)/SUM(INDEX($D$3:$AA$30,INDEX(Jesper!$R$2:$R$366,ROW(INDEX(Jesper!AH$2:AH$366,ROUNDDOWN($C3805/24,0)+1,1))-1)+IF('Standard Profiles'!$G$18=$B$10,7,0)+IF('Standard Profiles'!$G$18=$B$17,14,0)+IF('Standard Profiles'!$G$18=$B$24,21,0),0)),0)</f>
        <v>5.4479626382423367</v>
      </c>
      <c r="E3805" cm="1">
        <f t="array" ref="E3805">IFERROR(INDEX(Jesper!AI$2:AI$366,ROUNDDOWN($C3805/24,0)+1,1)*INDEX($D$3:$AA$30,INDEX(Jesper!$R$2:$R$366,ROW(INDEX(Jesper!AI$2:AI$366,ROUNDDOWN($C3805/24,0)+1,1))-1)+IF('Standard Profiles'!$G$19=$B$10,7,0)+IF('Standard Profiles'!$G$19=$B$17,14,0)+IF('Standard Profiles'!$G$19=$B$24,21,0),MOD($C3805,24)+1)/SUM(INDEX($D$3:$AA$30,INDEX(Jesper!$R$2:$R$366,ROW(INDEX(Jesper!AI$2:AI$366,ROUNDDOWN($C3805/24,0)+1,1))-1)+IF('Standard Profiles'!$G$19=$B$10,7,0)+IF('Standard Profiles'!$G$19=$B$17,14,0)+IF('Standard Profiles'!$G$19=$B$24,21,0),0)),0)</f>
        <v>2.4579026670778195</v>
      </c>
      <c r="F3805" cm="1">
        <f t="array" ref="F3805">IFERROR(INDEX(Jesper!AJ$2:AJ$366,ROUNDDOWN($C3805/24,0)+1,1)*INDEX($D$3:$AA$30,INDEX(Jesper!$R$2:$R$366,ROW(INDEX(Jesper!AJ$2:AJ$366,ROUNDDOWN($C3805/24,0)+1,1))-1)+IF('Standard Profiles'!$G$20=$B$10,7,0)+IF('Standard Profiles'!$G$20=$B$17,14,0)+IF('Standard Profiles'!$G$20=$B$24,21,0),MOD($C3805,24)+1)/SUM(INDEX($D$3:$AA$30,INDEX(Jesper!$R$2:$R$366,ROW(INDEX(Jesper!AJ$2:AJ$366,ROUNDDOWN($C3805/24,0)+1,1))-1)+IF('Standard Profiles'!$G$20=$B$10,7,0)+IF('Standard Profiles'!$G$20=$B$17,14,0)+IF('Standard Profiles'!$G$20=$B$24,21,0),0)),0)</f>
        <v>0</v>
      </c>
      <c r="G3805" cm="1">
        <f t="array" ref="G3805">IFERROR(INDEX(Jesper!AK$2:AK$366,ROUNDDOWN($C3805/24,0)+1,1)*INDEX($D$3:$AA$30,INDEX(Jesper!$R$2:$R$366,ROW(INDEX(Jesper!AK$2:AK$366,ROUNDDOWN($C3805/24,0)+1,1))-1)+IF('Standard Profiles'!$G$21=$B$10,7,0)+IF('Standard Profiles'!$G$21=$B$17,14,0)+IF('Standard Profiles'!$G$21=$B$24,21,0),MOD($C3805,24)+1)/SUM(INDEX($D$3:$AA$30,INDEX(Jesper!$R$2:$R$366,ROW(INDEX(Jesper!AK$2:AK$366,ROUNDDOWN($C3805/24,0)+1,1))-1)+IF('Standard Profiles'!$G$21=$B$10,7,0)+IF('Standard Profiles'!$G$21=$B$17,14,0)+IF('Standard Profiles'!$G$21=$B$24,21,0),0)),0)</f>
        <v>0.48430519018765378</v>
      </c>
      <c r="H3805" cm="1">
        <f t="array" ref="H3805">IFERROR(INDEX(Jesper!AL$2:AL$366,ROUNDDOWN($C3805/24,0)+1,1)*INDEX($D$3:$AA$30,INDEX(Jesper!$R$2:$R$366,ROW(INDEX(Jesper!AL$2:AL$366,ROUNDDOWN($C3805/24,0)+1,1))-1)+IF('Standard Profiles'!$G$22=$B$10,7,0)+IF('Standard Profiles'!$G$22=$B$17,14,0)+IF('Standard Profiles'!$G$22=$B$24,21,0),MOD($C3805,24)+1)/SUM(INDEX($D$3:$AA$30,INDEX(Jesper!$R$2:$R$366,ROW(INDEX(Jesper!AL$2:AL$366,ROUNDDOWN($C3805/24,0)+1,1))-1)+IF('Standard Profiles'!$G$22=$B$10,7,0)+IF('Standard Profiles'!$G$22=$B$17,14,0)+IF('Standard Profiles'!$G$22=$B$24,21,0),0)),0)</f>
        <v>0</v>
      </c>
      <c r="I3805">
        <f t="shared" si="426"/>
        <v>0.23246649129007368</v>
      </c>
      <c r="J3805">
        <f t="shared" si="427"/>
        <v>7.2860299820989622</v>
      </c>
      <c r="K3805">
        <f t="shared" si="428"/>
        <v>0.58111601474584929</v>
      </c>
      <c r="L3805">
        <f t="shared" si="429"/>
        <v>0.29055800737292464</v>
      </c>
      <c r="M3805">
        <f t="shared" si="430"/>
        <v>0</v>
      </c>
      <c r="N3805" s="45">
        <f t="shared" si="431"/>
        <v>45084.124999990854</v>
      </c>
    </row>
    <row r="3806" spans="2:14" x14ac:dyDescent="0.25">
      <c r="B3806">
        <f t="shared" si="425"/>
        <v>3</v>
      </c>
      <c r="C3806" s="16">
        <v>3772</v>
      </c>
      <c r="D3806" cm="1">
        <f t="array" ref="D3806">IFERROR(INDEX(Jesper!AH$2:AH$366,ROUNDDOWN($C3806/24,0)+1,1)*INDEX($D$3:$AA$30,INDEX(Jesper!$R$2:$R$366,ROW(INDEX(Jesper!AH$2:AH$366,ROUNDDOWN($C3806/24,0)+1,1))-1)+IF('Standard Profiles'!$G$18=$B$10,7,0)+IF('Standard Profiles'!$G$18=$B$17,14,0)+IF('Standard Profiles'!$G$18=$B$24,21,0),MOD($C3806,24)+1)/SUM(INDEX($D$3:$AA$30,INDEX(Jesper!$R$2:$R$366,ROW(INDEX(Jesper!AH$2:AH$366,ROUNDDOWN($C3806/24,0)+1,1))-1)+IF('Standard Profiles'!$G$18=$B$10,7,0)+IF('Standard Profiles'!$G$18=$B$17,14,0)+IF('Standard Profiles'!$G$18=$B$24,21,0),0)),0)</f>
        <v>5.4479626382423367</v>
      </c>
      <c r="E3806" cm="1">
        <f t="array" ref="E3806">IFERROR(INDEX(Jesper!AI$2:AI$366,ROUNDDOWN($C3806/24,0)+1,1)*INDEX($D$3:$AA$30,INDEX(Jesper!$R$2:$R$366,ROW(INDEX(Jesper!AI$2:AI$366,ROUNDDOWN($C3806/24,0)+1,1))-1)+IF('Standard Profiles'!$G$19=$B$10,7,0)+IF('Standard Profiles'!$G$19=$B$17,14,0)+IF('Standard Profiles'!$G$19=$B$24,21,0),MOD($C3806,24)+1)/SUM(INDEX($D$3:$AA$30,INDEX(Jesper!$R$2:$R$366,ROW(INDEX(Jesper!AI$2:AI$366,ROUNDDOWN($C3806/24,0)+1,1))-1)+IF('Standard Profiles'!$G$19=$B$10,7,0)+IF('Standard Profiles'!$G$19=$B$17,14,0)+IF('Standard Profiles'!$G$19=$B$24,21,0),0)),0)</f>
        <v>2.4579026670778195</v>
      </c>
      <c r="F3806" cm="1">
        <f t="array" ref="F3806">IFERROR(INDEX(Jesper!AJ$2:AJ$366,ROUNDDOWN($C3806/24,0)+1,1)*INDEX($D$3:$AA$30,INDEX(Jesper!$R$2:$R$366,ROW(INDEX(Jesper!AJ$2:AJ$366,ROUNDDOWN($C3806/24,0)+1,1))-1)+IF('Standard Profiles'!$G$20=$B$10,7,0)+IF('Standard Profiles'!$G$20=$B$17,14,0)+IF('Standard Profiles'!$G$20=$B$24,21,0),MOD($C3806,24)+1)/SUM(INDEX($D$3:$AA$30,INDEX(Jesper!$R$2:$R$366,ROW(INDEX(Jesper!AJ$2:AJ$366,ROUNDDOWN($C3806/24,0)+1,1))-1)+IF('Standard Profiles'!$G$20=$B$10,7,0)+IF('Standard Profiles'!$G$20=$B$17,14,0)+IF('Standard Profiles'!$G$20=$B$24,21,0),0)),0)</f>
        <v>0</v>
      </c>
      <c r="G3806" cm="1">
        <f t="array" ref="G3806">IFERROR(INDEX(Jesper!AK$2:AK$366,ROUNDDOWN($C3806/24,0)+1,1)*INDEX($D$3:$AA$30,INDEX(Jesper!$R$2:$R$366,ROW(INDEX(Jesper!AK$2:AK$366,ROUNDDOWN($C3806/24,0)+1,1))-1)+IF('Standard Profiles'!$G$21=$B$10,7,0)+IF('Standard Profiles'!$G$21=$B$17,14,0)+IF('Standard Profiles'!$G$21=$B$24,21,0),MOD($C3806,24)+1)/SUM(INDEX($D$3:$AA$30,INDEX(Jesper!$R$2:$R$366,ROW(INDEX(Jesper!AK$2:AK$366,ROUNDDOWN($C3806/24,0)+1,1))-1)+IF('Standard Profiles'!$G$21=$B$10,7,0)+IF('Standard Profiles'!$G$21=$B$17,14,0)+IF('Standard Profiles'!$G$21=$B$24,21,0),0)),0)</f>
        <v>0.48430519018765378</v>
      </c>
      <c r="H3806" cm="1">
        <f t="array" ref="H3806">IFERROR(INDEX(Jesper!AL$2:AL$366,ROUNDDOWN($C3806/24,0)+1,1)*INDEX($D$3:$AA$30,INDEX(Jesper!$R$2:$R$366,ROW(INDEX(Jesper!AL$2:AL$366,ROUNDDOWN($C3806/24,0)+1,1))-1)+IF('Standard Profiles'!$G$22=$B$10,7,0)+IF('Standard Profiles'!$G$22=$B$17,14,0)+IF('Standard Profiles'!$G$22=$B$24,21,0),MOD($C3806,24)+1)/SUM(INDEX($D$3:$AA$30,INDEX(Jesper!$R$2:$R$366,ROW(INDEX(Jesper!AL$2:AL$366,ROUNDDOWN($C3806/24,0)+1,1))-1)+IF('Standard Profiles'!$G$22=$B$10,7,0)+IF('Standard Profiles'!$G$22=$B$17,14,0)+IF('Standard Profiles'!$G$22=$B$24,21,0),0)),0)</f>
        <v>0</v>
      </c>
      <c r="I3806">
        <f t="shared" si="426"/>
        <v>0.23246649129007368</v>
      </c>
      <c r="J3806">
        <f t="shared" si="427"/>
        <v>7.2860299820989622</v>
      </c>
      <c r="K3806">
        <f t="shared" si="428"/>
        <v>0.58111601474584929</v>
      </c>
      <c r="L3806">
        <f t="shared" si="429"/>
        <v>0.29055800737292464</v>
      </c>
      <c r="M3806">
        <f t="shared" si="430"/>
        <v>0</v>
      </c>
      <c r="N3806" s="45">
        <f t="shared" si="431"/>
        <v>45084.166666657518</v>
      </c>
    </row>
    <row r="3807" spans="2:14" x14ac:dyDescent="0.25">
      <c r="B3807">
        <f t="shared" si="425"/>
        <v>3</v>
      </c>
      <c r="C3807" s="16">
        <v>3773</v>
      </c>
      <c r="D3807" cm="1">
        <f t="array" ref="D3807">IFERROR(INDEX(Jesper!AH$2:AH$366,ROUNDDOWN($C3807/24,0)+1,1)*INDEX($D$3:$AA$30,INDEX(Jesper!$R$2:$R$366,ROW(INDEX(Jesper!AH$2:AH$366,ROUNDDOWN($C3807/24,0)+1,1))-1)+IF('Standard Profiles'!$G$18=$B$10,7,0)+IF('Standard Profiles'!$G$18=$B$17,14,0)+IF('Standard Profiles'!$G$18=$B$24,21,0),MOD($C3807,24)+1)/SUM(INDEX($D$3:$AA$30,INDEX(Jesper!$R$2:$R$366,ROW(INDEX(Jesper!AH$2:AH$366,ROUNDDOWN($C3807/24,0)+1,1))-1)+IF('Standard Profiles'!$G$18=$B$10,7,0)+IF('Standard Profiles'!$G$18=$B$17,14,0)+IF('Standard Profiles'!$G$18=$B$24,21,0),0)),0)</f>
        <v>5.4479626382423367</v>
      </c>
      <c r="E3807" cm="1">
        <f t="array" ref="E3807">IFERROR(INDEX(Jesper!AI$2:AI$366,ROUNDDOWN($C3807/24,0)+1,1)*INDEX($D$3:$AA$30,INDEX(Jesper!$R$2:$R$366,ROW(INDEX(Jesper!AI$2:AI$366,ROUNDDOWN($C3807/24,0)+1,1))-1)+IF('Standard Profiles'!$G$19=$B$10,7,0)+IF('Standard Profiles'!$G$19=$B$17,14,0)+IF('Standard Profiles'!$G$19=$B$24,21,0),MOD($C3807,24)+1)/SUM(INDEX($D$3:$AA$30,INDEX(Jesper!$R$2:$R$366,ROW(INDEX(Jesper!AI$2:AI$366,ROUNDDOWN($C3807/24,0)+1,1))-1)+IF('Standard Profiles'!$G$19=$B$10,7,0)+IF('Standard Profiles'!$G$19=$B$17,14,0)+IF('Standard Profiles'!$G$19=$B$24,21,0),0)),0)</f>
        <v>2.4579026670778195</v>
      </c>
      <c r="F3807" cm="1">
        <f t="array" ref="F3807">IFERROR(INDEX(Jesper!AJ$2:AJ$366,ROUNDDOWN($C3807/24,0)+1,1)*INDEX($D$3:$AA$30,INDEX(Jesper!$R$2:$R$366,ROW(INDEX(Jesper!AJ$2:AJ$366,ROUNDDOWN($C3807/24,0)+1,1))-1)+IF('Standard Profiles'!$G$20=$B$10,7,0)+IF('Standard Profiles'!$G$20=$B$17,14,0)+IF('Standard Profiles'!$G$20=$B$24,21,0),MOD($C3807,24)+1)/SUM(INDEX($D$3:$AA$30,INDEX(Jesper!$R$2:$R$366,ROW(INDEX(Jesper!AJ$2:AJ$366,ROUNDDOWN($C3807/24,0)+1,1))-1)+IF('Standard Profiles'!$G$20=$B$10,7,0)+IF('Standard Profiles'!$G$20=$B$17,14,0)+IF('Standard Profiles'!$G$20=$B$24,21,0),0)),0)</f>
        <v>0</v>
      </c>
      <c r="G3807" cm="1">
        <f t="array" ref="G3807">IFERROR(INDEX(Jesper!AK$2:AK$366,ROUNDDOWN($C3807/24,0)+1,1)*INDEX($D$3:$AA$30,INDEX(Jesper!$R$2:$R$366,ROW(INDEX(Jesper!AK$2:AK$366,ROUNDDOWN($C3807/24,0)+1,1))-1)+IF('Standard Profiles'!$G$21=$B$10,7,0)+IF('Standard Profiles'!$G$21=$B$17,14,0)+IF('Standard Profiles'!$G$21=$B$24,21,0),MOD($C3807,24)+1)/SUM(INDEX($D$3:$AA$30,INDEX(Jesper!$R$2:$R$366,ROW(INDEX(Jesper!AK$2:AK$366,ROUNDDOWN($C3807/24,0)+1,1))-1)+IF('Standard Profiles'!$G$21=$B$10,7,0)+IF('Standard Profiles'!$G$21=$B$17,14,0)+IF('Standard Profiles'!$G$21=$B$24,21,0),0)),0)</f>
        <v>0.48430519018765378</v>
      </c>
      <c r="H3807" cm="1">
        <f t="array" ref="H3807">IFERROR(INDEX(Jesper!AL$2:AL$366,ROUNDDOWN($C3807/24,0)+1,1)*INDEX($D$3:$AA$30,INDEX(Jesper!$R$2:$R$366,ROW(INDEX(Jesper!AL$2:AL$366,ROUNDDOWN($C3807/24,0)+1,1))-1)+IF('Standard Profiles'!$G$22=$B$10,7,0)+IF('Standard Profiles'!$G$22=$B$17,14,0)+IF('Standard Profiles'!$G$22=$B$24,21,0),MOD($C3807,24)+1)/SUM(INDEX($D$3:$AA$30,INDEX(Jesper!$R$2:$R$366,ROW(INDEX(Jesper!AL$2:AL$366,ROUNDDOWN($C3807/24,0)+1,1))-1)+IF('Standard Profiles'!$G$22=$B$10,7,0)+IF('Standard Profiles'!$G$22=$B$17,14,0)+IF('Standard Profiles'!$G$22=$B$24,21,0),0)),0)</f>
        <v>0</v>
      </c>
      <c r="I3807">
        <f t="shared" si="426"/>
        <v>0.23246649129007368</v>
      </c>
      <c r="J3807">
        <f t="shared" si="427"/>
        <v>7.2860299820989622</v>
      </c>
      <c r="K3807">
        <f t="shared" si="428"/>
        <v>0.58111601474584929</v>
      </c>
      <c r="L3807">
        <f t="shared" si="429"/>
        <v>0.29055800737292464</v>
      </c>
      <c r="M3807">
        <f t="shared" si="430"/>
        <v>0</v>
      </c>
      <c r="N3807" s="45">
        <f t="shared" si="431"/>
        <v>45084.208333324183</v>
      </c>
    </row>
    <row r="3808" spans="2:14" x14ac:dyDescent="0.25">
      <c r="B3808">
        <f t="shared" si="425"/>
        <v>3</v>
      </c>
      <c r="C3808" s="16">
        <v>3774</v>
      </c>
      <c r="D3808" cm="1">
        <f t="array" ref="D3808">IFERROR(INDEX(Jesper!AH$2:AH$366,ROUNDDOWN($C3808/24,0)+1,1)*INDEX($D$3:$AA$30,INDEX(Jesper!$R$2:$R$366,ROW(INDEX(Jesper!AH$2:AH$366,ROUNDDOWN($C3808/24,0)+1,1))-1)+IF('Standard Profiles'!$G$18=$B$10,7,0)+IF('Standard Profiles'!$G$18=$B$17,14,0)+IF('Standard Profiles'!$G$18=$B$24,21,0),MOD($C3808,24)+1)/SUM(INDEX($D$3:$AA$30,INDEX(Jesper!$R$2:$R$366,ROW(INDEX(Jesper!AH$2:AH$366,ROUNDDOWN($C3808/24,0)+1,1))-1)+IF('Standard Profiles'!$G$18=$B$10,7,0)+IF('Standard Profiles'!$G$18=$B$17,14,0)+IF('Standard Profiles'!$G$18=$B$24,21,0),0)),0)</f>
        <v>5.4479626382423367</v>
      </c>
      <c r="E3808" cm="1">
        <f t="array" ref="E3808">IFERROR(INDEX(Jesper!AI$2:AI$366,ROUNDDOWN($C3808/24,0)+1,1)*INDEX($D$3:$AA$30,INDEX(Jesper!$R$2:$R$366,ROW(INDEX(Jesper!AI$2:AI$366,ROUNDDOWN($C3808/24,0)+1,1))-1)+IF('Standard Profiles'!$G$19=$B$10,7,0)+IF('Standard Profiles'!$G$19=$B$17,14,0)+IF('Standard Profiles'!$G$19=$B$24,21,0),MOD($C3808,24)+1)/SUM(INDEX($D$3:$AA$30,INDEX(Jesper!$R$2:$R$366,ROW(INDEX(Jesper!AI$2:AI$366,ROUNDDOWN($C3808/24,0)+1,1))-1)+IF('Standard Profiles'!$G$19=$B$10,7,0)+IF('Standard Profiles'!$G$19=$B$17,14,0)+IF('Standard Profiles'!$G$19=$B$24,21,0),0)),0)</f>
        <v>2.4579026670778195</v>
      </c>
      <c r="F3808" cm="1">
        <f t="array" ref="F3808">IFERROR(INDEX(Jesper!AJ$2:AJ$366,ROUNDDOWN($C3808/24,0)+1,1)*INDEX($D$3:$AA$30,INDEX(Jesper!$R$2:$R$366,ROW(INDEX(Jesper!AJ$2:AJ$366,ROUNDDOWN($C3808/24,0)+1,1))-1)+IF('Standard Profiles'!$G$20=$B$10,7,0)+IF('Standard Profiles'!$G$20=$B$17,14,0)+IF('Standard Profiles'!$G$20=$B$24,21,0),MOD($C3808,24)+1)/SUM(INDEX($D$3:$AA$30,INDEX(Jesper!$R$2:$R$366,ROW(INDEX(Jesper!AJ$2:AJ$366,ROUNDDOWN($C3808/24,0)+1,1))-1)+IF('Standard Profiles'!$G$20=$B$10,7,0)+IF('Standard Profiles'!$G$20=$B$17,14,0)+IF('Standard Profiles'!$G$20=$B$24,21,0),0)),0)</f>
        <v>0</v>
      </c>
      <c r="G3808" cm="1">
        <f t="array" ref="G3808">IFERROR(INDEX(Jesper!AK$2:AK$366,ROUNDDOWN($C3808/24,0)+1,1)*INDEX($D$3:$AA$30,INDEX(Jesper!$R$2:$R$366,ROW(INDEX(Jesper!AK$2:AK$366,ROUNDDOWN($C3808/24,0)+1,1))-1)+IF('Standard Profiles'!$G$21=$B$10,7,0)+IF('Standard Profiles'!$G$21=$B$17,14,0)+IF('Standard Profiles'!$G$21=$B$24,21,0),MOD($C3808,24)+1)/SUM(INDEX($D$3:$AA$30,INDEX(Jesper!$R$2:$R$366,ROW(INDEX(Jesper!AK$2:AK$366,ROUNDDOWN($C3808/24,0)+1,1))-1)+IF('Standard Profiles'!$G$21=$B$10,7,0)+IF('Standard Profiles'!$G$21=$B$17,14,0)+IF('Standard Profiles'!$G$21=$B$24,21,0),0)),0)</f>
        <v>0.48430519018765378</v>
      </c>
      <c r="H3808" cm="1">
        <f t="array" ref="H3808">IFERROR(INDEX(Jesper!AL$2:AL$366,ROUNDDOWN($C3808/24,0)+1,1)*INDEX($D$3:$AA$30,INDEX(Jesper!$R$2:$R$366,ROW(INDEX(Jesper!AL$2:AL$366,ROUNDDOWN($C3808/24,0)+1,1))-1)+IF('Standard Profiles'!$G$22=$B$10,7,0)+IF('Standard Profiles'!$G$22=$B$17,14,0)+IF('Standard Profiles'!$G$22=$B$24,21,0),MOD($C3808,24)+1)/SUM(INDEX($D$3:$AA$30,INDEX(Jesper!$R$2:$R$366,ROW(INDEX(Jesper!AL$2:AL$366,ROUNDDOWN($C3808/24,0)+1,1))-1)+IF('Standard Profiles'!$G$22=$B$10,7,0)+IF('Standard Profiles'!$G$22=$B$17,14,0)+IF('Standard Profiles'!$G$22=$B$24,21,0),0)),0)</f>
        <v>0</v>
      </c>
      <c r="I3808">
        <f t="shared" si="426"/>
        <v>0.23246649129007368</v>
      </c>
      <c r="J3808">
        <f t="shared" si="427"/>
        <v>7.2860299820989622</v>
      </c>
      <c r="K3808">
        <f t="shared" si="428"/>
        <v>0.58111601474584929</v>
      </c>
      <c r="L3808">
        <f t="shared" si="429"/>
        <v>0.29055800737292464</v>
      </c>
      <c r="M3808">
        <f t="shared" si="430"/>
        <v>0</v>
      </c>
      <c r="N3808" s="45">
        <f t="shared" si="431"/>
        <v>45084.249999990847</v>
      </c>
    </row>
    <row r="3809" spans="2:14" x14ac:dyDescent="0.25">
      <c r="B3809">
        <f t="shared" si="425"/>
        <v>3</v>
      </c>
      <c r="C3809" s="16">
        <v>3775</v>
      </c>
      <c r="D3809" cm="1">
        <f t="array" ref="D3809">IFERROR(INDEX(Jesper!AH$2:AH$366,ROUNDDOWN($C3809/24,0)+1,1)*INDEX($D$3:$AA$30,INDEX(Jesper!$R$2:$R$366,ROW(INDEX(Jesper!AH$2:AH$366,ROUNDDOWN($C3809/24,0)+1,1))-1)+IF('Standard Profiles'!$G$18=$B$10,7,0)+IF('Standard Profiles'!$G$18=$B$17,14,0)+IF('Standard Profiles'!$G$18=$B$24,21,0),MOD($C3809,24)+1)/SUM(INDEX($D$3:$AA$30,INDEX(Jesper!$R$2:$R$366,ROW(INDEX(Jesper!AH$2:AH$366,ROUNDDOWN($C3809/24,0)+1,1))-1)+IF('Standard Profiles'!$G$18=$B$10,7,0)+IF('Standard Profiles'!$G$18=$B$17,14,0)+IF('Standard Profiles'!$G$18=$B$24,21,0),0)),0)</f>
        <v>22.270610906027009</v>
      </c>
      <c r="E3809" cm="1">
        <f t="array" ref="E3809">IFERROR(INDEX(Jesper!AI$2:AI$366,ROUNDDOWN($C3809/24,0)+1,1)*INDEX($D$3:$AA$30,INDEX(Jesper!$R$2:$R$366,ROW(INDEX(Jesper!AI$2:AI$366,ROUNDDOWN($C3809/24,0)+1,1))-1)+IF('Standard Profiles'!$G$19=$B$10,7,0)+IF('Standard Profiles'!$G$19=$B$17,14,0)+IF('Standard Profiles'!$G$19=$B$24,21,0),MOD($C3809,24)+1)/SUM(INDEX($D$3:$AA$30,INDEX(Jesper!$R$2:$R$366,ROW(INDEX(Jesper!AI$2:AI$366,ROUNDDOWN($C3809/24,0)+1,1))-1)+IF('Standard Profiles'!$G$19=$B$10,7,0)+IF('Standard Profiles'!$G$19=$B$17,14,0)+IF('Standard Profiles'!$G$19=$B$24,21,0),0)),0)</f>
        <v>10.047608175418116</v>
      </c>
      <c r="F3809" cm="1">
        <f t="array" ref="F3809">IFERROR(INDEX(Jesper!AJ$2:AJ$366,ROUNDDOWN($C3809/24,0)+1,1)*INDEX($D$3:$AA$30,INDEX(Jesper!$R$2:$R$366,ROW(INDEX(Jesper!AJ$2:AJ$366,ROUNDDOWN($C3809/24,0)+1,1))-1)+IF('Standard Profiles'!$G$20=$B$10,7,0)+IF('Standard Profiles'!$G$20=$B$17,14,0)+IF('Standard Profiles'!$G$20=$B$24,21,0),MOD($C3809,24)+1)/SUM(INDEX($D$3:$AA$30,INDEX(Jesper!$R$2:$R$366,ROW(INDEX(Jesper!AJ$2:AJ$366,ROUNDDOWN($C3809/24,0)+1,1))-1)+IF('Standard Profiles'!$G$20=$B$10,7,0)+IF('Standard Profiles'!$G$20=$B$17,14,0)+IF('Standard Profiles'!$G$20=$B$24,21,0),0)),0)</f>
        <v>0</v>
      </c>
      <c r="G3809" cm="1">
        <f t="array" ref="G3809">IFERROR(INDEX(Jesper!AK$2:AK$366,ROUNDDOWN($C3809/24,0)+1,1)*INDEX($D$3:$AA$30,INDEX(Jesper!$R$2:$R$366,ROW(INDEX(Jesper!AK$2:AK$366,ROUNDDOWN($C3809/24,0)+1,1))-1)+IF('Standard Profiles'!$G$21=$B$10,7,0)+IF('Standard Profiles'!$G$21=$B$17,14,0)+IF('Standard Profiles'!$G$21=$B$24,21,0),MOD($C3809,24)+1)/SUM(INDEX($D$3:$AA$30,INDEX(Jesper!$R$2:$R$366,ROW(INDEX(Jesper!AK$2:AK$366,ROUNDDOWN($C3809/24,0)+1,1))-1)+IF('Standard Profiles'!$G$21=$B$10,7,0)+IF('Standard Profiles'!$G$21=$B$17,14,0)+IF('Standard Profiles'!$G$21=$B$24,21,0),0)),0)</f>
        <v>1.3342607989669861</v>
      </c>
      <c r="H3809" cm="1">
        <f t="array" ref="H3809">IFERROR(INDEX(Jesper!AL$2:AL$366,ROUNDDOWN($C3809/24,0)+1,1)*INDEX($D$3:$AA$30,INDEX(Jesper!$R$2:$R$366,ROW(INDEX(Jesper!AL$2:AL$366,ROUNDDOWN($C3809/24,0)+1,1))-1)+IF('Standard Profiles'!$G$22=$B$10,7,0)+IF('Standard Profiles'!$G$22=$B$17,14,0)+IF('Standard Profiles'!$G$22=$B$24,21,0),MOD($C3809,24)+1)/SUM(INDEX($D$3:$AA$30,INDEX(Jesper!$R$2:$R$366,ROW(INDEX(Jesper!AL$2:AL$366,ROUNDDOWN($C3809/24,0)+1,1))-1)+IF('Standard Profiles'!$G$22=$B$10,7,0)+IF('Standard Profiles'!$G$22=$B$17,14,0)+IF('Standard Profiles'!$G$22=$B$24,21,0),0)),0)</f>
        <v>0</v>
      </c>
      <c r="I3809">
        <f t="shared" si="426"/>
        <v>0.64044518350415303</v>
      </c>
      <c r="J3809">
        <f t="shared" si="427"/>
        <v>29.448736951943633</v>
      </c>
      <c r="K3809">
        <f t="shared" si="428"/>
        <v>2.3755318299762145</v>
      </c>
      <c r="L3809">
        <f t="shared" si="429"/>
        <v>1.1877659149881072</v>
      </c>
      <c r="M3809">
        <f t="shared" si="430"/>
        <v>0</v>
      </c>
      <c r="N3809" s="45">
        <f t="shared" si="431"/>
        <v>45084.291666657511</v>
      </c>
    </row>
    <row r="3810" spans="2:14" x14ac:dyDescent="0.25">
      <c r="B3810">
        <f t="shared" si="425"/>
        <v>3</v>
      </c>
      <c r="C3810" s="16">
        <v>3776</v>
      </c>
      <c r="D3810" cm="1">
        <f t="array" ref="D3810">IFERROR(INDEX(Jesper!AH$2:AH$366,ROUNDDOWN($C3810/24,0)+1,1)*INDEX($D$3:$AA$30,INDEX(Jesper!$R$2:$R$366,ROW(INDEX(Jesper!AH$2:AH$366,ROUNDDOWN($C3810/24,0)+1,1))-1)+IF('Standard Profiles'!$G$18=$B$10,7,0)+IF('Standard Profiles'!$G$18=$B$17,14,0)+IF('Standard Profiles'!$G$18=$B$24,21,0),MOD($C3810,24)+1)/SUM(INDEX($D$3:$AA$30,INDEX(Jesper!$R$2:$R$366,ROW(INDEX(Jesper!AH$2:AH$366,ROUNDDOWN($C3810/24,0)+1,1))-1)+IF('Standard Profiles'!$G$18=$B$10,7,0)+IF('Standard Profiles'!$G$18=$B$17,14,0)+IF('Standard Profiles'!$G$18=$B$24,21,0),0)),0)</f>
        <v>24.849313221461713</v>
      </c>
      <c r="E3810" cm="1">
        <f t="array" ref="E3810">IFERROR(INDEX(Jesper!AI$2:AI$366,ROUNDDOWN($C3810/24,0)+1,1)*INDEX($D$3:$AA$30,INDEX(Jesper!$R$2:$R$366,ROW(INDEX(Jesper!AI$2:AI$366,ROUNDDOWN($C3810/24,0)+1,1))-1)+IF('Standard Profiles'!$G$19=$B$10,7,0)+IF('Standard Profiles'!$G$19=$B$17,14,0)+IF('Standard Profiles'!$G$19=$B$24,21,0),MOD($C3810,24)+1)/SUM(INDEX($D$3:$AA$30,INDEX(Jesper!$R$2:$R$366,ROW(INDEX(Jesper!AI$2:AI$366,ROUNDDOWN($C3810/24,0)+1,1))-1)+IF('Standard Profiles'!$G$19=$B$10,7,0)+IF('Standard Profiles'!$G$19=$B$17,14,0)+IF('Standard Profiles'!$G$19=$B$24,21,0),0)),0)</f>
        <v>11.211015437834952</v>
      </c>
      <c r="F3810" cm="1">
        <f t="array" ref="F3810">IFERROR(INDEX(Jesper!AJ$2:AJ$366,ROUNDDOWN($C3810/24,0)+1,1)*INDEX($D$3:$AA$30,INDEX(Jesper!$R$2:$R$366,ROW(INDEX(Jesper!AJ$2:AJ$366,ROUNDDOWN($C3810/24,0)+1,1))-1)+IF('Standard Profiles'!$G$20=$B$10,7,0)+IF('Standard Profiles'!$G$20=$B$17,14,0)+IF('Standard Profiles'!$G$20=$B$24,21,0),MOD($C3810,24)+1)/SUM(INDEX($D$3:$AA$30,INDEX(Jesper!$R$2:$R$366,ROW(INDEX(Jesper!AJ$2:AJ$366,ROUNDDOWN($C3810/24,0)+1,1))-1)+IF('Standard Profiles'!$G$20=$B$10,7,0)+IF('Standard Profiles'!$G$20=$B$17,14,0)+IF('Standard Profiles'!$G$20=$B$24,21,0),0)),0)</f>
        <v>0</v>
      </c>
      <c r="G3810" cm="1">
        <f t="array" ref="G3810">IFERROR(INDEX(Jesper!AK$2:AK$366,ROUNDDOWN($C3810/24,0)+1,1)*INDEX($D$3:$AA$30,INDEX(Jesper!$R$2:$R$366,ROW(INDEX(Jesper!AK$2:AK$366,ROUNDDOWN($C3810/24,0)+1,1))-1)+IF('Standard Profiles'!$G$21=$B$10,7,0)+IF('Standard Profiles'!$G$21=$B$17,14,0)+IF('Standard Profiles'!$G$21=$B$24,21,0),MOD($C3810,24)+1)/SUM(INDEX($D$3:$AA$30,INDEX(Jesper!$R$2:$R$366,ROW(INDEX(Jesper!AK$2:AK$366,ROUNDDOWN($C3810/24,0)+1,1))-1)+IF('Standard Profiles'!$G$21=$B$10,7,0)+IF('Standard Profiles'!$G$21=$B$17,14,0)+IF('Standard Profiles'!$G$21=$B$24,21,0),0)),0)</f>
        <v>1.4887541546368477</v>
      </c>
      <c r="H3810" cm="1">
        <f t="array" ref="H3810">IFERROR(INDEX(Jesper!AL$2:AL$366,ROUNDDOWN($C3810/24,0)+1,1)*INDEX($D$3:$AA$30,INDEX(Jesper!$R$2:$R$366,ROW(INDEX(Jesper!AL$2:AL$366,ROUNDDOWN($C3810/24,0)+1,1))-1)+IF('Standard Profiles'!$G$22=$B$10,7,0)+IF('Standard Profiles'!$G$22=$B$17,14,0)+IF('Standard Profiles'!$G$22=$B$24,21,0),MOD($C3810,24)+1)/SUM(INDEX($D$3:$AA$30,INDEX(Jesper!$R$2:$R$366,ROW(INDEX(Jesper!AL$2:AL$366,ROUNDDOWN($C3810/24,0)+1,1))-1)+IF('Standard Profiles'!$G$22=$B$10,7,0)+IF('Standard Profiles'!$G$22=$B$17,14,0)+IF('Standard Profiles'!$G$22=$B$24,21,0),0)),0)</f>
        <v>0</v>
      </c>
      <c r="I3810">
        <f t="shared" si="426"/>
        <v>0.71460199422568649</v>
      </c>
      <c r="J3810">
        <f t="shared" si="427"/>
        <v>32.858590704273951</v>
      </c>
      <c r="K3810">
        <f t="shared" si="428"/>
        <v>2.6505934102892494</v>
      </c>
      <c r="L3810">
        <f t="shared" si="429"/>
        <v>1.3252967051446247</v>
      </c>
      <c r="M3810">
        <f t="shared" si="430"/>
        <v>0</v>
      </c>
      <c r="N3810" s="45">
        <f t="shared" si="431"/>
        <v>45084.333333324175</v>
      </c>
    </row>
    <row r="3811" spans="2:14" x14ac:dyDescent="0.25">
      <c r="B3811">
        <f t="shared" ref="B3811:B3874" si="432">WEEKDAY(N3811,2)</f>
        <v>3</v>
      </c>
      <c r="C3811" s="16">
        <v>3777</v>
      </c>
      <c r="D3811" cm="1">
        <f t="array" ref="D3811">IFERROR(INDEX(Jesper!AH$2:AH$366,ROUNDDOWN($C3811/24,0)+1,1)*INDEX($D$3:$AA$30,INDEX(Jesper!$R$2:$R$366,ROW(INDEX(Jesper!AH$2:AH$366,ROUNDDOWN($C3811/24,0)+1,1))-1)+IF('Standard Profiles'!$G$18=$B$10,7,0)+IF('Standard Profiles'!$G$18=$B$17,14,0)+IF('Standard Profiles'!$G$18=$B$24,21,0),MOD($C3811,24)+1)/SUM(INDEX($D$3:$AA$30,INDEX(Jesper!$R$2:$R$366,ROW(INDEX(Jesper!AH$2:AH$366,ROUNDDOWN($C3811/24,0)+1,1))-1)+IF('Standard Profiles'!$G$18=$B$10,7,0)+IF('Standard Profiles'!$G$18=$B$17,14,0)+IF('Standard Profiles'!$G$18=$B$24,21,0),0)),0)</f>
        <v>27.428015536896424</v>
      </c>
      <c r="E3811" cm="1">
        <f t="array" ref="E3811">IFERROR(INDEX(Jesper!AI$2:AI$366,ROUNDDOWN($C3811/24,0)+1,1)*INDEX($D$3:$AA$30,INDEX(Jesper!$R$2:$R$366,ROW(INDEX(Jesper!AI$2:AI$366,ROUNDDOWN($C3811/24,0)+1,1))-1)+IF('Standard Profiles'!$G$19=$B$10,7,0)+IF('Standard Profiles'!$G$19=$B$17,14,0)+IF('Standard Profiles'!$G$19=$B$24,21,0),MOD($C3811,24)+1)/SUM(INDEX($D$3:$AA$30,INDEX(Jesper!$R$2:$R$366,ROW(INDEX(Jesper!AI$2:AI$366,ROUNDDOWN($C3811/24,0)+1,1))-1)+IF('Standard Profiles'!$G$19=$B$10,7,0)+IF('Standard Profiles'!$G$19=$B$17,14,0)+IF('Standard Profiles'!$G$19=$B$24,21,0),0)),0)</f>
        <v>12.374422700251788</v>
      </c>
      <c r="F3811" cm="1">
        <f t="array" ref="F3811">IFERROR(INDEX(Jesper!AJ$2:AJ$366,ROUNDDOWN($C3811/24,0)+1,1)*INDEX($D$3:$AA$30,INDEX(Jesper!$R$2:$R$366,ROW(INDEX(Jesper!AJ$2:AJ$366,ROUNDDOWN($C3811/24,0)+1,1))-1)+IF('Standard Profiles'!$G$20=$B$10,7,0)+IF('Standard Profiles'!$G$20=$B$17,14,0)+IF('Standard Profiles'!$G$20=$B$24,21,0),MOD($C3811,24)+1)/SUM(INDEX($D$3:$AA$30,INDEX(Jesper!$R$2:$R$366,ROW(INDEX(Jesper!AJ$2:AJ$366,ROUNDDOWN($C3811/24,0)+1,1))-1)+IF('Standard Profiles'!$G$20=$B$10,7,0)+IF('Standard Profiles'!$G$20=$B$17,14,0)+IF('Standard Profiles'!$G$20=$B$24,21,0),0)),0)</f>
        <v>0</v>
      </c>
      <c r="G3811" cm="1">
        <f t="array" ref="G3811">IFERROR(INDEX(Jesper!AK$2:AK$366,ROUNDDOWN($C3811/24,0)+1,1)*INDEX($D$3:$AA$30,INDEX(Jesper!$R$2:$R$366,ROW(INDEX(Jesper!AK$2:AK$366,ROUNDDOWN($C3811/24,0)+1,1))-1)+IF('Standard Profiles'!$G$21=$B$10,7,0)+IF('Standard Profiles'!$G$21=$B$17,14,0)+IF('Standard Profiles'!$G$21=$B$24,21,0),MOD($C3811,24)+1)/SUM(INDEX($D$3:$AA$30,INDEX(Jesper!$R$2:$R$366,ROW(INDEX(Jesper!AK$2:AK$366,ROUNDDOWN($C3811/24,0)+1,1))-1)+IF('Standard Profiles'!$G$21=$B$10,7,0)+IF('Standard Profiles'!$G$21=$B$17,14,0)+IF('Standard Profiles'!$G$21=$B$24,21,0),0)),0)</f>
        <v>1.6432475103067092</v>
      </c>
      <c r="H3811" cm="1">
        <f t="array" ref="H3811">IFERROR(INDEX(Jesper!AL$2:AL$366,ROUNDDOWN($C3811/24,0)+1,1)*INDEX($D$3:$AA$30,INDEX(Jesper!$R$2:$R$366,ROW(INDEX(Jesper!AL$2:AL$366,ROUNDDOWN($C3811/24,0)+1,1))-1)+IF('Standard Profiles'!$G$22=$B$10,7,0)+IF('Standard Profiles'!$G$22=$B$17,14,0)+IF('Standard Profiles'!$G$22=$B$24,21,0),MOD($C3811,24)+1)/SUM(INDEX($D$3:$AA$30,INDEX(Jesper!$R$2:$R$366,ROW(INDEX(Jesper!AL$2:AL$366,ROUNDDOWN($C3811/24,0)+1,1))-1)+IF('Standard Profiles'!$G$22=$B$10,7,0)+IF('Standard Profiles'!$G$22=$B$17,14,0)+IF('Standard Profiles'!$G$22=$B$24,21,0),0)),0)</f>
        <v>0</v>
      </c>
      <c r="I3811">
        <f t="shared" ref="I3811:I3874" si="433">IF($B3811&lt;6,AC$37*$D3811+AC$38*$E3811+AC$39*$F3811+AC$40*$G3811,AC$46*$D3811+AC$47*$E3811+AC$48*$F3811+AC$49*$G3811+AC$50*$H3811)</f>
        <v>0.78875880494722006</v>
      </c>
      <c r="J3811">
        <f t="shared" ref="J3811:J3874" si="434">IF($B3811&lt;6,AD$37*$D3811+AD$38*$E3811+AD$39*$F3811+AD$40*$G3811,AD$46*$D3811+AD$47*$E3811+AD$48*$F3811+AD$49*$G3811+AD$50*$H3811)</f>
        <v>36.268444456604271</v>
      </c>
      <c r="K3811">
        <f t="shared" ref="K3811:K3874" si="435">IF($B3811&lt;6,AE$37*$D3811+AE$38*$E3811+AE$39*$F3811+AE$40*$G3811,AE$46*$D3811+AE$47*$E3811+AE$48*$F3811+AE$49*$G3811+AE$50*$H3811)</f>
        <v>2.9256549906022853</v>
      </c>
      <c r="L3811">
        <f t="shared" ref="L3811:L3874" si="436">IF($B3811&lt;6,AF$37*$D3811+AF$38*$E3811+AF$39*$F3811+AF$40*$G3811,AF$46*$D3811+AF$47*$E3811+AF$48*$F3811+AF$49*$G3811+AF$50*$H3811)</f>
        <v>1.4628274953011426</v>
      </c>
      <c r="M3811">
        <f t="shared" ref="M3811:M3874" si="437">IF($B3811&lt;6,AG$37*$D3811+AG$38*$E3811+AG$39*$F3811+AG$40*$G3811,AG$46*$D3811+AG$47*$E3811+AG$48*$F3811+AG$49*$G3811+AG$50*$H3811)</f>
        <v>0</v>
      </c>
      <c r="N3811" s="45">
        <f t="shared" si="431"/>
        <v>45084.37499999084</v>
      </c>
    </row>
    <row r="3812" spans="2:14" x14ac:dyDescent="0.25">
      <c r="B3812">
        <f t="shared" si="432"/>
        <v>3</v>
      </c>
      <c r="C3812" s="16">
        <v>3778</v>
      </c>
      <c r="D3812" cm="1">
        <f t="array" ref="D3812">IFERROR(INDEX(Jesper!AH$2:AH$366,ROUNDDOWN($C3812/24,0)+1,1)*INDEX($D$3:$AA$30,INDEX(Jesper!$R$2:$R$366,ROW(INDEX(Jesper!AH$2:AH$366,ROUNDDOWN($C3812/24,0)+1,1))-1)+IF('Standard Profiles'!$G$18=$B$10,7,0)+IF('Standard Profiles'!$G$18=$B$17,14,0)+IF('Standard Profiles'!$G$18=$B$24,21,0),MOD($C3812,24)+1)/SUM(INDEX($D$3:$AA$30,INDEX(Jesper!$R$2:$R$366,ROW(INDEX(Jesper!AH$2:AH$366,ROUNDDOWN($C3812/24,0)+1,1))-1)+IF('Standard Profiles'!$G$18=$B$10,7,0)+IF('Standard Profiles'!$G$18=$B$17,14,0)+IF('Standard Profiles'!$G$18=$B$24,21,0),0)),0)</f>
        <v>27.428015536896424</v>
      </c>
      <c r="E3812" cm="1">
        <f t="array" ref="E3812">IFERROR(INDEX(Jesper!AI$2:AI$366,ROUNDDOWN($C3812/24,0)+1,1)*INDEX($D$3:$AA$30,INDEX(Jesper!$R$2:$R$366,ROW(INDEX(Jesper!AI$2:AI$366,ROUNDDOWN($C3812/24,0)+1,1))-1)+IF('Standard Profiles'!$G$19=$B$10,7,0)+IF('Standard Profiles'!$G$19=$B$17,14,0)+IF('Standard Profiles'!$G$19=$B$24,21,0),MOD($C3812,24)+1)/SUM(INDEX($D$3:$AA$30,INDEX(Jesper!$R$2:$R$366,ROW(INDEX(Jesper!AI$2:AI$366,ROUNDDOWN($C3812/24,0)+1,1))-1)+IF('Standard Profiles'!$G$19=$B$10,7,0)+IF('Standard Profiles'!$G$19=$B$17,14,0)+IF('Standard Profiles'!$G$19=$B$24,21,0),0)),0)</f>
        <v>12.374422700251788</v>
      </c>
      <c r="F3812" cm="1">
        <f t="array" ref="F3812">IFERROR(INDEX(Jesper!AJ$2:AJ$366,ROUNDDOWN($C3812/24,0)+1,1)*INDEX($D$3:$AA$30,INDEX(Jesper!$R$2:$R$366,ROW(INDEX(Jesper!AJ$2:AJ$366,ROUNDDOWN($C3812/24,0)+1,1))-1)+IF('Standard Profiles'!$G$20=$B$10,7,0)+IF('Standard Profiles'!$G$20=$B$17,14,0)+IF('Standard Profiles'!$G$20=$B$24,21,0),MOD($C3812,24)+1)/SUM(INDEX($D$3:$AA$30,INDEX(Jesper!$R$2:$R$366,ROW(INDEX(Jesper!AJ$2:AJ$366,ROUNDDOWN($C3812/24,0)+1,1))-1)+IF('Standard Profiles'!$G$20=$B$10,7,0)+IF('Standard Profiles'!$G$20=$B$17,14,0)+IF('Standard Profiles'!$G$20=$B$24,21,0),0)),0)</f>
        <v>0</v>
      </c>
      <c r="G3812" cm="1">
        <f t="array" ref="G3812">IFERROR(INDEX(Jesper!AK$2:AK$366,ROUNDDOWN($C3812/24,0)+1,1)*INDEX($D$3:$AA$30,INDEX(Jesper!$R$2:$R$366,ROW(INDEX(Jesper!AK$2:AK$366,ROUNDDOWN($C3812/24,0)+1,1))-1)+IF('Standard Profiles'!$G$21=$B$10,7,0)+IF('Standard Profiles'!$G$21=$B$17,14,0)+IF('Standard Profiles'!$G$21=$B$24,21,0),MOD($C3812,24)+1)/SUM(INDEX($D$3:$AA$30,INDEX(Jesper!$R$2:$R$366,ROW(INDEX(Jesper!AK$2:AK$366,ROUNDDOWN($C3812/24,0)+1,1))-1)+IF('Standard Profiles'!$G$21=$B$10,7,0)+IF('Standard Profiles'!$G$21=$B$17,14,0)+IF('Standard Profiles'!$G$21=$B$24,21,0),0)),0)</f>
        <v>1.6432475103067092</v>
      </c>
      <c r="H3812" cm="1">
        <f t="array" ref="H3812">IFERROR(INDEX(Jesper!AL$2:AL$366,ROUNDDOWN($C3812/24,0)+1,1)*INDEX($D$3:$AA$30,INDEX(Jesper!$R$2:$R$366,ROW(INDEX(Jesper!AL$2:AL$366,ROUNDDOWN($C3812/24,0)+1,1))-1)+IF('Standard Profiles'!$G$22=$B$10,7,0)+IF('Standard Profiles'!$G$22=$B$17,14,0)+IF('Standard Profiles'!$G$22=$B$24,21,0),MOD($C3812,24)+1)/SUM(INDEX($D$3:$AA$30,INDEX(Jesper!$R$2:$R$366,ROW(INDEX(Jesper!AL$2:AL$366,ROUNDDOWN($C3812/24,0)+1,1))-1)+IF('Standard Profiles'!$G$22=$B$10,7,0)+IF('Standard Profiles'!$G$22=$B$17,14,0)+IF('Standard Profiles'!$G$22=$B$24,21,0),0)),0)</f>
        <v>0</v>
      </c>
      <c r="I3812">
        <f t="shared" si="433"/>
        <v>0.78875880494722006</v>
      </c>
      <c r="J3812">
        <f t="shared" si="434"/>
        <v>36.268444456604271</v>
      </c>
      <c r="K3812">
        <f t="shared" si="435"/>
        <v>2.9256549906022853</v>
      </c>
      <c r="L3812">
        <f t="shared" si="436"/>
        <v>1.4628274953011426</v>
      </c>
      <c r="M3812">
        <f t="shared" si="437"/>
        <v>0</v>
      </c>
      <c r="N3812" s="45">
        <f t="shared" ref="N3812:N3875" si="438">N3811+1/24</f>
        <v>45084.416666657504</v>
      </c>
    </row>
    <row r="3813" spans="2:14" x14ac:dyDescent="0.25">
      <c r="B3813">
        <f t="shared" si="432"/>
        <v>3</v>
      </c>
      <c r="C3813" s="16">
        <v>3779</v>
      </c>
      <c r="D3813" cm="1">
        <f t="array" ref="D3813">IFERROR(INDEX(Jesper!AH$2:AH$366,ROUNDDOWN($C3813/24,0)+1,1)*INDEX($D$3:$AA$30,INDEX(Jesper!$R$2:$R$366,ROW(INDEX(Jesper!AH$2:AH$366,ROUNDDOWN($C3813/24,0)+1,1))-1)+IF('Standard Profiles'!$G$18=$B$10,7,0)+IF('Standard Profiles'!$G$18=$B$17,14,0)+IF('Standard Profiles'!$G$18=$B$24,21,0),MOD($C3813,24)+1)/SUM(INDEX($D$3:$AA$30,INDEX(Jesper!$R$2:$R$366,ROW(INDEX(Jesper!AH$2:AH$366,ROUNDDOWN($C3813/24,0)+1,1))-1)+IF('Standard Profiles'!$G$18=$B$10,7,0)+IF('Standard Profiles'!$G$18=$B$17,14,0)+IF('Standard Profiles'!$G$18=$B$24,21,0),0)),0)</f>
        <v>32.819847650987171</v>
      </c>
      <c r="E3813" cm="1">
        <f t="array" ref="E3813">IFERROR(INDEX(Jesper!AI$2:AI$366,ROUNDDOWN($C3813/24,0)+1,1)*INDEX($D$3:$AA$30,INDEX(Jesper!$R$2:$R$366,ROW(INDEX(Jesper!AI$2:AI$366,ROUNDDOWN($C3813/24,0)+1,1))-1)+IF('Standard Profiles'!$G$19=$B$10,7,0)+IF('Standard Profiles'!$G$19=$B$17,14,0)+IF('Standard Profiles'!$G$19=$B$24,21,0),MOD($C3813,24)+1)/SUM(INDEX($D$3:$AA$30,INDEX(Jesper!$R$2:$R$366,ROW(INDEX(Jesper!AI$2:AI$366,ROUNDDOWN($C3813/24,0)+1,1))-1)+IF('Standard Profiles'!$G$19=$B$10,7,0)+IF('Standard Profiles'!$G$19=$B$17,14,0)+IF('Standard Profiles'!$G$19=$B$24,21,0),0)),0)</f>
        <v>14.807001521668804</v>
      </c>
      <c r="F3813" cm="1">
        <f t="array" ref="F3813">IFERROR(INDEX(Jesper!AJ$2:AJ$366,ROUNDDOWN($C3813/24,0)+1,1)*INDEX($D$3:$AA$30,INDEX(Jesper!$R$2:$R$366,ROW(INDEX(Jesper!AJ$2:AJ$366,ROUNDDOWN($C3813/24,0)+1,1))-1)+IF('Standard Profiles'!$G$20=$B$10,7,0)+IF('Standard Profiles'!$G$20=$B$17,14,0)+IF('Standard Profiles'!$G$20=$B$24,21,0),MOD($C3813,24)+1)/SUM(INDEX($D$3:$AA$30,INDEX(Jesper!$R$2:$R$366,ROW(INDEX(Jesper!AJ$2:AJ$366,ROUNDDOWN($C3813/24,0)+1,1))-1)+IF('Standard Profiles'!$G$20=$B$10,7,0)+IF('Standard Profiles'!$G$20=$B$17,14,0)+IF('Standard Profiles'!$G$20=$B$24,21,0),0)),0)</f>
        <v>0</v>
      </c>
      <c r="G3813" cm="1">
        <f t="array" ref="G3813">IFERROR(INDEX(Jesper!AK$2:AK$366,ROUNDDOWN($C3813/24,0)+1,1)*INDEX($D$3:$AA$30,INDEX(Jesper!$R$2:$R$366,ROW(INDEX(Jesper!AK$2:AK$366,ROUNDDOWN($C3813/24,0)+1,1))-1)+IF('Standard Profiles'!$G$21=$B$10,7,0)+IF('Standard Profiles'!$G$21=$B$17,14,0)+IF('Standard Profiles'!$G$21=$B$24,21,0),MOD($C3813,24)+1)/SUM(INDEX($D$3:$AA$30,INDEX(Jesper!$R$2:$R$366,ROW(INDEX(Jesper!AK$2:AK$366,ROUNDDOWN($C3813/24,0)+1,1))-1)+IF('Standard Profiles'!$G$21=$B$10,7,0)+IF('Standard Profiles'!$G$21=$B$17,14,0)+IF('Standard Profiles'!$G$21=$B$24,21,0),0)),0)</f>
        <v>1.9662790721618741</v>
      </c>
      <c r="H3813" cm="1">
        <f t="array" ref="H3813">IFERROR(INDEX(Jesper!AL$2:AL$366,ROUNDDOWN($C3813/24,0)+1,1)*INDEX($D$3:$AA$30,INDEX(Jesper!$R$2:$R$366,ROW(INDEX(Jesper!AL$2:AL$366,ROUNDDOWN($C3813/24,0)+1,1))-1)+IF('Standard Profiles'!$G$22=$B$10,7,0)+IF('Standard Profiles'!$G$22=$B$17,14,0)+IF('Standard Profiles'!$G$22=$B$24,21,0),MOD($C3813,24)+1)/SUM(INDEX($D$3:$AA$30,INDEX(Jesper!$R$2:$R$366,ROW(INDEX(Jesper!AL$2:AL$366,ROUNDDOWN($C3813/24,0)+1,1))-1)+IF('Standard Profiles'!$G$22=$B$10,7,0)+IF('Standard Profiles'!$G$22=$B$17,14,0)+IF('Standard Profiles'!$G$22=$B$24,21,0),0)),0)</f>
        <v>0</v>
      </c>
      <c r="I3813">
        <f t="shared" si="433"/>
        <v>0.94381395463769913</v>
      </c>
      <c r="J3813">
        <f t="shared" si="434"/>
        <v>43.398138666022206</v>
      </c>
      <c r="K3813">
        <f t="shared" si="435"/>
        <v>3.5007837494386318</v>
      </c>
      <c r="L3813">
        <f t="shared" si="436"/>
        <v>1.7503918747193159</v>
      </c>
      <c r="M3813">
        <f t="shared" si="437"/>
        <v>0</v>
      </c>
      <c r="N3813" s="45">
        <f t="shared" si="438"/>
        <v>45084.458333324168</v>
      </c>
    </row>
    <row r="3814" spans="2:14" x14ac:dyDescent="0.25">
      <c r="B3814">
        <f t="shared" si="432"/>
        <v>3</v>
      </c>
      <c r="C3814" s="16">
        <v>3780</v>
      </c>
      <c r="D3814" cm="1">
        <f t="array" ref="D3814">IFERROR(INDEX(Jesper!AH$2:AH$366,ROUNDDOWN($C3814/24,0)+1,1)*INDEX($D$3:$AA$30,INDEX(Jesper!$R$2:$R$366,ROW(INDEX(Jesper!AH$2:AH$366,ROUNDDOWN($C3814/24,0)+1,1))-1)+IF('Standard Profiles'!$G$18=$B$10,7,0)+IF('Standard Profiles'!$G$18=$B$17,14,0)+IF('Standard Profiles'!$G$18=$B$24,21,0),MOD($C3814,24)+1)/SUM(INDEX($D$3:$AA$30,INDEX(Jesper!$R$2:$R$366,ROW(INDEX(Jesper!AH$2:AH$366,ROUNDDOWN($C3814/24,0)+1,1))-1)+IF('Standard Profiles'!$G$18=$B$10,7,0)+IF('Standard Profiles'!$G$18=$B$17,14,0)+IF('Standard Profiles'!$G$18=$B$24,21,0),0)),0)</f>
        <v>32.819847650987171</v>
      </c>
      <c r="E3814" cm="1">
        <f t="array" ref="E3814">IFERROR(INDEX(Jesper!AI$2:AI$366,ROUNDDOWN($C3814/24,0)+1,1)*INDEX($D$3:$AA$30,INDEX(Jesper!$R$2:$R$366,ROW(INDEX(Jesper!AI$2:AI$366,ROUNDDOWN($C3814/24,0)+1,1))-1)+IF('Standard Profiles'!$G$19=$B$10,7,0)+IF('Standard Profiles'!$G$19=$B$17,14,0)+IF('Standard Profiles'!$G$19=$B$24,21,0),MOD($C3814,24)+1)/SUM(INDEX($D$3:$AA$30,INDEX(Jesper!$R$2:$R$366,ROW(INDEX(Jesper!AI$2:AI$366,ROUNDDOWN($C3814/24,0)+1,1))-1)+IF('Standard Profiles'!$G$19=$B$10,7,0)+IF('Standard Profiles'!$G$19=$B$17,14,0)+IF('Standard Profiles'!$G$19=$B$24,21,0),0)),0)</f>
        <v>14.807001521668804</v>
      </c>
      <c r="F3814" cm="1">
        <f t="array" ref="F3814">IFERROR(INDEX(Jesper!AJ$2:AJ$366,ROUNDDOWN($C3814/24,0)+1,1)*INDEX($D$3:$AA$30,INDEX(Jesper!$R$2:$R$366,ROW(INDEX(Jesper!AJ$2:AJ$366,ROUNDDOWN($C3814/24,0)+1,1))-1)+IF('Standard Profiles'!$G$20=$B$10,7,0)+IF('Standard Profiles'!$G$20=$B$17,14,0)+IF('Standard Profiles'!$G$20=$B$24,21,0),MOD($C3814,24)+1)/SUM(INDEX($D$3:$AA$30,INDEX(Jesper!$R$2:$R$366,ROW(INDEX(Jesper!AJ$2:AJ$366,ROUNDDOWN($C3814/24,0)+1,1))-1)+IF('Standard Profiles'!$G$20=$B$10,7,0)+IF('Standard Profiles'!$G$20=$B$17,14,0)+IF('Standard Profiles'!$G$20=$B$24,21,0),0)),0)</f>
        <v>0</v>
      </c>
      <c r="G3814" cm="1">
        <f t="array" ref="G3814">IFERROR(INDEX(Jesper!AK$2:AK$366,ROUNDDOWN($C3814/24,0)+1,1)*INDEX($D$3:$AA$30,INDEX(Jesper!$R$2:$R$366,ROW(INDEX(Jesper!AK$2:AK$366,ROUNDDOWN($C3814/24,0)+1,1))-1)+IF('Standard Profiles'!$G$21=$B$10,7,0)+IF('Standard Profiles'!$G$21=$B$17,14,0)+IF('Standard Profiles'!$G$21=$B$24,21,0),MOD($C3814,24)+1)/SUM(INDEX($D$3:$AA$30,INDEX(Jesper!$R$2:$R$366,ROW(INDEX(Jesper!AK$2:AK$366,ROUNDDOWN($C3814/24,0)+1,1))-1)+IF('Standard Profiles'!$G$21=$B$10,7,0)+IF('Standard Profiles'!$G$21=$B$17,14,0)+IF('Standard Profiles'!$G$21=$B$24,21,0),0)),0)</f>
        <v>1.9662790721618741</v>
      </c>
      <c r="H3814" cm="1">
        <f t="array" ref="H3814">IFERROR(INDEX(Jesper!AL$2:AL$366,ROUNDDOWN($C3814/24,0)+1,1)*INDEX($D$3:$AA$30,INDEX(Jesper!$R$2:$R$366,ROW(INDEX(Jesper!AL$2:AL$366,ROUNDDOWN($C3814/24,0)+1,1))-1)+IF('Standard Profiles'!$G$22=$B$10,7,0)+IF('Standard Profiles'!$G$22=$B$17,14,0)+IF('Standard Profiles'!$G$22=$B$24,21,0),MOD($C3814,24)+1)/SUM(INDEX($D$3:$AA$30,INDEX(Jesper!$R$2:$R$366,ROW(INDEX(Jesper!AL$2:AL$366,ROUNDDOWN($C3814/24,0)+1,1))-1)+IF('Standard Profiles'!$G$22=$B$10,7,0)+IF('Standard Profiles'!$G$22=$B$17,14,0)+IF('Standard Profiles'!$G$22=$B$24,21,0),0)),0)</f>
        <v>0</v>
      </c>
      <c r="I3814">
        <f t="shared" si="433"/>
        <v>0.94381395463769913</v>
      </c>
      <c r="J3814">
        <f t="shared" si="434"/>
        <v>43.398138666022206</v>
      </c>
      <c r="K3814">
        <f t="shared" si="435"/>
        <v>3.5007837494386318</v>
      </c>
      <c r="L3814">
        <f t="shared" si="436"/>
        <v>1.7503918747193159</v>
      </c>
      <c r="M3814">
        <f t="shared" si="437"/>
        <v>0</v>
      </c>
      <c r="N3814" s="45">
        <f t="shared" si="438"/>
        <v>45084.499999990832</v>
      </c>
    </row>
    <row r="3815" spans="2:14" x14ac:dyDescent="0.25">
      <c r="B3815">
        <f t="shared" si="432"/>
        <v>3</v>
      </c>
      <c r="C3815" s="16">
        <v>3781</v>
      </c>
      <c r="D3815" cm="1">
        <f t="array" ref="D3815">IFERROR(INDEX(Jesper!AH$2:AH$366,ROUNDDOWN($C3815/24,0)+1,1)*INDEX($D$3:$AA$30,INDEX(Jesper!$R$2:$R$366,ROW(INDEX(Jesper!AH$2:AH$366,ROUNDDOWN($C3815/24,0)+1,1))-1)+IF('Standard Profiles'!$G$18=$B$10,7,0)+IF('Standard Profiles'!$G$18=$B$17,14,0)+IF('Standard Profiles'!$G$18=$B$24,21,0),MOD($C3815,24)+1)/SUM(INDEX($D$3:$AA$30,INDEX(Jesper!$R$2:$R$366,ROW(INDEX(Jesper!AH$2:AH$366,ROUNDDOWN($C3815/24,0)+1,1))-1)+IF('Standard Profiles'!$G$18=$B$10,7,0)+IF('Standard Profiles'!$G$18=$B$17,14,0)+IF('Standard Profiles'!$G$18=$B$24,21,0),0)),0)</f>
        <v>21.801755939584332</v>
      </c>
      <c r="E3815" cm="1">
        <f t="array" ref="E3815">IFERROR(INDEX(Jesper!AI$2:AI$366,ROUNDDOWN($C3815/24,0)+1,1)*INDEX($D$3:$AA$30,INDEX(Jesper!$R$2:$R$366,ROW(INDEX(Jesper!AI$2:AI$366,ROUNDDOWN($C3815/24,0)+1,1))-1)+IF('Standard Profiles'!$G$19=$B$10,7,0)+IF('Standard Profiles'!$G$19=$B$17,14,0)+IF('Standard Profiles'!$G$19=$B$24,21,0),MOD($C3815,24)+1)/SUM(INDEX($D$3:$AA$30,INDEX(Jesper!$R$2:$R$366,ROW(INDEX(Jesper!AI$2:AI$366,ROUNDDOWN($C3815/24,0)+1,1))-1)+IF('Standard Profiles'!$G$19=$B$10,7,0)+IF('Standard Profiles'!$G$19=$B$17,14,0)+IF('Standard Profiles'!$G$19=$B$24,21,0),0)),0)</f>
        <v>9.8360795822514184</v>
      </c>
      <c r="F3815" cm="1">
        <f t="array" ref="F3815">IFERROR(INDEX(Jesper!AJ$2:AJ$366,ROUNDDOWN($C3815/24,0)+1,1)*INDEX($D$3:$AA$30,INDEX(Jesper!$R$2:$R$366,ROW(INDEX(Jesper!AJ$2:AJ$366,ROUNDDOWN($C3815/24,0)+1,1))-1)+IF('Standard Profiles'!$G$20=$B$10,7,0)+IF('Standard Profiles'!$G$20=$B$17,14,0)+IF('Standard Profiles'!$G$20=$B$24,21,0),MOD($C3815,24)+1)/SUM(INDEX($D$3:$AA$30,INDEX(Jesper!$R$2:$R$366,ROW(INDEX(Jesper!AJ$2:AJ$366,ROUNDDOWN($C3815/24,0)+1,1))-1)+IF('Standard Profiles'!$G$20=$B$10,7,0)+IF('Standard Profiles'!$G$20=$B$17,14,0)+IF('Standard Profiles'!$G$20=$B$24,21,0),0)),0)</f>
        <v>0</v>
      </c>
      <c r="G3815" cm="1">
        <f t="array" ref="G3815">IFERROR(INDEX(Jesper!AK$2:AK$366,ROUNDDOWN($C3815/24,0)+1,1)*INDEX($D$3:$AA$30,INDEX(Jesper!$R$2:$R$366,ROW(INDEX(Jesper!AK$2:AK$366,ROUNDDOWN($C3815/24,0)+1,1))-1)+IF('Standard Profiles'!$G$21=$B$10,7,0)+IF('Standard Profiles'!$G$21=$B$17,14,0)+IF('Standard Profiles'!$G$21=$B$24,21,0),MOD($C3815,24)+1)/SUM(INDEX($D$3:$AA$30,INDEX(Jesper!$R$2:$R$366,ROW(INDEX(Jesper!AK$2:AK$366,ROUNDDOWN($C3815/24,0)+1,1))-1)+IF('Standard Profiles'!$G$21=$B$10,7,0)+IF('Standard Profiles'!$G$21=$B$17,14,0)+IF('Standard Profiles'!$G$21=$B$24,21,0),0)),0)</f>
        <v>1.3061710979361023</v>
      </c>
      <c r="H3815" cm="1">
        <f t="array" ref="H3815">IFERROR(INDEX(Jesper!AL$2:AL$366,ROUNDDOWN($C3815/24,0)+1,1)*INDEX($D$3:$AA$30,INDEX(Jesper!$R$2:$R$366,ROW(INDEX(Jesper!AL$2:AL$366,ROUNDDOWN($C3815/24,0)+1,1))-1)+IF('Standard Profiles'!$G$22=$B$10,7,0)+IF('Standard Profiles'!$G$22=$B$17,14,0)+IF('Standard Profiles'!$G$22=$B$24,21,0),MOD($C3815,24)+1)/SUM(INDEX($D$3:$AA$30,INDEX(Jesper!$R$2:$R$366,ROW(INDEX(Jesper!AL$2:AL$366,ROUNDDOWN($C3815/24,0)+1,1))-1)+IF('Standard Profiles'!$G$22=$B$10,7,0)+IF('Standard Profiles'!$G$22=$B$17,14,0)+IF('Standard Profiles'!$G$22=$B$24,21,0),0)),0)</f>
        <v>0</v>
      </c>
      <c r="I3815">
        <f t="shared" si="433"/>
        <v>0.62696212700932874</v>
      </c>
      <c r="J3815">
        <f t="shared" si="434"/>
        <v>28.82876354242903</v>
      </c>
      <c r="K3815">
        <f t="shared" si="435"/>
        <v>2.3255206335556622</v>
      </c>
      <c r="L3815">
        <f t="shared" si="436"/>
        <v>1.1627603167778311</v>
      </c>
      <c r="M3815">
        <f t="shared" si="437"/>
        <v>0</v>
      </c>
      <c r="N3815" s="45">
        <f t="shared" si="438"/>
        <v>45084.541666657497</v>
      </c>
    </row>
    <row r="3816" spans="2:14" x14ac:dyDescent="0.25">
      <c r="B3816">
        <f t="shared" si="432"/>
        <v>3</v>
      </c>
      <c r="C3816" s="16">
        <v>3782</v>
      </c>
      <c r="D3816" cm="1">
        <f t="array" ref="D3816">IFERROR(INDEX(Jesper!AH$2:AH$366,ROUNDDOWN($C3816/24,0)+1,1)*INDEX($D$3:$AA$30,INDEX(Jesper!$R$2:$R$366,ROW(INDEX(Jesper!AH$2:AH$366,ROUNDDOWN($C3816/24,0)+1,1))-1)+IF('Standard Profiles'!$G$18=$B$10,7,0)+IF('Standard Profiles'!$G$18=$B$17,14,0)+IF('Standard Profiles'!$G$18=$B$24,21,0),MOD($C3816,24)+1)/SUM(INDEX($D$3:$AA$30,INDEX(Jesper!$R$2:$R$366,ROW(INDEX(Jesper!AH$2:AH$366,ROUNDDOWN($C3816/24,0)+1,1))-1)+IF('Standard Profiles'!$G$18=$B$10,7,0)+IF('Standard Profiles'!$G$18=$B$17,14,0)+IF('Standard Profiles'!$G$18=$B$24,21,0),0)),0)</f>
        <v>32.819847650987171</v>
      </c>
      <c r="E3816" cm="1">
        <f t="array" ref="E3816">IFERROR(INDEX(Jesper!AI$2:AI$366,ROUNDDOWN($C3816/24,0)+1,1)*INDEX($D$3:$AA$30,INDEX(Jesper!$R$2:$R$366,ROW(INDEX(Jesper!AI$2:AI$366,ROUNDDOWN($C3816/24,0)+1,1))-1)+IF('Standard Profiles'!$G$19=$B$10,7,0)+IF('Standard Profiles'!$G$19=$B$17,14,0)+IF('Standard Profiles'!$G$19=$B$24,21,0),MOD($C3816,24)+1)/SUM(INDEX($D$3:$AA$30,INDEX(Jesper!$R$2:$R$366,ROW(INDEX(Jesper!AI$2:AI$366,ROUNDDOWN($C3816/24,0)+1,1))-1)+IF('Standard Profiles'!$G$19=$B$10,7,0)+IF('Standard Profiles'!$G$19=$B$17,14,0)+IF('Standard Profiles'!$G$19=$B$24,21,0),0)),0)</f>
        <v>14.807001521668804</v>
      </c>
      <c r="F3816" cm="1">
        <f t="array" ref="F3816">IFERROR(INDEX(Jesper!AJ$2:AJ$366,ROUNDDOWN($C3816/24,0)+1,1)*INDEX($D$3:$AA$30,INDEX(Jesper!$R$2:$R$366,ROW(INDEX(Jesper!AJ$2:AJ$366,ROUNDDOWN($C3816/24,0)+1,1))-1)+IF('Standard Profiles'!$G$20=$B$10,7,0)+IF('Standard Profiles'!$G$20=$B$17,14,0)+IF('Standard Profiles'!$G$20=$B$24,21,0),MOD($C3816,24)+1)/SUM(INDEX($D$3:$AA$30,INDEX(Jesper!$R$2:$R$366,ROW(INDEX(Jesper!AJ$2:AJ$366,ROUNDDOWN($C3816/24,0)+1,1))-1)+IF('Standard Profiles'!$G$20=$B$10,7,0)+IF('Standard Profiles'!$G$20=$B$17,14,0)+IF('Standard Profiles'!$G$20=$B$24,21,0),0)),0)</f>
        <v>0</v>
      </c>
      <c r="G3816" cm="1">
        <f t="array" ref="G3816">IFERROR(INDEX(Jesper!AK$2:AK$366,ROUNDDOWN($C3816/24,0)+1,1)*INDEX($D$3:$AA$30,INDEX(Jesper!$R$2:$R$366,ROW(INDEX(Jesper!AK$2:AK$366,ROUNDDOWN($C3816/24,0)+1,1))-1)+IF('Standard Profiles'!$G$21=$B$10,7,0)+IF('Standard Profiles'!$G$21=$B$17,14,0)+IF('Standard Profiles'!$G$21=$B$24,21,0),MOD($C3816,24)+1)/SUM(INDEX($D$3:$AA$30,INDEX(Jesper!$R$2:$R$366,ROW(INDEX(Jesper!AK$2:AK$366,ROUNDDOWN($C3816/24,0)+1,1))-1)+IF('Standard Profiles'!$G$21=$B$10,7,0)+IF('Standard Profiles'!$G$21=$B$17,14,0)+IF('Standard Profiles'!$G$21=$B$24,21,0),0)),0)</f>
        <v>1.9662790721618741</v>
      </c>
      <c r="H3816" cm="1">
        <f t="array" ref="H3816">IFERROR(INDEX(Jesper!AL$2:AL$366,ROUNDDOWN($C3816/24,0)+1,1)*INDEX($D$3:$AA$30,INDEX(Jesper!$R$2:$R$366,ROW(INDEX(Jesper!AL$2:AL$366,ROUNDDOWN($C3816/24,0)+1,1))-1)+IF('Standard Profiles'!$G$22=$B$10,7,0)+IF('Standard Profiles'!$G$22=$B$17,14,0)+IF('Standard Profiles'!$G$22=$B$24,21,0),MOD($C3816,24)+1)/SUM(INDEX($D$3:$AA$30,INDEX(Jesper!$R$2:$R$366,ROW(INDEX(Jesper!AL$2:AL$366,ROUNDDOWN($C3816/24,0)+1,1))-1)+IF('Standard Profiles'!$G$22=$B$10,7,0)+IF('Standard Profiles'!$G$22=$B$17,14,0)+IF('Standard Profiles'!$G$22=$B$24,21,0),0)),0)</f>
        <v>0</v>
      </c>
      <c r="I3816">
        <f t="shared" si="433"/>
        <v>0.94381395463769913</v>
      </c>
      <c r="J3816">
        <f t="shared" si="434"/>
        <v>43.398138666022206</v>
      </c>
      <c r="K3816">
        <f t="shared" si="435"/>
        <v>3.5007837494386318</v>
      </c>
      <c r="L3816">
        <f t="shared" si="436"/>
        <v>1.7503918747193159</v>
      </c>
      <c r="M3816">
        <f t="shared" si="437"/>
        <v>0</v>
      </c>
      <c r="N3816" s="45">
        <f t="shared" si="438"/>
        <v>45084.583333324161</v>
      </c>
    </row>
    <row r="3817" spans="2:14" x14ac:dyDescent="0.25">
      <c r="B3817">
        <f t="shared" si="432"/>
        <v>3</v>
      </c>
      <c r="C3817" s="16">
        <v>3783</v>
      </c>
      <c r="D3817" cm="1">
        <f t="array" ref="D3817">IFERROR(INDEX(Jesper!AH$2:AH$366,ROUNDDOWN($C3817/24,0)+1,1)*INDEX($D$3:$AA$30,INDEX(Jesper!$R$2:$R$366,ROW(INDEX(Jesper!AH$2:AH$366,ROUNDDOWN($C3817/24,0)+1,1))-1)+IF('Standard Profiles'!$G$18=$B$10,7,0)+IF('Standard Profiles'!$G$18=$B$17,14,0)+IF('Standard Profiles'!$G$18=$B$24,21,0),MOD($C3817,24)+1)/SUM(INDEX($D$3:$AA$30,INDEX(Jesper!$R$2:$R$366,ROW(INDEX(Jesper!AH$2:AH$366,ROUNDDOWN($C3817/24,0)+1,1))-1)+IF('Standard Profiles'!$G$18=$B$10,7,0)+IF('Standard Profiles'!$G$18=$B$17,14,0)+IF('Standard Profiles'!$G$18=$B$24,21,0),0)),0)</f>
        <v>32.819847650987171</v>
      </c>
      <c r="E3817" cm="1">
        <f t="array" ref="E3817">IFERROR(INDEX(Jesper!AI$2:AI$366,ROUNDDOWN($C3817/24,0)+1,1)*INDEX($D$3:$AA$30,INDEX(Jesper!$R$2:$R$366,ROW(INDEX(Jesper!AI$2:AI$366,ROUNDDOWN($C3817/24,0)+1,1))-1)+IF('Standard Profiles'!$G$19=$B$10,7,0)+IF('Standard Profiles'!$G$19=$B$17,14,0)+IF('Standard Profiles'!$G$19=$B$24,21,0),MOD($C3817,24)+1)/SUM(INDEX($D$3:$AA$30,INDEX(Jesper!$R$2:$R$366,ROW(INDEX(Jesper!AI$2:AI$366,ROUNDDOWN($C3817/24,0)+1,1))-1)+IF('Standard Profiles'!$G$19=$B$10,7,0)+IF('Standard Profiles'!$G$19=$B$17,14,0)+IF('Standard Profiles'!$G$19=$B$24,21,0),0)),0)</f>
        <v>14.807001521668804</v>
      </c>
      <c r="F3817" cm="1">
        <f t="array" ref="F3817">IFERROR(INDEX(Jesper!AJ$2:AJ$366,ROUNDDOWN($C3817/24,0)+1,1)*INDEX($D$3:$AA$30,INDEX(Jesper!$R$2:$R$366,ROW(INDEX(Jesper!AJ$2:AJ$366,ROUNDDOWN($C3817/24,0)+1,1))-1)+IF('Standard Profiles'!$G$20=$B$10,7,0)+IF('Standard Profiles'!$G$20=$B$17,14,0)+IF('Standard Profiles'!$G$20=$B$24,21,0),MOD($C3817,24)+1)/SUM(INDEX($D$3:$AA$30,INDEX(Jesper!$R$2:$R$366,ROW(INDEX(Jesper!AJ$2:AJ$366,ROUNDDOWN($C3817/24,0)+1,1))-1)+IF('Standard Profiles'!$G$20=$B$10,7,0)+IF('Standard Profiles'!$G$20=$B$17,14,0)+IF('Standard Profiles'!$G$20=$B$24,21,0),0)),0)</f>
        <v>0</v>
      </c>
      <c r="G3817" cm="1">
        <f t="array" ref="G3817">IFERROR(INDEX(Jesper!AK$2:AK$366,ROUNDDOWN($C3817/24,0)+1,1)*INDEX($D$3:$AA$30,INDEX(Jesper!$R$2:$R$366,ROW(INDEX(Jesper!AK$2:AK$366,ROUNDDOWN($C3817/24,0)+1,1))-1)+IF('Standard Profiles'!$G$21=$B$10,7,0)+IF('Standard Profiles'!$G$21=$B$17,14,0)+IF('Standard Profiles'!$G$21=$B$24,21,0),MOD($C3817,24)+1)/SUM(INDEX($D$3:$AA$30,INDEX(Jesper!$R$2:$R$366,ROW(INDEX(Jesper!AK$2:AK$366,ROUNDDOWN($C3817/24,0)+1,1))-1)+IF('Standard Profiles'!$G$21=$B$10,7,0)+IF('Standard Profiles'!$G$21=$B$17,14,0)+IF('Standard Profiles'!$G$21=$B$24,21,0),0)),0)</f>
        <v>1.9662790721618741</v>
      </c>
      <c r="H3817" cm="1">
        <f t="array" ref="H3817">IFERROR(INDEX(Jesper!AL$2:AL$366,ROUNDDOWN($C3817/24,0)+1,1)*INDEX($D$3:$AA$30,INDEX(Jesper!$R$2:$R$366,ROW(INDEX(Jesper!AL$2:AL$366,ROUNDDOWN($C3817/24,0)+1,1))-1)+IF('Standard Profiles'!$G$22=$B$10,7,0)+IF('Standard Profiles'!$G$22=$B$17,14,0)+IF('Standard Profiles'!$G$22=$B$24,21,0),MOD($C3817,24)+1)/SUM(INDEX($D$3:$AA$30,INDEX(Jesper!$R$2:$R$366,ROW(INDEX(Jesper!AL$2:AL$366,ROUNDDOWN($C3817/24,0)+1,1))-1)+IF('Standard Profiles'!$G$22=$B$10,7,0)+IF('Standard Profiles'!$G$22=$B$17,14,0)+IF('Standard Profiles'!$G$22=$B$24,21,0),0)),0)</f>
        <v>0</v>
      </c>
      <c r="I3817">
        <f t="shared" si="433"/>
        <v>0.94381395463769913</v>
      </c>
      <c r="J3817">
        <f t="shared" si="434"/>
        <v>43.398138666022206</v>
      </c>
      <c r="K3817">
        <f t="shared" si="435"/>
        <v>3.5007837494386318</v>
      </c>
      <c r="L3817">
        <f t="shared" si="436"/>
        <v>1.7503918747193159</v>
      </c>
      <c r="M3817">
        <f t="shared" si="437"/>
        <v>0</v>
      </c>
      <c r="N3817" s="45">
        <f t="shared" si="438"/>
        <v>45084.624999990825</v>
      </c>
    </row>
    <row r="3818" spans="2:14" x14ac:dyDescent="0.25">
      <c r="B3818">
        <f t="shared" si="432"/>
        <v>3</v>
      </c>
      <c r="C3818" s="16">
        <v>3784</v>
      </c>
      <c r="D3818" cm="1">
        <f t="array" ref="D3818">IFERROR(INDEX(Jesper!AH$2:AH$366,ROUNDDOWN($C3818/24,0)+1,1)*INDEX($D$3:$AA$30,INDEX(Jesper!$R$2:$R$366,ROW(INDEX(Jesper!AH$2:AH$366,ROUNDDOWN($C3818/24,0)+1,1))-1)+IF('Standard Profiles'!$G$18=$B$10,7,0)+IF('Standard Profiles'!$G$18=$B$17,14,0)+IF('Standard Profiles'!$G$18=$B$24,21,0),MOD($C3818,24)+1)/SUM(INDEX($D$3:$AA$30,INDEX(Jesper!$R$2:$R$366,ROW(INDEX(Jesper!AH$2:AH$366,ROUNDDOWN($C3818/24,0)+1,1))-1)+IF('Standard Profiles'!$G$18=$B$10,7,0)+IF('Standard Profiles'!$G$18=$B$17,14,0)+IF('Standard Profiles'!$G$18=$B$24,21,0),0)),0)</f>
        <v>19.340267365760297</v>
      </c>
      <c r="E3818" cm="1">
        <f t="array" ref="E3818">IFERROR(INDEX(Jesper!AI$2:AI$366,ROUNDDOWN($C3818/24,0)+1,1)*INDEX($D$3:$AA$30,INDEX(Jesper!$R$2:$R$366,ROW(INDEX(Jesper!AI$2:AI$366,ROUNDDOWN($C3818/24,0)+1,1))-1)+IF('Standard Profiles'!$G$19=$B$10,7,0)+IF('Standard Profiles'!$G$19=$B$17,14,0)+IF('Standard Profiles'!$G$19=$B$24,21,0),MOD($C3818,24)+1)/SUM(INDEX($D$3:$AA$30,INDEX(Jesper!$R$2:$R$366,ROW(INDEX(Jesper!AI$2:AI$366,ROUNDDOWN($C3818/24,0)+1,1))-1)+IF('Standard Profiles'!$G$19=$B$10,7,0)+IF('Standard Profiles'!$G$19=$B$17,14,0)+IF('Standard Profiles'!$G$19=$B$24,21,0),0)),0)</f>
        <v>8.7255544681262602</v>
      </c>
      <c r="F3818" cm="1">
        <f t="array" ref="F3818">IFERROR(INDEX(Jesper!AJ$2:AJ$366,ROUNDDOWN($C3818/24,0)+1,1)*INDEX($D$3:$AA$30,INDEX(Jesper!$R$2:$R$366,ROW(INDEX(Jesper!AJ$2:AJ$366,ROUNDDOWN($C3818/24,0)+1,1))-1)+IF('Standard Profiles'!$G$20=$B$10,7,0)+IF('Standard Profiles'!$G$20=$B$17,14,0)+IF('Standard Profiles'!$G$20=$B$24,21,0),MOD($C3818,24)+1)/SUM(INDEX($D$3:$AA$30,INDEX(Jesper!$R$2:$R$366,ROW(INDEX(Jesper!AJ$2:AJ$366,ROUNDDOWN($C3818/24,0)+1,1))-1)+IF('Standard Profiles'!$G$20=$B$10,7,0)+IF('Standard Profiles'!$G$20=$B$17,14,0)+IF('Standard Profiles'!$G$20=$B$24,21,0),0)),0)</f>
        <v>0</v>
      </c>
      <c r="G3818" cm="1">
        <f t="array" ref="G3818">IFERROR(INDEX(Jesper!AK$2:AK$366,ROUNDDOWN($C3818/24,0)+1,1)*INDEX($D$3:$AA$30,INDEX(Jesper!$R$2:$R$366,ROW(INDEX(Jesper!AK$2:AK$366,ROUNDDOWN($C3818/24,0)+1,1))-1)+IF('Standard Profiles'!$G$21=$B$10,7,0)+IF('Standard Profiles'!$G$21=$B$17,14,0)+IF('Standard Profiles'!$G$21=$B$24,21,0),MOD($C3818,24)+1)/SUM(INDEX($D$3:$AA$30,INDEX(Jesper!$R$2:$R$366,ROW(INDEX(Jesper!AK$2:AK$366,ROUNDDOWN($C3818/24,0)+1,1))-1)+IF('Standard Profiles'!$G$21=$B$10,7,0)+IF('Standard Profiles'!$G$21=$B$17,14,0)+IF('Standard Profiles'!$G$21=$B$24,21,0),0)),0)</f>
        <v>1.6430053577116157</v>
      </c>
      <c r="H3818" cm="1">
        <f t="array" ref="H3818">IFERROR(INDEX(Jesper!AL$2:AL$366,ROUNDDOWN($C3818/24,0)+1,1)*INDEX($D$3:$AA$30,INDEX(Jesper!$R$2:$R$366,ROW(INDEX(Jesper!AL$2:AL$366,ROUNDDOWN($C3818/24,0)+1,1))-1)+IF('Standard Profiles'!$G$22=$B$10,7,0)+IF('Standard Profiles'!$G$22=$B$17,14,0)+IF('Standard Profiles'!$G$22=$B$24,21,0),MOD($C3818,24)+1)/SUM(INDEX($D$3:$AA$30,INDEX(Jesper!$R$2:$R$366,ROW(INDEX(Jesper!AL$2:AL$366,ROUNDDOWN($C3818/24,0)+1,1))-1)+IF('Standard Profiles'!$G$22=$B$10,7,0)+IF('Standard Profiles'!$G$22=$B$17,14,0)+IF('Standard Profiles'!$G$22=$B$24,21,0),0)),0)</f>
        <v>0</v>
      </c>
      <c r="I3818">
        <f t="shared" si="433"/>
        <v>0.78864257170157515</v>
      </c>
      <c r="J3818">
        <f t="shared" si="434"/>
        <v>25.825741841374946</v>
      </c>
      <c r="K3818">
        <f t="shared" si="435"/>
        <v>2.0629618523477653</v>
      </c>
      <c r="L3818">
        <f t="shared" si="436"/>
        <v>1.0314809261738827</v>
      </c>
      <c r="M3818">
        <f t="shared" si="437"/>
        <v>0</v>
      </c>
      <c r="N3818" s="45">
        <f t="shared" si="438"/>
        <v>45084.666666657489</v>
      </c>
    </row>
    <row r="3819" spans="2:14" x14ac:dyDescent="0.25">
      <c r="B3819">
        <f t="shared" si="432"/>
        <v>3</v>
      </c>
      <c r="C3819" s="16">
        <v>3785</v>
      </c>
      <c r="D3819" cm="1">
        <f t="array" ref="D3819">IFERROR(INDEX(Jesper!AH$2:AH$366,ROUNDDOWN($C3819/24,0)+1,1)*INDEX($D$3:$AA$30,INDEX(Jesper!$R$2:$R$366,ROW(INDEX(Jesper!AH$2:AH$366,ROUNDDOWN($C3819/24,0)+1,1))-1)+IF('Standard Profiles'!$G$18=$B$10,7,0)+IF('Standard Profiles'!$G$18=$B$17,14,0)+IF('Standard Profiles'!$G$18=$B$24,21,0),MOD($C3819,24)+1)/SUM(INDEX($D$3:$AA$30,INDEX(Jesper!$R$2:$R$366,ROW(INDEX(Jesper!AH$2:AH$366,ROUNDDOWN($C3819/24,0)+1,1))-1)+IF('Standard Profiles'!$G$18=$B$10,7,0)+IF('Standard Profiles'!$G$18=$B$17,14,0)+IF('Standard Profiles'!$G$18=$B$24,21,0),0)),0)</f>
        <v>8.254488845821724</v>
      </c>
      <c r="E3819" cm="1">
        <f t="array" ref="E3819">IFERROR(INDEX(Jesper!AI$2:AI$366,ROUNDDOWN($C3819/24,0)+1,1)*INDEX($D$3:$AA$30,INDEX(Jesper!$R$2:$R$366,ROW(INDEX(Jesper!AI$2:AI$366,ROUNDDOWN($C3819/24,0)+1,1))-1)+IF('Standard Profiles'!$G$19=$B$10,7,0)+IF('Standard Profiles'!$G$19=$B$17,14,0)+IF('Standard Profiles'!$G$19=$B$24,21,0),MOD($C3819,24)+1)/SUM(INDEX($D$3:$AA$30,INDEX(Jesper!$R$2:$R$366,ROW(INDEX(Jesper!AI$2:AI$366,ROUNDDOWN($C3819/24,0)+1,1))-1)+IF('Standard Profiles'!$G$19=$B$10,7,0)+IF('Standard Profiles'!$G$19=$B$17,14,0)+IF('Standard Profiles'!$G$19=$B$24,21,0),0)),0)</f>
        <v>3.7240949501179088</v>
      </c>
      <c r="F3819" cm="1">
        <f t="array" ref="F3819">IFERROR(INDEX(Jesper!AJ$2:AJ$366,ROUNDDOWN($C3819/24,0)+1,1)*INDEX($D$3:$AA$30,INDEX(Jesper!$R$2:$R$366,ROW(INDEX(Jesper!AJ$2:AJ$366,ROUNDDOWN($C3819/24,0)+1,1))-1)+IF('Standard Profiles'!$G$20=$B$10,7,0)+IF('Standard Profiles'!$G$20=$B$17,14,0)+IF('Standard Profiles'!$G$20=$B$24,21,0),MOD($C3819,24)+1)/SUM(INDEX($D$3:$AA$30,INDEX(Jesper!$R$2:$R$366,ROW(INDEX(Jesper!AJ$2:AJ$366,ROUNDDOWN($C3819/24,0)+1,1))-1)+IF('Standard Profiles'!$G$20=$B$10,7,0)+IF('Standard Profiles'!$G$20=$B$17,14,0)+IF('Standard Profiles'!$G$20=$B$24,21,0),0)),0)</f>
        <v>0</v>
      </c>
      <c r="G3819" cm="1">
        <f t="array" ref="G3819">IFERROR(INDEX(Jesper!AK$2:AK$366,ROUNDDOWN($C3819/24,0)+1,1)*INDEX($D$3:$AA$30,INDEX(Jesper!$R$2:$R$366,ROW(INDEX(Jesper!AK$2:AK$366,ROUNDDOWN($C3819/24,0)+1,1))-1)+IF('Standard Profiles'!$G$21=$B$10,7,0)+IF('Standard Profiles'!$G$21=$B$17,14,0)+IF('Standard Profiles'!$G$21=$B$24,21,0),MOD($C3819,24)+1)/SUM(INDEX($D$3:$AA$30,INDEX(Jesper!$R$2:$R$366,ROW(INDEX(Jesper!AK$2:AK$366,ROUNDDOWN($C3819/24,0)+1,1))-1)+IF('Standard Profiles'!$G$21=$B$10,7,0)+IF('Standard Profiles'!$G$21=$B$17,14,0)+IF('Standard Profiles'!$G$21=$B$24,21,0),0)),0)</f>
        <v>1.3064132505311961</v>
      </c>
      <c r="H3819" cm="1">
        <f t="array" ref="H3819">IFERROR(INDEX(Jesper!AL$2:AL$366,ROUNDDOWN($C3819/24,0)+1,1)*INDEX($D$3:$AA$30,INDEX(Jesper!$R$2:$R$366,ROW(INDEX(Jesper!AL$2:AL$366,ROUNDDOWN($C3819/24,0)+1,1))-1)+IF('Standard Profiles'!$G$22=$B$10,7,0)+IF('Standard Profiles'!$G$22=$B$17,14,0)+IF('Standard Profiles'!$G$22=$B$24,21,0),MOD($C3819,24)+1)/SUM(INDEX($D$3:$AA$30,INDEX(Jesper!$R$2:$R$366,ROW(INDEX(Jesper!AL$2:AL$366,ROUNDDOWN($C3819/24,0)+1,1))-1)+IF('Standard Profiles'!$G$22=$B$10,7,0)+IF('Standard Profiles'!$G$22=$B$17,14,0)+IF('Standard Profiles'!$G$22=$B$24,21,0),0)),0)</f>
        <v>0</v>
      </c>
      <c r="I3819">
        <f t="shared" si="433"/>
        <v>0.62707836025497377</v>
      </c>
      <c r="J3819">
        <f t="shared" si="434"/>
        <v>11.337200470884378</v>
      </c>
      <c r="K3819">
        <f t="shared" si="435"/>
        <v>0.88047881022098395</v>
      </c>
      <c r="L3819">
        <f t="shared" si="436"/>
        <v>0.44023940511049198</v>
      </c>
      <c r="M3819">
        <f t="shared" si="437"/>
        <v>0</v>
      </c>
      <c r="N3819" s="45">
        <f t="shared" si="438"/>
        <v>45084.708333324154</v>
      </c>
    </row>
    <row r="3820" spans="2:14" x14ac:dyDescent="0.25">
      <c r="B3820">
        <f t="shared" si="432"/>
        <v>3</v>
      </c>
      <c r="C3820" s="16">
        <v>3786</v>
      </c>
      <c r="D3820" cm="1">
        <f t="array" ref="D3820">IFERROR(INDEX(Jesper!AH$2:AH$366,ROUNDDOWN($C3820/24,0)+1,1)*INDEX($D$3:$AA$30,INDEX(Jesper!$R$2:$R$366,ROW(INDEX(Jesper!AH$2:AH$366,ROUNDDOWN($C3820/24,0)+1,1))-1)+IF('Standard Profiles'!$G$18=$B$10,7,0)+IF('Standard Profiles'!$G$18=$B$17,14,0)+IF('Standard Profiles'!$G$18=$B$24,21,0),MOD($C3820,24)+1)/SUM(INDEX($D$3:$AA$30,INDEX(Jesper!$R$2:$R$366,ROW(INDEX(Jesper!AH$2:AH$366,ROUNDDOWN($C3820/24,0)+1,1))-1)+IF('Standard Profiles'!$G$18=$B$10,7,0)+IF('Standard Profiles'!$G$18=$B$17,14,0)+IF('Standard Profiles'!$G$18=$B$24,21,0),0)),0)</f>
        <v>5.4479626382423367</v>
      </c>
      <c r="E3820" cm="1">
        <f t="array" ref="E3820">IFERROR(INDEX(Jesper!AI$2:AI$366,ROUNDDOWN($C3820/24,0)+1,1)*INDEX($D$3:$AA$30,INDEX(Jesper!$R$2:$R$366,ROW(INDEX(Jesper!AI$2:AI$366,ROUNDDOWN($C3820/24,0)+1,1))-1)+IF('Standard Profiles'!$G$19=$B$10,7,0)+IF('Standard Profiles'!$G$19=$B$17,14,0)+IF('Standard Profiles'!$G$19=$B$24,21,0),MOD($C3820,24)+1)/SUM(INDEX($D$3:$AA$30,INDEX(Jesper!$R$2:$R$366,ROW(INDEX(Jesper!AI$2:AI$366,ROUNDDOWN($C3820/24,0)+1,1))-1)+IF('Standard Profiles'!$G$19=$B$10,7,0)+IF('Standard Profiles'!$G$19=$B$17,14,0)+IF('Standard Profiles'!$G$19=$B$24,21,0),0)),0)</f>
        <v>2.4579026670778195</v>
      </c>
      <c r="F3820" cm="1">
        <f t="array" ref="F3820">IFERROR(INDEX(Jesper!AJ$2:AJ$366,ROUNDDOWN($C3820/24,0)+1,1)*INDEX($D$3:$AA$30,INDEX(Jesper!$R$2:$R$366,ROW(INDEX(Jesper!AJ$2:AJ$366,ROUNDDOWN($C3820/24,0)+1,1))-1)+IF('Standard Profiles'!$G$20=$B$10,7,0)+IF('Standard Profiles'!$G$20=$B$17,14,0)+IF('Standard Profiles'!$G$20=$B$24,21,0),MOD($C3820,24)+1)/SUM(INDEX($D$3:$AA$30,INDEX(Jesper!$R$2:$R$366,ROW(INDEX(Jesper!AJ$2:AJ$366,ROUNDDOWN($C3820/24,0)+1,1))-1)+IF('Standard Profiles'!$G$20=$B$10,7,0)+IF('Standard Profiles'!$G$20=$B$17,14,0)+IF('Standard Profiles'!$G$20=$B$24,21,0),0)),0)</f>
        <v>0</v>
      </c>
      <c r="G3820" cm="1">
        <f t="array" ref="G3820">IFERROR(INDEX(Jesper!AK$2:AK$366,ROUNDDOWN($C3820/24,0)+1,1)*INDEX($D$3:$AA$30,INDEX(Jesper!$R$2:$R$366,ROW(INDEX(Jesper!AK$2:AK$366,ROUNDDOWN($C3820/24,0)+1,1))-1)+IF('Standard Profiles'!$G$21=$B$10,7,0)+IF('Standard Profiles'!$G$21=$B$17,14,0)+IF('Standard Profiles'!$G$21=$B$24,21,0),MOD($C3820,24)+1)/SUM(INDEX($D$3:$AA$30,INDEX(Jesper!$R$2:$R$366,ROW(INDEX(Jesper!AK$2:AK$366,ROUNDDOWN($C3820/24,0)+1,1))-1)+IF('Standard Profiles'!$G$21=$B$10,7,0)+IF('Standard Profiles'!$G$21=$B$17,14,0)+IF('Standard Profiles'!$G$21=$B$24,21,0),0)),0)</f>
        <v>0.48430519018765378</v>
      </c>
      <c r="H3820" cm="1">
        <f t="array" ref="H3820">IFERROR(INDEX(Jesper!AL$2:AL$366,ROUNDDOWN($C3820/24,0)+1,1)*INDEX($D$3:$AA$30,INDEX(Jesper!$R$2:$R$366,ROW(INDEX(Jesper!AL$2:AL$366,ROUNDDOWN($C3820/24,0)+1,1))-1)+IF('Standard Profiles'!$G$22=$B$10,7,0)+IF('Standard Profiles'!$G$22=$B$17,14,0)+IF('Standard Profiles'!$G$22=$B$24,21,0),MOD($C3820,24)+1)/SUM(INDEX($D$3:$AA$30,INDEX(Jesper!$R$2:$R$366,ROW(INDEX(Jesper!AL$2:AL$366,ROUNDDOWN($C3820/24,0)+1,1))-1)+IF('Standard Profiles'!$G$22=$B$10,7,0)+IF('Standard Profiles'!$G$22=$B$17,14,0)+IF('Standard Profiles'!$G$22=$B$24,21,0),0)),0)</f>
        <v>0</v>
      </c>
      <c r="I3820">
        <f t="shared" si="433"/>
        <v>0.23246649129007368</v>
      </c>
      <c r="J3820">
        <f t="shared" si="434"/>
        <v>7.2860299820989622</v>
      </c>
      <c r="K3820">
        <f t="shared" si="435"/>
        <v>0.58111601474584929</v>
      </c>
      <c r="L3820">
        <f t="shared" si="436"/>
        <v>0.29055800737292464</v>
      </c>
      <c r="M3820">
        <f t="shared" si="437"/>
        <v>0</v>
      </c>
      <c r="N3820" s="45">
        <f t="shared" si="438"/>
        <v>45084.749999990818</v>
      </c>
    </row>
    <row r="3821" spans="2:14" x14ac:dyDescent="0.25">
      <c r="B3821">
        <f t="shared" si="432"/>
        <v>3</v>
      </c>
      <c r="C3821" s="16">
        <v>3787</v>
      </c>
      <c r="D3821" cm="1">
        <f t="array" ref="D3821">IFERROR(INDEX(Jesper!AH$2:AH$366,ROUNDDOWN($C3821/24,0)+1,1)*INDEX($D$3:$AA$30,INDEX(Jesper!$R$2:$R$366,ROW(INDEX(Jesper!AH$2:AH$366,ROUNDDOWN($C3821/24,0)+1,1))-1)+IF('Standard Profiles'!$G$18=$B$10,7,0)+IF('Standard Profiles'!$G$18=$B$17,14,0)+IF('Standard Profiles'!$G$18=$B$24,21,0),MOD($C3821,24)+1)/SUM(INDEX($D$3:$AA$30,INDEX(Jesper!$R$2:$R$366,ROW(INDEX(Jesper!AH$2:AH$366,ROUNDDOWN($C3821/24,0)+1,1))-1)+IF('Standard Profiles'!$G$18=$B$10,7,0)+IF('Standard Profiles'!$G$18=$B$17,14,0)+IF('Standard Profiles'!$G$18=$B$24,21,0),0)),0)</f>
        <v>5.4479626382423367</v>
      </c>
      <c r="E3821" cm="1">
        <f t="array" ref="E3821">IFERROR(INDEX(Jesper!AI$2:AI$366,ROUNDDOWN($C3821/24,0)+1,1)*INDEX($D$3:$AA$30,INDEX(Jesper!$R$2:$R$366,ROW(INDEX(Jesper!AI$2:AI$366,ROUNDDOWN($C3821/24,0)+1,1))-1)+IF('Standard Profiles'!$G$19=$B$10,7,0)+IF('Standard Profiles'!$G$19=$B$17,14,0)+IF('Standard Profiles'!$G$19=$B$24,21,0),MOD($C3821,24)+1)/SUM(INDEX($D$3:$AA$30,INDEX(Jesper!$R$2:$R$366,ROW(INDEX(Jesper!AI$2:AI$366,ROUNDDOWN($C3821/24,0)+1,1))-1)+IF('Standard Profiles'!$G$19=$B$10,7,0)+IF('Standard Profiles'!$G$19=$B$17,14,0)+IF('Standard Profiles'!$G$19=$B$24,21,0),0)),0)</f>
        <v>2.4579026670778195</v>
      </c>
      <c r="F3821" cm="1">
        <f t="array" ref="F3821">IFERROR(INDEX(Jesper!AJ$2:AJ$366,ROUNDDOWN($C3821/24,0)+1,1)*INDEX($D$3:$AA$30,INDEX(Jesper!$R$2:$R$366,ROW(INDEX(Jesper!AJ$2:AJ$366,ROUNDDOWN($C3821/24,0)+1,1))-1)+IF('Standard Profiles'!$G$20=$B$10,7,0)+IF('Standard Profiles'!$G$20=$B$17,14,0)+IF('Standard Profiles'!$G$20=$B$24,21,0),MOD($C3821,24)+1)/SUM(INDEX($D$3:$AA$30,INDEX(Jesper!$R$2:$R$366,ROW(INDEX(Jesper!AJ$2:AJ$366,ROUNDDOWN($C3821/24,0)+1,1))-1)+IF('Standard Profiles'!$G$20=$B$10,7,0)+IF('Standard Profiles'!$G$20=$B$17,14,0)+IF('Standard Profiles'!$G$20=$B$24,21,0),0)),0)</f>
        <v>0</v>
      </c>
      <c r="G3821" cm="1">
        <f t="array" ref="G3821">IFERROR(INDEX(Jesper!AK$2:AK$366,ROUNDDOWN($C3821/24,0)+1,1)*INDEX($D$3:$AA$30,INDEX(Jesper!$R$2:$R$366,ROW(INDEX(Jesper!AK$2:AK$366,ROUNDDOWN($C3821/24,0)+1,1))-1)+IF('Standard Profiles'!$G$21=$B$10,7,0)+IF('Standard Profiles'!$G$21=$B$17,14,0)+IF('Standard Profiles'!$G$21=$B$24,21,0),MOD($C3821,24)+1)/SUM(INDEX($D$3:$AA$30,INDEX(Jesper!$R$2:$R$366,ROW(INDEX(Jesper!AK$2:AK$366,ROUNDDOWN($C3821/24,0)+1,1))-1)+IF('Standard Profiles'!$G$21=$B$10,7,0)+IF('Standard Profiles'!$G$21=$B$17,14,0)+IF('Standard Profiles'!$G$21=$B$24,21,0),0)),0)</f>
        <v>0.48430519018765378</v>
      </c>
      <c r="H3821" cm="1">
        <f t="array" ref="H3821">IFERROR(INDEX(Jesper!AL$2:AL$366,ROUNDDOWN($C3821/24,0)+1,1)*INDEX($D$3:$AA$30,INDEX(Jesper!$R$2:$R$366,ROW(INDEX(Jesper!AL$2:AL$366,ROUNDDOWN($C3821/24,0)+1,1))-1)+IF('Standard Profiles'!$G$22=$B$10,7,0)+IF('Standard Profiles'!$G$22=$B$17,14,0)+IF('Standard Profiles'!$G$22=$B$24,21,0),MOD($C3821,24)+1)/SUM(INDEX($D$3:$AA$30,INDEX(Jesper!$R$2:$R$366,ROW(INDEX(Jesper!AL$2:AL$366,ROUNDDOWN($C3821/24,0)+1,1))-1)+IF('Standard Profiles'!$G$22=$B$10,7,0)+IF('Standard Profiles'!$G$22=$B$17,14,0)+IF('Standard Profiles'!$G$22=$B$24,21,0),0)),0)</f>
        <v>0</v>
      </c>
      <c r="I3821">
        <f t="shared" si="433"/>
        <v>0.23246649129007368</v>
      </c>
      <c r="J3821">
        <f t="shared" si="434"/>
        <v>7.2860299820989622</v>
      </c>
      <c r="K3821">
        <f t="shared" si="435"/>
        <v>0.58111601474584929</v>
      </c>
      <c r="L3821">
        <f t="shared" si="436"/>
        <v>0.29055800737292464</v>
      </c>
      <c r="M3821">
        <f t="shared" si="437"/>
        <v>0</v>
      </c>
      <c r="N3821" s="45">
        <f t="shared" si="438"/>
        <v>45084.791666657482</v>
      </c>
    </row>
    <row r="3822" spans="2:14" x14ac:dyDescent="0.25">
      <c r="B3822">
        <f t="shared" si="432"/>
        <v>3</v>
      </c>
      <c r="C3822" s="16">
        <v>3788</v>
      </c>
      <c r="D3822" cm="1">
        <f t="array" ref="D3822">IFERROR(INDEX(Jesper!AH$2:AH$366,ROUNDDOWN($C3822/24,0)+1,1)*INDEX($D$3:$AA$30,INDEX(Jesper!$R$2:$R$366,ROW(INDEX(Jesper!AH$2:AH$366,ROUNDDOWN($C3822/24,0)+1,1))-1)+IF('Standard Profiles'!$G$18=$B$10,7,0)+IF('Standard Profiles'!$G$18=$B$17,14,0)+IF('Standard Profiles'!$G$18=$B$24,21,0),MOD($C3822,24)+1)/SUM(INDEX($D$3:$AA$30,INDEX(Jesper!$R$2:$R$366,ROW(INDEX(Jesper!AH$2:AH$366,ROUNDDOWN($C3822/24,0)+1,1))-1)+IF('Standard Profiles'!$G$18=$B$10,7,0)+IF('Standard Profiles'!$G$18=$B$17,14,0)+IF('Standard Profiles'!$G$18=$B$24,21,0),0)),0)</f>
        <v>5.4479626382423367</v>
      </c>
      <c r="E3822" cm="1">
        <f t="array" ref="E3822">IFERROR(INDEX(Jesper!AI$2:AI$366,ROUNDDOWN($C3822/24,0)+1,1)*INDEX($D$3:$AA$30,INDEX(Jesper!$R$2:$R$366,ROW(INDEX(Jesper!AI$2:AI$366,ROUNDDOWN($C3822/24,0)+1,1))-1)+IF('Standard Profiles'!$G$19=$B$10,7,0)+IF('Standard Profiles'!$G$19=$B$17,14,0)+IF('Standard Profiles'!$G$19=$B$24,21,0),MOD($C3822,24)+1)/SUM(INDEX($D$3:$AA$30,INDEX(Jesper!$R$2:$R$366,ROW(INDEX(Jesper!AI$2:AI$366,ROUNDDOWN($C3822/24,0)+1,1))-1)+IF('Standard Profiles'!$G$19=$B$10,7,0)+IF('Standard Profiles'!$G$19=$B$17,14,0)+IF('Standard Profiles'!$G$19=$B$24,21,0),0)),0)</f>
        <v>2.4579026670778195</v>
      </c>
      <c r="F3822" cm="1">
        <f t="array" ref="F3822">IFERROR(INDEX(Jesper!AJ$2:AJ$366,ROUNDDOWN($C3822/24,0)+1,1)*INDEX($D$3:$AA$30,INDEX(Jesper!$R$2:$R$366,ROW(INDEX(Jesper!AJ$2:AJ$366,ROUNDDOWN($C3822/24,0)+1,1))-1)+IF('Standard Profiles'!$G$20=$B$10,7,0)+IF('Standard Profiles'!$G$20=$B$17,14,0)+IF('Standard Profiles'!$G$20=$B$24,21,0),MOD($C3822,24)+1)/SUM(INDEX($D$3:$AA$30,INDEX(Jesper!$R$2:$R$366,ROW(INDEX(Jesper!AJ$2:AJ$366,ROUNDDOWN($C3822/24,0)+1,1))-1)+IF('Standard Profiles'!$G$20=$B$10,7,0)+IF('Standard Profiles'!$G$20=$B$17,14,0)+IF('Standard Profiles'!$G$20=$B$24,21,0),0)),0)</f>
        <v>0</v>
      </c>
      <c r="G3822" cm="1">
        <f t="array" ref="G3822">IFERROR(INDEX(Jesper!AK$2:AK$366,ROUNDDOWN($C3822/24,0)+1,1)*INDEX($D$3:$AA$30,INDEX(Jesper!$R$2:$R$366,ROW(INDEX(Jesper!AK$2:AK$366,ROUNDDOWN($C3822/24,0)+1,1))-1)+IF('Standard Profiles'!$G$21=$B$10,7,0)+IF('Standard Profiles'!$G$21=$B$17,14,0)+IF('Standard Profiles'!$G$21=$B$24,21,0),MOD($C3822,24)+1)/SUM(INDEX($D$3:$AA$30,INDEX(Jesper!$R$2:$R$366,ROW(INDEX(Jesper!AK$2:AK$366,ROUNDDOWN($C3822/24,0)+1,1))-1)+IF('Standard Profiles'!$G$21=$B$10,7,0)+IF('Standard Profiles'!$G$21=$B$17,14,0)+IF('Standard Profiles'!$G$21=$B$24,21,0),0)),0)</f>
        <v>0.48430519018765378</v>
      </c>
      <c r="H3822" cm="1">
        <f t="array" ref="H3822">IFERROR(INDEX(Jesper!AL$2:AL$366,ROUNDDOWN($C3822/24,0)+1,1)*INDEX($D$3:$AA$30,INDEX(Jesper!$R$2:$R$366,ROW(INDEX(Jesper!AL$2:AL$366,ROUNDDOWN($C3822/24,0)+1,1))-1)+IF('Standard Profiles'!$G$22=$B$10,7,0)+IF('Standard Profiles'!$G$22=$B$17,14,0)+IF('Standard Profiles'!$G$22=$B$24,21,0),MOD($C3822,24)+1)/SUM(INDEX($D$3:$AA$30,INDEX(Jesper!$R$2:$R$366,ROW(INDEX(Jesper!AL$2:AL$366,ROUNDDOWN($C3822/24,0)+1,1))-1)+IF('Standard Profiles'!$G$22=$B$10,7,0)+IF('Standard Profiles'!$G$22=$B$17,14,0)+IF('Standard Profiles'!$G$22=$B$24,21,0),0)),0)</f>
        <v>0</v>
      </c>
      <c r="I3822">
        <f t="shared" si="433"/>
        <v>0.23246649129007368</v>
      </c>
      <c r="J3822">
        <f t="shared" si="434"/>
        <v>7.2860299820989622</v>
      </c>
      <c r="K3822">
        <f t="shared" si="435"/>
        <v>0.58111601474584929</v>
      </c>
      <c r="L3822">
        <f t="shared" si="436"/>
        <v>0.29055800737292464</v>
      </c>
      <c r="M3822">
        <f t="shared" si="437"/>
        <v>0</v>
      </c>
      <c r="N3822" s="45">
        <f t="shared" si="438"/>
        <v>45084.833333324146</v>
      </c>
    </row>
    <row r="3823" spans="2:14" x14ac:dyDescent="0.25">
      <c r="B3823">
        <f t="shared" si="432"/>
        <v>3</v>
      </c>
      <c r="C3823" s="16">
        <v>3789</v>
      </c>
      <c r="D3823" cm="1">
        <f t="array" ref="D3823">IFERROR(INDEX(Jesper!AH$2:AH$366,ROUNDDOWN($C3823/24,0)+1,1)*INDEX($D$3:$AA$30,INDEX(Jesper!$R$2:$R$366,ROW(INDEX(Jesper!AH$2:AH$366,ROUNDDOWN($C3823/24,0)+1,1))-1)+IF('Standard Profiles'!$G$18=$B$10,7,0)+IF('Standard Profiles'!$G$18=$B$17,14,0)+IF('Standard Profiles'!$G$18=$B$24,21,0),MOD($C3823,24)+1)/SUM(INDEX($D$3:$AA$30,INDEX(Jesper!$R$2:$R$366,ROW(INDEX(Jesper!AH$2:AH$366,ROUNDDOWN($C3823/24,0)+1,1))-1)+IF('Standard Profiles'!$G$18=$B$10,7,0)+IF('Standard Profiles'!$G$18=$B$17,14,0)+IF('Standard Profiles'!$G$18=$B$24,21,0),0)),0)</f>
        <v>5.4479626382423367</v>
      </c>
      <c r="E3823" cm="1">
        <f t="array" ref="E3823">IFERROR(INDEX(Jesper!AI$2:AI$366,ROUNDDOWN($C3823/24,0)+1,1)*INDEX($D$3:$AA$30,INDEX(Jesper!$R$2:$R$366,ROW(INDEX(Jesper!AI$2:AI$366,ROUNDDOWN($C3823/24,0)+1,1))-1)+IF('Standard Profiles'!$G$19=$B$10,7,0)+IF('Standard Profiles'!$G$19=$B$17,14,0)+IF('Standard Profiles'!$G$19=$B$24,21,0),MOD($C3823,24)+1)/SUM(INDEX($D$3:$AA$30,INDEX(Jesper!$R$2:$R$366,ROW(INDEX(Jesper!AI$2:AI$366,ROUNDDOWN($C3823/24,0)+1,1))-1)+IF('Standard Profiles'!$G$19=$B$10,7,0)+IF('Standard Profiles'!$G$19=$B$17,14,0)+IF('Standard Profiles'!$G$19=$B$24,21,0),0)),0)</f>
        <v>2.4579026670778195</v>
      </c>
      <c r="F3823" cm="1">
        <f t="array" ref="F3823">IFERROR(INDEX(Jesper!AJ$2:AJ$366,ROUNDDOWN($C3823/24,0)+1,1)*INDEX($D$3:$AA$30,INDEX(Jesper!$R$2:$R$366,ROW(INDEX(Jesper!AJ$2:AJ$366,ROUNDDOWN($C3823/24,0)+1,1))-1)+IF('Standard Profiles'!$G$20=$B$10,7,0)+IF('Standard Profiles'!$G$20=$B$17,14,0)+IF('Standard Profiles'!$G$20=$B$24,21,0),MOD($C3823,24)+1)/SUM(INDEX($D$3:$AA$30,INDEX(Jesper!$R$2:$R$366,ROW(INDEX(Jesper!AJ$2:AJ$366,ROUNDDOWN($C3823/24,0)+1,1))-1)+IF('Standard Profiles'!$G$20=$B$10,7,0)+IF('Standard Profiles'!$G$20=$B$17,14,0)+IF('Standard Profiles'!$G$20=$B$24,21,0),0)),0)</f>
        <v>0</v>
      </c>
      <c r="G3823" cm="1">
        <f t="array" ref="G3823">IFERROR(INDEX(Jesper!AK$2:AK$366,ROUNDDOWN($C3823/24,0)+1,1)*INDEX($D$3:$AA$30,INDEX(Jesper!$R$2:$R$366,ROW(INDEX(Jesper!AK$2:AK$366,ROUNDDOWN($C3823/24,0)+1,1))-1)+IF('Standard Profiles'!$G$21=$B$10,7,0)+IF('Standard Profiles'!$G$21=$B$17,14,0)+IF('Standard Profiles'!$G$21=$B$24,21,0),MOD($C3823,24)+1)/SUM(INDEX($D$3:$AA$30,INDEX(Jesper!$R$2:$R$366,ROW(INDEX(Jesper!AK$2:AK$366,ROUNDDOWN($C3823/24,0)+1,1))-1)+IF('Standard Profiles'!$G$21=$B$10,7,0)+IF('Standard Profiles'!$G$21=$B$17,14,0)+IF('Standard Profiles'!$G$21=$B$24,21,0),0)),0)</f>
        <v>0.48430519018765378</v>
      </c>
      <c r="H3823" cm="1">
        <f t="array" ref="H3823">IFERROR(INDEX(Jesper!AL$2:AL$366,ROUNDDOWN($C3823/24,0)+1,1)*INDEX($D$3:$AA$30,INDEX(Jesper!$R$2:$R$366,ROW(INDEX(Jesper!AL$2:AL$366,ROUNDDOWN($C3823/24,0)+1,1))-1)+IF('Standard Profiles'!$G$22=$B$10,7,0)+IF('Standard Profiles'!$G$22=$B$17,14,0)+IF('Standard Profiles'!$G$22=$B$24,21,0),MOD($C3823,24)+1)/SUM(INDEX($D$3:$AA$30,INDEX(Jesper!$R$2:$R$366,ROW(INDEX(Jesper!AL$2:AL$366,ROUNDDOWN($C3823/24,0)+1,1))-1)+IF('Standard Profiles'!$G$22=$B$10,7,0)+IF('Standard Profiles'!$G$22=$B$17,14,0)+IF('Standard Profiles'!$G$22=$B$24,21,0),0)),0)</f>
        <v>0</v>
      </c>
      <c r="I3823">
        <f t="shared" si="433"/>
        <v>0.23246649129007368</v>
      </c>
      <c r="J3823">
        <f t="shared" si="434"/>
        <v>7.2860299820989622</v>
      </c>
      <c r="K3823">
        <f t="shared" si="435"/>
        <v>0.58111601474584929</v>
      </c>
      <c r="L3823">
        <f t="shared" si="436"/>
        <v>0.29055800737292464</v>
      </c>
      <c r="M3823">
        <f t="shared" si="437"/>
        <v>0</v>
      </c>
      <c r="N3823" s="45">
        <f t="shared" si="438"/>
        <v>45084.87499999081</v>
      </c>
    </row>
    <row r="3824" spans="2:14" x14ac:dyDescent="0.25">
      <c r="B3824">
        <f t="shared" si="432"/>
        <v>3</v>
      </c>
      <c r="C3824" s="16">
        <v>3790</v>
      </c>
      <c r="D3824" cm="1">
        <f t="array" ref="D3824">IFERROR(INDEX(Jesper!AH$2:AH$366,ROUNDDOWN($C3824/24,0)+1,1)*INDEX($D$3:$AA$30,INDEX(Jesper!$R$2:$R$366,ROW(INDEX(Jesper!AH$2:AH$366,ROUNDDOWN($C3824/24,0)+1,1))-1)+IF('Standard Profiles'!$G$18=$B$10,7,0)+IF('Standard Profiles'!$G$18=$B$17,14,0)+IF('Standard Profiles'!$G$18=$B$24,21,0),MOD($C3824,24)+1)/SUM(INDEX($D$3:$AA$30,INDEX(Jesper!$R$2:$R$366,ROW(INDEX(Jesper!AH$2:AH$366,ROUNDDOWN($C3824/24,0)+1,1))-1)+IF('Standard Profiles'!$G$18=$B$10,7,0)+IF('Standard Profiles'!$G$18=$B$17,14,0)+IF('Standard Profiles'!$G$18=$B$24,21,0),0)),0)</f>
        <v>5.4479626382423367</v>
      </c>
      <c r="E3824" cm="1">
        <f t="array" ref="E3824">IFERROR(INDEX(Jesper!AI$2:AI$366,ROUNDDOWN($C3824/24,0)+1,1)*INDEX($D$3:$AA$30,INDEX(Jesper!$R$2:$R$366,ROW(INDEX(Jesper!AI$2:AI$366,ROUNDDOWN($C3824/24,0)+1,1))-1)+IF('Standard Profiles'!$G$19=$B$10,7,0)+IF('Standard Profiles'!$G$19=$B$17,14,0)+IF('Standard Profiles'!$G$19=$B$24,21,0),MOD($C3824,24)+1)/SUM(INDEX($D$3:$AA$30,INDEX(Jesper!$R$2:$R$366,ROW(INDEX(Jesper!AI$2:AI$366,ROUNDDOWN($C3824/24,0)+1,1))-1)+IF('Standard Profiles'!$G$19=$B$10,7,0)+IF('Standard Profiles'!$G$19=$B$17,14,0)+IF('Standard Profiles'!$G$19=$B$24,21,0),0)),0)</f>
        <v>2.4579026670778195</v>
      </c>
      <c r="F3824" cm="1">
        <f t="array" ref="F3824">IFERROR(INDEX(Jesper!AJ$2:AJ$366,ROUNDDOWN($C3824/24,0)+1,1)*INDEX($D$3:$AA$30,INDEX(Jesper!$R$2:$R$366,ROW(INDEX(Jesper!AJ$2:AJ$366,ROUNDDOWN($C3824/24,0)+1,1))-1)+IF('Standard Profiles'!$G$20=$B$10,7,0)+IF('Standard Profiles'!$G$20=$B$17,14,0)+IF('Standard Profiles'!$G$20=$B$24,21,0),MOD($C3824,24)+1)/SUM(INDEX($D$3:$AA$30,INDEX(Jesper!$R$2:$R$366,ROW(INDEX(Jesper!AJ$2:AJ$366,ROUNDDOWN($C3824/24,0)+1,1))-1)+IF('Standard Profiles'!$G$20=$B$10,7,0)+IF('Standard Profiles'!$G$20=$B$17,14,0)+IF('Standard Profiles'!$G$20=$B$24,21,0),0)),0)</f>
        <v>0</v>
      </c>
      <c r="G3824" cm="1">
        <f t="array" ref="G3824">IFERROR(INDEX(Jesper!AK$2:AK$366,ROUNDDOWN($C3824/24,0)+1,1)*INDEX($D$3:$AA$30,INDEX(Jesper!$R$2:$R$366,ROW(INDEX(Jesper!AK$2:AK$366,ROUNDDOWN($C3824/24,0)+1,1))-1)+IF('Standard Profiles'!$G$21=$B$10,7,0)+IF('Standard Profiles'!$G$21=$B$17,14,0)+IF('Standard Profiles'!$G$21=$B$24,21,0),MOD($C3824,24)+1)/SUM(INDEX($D$3:$AA$30,INDEX(Jesper!$R$2:$R$366,ROW(INDEX(Jesper!AK$2:AK$366,ROUNDDOWN($C3824/24,0)+1,1))-1)+IF('Standard Profiles'!$G$21=$B$10,7,0)+IF('Standard Profiles'!$G$21=$B$17,14,0)+IF('Standard Profiles'!$G$21=$B$24,21,0),0)),0)</f>
        <v>0.48430519018765378</v>
      </c>
      <c r="H3824" cm="1">
        <f t="array" ref="H3824">IFERROR(INDEX(Jesper!AL$2:AL$366,ROUNDDOWN($C3824/24,0)+1,1)*INDEX($D$3:$AA$30,INDEX(Jesper!$R$2:$R$366,ROW(INDEX(Jesper!AL$2:AL$366,ROUNDDOWN($C3824/24,0)+1,1))-1)+IF('Standard Profiles'!$G$22=$B$10,7,0)+IF('Standard Profiles'!$G$22=$B$17,14,0)+IF('Standard Profiles'!$G$22=$B$24,21,0),MOD($C3824,24)+1)/SUM(INDEX($D$3:$AA$30,INDEX(Jesper!$R$2:$R$366,ROW(INDEX(Jesper!AL$2:AL$366,ROUNDDOWN($C3824/24,0)+1,1))-1)+IF('Standard Profiles'!$G$22=$B$10,7,0)+IF('Standard Profiles'!$G$22=$B$17,14,0)+IF('Standard Profiles'!$G$22=$B$24,21,0),0)),0)</f>
        <v>0</v>
      </c>
      <c r="I3824">
        <f t="shared" si="433"/>
        <v>0.23246649129007368</v>
      </c>
      <c r="J3824">
        <f t="shared" si="434"/>
        <v>7.2860299820989622</v>
      </c>
      <c r="K3824">
        <f t="shared" si="435"/>
        <v>0.58111601474584929</v>
      </c>
      <c r="L3824">
        <f t="shared" si="436"/>
        <v>0.29055800737292464</v>
      </c>
      <c r="M3824">
        <f t="shared" si="437"/>
        <v>0</v>
      </c>
      <c r="N3824" s="45">
        <f t="shared" si="438"/>
        <v>45084.916666657475</v>
      </c>
    </row>
    <row r="3825" spans="2:14" x14ac:dyDescent="0.25">
      <c r="B3825">
        <f t="shared" si="432"/>
        <v>3</v>
      </c>
      <c r="C3825" s="16">
        <v>3791</v>
      </c>
      <c r="D3825" cm="1">
        <f t="array" ref="D3825">IFERROR(INDEX(Jesper!AH$2:AH$366,ROUNDDOWN($C3825/24,0)+1,1)*INDEX($D$3:$AA$30,INDEX(Jesper!$R$2:$R$366,ROW(INDEX(Jesper!AH$2:AH$366,ROUNDDOWN($C3825/24,0)+1,1))-1)+IF('Standard Profiles'!$G$18=$B$10,7,0)+IF('Standard Profiles'!$G$18=$B$17,14,0)+IF('Standard Profiles'!$G$18=$B$24,21,0),MOD($C3825,24)+1)/SUM(INDEX($D$3:$AA$30,INDEX(Jesper!$R$2:$R$366,ROW(INDEX(Jesper!AH$2:AH$366,ROUNDDOWN($C3825/24,0)+1,1))-1)+IF('Standard Profiles'!$G$18=$B$10,7,0)+IF('Standard Profiles'!$G$18=$B$17,14,0)+IF('Standard Profiles'!$G$18=$B$24,21,0),0)),0)</f>
        <v>5.4479626382423367</v>
      </c>
      <c r="E3825" cm="1">
        <f t="array" ref="E3825">IFERROR(INDEX(Jesper!AI$2:AI$366,ROUNDDOWN($C3825/24,0)+1,1)*INDEX($D$3:$AA$30,INDEX(Jesper!$R$2:$R$366,ROW(INDEX(Jesper!AI$2:AI$366,ROUNDDOWN($C3825/24,0)+1,1))-1)+IF('Standard Profiles'!$G$19=$B$10,7,0)+IF('Standard Profiles'!$G$19=$B$17,14,0)+IF('Standard Profiles'!$G$19=$B$24,21,0),MOD($C3825,24)+1)/SUM(INDEX($D$3:$AA$30,INDEX(Jesper!$R$2:$R$366,ROW(INDEX(Jesper!AI$2:AI$366,ROUNDDOWN($C3825/24,0)+1,1))-1)+IF('Standard Profiles'!$G$19=$B$10,7,0)+IF('Standard Profiles'!$G$19=$B$17,14,0)+IF('Standard Profiles'!$G$19=$B$24,21,0),0)),0)</f>
        <v>2.4579026670778195</v>
      </c>
      <c r="F3825" cm="1">
        <f t="array" ref="F3825">IFERROR(INDEX(Jesper!AJ$2:AJ$366,ROUNDDOWN($C3825/24,0)+1,1)*INDEX($D$3:$AA$30,INDEX(Jesper!$R$2:$R$366,ROW(INDEX(Jesper!AJ$2:AJ$366,ROUNDDOWN($C3825/24,0)+1,1))-1)+IF('Standard Profiles'!$G$20=$B$10,7,0)+IF('Standard Profiles'!$G$20=$B$17,14,0)+IF('Standard Profiles'!$G$20=$B$24,21,0),MOD($C3825,24)+1)/SUM(INDEX($D$3:$AA$30,INDEX(Jesper!$R$2:$R$366,ROW(INDEX(Jesper!AJ$2:AJ$366,ROUNDDOWN($C3825/24,0)+1,1))-1)+IF('Standard Profiles'!$G$20=$B$10,7,0)+IF('Standard Profiles'!$G$20=$B$17,14,0)+IF('Standard Profiles'!$G$20=$B$24,21,0),0)),0)</f>
        <v>0</v>
      </c>
      <c r="G3825" cm="1">
        <f t="array" ref="G3825">IFERROR(INDEX(Jesper!AK$2:AK$366,ROUNDDOWN($C3825/24,0)+1,1)*INDEX($D$3:$AA$30,INDEX(Jesper!$R$2:$R$366,ROW(INDEX(Jesper!AK$2:AK$366,ROUNDDOWN($C3825/24,0)+1,1))-1)+IF('Standard Profiles'!$G$21=$B$10,7,0)+IF('Standard Profiles'!$G$21=$B$17,14,0)+IF('Standard Profiles'!$G$21=$B$24,21,0),MOD($C3825,24)+1)/SUM(INDEX($D$3:$AA$30,INDEX(Jesper!$R$2:$R$366,ROW(INDEX(Jesper!AK$2:AK$366,ROUNDDOWN($C3825/24,0)+1,1))-1)+IF('Standard Profiles'!$G$21=$B$10,7,0)+IF('Standard Profiles'!$G$21=$B$17,14,0)+IF('Standard Profiles'!$G$21=$B$24,21,0),0)),0)</f>
        <v>0.48430519018765378</v>
      </c>
      <c r="H3825" cm="1">
        <f t="array" ref="H3825">IFERROR(INDEX(Jesper!AL$2:AL$366,ROUNDDOWN($C3825/24,0)+1,1)*INDEX($D$3:$AA$30,INDEX(Jesper!$R$2:$R$366,ROW(INDEX(Jesper!AL$2:AL$366,ROUNDDOWN($C3825/24,0)+1,1))-1)+IF('Standard Profiles'!$G$22=$B$10,7,0)+IF('Standard Profiles'!$G$22=$B$17,14,0)+IF('Standard Profiles'!$G$22=$B$24,21,0),MOD($C3825,24)+1)/SUM(INDEX($D$3:$AA$30,INDEX(Jesper!$R$2:$R$366,ROW(INDEX(Jesper!AL$2:AL$366,ROUNDDOWN($C3825/24,0)+1,1))-1)+IF('Standard Profiles'!$G$22=$B$10,7,0)+IF('Standard Profiles'!$G$22=$B$17,14,0)+IF('Standard Profiles'!$G$22=$B$24,21,0),0)),0)</f>
        <v>0</v>
      </c>
      <c r="I3825">
        <f t="shared" si="433"/>
        <v>0.23246649129007368</v>
      </c>
      <c r="J3825">
        <f t="shared" si="434"/>
        <v>7.2860299820989622</v>
      </c>
      <c r="K3825">
        <f t="shared" si="435"/>
        <v>0.58111601474584929</v>
      </c>
      <c r="L3825">
        <f t="shared" si="436"/>
        <v>0.29055800737292464</v>
      </c>
      <c r="M3825">
        <f t="shared" si="437"/>
        <v>0</v>
      </c>
      <c r="N3825" s="45">
        <f t="shared" si="438"/>
        <v>45084.958333324139</v>
      </c>
    </row>
    <row r="3826" spans="2:14" x14ac:dyDescent="0.25">
      <c r="B3826">
        <f t="shared" si="432"/>
        <v>4</v>
      </c>
      <c r="C3826" s="16">
        <v>3792</v>
      </c>
      <c r="D3826" cm="1">
        <f t="array" ref="D3826">IFERROR(INDEX(Jesper!AH$2:AH$366,ROUNDDOWN($C3826/24,0)+1,1)*INDEX($D$3:$AA$30,INDEX(Jesper!$R$2:$R$366,ROW(INDEX(Jesper!AH$2:AH$366,ROUNDDOWN($C3826/24,0)+1,1))-1)+IF('Standard Profiles'!$G$18=$B$10,7,0)+IF('Standard Profiles'!$G$18=$B$17,14,0)+IF('Standard Profiles'!$G$18=$B$24,21,0),MOD($C3826,24)+1)/SUM(INDEX($D$3:$AA$30,INDEX(Jesper!$R$2:$R$366,ROW(INDEX(Jesper!AH$2:AH$366,ROUNDDOWN($C3826/24,0)+1,1))-1)+IF('Standard Profiles'!$G$18=$B$10,7,0)+IF('Standard Profiles'!$G$18=$B$17,14,0)+IF('Standard Profiles'!$G$18=$B$24,21,0),0)),0)</f>
        <v>5.4563613683993681</v>
      </c>
      <c r="E3826" cm="1">
        <f t="array" ref="E3826">IFERROR(INDEX(Jesper!AI$2:AI$366,ROUNDDOWN($C3826/24,0)+1,1)*INDEX($D$3:$AA$30,INDEX(Jesper!$R$2:$R$366,ROW(INDEX(Jesper!AI$2:AI$366,ROUNDDOWN($C3826/24,0)+1,1))-1)+IF('Standard Profiles'!$G$19=$B$10,7,0)+IF('Standard Profiles'!$G$19=$B$17,14,0)+IF('Standard Profiles'!$G$19=$B$24,21,0),MOD($C3826,24)+1)/SUM(INDEX($D$3:$AA$30,INDEX(Jesper!$R$2:$R$366,ROW(INDEX(Jesper!AI$2:AI$366,ROUNDDOWN($C3826/24,0)+1,1))-1)+IF('Standard Profiles'!$G$19=$B$10,7,0)+IF('Standard Profiles'!$G$19=$B$17,14,0)+IF('Standard Profiles'!$G$19=$B$24,21,0),0)),0)</f>
        <v>2.4736025535037585</v>
      </c>
      <c r="F3826" cm="1">
        <f t="array" ref="F3826">IFERROR(INDEX(Jesper!AJ$2:AJ$366,ROUNDDOWN($C3826/24,0)+1,1)*INDEX($D$3:$AA$30,INDEX(Jesper!$R$2:$R$366,ROW(INDEX(Jesper!AJ$2:AJ$366,ROUNDDOWN($C3826/24,0)+1,1))-1)+IF('Standard Profiles'!$G$20=$B$10,7,0)+IF('Standard Profiles'!$G$20=$B$17,14,0)+IF('Standard Profiles'!$G$20=$B$24,21,0),MOD($C3826,24)+1)/SUM(INDEX($D$3:$AA$30,INDEX(Jesper!$R$2:$R$366,ROW(INDEX(Jesper!AJ$2:AJ$366,ROUNDDOWN($C3826/24,0)+1,1))-1)+IF('Standard Profiles'!$G$20=$B$10,7,0)+IF('Standard Profiles'!$G$20=$B$17,14,0)+IF('Standard Profiles'!$G$20=$B$24,21,0),0)),0)</f>
        <v>0</v>
      </c>
      <c r="G3826" cm="1">
        <f t="array" ref="G3826">IFERROR(INDEX(Jesper!AK$2:AK$366,ROUNDDOWN($C3826/24,0)+1,1)*INDEX($D$3:$AA$30,INDEX(Jesper!$R$2:$R$366,ROW(INDEX(Jesper!AK$2:AK$366,ROUNDDOWN($C3826/24,0)+1,1))-1)+IF('Standard Profiles'!$G$21=$B$10,7,0)+IF('Standard Profiles'!$G$21=$B$17,14,0)+IF('Standard Profiles'!$G$21=$B$24,21,0),MOD($C3826,24)+1)/SUM(INDEX($D$3:$AA$30,INDEX(Jesper!$R$2:$R$366,ROW(INDEX(Jesper!AK$2:AK$366,ROUNDDOWN($C3826/24,0)+1,1))-1)+IF('Standard Profiles'!$G$21=$B$10,7,0)+IF('Standard Profiles'!$G$21=$B$17,14,0)+IF('Standard Profiles'!$G$21=$B$24,21,0),0)),0)</f>
        <v>0.50601867003019063</v>
      </c>
      <c r="H3826" cm="1">
        <f t="array" ref="H3826">IFERROR(INDEX(Jesper!AL$2:AL$366,ROUNDDOWN($C3826/24,0)+1,1)*INDEX($D$3:$AA$30,INDEX(Jesper!$R$2:$R$366,ROW(INDEX(Jesper!AL$2:AL$366,ROUNDDOWN($C3826/24,0)+1,1))-1)+IF('Standard Profiles'!$G$22=$B$10,7,0)+IF('Standard Profiles'!$G$22=$B$17,14,0)+IF('Standard Profiles'!$G$22=$B$24,21,0),MOD($C3826,24)+1)/SUM(INDEX($D$3:$AA$30,INDEX(Jesper!$R$2:$R$366,ROW(INDEX(Jesper!AL$2:AL$366,ROUNDDOWN($C3826/24,0)+1,1))-1)+IF('Standard Profiles'!$G$22=$B$10,7,0)+IF('Standard Profiles'!$G$22=$B$17,14,0)+IF('Standard Profiles'!$G$22=$B$24,21,0),0)),0)</f>
        <v>0</v>
      </c>
      <c r="I3826">
        <f t="shared" si="433"/>
        <v>0.24288896161449139</v>
      </c>
      <c r="J3826">
        <f t="shared" si="434"/>
        <v>7.3200758113749265</v>
      </c>
      <c r="K3826">
        <f t="shared" si="435"/>
        <v>0.58201187929593268</v>
      </c>
      <c r="L3826">
        <f t="shared" si="436"/>
        <v>0.29100593964796634</v>
      </c>
      <c r="M3826">
        <f t="shared" si="437"/>
        <v>0</v>
      </c>
      <c r="N3826" s="45">
        <f t="shared" si="438"/>
        <v>45084.999999990803</v>
      </c>
    </row>
    <row r="3827" spans="2:14" x14ac:dyDescent="0.25">
      <c r="B3827">
        <f t="shared" si="432"/>
        <v>4</v>
      </c>
      <c r="C3827" s="16">
        <v>3793</v>
      </c>
      <c r="D3827" cm="1">
        <f t="array" ref="D3827">IFERROR(INDEX(Jesper!AH$2:AH$366,ROUNDDOWN($C3827/24,0)+1,1)*INDEX($D$3:$AA$30,INDEX(Jesper!$R$2:$R$366,ROW(INDEX(Jesper!AH$2:AH$366,ROUNDDOWN($C3827/24,0)+1,1))-1)+IF('Standard Profiles'!$G$18=$B$10,7,0)+IF('Standard Profiles'!$G$18=$B$17,14,0)+IF('Standard Profiles'!$G$18=$B$24,21,0),MOD($C3827,24)+1)/SUM(INDEX($D$3:$AA$30,INDEX(Jesper!$R$2:$R$366,ROW(INDEX(Jesper!AH$2:AH$366,ROUNDDOWN($C3827/24,0)+1,1))-1)+IF('Standard Profiles'!$G$18=$B$10,7,0)+IF('Standard Profiles'!$G$18=$B$17,14,0)+IF('Standard Profiles'!$G$18=$B$24,21,0),0)),0)</f>
        <v>5.4563613683993681</v>
      </c>
      <c r="E3827" cm="1">
        <f t="array" ref="E3827">IFERROR(INDEX(Jesper!AI$2:AI$366,ROUNDDOWN($C3827/24,0)+1,1)*INDEX($D$3:$AA$30,INDEX(Jesper!$R$2:$R$366,ROW(INDEX(Jesper!AI$2:AI$366,ROUNDDOWN($C3827/24,0)+1,1))-1)+IF('Standard Profiles'!$G$19=$B$10,7,0)+IF('Standard Profiles'!$G$19=$B$17,14,0)+IF('Standard Profiles'!$G$19=$B$24,21,0),MOD($C3827,24)+1)/SUM(INDEX($D$3:$AA$30,INDEX(Jesper!$R$2:$R$366,ROW(INDEX(Jesper!AI$2:AI$366,ROUNDDOWN($C3827/24,0)+1,1))-1)+IF('Standard Profiles'!$G$19=$B$10,7,0)+IF('Standard Profiles'!$G$19=$B$17,14,0)+IF('Standard Profiles'!$G$19=$B$24,21,0),0)),0)</f>
        <v>2.4736025535037585</v>
      </c>
      <c r="F3827" cm="1">
        <f t="array" ref="F3827">IFERROR(INDEX(Jesper!AJ$2:AJ$366,ROUNDDOWN($C3827/24,0)+1,1)*INDEX($D$3:$AA$30,INDEX(Jesper!$R$2:$R$366,ROW(INDEX(Jesper!AJ$2:AJ$366,ROUNDDOWN($C3827/24,0)+1,1))-1)+IF('Standard Profiles'!$G$20=$B$10,7,0)+IF('Standard Profiles'!$G$20=$B$17,14,0)+IF('Standard Profiles'!$G$20=$B$24,21,0),MOD($C3827,24)+1)/SUM(INDEX($D$3:$AA$30,INDEX(Jesper!$R$2:$R$366,ROW(INDEX(Jesper!AJ$2:AJ$366,ROUNDDOWN($C3827/24,0)+1,1))-1)+IF('Standard Profiles'!$G$20=$B$10,7,0)+IF('Standard Profiles'!$G$20=$B$17,14,0)+IF('Standard Profiles'!$G$20=$B$24,21,0),0)),0)</f>
        <v>0</v>
      </c>
      <c r="G3827" cm="1">
        <f t="array" ref="G3827">IFERROR(INDEX(Jesper!AK$2:AK$366,ROUNDDOWN($C3827/24,0)+1,1)*INDEX($D$3:$AA$30,INDEX(Jesper!$R$2:$R$366,ROW(INDEX(Jesper!AK$2:AK$366,ROUNDDOWN($C3827/24,0)+1,1))-1)+IF('Standard Profiles'!$G$21=$B$10,7,0)+IF('Standard Profiles'!$G$21=$B$17,14,0)+IF('Standard Profiles'!$G$21=$B$24,21,0),MOD($C3827,24)+1)/SUM(INDEX($D$3:$AA$30,INDEX(Jesper!$R$2:$R$366,ROW(INDEX(Jesper!AK$2:AK$366,ROUNDDOWN($C3827/24,0)+1,1))-1)+IF('Standard Profiles'!$G$21=$B$10,7,0)+IF('Standard Profiles'!$G$21=$B$17,14,0)+IF('Standard Profiles'!$G$21=$B$24,21,0),0)),0)</f>
        <v>0.50601867003019063</v>
      </c>
      <c r="H3827" cm="1">
        <f t="array" ref="H3827">IFERROR(INDEX(Jesper!AL$2:AL$366,ROUNDDOWN($C3827/24,0)+1,1)*INDEX($D$3:$AA$30,INDEX(Jesper!$R$2:$R$366,ROW(INDEX(Jesper!AL$2:AL$366,ROUNDDOWN($C3827/24,0)+1,1))-1)+IF('Standard Profiles'!$G$22=$B$10,7,0)+IF('Standard Profiles'!$G$22=$B$17,14,0)+IF('Standard Profiles'!$G$22=$B$24,21,0),MOD($C3827,24)+1)/SUM(INDEX($D$3:$AA$30,INDEX(Jesper!$R$2:$R$366,ROW(INDEX(Jesper!AL$2:AL$366,ROUNDDOWN($C3827/24,0)+1,1))-1)+IF('Standard Profiles'!$G$22=$B$10,7,0)+IF('Standard Profiles'!$G$22=$B$17,14,0)+IF('Standard Profiles'!$G$22=$B$24,21,0),0)),0)</f>
        <v>0</v>
      </c>
      <c r="I3827">
        <f t="shared" si="433"/>
        <v>0.24288896161449139</v>
      </c>
      <c r="J3827">
        <f t="shared" si="434"/>
        <v>7.3200758113749265</v>
      </c>
      <c r="K3827">
        <f t="shared" si="435"/>
        <v>0.58201187929593268</v>
      </c>
      <c r="L3827">
        <f t="shared" si="436"/>
        <v>0.29100593964796634</v>
      </c>
      <c r="M3827">
        <f t="shared" si="437"/>
        <v>0</v>
      </c>
      <c r="N3827" s="45">
        <f t="shared" si="438"/>
        <v>45085.041666657467</v>
      </c>
    </row>
    <row r="3828" spans="2:14" x14ac:dyDescent="0.25">
      <c r="B3828">
        <f t="shared" si="432"/>
        <v>4</v>
      </c>
      <c r="C3828" s="16">
        <v>3794</v>
      </c>
      <c r="D3828" cm="1">
        <f t="array" ref="D3828">IFERROR(INDEX(Jesper!AH$2:AH$366,ROUNDDOWN($C3828/24,0)+1,1)*INDEX($D$3:$AA$30,INDEX(Jesper!$R$2:$R$366,ROW(INDEX(Jesper!AH$2:AH$366,ROUNDDOWN($C3828/24,0)+1,1))-1)+IF('Standard Profiles'!$G$18=$B$10,7,0)+IF('Standard Profiles'!$G$18=$B$17,14,0)+IF('Standard Profiles'!$G$18=$B$24,21,0),MOD($C3828,24)+1)/SUM(INDEX($D$3:$AA$30,INDEX(Jesper!$R$2:$R$366,ROW(INDEX(Jesper!AH$2:AH$366,ROUNDDOWN($C3828/24,0)+1,1))-1)+IF('Standard Profiles'!$G$18=$B$10,7,0)+IF('Standard Profiles'!$G$18=$B$17,14,0)+IF('Standard Profiles'!$G$18=$B$24,21,0),0)),0)</f>
        <v>5.4563613683993681</v>
      </c>
      <c r="E3828" cm="1">
        <f t="array" ref="E3828">IFERROR(INDEX(Jesper!AI$2:AI$366,ROUNDDOWN($C3828/24,0)+1,1)*INDEX($D$3:$AA$30,INDEX(Jesper!$R$2:$R$366,ROW(INDEX(Jesper!AI$2:AI$366,ROUNDDOWN($C3828/24,0)+1,1))-1)+IF('Standard Profiles'!$G$19=$B$10,7,0)+IF('Standard Profiles'!$G$19=$B$17,14,0)+IF('Standard Profiles'!$G$19=$B$24,21,0),MOD($C3828,24)+1)/SUM(INDEX($D$3:$AA$30,INDEX(Jesper!$R$2:$R$366,ROW(INDEX(Jesper!AI$2:AI$366,ROUNDDOWN($C3828/24,0)+1,1))-1)+IF('Standard Profiles'!$G$19=$B$10,7,0)+IF('Standard Profiles'!$G$19=$B$17,14,0)+IF('Standard Profiles'!$G$19=$B$24,21,0),0)),0)</f>
        <v>2.4736025535037585</v>
      </c>
      <c r="F3828" cm="1">
        <f t="array" ref="F3828">IFERROR(INDEX(Jesper!AJ$2:AJ$366,ROUNDDOWN($C3828/24,0)+1,1)*INDEX($D$3:$AA$30,INDEX(Jesper!$R$2:$R$366,ROW(INDEX(Jesper!AJ$2:AJ$366,ROUNDDOWN($C3828/24,0)+1,1))-1)+IF('Standard Profiles'!$G$20=$B$10,7,0)+IF('Standard Profiles'!$G$20=$B$17,14,0)+IF('Standard Profiles'!$G$20=$B$24,21,0),MOD($C3828,24)+1)/SUM(INDEX($D$3:$AA$30,INDEX(Jesper!$R$2:$R$366,ROW(INDEX(Jesper!AJ$2:AJ$366,ROUNDDOWN($C3828/24,0)+1,1))-1)+IF('Standard Profiles'!$G$20=$B$10,7,0)+IF('Standard Profiles'!$G$20=$B$17,14,0)+IF('Standard Profiles'!$G$20=$B$24,21,0),0)),0)</f>
        <v>0</v>
      </c>
      <c r="G3828" cm="1">
        <f t="array" ref="G3828">IFERROR(INDEX(Jesper!AK$2:AK$366,ROUNDDOWN($C3828/24,0)+1,1)*INDEX($D$3:$AA$30,INDEX(Jesper!$R$2:$R$366,ROW(INDEX(Jesper!AK$2:AK$366,ROUNDDOWN($C3828/24,0)+1,1))-1)+IF('Standard Profiles'!$G$21=$B$10,7,0)+IF('Standard Profiles'!$G$21=$B$17,14,0)+IF('Standard Profiles'!$G$21=$B$24,21,0),MOD($C3828,24)+1)/SUM(INDEX($D$3:$AA$30,INDEX(Jesper!$R$2:$R$366,ROW(INDEX(Jesper!AK$2:AK$366,ROUNDDOWN($C3828/24,0)+1,1))-1)+IF('Standard Profiles'!$G$21=$B$10,7,0)+IF('Standard Profiles'!$G$21=$B$17,14,0)+IF('Standard Profiles'!$G$21=$B$24,21,0),0)),0)</f>
        <v>0.50601867003019063</v>
      </c>
      <c r="H3828" cm="1">
        <f t="array" ref="H3828">IFERROR(INDEX(Jesper!AL$2:AL$366,ROUNDDOWN($C3828/24,0)+1,1)*INDEX($D$3:$AA$30,INDEX(Jesper!$R$2:$R$366,ROW(INDEX(Jesper!AL$2:AL$366,ROUNDDOWN($C3828/24,0)+1,1))-1)+IF('Standard Profiles'!$G$22=$B$10,7,0)+IF('Standard Profiles'!$G$22=$B$17,14,0)+IF('Standard Profiles'!$G$22=$B$24,21,0),MOD($C3828,24)+1)/SUM(INDEX($D$3:$AA$30,INDEX(Jesper!$R$2:$R$366,ROW(INDEX(Jesper!AL$2:AL$366,ROUNDDOWN($C3828/24,0)+1,1))-1)+IF('Standard Profiles'!$G$22=$B$10,7,0)+IF('Standard Profiles'!$G$22=$B$17,14,0)+IF('Standard Profiles'!$G$22=$B$24,21,0),0)),0)</f>
        <v>0</v>
      </c>
      <c r="I3828">
        <f t="shared" si="433"/>
        <v>0.24288896161449139</v>
      </c>
      <c r="J3828">
        <f t="shared" si="434"/>
        <v>7.3200758113749265</v>
      </c>
      <c r="K3828">
        <f t="shared" si="435"/>
        <v>0.58201187929593268</v>
      </c>
      <c r="L3828">
        <f t="shared" si="436"/>
        <v>0.29100593964796634</v>
      </c>
      <c r="M3828">
        <f t="shared" si="437"/>
        <v>0</v>
      </c>
      <c r="N3828" s="45">
        <f t="shared" si="438"/>
        <v>45085.083333324132</v>
      </c>
    </row>
    <row r="3829" spans="2:14" x14ac:dyDescent="0.25">
      <c r="B3829">
        <f t="shared" si="432"/>
        <v>4</v>
      </c>
      <c r="C3829" s="16">
        <v>3795</v>
      </c>
      <c r="D3829" cm="1">
        <f t="array" ref="D3829">IFERROR(INDEX(Jesper!AH$2:AH$366,ROUNDDOWN($C3829/24,0)+1,1)*INDEX($D$3:$AA$30,INDEX(Jesper!$R$2:$R$366,ROW(INDEX(Jesper!AH$2:AH$366,ROUNDDOWN($C3829/24,0)+1,1))-1)+IF('Standard Profiles'!$G$18=$B$10,7,0)+IF('Standard Profiles'!$G$18=$B$17,14,0)+IF('Standard Profiles'!$G$18=$B$24,21,0),MOD($C3829,24)+1)/SUM(INDEX($D$3:$AA$30,INDEX(Jesper!$R$2:$R$366,ROW(INDEX(Jesper!AH$2:AH$366,ROUNDDOWN($C3829/24,0)+1,1))-1)+IF('Standard Profiles'!$G$18=$B$10,7,0)+IF('Standard Profiles'!$G$18=$B$17,14,0)+IF('Standard Profiles'!$G$18=$B$24,21,0),0)),0)</f>
        <v>5.4563613683993681</v>
      </c>
      <c r="E3829" cm="1">
        <f t="array" ref="E3829">IFERROR(INDEX(Jesper!AI$2:AI$366,ROUNDDOWN($C3829/24,0)+1,1)*INDEX($D$3:$AA$30,INDEX(Jesper!$R$2:$R$366,ROW(INDEX(Jesper!AI$2:AI$366,ROUNDDOWN($C3829/24,0)+1,1))-1)+IF('Standard Profiles'!$G$19=$B$10,7,0)+IF('Standard Profiles'!$G$19=$B$17,14,0)+IF('Standard Profiles'!$G$19=$B$24,21,0),MOD($C3829,24)+1)/SUM(INDEX($D$3:$AA$30,INDEX(Jesper!$R$2:$R$366,ROW(INDEX(Jesper!AI$2:AI$366,ROUNDDOWN($C3829/24,0)+1,1))-1)+IF('Standard Profiles'!$G$19=$B$10,7,0)+IF('Standard Profiles'!$G$19=$B$17,14,0)+IF('Standard Profiles'!$G$19=$B$24,21,0),0)),0)</f>
        <v>2.4736025535037585</v>
      </c>
      <c r="F3829" cm="1">
        <f t="array" ref="F3829">IFERROR(INDEX(Jesper!AJ$2:AJ$366,ROUNDDOWN($C3829/24,0)+1,1)*INDEX($D$3:$AA$30,INDEX(Jesper!$R$2:$R$366,ROW(INDEX(Jesper!AJ$2:AJ$366,ROUNDDOWN($C3829/24,0)+1,1))-1)+IF('Standard Profiles'!$G$20=$B$10,7,0)+IF('Standard Profiles'!$G$20=$B$17,14,0)+IF('Standard Profiles'!$G$20=$B$24,21,0),MOD($C3829,24)+1)/SUM(INDEX($D$3:$AA$30,INDEX(Jesper!$R$2:$R$366,ROW(INDEX(Jesper!AJ$2:AJ$366,ROUNDDOWN($C3829/24,0)+1,1))-1)+IF('Standard Profiles'!$G$20=$B$10,7,0)+IF('Standard Profiles'!$G$20=$B$17,14,0)+IF('Standard Profiles'!$G$20=$B$24,21,0),0)),0)</f>
        <v>0</v>
      </c>
      <c r="G3829" cm="1">
        <f t="array" ref="G3829">IFERROR(INDEX(Jesper!AK$2:AK$366,ROUNDDOWN($C3829/24,0)+1,1)*INDEX($D$3:$AA$30,INDEX(Jesper!$R$2:$R$366,ROW(INDEX(Jesper!AK$2:AK$366,ROUNDDOWN($C3829/24,0)+1,1))-1)+IF('Standard Profiles'!$G$21=$B$10,7,0)+IF('Standard Profiles'!$G$21=$B$17,14,0)+IF('Standard Profiles'!$G$21=$B$24,21,0),MOD($C3829,24)+1)/SUM(INDEX($D$3:$AA$30,INDEX(Jesper!$R$2:$R$366,ROW(INDEX(Jesper!AK$2:AK$366,ROUNDDOWN($C3829/24,0)+1,1))-1)+IF('Standard Profiles'!$G$21=$B$10,7,0)+IF('Standard Profiles'!$G$21=$B$17,14,0)+IF('Standard Profiles'!$G$21=$B$24,21,0),0)),0)</f>
        <v>0.50601867003019063</v>
      </c>
      <c r="H3829" cm="1">
        <f t="array" ref="H3829">IFERROR(INDEX(Jesper!AL$2:AL$366,ROUNDDOWN($C3829/24,0)+1,1)*INDEX($D$3:$AA$30,INDEX(Jesper!$R$2:$R$366,ROW(INDEX(Jesper!AL$2:AL$366,ROUNDDOWN($C3829/24,0)+1,1))-1)+IF('Standard Profiles'!$G$22=$B$10,7,0)+IF('Standard Profiles'!$G$22=$B$17,14,0)+IF('Standard Profiles'!$G$22=$B$24,21,0),MOD($C3829,24)+1)/SUM(INDEX($D$3:$AA$30,INDEX(Jesper!$R$2:$R$366,ROW(INDEX(Jesper!AL$2:AL$366,ROUNDDOWN($C3829/24,0)+1,1))-1)+IF('Standard Profiles'!$G$22=$B$10,7,0)+IF('Standard Profiles'!$G$22=$B$17,14,0)+IF('Standard Profiles'!$G$22=$B$24,21,0),0)),0)</f>
        <v>0</v>
      </c>
      <c r="I3829">
        <f t="shared" si="433"/>
        <v>0.24288896161449139</v>
      </c>
      <c r="J3829">
        <f t="shared" si="434"/>
        <v>7.3200758113749265</v>
      </c>
      <c r="K3829">
        <f t="shared" si="435"/>
        <v>0.58201187929593268</v>
      </c>
      <c r="L3829">
        <f t="shared" si="436"/>
        <v>0.29100593964796634</v>
      </c>
      <c r="M3829">
        <f t="shared" si="437"/>
        <v>0</v>
      </c>
      <c r="N3829" s="45">
        <f t="shared" si="438"/>
        <v>45085.124999990796</v>
      </c>
    </row>
    <row r="3830" spans="2:14" x14ac:dyDescent="0.25">
      <c r="B3830">
        <f t="shared" si="432"/>
        <v>4</v>
      </c>
      <c r="C3830" s="16">
        <v>3796</v>
      </c>
      <c r="D3830" cm="1">
        <f t="array" ref="D3830">IFERROR(INDEX(Jesper!AH$2:AH$366,ROUNDDOWN($C3830/24,0)+1,1)*INDEX($D$3:$AA$30,INDEX(Jesper!$R$2:$R$366,ROW(INDEX(Jesper!AH$2:AH$366,ROUNDDOWN($C3830/24,0)+1,1))-1)+IF('Standard Profiles'!$G$18=$B$10,7,0)+IF('Standard Profiles'!$G$18=$B$17,14,0)+IF('Standard Profiles'!$G$18=$B$24,21,0),MOD($C3830,24)+1)/SUM(INDEX($D$3:$AA$30,INDEX(Jesper!$R$2:$R$366,ROW(INDEX(Jesper!AH$2:AH$366,ROUNDDOWN($C3830/24,0)+1,1))-1)+IF('Standard Profiles'!$G$18=$B$10,7,0)+IF('Standard Profiles'!$G$18=$B$17,14,0)+IF('Standard Profiles'!$G$18=$B$24,21,0),0)),0)</f>
        <v>5.4563613683993681</v>
      </c>
      <c r="E3830" cm="1">
        <f t="array" ref="E3830">IFERROR(INDEX(Jesper!AI$2:AI$366,ROUNDDOWN($C3830/24,0)+1,1)*INDEX($D$3:$AA$30,INDEX(Jesper!$R$2:$R$366,ROW(INDEX(Jesper!AI$2:AI$366,ROUNDDOWN($C3830/24,0)+1,1))-1)+IF('Standard Profiles'!$G$19=$B$10,7,0)+IF('Standard Profiles'!$G$19=$B$17,14,0)+IF('Standard Profiles'!$G$19=$B$24,21,0),MOD($C3830,24)+1)/SUM(INDEX($D$3:$AA$30,INDEX(Jesper!$R$2:$R$366,ROW(INDEX(Jesper!AI$2:AI$366,ROUNDDOWN($C3830/24,0)+1,1))-1)+IF('Standard Profiles'!$G$19=$B$10,7,0)+IF('Standard Profiles'!$G$19=$B$17,14,0)+IF('Standard Profiles'!$G$19=$B$24,21,0),0)),0)</f>
        <v>2.4736025535037585</v>
      </c>
      <c r="F3830" cm="1">
        <f t="array" ref="F3830">IFERROR(INDEX(Jesper!AJ$2:AJ$366,ROUNDDOWN($C3830/24,0)+1,1)*INDEX($D$3:$AA$30,INDEX(Jesper!$R$2:$R$366,ROW(INDEX(Jesper!AJ$2:AJ$366,ROUNDDOWN($C3830/24,0)+1,1))-1)+IF('Standard Profiles'!$G$20=$B$10,7,0)+IF('Standard Profiles'!$G$20=$B$17,14,0)+IF('Standard Profiles'!$G$20=$B$24,21,0),MOD($C3830,24)+1)/SUM(INDEX($D$3:$AA$30,INDEX(Jesper!$R$2:$R$366,ROW(INDEX(Jesper!AJ$2:AJ$366,ROUNDDOWN($C3830/24,0)+1,1))-1)+IF('Standard Profiles'!$G$20=$B$10,7,0)+IF('Standard Profiles'!$G$20=$B$17,14,0)+IF('Standard Profiles'!$G$20=$B$24,21,0),0)),0)</f>
        <v>0</v>
      </c>
      <c r="G3830" cm="1">
        <f t="array" ref="G3830">IFERROR(INDEX(Jesper!AK$2:AK$366,ROUNDDOWN($C3830/24,0)+1,1)*INDEX($D$3:$AA$30,INDEX(Jesper!$R$2:$R$366,ROW(INDEX(Jesper!AK$2:AK$366,ROUNDDOWN($C3830/24,0)+1,1))-1)+IF('Standard Profiles'!$G$21=$B$10,7,0)+IF('Standard Profiles'!$G$21=$B$17,14,0)+IF('Standard Profiles'!$G$21=$B$24,21,0),MOD($C3830,24)+1)/SUM(INDEX($D$3:$AA$30,INDEX(Jesper!$R$2:$R$366,ROW(INDEX(Jesper!AK$2:AK$366,ROUNDDOWN($C3830/24,0)+1,1))-1)+IF('Standard Profiles'!$G$21=$B$10,7,0)+IF('Standard Profiles'!$G$21=$B$17,14,0)+IF('Standard Profiles'!$G$21=$B$24,21,0),0)),0)</f>
        <v>0.50601867003019063</v>
      </c>
      <c r="H3830" cm="1">
        <f t="array" ref="H3830">IFERROR(INDEX(Jesper!AL$2:AL$366,ROUNDDOWN($C3830/24,0)+1,1)*INDEX($D$3:$AA$30,INDEX(Jesper!$R$2:$R$366,ROW(INDEX(Jesper!AL$2:AL$366,ROUNDDOWN($C3830/24,0)+1,1))-1)+IF('Standard Profiles'!$G$22=$B$10,7,0)+IF('Standard Profiles'!$G$22=$B$17,14,0)+IF('Standard Profiles'!$G$22=$B$24,21,0),MOD($C3830,24)+1)/SUM(INDEX($D$3:$AA$30,INDEX(Jesper!$R$2:$R$366,ROW(INDEX(Jesper!AL$2:AL$366,ROUNDDOWN($C3830/24,0)+1,1))-1)+IF('Standard Profiles'!$G$22=$B$10,7,0)+IF('Standard Profiles'!$G$22=$B$17,14,0)+IF('Standard Profiles'!$G$22=$B$24,21,0),0)),0)</f>
        <v>0</v>
      </c>
      <c r="I3830">
        <f t="shared" si="433"/>
        <v>0.24288896161449139</v>
      </c>
      <c r="J3830">
        <f t="shared" si="434"/>
        <v>7.3200758113749265</v>
      </c>
      <c r="K3830">
        <f t="shared" si="435"/>
        <v>0.58201187929593268</v>
      </c>
      <c r="L3830">
        <f t="shared" si="436"/>
        <v>0.29100593964796634</v>
      </c>
      <c r="M3830">
        <f t="shared" si="437"/>
        <v>0</v>
      </c>
      <c r="N3830" s="45">
        <f t="shared" si="438"/>
        <v>45085.16666665746</v>
      </c>
    </row>
    <row r="3831" spans="2:14" x14ac:dyDescent="0.25">
      <c r="B3831">
        <f t="shared" si="432"/>
        <v>4</v>
      </c>
      <c r="C3831" s="16">
        <v>3797</v>
      </c>
      <c r="D3831" cm="1">
        <f t="array" ref="D3831">IFERROR(INDEX(Jesper!AH$2:AH$366,ROUNDDOWN($C3831/24,0)+1,1)*INDEX($D$3:$AA$30,INDEX(Jesper!$R$2:$R$366,ROW(INDEX(Jesper!AH$2:AH$366,ROUNDDOWN($C3831/24,0)+1,1))-1)+IF('Standard Profiles'!$G$18=$B$10,7,0)+IF('Standard Profiles'!$G$18=$B$17,14,0)+IF('Standard Profiles'!$G$18=$B$24,21,0),MOD($C3831,24)+1)/SUM(INDEX($D$3:$AA$30,INDEX(Jesper!$R$2:$R$366,ROW(INDEX(Jesper!AH$2:AH$366,ROUNDDOWN($C3831/24,0)+1,1))-1)+IF('Standard Profiles'!$G$18=$B$10,7,0)+IF('Standard Profiles'!$G$18=$B$17,14,0)+IF('Standard Profiles'!$G$18=$B$24,21,0),0)),0)</f>
        <v>5.4563613683993681</v>
      </c>
      <c r="E3831" cm="1">
        <f t="array" ref="E3831">IFERROR(INDEX(Jesper!AI$2:AI$366,ROUNDDOWN($C3831/24,0)+1,1)*INDEX($D$3:$AA$30,INDEX(Jesper!$R$2:$R$366,ROW(INDEX(Jesper!AI$2:AI$366,ROUNDDOWN($C3831/24,0)+1,1))-1)+IF('Standard Profiles'!$G$19=$B$10,7,0)+IF('Standard Profiles'!$G$19=$B$17,14,0)+IF('Standard Profiles'!$G$19=$B$24,21,0),MOD($C3831,24)+1)/SUM(INDEX($D$3:$AA$30,INDEX(Jesper!$R$2:$R$366,ROW(INDEX(Jesper!AI$2:AI$366,ROUNDDOWN($C3831/24,0)+1,1))-1)+IF('Standard Profiles'!$G$19=$B$10,7,0)+IF('Standard Profiles'!$G$19=$B$17,14,0)+IF('Standard Profiles'!$G$19=$B$24,21,0),0)),0)</f>
        <v>2.4736025535037585</v>
      </c>
      <c r="F3831" cm="1">
        <f t="array" ref="F3831">IFERROR(INDEX(Jesper!AJ$2:AJ$366,ROUNDDOWN($C3831/24,0)+1,1)*INDEX($D$3:$AA$30,INDEX(Jesper!$R$2:$R$366,ROW(INDEX(Jesper!AJ$2:AJ$366,ROUNDDOWN($C3831/24,0)+1,1))-1)+IF('Standard Profiles'!$G$20=$B$10,7,0)+IF('Standard Profiles'!$G$20=$B$17,14,0)+IF('Standard Profiles'!$G$20=$B$24,21,0),MOD($C3831,24)+1)/SUM(INDEX($D$3:$AA$30,INDEX(Jesper!$R$2:$R$366,ROW(INDEX(Jesper!AJ$2:AJ$366,ROUNDDOWN($C3831/24,0)+1,1))-1)+IF('Standard Profiles'!$G$20=$B$10,7,0)+IF('Standard Profiles'!$G$20=$B$17,14,0)+IF('Standard Profiles'!$G$20=$B$24,21,0),0)),0)</f>
        <v>0</v>
      </c>
      <c r="G3831" cm="1">
        <f t="array" ref="G3831">IFERROR(INDEX(Jesper!AK$2:AK$366,ROUNDDOWN($C3831/24,0)+1,1)*INDEX($D$3:$AA$30,INDEX(Jesper!$R$2:$R$366,ROW(INDEX(Jesper!AK$2:AK$366,ROUNDDOWN($C3831/24,0)+1,1))-1)+IF('Standard Profiles'!$G$21=$B$10,7,0)+IF('Standard Profiles'!$G$21=$B$17,14,0)+IF('Standard Profiles'!$G$21=$B$24,21,0),MOD($C3831,24)+1)/SUM(INDEX($D$3:$AA$30,INDEX(Jesper!$R$2:$R$366,ROW(INDEX(Jesper!AK$2:AK$366,ROUNDDOWN($C3831/24,0)+1,1))-1)+IF('Standard Profiles'!$G$21=$B$10,7,0)+IF('Standard Profiles'!$G$21=$B$17,14,0)+IF('Standard Profiles'!$G$21=$B$24,21,0),0)),0)</f>
        <v>0.50601867003019063</v>
      </c>
      <c r="H3831" cm="1">
        <f t="array" ref="H3831">IFERROR(INDEX(Jesper!AL$2:AL$366,ROUNDDOWN($C3831/24,0)+1,1)*INDEX($D$3:$AA$30,INDEX(Jesper!$R$2:$R$366,ROW(INDEX(Jesper!AL$2:AL$366,ROUNDDOWN($C3831/24,0)+1,1))-1)+IF('Standard Profiles'!$G$22=$B$10,7,0)+IF('Standard Profiles'!$G$22=$B$17,14,0)+IF('Standard Profiles'!$G$22=$B$24,21,0),MOD($C3831,24)+1)/SUM(INDEX($D$3:$AA$30,INDEX(Jesper!$R$2:$R$366,ROW(INDEX(Jesper!AL$2:AL$366,ROUNDDOWN($C3831/24,0)+1,1))-1)+IF('Standard Profiles'!$G$22=$B$10,7,0)+IF('Standard Profiles'!$G$22=$B$17,14,0)+IF('Standard Profiles'!$G$22=$B$24,21,0),0)),0)</f>
        <v>0</v>
      </c>
      <c r="I3831">
        <f t="shared" si="433"/>
        <v>0.24288896161449139</v>
      </c>
      <c r="J3831">
        <f t="shared" si="434"/>
        <v>7.3200758113749265</v>
      </c>
      <c r="K3831">
        <f t="shared" si="435"/>
        <v>0.58201187929593268</v>
      </c>
      <c r="L3831">
        <f t="shared" si="436"/>
        <v>0.29100593964796634</v>
      </c>
      <c r="M3831">
        <f t="shared" si="437"/>
        <v>0</v>
      </c>
      <c r="N3831" s="45">
        <f t="shared" si="438"/>
        <v>45085.208333324124</v>
      </c>
    </row>
    <row r="3832" spans="2:14" x14ac:dyDescent="0.25">
      <c r="B3832">
        <f t="shared" si="432"/>
        <v>4</v>
      </c>
      <c r="C3832" s="16">
        <v>3798</v>
      </c>
      <c r="D3832" cm="1">
        <f t="array" ref="D3832">IFERROR(INDEX(Jesper!AH$2:AH$366,ROUNDDOWN($C3832/24,0)+1,1)*INDEX($D$3:$AA$30,INDEX(Jesper!$R$2:$R$366,ROW(INDEX(Jesper!AH$2:AH$366,ROUNDDOWN($C3832/24,0)+1,1))-1)+IF('Standard Profiles'!$G$18=$B$10,7,0)+IF('Standard Profiles'!$G$18=$B$17,14,0)+IF('Standard Profiles'!$G$18=$B$24,21,0),MOD($C3832,24)+1)/SUM(INDEX($D$3:$AA$30,INDEX(Jesper!$R$2:$R$366,ROW(INDEX(Jesper!AH$2:AH$366,ROUNDDOWN($C3832/24,0)+1,1))-1)+IF('Standard Profiles'!$G$18=$B$10,7,0)+IF('Standard Profiles'!$G$18=$B$17,14,0)+IF('Standard Profiles'!$G$18=$B$24,21,0),0)),0)</f>
        <v>5.4563613683993681</v>
      </c>
      <c r="E3832" cm="1">
        <f t="array" ref="E3832">IFERROR(INDEX(Jesper!AI$2:AI$366,ROUNDDOWN($C3832/24,0)+1,1)*INDEX($D$3:$AA$30,INDEX(Jesper!$R$2:$R$366,ROW(INDEX(Jesper!AI$2:AI$366,ROUNDDOWN($C3832/24,0)+1,1))-1)+IF('Standard Profiles'!$G$19=$B$10,7,0)+IF('Standard Profiles'!$G$19=$B$17,14,0)+IF('Standard Profiles'!$G$19=$B$24,21,0),MOD($C3832,24)+1)/SUM(INDEX($D$3:$AA$30,INDEX(Jesper!$R$2:$R$366,ROW(INDEX(Jesper!AI$2:AI$366,ROUNDDOWN($C3832/24,0)+1,1))-1)+IF('Standard Profiles'!$G$19=$B$10,7,0)+IF('Standard Profiles'!$G$19=$B$17,14,0)+IF('Standard Profiles'!$G$19=$B$24,21,0),0)),0)</f>
        <v>2.4736025535037585</v>
      </c>
      <c r="F3832" cm="1">
        <f t="array" ref="F3832">IFERROR(INDEX(Jesper!AJ$2:AJ$366,ROUNDDOWN($C3832/24,0)+1,1)*INDEX($D$3:$AA$30,INDEX(Jesper!$R$2:$R$366,ROW(INDEX(Jesper!AJ$2:AJ$366,ROUNDDOWN($C3832/24,0)+1,1))-1)+IF('Standard Profiles'!$G$20=$B$10,7,0)+IF('Standard Profiles'!$G$20=$B$17,14,0)+IF('Standard Profiles'!$G$20=$B$24,21,0),MOD($C3832,24)+1)/SUM(INDEX($D$3:$AA$30,INDEX(Jesper!$R$2:$R$366,ROW(INDEX(Jesper!AJ$2:AJ$366,ROUNDDOWN($C3832/24,0)+1,1))-1)+IF('Standard Profiles'!$G$20=$B$10,7,0)+IF('Standard Profiles'!$G$20=$B$17,14,0)+IF('Standard Profiles'!$G$20=$B$24,21,0),0)),0)</f>
        <v>0</v>
      </c>
      <c r="G3832" cm="1">
        <f t="array" ref="G3832">IFERROR(INDEX(Jesper!AK$2:AK$366,ROUNDDOWN($C3832/24,0)+1,1)*INDEX($D$3:$AA$30,INDEX(Jesper!$R$2:$R$366,ROW(INDEX(Jesper!AK$2:AK$366,ROUNDDOWN($C3832/24,0)+1,1))-1)+IF('Standard Profiles'!$G$21=$B$10,7,0)+IF('Standard Profiles'!$G$21=$B$17,14,0)+IF('Standard Profiles'!$G$21=$B$24,21,0),MOD($C3832,24)+1)/SUM(INDEX($D$3:$AA$30,INDEX(Jesper!$R$2:$R$366,ROW(INDEX(Jesper!AK$2:AK$366,ROUNDDOWN($C3832/24,0)+1,1))-1)+IF('Standard Profiles'!$G$21=$B$10,7,0)+IF('Standard Profiles'!$G$21=$B$17,14,0)+IF('Standard Profiles'!$G$21=$B$24,21,0),0)),0)</f>
        <v>0.50601867003019063</v>
      </c>
      <c r="H3832" cm="1">
        <f t="array" ref="H3832">IFERROR(INDEX(Jesper!AL$2:AL$366,ROUNDDOWN($C3832/24,0)+1,1)*INDEX($D$3:$AA$30,INDEX(Jesper!$R$2:$R$366,ROW(INDEX(Jesper!AL$2:AL$366,ROUNDDOWN($C3832/24,0)+1,1))-1)+IF('Standard Profiles'!$G$22=$B$10,7,0)+IF('Standard Profiles'!$G$22=$B$17,14,0)+IF('Standard Profiles'!$G$22=$B$24,21,0),MOD($C3832,24)+1)/SUM(INDEX($D$3:$AA$30,INDEX(Jesper!$R$2:$R$366,ROW(INDEX(Jesper!AL$2:AL$366,ROUNDDOWN($C3832/24,0)+1,1))-1)+IF('Standard Profiles'!$G$22=$B$10,7,0)+IF('Standard Profiles'!$G$22=$B$17,14,0)+IF('Standard Profiles'!$G$22=$B$24,21,0),0)),0)</f>
        <v>0</v>
      </c>
      <c r="I3832">
        <f t="shared" si="433"/>
        <v>0.24288896161449139</v>
      </c>
      <c r="J3832">
        <f t="shared" si="434"/>
        <v>7.3200758113749265</v>
      </c>
      <c r="K3832">
        <f t="shared" si="435"/>
        <v>0.58201187929593268</v>
      </c>
      <c r="L3832">
        <f t="shared" si="436"/>
        <v>0.29100593964796634</v>
      </c>
      <c r="M3832">
        <f t="shared" si="437"/>
        <v>0</v>
      </c>
      <c r="N3832" s="45">
        <f t="shared" si="438"/>
        <v>45085.249999990789</v>
      </c>
    </row>
    <row r="3833" spans="2:14" x14ac:dyDescent="0.25">
      <c r="B3833">
        <f t="shared" si="432"/>
        <v>4</v>
      </c>
      <c r="C3833" s="16">
        <v>3799</v>
      </c>
      <c r="D3833" cm="1">
        <f t="array" ref="D3833">IFERROR(INDEX(Jesper!AH$2:AH$366,ROUNDDOWN($C3833/24,0)+1,1)*INDEX($D$3:$AA$30,INDEX(Jesper!$R$2:$R$366,ROW(INDEX(Jesper!AH$2:AH$366,ROUNDDOWN($C3833/24,0)+1,1))-1)+IF('Standard Profiles'!$G$18=$B$10,7,0)+IF('Standard Profiles'!$G$18=$B$17,14,0)+IF('Standard Profiles'!$G$18=$B$24,21,0),MOD($C3833,24)+1)/SUM(INDEX($D$3:$AA$30,INDEX(Jesper!$R$2:$R$366,ROW(INDEX(Jesper!AH$2:AH$366,ROUNDDOWN($C3833/24,0)+1,1))-1)+IF('Standard Profiles'!$G$18=$B$10,7,0)+IF('Standard Profiles'!$G$18=$B$17,14,0)+IF('Standard Profiles'!$G$18=$B$24,21,0),0)),0)</f>
        <v>22.304943896881053</v>
      </c>
      <c r="E3833" cm="1">
        <f t="array" ref="E3833">IFERROR(INDEX(Jesper!AI$2:AI$366,ROUNDDOWN($C3833/24,0)+1,1)*INDEX($D$3:$AA$30,INDEX(Jesper!$R$2:$R$366,ROW(INDEX(Jesper!AI$2:AI$366,ROUNDDOWN($C3833/24,0)+1,1))-1)+IF('Standard Profiles'!$G$19=$B$10,7,0)+IF('Standard Profiles'!$G$19=$B$17,14,0)+IF('Standard Profiles'!$G$19=$B$24,21,0),MOD($C3833,24)+1)/SUM(INDEX($D$3:$AA$30,INDEX(Jesper!$R$2:$R$366,ROW(INDEX(Jesper!AI$2:AI$366,ROUNDDOWN($C3833/24,0)+1,1))-1)+IF('Standard Profiles'!$G$19=$B$10,7,0)+IF('Standard Profiles'!$G$19=$B$17,14,0)+IF('Standard Profiles'!$G$19=$B$24,21,0),0)),0)</f>
        <v>10.111787408110816</v>
      </c>
      <c r="F3833" cm="1">
        <f t="array" ref="F3833">IFERROR(INDEX(Jesper!AJ$2:AJ$366,ROUNDDOWN($C3833/24,0)+1,1)*INDEX($D$3:$AA$30,INDEX(Jesper!$R$2:$R$366,ROW(INDEX(Jesper!AJ$2:AJ$366,ROUNDDOWN($C3833/24,0)+1,1))-1)+IF('Standard Profiles'!$G$20=$B$10,7,0)+IF('Standard Profiles'!$G$20=$B$17,14,0)+IF('Standard Profiles'!$G$20=$B$24,21,0),MOD($C3833,24)+1)/SUM(INDEX($D$3:$AA$30,INDEX(Jesper!$R$2:$R$366,ROW(INDEX(Jesper!AJ$2:AJ$366,ROUNDDOWN($C3833/24,0)+1,1))-1)+IF('Standard Profiles'!$G$20=$B$10,7,0)+IF('Standard Profiles'!$G$20=$B$17,14,0)+IF('Standard Profiles'!$G$20=$B$24,21,0),0)),0)</f>
        <v>0</v>
      </c>
      <c r="G3833" cm="1">
        <f t="array" ref="G3833">IFERROR(INDEX(Jesper!AK$2:AK$366,ROUNDDOWN($C3833/24,0)+1,1)*INDEX($D$3:$AA$30,INDEX(Jesper!$R$2:$R$366,ROW(INDEX(Jesper!AK$2:AK$366,ROUNDDOWN($C3833/24,0)+1,1))-1)+IF('Standard Profiles'!$G$21=$B$10,7,0)+IF('Standard Profiles'!$G$21=$B$17,14,0)+IF('Standard Profiles'!$G$21=$B$24,21,0),MOD($C3833,24)+1)/SUM(INDEX($D$3:$AA$30,INDEX(Jesper!$R$2:$R$366,ROW(INDEX(Jesper!AK$2:AK$366,ROUNDDOWN($C3833/24,0)+1,1))-1)+IF('Standard Profiles'!$G$21=$B$10,7,0)+IF('Standard Profiles'!$G$21=$B$17,14,0)+IF('Standard Profiles'!$G$21=$B$24,21,0),0)),0)</f>
        <v>1.3940814359331748</v>
      </c>
      <c r="H3833" cm="1">
        <f t="array" ref="H3833">IFERROR(INDEX(Jesper!AL$2:AL$366,ROUNDDOWN($C3833/24,0)+1,1)*INDEX($D$3:$AA$30,INDEX(Jesper!$R$2:$R$366,ROW(INDEX(Jesper!AL$2:AL$366,ROUNDDOWN($C3833/24,0)+1,1))-1)+IF('Standard Profiles'!$G$22=$B$10,7,0)+IF('Standard Profiles'!$G$22=$B$17,14,0)+IF('Standard Profiles'!$G$22=$B$24,21,0),MOD($C3833,24)+1)/SUM(INDEX($D$3:$AA$30,INDEX(Jesper!$R$2:$R$366,ROW(INDEX(Jesper!AL$2:AL$366,ROUNDDOWN($C3833/24,0)+1,1))-1)+IF('Standard Profiles'!$G$22=$B$10,7,0)+IF('Standard Profiles'!$G$22=$B$17,14,0)+IF('Standard Profiles'!$G$22=$B$24,21,0),0)),0)</f>
        <v>0</v>
      </c>
      <c r="I3833">
        <f t="shared" si="433"/>
        <v>0.66915908924792356</v>
      </c>
      <c r="J3833">
        <f t="shared" si="434"/>
        <v>29.57286262817615</v>
      </c>
      <c r="K3833">
        <f t="shared" si="435"/>
        <v>2.3791940156673124</v>
      </c>
      <c r="L3833">
        <f t="shared" si="436"/>
        <v>1.1895970078336562</v>
      </c>
      <c r="M3833">
        <f t="shared" si="437"/>
        <v>0</v>
      </c>
      <c r="N3833" s="45">
        <f t="shared" si="438"/>
        <v>45085.291666657453</v>
      </c>
    </row>
    <row r="3834" spans="2:14" x14ac:dyDescent="0.25">
      <c r="B3834">
        <f t="shared" si="432"/>
        <v>4</v>
      </c>
      <c r="C3834" s="16">
        <v>3800</v>
      </c>
      <c r="D3834" cm="1">
        <f t="array" ref="D3834">IFERROR(INDEX(Jesper!AH$2:AH$366,ROUNDDOWN($C3834/24,0)+1,1)*INDEX($D$3:$AA$30,INDEX(Jesper!$R$2:$R$366,ROW(INDEX(Jesper!AH$2:AH$366,ROUNDDOWN($C3834/24,0)+1,1))-1)+IF('Standard Profiles'!$G$18=$B$10,7,0)+IF('Standard Profiles'!$G$18=$B$17,14,0)+IF('Standard Profiles'!$G$18=$B$24,21,0),MOD($C3834,24)+1)/SUM(INDEX($D$3:$AA$30,INDEX(Jesper!$R$2:$R$366,ROW(INDEX(Jesper!AH$2:AH$366,ROUNDDOWN($C3834/24,0)+1,1))-1)+IF('Standard Profiles'!$G$18=$B$10,7,0)+IF('Standard Profiles'!$G$18=$B$17,14,0)+IF('Standard Profiles'!$G$18=$B$24,21,0),0)),0)</f>
        <v>24.887621611256758</v>
      </c>
      <c r="E3834" cm="1">
        <f t="array" ref="E3834">IFERROR(INDEX(Jesper!AI$2:AI$366,ROUNDDOWN($C3834/24,0)+1,1)*INDEX($D$3:$AA$30,INDEX(Jesper!$R$2:$R$366,ROW(INDEX(Jesper!AI$2:AI$366,ROUNDDOWN($C3834/24,0)+1,1))-1)+IF('Standard Profiles'!$G$19=$B$10,7,0)+IF('Standard Profiles'!$G$19=$B$17,14,0)+IF('Standard Profiles'!$G$19=$B$24,21,0),MOD($C3834,24)+1)/SUM(INDEX($D$3:$AA$30,INDEX(Jesper!$R$2:$R$366,ROW(INDEX(Jesper!AI$2:AI$366,ROUNDDOWN($C3834/24,0)+1,1))-1)+IF('Standard Profiles'!$G$19=$B$10,7,0)+IF('Standard Profiles'!$G$19=$B$17,14,0)+IF('Standard Profiles'!$G$19=$B$24,21,0),0)),0)</f>
        <v>11.282625950102595</v>
      </c>
      <c r="F3834" cm="1">
        <f t="array" ref="F3834">IFERROR(INDEX(Jesper!AJ$2:AJ$366,ROUNDDOWN($C3834/24,0)+1,1)*INDEX($D$3:$AA$30,INDEX(Jesper!$R$2:$R$366,ROW(INDEX(Jesper!AJ$2:AJ$366,ROUNDDOWN($C3834/24,0)+1,1))-1)+IF('Standard Profiles'!$G$20=$B$10,7,0)+IF('Standard Profiles'!$G$20=$B$17,14,0)+IF('Standard Profiles'!$G$20=$B$24,21,0),MOD($C3834,24)+1)/SUM(INDEX($D$3:$AA$30,INDEX(Jesper!$R$2:$R$366,ROW(INDEX(Jesper!AJ$2:AJ$366,ROUNDDOWN($C3834/24,0)+1,1))-1)+IF('Standard Profiles'!$G$20=$B$10,7,0)+IF('Standard Profiles'!$G$20=$B$17,14,0)+IF('Standard Profiles'!$G$20=$B$24,21,0),0)),0)</f>
        <v>0</v>
      </c>
      <c r="G3834" cm="1">
        <f t="array" ref="G3834">IFERROR(INDEX(Jesper!AK$2:AK$366,ROUNDDOWN($C3834/24,0)+1,1)*INDEX($D$3:$AA$30,INDEX(Jesper!$R$2:$R$366,ROW(INDEX(Jesper!AK$2:AK$366,ROUNDDOWN($C3834/24,0)+1,1))-1)+IF('Standard Profiles'!$G$21=$B$10,7,0)+IF('Standard Profiles'!$G$21=$B$17,14,0)+IF('Standard Profiles'!$G$21=$B$24,21,0),MOD($C3834,24)+1)/SUM(INDEX($D$3:$AA$30,INDEX(Jesper!$R$2:$R$366,ROW(INDEX(Jesper!AK$2:AK$366,ROUNDDOWN($C3834/24,0)+1,1))-1)+IF('Standard Profiles'!$G$21=$B$10,7,0)+IF('Standard Profiles'!$G$21=$B$17,14,0)+IF('Standard Profiles'!$G$21=$B$24,21,0),0)),0)</f>
        <v>1.5555013916728058</v>
      </c>
      <c r="H3834" cm="1">
        <f t="array" ref="H3834">IFERROR(INDEX(Jesper!AL$2:AL$366,ROUNDDOWN($C3834/24,0)+1,1)*INDEX($D$3:$AA$30,INDEX(Jesper!$R$2:$R$366,ROW(INDEX(Jesper!AL$2:AL$366,ROUNDDOWN($C3834/24,0)+1,1))-1)+IF('Standard Profiles'!$G$22=$B$10,7,0)+IF('Standard Profiles'!$G$22=$B$17,14,0)+IF('Standard Profiles'!$G$22=$B$24,21,0),MOD($C3834,24)+1)/SUM(INDEX($D$3:$AA$30,INDEX(Jesper!$R$2:$R$366,ROW(INDEX(Jesper!AL$2:AL$366,ROUNDDOWN($C3834/24,0)+1,1))-1)+IF('Standard Profiles'!$G$22=$B$10,7,0)+IF('Standard Profiles'!$G$22=$B$17,14,0)+IF('Standard Profiles'!$G$22=$B$24,21,0),0)),0)</f>
        <v>0</v>
      </c>
      <c r="I3834">
        <f t="shared" si="433"/>
        <v>0.74664066800294637</v>
      </c>
      <c r="J3834">
        <f t="shared" si="434"/>
        <v>32.997088827228133</v>
      </c>
      <c r="K3834">
        <f t="shared" si="435"/>
        <v>2.6546796385340543</v>
      </c>
      <c r="L3834">
        <f t="shared" si="436"/>
        <v>1.3273398192670272</v>
      </c>
      <c r="M3834">
        <f t="shared" si="437"/>
        <v>0</v>
      </c>
      <c r="N3834" s="45">
        <f t="shared" si="438"/>
        <v>45085.333333324117</v>
      </c>
    </row>
    <row r="3835" spans="2:14" x14ac:dyDescent="0.25">
      <c r="B3835">
        <f t="shared" si="432"/>
        <v>4</v>
      </c>
      <c r="C3835" s="16">
        <v>3801</v>
      </c>
      <c r="D3835" cm="1">
        <f t="array" ref="D3835">IFERROR(INDEX(Jesper!AH$2:AH$366,ROUNDDOWN($C3835/24,0)+1,1)*INDEX($D$3:$AA$30,INDEX(Jesper!$R$2:$R$366,ROW(INDEX(Jesper!AH$2:AH$366,ROUNDDOWN($C3835/24,0)+1,1))-1)+IF('Standard Profiles'!$G$18=$B$10,7,0)+IF('Standard Profiles'!$G$18=$B$17,14,0)+IF('Standard Profiles'!$G$18=$B$24,21,0),MOD($C3835,24)+1)/SUM(INDEX($D$3:$AA$30,INDEX(Jesper!$R$2:$R$366,ROW(INDEX(Jesper!AH$2:AH$366,ROUNDDOWN($C3835/24,0)+1,1))-1)+IF('Standard Profiles'!$G$18=$B$10,7,0)+IF('Standard Profiles'!$G$18=$B$17,14,0)+IF('Standard Profiles'!$G$18=$B$24,21,0),0)),0)</f>
        <v>27.470299325632457</v>
      </c>
      <c r="E3835" cm="1">
        <f t="array" ref="E3835">IFERROR(INDEX(Jesper!AI$2:AI$366,ROUNDDOWN($C3835/24,0)+1,1)*INDEX($D$3:$AA$30,INDEX(Jesper!$R$2:$R$366,ROW(INDEX(Jesper!AI$2:AI$366,ROUNDDOWN($C3835/24,0)+1,1))-1)+IF('Standard Profiles'!$G$19=$B$10,7,0)+IF('Standard Profiles'!$G$19=$B$17,14,0)+IF('Standard Profiles'!$G$19=$B$24,21,0),MOD($C3835,24)+1)/SUM(INDEX($D$3:$AA$30,INDEX(Jesper!$R$2:$R$366,ROW(INDEX(Jesper!AI$2:AI$366,ROUNDDOWN($C3835/24,0)+1,1))-1)+IF('Standard Profiles'!$G$19=$B$10,7,0)+IF('Standard Profiles'!$G$19=$B$17,14,0)+IF('Standard Profiles'!$G$19=$B$24,21,0),0)),0)</f>
        <v>12.453464492094374</v>
      </c>
      <c r="F3835" cm="1">
        <f t="array" ref="F3835">IFERROR(INDEX(Jesper!AJ$2:AJ$366,ROUNDDOWN($C3835/24,0)+1,1)*INDEX($D$3:$AA$30,INDEX(Jesper!$R$2:$R$366,ROW(INDEX(Jesper!AJ$2:AJ$366,ROUNDDOWN($C3835/24,0)+1,1))-1)+IF('Standard Profiles'!$G$20=$B$10,7,0)+IF('Standard Profiles'!$G$20=$B$17,14,0)+IF('Standard Profiles'!$G$20=$B$24,21,0),MOD($C3835,24)+1)/SUM(INDEX($D$3:$AA$30,INDEX(Jesper!$R$2:$R$366,ROW(INDEX(Jesper!AJ$2:AJ$366,ROUNDDOWN($C3835/24,0)+1,1))-1)+IF('Standard Profiles'!$G$20=$B$10,7,0)+IF('Standard Profiles'!$G$20=$B$17,14,0)+IF('Standard Profiles'!$G$20=$B$24,21,0),0)),0)</f>
        <v>0</v>
      </c>
      <c r="G3835" cm="1">
        <f t="array" ref="G3835">IFERROR(INDEX(Jesper!AK$2:AK$366,ROUNDDOWN($C3835/24,0)+1,1)*INDEX($D$3:$AA$30,INDEX(Jesper!$R$2:$R$366,ROW(INDEX(Jesper!AK$2:AK$366,ROUNDDOWN($C3835/24,0)+1,1))-1)+IF('Standard Profiles'!$G$21=$B$10,7,0)+IF('Standard Profiles'!$G$21=$B$17,14,0)+IF('Standard Profiles'!$G$21=$B$24,21,0),MOD($C3835,24)+1)/SUM(INDEX($D$3:$AA$30,INDEX(Jesper!$R$2:$R$366,ROW(INDEX(Jesper!AK$2:AK$366,ROUNDDOWN($C3835/24,0)+1,1))-1)+IF('Standard Profiles'!$G$21=$B$10,7,0)+IF('Standard Profiles'!$G$21=$B$17,14,0)+IF('Standard Profiles'!$G$21=$B$24,21,0),0)),0)</f>
        <v>1.7169213474124365</v>
      </c>
      <c r="H3835" cm="1">
        <f t="array" ref="H3835">IFERROR(INDEX(Jesper!AL$2:AL$366,ROUNDDOWN($C3835/24,0)+1,1)*INDEX($D$3:$AA$30,INDEX(Jesper!$R$2:$R$366,ROW(INDEX(Jesper!AL$2:AL$366,ROUNDDOWN($C3835/24,0)+1,1))-1)+IF('Standard Profiles'!$G$22=$B$10,7,0)+IF('Standard Profiles'!$G$22=$B$17,14,0)+IF('Standard Profiles'!$G$22=$B$24,21,0),MOD($C3835,24)+1)/SUM(INDEX($D$3:$AA$30,INDEX(Jesper!$R$2:$R$366,ROW(INDEX(Jesper!AL$2:AL$366,ROUNDDOWN($C3835/24,0)+1,1))-1)+IF('Standard Profiles'!$G$22=$B$10,7,0)+IF('Standard Profiles'!$G$22=$B$17,14,0)+IF('Standard Profiles'!$G$22=$B$24,21,0),0)),0)</f>
        <v>0</v>
      </c>
      <c r="I3835">
        <f t="shared" si="433"/>
        <v>0.82412224675796908</v>
      </c>
      <c r="J3835">
        <f t="shared" si="434"/>
        <v>36.421315026280105</v>
      </c>
      <c r="K3835">
        <f t="shared" si="435"/>
        <v>2.9301652614007954</v>
      </c>
      <c r="L3835">
        <f t="shared" si="436"/>
        <v>1.4650826307003977</v>
      </c>
      <c r="M3835">
        <f t="shared" si="437"/>
        <v>0</v>
      </c>
      <c r="N3835" s="45">
        <f t="shared" si="438"/>
        <v>45085.374999990781</v>
      </c>
    </row>
    <row r="3836" spans="2:14" x14ac:dyDescent="0.25">
      <c r="B3836">
        <f t="shared" si="432"/>
        <v>4</v>
      </c>
      <c r="C3836" s="16">
        <v>3802</v>
      </c>
      <c r="D3836" cm="1">
        <f t="array" ref="D3836">IFERROR(INDEX(Jesper!AH$2:AH$366,ROUNDDOWN($C3836/24,0)+1,1)*INDEX($D$3:$AA$30,INDEX(Jesper!$R$2:$R$366,ROW(INDEX(Jesper!AH$2:AH$366,ROUNDDOWN($C3836/24,0)+1,1))-1)+IF('Standard Profiles'!$G$18=$B$10,7,0)+IF('Standard Profiles'!$G$18=$B$17,14,0)+IF('Standard Profiles'!$G$18=$B$24,21,0),MOD($C3836,24)+1)/SUM(INDEX($D$3:$AA$30,INDEX(Jesper!$R$2:$R$366,ROW(INDEX(Jesper!AH$2:AH$366,ROUNDDOWN($C3836/24,0)+1,1))-1)+IF('Standard Profiles'!$G$18=$B$10,7,0)+IF('Standard Profiles'!$G$18=$B$17,14,0)+IF('Standard Profiles'!$G$18=$B$24,21,0),0)),0)</f>
        <v>27.470299325632457</v>
      </c>
      <c r="E3836" cm="1">
        <f t="array" ref="E3836">IFERROR(INDEX(Jesper!AI$2:AI$366,ROUNDDOWN($C3836/24,0)+1,1)*INDEX($D$3:$AA$30,INDEX(Jesper!$R$2:$R$366,ROW(INDEX(Jesper!AI$2:AI$366,ROUNDDOWN($C3836/24,0)+1,1))-1)+IF('Standard Profiles'!$G$19=$B$10,7,0)+IF('Standard Profiles'!$G$19=$B$17,14,0)+IF('Standard Profiles'!$G$19=$B$24,21,0),MOD($C3836,24)+1)/SUM(INDEX($D$3:$AA$30,INDEX(Jesper!$R$2:$R$366,ROW(INDEX(Jesper!AI$2:AI$366,ROUNDDOWN($C3836/24,0)+1,1))-1)+IF('Standard Profiles'!$G$19=$B$10,7,0)+IF('Standard Profiles'!$G$19=$B$17,14,0)+IF('Standard Profiles'!$G$19=$B$24,21,0),0)),0)</f>
        <v>12.453464492094374</v>
      </c>
      <c r="F3836" cm="1">
        <f t="array" ref="F3836">IFERROR(INDEX(Jesper!AJ$2:AJ$366,ROUNDDOWN($C3836/24,0)+1,1)*INDEX($D$3:$AA$30,INDEX(Jesper!$R$2:$R$366,ROW(INDEX(Jesper!AJ$2:AJ$366,ROUNDDOWN($C3836/24,0)+1,1))-1)+IF('Standard Profiles'!$G$20=$B$10,7,0)+IF('Standard Profiles'!$G$20=$B$17,14,0)+IF('Standard Profiles'!$G$20=$B$24,21,0),MOD($C3836,24)+1)/SUM(INDEX($D$3:$AA$30,INDEX(Jesper!$R$2:$R$366,ROW(INDEX(Jesper!AJ$2:AJ$366,ROUNDDOWN($C3836/24,0)+1,1))-1)+IF('Standard Profiles'!$G$20=$B$10,7,0)+IF('Standard Profiles'!$G$20=$B$17,14,0)+IF('Standard Profiles'!$G$20=$B$24,21,0),0)),0)</f>
        <v>0</v>
      </c>
      <c r="G3836" cm="1">
        <f t="array" ref="G3836">IFERROR(INDEX(Jesper!AK$2:AK$366,ROUNDDOWN($C3836/24,0)+1,1)*INDEX($D$3:$AA$30,INDEX(Jesper!$R$2:$R$366,ROW(INDEX(Jesper!AK$2:AK$366,ROUNDDOWN($C3836/24,0)+1,1))-1)+IF('Standard Profiles'!$G$21=$B$10,7,0)+IF('Standard Profiles'!$G$21=$B$17,14,0)+IF('Standard Profiles'!$G$21=$B$24,21,0),MOD($C3836,24)+1)/SUM(INDEX($D$3:$AA$30,INDEX(Jesper!$R$2:$R$366,ROW(INDEX(Jesper!AK$2:AK$366,ROUNDDOWN($C3836/24,0)+1,1))-1)+IF('Standard Profiles'!$G$21=$B$10,7,0)+IF('Standard Profiles'!$G$21=$B$17,14,0)+IF('Standard Profiles'!$G$21=$B$24,21,0),0)),0)</f>
        <v>1.7169213474124365</v>
      </c>
      <c r="H3836" cm="1">
        <f t="array" ref="H3836">IFERROR(INDEX(Jesper!AL$2:AL$366,ROUNDDOWN($C3836/24,0)+1,1)*INDEX($D$3:$AA$30,INDEX(Jesper!$R$2:$R$366,ROW(INDEX(Jesper!AL$2:AL$366,ROUNDDOWN($C3836/24,0)+1,1))-1)+IF('Standard Profiles'!$G$22=$B$10,7,0)+IF('Standard Profiles'!$G$22=$B$17,14,0)+IF('Standard Profiles'!$G$22=$B$24,21,0),MOD($C3836,24)+1)/SUM(INDEX($D$3:$AA$30,INDEX(Jesper!$R$2:$R$366,ROW(INDEX(Jesper!AL$2:AL$366,ROUNDDOWN($C3836/24,0)+1,1))-1)+IF('Standard Profiles'!$G$22=$B$10,7,0)+IF('Standard Profiles'!$G$22=$B$17,14,0)+IF('Standard Profiles'!$G$22=$B$24,21,0),0)),0)</f>
        <v>0</v>
      </c>
      <c r="I3836">
        <f t="shared" si="433"/>
        <v>0.82412224675796908</v>
      </c>
      <c r="J3836">
        <f t="shared" si="434"/>
        <v>36.421315026280105</v>
      </c>
      <c r="K3836">
        <f t="shared" si="435"/>
        <v>2.9301652614007954</v>
      </c>
      <c r="L3836">
        <f t="shared" si="436"/>
        <v>1.4650826307003977</v>
      </c>
      <c r="M3836">
        <f t="shared" si="437"/>
        <v>0</v>
      </c>
      <c r="N3836" s="45">
        <f t="shared" si="438"/>
        <v>45085.416666657446</v>
      </c>
    </row>
    <row r="3837" spans="2:14" x14ac:dyDescent="0.25">
      <c r="B3837">
        <f t="shared" si="432"/>
        <v>4</v>
      </c>
      <c r="C3837" s="16">
        <v>3803</v>
      </c>
      <c r="D3837" cm="1">
        <f t="array" ref="D3837">IFERROR(INDEX(Jesper!AH$2:AH$366,ROUNDDOWN($C3837/24,0)+1,1)*INDEX($D$3:$AA$30,INDEX(Jesper!$R$2:$R$366,ROW(INDEX(Jesper!AH$2:AH$366,ROUNDDOWN($C3837/24,0)+1,1))-1)+IF('Standard Profiles'!$G$18=$B$10,7,0)+IF('Standard Profiles'!$G$18=$B$17,14,0)+IF('Standard Profiles'!$G$18=$B$24,21,0),MOD($C3837,24)+1)/SUM(INDEX($D$3:$AA$30,INDEX(Jesper!$R$2:$R$366,ROW(INDEX(Jesper!AH$2:AH$366,ROUNDDOWN($C3837/24,0)+1,1))-1)+IF('Standard Profiles'!$G$18=$B$10,7,0)+IF('Standard Profiles'!$G$18=$B$17,14,0)+IF('Standard Profiles'!$G$18=$B$24,21,0),0)),0)</f>
        <v>32.87044363750892</v>
      </c>
      <c r="E3837" cm="1">
        <f t="array" ref="E3837">IFERROR(INDEX(Jesper!AI$2:AI$366,ROUNDDOWN($C3837/24,0)+1,1)*INDEX($D$3:$AA$30,INDEX(Jesper!$R$2:$R$366,ROW(INDEX(Jesper!AI$2:AI$366,ROUNDDOWN($C3837/24,0)+1,1))-1)+IF('Standard Profiles'!$G$19=$B$10,7,0)+IF('Standard Profiles'!$G$19=$B$17,14,0)+IF('Standard Profiles'!$G$19=$B$24,21,0),MOD($C3837,24)+1)/SUM(INDEX($D$3:$AA$30,INDEX(Jesper!$R$2:$R$366,ROW(INDEX(Jesper!AI$2:AI$366,ROUNDDOWN($C3837/24,0)+1,1))-1)+IF('Standard Profiles'!$G$19=$B$10,7,0)+IF('Standard Profiles'!$G$19=$B$17,14,0)+IF('Standard Profiles'!$G$19=$B$24,21,0),0)),0)</f>
        <v>14.901581443531729</v>
      </c>
      <c r="F3837" cm="1">
        <f t="array" ref="F3837">IFERROR(INDEX(Jesper!AJ$2:AJ$366,ROUNDDOWN($C3837/24,0)+1,1)*INDEX($D$3:$AA$30,INDEX(Jesper!$R$2:$R$366,ROW(INDEX(Jesper!AJ$2:AJ$366,ROUNDDOWN($C3837/24,0)+1,1))-1)+IF('Standard Profiles'!$G$20=$B$10,7,0)+IF('Standard Profiles'!$G$20=$B$17,14,0)+IF('Standard Profiles'!$G$20=$B$24,21,0),MOD($C3837,24)+1)/SUM(INDEX($D$3:$AA$30,INDEX(Jesper!$R$2:$R$366,ROW(INDEX(Jesper!AJ$2:AJ$366,ROUNDDOWN($C3837/24,0)+1,1))-1)+IF('Standard Profiles'!$G$20=$B$10,7,0)+IF('Standard Profiles'!$G$20=$B$17,14,0)+IF('Standard Profiles'!$G$20=$B$24,21,0),0)),0)</f>
        <v>0</v>
      </c>
      <c r="G3837" cm="1">
        <f t="array" ref="G3837">IFERROR(INDEX(Jesper!AK$2:AK$366,ROUNDDOWN($C3837/24,0)+1,1)*INDEX($D$3:$AA$30,INDEX(Jesper!$R$2:$R$366,ROW(INDEX(Jesper!AK$2:AK$366,ROUNDDOWN($C3837/24,0)+1,1))-1)+IF('Standard Profiles'!$G$21=$B$10,7,0)+IF('Standard Profiles'!$G$21=$B$17,14,0)+IF('Standard Profiles'!$G$21=$B$24,21,0),MOD($C3837,24)+1)/SUM(INDEX($D$3:$AA$30,INDEX(Jesper!$R$2:$R$366,ROW(INDEX(Jesper!AK$2:AK$366,ROUNDDOWN($C3837/24,0)+1,1))-1)+IF('Standard Profiles'!$G$21=$B$10,7,0)+IF('Standard Profiles'!$G$21=$B$17,14,0)+IF('Standard Profiles'!$G$21=$B$24,21,0),0)),0)</f>
        <v>2.0544358003225733</v>
      </c>
      <c r="H3837" cm="1">
        <f t="array" ref="H3837">IFERROR(INDEX(Jesper!AL$2:AL$366,ROUNDDOWN($C3837/24,0)+1,1)*INDEX($D$3:$AA$30,INDEX(Jesper!$R$2:$R$366,ROW(INDEX(Jesper!AL$2:AL$366,ROUNDDOWN($C3837/24,0)+1,1))-1)+IF('Standard Profiles'!$G$22=$B$10,7,0)+IF('Standard Profiles'!$G$22=$B$17,14,0)+IF('Standard Profiles'!$G$22=$B$24,21,0),MOD($C3837,24)+1)/SUM(INDEX($D$3:$AA$30,INDEX(Jesper!$R$2:$R$366,ROW(INDEX(Jesper!AL$2:AL$366,ROUNDDOWN($C3837/24,0)+1,1))-1)+IF('Standard Profiles'!$G$22=$B$10,7,0)+IF('Standard Profiles'!$G$22=$B$17,14,0)+IF('Standard Profiles'!$G$22=$B$24,21,0),0)),0)</f>
        <v>0</v>
      </c>
      <c r="I3837">
        <f t="shared" si="433"/>
        <v>0.98612918415483475</v>
      </c>
      <c r="J3837">
        <f t="shared" si="434"/>
        <v>43.581060715206959</v>
      </c>
      <c r="K3837">
        <f t="shared" si="435"/>
        <v>3.5061806546676184</v>
      </c>
      <c r="L3837">
        <f t="shared" si="436"/>
        <v>1.7530903273338092</v>
      </c>
      <c r="M3837">
        <f t="shared" si="437"/>
        <v>0</v>
      </c>
      <c r="N3837" s="45">
        <f t="shared" si="438"/>
        <v>45085.45833332411</v>
      </c>
    </row>
    <row r="3838" spans="2:14" x14ac:dyDescent="0.25">
      <c r="B3838">
        <f t="shared" si="432"/>
        <v>4</v>
      </c>
      <c r="C3838" s="16">
        <v>3804</v>
      </c>
      <c r="D3838" cm="1">
        <f t="array" ref="D3838">IFERROR(INDEX(Jesper!AH$2:AH$366,ROUNDDOWN($C3838/24,0)+1,1)*INDEX($D$3:$AA$30,INDEX(Jesper!$R$2:$R$366,ROW(INDEX(Jesper!AH$2:AH$366,ROUNDDOWN($C3838/24,0)+1,1))-1)+IF('Standard Profiles'!$G$18=$B$10,7,0)+IF('Standard Profiles'!$G$18=$B$17,14,0)+IF('Standard Profiles'!$G$18=$B$24,21,0),MOD($C3838,24)+1)/SUM(INDEX($D$3:$AA$30,INDEX(Jesper!$R$2:$R$366,ROW(INDEX(Jesper!AH$2:AH$366,ROUNDDOWN($C3838/24,0)+1,1))-1)+IF('Standard Profiles'!$G$18=$B$10,7,0)+IF('Standard Profiles'!$G$18=$B$17,14,0)+IF('Standard Profiles'!$G$18=$B$24,21,0),0)),0)</f>
        <v>32.87044363750892</v>
      </c>
      <c r="E3838" cm="1">
        <f t="array" ref="E3838">IFERROR(INDEX(Jesper!AI$2:AI$366,ROUNDDOWN($C3838/24,0)+1,1)*INDEX($D$3:$AA$30,INDEX(Jesper!$R$2:$R$366,ROW(INDEX(Jesper!AI$2:AI$366,ROUNDDOWN($C3838/24,0)+1,1))-1)+IF('Standard Profiles'!$G$19=$B$10,7,0)+IF('Standard Profiles'!$G$19=$B$17,14,0)+IF('Standard Profiles'!$G$19=$B$24,21,0),MOD($C3838,24)+1)/SUM(INDEX($D$3:$AA$30,INDEX(Jesper!$R$2:$R$366,ROW(INDEX(Jesper!AI$2:AI$366,ROUNDDOWN($C3838/24,0)+1,1))-1)+IF('Standard Profiles'!$G$19=$B$10,7,0)+IF('Standard Profiles'!$G$19=$B$17,14,0)+IF('Standard Profiles'!$G$19=$B$24,21,0),0)),0)</f>
        <v>14.901581443531729</v>
      </c>
      <c r="F3838" cm="1">
        <f t="array" ref="F3838">IFERROR(INDEX(Jesper!AJ$2:AJ$366,ROUNDDOWN($C3838/24,0)+1,1)*INDEX($D$3:$AA$30,INDEX(Jesper!$R$2:$R$366,ROW(INDEX(Jesper!AJ$2:AJ$366,ROUNDDOWN($C3838/24,0)+1,1))-1)+IF('Standard Profiles'!$G$20=$B$10,7,0)+IF('Standard Profiles'!$G$20=$B$17,14,0)+IF('Standard Profiles'!$G$20=$B$24,21,0),MOD($C3838,24)+1)/SUM(INDEX($D$3:$AA$30,INDEX(Jesper!$R$2:$R$366,ROW(INDEX(Jesper!AJ$2:AJ$366,ROUNDDOWN($C3838/24,0)+1,1))-1)+IF('Standard Profiles'!$G$20=$B$10,7,0)+IF('Standard Profiles'!$G$20=$B$17,14,0)+IF('Standard Profiles'!$G$20=$B$24,21,0),0)),0)</f>
        <v>0</v>
      </c>
      <c r="G3838" cm="1">
        <f t="array" ref="G3838">IFERROR(INDEX(Jesper!AK$2:AK$366,ROUNDDOWN($C3838/24,0)+1,1)*INDEX($D$3:$AA$30,INDEX(Jesper!$R$2:$R$366,ROW(INDEX(Jesper!AK$2:AK$366,ROUNDDOWN($C3838/24,0)+1,1))-1)+IF('Standard Profiles'!$G$21=$B$10,7,0)+IF('Standard Profiles'!$G$21=$B$17,14,0)+IF('Standard Profiles'!$G$21=$B$24,21,0),MOD($C3838,24)+1)/SUM(INDEX($D$3:$AA$30,INDEX(Jesper!$R$2:$R$366,ROW(INDEX(Jesper!AK$2:AK$366,ROUNDDOWN($C3838/24,0)+1,1))-1)+IF('Standard Profiles'!$G$21=$B$10,7,0)+IF('Standard Profiles'!$G$21=$B$17,14,0)+IF('Standard Profiles'!$G$21=$B$24,21,0),0)),0)</f>
        <v>2.0544358003225733</v>
      </c>
      <c r="H3838" cm="1">
        <f t="array" ref="H3838">IFERROR(INDEX(Jesper!AL$2:AL$366,ROUNDDOWN($C3838/24,0)+1,1)*INDEX($D$3:$AA$30,INDEX(Jesper!$R$2:$R$366,ROW(INDEX(Jesper!AL$2:AL$366,ROUNDDOWN($C3838/24,0)+1,1))-1)+IF('Standard Profiles'!$G$22=$B$10,7,0)+IF('Standard Profiles'!$G$22=$B$17,14,0)+IF('Standard Profiles'!$G$22=$B$24,21,0),MOD($C3838,24)+1)/SUM(INDEX($D$3:$AA$30,INDEX(Jesper!$R$2:$R$366,ROW(INDEX(Jesper!AL$2:AL$366,ROUNDDOWN($C3838/24,0)+1,1))-1)+IF('Standard Profiles'!$G$22=$B$10,7,0)+IF('Standard Profiles'!$G$22=$B$17,14,0)+IF('Standard Profiles'!$G$22=$B$24,21,0),0)),0)</f>
        <v>0</v>
      </c>
      <c r="I3838">
        <f t="shared" si="433"/>
        <v>0.98612918415483475</v>
      </c>
      <c r="J3838">
        <f t="shared" si="434"/>
        <v>43.581060715206959</v>
      </c>
      <c r="K3838">
        <f t="shared" si="435"/>
        <v>3.5061806546676184</v>
      </c>
      <c r="L3838">
        <f t="shared" si="436"/>
        <v>1.7530903273338092</v>
      </c>
      <c r="M3838">
        <f t="shared" si="437"/>
        <v>0</v>
      </c>
      <c r="N3838" s="45">
        <f t="shared" si="438"/>
        <v>45085.499999990774</v>
      </c>
    </row>
    <row r="3839" spans="2:14" x14ac:dyDescent="0.25">
      <c r="B3839">
        <f t="shared" si="432"/>
        <v>4</v>
      </c>
      <c r="C3839" s="16">
        <v>3805</v>
      </c>
      <c r="D3839" cm="1">
        <f t="array" ref="D3839">IFERROR(INDEX(Jesper!AH$2:AH$366,ROUNDDOWN($C3839/24,0)+1,1)*INDEX($D$3:$AA$30,INDEX(Jesper!$R$2:$R$366,ROW(INDEX(Jesper!AH$2:AH$366,ROUNDDOWN($C3839/24,0)+1,1))-1)+IF('Standard Profiles'!$G$18=$B$10,7,0)+IF('Standard Profiles'!$G$18=$B$17,14,0)+IF('Standard Profiles'!$G$18=$B$24,21,0),MOD($C3839,24)+1)/SUM(INDEX($D$3:$AA$30,INDEX(Jesper!$R$2:$R$366,ROW(INDEX(Jesper!AH$2:AH$366,ROUNDDOWN($C3839/24,0)+1,1))-1)+IF('Standard Profiles'!$G$18=$B$10,7,0)+IF('Standard Profiles'!$G$18=$B$17,14,0)+IF('Standard Profiles'!$G$18=$B$24,21,0),0)),0)</f>
        <v>21.835366130630927</v>
      </c>
      <c r="E3839" cm="1">
        <f t="array" ref="E3839">IFERROR(INDEX(Jesper!AI$2:AI$366,ROUNDDOWN($C3839/24,0)+1,1)*INDEX($D$3:$AA$30,INDEX(Jesper!$R$2:$R$366,ROW(INDEX(Jesper!AI$2:AI$366,ROUNDDOWN($C3839/24,0)+1,1))-1)+IF('Standard Profiles'!$G$19=$B$10,7,0)+IF('Standard Profiles'!$G$19=$B$17,14,0)+IF('Standard Profiles'!$G$19=$B$24,21,0),MOD($C3839,24)+1)/SUM(INDEX($D$3:$AA$30,INDEX(Jesper!$R$2:$R$366,ROW(INDEX(Jesper!AI$2:AI$366,ROUNDDOWN($C3839/24,0)+1,1))-1)+IF('Standard Profiles'!$G$19=$B$10,7,0)+IF('Standard Profiles'!$G$19=$B$17,14,0)+IF('Standard Profiles'!$G$19=$B$24,21,0),0)),0)</f>
        <v>9.8989076732032206</v>
      </c>
      <c r="F3839" cm="1">
        <f t="array" ref="F3839">IFERROR(INDEX(Jesper!AJ$2:AJ$366,ROUNDDOWN($C3839/24,0)+1,1)*INDEX($D$3:$AA$30,INDEX(Jesper!$R$2:$R$366,ROW(INDEX(Jesper!AJ$2:AJ$366,ROUNDDOWN($C3839/24,0)+1,1))-1)+IF('Standard Profiles'!$G$20=$B$10,7,0)+IF('Standard Profiles'!$G$20=$B$17,14,0)+IF('Standard Profiles'!$G$20=$B$24,21,0),MOD($C3839,24)+1)/SUM(INDEX($D$3:$AA$30,INDEX(Jesper!$R$2:$R$366,ROW(INDEX(Jesper!AJ$2:AJ$366,ROUNDDOWN($C3839/24,0)+1,1))-1)+IF('Standard Profiles'!$G$20=$B$10,7,0)+IF('Standard Profiles'!$G$20=$B$17,14,0)+IF('Standard Profiles'!$G$20=$B$24,21,0),0)),0)</f>
        <v>0</v>
      </c>
      <c r="G3839" cm="1">
        <f t="array" ref="G3839">IFERROR(INDEX(Jesper!AK$2:AK$366,ROUNDDOWN($C3839/24,0)+1,1)*INDEX($D$3:$AA$30,INDEX(Jesper!$R$2:$R$366,ROW(INDEX(Jesper!AK$2:AK$366,ROUNDDOWN($C3839/24,0)+1,1))-1)+IF('Standard Profiles'!$G$21=$B$10,7,0)+IF('Standard Profiles'!$G$21=$B$17,14,0)+IF('Standard Profiles'!$G$21=$B$24,21,0),MOD($C3839,24)+1)/SUM(INDEX($D$3:$AA$30,INDEX(Jesper!$R$2:$R$366,ROW(INDEX(Jesper!AK$2:AK$366,ROUNDDOWN($C3839/24,0)+1,1))-1)+IF('Standard Profiles'!$G$21=$B$10,7,0)+IF('Standard Profiles'!$G$21=$B$17,14,0)+IF('Standard Profiles'!$G$21=$B$24,21,0),0)),0)</f>
        <v>1.3647323530714239</v>
      </c>
      <c r="H3839" cm="1">
        <f t="array" ref="H3839">IFERROR(INDEX(Jesper!AL$2:AL$366,ROUNDDOWN($C3839/24,0)+1,1)*INDEX($D$3:$AA$30,INDEX(Jesper!$R$2:$R$366,ROW(INDEX(Jesper!AL$2:AL$366,ROUNDDOWN($C3839/24,0)+1,1))-1)+IF('Standard Profiles'!$G$22=$B$10,7,0)+IF('Standard Profiles'!$G$22=$B$17,14,0)+IF('Standard Profiles'!$G$22=$B$24,21,0),MOD($C3839,24)+1)/SUM(INDEX($D$3:$AA$30,INDEX(Jesper!$R$2:$R$366,ROW(INDEX(Jesper!AL$2:AL$366,ROUNDDOWN($C3839/24,0)+1,1))-1)+IF('Standard Profiles'!$G$22=$B$10,7,0)+IF('Standard Profiles'!$G$22=$B$17,14,0)+IF('Standard Profiles'!$G$22=$B$24,21,0),0)),0)</f>
        <v>0</v>
      </c>
      <c r="I3839">
        <f t="shared" si="433"/>
        <v>0.65507152947428315</v>
      </c>
      <c r="J3839">
        <f t="shared" si="434"/>
        <v>28.950276046530341</v>
      </c>
      <c r="K3839">
        <f t="shared" si="435"/>
        <v>2.3291057206006323</v>
      </c>
      <c r="L3839">
        <f t="shared" si="436"/>
        <v>1.1645528603003161</v>
      </c>
      <c r="M3839">
        <f t="shared" si="437"/>
        <v>0</v>
      </c>
      <c r="N3839" s="45">
        <f t="shared" si="438"/>
        <v>45085.541666657438</v>
      </c>
    </row>
    <row r="3840" spans="2:14" x14ac:dyDescent="0.25">
      <c r="B3840">
        <f t="shared" si="432"/>
        <v>4</v>
      </c>
      <c r="C3840" s="16">
        <v>3806</v>
      </c>
      <c r="D3840" cm="1">
        <f t="array" ref="D3840">IFERROR(INDEX(Jesper!AH$2:AH$366,ROUNDDOWN($C3840/24,0)+1,1)*INDEX($D$3:$AA$30,INDEX(Jesper!$R$2:$R$366,ROW(INDEX(Jesper!AH$2:AH$366,ROUNDDOWN($C3840/24,0)+1,1))-1)+IF('Standard Profiles'!$G$18=$B$10,7,0)+IF('Standard Profiles'!$G$18=$B$17,14,0)+IF('Standard Profiles'!$G$18=$B$24,21,0),MOD($C3840,24)+1)/SUM(INDEX($D$3:$AA$30,INDEX(Jesper!$R$2:$R$366,ROW(INDEX(Jesper!AH$2:AH$366,ROUNDDOWN($C3840/24,0)+1,1))-1)+IF('Standard Profiles'!$G$18=$B$10,7,0)+IF('Standard Profiles'!$G$18=$B$17,14,0)+IF('Standard Profiles'!$G$18=$B$24,21,0),0)),0)</f>
        <v>32.87044363750892</v>
      </c>
      <c r="E3840" cm="1">
        <f t="array" ref="E3840">IFERROR(INDEX(Jesper!AI$2:AI$366,ROUNDDOWN($C3840/24,0)+1,1)*INDEX($D$3:$AA$30,INDEX(Jesper!$R$2:$R$366,ROW(INDEX(Jesper!AI$2:AI$366,ROUNDDOWN($C3840/24,0)+1,1))-1)+IF('Standard Profiles'!$G$19=$B$10,7,0)+IF('Standard Profiles'!$G$19=$B$17,14,0)+IF('Standard Profiles'!$G$19=$B$24,21,0),MOD($C3840,24)+1)/SUM(INDEX($D$3:$AA$30,INDEX(Jesper!$R$2:$R$366,ROW(INDEX(Jesper!AI$2:AI$366,ROUNDDOWN($C3840/24,0)+1,1))-1)+IF('Standard Profiles'!$G$19=$B$10,7,0)+IF('Standard Profiles'!$G$19=$B$17,14,0)+IF('Standard Profiles'!$G$19=$B$24,21,0),0)),0)</f>
        <v>14.901581443531729</v>
      </c>
      <c r="F3840" cm="1">
        <f t="array" ref="F3840">IFERROR(INDEX(Jesper!AJ$2:AJ$366,ROUNDDOWN($C3840/24,0)+1,1)*INDEX($D$3:$AA$30,INDEX(Jesper!$R$2:$R$366,ROW(INDEX(Jesper!AJ$2:AJ$366,ROUNDDOWN($C3840/24,0)+1,1))-1)+IF('Standard Profiles'!$G$20=$B$10,7,0)+IF('Standard Profiles'!$G$20=$B$17,14,0)+IF('Standard Profiles'!$G$20=$B$24,21,0),MOD($C3840,24)+1)/SUM(INDEX($D$3:$AA$30,INDEX(Jesper!$R$2:$R$366,ROW(INDEX(Jesper!AJ$2:AJ$366,ROUNDDOWN($C3840/24,0)+1,1))-1)+IF('Standard Profiles'!$G$20=$B$10,7,0)+IF('Standard Profiles'!$G$20=$B$17,14,0)+IF('Standard Profiles'!$G$20=$B$24,21,0),0)),0)</f>
        <v>0</v>
      </c>
      <c r="G3840" cm="1">
        <f t="array" ref="G3840">IFERROR(INDEX(Jesper!AK$2:AK$366,ROUNDDOWN($C3840/24,0)+1,1)*INDEX($D$3:$AA$30,INDEX(Jesper!$R$2:$R$366,ROW(INDEX(Jesper!AK$2:AK$366,ROUNDDOWN($C3840/24,0)+1,1))-1)+IF('Standard Profiles'!$G$21=$B$10,7,0)+IF('Standard Profiles'!$G$21=$B$17,14,0)+IF('Standard Profiles'!$G$21=$B$24,21,0),MOD($C3840,24)+1)/SUM(INDEX($D$3:$AA$30,INDEX(Jesper!$R$2:$R$366,ROW(INDEX(Jesper!AK$2:AK$366,ROUNDDOWN($C3840/24,0)+1,1))-1)+IF('Standard Profiles'!$G$21=$B$10,7,0)+IF('Standard Profiles'!$G$21=$B$17,14,0)+IF('Standard Profiles'!$G$21=$B$24,21,0),0)),0)</f>
        <v>2.0544358003225733</v>
      </c>
      <c r="H3840" cm="1">
        <f t="array" ref="H3840">IFERROR(INDEX(Jesper!AL$2:AL$366,ROUNDDOWN($C3840/24,0)+1,1)*INDEX($D$3:$AA$30,INDEX(Jesper!$R$2:$R$366,ROW(INDEX(Jesper!AL$2:AL$366,ROUNDDOWN($C3840/24,0)+1,1))-1)+IF('Standard Profiles'!$G$22=$B$10,7,0)+IF('Standard Profiles'!$G$22=$B$17,14,0)+IF('Standard Profiles'!$G$22=$B$24,21,0),MOD($C3840,24)+1)/SUM(INDEX($D$3:$AA$30,INDEX(Jesper!$R$2:$R$366,ROW(INDEX(Jesper!AL$2:AL$366,ROUNDDOWN($C3840/24,0)+1,1))-1)+IF('Standard Profiles'!$G$22=$B$10,7,0)+IF('Standard Profiles'!$G$22=$B$17,14,0)+IF('Standard Profiles'!$G$22=$B$24,21,0),0)),0)</f>
        <v>0</v>
      </c>
      <c r="I3840">
        <f t="shared" si="433"/>
        <v>0.98612918415483475</v>
      </c>
      <c r="J3840">
        <f t="shared" si="434"/>
        <v>43.581060715206959</v>
      </c>
      <c r="K3840">
        <f t="shared" si="435"/>
        <v>3.5061806546676184</v>
      </c>
      <c r="L3840">
        <f t="shared" si="436"/>
        <v>1.7530903273338092</v>
      </c>
      <c r="M3840">
        <f t="shared" si="437"/>
        <v>0</v>
      </c>
      <c r="N3840" s="45">
        <f t="shared" si="438"/>
        <v>45085.583333324103</v>
      </c>
    </row>
    <row r="3841" spans="2:14" x14ac:dyDescent="0.25">
      <c r="B3841">
        <f t="shared" si="432"/>
        <v>4</v>
      </c>
      <c r="C3841" s="16">
        <v>3807</v>
      </c>
      <c r="D3841" cm="1">
        <f t="array" ref="D3841">IFERROR(INDEX(Jesper!AH$2:AH$366,ROUNDDOWN($C3841/24,0)+1,1)*INDEX($D$3:$AA$30,INDEX(Jesper!$R$2:$R$366,ROW(INDEX(Jesper!AH$2:AH$366,ROUNDDOWN($C3841/24,0)+1,1))-1)+IF('Standard Profiles'!$G$18=$B$10,7,0)+IF('Standard Profiles'!$G$18=$B$17,14,0)+IF('Standard Profiles'!$G$18=$B$24,21,0),MOD($C3841,24)+1)/SUM(INDEX($D$3:$AA$30,INDEX(Jesper!$R$2:$R$366,ROW(INDEX(Jesper!AH$2:AH$366,ROUNDDOWN($C3841/24,0)+1,1))-1)+IF('Standard Profiles'!$G$18=$B$10,7,0)+IF('Standard Profiles'!$G$18=$B$17,14,0)+IF('Standard Profiles'!$G$18=$B$24,21,0),0)),0)</f>
        <v>32.87044363750892</v>
      </c>
      <c r="E3841" cm="1">
        <f t="array" ref="E3841">IFERROR(INDEX(Jesper!AI$2:AI$366,ROUNDDOWN($C3841/24,0)+1,1)*INDEX($D$3:$AA$30,INDEX(Jesper!$R$2:$R$366,ROW(INDEX(Jesper!AI$2:AI$366,ROUNDDOWN($C3841/24,0)+1,1))-1)+IF('Standard Profiles'!$G$19=$B$10,7,0)+IF('Standard Profiles'!$G$19=$B$17,14,0)+IF('Standard Profiles'!$G$19=$B$24,21,0),MOD($C3841,24)+1)/SUM(INDEX($D$3:$AA$30,INDEX(Jesper!$R$2:$R$366,ROW(INDEX(Jesper!AI$2:AI$366,ROUNDDOWN($C3841/24,0)+1,1))-1)+IF('Standard Profiles'!$G$19=$B$10,7,0)+IF('Standard Profiles'!$G$19=$B$17,14,0)+IF('Standard Profiles'!$G$19=$B$24,21,0),0)),0)</f>
        <v>14.901581443531729</v>
      </c>
      <c r="F3841" cm="1">
        <f t="array" ref="F3841">IFERROR(INDEX(Jesper!AJ$2:AJ$366,ROUNDDOWN($C3841/24,0)+1,1)*INDEX($D$3:$AA$30,INDEX(Jesper!$R$2:$R$366,ROW(INDEX(Jesper!AJ$2:AJ$366,ROUNDDOWN($C3841/24,0)+1,1))-1)+IF('Standard Profiles'!$G$20=$B$10,7,0)+IF('Standard Profiles'!$G$20=$B$17,14,0)+IF('Standard Profiles'!$G$20=$B$24,21,0),MOD($C3841,24)+1)/SUM(INDEX($D$3:$AA$30,INDEX(Jesper!$R$2:$R$366,ROW(INDEX(Jesper!AJ$2:AJ$366,ROUNDDOWN($C3841/24,0)+1,1))-1)+IF('Standard Profiles'!$G$20=$B$10,7,0)+IF('Standard Profiles'!$G$20=$B$17,14,0)+IF('Standard Profiles'!$G$20=$B$24,21,0),0)),0)</f>
        <v>0</v>
      </c>
      <c r="G3841" cm="1">
        <f t="array" ref="G3841">IFERROR(INDEX(Jesper!AK$2:AK$366,ROUNDDOWN($C3841/24,0)+1,1)*INDEX($D$3:$AA$30,INDEX(Jesper!$R$2:$R$366,ROW(INDEX(Jesper!AK$2:AK$366,ROUNDDOWN($C3841/24,0)+1,1))-1)+IF('Standard Profiles'!$G$21=$B$10,7,0)+IF('Standard Profiles'!$G$21=$B$17,14,0)+IF('Standard Profiles'!$G$21=$B$24,21,0),MOD($C3841,24)+1)/SUM(INDEX($D$3:$AA$30,INDEX(Jesper!$R$2:$R$366,ROW(INDEX(Jesper!AK$2:AK$366,ROUNDDOWN($C3841/24,0)+1,1))-1)+IF('Standard Profiles'!$G$21=$B$10,7,0)+IF('Standard Profiles'!$G$21=$B$17,14,0)+IF('Standard Profiles'!$G$21=$B$24,21,0),0)),0)</f>
        <v>2.0544358003225733</v>
      </c>
      <c r="H3841" cm="1">
        <f t="array" ref="H3841">IFERROR(INDEX(Jesper!AL$2:AL$366,ROUNDDOWN($C3841/24,0)+1,1)*INDEX($D$3:$AA$30,INDEX(Jesper!$R$2:$R$366,ROW(INDEX(Jesper!AL$2:AL$366,ROUNDDOWN($C3841/24,0)+1,1))-1)+IF('Standard Profiles'!$G$22=$B$10,7,0)+IF('Standard Profiles'!$G$22=$B$17,14,0)+IF('Standard Profiles'!$G$22=$B$24,21,0),MOD($C3841,24)+1)/SUM(INDEX($D$3:$AA$30,INDEX(Jesper!$R$2:$R$366,ROW(INDEX(Jesper!AL$2:AL$366,ROUNDDOWN($C3841/24,0)+1,1))-1)+IF('Standard Profiles'!$G$22=$B$10,7,0)+IF('Standard Profiles'!$G$22=$B$17,14,0)+IF('Standard Profiles'!$G$22=$B$24,21,0),0)),0)</f>
        <v>0</v>
      </c>
      <c r="I3841">
        <f t="shared" si="433"/>
        <v>0.98612918415483475</v>
      </c>
      <c r="J3841">
        <f t="shared" si="434"/>
        <v>43.581060715206959</v>
      </c>
      <c r="K3841">
        <f t="shared" si="435"/>
        <v>3.5061806546676184</v>
      </c>
      <c r="L3841">
        <f t="shared" si="436"/>
        <v>1.7530903273338092</v>
      </c>
      <c r="M3841">
        <f t="shared" si="437"/>
        <v>0</v>
      </c>
      <c r="N3841" s="45">
        <f t="shared" si="438"/>
        <v>45085.624999990767</v>
      </c>
    </row>
    <row r="3842" spans="2:14" x14ac:dyDescent="0.25">
      <c r="B3842">
        <f t="shared" si="432"/>
        <v>4</v>
      </c>
      <c r="C3842" s="16">
        <v>3808</v>
      </c>
      <c r="D3842" cm="1">
        <f t="array" ref="D3842">IFERROR(INDEX(Jesper!AH$2:AH$366,ROUNDDOWN($C3842/24,0)+1,1)*INDEX($D$3:$AA$30,INDEX(Jesper!$R$2:$R$366,ROW(INDEX(Jesper!AH$2:AH$366,ROUNDDOWN($C3842/24,0)+1,1))-1)+IF('Standard Profiles'!$G$18=$B$10,7,0)+IF('Standard Profiles'!$G$18=$B$17,14,0)+IF('Standard Profiles'!$G$18=$B$24,21,0),MOD($C3842,24)+1)/SUM(INDEX($D$3:$AA$30,INDEX(Jesper!$R$2:$R$366,ROW(INDEX(Jesper!AH$2:AH$366,ROUNDDOWN($C3842/24,0)+1,1))-1)+IF('Standard Profiles'!$G$18=$B$10,7,0)+IF('Standard Profiles'!$G$18=$B$17,14,0)+IF('Standard Profiles'!$G$18=$B$24,21,0),0)),0)</f>
        <v>19.37008285781776</v>
      </c>
      <c r="E3842" cm="1">
        <f t="array" ref="E3842">IFERROR(INDEX(Jesper!AI$2:AI$366,ROUNDDOWN($C3842/24,0)+1,1)*INDEX($D$3:$AA$30,INDEX(Jesper!$R$2:$R$366,ROW(INDEX(Jesper!AI$2:AI$366,ROUNDDOWN($C3842/24,0)+1,1))-1)+IF('Standard Profiles'!$G$19=$B$10,7,0)+IF('Standard Profiles'!$G$19=$B$17,14,0)+IF('Standard Profiles'!$G$19=$B$24,21,0),MOD($C3842,24)+1)/SUM(INDEX($D$3:$AA$30,INDEX(Jesper!$R$2:$R$366,ROW(INDEX(Jesper!AI$2:AI$366,ROUNDDOWN($C3842/24,0)+1,1))-1)+IF('Standard Profiles'!$G$19=$B$10,7,0)+IF('Standard Profiles'!$G$19=$B$17,14,0)+IF('Standard Profiles'!$G$19=$B$24,21,0),0)),0)</f>
        <v>8.7812890649383402</v>
      </c>
      <c r="F3842" cm="1">
        <f t="array" ref="F3842">IFERROR(INDEX(Jesper!AJ$2:AJ$366,ROUNDDOWN($C3842/24,0)+1,1)*INDEX($D$3:$AA$30,INDEX(Jesper!$R$2:$R$366,ROW(INDEX(Jesper!AJ$2:AJ$366,ROUNDDOWN($C3842/24,0)+1,1))-1)+IF('Standard Profiles'!$G$20=$B$10,7,0)+IF('Standard Profiles'!$G$20=$B$17,14,0)+IF('Standard Profiles'!$G$20=$B$24,21,0),MOD($C3842,24)+1)/SUM(INDEX($D$3:$AA$30,INDEX(Jesper!$R$2:$R$366,ROW(INDEX(Jesper!AJ$2:AJ$366,ROUNDDOWN($C3842/24,0)+1,1))-1)+IF('Standard Profiles'!$G$20=$B$10,7,0)+IF('Standard Profiles'!$G$20=$B$17,14,0)+IF('Standard Profiles'!$G$20=$B$24,21,0),0)),0)</f>
        <v>0</v>
      </c>
      <c r="G3842" cm="1">
        <f t="array" ref="G3842">IFERROR(INDEX(Jesper!AK$2:AK$366,ROUNDDOWN($C3842/24,0)+1,1)*INDEX($D$3:$AA$30,INDEX(Jesper!$R$2:$R$366,ROW(INDEX(Jesper!AK$2:AK$366,ROUNDDOWN($C3842/24,0)+1,1))-1)+IF('Standard Profiles'!$G$21=$B$10,7,0)+IF('Standard Profiles'!$G$21=$B$17,14,0)+IF('Standard Profiles'!$G$21=$B$24,21,0),MOD($C3842,24)+1)/SUM(INDEX($D$3:$AA$30,INDEX(Jesper!$R$2:$R$366,ROW(INDEX(Jesper!AK$2:AK$366,ROUNDDOWN($C3842/24,0)+1,1))-1)+IF('Standard Profiles'!$G$21=$B$10,7,0)+IF('Standard Profiles'!$G$21=$B$17,14,0)+IF('Standard Profiles'!$G$21=$B$24,21,0),0)),0)</f>
        <v>1.7166683380774217</v>
      </c>
      <c r="H3842" cm="1">
        <f t="array" ref="H3842">IFERROR(INDEX(Jesper!AL$2:AL$366,ROUNDDOWN($C3842/24,0)+1,1)*INDEX($D$3:$AA$30,INDEX(Jesper!$R$2:$R$366,ROW(INDEX(Jesper!AL$2:AL$366,ROUNDDOWN($C3842/24,0)+1,1))-1)+IF('Standard Profiles'!$G$22=$B$10,7,0)+IF('Standard Profiles'!$G$22=$B$17,14,0)+IF('Standard Profiles'!$G$22=$B$24,21,0),MOD($C3842,24)+1)/SUM(INDEX($D$3:$AA$30,INDEX(Jesper!$R$2:$R$366,ROW(INDEX(Jesper!AL$2:AL$366,ROUNDDOWN($C3842/24,0)+1,1))-1)+IF('Standard Profiles'!$G$22=$B$10,7,0)+IF('Standard Profiles'!$G$22=$B$17,14,0)+IF('Standard Profiles'!$G$22=$B$24,21,0),0)),0)</f>
        <v>0</v>
      </c>
      <c r="I3842">
        <f t="shared" si="433"/>
        <v>0.82400080227716199</v>
      </c>
      <c r="J3842">
        <f t="shared" si="434"/>
        <v>25.944826201305521</v>
      </c>
      <c r="K3842">
        <f t="shared" si="435"/>
        <v>2.066142171500561</v>
      </c>
      <c r="L3842">
        <f t="shared" si="436"/>
        <v>1.0330710857502805</v>
      </c>
      <c r="M3842">
        <f t="shared" si="437"/>
        <v>0</v>
      </c>
      <c r="N3842" s="45">
        <f t="shared" si="438"/>
        <v>45085.666666657431</v>
      </c>
    </row>
    <row r="3843" spans="2:14" x14ac:dyDescent="0.25">
      <c r="B3843">
        <f t="shared" si="432"/>
        <v>4</v>
      </c>
      <c r="C3843" s="16">
        <v>3809</v>
      </c>
      <c r="D3843" cm="1">
        <f t="array" ref="D3843">IFERROR(INDEX(Jesper!AH$2:AH$366,ROUNDDOWN($C3843/24,0)+1,1)*INDEX($D$3:$AA$30,INDEX(Jesper!$R$2:$R$366,ROW(INDEX(Jesper!AH$2:AH$366,ROUNDDOWN($C3843/24,0)+1,1))-1)+IF('Standard Profiles'!$G$18=$B$10,7,0)+IF('Standard Profiles'!$G$18=$B$17,14,0)+IF('Standard Profiles'!$G$18=$B$24,21,0),MOD($C3843,24)+1)/SUM(INDEX($D$3:$AA$30,INDEX(Jesper!$R$2:$R$366,ROW(INDEX(Jesper!AH$2:AH$366,ROUNDDOWN($C3843/24,0)+1,1))-1)+IF('Standard Profiles'!$G$18=$B$10,7,0)+IF('Standard Profiles'!$G$18=$B$17,14,0)+IF('Standard Profiles'!$G$18=$B$24,21,0),0)),0)</f>
        <v>8.267214194544497</v>
      </c>
      <c r="E3843" cm="1">
        <f t="array" ref="E3843">IFERROR(INDEX(Jesper!AI$2:AI$366,ROUNDDOWN($C3843/24,0)+1,1)*INDEX($D$3:$AA$30,INDEX(Jesper!$R$2:$R$366,ROW(INDEX(Jesper!AI$2:AI$366,ROUNDDOWN($C3843/24,0)+1,1))-1)+IF('Standard Profiles'!$G$19=$B$10,7,0)+IF('Standard Profiles'!$G$19=$B$17,14,0)+IF('Standard Profiles'!$G$19=$B$24,21,0),MOD($C3843,24)+1)/SUM(INDEX($D$3:$AA$30,INDEX(Jesper!$R$2:$R$366,ROW(INDEX(Jesper!AI$2:AI$366,ROUNDDOWN($C3843/24,0)+1,1))-1)+IF('Standard Profiles'!$G$19=$B$10,7,0)+IF('Standard Profiles'!$G$19=$B$17,14,0)+IF('Standard Profiles'!$G$19=$B$24,21,0),0)),0)</f>
        <v>3.7478826568238759</v>
      </c>
      <c r="F3843" cm="1">
        <f t="array" ref="F3843">IFERROR(INDEX(Jesper!AJ$2:AJ$366,ROUNDDOWN($C3843/24,0)+1,1)*INDEX($D$3:$AA$30,INDEX(Jesper!$R$2:$R$366,ROW(INDEX(Jesper!AJ$2:AJ$366,ROUNDDOWN($C3843/24,0)+1,1))-1)+IF('Standard Profiles'!$G$20=$B$10,7,0)+IF('Standard Profiles'!$G$20=$B$17,14,0)+IF('Standard Profiles'!$G$20=$B$24,21,0),MOD($C3843,24)+1)/SUM(INDEX($D$3:$AA$30,INDEX(Jesper!$R$2:$R$366,ROW(INDEX(Jesper!AJ$2:AJ$366,ROUNDDOWN($C3843/24,0)+1,1))-1)+IF('Standard Profiles'!$G$20=$B$10,7,0)+IF('Standard Profiles'!$G$20=$B$17,14,0)+IF('Standard Profiles'!$G$20=$B$24,21,0),0)),0)</f>
        <v>0</v>
      </c>
      <c r="G3843" cm="1">
        <f t="array" ref="G3843">IFERROR(INDEX(Jesper!AK$2:AK$366,ROUNDDOWN($C3843/24,0)+1,1)*INDEX($D$3:$AA$30,INDEX(Jesper!$R$2:$R$366,ROW(INDEX(Jesper!AK$2:AK$366,ROUNDDOWN($C3843/24,0)+1,1))-1)+IF('Standard Profiles'!$G$21=$B$10,7,0)+IF('Standard Profiles'!$G$21=$B$17,14,0)+IF('Standard Profiles'!$G$21=$B$24,21,0),MOD($C3843,24)+1)/SUM(INDEX($D$3:$AA$30,INDEX(Jesper!$R$2:$R$366,ROW(INDEX(Jesper!AK$2:AK$366,ROUNDDOWN($C3843/24,0)+1,1))-1)+IF('Standard Profiles'!$G$21=$B$10,7,0)+IF('Standard Profiles'!$G$21=$B$17,14,0)+IF('Standard Profiles'!$G$21=$B$24,21,0),0)),0)</f>
        <v>1.364985362406439</v>
      </c>
      <c r="H3843" cm="1">
        <f t="array" ref="H3843">IFERROR(INDEX(Jesper!AL$2:AL$366,ROUNDDOWN($C3843/24,0)+1,1)*INDEX($D$3:$AA$30,INDEX(Jesper!$R$2:$R$366,ROW(INDEX(Jesper!AL$2:AL$366,ROUNDDOWN($C3843/24,0)+1,1))-1)+IF('Standard Profiles'!$G$22=$B$10,7,0)+IF('Standard Profiles'!$G$22=$B$17,14,0)+IF('Standard Profiles'!$G$22=$B$24,21,0),MOD($C3843,24)+1)/SUM(INDEX($D$3:$AA$30,INDEX(Jesper!$R$2:$R$366,ROW(INDEX(Jesper!AL$2:AL$366,ROUNDDOWN($C3843/24,0)+1,1))-1)+IF('Standard Profiles'!$G$22=$B$10,7,0)+IF('Standard Profiles'!$G$22=$B$17,14,0)+IF('Standard Profiles'!$G$22=$B$24,21,0),0)),0)</f>
        <v>0</v>
      </c>
      <c r="I3843">
        <f t="shared" si="433"/>
        <v>0.65519297395509035</v>
      </c>
      <c r="J3843">
        <f t="shared" si="434"/>
        <v>11.4021349686926</v>
      </c>
      <c r="K3843">
        <f t="shared" si="435"/>
        <v>0.88183618075141312</v>
      </c>
      <c r="L3843">
        <f t="shared" si="436"/>
        <v>0.44091809037570656</v>
      </c>
      <c r="M3843">
        <f t="shared" si="437"/>
        <v>0</v>
      </c>
      <c r="N3843" s="45">
        <f t="shared" si="438"/>
        <v>45085.708333324095</v>
      </c>
    </row>
    <row r="3844" spans="2:14" x14ac:dyDescent="0.25">
      <c r="B3844">
        <f t="shared" si="432"/>
        <v>4</v>
      </c>
      <c r="C3844" s="16">
        <v>3810</v>
      </c>
      <c r="D3844" cm="1">
        <f t="array" ref="D3844">IFERROR(INDEX(Jesper!AH$2:AH$366,ROUNDDOWN($C3844/24,0)+1,1)*INDEX($D$3:$AA$30,INDEX(Jesper!$R$2:$R$366,ROW(INDEX(Jesper!AH$2:AH$366,ROUNDDOWN($C3844/24,0)+1,1))-1)+IF('Standard Profiles'!$G$18=$B$10,7,0)+IF('Standard Profiles'!$G$18=$B$17,14,0)+IF('Standard Profiles'!$G$18=$B$24,21,0),MOD($C3844,24)+1)/SUM(INDEX($D$3:$AA$30,INDEX(Jesper!$R$2:$R$366,ROW(INDEX(Jesper!AH$2:AH$366,ROUNDDOWN($C3844/24,0)+1,1))-1)+IF('Standard Profiles'!$G$18=$B$10,7,0)+IF('Standard Profiles'!$G$18=$B$17,14,0)+IF('Standard Profiles'!$G$18=$B$24,21,0),0)),0)</f>
        <v>5.4563613683993681</v>
      </c>
      <c r="E3844" cm="1">
        <f t="array" ref="E3844">IFERROR(INDEX(Jesper!AI$2:AI$366,ROUNDDOWN($C3844/24,0)+1,1)*INDEX($D$3:$AA$30,INDEX(Jesper!$R$2:$R$366,ROW(INDEX(Jesper!AI$2:AI$366,ROUNDDOWN($C3844/24,0)+1,1))-1)+IF('Standard Profiles'!$G$19=$B$10,7,0)+IF('Standard Profiles'!$G$19=$B$17,14,0)+IF('Standard Profiles'!$G$19=$B$24,21,0),MOD($C3844,24)+1)/SUM(INDEX($D$3:$AA$30,INDEX(Jesper!$R$2:$R$366,ROW(INDEX(Jesper!AI$2:AI$366,ROUNDDOWN($C3844/24,0)+1,1))-1)+IF('Standard Profiles'!$G$19=$B$10,7,0)+IF('Standard Profiles'!$G$19=$B$17,14,0)+IF('Standard Profiles'!$G$19=$B$24,21,0),0)),0)</f>
        <v>2.4736025535037585</v>
      </c>
      <c r="F3844" cm="1">
        <f t="array" ref="F3844">IFERROR(INDEX(Jesper!AJ$2:AJ$366,ROUNDDOWN($C3844/24,0)+1,1)*INDEX($D$3:$AA$30,INDEX(Jesper!$R$2:$R$366,ROW(INDEX(Jesper!AJ$2:AJ$366,ROUNDDOWN($C3844/24,0)+1,1))-1)+IF('Standard Profiles'!$G$20=$B$10,7,0)+IF('Standard Profiles'!$G$20=$B$17,14,0)+IF('Standard Profiles'!$G$20=$B$24,21,0),MOD($C3844,24)+1)/SUM(INDEX($D$3:$AA$30,INDEX(Jesper!$R$2:$R$366,ROW(INDEX(Jesper!AJ$2:AJ$366,ROUNDDOWN($C3844/24,0)+1,1))-1)+IF('Standard Profiles'!$G$20=$B$10,7,0)+IF('Standard Profiles'!$G$20=$B$17,14,0)+IF('Standard Profiles'!$G$20=$B$24,21,0),0)),0)</f>
        <v>0</v>
      </c>
      <c r="G3844" cm="1">
        <f t="array" ref="G3844">IFERROR(INDEX(Jesper!AK$2:AK$366,ROUNDDOWN($C3844/24,0)+1,1)*INDEX($D$3:$AA$30,INDEX(Jesper!$R$2:$R$366,ROW(INDEX(Jesper!AK$2:AK$366,ROUNDDOWN($C3844/24,0)+1,1))-1)+IF('Standard Profiles'!$G$21=$B$10,7,0)+IF('Standard Profiles'!$G$21=$B$17,14,0)+IF('Standard Profiles'!$G$21=$B$24,21,0),MOD($C3844,24)+1)/SUM(INDEX($D$3:$AA$30,INDEX(Jesper!$R$2:$R$366,ROW(INDEX(Jesper!AK$2:AK$366,ROUNDDOWN($C3844/24,0)+1,1))-1)+IF('Standard Profiles'!$G$21=$B$10,7,0)+IF('Standard Profiles'!$G$21=$B$17,14,0)+IF('Standard Profiles'!$G$21=$B$24,21,0),0)),0)</f>
        <v>0.50601867003019063</v>
      </c>
      <c r="H3844" cm="1">
        <f t="array" ref="H3844">IFERROR(INDEX(Jesper!AL$2:AL$366,ROUNDDOWN($C3844/24,0)+1,1)*INDEX($D$3:$AA$30,INDEX(Jesper!$R$2:$R$366,ROW(INDEX(Jesper!AL$2:AL$366,ROUNDDOWN($C3844/24,0)+1,1))-1)+IF('Standard Profiles'!$G$22=$B$10,7,0)+IF('Standard Profiles'!$G$22=$B$17,14,0)+IF('Standard Profiles'!$G$22=$B$24,21,0),MOD($C3844,24)+1)/SUM(INDEX($D$3:$AA$30,INDEX(Jesper!$R$2:$R$366,ROW(INDEX(Jesper!AL$2:AL$366,ROUNDDOWN($C3844/24,0)+1,1))-1)+IF('Standard Profiles'!$G$22=$B$10,7,0)+IF('Standard Profiles'!$G$22=$B$17,14,0)+IF('Standard Profiles'!$G$22=$B$24,21,0),0)),0)</f>
        <v>0</v>
      </c>
      <c r="I3844">
        <f t="shared" si="433"/>
        <v>0.24288896161449139</v>
      </c>
      <c r="J3844">
        <f t="shared" si="434"/>
        <v>7.3200758113749265</v>
      </c>
      <c r="K3844">
        <f t="shared" si="435"/>
        <v>0.58201187929593268</v>
      </c>
      <c r="L3844">
        <f t="shared" si="436"/>
        <v>0.29100593964796634</v>
      </c>
      <c r="M3844">
        <f t="shared" si="437"/>
        <v>0</v>
      </c>
      <c r="N3844" s="45">
        <f t="shared" si="438"/>
        <v>45085.74999999076</v>
      </c>
    </row>
    <row r="3845" spans="2:14" x14ac:dyDescent="0.25">
      <c r="B3845">
        <f t="shared" si="432"/>
        <v>4</v>
      </c>
      <c r="C3845" s="16">
        <v>3811</v>
      </c>
      <c r="D3845" cm="1">
        <f t="array" ref="D3845">IFERROR(INDEX(Jesper!AH$2:AH$366,ROUNDDOWN($C3845/24,0)+1,1)*INDEX($D$3:$AA$30,INDEX(Jesper!$R$2:$R$366,ROW(INDEX(Jesper!AH$2:AH$366,ROUNDDOWN($C3845/24,0)+1,1))-1)+IF('Standard Profiles'!$G$18=$B$10,7,0)+IF('Standard Profiles'!$G$18=$B$17,14,0)+IF('Standard Profiles'!$G$18=$B$24,21,0),MOD($C3845,24)+1)/SUM(INDEX($D$3:$AA$30,INDEX(Jesper!$R$2:$R$366,ROW(INDEX(Jesper!AH$2:AH$366,ROUNDDOWN($C3845/24,0)+1,1))-1)+IF('Standard Profiles'!$G$18=$B$10,7,0)+IF('Standard Profiles'!$G$18=$B$17,14,0)+IF('Standard Profiles'!$G$18=$B$24,21,0),0)),0)</f>
        <v>5.4563613683993681</v>
      </c>
      <c r="E3845" cm="1">
        <f t="array" ref="E3845">IFERROR(INDEX(Jesper!AI$2:AI$366,ROUNDDOWN($C3845/24,0)+1,1)*INDEX($D$3:$AA$30,INDEX(Jesper!$R$2:$R$366,ROW(INDEX(Jesper!AI$2:AI$366,ROUNDDOWN($C3845/24,0)+1,1))-1)+IF('Standard Profiles'!$G$19=$B$10,7,0)+IF('Standard Profiles'!$G$19=$B$17,14,0)+IF('Standard Profiles'!$G$19=$B$24,21,0),MOD($C3845,24)+1)/SUM(INDEX($D$3:$AA$30,INDEX(Jesper!$R$2:$R$366,ROW(INDEX(Jesper!AI$2:AI$366,ROUNDDOWN($C3845/24,0)+1,1))-1)+IF('Standard Profiles'!$G$19=$B$10,7,0)+IF('Standard Profiles'!$G$19=$B$17,14,0)+IF('Standard Profiles'!$G$19=$B$24,21,0),0)),0)</f>
        <v>2.4736025535037585</v>
      </c>
      <c r="F3845" cm="1">
        <f t="array" ref="F3845">IFERROR(INDEX(Jesper!AJ$2:AJ$366,ROUNDDOWN($C3845/24,0)+1,1)*INDEX($D$3:$AA$30,INDEX(Jesper!$R$2:$R$366,ROW(INDEX(Jesper!AJ$2:AJ$366,ROUNDDOWN($C3845/24,0)+1,1))-1)+IF('Standard Profiles'!$G$20=$B$10,7,0)+IF('Standard Profiles'!$G$20=$B$17,14,0)+IF('Standard Profiles'!$G$20=$B$24,21,0),MOD($C3845,24)+1)/SUM(INDEX($D$3:$AA$30,INDEX(Jesper!$R$2:$R$366,ROW(INDEX(Jesper!AJ$2:AJ$366,ROUNDDOWN($C3845/24,0)+1,1))-1)+IF('Standard Profiles'!$G$20=$B$10,7,0)+IF('Standard Profiles'!$G$20=$B$17,14,0)+IF('Standard Profiles'!$G$20=$B$24,21,0),0)),0)</f>
        <v>0</v>
      </c>
      <c r="G3845" cm="1">
        <f t="array" ref="G3845">IFERROR(INDEX(Jesper!AK$2:AK$366,ROUNDDOWN($C3845/24,0)+1,1)*INDEX($D$3:$AA$30,INDEX(Jesper!$R$2:$R$366,ROW(INDEX(Jesper!AK$2:AK$366,ROUNDDOWN($C3845/24,0)+1,1))-1)+IF('Standard Profiles'!$G$21=$B$10,7,0)+IF('Standard Profiles'!$G$21=$B$17,14,0)+IF('Standard Profiles'!$G$21=$B$24,21,0),MOD($C3845,24)+1)/SUM(INDEX($D$3:$AA$30,INDEX(Jesper!$R$2:$R$366,ROW(INDEX(Jesper!AK$2:AK$366,ROUNDDOWN($C3845/24,0)+1,1))-1)+IF('Standard Profiles'!$G$21=$B$10,7,0)+IF('Standard Profiles'!$G$21=$B$17,14,0)+IF('Standard Profiles'!$G$21=$B$24,21,0),0)),0)</f>
        <v>0.50601867003019063</v>
      </c>
      <c r="H3845" cm="1">
        <f t="array" ref="H3845">IFERROR(INDEX(Jesper!AL$2:AL$366,ROUNDDOWN($C3845/24,0)+1,1)*INDEX($D$3:$AA$30,INDEX(Jesper!$R$2:$R$366,ROW(INDEX(Jesper!AL$2:AL$366,ROUNDDOWN($C3845/24,0)+1,1))-1)+IF('Standard Profiles'!$G$22=$B$10,7,0)+IF('Standard Profiles'!$G$22=$B$17,14,0)+IF('Standard Profiles'!$G$22=$B$24,21,0),MOD($C3845,24)+1)/SUM(INDEX($D$3:$AA$30,INDEX(Jesper!$R$2:$R$366,ROW(INDEX(Jesper!AL$2:AL$366,ROUNDDOWN($C3845/24,0)+1,1))-1)+IF('Standard Profiles'!$G$22=$B$10,7,0)+IF('Standard Profiles'!$G$22=$B$17,14,0)+IF('Standard Profiles'!$G$22=$B$24,21,0),0)),0)</f>
        <v>0</v>
      </c>
      <c r="I3845">
        <f t="shared" si="433"/>
        <v>0.24288896161449139</v>
      </c>
      <c r="J3845">
        <f t="shared" si="434"/>
        <v>7.3200758113749265</v>
      </c>
      <c r="K3845">
        <f t="shared" si="435"/>
        <v>0.58201187929593268</v>
      </c>
      <c r="L3845">
        <f t="shared" si="436"/>
        <v>0.29100593964796634</v>
      </c>
      <c r="M3845">
        <f t="shared" si="437"/>
        <v>0</v>
      </c>
      <c r="N3845" s="45">
        <f t="shared" si="438"/>
        <v>45085.791666657424</v>
      </c>
    </row>
    <row r="3846" spans="2:14" x14ac:dyDescent="0.25">
      <c r="B3846">
        <f t="shared" si="432"/>
        <v>4</v>
      </c>
      <c r="C3846" s="16">
        <v>3812</v>
      </c>
      <c r="D3846" cm="1">
        <f t="array" ref="D3846">IFERROR(INDEX(Jesper!AH$2:AH$366,ROUNDDOWN($C3846/24,0)+1,1)*INDEX($D$3:$AA$30,INDEX(Jesper!$R$2:$R$366,ROW(INDEX(Jesper!AH$2:AH$366,ROUNDDOWN($C3846/24,0)+1,1))-1)+IF('Standard Profiles'!$G$18=$B$10,7,0)+IF('Standard Profiles'!$G$18=$B$17,14,0)+IF('Standard Profiles'!$G$18=$B$24,21,0),MOD($C3846,24)+1)/SUM(INDEX($D$3:$AA$30,INDEX(Jesper!$R$2:$R$366,ROW(INDEX(Jesper!AH$2:AH$366,ROUNDDOWN($C3846/24,0)+1,1))-1)+IF('Standard Profiles'!$G$18=$B$10,7,0)+IF('Standard Profiles'!$G$18=$B$17,14,0)+IF('Standard Profiles'!$G$18=$B$24,21,0),0)),0)</f>
        <v>5.4563613683993681</v>
      </c>
      <c r="E3846" cm="1">
        <f t="array" ref="E3846">IFERROR(INDEX(Jesper!AI$2:AI$366,ROUNDDOWN($C3846/24,0)+1,1)*INDEX($D$3:$AA$30,INDEX(Jesper!$R$2:$R$366,ROW(INDEX(Jesper!AI$2:AI$366,ROUNDDOWN($C3846/24,0)+1,1))-1)+IF('Standard Profiles'!$G$19=$B$10,7,0)+IF('Standard Profiles'!$G$19=$B$17,14,0)+IF('Standard Profiles'!$G$19=$B$24,21,0),MOD($C3846,24)+1)/SUM(INDEX($D$3:$AA$30,INDEX(Jesper!$R$2:$R$366,ROW(INDEX(Jesper!AI$2:AI$366,ROUNDDOWN($C3846/24,0)+1,1))-1)+IF('Standard Profiles'!$G$19=$B$10,7,0)+IF('Standard Profiles'!$G$19=$B$17,14,0)+IF('Standard Profiles'!$G$19=$B$24,21,0),0)),0)</f>
        <v>2.4736025535037585</v>
      </c>
      <c r="F3846" cm="1">
        <f t="array" ref="F3846">IFERROR(INDEX(Jesper!AJ$2:AJ$366,ROUNDDOWN($C3846/24,0)+1,1)*INDEX($D$3:$AA$30,INDEX(Jesper!$R$2:$R$366,ROW(INDEX(Jesper!AJ$2:AJ$366,ROUNDDOWN($C3846/24,0)+1,1))-1)+IF('Standard Profiles'!$G$20=$B$10,7,0)+IF('Standard Profiles'!$G$20=$B$17,14,0)+IF('Standard Profiles'!$G$20=$B$24,21,0),MOD($C3846,24)+1)/SUM(INDEX($D$3:$AA$30,INDEX(Jesper!$R$2:$R$366,ROW(INDEX(Jesper!AJ$2:AJ$366,ROUNDDOWN($C3846/24,0)+1,1))-1)+IF('Standard Profiles'!$G$20=$B$10,7,0)+IF('Standard Profiles'!$G$20=$B$17,14,0)+IF('Standard Profiles'!$G$20=$B$24,21,0),0)),0)</f>
        <v>0</v>
      </c>
      <c r="G3846" cm="1">
        <f t="array" ref="G3846">IFERROR(INDEX(Jesper!AK$2:AK$366,ROUNDDOWN($C3846/24,0)+1,1)*INDEX($D$3:$AA$30,INDEX(Jesper!$R$2:$R$366,ROW(INDEX(Jesper!AK$2:AK$366,ROUNDDOWN($C3846/24,0)+1,1))-1)+IF('Standard Profiles'!$G$21=$B$10,7,0)+IF('Standard Profiles'!$G$21=$B$17,14,0)+IF('Standard Profiles'!$G$21=$B$24,21,0),MOD($C3846,24)+1)/SUM(INDEX($D$3:$AA$30,INDEX(Jesper!$R$2:$R$366,ROW(INDEX(Jesper!AK$2:AK$366,ROUNDDOWN($C3846/24,0)+1,1))-1)+IF('Standard Profiles'!$G$21=$B$10,7,0)+IF('Standard Profiles'!$G$21=$B$17,14,0)+IF('Standard Profiles'!$G$21=$B$24,21,0),0)),0)</f>
        <v>0.50601867003019063</v>
      </c>
      <c r="H3846" cm="1">
        <f t="array" ref="H3846">IFERROR(INDEX(Jesper!AL$2:AL$366,ROUNDDOWN($C3846/24,0)+1,1)*INDEX($D$3:$AA$30,INDEX(Jesper!$R$2:$R$366,ROW(INDEX(Jesper!AL$2:AL$366,ROUNDDOWN($C3846/24,0)+1,1))-1)+IF('Standard Profiles'!$G$22=$B$10,7,0)+IF('Standard Profiles'!$G$22=$B$17,14,0)+IF('Standard Profiles'!$G$22=$B$24,21,0),MOD($C3846,24)+1)/SUM(INDEX($D$3:$AA$30,INDEX(Jesper!$R$2:$R$366,ROW(INDEX(Jesper!AL$2:AL$366,ROUNDDOWN($C3846/24,0)+1,1))-1)+IF('Standard Profiles'!$G$22=$B$10,7,0)+IF('Standard Profiles'!$G$22=$B$17,14,0)+IF('Standard Profiles'!$G$22=$B$24,21,0),0)),0)</f>
        <v>0</v>
      </c>
      <c r="I3846">
        <f t="shared" si="433"/>
        <v>0.24288896161449139</v>
      </c>
      <c r="J3846">
        <f t="shared" si="434"/>
        <v>7.3200758113749265</v>
      </c>
      <c r="K3846">
        <f t="shared" si="435"/>
        <v>0.58201187929593268</v>
      </c>
      <c r="L3846">
        <f t="shared" si="436"/>
        <v>0.29100593964796634</v>
      </c>
      <c r="M3846">
        <f t="shared" si="437"/>
        <v>0</v>
      </c>
      <c r="N3846" s="45">
        <f t="shared" si="438"/>
        <v>45085.833333324088</v>
      </c>
    </row>
    <row r="3847" spans="2:14" x14ac:dyDescent="0.25">
      <c r="B3847">
        <f t="shared" si="432"/>
        <v>4</v>
      </c>
      <c r="C3847" s="16">
        <v>3813</v>
      </c>
      <c r="D3847" cm="1">
        <f t="array" ref="D3847">IFERROR(INDEX(Jesper!AH$2:AH$366,ROUNDDOWN($C3847/24,0)+1,1)*INDEX($D$3:$AA$30,INDEX(Jesper!$R$2:$R$366,ROW(INDEX(Jesper!AH$2:AH$366,ROUNDDOWN($C3847/24,0)+1,1))-1)+IF('Standard Profiles'!$G$18=$B$10,7,0)+IF('Standard Profiles'!$G$18=$B$17,14,0)+IF('Standard Profiles'!$G$18=$B$24,21,0),MOD($C3847,24)+1)/SUM(INDEX($D$3:$AA$30,INDEX(Jesper!$R$2:$R$366,ROW(INDEX(Jesper!AH$2:AH$366,ROUNDDOWN($C3847/24,0)+1,1))-1)+IF('Standard Profiles'!$G$18=$B$10,7,0)+IF('Standard Profiles'!$G$18=$B$17,14,0)+IF('Standard Profiles'!$G$18=$B$24,21,0),0)),0)</f>
        <v>5.4563613683993681</v>
      </c>
      <c r="E3847" cm="1">
        <f t="array" ref="E3847">IFERROR(INDEX(Jesper!AI$2:AI$366,ROUNDDOWN($C3847/24,0)+1,1)*INDEX($D$3:$AA$30,INDEX(Jesper!$R$2:$R$366,ROW(INDEX(Jesper!AI$2:AI$366,ROUNDDOWN($C3847/24,0)+1,1))-1)+IF('Standard Profiles'!$G$19=$B$10,7,0)+IF('Standard Profiles'!$G$19=$B$17,14,0)+IF('Standard Profiles'!$G$19=$B$24,21,0),MOD($C3847,24)+1)/SUM(INDEX($D$3:$AA$30,INDEX(Jesper!$R$2:$R$366,ROW(INDEX(Jesper!AI$2:AI$366,ROUNDDOWN($C3847/24,0)+1,1))-1)+IF('Standard Profiles'!$G$19=$B$10,7,0)+IF('Standard Profiles'!$G$19=$B$17,14,0)+IF('Standard Profiles'!$G$19=$B$24,21,0),0)),0)</f>
        <v>2.4736025535037585</v>
      </c>
      <c r="F3847" cm="1">
        <f t="array" ref="F3847">IFERROR(INDEX(Jesper!AJ$2:AJ$366,ROUNDDOWN($C3847/24,0)+1,1)*INDEX($D$3:$AA$30,INDEX(Jesper!$R$2:$R$366,ROW(INDEX(Jesper!AJ$2:AJ$366,ROUNDDOWN($C3847/24,0)+1,1))-1)+IF('Standard Profiles'!$G$20=$B$10,7,0)+IF('Standard Profiles'!$G$20=$B$17,14,0)+IF('Standard Profiles'!$G$20=$B$24,21,0),MOD($C3847,24)+1)/SUM(INDEX($D$3:$AA$30,INDEX(Jesper!$R$2:$R$366,ROW(INDEX(Jesper!AJ$2:AJ$366,ROUNDDOWN($C3847/24,0)+1,1))-1)+IF('Standard Profiles'!$G$20=$B$10,7,0)+IF('Standard Profiles'!$G$20=$B$17,14,0)+IF('Standard Profiles'!$G$20=$B$24,21,0),0)),0)</f>
        <v>0</v>
      </c>
      <c r="G3847" cm="1">
        <f t="array" ref="G3847">IFERROR(INDEX(Jesper!AK$2:AK$366,ROUNDDOWN($C3847/24,0)+1,1)*INDEX($D$3:$AA$30,INDEX(Jesper!$R$2:$R$366,ROW(INDEX(Jesper!AK$2:AK$366,ROUNDDOWN($C3847/24,0)+1,1))-1)+IF('Standard Profiles'!$G$21=$B$10,7,0)+IF('Standard Profiles'!$G$21=$B$17,14,0)+IF('Standard Profiles'!$G$21=$B$24,21,0),MOD($C3847,24)+1)/SUM(INDEX($D$3:$AA$30,INDEX(Jesper!$R$2:$R$366,ROW(INDEX(Jesper!AK$2:AK$366,ROUNDDOWN($C3847/24,0)+1,1))-1)+IF('Standard Profiles'!$G$21=$B$10,7,0)+IF('Standard Profiles'!$G$21=$B$17,14,0)+IF('Standard Profiles'!$G$21=$B$24,21,0),0)),0)</f>
        <v>0.50601867003019063</v>
      </c>
      <c r="H3847" cm="1">
        <f t="array" ref="H3847">IFERROR(INDEX(Jesper!AL$2:AL$366,ROUNDDOWN($C3847/24,0)+1,1)*INDEX($D$3:$AA$30,INDEX(Jesper!$R$2:$R$366,ROW(INDEX(Jesper!AL$2:AL$366,ROUNDDOWN($C3847/24,0)+1,1))-1)+IF('Standard Profiles'!$G$22=$B$10,7,0)+IF('Standard Profiles'!$G$22=$B$17,14,0)+IF('Standard Profiles'!$G$22=$B$24,21,0),MOD($C3847,24)+1)/SUM(INDEX($D$3:$AA$30,INDEX(Jesper!$R$2:$R$366,ROW(INDEX(Jesper!AL$2:AL$366,ROUNDDOWN($C3847/24,0)+1,1))-1)+IF('Standard Profiles'!$G$22=$B$10,7,0)+IF('Standard Profiles'!$G$22=$B$17,14,0)+IF('Standard Profiles'!$G$22=$B$24,21,0),0)),0)</f>
        <v>0</v>
      </c>
      <c r="I3847">
        <f t="shared" si="433"/>
        <v>0.24288896161449139</v>
      </c>
      <c r="J3847">
        <f t="shared" si="434"/>
        <v>7.3200758113749265</v>
      </c>
      <c r="K3847">
        <f t="shared" si="435"/>
        <v>0.58201187929593268</v>
      </c>
      <c r="L3847">
        <f t="shared" si="436"/>
        <v>0.29100593964796634</v>
      </c>
      <c r="M3847">
        <f t="shared" si="437"/>
        <v>0</v>
      </c>
      <c r="N3847" s="45">
        <f t="shared" si="438"/>
        <v>45085.874999990752</v>
      </c>
    </row>
    <row r="3848" spans="2:14" x14ac:dyDescent="0.25">
      <c r="B3848">
        <f t="shared" si="432"/>
        <v>4</v>
      </c>
      <c r="C3848" s="16">
        <v>3814</v>
      </c>
      <c r="D3848" cm="1">
        <f t="array" ref="D3848">IFERROR(INDEX(Jesper!AH$2:AH$366,ROUNDDOWN($C3848/24,0)+1,1)*INDEX($D$3:$AA$30,INDEX(Jesper!$R$2:$R$366,ROW(INDEX(Jesper!AH$2:AH$366,ROUNDDOWN($C3848/24,0)+1,1))-1)+IF('Standard Profiles'!$G$18=$B$10,7,0)+IF('Standard Profiles'!$G$18=$B$17,14,0)+IF('Standard Profiles'!$G$18=$B$24,21,0),MOD($C3848,24)+1)/SUM(INDEX($D$3:$AA$30,INDEX(Jesper!$R$2:$R$366,ROW(INDEX(Jesper!AH$2:AH$366,ROUNDDOWN($C3848/24,0)+1,1))-1)+IF('Standard Profiles'!$G$18=$B$10,7,0)+IF('Standard Profiles'!$G$18=$B$17,14,0)+IF('Standard Profiles'!$G$18=$B$24,21,0),0)),0)</f>
        <v>5.4563613683993681</v>
      </c>
      <c r="E3848" cm="1">
        <f t="array" ref="E3848">IFERROR(INDEX(Jesper!AI$2:AI$366,ROUNDDOWN($C3848/24,0)+1,1)*INDEX($D$3:$AA$30,INDEX(Jesper!$R$2:$R$366,ROW(INDEX(Jesper!AI$2:AI$366,ROUNDDOWN($C3848/24,0)+1,1))-1)+IF('Standard Profiles'!$G$19=$B$10,7,0)+IF('Standard Profiles'!$G$19=$B$17,14,0)+IF('Standard Profiles'!$G$19=$B$24,21,0),MOD($C3848,24)+1)/SUM(INDEX($D$3:$AA$30,INDEX(Jesper!$R$2:$R$366,ROW(INDEX(Jesper!AI$2:AI$366,ROUNDDOWN($C3848/24,0)+1,1))-1)+IF('Standard Profiles'!$G$19=$B$10,7,0)+IF('Standard Profiles'!$G$19=$B$17,14,0)+IF('Standard Profiles'!$G$19=$B$24,21,0),0)),0)</f>
        <v>2.4736025535037585</v>
      </c>
      <c r="F3848" cm="1">
        <f t="array" ref="F3848">IFERROR(INDEX(Jesper!AJ$2:AJ$366,ROUNDDOWN($C3848/24,0)+1,1)*INDEX($D$3:$AA$30,INDEX(Jesper!$R$2:$R$366,ROW(INDEX(Jesper!AJ$2:AJ$366,ROUNDDOWN($C3848/24,0)+1,1))-1)+IF('Standard Profiles'!$G$20=$B$10,7,0)+IF('Standard Profiles'!$G$20=$B$17,14,0)+IF('Standard Profiles'!$G$20=$B$24,21,0),MOD($C3848,24)+1)/SUM(INDEX($D$3:$AA$30,INDEX(Jesper!$R$2:$R$366,ROW(INDEX(Jesper!AJ$2:AJ$366,ROUNDDOWN($C3848/24,0)+1,1))-1)+IF('Standard Profiles'!$G$20=$B$10,7,0)+IF('Standard Profiles'!$G$20=$B$17,14,0)+IF('Standard Profiles'!$G$20=$B$24,21,0),0)),0)</f>
        <v>0</v>
      </c>
      <c r="G3848" cm="1">
        <f t="array" ref="G3848">IFERROR(INDEX(Jesper!AK$2:AK$366,ROUNDDOWN($C3848/24,0)+1,1)*INDEX($D$3:$AA$30,INDEX(Jesper!$R$2:$R$366,ROW(INDEX(Jesper!AK$2:AK$366,ROUNDDOWN($C3848/24,0)+1,1))-1)+IF('Standard Profiles'!$G$21=$B$10,7,0)+IF('Standard Profiles'!$G$21=$B$17,14,0)+IF('Standard Profiles'!$G$21=$B$24,21,0),MOD($C3848,24)+1)/SUM(INDEX($D$3:$AA$30,INDEX(Jesper!$R$2:$R$366,ROW(INDEX(Jesper!AK$2:AK$366,ROUNDDOWN($C3848/24,0)+1,1))-1)+IF('Standard Profiles'!$G$21=$B$10,7,0)+IF('Standard Profiles'!$G$21=$B$17,14,0)+IF('Standard Profiles'!$G$21=$B$24,21,0),0)),0)</f>
        <v>0.50601867003019063</v>
      </c>
      <c r="H3848" cm="1">
        <f t="array" ref="H3848">IFERROR(INDEX(Jesper!AL$2:AL$366,ROUNDDOWN($C3848/24,0)+1,1)*INDEX($D$3:$AA$30,INDEX(Jesper!$R$2:$R$366,ROW(INDEX(Jesper!AL$2:AL$366,ROUNDDOWN($C3848/24,0)+1,1))-1)+IF('Standard Profiles'!$G$22=$B$10,7,0)+IF('Standard Profiles'!$G$22=$B$17,14,0)+IF('Standard Profiles'!$G$22=$B$24,21,0),MOD($C3848,24)+1)/SUM(INDEX($D$3:$AA$30,INDEX(Jesper!$R$2:$R$366,ROW(INDEX(Jesper!AL$2:AL$366,ROUNDDOWN($C3848/24,0)+1,1))-1)+IF('Standard Profiles'!$G$22=$B$10,7,0)+IF('Standard Profiles'!$G$22=$B$17,14,0)+IF('Standard Profiles'!$G$22=$B$24,21,0),0)),0)</f>
        <v>0</v>
      </c>
      <c r="I3848">
        <f t="shared" si="433"/>
        <v>0.24288896161449139</v>
      </c>
      <c r="J3848">
        <f t="shared" si="434"/>
        <v>7.3200758113749265</v>
      </c>
      <c r="K3848">
        <f t="shared" si="435"/>
        <v>0.58201187929593268</v>
      </c>
      <c r="L3848">
        <f t="shared" si="436"/>
        <v>0.29100593964796634</v>
      </c>
      <c r="M3848">
        <f t="shared" si="437"/>
        <v>0</v>
      </c>
      <c r="N3848" s="45">
        <f t="shared" si="438"/>
        <v>45085.916666657416</v>
      </c>
    </row>
    <row r="3849" spans="2:14" x14ac:dyDescent="0.25">
      <c r="B3849">
        <f t="shared" si="432"/>
        <v>4</v>
      </c>
      <c r="C3849" s="16">
        <v>3815</v>
      </c>
      <c r="D3849" cm="1">
        <f t="array" ref="D3849">IFERROR(INDEX(Jesper!AH$2:AH$366,ROUNDDOWN($C3849/24,0)+1,1)*INDEX($D$3:$AA$30,INDEX(Jesper!$R$2:$R$366,ROW(INDEX(Jesper!AH$2:AH$366,ROUNDDOWN($C3849/24,0)+1,1))-1)+IF('Standard Profiles'!$G$18=$B$10,7,0)+IF('Standard Profiles'!$G$18=$B$17,14,0)+IF('Standard Profiles'!$G$18=$B$24,21,0),MOD($C3849,24)+1)/SUM(INDEX($D$3:$AA$30,INDEX(Jesper!$R$2:$R$366,ROW(INDEX(Jesper!AH$2:AH$366,ROUNDDOWN($C3849/24,0)+1,1))-1)+IF('Standard Profiles'!$G$18=$B$10,7,0)+IF('Standard Profiles'!$G$18=$B$17,14,0)+IF('Standard Profiles'!$G$18=$B$24,21,0),0)),0)</f>
        <v>5.4563613683993681</v>
      </c>
      <c r="E3849" cm="1">
        <f t="array" ref="E3849">IFERROR(INDEX(Jesper!AI$2:AI$366,ROUNDDOWN($C3849/24,0)+1,1)*INDEX($D$3:$AA$30,INDEX(Jesper!$R$2:$R$366,ROW(INDEX(Jesper!AI$2:AI$366,ROUNDDOWN($C3849/24,0)+1,1))-1)+IF('Standard Profiles'!$G$19=$B$10,7,0)+IF('Standard Profiles'!$G$19=$B$17,14,0)+IF('Standard Profiles'!$G$19=$B$24,21,0),MOD($C3849,24)+1)/SUM(INDEX($D$3:$AA$30,INDEX(Jesper!$R$2:$R$366,ROW(INDEX(Jesper!AI$2:AI$366,ROUNDDOWN($C3849/24,0)+1,1))-1)+IF('Standard Profiles'!$G$19=$B$10,7,0)+IF('Standard Profiles'!$G$19=$B$17,14,0)+IF('Standard Profiles'!$G$19=$B$24,21,0),0)),0)</f>
        <v>2.4736025535037585</v>
      </c>
      <c r="F3849" cm="1">
        <f t="array" ref="F3849">IFERROR(INDEX(Jesper!AJ$2:AJ$366,ROUNDDOWN($C3849/24,0)+1,1)*INDEX($D$3:$AA$30,INDEX(Jesper!$R$2:$R$366,ROW(INDEX(Jesper!AJ$2:AJ$366,ROUNDDOWN($C3849/24,0)+1,1))-1)+IF('Standard Profiles'!$G$20=$B$10,7,0)+IF('Standard Profiles'!$G$20=$B$17,14,0)+IF('Standard Profiles'!$G$20=$B$24,21,0),MOD($C3849,24)+1)/SUM(INDEX($D$3:$AA$30,INDEX(Jesper!$R$2:$R$366,ROW(INDEX(Jesper!AJ$2:AJ$366,ROUNDDOWN($C3849/24,0)+1,1))-1)+IF('Standard Profiles'!$G$20=$B$10,7,0)+IF('Standard Profiles'!$G$20=$B$17,14,0)+IF('Standard Profiles'!$G$20=$B$24,21,0),0)),0)</f>
        <v>0</v>
      </c>
      <c r="G3849" cm="1">
        <f t="array" ref="G3849">IFERROR(INDEX(Jesper!AK$2:AK$366,ROUNDDOWN($C3849/24,0)+1,1)*INDEX($D$3:$AA$30,INDEX(Jesper!$R$2:$R$366,ROW(INDEX(Jesper!AK$2:AK$366,ROUNDDOWN($C3849/24,0)+1,1))-1)+IF('Standard Profiles'!$G$21=$B$10,7,0)+IF('Standard Profiles'!$G$21=$B$17,14,0)+IF('Standard Profiles'!$G$21=$B$24,21,0),MOD($C3849,24)+1)/SUM(INDEX($D$3:$AA$30,INDEX(Jesper!$R$2:$R$366,ROW(INDEX(Jesper!AK$2:AK$366,ROUNDDOWN($C3849/24,0)+1,1))-1)+IF('Standard Profiles'!$G$21=$B$10,7,0)+IF('Standard Profiles'!$G$21=$B$17,14,0)+IF('Standard Profiles'!$G$21=$B$24,21,0),0)),0)</f>
        <v>0.50601867003019063</v>
      </c>
      <c r="H3849" cm="1">
        <f t="array" ref="H3849">IFERROR(INDEX(Jesper!AL$2:AL$366,ROUNDDOWN($C3849/24,0)+1,1)*INDEX($D$3:$AA$30,INDEX(Jesper!$R$2:$R$366,ROW(INDEX(Jesper!AL$2:AL$366,ROUNDDOWN($C3849/24,0)+1,1))-1)+IF('Standard Profiles'!$G$22=$B$10,7,0)+IF('Standard Profiles'!$G$22=$B$17,14,0)+IF('Standard Profiles'!$G$22=$B$24,21,0),MOD($C3849,24)+1)/SUM(INDEX($D$3:$AA$30,INDEX(Jesper!$R$2:$R$366,ROW(INDEX(Jesper!AL$2:AL$366,ROUNDDOWN($C3849/24,0)+1,1))-1)+IF('Standard Profiles'!$G$22=$B$10,7,0)+IF('Standard Profiles'!$G$22=$B$17,14,0)+IF('Standard Profiles'!$G$22=$B$24,21,0),0)),0)</f>
        <v>0</v>
      </c>
      <c r="I3849">
        <f t="shared" si="433"/>
        <v>0.24288896161449139</v>
      </c>
      <c r="J3849">
        <f t="shared" si="434"/>
        <v>7.3200758113749265</v>
      </c>
      <c r="K3849">
        <f t="shared" si="435"/>
        <v>0.58201187929593268</v>
      </c>
      <c r="L3849">
        <f t="shared" si="436"/>
        <v>0.29100593964796634</v>
      </c>
      <c r="M3849">
        <f t="shared" si="437"/>
        <v>0</v>
      </c>
      <c r="N3849" s="45">
        <f t="shared" si="438"/>
        <v>45085.958333324081</v>
      </c>
    </row>
    <row r="3850" spans="2:14" x14ac:dyDescent="0.25">
      <c r="B3850">
        <f t="shared" si="432"/>
        <v>5</v>
      </c>
      <c r="C3850" s="16">
        <v>3816</v>
      </c>
      <c r="D3850" cm="1">
        <f t="array" ref="D3850">IFERROR(INDEX(Jesper!AH$2:AH$366,ROUNDDOWN($C3850/24,0)+1,1)*INDEX($D$3:$AA$30,INDEX(Jesper!$R$2:$R$366,ROW(INDEX(Jesper!AH$2:AH$366,ROUNDDOWN($C3850/24,0)+1,1))-1)+IF('Standard Profiles'!$G$18=$B$10,7,0)+IF('Standard Profiles'!$G$18=$B$17,14,0)+IF('Standard Profiles'!$G$18=$B$24,21,0),MOD($C3850,24)+1)/SUM(INDEX($D$3:$AA$30,INDEX(Jesper!$R$2:$R$366,ROW(INDEX(Jesper!AH$2:AH$366,ROUNDDOWN($C3850/24,0)+1,1))-1)+IF('Standard Profiles'!$G$18=$B$10,7,0)+IF('Standard Profiles'!$G$18=$B$17,14,0)+IF('Standard Profiles'!$G$18=$B$24,21,0),0)),0)</f>
        <v>8.289240714633749</v>
      </c>
      <c r="E3850" cm="1">
        <f t="array" ref="E3850">IFERROR(INDEX(Jesper!AI$2:AI$366,ROUNDDOWN($C3850/24,0)+1,1)*INDEX($D$3:$AA$30,INDEX(Jesper!$R$2:$R$366,ROW(INDEX(Jesper!AI$2:AI$366,ROUNDDOWN($C3850/24,0)+1,1))-1)+IF('Standard Profiles'!$G$19=$B$10,7,0)+IF('Standard Profiles'!$G$19=$B$17,14,0)+IF('Standard Profiles'!$G$19=$B$24,21,0),MOD($C3850,24)+1)/SUM(INDEX($D$3:$AA$30,INDEX(Jesper!$R$2:$R$366,ROW(INDEX(Jesper!AI$2:AI$366,ROUNDDOWN($C3850/24,0)+1,1))-1)+IF('Standard Profiles'!$G$19=$B$10,7,0)+IF('Standard Profiles'!$G$19=$B$17,14,0)+IF('Standard Profiles'!$G$19=$B$24,21,0),0)),0)</f>
        <v>3.6851534433002566</v>
      </c>
      <c r="F3850" cm="1">
        <f t="array" ref="F3850">IFERROR(INDEX(Jesper!AJ$2:AJ$366,ROUNDDOWN($C3850/24,0)+1,1)*INDEX($D$3:$AA$30,INDEX(Jesper!$R$2:$R$366,ROW(INDEX(Jesper!AJ$2:AJ$366,ROUNDDOWN($C3850/24,0)+1,1))-1)+IF('Standard Profiles'!$G$20=$B$10,7,0)+IF('Standard Profiles'!$G$20=$B$17,14,0)+IF('Standard Profiles'!$G$20=$B$24,21,0),MOD($C3850,24)+1)/SUM(INDEX($D$3:$AA$30,INDEX(Jesper!$R$2:$R$366,ROW(INDEX(Jesper!AJ$2:AJ$366,ROUNDDOWN($C3850/24,0)+1,1))-1)+IF('Standard Profiles'!$G$20=$B$10,7,0)+IF('Standard Profiles'!$G$20=$B$17,14,0)+IF('Standard Profiles'!$G$20=$B$24,21,0),0)),0)</f>
        <v>0</v>
      </c>
      <c r="G3850" cm="1">
        <f t="array" ref="G3850">IFERROR(INDEX(Jesper!AK$2:AK$366,ROUNDDOWN($C3850/24,0)+1,1)*INDEX($D$3:$AA$30,INDEX(Jesper!$R$2:$R$366,ROW(INDEX(Jesper!AK$2:AK$366,ROUNDDOWN($C3850/24,0)+1,1))-1)+IF('Standard Profiles'!$G$21=$B$10,7,0)+IF('Standard Profiles'!$G$21=$B$17,14,0)+IF('Standard Profiles'!$G$21=$B$24,21,0),MOD($C3850,24)+1)/SUM(INDEX($D$3:$AA$30,INDEX(Jesper!$R$2:$R$366,ROW(INDEX(Jesper!AK$2:AK$366,ROUNDDOWN($C3850/24,0)+1,1))-1)+IF('Standard Profiles'!$G$21=$B$10,7,0)+IF('Standard Profiles'!$G$21=$B$17,14,0)+IF('Standard Profiles'!$G$21=$B$24,21,0),0)),0)</f>
        <v>0.40457889971761646</v>
      </c>
      <c r="H3850" cm="1">
        <f t="array" ref="H3850">IFERROR(INDEX(Jesper!AL$2:AL$366,ROUNDDOWN($C3850/24,0)+1,1)*INDEX($D$3:$AA$30,INDEX(Jesper!$R$2:$R$366,ROW(INDEX(Jesper!AL$2:AL$366,ROUNDDOWN($C3850/24,0)+1,1))-1)+IF('Standard Profiles'!$G$22=$B$10,7,0)+IF('Standard Profiles'!$G$22=$B$17,14,0)+IF('Standard Profiles'!$G$22=$B$24,21,0),MOD($C3850,24)+1)/SUM(INDEX($D$3:$AA$30,INDEX(Jesper!$R$2:$R$366,ROW(INDEX(Jesper!AL$2:AL$366,ROUNDDOWN($C3850/24,0)+1,1))-1)+IF('Standard Profiles'!$G$22=$B$10,7,0)+IF('Standard Profiles'!$G$22=$B$17,14,0)+IF('Standard Profiles'!$G$22=$B$24,21,0),0)),0)</f>
        <v>0</v>
      </c>
      <c r="I3850">
        <f t="shared" si="433"/>
        <v>0.19419787186445581</v>
      </c>
      <c r="J3850">
        <f t="shared" si="434"/>
        <v>10.858496671445767</v>
      </c>
      <c r="K3850">
        <f t="shared" si="435"/>
        <v>0.88418567622759991</v>
      </c>
      <c r="L3850">
        <f t="shared" si="436"/>
        <v>0.44209283811379996</v>
      </c>
      <c r="M3850">
        <f t="shared" si="437"/>
        <v>0</v>
      </c>
      <c r="N3850" s="45">
        <f t="shared" si="438"/>
        <v>45085.999999990745</v>
      </c>
    </row>
    <row r="3851" spans="2:14" x14ac:dyDescent="0.25">
      <c r="B3851">
        <f t="shared" si="432"/>
        <v>5</v>
      </c>
      <c r="C3851" s="16">
        <v>3817</v>
      </c>
      <c r="D3851" cm="1">
        <f t="array" ref="D3851">IFERROR(INDEX(Jesper!AH$2:AH$366,ROUNDDOWN($C3851/24,0)+1,1)*INDEX($D$3:$AA$30,INDEX(Jesper!$R$2:$R$366,ROW(INDEX(Jesper!AH$2:AH$366,ROUNDDOWN($C3851/24,0)+1,1))-1)+IF('Standard Profiles'!$G$18=$B$10,7,0)+IF('Standard Profiles'!$G$18=$B$17,14,0)+IF('Standard Profiles'!$G$18=$B$24,21,0),MOD($C3851,24)+1)/SUM(INDEX($D$3:$AA$30,INDEX(Jesper!$R$2:$R$366,ROW(INDEX(Jesper!AH$2:AH$366,ROUNDDOWN($C3851/24,0)+1,1))-1)+IF('Standard Profiles'!$G$18=$B$10,7,0)+IF('Standard Profiles'!$G$18=$B$17,14,0)+IF('Standard Profiles'!$G$18=$B$24,21,0),0)),0)</f>
        <v>5.0237822512931816</v>
      </c>
      <c r="E3851" cm="1">
        <f t="array" ref="E3851">IFERROR(INDEX(Jesper!AI$2:AI$366,ROUNDDOWN($C3851/24,0)+1,1)*INDEX($D$3:$AA$30,INDEX(Jesper!$R$2:$R$366,ROW(INDEX(Jesper!AI$2:AI$366,ROUNDDOWN($C3851/24,0)+1,1))-1)+IF('Standard Profiles'!$G$19=$B$10,7,0)+IF('Standard Profiles'!$G$19=$B$17,14,0)+IF('Standard Profiles'!$G$19=$B$24,21,0),MOD($C3851,24)+1)/SUM(INDEX($D$3:$AA$30,INDEX(Jesper!$R$2:$R$366,ROW(INDEX(Jesper!AI$2:AI$366,ROUNDDOWN($C3851/24,0)+1,1))-1)+IF('Standard Profiles'!$G$19=$B$10,7,0)+IF('Standard Profiles'!$G$19=$B$17,14,0)+IF('Standard Profiles'!$G$19=$B$24,21,0),0)),0)</f>
        <v>2.2334263292728829</v>
      </c>
      <c r="F3851" cm="1">
        <f t="array" ref="F3851">IFERROR(INDEX(Jesper!AJ$2:AJ$366,ROUNDDOWN($C3851/24,0)+1,1)*INDEX($D$3:$AA$30,INDEX(Jesper!$R$2:$R$366,ROW(INDEX(Jesper!AJ$2:AJ$366,ROUNDDOWN($C3851/24,0)+1,1))-1)+IF('Standard Profiles'!$G$20=$B$10,7,0)+IF('Standard Profiles'!$G$20=$B$17,14,0)+IF('Standard Profiles'!$G$20=$B$24,21,0),MOD($C3851,24)+1)/SUM(INDEX($D$3:$AA$30,INDEX(Jesper!$R$2:$R$366,ROW(INDEX(Jesper!AJ$2:AJ$366,ROUNDDOWN($C3851/24,0)+1,1))-1)+IF('Standard Profiles'!$G$20=$B$10,7,0)+IF('Standard Profiles'!$G$20=$B$17,14,0)+IF('Standard Profiles'!$G$20=$B$24,21,0),0)),0)</f>
        <v>0</v>
      </c>
      <c r="G3851" cm="1">
        <f t="array" ref="G3851">IFERROR(INDEX(Jesper!AK$2:AK$366,ROUNDDOWN($C3851/24,0)+1,1)*INDEX($D$3:$AA$30,INDEX(Jesper!$R$2:$R$366,ROW(INDEX(Jesper!AK$2:AK$366,ROUNDDOWN($C3851/24,0)+1,1))-1)+IF('Standard Profiles'!$G$21=$B$10,7,0)+IF('Standard Profiles'!$G$21=$B$17,14,0)+IF('Standard Profiles'!$G$21=$B$24,21,0),MOD($C3851,24)+1)/SUM(INDEX($D$3:$AA$30,INDEX(Jesper!$R$2:$R$366,ROW(INDEX(Jesper!AK$2:AK$366,ROUNDDOWN($C3851/24,0)+1,1))-1)+IF('Standard Profiles'!$G$21=$B$10,7,0)+IF('Standard Profiles'!$G$21=$B$17,14,0)+IF('Standard Profiles'!$G$21=$B$24,21,0),0)),0)</f>
        <v>0.40457889971761646</v>
      </c>
      <c r="H3851" cm="1">
        <f t="array" ref="H3851">IFERROR(INDEX(Jesper!AL$2:AL$366,ROUNDDOWN($C3851/24,0)+1,1)*INDEX($D$3:$AA$30,INDEX(Jesper!$R$2:$R$366,ROW(INDEX(Jesper!AL$2:AL$366,ROUNDDOWN($C3851/24,0)+1,1))-1)+IF('Standard Profiles'!$G$22=$B$10,7,0)+IF('Standard Profiles'!$G$22=$B$17,14,0)+IF('Standard Profiles'!$G$22=$B$24,21,0),MOD($C3851,24)+1)/SUM(INDEX($D$3:$AA$30,INDEX(Jesper!$R$2:$R$366,ROW(INDEX(Jesper!AL$2:AL$366,ROUNDDOWN($C3851/24,0)+1,1))-1)+IF('Standard Profiles'!$G$22=$B$10,7,0)+IF('Standard Profiles'!$G$22=$B$17,14,0)+IF('Standard Profiles'!$G$22=$B$24,21,0),0)),0)</f>
        <v>0</v>
      </c>
      <c r="I3851">
        <f t="shared" si="433"/>
        <v>0.19419787186445581</v>
      </c>
      <c r="J3851">
        <f t="shared" si="434"/>
        <v>6.6637844482123159</v>
      </c>
      <c r="K3851">
        <f t="shared" si="435"/>
        <v>0.53587010680460612</v>
      </c>
      <c r="L3851">
        <f t="shared" si="436"/>
        <v>0.26793505340230306</v>
      </c>
      <c r="M3851">
        <f t="shared" si="437"/>
        <v>0</v>
      </c>
      <c r="N3851" s="45">
        <f t="shared" si="438"/>
        <v>45086.041666657409</v>
      </c>
    </row>
    <row r="3852" spans="2:14" x14ac:dyDescent="0.25">
      <c r="B3852">
        <f t="shared" si="432"/>
        <v>5</v>
      </c>
      <c r="C3852" s="16">
        <v>3818</v>
      </c>
      <c r="D3852" cm="1">
        <f t="array" ref="D3852">IFERROR(INDEX(Jesper!AH$2:AH$366,ROUNDDOWN($C3852/24,0)+1,1)*INDEX($D$3:$AA$30,INDEX(Jesper!$R$2:$R$366,ROW(INDEX(Jesper!AH$2:AH$366,ROUNDDOWN($C3852/24,0)+1,1))-1)+IF('Standard Profiles'!$G$18=$B$10,7,0)+IF('Standard Profiles'!$G$18=$B$17,14,0)+IF('Standard Profiles'!$G$18=$B$24,21,0),MOD($C3852,24)+1)/SUM(INDEX($D$3:$AA$30,INDEX(Jesper!$R$2:$R$366,ROW(INDEX(Jesper!AH$2:AH$366,ROUNDDOWN($C3852/24,0)+1,1))-1)+IF('Standard Profiles'!$G$18=$B$10,7,0)+IF('Standard Profiles'!$G$18=$B$17,14,0)+IF('Standard Profiles'!$G$18=$B$24,21,0),0)),0)</f>
        <v>5.0237822512931816</v>
      </c>
      <c r="E3852" cm="1">
        <f t="array" ref="E3852">IFERROR(INDEX(Jesper!AI$2:AI$366,ROUNDDOWN($C3852/24,0)+1,1)*INDEX($D$3:$AA$30,INDEX(Jesper!$R$2:$R$366,ROW(INDEX(Jesper!AI$2:AI$366,ROUNDDOWN($C3852/24,0)+1,1))-1)+IF('Standard Profiles'!$G$19=$B$10,7,0)+IF('Standard Profiles'!$G$19=$B$17,14,0)+IF('Standard Profiles'!$G$19=$B$24,21,0),MOD($C3852,24)+1)/SUM(INDEX($D$3:$AA$30,INDEX(Jesper!$R$2:$R$366,ROW(INDEX(Jesper!AI$2:AI$366,ROUNDDOWN($C3852/24,0)+1,1))-1)+IF('Standard Profiles'!$G$19=$B$10,7,0)+IF('Standard Profiles'!$G$19=$B$17,14,0)+IF('Standard Profiles'!$G$19=$B$24,21,0),0)),0)</f>
        <v>2.2334263292728829</v>
      </c>
      <c r="F3852" cm="1">
        <f t="array" ref="F3852">IFERROR(INDEX(Jesper!AJ$2:AJ$366,ROUNDDOWN($C3852/24,0)+1,1)*INDEX($D$3:$AA$30,INDEX(Jesper!$R$2:$R$366,ROW(INDEX(Jesper!AJ$2:AJ$366,ROUNDDOWN($C3852/24,0)+1,1))-1)+IF('Standard Profiles'!$G$20=$B$10,7,0)+IF('Standard Profiles'!$G$20=$B$17,14,0)+IF('Standard Profiles'!$G$20=$B$24,21,0),MOD($C3852,24)+1)/SUM(INDEX($D$3:$AA$30,INDEX(Jesper!$R$2:$R$366,ROW(INDEX(Jesper!AJ$2:AJ$366,ROUNDDOWN($C3852/24,0)+1,1))-1)+IF('Standard Profiles'!$G$20=$B$10,7,0)+IF('Standard Profiles'!$G$20=$B$17,14,0)+IF('Standard Profiles'!$G$20=$B$24,21,0),0)),0)</f>
        <v>0</v>
      </c>
      <c r="G3852" cm="1">
        <f t="array" ref="G3852">IFERROR(INDEX(Jesper!AK$2:AK$366,ROUNDDOWN($C3852/24,0)+1,1)*INDEX($D$3:$AA$30,INDEX(Jesper!$R$2:$R$366,ROW(INDEX(Jesper!AK$2:AK$366,ROUNDDOWN($C3852/24,0)+1,1))-1)+IF('Standard Profiles'!$G$21=$B$10,7,0)+IF('Standard Profiles'!$G$21=$B$17,14,0)+IF('Standard Profiles'!$G$21=$B$24,21,0),MOD($C3852,24)+1)/SUM(INDEX($D$3:$AA$30,INDEX(Jesper!$R$2:$R$366,ROW(INDEX(Jesper!AK$2:AK$366,ROUNDDOWN($C3852/24,0)+1,1))-1)+IF('Standard Profiles'!$G$21=$B$10,7,0)+IF('Standard Profiles'!$G$21=$B$17,14,0)+IF('Standard Profiles'!$G$21=$B$24,21,0),0)),0)</f>
        <v>0.40457889971761646</v>
      </c>
      <c r="H3852" cm="1">
        <f t="array" ref="H3852">IFERROR(INDEX(Jesper!AL$2:AL$366,ROUNDDOWN($C3852/24,0)+1,1)*INDEX($D$3:$AA$30,INDEX(Jesper!$R$2:$R$366,ROW(INDEX(Jesper!AL$2:AL$366,ROUNDDOWN($C3852/24,0)+1,1))-1)+IF('Standard Profiles'!$G$22=$B$10,7,0)+IF('Standard Profiles'!$G$22=$B$17,14,0)+IF('Standard Profiles'!$G$22=$B$24,21,0),MOD($C3852,24)+1)/SUM(INDEX($D$3:$AA$30,INDEX(Jesper!$R$2:$R$366,ROW(INDEX(Jesper!AL$2:AL$366,ROUNDDOWN($C3852/24,0)+1,1))-1)+IF('Standard Profiles'!$G$22=$B$10,7,0)+IF('Standard Profiles'!$G$22=$B$17,14,0)+IF('Standard Profiles'!$G$22=$B$24,21,0),0)),0)</f>
        <v>0</v>
      </c>
      <c r="I3852">
        <f t="shared" si="433"/>
        <v>0.19419787186445581</v>
      </c>
      <c r="J3852">
        <f t="shared" si="434"/>
        <v>6.6637844482123159</v>
      </c>
      <c r="K3852">
        <f t="shared" si="435"/>
        <v>0.53587010680460612</v>
      </c>
      <c r="L3852">
        <f t="shared" si="436"/>
        <v>0.26793505340230306</v>
      </c>
      <c r="M3852">
        <f t="shared" si="437"/>
        <v>0</v>
      </c>
      <c r="N3852" s="45">
        <f t="shared" si="438"/>
        <v>45086.083333324073</v>
      </c>
    </row>
    <row r="3853" spans="2:14" x14ac:dyDescent="0.25">
      <c r="B3853">
        <f t="shared" si="432"/>
        <v>5</v>
      </c>
      <c r="C3853" s="16">
        <v>3819</v>
      </c>
      <c r="D3853" cm="1">
        <f t="array" ref="D3853">IFERROR(INDEX(Jesper!AH$2:AH$366,ROUNDDOWN($C3853/24,0)+1,1)*INDEX($D$3:$AA$30,INDEX(Jesper!$R$2:$R$366,ROW(INDEX(Jesper!AH$2:AH$366,ROUNDDOWN($C3853/24,0)+1,1))-1)+IF('Standard Profiles'!$G$18=$B$10,7,0)+IF('Standard Profiles'!$G$18=$B$17,14,0)+IF('Standard Profiles'!$G$18=$B$24,21,0),MOD($C3853,24)+1)/SUM(INDEX($D$3:$AA$30,INDEX(Jesper!$R$2:$R$366,ROW(INDEX(Jesper!AH$2:AH$366,ROUNDDOWN($C3853/24,0)+1,1))-1)+IF('Standard Profiles'!$G$18=$B$10,7,0)+IF('Standard Profiles'!$G$18=$B$17,14,0)+IF('Standard Profiles'!$G$18=$B$24,21,0),0)),0)</f>
        <v>5.0237822512931816</v>
      </c>
      <c r="E3853" cm="1">
        <f t="array" ref="E3853">IFERROR(INDEX(Jesper!AI$2:AI$366,ROUNDDOWN($C3853/24,0)+1,1)*INDEX($D$3:$AA$30,INDEX(Jesper!$R$2:$R$366,ROW(INDEX(Jesper!AI$2:AI$366,ROUNDDOWN($C3853/24,0)+1,1))-1)+IF('Standard Profiles'!$G$19=$B$10,7,0)+IF('Standard Profiles'!$G$19=$B$17,14,0)+IF('Standard Profiles'!$G$19=$B$24,21,0),MOD($C3853,24)+1)/SUM(INDEX($D$3:$AA$30,INDEX(Jesper!$R$2:$R$366,ROW(INDEX(Jesper!AI$2:AI$366,ROUNDDOWN($C3853/24,0)+1,1))-1)+IF('Standard Profiles'!$G$19=$B$10,7,0)+IF('Standard Profiles'!$G$19=$B$17,14,0)+IF('Standard Profiles'!$G$19=$B$24,21,0),0)),0)</f>
        <v>2.2334263292728829</v>
      </c>
      <c r="F3853" cm="1">
        <f t="array" ref="F3853">IFERROR(INDEX(Jesper!AJ$2:AJ$366,ROUNDDOWN($C3853/24,0)+1,1)*INDEX($D$3:$AA$30,INDEX(Jesper!$R$2:$R$366,ROW(INDEX(Jesper!AJ$2:AJ$366,ROUNDDOWN($C3853/24,0)+1,1))-1)+IF('Standard Profiles'!$G$20=$B$10,7,0)+IF('Standard Profiles'!$G$20=$B$17,14,0)+IF('Standard Profiles'!$G$20=$B$24,21,0),MOD($C3853,24)+1)/SUM(INDEX($D$3:$AA$30,INDEX(Jesper!$R$2:$R$366,ROW(INDEX(Jesper!AJ$2:AJ$366,ROUNDDOWN($C3853/24,0)+1,1))-1)+IF('Standard Profiles'!$G$20=$B$10,7,0)+IF('Standard Profiles'!$G$20=$B$17,14,0)+IF('Standard Profiles'!$G$20=$B$24,21,0),0)),0)</f>
        <v>0</v>
      </c>
      <c r="G3853" cm="1">
        <f t="array" ref="G3853">IFERROR(INDEX(Jesper!AK$2:AK$366,ROUNDDOWN($C3853/24,0)+1,1)*INDEX($D$3:$AA$30,INDEX(Jesper!$R$2:$R$366,ROW(INDEX(Jesper!AK$2:AK$366,ROUNDDOWN($C3853/24,0)+1,1))-1)+IF('Standard Profiles'!$G$21=$B$10,7,0)+IF('Standard Profiles'!$G$21=$B$17,14,0)+IF('Standard Profiles'!$G$21=$B$24,21,0),MOD($C3853,24)+1)/SUM(INDEX($D$3:$AA$30,INDEX(Jesper!$R$2:$R$366,ROW(INDEX(Jesper!AK$2:AK$366,ROUNDDOWN($C3853/24,0)+1,1))-1)+IF('Standard Profiles'!$G$21=$B$10,7,0)+IF('Standard Profiles'!$G$21=$B$17,14,0)+IF('Standard Profiles'!$G$21=$B$24,21,0),0)),0)</f>
        <v>0.40457889971761646</v>
      </c>
      <c r="H3853" cm="1">
        <f t="array" ref="H3853">IFERROR(INDEX(Jesper!AL$2:AL$366,ROUNDDOWN($C3853/24,0)+1,1)*INDEX($D$3:$AA$30,INDEX(Jesper!$R$2:$R$366,ROW(INDEX(Jesper!AL$2:AL$366,ROUNDDOWN($C3853/24,0)+1,1))-1)+IF('Standard Profiles'!$G$22=$B$10,7,0)+IF('Standard Profiles'!$G$22=$B$17,14,0)+IF('Standard Profiles'!$G$22=$B$24,21,0),MOD($C3853,24)+1)/SUM(INDEX($D$3:$AA$30,INDEX(Jesper!$R$2:$R$366,ROW(INDEX(Jesper!AL$2:AL$366,ROUNDDOWN($C3853/24,0)+1,1))-1)+IF('Standard Profiles'!$G$22=$B$10,7,0)+IF('Standard Profiles'!$G$22=$B$17,14,0)+IF('Standard Profiles'!$G$22=$B$24,21,0),0)),0)</f>
        <v>0</v>
      </c>
      <c r="I3853">
        <f t="shared" si="433"/>
        <v>0.19419787186445581</v>
      </c>
      <c r="J3853">
        <f t="shared" si="434"/>
        <v>6.6637844482123159</v>
      </c>
      <c r="K3853">
        <f t="shared" si="435"/>
        <v>0.53587010680460612</v>
      </c>
      <c r="L3853">
        <f t="shared" si="436"/>
        <v>0.26793505340230306</v>
      </c>
      <c r="M3853">
        <f t="shared" si="437"/>
        <v>0</v>
      </c>
      <c r="N3853" s="45">
        <f t="shared" si="438"/>
        <v>45086.124999990738</v>
      </c>
    </row>
    <row r="3854" spans="2:14" x14ac:dyDescent="0.25">
      <c r="B3854">
        <f t="shared" si="432"/>
        <v>5</v>
      </c>
      <c r="C3854" s="16">
        <v>3820</v>
      </c>
      <c r="D3854" cm="1">
        <f t="array" ref="D3854">IFERROR(INDEX(Jesper!AH$2:AH$366,ROUNDDOWN($C3854/24,0)+1,1)*INDEX($D$3:$AA$30,INDEX(Jesper!$R$2:$R$366,ROW(INDEX(Jesper!AH$2:AH$366,ROUNDDOWN($C3854/24,0)+1,1))-1)+IF('Standard Profiles'!$G$18=$B$10,7,0)+IF('Standard Profiles'!$G$18=$B$17,14,0)+IF('Standard Profiles'!$G$18=$B$24,21,0),MOD($C3854,24)+1)/SUM(INDEX($D$3:$AA$30,INDEX(Jesper!$R$2:$R$366,ROW(INDEX(Jesper!AH$2:AH$366,ROUNDDOWN($C3854/24,0)+1,1))-1)+IF('Standard Profiles'!$G$18=$B$10,7,0)+IF('Standard Profiles'!$G$18=$B$17,14,0)+IF('Standard Profiles'!$G$18=$B$24,21,0),0)),0)</f>
        <v>5.0237822512931816</v>
      </c>
      <c r="E3854" cm="1">
        <f t="array" ref="E3854">IFERROR(INDEX(Jesper!AI$2:AI$366,ROUNDDOWN($C3854/24,0)+1,1)*INDEX($D$3:$AA$30,INDEX(Jesper!$R$2:$R$366,ROW(INDEX(Jesper!AI$2:AI$366,ROUNDDOWN($C3854/24,0)+1,1))-1)+IF('Standard Profiles'!$G$19=$B$10,7,0)+IF('Standard Profiles'!$G$19=$B$17,14,0)+IF('Standard Profiles'!$G$19=$B$24,21,0),MOD($C3854,24)+1)/SUM(INDEX($D$3:$AA$30,INDEX(Jesper!$R$2:$R$366,ROW(INDEX(Jesper!AI$2:AI$366,ROUNDDOWN($C3854/24,0)+1,1))-1)+IF('Standard Profiles'!$G$19=$B$10,7,0)+IF('Standard Profiles'!$G$19=$B$17,14,0)+IF('Standard Profiles'!$G$19=$B$24,21,0),0)),0)</f>
        <v>2.2334263292728829</v>
      </c>
      <c r="F3854" cm="1">
        <f t="array" ref="F3854">IFERROR(INDEX(Jesper!AJ$2:AJ$366,ROUNDDOWN($C3854/24,0)+1,1)*INDEX($D$3:$AA$30,INDEX(Jesper!$R$2:$R$366,ROW(INDEX(Jesper!AJ$2:AJ$366,ROUNDDOWN($C3854/24,0)+1,1))-1)+IF('Standard Profiles'!$G$20=$B$10,7,0)+IF('Standard Profiles'!$G$20=$B$17,14,0)+IF('Standard Profiles'!$G$20=$B$24,21,0),MOD($C3854,24)+1)/SUM(INDEX($D$3:$AA$30,INDEX(Jesper!$R$2:$R$366,ROW(INDEX(Jesper!AJ$2:AJ$366,ROUNDDOWN($C3854/24,0)+1,1))-1)+IF('Standard Profiles'!$G$20=$B$10,7,0)+IF('Standard Profiles'!$G$20=$B$17,14,0)+IF('Standard Profiles'!$G$20=$B$24,21,0),0)),0)</f>
        <v>0</v>
      </c>
      <c r="G3854" cm="1">
        <f t="array" ref="G3854">IFERROR(INDEX(Jesper!AK$2:AK$366,ROUNDDOWN($C3854/24,0)+1,1)*INDEX($D$3:$AA$30,INDEX(Jesper!$R$2:$R$366,ROW(INDEX(Jesper!AK$2:AK$366,ROUNDDOWN($C3854/24,0)+1,1))-1)+IF('Standard Profiles'!$G$21=$B$10,7,0)+IF('Standard Profiles'!$G$21=$B$17,14,0)+IF('Standard Profiles'!$G$21=$B$24,21,0),MOD($C3854,24)+1)/SUM(INDEX($D$3:$AA$30,INDEX(Jesper!$R$2:$R$366,ROW(INDEX(Jesper!AK$2:AK$366,ROUNDDOWN($C3854/24,0)+1,1))-1)+IF('Standard Profiles'!$G$21=$B$10,7,0)+IF('Standard Profiles'!$G$21=$B$17,14,0)+IF('Standard Profiles'!$G$21=$B$24,21,0),0)),0)</f>
        <v>0.40457889971761646</v>
      </c>
      <c r="H3854" cm="1">
        <f t="array" ref="H3854">IFERROR(INDEX(Jesper!AL$2:AL$366,ROUNDDOWN($C3854/24,0)+1,1)*INDEX($D$3:$AA$30,INDEX(Jesper!$R$2:$R$366,ROW(INDEX(Jesper!AL$2:AL$366,ROUNDDOWN($C3854/24,0)+1,1))-1)+IF('Standard Profiles'!$G$22=$B$10,7,0)+IF('Standard Profiles'!$G$22=$B$17,14,0)+IF('Standard Profiles'!$G$22=$B$24,21,0),MOD($C3854,24)+1)/SUM(INDEX($D$3:$AA$30,INDEX(Jesper!$R$2:$R$366,ROW(INDEX(Jesper!AL$2:AL$366,ROUNDDOWN($C3854/24,0)+1,1))-1)+IF('Standard Profiles'!$G$22=$B$10,7,0)+IF('Standard Profiles'!$G$22=$B$17,14,0)+IF('Standard Profiles'!$G$22=$B$24,21,0),0)),0)</f>
        <v>0</v>
      </c>
      <c r="I3854">
        <f t="shared" si="433"/>
        <v>0.19419787186445581</v>
      </c>
      <c r="J3854">
        <f t="shared" si="434"/>
        <v>6.6637844482123159</v>
      </c>
      <c r="K3854">
        <f t="shared" si="435"/>
        <v>0.53587010680460612</v>
      </c>
      <c r="L3854">
        <f t="shared" si="436"/>
        <v>0.26793505340230306</v>
      </c>
      <c r="M3854">
        <f t="shared" si="437"/>
        <v>0</v>
      </c>
      <c r="N3854" s="45">
        <f t="shared" si="438"/>
        <v>45086.166666657402</v>
      </c>
    </row>
    <row r="3855" spans="2:14" x14ac:dyDescent="0.25">
      <c r="B3855">
        <f t="shared" si="432"/>
        <v>5</v>
      </c>
      <c r="C3855" s="16">
        <v>3821</v>
      </c>
      <c r="D3855" cm="1">
        <f t="array" ref="D3855">IFERROR(INDEX(Jesper!AH$2:AH$366,ROUNDDOWN($C3855/24,0)+1,1)*INDEX($D$3:$AA$30,INDEX(Jesper!$R$2:$R$366,ROW(INDEX(Jesper!AH$2:AH$366,ROUNDDOWN($C3855/24,0)+1,1))-1)+IF('Standard Profiles'!$G$18=$B$10,7,0)+IF('Standard Profiles'!$G$18=$B$17,14,0)+IF('Standard Profiles'!$G$18=$B$24,21,0),MOD($C3855,24)+1)/SUM(INDEX($D$3:$AA$30,INDEX(Jesper!$R$2:$R$366,ROW(INDEX(Jesper!AH$2:AH$366,ROUNDDOWN($C3855/24,0)+1,1))-1)+IF('Standard Profiles'!$G$18=$B$10,7,0)+IF('Standard Profiles'!$G$18=$B$17,14,0)+IF('Standard Profiles'!$G$18=$B$24,21,0),0)),0)</f>
        <v>5.0237822512931816</v>
      </c>
      <c r="E3855" cm="1">
        <f t="array" ref="E3855">IFERROR(INDEX(Jesper!AI$2:AI$366,ROUNDDOWN($C3855/24,0)+1,1)*INDEX($D$3:$AA$30,INDEX(Jesper!$R$2:$R$366,ROW(INDEX(Jesper!AI$2:AI$366,ROUNDDOWN($C3855/24,0)+1,1))-1)+IF('Standard Profiles'!$G$19=$B$10,7,0)+IF('Standard Profiles'!$G$19=$B$17,14,0)+IF('Standard Profiles'!$G$19=$B$24,21,0),MOD($C3855,24)+1)/SUM(INDEX($D$3:$AA$30,INDEX(Jesper!$R$2:$R$366,ROW(INDEX(Jesper!AI$2:AI$366,ROUNDDOWN($C3855/24,0)+1,1))-1)+IF('Standard Profiles'!$G$19=$B$10,7,0)+IF('Standard Profiles'!$G$19=$B$17,14,0)+IF('Standard Profiles'!$G$19=$B$24,21,0),0)),0)</f>
        <v>2.2334263292728829</v>
      </c>
      <c r="F3855" cm="1">
        <f t="array" ref="F3855">IFERROR(INDEX(Jesper!AJ$2:AJ$366,ROUNDDOWN($C3855/24,0)+1,1)*INDEX($D$3:$AA$30,INDEX(Jesper!$R$2:$R$366,ROW(INDEX(Jesper!AJ$2:AJ$366,ROUNDDOWN($C3855/24,0)+1,1))-1)+IF('Standard Profiles'!$G$20=$B$10,7,0)+IF('Standard Profiles'!$G$20=$B$17,14,0)+IF('Standard Profiles'!$G$20=$B$24,21,0),MOD($C3855,24)+1)/SUM(INDEX($D$3:$AA$30,INDEX(Jesper!$R$2:$R$366,ROW(INDEX(Jesper!AJ$2:AJ$366,ROUNDDOWN($C3855/24,0)+1,1))-1)+IF('Standard Profiles'!$G$20=$B$10,7,0)+IF('Standard Profiles'!$G$20=$B$17,14,0)+IF('Standard Profiles'!$G$20=$B$24,21,0),0)),0)</f>
        <v>0</v>
      </c>
      <c r="G3855" cm="1">
        <f t="array" ref="G3855">IFERROR(INDEX(Jesper!AK$2:AK$366,ROUNDDOWN($C3855/24,0)+1,1)*INDEX($D$3:$AA$30,INDEX(Jesper!$R$2:$R$366,ROW(INDEX(Jesper!AK$2:AK$366,ROUNDDOWN($C3855/24,0)+1,1))-1)+IF('Standard Profiles'!$G$21=$B$10,7,0)+IF('Standard Profiles'!$G$21=$B$17,14,0)+IF('Standard Profiles'!$G$21=$B$24,21,0),MOD($C3855,24)+1)/SUM(INDEX($D$3:$AA$30,INDEX(Jesper!$R$2:$R$366,ROW(INDEX(Jesper!AK$2:AK$366,ROUNDDOWN($C3855/24,0)+1,1))-1)+IF('Standard Profiles'!$G$21=$B$10,7,0)+IF('Standard Profiles'!$G$21=$B$17,14,0)+IF('Standard Profiles'!$G$21=$B$24,21,0),0)),0)</f>
        <v>0.40457889971761646</v>
      </c>
      <c r="H3855" cm="1">
        <f t="array" ref="H3855">IFERROR(INDEX(Jesper!AL$2:AL$366,ROUNDDOWN($C3855/24,0)+1,1)*INDEX($D$3:$AA$30,INDEX(Jesper!$R$2:$R$366,ROW(INDEX(Jesper!AL$2:AL$366,ROUNDDOWN($C3855/24,0)+1,1))-1)+IF('Standard Profiles'!$G$22=$B$10,7,0)+IF('Standard Profiles'!$G$22=$B$17,14,0)+IF('Standard Profiles'!$G$22=$B$24,21,0),MOD($C3855,24)+1)/SUM(INDEX($D$3:$AA$30,INDEX(Jesper!$R$2:$R$366,ROW(INDEX(Jesper!AL$2:AL$366,ROUNDDOWN($C3855/24,0)+1,1))-1)+IF('Standard Profiles'!$G$22=$B$10,7,0)+IF('Standard Profiles'!$G$22=$B$17,14,0)+IF('Standard Profiles'!$G$22=$B$24,21,0),0)),0)</f>
        <v>0</v>
      </c>
      <c r="I3855">
        <f t="shared" si="433"/>
        <v>0.19419787186445581</v>
      </c>
      <c r="J3855">
        <f t="shared" si="434"/>
        <v>6.6637844482123159</v>
      </c>
      <c r="K3855">
        <f t="shared" si="435"/>
        <v>0.53587010680460612</v>
      </c>
      <c r="L3855">
        <f t="shared" si="436"/>
        <v>0.26793505340230306</v>
      </c>
      <c r="M3855">
        <f t="shared" si="437"/>
        <v>0</v>
      </c>
      <c r="N3855" s="45">
        <f t="shared" si="438"/>
        <v>45086.208333324066</v>
      </c>
    </row>
    <row r="3856" spans="2:14" x14ac:dyDescent="0.25">
      <c r="B3856">
        <f t="shared" si="432"/>
        <v>5</v>
      </c>
      <c r="C3856" s="16">
        <v>3822</v>
      </c>
      <c r="D3856" cm="1">
        <f t="array" ref="D3856">IFERROR(INDEX(Jesper!AH$2:AH$366,ROUNDDOWN($C3856/24,0)+1,1)*INDEX($D$3:$AA$30,INDEX(Jesper!$R$2:$R$366,ROW(INDEX(Jesper!AH$2:AH$366,ROUNDDOWN($C3856/24,0)+1,1))-1)+IF('Standard Profiles'!$G$18=$B$10,7,0)+IF('Standard Profiles'!$G$18=$B$17,14,0)+IF('Standard Profiles'!$G$18=$B$24,21,0),MOD($C3856,24)+1)/SUM(INDEX($D$3:$AA$30,INDEX(Jesper!$R$2:$R$366,ROW(INDEX(Jesper!AH$2:AH$366,ROUNDDOWN($C3856/24,0)+1,1))-1)+IF('Standard Profiles'!$G$18=$B$10,7,0)+IF('Standard Profiles'!$G$18=$B$17,14,0)+IF('Standard Profiles'!$G$18=$B$24,21,0),0)),0)</f>
        <v>5.0237822512931816</v>
      </c>
      <c r="E3856" cm="1">
        <f t="array" ref="E3856">IFERROR(INDEX(Jesper!AI$2:AI$366,ROUNDDOWN($C3856/24,0)+1,1)*INDEX($D$3:$AA$30,INDEX(Jesper!$R$2:$R$366,ROW(INDEX(Jesper!AI$2:AI$366,ROUNDDOWN($C3856/24,0)+1,1))-1)+IF('Standard Profiles'!$G$19=$B$10,7,0)+IF('Standard Profiles'!$G$19=$B$17,14,0)+IF('Standard Profiles'!$G$19=$B$24,21,0),MOD($C3856,24)+1)/SUM(INDEX($D$3:$AA$30,INDEX(Jesper!$R$2:$R$366,ROW(INDEX(Jesper!AI$2:AI$366,ROUNDDOWN($C3856/24,0)+1,1))-1)+IF('Standard Profiles'!$G$19=$B$10,7,0)+IF('Standard Profiles'!$G$19=$B$17,14,0)+IF('Standard Profiles'!$G$19=$B$24,21,0),0)),0)</f>
        <v>2.2334263292728829</v>
      </c>
      <c r="F3856" cm="1">
        <f t="array" ref="F3856">IFERROR(INDEX(Jesper!AJ$2:AJ$366,ROUNDDOWN($C3856/24,0)+1,1)*INDEX($D$3:$AA$30,INDEX(Jesper!$R$2:$R$366,ROW(INDEX(Jesper!AJ$2:AJ$366,ROUNDDOWN($C3856/24,0)+1,1))-1)+IF('Standard Profiles'!$G$20=$B$10,7,0)+IF('Standard Profiles'!$G$20=$B$17,14,0)+IF('Standard Profiles'!$G$20=$B$24,21,0),MOD($C3856,24)+1)/SUM(INDEX($D$3:$AA$30,INDEX(Jesper!$R$2:$R$366,ROW(INDEX(Jesper!AJ$2:AJ$366,ROUNDDOWN($C3856/24,0)+1,1))-1)+IF('Standard Profiles'!$G$20=$B$10,7,0)+IF('Standard Profiles'!$G$20=$B$17,14,0)+IF('Standard Profiles'!$G$20=$B$24,21,0),0)),0)</f>
        <v>0</v>
      </c>
      <c r="G3856" cm="1">
        <f t="array" ref="G3856">IFERROR(INDEX(Jesper!AK$2:AK$366,ROUNDDOWN($C3856/24,0)+1,1)*INDEX($D$3:$AA$30,INDEX(Jesper!$R$2:$R$366,ROW(INDEX(Jesper!AK$2:AK$366,ROUNDDOWN($C3856/24,0)+1,1))-1)+IF('Standard Profiles'!$G$21=$B$10,7,0)+IF('Standard Profiles'!$G$21=$B$17,14,0)+IF('Standard Profiles'!$G$21=$B$24,21,0),MOD($C3856,24)+1)/SUM(INDEX($D$3:$AA$30,INDEX(Jesper!$R$2:$R$366,ROW(INDEX(Jesper!AK$2:AK$366,ROUNDDOWN($C3856/24,0)+1,1))-1)+IF('Standard Profiles'!$G$21=$B$10,7,0)+IF('Standard Profiles'!$G$21=$B$17,14,0)+IF('Standard Profiles'!$G$21=$B$24,21,0),0)),0)</f>
        <v>0.40457889971761646</v>
      </c>
      <c r="H3856" cm="1">
        <f t="array" ref="H3856">IFERROR(INDEX(Jesper!AL$2:AL$366,ROUNDDOWN($C3856/24,0)+1,1)*INDEX($D$3:$AA$30,INDEX(Jesper!$R$2:$R$366,ROW(INDEX(Jesper!AL$2:AL$366,ROUNDDOWN($C3856/24,0)+1,1))-1)+IF('Standard Profiles'!$G$22=$B$10,7,0)+IF('Standard Profiles'!$G$22=$B$17,14,0)+IF('Standard Profiles'!$G$22=$B$24,21,0),MOD($C3856,24)+1)/SUM(INDEX($D$3:$AA$30,INDEX(Jesper!$R$2:$R$366,ROW(INDEX(Jesper!AL$2:AL$366,ROUNDDOWN($C3856/24,0)+1,1))-1)+IF('Standard Profiles'!$G$22=$B$10,7,0)+IF('Standard Profiles'!$G$22=$B$17,14,0)+IF('Standard Profiles'!$G$22=$B$24,21,0),0)),0)</f>
        <v>0</v>
      </c>
      <c r="I3856">
        <f t="shared" si="433"/>
        <v>0.19419787186445581</v>
      </c>
      <c r="J3856">
        <f t="shared" si="434"/>
        <v>6.6637844482123159</v>
      </c>
      <c r="K3856">
        <f t="shared" si="435"/>
        <v>0.53587010680460612</v>
      </c>
      <c r="L3856">
        <f t="shared" si="436"/>
        <v>0.26793505340230306</v>
      </c>
      <c r="M3856">
        <f t="shared" si="437"/>
        <v>0</v>
      </c>
      <c r="N3856" s="45">
        <f t="shared" si="438"/>
        <v>45086.24999999073</v>
      </c>
    </row>
    <row r="3857" spans="2:14" x14ac:dyDescent="0.25">
      <c r="B3857">
        <f t="shared" si="432"/>
        <v>5</v>
      </c>
      <c r="C3857" s="16">
        <v>3823</v>
      </c>
      <c r="D3857" cm="1">
        <f t="array" ref="D3857">IFERROR(INDEX(Jesper!AH$2:AH$366,ROUNDDOWN($C3857/24,0)+1,1)*INDEX($D$3:$AA$30,INDEX(Jesper!$R$2:$R$366,ROW(INDEX(Jesper!AH$2:AH$366,ROUNDDOWN($C3857/24,0)+1,1))-1)+IF('Standard Profiles'!$G$18=$B$10,7,0)+IF('Standard Profiles'!$G$18=$B$17,14,0)+IF('Standard Profiles'!$G$18=$B$24,21,0),MOD($C3857,24)+1)/SUM(INDEX($D$3:$AA$30,INDEX(Jesper!$R$2:$R$366,ROW(INDEX(Jesper!AH$2:AH$366,ROUNDDOWN($C3857/24,0)+1,1))-1)+IF('Standard Profiles'!$G$18=$B$10,7,0)+IF('Standard Profiles'!$G$18=$B$17,14,0)+IF('Standard Profiles'!$G$18=$B$24,21,0),0)),0)</f>
        <v>21.401312390508952</v>
      </c>
      <c r="E3857" cm="1">
        <f t="array" ref="E3857">IFERROR(INDEX(Jesper!AI$2:AI$366,ROUNDDOWN($C3857/24,0)+1,1)*INDEX($D$3:$AA$30,INDEX(Jesper!$R$2:$R$366,ROW(INDEX(Jesper!AI$2:AI$366,ROUNDDOWN($C3857/24,0)+1,1))-1)+IF('Standard Profiles'!$G$19=$B$10,7,0)+IF('Standard Profiles'!$G$19=$B$17,14,0)+IF('Standard Profiles'!$G$19=$B$24,21,0),MOD($C3857,24)+1)/SUM(INDEX($D$3:$AA$30,INDEX(Jesper!$R$2:$R$366,ROW(INDEX(Jesper!AI$2:AI$366,ROUNDDOWN($C3857/24,0)+1,1))-1)+IF('Standard Profiles'!$G$19=$B$10,7,0)+IF('Standard Profiles'!$G$19=$B$17,14,0)+IF('Standard Profiles'!$G$19=$B$24,21,0),0)),0)</f>
        <v>9.5143961627024787</v>
      </c>
      <c r="F3857" cm="1">
        <f t="array" ref="F3857">IFERROR(INDEX(Jesper!AJ$2:AJ$366,ROUNDDOWN($C3857/24,0)+1,1)*INDEX($D$3:$AA$30,INDEX(Jesper!$R$2:$R$366,ROW(INDEX(Jesper!AJ$2:AJ$366,ROUNDDOWN($C3857/24,0)+1,1))-1)+IF('Standard Profiles'!$G$20=$B$10,7,0)+IF('Standard Profiles'!$G$20=$B$17,14,0)+IF('Standard Profiles'!$G$20=$B$24,21,0),MOD($C3857,24)+1)/SUM(INDEX($D$3:$AA$30,INDEX(Jesper!$R$2:$R$366,ROW(INDEX(Jesper!AJ$2:AJ$366,ROUNDDOWN($C3857/24,0)+1,1))-1)+IF('Standard Profiles'!$G$20=$B$10,7,0)+IF('Standard Profiles'!$G$20=$B$17,14,0)+IF('Standard Profiles'!$G$20=$B$24,21,0),0)),0)</f>
        <v>0</v>
      </c>
      <c r="G3857" cm="1">
        <f t="array" ref="G3857">IFERROR(INDEX(Jesper!AK$2:AK$366,ROUNDDOWN($C3857/24,0)+1,1)*INDEX($D$3:$AA$30,INDEX(Jesper!$R$2:$R$366,ROW(INDEX(Jesper!AK$2:AK$366,ROUNDDOWN($C3857/24,0)+1,1))-1)+IF('Standard Profiles'!$G$21=$B$10,7,0)+IF('Standard Profiles'!$G$21=$B$17,14,0)+IF('Standard Profiles'!$G$21=$B$24,21,0),MOD($C3857,24)+1)/SUM(INDEX($D$3:$AA$30,INDEX(Jesper!$R$2:$R$366,ROW(INDEX(Jesper!AK$2:AK$366,ROUNDDOWN($C3857/24,0)+1,1))-1)+IF('Standard Profiles'!$G$21=$B$10,7,0)+IF('Standard Profiles'!$G$21=$B$17,14,0)+IF('Standard Profiles'!$G$21=$B$24,21,0),0)),0)</f>
        <v>1.096278308912251</v>
      </c>
      <c r="H3857" cm="1">
        <f t="array" ref="H3857">IFERROR(INDEX(Jesper!AL$2:AL$366,ROUNDDOWN($C3857/24,0)+1,1)*INDEX($D$3:$AA$30,INDEX(Jesper!$R$2:$R$366,ROW(INDEX(Jesper!AL$2:AL$366,ROUNDDOWN($C3857/24,0)+1,1))-1)+IF('Standard Profiles'!$G$22=$B$10,7,0)+IF('Standard Profiles'!$G$22=$B$17,14,0)+IF('Standard Profiles'!$G$22=$B$24,21,0),MOD($C3857,24)+1)/SUM(INDEX($D$3:$AA$30,INDEX(Jesper!$R$2:$R$366,ROW(INDEX(Jesper!AL$2:AL$366,ROUNDDOWN($C3857/24,0)+1,1))-1)+IF('Standard Profiles'!$G$22=$B$10,7,0)+IF('Standard Profiles'!$G$22=$B$17,14,0)+IF('Standard Profiles'!$G$22=$B$24,21,0),0)),0)</f>
        <v>0</v>
      </c>
      <c r="I3857">
        <f t="shared" si="433"/>
        <v>0.52621358827788023</v>
      </c>
      <c r="J3857">
        <f t="shared" si="434"/>
        <v>28.061563291364369</v>
      </c>
      <c r="K3857">
        <f t="shared" si="435"/>
        <v>2.2828066549876218</v>
      </c>
      <c r="L3857">
        <f t="shared" si="436"/>
        <v>1.1414033274938109</v>
      </c>
      <c r="M3857">
        <f t="shared" si="437"/>
        <v>0</v>
      </c>
      <c r="N3857" s="45">
        <f t="shared" si="438"/>
        <v>45086.291666657395</v>
      </c>
    </row>
    <row r="3858" spans="2:14" x14ac:dyDescent="0.25">
      <c r="B3858">
        <f t="shared" si="432"/>
        <v>5</v>
      </c>
      <c r="C3858" s="16">
        <v>3824</v>
      </c>
      <c r="D3858" cm="1">
        <f t="array" ref="D3858">IFERROR(INDEX(Jesper!AH$2:AH$366,ROUNDDOWN($C3858/24,0)+1,1)*INDEX($D$3:$AA$30,INDEX(Jesper!$R$2:$R$366,ROW(INDEX(Jesper!AH$2:AH$366,ROUNDDOWN($C3858/24,0)+1,1))-1)+IF('Standard Profiles'!$G$18=$B$10,7,0)+IF('Standard Profiles'!$G$18=$B$17,14,0)+IF('Standard Profiles'!$G$18=$B$24,21,0),MOD($C3858,24)+1)/SUM(INDEX($D$3:$AA$30,INDEX(Jesper!$R$2:$R$366,ROW(INDEX(Jesper!AH$2:AH$366,ROUNDDOWN($C3858/24,0)+1,1))-1)+IF('Standard Profiles'!$G$18=$B$10,7,0)+IF('Standard Profiles'!$G$18=$B$17,14,0)+IF('Standard Profiles'!$G$18=$B$24,21,0),0)),0)</f>
        <v>26.751640488136189</v>
      </c>
      <c r="E3858" cm="1">
        <f t="array" ref="E3858">IFERROR(INDEX(Jesper!AI$2:AI$366,ROUNDDOWN($C3858/24,0)+1,1)*INDEX($D$3:$AA$30,INDEX(Jesper!$R$2:$R$366,ROW(INDEX(Jesper!AI$2:AI$366,ROUNDDOWN($C3858/24,0)+1,1))-1)+IF('Standard Profiles'!$G$19=$B$10,7,0)+IF('Standard Profiles'!$G$19=$B$17,14,0)+IF('Standard Profiles'!$G$19=$B$24,21,0),MOD($C3858,24)+1)/SUM(INDEX($D$3:$AA$30,INDEX(Jesper!$R$2:$R$366,ROW(INDEX(Jesper!AI$2:AI$366,ROUNDDOWN($C3858/24,0)+1,1))-1)+IF('Standard Profiles'!$G$19=$B$10,7,0)+IF('Standard Profiles'!$G$19=$B$17,14,0)+IF('Standard Profiles'!$G$19=$B$24,21,0),0)),0)</f>
        <v>11.892995203378101</v>
      </c>
      <c r="F3858" cm="1">
        <f t="array" ref="F3858">IFERROR(INDEX(Jesper!AJ$2:AJ$366,ROUNDDOWN($C3858/24,0)+1,1)*INDEX($D$3:$AA$30,INDEX(Jesper!$R$2:$R$366,ROW(INDEX(Jesper!AJ$2:AJ$366,ROUNDDOWN($C3858/24,0)+1,1))-1)+IF('Standard Profiles'!$G$20=$B$10,7,0)+IF('Standard Profiles'!$G$20=$B$17,14,0)+IF('Standard Profiles'!$G$20=$B$24,21,0),MOD($C3858,24)+1)/SUM(INDEX($D$3:$AA$30,INDEX(Jesper!$R$2:$R$366,ROW(INDEX(Jesper!AJ$2:AJ$366,ROUNDDOWN($C3858/24,0)+1,1))-1)+IF('Standard Profiles'!$G$20=$B$10,7,0)+IF('Standard Profiles'!$G$20=$B$17,14,0)+IF('Standard Profiles'!$G$20=$B$24,21,0),0)),0)</f>
        <v>0</v>
      </c>
      <c r="G3858" cm="1">
        <f t="array" ref="G3858">IFERROR(INDEX(Jesper!AK$2:AK$366,ROUNDDOWN($C3858/24,0)+1,1)*INDEX($D$3:$AA$30,INDEX(Jesper!$R$2:$R$366,ROW(INDEX(Jesper!AK$2:AK$366,ROUNDDOWN($C3858/24,0)+1,1))-1)+IF('Standard Profiles'!$G$21=$B$10,7,0)+IF('Standard Profiles'!$G$21=$B$17,14,0)+IF('Standard Profiles'!$G$21=$B$24,21,0),MOD($C3858,24)+1)/SUM(INDEX($D$3:$AA$30,INDEX(Jesper!$R$2:$R$366,ROW(INDEX(Jesper!AK$2:AK$366,ROUNDDOWN($C3858/24,0)+1,1))-1)+IF('Standard Profiles'!$G$21=$B$10,7,0)+IF('Standard Profiles'!$G$21=$B$17,14,0)+IF('Standard Profiles'!$G$21=$B$24,21,0),0)),0)</f>
        <v>1.3703478861403138</v>
      </c>
      <c r="H3858" cm="1">
        <f t="array" ref="H3858">IFERROR(INDEX(Jesper!AL$2:AL$366,ROUNDDOWN($C3858/24,0)+1,1)*INDEX($D$3:$AA$30,INDEX(Jesper!$R$2:$R$366,ROW(INDEX(Jesper!AL$2:AL$366,ROUNDDOWN($C3858/24,0)+1,1))-1)+IF('Standard Profiles'!$G$22=$B$10,7,0)+IF('Standard Profiles'!$G$22=$B$17,14,0)+IF('Standard Profiles'!$G$22=$B$24,21,0),MOD($C3858,24)+1)/SUM(INDEX($D$3:$AA$30,INDEX(Jesper!$R$2:$R$366,ROW(INDEX(Jesper!AL$2:AL$366,ROUNDDOWN($C3858/24,0)+1,1))-1)+IF('Standard Profiles'!$G$22=$B$10,7,0)+IF('Standard Profiles'!$G$22=$B$17,14,0)+IF('Standard Profiles'!$G$22=$B$24,21,0),0)),0)</f>
        <v>0</v>
      </c>
      <c r="I3858">
        <f t="shared" si="433"/>
        <v>0.65776698534735023</v>
      </c>
      <c r="J3858">
        <f t="shared" si="434"/>
        <v>35.076954114205463</v>
      </c>
      <c r="K3858">
        <f t="shared" si="435"/>
        <v>2.8535083187345269</v>
      </c>
      <c r="L3858">
        <f t="shared" si="436"/>
        <v>1.4267541593672635</v>
      </c>
      <c r="M3858">
        <f t="shared" si="437"/>
        <v>0</v>
      </c>
      <c r="N3858" s="45">
        <f t="shared" si="438"/>
        <v>45086.333333324059</v>
      </c>
    </row>
    <row r="3859" spans="2:14" x14ac:dyDescent="0.25">
      <c r="B3859">
        <f t="shared" si="432"/>
        <v>5</v>
      </c>
      <c r="C3859" s="16">
        <v>3825</v>
      </c>
      <c r="D3859" cm="1">
        <f t="array" ref="D3859">IFERROR(INDEX(Jesper!AH$2:AH$366,ROUNDDOWN($C3859/24,0)+1,1)*INDEX($D$3:$AA$30,INDEX(Jesper!$R$2:$R$366,ROW(INDEX(Jesper!AH$2:AH$366,ROUNDDOWN($C3859/24,0)+1,1))-1)+IF('Standard Profiles'!$G$18=$B$10,7,0)+IF('Standard Profiles'!$G$18=$B$17,14,0)+IF('Standard Profiles'!$G$18=$B$24,21,0),MOD($C3859,24)+1)/SUM(INDEX($D$3:$AA$30,INDEX(Jesper!$R$2:$R$366,ROW(INDEX(Jesper!AH$2:AH$366,ROUNDDOWN($C3859/24,0)+1,1))-1)+IF('Standard Profiles'!$G$18=$B$10,7,0)+IF('Standard Profiles'!$G$18=$B$17,14,0)+IF('Standard Profiles'!$G$18=$B$24,21,0),0)),0)</f>
        <v>29.426804536949806</v>
      </c>
      <c r="E3859" cm="1">
        <f t="array" ref="E3859">IFERROR(INDEX(Jesper!AI$2:AI$366,ROUNDDOWN($C3859/24,0)+1,1)*INDEX($D$3:$AA$30,INDEX(Jesper!$R$2:$R$366,ROW(INDEX(Jesper!AI$2:AI$366,ROUNDDOWN($C3859/24,0)+1,1))-1)+IF('Standard Profiles'!$G$19=$B$10,7,0)+IF('Standard Profiles'!$G$19=$B$17,14,0)+IF('Standard Profiles'!$G$19=$B$24,21,0),MOD($C3859,24)+1)/SUM(INDEX($D$3:$AA$30,INDEX(Jesper!$R$2:$R$366,ROW(INDEX(Jesper!AI$2:AI$366,ROUNDDOWN($C3859/24,0)+1,1))-1)+IF('Standard Profiles'!$G$19=$B$10,7,0)+IF('Standard Profiles'!$G$19=$B$17,14,0)+IF('Standard Profiles'!$G$19=$B$24,21,0),0)),0)</f>
        <v>13.08229472371591</v>
      </c>
      <c r="F3859" cm="1">
        <f t="array" ref="F3859">IFERROR(INDEX(Jesper!AJ$2:AJ$366,ROUNDDOWN($C3859/24,0)+1,1)*INDEX($D$3:$AA$30,INDEX(Jesper!$R$2:$R$366,ROW(INDEX(Jesper!AJ$2:AJ$366,ROUNDDOWN($C3859/24,0)+1,1))-1)+IF('Standard Profiles'!$G$20=$B$10,7,0)+IF('Standard Profiles'!$G$20=$B$17,14,0)+IF('Standard Profiles'!$G$20=$B$24,21,0),MOD($C3859,24)+1)/SUM(INDEX($D$3:$AA$30,INDEX(Jesper!$R$2:$R$366,ROW(INDEX(Jesper!AJ$2:AJ$366,ROUNDDOWN($C3859/24,0)+1,1))-1)+IF('Standard Profiles'!$G$20=$B$10,7,0)+IF('Standard Profiles'!$G$20=$B$17,14,0)+IF('Standard Profiles'!$G$20=$B$24,21,0),0)),0)</f>
        <v>0</v>
      </c>
      <c r="G3859" cm="1">
        <f t="array" ref="G3859">IFERROR(INDEX(Jesper!AK$2:AK$366,ROUNDDOWN($C3859/24,0)+1,1)*INDEX($D$3:$AA$30,INDEX(Jesper!$R$2:$R$366,ROW(INDEX(Jesper!AK$2:AK$366,ROUNDDOWN($C3859/24,0)+1,1))-1)+IF('Standard Profiles'!$G$21=$B$10,7,0)+IF('Standard Profiles'!$G$21=$B$17,14,0)+IF('Standard Profiles'!$G$21=$B$24,21,0),MOD($C3859,24)+1)/SUM(INDEX($D$3:$AA$30,INDEX(Jesper!$R$2:$R$366,ROW(INDEX(Jesper!AK$2:AK$366,ROUNDDOWN($C3859/24,0)+1,1))-1)+IF('Standard Profiles'!$G$21=$B$10,7,0)+IF('Standard Profiles'!$G$21=$B$17,14,0)+IF('Standard Profiles'!$G$21=$B$24,21,0),0)),0)</f>
        <v>1.5073826747543451</v>
      </c>
      <c r="H3859" cm="1">
        <f t="array" ref="H3859">IFERROR(INDEX(Jesper!AL$2:AL$366,ROUNDDOWN($C3859/24,0)+1,1)*INDEX($D$3:$AA$30,INDEX(Jesper!$R$2:$R$366,ROW(INDEX(Jesper!AL$2:AL$366,ROUNDDOWN($C3859/24,0)+1,1))-1)+IF('Standard Profiles'!$G$22=$B$10,7,0)+IF('Standard Profiles'!$G$22=$B$17,14,0)+IF('Standard Profiles'!$G$22=$B$24,21,0),MOD($C3859,24)+1)/SUM(INDEX($D$3:$AA$30,INDEX(Jesper!$R$2:$R$366,ROW(INDEX(Jesper!AL$2:AL$366,ROUNDDOWN($C3859/24,0)+1,1))-1)+IF('Standard Profiles'!$G$22=$B$10,7,0)+IF('Standard Profiles'!$G$22=$B$17,14,0)+IF('Standard Profiles'!$G$22=$B$24,21,0),0)),0)</f>
        <v>0</v>
      </c>
      <c r="I3859">
        <f t="shared" si="433"/>
        <v>0.72354368388208523</v>
      </c>
      <c r="J3859">
        <f t="shared" si="434"/>
        <v>38.584649525626006</v>
      </c>
      <c r="K3859">
        <f t="shared" si="435"/>
        <v>3.1388591506079795</v>
      </c>
      <c r="L3859">
        <f t="shared" si="436"/>
        <v>1.5694295753039897</v>
      </c>
      <c r="M3859">
        <f t="shared" si="437"/>
        <v>0</v>
      </c>
      <c r="N3859" s="45">
        <f t="shared" si="438"/>
        <v>45086.374999990723</v>
      </c>
    </row>
    <row r="3860" spans="2:14" x14ac:dyDescent="0.25">
      <c r="B3860">
        <f t="shared" si="432"/>
        <v>5</v>
      </c>
      <c r="C3860" s="16">
        <v>3826</v>
      </c>
      <c r="D3860" cm="1">
        <f t="array" ref="D3860">IFERROR(INDEX(Jesper!AH$2:AH$366,ROUNDDOWN($C3860/24,0)+1,1)*INDEX($D$3:$AA$30,INDEX(Jesper!$R$2:$R$366,ROW(INDEX(Jesper!AH$2:AH$366,ROUNDDOWN($C3860/24,0)+1,1))-1)+IF('Standard Profiles'!$G$18=$B$10,7,0)+IF('Standard Profiles'!$G$18=$B$17,14,0)+IF('Standard Profiles'!$G$18=$B$24,21,0),MOD($C3860,24)+1)/SUM(INDEX($D$3:$AA$30,INDEX(Jesper!$R$2:$R$366,ROW(INDEX(Jesper!AH$2:AH$366,ROUNDDOWN($C3860/24,0)+1,1))-1)+IF('Standard Profiles'!$G$18=$B$10,7,0)+IF('Standard Profiles'!$G$18=$B$17,14,0)+IF('Standard Profiles'!$G$18=$B$24,21,0),0)),0)</f>
        <v>29.426804536949806</v>
      </c>
      <c r="E3860" cm="1">
        <f t="array" ref="E3860">IFERROR(INDEX(Jesper!AI$2:AI$366,ROUNDDOWN($C3860/24,0)+1,1)*INDEX($D$3:$AA$30,INDEX(Jesper!$R$2:$R$366,ROW(INDEX(Jesper!AI$2:AI$366,ROUNDDOWN($C3860/24,0)+1,1))-1)+IF('Standard Profiles'!$G$19=$B$10,7,0)+IF('Standard Profiles'!$G$19=$B$17,14,0)+IF('Standard Profiles'!$G$19=$B$24,21,0),MOD($C3860,24)+1)/SUM(INDEX($D$3:$AA$30,INDEX(Jesper!$R$2:$R$366,ROW(INDEX(Jesper!AI$2:AI$366,ROUNDDOWN($C3860/24,0)+1,1))-1)+IF('Standard Profiles'!$G$19=$B$10,7,0)+IF('Standard Profiles'!$G$19=$B$17,14,0)+IF('Standard Profiles'!$G$19=$B$24,21,0),0)),0)</f>
        <v>13.08229472371591</v>
      </c>
      <c r="F3860" cm="1">
        <f t="array" ref="F3860">IFERROR(INDEX(Jesper!AJ$2:AJ$366,ROUNDDOWN($C3860/24,0)+1,1)*INDEX($D$3:$AA$30,INDEX(Jesper!$R$2:$R$366,ROW(INDEX(Jesper!AJ$2:AJ$366,ROUNDDOWN($C3860/24,0)+1,1))-1)+IF('Standard Profiles'!$G$20=$B$10,7,0)+IF('Standard Profiles'!$G$20=$B$17,14,0)+IF('Standard Profiles'!$G$20=$B$24,21,0),MOD($C3860,24)+1)/SUM(INDEX($D$3:$AA$30,INDEX(Jesper!$R$2:$R$366,ROW(INDEX(Jesper!AJ$2:AJ$366,ROUNDDOWN($C3860/24,0)+1,1))-1)+IF('Standard Profiles'!$G$20=$B$10,7,0)+IF('Standard Profiles'!$G$20=$B$17,14,0)+IF('Standard Profiles'!$G$20=$B$24,21,0),0)),0)</f>
        <v>0</v>
      </c>
      <c r="G3860" cm="1">
        <f t="array" ref="G3860">IFERROR(INDEX(Jesper!AK$2:AK$366,ROUNDDOWN($C3860/24,0)+1,1)*INDEX($D$3:$AA$30,INDEX(Jesper!$R$2:$R$366,ROW(INDEX(Jesper!AK$2:AK$366,ROUNDDOWN($C3860/24,0)+1,1))-1)+IF('Standard Profiles'!$G$21=$B$10,7,0)+IF('Standard Profiles'!$G$21=$B$17,14,0)+IF('Standard Profiles'!$G$21=$B$24,21,0),MOD($C3860,24)+1)/SUM(INDEX($D$3:$AA$30,INDEX(Jesper!$R$2:$R$366,ROW(INDEX(Jesper!AK$2:AK$366,ROUNDDOWN($C3860/24,0)+1,1))-1)+IF('Standard Profiles'!$G$21=$B$10,7,0)+IF('Standard Profiles'!$G$21=$B$17,14,0)+IF('Standard Profiles'!$G$21=$B$24,21,0),0)),0)</f>
        <v>1.5073826747543451</v>
      </c>
      <c r="H3860" cm="1">
        <f t="array" ref="H3860">IFERROR(INDEX(Jesper!AL$2:AL$366,ROUNDDOWN($C3860/24,0)+1,1)*INDEX($D$3:$AA$30,INDEX(Jesper!$R$2:$R$366,ROW(INDEX(Jesper!AL$2:AL$366,ROUNDDOWN($C3860/24,0)+1,1))-1)+IF('Standard Profiles'!$G$22=$B$10,7,0)+IF('Standard Profiles'!$G$22=$B$17,14,0)+IF('Standard Profiles'!$G$22=$B$24,21,0),MOD($C3860,24)+1)/SUM(INDEX($D$3:$AA$30,INDEX(Jesper!$R$2:$R$366,ROW(INDEX(Jesper!AL$2:AL$366,ROUNDDOWN($C3860/24,0)+1,1))-1)+IF('Standard Profiles'!$G$22=$B$10,7,0)+IF('Standard Profiles'!$G$22=$B$17,14,0)+IF('Standard Profiles'!$G$22=$B$24,21,0),0)),0)</f>
        <v>0</v>
      </c>
      <c r="I3860">
        <f t="shared" si="433"/>
        <v>0.72354368388208523</v>
      </c>
      <c r="J3860">
        <f t="shared" si="434"/>
        <v>38.584649525626006</v>
      </c>
      <c r="K3860">
        <f t="shared" si="435"/>
        <v>3.1388591506079795</v>
      </c>
      <c r="L3860">
        <f t="shared" si="436"/>
        <v>1.5694295753039897</v>
      </c>
      <c r="M3860">
        <f t="shared" si="437"/>
        <v>0</v>
      </c>
      <c r="N3860" s="45">
        <f t="shared" si="438"/>
        <v>45086.416666657387</v>
      </c>
    </row>
    <row r="3861" spans="2:14" x14ac:dyDescent="0.25">
      <c r="B3861">
        <f t="shared" si="432"/>
        <v>5</v>
      </c>
      <c r="C3861" s="16">
        <v>3827</v>
      </c>
      <c r="D3861" cm="1">
        <f t="array" ref="D3861">IFERROR(INDEX(Jesper!AH$2:AH$366,ROUNDDOWN($C3861/24,0)+1,1)*INDEX($D$3:$AA$30,INDEX(Jesper!$R$2:$R$366,ROW(INDEX(Jesper!AH$2:AH$366,ROUNDDOWN($C3861/24,0)+1,1))-1)+IF('Standard Profiles'!$G$18=$B$10,7,0)+IF('Standard Profiles'!$G$18=$B$17,14,0)+IF('Standard Profiles'!$G$18=$B$24,21,0),MOD($C3861,24)+1)/SUM(INDEX($D$3:$AA$30,INDEX(Jesper!$R$2:$R$366,ROW(INDEX(Jesper!AH$2:AH$366,ROUNDDOWN($C3861/24,0)+1,1))-1)+IF('Standard Profiles'!$G$18=$B$10,7,0)+IF('Standard Profiles'!$G$18=$B$17,14,0)+IF('Standard Profiles'!$G$18=$B$24,21,0),0)),0)</f>
        <v>34.777132634577043</v>
      </c>
      <c r="E3861" cm="1">
        <f t="array" ref="E3861">IFERROR(INDEX(Jesper!AI$2:AI$366,ROUNDDOWN($C3861/24,0)+1,1)*INDEX($D$3:$AA$30,INDEX(Jesper!$R$2:$R$366,ROW(INDEX(Jesper!AI$2:AI$366,ROUNDDOWN($C3861/24,0)+1,1))-1)+IF('Standard Profiles'!$G$19=$B$10,7,0)+IF('Standard Profiles'!$G$19=$B$17,14,0)+IF('Standard Profiles'!$G$19=$B$24,21,0),MOD($C3861,24)+1)/SUM(INDEX($D$3:$AA$30,INDEX(Jesper!$R$2:$R$366,ROW(INDEX(Jesper!AI$2:AI$366,ROUNDDOWN($C3861/24,0)+1,1))-1)+IF('Standard Profiles'!$G$19=$B$10,7,0)+IF('Standard Profiles'!$G$19=$B$17,14,0)+IF('Standard Profiles'!$G$19=$B$24,21,0),0)),0)</f>
        <v>15.46089376439153</v>
      </c>
      <c r="F3861" cm="1">
        <f t="array" ref="F3861">IFERROR(INDEX(Jesper!AJ$2:AJ$366,ROUNDDOWN($C3861/24,0)+1,1)*INDEX($D$3:$AA$30,INDEX(Jesper!$R$2:$R$366,ROW(INDEX(Jesper!AJ$2:AJ$366,ROUNDDOWN($C3861/24,0)+1,1))-1)+IF('Standard Profiles'!$G$20=$B$10,7,0)+IF('Standard Profiles'!$G$20=$B$17,14,0)+IF('Standard Profiles'!$G$20=$B$24,21,0),MOD($C3861,24)+1)/SUM(INDEX($D$3:$AA$30,INDEX(Jesper!$R$2:$R$366,ROW(INDEX(Jesper!AJ$2:AJ$366,ROUNDDOWN($C3861/24,0)+1,1))-1)+IF('Standard Profiles'!$G$20=$B$10,7,0)+IF('Standard Profiles'!$G$20=$B$17,14,0)+IF('Standard Profiles'!$G$20=$B$24,21,0),0)),0)</f>
        <v>0</v>
      </c>
      <c r="G3861" cm="1">
        <f t="array" ref="G3861">IFERROR(INDEX(Jesper!AK$2:AK$366,ROUNDDOWN($C3861/24,0)+1,1)*INDEX($D$3:$AA$30,INDEX(Jesper!$R$2:$R$366,ROW(INDEX(Jesper!AK$2:AK$366,ROUNDDOWN($C3861/24,0)+1,1))-1)+IF('Standard Profiles'!$G$21=$B$10,7,0)+IF('Standard Profiles'!$G$21=$B$17,14,0)+IF('Standard Profiles'!$G$21=$B$24,21,0),MOD($C3861,24)+1)/SUM(INDEX($D$3:$AA$30,INDEX(Jesper!$R$2:$R$366,ROW(INDEX(Jesper!AK$2:AK$366,ROUNDDOWN($C3861/24,0)+1,1))-1)+IF('Standard Profiles'!$G$21=$B$10,7,0)+IF('Standard Profiles'!$G$21=$B$17,14,0)+IF('Standard Profiles'!$G$21=$B$24,21,0),0)),0)</f>
        <v>1.7814522519824081</v>
      </c>
      <c r="H3861" cm="1">
        <f t="array" ref="H3861">IFERROR(INDEX(Jesper!AL$2:AL$366,ROUNDDOWN($C3861/24,0)+1,1)*INDEX($D$3:$AA$30,INDEX(Jesper!$R$2:$R$366,ROW(INDEX(Jesper!AL$2:AL$366,ROUNDDOWN($C3861/24,0)+1,1))-1)+IF('Standard Profiles'!$G$22=$B$10,7,0)+IF('Standard Profiles'!$G$22=$B$17,14,0)+IF('Standard Profiles'!$G$22=$B$24,21,0),MOD($C3861,24)+1)/SUM(INDEX($D$3:$AA$30,INDEX(Jesper!$R$2:$R$366,ROW(INDEX(Jesper!AL$2:AL$366,ROUNDDOWN($C3861/24,0)+1,1))-1)+IF('Standard Profiles'!$G$22=$B$10,7,0)+IF('Standard Profiles'!$G$22=$B$17,14,0)+IF('Standard Profiles'!$G$22=$B$24,21,0),0)),0)</f>
        <v>0</v>
      </c>
      <c r="I3861">
        <f t="shared" si="433"/>
        <v>0.85509708095155545</v>
      </c>
      <c r="J3861">
        <f t="shared" si="434"/>
        <v>45.600040348467104</v>
      </c>
      <c r="K3861">
        <f t="shared" si="435"/>
        <v>3.709560814354885</v>
      </c>
      <c r="L3861">
        <f t="shared" si="436"/>
        <v>1.8547804071774425</v>
      </c>
      <c r="M3861">
        <f t="shared" si="437"/>
        <v>0</v>
      </c>
      <c r="N3861" s="45">
        <f t="shared" si="438"/>
        <v>45086.458333324052</v>
      </c>
    </row>
    <row r="3862" spans="2:14" x14ac:dyDescent="0.25">
      <c r="B3862">
        <f t="shared" si="432"/>
        <v>5</v>
      </c>
      <c r="C3862" s="16">
        <v>3828</v>
      </c>
      <c r="D3862" cm="1">
        <f t="array" ref="D3862">IFERROR(INDEX(Jesper!AH$2:AH$366,ROUNDDOWN($C3862/24,0)+1,1)*INDEX($D$3:$AA$30,INDEX(Jesper!$R$2:$R$366,ROW(INDEX(Jesper!AH$2:AH$366,ROUNDDOWN($C3862/24,0)+1,1))-1)+IF('Standard Profiles'!$G$18=$B$10,7,0)+IF('Standard Profiles'!$G$18=$B$17,14,0)+IF('Standard Profiles'!$G$18=$B$24,21,0),MOD($C3862,24)+1)/SUM(INDEX($D$3:$AA$30,INDEX(Jesper!$R$2:$R$366,ROW(INDEX(Jesper!AH$2:AH$366,ROUNDDOWN($C3862/24,0)+1,1))-1)+IF('Standard Profiles'!$G$18=$B$10,7,0)+IF('Standard Profiles'!$G$18=$B$17,14,0)+IF('Standard Profiles'!$G$18=$B$24,21,0),0)),0)</f>
        <v>34.777132634577043</v>
      </c>
      <c r="E3862" cm="1">
        <f t="array" ref="E3862">IFERROR(INDEX(Jesper!AI$2:AI$366,ROUNDDOWN($C3862/24,0)+1,1)*INDEX($D$3:$AA$30,INDEX(Jesper!$R$2:$R$366,ROW(INDEX(Jesper!AI$2:AI$366,ROUNDDOWN($C3862/24,0)+1,1))-1)+IF('Standard Profiles'!$G$19=$B$10,7,0)+IF('Standard Profiles'!$G$19=$B$17,14,0)+IF('Standard Profiles'!$G$19=$B$24,21,0),MOD($C3862,24)+1)/SUM(INDEX($D$3:$AA$30,INDEX(Jesper!$R$2:$R$366,ROW(INDEX(Jesper!AI$2:AI$366,ROUNDDOWN($C3862/24,0)+1,1))-1)+IF('Standard Profiles'!$G$19=$B$10,7,0)+IF('Standard Profiles'!$G$19=$B$17,14,0)+IF('Standard Profiles'!$G$19=$B$24,21,0),0)),0)</f>
        <v>15.46089376439153</v>
      </c>
      <c r="F3862" cm="1">
        <f t="array" ref="F3862">IFERROR(INDEX(Jesper!AJ$2:AJ$366,ROUNDDOWN($C3862/24,0)+1,1)*INDEX($D$3:$AA$30,INDEX(Jesper!$R$2:$R$366,ROW(INDEX(Jesper!AJ$2:AJ$366,ROUNDDOWN($C3862/24,0)+1,1))-1)+IF('Standard Profiles'!$G$20=$B$10,7,0)+IF('Standard Profiles'!$G$20=$B$17,14,0)+IF('Standard Profiles'!$G$20=$B$24,21,0),MOD($C3862,24)+1)/SUM(INDEX($D$3:$AA$30,INDEX(Jesper!$R$2:$R$366,ROW(INDEX(Jesper!AJ$2:AJ$366,ROUNDDOWN($C3862/24,0)+1,1))-1)+IF('Standard Profiles'!$G$20=$B$10,7,0)+IF('Standard Profiles'!$G$20=$B$17,14,0)+IF('Standard Profiles'!$G$20=$B$24,21,0),0)),0)</f>
        <v>0</v>
      </c>
      <c r="G3862" cm="1">
        <f t="array" ref="G3862">IFERROR(INDEX(Jesper!AK$2:AK$366,ROUNDDOWN($C3862/24,0)+1,1)*INDEX($D$3:$AA$30,INDEX(Jesper!$R$2:$R$366,ROW(INDEX(Jesper!AK$2:AK$366,ROUNDDOWN($C3862/24,0)+1,1))-1)+IF('Standard Profiles'!$G$21=$B$10,7,0)+IF('Standard Profiles'!$G$21=$B$17,14,0)+IF('Standard Profiles'!$G$21=$B$24,21,0),MOD($C3862,24)+1)/SUM(INDEX($D$3:$AA$30,INDEX(Jesper!$R$2:$R$366,ROW(INDEX(Jesper!AK$2:AK$366,ROUNDDOWN($C3862/24,0)+1,1))-1)+IF('Standard Profiles'!$G$21=$B$10,7,0)+IF('Standard Profiles'!$G$21=$B$17,14,0)+IF('Standard Profiles'!$G$21=$B$24,21,0),0)),0)</f>
        <v>1.7814522519824081</v>
      </c>
      <c r="H3862" cm="1">
        <f t="array" ref="H3862">IFERROR(INDEX(Jesper!AL$2:AL$366,ROUNDDOWN($C3862/24,0)+1,1)*INDEX($D$3:$AA$30,INDEX(Jesper!$R$2:$R$366,ROW(INDEX(Jesper!AL$2:AL$366,ROUNDDOWN($C3862/24,0)+1,1))-1)+IF('Standard Profiles'!$G$22=$B$10,7,0)+IF('Standard Profiles'!$G$22=$B$17,14,0)+IF('Standard Profiles'!$G$22=$B$24,21,0),MOD($C3862,24)+1)/SUM(INDEX($D$3:$AA$30,INDEX(Jesper!$R$2:$R$366,ROW(INDEX(Jesper!AL$2:AL$366,ROUNDDOWN($C3862/24,0)+1,1))-1)+IF('Standard Profiles'!$G$22=$B$10,7,0)+IF('Standard Profiles'!$G$22=$B$17,14,0)+IF('Standard Profiles'!$G$22=$B$24,21,0),0)),0)</f>
        <v>0</v>
      </c>
      <c r="I3862">
        <f t="shared" si="433"/>
        <v>0.85509708095155545</v>
      </c>
      <c r="J3862">
        <f t="shared" si="434"/>
        <v>45.600040348467104</v>
      </c>
      <c r="K3862">
        <f t="shared" si="435"/>
        <v>3.709560814354885</v>
      </c>
      <c r="L3862">
        <f t="shared" si="436"/>
        <v>1.8547804071774425</v>
      </c>
      <c r="M3862">
        <f t="shared" si="437"/>
        <v>0</v>
      </c>
      <c r="N3862" s="45">
        <f t="shared" si="438"/>
        <v>45086.499999990716</v>
      </c>
    </row>
    <row r="3863" spans="2:14" x14ac:dyDescent="0.25">
      <c r="B3863">
        <f t="shared" si="432"/>
        <v>5</v>
      </c>
      <c r="C3863" s="16">
        <v>3829</v>
      </c>
      <c r="D3863" cm="1">
        <f t="array" ref="D3863">IFERROR(INDEX(Jesper!AH$2:AH$366,ROUNDDOWN($C3863/24,0)+1,1)*INDEX($D$3:$AA$30,INDEX(Jesper!$R$2:$R$366,ROW(INDEX(Jesper!AH$2:AH$366,ROUNDDOWN($C3863/24,0)+1,1))-1)+IF('Standard Profiles'!$G$18=$B$10,7,0)+IF('Standard Profiles'!$G$18=$B$17,14,0)+IF('Standard Profiles'!$G$18=$B$24,21,0),MOD($C3863,24)+1)/SUM(INDEX($D$3:$AA$30,INDEX(Jesper!$R$2:$R$366,ROW(INDEX(Jesper!AH$2:AH$366,ROUNDDOWN($C3863/24,0)+1,1))-1)+IF('Standard Profiles'!$G$18=$B$10,7,0)+IF('Standard Profiles'!$G$18=$B$17,14,0)+IF('Standard Profiles'!$G$18=$B$24,21,0),0)),0)</f>
        <v>24.076476439322569</v>
      </c>
      <c r="E3863" cm="1">
        <f t="array" ref="E3863">IFERROR(INDEX(Jesper!AI$2:AI$366,ROUNDDOWN($C3863/24,0)+1,1)*INDEX($D$3:$AA$30,INDEX(Jesper!$R$2:$R$366,ROW(INDEX(Jesper!AI$2:AI$366,ROUNDDOWN($C3863/24,0)+1,1))-1)+IF('Standard Profiles'!$G$19=$B$10,7,0)+IF('Standard Profiles'!$G$19=$B$17,14,0)+IF('Standard Profiles'!$G$19=$B$24,21,0),MOD($C3863,24)+1)/SUM(INDEX($D$3:$AA$30,INDEX(Jesper!$R$2:$R$366,ROW(INDEX(Jesper!AI$2:AI$366,ROUNDDOWN($C3863/24,0)+1,1))-1)+IF('Standard Profiles'!$G$19=$B$10,7,0)+IF('Standard Profiles'!$G$19=$B$17,14,0)+IF('Standard Profiles'!$G$19=$B$24,21,0),0)),0)</f>
        <v>10.703695683040291</v>
      </c>
      <c r="F3863" cm="1">
        <f t="array" ref="F3863">IFERROR(INDEX(Jesper!AJ$2:AJ$366,ROUNDDOWN($C3863/24,0)+1,1)*INDEX($D$3:$AA$30,INDEX(Jesper!$R$2:$R$366,ROW(INDEX(Jesper!AJ$2:AJ$366,ROUNDDOWN($C3863/24,0)+1,1))-1)+IF('Standard Profiles'!$G$20=$B$10,7,0)+IF('Standard Profiles'!$G$20=$B$17,14,0)+IF('Standard Profiles'!$G$20=$B$24,21,0),MOD($C3863,24)+1)/SUM(INDEX($D$3:$AA$30,INDEX(Jesper!$R$2:$R$366,ROW(INDEX(Jesper!AJ$2:AJ$366,ROUNDDOWN($C3863/24,0)+1,1))-1)+IF('Standard Profiles'!$G$20=$B$10,7,0)+IF('Standard Profiles'!$G$20=$B$17,14,0)+IF('Standard Profiles'!$G$20=$B$24,21,0),0)),0)</f>
        <v>0</v>
      </c>
      <c r="G3863" cm="1">
        <f t="array" ref="G3863">IFERROR(INDEX(Jesper!AK$2:AK$366,ROUNDDOWN($C3863/24,0)+1,1)*INDEX($D$3:$AA$30,INDEX(Jesper!$R$2:$R$366,ROW(INDEX(Jesper!AK$2:AK$366,ROUNDDOWN($C3863/24,0)+1,1))-1)+IF('Standard Profiles'!$G$21=$B$10,7,0)+IF('Standard Profiles'!$G$21=$B$17,14,0)+IF('Standard Profiles'!$G$21=$B$24,21,0),MOD($C3863,24)+1)/SUM(INDEX($D$3:$AA$30,INDEX(Jesper!$R$2:$R$366,ROW(INDEX(Jesper!AK$2:AK$366,ROUNDDOWN($C3863/24,0)+1,1))-1)+IF('Standard Profiles'!$G$21=$B$10,7,0)+IF('Standard Profiles'!$G$21=$B$17,14,0)+IF('Standard Profiles'!$G$21=$B$24,21,0),0)),0)</f>
        <v>1.2333130975262825</v>
      </c>
      <c r="H3863" cm="1">
        <f t="array" ref="H3863">IFERROR(INDEX(Jesper!AL$2:AL$366,ROUNDDOWN($C3863/24,0)+1,1)*INDEX($D$3:$AA$30,INDEX(Jesper!$R$2:$R$366,ROW(INDEX(Jesper!AL$2:AL$366,ROUNDDOWN($C3863/24,0)+1,1))-1)+IF('Standard Profiles'!$G$22=$B$10,7,0)+IF('Standard Profiles'!$G$22=$B$17,14,0)+IF('Standard Profiles'!$G$22=$B$24,21,0),MOD($C3863,24)+1)/SUM(INDEX($D$3:$AA$30,INDEX(Jesper!$R$2:$R$366,ROW(INDEX(Jesper!AL$2:AL$366,ROUNDDOWN($C3863/24,0)+1,1))-1)+IF('Standard Profiles'!$G$22=$B$10,7,0)+IF('Standard Profiles'!$G$22=$B$17,14,0)+IF('Standard Profiles'!$G$22=$B$24,21,0),0)),0)</f>
        <v>0</v>
      </c>
      <c r="I3863">
        <f t="shared" si="433"/>
        <v>0.59199028681261534</v>
      </c>
      <c r="J3863">
        <f t="shared" si="434"/>
        <v>31.569258702784914</v>
      </c>
      <c r="K3863">
        <f t="shared" si="435"/>
        <v>2.5681574868610744</v>
      </c>
      <c r="L3863">
        <f t="shared" si="436"/>
        <v>1.2840787434305372</v>
      </c>
      <c r="M3863">
        <f t="shared" si="437"/>
        <v>0</v>
      </c>
      <c r="N3863" s="45">
        <f t="shared" si="438"/>
        <v>45086.54166665738</v>
      </c>
    </row>
    <row r="3864" spans="2:14" x14ac:dyDescent="0.25">
      <c r="B3864">
        <f t="shared" si="432"/>
        <v>5</v>
      </c>
      <c r="C3864" s="16">
        <v>3830</v>
      </c>
      <c r="D3864" cm="1">
        <f t="array" ref="D3864">IFERROR(INDEX(Jesper!AH$2:AH$366,ROUNDDOWN($C3864/24,0)+1,1)*INDEX($D$3:$AA$30,INDEX(Jesper!$R$2:$R$366,ROW(INDEX(Jesper!AH$2:AH$366,ROUNDDOWN($C3864/24,0)+1,1))-1)+IF('Standard Profiles'!$G$18=$B$10,7,0)+IF('Standard Profiles'!$G$18=$B$17,14,0)+IF('Standard Profiles'!$G$18=$B$24,21,0),MOD($C3864,24)+1)/SUM(INDEX($D$3:$AA$30,INDEX(Jesper!$R$2:$R$366,ROW(INDEX(Jesper!AH$2:AH$366,ROUNDDOWN($C3864/24,0)+1,1))-1)+IF('Standard Profiles'!$G$18=$B$10,7,0)+IF('Standard Profiles'!$G$18=$B$17,14,0)+IF('Standard Profiles'!$G$18=$B$24,21,0),0)),0)</f>
        <v>34.777132634577043</v>
      </c>
      <c r="E3864" cm="1">
        <f t="array" ref="E3864">IFERROR(INDEX(Jesper!AI$2:AI$366,ROUNDDOWN($C3864/24,0)+1,1)*INDEX($D$3:$AA$30,INDEX(Jesper!$R$2:$R$366,ROW(INDEX(Jesper!AI$2:AI$366,ROUNDDOWN($C3864/24,0)+1,1))-1)+IF('Standard Profiles'!$G$19=$B$10,7,0)+IF('Standard Profiles'!$G$19=$B$17,14,0)+IF('Standard Profiles'!$G$19=$B$24,21,0),MOD($C3864,24)+1)/SUM(INDEX($D$3:$AA$30,INDEX(Jesper!$R$2:$R$366,ROW(INDEX(Jesper!AI$2:AI$366,ROUNDDOWN($C3864/24,0)+1,1))-1)+IF('Standard Profiles'!$G$19=$B$10,7,0)+IF('Standard Profiles'!$G$19=$B$17,14,0)+IF('Standard Profiles'!$G$19=$B$24,21,0),0)),0)</f>
        <v>15.46089376439153</v>
      </c>
      <c r="F3864" cm="1">
        <f t="array" ref="F3864">IFERROR(INDEX(Jesper!AJ$2:AJ$366,ROUNDDOWN($C3864/24,0)+1,1)*INDEX($D$3:$AA$30,INDEX(Jesper!$R$2:$R$366,ROW(INDEX(Jesper!AJ$2:AJ$366,ROUNDDOWN($C3864/24,0)+1,1))-1)+IF('Standard Profiles'!$G$20=$B$10,7,0)+IF('Standard Profiles'!$G$20=$B$17,14,0)+IF('Standard Profiles'!$G$20=$B$24,21,0),MOD($C3864,24)+1)/SUM(INDEX($D$3:$AA$30,INDEX(Jesper!$R$2:$R$366,ROW(INDEX(Jesper!AJ$2:AJ$366,ROUNDDOWN($C3864/24,0)+1,1))-1)+IF('Standard Profiles'!$G$20=$B$10,7,0)+IF('Standard Profiles'!$G$20=$B$17,14,0)+IF('Standard Profiles'!$G$20=$B$24,21,0),0)),0)</f>
        <v>0</v>
      </c>
      <c r="G3864" cm="1">
        <f t="array" ref="G3864">IFERROR(INDEX(Jesper!AK$2:AK$366,ROUNDDOWN($C3864/24,0)+1,1)*INDEX($D$3:$AA$30,INDEX(Jesper!$R$2:$R$366,ROW(INDEX(Jesper!AK$2:AK$366,ROUNDDOWN($C3864/24,0)+1,1))-1)+IF('Standard Profiles'!$G$21=$B$10,7,0)+IF('Standard Profiles'!$G$21=$B$17,14,0)+IF('Standard Profiles'!$G$21=$B$24,21,0),MOD($C3864,24)+1)/SUM(INDEX($D$3:$AA$30,INDEX(Jesper!$R$2:$R$366,ROW(INDEX(Jesper!AK$2:AK$366,ROUNDDOWN($C3864/24,0)+1,1))-1)+IF('Standard Profiles'!$G$21=$B$10,7,0)+IF('Standard Profiles'!$G$21=$B$17,14,0)+IF('Standard Profiles'!$G$21=$B$24,21,0),0)),0)</f>
        <v>1.7814522519824081</v>
      </c>
      <c r="H3864" cm="1">
        <f t="array" ref="H3864">IFERROR(INDEX(Jesper!AL$2:AL$366,ROUNDDOWN($C3864/24,0)+1,1)*INDEX($D$3:$AA$30,INDEX(Jesper!$R$2:$R$366,ROW(INDEX(Jesper!AL$2:AL$366,ROUNDDOWN($C3864/24,0)+1,1))-1)+IF('Standard Profiles'!$G$22=$B$10,7,0)+IF('Standard Profiles'!$G$22=$B$17,14,0)+IF('Standard Profiles'!$G$22=$B$24,21,0),MOD($C3864,24)+1)/SUM(INDEX($D$3:$AA$30,INDEX(Jesper!$R$2:$R$366,ROW(INDEX(Jesper!AL$2:AL$366,ROUNDDOWN($C3864/24,0)+1,1))-1)+IF('Standard Profiles'!$G$22=$B$10,7,0)+IF('Standard Profiles'!$G$22=$B$17,14,0)+IF('Standard Profiles'!$G$22=$B$24,21,0),0)),0)</f>
        <v>0</v>
      </c>
      <c r="I3864">
        <f t="shared" si="433"/>
        <v>0.85509708095155545</v>
      </c>
      <c r="J3864">
        <f t="shared" si="434"/>
        <v>45.600040348467104</v>
      </c>
      <c r="K3864">
        <f t="shared" si="435"/>
        <v>3.709560814354885</v>
      </c>
      <c r="L3864">
        <f t="shared" si="436"/>
        <v>1.8547804071774425</v>
      </c>
      <c r="M3864">
        <f t="shared" si="437"/>
        <v>0</v>
      </c>
      <c r="N3864" s="45">
        <f t="shared" si="438"/>
        <v>45086.583333324044</v>
      </c>
    </row>
    <row r="3865" spans="2:14" x14ac:dyDescent="0.25">
      <c r="B3865">
        <f t="shared" si="432"/>
        <v>5</v>
      </c>
      <c r="C3865" s="16">
        <v>3831</v>
      </c>
      <c r="D3865" cm="1">
        <f t="array" ref="D3865">IFERROR(INDEX(Jesper!AH$2:AH$366,ROUNDDOWN($C3865/24,0)+1,1)*INDEX($D$3:$AA$30,INDEX(Jesper!$R$2:$R$366,ROW(INDEX(Jesper!AH$2:AH$366,ROUNDDOWN($C3865/24,0)+1,1))-1)+IF('Standard Profiles'!$G$18=$B$10,7,0)+IF('Standard Profiles'!$G$18=$B$17,14,0)+IF('Standard Profiles'!$G$18=$B$24,21,0),MOD($C3865,24)+1)/SUM(INDEX($D$3:$AA$30,INDEX(Jesper!$R$2:$R$366,ROW(INDEX(Jesper!AH$2:AH$366,ROUNDDOWN($C3865/24,0)+1,1))-1)+IF('Standard Profiles'!$G$18=$B$10,7,0)+IF('Standard Profiles'!$G$18=$B$17,14,0)+IF('Standard Profiles'!$G$18=$B$24,21,0),0)),0)</f>
        <v>26.751640488136189</v>
      </c>
      <c r="E3865" cm="1">
        <f t="array" ref="E3865">IFERROR(INDEX(Jesper!AI$2:AI$366,ROUNDDOWN($C3865/24,0)+1,1)*INDEX($D$3:$AA$30,INDEX(Jesper!$R$2:$R$366,ROW(INDEX(Jesper!AI$2:AI$366,ROUNDDOWN($C3865/24,0)+1,1))-1)+IF('Standard Profiles'!$G$19=$B$10,7,0)+IF('Standard Profiles'!$G$19=$B$17,14,0)+IF('Standard Profiles'!$G$19=$B$24,21,0),MOD($C3865,24)+1)/SUM(INDEX($D$3:$AA$30,INDEX(Jesper!$R$2:$R$366,ROW(INDEX(Jesper!AI$2:AI$366,ROUNDDOWN($C3865/24,0)+1,1))-1)+IF('Standard Profiles'!$G$19=$B$10,7,0)+IF('Standard Profiles'!$G$19=$B$17,14,0)+IF('Standard Profiles'!$G$19=$B$24,21,0),0)),0)</f>
        <v>11.892995203378101</v>
      </c>
      <c r="F3865" cm="1">
        <f t="array" ref="F3865">IFERROR(INDEX(Jesper!AJ$2:AJ$366,ROUNDDOWN($C3865/24,0)+1,1)*INDEX($D$3:$AA$30,INDEX(Jesper!$R$2:$R$366,ROW(INDEX(Jesper!AJ$2:AJ$366,ROUNDDOWN($C3865/24,0)+1,1))-1)+IF('Standard Profiles'!$G$20=$B$10,7,0)+IF('Standard Profiles'!$G$20=$B$17,14,0)+IF('Standard Profiles'!$G$20=$B$24,21,0),MOD($C3865,24)+1)/SUM(INDEX($D$3:$AA$30,INDEX(Jesper!$R$2:$R$366,ROW(INDEX(Jesper!AJ$2:AJ$366,ROUNDDOWN($C3865/24,0)+1,1))-1)+IF('Standard Profiles'!$G$20=$B$10,7,0)+IF('Standard Profiles'!$G$20=$B$17,14,0)+IF('Standard Profiles'!$G$20=$B$24,21,0),0)),0)</f>
        <v>0</v>
      </c>
      <c r="G3865" cm="1">
        <f t="array" ref="G3865">IFERROR(INDEX(Jesper!AK$2:AK$366,ROUNDDOWN($C3865/24,0)+1,1)*INDEX($D$3:$AA$30,INDEX(Jesper!$R$2:$R$366,ROW(INDEX(Jesper!AK$2:AK$366,ROUNDDOWN($C3865/24,0)+1,1))-1)+IF('Standard Profiles'!$G$21=$B$10,7,0)+IF('Standard Profiles'!$G$21=$B$17,14,0)+IF('Standard Profiles'!$G$21=$B$24,21,0),MOD($C3865,24)+1)/SUM(INDEX($D$3:$AA$30,INDEX(Jesper!$R$2:$R$366,ROW(INDEX(Jesper!AK$2:AK$366,ROUNDDOWN($C3865/24,0)+1,1))-1)+IF('Standard Profiles'!$G$21=$B$10,7,0)+IF('Standard Profiles'!$G$21=$B$17,14,0)+IF('Standard Profiles'!$G$21=$B$24,21,0),0)),0)</f>
        <v>1.5073826747543451</v>
      </c>
      <c r="H3865" cm="1">
        <f t="array" ref="H3865">IFERROR(INDEX(Jesper!AL$2:AL$366,ROUNDDOWN($C3865/24,0)+1,1)*INDEX($D$3:$AA$30,INDEX(Jesper!$R$2:$R$366,ROW(INDEX(Jesper!AL$2:AL$366,ROUNDDOWN($C3865/24,0)+1,1))-1)+IF('Standard Profiles'!$G$22=$B$10,7,0)+IF('Standard Profiles'!$G$22=$B$17,14,0)+IF('Standard Profiles'!$G$22=$B$24,21,0),MOD($C3865,24)+1)/SUM(INDEX($D$3:$AA$30,INDEX(Jesper!$R$2:$R$366,ROW(INDEX(Jesper!AL$2:AL$366,ROUNDDOWN($C3865/24,0)+1,1))-1)+IF('Standard Profiles'!$G$22=$B$10,7,0)+IF('Standard Profiles'!$G$22=$B$17,14,0)+IF('Standard Profiles'!$G$22=$B$24,21,0),0)),0)</f>
        <v>0</v>
      </c>
      <c r="I3865">
        <f t="shared" si="433"/>
        <v>0.72354368388208523</v>
      </c>
      <c r="J3865">
        <f t="shared" si="434"/>
        <v>35.148212204284761</v>
      </c>
      <c r="K3865">
        <f t="shared" si="435"/>
        <v>2.8535083187345269</v>
      </c>
      <c r="L3865">
        <f t="shared" si="436"/>
        <v>1.4267541593672635</v>
      </c>
      <c r="M3865">
        <f t="shared" si="437"/>
        <v>0</v>
      </c>
      <c r="N3865" s="45">
        <f t="shared" si="438"/>
        <v>45086.624999990709</v>
      </c>
    </row>
    <row r="3866" spans="2:14" x14ac:dyDescent="0.25">
      <c r="B3866">
        <f t="shared" si="432"/>
        <v>5</v>
      </c>
      <c r="C3866" s="16">
        <v>3832</v>
      </c>
      <c r="D3866" cm="1">
        <f t="array" ref="D3866">IFERROR(INDEX(Jesper!AH$2:AH$366,ROUNDDOWN($C3866/24,0)+1,1)*INDEX($D$3:$AA$30,INDEX(Jesper!$R$2:$R$366,ROW(INDEX(Jesper!AH$2:AH$366,ROUNDDOWN($C3866/24,0)+1,1))-1)+IF('Standard Profiles'!$G$18=$B$10,7,0)+IF('Standard Profiles'!$G$18=$B$17,14,0)+IF('Standard Profiles'!$G$18=$B$24,21,0),MOD($C3866,24)+1)/SUM(INDEX($D$3:$AA$30,INDEX(Jesper!$R$2:$R$366,ROW(INDEX(Jesper!AH$2:AH$366,ROUNDDOWN($C3866/24,0)+1,1))-1)+IF('Standard Profiles'!$G$18=$B$10,7,0)+IF('Standard Profiles'!$G$18=$B$17,14,0)+IF('Standard Profiles'!$G$18=$B$24,21,0),0)),0)</f>
        <v>12.559455628232953</v>
      </c>
      <c r="E3866" cm="1">
        <f t="array" ref="E3866">IFERROR(INDEX(Jesper!AI$2:AI$366,ROUNDDOWN($C3866/24,0)+1,1)*INDEX($D$3:$AA$30,INDEX(Jesper!$R$2:$R$366,ROW(INDEX(Jesper!AI$2:AI$366,ROUNDDOWN($C3866/24,0)+1,1))-1)+IF('Standard Profiles'!$G$19=$B$10,7,0)+IF('Standard Profiles'!$G$19=$B$17,14,0)+IF('Standard Profiles'!$G$19=$B$24,21,0),MOD($C3866,24)+1)/SUM(INDEX($D$3:$AA$30,INDEX(Jesper!$R$2:$R$366,ROW(INDEX(Jesper!AI$2:AI$366,ROUNDDOWN($C3866/24,0)+1,1))-1)+IF('Standard Profiles'!$G$19=$B$10,7,0)+IF('Standard Profiles'!$G$19=$B$17,14,0)+IF('Standard Profiles'!$G$19=$B$24,21,0),0)),0)</f>
        <v>5.583565823182207</v>
      </c>
      <c r="F3866" cm="1">
        <f t="array" ref="F3866">IFERROR(INDEX(Jesper!AJ$2:AJ$366,ROUNDDOWN($C3866/24,0)+1,1)*INDEX($D$3:$AA$30,INDEX(Jesper!$R$2:$R$366,ROW(INDEX(Jesper!AJ$2:AJ$366,ROUNDDOWN($C3866/24,0)+1,1))-1)+IF('Standard Profiles'!$G$20=$B$10,7,0)+IF('Standard Profiles'!$G$20=$B$17,14,0)+IF('Standard Profiles'!$G$20=$B$24,21,0),MOD($C3866,24)+1)/SUM(INDEX($D$3:$AA$30,INDEX(Jesper!$R$2:$R$366,ROW(INDEX(Jesper!AJ$2:AJ$366,ROUNDDOWN($C3866/24,0)+1,1))-1)+IF('Standard Profiles'!$G$20=$B$10,7,0)+IF('Standard Profiles'!$G$20=$B$17,14,0)+IF('Standard Profiles'!$G$20=$B$24,21,0),0)),0)</f>
        <v>0</v>
      </c>
      <c r="G3866" cm="1">
        <f t="array" ref="G3866">IFERROR(INDEX(Jesper!AK$2:AK$366,ROUNDDOWN($C3866/24,0)+1,1)*INDEX($D$3:$AA$30,INDEX(Jesper!$R$2:$R$366,ROW(INDEX(Jesper!AK$2:AK$366,ROUNDDOWN($C3866/24,0)+1,1))-1)+IF('Standard Profiles'!$G$21=$B$10,7,0)+IF('Standard Profiles'!$G$21=$B$17,14,0)+IF('Standard Profiles'!$G$21=$B$24,21,0),MOD($C3866,24)+1)/SUM(INDEX($D$3:$AA$30,INDEX(Jesper!$R$2:$R$366,ROW(INDEX(Jesper!AK$2:AK$366,ROUNDDOWN($C3866/24,0)+1,1))-1)+IF('Standard Profiles'!$G$21=$B$10,7,0)+IF('Standard Profiles'!$G$21=$B$17,14,0)+IF('Standard Profiles'!$G$21=$B$24,21,0),0)),0)</f>
        <v>1.3050932248955369</v>
      </c>
      <c r="H3866" cm="1">
        <f t="array" ref="H3866">IFERROR(INDEX(Jesper!AL$2:AL$366,ROUNDDOWN($C3866/24,0)+1,1)*INDEX($D$3:$AA$30,INDEX(Jesper!$R$2:$R$366,ROW(INDEX(Jesper!AL$2:AL$366,ROUNDDOWN($C3866/24,0)+1,1))-1)+IF('Standard Profiles'!$G$22=$B$10,7,0)+IF('Standard Profiles'!$G$22=$B$17,14,0)+IF('Standard Profiles'!$G$22=$B$24,21,0),MOD($C3866,24)+1)/SUM(INDEX($D$3:$AA$30,INDEX(Jesper!$R$2:$R$366,ROW(INDEX(Jesper!AL$2:AL$366,ROUNDDOWN($C3866/24,0)+1,1))-1)+IF('Standard Profiles'!$G$22=$B$10,7,0)+IF('Standard Profiles'!$G$22=$B$17,14,0)+IF('Standard Profiles'!$G$22=$B$24,21,0),0)),0)</f>
        <v>0</v>
      </c>
      <c r="I3866">
        <f t="shared" si="433"/>
        <v>0.62644474794985738</v>
      </c>
      <c r="J3866">
        <f t="shared" si="434"/>
        <v>16.812157027843565</v>
      </c>
      <c r="K3866">
        <f t="shared" si="435"/>
        <v>1.3396752670115151</v>
      </c>
      <c r="L3866">
        <f t="shared" si="436"/>
        <v>0.66983763350575753</v>
      </c>
      <c r="M3866">
        <f t="shared" si="437"/>
        <v>0</v>
      </c>
      <c r="N3866" s="45">
        <f t="shared" si="438"/>
        <v>45086.666666657373</v>
      </c>
    </row>
    <row r="3867" spans="2:14" x14ac:dyDescent="0.25">
      <c r="B3867">
        <f t="shared" si="432"/>
        <v>5</v>
      </c>
      <c r="C3867" s="16">
        <v>3833</v>
      </c>
      <c r="D3867" cm="1">
        <f t="array" ref="D3867">IFERROR(INDEX(Jesper!AH$2:AH$366,ROUNDDOWN($C3867/24,0)+1,1)*INDEX($D$3:$AA$30,INDEX(Jesper!$R$2:$R$366,ROW(INDEX(Jesper!AH$2:AH$366,ROUNDDOWN($C3867/24,0)+1,1))-1)+IF('Standard Profiles'!$G$18=$B$10,7,0)+IF('Standard Profiles'!$G$18=$B$17,14,0)+IF('Standard Profiles'!$G$18=$B$24,21,0),MOD($C3867,24)+1)/SUM(INDEX($D$3:$AA$30,INDEX(Jesper!$R$2:$R$366,ROW(INDEX(Jesper!AH$2:AH$366,ROUNDDOWN($C3867/24,0)+1,1))-1)+IF('Standard Profiles'!$G$18=$B$10,7,0)+IF('Standard Profiles'!$G$18=$B$17,14,0)+IF('Standard Profiles'!$G$18=$B$24,21,0),0)),0)</f>
        <v>8.289240714633749</v>
      </c>
      <c r="E3867" cm="1">
        <f t="array" ref="E3867">IFERROR(INDEX(Jesper!AI$2:AI$366,ROUNDDOWN($C3867/24,0)+1,1)*INDEX($D$3:$AA$30,INDEX(Jesper!$R$2:$R$366,ROW(INDEX(Jesper!AI$2:AI$366,ROUNDDOWN($C3867/24,0)+1,1))-1)+IF('Standard Profiles'!$G$19=$B$10,7,0)+IF('Standard Profiles'!$G$19=$B$17,14,0)+IF('Standard Profiles'!$G$19=$B$24,21,0),MOD($C3867,24)+1)/SUM(INDEX($D$3:$AA$30,INDEX(Jesper!$R$2:$R$366,ROW(INDEX(Jesper!AI$2:AI$366,ROUNDDOWN($C3867/24,0)+1,1))-1)+IF('Standard Profiles'!$G$19=$B$10,7,0)+IF('Standard Profiles'!$G$19=$B$17,14,0)+IF('Standard Profiles'!$G$19=$B$24,21,0),0)),0)</f>
        <v>3.6851534433002566</v>
      </c>
      <c r="F3867" cm="1">
        <f t="array" ref="F3867">IFERROR(INDEX(Jesper!AJ$2:AJ$366,ROUNDDOWN($C3867/24,0)+1,1)*INDEX($D$3:$AA$30,INDEX(Jesper!$R$2:$R$366,ROW(INDEX(Jesper!AJ$2:AJ$366,ROUNDDOWN($C3867/24,0)+1,1))-1)+IF('Standard Profiles'!$G$20=$B$10,7,0)+IF('Standard Profiles'!$G$20=$B$17,14,0)+IF('Standard Profiles'!$G$20=$B$24,21,0),MOD($C3867,24)+1)/SUM(INDEX($D$3:$AA$30,INDEX(Jesper!$R$2:$R$366,ROW(INDEX(Jesper!AJ$2:AJ$366,ROUNDDOWN($C3867/24,0)+1,1))-1)+IF('Standard Profiles'!$G$20=$B$10,7,0)+IF('Standard Profiles'!$G$20=$B$17,14,0)+IF('Standard Profiles'!$G$20=$B$24,21,0),0)),0)</f>
        <v>0</v>
      </c>
      <c r="G3867" cm="1">
        <f t="array" ref="G3867">IFERROR(INDEX(Jesper!AK$2:AK$366,ROUNDDOWN($C3867/24,0)+1,1)*INDEX($D$3:$AA$30,INDEX(Jesper!$R$2:$R$366,ROW(INDEX(Jesper!AK$2:AK$366,ROUNDDOWN($C3867/24,0)+1,1))-1)+IF('Standard Profiles'!$G$21=$B$10,7,0)+IF('Standard Profiles'!$G$21=$B$17,14,0)+IF('Standard Profiles'!$G$21=$B$24,21,0),MOD($C3867,24)+1)/SUM(INDEX($D$3:$AA$30,INDEX(Jesper!$R$2:$R$366,ROW(INDEX(Jesper!AK$2:AK$366,ROUNDDOWN($C3867/24,0)+1,1))-1)+IF('Standard Profiles'!$G$21=$B$10,7,0)+IF('Standard Profiles'!$G$21=$B$17,14,0)+IF('Standard Profiles'!$G$21=$B$24,21,0),0)),0)</f>
        <v>1.096278308912251</v>
      </c>
      <c r="H3867" cm="1">
        <f t="array" ref="H3867">IFERROR(INDEX(Jesper!AL$2:AL$366,ROUNDDOWN($C3867/24,0)+1,1)*INDEX($D$3:$AA$30,INDEX(Jesper!$R$2:$R$366,ROW(INDEX(Jesper!AL$2:AL$366,ROUNDDOWN($C3867/24,0)+1,1))-1)+IF('Standard Profiles'!$G$22=$B$10,7,0)+IF('Standard Profiles'!$G$22=$B$17,14,0)+IF('Standard Profiles'!$G$22=$B$24,21,0),MOD($C3867,24)+1)/SUM(INDEX($D$3:$AA$30,INDEX(Jesper!$R$2:$R$366,ROW(INDEX(Jesper!AL$2:AL$366,ROUNDDOWN($C3867/24,0)+1,1))-1)+IF('Standard Profiles'!$G$22=$B$10,7,0)+IF('Standard Profiles'!$G$22=$B$17,14,0)+IF('Standard Profiles'!$G$22=$B$24,21,0),0)),0)</f>
        <v>0</v>
      </c>
      <c r="I3867">
        <f t="shared" si="433"/>
        <v>0.52621358827788023</v>
      </c>
      <c r="J3867">
        <f t="shared" si="434"/>
        <v>11.218180364226976</v>
      </c>
      <c r="K3867">
        <f t="shared" si="435"/>
        <v>0.88418567622759991</v>
      </c>
      <c r="L3867">
        <f t="shared" si="436"/>
        <v>0.44209283811379996</v>
      </c>
      <c r="M3867">
        <f t="shared" si="437"/>
        <v>0</v>
      </c>
      <c r="N3867" s="45">
        <f t="shared" si="438"/>
        <v>45086.708333324037</v>
      </c>
    </row>
    <row r="3868" spans="2:14" x14ac:dyDescent="0.25">
      <c r="B3868">
        <f t="shared" si="432"/>
        <v>5</v>
      </c>
      <c r="C3868" s="16">
        <v>3834</v>
      </c>
      <c r="D3868" cm="1">
        <f t="array" ref="D3868">IFERROR(INDEX(Jesper!AH$2:AH$366,ROUNDDOWN($C3868/24,0)+1,1)*INDEX($D$3:$AA$30,INDEX(Jesper!$R$2:$R$366,ROW(INDEX(Jesper!AH$2:AH$366,ROUNDDOWN($C3868/24,0)+1,1))-1)+IF('Standard Profiles'!$G$18=$B$10,7,0)+IF('Standard Profiles'!$G$18=$B$17,14,0)+IF('Standard Profiles'!$G$18=$B$24,21,0),MOD($C3868,24)+1)/SUM(INDEX($D$3:$AA$30,INDEX(Jesper!$R$2:$R$366,ROW(INDEX(Jesper!AH$2:AH$366,ROUNDDOWN($C3868/24,0)+1,1))-1)+IF('Standard Profiles'!$G$18=$B$10,7,0)+IF('Standard Profiles'!$G$18=$B$17,14,0)+IF('Standard Profiles'!$G$18=$B$24,21,0),0)),0)</f>
        <v>5.2749713638578397</v>
      </c>
      <c r="E3868" cm="1">
        <f t="array" ref="E3868">IFERROR(INDEX(Jesper!AI$2:AI$366,ROUNDDOWN($C3868/24,0)+1,1)*INDEX($D$3:$AA$30,INDEX(Jesper!$R$2:$R$366,ROW(INDEX(Jesper!AI$2:AI$366,ROUNDDOWN($C3868/24,0)+1,1))-1)+IF('Standard Profiles'!$G$19=$B$10,7,0)+IF('Standard Profiles'!$G$19=$B$17,14,0)+IF('Standard Profiles'!$G$19=$B$24,21,0),MOD($C3868,24)+1)/SUM(INDEX($D$3:$AA$30,INDEX(Jesper!$R$2:$R$366,ROW(INDEX(Jesper!AI$2:AI$366,ROUNDDOWN($C3868/24,0)+1,1))-1)+IF('Standard Profiles'!$G$19=$B$10,7,0)+IF('Standard Profiles'!$G$19=$B$17,14,0)+IF('Standard Profiles'!$G$19=$B$24,21,0),0)),0)</f>
        <v>2.3450976457365269</v>
      </c>
      <c r="F3868" cm="1">
        <f t="array" ref="F3868">IFERROR(INDEX(Jesper!AJ$2:AJ$366,ROUNDDOWN($C3868/24,0)+1,1)*INDEX($D$3:$AA$30,INDEX(Jesper!$R$2:$R$366,ROW(INDEX(Jesper!AJ$2:AJ$366,ROUNDDOWN($C3868/24,0)+1,1))-1)+IF('Standard Profiles'!$G$20=$B$10,7,0)+IF('Standard Profiles'!$G$20=$B$17,14,0)+IF('Standard Profiles'!$G$20=$B$24,21,0),MOD($C3868,24)+1)/SUM(INDEX($D$3:$AA$30,INDEX(Jesper!$R$2:$R$366,ROW(INDEX(Jesper!AJ$2:AJ$366,ROUNDDOWN($C3868/24,0)+1,1))-1)+IF('Standard Profiles'!$G$20=$B$10,7,0)+IF('Standard Profiles'!$G$20=$B$17,14,0)+IF('Standard Profiles'!$G$20=$B$24,21,0),0)),0)</f>
        <v>0</v>
      </c>
      <c r="G3868" cm="1">
        <f t="array" ref="G3868">IFERROR(INDEX(Jesper!AK$2:AK$366,ROUNDDOWN($C3868/24,0)+1,1)*INDEX($D$3:$AA$30,INDEX(Jesper!$R$2:$R$366,ROW(INDEX(Jesper!AK$2:AK$366,ROUNDDOWN($C3868/24,0)+1,1))-1)+IF('Standard Profiles'!$G$21=$B$10,7,0)+IF('Standard Profiles'!$G$21=$B$17,14,0)+IF('Standard Profiles'!$G$21=$B$24,21,0),MOD($C3868,24)+1)/SUM(INDEX($D$3:$AA$30,INDEX(Jesper!$R$2:$R$366,ROW(INDEX(Jesper!AK$2:AK$366,ROUNDDOWN($C3868/24,0)+1,1))-1)+IF('Standard Profiles'!$G$21=$B$10,7,0)+IF('Standard Profiles'!$G$21=$B$17,14,0)+IF('Standard Profiles'!$G$21=$B$24,21,0),0)),0)</f>
        <v>0.40457889971761646</v>
      </c>
      <c r="H3868" cm="1">
        <f t="array" ref="H3868">IFERROR(INDEX(Jesper!AL$2:AL$366,ROUNDDOWN($C3868/24,0)+1,1)*INDEX($D$3:$AA$30,INDEX(Jesper!$R$2:$R$366,ROW(INDEX(Jesper!AL$2:AL$366,ROUNDDOWN($C3868/24,0)+1,1))-1)+IF('Standard Profiles'!$G$22=$B$10,7,0)+IF('Standard Profiles'!$G$22=$B$17,14,0)+IF('Standard Profiles'!$G$22=$B$24,21,0),MOD($C3868,24)+1)/SUM(INDEX($D$3:$AA$30,INDEX(Jesper!$R$2:$R$366,ROW(INDEX(Jesper!AL$2:AL$366,ROUNDDOWN($C3868/24,0)+1,1))-1)+IF('Standard Profiles'!$G$22=$B$10,7,0)+IF('Standard Profiles'!$G$22=$B$17,14,0)+IF('Standard Profiles'!$G$22=$B$24,21,0),0)),0)</f>
        <v>0</v>
      </c>
      <c r="I3868">
        <f t="shared" si="433"/>
        <v>0.19419787186445581</v>
      </c>
      <c r="J3868">
        <f t="shared" si="434"/>
        <v>6.9864546192302734</v>
      </c>
      <c r="K3868">
        <f t="shared" si="435"/>
        <v>0.56266361214483629</v>
      </c>
      <c r="L3868">
        <f t="shared" si="436"/>
        <v>0.28133180607241814</v>
      </c>
      <c r="M3868">
        <f t="shared" si="437"/>
        <v>0</v>
      </c>
      <c r="N3868" s="45">
        <f t="shared" si="438"/>
        <v>45086.749999990701</v>
      </c>
    </row>
    <row r="3869" spans="2:14" x14ac:dyDescent="0.25">
      <c r="B3869">
        <f t="shared" si="432"/>
        <v>5</v>
      </c>
      <c r="C3869" s="16">
        <v>3835</v>
      </c>
      <c r="D3869" cm="1">
        <f t="array" ref="D3869">IFERROR(INDEX(Jesper!AH$2:AH$366,ROUNDDOWN($C3869/24,0)+1,1)*INDEX($D$3:$AA$30,INDEX(Jesper!$R$2:$R$366,ROW(INDEX(Jesper!AH$2:AH$366,ROUNDDOWN($C3869/24,0)+1,1))-1)+IF('Standard Profiles'!$G$18=$B$10,7,0)+IF('Standard Profiles'!$G$18=$B$17,14,0)+IF('Standard Profiles'!$G$18=$B$24,21,0),MOD($C3869,24)+1)/SUM(INDEX($D$3:$AA$30,INDEX(Jesper!$R$2:$R$366,ROW(INDEX(Jesper!AH$2:AH$366,ROUNDDOWN($C3869/24,0)+1,1))-1)+IF('Standard Profiles'!$G$18=$B$10,7,0)+IF('Standard Profiles'!$G$18=$B$17,14,0)+IF('Standard Profiles'!$G$18=$B$24,21,0),0)),0)</f>
        <v>5.0237822512931816</v>
      </c>
      <c r="E3869" cm="1">
        <f t="array" ref="E3869">IFERROR(INDEX(Jesper!AI$2:AI$366,ROUNDDOWN($C3869/24,0)+1,1)*INDEX($D$3:$AA$30,INDEX(Jesper!$R$2:$R$366,ROW(INDEX(Jesper!AI$2:AI$366,ROUNDDOWN($C3869/24,0)+1,1))-1)+IF('Standard Profiles'!$G$19=$B$10,7,0)+IF('Standard Profiles'!$G$19=$B$17,14,0)+IF('Standard Profiles'!$G$19=$B$24,21,0),MOD($C3869,24)+1)/SUM(INDEX($D$3:$AA$30,INDEX(Jesper!$R$2:$R$366,ROW(INDEX(Jesper!AI$2:AI$366,ROUNDDOWN($C3869/24,0)+1,1))-1)+IF('Standard Profiles'!$G$19=$B$10,7,0)+IF('Standard Profiles'!$G$19=$B$17,14,0)+IF('Standard Profiles'!$G$19=$B$24,21,0),0)),0)</f>
        <v>2.2334263292728829</v>
      </c>
      <c r="F3869" cm="1">
        <f t="array" ref="F3869">IFERROR(INDEX(Jesper!AJ$2:AJ$366,ROUNDDOWN($C3869/24,0)+1,1)*INDEX($D$3:$AA$30,INDEX(Jesper!$R$2:$R$366,ROW(INDEX(Jesper!AJ$2:AJ$366,ROUNDDOWN($C3869/24,0)+1,1))-1)+IF('Standard Profiles'!$G$20=$B$10,7,0)+IF('Standard Profiles'!$G$20=$B$17,14,0)+IF('Standard Profiles'!$G$20=$B$24,21,0),MOD($C3869,24)+1)/SUM(INDEX($D$3:$AA$30,INDEX(Jesper!$R$2:$R$366,ROW(INDEX(Jesper!AJ$2:AJ$366,ROUNDDOWN($C3869/24,0)+1,1))-1)+IF('Standard Profiles'!$G$20=$B$10,7,0)+IF('Standard Profiles'!$G$20=$B$17,14,0)+IF('Standard Profiles'!$G$20=$B$24,21,0),0)),0)</f>
        <v>0</v>
      </c>
      <c r="G3869" cm="1">
        <f t="array" ref="G3869">IFERROR(INDEX(Jesper!AK$2:AK$366,ROUNDDOWN($C3869/24,0)+1,1)*INDEX($D$3:$AA$30,INDEX(Jesper!$R$2:$R$366,ROW(INDEX(Jesper!AK$2:AK$366,ROUNDDOWN($C3869/24,0)+1,1))-1)+IF('Standard Profiles'!$G$21=$B$10,7,0)+IF('Standard Profiles'!$G$21=$B$17,14,0)+IF('Standard Profiles'!$G$21=$B$24,21,0),MOD($C3869,24)+1)/SUM(INDEX($D$3:$AA$30,INDEX(Jesper!$R$2:$R$366,ROW(INDEX(Jesper!AK$2:AK$366,ROUNDDOWN($C3869/24,0)+1,1))-1)+IF('Standard Profiles'!$G$21=$B$10,7,0)+IF('Standard Profiles'!$G$21=$B$17,14,0)+IF('Standard Profiles'!$G$21=$B$24,21,0),0)),0)</f>
        <v>0.40457889971761646</v>
      </c>
      <c r="H3869" cm="1">
        <f t="array" ref="H3869">IFERROR(INDEX(Jesper!AL$2:AL$366,ROUNDDOWN($C3869/24,0)+1,1)*INDEX($D$3:$AA$30,INDEX(Jesper!$R$2:$R$366,ROW(INDEX(Jesper!AL$2:AL$366,ROUNDDOWN($C3869/24,0)+1,1))-1)+IF('Standard Profiles'!$G$22=$B$10,7,0)+IF('Standard Profiles'!$G$22=$B$17,14,0)+IF('Standard Profiles'!$G$22=$B$24,21,0),MOD($C3869,24)+1)/SUM(INDEX($D$3:$AA$30,INDEX(Jesper!$R$2:$R$366,ROW(INDEX(Jesper!AL$2:AL$366,ROUNDDOWN($C3869/24,0)+1,1))-1)+IF('Standard Profiles'!$G$22=$B$10,7,0)+IF('Standard Profiles'!$G$22=$B$17,14,0)+IF('Standard Profiles'!$G$22=$B$24,21,0),0)),0)</f>
        <v>0</v>
      </c>
      <c r="I3869">
        <f t="shared" si="433"/>
        <v>0.19419787186445581</v>
      </c>
      <c r="J3869">
        <f t="shared" si="434"/>
        <v>6.6637844482123159</v>
      </c>
      <c r="K3869">
        <f t="shared" si="435"/>
        <v>0.53587010680460612</v>
      </c>
      <c r="L3869">
        <f t="shared" si="436"/>
        <v>0.26793505340230306</v>
      </c>
      <c r="M3869">
        <f t="shared" si="437"/>
        <v>0</v>
      </c>
      <c r="N3869" s="45">
        <f t="shared" si="438"/>
        <v>45086.791666657366</v>
      </c>
    </row>
    <row r="3870" spans="2:14" x14ac:dyDescent="0.25">
      <c r="B3870">
        <f t="shared" si="432"/>
        <v>5</v>
      </c>
      <c r="C3870" s="16">
        <v>3836</v>
      </c>
      <c r="D3870" cm="1">
        <f t="array" ref="D3870">IFERROR(INDEX(Jesper!AH$2:AH$366,ROUNDDOWN($C3870/24,0)+1,1)*INDEX($D$3:$AA$30,INDEX(Jesper!$R$2:$R$366,ROW(INDEX(Jesper!AH$2:AH$366,ROUNDDOWN($C3870/24,0)+1,1))-1)+IF('Standard Profiles'!$G$18=$B$10,7,0)+IF('Standard Profiles'!$G$18=$B$17,14,0)+IF('Standard Profiles'!$G$18=$B$24,21,0),MOD($C3870,24)+1)/SUM(INDEX($D$3:$AA$30,INDEX(Jesper!$R$2:$R$366,ROW(INDEX(Jesper!AH$2:AH$366,ROUNDDOWN($C3870/24,0)+1,1))-1)+IF('Standard Profiles'!$G$18=$B$10,7,0)+IF('Standard Profiles'!$G$18=$B$17,14,0)+IF('Standard Profiles'!$G$18=$B$24,21,0),0)),0)</f>
        <v>5.0237822512931816</v>
      </c>
      <c r="E3870" cm="1">
        <f t="array" ref="E3870">IFERROR(INDEX(Jesper!AI$2:AI$366,ROUNDDOWN($C3870/24,0)+1,1)*INDEX($D$3:$AA$30,INDEX(Jesper!$R$2:$R$366,ROW(INDEX(Jesper!AI$2:AI$366,ROUNDDOWN($C3870/24,0)+1,1))-1)+IF('Standard Profiles'!$G$19=$B$10,7,0)+IF('Standard Profiles'!$G$19=$B$17,14,0)+IF('Standard Profiles'!$G$19=$B$24,21,0),MOD($C3870,24)+1)/SUM(INDEX($D$3:$AA$30,INDEX(Jesper!$R$2:$R$366,ROW(INDEX(Jesper!AI$2:AI$366,ROUNDDOWN($C3870/24,0)+1,1))-1)+IF('Standard Profiles'!$G$19=$B$10,7,0)+IF('Standard Profiles'!$G$19=$B$17,14,0)+IF('Standard Profiles'!$G$19=$B$24,21,0),0)),0)</f>
        <v>2.2334263292728829</v>
      </c>
      <c r="F3870" cm="1">
        <f t="array" ref="F3870">IFERROR(INDEX(Jesper!AJ$2:AJ$366,ROUNDDOWN($C3870/24,0)+1,1)*INDEX($D$3:$AA$30,INDEX(Jesper!$R$2:$R$366,ROW(INDEX(Jesper!AJ$2:AJ$366,ROUNDDOWN($C3870/24,0)+1,1))-1)+IF('Standard Profiles'!$G$20=$B$10,7,0)+IF('Standard Profiles'!$G$20=$B$17,14,0)+IF('Standard Profiles'!$G$20=$B$24,21,0),MOD($C3870,24)+1)/SUM(INDEX($D$3:$AA$30,INDEX(Jesper!$R$2:$R$366,ROW(INDEX(Jesper!AJ$2:AJ$366,ROUNDDOWN($C3870/24,0)+1,1))-1)+IF('Standard Profiles'!$G$20=$B$10,7,0)+IF('Standard Profiles'!$G$20=$B$17,14,0)+IF('Standard Profiles'!$G$20=$B$24,21,0),0)),0)</f>
        <v>0</v>
      </c>
      <c r="G3870" cm="1">
        <f t="array" ref="G3870">IFERROR(INDEX(Jesper!AK$2:AK$366,ROUNDDOWN($C3870/24,0)+1,1)*INDEX($D$3:$AA$30,INDEX(Jesper!$R$2:$R$366,ROW(INDEX(Jesper!AK$2:AK$366,ROUNDDOWN($C3870/24,0)+1,1))-1)+IF('Standard Profiles'!$G$21=$B$10,7,0)+IF('Standard Profiles'!$G$21=$B$17,14,0)+IF('Standard Profiles'!$G$21=$B$24,21,0),MOD($C3870,24)+1)/SUM(INDEX($D$3:$AA$30,INDEX(Jesper!$R$2:$R$366,ROW(INDEX(Jesper!AK$2:AK$366,ROUNDDOWN($C3870/24,0)+1,1))-1)+IF('Standard Profiles'!$G$21=$B$10,7,0)+IF('Standard Profiles'!$G$21=$B$17,14,0)+IF('Standard Profiles'!$G$21=$B$24,21,0),0)),0)</f>
        <v>0.40457889971761646</v>
      </c>
      <c r="H3870" cm="1">
        <f t="array" ref="H3870">IFERROR(INDEX(Jesper!AL$2:AL$366,ROUNDDOWN($C3870/24,0)+1,1)*INDEX($D$3:$AA$30,INDEX(Jesper!$R$2:$R$366,ROW(INDEX(Jesper!AL$2:AL$366,ROUNDDOWN($C3870/24,0)+1,1))-1)+IF('Standard Profiles'!$G$22=$B$10,7,0)+IF('Standard Profiles'!$G$22=$B$17,14,0)+IF('Standard Profiles'!$G$22=$B$24,21,0),MOD($C3870,24)+1)/SUM(INDEX($D$3:$AA$30,INDEX(Jesper!$R$2:$R$366,ROW(INDEX(Jesper!AL$2:AL$366,ROUNDDOWN($C3870/24,0)+1,1))-1)+IF('Standard Profiles'!$G$22=$B$10,7,0)+IF('Standard Profiles'!$G$22=$B$17,14,0)+IF('Standard Profiles'!$G$22=$B$24,21,0),0)),0)</f>
        <v>0</v>
      </c>
      <c r="I3870">
        <f t="shared" si="433"/>
        <v>0.19419787186445581</v>
      </c>
      <c r="J3870">
        <f t="shared" si="434"/>
        <v>6.6637844482123159</v>
      </c>
      <c r="K3870">
        <f t="shared" si="435"/>
        <v>0.53587010680460612</v>
      </c>
      <c r="L3870">
        <f t="shared" si="436"/>
        <v>0.26793505340230306</v>
      </c>
      <c r="M3870">
        <f t="shared" si="437"/>
        <v>0</v>
      </c>
      <c r="N3870" s="45">
        <f t="shared" si="438"/>
        <v>45086.83333332403</v>
      </c>
    </row>
    <row r="3871" spans="2:14" x14ac:dyDescent="0.25">
      <c r="B3871">
        <f t="shared" si="432"/>
        <v>5</v>
      </c>
      <c r="C3871" s="16">
        <v>3837</v>
      </c>
      <c r="D3871" cm="1">
        <f t="array" ref="D3871">IFERROR(INDEX(Jesper!AH$2:AH$366,ROUNDDOWN($C3871/24,0)+1,1)*INDEX($D$3:$AA$30,INDEX(Jesper!$R$2:$R$366,ROW(INDEX(Jesper!AH$2:AH$366,ROUNDDOWN($C3871/24,0)+1,1))-1)+IF('Standard Profiles'!$G$18=$B$10,7,0)+IF('Standard Profiles'!$G$18=$B$17,14,0)+IF('Standard Profiles'!$G$18=$B$24,21,0),MOD($C3871,24)+1)/SUM(INDEX($D$3:$AA$30,INDEX(Jesper!$R$2:$R$366,ROW(INDEX(Jesper!AH$2:AH$366,ROUNDDOWN($C3871/24,0)+1,1))-1)+IF('Standard Profiles'!$G$18=$B$10,7,0)+IF('Standard Profiles'!$G$18=$B$17,14,0)+IF('Standard Profiles'!$G$18=$B$24,21,0),0)),0)</f>
        <v>5.0237822512931816</v>
      </c>
      <c r="E3871" cm="1">
        <f t="array" ref="E3871">IFERROR(INDEX(Jesper!AI$2:AI$366,ROUNDDOWN($C3871/24,0)+1,1)*INDEX($D$3:$AA$30,INDEX(Jesper!$R$2:$R$366,ROW(INDEX(Jesper!AI$2:AI$366,ROUNDDOWN($C3871/24,0)+1,1))-1)+IF('Standard Profiles'!$G$19=$B$10,7,0)+IF('Standard Profiles'!$G$19=$B$17,14,0)+IF('Standard Profiles'!$G$19=$B$24,21,0),MOD($C3871,24)+1)/SUM(INDEX($D$3:$AA$30,INDEX(Jesper!$R$2:$R$366,ROW(INDEX(Jesper!AI$2:AI$366,ROUNDDOWN($C3871/24,0)+1,1))-1)+IF('Standard Profiles'!$G$19=$B$10,7,0)+IF('Standard Profiles'!$G$19=$B$17,14,0)+IF('Standard Profiles'!$G$19=$B$24,21,0),0)),0)</f>
        <v>2.2334263292728829</v>
      </c>
      <c r="F3871" cm="1">
        <f t="array" ref="F3871">IFERROR(INDEX(Jesper!AJ$2:AJ$366,ROUNDDOWN($C3871/24,0)+1,1)*INDEX($D$3:$AA$30,INDEX(Jesper!$R$2:$R$366,ROW(INDEX(Jesper!AJ$2:AJ$366,ROUNDDOWN($C3871/24,0)+1,1))-1)+IF('Standard Profiles'!$G$20=$B$10,7,0)+IF('Standard Profiles'!$G$20=$B$17,14,0)+IF('Standard Profiles'!$G$20=$B$24,21,0),MOD($C3871,24)+1)/SUM(INDEX($D$3:$AA$30,INDEX(Jesper!$R$2:$R$366,ROW(INDEX(Jesper!AJ$2:AJ$366,ROUNDDOWN($C3871/24,0)+1,1))-1)+IF('Standard Profiles'!$G$20=$B$10,7,0)+IF('Standard Profiles'!$G$20=$B$17,14,0)+IF('Standard Profiles'!$G$20=$B$24,21,0),0)),0)</f>
        <v>0</v>
      </c>
      <c r="G3871" cm="1">
        <f t="array" ref="G3871">IFERROR(INDEX(Jesper!AK$2:AK$366,ROUNDDOWN($C3871/24,0)+1,1)*INDEX($D$3:$AA$30,INDEX(Jesper!$R$2:$R$366,ROW(INDEX(Jesper!AK$2:AK$366,ROUNDDOWN($C3871/24,0)+1,1))-1)+IF('Standard Profiles'!$G$21=$B$10,7,0)+IF('Standard Profiles'!$G$21=$B$17,14,0)+IF('Standard Profiles'!$G$21=$B$24,21,0),MOD($C3871,24)+1)/SUM(INDEX($D$3:$AA$30,INDEX(Jesper!$R$2:$R$366,ROW(INDEX(Jesper!AK$2:AK$366,ROUNDDOWN($C3871/24,0)+1,1))-1)+IF('Standard Profiles'!$G$21=$B$10,7,0)+IF('Standard Profiles'!$G$21=$B$17,14,0)+IF('Standard Profiles'!$G$21=$B$24,21,0),0)),0)</f>
        <v>0.40457889971761646</v>
      </c>
      <c r="H3871" cm="1">
        <f t="array" ref="H3871">IFERROR(INDEX(Jesper!AL$2:AL$366,ROUNDDOWN($C3871/24,0)+1,1)*INDEX($D$3:$AA$30,INDEX(Jesper!$R$2:$R$366,ROW(INDEX(Jesper!AL$2:AL$366,ROUNDDOWN($C3871/24,0)+1,1))-1)+IF('Standard Profiles'!$G$22=$B$10,7,0)+IF('Standard Profiles'!$G$22=$B$17,14,0)+IF('Standard Profiles'!$G$22=$B$24,21,0),MOD($C3871,24)+1)/SUM(INDEX($D$3:$AA$30,INDEX(Jesper!$R$2:$R$366,ROW(INDEX(Jesper!AL$2:AL$366,ROUNDDOWN($C3871/24,0)+1,1))-1)+IF('Standard Profiles'!$G$22=$B$10,7,0)+IF('Standard Profiles'!$G$22=$B$17,14,0)+IF('Standard Profiles'!$G$22=$B$24,21,0),0)),0)</f>
        <v>0</v>
      </c>
      <c r="I3871">
        <f t="shared" si="433"/>
        <v>0.19419787186445581</v>
      </c>
      <c r="J3871">
        <f t="shared" si="434"/>
        <v>6.6637844482123159</v>
      </c>
      <c r="K3871">
        <f t="shared" si="435"/>
        <v>0.53587010680460612</v>
      </c>
      <c r="L3871">
        <f t="shared" si="436"/>
        <v>0.26793505340230306</v>
      </c>
      <c r="M3871">
        <f t="shared" si="437"/>
        <v>0</v>
      </c>
      <c r="N3871" s="45">
        <f t="shared" si="438"/>
        <v>45086.874999990694</v>
      </c>
    </row>
    <row r="3872" spans="2:14" x14ac:dyDescent="0.25">
      <c r="B3872">
        <f t="shared" si="432"/>
        <v>5</v>
      </c>
      <c r="C3872" s="16">
        <v>3838</v>
      </c>
      <c r="D3872" cm="1">
        <f t="array" ref="D3872">IFERROR(INDEX(Jesper!AH$2:AH$366,ROUNDDOWN($C3872/24,0)+1,1)*INDEX($D$3:$AA$30,INDEX(Jesper!$R$2:$R$366,ROW(INDEX(Jesper!AH$2:AH$366,ROUNDDOWN($C3872/24,0)+1,1))-1)+IF('Standard Profiles'!$G$18=$B$10,7,0)+IF('Standard Profiles'!$G$18=$B$17,14,0)+IF('Standard Profiles'!$G$18=$B$24,21,0),MOD($C3872,24)+1)/SUM(INDEX($D$3:$AA$30,INDEX(Jesper!$R$2:$R$366,ROW(INDEX(Jesper!AH$2:AH$366,ROUNDDOWN($C3872/24,0)+1,1))-1)+IF('Standard Profiles'!$G$18=$B$10,7,0)+IF('Standard Profiles'!$G$18=$B$17,14,0)+IF('Standard Profiles'!$G$18=$B$24,21,0),0)),0)</f>
        <v>5.0237822512931816</v>
      </c>
      <c r="E3872" cm="1">
        <f t="array" ref="E3872">IFERROR(INDEX(Jesper!AI$2:AI$366,ROUNDDOWN($C3872/24,0)+1,1)*INDEX($D$3:$AA$30,INDEX(Jesper!$R$2:$R$366,ROW(INDEX(Jesper!AI$2:AI$366,ROUNDDOWN($C3872/24,0)+1,1))-1)+IF('Standard Profiles'!$G$19=$B$10,7,0)+IF('Standard Profiles'!$G$19=$B$17,14,0)+IF('Standard Profiles'!$G$19=$B$24,21,0),MOD($C3872,24)+1)/SUM(INDEX($D$3:$AA$30,INDEX(Jesper!$R$2:$R$366,ROW(INDEX(Jesper!AI$2:AI$366,ROUNDDOWN($C3872/24,0)+1,1))-1)+IF('Standard Profiles'!$G$19=$B$10,7,0)+IF('Standard Profiles'!$G$19=$B$17,14,0)+IF('Standard Profiles'!$G$19=$B$24,21,0),0)),0)</f>
        <v>2.2334263292728829</v>
      </c>
      <c r="F3872" cm="1">
        <f t="array" ref="F3872">IFERROR(INDEX(Jesper!AJ$2:AJ$366,ROUNDDOWN($C3872/24,0)+1,1)*INDEX($D$3:$AA$30,INDEX(Jesper!$R$2:$R$366,ROW(INDEX(Jesper!AJ$2:AJ$366,ROUNDDOWN($C3872/24,0)+1,1))-1)+IF('Standard Profiles'!$G$20=$B$10,7,0)+IF('Standard Profiles'!$G$20=$B$17,14,0)+IF('Standard Profiles'!$G$20=$B$24,21,0),MOD($C3872,24)+1)/SUM(INDEX($D$3:$AA$30,INDEX(Jesper!$R$2:$R$366,ROW(INDEX(Jesper!AJ$2:AJ$366,ROUNDDOWN($C3872/24,0)+1,1))-1)+IF('Standard Profiles'!$G$20=$B$10,7,0)+IF('Standard Profiles'!$G$20=$B$17,14,0)+IF('Standard Profiles'!$G$20=$B$24,21,0),0)),0)</f>
        <v>0</v>
      </c>
      <c r="G3872" cm="1">
        <f t="array" ref="G3872">IFERROR(INDEX(Jesper!AK$2:AK$366,ROUNDDOWN($C3872/24,0)+1,1)*INDEX($D$3:$AA$30,INDEX(Jesper!$R$2:$R$366,ROW(INDEX(Jesper!AK$2:AK$366,ROUNDDOWN($C3872/24,0)+1,1))-1)+IF('Standard Profiles'!$G$21=$B$10,7,0)+IF('Standard Profiles'!$G$21=$B$17,14,0)+IF('Standard Profiles'!$G$21=$B$24,21,0),MOD($C3872,24)+1)/SUM(INDEX($D$3:$AA$30,INDEX(Jesper!$R$2:$R$366,ROW(INDEX(Jesper!AK$2:AK$366,ROUNDDOWN($C3872/24,0)+1,1))-1)+IF('Standard Profiles'!$G$21=$B$10,7,0)+IF('Standard Profiles'!$G$21=$B$17,14,0)+IF('Standard Profiles'!$G$21=$B$24,21,0),0)),0)</f>
        <v>0.40457889971761646</v>
      </c>
      <c r="H3872" cm="1">
        <f t="array" ref="H3872">IFERROR(INDEX(Jesper!AL$2:AL$366,ROUNDDOWN($C3872/24,0)+1,1)*INDEX($D$3:$AA$30,INDEX(Jesper!$R$2:$R$366,ROW(INDEX(Jesper!AL$2:AL$366,ROUNDDOWN($C3872/24,0)+1,1))-1)+IF('Standard Profiles'!$G$22=$B$10,7,0)+IF('Standard Profiles'!$G$22=$B$17,14,0)+IF('Standard Profiles'!$G$22=$B$24,21,0),MOD($C3872,24)+1)/SUM(INDEX($D$3:$AA$30,INDEX(Jesper!$R$2:$R$366,ROW(INDEX(Jesper!AL$2:AL$366,ROUNDDOWN($C3872/24,0)+1,1))-1)+IF('Standard Profiles'!$G$22=$B$10,7,0)+IF('Standard Profiles'!$G$22=$B$17,14,0)+IF('Standard Profiles'!$G$22=$B$24,21,0),0)),0)</f>
        <v>0</v>
      </c>
      <c r="I3872">
        <f t="shared" si="433"/>
        <v>0.19419787186445581</v>
      </c>
      <c r="J3872">
        <f t="shared" si="434"/>
        <v>6.6637844482123159</v>
      </c>
      <c r="K3872">
        <f t="shared" si="435"/>
        <v>0.53587010680460612</v>
      </c>
      <c r="L3872">
        <f t="shared" si="436"/>
        <v>0.26793505340230306</v>
      </c>
      <c r="M3872">
        <f t="shared" si="437"/>
        <v>0</v>
      </c>
      <c r="N3872" s="45">
        <f t="shared" si="438"/>
        <v>45086.916666657358</v>
      </c>
    </row>
    <row r="3873" spans="2:14" x14ac:dyDescent="0.25">
      <c r="B3873">
        <f t="shared" si="432"/>
        <v>5</v>
      </c>
      <c r="C3873" s="16">
        <v>3839</v>
      </c>
      <c r="D3873" cm="1">
        <f t="array" ref="D3873">IFERROR(INDEX(Jesper!AH$2:AH$366,ROUNDDOWN($C3873/24,0)+1,1)*INDEX($D$3:$AA$30,INDEX(Jesper!$R$2:$R$366,ROW(INDEX(Jesper!AH$2:AH$366,ROUNDDOWN($C3873/24,0)+1,1))-1)+IF('Standard Profiles'!$G$18=$B$10,7,0)+IF('Standard Profiles'!$G$18=$B$17,14,0)+IF('Standard Profiles'!$G$18=$B$24,21,0),MOD($C3873,24)+1)/SUM(INDEX($D$3:$AA$30,INDEX(Jesper!$R$2:$R$366,ROW(INDEX(Jesper!AH$2:AH$366,ROUNDDOWN($C3873/24,0)+1,1))-1)+IF('Standard Profiles'!$G$18=$B$10,7,0)+IF('Standard Profiles'!$G$18=$B$17,14,0)+IF('Standard Profiles'!$G$18=$B$24,21,0),0)),0)</f>
        <v>5.0237822512931816</v>
      </c>
      <c r="E3873" cm="1">
        <f t="array" ref="E3873">IFERROR(INDEX(Jesper!AI$2:AI$366,ROUNDDOWN($C3873/24,0)+1,1)*INDEX($D$3:$AA$30,INDEX(Jesper!$R$2:$R$366,ROW(INDEX(Jesper!AI$2:AI$366,ROUNDDOWN($C3873/24,0)+1,1))-1)+IF('Standard Profiles'!$G$19=$B$10,7,0)+IF('Standard Profiles'!$G$19=$B$17,14,0)+IF('Standard Profiles'!$G$19=$B$24,21,0),MOD($C3873,24)+1)/SUM(INDEX($D$3:$AA$30,INDEX(Jesper!$R$2:$R$366,ROW(INDEX(Jesper!AI$2:AI$366,ROUNDDOWN($C3873/24,0)+1,1))-1)+IF('Standard Profiles'!$G$19=$B$10,7,0)+IF('Standard Profiles'!$G$19=$B$17,14,0)+IF('Standard Profiles'!$G$19=$B$24,21,0),0)),0)</f>
        <v>2.2334263292728829</v>
      </c>
      <c r="F3873" cm="1">
        <f t="array" ref="F3873">IFERROR(INDEX(Jesper!AJ$2:AJ$366,ROUNDDOWN($C3873/24,0)+1,1)*INDEX($D$3:$AA$30,INDEX(Jesper!$R$2:$R$366,ROW(INDEX(Jesper!AJ$2:AJ$366,ROUNDDOWN($C3873/24,0)+1,1))-1)+IF('Standard Profiles'!$G$20=$B$10,7,0)+IF('Standard Profiles'!$G$20=$B$17,14,0)+IF('Standard Profiles'!$G$20=$B$24,21,0),MOD($C3873,24)+1)/SUM(INDEX($D$3:$AA$30,INDEX(Jesper!$R$2:$R$366,ROW(INDEX(Jesper!AJ$2:AJ$366,ROUNDDOWN($C3873/24,0)+1,1))-1)+IF('Standard Profiles'!$G$20=$B$10,7,0)+IF('Standard Profiles'!$G$20=$B$17,14,0)+IF('Standard Profiles'!$G$20=$B$24,21,0),0)),0)</f>
        <v>0</v>
      </c>
      <c r="G3873" cm="1">
        <f t="array" ref="G3873">IFERROR(INDEX(Jesper!AK$2:AK$366,ROUNDDOWN($C3873/24,0)+1,1)*INDEX($D$3:$AA$30,INDEX(Jesper!$R$2:$R$366,ROW(INDEX(Jesper!AK$2:AK$366,ROUNDDOWN($C3873/24,0)+1,1))-1)+IF('Standard Profiles'!$G$21=$B$10,7,0)+IF('Standard Profiles'!$G$21=$B$17,14,0)+IF('Standard Profiles'!$G$21=$B$24,21,0),MOD($C3873,24)+1)/SUM(INDEX($D$3:$AA$30,INDEX(Jesper!$R$2:$R$366,ROW(INDEX(Jesper!AK$2:AK$366,ROUNDDOWN($C3873/24,0)+1,1))-1)+IF('Standard Profiles'!$G$21=$B$10,7,0)+IF('Standard Profiles'!$G$21=$B$17,14,0)+IF('Standard Profiles'!$G$21=$B$24,21,0),0)),0)</f>
        <v>0.40457889971761646</v>
      </c>
      <c r="H3873" cm="1">
        <f t="array" ref="H3873">IFERROR(INDEX(Jesper!AL$2:AL$366,ROUNDDOWN($C3873/24,0)+1,1)*INDEX($D$3:$AA$30,INDEX(Jesper!$R$2:$R$366,ROW(INDEX(Jesper!AL$2:AL$366,ROUNDDOWN($C3873/24,0)+1,1))-1)+IF('Standard Profiles'!$G$22=$B$10,7,0)+IF('Standard Profiles'!$G$22=$B$17,14,0)+IF('Standard Profiles'!$G$22=$B$24,21,0),MOD($C3873,24)+1)/SUM(INDEX($D$3:$AA$30,INDEX(Jesper!$R$2:$R$366,ROW(INDEX(Jesper!AL$2:AL$366,ROUNDDOWN($C3873/24,0)+1,1))-1)+IF('Standard Profiles'!$G$22=$B$10,7,0)+IF('Standard Profiles'!$G$22=$B$17,14,0)+IF('Standard Profiles'!$G$22=$B$24,21,0),0)),0)</f>
        <v>0</v>
      </c>
      <c r="I3873">
        <f t="shared" si="433"/>
        <v>0.19419787186445581</v>
      </c>
      <c r="J3873">
        <f t="shared" si="434"/>
        <v>6.6637844482123159</v>
      </c>
      <c r="K3873">
        <f t="shared" si="435"/>
        <v>0.53587010680460612</v>
      </c>
      <c r="L3873">
        <f t="shared" si="436"/>
        <v>0.26793505340230306</v>
      </c>
      <c r="M3873">
        <f t="shared" si="437"/>
        <v>0</v>
      </c>
      <c r="N3873" s="45">
        <f t="shared" si="438"/>
        <v>45086.958333324023</v>
      </c>
    </row>
    <row r="3874" spans="2:14" x14ac:dyDescent="0.25">
      <c r="B3874">
        <f t="shared" si="432"/>
        <v>6</v>
      </c>
      <c r="C3874" s="16">
        <v>3840</v>
      </c>
      <c r="D3874" cm="1">
        <f t="array" ref="D3874">IFERROR(INDEX(Jesper!AH$2:AH$366,ROUNDDOWN($C3874/24,0)+1,1)*INDEX($D$3:$AA$30,INDEX(Jesper!$R$2:$R$366,ROW(INDEX(Jesper!AH$2:AH$366,ROUNDDOWN($C3874/24,0)+1,1))-1)+IF('Standard Profiles'!$G$18=$B$10,7,0)+IF('Standard Profiles'!$G$18=$B$17,14,0)+IF('Standard Profiles'!$G$18=$B$24,21,0),MOD($C3874,24)+1)/SUM(INDEX($D$3:$AA$30,INDEX(Jesper!$R$2:$R$366,ROW(INDEX(Jesper!AH$2:AH$366,ROUNDDOWN($C3874/24,0)+1,1))-1)+IF('Standard Profiles'!$G$18=$B$10,7,0)+IF('Standard Profiles'!$G$18=$B$17,14,0)+IF('Standard Profiles'!$G$18=$B$24,21,0),0)),0)</f>
        <v>0</v>
      </c>
      <c r="E3874" cm="1">
        <f t="array" ref="E3874">IFERROR(INDEX(Jesper!AI$2:AI$366,ROUNDDOWN($C3874/24,0)+1,1)*INDEX($D$3:$AA$30,INDEX(Jesper!$R$2:$R$366,ROW(INDEX(Jesper!AI$2:AI$366,ROUNDDOWN($C3874/24,0)+1,1))-1)+IF('Standard Profiles'!$G$19=$B$10,7,0)+IF('Standard Profiles'!$G$19=$B$17,14,0)+IF('Standard Profiles'!$G$19=$B$24,21,0),MOD($C3874,24)+1)/SUM(INDEX($D$3:$AA$30,INDEX(Jesper!$R$2:$R$366,ROW(INDEX(Jesper!AI$2:AI$366,ROUNDDOWN($C3874/24,0)+1,1))-1)+IF('Standard Profiles'!$G$19=$B$10,7,0)+IF('Standard Profiles'!$G$19=$B$17,14,0)+IF('Standard Profiles'!$G$19=$B$24,21,0),0)),0)</f>
        <v>3.0295839336847847</v>
      </c>
      <c r="F3874" cm="1">
        <f t="array" ref="F3874">IFERROR(INDEX(Jesper!AJ$2:AJ$366,ROUNDDOWN($C3874/24,0)+1,1)*INDEX($D$3:$AA$30,INDEX(Jesper!$R$2:$R$366,ROW(INDEX(Jesper!AJ$2:AJ$366,ROUNDDOWN($C3874/24,0)+1,1))-1)+IF('Standard Profiles'!$G$20=$B$10,7,0)+IF('Standard Profiles'!$G$20=$B$17,14,0)+IF('Standard Profiles'!$G$20=$B$24,21,0),MOD($C3874,24)+1)/SUM(INDEX($D$3:$AA$30,INDEX(Jesper!$R$2:$R$366,ROW(INDEX(Jesper!AJ$2:AJ$366,ROUNDDOWN($C3874/24,0)+1,1))-1)+IF('Standard Profiles'!$G$20=$B$10,7,0)+IF('Standard Profiles'!$G$20=$B$17,14,0)+IF('Standard Profiles'!$G$20=$B$24,21,0),0)),0)</f>
        <v>1.3512321562080454</v>
      </c>
      <c r="G3874" cm="1">
        <f t="array" ref="G3874">IFERROR(INDEX(Jesper!AK$2:AK$366,ROUNDDOWN($C3874/24,0)+1,1)*INDEX($D$3:$AA$30,INDEX(Jesper!$R$2:$R$366,ROW(INDEX(Jesper!AK$2:AK$366,ROUNDDOWN($C3874/24,0)+1,1))-1)+IF('Standard Profiles'!$G$21=$B$10,7,0)+IF('Standard Profiles'!$G$21=$B$17,14,0)+IF('Standard Profiles'!$G$21=$B$24,21,0),MOD($C3874,24)+1)/SUM(INDEX($D$3:$AA$30,INDEX(Jesper!$R$2:$R$366,ROW(INDEX(Jesper!AK$2:AK$366,ROUNDDOWN($C3874/24,0)+1,1))-1)+IF('Standard Profiles'!$G$21=$B$10,7,0)+IF('Standard Profiles'!$G$21=$B$17,14,0)+IF('Standard Profiles'!$G$21=$B$24,21,0),0)),0)</f>
        <v>0.72481295810105928</v>
      </c>
      <c r="H3874" cm="1">
        <f t="array" ref="H3874">IFERROR(INDEX(Jesper!AL$2:AL$366,ROUNDDOWN($C3874/24,0)+1,1)*INDEX($D$3:$AA$30,INDEX(Jesper!$R$2:$R$366,ROW(INDEX(Jesper!AL$2:AL$366,ROUNDDOWN($C3874/24,0)+1,1))-1)+IF('Standard Profiles'!$G$22=$B$10,7,0)+IF('Standard Profiles'!$G$22=$B$17,14,0)+IF('Standard Profiles'!$G$22=$B$24,21,0),MOD($C3874,24)+1)/SUM(INDEX($D$3:$AA$30,INDEX(Jesper!$R$2:$R$366,ROW(INDEX(Jesper!AL$2:AL$366,ROUNDDOWN($C3874/24,0)+1,1))-1)+IF('Standard Profiles'!$G$22=$B$10,7,0)+IF('Standard Profiles'!$G$22=$B$17,14,0)+IF('Standard Profiles'!$G$22=$B$24,21,0),0)),0)</f>
        <v>0.13205475565661676</v>
      </c>
      <c r="I3874">
        <f t="shared" si="433"/>
        <v>0.12677256543035215</v>
      </c>
      <c r="J3874">
        <f t="shared" si="434"/>
        <v>4.7473611661779795</v>
      </c>
      <c r="K3874">
        <f t="shared" si="435"/>
        <v>0.2423667146947828</v>
      </c>
      <c r="L3874">
        <f t="shared" si="436"/>
        <v>0.1211833573473914</v>
      </c>
      <c r="M3874">
        <f t="shared" si="437"/>
        <v>0</v>
      </c>
      <c r="N3874" s="45">
        <f t="shared" si="438"/>
        <v>45086.999999990687</v>
      </c>
    </row>
    <row r="3875" spans="2:14" x14ac:dyDescent="0.25">
      <c r="B3875">
        <f t="shared" ref="B3875:B3938" si="439">WEEKDAY(N3875,2)</f>
        <v>6</v>
      </c>
      <c r="C3875" s="16">
        <v>3841</v>
      </c>
      <c r="D3875" cm="1">
        <f t="array" ref="D3875">IFERROR(INDEX(Jesper!AH$2:AH$366,ROUNDDOWN($C3875/24,0)+1,1)*INDEX($D$3:$AA$30,INDEX(Jesper!$R$2:$R$366,ROW(INDEX(Jesper!AH$2:AH$366,ROUNDDOWN($C3875/24,0)+1,1))-1)+IF('Standard Profiles'!$G$18=$B$10,7,0)+IF('Standard Profiles'!$G$18=$B$17,14,0)+IF('Standard Profiles'!$G$18=$B$24,21,0),MOD($C3875,24)+1)/SUM(INDEX($D$3:$AA$30,INDEX(Jesper!$R$2:$R$366,ROW(INDEX(Jesper!AH$2:AH$366,ROUNDDOWN($C3875/24,0)+1,1))-1)+IF('Standard Profiles'!$G$18=$B$10,7,0)+IF('Standard Profiles'!$G$18=$B$17,14,0)+IF('Standard Profiles'!$G$18=$B$24,21,0),0)),0)</f>
        <v>0</v>
      </c>
      <c r="E3875" cm="1">
        <f t="array" ref="E3875">IFERROR(INDEX(Jesper!AI$2:AI$366,ROUNDDOWN($C3875/24,0)+1,1)*INDEX($D$3:$AA$30,INDEX(Jesper!$R$2:$R$366,ROW(INDEX(Jesper!AI$2:AI$366,ROUNDDOWN($C3875/24,0)+1,1))-1)+IF('Standard Profiles'!$G$19=$B$10,7,0)+IF('Standard Profiles'!$G$19=$B$17,14,0)+IF('Standard Profiles'!$G$19=$B$24,21,0),MOD($C3875,24)+1)/SUM(INDEX($D$3:$AA$30,INDEX(Jesper!$R$2:$R$366,ROW(INDEX(Jesper!AI$2:AI$366,ROUNDDOWN($C3875/24,0)+1,1))-1)+IF('Standard Profiles'!$G$19=$B$10,7,0)+IF('Standard Profiles'!$G$19=$B$17,14,0)+IF('Standard Profiles'!$G$19=$B$24,21,0),0)),0)</f>
        <v>2.7266255403163062</v>
      </c>
      <c r="F3875" cm="1">
        <f t="array" ref="F3875">IFERROR(INDEX(Jesper!AJ$2:AJ$366,ROUNDDOWN($C3875/24,0)+1,1)*INDEX($D$3:$AA$30,INDEX(Jesper!$R$2:$R$366,ROW(INDEX(Jesper!AJ$2:AJ$366,ROUNDDOWN($C3875/24,0)+1,1))-1)+IF('Standard Profiles'!$G$20=$B$10,7,0)+IF('Standard Profiles'!$G$20=$B$17,14,0)+IF('Standard Profiles'!$G$20=$B$24,21,0),MOD($C3875,24)+1)/SUM(INDEX($D$3:$AA$30,INDEX(Jesper!$R$2:$R$366,ROW(INDEX(Jesper!AJ$2:AJ$366,ROUNDDOWN($C3875/24,0)+1,1))-1)+IF('Standard Profiles'!$G$20=$B$10,7,0)+IF('Standard Profiles'!$G$20=$B$17,14,0)+IF('Standard Profiles'!$G$20=$B$24,21,0),0)),0)</f>
        <v>1.2161089405872409</v>
      </c>
      <c r="G3875" cm="1">
        <f t="array" ref="G3875">IFERROR(INDEX(Jesper!AK$2:AK$366,ROUNDDOWN($C3875/24,0)+1,1)*INDEX($D$3:$AA$30,INDEX(Jesper!$R$2:$R$366,ROW(INDEX(Jesper!AK$2:AK$366,ROUNDDOWN($C3875/24,0)+1,1))-1)+IF('Standard Profiles'!$G$21=$B$10,7,0)+IF('Standard Profiles'!$G$21=$B$17,14,0)+IF('Standard Profiles'!$G$21=$B$24,21,0),MOD($C3875,24)+1)/SUM(INDEX($D$3:$AA$30,INDEX(Jesper!$R$2:$R$366,ROW(INDEX(Jesper!AK$2:AK$366,ROUNDDOWN($C3875/24,0)+1,1))-1)+IF('Standard Profiles'!$G$21=$B$10,7,0)+IF('Standard Profiles'!$G$21=$B$17,14,0)+IF('Standard Profiles'!$G$21=$B$24,21,0),0)),0)</f>
        <v>0.72481295810105928</v>
      </c>
      <c r="H3875" cm="1">
        <f t="array" ref="H3875">IFERROR(INDEX(Jesper!AL$2:AL$366,ROUNDDOWN($C3875/24,0)+1,1)*INDEX($D$3:$AA$30,INDEX(Jesper!$R$2:$R$366,ROW(INDEX(Jesper!AL$2:AL$366,ROUNDDOWN($C3875/24,0)+1,1))-1)+IF('Standard Profiles'!$G$22=$B$10,7,0)+IF('Standard Profiles'!$G$22=$B$17,14,0)+IF('Standard Profiles'!$G$22=$B$24,21,0),MOD($C3875,24)+1)/SUM(INDEX($D$3:$AA$30,INDEX(Jesper!$R$2:$R$366,ROW(INDEX(Jesper!AL$2:AL$366,ROUNDDOWN($C3875/24,0)+1,1))-1)+IF('Standard Profiles'!$G$22=$B$10,7,0)+IF('Standard Profiles'!$G$22=$B$17,14,0)+IF('Standard Profiles'!$G$22=$B$24,21,0),0)),0)</f>
        <v>0.25782118961529937</v>
      </c>
      <c r="I3875">
        <f t="shared" ref="I3875:I3938" si="440">IF($B3875&lt;6,AC$37*$D3875+AC$38*$E3875+AC$39*$F3875+AC$40*$G3875,AC$46*$D3875+AC$47*$E3875+AC$48*$F3875+AC$49*$G3875+AC$50*$H3875)</f>
        <v>0.24750834203068753</v>
      </c>
      <c r="J3875">
        <f t="shared" ref="J3875:J3938" si="441">IF($B3875&lt;6,AD$37*$D3875+AD$38*$E3875+AD$39*$F3875+AD$40*$G3875,AD$46*$D3875+AD$47*$E3875+AD$48*$F3875+AD$49*$G3875+AD$50*$H3875)</f>
        <v>4.3506652217512611</v>
      </c>
      <c r="K3875">
        <f t="shared" ref="K3875:K3938" si="442">IF($B3875&lt;6,AE$37*$D3875+AE$38*$E3875+AE$39*$F3875+AE$40*$G3875,AE$46*$D3875+AE$47*$E3875+AE$48*$F3875+AE$49*$G3875+AE$50*$H3875)</f>
        <v>0.21813004322530449</v>
      </c>
      <c r="L3875">
        <f t="shared" ref="L3875:L3938" si="443">IF($B3875&lt;6,AF$37*$D3875+AF$38*$E3875+AF$39*$F3875+AF$40*$G3875,AF$46*$D3875+AF$47*$E3875+AF$48*$F3875+AF$49*$G3875+AF$50*$H3875)</f>
        <v>0.10906502161265225</v>
      </c>
      <c r="M3875">
        <f t="shared" ref="M3875:M3938" si="444">IF($B3875&lt;6,AG$37*$D3875+AG$38*$E3875+AG$39*$F3875+AG$40*$G3875,AG$46*$D3875+AG$47*$E3875+AG$48*$F3875+AG$49*$G3875+AG$50*$H3875)</f>
        <v>0</v>
      </c>
      <c r="N3875" s="45">
        <f t="shared" si="438"/>
        <v>45087.041666657351</v>
      </c>
    </row>
    <row r="3876" spans="2:14" x14ac:dyDescent="0.25">
      <c r="B3876">
        <f t="shared" si="439"/>
        <v>6</v>
      </c>
      <c r="C3876" s="16">
        <v>3842</v>
      </c>
      <c r="D3876" cm="1">
        <f t="array" ref="D3876">IFERROR(INDEX(Jesper!AH$2:AH$366,ROUNDDOWN($C3876/24,0)+1,1)*INDEX($D$3:$AA$30,INDEX(Jesper!$R$2:$R$366,ROW(INDEX(Jesper!AH$2:AH$366,ROUNDDOWN($C3876/24,0)+1,1))-1)+IF('Standard Profiles'!$G$18=$B$10,7,0)+IF('Standard Profiles'!$G$18=$B$17,14,0)+IF('Standard Profiles'!$G$18=$B$24,21,0),MOD($C3876,24)+1)/SUM(INDEX($D$3:$AA$30,INDEX(Jesper!$R$2:$R$366,ROW(INDEX(Jesper!AH$2:AH$366,ROUNDDOWN($C3876/24,0)+1,1))-1)+IF('Standard Profiles'!$G$18=$B$10,7,0)+IF('Standard Profiles'!$G$18=$B$17,14,0)+IF('Standard Profiles'!$G$18=$B$24,21,0),0)),0)</f>
        <v>0</v>
      </c>
      <c r="E3876" cm="1">
        <f t="array" ref="E3876">IFERROR(INDEX(Jesper!AI$2:AI$366,ROUNDDOWN($C3876/24,0)+1,1)*INDEX($D$3:$AA$30,INDEX(Jesper!$R$2:$R$366,ROW(INDEX(Jesper!AI$2:AI$366,ROUNDDOWN($C3876/24,0)+1,1))-1)+IF('Standard Profiles'!$G$19=$B$10,7,0)+IF('Standard Profiles'!$G$19=$B$17,14,0)+IF('Standard Profiles'!$G$19=$B$24,21,0),MOD($C3876,24)+1)/SUM(INDEX($D$3:$AA$30,INDEX(Jesper!$R$2:$R$366,ROW(INDEX(Jesper!AI$2:AI$366,ROUNDDOWN($C3876/24,0)+1,1))-1)+IF('Standard Profiles'!$G$19=$B$10,7,0)+IF('Standard Profiles'!$G$19=$B$17,14,0)+IF('Standard Profiles'!$G$19=$B$24,21,0),0)),0)</f>
        <v>2.7266255403163062</v>
      </c>
      <c r="F3876" cm="1">
        <f t="array" ref="F3876">IFERROR(INDEX(Jesper!AJ$2:AJ$366,ROUNDDOWN($C3876/24,0)+1,1)*INDEX($D$3:$AA$30,INDEX(Jesper!$R$2:$R$366,ROW(INDEX(Jesper!AJ$2:AJ$366,ROUNDDOWN($C3876/24,0)+1,1))-1)+IF('Standard Profiles'!$G$20=$B$10,7,0)+IF('Standard Profiles'!$G$20=$B$17,14,0)+IF('Standard Profiles'!$G$20=$B$24,21,0),MOD($C3876,24)+1)/SUM(INDEX($D$3:$AA$30,INDEX(Jesper!$R$2:$R$366,ROW(INDEX(Jesper!AJ$2:AJ$366,ROUNDDOWN($C3876/24,0)+1,1))-1)+IF('Standard Profiles'!$G$20=$B$10,7,0)+IF('Standard Profiles'!$G$20=$B$17,14,0)+IF('Standard Profiles'!$G$20=$B$24,21,0),0)),0)</f>
        <v>1.2161089405872409</v>
      </c>
      <c r="G3876" cm="1">
        <f t="array" ref="G3876">IFERROR(INDEX(Jesper!AK$2:AK$366,ROUNDDOWN($C3876/24,0)+1,1)*INDEX($D$3:$AA$30,INDEX(Jesper!$R$2:$R$366,ROW(INDEX(Jesper!AK$2:AK$366,ROUNDDOWN($C3876/24,0)+1,1))-1)+IF('Standard Profiles'!$G$21=$B$10,7,0)+IF('Standard Profiles'!$G$21=$B$17,14,0)+IF('Standard Profiles'!$G$21=$B$24,21,0),MOD($C3876,24)+1)/SUM(INDEX($D$3:$AA$30,INDEX(Jesper!$R$2:$R$366,ROW(INDEX(Jesper!AK$2:AK$366,ROUNDDOWN($C3876/24,0)+1,1))-1)+IF('Standard Profiles'!$G$21=$B$10,7,0)+IF('Standard Profiles'!$G$21=$B$17,14,0)+IF('Standard Profiles'!$G$21=$B$24,21,0),0)),0)</f>
        <v>0.72481295810105928</v>
      </c>
      <c r="H3876" cm="1">
        <f t="array" ref="H3876">IFERROR(INDEX(Jesper!AL$2:AL$366,ROUNDDOWN($C3876/24,0)+1,1)*INDEX($D$3:$AA$30,INDEX(Jesper!$R$2:$R$366,ROW(INDEX(Jesper!AL$2:AL$366,ROUNDDOWN($C3876/24,0)+1,1))-1)+IF('Standard Profiles'!$G$22=$B$10,7,0)+IF('Standard Profiles'!$G$22=$B$17,14,0)+IF('Standard Profiles'!$G$22=$B$24,21,0),MOD($C3876,24)+1)/SUM(INDEX($D$3:$AA$30,INDEX(Jesper!$R$2:$R$366,ROW(INDEX(Jesper!AL$2:AL$366,ROUNDDOWN($C3876/24,0)+1,1))-1)+IF('Standard Profiles'!$G$22=$B$10,7,0)+IF('Standard Profiles'!$G$22=$B$17,14,0)+IF('Standard Profiles'!$G$22=$B$24,21,0),0)),0)</f>
        <v>0.25782118961529937</v>
      </c>
      <c r="I3876">
        <f t="shared" si="440"/>
        <v>0.24750834203068753</v>
      </c>
      <c r="J3876">
        <f t="shared" si="441"/>
        <v>4.3506652217512611</v>
      </c>
      <c r="K3876">
        <f t="shared" si="442"/>
        <v>0.21813004322530449</v>
      </c>
      <c r="L3876">
        <f t="shared" si="443"/>
        <v>0.10906502161265225</v>
      </c>
      <c r="M3876">
        <f t="shared" si="444"/>
        <v>0</v>
      </c>
      <c r="N3876" s="45">
        <f t="shared" ref="N3876:N3939" si="445">N3875+1/24</f>
        <v>45087.083333324015</v>
      </c>
    </row>
    <row r="3877" spans="2:14" x14ac:dyDescent="0.25">
      <c r="B3877">
        <f t="shared" si="439"/>
        <v>6</v>
      </c>
      <c r="C3877" s="16">
        <v>3843</v>
      </c>
      <c r="D3877" cm="1">
        <f t="array" ref="D3877">IFERROR(INDEX(Jesper!AH$2:AH$366,ROUNDDOWN($C3877/24,0)+1,1)*INDEX($D$3:$AA$30,INDEX(Jesper!$R$2:$R$366,ROW(INDEX(Jesper!AH$2:AH$366,ROUNDDOWN($C3877/24,0)+1,1))-1)+IF('Standard Profiles'!$G$18=$B$10,7,0)+IF('Standard Profiles'!$G$18=$B$17,14,0)+IF('Standard Profiles'!$G$18=$B$24,21,0),MOD($C3877,24)+1)/SUM(INDEX($D$3:$AA$30,INDEX(Jesper!$R$2:$R$366,ROW(INDEX(Jesper!AH$2:AH$366,ROUNDDOWN($C3877/24,0)+1,1))-1)+IF('Standard Profiles'!$G$18=$B$10,7,0)+IF('Standard Profiles'!$G$18=$B$17,14,0)+IF('Standard Profiles'!$G$18=$B$24,21,0),0)),0)</f>
        <v>0</v>
      </c>
      <c r="E3877" cm="1">
        <f t="array" ref="E3877">IFERROR(INDEX(Jesper!AI$2:AI$366,ROUNDDOWN($C3877/24,0)+1,1)*INDEX($D$3:$AA$30,INDEX(Jesper!$R$2:$R$366,ROW(INDEX(Jesper!AI$2:AI$366,ROUNDDOWN($C3877/24,0)+1,1))-1)+IF('Standard Profiles'!$G$19=$B$10,7,0)+IF('Standard Profiles'!$G$19=$B$17,14,0)+IF('Standard Profiles'!$G$19=$B$24,21,0),MOD($C3877,24)+1)/SUM(INDEX($D$3:$AA$30,INDEX(Jesper!$R$2:$R$366,ROW(INDEX(Jesper!AI$2:AI$366,ROUNDDOWN($C3877/24,0)+1,1))-1)+IF('Standard Profiles'!$G$19=$B$10,7,0)+IF('Standard Profiles'!$G$19=$B$17,14,0)+IF('Standard Profiles'!$G$19=$B$24,21,0),0)),0)</f>
        <v>2.7266255403163062</v>
      </c>
      <c r="F3877" cm="1">
        <f t="array" ref="F3877">IFERROR(INDEX(Jesper!AJ$2:AJ$366,ROUNDDOWN($C3877/24,0)+1,1)*INDEX($D$3:$AA$30,INDEX(Jesper!$R$2:$R$366,ROW(INDEX(Jesper!AJ$2:AJ$366,ROUNDDOWN($C3877/24,0)+1,1))-1)+IF('Standard Profiles'!$G$20=$B$10,7,0)+IF('Standard Profiles'!$G$20=$B$17,14,0)+IF('Standard Profiles'!$G$20=$B$24,21,0),MOD($C3877,24)+1)/SUM(INDEX($D$3:$AA$30,INDEX(Jesper!$R$2:$R$366,ROW(INDEX(Jesper!AJ$2:AJ$366,ROUNDDOWN($C3877/24,0)+1,1))-1)+IF('Standard Profiles'!$G$20=$B$10,7,0)+IF('Standard Profiles'!$G$20=$B$17,14,0)+IF('Standard Profiles'!$G$20=$B$24,21,0),0)),0)</f>
        <v>1.2161089405872409</v>
      </c>
      <c r="G3877" cm="1">
        <f t="array" ref="G3877">IFERROR(INDEX(Jesper!AK$2:AK$366,ROUNDDOWN($C3877/24,0)+1,1)*INDEX($D$3:$AA$30,INDEX(Jesper!$R$2:$R$366,ROW(INDEX(Jesper!AK$2:AK$366,ROUNDDOWN($C3877/24,0)+1,1))-1)+IF('Standard Profiles'!$G$21=$B$10,7,0)+IF('Standard Profiles'!$G$21=$B$17,14,0)+IF('Standard Profiles'!$G$21=$B$24,21,0),MOD($C3877,24)+1)/SUM(INDEX($D$3:$AA$30,INDEX(Jesper!$R$2:$R$366,ROW(INDEX(Jesper!AK$2:AK$366,ROUNDDOWN($C3877/24,0)+1,1))-1)+IF('Standard Profiles'!$G$21=$B$10,7,0)+IF('Standard Profiles'!$G$21=$B$17,14,0)+IF('Standard Profiles'!$G$21=$B$24,21,0),0)),0)</f>
        <v>0.72481295810105928</v>
      </c>
      <c r="H3877" cm="1">
        <f t="array" ref="H3877">IFERROR(INDEX(Jesper!AL$2:AL$366,ROUNDDOWN($C3877/24,0)+1,1)*INDEX($D$3:$AA$30,INDEX(Jesper!$R$2:$R$366,ROW(INDEX(Jesper!AL$2:AL$366,ROUNDDOWN($C3877/24,0)+1,1))-1)+IF('Standard Profiles'!$G$22=$B$10,7,0)+IF('Standard Profiles'!$G$22=$B$17,14,0)+IF('Standard Profiles'!$G$22=$B$24,21,0),MOD($C3877,24)+1)/SUM(INDEX($D$3:$AA$30,INDEX(Jesper!$R$2:$R$366,ROW(INDEX(Jesper!AL$2:AL$366,ROUNDDOWN($C3877/24,0)+1,1))-1)+IF('Standard Profiles'!$G$22=$B$10,7,0)+IF('Standard Profiles'!$G$22=$B$17,14,0)+IF('Standard Profiles'!$G$22=$B$24,21,0),0)),0)</f>
        <v>0.25782118961529937</v>
      </c>
      <c r="I3877">
        <f t="shared" si="440"/>
        <v>0.24750834203068753</v>
      </c>
      <c r="J3877">
        <f t="shared" si="441"/>
        <v>4.3506652217512611</v>
      </c>
      <c r="K3877">
        <f t="shared" si="442"/>
        <v>0.21813004322530449</v>
      </c>
      <c r="L3877">
        <f t="shared" si="443"/>
        <v>0.10906502161265225</v>
      </c>
      <c r="M3877">
        <f t="shared" si="444"/>
        <v>0</v>
      </c>
      <c r="N3877" s="45">
        <f t="shared" si="445"/>
        <v>45087.124999990679</v>
      </c>
    </row>
    <row r="3878" spans="2:14" x14ac:dyDescent="0.25">
      <c r="B3878">
        <f t="shared" si="439"/>
        <v>6</v>
      </c>
      <c r="C3878" s="16">
        <v>3844</v>
      </c>
      <c r="D3878" cm="1">
        <f t="array" ref="D3878">IFERROR(INDEX(Jesper!AH$2:AH$366,ROUNDDOWN($C3878/24,0)+1,1)*INDEX($D$3:$AA$30,INDEX(Jesper!$R$2:$R$366,ROW(INDEX(Jesper!AH$2:AH$366,ROUNDDOWN($C3878/24,0)+1,1))-1)+IF('Standard Profiles'!$G$18=$B$10,7,0)+IF('Standard Profiles'!$G$18=$B$17,14,0)+IF('Standard Profiles'!$G$18=$B$24,21,0),MOD($C3878,24)+1)/SUM(INDEX($D$3:$AA$30,INDEX(Jesper!$R$2:$R$366,ROW(INDEX(Jesper!AH$2:AH$366,ROUNDDOWN($C3878/24,0)+1,1))-1)+IF('Standard Profiles'!$G$18=$B$10,7,0)+IF('Standard Profiles'!$G$18=$B$17,14,0)+IF('Standard Profiles'!$G$18=$B$24,21,0),0)),0)</f>
        <v>0</v>
      </c>
      <c r="E3878" cm="1">
        <f t="array" ref="E3878">IFERROR(INDEX(Jesper!AI$2:AI$366,ROUNDDOWN($C3878/24,0)+1,1)*INDEX($D$3:$AA$30,INDEX(Jesper!$R$2:$R$366,ROW(INDEX(Jesper!AI$2:AI$366,ROUNDDOWN($C3878/24,0)+1,1))-1)+IF('Standard Profiles'!$G$19=$B$10,7,0)+IF('Standard Profiles'!$G$19=$B$17,14,0)+IF('Standard Profiles'!$G$19=$B$24,21,0),MOD($C3878,24)+1)/SUM(INDEX($D$3:$AA$30,INDEX(Jesper!$R$2:$R$366,ROW(INDEX(Jesper!AI$2:AI$366,ROUNDDOWN($C3878/24,0)+1,1))-1)+IF('Standard Profiles'!$G$19=$B$10,7,0)+IF('Standard Profiles'!$G$19=$B$17,14,0)+IF('Standard Profiles'!$G$19=$B$24,21,0),0)),0)</f>
        <v>2.7266255403163062</v>
      </c>
      <c r="F3878" cm="1">
        <f t="array" ref="F3878">IFERROR(INDEX(Jesper!AJ$2:AJ$366,ROUNDDOWN($C3878/24,0)+1,1)*INDEX($D$3:$AA$30,INDEX(Jesper!$R$2:$R$366,ROW(INDEX(Jesper!AJ$2:AJ$366,ROUNDDOWN($C3878/24,0)+1,1))-1)+IF('Standard Profiles'!$G$20=$B$10,7,0)+IF('Standard Profiles'!$G$20=$B$17,14,0)+IF('Standard Profiles'!$G$20=$B$24,21,0),MOD($C3878,24)+1)/SUM(INDEX($D$3:$AA$30,INDEX(Jesper!$R$2:$R$366,ROW(INDEX(Jesper!AJ$2:AJ$366,ROUNDDOWN($C3878/24,0)+1,1))-1)+IF('Standard Profiles'!$G$20=$B$10,7,0)+IF('Standard Profiles'!$G$20=$B$17,14,0)+IF('Standard Profiles'!$G$20=$B$24,21,0),0)),0)</f>
        <v>1.2161089405872409</v>
      </c>
      <c r="G3878" cm="1">
        <f t="array" ref="G3878">IFERROR(INDEX(Jesper!AK$2:AK$366,ROUNDDOWN($C3878/24,0)+1,1)*INDEX($D$3:$AA$30,INDEX(Jesper!$R$2:$R$366,ROW(INDEX(Jesper!AK$2:AK$366,ROUNDDOWN($C3878/24,0)+1,1))-1)+IF('Standard Profiles'!$G$21=$B$10,7,0)+IF('Standard Profiles'!$G$21=$B$17,14,0)+IF('Standard Profiles'!$G$21=$B$24,21,0),MOD($C3878,24)+1)/SUM(INDEX($D$3:$AA$30,INDEX(Jesper!$R$2:$R$366,ROW(INDEX(Jesper!AK$2:AK$366,ROUNDDOWN($C3878/24,0)+1,1))-1)+IF('Standard Profiles'!$G$21=$B$10,7,0)+IF('Standard Profiles'!$G$21=$B$17,14,0)+IF('Standard Profiles'!$G$21=$B$24,21,0),0)),0)</f>
        <v>0.72481295810105928</v>
      </c>
      <c r="H3878" cm="1">
        <f t="array" ref="H3878">IFERROR(INDEX(Jesper!AL$2:AL$366,ROUNDDOWN($C3878/24,0)+1,1)*INDEX($D$3:$AA$30,INDEX(Jesper!$R$2:$R$366,ROW(INDEX(Jesper!AL$2:AL$366,ROUNDDOWN($C3878/24,0)+1,1))-1)+IF('Standard Profiles'!$G$22=$B$10,7,0)+IF('Standard Profiles'!$G$22=$B$17,14,0)+IF('Standard Profiles'!$G$22=$B$24,21,0),MOD($C3878,24)+1)/SUM(INDEX($D$3:$AA$30,INDEX(Jesper!$R$2:$R$366,ROW(INDEX(Jesper!AL$2:AL$366,ROUNDDOWN($C3878/24,0)+1,1))-1)+IF('Standard Profiles'!$G$22=$B$10,7,0)+IF('Standard Profiles'!$G$22=$B$17,14,0)+IF('Standard Profiles'!$G$22=$B$24,21,0),0)),0)</f>
        <v>0.25782118961529937</v>
      </c>
      <c r="I3878">
        <f t="shared" si="440"/>
        <v>0.24750834203068753</v>
      </c>
      <c r="J3878">
        <f t="shared" si="441"/>
        <v>4.3506652217512611</v>
      </c>
      <c r="K3878">
        <f t="shared" si="442"/>
        <v>0.21813004322530449</v>
      </c>
      <c r="L3878">
        <f t="shared" si="443"/>
        <v>0.10906502161265225</v>
      </c>
      <c r="M3878">
        <f t="shared" si="444"/>
        <v>0</v>
      </c>
      <c r="N3878" s="45">
        <f t="shared" si="445"/>
        <v>45087.166666657344</v>
      </c>
    </row>
    <row r="3879" spans="2:14" x14ac:dyDescent="0.25">
      <c r="B3879">
        <f t="shared" si="439"/>
        <v>6</v>
      </c>
      <c r="C3879" s="16">
        <v>3845</v>
      </c>
      <c r="D3879" cm="1">
        <f t="array" ref="D3879">IFERROR(INDEX(Jesper!AH$2:AH$366,ROUNDDOWN($C3879/24,0)+1,1)*INDEX($D$3:$AA$30,INDEX(Jesper!$R$2:$R$366,ROW(INDEX(Jesper!AH$2:AH$366,ROUNDDOWN($C3879/24,0)+1,1))-1)+IF('Standard Profiles'!$G$18=$B$10,7,0)+IF('Standard Profiles'!$G$18=$B$17,14,0)+IF('Standard Profiles'!$G$18=$B$24,21,0),MOD($C3879,24)+1)/SUM(INDEX($D$3:$AA$30,INDEX(Jesper!$R$2:$R$366,ROW(INDEX(Jesper!AH$2:AH$366,ROUNDDOWN($C3879/24,0)+1,1))-1)+IF('Standard Profiles'!$G$18=$B$10,7,0)+IF('Standard Profiles'!$G$18=$B$17,14,0)+IF('Standard Profiles'!$G$18=$B$24,21,0),0)),0)</f>
        <v>0</v>
      </c>
      <c r="E3879" cm="1">
        <f t="array" ref="E3879">IFERROR(INDEX(Jesper!AI$2:AI$366,ROUNDDOWN($C3879/24,0)+1,1)*INDEX($D$3:$AA$30,INDEX(Jesper!$R$2:$R$366,ROW(INDEX(Jesper!AI$2:AI$366,ROUNDDOWN($C3879/24,0)+1,1))-1)+IF('Standard Profiles'!$G$19=$B$10,7,0)+IF('Standard Profiles'!$G$19=$B$17,14,0)+IF('Standard Profiles'!$G$19=$B$24,21,0),MOD($C3879,24)+1)/SUM(INDEX($D$3:$AA$30,INDEX(Jesper!$R$2:$R$366,ROW(INDEX(Jesper!AI$2:AI$366,ROUNDDOWN($C3879/24,0)+1,1))-1)+IF('Standard Profiles'!$G$19=$B$10,7,0)+IF('Standard Profiles'!$G$19=$B$17,14,0)+IF('Standard Profiles'!$G$19=$B$24,21,0),0)),0)</f>
        <v>2.7266255403163062</v>
      </c>
      <c r="F3879" cm="1">
        <f t="array" ref="F3879">IFERROR(INDEX(Jesper!AJ$2:AJ$366,ROUNDDOWN($C3879/24,0)+1,1)*INDEX($D$3:$AA$30,INDEX(Jesper!$R$2:$R$366,ROW(INDEX(Jesper!AJ$2:AJ$366,ROUNDDOWN($C3879/24,0)+1,1))-1)+IF('Standard Profiles'!$G$20=$B$10,7,0)+IF('Standard Profiles'!$G$20=$B$17,14,0)+IF('Standard Profiles'!$G$20=$B$24,21,0),MOD($C3879,24)+1)/SUM(INDEX($D$3:$AA$30,INDEX(Jesper!$R$2:$R$366,ROW(INDEX(Jesper!AJ$2:AJ$366,ROUNDDOWN($C3879/24,0)+1,1))-1)+IF('Standard Profiles'!$G$20=$B$10,7,0)+IF('Standard Profiles'!$G$20=$B$17,14,0)+IF('Standard Profiles'!$G$20=$B$24,21,0),0)),0)</f>
        <v>1.2161089405872409</v>
      </c>
      <c r="G3879" cm="1">
        <f t="array" ref="G3879">IFERROR(INDEX(Jesper!AK$2:AK$366,ROUNDDOWN($C3879/24,0)+1,1)*INDEX($D$3:$AA$30,INDEX(Jesper!$R$2:$R$366,ROW(INDEX(Jesper!AK$2:AK$366,ROUNDDOWN($C3879/24,0)+1,1))-1)+IF('Standard Profiles'!$G$21=$B$10,7,0)+IF('Standard Profiles'!$G$21=$B$17,14,0)+IF('Standard Profiles'!$G$21=$B$24,21,0),MOD($C3879,24)+1)/SUM(INDEX($D$3:$AA$30,INDEX(Jesper!$R$2:$R$366,ROW(INDEX(Jesper!AK$2:AK$366,ROUNDDOWN($C3879/24,0)+1,1))-1)+IF('Standard Profiles'!$G$21=$B$10,7,0)+IF('Standard Profiles'!$G$21=$B$17,14,0)+IF('Standard Profiles'!$G$21=$B$24,21,0),0)),0)</f>
        <v>0.72481295810105928</v>
      </c>
      <c r="H3879" cm="1">
        <f t="array" ref="H3879">IFERROR(INDEX(Jesper!AL$2:AL$366,ROUNDDOWN($C3879/24,0)+1,1)*INDEX($D$3:$AA$30,INDEX(Jesper!$R$2:$R$366,ROW(INDEX(Jesper!AL$2:AL$366,ROUNDDOWN($C3879/24,0)+1,1))-1)+IF('Standard Profiles'!$G$22=$B$10,7,0)+IF('Standard Profiles'!$G$22=$B$17,14,0)+IF('Standard Profiles'!$G$22=$B$24,21,0),MOD($C3879,24)+1)/SUM(INDEX($D$3:$AA$30,INDEX(Jesper!$R$2:$R$366,ROW(INDEX(Jesper!AL$2:AL$366,ROUNDDOWN($C3879/24,0)+1,1))-1)+IF('Standard Profiles'!$G$22=$B$10,7,0)+IF('Standard Profiles'!$G$22=$B$17,14,0)+IF('Standard Profiles'!$G$22=$B$24,21,0),0)),0)</f>
        <v>0.32070440659464072</v>
      </c>
      <c r="I3879">
        <f t="shared" si="440"/>
        <v>0.30787623033085526</v>
      </c>
      <c r="J3879">
        <f t="shared" si="441"/>
        <v>4.3531805504304346</v>
      </c>
      <c r="K3879">
        <f t="shared" si="442"/>
        <v>0.21813004322530449</v>
      </c>
      <c r="L3879">
        <f t="shared" si="443"/>
        <v>0.10906502161265225</v>
      </c>
      <c r="M3879">
        <f t="shared" si="444"/>
        <v>0</v>
      </c>
      <c r="N3879" s="45">
        <f t="shared" si="445"/>
        <v>45087.208333324008</v>
      </c>
    </row>
    <row r="3880" spans="2:14" x14ac:dyDescent="0.25">
      <c r="B3880">
        <f t="shared" si="439"/>
        <v>6</v>
      </c>
      <c r="C3880" s="16">
        <v>3846</v>
      </c>
      <c r="D3880" cm="1">
        <f t="array" ref="D3880">IFERROR(INDEX(Jesper!AH$2:AH$366,ROUNDDOWN($C3880/24,0)+1,1)*INDEX($D$3:$AA$30,INDEX(Jesper!$R$2:$R$366,ROW(INDEX(Jesper!AH$2:AH$366,ROUNDDOWN($C3880/24,0)+1,1))-1)+IF('Standard Profiles'!$G$18=$B$10,7,0)+IF('Standard Profiles'!$G$18=$B$17,14,0)+IF('Standard Profiles'!$G$18=$B$24,21,0),MOD($C3880,24)+1)/SUM(INDEX($D$3:$AA$30,INDEX(Jesper!$R$2:$R$366,ROW(INDEX(Jesper!AH$2:AH$366,ROUNDDOWN($C3880/24,0)+1,1))-1)+IF('Standard Profiles'!$G$18=$B$10,7,0)+IF('Standard Profiles'!$G$18=$B$17,14,0)+IF('Standard Profiles'!$G$18=$B$24,21,0),0)),0)</f>
        <v>0</v>
      </c>
      <c r="E3880" cm="1">
        <f t="array" ref="E3880">IFERROR(INDEX(Jesper!AI$2:AI$366,ROUNDDOWN($C3880/24,0)+1,1)*INDEX($D$3:$AA$30,INDEX(Jesper!$R$2:$R$366,ROW(INDEX(Jesper!AI$2:AI$366,ROUNDDOWN($C3880/24,0)+1,1))-1)+IF('Standard Profiles'!$G$19=$B$10,7,0)+IF('Standard Profiles'!$G$19=$B$17,14,0)+IF('Standard Profiles'!$G$19=$B$24,21,0),MOD($C3880,24)+1)/SUM(INDEX($D$3:$AA$30,INDEX(Jesper!$R$2:$R$366,ROW(INDEX(Jesper!AI$2:AI$366,ROUNDDOWN($C3880/24,0)+1,1))-1)+IF('Standard Profiles'!$G$19=$B$10,7,0)+IF('Standard Profiles'!$G$19=$B$17,14,0)+IF('Standard Profiles'!$G$19=$B$24,21,0),0)),0)</f>
        <v>2.7266255403163062</v>
      </c>
      <c r="F3880" cm="1">
        <f t="array" ref="F3880">IFERROR(INDEX(Jesper!AJ$2:AJ$366,ROUNDDOWN($C3880/24,0)+1,1)*INDEX($D$3:$AA$30,INDEX(Jesper!$R$2:$R$366,ROW(INDEX(Jesper!AJ$2:AJ$366,ROUNDDOWN($C3880/24,0)+1,1))-1)+IF('Standard Profiles'!$G$20=$B$10,7,0)+IF('Standard Profiles'!$G$20=$B$17,14,0)+IF('Standard Profiles'!$G$20=$B$24,21,0),MOD($C3880,24)+1)/SUM(INDEX($D$3:$AA$30,INDEX(Jesper!$R$2:$R$366,ROW(INDEX(Jesper!AJ$2:AJ$366,ROUNDDOWN($C3880/24,0)+1,1))-1)+IF('Standard Profiles'!$G$20=$B$10,7,0)+IF('Standard Profiles'!$G$20=$B$17,14,0)+IF('Standard Profiles'!$G$20=$B$24,21,0),0)),0)</f>
        <v>1.2161089405872409</v>
      </c>
      <c r="G3880" cm="1">
        <f t="array" ref="G3880">IFERROR(INDEX(Jesper!AK$2:AK$366,ROUNDDOWN($C3880/24,0)+1,1)*INDEX($D$3:$AA$30,INDEX(Jesper!$R$2:$R$366,ROW(INDEX(Jesper!AK$2:AK$366,ROUNDDOWN($C3880/24,0)+1,1))-1)+IF('Standard Profiles'!$G$21=$B$10,7,0)+IF('Standard Profiles'!$G$21=$B$17,14,0)+IF('Standard Profiles'!$G$21=$B$24,21,0),MOD($C3880,24)+1)/SUM(INDEX($D$3:$AA$30,INDEX(Jesper!$R$2:$R$366,ROW(INDEX(Jesper!AK$2:AK$366,ROUNDDOWN($C3880/24,0)+1,1))-1)+IF('Standard Profiles'!$G$21=$B$10,7,0)+IF('Standard Profiles'!$G$21=$B$17,14,0)+IF('Standard Profiles'!$G$21=$B$24,21,0),0)),0)</f>
        <v>0.72481295810105928</v>
      </c>
      <c r="H3880" cm="1">
        <f t="array" ref="H3880">IFERROR(INDEX(Jesper!AL$2:AL$366,ROUNDDOWN($C3880/24,0)+1,1)*INDEX($D$3:$AA$30,INDEX(Jesper!$R$2:$R$366,ROW(INDEX(Jesper!AL$2:AL$366,ROUNDDOWN($C3880/24,0)+1,1))-1)+IF('Standard Profiles'!$G$22=$B$10,7,0)+IF('Standard Profiles'!$G$22=$B$17,14,0)+IF('Standard Profiles'!$G$22=$B$24,21,0),MOD($C3880,24)+1)/SUM(INDEX($D$3:$AA$30,INDEX(Jesper!$R$2:$R$366,ROW(INDEX(Jesper!AL$2:AL$366,ROUNDDOWN($C3880/24,0)+1,1))-1)+IF('Standard Profiles'!$G$22=$B$10,7,0)+IF('Standard Profiles'!$G$22=$B$17,14,0)+IF('Standard Profiles'!$G$22=$B$24,21,0),0)),0)</f>
        <v>0.40245258866778444</v>
      </c>
      <c r="I3880">
        <f t="shared" si="440"/>
        <v>0.38635448512107329</v>
      </c>
      <c r="J3880">
        <f t="shared" si="441"/>
        <v>4.3564504777133601</v>
      </c>
      <c r="K3880">
        <f t="shared" si="442"/>
        <v>0.21813004322530449</v>
      </c>
      <c r="L3880">
        <f t="shared" si="443"/>
        <v>0.10906502161265225</v>
      </c>
      <c r="M3880">
        <f t="shared" si="444"/>
        <v>0</v>
      </c>
      <c r="N3880" s="45">
        <f t="shared" si="445"/>
        <v>45087.249999990672</v>
      </c>
    </row>
    <row r="3881" spans="2:14" x14ac:dyDescent="0.25">
      <c r="B3881">
        <f t="shared" si="439"/>
        <v>6</v>
      </c>
      <c r="C3881" s="16">
        <v>3847</v>
      </c>
      <c r="D3881" cm="1">
        <f t="array" ref="D3881">IFERROR(INDEX(Jesper!AH$2:AH$366,ROUNDDOWN($C3881/24,0)+1,1)*INDEX($D$3:$AA$30,INDEX(Jesper!$R$2:$R$366,ROW(INDEX(Jesper!AH$2:AH$366,ROUNDDOWN($C3881/24,0)+1,1))-1)+IF('Standard Profiles'!$G$18=$B$10,7,0)+IF('Standard Profiles'!$G$18=$B$17,14,0)+IF('Standard Profiles'!$G$18=$B$24,21,0),MOD($C3881,24)+1)/SUM(INDEX($D$3:$AA$30,INDEX(Jesper!$R$2:$R$366,ROW(INDEX(Jesper!AH$2:AH$366,ROUNDDOWN($C3881/24,0)+1,1))-1)+IF('Standard Profiles'!$G$18=$B$10,7,0)+IF('Standard Profiles'!$G$18=$B$17,14,0)+IF('Standard Profiles'!$G$18=$B$24,21,0),0)),0)</f>
        <v>0</v>
      </c>
      <c r="E3881" cm="1">
        <f t="array" ref="E3881">IFERROR(INDEX(Jesper!AI$2:AI$366,ROUNDDOWN($C3881/24,0)+1,1)*INDEX($D$3:$AA$30,INDEX(Jesper!$R$2:$R$366,ROW(INDEX(Jesper!AI$2:AI$366,ROUNDDOWN($C3881/24,0)+1,1))-1)+IF('Standard Profiles'!$G$19=$B$10,7,0)+IF('Standard Profiles'!$G$19=$B$17,14,0)+IF('Standard Profiles'!$G$19=$B$24,21,0),MOD($C3881,24)+1)/SUM(INDEX($D$3:$AA$30,INDEX(Jesper!$R$2:$R$366,ROW(INDEX(Jesper!AI$2:AI$366,ROUNDDOWN($C3881/24,0)+1,1))-1)+IF('Standard Profiles'!$G$19=$B$10,7,0)+IF('Standard Profiles'!$G$19=$B$17,14,0)+IF('Standard Profiles'!$G$19=$B$24,21,0),0)),0)</f>
        <v>2.7266255403163062</v>
      </c>
      <c r="F3881" cm="1">
        <f t="array" ref="F3881">IFERROR(INDEX(Jesper!AJ$2:AJ$366,ROUNDDOWN($C3881/24,0)+1,1)*INDEX($D$3:$AA$30,INDEX(Jesper!$R$2:$R$366,ROW(INDEX(Jesper!AJ$2:AJ$366,ROUNDDOWN($C3881/24,0)+1,1))-1)+IF('Standard Profiles'!$G$20=$B$10,7,0)+IF('Standard Profiles'!$G$20=$B$17,14,0)+IF('Standard Profiles'!$G$20=$B$24,21,0),MOD($C3881,24)+1)/SUM(INDEX($D$3:$AA$30,INDEX(Jesper!$R$2:$R$366,ROW(INDEX(Jesper!AJ$2:AJ$366,ROUNDDOWN($C3881/24,0)+1,1))-1)+IF('Standard Profiles'!$G$20=$B$10,7,0)+IF('Standard Profiles'!$G$20=$B$17,14,0)+IF('Standard Profiles'!$G$20=$B$24,21,0),0)),0)</f>
        <v>1.2161089405872409</v>
      </c>
      <c r="G3881" cm="1">
        <f t="array" ref="G3881">IFERROR(INDEX(Jesper!AK$2:AK$366,ROUNDDOWN($C3881/24,0)+1,1)*INDEX($D$3:$AA$30,INDEX(Jesper!$R$2:$R$366,ROW(INDEX(Jesper!AK$2:AK$366,ROUNDDOWN($C3881/24,0)+1,1))-1)+IF('Standard Profiles'!$G$21=$B$10,7,0)+IF('Standard Profiles'!$G$21=$B$17,14,0)+IF('Standard Profiles'!$G$21=$B$24,21,0),MOD($C3881,24)+1)/SUM(INDEX($D$3:$AA$30,INDEX(Jesper!$R$2:$R$366,ROW(INDEX(Jesper!AK$2:AK$366,ROUNDDOWN($C3881/24,0)+1,1))-1)+IF('Standard Profiles'!$G$21=$B$10,7,0)+IF('Standard Profiles'!$G$21=$B$17,14,0)+IF('Standard Profiles'!$G$21=$B$24,21,0),0)),0)</f>
        <v>0.72481295810105928</v>
      </c>
      <c r="H3881" cm="1">
        <f t="array" ref="H3881">IFERROR(INDEX(Jesper!AL$2:AL$366,ROUNDDOWN($C3881/24,0)+1,1)*INDEX($D$3:$AA$30,INDEX(Jesper!$R$2:$R$366,ROW(INDEX(Jesper!AL$2:AL$366,ROUNDDOWN($C3881/24,0)+1,1))-1)+IF('Standard Profiles'!$G$22=$B$10,7,0)+IF('Standard Profiles'!$G$22=$B$17,14,0)+IF('Standard Profiles'!$G$22=$B$24,21,0),MOD($C3881,24)+1)/SUM(INDEX($D$3:$AA$30,INDEX(Jesper!$R$2:$R$366,ROW(INDEX(Jesper!AL$2:AL$366,ROUNDDOWN($C3881/24,0)+1,1))-1)+IF('Standard Profiles'!$G$22=$B$10,7,0)+IF('Standard Profiles'!$G$22=$B$17,14,0)+IF('Standard Profiles'!$G$22=$B$24,21,0),0)),0)</f>
        <v>0.45904748394919159</v>
      </c>
      <c r="I3881">
        <f t="shared" si="440"/>
        <v>0.44068558459122414</v>
      </c>
      <c r="J3881">
        <f t="shared" si="441"/>
        <v>4.3587142735246163</v>
      </c>
      <c r="K3881">
        <f t="shared" si="442"/>
        <v>0.21813004322530449</v>
      </c>
      <c r="L3881">
        <f t="shared" si="443"/>
        <v>0.10906502161265225</v>
      </c>
      <c r="M3881">
        <f t="shared" si="444"/>
        <v>0</v>
      </c>
      <c r="N3881" s="45">
        <f t="shared" si="445"/>
        <v>45087.291666657336</v>
      </c>
    </row>
    <row r="3882" spans="2:14" x14ac:dyDescent="0.25">
      <c r="B3882">
        <f t="shared" si="439"/>
        <v>6</v>
      </c>
      <c r="C3882" s="16">
        <v>3848</v>
      </c>
      <c r="D3882" cm="1">
        <f t="array" ref="D3882">IFERROR(INDEX(Jesper!AH$2:AH$366,ROUNDDOWN($C3882/24,0)+1,1)*INDEX($D$3:$AA$30,INDEX(Jesper!$R$2:$R$366,ROW(INDEX(Jesper!AH$2:AH$366,ROUNDDOWN($C3882/24,0)+1,1))-1)+IF('Standard Profiles'!$G$18=$B$10,7,0)+IF('Standard Profiles'!$G$18=$B$17,14,0)+IF('Standard Profiles'!$G$18=$B$24,21,0),MOD($C3882,24)+1)/SUM(INDEX($D$3:$AA$30,INDEX(Jesper!$R$2:$R$366,ROW(INDEX(Jesper!AH$2:AH$366,ROUNDDOWN($C3882/24,0)+1,1))-1)+IF('Standard Profiles'!$G$18=$B$10,7,0)+IF('Standard Profiles'!$G$18=$B$17,14,0)+IF('Standard Profiles'!$G$18=$B$24,21,0),0)),0)</f>
        <v>0</v>
      </c>
      <c r="E3882" cm="1">
        <f t="array" ref="E3882">IFERROR(INDEX(Jesper!AI$2:AI$366,ROUNDDOWN($C3882/24,0)+1,1)*INDEX($D$3:$AA$30,INDEX(Jesper!$R$2:$R$366,ROW(INDEX(Jesper!AI$2:AI$366,ROUNDDOWN($C3882/24,0)+1,1))-1)+IF('Standard Profiles'!$G$19=$B$10,7,0)+IF('Standard Profiles'!$G$19=$B$17,14,0)+IF('Standard Profiles'!$G$19=$B$24,21,0),MOD($C3882,24)+1)/SUM(INDEX($D$3:$AA$30,INDEX(Jesper!$R$2:$R$366,ROW(INDEX(Jesper!AI$2:AI$366,ROUNDDOWN($C3882/24,0)+1,1))-1)+IF('Standard Profiles'!$G$19=$B$10,7,0)+IF('Standard Profiles'!$G$19=$B$17,14,0)+IF('Standard Profiles'!$G$19=$B$24,21,0),0)),0)</f>
        <v>2.7266255403163062</v>
      </c>
      <c r="F3882" cm="1">
        <f t="array" ref="F3882">IFERROR(INDEX(Jesper!AJ$2:AJ$366,ROUNDDOWN($C3882/24,0)+1,1)*INDEX($D$3:$AA$30,INDEX(Jesper!$R$2:$R$366,ROW(INDEX(Jesper!AJ$2:AJ$366,ROUNDDOWN($C3882/24,0)+1,1))-1)+IF('Standard Profiles'!$G$20=$B$10,7,0)+IF('Standard Profiles'!$G$20=$B$17,14,0)+IF('Standard Profiles'!$G$20=$B$24,21,0),MOD($C3882,24)+1)/SUM(INDEX($D$3:$AA$30,INDEX(Jesper!$R$2:$R$366,ROW(INDEX(Jesper!AJ$2:AJ$366,ROUNDDOWN($C3882/24,0)+1,1))-1)+IF('Standard Profiles'!$G$20=$B$10,7,0)+IF('Standard Profiles'!$G$20=$B$17,14,0)+IF('Standard Profiles'!$G$20=$B$24,21,0),0)),0)</f>
        <v>1.2161089405872409</v>
      </c>
      <c r="G3882" cm="1">
        <f t="array" ref="G3882">IFERROR(INDEX(Jesper!AK$2:AK$366,ROUNDDOWN($C3882/24,0)+1,1)*INDEX($D$3:$AA$30,INDEX(Jesper!$R$2:$R$366,ROW(INDEX(Jesper!AK$2:AK$366,ROUNDDOWN($C3882/24,0)+1,1))-1)+IF('Standard Profiles'!$G$21=$B$10,7,0)+IF('Standard Profiles'!$G$21=$B$17,14,0)+IF('Standard Profiles'!$G$21=$B$24,21,0),MOD($C3882,24)+1)/SUM(INDEX($D$3:$AA$30,INDEX(Jesper!$R$2:$R$366,ROW(INDEX(Jesper!AK$2:AK$366,ROUNDDOWN($C3882/24,0)+1,1))-1)+IF('Standard Profiles'!$G$21=$B$10,7,0)+IF('Standard Profiles'!$G$21=$B$17,14,0)+IF('Standard Profiles'!$G$21=$B$24,21,0),0)),0)</f>
        <v>0.72481295810105928</v>
      </c>
      <c r="H3882" cm="1">
        <f t="array" ref="H3882">IFERROR(INDEX(Jesper!AL$2:AL$366,ROUNDDOWN($C3882/24,0)+1,1)*INDEX($D$3:$AA$30,INDEX(Jesper!$R$2:$R$366,ROW(INDEX(Jesper!AL$2:AL$366,ROUNDDOWN($C3882/24,0)+1,1))-1)+IF('Standard Profiles'!$G$22=$B$10,7,0)+IF('Standard Profiles'!$G$22=$B$17,14,0)+IF('Standard Profiles'!$G$22=$B$24,21,0),MOD($C3882,24)+1)/SUM(INDEX($D$3:$AA$30,INDEX(Jesper!$R$2:$R$366,ROW(INDEX(Jesper!AL$2:AL$366,ROUNDDOWN($C3882/24,0)+1,1))-1)+IF('Standard Profiles'!$G$22=$B$10,7,0)+IF('Standard Profiles'!$G$22=$B$17,14,0)+IF('Standard Profiles'!$G$22=$B$24,21,0),0)),0)</f>
        <v>0.45904748394919159</v>
      </c>
      <c r="I3882">
        <f t="shared" si="440"/>
        <v>0.44068558459122414</v>
      </c>
      <c r="J3882">
        <f t="shared" si="441"/>
        <v>4.3587142735246163</v>
      </c>
      <c r="K3882">
        <f t="shared" si="442"/>
        <v>0.21813004322530449</v>
      </c>
      <c r="L3882">
        <f t="shared" si="443"/>
        <v>0.10906502161265225</v>
      </c>
      <c r="M3882">
        <f t="shared" si="444"/>
        <v>0</v>
      </c>
      <c r="N3882" s="45">
        <f t="shared" si="445"/>
        <v>45087.333333324001</v>
      </c>
    </row>
    <row r="3883" spans="2:14" x14ac:dyDescent="0.25">
      <c r="B3883">
        <f t="shared" si="439"/>
        <v>6</v>
      </c>
      <c r="C3883" s="16">
        <v>3849</v>
      </c>
      <c r="D3883" cm="1">
        <f t="array" ref="D3883">IFERROR(INDEX(Jesper!AH$2:AH$366,ROUNDDOWN($C3883/24,0)+1,1)*INDEX($D$3:$AA$30,INDEX(Jesper!$R$2:$R$366,ROW(INDEX(Jesper!AH$2:AH$366,ROUNDDOWN($C3883/24,0)+1,1))-1)+IF('Standard Profiles'!$G$18=$B$10,7,0)+IF('Standard Profiles'!$G$18=$B$17,14,0)+IF('Standard Profiles'!$G$18=$B$24,21,0),MOD($C3883,24)+1)/SUM(INDEX($D$3:$AA$30,INDEX(Jesper!$R$2:$R$366,ROW(INDEX(Jesper!AH$2:AH$366,ROUNDDOWN($C3883/24,0)+1,1))-1)+IF('Standard Profiles'!$G$18=$B$10,7,0)+IF('Standard Profiles'!$G$18=$B$17,14,0)+IF('Standard Profiles'!$G$18=$B$24,21,0),0)),0)</f>
        <v>0</v>
      </c>
      <c r="E3883" cm="1">
        <f t="array" ref="E3883">IFERROR(INDEX(Jesper!AI$2:AI$366,ROUNDDOWN($C3883/24,0)+1,1)*INDEX($D$3:$AA$30,INDEX(Jesper!$R$2:$R$366,ROW(INDEX(Jesper!AI$2:AI$366,ROUNDDOWN($C3883/24,0)+1,1))-1)+IF('Standard Profiles'!$G$19=$B$10,7,0)+IF('Standard Profiles'!$G$19=$B$17,14,0)+IF('Standard Profiles'!$G$19=$B$24,21,0),MOD($C3883,24)+1)/SUM(INDEX($D$3:$AA$30,INDEX(Jesper!$R$2:$R$366,ROW(INDEX(Jesper!AI$2:AI$366,ROUNDDOWN($C3883/24,0)+1,1))-1)+IF('Standard Profiles'!$G$19=$B$10,7,0)+IF('Standard Profiles'!$G$19=$B$17,14,0)+IF('Standard Profiles'!$G$19=$B$24,21,0),0)),0)</f>
        <v>2.7266255403163062</v>
      </c>
      <c r="F3883" cm="1">
        <f t="array" ref="F3883">IFERROR(INDEX(Jesper!AJ$2:AJ$366,ROUNDDOWN($C3883/24,0)+1,1)*INDEX($D$3:$AA$30,INDEX(Jesper!$R$2:$R$366,ROW(INDEX(Jesper!AJ$2:AJ$366,ROUNDDOWN($C3883/24,0)+1,1))-1)+IF('Standard Profiles'!$G$20=$B$10,7,0)+IF('Standard Profiles'!$G$20=$B$17,14,0)+IF('Standard Profiles'!$G$20=$B$24,21,0),MOD($C3883,24)+1)/SUM(INDEX($D$3:$AA$30,INDEX(Jesper!$R$2:$R$366,ROW(INDEX(Jesper!AJ$2:AJ$366,ROUNDDOWN($C3883/24,0)+1,1))-1)+IF('Standard Profiles'!$G$20=$B$10,7,0)+IF('Standard Profiles'!$G$20=$B$17,14,0)+IF('Standard Profiles'!$G$20=$B$24,21,0),0)),0)</f>
        <v>1.2161089405872409</v>
      </c>
      <c r="G3883" cm="1">
        <f t="array" ref="G3883">IFERROR(INDEX(Jesper!AK$2:AK$366,ROUNDDOWN($C3883/24,0)+1,1)*INDEX($D$3:$AA$30,INDEX(Jesper!$R$2:$R$366,ROW(INDEX(Jesper!AK$2:AK$366,ROUNDDOWN($C3883/24,0)+1,1))-1)+IF('Standard Profiles'!$G$21=$B$10,7,0)+IF('Standard Profiles'!$G$21=$B$17,14,0)+IF('Standard Profiles'!$G$21=$B$24,21,0),MOD($C3883,24)+1)/SUM(INDEX($D$3:$AA$30,INDEX(Jesper!$R$2:$R$366,ROW(INDEX(Jesper!AK$2:AK$366,ROUNDDOWN($C3883/24,0)+1,1))-1)+IF('Standard Profiles'!$G$21=$B$10,7,0)+IF('Standard Profiles'!$G$21=$B$17,14,0)+IF('Standard Profiles'!$G$21=$B$24,21,0),0)),0)</f>
        <v>0.72481295810105928</v>
      </c>
      <c r="H3883" cm="1">
        <f t="array" ref="H3883">IFERROR(INDEX(Jesper!AL$2:AL$366,ROUNDDOWN($C3883/24,0)+1,1)*INDEX($D$3:$AA$30,INDEX(Jesper!$R$2:$R$366,ROW(INDEX(Jesper!AL$2:AL$366,ROUNDDOWN($C3883/24,0)+1,1))-1)+IF('Standard Profiles'!$G$22=$B$10,7,0)+IF('Standard Profiles'!$G$22=$B$17,14,0)+IF('Standard Profiles'!$G$22=$B$24,21,0),MOD($C3883,24)+1)/SUM(INDEX($D$3:$AA$30,INDEX(Jesper!$R$2:$R$366,ROW(INDEX(Jesper!AL$2:AL$366,ROUNDDOWN($C3883/24,0)+1,1))-1)+IF('Standard Profiles'!$G$22=$B$10,7,0)+IF('Standard Profiles'!$G$22=$B$17,14,0)+IF('Standard Profiles'!$G$22=$B$24,21,0),0)),0)</f>
        <v>0.45904748394919159</v>
      </c>
      <c r="I3883">
        <f t="shared" si="440"/>
        <v>0.44068558459122414</v>
      </c>
      <c r="J3883">
        <f t="shared" si="441"/>
        <v>4.3587142735246163</v>
      </c>
      <c r="K3883">
        <f t="shared" si="442"/>
        <v>0.21813004322530449</v>
      </c>
      <c r="L3883">
        <f t="shared" si="443"/>
        <v>0.10906502161265225</v>
      </c>
      <c r="M3883">
        <f t="shared" si="444"/>
        <v>0</v>
      </c>
      <c r="N3883" s="45">
        <f t="shared" si="445"/>
        <v>45087.374999990665</v>
      </c>
    </row>
    <row r="3884" spans="2:14" x14ac:dyDescent="0.25">
      <c r="B3884">
        <f t="shared" si="439"/>
        <v>6</v>
      </c>
      <c r="C3884" s="16">
        <v>3850</v>
      </c>
      <c r="D3884" cm="1">
        <f t="array" ref="D3884">IFERROR(INDEX(Jesper!AH$2:AH$366,ROUNDDOWN($C3884/24,0)+1,1)*INDEX($D$3:$AA$30,INDEX(Jesper!$R$2:$R$366,ROW(INDEX(Jesper!AH$2:AH$366,ROUNDDOWN($C3884/24,0)+1,1))-1)+IF('Standard Profiles'!$G$18=$B$10,7,0)+IF('Standard Profiles'!$G$18=$B$17,14,0)+IF('Standard Profiles'!$G$18=$B$24,21,0),MOD($C3884,24)+1)/SUM(INDEX($D$3:$AA$30,INDEX(Jesper!$R$2:$R$366,ROW(INDEX(Jesper!AH$2:AH$366,ROUNDDOWN($C3884/24,0)+1,1))-1)+IF('Standard Profiles'!$G$18=$B$10,7,0)+IF('Standard Profiles'!$G$18=$B$17,14,0)+IF('Standard Profiles'!$G$18=$B$24,21,0),0)),0)</f>
        <v>0</v>
      </c>
      <c r="E3884" cm="1">
        <f t="array" ref="E3884">IFERROR(INDEX(Jesper!AI$2:AI$366,ROUNDDOWN($C3884/24,0)+1,1)*INDEX($D$3:$AA$30,INDEX(Jesper!$R$2:$R$366,ROW(INDEX(Jesper!AI$2:AI$366,ROUNDDOWN($C3884/24,0)+1,1))-1)+IF('Standard Profiles'!$G$19=$B$10,7,0)+IF('Standard Profiles'!$G$19=$B$17,14,0)+IF('Standard Profiles'!$G$19=$B$24,21,0),MOD($C3884,24)+1)/SUM(INDEX($D$3:$AA$30,INDEX(Jesper!$R$2:$R$366,ROW(INDEX(Jesper!AI$2:AI$366,ROUNDDOWN($C3884/24,0)+1,1))-1)+IF('Standard Profiles'!$G$19=$B$10,7,0)+IF('Standard Profiles'!$G$19=$B$17,14,0)+IF('Standard Profiles'!$G$19=$B$24,21,0),0)),0)</f>
        <v>2.7266255403163062</v>
      </c>
      <c r="F3884" cm="1">
        <f t="array" ref="F3884">IFERROR(INDEX(Jesper!AJ$2:AJ$366,ROUNDDOWN($C3884/24,0)+1,1)*INDEX($D$3:$AA$30,INDEX(Jesper!$R$2:$R$366,ROW(INDEX(Jesper!AJ$2:AJ$366,ROUNDDOWN($C3884/24,0)+1,1))-1)+IF('Standard Profiles'!$G$20=$B$10,7,0)+IF('Standard Profiles'!$G$20=$B$17,14,0)+IF('Standard Profiles'!$G$20=$B$24,21,0),MOD($C3884,24)+1)/SUM(INDEX($D$3:$AA$30,INDEX(Jesper!$R$2:$R$366,ROW(INDEX(Jesper!AJ$2:AJ$366,ROUNDDOWN($C3884/24,0)+1,1))-1)+IF('Standard Profiles'!$G$20=$B$10,7,0)+IF('Standard Profiles'!$G$20=$B$17,14,0)+IF('Standard Profiles'!$G$20=$B$24,21,0),0)),0)</f>
        <v>1.2161089405872409</v>
      </c>
      <c r="G3884" cm="1">
        <f t="array" ref="G3884">IFERROR(INDEX(Jesper!AK$2:AK$366,ROUNDDOWN($C3884/24,0)+1,1)*INDEX($D$3:$AA$30,INDEX(Jesper!$R$2:$R$366,ROW(INDEX(Jesper!AK$2:AK$366,ROUNDDOWN($C3884/24,0)+1,1))-1)+IF('Standard Profiles'!$G$21=$B$10,7,0)+IF('Standard Profiles'!$G$21=$B$17,14,0)+IF('Standard Profiles'!$G$21=$B$24,21,0),MOD($C3884,24)+1)/SUM(INDEX($D$3:$AA$30,INDEX(Jesper!$R$2:$R$366,ROW(INDEX(Jesper!AK$2:AK$366,ROUNDDOWN($C3884/24,0)+1,1))-1)+IF('Standard Profiles'!$G$21=$B$10,7,0)+IF('Standard Profiles'!$G$21=$B$17,14,0)+IF('Standard Profiles'!$G$21=$B$24,21,0),0)),0)</f>
        <v>0.72481295810105928</v>
      </c>
      <c r="H3884" cm="1">
        <f t="array" ref="H3884">IFERROR(INDEX(Jesper!AL$2:AL$366,ROUNDDOWN($C3884/24,0)+1,1)*INDEX($D$3:$AA$30,INDEX(Jesper!$R$2:$R$366,ROW(INDEX(Jesper!AL$2:AL$366,ROUNDDOWN($C3884/24,0)+1,1))-1)+IF('Standard Profiles'!$G$22=$B$10,7,0)+IF('Standard Profiles'!$G$22=$B$17,14,0)+IF('Standard Profiles'!$G$22=$B$24,21,0),MOD($C3884,24)+1)/SUM(INDEX($D$3:$AA$30,INDEX(Jesper!$R$2:$R$366,ROW(INDEX(Jesper!AL$2:AL$366,ROUNDDOWN($C3884/24,0)+1,1))-1)+IF('Standard Profiles'!$G$22=$B$10,7,0)+IF('Standard Profiles'!$G$22=$B$17,14,0)+IF('Standard Profiles'!$G$22=$B$24,21,0),0)),0)</f>
        <v>0.45904748394919159</v>
      </c>
      <c r="I3884">
        <f t="shared" si="440"/>
        <v>0.44068558459122414</v>
      </c>
      <c r="J3884">
        <f t="shared" si="441"/>
        <v>4.3587142735246163</v>
      </c>
      <c r="K3884">
        <f t="shared" si="442"/>
        <v>0.21813004322530449</v>
      </c>
      <c r="L3884">
        <f t="shared" si="443"/>
        <v>0.10906502161265225</v>
      </c>
      <c r="M3884">
        <f t="shared" si="444"/>
        <v>0</v>
      </c>
      <c r="N3884" s="45">
        <f t="shared" si="445"/>
        <v>45087.416666657329</v>
      </c>
    </row>
    <row r="3885" spans="2:14" x14ac:dyDescent="0.25">
      <c r="B3885">
        <f t="shared" si="439"/>
        <v>6</v>
      </c>
      <c r="C3885" s="16">
        <v>3851</v>
      </c>
      <c r="D3885" cm="1">
        <f t="array" ref="D3885">IFERROR(INDEX(Jesper!AH$2:AH$366,ROUNDDOWN($C3885/24,0)+1,1)*INDEX($D$3:$AA$30,INDEX(Jesper!$R$2:$R$366,ROW(INDEX(Jesper!AH$2:AH$366,ROUNDDOWN($C3885/24,0)+1,1))-1)+IF('Standard Profiles'!$G$18=$B$10,7,0)+IF('Standard Profiles'!$G$18=$B$17,14,0)+IF('Standard Profiles'!$G$18=$B$24,21,0),MOD($C3885,24)+1)/SUM(INDEX($D$3:$AA$30,INDEX(Jesper!$R$2:$R$366,ROW(INDEX(Jesper!AH$2:AH$366,ROUNDDOWN($C3885/24,0)+1,1))-1)+IF('Standard Profiles'!$G$18=$B$10,7,0)+IF('Standard Profiles'!$G$18=$B$17,14,0)+IF('Standard Profiles'!$G$18=$B$24,21,0),0)),0)</f>
        <v>0</v>
      </c>
      <c r="E3885" cm="1">
        <f t="array" ref="E3885">IFERROR(INDEX(Jesper!AI$2:AI$366,ROUNDDOWN($C3885/24,0)+1,1)*INDEX($D$3:$AA$30,INDEX(Jesper!$R$2:$R$366,ROW(INDEX(Jesper!AI$2:AI$366,ROUNDDOWN($C3885/24,0)+1,1))-1)+IF('Standard Profiles'!$G$19=$B$10,7,0)+IF('Standard Profiles'!$G$19=$B$17,14,0)+IF('Standard Profiles'!$G$19=$B$24,21,0),MOD($C3885,24)+1)/SUM(INDEX($D$3:$AA$30,INDEX(Jesper!$R$2:$R$366,ROW(INDEX(Jesper!AI$2:AI$366,ROUNDDOWN($C3885/24,0)+1,1))-1)+IF('Standard Profiles'!$G$19=$B$10,7,0)+IF('Standard Profiles'!$G$19=$B$17,14,0)+IF('Standard Profiles'!$G$19=$B$24,21,0),0)),0)</f>
        <v>2.7266255403163062</v>
      </c>
      <c r="F3885" cm="1">
        <f t="array" ref="F3885">IFERROR(INDEX(Jesper!AJ$2:AJ$366,ROUNDDOWN($C3885/24,0)+1,1)*INDEX($D$3:$AA$30,INDEX(Jesper!$R$2:$R$366,ROW(INDEX(Jesper!AJ$2:AJ$366,ROUNDDOWN($C3885/24,0)+1,1))-1)+IF('Standard Profiles'!$G$20=$B$10,7,0)+IF('Standard Profiles'!$G$20=$B$17,14,0)+IF('Standard Profiles'!$G$20=$B$24,21,0),MOD($C3885,24)+1)/SUM(INDEX($D$3:$AA$30,INDEX(Jesper!$R$2:$R$366,ROW(INDEX(Jesper!AJ$2:AJ$366,ROUNDDOWN($C3885/24,0)+1,1))-1)+IF('Standard Profiles'!$G$20=$B$10,7,0)+IF('Standard Profiles'!$G$20=$B$17,14,0)+IF('Standard Profiles'!$G$20=$B$24,21,0),0)),0)</f>
        <v>1.2161089405872409</v>
      </c>
      <c r="G3885" cm="1">
        <f t="array" ref="G3885">IFERROR(INDEX(Jesper!AK$2:AK$366,ROUNDDOWN($C3885/24,0)+1,1)*INDEX($D$3:$AA$30,INDEX(Jesper!$R$2:$R$366,ROW(INDEX(Jesper!AK$2:AK$366,ROUNDDOWN($C3885/24,0)+1,1))-1)+IF('Standard Profiles'!$G$21=$B$10,7,0)+IF('Standard Profiles'!$G$21=$B$17,14,0)+IF('Standard Profiles'!$G$21=$B$24,21,0),MOD($C3885,24)+1)/SUM(INDEX($D$3:$AA$30,INDEX(Jesper!$R$2:$R$366,ROW(INDEX(Jesper!AK$2:AK$366,ROUNDDOWN($C3885/24,0)+1,1))-1)+IF('Standard Profiles'!$G$21=$B$10,7,0)+IF('Standard Profiles'!$G$21=$B$17,14,0)+IF('Standard Profiles'!$G$21=$B$24,21,0),0)),0)</f>
        <v>0.72481295810105928</v>
      </c>
      <c r="H3885" cm="1">
        <f t="array" ref="H3885">IFERROR(INDEX(Jesper!AL$2:AL$366,ROUNDDOWN($C3885/24,0)+1,1)*INDEX($D$3:$AA$30,INDEX(Jesper!$R$2:$R$366,ROW(INDEX(Jesper!AL$2:AL$366,ROUNDDOWN($C3885/24,0)+1,1))-1)+IF('Standard Profiles'!$G$22=$B$10,7,0)+IF('Standard Profiles'!$G$22=$B$17,14,0)+IF('Standard Profiles'!$G$22=$B$24,21,0),MOD($C3885,24)+1)/SUM(INDEX($D$3:$AA$30,INDEX(Jesper!$R$2:$R$366,ROW(INDEX(Jesper!AL$2:AL$366,ROUNDDOWN($C3885/24,0)+1,1))-1)+IF('Standard Profiles'!$G$22=$B$10,7,0)+IF('Standard Profiles'!$G$22=$B$17,14,0)+IF('Standard Profiles'!$G$22=$B$24,21,0),0)),0)</f>
        <v>0.45904748394919159</v>
      </c>
      <c r="I3885">
        <f t="shared" si="440"/>
        <v>0.44068558459122414</v>
      </c>
      <c r="J3885">
        <f t="shared" si="441"/>
        <v>4.3587142735246163</v>
      </c>
      <c r="K3885">
        <f t="shared" si="442"/>
        <v>0.21813004322530449</v>
      </c>
      <c r="L3885">
        <f t="shared" si="443"/>
        <v>0.10906502161265225</v>
      </c>
      <c r="M3885">
        <f t="shared" si="444"/>
        <v>0</v>
      </c>
      <c r="N3885" s="45">
        <f t="shared" si="445"/>
        <v>45087.458333323993</v>
      </c>
    </row>
    <row r="3886" spans="2:14" x14ac:dyDescent="0.25">
      <c r="B3886">
        <f t="shared" si="439"/>
        <v>6</v>
      </c>
      <c r="C3886" s="16">
        <v>3852</v>
      </c>
      <c r="D3886" cm="1">
        <f t="array" ref="D3886">IFERROR(INDEX(Jesper!AH$2:AH$366,ROUNDDOWN($C3886/24,0)+1,1)*INDEX($D$3:$AA$30,INDEX(Jesper!$R$2:$R$366,ROW(INDEX(Jesper!AH$2:AH$366,ROUNDDOWN($C3886/24,0)+1,1))-1)+IF('Standard Profiles'!$G$18=$B$10,7,0)+IF('Standard Profiles'!$G$18=$B$17,14,0)+IF('Standard Profiles'!$G$18=$B$24,21,0),MOD($C3886,24)+1)/SUM(INDEX($D$3:$AA$30,INDEX(Jesper!$R$2:$R$366,ROW(INDEX(Jesper!AH$2:AH$366,ROUNDDOWN($C3886/24,0)+1,1))-1)+IF('Standard Profiles'!$G$18=$B$10,7,0)+IF('Standard Profiles'!$G$18=$B$17,14,0)+IF('Standard Profiles'!$G$18=$B$24,21,0),0)),0)</f>
        <v>0</v>
      </c>
      <c r="E3886" cm="1">
        <f t="array" ref="E3886">IFERROR(INDEX(Jesper!AI$2:AI$366,ROUNDDOWN($C3886/24,0)+1,1)*INDEX($D$3:$AA$30,INDEX(Jesper!$R$2:$R$366,ROW(INDEX(Jesper!AI$2:AI$366,ROUNDDOWN($C3886/24,0)+1,1))-1)+IF('Standard Profiles'!$G$19=$B$10,7,0)+IF('Standard Profiles'!$G$19=$B$17,14,0)+IF('Standard Profiles'!$G$19=$B$24,21,0),MOD($C3886,24)+1)/SUM(INDEX($D$3:$AA$30,INDEX(Jesper!$R$2:$R$366,ROW(INDEX(Jesper!AI$2:AI$366,ROUNDDOWN($C3886/24,0)+1,1))-1)+IF('Standard Profiles'!$G$19=$B$10,7,0)+IF('Standard Profiles'!$G$19=$B$17,14,0)+IF('Standard Profiles'!$G$19=$B$24,21,0),0)),0)</f>
        <v>2.7266255403163062</v>
      </c>
      <c r="F3886" cm="1">
        <f t="array" ref="F3886">IFERROR(INDEX(Jesper!AJ$2:AJ$366,ROUNDDOWN($C3886/24,0)+1,1)*INDEX($D$3:$AA$30,INDEX(Jesper!$R$2:$R$366,ROW(INDEX(Jesper!AJ$2:AJ$366,ROUNDDOWN($C3886/24,0)+1,1))-1)+IF('Standard Profiles'!$G$20=$B$10,7,0)+IF('Standard Profiles'!$G$20=$B$17,14,0)+IF('Standard Profiles'!$G$20=$B$24,21,0),MOD($C3886,24)+1)/SUM(INDEX($D$3:$AA$30,INDEX(Jesper!$R$2:$R$366,ROW(INDEX(Jesper!AJ$2:AJ$366,ROUNDDOWN($C3886/24,0)+1,1))-1)+IF('Standard Profiles'!$G$20=$B$10,7,0)+IF('Standard Profiles'!$G$20=$B$17,14,0)+IF('Standard Profiles'!$G$20=$B$24,21,0),0)),0)</f>
        <v>1.2161089405872409</v>
      </c>
      <c r="G3886" cm="1">
        <f t="array" ref="G3886">IFERROR(INDEX(Jesper!AK$2:AK$366,ROUNDDOWN($C3886/24,0)+1,1)*INDEX($D$3:$AA$30,INDEX(Jesper!$R$2:$R$366,ROW(INDEX(Jesper!AK$2:AK$366,ROUNDDOWN($C3886/24,0)+1,1))-1)+IF('Standard Profiles'!$G$21=$B$10,7,0)+IF('Standard Profiles'!$G$21=$B$17,14,0)+IF('Standard Profiles'!$G$21=$B$24,21,0),MOD($C3886,24)+1)/SUM(INDEX($D$3:$AA$30,INDEX(Jesper!$R$2:$R$366,ROW(INDEX(Jesper!AK$2:AK$366,ROUNDDOWN($C3886/24,0)+1,1))-1)+IF('Standard Profiles'!$G$21=$B$10,7,0)+IF('Standard Profiles'!$G$21=$B$17,14,0)+IF('Standard Profiles'!$G$21=$B$24,21,0),0)),0)</f>
        <v>0.72481295810105928</v>
      </c>
      <c r="H3886" cm="1">
        <f t="array" ref="H3886">IFERROR(INDEX(Jesper!AL$2:AL$366,ROUNDDOWN($C3886/24,0)+1,1)*INDEX($D$3:$AA$30,INDEX(Jesper!$R$2:$R$366,ROW(INDEX(Jesper!AL$2:AL$366,ROUNDDOWN($C3886/24,0)+1,1))-1)+IF('Standard Profiles'!$G$22=$B$10,7,0)+IF('Standard Profiles'!$G$22=$B$17,14,0)+IF('Standard Profiles'!$G$22=$B$24,21,0),MOD($C3886,24)+1)/SUM(INDEX($D$3:$AA$30,INDEX(Jesper!$R$2:$R$366,ROW(INDEX(Jesper!AL$2:AL$366,ROUNDDOWN($C3886/24,0)+1,1))-1)+IF('Standard Profiles'!$G$22=$B$10,7,0)+IF('Standard Profiles'!$G$22=$B$17,14,0)+IF('Standard Profiles'!$G$22=$B$24,21,0),0)),0)</f>
        <v>0.45904748394919159</v>
      </c>
      <c r="I3886">
        <f t="shared" si="440"/>
        <v>0.44068558459122414</v>
      </c>
      <c r="J3886">
        <f t="shared" si="441"/>
        <v>4.3587142735246163</v>
      </c>
      <c r="K3886">
        <f t="shared" si="442"/>
        <v>0.21813004322530449</v>
      </c>
      <c r="L3886">
        <f t="shared" si="443"/>
        <v>0.10906502161265225</v>
      </c>
      <c r="M3886">
        <f t="shared" si="444"/>
        <v>0</v>
      </c>
      <c r="N3886" s="45">
        <f t="shared" si="445"/>
        <v>45087.499999990658</v>
      </c>
    </row>
    <row r="3887" spans="2:14" x14ac:dyDescent="0.25">
      <c r="B3887">
        <f t="shared" si="439"/>
        <v>6</v>
      </c>
      <c r="C3887" s="16">
        <v>3853</v>
      </c>
      <c r="D3887" cm="1">
        <f t="array" ref="D3887">IFERROR(INDEX(Jesper!AH$2:AH$366,ROUNDDOWN($C3887/24,0)+1,1)*INDEX($D$3:$AA$30,INDEX(Jesper!$R$2:$R$366,ROW(INDEX(Jesper!AH$2:AH$366,ROUNDDOWN($C3887/24,0)+1,1))-1)+IF('Standard Profiles'!$G$18=$B$10,7,0)+IF('Standard Profiles'!$G$18=$B$17,14,0)+IF('Standard Profiles'!$G$18=$B$24,21,0),MOD($C3887,24)+1)/SUM(INDEX($D$3:$AA$30,INDEX(Jesper!$R$2:$R$366,ROW(INDEX(Jesper!AH$2:AH$366,ROUNDDOWN($C3887/24,0)+1,1))-1)+IF('Standard Profiles'!$G$18=$B$10,7,0)+IF('Standard Profiles'!$G$18=$B$17,14,0)+IF('Standard Profiles'!$G$18=$B$24,21,0),0)),0)</f>
        <v>0</v>
      </c>
      <c r="E3887" cm="1">
        <f t="array" ref="E3887">IFERROR(INDEX(Jesper!AI$2:AI$366,ROUNDDOWN($C3887/24,0)+1,1)*INDEX($D$3:$AA$30,INDEX(Jesper!$R$2:$R$366,ROW(INDEX(Jesper!AI$2:AI$366,ROUNDDOWN($C3887/24,0)+1,1))-1)+IF('Standard Profiles'!$G$19=$B$10,7,0)+IF('Standard Profiles'!$G$19=$B$17,14,0)+IF('Standard Profiles'!$G$19=$B$24,21,0),MOD($C3887,24)+1)/SUM(INDEX($D$3:$AA$30,INDEX(Jesper!$R$2:$R$366,ROW(INDEX(Jesper!AI$2:AI$366,ROUNDDOWN($C3887/24,0)+1,1))-1)+IF('Standard Profiles'!$G$19=$B$10,7,0)+IF('Standard Profiles'!$G$19=$B$17,14,0)+IF('Standard Profiles'!$G$19=$B$24,21,0),0)),0)</f>
        <v>2.7266255403163062</v>
      </c>
      <c r="F3887" cm="1">
        <f t="array" ref="F3887">IFERROR(INDEX(Jesper!AJ$2:AJ$366,ROUNDDOWN($C3887/24,0)+1,1)*INDEX($D$3:$AA$30,INDEX(Jesper!$R$2:$R$366,ROW(INDEX(Jesper!AJ$2:AJ$366,ROUNDDOWN($C3887/24,0)+1,1))-1)+IF('Standard Profiles'!$G$20=$B$10,7,0)+IF('Standard Profiles'!$G$20=$B$17,14,0)+IF('Standard Profiles'!$G$20=$B$24,21,0),MOD($C3887,24)+1)/SUM(INDEX($D$3:$AA$30,INDEX(Jesper!$R$2:$R$366,ROW(INDEX(Jesper!AJ$2:AJ$366,ROUNDDOWN($C3887/24,0)+1,1))-1)+IF('Standard Profiles'!$G$20=$B$10,7,0)+IF('Standard Profiles'!$G$20=$B$17,14,0)+IF('Standard Profiles'!$G$20=$B$24,21,0),0)),0)</f>
        <v>1.2161089405872409</v>
      </c>
      <c r="G3887" cm="1">
        <f t="array" ref="G3887">IFERROR(INDEX(Jesper!AK$2:AK$366,ROUNDDOWN($C3887/24,0)+1,1)*INDEX($D$3:$AA$30,INDEX(Jesper!$R$2:$R$366,ROW(INDEX(Jesper!AK$2:AK$366,ROUNDDOWN($C3887/24,0)+1,1))-1)+IF('Standard Profiles'!$G$21=$B$10,7,0)+IF('Standard Profiles'!$G$21=$B$17,14,0)+IF('Standard Profiles'!$G$21=$B$24,21,0),MOD($C3887,24)+1)/SUM(INDEX($D$3:$AA$30,INDEX(Jesper!$R$2:$R$366,ROW(INDEX(Jesper!AK$2:AK$366,ROUNDDOWN($C3887/24,0)+1,1))-1)+IF('Standard Profiles'!$G$21=$B$10,7,0)+IF('Standard Profiles'!$G$21=$B$17,14,0)+IF('Standard Profiles'!$G$21=$B$24,21,0),0)),0)</f>
        <v>0.72481295810105928</v>
      </c>
      <c r="H3887" cm="1">
        <f t="array" ref="H3887">IFERROR(INDEX(Jesper!AL$2:AL$366,ROUNDDOWN($C3887/24,0)+1,1)*INDEX($D$3:$AA$30,INDEX(Jesper!$R$2:$R$366,ROW(INDEX(Jesper!AL$2:AL$366,ROUNDDOWN($C3887/24,0)+1,1))-1)+IF('Standard Profiles'!$G$22=$B$10,7,0)+IF('Standard Profiles'!$G$22=$B$17,14,0)+IF('Standard Profiles'!$G$22=$B$24,21,0),MOD($C3887,24)+1)/SUM(INDEX($D$3:$AA$30,INDEX(Jesper!$R$2:$R$366,ROW(INDEX(Jesper!AL$2:AL$366,ROUNDDOWN($C3887/24,0)+1,1))-1)+IF('Standard Profiles'!$G$22=$B$10,7,0)+IF('Standard Profiles'!$G$22=$B$17,14,0)+IF('Standard Profiles'!$G$22=$B$24,21,0),0)),0)</f>
        <v>0.45904748394919159</v>
      </c>
      <c r="I3887">
        <f t="shared" si="440"/>
        <v>0.44068558459122414</v>
      </c>
      <c r="J3887">
        <f t="shared" si="441"/>
        <v>4.3587142735246163</v>
      </c>
      <c r="K3887">
        <f t="shared" si="442"/>
        <v>0.21813004322530449</v>
      </c>
      <c r="L3887">
        <f t="shared" si="443"/>
        <v>0.10906502161265225</v>
      </c>
      <c r="M3887">
        <f t="shared" si="444"/>
        <v>0</v>
      </c>
      <c r="N3887" s="45">
        <f t="shared" si="445"/>
        <v>45087.541666657322</v>
      </c>
    </row>
    <row r="3888" spans="2:14" x14ac:dyDescent="0.25">
      <c r="B3888">
        <f t="shared" si="439"/>
        <v>6</v>
      </c>
      <c r="C3888" s="16">
        <v>3854</v>
      </c>
      <c r="D3888" cm="1">
        <f t="array" ref="D3888">IFERROR(INDEX(Jesper!AH$2:AH$366,ROUNDDOWN($C3888/24,0)+1,1)*INDEX($D$3:$AA$30,INDEX(Jesper!$R$2:$R$366,ROW(INDEX(Jesper!AH$2:AH$366,ROUNDDOWN($C3888/24,0)+1,1))-1)+IF('Standard Profiles'!$G$18=$B$10,7,0)+IF('Standard Profiles'!$G$18=$B$17,14,0)+IF('Standard Profiles'!$G$18=$B$24,21,0),MOD($C3888,24)+1)/SUM(INDEX($D$3:$AA$30,INDEX(Jesper!$R$2:$R$366,ROW(INDEX(Jesper!AH$2:AH$366,ROUNDDOWN($C3888/24,0)+1,1))-1)+IF('Standard Profiles'!$G$18=$B$10,7,0)+IF('Standard Profiles'!$G$18=$B$17,14,0)+IF('Standard Profiles'!$G$18=$B$24,21,0),0)),0)</f>
        <v>0</v>
      </c>
      <c r="E3888" cm="1">
        <f t="array" ref="E3888">IFERROR(INDEX(Jesper!AI$2:AI$366,ROUNDDOWN($C3888/24,0)+1,1)*INDEX($D$3:$AA$30,INDEX(Jesper!$R$2:$R$366,ROW(INDEX(Jesper!AI$2:AI$366,ROUNDDOWN($C3888/24,0)+1,1))-1)+IF('Standard Profiles'!$G$19=$B$10,7,0)+IF('Standard Profiles'!$G$19=$B$17,14,0)+IF('Standard Profiles'!$G$19=$B$24,21,0),MOD($C3888,24)+1)/SUM(INDEX($D$3:$AA$30,INDEX(Jesper!$R$2:$R$366,ROW(INDEX(Jesper!AI$2:AI$366,ROUNDDOWN($C3888/24,0)+1,1))-1)+IF('Standard Profiles'!$G$19=$B$10,7,0)+IF('Standard Profiles'!$G$19=$B$17,14,0)+IF('Standard Profiles'!$G$19=$B$24,21,0),0)),0)</f>
        <v>2.7266255403163062</v>
      </c>
      <c r="F3888" cm="1">
        <f t="array" ref="F3888">IFERROR(INDEX(Jesper!AJ$2:AJ$366,ROUNDDOWN($C3888/24,0)+1,1)*INDEX($D$3:$AA$30,INDEX(Jesper!$R$2:$R$366,ROW(INDEX(Jesper!AJ$2:AJ$366,ROUNDDOWN($C3888/24,0)+1,1))-1)+IF('Standard Profiles'!$G$20=$B$10,7,0)+IF('Standard Profiles'!$G$20=$B$17,14,0)+IF('Standard Profiles'!$G$20=$B$24,21,0),MOD($C3888,24)+1)/SUM(INDEX($D$3:$AA$30,INDEX(Jesper!$R$2:$R$366,ROW(INDEX(Jesper!AJ$2:AJ$366,ROUNDDOWN($C3888/24,0)+1,1))-1)+IF('Standard Profiles'!$G$20=$B$10,7,0)+IF('Standard Profiles'!$G$20=$B$17,14,0)+IF('Standard Profiles'!$G$20=$B$24,21,0),0)),0)</f>
        <v>1.2161089405872409</v>
      </c>
      <c r="G3888" cm="1">
        <f t="array" ref="G3888">IFERROR(INDEX(Jesper!AK$2:AK$366,ROUNDDOWN($C3888/24,0)+1,1)*INDEX($D$3:$AA$30,INDEX(Jesper!$R$2:$R$366,ROW(INDEX(Jesper!AK$2:AK$366,ROUNDDOWN($C3888/24,0)+1,1))-1)+IF('Standard Profiles'!$G$21=$B$10,7,0)+IF('Standard Profiles'!$G$21=$B$17,14,0)+IF('Standard Profiles'!$G$21=$B$24,21,0),MOD($C3888,24)+1)/SUM(INDEX($D$3:$AA$30,INDEX(Jesper!$R$2:$R$366,ROW(INDEX(Jesper!AK$2:AK$366,ROUNDDOWN($C3888/24,0)+1,1))-1)+IF('Standard Profiles'!$G$21=$B$10,7,0)+IF('Standard Profiles'!$G$21=$B$17,14,0)+IF('Standard Profiles'!$G$21=$B$24,21,0),0)),0)</f>
        <v>0.72481295810105928</v>
      </c>
      <c r="H3888" cm="1">
        <f t="array" ref="H3888">IFERROR(INDEX(Jesper!AL$2:AL$366,ROUNDDOWN($C3888/24,0)+1,1)*INDEX($D$3:$AA$30,INDEX(Jesper!$R$2:$R$366,ROW(INDEX(Jesper!AL$2:AL$366,ROUNDDOWN($C3888/24,0)+1,1))-1)+IF('Standard Profiles'!$G$22=$B$10,7,0)+IF('Standard Profiles'!$G$22=$B$17,14,0)+IF('Standard Profiles'!$G$22=$B$24,21,0),MOD($C3888,24)+1)/SUM(INDEX($D$3:$AA$30,INDEX(Jesper!$R$2:$R$366,ROW(INDEX(Jesper!AL$2:AL$366,ROUNDDOWN($C3888/24,0)+1,1))-1)+IF('Standard Profiles'!$G$22=$B$10,7,0)+IF('Standard Profiles'!$G$22=$B$17,14,0)+IF('Standard Profiles'!$G$22=$B$24,21,0),0)),0)</f>
        <v>0.45904748394919159</v>
      </c>
      <c r="I3888">
        <f t="shared" si="440"/>
        <v>0.44068558459122414</v>
      </c>
      <c r="J3888">
        <f t="shared" si="441"/>
        <v>4.3587142735246163</v>
      </c>
      <c r="K3888">
        <f t="shared" si="442"/>
        <v>0.21813004322530449</v>
      </c>
      <c r="L3888">
        <f t="shared" si="443"/>
        <v>0.10906502161265225</v>
      </c>
      <c r="M3888">
        <f t="shared" si="444"/>
        <v>0</v>
      </c>
      <c r="N3888" s="45">
        <f t="shared" si="445"/>
        <v>45087.583333323986</v>
      </c>
    </row>
    <row r="3889" spans="2:14" x14ac:dyDescent="0.25">
      <c r="B3889">
        <f t="shared" si="439"/>
        <v>6</v>
      </c>
      <c r="C3889" s="16">
        <v>3855</v>
      </c>
      <c r="D3889" cm="1">
        <f t="array" ref="D3889">IFERROR(INDEX(Jesper!AH$2:AH$366,ROUNDDOWN($C3889/24,0)+1,1)*INDEX($D$3:$AA$30,INDEX(Jesper!$R$2:$R$366,ROW(INDEX(Jesper!AH$2:AH$366,ROUNDDOWN($C3889/24,0)+1,1))-1)+IF('Standard Profiles'!$G$18=$B$10,7,0)+IF('Standard Profiles'!$G$18=$B$17,14,0)+IF('Standard Profiles'!$G$18=$B$24,21,0),MOD($C3889,24)+1)/SUM(INDEX($D$3:$AA$30,INDEX(Jesper!$R$2:$R$366,ROW(INDEX(Jesper!AH$2:AH$366,ROUNDDOWN($C3889/24,0)+1,1))-1)+IF('Standard Profiles'!$G$18=$B$10,7,0)+IF('Standard Profiles'!$G$18=$B$17,14,0)+IF('Standard Profiles'!$G$18=$B$24,21,0),0)),0)</f>
        <v>0</v>
      </c>
      <c r="E3889" cm="1">
        <f t="array" ref="E3889">IFERROR(INDEX(Jesper!AI$2:AI$366,ROUNDDOWN($C3889/24,0)+1,1)*INDEX($D$3:$AA$30,INDEX(Jesper!$R$2:$R$366,ROW(INDEX(Jesper!AI$2:AI$366,ROUNDDOWN($C3889/24,0)+1,1))-1)+IF('Standard Profiles'!$G$19=$B$10,7,0)+IF('Standard Profiles'!$G$19=$B$17,14,0)+IF('Standard Profiles'!$G$19=$B$24,21,0),MOD($C3889,24)+1)/SUM(INDEX($D$3:$AA$30,INDEX(Jesper!$R$2:$R$366,ROW(INDEX(Jesper!AI$2:AI$366,ROUNDDOWN($C3889/24,0)+1,1))-1)+IF('Standard Profiles'!$G$19=$B$10,7,0)+IF('Standard Profiles'!$G$19=$B$17,14,0)+IF('Standard Profiles'!$G$19=$B$24,21,0),0)),0)</f>
        <v>2.7266255403163062</v>
      </c>
      <c r="F3889" cm="1">
        <f t="array" ref="F3889">IFERROR(INDEX(Jesper!AJ$2:AJ$366,ROUNDDOWN($C3889/24,0)+1,1)*INDEX($D$3:$AA$30,INDEX(Jesper!$R$2:$R$366,ROW(INDEX(Jesper!AJ$2:AJ$366,ROUNDDOWN($C3889/24,0)+1,1))-1)+IF('Standard Profiles'!$G$20=$B$10,7,0)+IF('Standard Profiles'!$G$20=$B$17,14,0)+IF('Standard Profiles'!$G$20=$B$24,21,0),MOD($C3889,24)+1)/SUM(INDEX($D$3:$AA$30,INDEX(Jesper!$R$2:$R$366,ROW(INDEX(Jesper!AJ$2:AJ$366,ROUNDDOWN($C3889/24,0)+1,1))-1)+IF('Standard Profiles'!$G$20=$B$10,7,0)+IF('Standard Profiles'!$G$20=$B$17,14,0)+IF('Standard Profiles'!$G$20=$B$24,21,0),0)),0)</f>
        <v>1.2161089405872409</v>
      </c>
      <c r="G3889" cm="1">
        <f t="array" ref="G3889">IFERROR(INDEX(Jesper!AK$2:AK$366,ROUNDDOWN($C3889/24,0)+1,1)*INDEX($D$3:$AA$30,INDEX(Jesper!$R$2:$R$366,ROW(INDEX(Jesper!AK$2:AK$366,ROUNDDOWN($C3889/24,0)+1,1))-1)+IF('Standard Profiles'!$G$21=$B$10,7,0)+IF('Standard Profiles'!$G$21=$B$17,14,0)+IF('Standard Profiles'!$G$21=$B$24,21,0),MOD($C3889,24)+1)/SUM(INDEX($D$3:$AA$30,INDEX(Jesper!$R$2:$R$366,ROW(INDEX(Jesper!AK$2:AK$366,ROUNDDOWN($C3889/24,0)+1,1))-1)+IF('Standard Profiles'!$G$21=$B$10,7,0)+IF('Standard Profiles'!$G$21=$B$17,14,0)+IF('Standard Profiles'!$G$21=$B$24,21,0),0)),0)</f>
        <v>0.72481295810105928</v>
      </c>
      <c r="H3889" cm="1">
        <f t="array" ref="H3889">IFERROR(INDEX(Jesper!AL$2:AL$366,ROUNDDOWN($C3889/24,0)+1,1)*INDEX($D$3:$AA$30,INDEX(Jesper!$R$2:$R$366,ROW(INDEX(Jesper!AL$2:AL$366,ROUNDDOWN($C3889/24,0)+1,1))-1)+IF('Standard Profiles'!$G$22=$B$10,7,0)+IF('Standard Profiles'!$G$22=$B$17,14,0)+IF('Standard Profiles'!$G$22=$B$24,21,0),MOD($C3889,24)+1)/SUM(INDEX($D$3:$AA$30,INDEX(Jesper!$R$2:$R$366,ROW(INDEX(Jesper!AL$2:AL$366,ROUNDDOWN($C3889/24,0)+1,1))-1)+IF('Standard Profiles'!$G$22=$B$10,7,0)+IF('Standard Profiles'!$G$22=$B$17,14,0)+IF('Standard Profiles'!$G$22=$B$24,21,0),0)),0)</f>
        <v>0.41502923206365266</v>
      </c>
      <c r="I3889">
        <f t="shared" si="440"/>
        <v>0.39842806278110676</v>
      </c>
      <c r="J3889">
        <f t="shared" si="441"/>
        <v>4.3569535434491948</v>
      </c>
      <c r="K3889">
        <f t="shared" si="442"/>
        <v>0.21813004322530449</v>
      </c>
      <c r="L3889">
        <f t="shared" si="443"/>
        <v>0.10906502161265225</v>
      </c>
      <c r="M3889">
        <f t="shared" si="444"/>
        <v>0</v>
      </c>
      <c r="N3889" s="45">
        <f t="shared" si="445"/>
        <v>45087.62499999065</v>
      </c>
    </row>
    <row r="3890" spans="2:14" x14ac:dyDescent="0.25">
      <c r="B3890">
        <f t="shared" si="439"/>
        <v>6</v>
      </c>
      <c r="C3890" s="16">
        <v>3856</v>
      </c>
      <c r="D3890" cm="1">
        <f t="array" ref="D3890">IFERROR(INDEX(Jesper!AH$2:AH$366,ROUNDDOWN($C3890/24,0)+1,1)*INDEX($D$3:$AA$30,INDEX(Jesper!$R$2:$R$366,ROW(INDEX(Jesper!AH$2:AH$366,ROUNDDOWN($C3890/24,0)+1,1))-1)+IF('Standard Profiles'!$G$18=$B$10,7,0)+IF('Standard Profiles'!$G$18=$B$17,14,0)+IF('Standard Profiles'!$G$18=$B$24,21,0),MOD($C3890,24)+1)/SUM(INDEX($D$3:$AA$30,INDEX(Jesper!$R$2:$R$366,ROW(INDEX(Jesper!AH$2:AH$366,ROUNDDOWN($C3890/24,0)+1,1))-1)+IF('Standard Profiles'!$G$18=$B$10,7,0)+IF('Standard Profiles'!$G$18=$B$17,14,0)+IF('Standard Profiles'!$G$18=$B$24,21,0),0)),0)</f>
        <v>0</v>
      </c>
      <c r="E3890" cm="1">
        <f t="array" ref="E3890">IFERROR(INDEX(Jesper!AI$2:AI$366,ROUNDDOWN($C3890/24,0)+1,1)*INDEX($D$3:$AA$30,INDEX(Jesper!$R$2:$R$366,ROW(INDEX(Jesper!AI$2:AI$366,ROUNDDOWN($C3890/24,0)+1,1))-1)+IF('Standard Profiles'!$G$19=$B$10,7,0)+IF('Standard Profiles'!$G$19=$B$17,14,0)+IF('Standard Profiles'!$G$19=$B$24,21,0),MOD($C3890,24)+1)/SUM(INDEX($D$3:$AA$30,INDEX(Jesper!$R$2:$R$366,ROW(INDEX(Jesper!AI$2:AI$366,ROUNDDOWN($C3890/24,0)+1,1))-1)+IF('Standard Profiles'!$G$19=$B$10,7,0)+IF('Standard Profiles'!$G$19=$B$17,14,0)+IF('Standard Profiles'!$G$19=$B$24,21,0),0)),0)</f>
        <v>2.7266255403163062</v>
      </c>
      <c r="F3890" cm="1">
        <f t="array" ref="F3890">IFERROR(INDEX(Jesper!AJ$2:AJ$366,ROUNDDOWN($C3890/24,0)+1,1)*INDEX($D$3:$AA$30,INDEX(Jesper!$R$2:$R$366,ROW(INDEX(Jesper!AJ$2:AJ$366,ROUNDDOWN($C3890/24,0)+1,1))-1)+IF('Standard Profiles'!$G$20=$B$10,7,0)+IF('Standard Profiles'!$G$20=$B$17,14,0)+IF('Standard Profiles'!$G$20=$B$24,21,0),MOD($C3890,24)+1)/SUM(INDEX($D$3:$AA$30,INDEX(Jesper!$R$2:$R$366,ROW(INDEX(Jesper!AJ$2:AJ$366,ROUNDDOWN($C3890/24,0)+1,1))-1)+IF('Standard Profiles'!$G$20=$B$10,7,0)+IF('Standard Profiles'!$G$20=$B$17,14,0)+IF('Standard Profiles'!$G$20=$B$24,21,0),0)),0)</f>
        <v>1.2161089405872409</v>
      </c>
      <c r="G3890" cm="1">
        <f t="array" ref="G3890">IFERROR(INDEX(Jesper!AK$2:AK$366,ROUNDDOWN($C3890/24,0)+1,1)*INDEX($D$3:$AA$30,INDEX(Jesper!$R$2:$R$366,ROW(INDEX(Jesper!AK$2:AK$366,ROUNDDOWN($C3890/24,0)+1,1))-1)+IF('Standard Profiles'!$G$21=$B$10,7,0)+IF('Standard Profiles'!$G$21=$B$17,14,0)+IF('Standard Profiles'!$G$21=$B$24,21,0),MOD($C3890,24)+1)/SUM(INDEX($D$3:$AA$30,INDEX(Jesper!$R$2:$R$366,ROW(INDEX(Jesper!AK$2:AK$366,ROUNDDOWN($C3890/24,0)+1,1))-1)+IF('Standard Profiles'!$G$21=$B$10,7,0)+IF('Standard Profiles'!$G$21=$B$17,14,0)+IF('Standard Profiles'!$G$21=$B$24,21,0),0)),0)</f>
        <v>0.72481295810105928</v>
      </c>
      <c r="H3890" cm="1">
        <f t="array" ref="H3890">IFERROR(INDEX(Jesper!AL$2:AL$366,ROUNDDOWN($C3890/24,0)+1,1)*INDEX($D$3:$AA$30,INDEX(Jesper!$R$2:$R$366,ROW(INDEX(Jesper!AL$2:AL$366,ROUNDDOWN($C3890/24,0)+1,1))-1)+IF('Standard Profiles'!$G$22=$B$10,7,0)+IF('Standard Profiles'!$G$22=$B$17,14,0)+IF('Standard Profiles'!$G$22=$B$24,21,0),MOD($C3890,24)+1)/SUM(INDEX($D$3:$AA$30,INDEX(Jesper!$R$2:$R$366,ROW(INDEX(Jesper!AL$2:AL$366,ROUNDDOWN($C3890/24,0)+1,1))-1)+IF('Standard Profiles'!$G$22=$B$10,7,0)+IF('Standard Profiles'!$G$22=$B$17,14,0)+IF('Standard Profiles'!$G$22=$B$24,21,0),0)),0)</f>
        <v>0.37729930187604788</v>
      </c>
      <c r="I3890">
        <f t="shared" si="440"/>
        <v>0.36220732980100617</v>
      </c>
      <c r="J3890">
        <f t="shared" si="441"/>
        <v>4.3554443462416907</v>
      </c>
      <c r="K3890">
        <f t="shared" si="442"/>
        <v>0.21813004322530449</v>
      </c>
      <c r="L3890">
        <f t="shared" si="443"/>
        <v>0.10906502161265225</v>
      </c>
      <c r="M3890">
        <f t="shared" si="444"/>
        <v>0</v>
      </c>
      <c r="N3890" s="45">
        <f t="shared" si="445"/>
        <v>45087.666666657315</v>
      </c>
    </row>
    <row r="3891" spans="2:14" x14ac:dyDescent="0.25">
      <c r="B3891">
        <f t="shared" si="439"/>
        <v>6</v>
      </c>
      <c r="C3891" s="16">
        <v>3857</v>
      </c>
      <c r="D3891" cm="1">
        <f t="array" ref="D3891">IFERROR(INDEX(Jesper!AH$2:AH$366,ROUNDDOWN($C3891/24,0)+1,1)*INDEX($D$3:$AA$30,INDEX(Jesper!$R$2:$R$366,ROW(INDEX(Jesper!AH$2:AH$366,ROUNDDOWN($C3891/24,0)+1,1))-1)+IF('Standard Profiles'!$G$18=$B$10,7,0)+IF('Standard Profiles'!$G$18=$B$17,14,0)+IF('Standard Profiles'!$G$18=$B$24,21,0),MOD($C3891,24)+1)/SUM(INDEX($D$3:$AA$30,INDEX(Jesper!$R$2:$R$366,ROW(INDEX(Jesper!AH$2:AH$366,ROUNDDOWN($C3891/24,0)+1,1))-1)+IF('Standard Profiles'!$G$18=$B$10,7,0)+IF('Standard Profiles'!$G$18=$B$17,14,0)+IF('Standard Profiles'!$G$18=$B$24,21,0),0)),0)</f>
        <v>0</v>
      </c>
      <c r="E3891" cm="1">
        <f t="array" ref="E3891">IFERROR(INDEX(Jesper!AI$2:AI$366,ROUNDDOWN($C3891/24,0)+1,1)*INDEX($D$3:$AA$30,INDEX(Jesper!$R$2:$R$366,ROW(INDEX(Jesper!AI$2:AI$366,ROUNDDOWN($C3891/24,0)+1,1))-1)+IF('Standard Profiles'!$G$19=$B$10,7,0)+IF('Standard Profiles'!$G$19=$B$17,14,0)+IF('Standard Profiles'!$G$19=$B$24,21,0),MOD($C3891,24)+1)/SUM(INDEX($D$3:$AA$30,INDEX(Jesper!$R$2:$R$366,ROW(INDEX(Jesper!AI$2:AI$366,ROUNDDOWN($C3891/24,0)+1,1))-1)+IF('Standard Profiles'!$G$19=$B$10,7,0)+IF('Standard Profiles'!$G$19=$B$17,14,0)+IF('Standard Profiles'!$G$19=$B$24,21,0),0)),0)</f>
        <v>2.7266255403163062</v>
      </c>
      <c r="F3891" cm="1">
        <f t="array" ref="F3891">IFERROR(INDEX(Jesper!AJ$2:AJ$366,ROUNDDOWN($C3891/24,0)+1,1)*INDEX($D$3:$AA$30,INDEX(Jesper!$R$2:$R$366,ROW(INDEX(Jesper!AJ$2:AJ$366,ROUNDDOWN($C3891/24,0)+1,1))-1)+IF('Standard Profiles'!$G$20=$B$10,7,0)+IF('Standard Profiles'!$G$20=$B$17,14,0)+IF('Standard Profiles'!$G$20=$B$24,21,0),MOD($C3891,24)+1)/SUM(INDEX($D$3:$AA$30,INDEX(Jesper!$R$2:$R$366,ROW(INDEX(Jesper!AJ$2:AJ$366,ROUNDDOWN($C3891/24,0)+1,1))-1)+IF('Standard Profiles'!$G$20=$B$10,7,0)+IF('Standard Profiles'!$G$20=$B$17,14,0)+IF('Standard Profiles'!$G$20=$B$24,21,0),0)),0)</f>
        <v>1.2161089405872409</v>
      </c>
      <c r="G3891" cm="1">
        <f t="array" ref="G3891">IFERROR(INDEX(Jesper!AK$2:AK$366,ROUNDDOWN($C3891/24,0)+1,1)*INDEX($D$3:$AA$30,INDEX(Jesper!$R$2:$R$366,ROW(INDEX(Jesper!AK$2:AK$366,ROUNDDOWN($C3891/24,0)+1,1))-1)+IF('Standard Profiles'!$G$21=$B$10,7,0)+IF('Standard Profiles'!$G$21=$B$17,14,0)+IF('Standard Profiles'!$G$21=$B$24,21,0),MOD($C3891,24)+1)/SUM(INDEX($D$3:$AA$30,INDEX(Jesper!$R$2:$R$366,ROW(INDEX(Jesper!AK$2:AK$366,ROUNDDOWN($C3891/24,0)+1,1))-1)+IF('Standard Profiles'!$G$21=$B$10,7,0)+IF('Standard Profiles'!$G$21=$B$17,14,0)+IF('Standard Profiles'!$G$21=$B$24,21,0),0)),0)</f>
        <v>0.72481295810105928</v>
      </c>
      <c r="H3891" cm="1">
        <f t="array" ref="H3891">IFERROR(INDEX(Jesper!AL$2:AL$366,ROUNDDOWN($C3891/24,0)+1,1)*INDEX($D$3:$AA$30,INDEX(Jesper!$R$2:$R$366,ROW(INDEX(Jesper!AL$2:AL$366,ROUNDDOWN($C3891/24,0)+1,1))-1)+IF('Standard Profiles'!$G$22=$B$10,7,0)+IF('Standard Profiles'!$G$22=$B$17,14,0)+IF('Standard Profiles'!$G$22=$B$24,21,0),MOD($C3891,24)+1)/SUM(INDEX($D$3:$AA$30,INDEX(Jesper!$R$2:$R$366,ROW(INDEX(Jesper!AL$2:AL$366,ROUNDDOWN($C3891/24,0)+1,1))-1)+IF('Standard Profiles'!$G$22=$B$10,7,0)+IF('Standard Profiles'!$G$22=$B$17,14,0)+IF('Standard Profiles'!$G$22=$B$24,21,0),0)),0)</f>
        <v>0.33956937168844309</v>
      </c>
      <c r="I3891">
        <f t="shared" si="440"/>
        <v>0.32598659682090553</v>
      </c>
      <c r="J3891">
        <f t="shared" si="441"/>
        <v>4.3539351490341867</v>
      </c>
      <c r="K3891">
        <f t="shared" si="442"/>
        <v>0.21813004322530449</v>
      </c>
      <c r="L3891">
        <f t="shared" si="443"/>
        <v>0.10906502161265225</v>
      </c>
      <c r="M3891">
        <f t="shared" si="444"/>
        <v>0</v>
      </c>
      <c r="N3891" s="45">
        <f t="shared" si="445"/>
        <v>45087.708333323979</v>
      </c>
    </row>
    <row r="3892" spans="2:14" x14ac:dyDescent="0.25">
      <c r="B3892">
        <f t="shared" si="439"/>
        <v>6</v>
      </c>
      <c r="C3892" s="16">
        <v>3858</v>
      </c>
      <c r="D3892" cm="1">
        <f t="array" ref="D3892">IFERROR(INDEX(Jesper!AH$2:AH$366,ROUNDDOWN($C3892/24,0)+1,1)*INDEX($D$3:$AA$30,INDEX(Jesper!$R$2:$R$366,ROW(INDEX(Jesper!AH$2:AH$366,ROUNDDOWN($C3892/24,0)+1,1))-1)+IF('Standard Profiles'!$G$18=$B$10,7,0)+IF('Standard Profiles'!$G$18=$B$17,14,0)+IF('Standard Profiles'!$G$18=$B$24,21,0),MOD($C3892,24)+1)/SUM(INDEX($D$3:$AA$30,INDEX(Jesper!$R$2:$R$366,ROW(INDEX(Jesper!AH$2:AH$366,ROUNDDOWN($C3892/24,0)+1,1))-1)+IF('Standard Profiles'!$G$18=$B$10,7,0)+IF('Standard Profiles'!$G$18=$B$17,14,0)+IF('Standard Profiles'!$G$18=$B$24,21,0),0)),0)</f>
        <v>0</v>
      </c>
      <c r="E3892" cm="1">
        <f t="array" ref="E3892">IFERROR(INDEX(Jesper!AI$2:AI$366,ROUNDDOWN($C3892/24,0)+1,1)*INDEX($D$3:$AA$30,INDEX(Jesper!$R$2:$R$366,ROW(INDEX(Jesper!AI$2:AI$366,ROUNDDOWN($C3892/24,0)+1,1))-1)+IF('Standard Profiles'!$G$19=$B$10,7,0)+IF('Standard Profiles'!$G$19=$B$17,14,0)+IF('Standard Profiles'!$G$19=$B$24,21,0),MOD($C3892,24)+1)/SUM(INDEX($D$3:$AA$30,INDEX(Jesper!$R$2:$R$366,ROW(INDEX(Jesper!AI$2:AI$366,ROUNDDOWN($C3892/24,0)+1,1))-1)+IF('Standard Profiles'!$G$19=$B$10,7,0)+IF('Standard Profiles'!$G$19=$B$17,14,0)+IF('Standard Profiles'!$G$19=$B$24,21,0),0)),0)</f>
        <v>2.7266255403163062</v>
      </c>
      <c r="F3892" cm="1">
        <f t="array" ref="F3892">IFERROR(INDEX(Jesper!AJ$2:AJ$366,ROUNDDOWN($C3892/24,0)+1,1)*INDEX($D$3:$AA$30,INDEX(Jesper!$R$2:$R$366,ROW(INDEX(Jesper!AJ$2:AJ$366,ROUNDDOWN($C3892/24,0)+1,1))-1)+IF('Standard Profiles'!$G$20=$B$10,7,0)+IF('Standard Profiles'!$G$20=$B$17,14,0)+IF('Standard Profiles'!$G$20=$B$24,21,0),MOD($C3892,24)+1)/SUM(INDEX($D$3:$AA$30,INDEX(Jesper!$R$2:$R$366,ROW(INDEX(Jesper!AJ$2:AJ$366,ROUNDDOWN($C3892/24,0)+1,1))-1)+IF('Standard Profiles'!$G$20=$B$10,7,0)+IF('Standard Profiles'!$G$20=$B$17,14,0)+IF('Standard Profiles'!$G$20=$B$24,21,0),0)),0)</f>
        <v>1.2161089405872409</v>
      </c>
      <c r="G3892" cm="1">
        <f t="array" ref="G3892">IFERROR(INDEX(Jesper!AK$2:AK$366,ROUNDDOWN($C3892/24,0)+1,1)*INDEX($D$3:$AA$30,INDEX(Jesper!$R$2:$R$366,ROW(INDEX(Jesper!AK$2:AK$366,ROUNDDOWN($C3892/24,0)+1,1))-1)+IF('Standard Profiles'!$G$21=$B$10,7,0)+IF('Standard Profiles'!$G$21=$B$17,14,0)+IF('Standard Profiles'!$G$21=$B$24,21,0),MOD($C3892,24)+1)/SUM(INDEX($D$3:$AA$30,INDEX(Jesper!$R$2:$R$366,ROW(INDEX(Jesper!AK$2:AK$366,ROUNDDOWN($C3892/24,0)+1,1))-1)+IF('Standard Profiles'!$G$21=$B$10,7,0)+IF('Standard Profiles'!$G$21=$B$17,14,0)+IF('Standard Profiles'!$G$21=$B$24,21,0),0)),0)</f>
        <v>0.72481295810105928</v>
      </c>
      <c r="H3892" cm="1">
        <f t="array" ref="H3892">IFERROR(INDEX(Jesper!AL$2:AL$366,ROUNDDOWN($C3892/24,0)+1,1)*INDEX($D$3:$AA$30,INDEX(Jesper!$R$2:$R$366,ROW(INDEX(Jesper!AL$2:AL$366,ROUNDDOWN($C3892/24,0)+1,1))-1)+IF('Standard Profiles'!$G$22=$B$10,7,0)+IF('Standard Profiles'!$G$22=$B$17,14,0)+IF('Standard Profiles'!$G$22=$B$24,21,0),MOD($C3892,24)+1)/SUM(INDEX($D$3:$AA$30,INDEX(Jesper!$R$2:$R$366,ROW(INDEX(Jesper!AL$2:AL$366,ROUNDDOWN($C3892/24,0)+1,1))-1)+IF('Standard Profiles'!$G$22=$B$10,7,0)+IF('Standard Profiles'!$G$22=$B$17,14,0)+IF('Standard Profiles'!$G$22=$B$24,21,0),0)),0)</f>
        <v>0.32699272829257481</v>
      </c>
      <c r="I3892">
        <f t="shared" si="440"/>
        <v>0.313913019160872</v>
      </c>
      <c r="J3892">
        <f t="shared" si="441"/>
        <v>4.353432083298352</v>
      </c>
      <c r="K3892">
        <f t="shared" si="442"/>
        <v>0.21813004322530449</v>
      </c>
      <c r="L3892">
        <f t="shared" si="443"/>
        <v>0.10906502161265225</v>
      </c>
      <c r="M3892">
        <f t="shared" si="444"/>
        <v>0</v>
      </c>
      <c r="N3892" s="45">
        <f t="shared" si="445"/>
        <v>45087.749999990643</v>
      </c>
    </row>
    <row r="3893" spans="2:14" x14ac:dyDescent="0.25">
      <c r="B3893">
        <f t="shared" si="439"/>
        <v>6</v>
      </c>
      <c r="C3893" s="16">
        <v>3859</v>
      </c>
      <c r="D3893" cm="1">
        <f t="array" ref="D3893">IFERROR(INDEX(Jesper!AH$2:AH$366,ROUNDDOWN($C3893/24,0)+1,1)*INDEX($D$3:$AA$30,INDEX(Jesper!$R$2:$R$366,ROW(INDEX(Jesper!AH$2:AH$366,ROUNDDOWN($C3893/24,0)+1,1))-1)+IF('Standard Profiles'!$G$18=$B$10,7,0)+IF('Standard Profiles'!$G$18=$B$17,14,0)+IF('Standard Profiles'!$G$18=$B$24,21,0),MOD($C3893,24)+1)/SUM(INDEX($D$3:$AA$30,INDEX(Jesper!$R$2:$R$366,ROW(INDEX(Jesper!AH$2:AH$366,ROUNDDOWN($C3893/24,0)+1,1))-1)+IF('Standard Profiles'!$G$18=$B$10,7,0)+IF('Standard Profiles'!$G$18=$B$17,14,0)+IF('Standard Profiles'!$G$18=$B$24,21,0),0)),0)</f>
        <v>0</v>
      </c>
      <c r="E3893" cm="1">
        <f t="array" ref="E3893">IFERROR(INDEX(Jesper!AI$2:AI$366,ROUNDDOWN($C3893/24,0)+1,1)*INDEX($D$3:$AA$30,INDEX(Jesper!$R$2:$R$366,ROW(INDEX(Jesper!AI$2:AI$366,ROUNDDOWN($C3893/24,0)+1,1))-1)+IF('Standard Profiles'!$G$19=$B$10,7,0)+IF('Standard Profiles'!$G$19=$B$17,14,0)+IF('Standard Profiles'!$G$19=$B$24,21,0),MOD($C3893,24)+1)/SUM(INDEX($D$3:$AA$30,INDEX(Jesper!$R$2:$R$366,ROW(INDEX(Jesper!AI$2:AI$366,ROUNDDOWN($C3893/24,0)+1,1))-1)+IF('Standard Profiles'!$G$19=$B$10,7,0)+IF('Standard Profiles'!$G$19=$B$17,14,0)+IF('Standard Profiles'!$G$19=$B$24,21,0),0)),0)</f>
        <v>2.7266255403163062</v>
      </c>
      <c r="F3893" cm="1">
        <f t="array" ref="F3893">IFERROR(INDEX(Jesper!AJ$2:AJ$366,ROUNDDOWN($C3893/24,0)+1,1)*INDEX($D$3:$AA$30,INDEX(Jesper!$R$2:$R$366,ROW(INDEX(Jesper!AJ$2:AJ$366,ROUNDDOWN($C3893/24,0)+1,1))-1)+IF('Standard Profiles'!$G$20=$B$10,7,0)+IF('Standard Profiles'!$G$20=$B$17,14,0)+IF('Standard Profiles'!$G$20=$B$24,21,0),MOD($C3893,24)+1)/SUM(INDEX($D$3:$AA$30,INDEX(Jesper!$R$2:$R$366,ROW(INDEX(Jesper!AJ$2:AJ$366,ROUNDDOWN($C3893/24,0)+1,1))-1)+IF('Standard Profiles'!$G$20=$B$10,7,0)+IF('Standard Profiles'!$G$20=$B$17,14,0)+IF('Standard Profiles'!$G$20=$B$24,21,0),0)),0)</f>
        <v>1.2161089405872409</v>
      </c>
      <c r="G3893" cm="1">
        <f t="array" ref="G3893">IFERROR(INDEX(Jesper!AK$2:AK$366,ROUNDDOWN($C3893/24,0)+1,1)*INDEX($D$3:$AA$30,INDEX(Jesper!$R$2:$R$366,ROW(INDEX(Jesper!AK$2:AK$366,ROUNDDOWN($C3893/24,0)+1,1))-1)+IF('Standard Profiles'!$G$21=$B$10,7,0)+IF('Standard Profiles'!$G$21=$B$17,14,0)+IF('Standard Profiles'!$G$21=$B$24,21,0),MOD($C3893,24)+1)/SUM(INDEX($D$3:$AA$30,INDEX(Jesper!$R$2:$R$366,ROW(INDEX(Jesper!AK$2:AK$366,ROUNDDOWN($C3893/24,0)+1,1))-1)+IF('Standard Profiles'!$G$21=$B$10,7,0)+IF('Standard Profiles'!$G$21=$B$17,14,0)+IF('Standard Profiles'!$G$21=$B$24,21,0),0)),0)</f>
        <v>0.72481295810105928</v>
      </c>
      <c r="H3893" cm="1">
        <f t="array" ref="H3893">IFERROR(INDEX(Jesper!AL$2:AL$366,ROUNDDOWN($C3893/24,0)+1,1)*INDEX($D$3:$AA$30,INDEX(Jesper!$R$2:$R$366,ROW(INDEX(Jesper!AL$2:AL$366,ROUNDDOWN($C3893/24,0)+1,1))-1)+IF('Standard Profiles'!$G$22=$B$10,7,0)+IF('Standard Profiles'!$G$22=$B$17,14,0)+IF('Standard Profiles'!$G$22=$B$24,21,0),MOD($C3893,24)+1)/SUM(INDEX($D$3:$AA$30,INDEX(Jesper!$R$2:$R$366,ROW(INDEX(Jesper!AL$2:AL$366,ROUNDDOWN($C3893/24,0)+1,1))-1)+IF('Standard Profiles'!$G$22=$B$10,7,0)+IF('Standard Profiles'!$G$22=$B$17,14,0)+IF('Standard Profiles'!$G$22=$B$24,21,0),0)),0)</f>
        <v>0.26410951131323351</v>
      </c>
      <c r="I3893">
        <f t="shared" si="440"/>
        <v>0.25354513086070429</v>
      </c>
      <c r="J3893">
        <f t="shared" si="441"/>
        <v>4.3509167546191785</v>
      </c>
      <c r="K3893">
        <f t="shared" si="442"/>
        <v>0.21813004322530449</v>
      </c>
      <c r="L3893">
        <f t="shared" si="443"/>
        <v>0.10906502161265225</v>
      </c>
      <c r="M3893">
        <f t="shared" si="444"/>
        <v>0</v>
      </c>
      <c r="N3893" s="45">
        <f t="shared" si="445"/>
        <v>45087.791666657307</v>
      </c>
    </row>
    <row r="3894" spans="2:14" x14ac:dyDescent="0.25">
      <c r="B3894">
        <f t="shared" si="439"/>
        <v>6</v>
      </c>
      <c r="C3894" s="16">
        <v>3860</v>
      </c>
      <c r="D3894" cm="1">
        <f t="array" ref="D3894">IFERROR(INDEX(Jesper!AH$2:AH$366,ROUNDDOWN($C3894/24,0)+1,1)*INDEX($D$3:$AA$30,INDEX(Jesper!$R$2:$R$366,ROW(INDEX(Jesper!AH$2:AH$366,ROUNDDOWN($C3894/24,0)+1,1))-1)+IF('Standard Profiles'!$G$18=$B$10,7,0)+IF('Standard Profiles'!$G$18=$B$17,14,0)+IF('Standard Profiles'!$G$18=$B$24,21,0),MOD($C3894,24)+1)/SUM(INDEX($D$3:$AA$30,INDEX(Jesper!$R$2:$R$366,ROW(INDEX(Jesper!AH$2:AH$366,ROUNDDOWN($C3894/24,0)+1,1))-1)+IF('Standard Profiles'!$G$18=$B$10,7,0)+IF('Standard Profiles'!$G$18=$B$17,14,0)+IF('Standard Profiles'!$G$18=$B$24,21,0),0)),0)</f>
        <v>0</v>
      </c>
      <c r="E3894" cm="1">
        <f t="array" ref="E3894">IFERROR(INDEX(Jesper!AI$2:AI$366,ROUNDDOWN($C3894/24,0)+1,1)*INDEX($D$3:$AA$30,INDEX(Jesper!$R$2:$R$366,ROW(INDEX(Jesper!AI$2:AI$366,ROUNDDOWN($C3894/24,0)+1,1))-1)+IF('Standard Profiles'!$G$19=$B$10,7,0)+IF('Standard Profiles'!$G$19=$B$17,14,0)+IF('Standard Profiles'!$G$19=$B$24,21,0),MOD($C3894,24)+1)/SUM(INDEX($D$3:$AA$30,INDEX(Jesper!$R$2:$R$366,ROW(INDEX(Jesper!AI$2:AI$366,ROUNDDOWN($C3894/24,0)+1,1))-1)+IF('Standard Profiles'!$G$19=$B$10,7,0)+IF('Standard Profiles'!$G$19=$B$17,14,0)+IF('Standard Profiles'!$G$19=$B$24,21,0),0)),0)</f>
        <v>2.7266255403163062</v>
      </c>
      <c r="F3894" cm="1">
        <f t="array" ref="F3894">IFERROR(INDEX(Jesper!AJ$2:AJ$366,ROUNDDOWN($C3894/24,0)+1,1)*INDEX($D$3:$AA$30,INDEX(Jesper!$R$2:$R$366,ROW(INDEX(Jesper!AJ$2:AJ$366,ROUNDDOWN($C3894/24,0)+1,1))-1)+IF('Standard Profiles'!$G$20=$B$10,7,0)+IF('Standard Profiles'!$G$20=$B$17,14,0)+IF('Standard Profiles'!$G$20=$B$24,21,0),MOD($C3894,24)+1)/SUM(INDEX($D$3:$AA$30,INDEX(Jesper!$R$2:$R$366,ROW(INDEX(Jesper!AJ$2:AJ$366,ROUNDDOWN($C3894/24,0)+1,1))-1)+IF('Standard Profiles'!$G$20=$B$10,7,0)+IF('Standard Profiles'!$G$20=$B$17,14,0)+IF('Standard Profiles'!$G$20=$B$24,21,0),0)),0)</f>
        <v>1.2161089405872409</v>
      </c>
      <c r="G3894" cm="1">
        <f t="array" ref="G3894">IFERROR(INDEX(Jesper!AK$2:AK$366,ROUNDDOWN($C3894/24,0)+1,1)*INDEX($D$3:$AA$30,INDEX(Jesper!$R$2:$R$366,ROW(INDEX(Jesper!AK$2:AK$366,ROUNDDOWN($C3894/24,0)+1,1))-1)+IF('Standard Profiles'!$G$21=$B$10,7,0)+IF('Standard Profiles'!$G$21=$B$17,14,0)+IF('Standard Profiles'!$G$21=$B$24,21,0),MOD($C3894,24)+1)/SUM(INDEX($D$3:$AA$30,INDEX(Jesper!$R$2:$R$366,ROW(INDEX(Jesper!AK$2:AK$366,ROUNDDOWN($C3894/24,0)+1,1))-1)+IF('Standard Profiles'!$G$21=$B$10,7,0)+IF('Standard Profiles'!$G$21=$B$17,14,0)+IF('Standard Profiles'!$G$21=$B$24,21,0),0)),0)</f>
        <v>0.72481295810105928</v>
      </c>
      <c r="H3894" cm="1">
        <f t="array" ref="H3894">IFERROR(INDEX(Jesper!AL$2:AL$366,ROUNDDOWN($C3894/24,0)+1,1)*INDEX($D$3:$AA$30,INDEX(Jesper!$R$2:$R$366,ROW(INDEX(Jesper!AL$2:AL$366,ROUNDDOWN($C3894/24,0)+1,1))-1)+IF('Standard Profiles'!$G$22=$B$10,7,0)+IF('Standard Profiles'!$G$22=$B$17,14,0)+IF('Standard Profiles'!$G$22=$B$24,21,0),MOD($C3894,24)+1)/SUM(INDEX($D$3:$AA$30,INDEX(Jesper!$R$2:$R$366,ROW(INDEX(Jesper!AL$2:AL$366,ROUNDDOWN($C3894/24,0)+1,1))-1)+IF('Standard Profiles'!$G$22=$B$10,7,0)+IF('Standard Profiles'!$G$22=$B$17,14,0)+IF('Standard Profiles'!$G$22=$B$24,21,0),0)),0)</f>
        <v>0.19493797263595805</v>
      </c>
      <c r="I3894">
        <f t="shared" si="440"/>
        <v>0.18714045373051982</v>
      </c>
      <c r="J3894">
        <f t="shared" si="441"/>
        <v>4.3481498930720868</v>
      </c>
      <c r="K3894">
        <f t="shared" si="442"/>
        <v>0.21813004322530449</v>
      </c>
      <c r="L3894">
        <f t="shared" si="443"/>
        <v>0.10906502161265225</v>
      </c>
      <c r="M3894">
        <f t="shared" si="444"/>
        <v>0</v>
      </c>
      <c r="N3894" s="45">
        <f t="shared" si="445"/>
        <v>45087.833333323972</v>
      </c>
    </row>
    <row r="3895" spans="2:14" x14ac:dyDescent="0.25">
      <c r="B3895">
        <f t="shared" si="439"/>
        <v>6</v>
      </c>
      <c r="C3895" s="16">
        <v>3861</v>
      </c>
      <c r="D3895" cm="1">
        <f t="array" ref="D3895">IFERROR(INDEX(Jesper!AH$2:AH$366,ROUNDDOWN($C3895/24,0)+1,1)*INDEX($D$3:$AA$30,INDEX(Jesper!$R$2:$R$366,ROW(INDEX(Jesper!AH$2:AH$366,ROUNDDOWN($C3895/24,0)+1,1))-1)+IF('Standard Profiles'!$G$18=$B$10,7,0)+IF('Standard Profiles'!$G$18=$B$17,14,0)+IF('Standard Profiles'!$G$18=$B$24,21,0),MOD($C3895,24)+1)/SUM(INDEX($D$3:$AA$30,INDEX(Jesper!$R$2:$R$366,ROW(INDEX(Jesper!AH$2:AH$366,ROUNDDOWN($C3895/24,0)+1,1))-1)+IF('Standard Profiles'!$G$18=$B$10,7,0)+IF('Standard Profiles'!$G$18=$B$17,14,0)+IF('Standard Profiles'!$G$18=$B$24,21,0),0)),0)</f>
        <v>0</v>
      </c>
      <c r="E3895" cm="1">
        <f t="array" ref="E3895">IFERROR(INDEX(Jesper!AI$2:AI$366,ROUNDDOWN($C3895/24,0)+1,1)*INDEX($D$3:$AA$30,INDEX(Jesper!$R$2:$R$366,ROW(INDEX(Jesper!AI$2:AI$366,ROUNDDOWN($C3895/24,0)+1,1))-1)+IF('Standard Profiles'!$G$19=$B$10,7,0)+IF('Standard Profiles'!$G$19=$B$17,14,0)+IF('Standard Profiles'!$G$19=$B$24,21,0),MOD($C3895,24)+1)/SUM(INDEX($D$3:$AA$30,INDEX(Jesper!$R$2:$R$366,ROW(INDEX(Jesper!AI$2:AI$366,ROUNDDOWN($C3895/24,0)+1,1))-1)+IF('Standard Profiles'!$G$19=$B$10,7,0)+IF('Standard Profiles'!$G$19=$B$17,14,0)+IF('Standard Profiles'!$G$19=$B$24,21,0),0)),0)</f>
        <v>2.7266255403163062</v>
      </c>
      <c r="F3895" cm="1">
        <f t="array" ref="F3895">IFERROR(INDEX(Jesper!AJ$2:AJ$366,ROUNDDOWN($C3895/24,0)+1,1)*INDEX($D$3:$AA$30,INDEX(Jesper!$R$2:$R$366,ROW(INDEX(Jesper!AJ$2:AJ$366,ROUNDDOWN($C3895/24,0)+1,1))-1)+IF('Standard Profiles'!$G$20=$B$10,7,0)+IF('Standard Profiles'!$G$20=$B$17,14,0)+IF('Standard Profiles'!$G$20=$B$24,21,0),MOD($C3895,24)+1)/SUM(INDEX($D$3:$AA$30,INDEX(Jesper!$R$2:$R$366,ROW(INDEX(Jesper!AJ$2:AJ$366,ROUNDDOWN($C3895/24,0)+1,1))-1)+IF('Standard Profiles'!$G$20=$B$10,7,0)+IF('Standard Profiles'!$G$20=$B$17,14,0)+IF('Standard Profiles'!$G$20=$B$24,21,0),0)),0)</f>
        <v>1.2161089405872409</v>
      </c>
      <c r="G3895" cm="1">
        <f t="array" ref="G3895">IFERROR(INDEX(Jesper!AK$2:AK$366,ROUNDDOWN($C3895/24,0)+1,1)*INDEX($D$3:$AA$30,INDEX(Jesper!$R$2:$R$366,ROW(INDEX(Jesper!AK$2:AK$366,ROUNDDOWN($C3895/24,0)+1,1))-1)+IF('Standard Profiles'!$G$21=$B$10,7,0)+IF('Standard Profiles'!$G$21=$B$17,14,0)+IF('Standard Profiles'!$G$21=$B$24,21,0),MOD($C3895,24)+1)/SUM(INDEX($D$3:$AA$30,INDEX(Jesper!$R$2:$R$366,ROW(INDEX(Jesper!AK$2:AK$366,ROUNDDOWN($C3895/24,0)+1,1))-1)+IF('Standard Profiles'!$G$21=$B$10,7,0)+IF('Standard Profiles'!$G$21=$B$17,14,0)+IF('Standard Profiles'!$G$21=$B$24,21,0),0)),0)</f>
        <v>0.72481295810105928</v>
      </c>
      <c r="H3895" cm="1">
        <f t="array" ref="H3895">IFERROR(INDEX(Jesper!AL$2:AL$366,ROUNDDOWN($C3895/24,0)+1,1)*INDEX($D$3:$AA$30,INDEX(Jesper!$R$2:$R$366,ROW(INDEX(Jesper!AL$2:AL$366,ROUNDDOWN($C3895/24,0)+1,1))-1)+IF('Standard Profiles'!$G$22=$B$10,7,0)+IF('Standard Profiles'!$G$22=$B$17,14,0)+IF('Standard Profiles'!$G$22=$B$24,21,0),MOD($C3895,24)+1)/SUM(INDEX($D$3:$AA$30,INDEX(Jesper!$R$2:$R$366,ROW(INDEX(Jesper!AL$2:AL$366,ROUNDDOWN($C3895/24,0)+1,1))-1)+IF('Standard Profiles'!$G$22=$B$10,7,0)+IF('Standard Profiles'!$G$22=$B$17,14,0)+IF('Standard Profiles'!$G$22=$B$24,21,0),0)),0)</f>
        <v>0.19493797263595805</v>
      </c>
      <c r="I3895">
        <f t="shared" si="440"/>
        <v>0.18714045373051982</v>
      </c>
      <c r="J3895">
        <f t="shared" si="441"/>
        <v>4.3481498930720868</v>
      </c>
      <c r="K3895">
        <f t="shared" si="442"/>
        <v>0.21813004322530449</v>
      </c>
      <c r="L3895">
        <f t="shared" si="443"/>
        <v>0.10906502161265225</v>
      </c>
      <c r="M3895">
        <f t="shared" si="444"/>
        <v>0</v>
      </c>
      <c r="N3895" s="45">
        <f t="shared" si="445"/>
        <v>45087.874999990636</v>
      </c>
    </row>
    <row r="3896" spans="2:14" x14ac:dyDescent="0.25">
      <c r="B3896">
        <f t="shared" si="439"/>
        <v>6</v>
      </c>
      <c r="C3896" s="16">
        <v>3862</v>
      </c>
      <c r="D3896" cm="1">
        <f t="array" ref="D3896">IFERROR(INDEX(Jesper!AH$2:AH$366,ROUNDDOWN($C3896/24,0)+1,1)*INDEX($D$3:$AA$30,INDEX(Jesper!$R$2:$R$366,ROW(INDEX(Jesper!AH$2:AH$366,ROUNDDOWN($C3896/24,0)+1,1))-1)+IF('Standard Profiles'!$G$18=$B$10,7,0)+IF('Standard Profiles'!$G$18=$B$17,14,0)+IF('Standard Profiles'!$G$18=$B$24,21,0),MOD($C3896,24)+1)/SUM(INDEX($D$3:$AA$30,INDEX(Jesper!$R$2:$R$366,ROW(INDEX(Jesper!AH$2:AH$366,ROUNDDOWN($C3896/24,0)+1,1))-1)+IF('Standard Profiles'!$G$18=$B$10,7,0)+IF('Standard Profiles'!$G$18=$B$17,14,0)+IF('Standard Profiles'!$G$18=$B$24,21,0),0)),0)</f>
        <v>0</v>
      </c>
      <c r="E3896" cm="1">
        <f t="array" ref="E3896">IFERROR(INDEX(Jesper!AI$2:AI$366,ROUNDDOWN($C3896/24,0)+1,1)*INDEX($D$3:$AA$30,INDEX(Jesper!$R$2:$R$366,ROW(INDEX(Jesper!AI$2:AI$366,ROUNDDOWN($C3896/24,0)+1,1))-1)+IF('Standard Profiles'!$G$19=$B$10,7,0)+IF('Standard Profiles'!$G$19=$B$17,14,0)+IF('Standard Profiles'!$G$19=$B$24,21,0),MOD($C3896,24)+1)/SUM(INDEX($D$3:$AA$30,INDEX(Jesper!$R$2:$R$366,ROW(INDEX(Jesper!AI$2:AI$366,ROUNDDOWN($C3896/24,0)+1,1))-1)+IF('Standard Profiles'!$G$19=$B$10,7,0)+IF('Standard Profiles'!$G$19=$B$17,14,0)+IF('Standard Profiles'!$G$19=$B$24,21,0),0)),0)</f>
        <v>2.7266255403163062</v>
      </c>
      <c r="F3896" cm="1">
        <f t="array" ref="F3896">IFERROR(INDEX(Jesper!AJ$2:AJ$366,ROUNDDOWN($C3896/24,0)+1,1)*INDEX($D$3:$AA$30,INDEX(Jesper!$R$2:$R$366,ROW(INDEX(Jesper!AJ$2:AJ$366,ROUNDDOWN($C3896/24,0)+1,1))-1)+IF('Standard Profiles'!$G$20=$B$10,7,0)+IF('Standard Profiles'!$G$20=$B$17,14,0)+IF('Standard Profiles'!$G$20=$B$24,21,0),MOD($C3896,24)+1)/SUM(INDEX($D$3:$AA$30,INDEX(Jesper!$R$2:$R$366,ROW(INDEX(Jesper!AJ$2:AJ$366,ROUNDDOWN($C3896/24,0)+1,1))-1)+IF('Standard Profiles'!$G$20=$B$10,7,0)+IF('Standard Profiles'!$G$20=$B$17,14,0)+IF('Standard Profiles'!$G$20=$B$24,21,0),0)),0)</f>
        <v>1.2161089405872409</v>
      </c>
      <c r="G3896" cm="1">
        <f t="array" ref="G3896">IFERROR(INDEX(Jesper!AK$2:AK$366,ROUNDDOWN($C3896/24,0)+1,1)*INDEX($D$3:$AA$30,INDEX(Jesper!$R$2:$R$366,ROW(INDEX(Jesper!AK$2:AK$366,ROUNDDOWN($C3896/24,0)+1,1))-1)+IF('Standard Profiles'!$G$21=$B$10,7,0)+IF('Standard Profiles'!$G$21=$B$17,14,0)+IF('Standard Profiles'!$G$21=$B$24,21,0),MOD($C3896,24)+1)/SUM(INDEX($D$3:$AA$30,INDEX(Jesper!$R$2:$R$366,ROW(INDEX(Jesper!AK$2:AK$366,ROUNDDOWN($C3896/24,0)+1,1))-1)+IF('Standard Profiles'!$G$21=$B$10,7,0)+IF('Standard Profiles'!$G$21=$B$17,14,0)+IF('Standard Profiles'!$G$21=$B$24,21,0),0)),0)</f>
        <v>0.72481295810105928</v>
      </c>
      <c r="H3896" cm="1">
        <f t="array" ref="H3896">IFERROR(INDEX(Jesper!AL$2:AL$366,ROUNDDOWN($C3896/24,0)+1,1)*INDEX($D$3:$AA$30,INDEX(Jesper!$R$2:$R$366,ROW(INDEX(Jesper!AL$2:AL$366,ROUNDDOWN($C3896/24,0)+1,1))-1)+IF('Standard Profiles'!$G$22=$B$10,7,0)+IF('Standard Profiles'!$G$22=$B$17,14,0)+IF('Standard Profiles'!$G$22=$B$24,21,0),MOD($C3896,24)+1)/SUM(INDEX($D$3:$AA$30,INDEX(Jesper!$R$2:$R$366,ROW(INDEX(Jesper!AL$2:AL$366,ROUNDDOWN($C3896/24,0)+1,1))-1)+IF('Standard Profiles'!$G$22=$B$10,7,0)+IF('Standard Profiles'!$G$22=$B$17,14,0)+IF('Standard Profiles'!$G$22=$B$24,21,0),0)),0)</f>
        <v>0.19493797263595805</v>
      </c>
      <c r="I3896">
        <f t="shared" si="440"/>
        <v>0.18714045373051982</v>
      </c>
      <c r="J3896">
        <f t="shared" si="441"/>
        <v>4.3481498930720868</v>
      </c>
      <c r="K3896">
        <f t="shared" si="442"/>
        <v>0.21813004322530449</v>
      </c>
      <c r="L3896">
        <f t="shared" si="443"/>
        <v>0.10906502161265225</v>
      </c>
      <c r="M3896">
        <f t="shared" si="444"/>
        <v>0</v>
      </c>
      <c r="N3896" s="45">
        <f t="shared" si="445"/>
        <v>45087.9166666573</v>
      </c>
    </row>
    <row r="3897" spans="2:14" x14ac:dyDescent="0.25">
      <c r="B3897">
        <f t="shared" si="439"/>
        <v>6</v>
      </c>
      <c r="C3897" s="16">
        <v>3863</v>
      </c>
      <c r="D3897" cm="1">
        <f t="array" ref="D3897">IFERROR(INDEX(Jesper!AH$2:AH$366,ROUNDDOWN($C3897/24,0)+1,1)*INDEX($D$3:$AA$30,INDEX(Jesper!$R$2:$R$366,ROW(INDEX(Jesper!AH$2:AH$366,ROUNDDOWN($C3897/24,0)+1,1))-1)+IF('Standard Profiles'!$G$18=$B$10,7,0)+IF('Standard Profiles'!$G$18=$B$17,14,0)+IF('Standard Profiles'!$G$18=$B$24,21,0),MOD($C3897,24)+1)/SUM(INDEX($D$3:$AA$30,INDEX(Jesper!$R$2:$R$366,ROW(INDEX(Jesper!AH$2:AH$366,ROUNDDOWN($C3897/24,0)+1,1))-1)+IF('Standard Profiles'!$G$18=$B$10,7,0)+IF('Standard Profiles'!$G$18=$B$17,14,0)+IF('Standard Profiles'!$G$18=$B$24,21,0),0)),0)</f>
        <v>0</v>
      </c>
      <c r="E3897" cm="1">
        <f t="array" ref="E3897">IFERROR(INDEX(Jesper!AI$2:AI$366,ROUNDDOWN($C3897/24,0)+1,1)*INDEX($D$3:$AA$30,INDEX(Jesper!$R$2:$R$366,ROW(INDEX(Jesper!AI$2:AI$366,ROUNDDOWN($C3897/24,0)+1,1))-1)+IF('Standard Profiles'!$G$19=$B$10,7,0)+IF('Standard Profiles'!$G$19=$B$17,14,0)+IF('Standard Profiles'!$G$19=$B$24,21,0),MOD($C3897,24)+1)/SUM(INDEX($D$3:$AA$30,INDEX(Jesper!$R$2:$R$366,ROW(INDEX(Jesper!AI$2:AI$366,ROUNDDOWN($C3897/24,0)+1,1))-1)+IF('Standard Profiles'!$G$19=$B$10,7,0)+IF('Standard Profiles'!$G$19=$B$17,14,0)+IF('Standard Profiles'!$G$19=$B$24,21,0),0)),0)</f>
        <v>2.7266255403163062</v>
      </c>
      <c r="F3897" cm="1">
        <f t="array" ref="F3897">IFERROR(INDEX(Jesper!AJ$2:AJ$366,ROUNDDOWN($C3897/24,0)+1,1)*INDEX($D$3:$AA$30,INDEX(Jesper!$R$2:$R$366,ROW(INDEX(Jesper!AJ$2:AJ$366,ROUNDDOWN($C3897/24,0)+1,1))-1)+IF('Standard Profiles'!$G$20=$B$10,7,0)+IF('Standard Profiles'!$G$20=$B$17,14,0)+IF('Standard Profiles'!$G$20=$B$24,21,0),MOD($C3897,24)+1)/SUM(INDEX($D$3:$AA$30,INDEX(Jesper!$R$2:$R$366,ROW(INDEX(Jesper!AJ$2:AJ$366,ROUNDDOWN($C3897/24,0)+1,1))-1)+IF('Standard Profiles'!$G$20=$B$10,7,0)+IF('Standard Profiles'!$G$20=$B$17,14,0)+IF('Standard Profiles'!$G$20=$B$24,21,0),0)),0)</f>
        <v>1.2161089405872409</v>
      </c>
      <c r="G3897" cm="1">
        <f t="array" ref="G3897">IFERROR(INDEX(Jesper!AK$2:AK$366,ROUNDDOWN($C3897/24,0)+1,1)*INDEX($D$3:$AA$30,INDEX(Jesper!$R$2:$R$366,ROW(INDEX(Jesper!AK$2:AK$366,ROUNDDOWN($C3897/24,0)+1,1))-1)+IF('Standard Profiles'!$G$21=$B$10,7,0)+IF('Standard Profiles'!$G$21=$B$17,14,0)+IF('Standard Profiles'!$G$21=$B$24,21,0),MOD($C3897,24)+1)/SUM(INDEX($D$3:$AA$30,INDEX(Jesper!$R$2:$R$366,ROW(INDEX(Jesper!AK$2:AK$366,ROUNDDOWN($C3897/24,0)+1,1))-1)+IF('Standard Profiles'!$G$21=$B$10,7,0)+IF('Standard Profiles'!$G$21=$B$17,14,0)+IF('Standard Profiles'!$G$21=$B$24,21,0),0)),0)</f>
        <v>0.72481295810105928</v>
      </c>
      <c r="H3897" cm="1">
        <f t="array" ref="H3897">IFERROR(INDEX(Jesper!AL$2:AL$366,ROUNDDOWN($C3897/24,0)+1,1)*INDEX($D$3:$AA$30,INDEX(Jesper!$R$2:$R$366,ROW(INDEX(Jesper!AL$2:AL$366,ROUNDDOWN($C3897/24,0)+1,1))-1)+IF('Standard Profiles'!$G$22=$B$10,7,0)+IF('Standard Profiles'!$G$22=$B$17,14,0)+IF('Standard Profiles'!$G$22=$B$24,21,0),MOD($C3897,24)+1)/SUM(INDEX($D$3:$AA$30,INDEX(Jesper!$R$2:$R$366,ROW(INDEX(Jesper!AL$2:AL$366,ROUNDDOWN($C3897/24,0)+1,1))-1)+IF('Standard Profiles'!$G$22=$B$10,7,0)+IF('Standard Profiles'!$G$22=$B$17,14,0)+IF('Standard Profiles'!$G$22=$B$24,21,0),0)),0)</f>
        <v>0.19493797263595805</v>
      </c>
      <c r="I3897">
        <f t="shared" si="440"/>
        <v>0.18714045373051982</v>
      </c>
      <c r="J3897">
        <f t="shared" si="441"/>
        <v>4.3481498930720868</v>
      </c>
      <c r="K3897">
        <f t="shared" si="442"/>
        <v>0.21813004322530449</v>
      </c>
      <c r="L3897">
        <f t="shared" si="443"/>
        <v>0.10906502161265225</v>
      </c>
      <c r="M3897">
        <f t="shared" si="444"/>
        <v>0</v>
      </c>
      <c r="N3897" s="45">
        <f t="shared" si="445"/>
        <v>45087.958333323964</v>
      </c>
    </row>
    <row r="3898" spans="2:14" x14ac:dyDescent="0.25">
      <c r="B3898">
        <f t="shared" si="439"/>
        <v>7</v>
      </c>
      <c r="C3898" s="16">
        <v>3864</v>
      </c>
      <c r="D3898" cm="1">
        <f t="array" ref="D3898">IFERROR(INDEX(Jesper!AH$2:AH$366,ROUNDDOWN($C3898/24,0)+1,1)*INDEX($D$3:$AA$30,INDEX(Jesper!$R$2:$R$366,ROW(INDEX(Jesper!AH$2:AH$366,ROUNDDOWN($C3898/24,0)+1,1))-1)+IF('Standard Profiles'!$G$18=$B$10,7,0)+IF('Standard Profiles'!$G$18=$B$17,14,0)+IF('Standard Profiles'!$G$18=$B$24,21,0),MOD($C3898,24)+1)/SUM(INDEX($D$3:$AA$30,INDEX(Jesper!$R$2:$R$366,ROW(INDEX(Jesper!AH$2:AH$366,ROUNDDOWN($C3898/24,0)+1,1))-1)+IF('Standard Profiles'!$G$18=$B$10,7,0)+IF('Standard Profiles'!$G$18=$B$17,14,0)+IF('Standard Profiles'!$G$18=$B$24,21,0),0)),0)</f>
        <v>0</v>
      </c>
      <c r="E3898" cm="1">
        <f t="array" ref="E3898">IFERROR(INDEX(Jesper!AI$2:AI$366,ROUNDDOWN($C3898/24,0)+1,1)*INDEX($D$3:$AA$30,INDEX(Jesper!$R$2:$R$366,ROW(INDEX(Jesper!AI$2:AI$366,ROUNDDOWN($C3898/24,0)+1,1))-1)+IF('Standard Profiles'!$G$19=$B$10,7,0)+IF('Standard Profiles'!$G$19=$B$17,14,0)+IF('Standard Profiles'!$G$19=$B$24,21,0),MOD($C3898,24)+1)/SUM(INDEX($D$3:$AA$30,INDEX(Jesper!$R$2:$R$366,ROW(INDEX(Jesper!AI$2:AI$366,ROUNDDOWN($C3898/24,0)+1,1))-1)+IF('Standard Profiles'!$G$19=$B$10,7,0)+IF('Standard Profiles'!$G$19=$B$17,14,0)+IF('Standard Profiles'!$G$19=$B$24,21,0),0)),0)</f>
        <v>2.7466892103681455</v>
      </c>
      <c r="F3898" cm="1">
        <f t="array" ref="F3898">IFERROR(INDEX(Jesper!AJ$2:AJ$366,ROUNDDOWN($C3898/24,0)+1,1)*INDEX($D$3:$AA$30,INDEX(Jesper!$R$2:$R$366,ROW(INDEX(Jesper!AJ$2:AJ$366,ROUNDDOWN($C3898/24,0)+1,1))-1)+IF('Standard Profiles'!$G$20=$B$10,7,0)+IF('Standard Profiles'!$G$20=$B$17,14,0)+IF('Standard Profiles'!$G$20=$B$24,21,0),MOD($C3898,24)+1)/SUM(INDEX($D$3:$AA$30,INDEX(Jesper!$R$2:$R$366,ROW(INDEX(Jesper!AJ$2:AJ$366,ROUNDDOWN($C3898/24,0)+1,1))-1)+IF('Standard Profiles'!$G$20=$B$10,7,0)+IF('Standard Profiles'!$G$20=$B$17,14,0)+IF('Standard Profiles'!$G$20=$B$24,21,0),0)),0)</f>
        <v>1.2696287140866476</v>
      </c>
      <c r="G3898" cm="1">
        <f t="array" ref="G3898">IFERROR(INDEX(Jesper!AK$2:AK$366,ROUNDDOWN($C3898/24,0)+1,1)*INDEX($D$3:$AA$30,INDEX(Jesper!$R$2:$R$366,ROW(INDEX(Jesper!AK$2:AK$366,ROUNDDOWN($C3898/24,0)+1,1))-1)+IF('Standard Profiles'!$G$21=$B$10,7,0)+IF('Standard Profiles'!$G$21=$B$17,14,0)+IF('Standard Profiles'!$G$21=$B$24,21,0),MOD($C3898,24)+1)/SUM(INDEX($D$3:$AA$30,INDEX(Jesper!$R$2:$R$366,ROW(INDEX(Jesper!AK$2:AK$366,ROUNDDOWN($C3898/24,0)+1,1))-1)+IF('Standard Profiles'!$G$21=$B$10,7,0)+IF('Standard Profiles'!$G$21=$B$17,14,0)+IF('Standard Profiles'!$G$21=$B$24,21,0),0)),0)</f>
        <v>0.78312647051591056</v>
      </c>
      <c r="H3898" cm="1">
        <f t="array" ref="H3898">IFERROR(INDEX(Jesper!AL$2:AL$366,ROUNDDOWN($C3898/24,0)+1,1)*INDEX($D$3:$AA$30,INDEX(Jesper!$R$2:$R$366,ROW(INDEX(Jesper!AL$2:AL$366,ROUNDDOWN($C3898/24,0)+1,1))-1)+IF('Standard Profiles'!$G$22=$B$10,7,0)+IF('Standard Profiles'!$G$22=$B$17,14,0)+IF('Standard Profiles'!$G$22=$B$24,21,0),MOD($C3898,24)+1)/SUM(INDEX($D$3:$AA$30,INDEX(Jesper!$R$2:$R$366,ROW(INDEX(Jesper!AL$2:AL$366,ROUNDDOWN($C3898/24,0)+1,1))-1)+IF('Standard Profiles'!$G$22=$B$10,7,0)+IF('Standard Profiles'!$G$22=$B$17,14,0)+IF('Standard Profiles'!$G$22=$B$24,21,0),0)),0)</f>
        <v>0.25599242922341248</v>
      </c>
      <c r="I3898">
        <f t="shared" si="440"/>
        <v>0.24575273205447612</v>
      </c>
      <c r="J3898">
        <f t="shared" si="441"/>
        <v>4.4800813868954625</v>
      </c>
      <c r="K3898">
        <f t="shared" si="442"/>
        <v>0.21973513682945164</v>
      </c>
      <c r="L3898">
        <f t="shared" si="443"/>
        <v>0.10986756841472582</v>
      </c>
      <c r="M3898">
        <f t="shared" si="444"/>
        <v>0</v>
      </c>
      <c r="N3898" s="45">
        <f t="shared" si="445"/>
        <v>45087.999999990629</v>
      </c>
    </row>
    <row r="3899" spans="2:14" x14ac:dyDescent="0.25">
      <c r="B3899">
        <f t="shared" si="439"/>
        <v>7</v>
      </c>
      <c r="C3899" s="16">
        <v>3865</v>
      </c>
      <c r="D3899" cm="1">
        <f t="array" ref="D3899">IFERROR(INDEX(Jesper!AH$2:AH$366,ROUNDDOWN($C3899/24,0)+1,1)*INDEX($D$3:$AA$30,INDEX(Jesper!$R$2:$R$366,ROW(INDEX(Jesper!AH$2:AH$366,ROUNDDOWN($C3899/24,0)+1,1))-1)+IF('Standard Profiles'!$G$18=$B$10,7,0)+IF('Standard Profiles'!$G$18=$B$17,14,0)+IF('Standard Profiles'!$G$18=$B$24,21,0),MOD($C3899,24)+1)/SUM(INDEX($D$3:$AA$30,INDEX(Jesper!$R$2:$R$366,ROW(INDEX(Jesper!AH$2:AH$366,ROUNDDOWN($C3899/24,0)+1,1))-1)+IF('Standard Profiles'!$G$18=$B$10,7,0)+IF('Standard Profiles'!$G$18=$B$17,14,0)+IF('Standard Profiles'!$G$18=$B$24,21,0),0)),0)</f>
        <v>0</v>
      </c>
      <c r="E3899" cm="1">
        <f t="array" ref="E3899">IFERROR(INDEX(Jesper!AI$2:AI$366,ROUNDDOWN($C3899/24,0)+1,1)*INDEX($D$3:$AA$30,INDEX(Jesper!$R$2:$R$366,ROW(INDEX(Jesper!AI$2:AI$366,ROUNDDOWN($C3899/24,0)+1,1))-1)+IF('Standard Profiles'!$G$19=$B$10,7,0)+IF('Standard Profiles'!$G$19=$B$17,14,0)+IF('Standard Profiles'!$G$19=$B$24,21,0),MOD($C3899,24)+1)/SUM(INDEX($D$3:$AA$30,INDEX(Jesper!$R$2:$R$366,ROW(INDEX(Jesper!AI$2:AI$366,ROUNDDOWN($C3899/24,0)+1,1))-1)+IF('Standard Profiles'!$G$19=$B$10,7,0)+IF('Standard Profiles'!$G$19=$B$17,14,0)+IF('Standard Profiles'!$G$19=$B$24,21,0),0)),0)</f>
        <v>2.7466892103681455</v>
      </c>
      <c r="F3899" cm="1">
        <f t="array" ref="F3899">IFERROR(INDEX(Jesper!AJ$2:AJ$366,ROUNDDOWN($C3899/24,0)+1,1)*INDEX($D$3:$AA$30,INDEX(Jesper!$R$2:$R$366,ROW(INDEX(Jesper!AJ$2:AJ$366,ROUNDDOWN($C3899/24,0)+1,1))-1)+IF('Standard Profiles'!$G$20=$B$10,7,0)+IF('Standard Profiles'!$G$20=$B$17,14,0)+IF('Standard Profiles'!$G$20=$B$24,21,0),MOD($C3899,24)+1)/SUM(INDEX($D$3:$AA$30,INDEX(Jesper!$R$2:$R$366,ROW(INDEX(Jesper!AJ$2:AJ$366,ROUNDDOWN($C3899/24,0)+1,1))-1)+IF('Standard Profiles'!$G$20=$B$10,7,0)+IF('Standard Profiles'!$G$20=$B$17,14,0)+IF('Standard Profiles'!$G$20=$B$24,21,0),0)),0)</f>
        <v>1.2696287140866476</v>
      </c>
      <c r="G3899" cm="1">
        <f t="array" ref="G3899">IFERROR(INDEX(Jesper!AK$2:AK$366,ROUNDDOWN($C3899/24,0)+1,1)*INDEX($D$3:$AA$30,INDEX(Jesper!$R$2:$R$366,ROW(INDEX(Jesper!AK$2:AK$366,ROUNDDOWN($C3899/24,0)+1,1))-1)+IF('Standard Profiles'!$G$21=$B$10,7,0)+IF('Standard Profiles'!$G$21=$B$17,14,0)+IF('Standard Profiles'!$G$21=$B$24,21,0),MOD($C3899,24)+1)/SUM(INDEX($D$3:$AA$30,INDEX(Jesper!$R$2:$R$366,ROW(INDEX(Jesper!AK$2:AK$366,ROUNDDOWN($C3899/24,0)+1,1))-1)+IF('Standard Profiles'!$G$21=$B$10,7,0)+IF('Standard Profiles'!$G$21=$B$17,14,0)+IF('Standard Profiles'!$G$21=$B$24,21,0),0)),0)</f>
        <v>0.78312647051591056</v>
      </c>
      <c r="H3899" cm="1">
        <f t="array" ref="H3899">IFERROR(INDEX(Jesper!AL$2:AL$366,ROUNDDOWN($C3899/24,0)+1,1)*INDEX($D$3:$AA$30,INDEX(Jesper!$R$2:$R$366,ROW(INDEX(Jesper!AL$2:AL$366,ROUNDDOWN($C3899/24,0)+1,1))-1)+IF('Standard Profiles'!$G$22=$B$10,7,0)+IF('Standard Profiles'!$G$22=$B$17,14,0)+IF('Standard Profiles'!$G$22=$B$24,21,0),MOD($C3899,24)+1)/SUM(INDEX($D$3:$AA$30,INDEX(Jesper!$R$2:$R$366,ROW(INDEX(Jesper!AL$2:AL$366,ROUNDDOWN($C3899/24,0)+1,1))-1)+IF('Standard Profiles'!$G$22=$B$10,7,0)+IF('Standard Profiles'!$G$22=$B$17,14,0)+IF('Standard Profiles'!$G$22=$B$24,21,0),0)),0)</f>
        <v>0.29728153071105962</v>
      </c>
      <c r="I3899">
        <f t="shared" si="440"/>
        <v>0.28539026948261736</v>
      </c>
      <c r="J3899">
        <f t="shared" si="441"/>
        <v>4.4817329509549682</v>
      </c>
      <c r="K3899">
        <f t="shared" si="442"/>
        <v>0.21973513682945164</v>
      </c>
      <c r="L3899">
        <f t="shared" si="443"/>
        <v>0.10986756841472582</v>
      </c>
      <c r="M3899">
        <f t="shared" si="444"/>
        <v>0</v>
      </c>
      <c r="N3899" s="45">
        <f t="shared" si="445"/>
        <v>45088.041666657293</v>
      </c>
    </row>
    <row r="3900" spans="2:14" x14ac:dyDescent="0.25">
      <c r="B3900">
        <f t="shared" si="439"/>
        <v>7</v>
      </c>
      <c r="C3900" s="16">
        <v>3866</v>
      </c>
      <c r="D3900" cm="1">
        <f t="array" ref="D3900">IFERROR(INDEX(Jesper!AH$2:AH$366,ROUNDDOWN($C3900/24,0)+1,1)*INDEX($D$3:$AA$30,INDEX(Jesper!$R$2:$R$366,ROW(INDEX(Jesper!AH$2:AH$366,ROUNDDOWN($C3900/24,0)+1,1))-1)+IF('Standard Profiles'!$G$18=$B$10,7,0)+IF('Standard Profiles'!$G$18=$B$17,14,0)+IF('Standard Profiles'!$G$18=$B$24,21,0),MOD($C3900,24)+1)/SUM(INDEX($D$3:$AA$30,INDEX(Jesper!$R$2:$R$366,ROW(INDEX(Jesper!AH$2:AH$366,ROUNDDOWN($C3900/24,0)+1,1))-1)+IF('Standard Profiles'!$G$18=$B$10,7,0)+IF('Standard Profiles'!$G$18=$B$17,14,0)+IF('Standard Profiles'!$G$18=$B$24,21,0),0)),0)</f>
        <v>0</v>
      </c>
      <c r="E3900" cm="1">
        <f t="array" ref="E3900">IFERROR(INDEX(Jesper!AI$2:AI$366,ROUNDDOWN($C3900/24,0)+1,1)*INDEX($D$3:$AA$30,INDEX(Jesper!$R$2:$R$366,ROW(INDEX(Jesper!AI$2:AI$366,ROUNDDOWN($C3900/24,0)+1,1))-1)+IF('Standard Profiles'!$G$19=$B$10,7,0)+IF('Standard Profiles'!$G$19=$B$17,14,0)+IF('Standard Profiles'!$G$19=$B$24,21,0),MOD($C3900,24)+1)/SUM(INDEX($D$3:$AA$30,INDEX(Jesper!$R$2:$R$366,ROW(INDEX(Jesper!AI$2:AI$366,ROUNDDOWN($C3900/24,0)+1,1))-1)+IF('Standard Profiles'!$G$19=$B$10,7,0)+IF('Standard Profiles'!$G$19=$B$17,14,0)+IF('Standard Profiles'!$G$19=$B$24,21,0),0)),0)</f>
        <v>2.7466892103681455</v>
      </c>
      <c r="F3900" cm="1">
        <f t="array" ref="F3900">IFERROR(INDEX(Jesper!AJ$2:AJ$366,ROUNDDOWN($C3900/24,0)+1,1)*INDEX($D$3:$AA$30,INDEX(Jesper!$R$2:$R$366,ROW(INDEX(Jesper!AJ$2:AJ$366,ROUNDDOWN($C3900/24,0)+1,1))-1)+IF('Standard Profiles'!$G$20=$B$10,7,0)+IF('Standard Profiles'!$G$20=$B$17,14,0)+IF('Standard Profiles'!$G$20=$B$24,21,0),MOD($C3900,24)+1)/SUM(INDEX($D$3:$AA$30,INDEX(Jesper!$R$2:$R$366,ROW(INDEX(Jesper!AJ$2:AJ$366,ROUNDDOWN($C3900/24,0)+1,1))-1)+IF('Standard Profiles'!$G$20=$B$10,7,0)+IF('Standard Profiles'!$G$20=$B$17,14,0)+IF('Standard Profiles'!$G$20=$B$24,21,0),0)),0)</f>
        <v>1.2696287140866476</v>
      </c>
      <c r="G3900" cm="1">
        <f t="array" ref="G3900">IFERROR(INDEX(Jesper!AK$2:AK$366,ROUNDDOWN($C3900/24,0)+1,1)*INDEX($D$3:$AA$30,INDEX(Jesper!$R$2:$R$366,ROW(INDEX(Jesper!AK$2:AK$366,ROUNDDOWN($C3900/24,0)+1,1))-1)+IF('Standard Profiles'!$G$21=$B$10,7,0)+IF('Standard Profiles'!$G$21=$B$17,14,0)+IF('Standard Profiles'!$G$21=$B$24,21,0),MOD($C3900,24)+1)/SUM(INDEX($D$3:$AA$30,INDEX(Jesper!$R$2:$R$366,ROW(INDEX(Jesper!AK$2:AK$366,ROUNDDOWN($C3900/24,0)+1,1))-1)+IF('Standard Profiles'!$G$21=$B$10,7,0)+IF('Standard Profiles'!$G$21=$B$17,14,0)+IF('Standard Profiles'!$G$21=$B$24,21,0),0)),0)</f>
        <v>0.78312647051591056</v>
      </c>
      <c r="H3900" cm="1">
        <f t="array" ref="H3900">IFERROR(INDEX(Jesper!AL$2:AL$366,ROUNDDOWN($C3900/24,0)+1,1)*INDEX($D$3:$AA$30,INDEX(Jesper!$R$2:$R$366,ROW(INDEX(Jesper!AL$2:AL$366,ROUNDDOWN($C3900/24,0)+1,1))-1)+IF('Standard Profiles'!$G$22=$B$10,7,0)+IF('Standard Profiles'!$G$22=$B$17,14,0)+IF('Standard Profiles'!$G$22=$B$24,21,0),MOD($C3900,24)+1)/SUM(INDEX($D$3:$AA$30,INDEX(Jesper!$R$2:$R$366,ROW(INDEX(Jesper!AL$2:AL$366,ROUNDDOWN($C3900/24,0)+1,1))-1)+IF('Standard Profiles'!$G$22=$B$10,7,0)+IF('Standard Profiles'!$G$22=$B$17,14,0)+IF('Standard Profiles'!$G$22=$B$24,21,0),0)),0)</f>
        <v>0.29728153071105962</v>
      </c>
      <c r="I3900">
        <f t="shared" si="440"/>
        <v>0.28539026948261736</v>
      </c>
      <c r="J3900">
        <f t="shared" si="441"/>
        <v>4.4817329509549682</v>
      </c>
      <c r="K3900">
        <f t="shared" si="442"/>
        <v>0.21973513682945164</v>
      </c>
      <c r="L3900">
        <f t="shared" si="443"/>
        <v>0.10986756841472582</v>
      </c>
      <c r="M3900">
        <f t="shared" si="444"/>
        <v>0</v>
      </c>
      <c r="N3900" s="45">
        <f t="shared" si="445"/>
        <v>45088.083333323957</v>
      </c>
    </row>
    <row r="3901" spans="2:14" x14ac:dyDescent="0.25">
      <c r="B3901">
        <f t="shared" si="439"/>
        <v>7</v>
      </c>
      <c r="C3901" s="16">
        <v>3867</v>
      </c>
      <c r="D3901" cm="1">
        <f t="array" ref="D3901">IFERROR(INDEX(Jesper!AH$2:AH$366,ROUNDDOWN($C3901/24,0)+1,1)*INDEX($D$3:$AA$30,INDEX(Jesper!$R$2:$R$366,ROW(INDEX(Jesper!AH$2:AH$366,ROUNDDOWN($C3901/24,0)+1,1))-1)+IF('Standard Profiles'!$G$18=$B$10,7,0)+IF('Standard Profiles'!$G$18=$B$17,14,0)+IF('Standard Profiles'!$G$18=$B$24,21,0),MOD($C3901,24)+1)/SUM(INDEX($D$3:$AA$30,INDEX(Jesper!$R$2:$R$366,ROW(INDEX(Jesper!AH$2:AH$366,ROUNDDOWN($C3901/24,0)+1,1))-1)+IF('Standard Profiles'!$G$18=$B$10,7,0)+IF('Standard Profiles'!$G$18=$B$17,14,0)+IF('Standard Profiles'!$G$18=$B$24,21,0),0)),0)</f>
        <v>0</v>
      </c>
      <c r="E3901" cm="1">
        <f t="array" ref="E3901">IFERROR(INDEX(Jesper!AI$2:AI$366,ROUNDDOWN($C3901/24,0)+1,1)*INDEX($D$3:$AA$30,INDEX(Jesper!$R$2:$R$366,ROW(INDEX(Jesper!AI$2:AI$366,ROUNDDOWN($C3901/24,0)+1,1))-1)+IF('Standard Profiles'!$G$19=$B$10,7,0)+IF('Standard Profiles'!$G$19=$B$17,14,0)+IF('Standard Profiles'!$G$19=$B$24,21,0),MOD($C3901,24)+1)/SUM(INDEX($D$3:$AA$30,INDEX(Jesper!$R$2:$R$366,ROW(INDEX(Jesper!AI$2:AI$366,ROUNDDOWN($C3901/24,0)+1,1))-1)+IF('Standard Profiles'!$G$19=$B$10,7,0)+IF('Standard Profiles'!$G$19=$B$17,14,0)+IF('Standard Profiles'!$G$19=$B$24,21,0),0)),0)</f>
        <v>2.7466892103681455</v>
      </c>
      <c r="F3901" cm="1">
        <f t="array" ref="F3901">IFERROR(INDEX(Jesper!AJ$2:AJ$366,ROUNDDOWN($C3901/24,0)+1,1)*INDEX($D$3:$AA$30,INDEX(Jesper!$R$2:$R$366,ROW(INDEX(Jesper!AJ$2:AJ$366,ROUNDDOWN($C3901/24,0)+1,1))-1)+IF('Standard Profiles'!$G$20=$B$10,7,0)+IF('Standard Profiles'!$G$20=$B$17,14,0)+IF('Standard Profiles'!$G$20=$B$24,21,0),MOD($C3901,24)+1)/SUM(INDEX($D$3:$AA$30,INDEX(Jesper!$R$2:$R$366,ROW(INDEX(Jesper!AJ$2:AJ$366,ROUNDDOWN($C3901/24,0)+1,1))-1)+IF('Standard Profiles'!$G$20=$B$10,7,0)+IF('Standard Profiles'!$G$20=$B$17,14,0)+IF('Standard Profiles'!$G$20=$B$24,21,0),0)),0)</f>
        <v>1.2696287140866476</v>
      </c>
      <c r="G3901" cm="1">
        <f t="array" ref="G3901">IFERROR(INDEX(Jesper!AK$2:AK$366,ROUNDDOWN($C3901/24,0)+1,1)*INDEX($D$3:$AA$30,INDEX(Jesper!$R$2:$R$366,ROW(INDEX(Jesper!AK$2:AK$366,ROUNDDOWN($C3901/24,0)+1,1))-1)+IF('Standard Profiles'!$G$21=$B$10,7,0)+IF('Standard Profiles'!$G$21=$B$17,14,0)+IF('Standard Profiles'!$G$21=$B$24,21,0),MOD($C3901,24)+1)/SUM(INDEX($D$3:$AA$30,INDEX(Jesper!$R$2:$R$366,ROW(INDEX(Jesper!AK$2:AK$366,ROUNDDOWN($C3901/24,0)+1,1))-1)+IF('Standard Profiles'!$G$21=$B$10,7,0)+IF('Standard Profiles'!$G$21=$B$17,14,0)+IF('Standard Profiles'!$G$21=$B$24,21,0),0)),0)</f>
        <v>0.78312647051591056</v>
      </c>
      <c r="H3901" cm="1">
        <f t="array" ref="H3901">IFERROR(INDEX(Jesper!AL$2:AL$366,ROUNDDOWN($C3901/24,0)+1,1)*INDEX($D$3:$AA$30,INDEX(Jesper!$R$2:$R$366,ROW(INDEX(Jesper!AL$2:AL$366,ROUNDDOWN($C3901/24,0)+1,1))-1)+IF('Standard Profiles'!$G$22=$B$10,7,0)+IF('Standard Profiles'!$G$22=$B$17,14,0)+IF('Standard Profiles'!$G$22=$B$24,21,0),MOD($C3901,24)+1)/SUM(INDEX($D$3:$AA$30,INDEX(Jesper!$R$2:$R$366,ROW(INDEX(Jesper!AL$2:AL$366,ROUNDDOWN($C3901/24,0)+1,1))-1)+IF('Standard Profiles'!$G$22=$B$10,7,0)+IF('Standard Profiles'!$G$22=$B$17,14,0)+IF('Standard Profiles'!$G$22=$B$24,21,0),0)),0)</f>
        <v>0.29728153071105962</v>
      </c>
      <c r="I3901">
        <f t="shared" si="440"/>
        <v>0.28539026948261736</v>
      </c>
      <c r="J3901">
        <f t="shared" si="441"/>
        <v>4.4817329509549682</v>
      </c>
      <c r="K3901">
        <f t="shared" si="442"/>
        <v>0.21973513682945164</v>
      </c>
      <c r="L3901">
        <f t="shared" si="443"/>
        <v>0.10986756841472582</v>
      </c>
      <c r="M3901">
        <f t="shared" si="444"/>
        <v>0</v>
      </c>
      <c r="N3901" s="45">
        <f t="shared" si="445"/>
        <v>45088.124999990621</v>
      </c>
    </row>
    <row r="3902" spans="2:14" x14ac:dyDescent="0.25">
      <c r="B3902">
        <f t="shared" si="439"/>
        <v>7</v>
      </c>
      <c r="C3902" s="16">
        <v>3868</v>
      </c>
      <c r="D3902" cm="1">
        <f t="array" ref="D3902">IFERROR(INDEX(Jesper!AH$2:AH$366,ROUNDDOWN($C3902/24,0)+1,1)*INDEX($D$3:$AA$30,INDEX(Jesper!$R$2:$R$366,ROW(INDEX(Jesper!AH$2:AH$366,ROUNDDOWN($C3902/24,0)+1,1))-1)+IF('Standard Profiles'!$G$18=$B$10,7,0)+IF('Standard Profiles'!$G$18=$B$17,14,0)+IF('Standard Profiles'!$G$18=$B$24,21,0),MOD($C3902,24)+1)/SUM(INDEX($D$3:$AA$30,INDEX(Jesper!$R$2:$R$366,ROW(INDEX(Jesper!AH$2:AH$366,ROUNDDOWN($C3902/24,0)+1,1))-1)+IF('Standard Profiles'!$G$18=$B$10,7,0)+IF('Standard Profiles'!$G$18=$B$17,14,0)+IF('Standard Profiles'!$G$18=$B$24,21,0),0)),0)</f>
        <v>0</v>
      </c>
      <c r="E3902" cm="1">
        <f t="array" ref="E3902">IFERROR(INDEX(Jesper!AI$2:AI$366,ROUNDDOWN($C3902/24,0)+1,1)*INDEX($D$3:$AA$30,INDEX(Jesper!$R$2:$R$366,ROW(INDEX(Jesper!AI$2:AI$366,ROUNDDOWN($C3902/24,0)+1,1))-1)+IF('Standard Profiles'!$G$19=$B$10,7,0)+IF('Standard Profiles'!$G$19=$B$17,14,0)+IF('Standard Profiles'!$G$19=$B$24,21,0),MOD($C3902,24)+1)/SUM(INDEX($D$3:$AA$30,INDEX(Jesper!$R$2:$R$366,ROW(INDEX(Jesper!AI$2:AI$366,ROUNDDOWN($C3902/24,0)+1,1))-1)+IF('Standard Profiles'!$G$19=$B$10,7,0)+IF('Standard Profiles'!$G$19=$B$17,14,0)+IF('Standard Profiles'!$G$19=$B$24,21,0),0)),0)</f>
        <v>2.7466892103681455</v>
      </c>
      <c r="F3902" cm="1">
        <f t="array" ref="F3902">IFERROR(INDEX(Jesper!AJ$2:AJ$366,ROUNDDOWN($C3902/24,0)+1,1)*INDEX($D$3:$AA$30,INDEX(Jesper!$R$2:$R$366,ROW(INDEX(Jesper!AJ$2:AJ$366,ROUNDDOWN($C3902/24,0)+1,1))-1)+IF('Standard Profiles'!$G$20=$B$10,7,0)+IF('Standard Profiles'!$G$20=$B$17,14,0)+IF('Standard Profiles'!$G$20=$B$24,21,0),MOD($C3902,24)+1)/SUM(INDEX($D$3:$AA$30,INDEX(Jesper!$R$2:$R$366,ROW(INDEX(Jesper!AJ$2:AJ$366,ROUNDDOWN($C3902/24,0)+1,1))-1)+IF('Standard Profiles'!$G$20=$B$10,7,0)+IF('Standard Profiles'!$G$20=$B$17,14,0)+IF('Standard Profiles'!$G$20=$B$24,21,0),0)),0)</f>
        <v>1.2696287140866476</v>
      </c>
      <c r="G3902" cm="1">
        <f t="array" ref="G3902">IFERROR(INDEX(Jesper!AK$2:AK$366,ROUNDDOWN($C3902/24,0)+1,1)*INDEX($D$3:$AA$30,INDEX(Jesper!$R$2:$R$366,ROW(INDEX(Jesper!AK$2:AK$366,ROUNDDOWN($C3902/24,0)+1,1))-1)+IF('Standard Profiles'!$G$21=$B$10,7,0)+IF('Standard Profiles'!$G$21=$B$17,14,0)+IF('Standard Profiles'!$G$21=$B$24,21,0),MOD($C3902,24)+1)/SUM(INDEX($D$3:$AA$30,INDEX(Jesper!$R$2:$R$366,ROW(INDEX(Jesper!AK$2:AK$366,ROUNDDOWN($C3902/24,0)+1,1))-1)+IF('Standard Profiles'!$G$21=$B$10,7,0)+IF('Standard Profiles'!$G$21=$B$17,14,0)+IF('Standard Profiles'!$G$21=$B$24,21,0),0)),0)</f>
        <v>0.78312647051591056</v>
      </c>
      <c r="H3902" cm="1">
        <f t="array" ref="H3902">IFERROR(INDEX(Jesper!AL$2:AL$366,ROUNDDOWN($C3902/24,0)+1,1)*INDEX($D$3:$AA$30,INDEX(Jesper!$R$2:$R$366,ROW(INDEX(Jesper!AL$2:AL$366,ROUNDDOWN($C3902/24,0)+1,1))-1)+IF('Standard Profiles'!$G$22=$B$10,7,0)+IF('Standard Profiles'!$G$22=$B$17,14,0)+IF('Standard Profiles'!$G$22=$B$24,21,0),MOD($C3902,24)+1)/SUM(INDEX($D$3:$AA$30,INDEX(Jesper!$R$2:$R$366,ROW(INDEX(Jesper!AL$2:AL$366,ROUNDDOWN($C3902/24,0)+1,1))-1)+IF('Standard Profiles'!$G$22=$B$10,7,0)+IF('Standard Profiles'!$G$22=$B$17,14,0)+IF('Standard Profiles'!$G$22=$B$24,21,0),0)),0)</f>
        <v>0.29728153071105962</v>
      </c>
      <c r="I3902">
        <f t="shared" si="440"/>
        <v>0.28539026948261736</v>
      </c>
      <c r="J3902">
        <f t="shared" si="441"/>
        <v>4.4817329509549682</v>
      </c>
      <c r="K3902">
        <f t="shared" si="442"/>
        <v>0.21973513682945164</v>
      </c>
      <c r="L3902">
        <f t="shared" si="443"/>
        <v>0.10986756841472582</v>
      </c>
      <c r="M3902">
        <f t="shared" si="444"/>
        <v>0</v>
      </c>
      <c r="N3902" s="45">
        <f t="shared" si="445"/>
        <v>45088.166666657286</v>
      </c>
    </row>
    <row r="3903" spans="2:14" x14ac:dyDescent="0.25">
      <c r="B3903">
        <f t="shared" si="439"/>
        <v>7</v>
      </c>
      <c r="C3903" s="16">
        <v>3869</v>
      </c>
      <c r="D3903" cm="1">
        <f t="array" ref="D3903">IFERROR(INDEX(Jesper!AH$2:AH$366,ROUNDDOWN($C3903/24,0)+1,1)*INDEX($D$3:$AA$30,INDEX(Jesper!$R$2:$R$366,ROW(INDEX(Jesper!AH$2:AH$366,ROUNDDOWN($C3903/24,0)+1,1))-1)+IF('Standard Profiles'!$G$18=$B$10,7,0)+IF('Standard Profiles'!$G$18=$B$17,14,0)+IF('Standard Profiles'!$G$18=$B$24,21,0),MOD($C3903,24)+1)/SUM(INDEX($D$3:$AA$30,INDEX(Jesper!$R$2:$R$366,ROW(INDEX(Jesper!AH$2:AH$366,ROUNDDOWN($C3903/24,0)+1,1))-1)+IF('Standard Profiles'!$G$18=$B$10,7,0)+IF('Standard Profiles'!$G$18=$B$17,14,0)+IF('Standard Profiles'!$G$18=$B$24,21,0),0)),0)</f>
        <v>0</v>
      </c>
      <c r="E3903" cm="1">
        <f t="array" ref="E3903">IFERROR(INDEX(Jesper!AI$2:AI$366,ROUNDDOWN($C3903/24,0)+1,1)*INDEX($D$3:$AA$30,INDEX(Jesper!$R$2:$R$366,ROW(INDEX(Jesper!AI$2:AI$366,ROUNDDOWN($C3903/24,0)+1,1))-1)+IF('Standard Profiles'!$G$19=$B$10,7,0)+IF('Standard Profiles'!$G$19=$B$17,14,0)+IF('Standard Profiles'!$G$19=$B$24,21,0),MOD($C3903,24)+1)/SUM(INDEX($D$3:$AA$30,INDEX(Jesper!$R$2:$R$366,ROW(INDEX(Jesper!AI$2:AI$366,ROUNDDOWN($C3903/24,0)+1,1))-1)+IF('Standard Profiles'!$G$19=$B$10,7,0)+IF('Standard Profiles'!$G$19=$B$17,14,0)+IF('Standard Profiles'!$G$19=$B$24,21,0),0)),0)</f>
        <v>2.7466892103681455</v>
      </c>
      <c r="F3903" cm="1">
        <f t="array" ref="F3903">IFERROR(INDEX(Jesper!AJ$2:AJ$366,ROUNDDOWN($C3903/24,0)+1,1)*INDEX($D$3:$AA$30,INDEX(Jesper!$R$2:$R$366,ROW(INDEX(Jesper!AJ$2:AJ$366,ROUNDDOWN($C3903/24,0)+1,1))-1)+IF('Standard Profiles'!$G$20=$B$10,7,0)+IF('Standard Profiles'!$G$20=$B$17,14,0)+IF('Standard Profiles'!$G$20=$B$24,21,0),MOD($C3903,24)+1)/SUM(INDEX($D$3:$AA$30,INDEX(Jesper!$R$2:$R$366,ROW(INDEX(Jesper!AJ$2:AJ$366,ROUNDDOWN($C3903/24,0)+1,1))-1)+IF('Standard Profiles'!$G$20=$B$10,7,0)+IF('Standard Profiles'!$G$20=$B$17,14,0)+IF('Standard Profiles'!$G$20=$B$24,21,0),0)),0)</f>
        <v>1.2696287140866476</v>
      </c>
      <c r="G3903" cm="1">
        <f t="array" ref="G3903">IFERROR(INDEX(Jesper!AK$2:AK$366,ROUNDDOWN($C3903/24,0)+1,1)*INDEX($D$3:$AA$30,INDEX(Jesper!$R$2:$R$366,ROW(INDEX(Jesper!AK$2:AK$366,ROUNDDOWN($C3903/24,0)+1,1))-1)+IF('Standard Profiles'!$G$21=$B$10,7,0)+IF('Standard Profiles'!$G$21=$B$17,14,0)+IF('Standard Profiles'!$G$21=$B$24,21,0),MOD($C3903,24)+1)/SUM(INDEX($D$3:$AA$30,INDEX(Jesper!$R$2:$R$366,ROW(INDEX(Jesper!AK$2:AK$366,ROUNDDOWN($C3903/24,0)+1,1))-1)+IF('Standard Profiles'!$G$21=$B$10,7,0)+IF('Standard Profiles'!$G$21=$B$17,14,0)+IF('Standard Profiles'!$G$21=$B$24,21,0),0)),0)</f>
        <v>0.78312647051591056</v>
      </c>
      <c r="H3903" cm="1">
        <f t="array" ref="H3903">IFERROR(INDEX(Jesper!AL$2:AL$366,ROUNDDOWN($C3903/24,0)+1,1)*INDEX($D$3:$AA$30,INDEX(Jesper!$R$2:$R$366,ROW(INDEX(Jesper!AL$2:AL$366,ROUNDDOWN($C3903/24,0)+1,1))-1)+IF('Standard Profiles'!$G$22=$B$10,7,0)+IF('Standard Profiles'!$G$22=$B$17,14,0)+IF('Standard Profiles'!$G$22=$B$24,21,0),MOD($C3903,24)+1)/SUM(INDEX($D$3:$AA$30,INDEX(Jesper!$R$2:$R$366,ROW(INDEX(Jesper!AL$2:AL$366,ROUNDDOWN($C3903/24,0)+1,1))-1)+IF('Standard Profiles'!$G$22=$B$10,7,0)+IF('Standard Profiles'!$G$22=$B$17,14,0)+IF('Standard Profiles'!$G$22=$B$24,21,0),0)),0)</f>
        <v>0.37160191338882459</v>
      </c>
      <c r="I3903">
        <f t="shared" si="440"/>
        <v>0.35673783685327182</v>
      </c>
      <c r="J3903">
        <f t="shared" si="441"/>
        <v>4.4847057662620795</v>
      </c>
      <c r="K3903">
        <f t="shared" si="442"/>
        <v>0.21973513682945164</v>
      </c>
      <c r="L3903">
        <f t="shared" si="443"/>
        <v>0.10986756841472582</v>
      </c>
      <c r="M3903">
        <f t="shared" si="444"/>
        <v>0</v>
      </c>
      <c r="N3903" s="45">
        <f t="shared" si="445"/>
        <v>45088.20833332395</v>
      </c>
    </row>
    <row r="3904" spans="2:14" x14ac:dyDescent="0.25">
      <c r="B3904">
        <f t="shared" si="439"/>
        <v>7</v>
      </c>
      <c r="C3904" s="16">
        <v>3870</v>
      </c>
      <c r="D3904" cm="1">
        <f t="array" ref="D3904">IFERROR(INDEX(Jesper!AH$2:AH$366,ROUNDDOWN($C3904/24,0)+1,1)*INDEX($D$3:$AA$30,INDEX(Jesper!$R$2:$R$366,ROW(INDEX(Jesper!AH$2:AH$366,ROUNDDOWN($C3904/24,0)+1,1))-1)+IF('Standard Profiles'!$G$18=$B$10,7,0)+IF('Standard Profiles'!$G$18=$B$17,14,0)+IF('Standard Profiles'!$G$18=$B$24,21,0),MOD($C3904,24)+1)/SUM(INDEX($D$3:$AA$30,INDEX(Jesper!$R$2:$R$366,ROW(INDEX(Jesper!AH$2:AH$366,ROUNDDOWN($C3904/24,0)+1,1))-1)+IF('Standard Profiles'!$G$18=$B$10,7,0)+IF('Standard Profiles'!$G$18=$B$17,14,0)+IF('Standard Profiles'!$G$18=$B$24,21,0),0)),0)</f>
        <v>0</v>
      </c>
      <c r="E3904" cm="1">
        <f t="array" ref="E3904">IFERROR(INDEX(Jesper!AI$2:AI$366,ROUNDDOWN($C3904/24,0)+1,1)*INDEX($D$3:$AA$30,INDEX(Jesper!$R$2:$R$366,ROW(INDEX(Jesper!AI$2:AI$366,ROUNDDOWN($C3904/24,0)+1,1))-1)+IF('Standard Profiles'!$G$19=$B$10,7,0)+IF('Standard Profiles'!$G$19=$B$17,14,0)+IF('Standard Profiles'!$G$19=$B$24,21,0),MOD($C3904,24)+1)/SUM(INDEX($D$3:$AA$30,INDEX(Jesper!$R$2:$R$366,ROW(INDEX(Jesper!AI$2:AI$366,ROUNDDOWN($C3904/24,0)+1,1))-1)+IF('Standard Profiles'!$G$19=$B$10,7,0)+IF('Standard Profiles'!$G$19=$B$17,14,0)+IF('Standard Profiles'!$G$19=$B$24,21,0),0)),0)</f>
        <v>2.7466892103681455</v>
      </c>
      <c r="F3904" cm="1">
        <f t="array" ref="F3904">IFERROR(INDEX(Jesper!AJ$2:AJ$366,ROUNDDOWN($C3904/24,0)+1,1)*INDEX($D$3:$AA$30,INDEX(Jesper!$R$2:$R$366,ROW(INDEX(Jesper!AJ$2:AJ$366,ROUNDDOWN($C3904/24,0)+1,1))-1)+IF('Standard Profiles'!$G$20=$B$10,7,0)+IF('Standard Profiles'!$G$20=$B$17,14,0)+IF('Standard Profiles'!$G$20=$B$24,21,0),MOD($C3904,24)+1)/SUM(INDEX($D$3:$AA$30,INDEX(Jesper!$R$2:$R$366,ROW(INDEX(Jesper!AJ$2:AJ$366,ROUNDDOWN($C3904/24,0)+1,1))-1)+IF('Standard Profiles'!$G$20=$B$10,7,0)+IF('Standard Profiles'!$G$20=$B$17,14,0)+IF('Standard Profiles'!$G$20=$B$24,21,0),0)),0)</f>
        <v>1.2696287140866476</v>
      </c>
      <c r="G3904" cm="1">
        <f t="array" ref="G3904">IFERROR(INDEX(Jesper!AK$2:AK$366,ROUNDDOWN($C3904/24,0)+1,1)*INDEX($D$3:$AA$30,INDEX(Jesper!$R$2:$R$366,ROW(INDEX(Jesper!AK$2:AK$366,ROUNDDOWN($C3904/24,0)+1,1))-1)+IF('Standard Profiles'!$G$21=$B$10,7,0)+IF('Standard Profiles'!$G$21=$B$17,14,0)+IF('Standard Profiles'!$G$21=$B$24,21,0),MOD($C3904,24)+1)/SUM(INDEX($D$3:$AA$30,INDEX(Jesper!$R$2:$R$366,ROW(INDEX(Jesper!AK$2:AK$366,ROUNDDOWN($C3904/24,0)+1,1))-1)+IF('Standard Profiles'!$G$21=$B$10,7,0)+IF('Standard Profiles'!$G$21=$B$17,14,0)+IF('Standard Profiles'!$G$21=$B$24,21,0),0)),0)</f>
        <v>0.78312647051591056</v>
      </c>
      <c r="H3904" cm="1">
        <f t="array" ref="H3904">IFERROR(INDEX(Jesper!AL$2:AL$366,ROUNDDOWN($C3904/24,0)+1,1)*INDEX($D$3:$AA$30,INDEX(Jesper!$R$2:$R$366,ROW(INDEX(Jesper!AL$2:AL$366,ROUNDDOWN($C3904/24,0)+1,1))-1)+IF('Standard Profiles'!$G$22=$B$10,7,0)+IF('Standard Profiles'!$G$22=$B$17,14,0)+IF('Standard Profiles'!$G$22=$B$24,21,0),MOD($C3904,24)+1)/SUM(INDEX($D$3:$AA$30,INDEX(Jesper!$R$2:$R$366,ROW(INDEX(Jesper!AL$2:AL$366,ROUNDDOWN($C3904/24,0)+1,1))-1)+IF('Standard Profiles'!$G$22=$B$10,7,0)+IF('Standard Profiles'!$G$22=$B$17,14,0)+IF('Standard Profiles'!$G$22=$B$24,21,0),0)),0)</f>
        <v>0.43766447576906004</v>
      </c>
      <c r="I3904">
        <f t="shared" si="440"/>
        <v>0.42015789673829784</v>
      </c>
      <c r="J3904">
        <f t="shared" si="441"/>
        <v>4.4873482687572883</v>
      </c>
      <c r="K3904">
        <f t="shared" si="442"/>
        <v>0.21973513682945164</v>
      </c>
      <c r="L3904">
        <f t="shared" si="443"/>
        <v>0.10986756841472582</v>
      </c>
      <c r="M3904">
        <f t="shared" si="444"/>
        <v>0</v>
      </c>
      <c r="N3904" s="45">
        <f t="shared" si="445"/>
        <v>45088.249999990614</v>
      </c>
    </row>
    <row r="3905" spans="2:14" x14ac:dyDescent="0.25">
      <c r="B3905">
        <f t="shared" si="439"/>
        <v>7</v>
      </c>
      <c r="C3905" s="16">
        <v>3871</v>
      </c>
      <c r="D3905" cm="1">
        <f t="array" ref="D3905">IFERROR(INDEX(Jesper!AH$2:AH$366,ROUNDDOWN($C3905/24,0)+1,1)*INDEX($D$3:$AA$30,INDEX(Jesper!$R$2:$R$366,ROW(INDEX(Jesper!AH$2:AH$366,ROUNDDOWN($C3905/24,0)+1,1))-1)+IF('Standard Profiles'!$G$18=$B$10,7,0)+IF('Standard Profiles'!$G$18=$B$17,14,0)+IF('Standard Profiles'!$G$18=$B$24,21,0),MOD($C3905,24)+1)/SUM(INDEX($D$3:$AA$30,INDEX(Jesper!$R$2:$R$366,ROW(INDEX(Jesper!AH$2:AH$366,ROUNDDOWN($C3905/24,0)+1,1))-1)+IF('Standard Profiles'!$G$18=$B$10,7,0)+IF('Standard Profiles'!$G$18=$B$17,14,0)+IF('Standard Profiles'!$G$18=$B$24,21,0),0)),0)</f>
        <v>0</v>
      </c>
      <c r="E3905" cm="1">
        <f t="array" ref="E3905">IFERROR(INDEX(Jesper!AI$2:AI$366,ROUNDDOWN($C3905/24,0)+1,1)*INDEX($D$3:$AA$30,INDEX(Jesper!$R$2:$R$366,ROW(INDEX(Jesper!AI$2:AI$366,ROUNDDOWN($C3905/24,0)+1,1))-1)+IF('Standard Profiles'!$G$19=$B$10,7,0)+IF('Standard Profiles'!$G$19=$B$17,14,0)+IF('Standard Profiles'!$G$19=$B$24,21,0),MOD($C3905,24)+1)/SUM(INDEX($D$3:$AA$30,INDEX(Jesper!$R$2:$R$366,ROW(INDEX(Jesper!AI$2:AI$366,ROUNDDOWN($C3905/24,0)+1,1))-1)+IF('Standard Profiles'!$G$19=$B$10,7,0)+IF('Standard Profiles'!$G$19=$B$17,14,0)+IF('Standard Profiles'!$G$19=$B$24,21,0),0)),0)</f>
        <v>2.7466892103681455</v>
      </c>
      <c r="F3905" cm="1">
        <f t="array" ref="F3905">IFERROR(INDEX(Jesper!AJ$2:AJ$366,ROUNDDOWN($C3905/24,0)+1,1)*INDEX($D$3:$AA$30,INDEX(Jesper!$R$2:$R$366,ROW(INDEX(Jesper!AJ$2:AJ$366,ROUNDDOWN($C3905/24,0)+1,1))-1)+IF('Standard Profiles'!$G$20=$B$10,7,0)+IF('Standard Profiles'!$G$20=$B$17,14,0)+IF('Standard Profiles'!$G$20=$B$24,21,0),MOD($C3905,24)+1)/SUM(INDEX($D$3:$AA$30,INDEX(Jesper!$R$2:$R$366,ROW(INDEX(Jesper!AJ$2:AJ$366,ROUNDDOWN($C3905/24,0)+1,1))-1)+IF('Standard Profiles'!$G$20=$B$10,7,0)+IF('Standard Profiles'!$G$20=$B$17,14,0)+IF('Standard Profiles'!$G$20=$B$24,21,0),0)),0)</f>
        <v>1.2696287140866476</v>
      </c>
      <c r="G3905" cm="1">
        <f t="array" ref="G3905">IFERROR(INDEX(Jesper!AK$2:AK$366,ROUNDDOWN($C3905/24,0)+1,1)*INDEX($D$3:$AA$30,INDEX(Jesper!$R$2:$R$366,ROW(INDEX(Jesper!AK$2:AK$366,ROUNDDOWN($C3905/24,0)+1,1))-1)+IF('Standard Profiles'!$G$21=$B$10,7,0)+IF('Standard Profiles'!$G$21=$B$17,14,0)+IF('Standard Profiles'!$G$21=$B$24,21,0),MOD($C3905,24)+1)/SUM(INDEX($D$3:$AA$30,INDEX(Jesper!$R$2:$R$366,ROW(INDEX(Jesper!AK$2:AK$366,ROUNDDOWN($C3905/24,0)+1,1))-1)+IF('Standard Profiles'!$G$21=$B$10,7,0)+IF('Standard Profiles'!$G$21=$B$17,14,0)+IF('Standard Profiles'!$G$21=$B$24,21,0),0)),0)</f>
        <v>0.78312647051591056</v>
      </c>
      <c r="H3905" cm="1">
        <f t="array" ref="H3905">IFERROR(INDEX(Jesper!AL$2:AL$366,ROUNDDOWN($C3905/24,0)+1,1)*INDEX($D$3:$AA$30,INDEX(Jesper!$R$2:$R$366,ROW(INDEX(Jesper!AL$2:AL$366,ROUNDDOWN($C3905/24,0)+1,1))-1)+IF('Standard Profiles'!$G$22=$B$10,7,0)+IF('Standard Profiles'!$G$22=$B$17,14,0)+IF('Standard Profiles'!$G$22=$B$24,21,0),MOD($C3905,24)+1)/SUM(INDEX($D$3:$AA$30,INDEX(Jesper!$R$2:$R$366,ROW(INDEX(Jesper!AL$2:AL$366,ROUNDDOWN($C3905/24,0)+1,1))-1)+IF('Standard Profiles'!$G$22=$B$10,7,0)+IF('Standard Profiles'!$G$22=$B$17,14,0)+IF('Standard Profiles'!$G$22=$B$24,21,0),0)),0)</f>
        <v>0.52024267874435437</v>
      </c>
      <c r="I3905">
        <f t="shared" si="440"/>
        <v>0.49943297159458044</v>
      </c>
      <c r="J3905">
        <f t="shared" si="441"/>
        <v>4.4906513968763004</v>
      </c>
      <c r="K3905">
        <f t="shared" si="442"/>
        <v>0.21973513682945164</v>
      </c>
      <c r="L3905">
        <f t="shared" si="443"/>
        <v>0.10986756841472582</v>
      </c>
      <c r="M3905">
        <f t="shared" si="444"/>
        <v>0</v>
      </c>
      <c r="N3905" s="45">
        <f t="shared" si="445"/>
        <v>45088.291666657278</v>
      </c>
    </row>
    <row r="3906" spans="2:14" x14ac:dyDescent="0.25">
      <c r="B3906">
        <f t="shared" si="439"/>
        <v>7</v>
      </c>
      <c r="C3906" s="16">
        <v>3872</v>
      </c>
      <c r="D3906" cm="1">
        <f t="array" ref="D3906">IFERROR(INDEX(Jesper!AH$2:AH$366,ROUNDDOWN($C3906/24,0)+1,1)*INDEX($D$3:$AA$30,INDEX(Jesper!$R$2:$R$366,ROW(INDEX(Jesper!AH$2:AH$366,ROUNDDOWN($C3906/24,0)+1,1))-1)+IF('Standard Profiles'!$G$18=$B$10,7,0)+IF('Standard Profiles'!$G$18=$B$17,14,0)+IF('Standard Profiles'!$G$18=$B$24,21,0),MOD($C3906,24)+1)/SUM(INDEX($D$3:$AA$30,INDEX(Jesper!$R$2:$R$366,ROW(INDEX(Jesper!AH$2:AH$366,ROUNDDOWN($C3906/24,0)+1,1))-1)+IF('Standard Profiles'!$G$18=$B$10,7,0)+IF('Standard Profiles'!$G$18=$B$17,14,0)+IF('Standard Profiles'!$G$18=$B$24,21,0),0)),0)</f>
        <v>0</v>
      </c>
      <c r="E3906" cm="1">
        <f t="array" ref="E3906">IFERROR(INDEX(Jesper!AI$2:AI$366,ROUNDDOWN($C3906/24,0)+1,1)*INDEX($D$3:$AA$30,INDEX(Jesper!$R$2:$R$366,ROW(INDEX(Jesper!AI$2:AI$366,ROUNDDOWN($C3906/24,0)+1,1))-1)+IF('Standard Profiles'!$G$19=$B$10,7,0)+IF('Standard Profiles'!$G$19=$B$17,14,0)+IF('Standard Profiles'!$G$19=$B$24,21,0),MOD($C3906,24)+1)/SUM(INDEX($D$3:$AA$30,INDEX(Jesper!$R$2:$R$366,ROW(INDEX(Jesper!AI$2:AI$366,ROUNDDOWN($C3906/24,0)+1,1))-1)+IF('Standard Profiles'!$G$19=$B$10,7,0)+IF('Standard Profiles'!$G$19=$B$17,14,0)+IF('Standard Profiles'!$G$19=$B$24,21,0),0)),0)</f>
        <v>2.7466892103681455</v>
      </c>
      <c r="F3906" cm="1">
        <f t="array" ref="F3906">IFERROR(INDEX(Jesper!AJ$2:AJ$366,ROUNDDOWN($C3906/24,0)+1,1)*INDEX($D$3:$AA$30,INDEX(Jesper!$R$2:$R$366,ROW(INDEX(Jesper!AJ$2:AJ$366,ROUNDDOWN($C3906/24,0)+1,1))-1)+IF('Standard Profiles'!$G$20=$B$10,7,0)+IF('Standard Profiles'!$G$20=$B$17,14,0)+IF('Standard Profiles'!$G$20=$B$24,21,0),MOD($C3906,24)+1)/SUM(INDEX($D$3:$AA$30,INDEX(Jesper!$R$2:$R$366,ROW(INDEX(Jesper!AJ$2:AJ$366,ROUNDDOWN($C3906/24,0)+1,1))-1)+IF('Standard Profiles'!$G$20=$B$10,7,0)+IF('Standard Profiles'!$G$20=$B$17,14,0)+IF('Standard Profiles'!$G$20=$B$24,21,0),0)),0)</f>
        <v>1.2696287140866476</v>
      </c>
      <c r="G3906" cm="1">
        <f t="array" ref="G3906">IFERROR(INDEX(Jesper!AK$2:AK$366,ROUNDDOWN($C3906/24,0)+1,1)*INDEX($D$3:$AA$30,INDEX(Jesper!$R$2:$R$366,ROW(INDEX(Jesper!AK$2:AK$366,ROUNDDOWN($C3906/24,0)+1,1))-1)+IF('Standard Profiles'!$G$21=$B$10,7,0)+IF('Standard Profiles'!$G$21=$B$17,14,0)+IF('Standard Profiles'!$G$21=$B$24,21,0),MOD($C3906,24)+1)/SUM(INDEX($D$3:$AA$30,INDEX(Jesper!$R$2:$R$366,ROW(INDEX(Jesper!AK$2:AK$366,ROUNDDOWN($C3906/24,0)+1,1))-1)+IF('Standard Profiles'!$G$21=$B$10,7,0)+IF('Standard Profiles'!$G$21=$B$17,14,0)+IF('Standard Profiles'!$G$21=$B$24,21,0),0)),0)</f>
        <v>0.78312647051591056</v>
      </c>
      <c r="H3906" cm="1">
        <f t="array" ref="H3906">IFERROR(INDEX(Jesper!AL$2:AL$366,ROUNDDOWN($C3906/24,0)+1,1)*INDEX($D$3:$AA$30,INDEX(Jesper!$R$2:$R$366,ROW(INDEX(Jesper!AL$2:AL$366,ROUNDDOWN($C3906/24,0)+1,1))-1)+IF('Standard Profiles'!$G$22=$B$10,7,0)+IF('Standard Profiles'!$G$22=$B$17,14,0)+IF('Standard Profiles'!$G$22=$B$24,21,0),MOD($C3906,24)+1)/SUM(INDEX($D$3:$AA$30,INDEX(Jesper!$R$2:$R$366,ROW(INDEX(Jesper!AL$2:AL$366,ROUNDDOWN($C3906/24,0)+1,1))-1)+IF('Standard Profiles'!$G$22=$B$10,7,0)+IF('Standard Profiles'!$G$22=$B$17,14,0)+IF('Standard Profiles'!$G$22=$B$24,21,0),0)),0)</f>
        <v>0.52024267874435437</v>
      </c>
      <c r="I3906">
        <f t="shared" si="440"/>
        <v>0.49943297159458044</v>
      </c>
      <c r="J3906">
        <f t="shared" si="441"/>
        <v>4.4906513968763004</v>
      </c>
      <c r="K3906">
        <f t="shared" si="442"/>
        <v>0.21973513682945164</v>
      </c>
      <c r="L3906">
        <f t="shared" si="443"/>
        <v>0.10986756841472582</v>
      </c>
      <c r="M3906">
        <f t="shared" si="444"/>
        <v>0</v>
      </c>
      <c r="N3906" s="45">
        <f t="shared" si="445"/>
        <v>45088.333333323942</v>
      </c>
    </row>
    <row r="3907" spans="2:14" x14ac:dyDescent="0.25">
      <c r="B3907">
        <f t="shared" si="439"/>
        <v>7</v>
      </c>
      <c r="C3907" s="16">
        <v>3873</v>
      </c>
      <c r="D3907" cm="1">
        <f t="array" ref="D3907">IFERROR(INDEX(Jesper!AH$2:AH$366,ROUNDDOWN($C3907/24,0)+1,1)*INDEX($D$3:$AA$30,INDEX(Jesper!$R$2:$R$366,ROW(INDEX(Jesper!AH$2:AH$366,ROUNDDOWN($C3907/24,0)+1,1))-1)+IF('Standard Profiles'!$G$18=$B$10,7,0)+IF('Standard Profiles'!$G$18=$B$17,14,0)+IF('Standard Profiles'!$G$18=$B$24,21,0),MOD($C3907,24)+1)/SUM(INDEX($D$3:$AA$30,INDEX(Jesper!$R$2:$R$366,ROW(INDEX(Jesper!AH$2:AH$366,ROUNDDOWN($C3907/24,0)+1,1))-1)+IF('Standard Profiles'!$G$18=$B$10,7,0)+IF('Standard Profiles'!$G$18=$B$17,14,0)+IF('Standard Profiles'!$G$18=$B$24,21,0),0)),0)</f>
        <v>0</v>
      </c>
      <c r="E3907" cm="1">
        <f t="array" ref="E3907">IFERROR(INDEX(Jesper!AI$2:AI$366,ROUNDDOWN($C3907/24,0)+1,1)*INDEX($D$3:$AA$30,INDEX(Jesper!$R$2:$R$366,ROW(INDEX(Jesper!AI$2:AI$366,ROUNDDOWN($C3907/24,0)+1,1))-1)+IF('Standard Profiles'!$G$19=$B$10,7,0)+IF('Standard Profiles'!$G$19=$B$17,14,0)+IF('Standard Profiles'!$G$19=$B$24,21,0),MOD($C3907,24)+1)/SUM(INDEX($D$3:$AA$30,INDEX(Jesper!$R$2:$R$366,ROW(INDEX(Jesper!AI$2:AI$366,ROUNDDOWN($C3907/24,0)+1,1))-1)+IF('Standard Profiles'!$G$19=$B$10,7,0)+IF('Standard Profiles'!$G$19=$B$17,14,0)+IF('Standard Profiles'!$G$19=$B$24,21,0),0)),0)</f>
        <v>2.7466892103681455</v>
      </c>
      <c r="F3907" cm="1">
        <f t="array" ref="F3907">IFERROR(INDEX(Jesper!AJ$2:AJ$366,ROUNDDOWN($C3907/24,0)+1,1)*INDEX($D$3:$AA$30,INDEX(Jesper!$R$2:$R$366,ROW(INDEX(Jesper!AJ$2:AJ$366,ROUNDDOWN($C3907/24,0)+1,1))-1)+IF('Standard Profiles'!$G$20=$B$10,7,0)+IF('Standard Profiles'!$G$20=$B$17,14,0)+IF('Standard Profiles'!$G$20=$B$24,21,0),MOD($C3907,24)+1)/SUM(INDEX($D$3:$AA$30,INDEX(Jesper!$R$2:$R$366,ROW(INDEX(Jesper!AJ$2:AJ$366,ROUNDDOWN($C3907/24,0)+1,1))-1)+IF('Standard Profiles'!$G$20=$B$10,7,0)+IF('Standard Profiles'!$G$20=$B$17,14,0)+IF('Standard Profiles'!$G$20=$B$24,21,0),0)),0)</f>
        <v>1.2696287140866476</v>
      </c>
      <c r="G3907" cm="1">
        <f t="array" ref="G3907">IFERROR(INDEX(Jesper!AK$2:AK$366,ROUNDDOWN($C3907/24,0)+1,1)*INDEX($D$3:$AA$30,INDEX(Jesper!$R$2:$R$366,ROW(INDEX(Jesper!AK$2:AK$366,ROUNDDOWN($C3907/24,0)+1,1))-1)+IF('Standard Profiles'!$G$21=$B$10,7,0)+IF('Standard Profiles'!$G$21=$B$17,14,0)+IF('Standard Profiles'!$G$21=$B$24,21,0),MOD($C3907,24)+1)/SUM(INDEX($D$3:$AA$30,INDEX(Jesper!$R$2:$R$366,ROW(INDEX(Jesper!AK$2:AK$366,ROUNDDOWN($C3907/24,0)+1,1))-1)+IF('Standard Profiles'!$G$21=$B$10,7,0)+IF('Standard Profiles'!$G$21=$B$17,14,0)+IF('Standard Profiles'!$G$21=$B$24,21,0),0)),0)</f>
        <v>0.78312647051591056</v>
      </c>
      <c r="H3907" cm="1">
        <f t="array" ref="H3907">IFERROR(INDEX(Jesper!AL$2:AL$366,ROUNDDOWN($C3907/24,0)+1,1)*INDEX($D$3:$AA$30,INDEX(Jesper!$R$2:$R$366,ROW(INDEX(Jesper!AL$2:AL$366,ROUNDDOWN($C3907/24,0)+1,1))-1)+IF('Standard Profiles'!$G$22=$B$10,7,0)+IF('Standard Profiles'!$G$22=$B$17,14,0)+IF('Standard Profiles'!$G$22=$B$24,21,0),MOD($C3907,24)+1)/SUM(INDEX($D$3:$AA$30,INDEX(Jesper!$R$2:$R$366,ROW(INDEX(Jesper!AL$2:AL$366,ROUNDDOWN($C3907/24,0)+1,1))-1)+IF('Standard Profiles'!$G$22=$B$10,7,0)+IF('Standard Profiles'!$G$22=$B$17,14,0)+IF('Standard Profiles'!$G$22=$B$24,21,0),0)),0)</f>
        <v>0.52024267874435437</v>
      </c>
      <c r="I3907">
        <f t="shared" si="440"/>
        <v>0.49943297159458044</v>
      </c>
      <c r="J3907">
        <f t="shared" si="441"/>
        <v>4.4906513968763004</v>
      </c>
      <c r="K3907">
        <f t="shared" si="442"/>
        <v>0.21973513682945164</v>
      </c>
      <c r="L3907">
        <f t="shared" si="443"/>
        <v>0.10986756841472582</v>
      </c>
      <c r="M3907">
        <f t="shared" si="444"/>
        <v>0</v>
      </c>
      <c r="N3907" s="45">
        <f t="shared" si="445"/>
        <v>45088.374999990607</v>
      </c>
    </row>
    <row r="3908" spans="2:14" x14ac:dyDescent="0.25">
      <c r="B3908">
        <f t="shared" si="439"/>
        <v>7</v>
      </c>
      <c r="C3908" s="16">
        <v>3874</v>
      </c>
      <c r="D3908" cm="1">
        <f t="array" ref="D3908">IFERROR(INDEX(Jesper!AH$2:AH$366,ROUNDDOWN($C3908/24,0)+1,1)*INDEX($D$3:$AA$30,INDEX(Jesper!$R$2:$R$366,ROW(INDEX(Jesper!AH$2:AH$366,ROUNDDOWN($C3908/24,0)+1,1))-1)+IF('Standard Profiles'!$G$18=$B$10,7,0)+IF('Standard Profiles'!$G$18=$B$17,14,0)+IF('Standard Profiles'!$G$18=$B$24,21,0),MOD($C3908,24)+1)/SUM(INDEX($D$3:$AA$30,INDEX(Jesper!$R$2:$R$366,ROW(INDEX(Jesper!AH$2:AH$366,ROUNDDOWN($C3908/24,0)+1,1))-1)+IF('Standard Profiles'!$G$18=$B$10,7,0)+IF('Standard Profiles'!$G$18=$B$17,14,0)+IF('Standard Profiles'!$G$18=$B$24,21,0),0)),0)</f>
        <v>0</v>
      </c>
      <c r="E3908" cm="1">
        <f t="array" ref="E3908">IFERROR(INDEX(Jesper!AI$2:AI$366,ROUNDDOWN($C3908/24,0)+1,1)*INDEX($D$3:$AA$30,INDEX(Jesper!$R$2:$R$366,ROW(INDEX(Jesper!AI$2:AI$366,ROUNDDOWN($C3908/24,0)+1,1))-1)+IF('Standard Profiles'!$G$19=$B$10,7,0)+IF('Standard Profiles'!$G$19=$B$17,14,0)+IF('Standard Profiles'!$G$19=$B$24,21,0),MOD($C3908,24)+1)/SUM(INDEX($D$3:$AA$30,INDEX(Jesper!$R$2:$R$366,ROW(INDEX(Jesper!AI$2:AI$366,ROUNDDOWN($C3908/24,0)+1,1))-1)+IF('Standard Profiles'!$G$19=$B$10,7,0)+IF('Standard Profiles'!$G$19=$B$17,14,0)+IF('Standard Profiles'!$G$19=$B$24,21,0),0)),0)</f>
        <v>2.7466892103681455</v>
      </c>
      <c r="F3908" cm="1">
        <f t="array" ref="F3908">IFERROR(INDEX(Jesper!AJ$2:AJ$366,ROUNDDOWN($C3908/24,0)+1,1)*INDEX($D$3:$AA$30,INDEX(Jesper!$R$2:$R$366,ROW(INDEX(Jesper!AJ$2:AJ$366,ROUNDDOWN($C3908/24,0)+1,1))-1)+IF('Standard Profiles'!$G$20=$B$10,7,0)+IF('Standard Profiles'!$G$20=$B$17,14,0)+IF('Standard Profiles'!$G$20=$B$24,21,0),MOD($C3908,24)+1)/SUM(INDEX($D$3:$AA$30,INDEX(Jesper!$R$2:$R$366,ROW(INDEX(Jesper!AJ$2:AJ$366,ROUNDDOWN($C3908/24,0)+1,1))-1)+IF('Standard Profiles'!$G$20=$B$10,7,0)+IF('Standard Profiles'!$G$20=$B$17,14,0)+IF('Standard Profiles'!$G$20=$B$24,21,0),0)),0)</f>
        <v>1.2696287140866476</v>
      </c>
      <c r="G3908" cm="1">
        <f t="array" ref="G3908">IFERROR(INDEX(Jesper!AK$2:AK$366,ROUNDDOWN($C3908/24,0)+1,1)*INDEX($D$3:$AA$30,INDEX(Jesper!$R$2:$R$366,ROW(INDEX(Jesper!AK$2:AK$366,ROUNDDOWN($C3908/24,0)+1,1))-1)+IF('Standard Profiles'!$G$21=$B$10,7,0)+IF('Standard Profiles'!$G$21=$B$17,14,0)+IF('Standard Profiles'!$G$21=$B$24,21,0),MOD($C3908,24)+1)/SUM(INDEX($D$3:$AA$30,INDEX(Jesper!$R$2:$R$366,ROW(INDEX(Jesper!AK$2:AK$366,ROUNDDOWN($C3908/24,0)+1,1))-1)+IF('Standard Profiles'!$G$21=$B$10,7,0)+IF('Standard Profiles'!$G$21=$B$17,14,0)+IF('Standard Profiles'!$G$21=$B$24,21,0),0)),0)</f>
        <v>0.78312647051591056</v>
      </c>
      <c r="H3908" cm="1">
        <f t="array" ref="H3908">IFERROR(INDEX(Jesper!AL$2:AL$366,ROUNDDOWN($C3908/24,0)+1,1)*INDEX($D$3:$AA$30,INDEX(Jesper!$R$2:$R$366,ROW(INDEX(Jesper!AL$2:AL$366,ROUNDDOWN($C3908/24,0)+1,1))-1)+IF('Standard Profiles'!$G$22=$B$10,7,0)+IF('Standard Profiles'!$G$22=$B$17,14,0)+IF('Standard Profiles'!$G$22=$B$24,21,0),MOD($C3908,24)+1)/SUM(INDEX($D$3:$AA$30,INDEX(Jesper!$R$2:$R$366,ROW(INDEX(Jesper!AL$2:AL$366,ROUNDDOWN($C3908/24,0)+1,1))-1)+IF('Standard Profiles'!$G$22=$B$10,7,0)+IF('Standard Profiles'!$G$22=$B$17,14,0)+IF('Standard Profiles'!$G$22=$B$24,21,0),0)),0)</f>
        <v>0.52024267874435437</v>
      </c>
      <c r="I3908">
        <f t="shared" si="440"/>
        <v>0.49943297159458044</v>
      </c>
      <c r="J3908">
        <f t="shared" si="441"/>
        <v>4.4906513968763004</v>
      </c>
      <c r="K3908">
        <f t="shared" si="442"/>
        <v>0.21973513682945164</v>
      </c>
      <c r="L3908">
        <f t="shared" si="443"/>
        <v>0.10986756841472582</v>
      </c>
      <c r="M3908">
        <f t="shared" si="444"/>
        <v>0</v>
      </c>
      <c r="N3908" s="45">
        <f t="shared" si="445"/>
        <v>45088.416666657271</v>
      </c>
    </row>
    <row r="3909" spans="2:14" x14ac:dyDescent="0.25">
      <c r="B3909">
        <f t="shared" si="439"/>
        <v>7</v>
      </c>
      <c r="C3909" s="16">
        <v>3875</v>
      </c>
      <c r="D3909" cm="1">
        <f t="array" ref="D3909">IFERROR(INDEX(Jesper!AH$2:AH$366,ROUNDDOWN($C3909/24,0)+1,1)*INDEX($D$3:$AA$30,INDEX(Jesper!$R$2:$R$366,ROW(INDEX(Jesper!AH$2:AH$366,ROUNDDOWN($C3909/24,0)+1,1))-1)+IF('Standard Profiles'!$G$18=$B$10,7,0)+IF('Standard Profiles'!$G$18=$B$17,14,0)+IF('Standard Profiles'!$G$18=$B$24,21,0),MOD($C3909,24)+1)/SUM(INDEX($D$3:$AA$30,INDEX(Jesper!$R$2:$R$366,ROW(INDEX(Jesper!AH$2:AH$366,ROUNDDOWN($C3909/24,0)+1,1))-1)+IF('Standard Profiles'!$G$18=$B$10,7,0)+IF('Standard Profiles'!$G$18=$B$17,14,0)+IF('Standard Profiles'!$G$18=$B$24,21,0),0)),0)</f>
        <v>0</v>
      </c>
      <c r="E3909" cm="1">
        <f t="array" ref="E3909">IFERROR(INDEX(Jesper!AI$2:AI$366,ROUNDDOWN($C3909/24,0)+1,1)*INDEX($D$3:$AA$30,INDEX(Jesper!$R$2:$R$366,ROW(INDEX(Jesper!AI$2:AI$366,ROUNDDOWN($C3909/24,0)+1,1))-1)+IF('Standard Profiles'!$G$19=$B$10,7,0)+IF('Standard Profiles'!$G$19=$B$17,14,0)+IF('Standard Profiles'!$G$19=$B$24,21,0),MOD($C3909,24)+1)/SUM(INDEX($D$3:$AA$30,INDEX(Jesper!$R$2:$R$366,ROW(INDEX(Jesper!AI$2:AI$366,ROUNDDOWN($C3909/24,0)+1,1))-1)+IF('Standard Profiles'!$G$19=$B$10,7,0)+IF('Standard Profiles'!$G$19=$B$17,14,0)+IF('Standard Profiles'!$G$19=$B$24,21,0),0)),0)</f>
        <v>2.7466892103681455</v>
      </c>
      <c r="F3909" cm="1">
        <f t="array" ref="F3909">IFERROR(INDEX(Jesper!AJ$2:AJ$366,ROUNDDOWN($C3909/24,0)+1,1)*INDEX($D$3:$AA$30,INDEX(Jesper!$R$2:$R$366,ROW(INDEX(Jesper!AJ$2:AJ$366,ROUNDDOWN($C3909/24,0)+1,1))-1)+IF('Standard Profiles'!$G$20=$B$10,7,0)+IF('Standard Profiles'!$G$20=$B$17,14,0)+IF('Standard Profiles'!$G$20=$B$24,21,0),MOD($C3909,24)+1)/SUM(INDEX($D$3:$AA$30,INDEX(Jesper!$R$2:$R$366,ROW(INDEX(Jesper!AJ$2:AJ$366,ROUNDDOWN($C3909/24,0)+1,1))-1)+IF('Standard Profiles'!$G$20=$B$10,7,0)+IF('Standard Profiles'!$G$20=$B$17,14,0)+IF('Standard Profiles'!$G$20=$B$24,21,0),0)),0)</f>
        <v>1.2696287140866476</v>
      </c>
      <c r="G3909" cm="1">
        <f t="array" ref="G3909">IFERROR(INDEX(Jesper!AK$2:AK$366,ROUNDDOWN($C3909/24,0)+1,1)*INDEX($D$3:$AA$30,INDEX(Jesper!$R$2:$R$366,ROW(INDEX(Jesper!AK$2:AK$366,ROUNDDOWN($C3909/24,0)+1,1))-1)+IF('Standard Profiles'!$G$21=$B$10,7,0)+IF('Standard Profiles'!$G$21=$B$17,14,0)+IF('Standard Profiles'!$G$21=$B$24,21,0),MOD($C3909,24)+1)/SUM(INDEX($D$3:$AA$30,INDEX(Jesper!$R$2:$R$366,ROW(INDEX(Jesper!AK$2:AK$366,ROUNDDOWN($C3909/24,0)+1,1))-1)+IF('Standard Profiles'!$G$21=$B$10,7,0)+IF('Standard Profiles'!$G$21=$B$17,14,0)+IF('Standard Profiles'!$G$21=$B$24,21,0),0)),0)</f>
        <v>0.78312647051591056</v>
      </c>
      <c r="H3909" cm="1">
        <f t="array" ref="H3909">IFERROR(INDEX(Jesper!AL$2:AL$366,ROUNDDOWN($C3909/24,0)+1,1)*INDEX($D$3:$AA$30,INDEX(Jesper!$R$2:$R$366,ROW(INDEX(Jesper!AL$2:AL$366,ROUNDDOWN($C3909/24,0)+1,1))-1)+IF('Standard Profiles'!$G$22=$B$10,7,0)+IF('Standard Profiles'!$G$22=$B$17,14,0)+IF('Standard Profiles'!$G$22=$B$24,21,0),MOD($C3909,24)+1)/SUM(INDEX($D$3:$AA$30,INDEX(Jesper!$R$2:$R$366,ROW(INDEX(Jesper!AL$2:AL$366,ROUNDDOWN($C3909/24,0)+1,1))-1)+IF('Standard Profiles'!$G$22=$B$10,7,0)+IF('Standard Profiles'!$G$22=$B$17,14,0)+IF('Standard Profiles'!$G$22=$B$24,21,0),0)),0)</f>
        <v>0.52024267874435437</v>
      </c>
      <c r="I3909">
        <f t="shared" si="440"/>
        <v>0.49943297159458044</v>
      </c>
      <c r="J3909">
        <f t="shared" si="441"/>
        <v>4.4906513968763004</v>
      </c>
      <c r="K3909">
        <f t="shared" si="442"/>
        <v>0.21973513682945164</v>
      </c>
      <c r="L3909">
        <f t="shared" si="443"/>
        <v>0.10986756841472582</v>
      </c>
      <c r="M3909">
        <f t="shared" si="444"/>
        <v>0</v>
      </c>
      <c r="N3909" s="45">
        <f t="shared" si="445"/>
        <v>45088.458333323935</v>
      </c>
    </row>
    <row r="3910" spans="2:14" x14ac:dyDescent="0.25">
      <c r="B3910">
        <f t="shared" si="439"/>
        <v>7</v>
      </c>
      <c r="C3910" s="16">
        <v>3876</v>
      </c>
      <c r="D3910" cm="1">
        <f t="array" ref="D3910">IFERROR(INDEX(Jesper!AH$2:AH$366,ROUNDDOWN($C3910/24,0)+1,1)*INDEX($D$3:$AA$30,INDEX(Jesper!$R$2:$R$366,ROW(INDEX(Jesper!AH$2:AH$366,ROUNDDOWN($C3910/24,0)+1,1))-1)+IF('Standard Profiles'!$G$18=$B$10,7,0)+IF('Standard Profiles'!$G$18=$B$17,14,0)+IF('Standard Profiles'!$G$18=$B$24,21,0),MOD($C3910,24)+1)/SUM(INDEX($D$3:$AA$30,INDEX(Jesper!$R$2:$R$366,ROW(INDEX(Jesper!AH$2:AH$366,ROUNDDOWN($C3910/24,0)+1,1))-1)+IF('Standard Profiles'!$G$18=$B$10,7,0)+IF('Standard Profiles'!$G$18=$B$17,14,0)+IF('Standard Profiles'!$G$18=$B$24,21,0),0)),0)</f>
        <v>0</v>
      </c>
      <c r="E3910" cm="1">
        <f t="array" ref="E3910">IFERROR(INDEX(Jesper!AI$2:AI$366,ROUNDDOWN($C3910/24,0)+1,1)*INDEX($D$3:$AA$30,INDEX(Jesper!$R$2:$R$366,ROW(INDEX(Jesper!AI$2:AI$366,ROUNDDOWN($C3910/24,0)+1,1))-1)+IF('Standard Profiles'!$G$19=$B$10,7,0)+IF('Standard Profiles'!$G$19=$B$17,14,0)+IF('Standard Profiles'!$G$19=$B$24,21,0),MOD($C3910,24)+1)/SUM(INDEX($D$3:$AA$30,INDEX(Jesper!$R$2:$R$366,ROW(INDEX(Jesper!AI$2:AI$366,ROUNDDOWN($C3910/24,0)+1,1))-1)+IF('Standard Profiles'!$G$19=$B$10,7,0)+IF('Standard Profiles'!$G$19=$B$17,14,0)+IF('Standard Profiles'!$G$19=$B$24,21,0),0)),0)</f>
        <v>2.7466892103681455</v>
      </c>
      <c r="F3910" cm="1">
        <f t="array" ref="F3910">IFERROR(INDEX(Jesper!AJ$2:AJ$366,ROUNDDOWN($C3910/24,0)+1,1)*INDEX($D$3:$AA$30,INDEX(Jesper!$R$2:$R$366,ROW(INDEX(Jesper!AJ$2:AJ$366,ROUNDDOWN($C3910/24,0)+1,1))-1)+IF('Standard Profiles'!$G$20=$B$10,7,0)+IF('Standard Profiles'!$G$20=$B$17,14,0)+IF('Standard Profiles'!$G$20=$B$24,21,0),MOD($C3910,24)+1)/SUM(INDEX($D$3:$AA$30,INDEX(Jesper!$R$2:$R$366,ROW(INDEX(Jesper!AJ$2:AJ$366,ROUNDDOWN($C3910/24,0)+1,1))-1)+IF('Standard Profiles'!$G$20=$B$10,7,0)+IF('Standard Profiles'!$G$20=$B$17,14,0)+IF('Standard Profiles'!$G$20=$B$24,21,0),0)),0)</f>
        <v>1.2696287140866476</v>
      </c>
      <c r="G3910" cm="1">
        <f t="array" ref="G3910">IFERROR(INDEX(Jesper!AK$2:AK$366,ROUNDDOWN($C3910/24,0)+1,1)*INDEX($D$3:$AA$30,INDEX(Jesper!$R$2:$R$366,ROW(INDEX(Jesper!AK$2:AK$366,ROUNDDOWN($C3910/24,0)+1,1))-1)+IF('Standard Profiles'!$G$21=$B$10,7,0)+IF('Standard Profiles'!$G$21=$B$17,14,0)+IF('Standard Profiles'!$G$21=$B$24,21,0),MOD($C3910,24)+1)/SUM(INDEX($D$3:$AA$30,INDEX(Jesper!$R$2:$R$366,ROW(INDEX(Jesper!AK$2:AK$366,ROUNDDOWN($C3910/24,0)+1,1))-1)+IF('Standard Profiles'!$G$21=$B$10,7,0)+IF('Standard Profiles'!$G$21=$B$17,14,0)+IF('Standard Profiles'!$G$21=$B$24,21,0),0)),0)</f>
        <v>0.78312647051591056</v>
      </c>
      <c r="H3910" cm="1">
        <f t="array" ref="H3910">IFERROR(INDEX(Jesper!AL$2:AL$366,ROUNDDOWN($C3910/24,0)+1,1)*INDEX($D$3:$AA$30,INDEX(Jesper!$R$2:$R$366,ROW(INDEX(Jesper!AL$2:AL$366,ROUNDDOWN($C3910/24,0)+1,1))-1)+IF('Standard Profiles'!$G$22=$B$10,7,0)+IF('Standard Profiles'!$G$22=$B$17,14,0)+IF('Standard Profiles'!$G$22=$B$24,21,0),MOD($C3910,24)+1)/SUM(INDEX($D$3:$AA$30,INDEX(Jesper!$R$2:$R$366,ROW(INDEX(Jesper!AL$2:AL$366,ROUNDDOWN($C3910/24,0)+1,1))-1)+IF('Standard Profiles'!$G$22=$B$10,7,0)+IF('Standard Profiles'!$G$22=$B$17,14,0)+IF('Standard Profiles'!$G$22=$B$24,21,0),0)),0)</f>
        <v>0.52024267874435437</v>
      </c>
      <c r="I3910">
        <f t="shared" si="440"/>
        <v>0.49943297159458044</v>
      </c>
      <c r="J3910">
        <f t="shared" si="441"/>
        <v>4.4906513968763004</v>
      </c>
      <c r="K3910">
        <f t="shared" si="442"/>
        <v>0.21973513682945164</v>
      </c>
      <c r="L3910">
        <f t="shared" si="443"/>
        <v>0.10986756841472582</v>
      </c>
      <c r="M3910">
        <f t="shared" si="444"/>
        <v>0</v>
      </c>
      <c r="N3910" s="45">
        <f t="shared" si="445"/>
        <v>45088.499999990599</v>
      </c>
    </row>
    <row r="3911" spans="2:14" x14ac:dyDescent="0.25">
      <c r="B3911">
        <f t="shared" si="439"/>
        <v>7</v>
      </c>
      <c r="C3911" s="16">
        <v>3877</v>
      </c>
      <c r="D3911" cm="1">
        <f t="array" ref="D3911">IFERROR(INDEX(Jesper!AH$2:AH$366,ROUNDDOWN($C3911/24,0)+1,1)*INDEX($D$3:$AA$30,INDEX(Jesper!$R$2:$R$366,ROW(INDEX(Jesper!AH$2:AH$366,ROUNDDOWN($C3911/24,0)+1,1))-1)+IF('Standard Profiles'!$G$18=$B$10,7,0)+IF('Standard Profiles'!$G$18=$B$17,14,0)+IF('Standard Profiles'!$G$18=$B$24,21,0),MOD($C3911,24)+1)/SUM(INDEX($D$3:$AA$30,INDEX(Jesper!$R$2:$R$366,ROW(INDEX(Jesper!AH$2:AH$366,ROUNDDOWN($C3911/24,0)+1,1))-1)+IF('Standard Profiles'!$G$18=$B$10,7,0)+IF('Standard Profiles'!$G$18=$B$17,14,0)+IF('Standard Profiles'!$G$18=$B$24,21,0),0)),0)</f>
        <v>0</v>
      </c>
      <c r="E3911" cm="1">
        <f t="array" ref="E3911">IFERROR(INDEX(Jesper!AI$2:AI$366,ROUNDDOWN($C3911/24,0)+1,1)*INDEX($D$3:$AA$30,INDEX(Jesper!$R$2:$R$366,ROW(INDEX(Jesper!AI$2:AI$366,ROUNDDOWN($C3911/24,0)+1,1))-1)+IF('Standard Profiles'!$G$19=$B$10,7,0)+IF('Standard Profiles'!$G$19=$B$17,14,0)+IF('Standard Profiles'!$G$19=$B$24,21,0),MOD($C3911,24)+1)/SUM(INDEX($D$3:$AA$30,INDEX(Jesper!$R$2:$R$366,ROW(INDEX(Jesper!AI$2:AI$366,ROUNDDOWN($C3911/24,0)+1,1))-1)+IF('Standard Profiles'!$G$19=$B$10,7,0)+IF('Standard Profiles'!$G$19=$B$17,14,0)+IF('Standard Profiles'!$G$19=$B$24,21,0),0)),0)</f>
        <v>2.7466892103681455</v>
      </c>
      <c r="F3911" cm="1">
        <f t="array" ref="F3911">IFERROR(INDEX(Jesper!AJ$2:AJ$366,ROUNDDOWN($C3911/24,0)+1,1)*INDEX($D$3:$AA$30,INDEX(Jesper!$R$2:$R$366,ROW(INDEX(Jesper!AJ$2:AJ$366,ROUNDDOWN($C3911/24,0)+1,1))-1)+IF('Standard Profiles'!$G$20=$B$10,7,0)+IF('Standard Profiles'!$G$20=$B$17,14,0)+IF('Standard Profiles'!$G$20=$B$24,21,0),MOD($C3911,24)+1)/SUM(INDEX($D$3:$AA$30,INDEX(Jesper!$R$2:$R$366,ROW(INDEX(Jesper!AJ$2:AJ$366,ROUNDDOWN($C3911/24,0)+1,1))-1)+IF('Standard Profiles'!$G$20=$B$10,7,0)+IF('Standard Profiles'!$G$20=$B$17,14,0)+IF('Standard Profiles'!$G$20=$B$24,21,0),0)),0)</f>
        <v>1.2696287140866476</v>
      </c>
      <c r="G3911" cm="1">
        <f t="array" ref="G3911">IFERROR(INDEX(Jesper!AK$2:AK$366,ROUNDDOWN($C3911/24,0)+1,1)*INDEX($D$3:$AA$30,INDEX(Jesper!$R$2:$R$366,ROW(INDEX(Jesper!AK$2:AK$366,ROUNDDOWN($C3911/24,0)+1,1))-1)+IF('Standard Profiles'!$G$21=$B$10,7,0)+IF('Standard Profiles'!$G$21=$B$17,14,0)+IF('Standard Profiles'!$G$21=$B$24,21,0),MOD($C3911,24)+1)/SUM(INDEX($D$3:$AA$30,INDEX(Jesper!$R$2:$R$366,ROW(INDEX(Jesper!AK$2:AK$366,ROUNDDOWN($C3911/24,0)+1,1))-1)+IF('Standard Profiles'!$G$21=$B$10,7,0)+IF('Standard Profiles'!$G$21=$B$17,14,0)+IF('Standard Profiles'!$G$21=$B$24,21,0),0)),0)</f>
        <v>0.78312647051591056</v>
      </c>
      <c r="H3911" cm="1">
        <f t="array" ref="H3911">IFERROR(INDEX(Jesper!AL$2:AL$366,ROUNDDOWN($C3911/24,0)+1,1)*INDEX($D$3:$AA$30,INDEX(Jesper!$R$2:$R$366,ROW(INDEX(Jesper!AL$2:AL$366,ROUNDDOWN($C3911/24,0)+1,1))-1)+IF('Standard Profiles'!$G$22=$B$10,7,0)+IF('Standard Profiles'!$G$22=$B$17,14,0)+IF('Standard Profiles'!$G$22=$B$24,21,0),MOD($C3911,24)+1)/SUM(INDEX($D$3:$AA$30,INDEX(Jesper!$R$2:$R$366,ROW(INDEX(Jesper!AL$2:AL$366,ROUNDDOWN($C3911/24,0)+1,1))-1)+IF('Standard Profiles'!$G$22=$B$10,7,0)+IF('Standard Profiles'!$G$22=$B$17,14,0)+IF('Standard Profiles'!$G$22=$B$24,21,0),0)),0)</f>
        <v>0.52024267874435437</v>
      </c>
      <c r="I3911">
        <f t="shared" si="440"/>
        <v>0.49943297159458044</v>
      </c>
      <c r="J3911">
        <f t="shared" si="441"/>
        <v>4.4906513968763004</v>
      </c>
      <c r="K3911">
        <f t="shared" si="442"/>
        <v>0.21973513682945164</v>
      </c>
      <c r="L3911">
        <f t="shared" si="443"/>
        <v>0.10986756841472582</v>
      </c>
      <c r="M3911">
        <f t="shared" si="444"/>
        <v>0</v>
      </c>
      <c r="N3911" s="45">
        <f t="shared" si="445"/>
        <v>45088.541666657264</v>
      </c>
    </row>
    <row r="3912" spans="2:14" x14ac:dyDescent="0.25">
      <c r="B3912">
        <f t="shared" si="439"/>
        <v>7</v>
      </c>
      <c r="C3912" s="16">
        <v>3878</v>
      </c>
      <c r="D3912" cm="1">
        <f t="array" ref="D3912">IFERROR(INDEX(Jesper!AH$2:AH$366,ROUNDDOWN($C3912/24,0)+1,1)*INDEX($D$3:$AA$30,INDEX(Jesper!$R$2:$R$366,ROW(INDEX(Jesper!AH$2:AH$366,ROUNDDOWN($C3912/24,0)+1,1))-1)+IF('Standard Profiles'!$G$18=$B$10,7,0)+IF('Standard Profiles'!$G$18=$B$17,14,0)+IF('Standard Profiles'!$G$18=$B$24,21,0),MOD($C3912,24)+1)/SUM(INDEX($D$3:$AA$30,INDEX(Jesper!$R$2:$R$366,ROW(INDEX(Jesper!AH$2:AH$366,ROUNDDOWN($C3912/24,0)+1,1))-1)+IF('Standard Profiles'!$G$18=$B$10,7,0)+IF('Standard Profiles'!$G$18=$B$17,14,0)+IF('Standard Profiles'!$G$18=$B$24,21,0),0)),0)</f>
        <v>0</v>
      </c>
      <c r="E3912" cm="1">
        <f t="array" ref="E3912">IFERROR(INDEX(Jesper!AI$2:AI$366,ROUNDDOWN($C3912/24,0)+1,1)*INDEX($D$3:$AA$30,INDEX(Jesper!$R$2:$R$366,ROW(INDEX(Jesper!AI$2:AI$366,ROUNDDOWN($C3912/24,0)+1,1))-1)+IF('Standard Profiles'!$G$19=$B$10,7,0)+IF('Standard Profiles'!$G$19=$B$17,14,0)+IF('Standard Profiles'!$G$19=$B$24,21,0),MOD($C3912,24)+1)/SUM(INDEX($D$3:$AA$30,INDEX(Jesper!$R$2:$R$366,ROW(INDEX(Jesper!AI$2:AI$366,ROUNDDOWN($C3912/24,0)+1,1))-1)+IF('Standard Profiles'!$G$19=$B$10,7,0)+IF('Standard Profiles'!$G$19=$B$17,14,0)+IF('Standard Profiles'!$G$19=$B$24,21,0),0)),0)</f>
        <v>2.7466892103681455</v>
      </c>
      <c r="F3912" cm="1">
        <f t="array" ref="F3912">IFERROR(INDEX(Jesper!AJ$2:AJ$366,ROUNDDOWN($C3912/24,0)+1,1)*INDEX($D$3:$AA$30,INDEX(Jesper!$R$2:$R$366,ROW(INDEX(Jesper!AJ$2:AJ$366,ROUNDDOWN($C3912/24,0)+1,1))-1)+IF('Standard Profiles'!$G$20=$B$10,7,0)+IF('Standard Profiles'!$G$20=$B$17,14,0)+IF('Standard Profiles'!$G$20=$B$24,21,0),MOD($C3912,24)+1)/SUM(INDEX($D$3:$AA$30,INDEX(Jesper!$R$2:$R$366,ROW(INDEX(Jesper!AJ$2:AJ$366,ROUNDDOWN($C3912/24,0)+1,1))-1)+IF('Standard Profiles'!$G$20=$B$10,7,0)+IF('Standard Profiles'!$G$20=$B$17,14,0)+IF('Standard Profiles'!$G$20=$B$24,21,0),0)),0)</f>
        <v>1.2696287140866476</v>
      </c>
      <c r="G3912" cm="1">
        <f t="array" ref="G3912">IFERROR(INDEX(Jesper!AK$2:AK$366,ROUNDDOWN($C3912/24,0)+1,1)*INDEX($D$3:$AA$30,INDEX(Jesper!$R$2:$R$366,ROW(INDEX(Jesper!AK$2:AK$366,ROUNDDOWN($C3912/24,0)+1,1))-1)+IF('Standard Profiles'!$G$21=$B$10,7,0)+IF('Standard Profiles'!$G$21=$B$17,14,0)+IF('Standard Profiles'!$G$21=$B$24,21,0),MOD($C3912,24)+1)/SUM(INDEX($D$3:$AA$30,INDEX(Jesper!$R$2:$R$366,ROW(INDEX(Jesper!AK$2:AK$366,ROUNDDOWN($C3912/24,0)+1,1))-1)+IF('Standard Profiles'!$G$21=$B$10,7,0)+IF('Standard Profiles'!$G$21=$B$17,14,0)+IF('Standard Profiles'!$G$21=$B$24,21,0),0)),0)</f>
        <v>0.78312647051591056</v>
      </c>
      <c r="H3912" cm="1">
        <f t="array" ref="H3912">IFERROR(INDEX(Jesper!AL$2:AL$366,ROUNDDOWN($C3912/24,0)+1,1)*INDEX($D$3:$AA$30,INDEX(Jesper!$R$2:$R$366,ROW(INDEX(Jesper!AL$2:AL$366,ROUNDDOWN($C3912/24,0)+1,1))-1)+IF('Standard Profiles'!$G$22=$B$10,7,0)+IF('Standard Profiles'!$G$22=$B$17,14,0)+IF('Standard Profiles'!$G$22=$B$24,21,0),MOD($C3912,24)+1)/SUM(INDEX($D$3:$AA$30,INDEX(Jesper!$R$2:$R$366,ROW(INDEX(Jesper!AL$2:AL$366,ROUNDDOWN($C3912/24,0)+1,1))-1)+IF('Standard Profiles'!$G$22=$B$10,7,0)+IF('Standard Profiles'!$G$22=$B$17,14,0)+IF('Standard Profiles'!$G$22=$B$24,21,0),0)),0)</f>
        <v>0.52024267874435437</v>
      </c>
      <c r="I3912">
        <f t="shared" si="440"/>
        <v>0.49943297159458044</v>
      </c>
      <c r="J3912">
        <f t="shared" si="441"/>
        <v>4.4906513968763004</v>
      </c>
      <c r="K3912">
        <f t="shared" si="442"/>
        <v>0.21973513682945164</v>
      </c>
      <c r="L3912">
        <f t="shared" si="443"/>
        <v>0.10986756841472582</v>
      </c>
      <c r="M3912">
        <f t="shared" si="444"/>
        <v>0</v>
      </c>
      <c r="N3912" s="45">
        <f t="shared" si="445"/>
        <v>45088.583333323928</v>
      </c>
    </row>
    <row r="3913" spans="2:14" x14ac:dyDescent="0.25">
      <c r="B3913">
        <f t="shared" si="439"/>
        <v>7</v>
      </c>
      <c r="C3913" s="16">
        <v>3879</v>
      </c>
      <c r="D3913" cm="1">
        <f t="array" ref="D3913">IFERROR(INDEX(Jesper!AH$2:AH$366,ROUNDDOWN($C3913/24,0)+1,1)*INDEX($D$3:$AA$30,INDEX(Jesper!$R$2:$R$366,ROW(INDEX(Jesper!AH$2:AH$366,ROUNDDOWN($C3913/24,0)+1,1))-1)+IF('Standard Profiles'!$G$18=$B$10,7,0)+IF('Standard Profiles'!$G$18=$B$17,14,0)+IF('Standard Profiles'!$G$18=$B$24,21,0),MOD($C3913,24)+1)/SUM(INDEX($D$3:$AA$30,INDEX(Jesper!$R$2:$R$366,ROW(INDEX(Jesper!AH$2:AH$366,ROUNDDOWN($C3913/24,0)+1,1))-1)+IF('Standard Profiles'!$G$18=$B$10,7,0)+IF('Standard Profiles'!$G$18=$B$17,14,0)+IF('Standard Profiles'!$G$18=$B$24,21,0),0)),0)</f>
        <v>0</v>
      </c>
      <c r="E3913" cm="1">
        <f t="array" ref="E3913">IFERROR(INDEX(Jesper!AI$2:AI$366,ROUNDDOWN($C3913/24,0)+1,1)*INDEX($D$3:$AA$30,INDEX(Jesper!$R$2:$R$366,ROW(INDEX(Jesper!AI$2:AI$366,ROUNDDOWN($C3913/24,0)+1,1))-1)+IF('Standard Profiles'!$G$19=$B$10,7,0)+IF('Standard Profiles'!$G$19=$B$17,14,0)+IF('Standard Profiles'!$G$19=$B$24,21,0),MOD($C3913,24)+1)/SUM(INDEX($D$3:$AA$30,INDEX(Jesper!$R$2:$R$366,ROW(INDEX(Jesper!AI$2:AI$366,ROUNDDOWN($C3913/24,0)+1,1))-1)+IF('Standard Profiles'!$G$19=$B$10,7,0)+IF('Standard Profiles'!$G$19=$B$17,14,0)+IF('Standard Profiles'!$G$19=$B$24,21,0),0)),0)</f>
        <v>2.7466892103681455</v>
      </c>
      <c r="F3913" cm="1">
        <f t="array" ref="F3913">IFERROR(INDEX(Jesper!AJ$2:AJ$366,ROUNDDOWN($C3913/24,0)+1,1)*INDEX($D$3:$AA$30,INDEX(Jesper!$R$2:$R$366,ROW(INDEX(Jesper!AJ$2:AJ$366,ROUNDDOWN($C3913/24,0)+1,1))-1)+IF('Standard Profiles'!$G$20=$B$10,7,0)+IF('Standard Profiles'!$G$20=$B$17,14,0)+IF('Standard Profiles'!$G$20=$B$24,21,0),MOD($C3913,24)+1)/SUM(INDEX($D$3:$AA$30,INDEX(Jesper!$R$2:$R$366,ROW(INDEX(Jesper!AJ$2:AJ$366,ROUNDDOWN($C3913/24,0)+1,1))-1)+IF('Standard Profiles'!$G$20=$B$10,7,0)+IF('Standard Profiles'!$G$20=$B$17,14,0)+IF('Standard Profiles'!$G$20=$B$24,21,0),0)),0)</f>
        <v>1.2696287140866476</v>
      </c>
      <c r="G3913" cm="1">
        <f t="array" ref="G3913">IFERROR(INDEX(Jesper!AK$2:AK$366,ROUNDDOWN($C3913/24,0)+1,1)*INDEX($D$3:$AA$30,INDEX(Jesper!$R$2:$R$366,ROW(INDEX(Jesper!AK$2:AK$366,ROUNDDOWN($C3913/24,0)+1,1))-1)+IF('Standard Profiles'!$G$21=$B$10,7,0)+IF('Standard Profiles'!$G$21=$B$17,14,0)+IF('Standard Profiles'!$G$21=$B$24,21,0),MOD($C3913,24)+1)/SUM(INDEX($D$3:$AA$30,INDEX(Jesper!$R$2:$R$366,ROW(INDEX(Jesper!AK$2:AK$366,ROUNDDOWN($C3913/24,0)+1,1))-1)+IF('Standard Profiles'!$G$21=$B$10,7,0)+IF('Standard Profiles'!$G$21=$B$17,14,0)+IF('Standard Profiles'!$G$21=$B$24,21,0),0)),0)</f>
        <v>0.78312647051591056</v>
      </c>
      <c r="H3913" cm="1">
        <f t="array" ref="H3913">IFERROR(INDEX(Jesper!AL$2:AL$366,ROUNDDOWN($C3913/24,0)+1,1)*INDEX($D$3:$AA$30,INDEX(Jesper!$R$2:$R$366,ROW(INDEX(Jesper!AL$2:AL$366,ROUNDDOWN($C3913/24,0)+1,1))-1)+IF('Standard Profiles'!$G$22=$B$10,7,0)+IF('Standard Profiles'!$G$22=$B$17,14,0)+IF('Standard Profiles'!$G$22=$B$24,21,0),MOD($C3913,24)+1)/SUM(INDEX($D$3:$AA$30,INDEX(Jesper!$R$2:$R$366,ROW(INDEX(Jesper!AL$2:AL$366,ROUNDDOWN($C3913/24,0)+1,1))-1)+IF('Standard Profiles'!$G$22=$B$10,7,0)+IF('Standard Profiles'!$G$22=$B$17,14,0)+IF('Standard Profiles'!$G$22=$B$24,21,0),0)),0)</f>
        <v>0.46243793666164834</v>
      </c>
      <c r="I3913">
        <f t="shared" si="440"/>
        <v>0.44394041919518262</v>
      </c>
      <c r="J3913">
        <f t="shared" si="441"/>
        <v>4.4883392071929924</v>
      </c>
      <c r="K3913">
        <f t="shared" si="442"/>
        <v>0.21973513682945164</v>
      </c>
      <c r="L3913">
        <f t="shared" si="443"/>
        <v>0.10986756841472582</v>
      </c>
      <c r="M3913">
        <f t="shared" si="444"/>
        <v>0</v>
      </c>
      <c r="N3913" s="45">
        <f t="shared" si="445"/>
        <v>45088.624999990592</v>
      </c>
    </row>
    <row r="3914" spans="2:14" x14ac:dyDescent="0.25">
      <c r="B3914">
        <f t="shared" si="439"/>
        <v>7</v>
      </c>
      <c r="C3914" s="16">
        <v>3880</v>
      </c>
      <c r="D3914" cm="1">
        <f t="array" ref="D3914">IFERROR(INDEX(Jesper!AH$2:AH$366,ROUNDDOWN($C3914/24,0)+1,1)*INDEX($D$3:$AA$30,INDEX(Jesper!$R$2:$R$366,ROW(INDEX(Jesper!AH$2:AH$366,ROUNDDOWN($C3914/24,0)+1,1))-1)+IF('Standard Profiles'!$G$18=$B$10,7,0)+IF('Standard Profiles'!$G$18=$B$17,14,0)+IF('Standard Profiles'!$G$18=$B$24,21,0),MOD($C3914,24)+1)/SUM(INDEX($D$3:$AA$30,INDEX(Jesper!$R$2:$R$366,ROW(INDEX(Jesper!AH$2:AH$366,ROUNDDOWN($C3914/24,0)+1,1))-1)+IF('Standard Profiles'!$G$18=$B$10,7,0)+IF('Standard Profiles'!$G$18=$B$17,14,0)+IF('Standard Profiles'!$G$18=$B$24,21,0),0)),0)</f>
        <v>0</v>
      </c>
      <c r="E3914" cm="1">
        <f t="array" ref="E3914">IFERROR(INDEX(Jesper!AI$2:AI$366,ROUNDDOWN($C3914/24,0)+1,1)*INDEX($D$3:$AA$30,INDEX(Jesper!$R$2:$R$366,ROW(INDEX(Jesper!AI$2:AI$366,ROUNDDOWN($C3914/24,0)+1,1))-1)+IF('Standard Profiles'!$G$19=$B$10,7,0)+IF('Standard Profiles'!$G$19=$B$17,14,0)+IF('Standard Profiles'!$G$19=$B$24,21,0),MOD($C3914,24)+1)/SUM(INDEX($D$3:$AA$30,INDEX(Jesper!$R$2:$R$366,ROW(INDEX(Jesper!AI$2:AI$366,ROUNDDOWN($C3914/24,0)+1,1))-1)+IF('Standard Profiles'!$G$19=$B$10,7,0)+IF('Standard Profiles'!$G$19=$B$17,14,0)+IF('Standard Profiles'!$G$19=$B$24,21,0),0)),0)</f>
        <v>2.7466892103681455</v>
      </c>
      <c r="F3914" cm="1">
        <f t="array" ref="F3914">IFERROR(INDEX(Jesper!AJ$2:AJ$366,ROUNDDOWN($C3914/24,0)+1,1)*INDEX($D$3:$AA$30,INDEX(Jesper!$R$2:$R$366,ROW(INDEX(Jesper!AJ$2:AJ$366,ROUNDDOWN($C3914/24,0)+1,1))-1)+IF('Standard Profiles'!$G$20=$B$10,7,0)+IF('Standard Profiles'!$G$20=$B$17,14,0)+IF('Standard Profiles'!$G$20=$B$24,21,0),MOD($C3914,24)+1)/SUM(INDEX($D$3:$AA$30,INDEX(Jesper!$R$2:$R$366,ROW(INDEX(Jesper!AJ$2:AJ$366,ROUNDDOWN($C3914/24,0)+1,1))-1)+IF('Standard Profiles'!$G$20=$B$10,7,0)+IF('Standard Profiles'!$G$20=$B$17,14,0)+IF('Standard Profiles'!$G$20=$B$24,21,0),0)),0)</f>
        <v>1.2696287140866476</v>
      </c>
      <c r="G3914" cm="1">
        <f t="array" ref="G3914">IFERROR(INDEX(Jesper!AK$2:AK$366,ROUNDDOWN($C3914/24,0)+1,1)*INDEX($D$3:$AA$30,INDEX(Jesper!$R$2:$R$366,ROW(INDEX(Jesper!AK$2:AK$366,ROUNDDOWN($C3914/24,0)+1,1))-1)+IF('Standard Profiles'!$G$21=$B$10,7,0)+IF('Standard Profiles'!$G$21=$B$17,14,0)+IF('Standard Profiles'!$G$21=$B$24,21,0),MOD($C3914,24)+1)/SUM(INDEX($D$3:$AA$30,INDEX(Jesper!$R$2:$R$366,ROW(INDEX(Jesper!AK$2:AK$366,ROUNDDOWN($C3914/24,0)+1,1))-1)+IF('Standard Profiles'!$G$21=$B$10,7,0)+IF('Standard Profiles'!$G$21=$B$17,14,0)+IF('Standard Profiles'!$G$21=$B$24,21,0),0)),0)</f>
        <v>0.78312647051591056</v>
      </c>
      <c r="H3914" cm="1">
        <f t="array" ref="H3914">IFERROR(INDEX(Jesper!AL$2:AL$366,ROUNDDOWN($C3914/24,0)+1,1)*INDEX($D$3:$AA$30,INDEX(Jesper!$R$2:$R$366,ROW(INDEX(Jesper!AL$2:AL$366,ROUNDDOWN($C3914/24,0)+1,1))-1)+IF('Standard Profiles'!$G$22=$B$10,7,0)+IF('Standard Profiles'!$G$22=$B$17,14,0)+IF('Standard Profiles'!$G$22=$B$24,21,0),MOD($C3914,24)+1)/SUM(INDEX($D$3:$AA$30,INDEX(Jesper!$R$2:$R$366,ROW(INDEX(Jesper!AL$2:AL$366,ROUNDDOWN($C3914/24,0)+1,1))-1)+IF('Standard Profiles'!$G$22=$B$10,7,0)+IF('Standard Profiles'!$G$22=$B$17,14,0)+IF('Standard Profiles'!$G$22=$B$24,21,0),0)),0)</f>
        <v>0.45418011636411887</v>
      </c>
      <c r="I3914">
        <f t="shared" si="440"/>
        <v>0.43601291170955436</v>
      </c>
      <c r="J3914">
        <f t="shared" si="441"/>
        <v>4.4880088943810907</v>
      </c>
      <c r="K3914">
        <f t="shared" si="442"/>
        <v>0.21973513682945164</v>
      </c>
      <c r="L3914">
        <f t="shared" si="443"/>
        <v>0.10986756841472582</v>
      </c>
      <c r="M3914">
        <f t="shared" si="444"/>
        <v>0</v>
      </c>
      <c r="N3914" s="45">
        <f t="shared" si="445"/>
        <v>45088.666666657256</v>
      </c>
    </row>
    <row r="3915" spans="2:14" x14ac:dyDescent="0.25">
      <c r="B3915">
        <f t="shared" si="439"/>
        <v>7</v>
      </c>
      <c r="C3915" s="16">
        <v>3881</v>
      </c>
      <c r="D3915" cm="1">
        <f t="array" ref="D3915">IFERROR(INDEX(Jesper!AH$2:AH$366,ROUNDDOWN($C3915/24,0)+1,1)*INDEX($D$3:$AA$30,INDEX(Jesper!$R$2:$R$366,ROW(INDEX(Jesper!AH$2:AH$366,ROUNDDOWN($C3915/24,0)+1,1))-1)+IF('Standard Profiles'!$G$18=$B$10,7,0)+IF('Standard Profiles'!$G$18=$B$17,14,0)+IF('Standard Profiles'!$G$18=$B$24,21,0),MOD($C3915,24)+1)/SUM(INDEX($D$3:$AA$30,INDEX(Jesper!$R$2:$R$366,ROW(INDEX(Jesper!AH$2:AH$366,ROUNDDOWN($C3915/24,0)+1,1))-1)+IF('Standard Profiles'!$G$18=$B$10,7,0)+IF('Standard Profiles'!$G$18=$B$17,14,0)+IF('Standard Profiles'!$G$18=$B$24,21,0),0)),0)</f>
        <v>0</v>
      </c>
      <c r="E3915" cm="1">
        <f t="array" ref="E3915">IFERROR(INDEX(Jesper!AI$2:AI$366,ROUNDDOWN($C3915/24,0)+1,1)*INDEX($D$3:$AA$30,INDEX(Jesper!$R$2:$R$366,ROW(INDEX(Jesper!AI$2:AI$366,ROUNDDOWN($C3915/24,0)+1,1))-1)+IF('Standard Profiles'!$G$19=$B$10,7,0)+IF('Standard Profiles'!$G$19=$B$17,14,0)+IF('Standard Profiles'!$G$19=$B$24,21,0),MOD($C3915,24)+1)/SUM(INDEX($D$3:$AA$30,INDEX(Jesper!$R$2:$R$366,ROW(INDEX(Jesper!AI$2:AI$366,ROUNDDOWN($C3915/24,0)+1,1))-1)+IF('Standard Profiles'!$G$19=$B$10,7,0)+IF('Standard Profiles'!$G$19=$B$17,14,0)+IF('Standard Profiles'!$G$19=$B$24,21,0),0)),0)</f>
        <v>2.7466892103681455</v>
      </c>
      <c r="F3915" cm="1">
        <f t="array" ref="F3915">IFERROR(INDEX(Jesper!AJ$2:AJ$366,ROUNDDOWN($C3915/24,0)+1,1)*INDEX($D$3:$AA$30,INDEX(Jesper!$R$2:$R$366,ROW(INDEX(Jesper!AJ$2:AJ$366,ROUNDDOWN($C3915/24,0)+1,1))-1)+IF('Standard Profiles'!$G$20=$B$10,7,0)+IF('Standard Profiles'!$G$20=$B$17,14,0)+IF('Standard Profiles'!$G$20=$B$24,21,0),MOD($C3915,24)+1)/SUM(INDEX($D$3:$AA$30,INDEX(Jesper!$R$2:$R$366,ROW(INDEX(Jesper!AJ$2:AJ$366,ROUNDDOWN($C3915/24,0)+1,1))-1)+IF('Standard Profiles'!$G$20=$B$10,7,0)+IF('Standard Profiles'!$G$20=$B$17,14,0)+IF('Standard Profiles'!$G$20=$B$24,21,0),0)),0)</f>
        <v>1.2696287140866476</v>
      </c>
      <c r="G3915" cm="1">
        <f t="array" ref="G3915">IFERROR(INDEX(Jesper!AK$2:AK$366,ROUNDDOWN($C3915/24,0)+1,1)*INDEX($D$3:$AA$30,INDEX(Jesper!$R$2:$R$366,ROW(INDEX(Jesper!AK$2:AK$366,ROUNDDOWN($C3915/24,0)+1,1))-1)+IF('Standard Profiles'!$G$21=$B$10,7,0)+IF('Standard Profiles'!$G$21=$B$17,14,0)+IF('Standard Profiles'!$G$21=$B$24,21,0),MOD($C3915,24)+1)/SUM(INDEX($D$3:$AA$30,INDEX(Jesper!$R$2:$R$366,ROW(INDEX(Jesper!AK$2:AK$366,ROUNDDOWN($C3915/24,0)+1,1))-1)+IF('Standard Profiles'!$G$21=$B$10,7,0)+IF('Standard Profiles'!$G$21=$B$17,14,0)+IF('Standard Profiles'!$G$21=$B$24,21,0),0)),0)</f>
        <v>0.78312647051591056</v>
      </c>
      <c r="H3915" cm="1">
        <f t="array" ref="H3915">IFERROR(INDEX(Jesper!AL$2:AL$366,ROUNDDOWN($C3915/24,0)+1,1)*INDEX($D$3:$AA$30,INDEX(Jesper!$R$2:$R$366,ROW(INDEX(Jesper!AL$2:AL$366,ROUNDDOWN($C3915/24,0)+1,1))-1)+IF('Standard Profiles'!$G$22=$B$10,7,0)+IF('Standard Profiles'!$G$22=$B$17,14,0)+IF('Standard Profiles'!$G$22=$B$24,21,0),MOD($C3915,24)+1)/SUM(INDEX($D$3:$AA$30,INDEX(Jesper!$R$2:$R$366,ROW(INDEX(Jesper!AL$2:AL$366,ROUNDDOWN($C3915/24,0)+1,1))-1)+IF('Standard Profiles'!$G$22=$B$10,7,0)+IF('Standard Profiles'!$G$22=$B$17,14,0)+IF('Standard Profiles'!$G$22=$B$24,21,0),0)),0)</f>
        <v>0.38811755398388342</v>
      </c>
      <c r="I3915">
        <f t="shared" si="440"/>
        <v>0.37259285182452828</v>
      </c>
      <c r="J3915">
        <f t="shared" si="441"/>
        <v>4.485366391885881</v>
      </c>
      <c r="K3915">
        <f t="shared" si="442"/>
        <v>0.21973513682945164</v>
      </c>
      <c r="L3915">
        <f t="shared" si="443"/>
        <v>0.10986756841472582</v>
      </c>
      <c r="M3915">
        <f t="shared" si="444"/>
        <v>0</v>
      </c>
      <c r="N3915" s="45">
        <f t="shared" si="445"/>
        <v>45088.708333323921</v>
      </c>
    </row>
    <row r="3916" spans="2:14" x14ac:dyDescent="0.25">
      <c r="B3916">
        <f t="shared" si="439"/>
        <v>7</v>
      </c>
      <c r="C3916" s="16">
        <v>3882</v>
      </c>
      <c r="D3916" cm="1">
        <f t="array" ref="D3916">IFERROR(INDEX(Jesper!AH$2:AH$366,ROUNDDOWN($C3916/24,0)+1,1)*INDEX($D$3:$AA$30,INDEX(Jesper!$R$2:$R$366,ROW(INDEX(Jesper!AH$2:AH$366,ROUNDDOWN($C3916/24,0)+1,1))-1)+IF('Standard Profiles'!$G$18=$B$10,7,0)+IF('Standard Profiles'!$G$18=$B$17,14,0)+IF('Standard Profiles'!$G$18=$B$24,21,0),MOD($C3916,24)+1)/SUM(INDEX($D$3:$AA$30,INDEX(Jesper!$R$2:$R$366,ROW(INDEX(Jesper!AH$2:AH$366,ROUNDDOWN($C3916/24,0)+1,1))-1)+IF('Standard Profiles'!$G$18=$B$10,7,0)+IF('Standard Profiles'!$G$18=$B$17,14,0)+IF('Standard Profiles'!$G$18=$B$24,21,0),0)),0)</f>
        <v>0</v>
      </c>
      <c r="E3916" cm="1">
        <f t="array" ref="E3916">IFERROR(INDEX(Jesper!AI$2:AI$366,ROUNDDOWN($C3916/24,0)+1,1)*INDEX($D$3:$AA$30,INDEX(Jesper!$R$2:$R$366,ROW(INDEX(Jesper!AI$2:AI$366,ROUNDDOWN($C3916/24,0)+1,1))-1)+IF('Standard Profiles'!$G$19=$B$10,7,0)+IF('Standard Profiles'!$G$19=$B$17,14,0)+IF('Standard Profiles'!$G$19=$B$24,21,0),MOD($C3916,24)+1)/SUM(INDEX($D$3:$AA$30,INDEX(Jesper!$R$2:$R$366,ROW(INDEX(Jesper!AI$2:AI$366,ROUNDDOWN($C3916/24,0)+1,1))-1)+IF('Standard Profiles'!$G$19=$B$10,7,0)+IF('Standard Profiles'!$G$19=$B$17,14,0)+IF('Standard Profiles'!$G$19=$B$24,21,0),0)),0)</f>
        <v>2.7466892103681455</v>
      </c>
      <c r="F3916" cm="1">
        <f t="array" ref="F3916">IFERROR(INDEX(Jesper!AJ$2:AJ$366,ROUNDDOWN($C3916/24,0)+1,1)*INDEX($D$3:$AA$30,INDEX(Jesper!$R$2:$R$366,ROW(INDEX(Jesper!AJ$2:AJ$366,ROUNDDOWN($C3916/24,0)+1,1))-1)+IF('Standard Profiles'!$G$20=$B$10,7,0)+IF('Standard Profiles'!$G$20=$B$17,14,0)+IF('Standard Profiles'!$G$20=$B$24,21,0),MOD($C3916,24)+1)/SUM(INDEX($D$3:$AA$30,INDEX(Jesper!$R$2:$R$366,ROW(INDEX(Jesper!AJ$2:AJ$366,ROUNDDOWN($C3916/24,0)+1,1))-1)+IF('Standard Profiles'!$G$20=$B$10,7,0)+IF('Standard Profiles'!$G$20=$B$17,14,0)+IF('Standard Profiles'!$G$20=$B$24,21,0),0)),0)</f>
        <v>1.2696287140866476</v>
      </c>
      <c r="G3916" cm="1">
        <f t="array" ref="G3916">IFERROR(INDEX(Jesper!AK$2:AK$366,ROUNDDOWN($C3916/24,0)+1,1)*INDEX($D$3:$AA$30,INDEX(Jesper!$R$2:$R$366,ROW(INDEX(Jesper!AK$2:AK$366,ROUNDDOWN($C3916/24,0)+1,1))-1)+IF('Standard Profiles'!$G$21=$B$10,7,0)+IF('Standard Profiles'!$G$21=$B$17,14,0)+IF('Standard Profiles'!$G$21=$B$24,21,0),MOD($C3916,24)+1)/SUM(INDEX($D$3:$AA$30,INDEX(Jesper!$R$2:$R$366,ROW(INDEX(Jesper!AK$2:AK$366,ROUNDDOWN($C3916/24,0)+1,1))-1)+IF('Standard Profiles'!$G$21=$B$10,7,0)+IF('Standard Profiles'!$G$21=$B$17,14,0)+IF('Standard Profiles'!$G$21=$B$24,21,0),0)),0)</f>
        <v>0.78312647051591056</v>
      </c>
      <c r="H3916" cm="1">
        <f t="array" ref="H3916">IFERROR(INDEX(Jesper!AL$2:AL$366,ROUNDDOWN($C3916/24,0)+1,1)*INDEX($D$3:$AA$30,INDEX(Jesper!$R$2:$R$366,ROW(INDEX(Jesper!AL$2:AL$366,ROUNDDOWN($C3916/24,0)+1,1))-1)+IF('Standard Profiles'!$G$22=$B$10,7,0)+IF('Standard Profiles'!$G$22=$B$17,14,0)+IF('Standard Profiles'!$G$22=$B$24,21,0),MOD($C3916,24)+1)/SUM(INDEX($D$3:$AA$30,INDEX(Jesper!$R$2:$R$366,ROW(INDEX(Jesper!AL$2:AL$366,ROUNDDOWN($C3916/24,0)+1,1))-1)+IF('Standard Profiles'!$G$22=$B$10,7,0)+IF('Standard Profiles'!$G$22=$B$17,14,0)+IF('Standard Profiles'!$G$22=$B$24,21,0),0)),0)</f>
        <v>0.36334409309129517</v>
      </c>
      <c r="I3916">
        <f t="shared" si="440"/>
        <v>0.34881032936764356</v>
      </c>
      <c r="J3916">
        <f t="shared" si="441"/>
        <v>4.4843754534501779</v>
      </c>
      <c r="K3916">
        <f t="shared" si="442"/>
        <v>0.21973513682945164</v>
      </c>
      <c r="L3916">
        <f t="shared" si="443"/>
        <v>0.10986756841472582</v>
      </c>
      <c r="M3916">
        <f t="shared" si="444"/>
        <v>0</v>
      </c>
      <c r="N3916" s="45">
        <f t="shared" si="445"/>
        <v>45088.749999990585</v>
      </c>
    </row>
    <row r="3917" spans="2:14" x14ac:dyDescent="0.25">
      <c r="B3917">
        <f t="shared" si="439"/>
        <v>7</v>
      </c>
      <c r="C3917" s="16">
        <v>3883</v>
      </c>
      <c r="D3917" cm="1">
        <f t="array" ref="D3917">IFERROR(INDEX(Jesper!AH$2:AH$366,ROUNDDOWN($C3917/24,0)+1,1)*INDEX($D$3:$AA$30,INDEX(Jesper!$R$2:$R$366,ROW(INDEX(Jesper!AH$2:AH$366,ROUNDDOWN($C3917/24,0)+1,1))-1)+IF('Standard Profiles'!$G$18=$B$10,7,0)+IF('Standard Profiles'!$G$18=$B$17,14,0)+IF('Standard Profiles'!$G$18=$B$24,21,0),MOD($C3917,24)+1)/SUM(INDEX($D$3:$AA$30,INDEX(Jesper!$R$2:$R$366,ROW(INDEX(Jesper!AH$2:AH$366,ROUNDDOWN($C3917/24,0)+1,1))-1)+IF('Standard Profiles'!$G$18=$B$10,7,0)+IF('Standard Profiles'!$G$18=$B$17,14,0)+IF('Standard Profiles'!$G$18=$B$24,21,0),0)),0)</f>
        <v>0</v>
      </c>
      <c r="E3917" cm="1">
        <f t="array" ref="E3917">IFERROR(INDEX(Jesper!AI$2:AI$366,ROUNDDOWN($C3917/24,0)+1,1)*INDEX($D$3:$AA$30,INDEX(Jesper!$R$2:$R$366,ROW(INDEX(Jesper!AI$2:AI$366,ROUNDDOWN($C3917/24,0)+1,1))-1)+IF('Standard Profiles'!$G$19=$B$10,7,0)+IF('Standard Profiles'!$G$19=$B$17,14,0)+IF('Standard Profiles'!$G$19=$B$24,21,0),MOD($C3917,24)+1)/SUM(INDEX($D$3:$AA$30,INDEX(Jesper!$R$2:$R$366,ROW(INDEX(Jesper!AI$2:AI$366,ROUNDDOWN($C3917/24,0)+1,1))-1)+IF('Standard Profiles'!$G$19=$B$10,7,0)+IF('Standard Profiles'!$G$19=$B$17,14,0)+IF('Standard Profiles'!$G$19=$B$24,21,0),0)),0)</f>
        <v>2.7466892103681455</v>
      </c>
      <c r="F3917" cm="1">
        <f t="array" ref="F3917">IFERROR(INDEX(Jesper!AJ$2:AJ$366,ROUNDDOWN($C3917/24,0)+1,1)*INDEX($D$3:$AA$30,INDEX(Jesper!$R$2:$R$366,ROW(INDEX(Jesper!AJ$2:AJ$366,ROUNDDOWN($C3917/24,0)+1,1))-1)+IF('Standard Profiles'!$G$20=$B$10,7,0)+IF('Standard Profiles'!$G$20=$B$17,14,0)+IF('Standard Profiles'!$G$20=$B$24,21,0),MOD($C3917,24)+1)/SUM(INDEX($D$3:$AA$30,INDEX(Jesper!$R$2:$R$366,ROW(INDEX(Jesper!AJ$2:AJ$366,ROUNDDOWN($C3917/24,0)+1,1))-1)+IF('Standard Profiles'!$G$20=$B$10,7,0)+IF('Standard Profiles'!$G$20=$B$17,14,0)+IF('Standard Profiles'!$G$20=$B$24,21,0),0)),0)</f>
        <v>1.2696287140866476</v>
      </c>
      <c r="G3917" cm="1">
        <f t="array" ref="G3917">IFERROR(INDEX(Jesper!AK$2:AK$366,ROUNDDOWN($C3917/24,0)+1,1)*INDEX($D$3:$AA$30,INDEX(Jesper!$R$2:$R$366,ROW(INDEX(Jesper!AK$2:AK$366,ROUNDDOWN($C3917/24,0)+1,1))-1)+IF('Standard Profiles'!$G$21=$B$10,7,0)+IF('Standard Profiles'!$G$21=$B$17,14,0)+IF('Standard Profiles'!$G$21=$B$24,21,0),MOD($C3917,24)+1)/SUM(INDEX($D$3:$AA$30,INDEX(Jesper!$R$2:$R$366,ROW(INDEX(Jesper!AK$2:AK$366,ROUNDDOWN($C3917/24,0)+1,1))-1)+IF('Standard Profiles'!$G$21=$B$10,7,0)+IF('Standard Profiles'!$G$21=$B$17,14,0)+IF('Standard Profiles'!$G$21=$B$24,21,0),0)),0)</f>
        <v>0.78312647051591056</v>
      </c>
      <c r="H3917" cm="1">
        <f t="array" ref="H3917">IFERROR(INDEX(Jesper!AL$2:AL$366,ROUNDDOWN($C3917/24,0)+1,1)*INDEX($D$3:$AA$30,INDEX(Jesper!$R$2:$R$366,ROW(INDEX(Jesper!AL$2:AL$366,ROUNDDOWN($C3917/24,0)+1,1))-1)+IF('Standard Profiles'!$G$22=$B$10,7,0)+IF('Standard Profiles'!$G$22=$B$17,14,0)+IF('Standard Profiles'!$G$22=$B$24,21,0),MOD($C3917,24)+1)/SUM(INDEX($D$3:$AA$30,INDEX(Jesper!$R$2:$R$366,ROW(INDEX(Jesper!AL$2:AL$366,ROUNDDOWN($C3917/24,0)+1,1))-1)+IF('Standard Profiles'!$G$22=$B$10,7,0)+IF('Standard Profiles'!$G$22=$B$17,14,0)+IF('Standard Profiles'!$G$22=$B$24,21,0),0)),0)</f>
        <v>0.30553935100858909</v>
      </c>
      <c r="I3917">
        <f t="shared" si="440"/>
        <v>0.29331777696824568</v>
      </c>
      <c r="J3917">
        <f t="shared" si="441"/>
        <v>4.4820632637668698</v>
      </c>
      <c r="K3917">
        <f t="shared" si="442"/>
        <v>0.21973513682945164</v>
      </c>
      <c r="L3917">
        <f t="shared" si="443"/>
        <v>0.10986756841472582</v>
      </c>
      <c r="M3917">
        <f t="shared" si="444"/>
        <v>0</v>
      </c>
      <c r="N3917" s="45">
        <f t="shared" si="445"/>
        <v>45088.791666657249</v>
      </c>
    </row>
    <row r="3918" spans="2:14" x14ac:dyDescent="0.25">
      <c r="B3918">
        <f t="shared" si="439"/>
        <v>7</v>
      </c>
      <c r="C3918" s="16">
        <v>3884</v>
      </c>
      <c r="D3918" cm="1">
        <f t="array" ref="D3918">IFERROR(INDEX(Jesper!AH$2:AH$366,ROUNDDOWN($C3918/24,0)+1,1)*INDEX($D$3:$AA$30,INDEX(Jesper!$R$2:$R$366,ROW(INDEX(Jesper!AH$2:AH$366,ROUNDDOWN($C3918/24,0)+1,1))-1)+IF('Standard Profiles'!$G$18=$B$10,7,0)+IF('Standard Profiles'!$G$18=$B$17,14,0)+IF('Standard Profiles'!$G$18=$B$24,21,0),MOD($C3918,24)+1)/SUM(INDEX($D$3:$AA$30,INDEX(Jesper!$R$2:$R$366,ROW(INDEX(Jesper!AH$2:AH$366,ROUNDDOWN($C3918/24,0)+1,1))-1)+IF('Standard Profiles'!$G$18=$B$10,7,0)+IF('Standard Profiles'!$G$18=$B$17,14,0)+IF('Standard Profiles'!$G$18=$B$24,21,0),0)),0)</f>
        <v>0</v>
      </c>
      <c r="E3918" cm="1">
        <f t="array" ref="E3918">IFERROR(INDEX(Jesper!AI$2:AI$366,ROUNDDOWN($C3918/24,0)+1,1)*INDEX($D$3:$AA$30,INDEX(Jesper!$R$2:$R$366,ROW(INDEX(Jesper!AI$2:AI$366,ROUNDDOWN($C3918/24,0)+1,1))-1)+IF('Standard Profiles'!$G$19=$B$10,7,0)+IF('Standard Profiles'!$G$19=$B$17,14,0)+IF('Standard Profiles'!$G$19=$B$24,21,0),MOD($C3918,24)+1)/SUM(INDEX($D$3:$AA$30,INDEX(Jesper!$R$2:$R$366,ROW(INDEX(Jesper!AI$2:AI$366,ROUNDDOWN($C3918/24,0)+1,1))-1)+IF('Standard Profiles'!$G$19=$B$10,7,0)+IF('Standard Profiles'!$G$19=$B$17,14,0)+IF('Standard Profiles'!$G$19=$B$24,21,0),0)),0)</f>
        <v>2.7466892103681455</v>
      </c>
      <c r="F3918" cm="1">
        <f t="array" ref="F3918">IFERROR(INDEX(Jesper!AJ$2:AJ$366,ROUNDDOWN($C3918/24,0)+1,1)*INDEX($D$3:$AA$30,INDEX(Jesper!$R$2:$R$366,ROW(INDEX(Jesper!AJ$2:AJ$366,ROUNDDOWN($C3918/24,0)+1,1))-1)+IF('Standard Profiles'!$G$20=$B$10,7,0)+IF('Standard Profiles'!$G$20=$B$17,14,0)+IF('Standard Profiles'!$G$20=$B$24,21,0),MOD($C3918,24)+1)/SUM(INDEX($D$3:$AA$30,INDEX(Jesper!$R$2:$R$366,ROW(INDEX(Jesper!AJ$2:AJ$366,ROUNDDOWN($C3918/24,0)+1,1))-1)+IF('Standard Profiles'!$G$20=$B$10,7,0)+IF('Standard Profiles'!$G$20=$B$17,14,0)+IF('Standard Profiles'!$G$20=$B$24,21,0),0)),0)</f>
        <v>1.2696287140866476</v>
      </c>
      <c r="G3918" cm="1">
        <f t="array" ref="G3918">IFERROR(INDEX(Jesper!AK$2:AK$366,ROUNDDOWN($C3918/24,0)+1,1)*INDEX($D$3:$AA$30,INDEX(Jesper!$R$2:$R$366,ROW(INDEX(Jesper!AK$2:AK$366,ROUNDDOWN($C3918/24,0)+1,1))-1)+IF('Standard Profiles'!$G$21=$B$10,7,0)+IF('Standard Profiles'!$G$21=$B$17,14,0)+IF('Standard Profiles'!$G$21=$B$24,21,0),MOD($C3918,24)+1)/SUM(INDEX($D$3:$AA$30,INDEX(Jesper!$R$2:$R$366,ROW(INDEX(Jesper!AK$2:AK$366,ROUNDDOWN($C3918/24,0)+1,1))-1)+IF('Standard Profiles'!$G$21=$B$10,7,0)+IF('Standard Profiles'!$G$21=$B$17,14,0)+IF('Standard Profiles'!$G$21=$B$24,21,0),0)),0)</f>
        <v>0.78312647051591056</v>
      </c>
      <c r="H3918" cm="1">
        <f t="array" ref="H3918">IFERROR(INDEX(Jesper!AL$2:AL$366,ROUNDDOWN($C3918/24,0)+1,1)*INDEX($D$3:$AA$30,INDEX(Jesper!$R$2:$R$366,ROW(INDEX(Jesper!AL$2:AL$366,ROUNDDOWN($C3918/24,0)+1,1))-1)+IF('Standard Profiles'!$G$22=$B$10,7,0)+IF('Standard Profiles'!$G$22=$B$17,14,0)+IF('Standard Profiles'!$G$22=$B$24,21,0),MOD($C3918,24)+1)/SUM(INDEX($D$3:$AA$30,INDEX(Jesper!$R$2:$R$366,ROW(INDEX(Jesper!AL$2:AL$366,ROUNDDOWN($C3918/24,0)+1,1))-1)+IF('Standard Profiles'!$G$22=$B$10,7,0)+IF('Standard Profiles'!$G$22=$B$17,14,0)+IF('Standard Profiles'!$G$22=$B$24,21,0),0)),0)</f>
        <v>0.25599242922341248</v>
      </c>
      <c r="I3918">
        <f t="shared" si="440"/>
        <v>0.24575273205447612</v>
      </c>
      <c r="J3918">
        <f t="shared" si="441"/>
        <v>4.4800813868954625</v>
      </c>
      <c r="K3918">
        <f t="shared" si="442"/>
        <v>0.21973513682945164</v>
      </c>
      <c r="L3918">
        <f t="shared" si="443"/>
        <v>0.10986756841472582</v>
      </c>
      <c r="M3918">
        <f t="shared" si="444"/>
        <v>0</v>
      </c>
      <c r="N3918" s="45">
        <f t="shared" si="445"/>
        <v>45088.833333323913</v>
      </c>
    </row>
    <row r="3919" spans="2:14" x14ac:dyDescent="0.25">
      <c r="B3919">
        <f t="shared" si="439"/>
        <v>7</v>
      </c>
      <c r="C3919" s="16">
        <v>3885</v>
      </c>
      <c r="D3919" cm="1">
        <f t="array" ref="D3919">IFERROR(INDEX(Jesper!AH$2:AH$366,ROUNDDOWN($C3919/24,0)+1,1)*INDEX($D$3:$AA$30,INDEX(Jesper!$R$2:$R$366,ROW(INDEX(Jesper!AH$2:AH$366,ROUNDDOWN($C3919/24,0)+1,1))-1)+IF('Standard Profiles'!$G$18=$B$10,7,0)+IF('Standard Profiles'!$G$18=$B$17,14,0)+IF('Standard Profiles'!$G$18=$B$24,21,0),MOD($C3919,24)+1)/SUM(INDEX($D$3:$AA$30,INDEX(Jesper!$R$2:$R$366,ROW(INDEX(Jesper!AH$2:AH$366,ROUNDDOWN($C3919/24,0)+1,1))-1)+IF('Standard Profiles'!$G$18=$B$10,7,0)+IF('Standard Profiles'!$G$18=$B$17,14,0)+IF('Standard Profiles'!$G$18=$B$24,21,0),0)),0)</f>
        <v>0</v>
      </c>
      <c r="E3919" cm="1">
        <f t="array" ref="E3919">IFERROR(INDEX(Jesper!AI$2:AI$366,ROUNDDOWN($C3919/24,0)+1,1)*INDEX($D$3:$AA$30,INDEX(Jesper!$R$2:$R$366,ROW(INDEX(Jesper!AI$2:AI$366,ROUNDDOWN($C3919/24,0)+1,1))-1)+IF('Standard Profiles'!$G$19=$B$10,7,0)+IF('Standard Profiles'!$G$19=$B$17,14,0)+IF('Standard Profiles'!$G$19=$B$24,21,0),MOD($C3919,24)+1)/SUM(INDEX($D$3:$AA$30,INDEX(Jesper!$R$2:$R$366,ROW(INDEX(Jesper!AI$2:AI$366,ROUNDDOWN($C3919/24,0)+1,1))-1)+IF('Standard Profiles'!$G$19=$B$10,7,0)+IF('Standard Profiles'!$G$19=$B$17,14,0)+IF('Standard Profiles'!$G$19=$B$24,21,0),0)),0)</f>
        <v>2.7466892103681455</v>
      </c>
      <c r="F3919" cm="1">
        <f t="array" ref="F3919">IFERROR(INDEX(Jesper!AJ$2:AJ$366,ROUNDDOWN($C3919/24,0)+1,1)*INDEX($D$3:$AA$30,INDEX(Jesper!$R$2:$R$366,ROW(INDEX(Jesper!AJ$2:AJ$366,ROUNDDOWN($C3919/24,0)+1,1))-1)+IF('Standard Profiles'!$G$20=$B$10,7,0)+IF('Standard Profiles'!$G$20=$B$17,14,0)+IF('Standard Profiles'!$G$20=$B$24,21,0),MOD($C3919,24)+1)/SUM(INDEX($D$3:$AA$30,INDEX(Jesper!$R$2:$R$366,ROW(INDEX(Jesper!AJ$2:AJ$366,ROUNDDOWN($C3919/24,0)+1,1))-1)+IF('Standard Profiles'!$G$20=$B$10,7,0)+IF('Standard Profiles'!$G$20=$B$17,14,0)+IF('Standard Profiles'!$G$20=$B$24,21,0),0)),0)</f>
        <v>1.2696287140866476</v>
      </c>
      <c r="G3919" cm="1">
        <f t="array" ref="G3919">IFERROR(INDEX(Jesper!AK$2:AK$366,ROUNDDOWN($C3919/24,0)+1,1)*INDEX($D$3:$AA$30,INDEX(Jesper!$R$2:$R$366,ROW(INDEX(Jesper!AK$2:AK$366,ROUNDDOWN($C3919/24,0)+1,1))-1)+IF('Standard Profiles'!$G$21=$B$10,7,0)+IF('Standard Profiles'!$G$21=$B$17,14,0)+IF('Standard Profiles'!$G$21=$B$24,21,0),MOD($C3919,24)+1)/SUM(INDEX($D$3:$AA$30,INDEX(Jesper!$R$2:$R$366,ROW(INDEX(Jesper!AK$2:AK$366,ROUNDDOWN($C3919/24,0)+1,1))-1)+IF('Standard Profiles'!$G$21=$B$10,7,0)+IF('Standard Profiles'!$G$21=$B$17,14,0)+IF('Standard Profiles'!$G$21=$B$24,21,0),0)),0)</f>
        <v>0.78312647051591056</v>
      </c>
      <c r="H3919" cm="1">
        <f t="array" ref="H3919">IFERROR(INDEX(Jesper!AL$2:AL$366,ROUNDDOWN($C3919/24,0)+1,1)*INDEX($D$3:$AA$30,INDEX(Jesper!$R$2:$R$366,ROW(INDEX(Jesper!AL$2:AL$366,ROUNDDOWN($C3919/24,0)+1,1))-1)+IF('Standard Profiles'!$G$22=$B$10,7,0)+IF('Standard Profiles'!$G$22=$B$17,14,0)+IF('Standard Profiles'!$G$22=$B$24,21,0),MOD($C3919,24)+1)/SUM(INDEX($D$3:$AA$30,INDEX(Jesper!$R$2:$R$366,ROW(INDEX(Jesper!AL$2:AL$366,ROUNDDOWN($C3919/24,0)+1,1))-1)+IF('Standard Profiles'!$G$22=$B$10,7,0)+IF('Standard Profiles'!$G$22=$B$17,14,0)+IF('Standard Profiles'!$G$22=$B$24,21,0),0)),0)</f>
        <v>0.22296114803329475</v>
      </c>
      <c r="I3919">
        <f t="shared" si="440"/>
        <v>0.21404270211196308</v>
      </c>
      <c r="J3919">
        <f t="shared" si="441"/>
        <v>4.4787601356478577</v>
      </c>
      <c r="K3919">
        <f t="shared" si="442"/>
        <v>0.21973513682945164</v>
      </c>
      <c r="L3919">
        <f t="shared" si="443"/>
        <v>0.10986756841472582</v>
      </c>
      <c r="M3919">
        <f t="shared" si="444"/>
        <v>0</v>
      </c>
      <c r="N3919" s="45">
        <f t="shared" si="445"/>
        <v>45088.874999990578</v>
      </c>
    </row>
    <row r="3920" spans="2:14" x14ac:dyDescent="0.25">
      <c r="B3920">
        <f t="shared" si="439"/>
        <v>7</v>
      </c>
      <c r="C3920" s="16">
        <v>3886</v>
      </c>
      <c r="D3920" cm="1">
        <f t="array" ref="D3920">IFERROR(INDEX(Jesper!AH$2:AH$366,ROUNDDOWN($C3920/24,0)+1,1)*INDEX($D$3:$AA$30,INDEX(Jesper!$R$2:$R$366,ROW(INDEX(Jesper!AH$2:AH$366,ROUNDDOWN($C3920/24,0)+1,1))-1)+IF('Standard Profiles'!$G$18=$B$10,7,0)+IF('Standard Profiles'!$G$18=$B$17,14,0)+IF('Standard Profiles'!$G$18=$B$24,21,0),MOD($C3920,24)+1)/SUM(INDEX($D$3:$AA$30,INDEX(Jesper!$R$2:$R$366,ROW(INDEX(Jesper!AH$2:AH$366,ROUNDDOWN($C3920/24,0)+1,1))-1)+IF('Standard Profiles'!$G$18=$B$10,7,0)+IF('Standard Profiles'!$G$18=$B$17,14,0)+IF('Standard Profiles'!$G$18=$B$24,21,0),0)),0)</f>
        <v>0</v>
      </c>
      <c r="E3920" cm="1">
        <f t="array" ref="E3920">IFERROR(INDEX(Jesper!AI$2:AI$366,ROUNDDOWN($C3920/24,0)+1,1)*INDEX($D$3:$AA$30,INDEX(Jesper!$R$2:$R$366,ROW(INDEX(Jesper!AI$2:AI$366,ROUNDDOWN($C3920/24,0)+1,1))-1)+IF('Standard Profiles'!$G$19=$B$10,7,0)+IF('Standard Profiles'!$G$19=$B$17,14,0)+IF('Standard Profiles'!$G$19=$B$24,21,0),MOD($C3920,24)+1)/SUM(INDEX($D$3:$AA$30,INDEX(Jesper!$R$2:$R$366,ROW(INDEX(Jesper!AI$2:AI$366,ROUNDDOWN($C3920/24,0)+1,1))-1)+IF('Standard Profiles'!$G$19=$B$10,7,0)+IF('Standard Profiles'!$G$19=$B$17,14,0)+IF('Standard Profiles'!$G$19=$B$24,21,0),0)),0)</f>
        <v>2.7466892103681455</v>
      </c>
      <c r="F3920" cm="1">
        <f t="array" ref="F3920">IFERROR(INDEX(Jesper!AJ$2:AJ$366,ROUNDDOWN($C3920/24,0)+1,1)*INDEX($D$3:$AA$30,INDEX(Jesper!$R$2:$R$366,ROW(INDEX(Jesper!AJ$2:AJ$366,ROUNDDOWN($C3920/24,0)+1,1))-1)+IF('Standard Profiles'!$G$20=$B$10,7,0)+IF('Standard Profiles'!$G$20=$B$17,14,0)+IF('Standard Profiles'!$G$20=$B$24,21,0),MOD($C3920,24)+1)/SUM(INDEX($D$3:$AA$30,INDEX(Jesper!$R$2:$R$366,ROW(INDEX(Jesper!AJ$2:AJ$366,ROUNDDOWN($C3920/24,0)+1,1))-1)+IF('Standard Profiles'!$G$20=$B$10,7,0)+IF('Standard Profiles'!$G$20=$B$17,14,0)+IF('Standard Profiles'!$G$20=$B$24,21,0),0)),0)</f>
        <v>1.2696287140866476</v>
      </c>
      <c r="G3920" cm="1">
        <f t="array" ref="G3920">IFERROR(INDEX(Jesper!AK$2:AK$366,ROUNDDOWN($C3920/24,0)+1,1)*INDEX($D$3:$AA$30,INDEX(Jesper!$R$2:$R$366,ROW(INDEX(Jesper!AK$2:AK$366,ROUNDDOWN($C3920/24,0)+1,1))-1)+IF('Standard Profiles'!$G$21=$B$10,7,0)+IF('Standard Profiles'!$G$21=$B$17,14,0)+IF('Standard Profiles'!$G$21=$B$24,21,0),MOD($C3920,24)+1)/SUM(INDEX($D$3:$AA$30,INDEX(Jesper!$R$2:$R$366,ROW(INDEX(Jesper!AK$2:AK$366,ROUNDDOWN($C3920/24,0)+1,1))-1)+IF('Standard Profiles'!$G$21=$B$10,7,0)+IF('Standard Profiles'!$G$21=$B$17,14,0)+IF('Standard Profiles'!$G$21=$B$24,21,0),0)),0)</f>
        <v>0.78312647051591056</v>
      </c>
      <c r="H3920" cm="1">
        <f t="array" ref="H3920">IFERROR(INDEX(Jesper!AL$2:AL$366,ROUNDDOWN($C3920/24,0)+1,1)*INDEX($D$3:$AA$30,INDEX(Jesper!$R$2:$R$366,ROW(INDEX(Jesper!AL$2:AL$366,ROUNDDOWN($C3920/24,0)+1,1))-1)+IF('Standard Profiles'!$G$22=$B$10,7,0)+IF('Standard Profiles'!$G$22=$B$17,14,0)+IF('Standard Profiles'!$G$22=$B$24,21,0),MOD($C3920,24)+1)/SUM(INDEX($D$3:$AA$30,INDEX(Jesper!$R$2:$R$366,ROW(INDEX(Jesper!AL$2:AL$366,ROUNDDOWN($C3920/24,0)+1,1))-1)+IF('Standard Profiles'!$G$22=$B$10,7,0)+IF('Standard Profiles'!$G$22=$B$17,14,0)+IF('Standard Profiles'!$G$22=$B$24,21,0),0)),0)</f>
        <v>0.22296114803329475</v>
      </c>
      <c r="I3920">
        <f t="shared" si="440"/>
        <v>0.21404270211196308</v>
      </c>
      <c r="J3920">
        <f t="shared" si="441"/>
        <v>4.4787601356478577</v>
      </c>
      <c r="K3920">
        <f t="shared" si="442"/>
        <v>0.21973513682945164</v>
      </c>
      <c r="L3920">
        <f t="shared" si="443"/>
        <v>0.10986756841472582</v>
      </c>
      <c r="M3920">
        <f t="shared" si="444"/>
        <v>0</v>
      </c>
      <c r="N3920" s="45">
        <f t="shared" si="445"/>
        <v>45088.916666657242</v>
      </c>
    </row>
    <row r="3921" spans="2:14" x14ac:dyDescent="0.25">
      <c r="B3921">
        <f t="shared" si="439"/>
        <v>7</v>
      </c>
      <c r="C3921" s="16">
        <v>3887</v>
      </c>
      <c r="D3921" cm="1">
        <f t="array" ref="D3921">IFERROR(INDEX(Jesper!AH$2:AH$366,ROUNDDOWN($C3921/24,0)+1,1)*INDEX($D$3:$AA$30,INDEX(Jesper!$R$2:$R$366,ROW(INDEX(Jesper!AH$2:AH$366,ROUNDDOWN($C3921/24,0)+1,1))-1)+IF('Standard Profiles'!$G$18=$B$10,7,0)+IF('Standard Profiles'!$G$18=$B$17,14,0)+IF('Standard Profiles'!$G$18=$B$24,21,0),MOD($C3921,24)+1)/SUM(INDEX($D$3:$AA$30,INDEX(Jesper!$R$2:$R$366,ROW(INDEX(Jesper!AH$2:AH$366,ROUNDDOWN($C3921/24,0)+1,1))-1)+IF('Standard Profiles'!$G$18=$B$10,7,0)+IF('Standard Profiles'!$G$18=$B$17,14,0)+IF('Standard Profiles'!$G$18=$B$24,21,0),0)),0)</f>
        <v>0</v>
      </c>
      <c r="E3921" cm="1">
        <f t="array" ref="E3921">IFERROR(INDEX(Jesper!AI$2:AI$366,ROUNDDOWN($C3921/24,0)+1,1)*INDEX($D$3:$AA$30,INDEX(Jesper!$R$2:$R$366,ROW(INDEX(Jesper!AI$2:AI$366,ROUNDDOWN($C3921/24,0)+1,1))-1)+IF('Standard Profiles'!$G$19=$B$10,7,0)+IF('Standard Profiles'!$G$19=$B$17,14,0)+IF('Standard Profiles'!$G$19=$B$24,21,0),MOD($C3921,24)+1)/SUM(INDEX($D$3:$AA$30,INDEX(Jesper!$R$2:$R$366,ROW(INDEX(Jesper!AI$2:AI$366,ROUNDDOWN($C3921/24,0)+1,1))-1)+IF('Standard Profiles'!$G$19=$B$10,7,0)+IF('Standard Profiles'!$G$19=$B$17,14,0)+IF('Standard Profiles'!$G$19=$B$24,21,0),0)),0)</f>
        <v>2.7466892103681455</v>
      </c>
      <c r="F3921" cm="1">
        <f t="array" ref="F3921">IFERROR(INDEX(Jesper!AJ$2:AJ$366,ROUNDDOWN($C3921/24,0)+1,1)*INDEX($D$3:$AA$30,INDEX(Jesper!$R$2:$R$366,ROW(INDEX(Jesper!AJ$2:AJ$366,ROUNDDOWN($C3921/24,0)+1,1))-1)+IF('Standard Profiles'!$G$20=$B$10,7,0)+IF('Standard Profiles'!$G$20=$B$17,14,0)+IF('Standard Profiles'!$G$20=$B$24,21,0),MOD($C3921,24)+1)/SUM(INDEX($D$3:$AA$30,INDEX(Jesper!$R$2:$R$366,ROW(INDEX(Jesper!AJ$2:AJ$366,ROUNDDOWN($C3921/24,0)+1,1))-1)+IF('Standard Profiles'!$G$20=$B$10,7,0)+IF('Standard Profiles'!$G$20=$B$17,14,0)+IF('Standard Profiles'!$G$20=$B$24,21,0),0)),0)</f>
        <v>1.2696287140866476</v>
      </c>
      <c r="G3921" cm="1">
        <f t="array" ref="G3921">IFERROR(INDEX(Jesper!AK$2:AK$366,ROUNDDOWN($C3921/24,0)+1,1)*INDEX($D$3:$AA$30,INDEX(Jesper!$R$2:$R$366,ROW(INDEX(Jesper!AK$2:AK$366,ROUNDDOWN($C3921/24,0)+1,1))-1)+IF('Standard Profiles'!$G$21=$B$10,7,0)+IF('Standard Profiles'!$G$21=$B$17,14,0)+IF('Standard Profiles'!$G$21=$B$24,21,0),MOD($C3921,24)+1)/SUM(INDEX($D$3:$AA$30,INDEX(Jesper!$R$2:$R$366,ROW(INDEX(Jesper!AK$2:AK$366,ROUNDDOWN($C3921/24,0)+1,1))-1)+IF('Standard Profiles'!$G$21=$B$10,7,0)+IF('Standard Profiles'!$G$21=$B$17,14,0)+IF('Standard Profiles'!$G$21=$B$24,21,0),0)),0)</f>
        <v>0.78312647051591056</v>
      </c>
      <c r="H3921" cm="1">
        <f t="array" ref="H3921">IFERROR(INDEX(Jesper!AL$2:AL$366,ROUNDDOWN($C3921/24,0)+1,1)*INDEX($D$3:$AA$30,INDEX(Jesper!$R$2:$R$366,ROW(INDEX(Jesper!AL$2:AL$366,ROUNDDOWN($C3921/24,0)+1,1))-1)+IF('Standard Profiles'!$G$22=$B$10,7,0)+IF('Standard Profiles'!$G$22=$B$17,14,0)+IF('Standard Profiles'!$G$22=$B$24,21,0),MOD($C3921,24)+1)/SUM(INDEX($D$3:$AA$30,INDEX(Jesper!$R$2:$R$366,ROW(INDEX(Jesper!AL$2:AL$366,ROUNDDOWN($C3921/24,0)+1,1))-1)+IF('Standard Profiles'!$G$22=$B$10,7,0)+IF('Standard Profiles'!$G$22=$B$17,14,0)+IF('Standard Profiles'!$G$22=$B$24,21,0),0)),0)</f>
        <v>0.22296114803329475</v>
      </c>
      <c r="I3921">
        <f t="shared" si="440"/>
        <v>0.21404270211196308</v>
      </c>
      <c r="J3921">
        <f t="shared" si="441"/>
        <v>4.4787601356478577</v>
      </c>
      <c r="K3921">
        <f t="shared" si="442"/>
        <v>0.21973513682945164</v>
      </c>
      <c r="L3921">
        <f t="shared" si="443"/>
        <v>0.10986756841472582</v>
      </c>
      <c r="M3921">
        <f t="shared" si="444"/>
        <v>0</v>
      </c>
      <c r="N3921" s="45">
        <f t="shared" si="445"/>
        <v>45088.958333323906</v>
      </c>
    </row>
    <row r="3922" spans="2:14" x14ac:dyDescent="0.25">
      <c r="B3922">
        <f t="shared" si="439"/>
        <v>1</v>
      </c>
      <c r="C3922" s="16">
        <v>3888</v>
      </c>
      <c r="D3922" cm="1">
        <f t="array" ref="D3922">IFERROR(INDEX(Jesper!AH$2:AH$366,ROUNDDOWN($C3922/24,0)+1,1)*INDEX($D$3:$AA$30,INDEX(Jesper!$R$2:$R$366,ROW(INDEX(Jesper!AH$2:AH$366,ROUNDDOWN($C3922/24,0)+1,1))-1)+IF('Standard Profiles'!$G$18=$B$10,7,0)+IF('Standard Profiles'!$G$18=$B$17,14,0)+IF('Standard Profiles'!$G$18=$B$24,21,0),MOD($C3922,24)+1)/SUM(INDEX($D$3:$AA$30,INDEX(Jesper!$R$2:$R$366,ROW(INDEX(Jesper!AH$2:AH$366,ROUNDDOWN($C3922/24,0)+1,1))-1)+IF('Standard Profiles'!$G$18=$B$10,7,0)+IF('Standard Profiles'!$G$18=$B$17,14,0)+IF('Standard Profiles'!$G$18=$B$24,21,0),0)),0)</f>
        <v>5.2277656178887399</v>
      </c>
      <c r="E3922" cm="1">
        <f t="array" ref="E3922">IFERROR(INDEX(Jesper!AI$2:AI$366,ROUNDDOWN($C3922/24,0)+1,1)*INDEX($D$3:$AA$30,INDEX(Jesper!$R$2:$R$366,ROW(INDEX(Jesper!AI$2:AI$366,ROUNDDOWN($C3922/24,0)+1,1))-1)+IF('Standard Profiles'!$G$19=$B$10,7,0)+IF('Standard Profiles'!$G$19=$B$17,14,0)+IF('Standard Profiles'!$G$19=$B$24,21,0),MOD($C3922,24)+1)/SUM(INDEX($D$3:$AA$30,INDEX(Jesper!$R$2:$R$366,ROW(INDEX(Jesper!AI$2:AI$366,ROUNDDOWN($C3922/24,0)+1,1))-1)+IF('Standard Profiles'!$G$19=$B$10,7,0)+IF('Standard Profiles'!$G$19=$B$17,14,0)+IF('Standard Profiles'!$G$19=$B$24,21,0),0)),0)</f>
        <v>2.3585585857123297</v>
      </c>
      <c r="F3922" cm="1">
        <f t="array" ref="F3922">IFERROR(INDEX(Jesper!AJ$2:AJ$366,ROUNDDOWN($C3922/24,0)+1,1)*INDEX($D$3:$AA$30,INDEX(Jesper!$R$2:$R$366,ROW(INDEX(Jesper!AJ$2:AJ$366,ROUNDDOWN($C3922/24,0)+1,1))-1)+IF('Standard Profiles'!$G$20=$B$10,7,0)+IF('Standard Profiles'!$G$20=$B$17,14,0)+IF('Standard Profiles'!$G$20=$B$24,21,0),MOD($C3922,24)+1)/SUM(INDEX($D$3:$AA$30,INDEX(Jesper!$R$2:$R$366,ROW(INDEX(Jesper!AJ$2:AJ$366,ROUNDDOWN($C3922/24,0)+1,1))-1)+IF('Standard Profiles'!$G$20=$B$10,7,0)+IF('Standard Profiles'!$G$20=$B$17,14,0)+IF('Standard Profiles'!$G$20=$B$24,21,0),0)),0)</f>
        <v>0</v>
      </c>
      <c r="G3922" cm="1">
        <f t="array" ref="G3922">IFERROR(INDEX(Jesper!AK$2:AK$366,ROUNDDOWN($C3922/24,0)+1,1)*INDEX($D$3:$AA$30,INDEX(Jesper!$R$2:$R$366,ROW(INDEX(Jesper!AK$2:AK$366,ROUNDDOWN($C3922/24,0)+1,1))-1)+IF('Standard Profiles'!$G$21=$B$10,7,0)+IF('Standard Profiles'!$G$21=$B$17,14,0)+IF('Standard Profiles'!$G$21=$B$24,21,0),MOD($C3922,24)+1)/SUM(INDEX($D$3:$AA$30,INDEX(Jesper!$R$2:$R$366,ROW(INDEX(Jesper!AK$2:AK$366,ROUNDDOWN($C3922/24,0)+1,1))-1)+IF('Standard Profiles'!$G$21=$B$10,7,0)+IF('Standard Profiles'!$G$21=$B$17,14,0)+IF('Standard Profiles'!$G$21=$B$24,21,0),0)),0)</f>
        <v>0.31953337274141408</v>
      </c>
      <c r="H3922" cm="1">
        <f t="array" ref="H3922">IFERROR(INDEX(Jesper!AL$2:AL$366,ROUNDDOWN($C3922/24,0)+1,1)*INDEX($D$3:$AA$30,INDEX(Jesper!$R$2:$R$366,ROW(INDEX(Jesper!AL$2:AL$366,ROUNDDOWN($C3922/24,0)+1,1))-1)+IF('Standard Profiles'!$G$22=$B$10,7,0)+IF('Standard Profiles'!$G$22=$B$17,14,0)+IF('Standard Profiles'!$G$22=$B$24,21,0),MOD($C3922,24)+1)/SUM(INDEX($D$3:$AA$30,INDEX(Jesper!$R$2:$R$366,ROW(INDEX(Jesper!AL$2:AL$366,ROUNDDOWN($C3922/24,0)+1,1))-1)+IF('Standard Profiles'!$G$22=$B$10,7,0)+IF('Standard Profiles'!$G$22=$B$17,14,0)+IF('Standard Profiles'!$G$22=$B$24,21,0),0)),0)</f>
        <v>0</v>
      </c>
      <c r="I3922">
        <f t="shared" si="440"/>
        <v>0.15337601891587868</v>
      </c>
      <c r="J3922">
        <f t="shared" si="441"/>
        <v>6.9160390585644063</v>
      </c>
      <c r="K3922">
        <f t="shared" si="442"/>
        <v>0.55762833257479894</v>
      </c>
      <c r="L3922">
        <f t="shared" si="443"/>
        <v>0.27881416628739947</v>
      </c>
      <c r="M3922">
        <f t="shared" si="444"/>
        <v>0</v>
      </c>
      <c r="N3922" s="45">
        <f t="shared" si="445"/>
        <v>45088.99999999057</v>
      </c>
    </row>
    <row r="3923" spans="2:14" x14ac:dyDescent="0.25">
      <c r="B3923">
        <f t="shared" si="439"/>
        <v>1</v>
      </c>
      <c r="C3923" s="16">
        <v>3889</v>
      </c>
      <c r="D3923" cm="1">
        <f t="array" ref="D3923">IFERROR(INDEX(Jesper!AH$2:AH$366,ROUNDDOWN($C3923/24,0)+1,1)*INDEX($D$3:$AA$30,INDEX(Jesper!$R$2:$R$366,ROW(INDEX(Jesper!AH$2:AH$366,ROUNDDOWN($C3923/24,0)+1,1))-1)+IF('Standard Profiles'!$G$18=$B$10,7,0)+IF('Standard Profiles'!$G$18=$B$17,14,0)+IF('Standard Profiles'!$G$18=$B$24,21,0),MOD($C3923,24)+1)/SUM(INDEX($D$3:$AA$30,INDEX(Jesper!$R$2:$R$366,ROW(INDEX(Jesper!AH$2:AH$366,ROUNDDOWN($C3923/24,0)+1,1))-1)+IF('Standard Profiles'!$G$18=$B$10,7,0)+IF('Standard Profiles'!$G$18=$B$17,14,0)+IF('Standard Profiles'!$G$18=$B$24,21,0),0)),0)</f>
        <v>5.2277656178887399</v>
      </c>
      <c r="E3923" cm="1">
        <f t="array" ref="E3923">IFERROR(INDEX(Jesper!AI$2:AI$366,ROUNDDOWN($C3923/24,0)+1,1)*INDEX($D$3:$AA$30,INDEX(Jesper!$R$2:$R$366,ROW(INDEX(Jesper!AI$2:AI$366,ROUNDDOWN($C3923/24,0)+1,1))-1)+IF('Standard Profiles'!$G$19=$B$10,7,0)+IF('Standard Profiles'!$G$19=$B$17,14,0)+IF('Standard Profiles'!$G$19=$B$24,21,0),MOD($C3923,24)+1)/SUM(INDEX($D$3:$AA$30,INDEX(Jesper!$R$2:$R$366,ROW(INDEX(Jesper!AI$2:AI$366,ROUNDDOWN($C3923/24,0)+1,1))-1)+IF('Standard Profiles'!$G$19=$B$10,7,0)+IF('Standard Profiles'!$G$19=$B$17,14,0)+IF('Standard Profiles'!$G$19=$B$24,21,0),0)),0)</f>
        <v>2.3585585857123297</v>
      </c>
      <c r="F3923" cm="1">
        <f t="array" ref="F3923">IFERROR(INDEX(Jesper!AJ$2:AJ$366,ROUNDDOWN($C3923/24,0)+1,1)*INDEX($D$3:$AA$30,INDEX(Jesper!$R$2:$R$366,ROW(INDEX(Jesper!AJ$2:AJ$366,ROUNDDOWN($C3923/24,0)+1,1))-1)+IF('Standard Profiles'!$G$20=$B$10,7,0)+IF('Standard Profiles'!$G$20=$B$17,14,0)+IF('Standard Profiles'!$G$20=$B$24,21,0),MOD($C3923,24)+1)/SUM(INDEX($D$3:$AA$30,INDEX(Jesper!$R$2:$R$366,ROW(INDEX(Jesper!AJ$2:AJ$366,ROUNDDOWN($C3923/24,0)+1,1))-1)+IF('Standard Profiles'!$G$20=$B$10,7,0)+IF('Standard Profiles'!$G$20=$B$17,14,0)+IF('Standard Profiles'!$G$20=$B$24,21,0),0)),0)</f>
        <v>0</v>
      </c>
      <c r="G3923" cm="1">
        <f t="array" ref="G3923">IFERROR(INDEX(Jesper!AK$2:AK$366,ROUNDDOWN($C3923/24,0)+1,1)*INDEX($D$3:$AA$30,INDEX(Jesper!$R$2:$R$366,ROW(INDEX(Jesper!AK$2:AK$366,ROUNDDOWN($C3923/24,0)+1,1))-1)+IF('Standard Profiles'!$G$21=$B$10,7,0)+IF('Standard Profiles'!$G$21=$B$17,14,0)+IF('Standard Profiles'!$G$21=$B$24,21,0),MOD($C3923,24)+1)/SUM(INDEX($D$3:$AA$30,INDEX(Jesper!$R$2:$R$366,ROW(INDEX(Jesper!AK$2:AK$366,ROUNDDOWN($C3923/24,0)+1,1))-1)+IF('Standard Profiles'!$G$21=$B$10,7,0)+IF('Standard Profiles'!$G$21=$B$17,14,0)+IF('Standard Profiles'!$G$21=$B$24,21,0),0)),0)</f>
        <v>0.31953337274141408</v>
      </c>
      <c r="H3923" cm="1">
        <f t="array" ref="H3923">IFERROR(INDEX(Jesper!AL$2:AL$366,ROUNDDOWN($C3923/24,0)+1,1)*INDEX($D$3:$AA$30,INDEX(Jesper!$R$2:$R$366,ROW(INDEX(Jesper!AL$2:AL$366,ROUNDDOWN($C3923/24,0)+1,1))-1)+IF('Standard Profiles'!$G$22=$B$10,7,0)+IF('Standard Profiles'!$G$22=$B$17,14,0)+IF('Standard Profiles'!$G$22=$B$24,21,0),MOD($C3923,24)+1)/SUM(INDEX($D$3:$AA$30,INDEX(Jesper!$R$2:$R$366,ROW(INDEX(Jesper!AL$2:AL$366,ROUNDDOWN($C3923/24,0)+1,1))-1)+IF('Standard Profiles'!$G$22=$B$10,7,0)+IF('Standard Profiles'!$G$22=$B$17,14,0)+IF('Standard Profiles'!$G$22=$B$24,21,0),0)),0)</f>
        <v>0</v>
      </c>
      <c r="I3923">
        <f t="shared" si="440"/>
        <v>0.15337601891587868</v>
      </c>
      <c r="J3923">
        <f t="shared" si="441"/>
        <v>6.9160390585644063</v>
      </c>
      <c r="K3923">
        <f t="shared" si="442"/>
        <v>0.55762833257479894</v>
      </c>
      <c r="L3923">
        <f t="shared" si="443"/>
        <v>0.27881416628739947</v>
      </c>
      <c r="M3923">
        <f t="shared" si="444"/>
        <v>0</v>
      </c>
      <c r="N3923" s="45">
        <f t="shared" si="445"/>
        <v>45089.041666657235</v>
      </c>
    </row>
    <row r="3924" spans="2:14" x14ac:dyDescent="0.25">
      <c r="B3924">
        <f t="shared" si="439"/>
        <v>1</v>
      </c>
      <c r="C3924" s="16">
        <v>3890</v>
      </c>
      <c r="D3924" cm="1">
        <f t="array" ref="D3924">IFERROR(INDEX(Jesper!AH$2:AH$366,ROUNDDOWN($C3924/24,0)+1,1)*INDEX($D$3:$AA$30,INDEX(Jesper!$R$2:$R$366,ROW(INDEX(Jesper!AH$2:AH$366,ROUNDDOWN($C3924/24,0)+1,1))-1)+IF('Standard Profiles'!$G$18=$B$10,7,0)+IF('Standard Profiles'!$G$18=$B$17,14,0)+IF('Standard Profiles'!$G$18=$B$24,21,0),MOD($C3924,24)+1)/SUM(INDEX($D$3:$AA$30,INDEX(Jesper!$R$2:$R$366,ROW(INDEX(Jesper!AH$2:AH$366,ROUNDDOWN($C3924/24,0)+1,1))-1)+IF('Standard Profiles'!$G$18=$B$10,7,0)+IF('Standard Profiles'!$G$18=$B$17,14,0)+IF('Standard Profiles'!$G$18=$B$24,21,0),0)),0)</f>
        <v>5.2277656178887399</v>
      </c>
      <c r="E3924" cm="1">
        <f t="array" ref="E3924">IFERROR(INDEX(Jesper!AI$2:AI$366,ROUNDDOWN($C3924/24,0)+1,1)*INDEX($D$3:$AA$30,INDEX(Jesper!$R$2:$R$366,ROW(INDEX(Jesper!AI$2:AI$366,ROUNDDOWN($C3924/24,0)+1,1))-1)+IF('Standard Profiles'!$G$19=$B$10,7,0)+IF('Standard Profiles'!$G$19=$B$17,14,0)+IF('Standard Profiles'!$G$19=$B$24,21,0),MOD($C3924,24)+1)/SUM(INDEX($D$3:$AA$30,INDEX(Jesper!$R$2:$R$366,ROW(INDEX(Jesper!AI$2:AI$366,ROUNDDOWN($C3924/24,0)+1,1))-1)+IF('Standard Profiles'!$G$19=$B$10,7,0)+IF('Standard Profiles'!$G$19=$B$17,14,0)+IF('Standard Profiles'!$G$19=$B$24,21,0),0)),0)</f>
        <v>2.3585585857123297</v>
      </c>
      <c r="F3924" cm="1">
        <f t="array" ref="F3924">IFERROR(INDEX(Jesper!AJ$2:AJ$366,ROUNDDOWN($C3924/24,0)+1,1)*INDEX($D$3:$AA$30,INDEX(Jesper!$R$2:$R$366,ROW(INDEX(Jesper!AJ$2:AJ$366,ROUNDDOWN($C3924/24,0)+1,1))-1)+IF('Standard Profiles'!$G$20=$B$10,7,0)+IF('Standard Profiles'!$G$20=$B$17,14,0)+IF('Standard Profiles'!$G$20=$B$24,21,0),MOD($C3924,24)+1)/SUM(INDEX($D$3:$AA$30,INDEX(Jesper!$R$2:$R$366,ROW(INDEX(Jesper!AJ$2:AJ$366,ROUNDDOWN($C3924/24,0)+1,1))-1)+IF('Standard Profiles'!$G$20=$B$10,7,0)+IF('Standard Profiles'!$G$20=$B$17,14,0)+IF('Standard Profiles'!$G$20=$B$24,21,0),0)),0)</f>
        <v>0</v>
      </c>
      <c r="G3924" cm="1">
        <f t="array" ref="G3924">IFERROR(INDEX(Jesper!AK$2:AK$366,ROUNDDOWN($C3924/24,0)+1,1)*INDEX($D$3:$AA$30,INDEX(Jesper!$R$2:$R$366,ROW(INDEX(Jesper!AK$2:AK$366,ROUNDDOWN($C3924/24,0)+1,1))-1)+IF('Standard Profiles'!$G$21=$B$10,7,0)+IF('Standard Profiles'!$G$21=$B$17,14,0)+IF('Standard Profiles'!$G$21=$B$24,21,0),MOD($C3924,24)+1)/SUM(INDEX($D$3:$AA$30,INDEX(Jesper!$R$2:$R$366,ROW(INDEX(Jesper!AK$2:AK$366,ROUNDDOWN($C3924/24,0)+1,1))-1)+IF('Standard Profiles'!$G$21=$B$10,7,0)+IF('Standard Profiles'!$G$21=$B$17,14,0)+IF('Standard Profiles'!$G$21=$B$24,21,0),0)),0)</f>
        <v>0.31953337274141408</v>
      </c>
      <c r="H3924" cm="1">
        <f t="array" ref="H3924">IFERROR(INDEX(Jesper!AL$2:AL$366,ROUNDDOWN($C3924/24,0)+1,1)*INDEX($D$3:$AA$30,INDEX(Jesper!$R$2:$R$366,ROW(INDEX(Jesper!AL$2:AL$366,ROUNDDOWN($C3924/24,0)+1,1))-1)+IF('Standard Profiles'!$G$22=$B$10,7,0)+IF('Standard Profiles'!$G$22=$B$17,14,0)+IF('Standard Profiles'!$G$22=$B$24,21,0),MOD($C3924,24)+1)/SUM(INDEX($D$3:$AA$30,INDEX(Jesper!$R$2:$R$366,ROW(INDEX(Jesper!AL$2:AL$366,ROUNDDOWN($C3924/24,0)+1,1))-1)+IF('Standard Profiles'!$G$22=$B$10,7,0)+IF('Standard Profiles'!$G$22=$B$17,14,0)+IF('Standard Profiles'!$G$22=$B$24,21,0),0)),0)</f>
        <v>0</v>
      </c>
      <c r="I3924">
        <f t="shared" si="440"/>
        <v>0.15337601891587868</v>
      </c>
      <c r="J3924">
        <f t="shared" si="441"/>
        <v>6.9160390585644063</v>
      </c>
      <c r="K3924">
        <f t="shared" si="442"/>
        <v>0.55762833257479894</v>
      </c>
      <c r="L3924">
        <f t="shared" si="443"/>
        <v>0.27881416628739947</v>
      </c>
      <c r="M3924">
        <f t="shared" si="444"/>
        <v>0</v>
      </c>
      <c r="N3924" s="45">
        <f t="shared" si="445"/>
        <v>45089.083333323899</v>
      </c>
    </row>
    <row r="3925" spans="2:14" x14ac:dyDescent="0.25">
      <c r="B3925">
        <f t="shared" si="439"/>
        <v>1</v>
      </c>
      <c r="C3925" s="16">
        <v>3891</v>
      </c>
      <c r="D3925" cm="1">
        <f t="array" ref="D3925">IFERROR(INDEX(Jesper!AH$2:AH$366,ROUNDDOWN($C3925/24,0)+1,1)*INDEX($D$3:$AA$30,INDEX(Jesper!$R$2:$R$366,ROW(INDEX(Jesper!AH$2:AH$366,ROUNDDOWN($C3925/24,0)+1,1))-1)+IF('Standard Profiles'!$G$18=$B$10,7,0)+IF('Standard Profiles'!$G$18=$B$17,14,0)+IF('Standard Profiles'!$G$18=$B$24,21,0),MOD($C3925,24)+1)/SUM(INDEX($D$3:$AA$30,INDEX(Jesper!$R$2:$R$366,ROW(INDEX(Jesper!AH$2:AH$366,ROUNDDOWN($C3925/24,0)+1,1))-1)+IF('Standard Profiles'!$G$18=$B$10,7,0)+IF('Standard Profiles'!$G$18=$B$17,14,0)+IF('Standard Profiles'!$G$18=$B$24,21,0),0)),0)</f>
        <v>5.2277656178887399</v>
      </c>
      <c r="E3925" cm="1">
        <f t="array" ref="E3925">IFERROR(INDEX(Jesper!AI$2:AI$366,ROUNDDOWN($C3925/24,0)+1,1)*INDEX($D$3:$AA$30,INDEX(Jesper!$R$2:$R$366,ROW(INDEX(Jesper!AI$2:AI$366,ROUNDDOWN($C3925/24,0)+1,1))-1)+IF('Standard Profiles'!$G$19=$B$10,7,0)+IF('Standard Profiles'!$G$19=$B$17,14,0)+IF('Standard Profiles'!$G$19=$B$24,21,0),MOD($C3925,24)+1)/SUM(INDEX($D$3:$AA$30,INDEX(Jesper!$R$2:$R$366,ROW(INDEX(Jesper!AI$2:AI$366,ROUNDDOWN($C3925/24,0)+1,1))-1)+IF('Standard Profiles'!$G$19=$B$10,7,0)+IF('Standard Profiles'!$G$19=$B$17,14,0)+IF('Standard Profiles'!$G$19=$B$24,21,0),0)),0)</f>
        <v>2.3585585857123297</v>
      </c>
      <c r="F3925" cm="1">
        <f t="array" ref="F3925">IFERROR(INDEX(Jesper!AJ$2:AJ$366,ROUNDDOWN($C3925/24,0)+1,1)*INDEX($D$3:$AA$30,INDEX(Jesper!$R$2:$R$366,ROW(INDEX(Jesper!AJ$2:AJ$366,ROUNDDOWN($C3925/24,0)+1,1))-1)+IF('Standard Profiles'!$G$20=$B$10,7,0)+IF('Standard Profiles'!$G$20=$B$17,14,0)+IF('Standard Profiles'!$G$20=$B$24,21,0),MOD($C3925,24)+1)/SUM(INDEX($D$3:$AA$30,INDEX(Jesper!$R$2:$R$366,ROW(INDEX(Jesper!AJ$2:AJ$366,ROUNDDOWN($C3925/24,0)+1,1))-1)+IF('Standard Profiles'!$G$20=$B$10,7,0)+IF('Standard Profiles'!$G$20=$B$17,14,0)+IF('Standard Profiles'!$G$20=$B$24,21,0),0)),0)</f>
        <v>0</v>
      </c>
      <c r="G3925" cm="1">
        <f t="array" ref="G3925">IFERROR(INDEX(Jesper!AK$2:AK$366,ROUNDDOWN($C3925/24,0)+1,1)*INDEX($D$3:$AA$30,INDEX(Jesper!$R$2:$R$366,ROW(INDEX(Jesper!AK$2:AK$366,ROUNDDOWN($C3925/24,0)+1,1))-1)+IF('Standard Profiles'!$G$21=$B$10,7,0)+IF('Standard Profiles'!$G$21=$B$17,14,0)+IF('Standard Profiles'!$G$21=$B$24,21,0),MOD($C3925,24)+1)/SUM(INDEX($D$3:$AA$30,INDEX(Jesper!$R$2:$R$366,ROW(INDEX(Jesper!AK$2:AK$366,ROUNDDOWN($C3925/24,0)+1,1))-1)+IF('Standard Profiles'!$G$21=$B$10,7,0)+IF('Standard Profiles'!$G$21=$B$17,14,0)+IF('Standard Profiles'!$G$21=$B$24,21,0),0)),0)</f>
        <v>0.31953337274141408</v>
      </c>
      <c r="H3925" cm="1">
        <f t="array" ref="H3925">IFERROR(INDEX(Jesper!AL$2:AL$366,ROUNDDOWN($C3925/24,0)+1,1)*INDEX($D$3:$AA$30,INDEX(Jesper!$R$2:$R$366,ROW(INDEX(Jesper!AL$2:AL$366,ROUNDDOWN($C3925/24,0)+1,1))-1)+IF('Standard Profiles'!$G$22=$B$10,7,0)+IF('Standard Profiles'!$G$22=$B$17,14,0)+IF('Standard Profiles'!$G$22=$B$24,21,0),MOD($C3925,24)+1)/SUM(INDEX($D$3:$AA$30,INDEX(Jesper!$R$2:$R$366,ROW(INDEX(Jesper!AL$2:AL$366,ROUNDDOWN($C3925/24,0)+1,1))-1)+IF('Standard Profiles'!$G$22=$B$10,7,0)+IF('Standard Profiles'!$G$22=$B$17,14,0)+IF('Standard Profiles'!$G$22=$B$24,21,0),0)),0)</f>
        <v>0</v>
      </c>
      <c r="I3925">
        <f t="shared" si="440"/>
        <v>0.15337601891587868</v>
      </c>
      <c r="J3925">
        <f t="shared" si="441"/>
        <v>6.9160390585644063</v>
      </c>
      <c r="K3925">
        <f t="shared" si="442"/>
        <v>0.55762833257479894</v>
      </c>
      <c r="L3925">
        <f t="shared" si="443"/>
        <v>0.27881416628739947</v>
      </c>
      <c r="M3925">
        <f t="shared" si="444"/>
        <v>0</v>
      </c>
      <c r="N3925" s="45">
        <f t="shared" si="445"/>
        <v>45089.124999990563</v>
      </c>
    </row>
    <row r="3926" spans="2:14" x14ac:dyDescent="0.25">
      <c r="B3926">
        <f t="shared" si="439"/>
        <v>1</v>
      </c>
      <c r="C3926" s="16">
        <v>3892</v>
      </c>
      <c r="D3926" cm="1">
        <f t="array" ref="D3926">IFERROR(INDEX(Jesper!AH$2:AH$366,ROUNDDOWN($C3926/24,0)+1,1)*INDEX($D$3:$AA$30,INDEX(Jesper!$R$2:$R$366,ROW(INDEX(Jesper!AH$2:AH$366,ROUNDDOWN($C3926/24,0)+1,1))-1)+IF('Standard Profiles'!$G$18=$B$10,7,0)+IF('Standard Profiles'!$G$18=$B$17,14,0)+IF('Standard Profiles'!$G$18=$B$24,21,0),MOD($C3926,24)+1)/SUM(INDEX($D$3:$AA$30,INDEX(Jesper!$R$2:$R$366,ROW(INDEX(Jesper!AH$2:AH$366,ROUNDDOWN($C3926/24,0)+1,1))-1)+IF('Standard Profiles'!$G$18=$B$10,7,0)+IF('Standard Profiles'!$G$18=$B$17,14,0)+IF('Standard Profiles'!$G$18=$B$24,21,0),0)),0)</f>
        <v>5.2277656178887399</v>
      </c>
      <c r="E3926" cm="1">
        <f t="array" ref="E3926">IFERROR(INDEX(Jesper!AI$2:AI$366,ROUNDDOWN($C3926/24,0)+1,1)*INDEX($D$3:$AA$30,INDEX(Jesper!$R$2:$R$366,ROW(INDEX(Jesper!AI$2:AI$366,ROUNDDOWN($C3926/24,0)+1,1))-1)+IF('Standard Profiles'!$G$19=$B$10,7,0)+IF('Standard Profiles'!$G$19=$B$17,14,0)+IF('Standard Profiles'!$G$19=$B$24,21,0),MOD($C3926,24)+1)/SUM(INDEX($D$3:$AA$30,INDEX(Jesper!$R$2:$R$366,ROW(INDEX(Jesper!AI$2:AI$366,ROUNDDOWN($C3926/24,0)+1,1))-1)+IF('Standard Profiles'!$G$19=$B$10,7,0)+IF('Standard Profiles'!$G$19=$B$17,14,0)+IF('Standard Profiles'!$G$19=$B$24,21,0),0)),0)</f>
        <v>2.3585585857123297</v>
      </c>
      <c r="F3926" cm="1">
        <f t="array" ref="F3926">IFERROR(INDEX(Jesper!AJ$2:AJ$366,ROUNDDOWN($C3926/24,0)+1,1)*INDEX($D$3:$AA$30,INDEX(Jesper!$R$2:$R$366,ROW(INDEX(Jesper!AJ$2:AJ$366,ROUNDDOWN($C3926/24,0)+1,1))-1)+IF('Standard Profiles'!$G$20=$B$10,7,0)+IF('Standard Profiles'!$G$20=$B$17,14,0)+IF('Standard Profiles'!$G$20=$B$24,21,0),MOD($C3926,24)+1)/SUM(INDEX($D$3:$AA$30,INDEX(Jesper!$R$2:$R$366,ROW(INDEX(Jesper!AJ$2:AJ$366,ROUNDDOWN($C3926/24,0)+1,1))-1)+IF('Standard Profiles'!$G$20=$B$10,7,0)+IF('Standard Profiles'!$G$20=$B$17,14,0)+IF('Standard Profiles'!$G$20=$B$24,21,0),0)),0)</f>
        <v>0</v>
      </c>
      <c r="G3926" cm="1">
        <f t="array" ref="G3926">IFERROR(INDEX(Jesper!AK$2:AK$366,ROUNDDOWN($C3926/24,0)+1,1)*INDEX($D$3:$AA$30,INDEX(Jesper!$R$2:$R$366,ROW(INDEX(Jesper!AK$2:AK$366,ROUNDDOWN($C3926/24,0)+1,1))-1)+IF('Standard Profiles'!$G$21=$B$10,7,0)+IF('Standard Profiles'!$G$21=$B$17,14,0)+IF('Standard Profiles'!$G$21=$B$24,21,0),MOD($C3926,24)+1)/SUM(INDEX($D$3:$AA$30,INDEX(Jesper!$R$2:$R$366,ROW(INDEX(Jesper!AK$2:AK$366,ROUNDDOWN($C3926/24,0)+1,1))-1)+IF('Standard Profiles'!$G$21=$B$10,7,0)+IF('Standard Profiles'!$G$21=$B$17,14,0)+IF('Standard Profiles'!$G$21=$B$24,21,0),0)),0)</f>
        <v>0.31953337274141408</v>
      </c>
      <c r="H3926" cm="1">
        <f t="array" ref="H3926">IFERROR(INDEX(Jesper!AL$2:AL$366,ROUNDDOWN($C3926/24,0)+1,1)*INDEX($D$3:$AA$30,INDEX(Jesper!$R$2:$R$366,ROW(INDEX(Jesper!AL$2:AL$366,ROUNDDOWN($C3926/24,0)+1,1))-1)+IF('Standard Profiles'!$G$22=$B$10,7,0)+IF('Standard Profiles'!$G$22=$B$17,14,0)+IF('Standard Profiles'!$G$22=$B$24,21,0),MOD($C3926,24)+1)/SUM(INDEX($D$3:$AA$30,INDEX(Jesper!$R$2:$R$366,ROW(INDEX(Jesper!AL$2:AL$366,ROUNDDOWN($C3926/24,0)+1,1))-1)+IF('Standard Profiles'!$G$22=$B$10,7,0)+IF('Standard Profiles'!$G$22=$B$17,14,0)+IF('Standard Profiles'!$G$22=$B$24,21,0),0)),0)</f>
        <v>0</v>
      </c>
      <c r="I3926">
        <f t="shared" si="440"/>
        <v>0.15337601891587868</v>
      </c>
      <c r="J3926">
        <f t="shared" si="441"/>
        <v>6.9160390585644063</v>
      </c>
      <c r="K3926">
        <f t="shared" si="442"/>
        <v>0.55762833257479894</v>
      </c>
      <c r="L3926">
        <f t="shared" si="443"/>
        <v>0.27881416628739947</v>
      </c>
      <c r="M3926">
        <f t="shared" si="444"/>
        <v>0</v>
      </c>
      <c r="N3926" s="45">
        <f t="shared" si="445"/>
        <v>45089.166666657227</v>
      </c>
    </row>
    <row r="3927" spans="2:14" x14ac:dyDescent="0.25">
      <c r="B3927">
        <f t="shared" si="439"/>
        <v>1</v>
      </c>
      <c r="C3927" s="16">
        <v>3893</v>
      </c>
      <c r="D3927" cm="1">
        <f t="array" ref="D3927">IFERROR(INDEX(Jesper!AH$2:AH$366,ROUNDDOWN($C3927/24,0)+1,1)*INDEX($D$3:$AA$30,INDEX(Jesper!$R$2:$R$366,ROW(INDEX(Jesper!AH$2:AH$366,ROUNDDOWN($C3927/24,0)+1,1))-1)+IF('Standard Profiles'!$G$18=$B$10,7,0)+IF('Standard Profiles'!$G$18=$B$17,14,0)+IF('Standard Profiles'!$G$18=$B$24,21,0),MOD($C3927,24)+1)/SUM(INDEX($D$3:$AA$30,INDEX(Jesper!$R$2:$R$366,ROW(INDEX(Jesper!AH$2:AH$366,ROUNDDOWN($C3927/24,0)+1,1))-1)+IF('Standard Profiles'!$G$18=$B$10,7,0)+IF('Standard Profiles'!$G$18=$B$17,14,0)+IF('Standard Profiles'!$G$18=$B$24,21,0),0)),0)</f>
        <v>5.2277656178887399</v>
      </c>
      <c r="E3927" cm="1">
        <f t="array" ref="E3927">IFERROR(INDEX(Jesper!AI$2:AI$366,ROUNDDOWN($C3927/24,0)+1,1)*INDEX($D$3:$AA$30,INDEX(Jesper!$R$2:$R$366,ROW(INDEX(Jesper!AI$2:AI$366,ROUNDDOWN($C3927/24,0)+1,1))-1)+IF('Standard Profiles'!$G$19=$B$10,7,0)+IF('Standard Profiles'!$G$19=$B$17,14,0)+IF('Standard Profiles'!$G$19=$B$24,21,0),MOD($C3927,24)+1)/SUM(INDEX($D$3:$AA$30,INDEX(Jesper!$R$2:$R$366,ROW(INDEX(Jesper!AI$2:AI$366,ROUNDDOWN($C3927/24,0)+1,1))-1)+IF('Standard Profiles'!$G$19=$B$10,7,0)+IF('Standard Profiles'!$G$19=$B$17,14,0)+IF('Standard Profiles'!$G$19=$B$24,21,0),0)),0)</f>
        <v>2.3585585857123297</v>
      </c>
      <c r="F3927" cm="1">
        <f t="array" ref="F3927">IFERROR(INDEX(Jesper!AJ$2:AJ$366,ROUNDDOWN($C3927/24,0)+1,1)*INDEX($D$3:$AA$30,INDEX(Jesper!$R$2:$R$366,ROW(INDEX(Jesper!AJ$2:AJ$366,ROUNDDOWN($C3927/24,0)+1,1))-1)+IF('Standard Profiles'!$G$20=$B$10,7,0)+IF('Standard Profiles'!$G$20=$B$17,14,0)+IF('Standard Profiles'!$G$20=$B$24,21,0),MOD($C3927,24)+1)/SUM(INDEX($D$3:$AA$30,INDEX(Jesper!$R$2:$R$366,ROW(INDEX(Jesper!AJ$2:AJ$366,ROUNDDOWN($C3927/24,0)+1,1))-1)+IF('Standard Profiles'!$G$20=$B$10,7,0)+IF('Standard Profiles'!$G$20=$B$17,14,0)+IF('Standard Profiles'!$G$20=$B$24,21,0),0)),0)</f>
        <v>0</v>
      </c>
      <c r="G3927" cm="1">
        <f t="array" ref="G3927">IFERROR(INDEX(Jesper!AK$2:AK$366,ROUNDDOWN($C3927/24,0)+1,1)*INDEX($D$3:$AA$30,INDEX(Jesper!$R$2:$R$366,ROW(INDEX(Jesper!AK$2:AK$366,ROUNDDOWN($C3927/24,0)+1,1))-1)+IF('Standard Profiles'!$G$21=$B$10,7,0)+IF('Standard Profiles'!$G$21=$B$17,14,0)+IF('Standard Profiles'!$G$21=$B$24,21,0),MOD($C3927,24)+1)/SUM(INDEX($D$3:$AA$30,INDEX(Jesper!$R$2:$R$366,ROW(INDEX(Jesper!AK$2:AK$366,ROUNDDOWN($C3927/24,0)+1,1))-1)+IF('Standard Profiles'!$G$21=$B$10,7,0)+IF('Standard Profiles'!$G$21=$B$17,14,0)+IF('Standard Profiles'!$G$21=$B$24,21,0),0)),0)</f>
        <v>0.31953337274141408</v>
      </c>
      <c r="H3927" cm="1">
        <f t="array" ref="H3927">IFERROR(INDEX(Jesper!AL$2:AL$366,ROUNDDOWN($C3927/24,0)+1,1)*INDEX($D$3:$AA$30,INDEX(Jesper!$R$2:$R$366,ROW(INDEX(Jesper!AL$2:AL$366,ROUNDDOWN($C3927/24,0)+1,1))-1)+IF('Standard Profiles'!$G$22=$B$10,7,0)+IF('Standard Profiles'!$G$22=$B$17,14,0)+IF('Standard Profiles'!$G$22=$B$24,21,0),MOD($C3927,24)+1)/SUM(INDEX($D$3:$AA$30,INDEX(Jesper!$R$2:$R$366,ROW(INDEX(Jesper!AL$2:AL$366,ROUNDDOWN($C3927/24,0)+1,1))-1)+IF('Standard Profiles'!$G$22=$B$10,7,0)+IF('Standard Profiles'!$G$22=$B$17,14,0)+IF('Standard Profiles'!$G$22=$B$24,21,0),0)),0)</f>
        <v>0</v>
      </c>
      <c r="I3927">
        <f t="shared" si="440"/>
        <v>0.15337601891587868</v>
      </c>
      <c r="J3927">
        <f t="shared" si="441"/>
        <v>6.9160390585644063</v>
      </c>
      <c r="K3927">
        <f t="shared" si="442"/>
        <v>0.55762833257479894</v>
      </c>
      <c r="L3927">
        <f t="shared" si="443"/>
        <v>0.27881416628739947</v>
      </c>
      <c r="M3927">
        <f t="shared" si="444"/>
        <v>0</v>
      </c>
      <c r="N3927" s="45">
        <f t="shared" si="445"/>
        <v>45089.208333323892</v>
      </c>
    </row>
    <row r="3928" spans="2:14" x14ac:dyDescent="0.25">
      <c r="B3928">
        <f t="shared" si="439"/>
        <v>1</v>
      </c>
      <c r="C3928" s="16">
        <v>3894</v>
      </c>
      <c r="D3928" cm="1">
        <f t="array" ref="D3928">IFERROR(INDEX(Jesper!AH$2:AH$366,ROUNDDOWN($C3928/24,0)+1,1)*INDEX($D$3:$AA$30,INDEX(Jesper!$R$2:$R$366,ROW(INDEX(Jesper!AH$2:AH$366,ROUNDDOWN($C3928/24,0)+1,1))-1)+IF('Standard Profiles'!$G$18=$B$10,7,0)+IF('Standard Profiles'!$G$18=$B$17,14,0)+IF('Standard Profiles'!$G$18=$B$24,21,0),MOD($C3928,24)+1)/SUM(INDEX($D$3:$AA$30,INDEX(Jesper!$R$2:$R$366,ROW(INDEX(Jesper!AH$2:AH$366,ROUNDDOWN($C3928/24,0)+1,1))-1)+IF('Standard Profiles'!$G$18=$B$10,7,0)+IF('Standard Profiles'!$G$18=$B$17,14,0)+IF('Standard Profiles'!$G$18=$B$24,21,0),0)),0)</f>
        <v>5.2277656178887399</v>
      </c>
      <c r="E3928" cm="1">
        <f t="array" ref="E3928">IFERROR(INDEX(Jesper!AI$2:AI$366,ROUNDDOWN($C3928/24,0)+1,1)*INDEX($D$3:$AA$30,INDEX(Jesper!$R$2:$R$366,ROW(INDEX(Jesper!AI$2:AI$366,ROUNDDOWN($C3928/24,0)+1,1))-1)+IF('Standard Profiles'!$G$19=$B$10,7,0)+IF('Standard Profiles'!$G$19=$B$17,14,0)+IF('Standard Profiles'!$G$19=$B$24,21,0),MOD($C3928,24)+1)/SUM(INDEX($D$3:$AA$30,INDEX(Jesper!$R$2:$R$366,ROW(INDEX(Jesper!AI$2:AI$366,ROUNDDOWN($C3928/24,0)+1,1))-1)+IF('Standard Profiles'!$G$19=$B$10,7,0)+IF('Standard Profiles'!$G$19=$B$17,14,0)+IF('Standard Profiles'!$G$19=$B$24,21,0),0)),0)</f>
        <v>2.3585585857123297</v>
      </c>
      <c r="F3928" cm="1">
        <f t="array" ref="F3928">IFERROR(INDEX(Jesper!AJ$2:AJ$366,ROUNDDOWN($C3928/24,0)+1,1)*INDEX($D$3:$AA$30,INDEX(Jesper!$R$2:$R$366,ROW(INDEX(Jesper!AJ$2:AJ$366,ROUNDDOWN($C3928/24,0)+1,1))-1)+IF('Standard Profiles'!$G$20=$B$10,7,0)+IF('Standard Profiles'!$G$20=$B$17,14,0)+IF('Standard Profiles'!$G$20=$B$24,21,0),MOD($C3928,24)+1)/SUM(INDEX($D$3:$AA$30,INDEX(Jesper!$R$2:$R$366,ROW(INDEX(Jesper!AJ$2:AJ$366,ROUNDDOWN($C3928/24,0)+1,1))-1)+IF('Standard Profiles'!$G$20=$B$10,7,0)+IF('Standard Profiles'!$G$20=$B$17,14,0)+IF('Standard Profiles'!$G$20=$B$24,21,0),0)),0)</f>
        <v>0</v>
      </c>
      <c r="G3928" cm="1">
        <f t="array" ref="G3928">IFERROR(INDEX(Jesper!AK$2:AK$366,ROUNDDOWN($C3928/24,0)+1,1)*INDEX($D$3:$AA$30,INDEX(Jesper!$R$2:$R$366,ROW(INDEX(Jesper!AK$2:AK$366,ROUNDDOWN($C3928/24,0)+1,1))-1)+IF('Standard Profiles'!$G$21=$B$10,7,0)+IF('Standard Profiles'!$G$21=$B$17,14,0)+IF('Standard Profiles'!$G$21=$B$24,21,0),MOD($C3928,24)+1)/SUM(INDEX($D$3:$AA$30,INDEX(Jesper!$R$2:$R$366,ROW(INDEX(Jesper!AK$2:AK$366,ROUNDDOWN($C3928/24,0)+1,1))-1)+IF('Standard Profiles'!$G$21=$B$10,7,0)+IF('Standard Profiles'!$G$21=$B$17,14,0)+IF('Standard Profiles'!$G$21=$B$24,21,0),0)),0)</f>
        <v>0.31953337274141408</v>
      </c>
      <c r="H3928" cm="1">
        <f t="array" ref="H3928">IFERROR(INDEX(Jesper!AL$2:AL$366,ROUNDDOWN($C3928/24,0)+1,1)*INDEX($D$3:$AA$30,INDEX(Jesper!$R$2:$R$366,ROW(INDEX(Jesper!AL$2:AL$366,ROUNDDOWN($C3928/24,0)+1,1))-1)+IF('Standard Profiles'!$G$22=$B$10,7,0)+IF('Standard Profiles'!$G$22=$B$17,14,0)+IF('Standard Profiles'!$G$22=$B$24,21,0),MOD($C3928,24)+1)/SUM(INDEX($D$3:$AA$30,INDEX(Jesper!$R$2:$R$366,ROW(INDEX(Jesper!AL$2:AL$366,ROUNDDOWN($C3928/24,0)+1,1))-1)+IF('Standard Profiles'!$G$22=$B$10,7,0)+IF('Standard Profiles'!$G$22=$B$17,14,0)+IF('Standard Profiles'!$G$22=$B$24,21,0),0)),0)</f>
        <v>0</v>
      </c>
      <c r="I3928">
        <f t="shared" si="440"/>
        <v>0.15337601891587868</v>
      </c>
      <c r="J3928">
        <f t="shared" si="441"/>
        <v>6.9160390585644063</v>
      </c>
      <c r="K3928">
        <f t="shared" si="442"/>
        <v>0.55762833257479894</v>
      </c>
      <c r="L3928">
        <f t="shared" si="443"/>
        <v>0.27881416628739947</v>
      </c>
      <c r="M3928">
        <f t="shared" si="444"/>
        <v>0</v>
      </c>
      <c r="N3928" s="45">
        <f t="shared" si="445"/>
        <v>45089.249999990556</v>
      </c>
    </row>
    <row r="3929" spans="2:14" x14ac:dyDescent="0.25">
      <c r="B3929">
        <f t="shared" si="439"/>
        <v>1</v>
      </c>
      <c r="C3929" s="16">
        <v>3895</v>
      </c>
      <c r="D3929" cm="1">
        <f t="array" ref="D3929">IFERROR(INDEX(Jesper!AH$2:AH$366,ROUNDDOWN($C3929/24,0)+1,1)*INDEX($D$3:$AA$30,INDEX(Jesper!$R$2:$R$366,ROW(INDEX(Jesper!AH$2:AH$366,ROUNDDOWN($C3929/24,0)+1,1))-1)+IF('Standard Profiles'!$G$18=$B$10,7,0)+IF('Standard Profiles'!$G$18=$B$17,14,0)+IF('Standard Profiles'!$G$18=$B$24,21,0),MOD($C3929,24)+1)/SUM(INDEX($D$3:$AA$30,INDEX(Jesper!$R$2:$R$366,ROW(INDEX(Jesper!AH$2:AH$366,ROUNDDOWN($C3929/24,0)+1,1))-1)+IF('Standard Profiles'!$G$18=$B$10,7,0)+IF('Standard Profiles'!$G$18=$B$17,14,0)+IF('Standard Profiles'!$G$18=$B$24,21,0),0)),0)</f>
        <v>22.270281532206027</v>
      </c>
      <c r="E3929" cm="1">
        <f t="array" ref="E3929">IFERROR(INDEX(Jesper!AI$2:AI$366,ROUNDDOWN($C3929/24,0)+1,1)*INDEX($D$3:$AA$30,INDEX(Jesper!$R$2:$R$366,ROW(INDEX(Jesper!AI$2:AI$366,ROUNDDOWN($C3929/24,0)+1,1))-1)+IF('Standard Profiles'!$G$19=$B$10,7,0)+IF('Standard Profiles'!$G$19=$B$17,14,0)+IF('Standard Profiles'!$G$19=$B$24,21,0),MOD($C3929,24)+1)/SUM(INDEX($D$3:$AA$30,INDEX(Jesper!$R$2:$R$366,ROW(INDEX(Jesper!AI$2:AI$366,ROUNDDOWN($C3929/24,0)+1,1))-1)+IF('Standard Profiles'!$G$19=$B$10,7,0)+IF('Standard Profiles'!$G$19=$B$17,14,0)+IF('Standard Profiles'!$G$19=$B$24,21,0),0)),0)</f>
        <v>10.047459575134523</v>
      </c>
      <c r="F3929" cm="1">
        <f t="array" ref="F3929">IFERROR(INDEX(Jesper!AJ$2:AJ$366,ROUNDDOWN($C3929/24,0)+1,1)*INDEX($D$3:$AA$30,INDEX(Jesper!$R$2:$R$366,ROW(INDEX(Jesper!AJ$2:AJ$366,ROUNDDOWN($C3929/24,0)+1,1))-1)+IF('Standard Profiles'!$G$20=$B$10,7,0)+IF('Standard Profiles'!$G$20=$B$17,14,0)+IF('Standard Profiles'!$G$20=$B$24,21,0),MOD($C3929,24)+1)/SUM(INDEX($D$3:$AA$30,INDEX(Jesper!$R$2:$R$366,ROW(INDEX(Jesper!AJ$2:AJ$366,ROUNDDOWN($C3929/24,0)+1,1))-1)+IF('Standard Profiles'!$G$20=$B$10,7,0)+IF('Standard Profiles'!$G$20=$B$17,14,0)+IF('Standard Profiles'!$G$20=$B$24,21,0),0)),0)</f>
        <v>0</v>
      </c>
      <c r="G3929" cm="1">
        <f t="array" ref="G3929">IFERROR(INDEX(Jesper!AK$2:AK$366,ROUNDDOWN($C3929/24,0)+1,1)*INDEX($D$3:$AA$30,INDEX(Jesper!$R$2:$R$366,ROW(INDEX(Jesper!AK$2:AK$366,ROUNDDOWN($C3929/24,0)+1,1))-1)+IF('Standard Profiles'!$G$21=$B$10,7,0)+IF('Standard Profiles'!$G$21=$B$17,14,0)+IF('Standard Profiles'!$G$21=$B$24,21,0),MOD($C3929,24)+1)/SUM(INDEX($D$3:$AA$30,INDEX(Jesper!$R$2:$R$366,ROW(INDEX(Jesper!AK$2:AK$366,ROUNDDOWN($C3929/24,0)+1,1))-1)+IF('Standard Profiles'!$G$21=$B$10,7,0)+IF('Standard Profiles'!$G$21=$B$17,14,0)+IF('Standard Profiles'!$G$21=$B$24,21,0),0)),0)</f>
        <v>1.3899701714251511</v>
      </c>
      <c r="H3929" cm="1">
        <f t="array" ref="H3929">IFERROR(INDEX(Jesper!AL$2:AL$366,ROUNDDOWN($C3929/24,0)+1,1)*INDEX($D$3:$AA$30,INDEX(Jesper!$R$2:$R$366,ROW(INDEX(Jesper!AL$2:AL$366,ROUNDDOWN($C3929/24,0)+1,1))-1)+IF('Standard Profiles'!$G$22=$B$10,7,0)+IF('Standard Profiles'!$G$22=$B$17,14,0)+IF('Standard Profiles'!$G$22=$B$24,21,0),MOD($C3929,24)+1)/SUM(INDEX($D$3:$AA$30,INDEX(Jesper!$R$2:$R$366,ROW(INDEX(Jesper!AL$2:AL$366,ROUNDDOWN($C3929/24,0)+1,1))-1)+IF('Standard Profiles'!$G$22=$B$10,7,0)+IF('Standard Profiles'!$G$22=$B$17,14,0)+IF('Standard Profiles'!$G$22=$B$24,21,0),0)),0)</f>
        <v>0</v>
      </c>
      <c r="I3929">
        <f t="shared" si="440"/>
        <v>0.66718568228407216</v>
      </c>
      <c r="J3929">
        <f t="shared" si="441"/>
        <v>29.477280551328665</v>
      </c>
      <c r="K3929">
        <f t="shared" si="442"/>
        <v>2.3754966967686433</v>
      </c>
      <c r="L3929">
        <f t="shared" si="443"/>
        <v>1.1877483483843216</v>
      </c>
      <c r="M3929">
        <f t="shared" si="444"/>
        <v>0</v>
      </c>
      <c r="N3929" s="45">
        <f t="shared" si="445"/>
        <v>45089.29166665722</v>
      </c>
    </row>
    <row r="3930" spans="2:14" x14ac:dyDescent="0.25">
      <c r="B3930">
        <f t="shared" si="439"/>
        <v>1</v>
      </c>
      <c r="C3930" s="16">
        <v>3896</v>
      </c>
      <c r="D3930" cm="1">
        <f t="array" ref="D3930">IFERROR(INDEX(Jesper!AH$2:AH$366,ROUNDDOWN($C3930/24,0)+1,1)*INDEX($D$3:$AA$30,INDEX(Jesper!$R$2:$R$366,ROW(INDEX(Jesper!AH$2:AH$366,ROUNDDOWN($C3930/24,0)+1,1))-1)+IF('Standard Profiles'!$G$18=$B$10,7,0)+IF('Standard Profiles'!$G$18=$B$17,14,0)+IF('Standard Profiles'!$G$18=$B$24,21,0),MOD($C3930,24)+1)/SUM(INDEX($D$3:$AA$30,INDEX(Jesper!$R$2:$R$366,ROW(INDEX(Jesper!AH$2:AH$366,ROUNDDOWN($C3930/24,0)+1,1))-1)+IF('Standard Profiles'!$G$18=$B$10,7,0)+IF('Standard Profiles'!$G$18=$B$17,14,0)+IF('Standard Profiles'!$G$18=$B$24,21,0),0)),0)</f>
        <v>25.054066723731783</v>
      </c>
      <c r="E3930" cm="1">
        <f t="array" ref="E3930">IFERROR(INDEX(Jesper!AI$2:AI$366,ROUNDDOWN($C3930/24,0)+1,1)*INDEX($D$3:$AA$30,INDEX(Jesper!$R$2:$R$366,ROW(INDEX(Jesper!AI$2:AI$366,ROUNDDOWN($C3930/24,0)+1,1))-1)+IF('Standard Profiles'!$G$19=$B$10,7,0)+IF('Standard Profiles'!$G$19=$B$17,14,0)+IF('Standard Profiles'!$G$19=$B$24,21,0),MOD($C3930,24)+1)/SUM(INDEX($D$3:$AA$30,INDEX(Jesper!$R$2:$R$366,ROW(INDEX(Jesper!AI$2:AI$366,ROUNDDOWN($C3930/24,0)+1,1))-1)+IF('Standard Profiles'!$G$19=$B$10,7,0)+IF('Standard Profiles'!$G$19=$B$17,14,0)+IF('Standard Profiles'!$G$19=$B$24,21,0),0)),0)</f>
        <v>11.303392022026339</v>
      </c>
      <c r="F3930" cm="1">
        <f t="array" ref="F3930">IFERROR(INDEX(Jesper!AJ$2:AJ$366,ROUNDDOWN($C3930/24,0)+1,1)*INDEX($D$3:$AA$30,INDEX(Jesper!$R$2:$R$366,ROW(INDEX(Jesper!AJ$2:AJ$366,ROUNDDOWN($C3930/24,0)+1,1))-1)+IF('Standard Profiles'!$G$20=$B$10,7,0)+IF('Standard Profiles'!$G$20=$B$17,14,0)+IF('Standard Profiles'!$G$20=$B$24,21,0),MOD($C3930,24)+1)/SUM(INDEX($D$3:$AA$30,INDEX(Jesper!$R$2:$R$366,ROW(INDEX(Jesper!AJ$2:AJ$366,ROUNDDOWN($C3930/24,0)+1,1))-1)+IF('Standard Profiles'!$G$20=$B$10,7,0)+IF('Standard Profiles'!$G$20=$B$17,14,0)+IF('Standard Profiles'!$G$20=$B$24,21,0),0)),0)</f>
        <v>0</v>
      </c>
      <c r="G3930" cm="1">
        <f t="array" ref="G3930">IFERROR(INDEX(Jesper!AK$2:AK$366,ROUNDDOWN($C3930/24,0)+1,1)*INDEX($D$3:$AA$30,INDEX(Jesper!$R$2:$R$366,ROW(INDEX(Jesper!AK$2:AK$366,ROUNDDOWN($C3930/24,0)+1,1))-1)+IF('Standard Profiles'!$G$21=$B$10,7,0)+IF('Standard Profiles'!$G$21=$B$17,14,0)+IF('Standard Profiles'!$G$21=$B$24,21,0),MOD($C3930,24)+1)/SUM(INDEX($D$3:$AA$30,INDEX(Jesper!$R$2:$R$366,ROW(INDEX(Jesper!AK$2:AK$366,ROUNDDOWN($C3930/24,0)+1,1))-1)+IF('Standard Profiles'!$G$21=$B$10,7,0)+IF('Standard Profiles'!$G$21=$B$17,14,0)+IF('Standard Profiles'!$G$21=$B$24,21,0),0)),0)</f>
        <v>1.563716442853295</v>
      </c>
      <c r="H3930" cm="1">
        <f t="array" ref="H3930">IFERROR(INDEX(Jesper!AL$2:AL$366,ROUNDDOWN($C3930/24,0)+1,1)*INDEX($D$3:$AA$30,INDEX(Jesper!$R$2:$R$366,ROW(INDEX(Jesper!AL$2:AL$366,ROUNDDOWN($C3930/24,0)+1,1))-1)+IF('Standard Profiles'!$G$22=$B$10,7,0)+IF('Standard Profiles'!$G$22=$B$17,14,0)+IF('Standard Profiles'!$G$22=$B$24,21,0),MOD($C3930,24)+1)/SUM(INDEX($D$3:$AA$30,INDEX(Jesper!$R$2:$R$366,ROW(INDEX(Jesper!AL$2:AL$366,ROUNDDOWN($C3930/24,0)+1,1))-1)+IF('Standard Profiles'!$G$22=$B$10,7,0)+IF('Standard Profiles'!$G$22=$B$17,14,0)+IF('Standard Profiles'!$G$22=$B$24,21,0),0)),0)</f>
        <v>0</v>
      </c>
      <c r="I3930">
        <f t="shared" si="440"/>
        <v>0.75058389256958125</v>
      </c>
      <c r="J3930">
        <f t="shared" si="441"/>
        <v>33.161940620244749</v>
      </c>
      <c r="K3930">
        <f t="shared" si="442"/>
        <v>2.6724337838647236</v>
      </c>
      <c r="L3930">
        <f t="shared" si="443"/>
        <v>1.3362168919323618</v>
      </c>
      <c r="M3930">
        <f t="shared" si="444"/>
        <v>0</v>
      </c>
      <c r="N3930" s="45">
        <f t="shared" si="445"/>
        <v>45089.333333323884</v>
      </c>
    </row>
    <row r="3931" spans="2:14" x14ac:dyDescent="0.25">
      <c r="B3931">
        <f t="shared" si="439"/>
        <v>1</v>
      </c>
      <c r="C3931" s="16">
        <v>3897</v>
      </c>
      <c r="D3931" cm="1">
        <f t="array" ref="D3931">IFERROR(INDEX(Jesper!AH$2:AH$366,ROUNDDOWN($C3931/24,0)+1,1)*INDEX($D$3:$AA$30,INDEX(Jesper!$R$2:$R$366,ROW(INDEX(Jesper!AH$2:AH$366,ROUNDDOWN($C3931/24,0)+1,1))-1)+IF('Standard Profiles'!$G$18=$B$10,7,0)+IF('Standard Profiles'!$G$18=$B$17,14,0)+IF('Standard Profiles'!$G$18=$B$24,21,0),MOD($C3931,24)+1)/SUM(INDEX($D$3:$AA$30,INDEX(Jesper!$R$2:$R$366,ROW(INDEX(Jesper!AH$2:AH$366,ROUNDDOWN($C3931/24,0)+1,1))-1)+IF('Standard Profiles'!$G$18=$B$10,7,0)+IF('Standard Profiles'!$G$18=$B$17,14,0)+IF('Standard Profiles'!$G$18=$B$24,21,0),0)),0)</f>
        <v>27.837851915257534</v>
      </c>
      <c r="E3931" cm="1">
        <f t="array" ref="E3931">IFERROR(INDEX(Jesper!AI$2:AI$366,ROUNDDOWN($C3931/24,0)+1,1)*INDEX($D$3:$AA$30,INDEX(Jesper!$R$2:$R$366,ROW(INDEX(Jesper!AI$2:AI$366,ROUNDDOWN($C3931/24,0)+1,1))-1)+IF('Standard Profiles'!$G$19=$B$10,7,0)+IF('Standard Profiles'!$G$19=$B$17,14,0)+IF('Standard Profiles'!$G$19=$B$24,21,0),MOD($C3931,24)+1)/SUM(INDEX($D$3:$AA$30,INDEX(Jesper!$R$2:$R$366,ROW(INDEX(Jesper!AI$2:AI$366,ROUNDDOWN($C3931/24,0)+1,1))-1)+IF('Standard Profiles'!$G$19=$B$10,7,0)+IF('Standard Profiles'!$G$19=$B$17,14,0)+IF('Standard Profiles'!$G$19=$B$24,21,0),0)),0)</f>
        <v>12.559324468918152</v>
      </c>
      <c r="F3931" cm="1">
        <f t="array" ref="F3931">IFERROR(INDEX(Jesper!AJ$2:AJ$366,ROUNDDOWN($C3931/24,0)+1,1)*INDEX($D$3:$AA$30,INDEX(Jesper!$R$2:$R$366,ROW(INDEX(Jesper!AJ$2:AJ$366,ROUNDDOWN($C3931/24,0)+1,1))-1)+IF('Standard Profiles'!$G$20=$B$10,7,0)+IF('Standard Profiles'!$G$20=$B$17,14,0)+IF('Standard Profiles'!$G$20=$B$24,21,0),MOD($C3931,24)+1)/SUM(INDEX($D$3:$AA$30,INDEX(Jesper!$R$2:$R$366,ROW(INDEX(Jesper!AJ$2:AJ$366,ROUNDDOWN($C3931/24,0)+1,1))-1)+IF('Standard Profiles'!$G$20=$B$10,7,0)+IF('Standard Profiles'!$G$20=$B$17,14,0)+IF('Standard Profiles'!$G$20=$B$24,21,0),0)),0)</f>
        <v>0</v>
      </c>
      <c r="G3931" cm="1">
        <f t="array" ref="G3931">IFERROR(INDEX(Jesper!AK$2:AK$366,ROUNDDOWN($C3931/24,0)+1,1)*INDEX($D$3:$AA$30,INDEX(Jesper!$R$2:$R$366,ROW(INDEX(Jesper!AK$2:AK$366,ROUNDDOWN($C3931/24,0)+1,1))-1)+IF('Standard Profiles'!$G$21=$B$10,7,0)+IF('Standard Profiles'!$G$21=$B$17,14,0)+IF('Standard Profiles'!$G$21=$B$24,21,0),MOD($C3931,24)+1)/SUM(INDEX($D$3:$AA$30,INDEX(Jesper!$R$2:$R$366,ROW(INDEX(Jesper!AK$2:AK$366,ROUNDDOWN($C3931/24,0)+1,1))-1)+IF('Standard Profiles'!$G$21=$B$10,7,0)+IF('Standard Profiles'!$G$21=$B$17,14,0)+IF('Standard Profiles'!$G$21=$B$24,21,0),0)),0)</f>
        <v>1.7374627142814387</v>
      </c>
      <c r="H3931" cm="1">
        <f t="array" ref="H3931">IFERROR(INDEX(Jesper!AL$2:AL$366,ROUNDDOWN($C3931/24,0)+1,1)*INDEX($D$3:$AA$30,INDEX(Jesper!$R$2:$R$366,ROW(INDEX(Jesper!AL$2:AL$366,ROUNDDOWN($C3931/24,0)+1,1))-1)+IF('Standard Profiles'!$G$22=$B$10,7,0)+IF('Standard Profiles'!$G$22=$B$17,14,0)+IF('Standard Profiles'!$G$22=$B$24,21,0),MOD($C3931,24)+1)/SUM(INDEX($D$3:$AA$30,INDEX(Jesper!$R$2:$R$366,ROW(INDEX(Jesper!AL$2:AL$366,ROUNDDOWN($C3931/24,0)+1,1))-1)+IF('Standard Profiles'!$G$22=$B$10,7,0)+IF('Standard Profiles'!$G$22=$B$17,14,0)+IF('Standard Profiles'!$G$22=$B$24,21,0),0)),0)</f>
        <v>0</v>
      </c>
      <c r="I3931">
        <f t="shared" si="440"/>
        <v>0.83398210285509022</v>
      </c>
      <c r="J3931">
        <f t="shared" si="441"/>
        <v>36.846600689160823</v>
      </c>
      <c r="K3931">
        <f t="shared" si="442"/>
        <v>2.969370870960804</v>
      </c>
      <c r="L3931">
        <f t="shared" si="443"/>
        <v>1.484685435480402</v>
      </c>
      <c r="M3931">
        <f t="shared" si="444"/>
        <v>0</v>
      </c>
      <c r="N3931" s="45">
        <f t="shared" si="445"/>
        <v>45089.374999990549</v>
      </c>
    </row>
    <row r="3932" spans="2:14" x14ac:dyDescent="0.25">
      <c r="B3932">
        <f t="shared" si="439"/>
        <v>1</v>
      </c>
      <c r="C3932" s="16">
        <v>3898</v>
      </c>
      <c r="D3932" cm="1">
        <f t="array" ref="D3932">IFERROR(INDEX(Jesper!AH$2:AH$366,ROUNDDOWN($C3932/24,0)+1,1)*INDEX($D$3:$AA$30,INDEX(Jesper!$R$2:$R$366,ROW(INDEX(Jesper!AH$2:AH$366,ROUNDDOWN($C3932/24,0)+1,1))-1)+IF('Standard Profiles'!$G$18=$B$10,7,0)+IF('Standard Profiles'!$G$18=$B$17,14,0)+IF('Standard Profiles'!$G$18=$B$24,21,0),MOD($C3932,24)+1)/SUM(INDEX($D$3:$AA$30,INDEX(Jesper!$R$2:$R$366,ROW(INDEX(Jesper!AH$2:AH$366,ROUNDDOWN($C3932/24,0)+1,1))-1)+IF('Standard Profiles'!$G$18=$B$10,7,0)+IF('Standard Profiles'!$G$18=$B$17,14,0)+IF('Standard Profiles'!$G$18=$B$24,21,0),0)),0)</f>
        <v>27.837851915257534</v>
      </c>
      <c r="E3932" cm="1">
        <f t="array" ref="E3932">IFERROR(INDEX(Jesper!AI$2:AI$366,ROUNDDOWN($C3932/24,0)+1,1)*INDEX($D$3:$AA$30,INDEX(Jesper!$R$2:$R$366,ROW(INDEX(Jesper!AI$2:AI$366,ROUNDDOWN($C3932/24,0)+1,1))-1)+IF('Standard Profiles'!$G$19=$B$10,7,0)+IF('Standard Profiles'!$G$19=$B$17,14,0)+IF('Standard Profiles'!$G$19=$B$24,21,0),MOD($C3932,24)+1)/SUM(INDEX($D$3:$AA$30,INDEX(Jesper!$R$2:$R$366,ROW(INDEX(Jesper!AI$2:AI$366,ROUNDDOWN($C3932/24,0)+1,1))-1)+IF('Standard Profiles'!$G$19=$B$10,7,0)+IF('Standard Profiles'!$G$19=$B$17,14,0)+IF('Standard Profiles'!$G$19=$B$24,21,0),0)),0)</f>
        <v>12.559324468918152</v>
      </c>
      <c r="F3932" cm="1">
        <f t="array" ref="F3932">IFERROR(INDEX(Jesper!AJ$2:AJ$366,ROUNDDOWN($C3932/24,0)+1,1)*INDEX($D$3:$AA$30,INDEX(Jesper!$R$2:$R$366,ROW(INDEX(Jesper!AJ$2:AJ$366,ROUNDDOWN($C3932/24,0)+1,1))-1)+IF('Standard Profiles'!$G$20=$B$10,7,0)+IF('Standard Profiles'!$G$20=$B$17,14,0)+IF('Standard Profiles'!$G$20=$B$24,21,0),MOD($C3932,24)+1)/SUM(INDEX($D$3:$AA$30,INDEX(Jesper!$R$2:$R$366,ROW(INDEX(Jesper!AJ$2:AJ$366,ROUNDDOWN($C3932/24,0)+1,1))-1)+IF('Standard Profiles'!$G$20=$B$10,7,0)+IF('Standard Profiles'!$G$20=$B$17,14,0)+IF('Standard Profiles'!$G$20=$B$24,21,0),0)),0)</f>
        <v>0</v>
      </c>
      <c r="G3932" cm="1">
        <f t="array" ref="G3932">IFERROR(INDEX(Jesper!AK$2:AK$366,ROUNDDOWN($C3932/24,0)+1,1)*INDEX($D$3:$AA$30,INDEX(Jesper!$R$2:$R$366,ROW(INDEX(Jesper!AK$2:AK$366,ROUNDDOWN($C3932/24,0)+1,1))-1)+IF('Standard Profiles'!$G$21=$B$10,7,0)+IF('Standard Profiles'!$G$21=$B$17,14,0)+IF('Standard Profiles'!$G$21=$B$24,21,0),MOD($C3932,24)+1)/SUM(INDEX($D$3:$AA$30,INDEX(Jesper!$R$2:$R$366,ROW(INDEX(Jesper!AK$2:AK$366,ROUNDDOWN($C3932/24,0)+1,1))-1)+IF('Standard Profiles'!$G$21=$B$10,7,0)+IF('Standard Profiles'!$G$21=$B$17,14,0)+IF('Standard Profiles'!$G$21=$B$24,21,0),0)),0)</f>
        <v>1.7374627142814387</v>
      </c>
      <c r="H3932" cm="1">
        <f t="array" ref="H3932">IFERROR(INDEX(Jesper!AL$2:AL$366,ROUNDDOWN($C3932/24,0)+1,1)*INDEX($D$3:$AA$30,INDEX(Jesper!$R$2:$R$366,ROW(INDEX(Jesper!AL$2:AL$366,ROUNDDOWN($C3932/24,0)+1,1))-1)+IF('Standard Profiles'!$G$22=$B$10,7,0)+IF('Standard Profiles'!$G$22=$B$17,14,0)+IF('Standard Profiles'!$G$22=$B$24,21,0),MOD($C3932,24)+1)/SUM(INDEX($D$3:$AA$30,INDEX(Jesper!$R$2:$R$366,ROW(INDEX(Jesper!AL$2:AL$366,ROUNDDOWN($C3932/24,0)+1,1))-1)+IF('Standard Profiles'!$G$22=$B$10,7,0)+IF('Standard Profiles'!$G$22=$B$17,14,0)+IF('Standard Profiles'!$G$22=$B$24,21,0),0)),0)</f>
        <v>0</v>
      </c>
      <c r="I3932">
        <f t="shared" si="440"/>
        <v>0.83398210285509022</v>
      </c>
      <c r="J3932">
        <f t="shared" si="441"/>
        <v>36.846600689160823</v>
      </c>
      <c r="K3932">
        <f t="shared" si="442"/>
        <v>2.969370870960804</v>
      </c>
      <c r="L3932">
        <f t="shared" si="443"/>
        <v>1.484685435480402</v>
      </c>
      <c r="M3932">
        <f t="shared" si="444"/>
        <v>0</v>
      </c>
      <c r="N3932" s="45">
        <f t="shared" si="445"/>
        <v>45089.416666657213</v>
      </c>
    </row>
    <row r="3933" spans="2:14" x14ac:dyDescent="0.25">
      <c r="B3933">
        <f t="shared" si="439"/>
        <v>1</v>
      </c>
      <c r="C3933" s="16">
        <v>3899</v>
      </c>
      <c r="D3933" cm="1">
        <f t="array" ref="D3933">IFERROR(INDEX(Jesper!AH$2:AH$366,ROUNDDOWN($C3933/24,0)+1,1)*INDEX($D$3:$AA$30,INDEX(Jesper!$R$2:$R$366,ROW(INDEX(Jesper!AH$2:AH$366,ROUNDDOWN($C3933/24,0)+1,1))-1)+IF('Standard Profiles'!$G$18=$B$10,7,0)+IF('Standard Profiles'!$G$18=$B$17,14,0)+IF('Standard Profiles'!$G$18=$B$24,21,0),MOD($C3933,24)+1)/SUM(INDEX($D$3:$AA$30,INDEX(Jesper!$R$2:$R$366,ROW(INDEX(Jesper!AH$2:AH$366,ROUNDDOWN($C3933/24,0)+1,1))-1)+IF('Standard Profiles'!$G$18=$B$10,7,0)+IF('Standard Profiles'!$G$18=$B$17,14,0)+IF('Standard Profiles'!$G$18=$B$24,21,0),0)),0)</f>
        <v>33.405422298309041</v>
      </c>
      <c r="E3933" cm="1">
        <f t="array" ref="E3933">IFERROR(INDEX(Jesper!AI$2:AI$366,ROUNDDOWN($C3933/24,0)+1,1)*INDEX($D$3:$AA$30,INDEX(Jesper!$R$2:$R$366,ROW(INDEX(Jesper!AI$2:AI$366,ROUNDDOWN($C3933/24,0)+1,1))-1)+IF('Standard Profiles'!$G$19=$B$10,7,0)+IF('Standard Profiles'!$G$19=$B$17,14,0)+IF('Standard Profiles'!$G$19=$B$24,21,0),MOD($C3933,24)+1)/SUM(INDEX($D$3:$AA$30,INDEX(Jesper!$R$2:$R$366,ROW(INDEX(Jesper!AI$2:AI$366,ROUNDDOWN($C3933/24,0)+1,1))-1)+IF('Standard Profiles'!$G$19=$B$10,7,0)+IF('Standard Profiles'!$G$19=$B$17,14,0)+IF('Standard Profiles'!$G$19=$B$24,21,0),0)),0)</f>
        <v>15.071189362701784</v>
      </c>
      <c r="F3933" cm="1">
        <f t="array" ref="F3933">IFERROR(INDEX(Jesper!AJ$2:AJ$366,ROUNDDOWN($C3933/24,0)+1,1)*INDEX($D$3:$AA$30,INDEX(Jesper!$R$2:$R$366,ROW(INDEX(Jesper!AJ$2:AJ$366,ROUNDDOWN($C3933/24,0)+1,1))-1)+IF('Standard Profiles'!$G$20=$B$10,7,0)+IF('Standard Profiles'!$G$20=$B$17,14,0)+IF('Standard Profiles'!$G$20=$B$24,21,0),MOD($C3933,24)+1)/SUM(INDEX($D$3:$AA$30,INDEX(Jesper!$R$2:$R$366,ROW(INDEX(Jesper!AJ$2:AJ$366,ROUNDDOWN($C3933/24,0)+1,1))-1)+IF('Standard Profiles'!$G$20=$B$10,7,0)+IF('Standard Profiles'!$G$20=$B$17,14,0)+IF('Standard Profiles'!$G$20=$B$24,21,0),0)),0)</f>
        <v>0</v>
      </c>
      <c r="G3933" cm="1">
        <f t="array" ref="G3933">IFERROR(INDEX(Jesper!AK$2:AK$366,ROUNDDOWN($C3933/24,0)+1,1)*INDEX($D$3:$AA$30,INDEX(Jesper!$R$2:$R$366,ROW(INDEX(Jesper!AK$2:AK$366,ROUNDDOWN($C3933/24,0)+1,1))-1)+IF('Standard Profiles'!$G$21=$B$10,7,0)+IF('Standard Profiles'!$G$21=$B$17,14,0)+IF('Standard Profiles'!$G$21=$B$24,21,0),MOD($C3933,24)+1)/SUM(INDEX($D$3:$AA$30,INDEX(Jesper!$R$2:$R$366,ROW(INDEX(Jesper!AK$2:AK$366,ROUNDDOWN($C3933/24,0)+1,1))-1)+IF('Standard Profiles'!$G$21=$B$10,7,0)+IF('Standard Profiles'!$G$21=$B$17,14,0)+IF('Standard Profiles'!$G$21=$B$24,21,0),0)),0)</f>
        <v>2.0849552571377266</v>
      </c>
      <c r="H3933" cm="1">
        <f t="array" ref="H3933">IFERROR(INDEX(Jesper!AL$2:AL$366,ROUNDDOWN($C3933/24,0)+1,1)*INDEX($D$3:$AA$30,INDEX(Jesper!$R$2:$R$366,ROW(INDEX(Jesper!AL$2:AL$366,ROUNDDOWN($C3933/24,0)+1,1))-1)+IF('Standard Profiles'!$G$22=$B$10,7,0)+IF('Standard Profiles'!$G$22=$B$17,14,0)+IF('Standard Profiles'!$G$22=$B$24,21,0),MOD($C3933,24)+1)/SUM(INDEX($D$3:$AA$30,INDEX(Jesper!$R$2:$R$366,ROW(INDEX(Jesper!AL$2:AL$366,ROUNDDOWN($C3933/24,0)+1,1))-1)+IF('Standard Profiles'!$G$22=$B$10,7,0)+IF('Standard Profiles'!$G$22=$B$17,14,0)+IF('Standard Profiles'!$G$22=$B$24,21,0),0)),0)</f>
        <v>0</v>
      </c>
      <c r="I3933">
        <f t="shared" si="440"/>
        <v>1.0007785234261082</v>
      </c>
      <c r="J3933">
        <f t="shared" si="441"/>
        <v>44.215920826992992</v>
      </c>
      <c r="K3933">
        <f t="shared" si="442"/>
        <v>3.5632450451529647</v>
      </c>
      <c r="L3933">
        <f t="shared" si="443"/>
        <v>1.7816225225764823</v>
      </c>
      <c r="M3933">
        <f t="shared" si="444"/>
        <v>0</v>
      </c>
      <c r="N3933" s="45">
        <f t="shared" si="445"/>
        <v>45089.458333323877</v>
      </c>
    </row>
    <row r="3934" spans="2:14" x14ac:dyDescent="0.25">
      <c r="B3934">
        <f t="shared" si="439"/>
        <v>1</v>
      </c>
      <c r="C3934" s="16">
        <v>3900</v>
      </c>
      <c r="D3934" cm="1">
        <f t="array" ref="D3934">IFERROR(INDEX(Jesper!AH$2:AH$366,ROUNDDOWN($C3934/24,0)+1,1)*INDEX($D$3:$AA$30,INDEX(Jesper!$R$2:$R$366,ROW(INDEX(Jesper!AH$2:AH$366,ROUNDDOWN($C3934/24,0)+1,1))-1)+IF('Standard Profiles'!$G$18=$B$10,7,0)+IF('Standard Profiles'!$G$18=$B$17,14,0)+IF('Standard Profiles'!$G$18=$B$24,21,0),MOD($C3934,24)+1)/SUM(INDEX($D$3:$AA$30,INDEX(Jesper!$R$2:$R$366,ROW(INDEX(Jesper!AH$2:AH$366,ROUNDDOWN($C3934/24,0)+1,1))-1)+IF('Standard Profiles'!$G$18=$B$10,7,0)+IF('Standard Profiles'!$G$18=$B$17,14,0)+IF('Standard Profiles'!$G$18=$B$24,21,0),0)),0)</f>
        <v>33.405422298309041</v>
      </c>
      <c r="E3934" cm="1">
        <f t="array" ref="E3934">IFERROR(INDEX(Jesper!AI$2:AI$366,ROUNDDOWN($C3934/24,0)+1,1)*INDEX($D$3:$AA$30,INDEX(Jesper!$R$2:$R$366,ROW(INDEX(Jesper!AI$2:AI$366,ROUNDDOWN($C3934/24,0)+1,1))-1)+IF('Standard Profiles'!$G$19=$B$10,7,0)+IF('Standard Profiles'!$G$19=$B$17,14,0)+IF('Standard Profiles'!$G$19=$B$24,21,0),MOD($C3934,24)+1)/SUM(INDEX($D$3:$AA$30,INDEX(Jesper!$R$2:$R$366,ROW(INDEX(Jesper!AI$2:AI$366,ROUNDDOWN($C3934/24,0)+1,1))-1)+IF('Standard Profiles'!$G$19=$B$10,7,0)+IF('Standard Profiles'!$G$19=$B$17,14,0)+IF('Standard Profiles'!$G$19=$B$24,21,0),0)),0)</f>
        <v>15.071189362701784</v>
      </c>
      <c r="F3934" cm="1">
        <f t="array" ref="F3934">IFERROR(INDEX(Jesper!AJ$2:AJ$366,ROUNDDOWN($C3934/24,0)+1,1)*INDEX($D$3:$AA$30,INDEX(Jesper!$R$2:$R$366,ROW(INDEX(Jesper!AJ$2:AJ$366,ROUNDDOWN($C3934/24,0)+1,1))-1)+IF('Standard Profiles'!$G$20=$B$10,7,0)+IF('Standard Profiles'!$G$20=$B$17,14,0)+IF('Standard Profiles'!$G$20=$B$24,21,0),MOD($C3934,24)+1)/SUM(INDEX($D$3:$AA$30,INDEX(Jesper!$R$2:$R$366,ROW(INDEX(Jesper!AJ$2:AJ$366,ROUNDDOWN($C3934/24,0)+1,1))-1)+IF('Standard Profiles'!$G$20=$B$10,7,0)+IF('Standard Profiles'!$G$20=$B$17,14,0)+IF('Standard Profiles'!$G$20=$B$24,21,0),0)),0)</f>
        <v>0</v>
      </c>
      <c r="G3934" cm="1">
        <f t="array" ref="G3934">IFERROR(INDEX(Jesper!AK$2:AK$366,ROUNDDOWN($C3934/24,0)+1,1)*INDEX($D$3:$AA$30,INDEX(Jesper!$R$2:$R$366,ROW(INDEX(Jesper!AK$2:AK$366,ROUNDDOWN($C3934/24,0)+1,1))-1)+IF('Standard Profiles'!$G$21=$B$10,7,0)+IF('Standard Profiles'!$G$21=$B$17,14,0)+IF('Standard Profiles'!$G$21=$B$24,21,0),MOD($C3934,24)+1)/SUM(INDEX($D$3:$AA$30,INDEX(Jesper!$R$2:$R$366,ROW(INDEX(Jesper!AK$2:AK$366,ROUNDDOWN($C3934/24,0)+1,1))-1)+IF('Standard Profiles'!$G$21=$B$10,7,0)+IF('Standard Profiles'!$G$21=$B$17,14,0)+IF('Standard Profiles'!$G$21=$B$24,21,0),0)),0)</f>
        <v>2.0849552571377266</v>
      </c>
      <c r="H3934" cm="1">
        <f t="array" ref="H3934">IFERROR(INDEX(Jesper!AL$2:AL$366,ROUNDDOWN($C3934/24,0)+1,1)*INDEX($D$3:$AA$30,INDEX(Jesper!$R$2:$R$366,ROW(INDEX(Jesper!AL$2:AL$366,ROUNDDOWN($C3934/24,0)+1,1))-1)+IF('Standard Profiles'!$G$22=$B$10,7,0)+IF('Standard Profiles'!$G$22=$B$17,14,0)+IF('Standard Profiles'!$G$22=$B$24,21,0),MOD($C3934,24)+1)/SUM(INDEX($D$3:$AA$30,INDEX(Jesper!$R$2:$R$366,ROW(INDEX(Jesper!AL$2:AL$366,ROUNDDOWN($C3934/24,0)+1,1))-1)+IF('Standard Profiles'!$G$22=$B$10,7,0)+IF('Standard Profiles'!$G$22=$B$17,14,0)+IF('Standard Profiles'!$G$22=$B$24,21,0),0)),0)</f>
        <v>0</v>
      </c>
      <c r="I3934">
        <f t="shared" si="440"/>
        <v>1.0007785234261082</v>
      </c>
      <c r="J3934">
        <f t="shared" si="441"/>
        <v>44.215920826992992</v>
      </c>
      <c r="K3934">
        <f t="shared" si="442"/>
        <v>3.5632450451529647</v>
      </c>
      <c r="L3934">
        <f t="shared" si="443"/>
        <v>1.7816225225764823</v>
      </c>
      <c r="M3934">
        <f t="shared" si="444"/>
        <v>0</v>
      </c>
      <c r="N3934" s="45">
        <f t="shared" si="445"/>
        <v>45089.499999990541</v>
      </c>
    </row>
    <row r="3935" spans="2:14" x14ac:dyDescent="0.25">
      <c r="B3935">
        <f t="shared" si="439"/>
        <v>1</v>
      </c>
      <c r="C3935" s="16">
        <v>3901</v>
      </c>
      <c r="D3935" cm="1">
        <f t="array" ref="D3935">IFERROR(INDEX(Jesper!AH$2:AH$366,ROUNDDOWN($C3935/24,0)+1,1)*INDEX($D$3:$AA$30,INDEX(Jesper!$R$2:$R$366,ROW(INDEX(Jesper!AH$2:AH$366,ROUNDDOWN($C3935/24,0)+1,1))-1)+IF('Standard Profiles'!$G$18=$B$10,7,0)+IF('Standard Profiles'!$G$18=$B$17,14,0)+IF('Standard Profiles'!$G$18=$B$24,21,0),MOD($C3935,24)+1)/SUM(INDEX($D$3:$AA$30,INDEX(Jesper!$R$2:$R$366,ROW(INDEX(Jesper!AH$2:AH$366,ROUNDDOWN($C3935/24,0)+1,1))-1)+IF('Standard Profiles'!$G$18=$B$10,7,0)+IF('Standard Profiles'!$G$18=$B$17,14,0)+IF('Standard Profiles'!$G$18=$B$24,21,0),0)),0)</f>
        <v>22.270281532206027</v>
      </c>
      <c r="E3935" cm="1">
        <f t="array" ref="E3935">IFERROR(INDEX(Jesper!AI$2:AI$366,ROUNDDOWN($C3935/24,0)+1,1)*INDEX($D$3:$AA$30,INDEX(Jesper!$R$2:$R$366,ROW(INDEX(Jesper!AI$2:AI$366,ROUNDDOWN($C3935/24,0)+1,1))-1)+IF('Standard Profiles'!$G$19=$B$10,7,0)+IF('Standard Profiles'!$G$19=$B$17,14,0)+IF('Standard Profiles'!$G$19=$B$24,21,0),MOD($C3935,24)+1)/SUM(INDEX($D$3:$AA$30,INDEX(Jesper!$R$2:$R$366,ROW(INDEX(Jesper!AI$2:AI$366,ROUNDDOWN($C3935/24,0)+1,1))-1)+IF('Standard Profiles'!$G$19=$B$10,7,0)+IF('Standard Profiles'!$G$19=$B$17,14,0)+IF('Standard Profiles'!$G$19=$B$24,21,0),0)),0)</f>
        <v>10.047459575134523</v>
      </c>
      <c r="F3935" cm="1">
        <f t="array" ref="F3935">IFERROR(INDEX(Jesper!AJ$2:AJ$366,ROUNDDOWN($C3935/24,0)+1,1)*INDEX($D$3:$AA$30,INDEX(Jesper!$R$2:$R$366,ROW(INDEX(Jesper!AJ$2:AJ$366,ROUNDDOWN($C3935/24,0)+1,1))-1)+IF('Standard Profiles'!$G$20=$B$10,7,0)+IF('Standard Profiles'!$G$20=$B$17,14,0)+IF('Standard Profiles'!$G$20=$B$24,21,0),MOD($C3935,24)+1)/SUM(INDEX($D$3:$AA$30,INDEX(Jesper!$R$2:$R$366,ROW(INDEX(Jesper!AJ$2:AJ$366,ROUNDDOWN($C3935/24,0)+1,1))-1)+IF('Standard Profiles'!$G$20=$B$10,7,0)+IF('Standard Profiles'!$G$20=$B$17,14,0)+IF('Standard Profiles'!$G$20=$B$24,21,0),0)),0)</f>
        <v>0</v>
      </c>
      <c r="G3935" cm="1">
        <f t="array" ref="G3935">IFERROR(INDEX(Jesper!AK$2:AK$366,ROUNDDOWN($C3935/24,0)+1,1)*INDEX($D$3:$AA$30,INDEX(Jesper!$R$2:$R$366,ROW(INDEX(Jesper!AK$2:AK$366,ROUNDDOWN($C3935/24,0)+1,1))-1)+IF('Standard Profiles'!$G$21=$B$10,7,0)+IF('Standard Profiles'!$G$21=$B$17,14,0)+IF('Standard Profiles'!$G$21=$B$24,21,0),MOD($C3935,24)+1)/SUM(INDEX($D$3:$AA$30,INDEX(Jesper!$R$2:$R$366,ROW(INDEX(Jesper!AK$2:AK$366,ROUNDDOWN($C3935/24,0)+1,1))-1)+IF('Standard Profiles'!$G$21=$B$10,7,0)+IF('Standard Profiles'!$G$21=$B$17,14,0)+IF('Standard Profiles'!$G$21=$B$24,21,0),0)),0)</f>
        <v>1.3899701714251511</v>
      </c>
      <c r="H3935" cm="1">
        <f t="array" ref="H3935">IFERROR(INDEX(Jesper!AL$2:AL$366,ROUNDDOWN($C3935/24,0)+1,1)*INDEX($D$3:$AA$30,INDEX(Jesper!$R$2:$R$366,ROW(INDEX(Jesper!AL$2:AL$366,ROUNDDOWN($C3935/24,0)+1,1))-1)+IF('Standard Profiles'!$G$22=$B$10,7,0)+IF('Standard Profiles'!$G$22=$B$17,14,0)+IF('Standard Profiles'!$G$22=$B$24,21,0),MOD($C3935,24)+1)/SUM(INDEX($D$3:$AA$30,INDEX(Jesper!$R$2:$R$366,ROW(INDEX(Jesper!AL$2:AL$366,ROUNDDOWN($C3935/24,0)+1,1))-1)+IF('Standard Profiles'!$G$22=$B$10,7,0)+IF('Standard Profiles'!$G$22=$B$17,14,0)+IF('Standard Profiles'!$G$22=$B$24,21,0),0)),0)</f>
        <v>0</v>
      </c>
      <c r="I3935">
        <f t="shared" si="440"/>
        <v>0.66718568228407216</v>
      </c>
      <c r="J3935">
        <f t="shared" si="441"/>
        <v>29.477280551328665</v>
      </c>
      <c r="K3935">
        <f t="shared" si="442"/>
        <v>2.3754966967686433</v>
      </c>
      <c r="L3935">
        <f t="shared" si="443"/>
        <v>1.1877483483843216</v>
      </c>
      <c r="M3935">
        <f t="shared" si="444"/>
        <v>0</v>
      </c>
      <c r="N3935" s="45">
        <f t="shared" si="445"/>
        <v>45089.541666657205</v>
      </c>
    </row>
    <row r="3936" spans="2:14" x14ac:dyDescent="0.25">
      <c r="B3936">
        <f t="shared" si="439"/>
        <v>1</v>
      </c>
      <c r="C3936" s="16">
        <v>3902</v>
      </c>
      <c r="D3936" cm="1">
        <f t="array" ref="D3936">IFERROR(INDEX(Jesper!AH$2:AH$366,ROUNDDOWN($C3936/24,0)+1,1)*INDEX($D$3:$AA$30,INDEX(Jesper!$R$2:$R$366,ROW(INDEX(Jesper!AH$2:AH$366,ROUNDDOWN($C3936/24,0)+1,1))-1)+IF('Standard Profiles'!$G$18=$B$10,7,0)+IF('Standard Profiles'!$G$18=$B$17,14,0)+IF('Standard Profiles'!$G$18=$B$24,21,0),MOD($C3936,24)+1)/SUM(INDEX($D$3:$AA$30,INDEX(Jesper!$R$2:$R$366,ROW(INDEX(Jesper!AH$2:AH$366,ROUNDDOWN($C3936/24,0)+1,1))-1)+IF('Standard Profiles'!$G$18=$B$10,7,0)+IF('Standard Profiles'!$G$18=$B$17,14,0)+IF('Standard Profiles'!$G$18=$B$24,21,0),0)),0)</f>
        <v>33.405422298309041</v>
      </c>
      <c r="E3936" cm="1">
        <f t="array" ref="E3936">IFERROR(INDEX(Jesper!AI$2:AI$366,ROUNDDOWN($C3936/24,0)+1,1)*INDEX($D$3:$AA$30,INDEX(Jesper!$R$2:$R$366,ROW(INDEX(Jesper!AI$2:AI$366,ROUNDDOWN($C3936/24,0)+1,1))-1)+IF('Standard Profiles'!$G$19=$B$10,7,0)+IF('Standard Profiles'!$G$19=$B$17,14,0)+IF('Standard Profiles'!$G$19=$B$24,21,0),MOD($C3936,24)+1)/SUM(INDEX($D$3:$AA$30,INDEX(Jesper!$R$2:$R$366,ROW(INDEX(Jesper!AI$2:AI$366,ROUNDDOWN($C3936/24,0)+1,1))-1)+IF('Standard Profiles'!$G$19=$B$10,7,0)+IF('Standard Profiles'!$G$19=$B$17,14,0)+IF('Standard Profiles'!$G$19=$B$24,21,0),0)),0)</f>
        <v>15.071189362701784</v>
      </c>
      <c r="F3936" cm="1">
        <f t="array" ref="F3936">IFERROR(INDEX(Jesper!AJ$2:AJ$366,ROUNDDOWN($C3936/24,0)+1,1)*INDEX($D$3:$AA$30,INDEX(Jesper!$R$2:$R$366,ROW(INDEX(Jesper!AJ$2:AJ$366,ROUNDDOWN($C3936/24,0)+1,1))-1)+IF('Standard Profiles'!$G$20=$B$10,7,0)+IF('Standard Profiles'!$G$20=$B$17,14,0)+IF('Standard Profiles'!$G$20=$B$24,21,0),MOD($C3936,24)+1)/SUM(INDEX($D$3:$AA$30,INDEX(Jesper!$R$2:$R$366,ROW(INDEX(Jesper!AJ$2:AJ$366,ROUNDDOWN($C3936/24,0)+1,1))-1)+IF('Standard Profiles'!$G$20=$B$10,7,0)+IF('Standard Profiles'!$G$20=$B$17,14,0)+IF('Standard Profiles'!$G$20=$B$24,21,0),0)),0)</f>
        <v>0</v>
      </c>
      <c r="G3936" cm="1">
        <f t="array" ref="G3936">IFERROR(INDEX(Jesper!AK$2:AK$366,ROUNDDOWN($C3936/24,0)+1,1)*INDEX($D$3:$AA$30,INDEX(Jesper!$R$2:$R$366,ROW(INDEX(Jesper!AK$2:AK$366,ROUNDDOWN($C3936/24,0)+1,1))-1)+IF('Standard Profiles'!$G$21=$B$10,7,0)+IF('Standard Profiles'!$G$21=$B$17,14,0)+IF('Standard Profiles'!$G$21=$B$24,21,0),MOD($C3936,24)+1)/SUM(INDEX($D$3:$AA$30,INDEX(Jesper!$R$2:$R$366,ROW(INDEX(Jesper!AK$2:AK$366,ROUNDDOWN($C3936/24,0)+1,1))-1)+IF('Standard Profiles'!$G$21=$B$10,7,0)+IF('Standard Profiles'!$G$21=$B$17,14,0)+IF('Standard Profiles'!$G$21=$B$24,21,0),0)),0)</f>
        <v>2.0849552571377266</v>
      </c>
      <c r="H3936" cm="1">
        <f t="array" ref="H3936">IFERROR(INDEX(Jesper!AL$2:AL$366,ROUNDDOWN($C3936/24,0)+1,1)*INDEX($D$3:$AA$30,INDEX(Jesper!$R$2:$R$366,ROW(INDEX(Jesper!AL$2:AL$366,ROUNDDOWN($C3936/24,0)+1,1))-1)+IF('Standard Profiles'!$G$22=$B$10,7,0)+IF('Standard Profiles'!$G$22=$B$17,14,0)+IF('Standard Profiles'!$G$22=$B$24,21,0),MOD($C3936,24)+1)/SUM(INDEX($D$3:$AA$30,INDEX(Jesper!$R$2:$R$366,ROW(INDEX(Jesper!AL$2:AL$366,ROUNDDOWN($C3936/24,0)+1,1))-1)+IF('Standard Profiles'!$G$22=$B$10,7,0)+IF('Standard Profiles'!$G$22=$B$17,14,0)+IF('Standard Profiles'!$G$22=$B$24,21,0),0)),0)</f>
        <v>0</v>
      </c>
      <c r="I3936">
        <f t="shared" si="440"/>
        <v>1.0007785234261082</v>
      </c>
      <c r="J3936">
        <f t="shared" si="441"/>
        <v>44.215920826992992</v>
      </c>
      <c r="K3936">
        <f t="shared" si="442"/>
        <v>3.5632450451529647</v>
      </c>
      <c r="L3936">
        <f t="shared" si="443"/>
        <v>1.7816225225764823</v>
      </c>
      <c r="M3936">
        <f t="shared" si="444"/>
        <v>0</v>
      </c>
      <c r="N3936" s="45">
        <f t="shared" si="445"/>
        <v>45089.58333332387</v>
      </c>
    </row>
    <row r="3937" spans="2:14" x14ac:dyDescent="0.25">
      <c r="B3937">
        <f t="shared" si="439"/>
        <v>1</v>
      </c>
      <c r="C3937" s="16">
        <v>3903</v>
      </c>
      <c r="D3937" cm="1">
        <f t="array" ref="D3937">IFERROR(INDEX(Jesper!AH$2:AH$366,ROUNDDOWN($C3937/24,0)+1,1)*INDEX($D$3:$AA$30,INDEX(Jesper!$R$2:$R$366,ROW(INDEX(Jesper!AH$2:AH$366,ROUNDDOWN($C3937/24,0)+1,1))-1)+IF('Standard Profiles'!$G$18=$B$10,7,0)+IF('Standard Profiles'!$G$18=$B$17,14,0)+IF('Standard Profiles'!$G$18=$B$24,21,0),MOD($C3937,24)+1)/SUM(INDEX($D$3:$AA$30,INDEX(Jesper!$R$2:$R$366,ROW(INDEX(Jesper!AH$2:AH$366,ROUNDDOWN($C3937/24,0)+1,1))-1)+IF('Standard Profiles'!$G$18=$B$10,7,0)+IF('Standard Profiles'!$G$18=$B$17,14,0)+IF('Standard Profiles'!$G$18=$B$24,21,0),0)),0)</f>
        <v>33.405422298309041</v>
      </c>
      <c r="E3937" cm="1">
        <f t="array" ref="E3937">IFERROR(INDEX(Jesper!AI$2:AI$366,ROUNDDOWN($C3937/24,0)+1,1)*INDEX($D$3:$AA$30,INDEX(Jesper!$R$2:$R$366,ROW(INDEX(Jesper!AI$2:AI$366,ROUNDDOWN($C3937/24,0)+1,1))-1)+IF('Standard Profiles'!$G$19=$B$10,7,0)+IF('Standard Profiles'!$G$19=$B$17,14,0)+IF('Standard Profiles'!$G$19=$B$24,21,0),MOD($C3937,24)+1)/SUM(INDEX($D$3:$AA$30,INDEX(Jesper!$R$2:$R$366,ROW(INDEX(Jesper!AI$2:AI$366,ROUNDDOWN($C3937/24,0)+1,1))-1)+IF('Standard Profiles'!$G$19=$B$10,7,0)+IF('Standard Profiles'!$G$19=$B$17,14,0)+IF('Standard Profiles'!$G$19=$B$24,21,0),0)),0)</f>
        <v>15.071189362701784</v>
      </c>
      <c r="F3937" cm="1">
        <f t="array" ref="F3937">IFERROR(INDEX(Jesper!AJ$2:AJ$366,ROUNDDOWN($C3937/24,0)+1,1)*INDEX($D$3:$AA$30,INDEX(Jesper!$R$2:$R$366,ROW(INDEX(Jesper!AJ$2:AJ$366,ROUNDDOWN($C3937/24,0)+1,1))-1)+IF('Standard Profiles'!$G$20=$B$10,7,0)+IF('Standard Profiles'!$G$20=$B$17,14,0)+IF('Standard Profiles'!$G$20=$B$24,21,0),MOD($C3937,24)+1)/SUM(INDEX($D$3:$AA$30,INDEX(Jesper!$R$2:$R$366,ROW(INDEX(Jesper!AJ$2:AJ$366,ROUNDDOWN($C3937/24,0)+1,1))-1)+IF('Standard Profiles'!$G$20=$B$10,7,0)+IF('Standard Profiles'!$G$20=$B$17,14,0)+IF('Standard Profiles'!$G$20=$B$24,21,0),0)),0)</f>
        <v>0</v>
      </c>
      <c r="G3937" cm="1">
        <f t="array" ref="G3937">IFERROR(INDEX(Jesper!AK$2:AK$366,ROUNDDOWN($C3937/24,0)+1,1)*INDEX($D$3:$AA$30,INDEX(Jesper!$R$2:$R$366,ROW(INDEX(Jesper!AK$2:AK$366,ROUNDDOWN($C3937/24,0)+1,1))-1)+IF('Standard Profiles'!$G$21=$B$10,7,0)+IF('Standard Profiles'!$G$21=$B$17,14,0)+IF('Standard Profiles'!$G$21=$B$24,21,0),MOD($C3937,24)+1)/SUM(INDEX($D$3:$AA$30,INDEX(Jesper!$R$2:$R$366,ROW(INDEX(Jesper!AK$2:AK$366,ROUNDDOWN($C3937/24,0)+1,1))-1)+IF('Standard Profiles'!$G$21=$B$10,7,0)+IF('Standard Profiles'!$G$21=$B$17,14,0)+IF('Standard Profiles'!$G$21=$B$24,21,0),0)),0)</f>
        <v>2.0849552571377266</v>
      </c>
      <c r="H3937" cm="1">
        <f t="array" ref="H3937">IFERROR(INDEX(Jesper!AL$2:AL$366,ROUNDDOWN($C3937/24,0)+1,1)*INDEX($D$3:$AA$30,INDEX(Jesper!$R$2:$R$366,ROW(INDEX(Jesper!AL$2:AL$366,ROUNDDOWN($C3937/24,0)+1,1))-1)+IF('Standard Profiles'!$G$22=$B$10,7,0)+IF('Standard Profiles'!$G$22=$B$17,14,0)+IF('Standard Profiles'!$G$22=$B$24,21,0),MOD($C3937,24)+1)/SUM(INDEX($D$3:$AA$30,INDEX(Jesper!$R$2:$R$366,ROW(INDEX(Jesper!AL$2:AL$366,ROUNDDOWN($C3937/24,0)+1,1))-1)+IF('Standard Profiles'!$G$22=$B$10,7,0)+IF('Standard Profiles'!$G$22=$B$17,14,0)+IF('Standard Profiles'!$G$22=$B$24,21,0),0)),0)</f>
        <v>0</v>
      </c>
      <c r="I3937">
        <f t="shared" si="440"/>
        <v>1.0007785234261082</v>
      </c>
      <c r="J3937">
        <f t="shared" si="441"/>
        <v>44.215920826992992</v>
      </c>
      <c r="K3937">
        <f t="shared" si="442"/>
        <v>3.5632450451529647</v>
      </c>
      <c r="L3937">
        <f t="shared" si="443"/>
        <v>1.7816225225764823</v>
      </c>
      <c r="M3937">
        <f t="shared" si="444"/>
        <v>0</v>
      </c>
      <c r="N3937" s="45">
        <f t="shared" si="445"/>
        <v>45089.624999990534</v>
      </c>
    </row>
    <row r="3938" spans="2:14" x14ac:dyDescent="0.25">
      <c r="B3938">
        <f t="shared" si="439"/>
        <v>1</v>
      </c>
      <c r="C3938" s="16">
        <v>3904</v>
      </c>
      <c r="D3938" cm="1">
        <f t="array" ref="D3938">IFERROR(INDEX(Jesper!AH$2:AH$366,ROUNDDOWN($C3938/24,0)+1,1)*INDEX($D$3:$AA$30,INDEX(Jesper!$R$2:$R$366,ROW(INDEX(Jesper!AH$2:AH$366,ROUNDDOWN($C3938/24,0)+1,1))-1)+IF('Standard Profiles'!$G$18=$B$10,7,0)+IF('Standard Profiles'!$G$18=$B$17,14,0)+IF('Standard Profiles'!$G$18=$B$24,21,0),MOD($C3938,24)+1)/SUM(INDEX($D$3:$AA$30,INDEX(Jesper!$R$2:$R$366,ROW(INDEX(Jesper!AH$2:AH$366,ROUNDDOWN($C3938/24,0)+1,1))-1)+IF('Standard Profiles'!$G$18=$B$10,7,0)+IF('Standard Profiles'!$G$18=$B$17,14,0)+IF('Standard Profiles'!$G$18=$B$24,21,0),0)),0)</f>
        <v>19.486496340680272</v>
      </c>
      <c r="E3938" cm="1">
        <f t="array" ref="E3938">IFERROR(INDEX(Jesper!AI$2:AI$366,ROUNDDOWN($C3938/24,0)+1,1)*INDEX($D$3:$AA$30,INDEX(Jesper!$R$2:$R$366,ROW(INDEX(Jesper!AI$2:AI$366,ROUNDDOWN($C3938/24,0)+1,1))-1)+IF('Standard Profiles'!$G$19=$B$10,7,0)+IF('Standard Profiles'!$G$19=$B$17,14,0)+IF('Standard Profiles'!$G$19=$B$24,21,0),MOD($C3938,24)+1)/SUM(INDEX($D$3:$AA$30,INDEX(Jesper!$R$2:$R$366,ROW(INDEX(Jesper!AI$2:AI$366,ROUNDDOWN($C3938/24,0)+1,1))-1)+IF('Standard Profiles'!$G$19=$B$10,7,0)+IF('Standard Profiles'!$G$19=$B$17,14,0)+IF('Standard Profiles'!$G$19=$B$24,21,0),0)),0)</f>
        <v>8.7915271282427057</v>
      </c>
      <c r="F3938" cm="1">
        <f t="array" ref="F3938">IFERROR(INDEX(Jesper!AJ$2:AJ$366,ROUNDDOWN($C3938/24,0)+1,1)*INDEX($D$3:$AA$30,INDEX(Jesper!$R$2:$R$366,ROW(INDEX(Jesper!AJ$2:AJ$366,ROUNDDOWN($C3938/24,0)+1,1))-1)+IF('Standard Profiles'!$G$20=$B$10,7,0)+IF('Standard Profiles'!$G$20=$B$17,14,0)+IF('Standard Profiles'!$G$20=$B$24,21,0),MOD($C3938,24)+1)/SUM(INDEX($D$3:$AA$30,INDEX(Jesper!$R$2:$R$366,ROW(INDEX(Jesper!AJ$2:AJ$366,ROUNDDOWN($C3938/24,0)+1,1))-1)+IF('Standard Profiles'!$G$20=$B$10,7,0)+IF('Standard Profiles'!$G$20=$B$17,14,0)+IF('Standard Profiles'!$G$20=$B$24,21,0),0)),0)</f>
        <v>0</v>
      </c>
      <c r="G3938" cm="1">
        <f t="array" ref="G3938">IFERROR(INDEX(Jesper!AK$2:AK$366,ROUNDDOWN($C3938/24,0)+1,1)*INDEX($D$3:$AA$30,INDEX(Jesper!$R$2:$R$366,ROW(INDEX(Jesper!AK$2:AK$366,ROUNDDOWN($C3938/24,0)+1,1))-1)+IF('Standard Profiles'!$G$21=$B$10,7,0)+IF('Standard Profiles'!$G$21=$B$17,14,0)+IF('Standard Profiles'!$G$21=$B$24,21,0),MOD($C3938,24)+1)/SUM(INDEX($D$3:$AA$30,INDEX(Jesper!$R$2:$R$366,ROW(INDEX(Jesper!AK$2:AK$366,ROUNDDOWN($C3938/24,0)+1,1))-1)+IF('Standard Profiles'!$G$21=$B$10,7,0)+IF('Standard Profiles'!$G$21=$B$17,14,0)+IF('Standard Profiles'!$G$21=$B$24,21,0),0)),0)</f>
        <v>1.7374627142814387</v>
      </c>
      <c r="H3938" cm="1">
        <f t="array" ref="H3938">IFERROR(INDEX(Jesper!AL$2:AL$366,ROUNDDOWN($C3938/24,0)+1,1)*INDEX($D$3:$AA$30,INDEX(Jesper!$R$2:$R$366,ROW(INDEX(Jesper!AL$2:AL$366,ROUNDDOWN($C3938/24,0)+1,1))-1)+IF('Standard Profiles'!$G$22=$B$10,7,0)+IF('Standard Profiles'!$G$22=$B$17,14,0)+IF('Standard Profiles'!$G$22=$B$24,21,0),MOD($C3938,24)+1)/SUM(INDEX($D$3:$AA$30,INDEX(Jesper!$R$2:$R$366,ROW(INDEX(Jesper!AL$2:AL$366,ROUNDDOWN($C3938/24,0)+1,1))-1)+IF('Standard Profiles'!$G$22=$B$10,7,0)+IF('Standard Profiles'!$G$22=$B$17,14,0)+IF('Standard Profiles'!$G$22=$B$24,21,0),0)),0)</f>
        <v>0</v>
      </c>
      <c r="I3938">
        <f t="shared" si="440"/>
        <v>0.83398210285509022</v>
      </c>
      <c r="J3938">
        <f t="shared" si="441"/>
        <v>26.063664665840484</v>
      </c>
      <c r="K3938">
        <f t="shared" si="442"/>
        <v>2.0785596096725625</v>
      </c>
      <c r="L3938">
        <f t="shared" si="443"/>
        <v>1.0392798048362812</v>
      </c>
      <c r="M3938">
        <f t="shared" si="444"/>
        <v>0</v>
      </c>
      <c r="N3938" s="45">
        <f t="shared" si="445"/>
        <v>45089.666666657198</v>
      </c>
    </row>
    <row r="3939" spans="2:14" x14ac:dyDescent="0.25">
      <c r="B3939">
        <f t="shared" ref="B3939:B4002" si="446">WEEKDAY(N3939,2)</f>
        <v>1</v>
      </c>
      <c r="C3939" s="16">
        <v>3905</v>
      </c>
      <c r="D3939" cm="1">
        <f t="array" ref="D3939">IFERROR(INDEX(Jesper!AH$2:AH$366,ROUNDDOWN($C3939/24,0)+1,1)*INDEX($D$3:$AA$30,INDEX(Jesper!$R$2:$R$366,ROW(INDEX(Jesper!AH$2:AH$366,ROUNDDOWN($C3939/24,0)+1,1))-1)+IF('Standard Profiles'!$G$18=$B$10,7,0)+IF('Standard Profiles'!$G$18=$B$17,14,0)+IF('Standard Profiles'!$G$18=$B$24,21,0),MOD($C3939,24)+1)/SUM(INDEX($D$3:$AA$30,INDEX(Jesper!$R$2:$R$366,ROW(INDEX(Jesper!AH$2:AH$366,ROUNDDOWN($C3939/24,0)+1,1))-1)+IF('Standard Profiles'!$G$18=$B$10,7,0)+IF('Standard Profiles'!$G$18=$B$17,14,0)+IF('Standard Profiles'!$G$18=$B$24,21,0),0)),0)</f>
        <v>5.5675703830515069</v>
      </c>
      <c r="E3939" cm="1">
        <f t="array" ref="E3939">IFERROR(INDEX(Jesper!AI$2:AI$366,ROUNDDOWN($C3939/24,0)+1,1)*INDEX($D$3:$AA$30,INDEX(Jesper!$R$2:$R$366,ROW(INDEX(Jesper!AI$2:AI$366,ROUNDDOWN($C3939/24,0)+1,1))-1)+IF('Standard Profiles'!$G$19=$B$10,7,0)+IF('Standard Profiles'!$G$19=$B$17,14,0)+IF('Standard Profiles'!$G$19=$B$24,21,0),MOD($C3939,24)+1)/SUM(INDEX($D$3:$AA$30,INDEX(Jesper!$R$2:$R$366,ROW(INDEX(Jesper!AI$2:AI$366,ROUNDDOWN($C3939/24,0)+1,1))-1)+IF('Standard Profiles'!$G$19=$B$10,7,0)+IF('Standard Profiles'!$G$19=$B$17,14,0)+IF('Standard Profiles'!$G$19=$B$24,21,0),0)),0)</f>
        <v>2.5118648937836308</v>
      </c>
      <c r="F3939" cm="1">
        <f t="array" ref="F3939">IFERROR(INDEX(Jesper!AJ$2:AJ$366,ROUNDDOWN($C3939/24,0)+1,1)*INDEX($D$3:$AA$30,INDEX(Jesper!$R$2:$R$366,ROW(INDEX(Jesper!AJ$2:AJ$366,ROUNDDOWN($C3939/24,0)+1,1))-1)+IF('Standard Profiles'!$G$20=$B$10,7,0)+IF('Standard Profiles'!$G$20=$B$17,14,0)+IF('Standard Profiles'!$G$20=$B$24,21,0),MOD($C3939,24)+1)/SUM(INDEX($D$3:$AA$30,INDEX(Jesper!$R$2:$R$366,ROW(INDEX(Jesper!AJ$2:AJ$366,ROUNDDOWN($C3939/24,0)+1,1))-1)+IF('Standard Profiles'!$G$20=$B$10,7,0)+IF('Standard Profiles'!$G$20=$B$17,14,0)+IF('Standard Profiles'!$G$20=$B$24,21,0),0)),0)</f>
        <v>0</v>
      </c>
      <c r="G3939" cm="1">
        <f t="array" ref="G3939">IFERROR(INDEX(Jesper!AK$2:AK$366,ROUNDDOWN($C3939/24,0)+1,1)*INDEX($D$3:$AA$30,INDEX(Jesper!$R$2:$R$366,ROW(INDEX(Jesper!AK$2:AK$366,ROUNDDOWN($C3939/24,0)+1,1))-1)+IF('Standard Profiles'!$G$21=$B$10,7,0)+IF('Standard Profiles'!$G$21=$B$17,14,0)+IF('Standard Profiles'!$G$21=$B$24,21,0),MOD($C3939,24)+1)/SUM(INDEX($D$3:$AA$30,INDEX(Jesper!$R$2:$R$366,ROW(INDEX(Jesper!AK$2:AK$366,ROUNDDOWN($C3939/24,0)+1,1))-1)+IF('Standard Profiles'!$G$21=$B$10,7,0)+IF('Standard Profiles'!$G$21=$B$17,14,0)+IF('Standard Profiles'!$G$21=$B$24,21,0),0)),0)</f>
        <v>1.3979585057436865</v>
      </c>
      <c r="H3939" cm="1">
        <f t="array" ref="H3939">IFERROR(INDEX(Jesper!AL$2:AL$366,ROUNDDOWN($C3939/24,0)+1,1)*INDEX($D$3:$AA$30,INDEX(Jesper!$R$2:$R$366,ROW(INDEX(Jesper!AL$2:AL$366,ROUNDDOWN($C3939/24,0)+1,1))-1)+IF('Standard Profiles'!$G$22=$B$10,7,0)+IF('Standard Profiles'!$G$22=$B$17,14,0)+IF('Standard Profiles'!$G$22=$B$24,21,0),MOD($C3939,24)+1)/SUM(INDEX($D$3:$AA$30,INDEX(Jesper!$R$2:$R$366,ROW(INDEX(Jesper!AL$2:AL$366,ROUNDDOWN($C3939/24,0)+1,1))-1)+IF('Standard Profiles'!$G$22=$B$10,7,0)+IF('Standard Profiles'!$G$22=$B$17,14,0)+IF('Standard Profiles'!$G$22=$B$24,21,0),0)),0)</f>
        <v>0</v>
      </c>
      <c r="I3939">
        <f t="shared" ref="I3939:I4002" si="447">IF($B3939&lt;6,AC$37*$D3939+AC$38*$E3939+AC$39*$F3939+AC$40*$G3939,AC$46*$D3939+AC$47*$E3939+AC$48*$F3939+AC$49*$G3939+AC$50*$H3939)</f>
        <v>0.67102008275696923</v>
      </c>
      <c r="J3939">
        <f t="shared" ref="J3939:J4002" si="448">IF($B3939&lt;6,AD$37*$D3939+AD$38*$E3939+AD$39*$F3939+AD$40*$G3939,AD$46*$D3939+AD$47*$E3939+AD$48*$F3939+AD$49*$G3939+AD$50*$H3939)</f>
        <v>7.9155624385336134</v>
      </c>
      <c r="K3939">
        <f t="shared" ref="K3939:K4002" si="449">IF($B3939&lt;6,AE$37*$D3939+AE$38*$E3939+AE$39*$F3939+AE$40*$G3939,AE$46*$D3939+AE$47*$E3939+AE$48*$F3939+AE$49*$G3939+AE$50*$H3939)</f>
        <v>0.59387417419216082</v>
      </c>
      <c r="L3939">
        <f t="shared" ref="L3939:L4002" si="450">IF($B3939&lt;6,AF$37*$D3939+AF$38*$E3939+AF$39*$F3939+AF$40*$G3939,AF$46*$D3939+AF$47*$E3939+AF$48*$F3939+AF$49*$G3939+AF$50*$H3939)</f>
        <v>0.29693708709608041</v>
      </c>
      <c r="M3939">
        <f t="shared" ref="M3939:M4002" si="451">IF($B3939&lt;6,AG$37*$D3939+AG$38*$E3939+AG$39*$F3939+AG$40*$G3939,AG$46*$D3939+AG$47*$E3939+AG$48*$F3939+AG$49*$G3939+AG$50*$H3939)</f>
        <v>0</v>
      </c>
      <c r="N3939" s="45">
        <f t="shared" si="445"/>
        <v>45089.708333323862</v>
      </c>
    </row>
    <row r="3940" spans="2:14" x14ac:dyDescent="0.25">
      <c r="B3940">
        <f t="shared" si="446"/>
        <v>1</v>
      </c>
      <c r="C3940" s="16">
        <v>3906</v>
      </c>
      <c r="D3940" cm="1">
        <f t="array" ref="D3940">IFERROR(INDEX(Jesper!AH$2:AH$366,ROUNDDOWN($C3940/24,0)+1,1)*INDEX($D$3:$AA$30,INDEX(Jesper!$R$2:$R$366,ROW(INDEX(Jesper!AH$2:AH$366,ROUNDDOWN($C3940/24,0)+1,1))-1)+IF('Standard Profiles'!$G$18=$B$10,7,0)+IF('Standard Profiles'!$G$18=$B$17,14,0)+IF('Standard Profiles'!$G$18=$B$24,21,0),MOD($C3940,24)+1)/SUM(INDEX($D$3:$AA$30,INDEX(Jesper!$R$2:$R$366,ROW(INDEX(Jesper!AH$2:AH$366,ROUNDDOWN($C3940/24,0)+1,1))-1)+IF('Standard Profiles'!$G$18=$B$10,7,0)+IF('Standard Profiles'!$G$18=$B$17,14,0)+IF('Standard Profiles'!$G$18=$B$24,21,0),0)),0)</f>
        <v>5.4891538987831758</v>
      </c>
      <c r="E3940" cm="1">
        <f t="array" ref="E3940">IFERROR(INDEX(Jesper!AI$2:AI$366,ROUNDDOWN($C3940/24,0)+1,1)*INDEX($D$3:$AA$30,INDEX(Jesper!$R$2:$R$366,ROW(INDEX(Jesper!AI$2:AI$366,ROUNDDOWN($C3940/24,0)+1,1))-1)+IF('Standard Profiles'!$G$19=$B$10,7,0)+IF('Standard Profiles'!$G$19=$B$17,14,0)+IF('Standard Profiles'!$G$19=$B$24,21,0),MOD($C3940,24)+1)/SUM(INDEX($D$3:$AA$30,INDEX(Jesper!$R$2:$R$366,ROW(INDEX(Jesper!AI$2:AI$366,ROUNDDOWN($C3940/24,0)+1,1))-1)+IF('Standard Profiles'!$G$19=$B$10,7,0)+IF('Standard Profiles'!$G$19=$B$17,14,0)+IF('Standard Profiles'!$G$19=$B$24,21,0),0)),0)</f>
        <v>2.4764865149979456</v>
      </c>
      <c r="F3940" cm="1">
        <f t="array" ref="F3940">IFERROR(INDEX(Jesper!AJ$2:AJ$366,ROUNDDOWN($C3940/24,0)+1,1)*INDEX($D$3:$AA$30,INDEX(Jesper!$R$2:$R$366,ROW(INDEX(Jesper!AJ$2:AJ$366,ROUNDDOWN($C3940/24,0)+1,1))-1)+IF('Standard Profiles'!$G$20=$B$10,7,0)+IF('Standard Profiles'!$G$20=$B$17,14,0)+IF('Standard Profiles'!$G$20=$B$24,21,0),MOD($C3940,24)+1)/SUM(INDEX($D$3:$AA$30,INDEX(Jesper!$R$2:$R$366,ROW(INDEX(Jesper!AJ$2:AJ$366,ROUNDDOWN($C3940/24,0)+1,1))-1)+IF('Standard Profiles'!$G$20=$B$10,7,0)+IF('Standard Profiles'!$G$20=$B$17,14,0)+IF('Standard Profiles'!$G$20=$B$24,21,0),0)),0)</f>
        <v>0</v>
      </c>
      <c r="G3940" cm="1">
        <f t="array" ref="G3940">IFERROR(INDEX(Jesper!AK$2:AK$366,ROUNDDOWN($C3940/24,0)+1,1)*INDEX($D$3:$AA$30,INDEX(Jesper!$R$2:$R$366,ROW(INDEX(Jesper!AK$2:AK$366,ROUNDDOWN($C3940/24,0)+1,1))-1)+IF('Standard Profiles'!$G$21=$B$10,7,0)+IF('Standard Profiles'!$G$21=$B$17,14,0)+IF('Standard Profiles'!$G$21=$B$24,21,0),MOD($C3940,24)+1)/SUM(INDEX($D$3:$AA$30,INDEX(Jesper!$R$2:$R$366,ROW(INDEX(Jesper!AK$2:AK$366,ROUNDDOWN($C3940/24,0)+1,1))-1)+IF('Standard Profiles'!$G$21=$B$10,7,0)+IF('Standard Profiles'!$G$21=$B$17,14,0)+IF('Standard Profiles'!$G$21=$B$24,21,0),0)),0)</f>
        <v>0.49927089490845944</v>
      </c>
      <c r="H3940" cm="1">
        <f t="array" ref="H3940">IFERROR(INDEX(Jesper!AL$2:AL$366,ROUNDDOWN($C3940/24,0)+1,1)*INDEX($D$3:$AA$30,INDEX(Jesper!$R$2:$R$366,ROW(INDEX(Jesper!AL$2:AL$366,ROUNDDOWN($C3940/24,0)+1,1))-1)+IF('Standard Profiles'!$G$22=$B$10,7,0)+IF('Standard Profiles'!$G$22=$B$17,14,0)+IF('Standard Profiles'!$G$22=$B$24,21,0),MOD($C3940,24)+1)/SUM(INDEX($D$3:$AA$30,INDEX(Jesper!$R$2:$R$366,ROW(INDEX(Jesper!AL$2:AL$366,ROUNDDOWN($C3940/24,0)+1,1))-1)+IF('Standard Profiles'!$G$22=$B$10,7,0)+IF('Standard Profiles'!$G$22=$B$17,14,0)+IF('Standard Profiles'!$G$22=$B$24,21,0),0)),0)</f>
        <v>0</v>
      </c>
      <c r="I3940">
        <f t="shared" si="447"/>
        <v>0.23965002955606041</v>
      </c>
      <c r="J3940">
        <f t="shared" si="448"/>
        <v>7.346996655328212</v>
      </c>
      <c r="K3940">
        <f t="shared" si="449"/>
        <v>0.58550974920353882</v>
      </c>
      <c r="L3940">
        <f t="shared" si="450"/>
        <v>0.29275487460176941</v>
      </c>
      <c r="M3940">
        <f t="shared" si="451"/>
        <v>0</v>
      </c>
      <c r="N3940" s="45">
        <f t="shared" ref="N3940:N4003" si="452">N3939+1/24</f>
        <v>45089.749999990527</v>
      </c>
    </row>
    <row r="3941" spans="2:14" x14ac:dyDescent="0.25">
      <c r="B3941">
        <f t="shared" si="446"/>
        <v>1</v>
      </c>
      <c r="C3941" s="16">
        <v>3907</v>
      </c>
      <c r="D3941" cm="1">
        <f t="array" ref="D3941">IFERROR(INDEX(Jesper!AH$2:AH$366,ROUNDDOWN($C3941/24,0)+1,1)*INDEX($D$3:$AA$30,INDEX(Jesper!$R$2:$R$366,ROW(INDEX(Jesper!AH$2:AH$366,ROUNDDOWN($C3941/24,0)+1,1))-1)+IF('Standard Profiles'!$G$18=$B$10,7,0)+IF('Standard Profiles'!$G$18=$B$17,14,0)+IF('Standard Profiles'!$G$18=$B$24,21,0),MOD($C3941,24)+1)/SUM(INDEX($D$3:$AA$30,INDEX(Jesper!$R$2:$R$366,ROW(INDEX(Jesper!AH$2:AH$366,ROUNDDOWN($C3941/24,0)+1,1))-1)+IF('Standard Profiles'!$G$18=$B$10,7,0)+IF('Standard Profiles'!$G$18=$B$17,14,0)+IF('Standard Profiles'!$G$18=$B$24,21,0),0)),0)</f>
        <v>5.4891538987831758</v>
      </c>
      <c r="E3941" cm="1">
        <f t="array" ref="E3941">IFERROR(INDEX(Jesper!AI$2:AI$366,ROUNDDOWN($C3941/24,0)+1,1)*INDEX($D$3:$AA$30,INDEX(Jesper!$R$2:$R$366,ROW(INDEX(Jesper!AI$2:AI$366,ROUNDDOWN($C3941/24,0)+1,1))-1)+IF('Standard Profiles'!$G$19=$B$10,7,0)+IF('Standard Profiles'!$G$19=$B$17,14,0)+IF('Standard Profiles'!$G$19=$B$24,21,0),MOD($C3941,24)+1)/SUM(INDEX($D$3:$AA$30,INDEX(Jesper!$R$2:$R$366,ROW(INDEX(Jesper!AI$2:AI$366,ROUNDDOWN($C3941/24,0)+1,1))-1)+IF('Standard Profiles'!$G$19=$B$10,7,0)+IF('Standard Profiles'!$G$19=$B$17,14,0)+IF('Standard Profiles'!$G$19=$B$24,21,0),0)),0)</f>
        <v>2.4764865149979456</v>
      </c>
      <c r="F3941" cm="1">
        <f t="array" ref="F3941">IFERROR(INDEX(Jesper!AJ$2:AJ$366,ROUNDDOWN($C3941/24,0)+1,1)*INDEX($D$3:$AA$30,INDEX(Jesper!$R$2:$R$366,ROW(INDEX(Jesper!AJ$2:AJ$366,ROUNDDOWN($C3941/24,0)+1,1))-1)+IF('Standard Profiles'!$G$20=$B$10,7,0)+IF('Standard Profiles'!$G$20=$B$17,14,0)+IF('Standard Profiles'!$G$20=$B$24,21,0),MOD($C3941,24)+1)/SUM(INDEX($D$3:$AA$30,INDEX(Jesper!$R$2:$R$366,ROW(INDEX(Jesper!AJ$2:AJ$366,ROUNDDOWN($C3941/24,0)+1,1))-1)+IF('Standard Profiles'!$G$20=$B$10,7,0)+IF('Standard Profiles'!$G$20=$B$17,14,0)+IF('Standard Profiles'!$G$20=$B$24,21,0),0)),0)</f>
        <v>0</v>
      </c>
      <c r="G3941" cm="1">
        <f t="array" ref="G3941">IFERROR(INDEX(Jesper!AK$2:AK$366,ROUNDDOWN($C3941/24,0)+1,1)*INDEX($D$3:$AA$30,INDEX(Jesper!$R$2:$R$366,ROW(INDEX(Jesper!AK$2:AK$366,ROUNDDOWN($C3941/24,0)+1,1))-1)+IF('Standard Profiles'!$G$21=$B$10,7,0)+IF('Standard Profiles'!$G$21=$B$17,14,0)+IF('Standard Profiles'!$G$21=$B$24,21,0),MOD($C3941,24)+1)/SUM(INDEX($D$3:$AA$30,INDEX(Jesper!$R$2:$R$366,ROW(INDEX(Jesper!AK$2:AK$366,ROUNDDOWN($C3941/24,0)+1,1))-1)+IF('Standard Profiles'!$G$21=$B$10,7,0)+IF('Standard Profiles'!$G$21=$B$17,14,0)+IF('Standard Profiles'!$G$21=$B$24,21,0),0)),0)</f>
        <v>0.49927089490845944</v>
      </c>
      <c r="H3941" cm="1">
        <f t="array" ref="H3941">IFERROR(INDEX(Jesper!AL$2:AL$366,ROUNDDOWN($C3941/24,0)+1,1)*INDEX($D$3:$AA$30,INDEX(Jesper!$R$2:$R$366,ROW(INDEX(Jesper!AL$2:AL$366,ROUNDDOWN($C3941/24,0)+1,1))-1)+IF('Standard Profiles'!$G$22=$B$10,7,0)+IF('Standard Profiles'!$G$22=$B$17,14,0)+IF('Standard Profiles'!$G$22=$B$24,21,0),MOD($C3941,24)+1)/SUM(INDEX($D$3:$AA$30,INDEX(Jesper!$R$2:$R$366,ROW(INDEX(Jesper!AL$2:AL$366,ROUNDDOWN($C3941/24,0)+1,1))-1)+IF('Standard Profiles'!$G$22=$B$10,7,0)+IF('Standard Profiles'!$G$22=$B$17,14,0)+IF('Standard Profiles'!$G$22=$B$24,21,0),0)),0)</f>
        <v>0</v>
      </c>
      <c r="I3941">
        <f t="shared" si="447"/>
        <v>0.23965002955606041</v>
      </c>
      <c r="J3941">
        <f t="shared" si="448"/>
        <v>7.346996655328212</v>
      </c>
      <c r="K3941">
        <f t="shared" si="449"/>
        <v>0.58550974920353882</v>
      </c>
      <c r="L3941">
        <f t="shared" si="450"/>
        <v>0.29275487460176941</v>
      </c>
      <c r="M3941">
        <f t="shared" si="451"/>
        <v>0</v>
      </c>
      <c r="N3941" s="45">
        <f t="shared" si="452"/>
        <v>45089.791666657191</v>
      </c>
    </row>
    <row r="3942" spans="2:14" x14ac:dyDescent="0.25">
      <c r="B3942">
        <f t="shared" si="446"/>
        <v>1</v>
      </c>
      <c r="C3942" s="16">
        <v>3908</v>
      </c>
      <c r="D3942" cm="1">
        <f t="array" ref="D3942">IFERROR(INDEX(Jesper!AH$2:AH$366,ROUNDDOWN($C3942/24,0)+1,1)*INDEX($D$3:$AA$30,INDEX(Jesper!$R$2:$R$366,ROW(INDEX(Jesper!AH$2:AH$366,ROUNDDOWN($C3942/24,0)+1,1))-1)+IF('Standard Profiles'!$G$18=$B$10,7,0)+IF('Standard Profiles'!$G$18=$B$17,14,0)+IF('Standard Profiles'!$G$18=$B$24,21,0),MOD($C3942,24)+1)/SUM(INDEX($D$3:$AA$30,INDEX(Jesper!$R$2:$R$366,ROW(INDEX(Jesper!AH$2:AH$366,ROUNDDOWN($C3942/24,0)+1,1))-1)+IF('Standard Profiles'!$G$18=$B$10,7,0)+IF('Standard Profiles'!$G$18=$B$17,14,0)+IF('Standard Profiles'!$G$18=$B$24,21,0),0)),0)</f>
        <v>5.4891538987831758</v>
      </c>
      <c r="E3942" cm="1">
        <f t="array" ref="E3942">IFERROR(INDEX(Jesper!AI$2:AI$366,ROUNDDOWN($C3942/24,0)+1,1)*INDEX($D$3:$AA$30,INDEX(Jesper!$R$2:$R$366,ROW(INDEX(Jesper!AI$2:AI$366,ROUNDDOWN($C3942/24,0)+1,1))-1)+IF('Standard Profiles'!$G$19=$B$10,7,0)+IF('Standard Profiles'!$G$19=$B$17,14,0)+IF('Standard Profiles'!$G$19=$B$24,21,0),MOD($C3942,24)+1)/SUM(INDEX($D$3:$AA$30,INDEX(Jesper!$R$2:$R$366,ROW(INDEX(Jesper!AI$2:AI$366,ROUNDDOWN($C3942/24,0)+1,1))-1)+IF('Standard Profiles'!$G$19=$B$10,7,0)+IF('Standard Profiles'!$G$19=$B$17,14,0)+IF('Standard Profiles'!$G$19=$B$24,21,0),0)),0)</f>
        <v>2.4764865149979456</v>
      </c>
      <c r="F3942" cm="1">
        <f t="array" ref="F3942">IFERROR(INDEX(Jesper!AJ$2:AJ$366,ROUNDDOWN($C3942/24,0)+1,1)*INDEX($D$3:$AA$30,INDEX(Jesper!$R$2:$R$366,ROW(INDEX(Jesper!AJ$2:AJ$366,ROUNDDOWN($C3942/24,0)+1,1))-1)+IF('Standard Profiles'!$G$20=$B$10,7,0)+IF('Standard Profiles'!$G$20=$B$17,14,0)+IF('Standard Profiles'!$G$20=$B$24,21,0),MOD($C3942,24)+1)/SUM(INDEX($D$3:$AA$30,INDEX(Jesper!$R$2:$R$366,ROW(INDEX(Jesper!AJ$2:AJ$366,ROUNDDOWN($C3942/24,0)+1,1))-1)+IF('Standard Profiles'!$G$20=$B$10,7,0)+IF('Standard Profiles'!$G$20=$B$17,14,0)+IF('Standard Profiles'!$G$20=$B$24,21,0),0)),0)</f>
        <v>0</v>
      </c>
      <c r="G3942" cm="1">
        <f t="array" ref="G3942">IFERROR(INDEX(Jesper!AK$2:AK$366,ROUNDDOWN($C3942/24,0)+1,1)*INDEX($D$3:$AA$30,INDEX(Jesper!$R$2:$R$366,ROW(INDEX(Jesper!AK$2:AK$366,ROUNDDOWN($C3942/24,0)+1,1))-1)+IF('Standard Profiles'!$G$21=$B$10,7,0)+IF('Standard Profiles'!$G$21=$B$17,14,0)+IF('Standard Profiles'!$G$21=$B$24,21,0),MOD($C3942,24)+1)/SUM(INDEX($D$3:$AA$30,INDEX(Jesper!$R$2:$R$366,ROW(INDEX(Jesper!AK$2:AK$366,ROUNDDOWN($C3942/24,0)+1,1))-1)+IF('Standard Profiles'!$G$21=$B$10,7,0)+IF('Standard Profiles'!$G$21=$B$17,14,0)+IF('Standard Profiles'!$G$21=$B$24,21,0),0)),0)</f>
        <v>0.49927089490845944</v>
      </c>
      <c r="H3942" cm="1">
        <f t="array" ref="H3942">IFERROR(INDEX(Jesper!AL$2:AL$366,ROUNDDOWN($C3942/24,0)+1,1)*INDEX($D$3:$AA$30,INDEX(Jesper!$R$2:$R$366,ROW(INDEX(Jesper!AL$2:AL$366,ROUNDDOWN($C3942/24,0)+1,1))-1)+IF('Standard Profiles'!$G$22=$B$10,7,0)+IF('Standard Profiles'!$G$22=$B$17,14,0)+IF('Standard Profiles'!$G$22=$B$24,21,0),MOD($C3942,24)+1)/SUM(INDEX($D$3:$AA$30,INDEX(Jesper!$R$2:$R$366,ROW(INDEX(Jesper!AL$2:AL$366,ROUNDDOWN($C3942/24,0)+1,1))-1)+IF('Standard Profiles'!$G$22=$B$10,7,0)+IF('Standard Profiles'!$G$22=$B$17,14,0)+IF('Standard Profiles'!$G$22=$B$24,21,0),0)),0)</f>
        <v>0</v>
      </c>
      <c r="I3942">
        <f t="shared" si="447"/>
        <v>0.23965002955606041</v>
      </c>
      <c r="J3942">
        <f t="shared" si="448"/>
        <v>7.346996655328212</v>
      </c>
      <c r="K3942">
        <f t="shared" si="449"/>
        <v>0.58550974920353882</v>
      </c>
      <c r="L3942">
        <f t="shared" si="450"/>
        <v>0.29275487460176941</v>
      </c>
      <c r="M3942">
        <f t="shared" si="451"/>
        <v>0</v>
      </c>
      <c r="N3942" s="45">
        <f t="shared" si="452"/>
        <v>45089.833333323855</v>
      </c>
    </row>
    <row r="3943" spans="2:14" x14ac:dyDescent="0.25">
      <c r="B3943">
        <f t="shared" si="446"/>
        <v>1</v>
      </c>
      <c r="C3943" s="16">
        <v>3909</v>
      </c>
      <c r="D3943" cm="1">
        <f t="array" ref="D3943">IFERROR(INDEX(Jesper!AH$2:AH$366,ROUNDDOWN($C3943/24,0)+1,1)*INDEX($D$3:$AA$30,INDEX(Jesper!$R$2:$R$366,ROW(INDEX(Jesper!AH$2:AH$366,ROUNDDOWN($C3943/24,0)+1,1))-1)+IF('Standard Profiles'!$G$18=$B$10,7,0)+IF('Standard Profiles'!$G$18=$B$17,14,0)+IF('Standard Profiles'!$G$18=$B$24,21,0),MOD($C3943,24)+1)/SUM(INDEX($D$3:$AA$30,INDEX(Jesper!$R$2:$R$366,ROW(INDEX(Jesper!AH$2:AH$366,ROUNDDOWN($C3943/24,0)+1,1))-1)+IF('Standard Profiles'!$G$18=$B$10,7,0)+IF('Standard Profiles'!$G$18=$B$17,14,0)+IF('Standard Profiles'!$G$18=$B$24,21,0),0)),0)</f>
        <v>5.4891538987831758</v>
      </c>
      <c r="E3943" cm="1">
        <f t="array" ref="E3943">IFERROR(INDEX(Jesper!AI$2:AI$366,ROUNDDOWN($C3943/24,0)+1,1)*INDEX($D$3:$AA$30,INDEX(Jesper!$R$2:$R$366,ROW(INDEX(Jesper!AI$2:AI$366,ROUNDDOWN($C3943/24,0)+1,1))-1)+IF('Standard Profiles'!$G$19=$B$10,7,0)+IF('Standard Profiles'!$G$19=$B$17,14,0)+IF('Standard Profiles'!$G$19=$B$24,21,0),MOD($C3943,24)+1)/SUM(INDEX($D$3:$AA$30,INDEX(Jesper!$R$2:$R$366,ROW(INDEX(Jesper!AI$2:AI$366,ROUNDDOWN($C3943/24,0)+1,1))-1)+IF('Standard Profiles'!$G$19=$B$10,7,0)+IF('Standard Profiles'!$G$19=$B$17,14,0)+IF('Standard Profiles'!$G$19=$B$24,21,0),0)),0)</f>
        <v>2.4764865149979456</v>
      </c>
      <c r="F3943" cm="1">
        <f t="array" ref="F3943">IFERROR(INDEX(Jesper!AJ$2:AJ$366,ROUNDDOWN($C3943/24,0)+1,1)*INDEX($D$3:$AA$30,INDEX(Jesper!$R$2:$R$366,ROW(INDEX(Jesper!AJ$2:AJ$366,ROUNDDOWN($C3943/24,0)+1,1))-1)+IF('Standard Profiles'!$G$20=$B$10,7,0)+IF('Standard Profiles'!$G$20=$B$17,14,0)+IF('Standard Profiles'!$G$20=$B$24,21,0),MOD($C3943,24)+1)/SUM(INDEX($D$3:$AA$30,INDEX(Jesper!$R$2:$R$366,ROW(INDEX(Jesper!AJ$2:AJ$366,ROUNDDOWN($C3943/24,0)+1,1))-1)+IF('Standard Profiles'!$G$20=$B$10,7,0)+IF('Standard Profiles'!$G$20=$B$17,14,0)+IF('Standard Profiles'!$G$20=$B$24,21,0),0)),0)</f>
        <v>0</v>
      </c>
      <c r="G3943" cm="1">
        <f t="array" ref="G3943">IFERROR(INDEX(Jesper!AK$2:AK$366,ROUNDDOWN($C3943/24,0)+1,1)*INDEX($D$3:$AA$30,INDEX(Jesper!$R$2:$R$366,ROW(INDEX(Jesper!AK$2:AK$366,ROUNDDOWN($C3943/24,0)+1,1))-1)+IF('Standard Profiles'!$G$21=$B$10,7,0)+IF('Standard Profiles'!$G$21=$B$17,14,0)+IF('Standard Profiles'!$G$21=$B$24,21,0),MOD($C3943,24)+1)/SUM(INDEX($D$3:$AA$30,INDEX(Jesper!$R$2:$R$366,ROW(INDEX(Jesper!AK$2:AK$366,ROUNDDOWN($C3943/24,0)+1,1))-1)+IF('Standard Profiles'!$G$21=$B$10,7,0)+IF('Standard Profiles'!$G$21=$B$17,14,0)+IF('Standard Profiles'!$G$21=$B$24,21,0),0)),0)</f>
        <v>0.49927089490845944</v>
      </c>
      <c r="H3943" cm="1">
        <f t="array" ref="H3943">IFERROR(INDEX(Jesper!AL$2:AL$366,ROUNDDOWN($C3943/24,0)+1,1)*INDEX($D$3:$AA$30,INDEX(Jesper!$R$2:$R$366,ROW(INDEX(Jesper!AL$2:AL$366,ROUNDDOWN($C3943/24,0)+1,1))-1)+IF('Standard Profiles'!$G$22=$B$10,7,0)+IF('Standard Profiles'!$G$22=$B$17,14,0)+IF('Standard Profiles'!$G$22=$B$24,21,0),MOD($C3943,24)+1)/SUM(INDEX($D$3:$AA$30,INDEX(Jesper!$R$2:$R$366,ROW(INDEX(Jesper!AL$2:AL$366,ROUNDDOWN($C3943/24,0)+1,1))-1)+IF('Standard Profiles'!$G$22=$B$10,7,0)+IF('Standard Profiles'!$G$22=$B$17,14,0)+IF('Standard Profiles'!$G$22=$B$24,21,0),0)),0)</f>
        <v>0</v>
      </c>
      <c r="I3943">
        <f t="shared" si="447"/>
        <v>0.23965002955606041</v>
      </c>
      <c r="J3943">
        <f t="shared" si="448"/>
        <v>7.346996655328212</v>
      </c>
      <c r="K3943">
        <f t="shared" si="449"/>
        <v>0.58550974920353882</v>
      </c>
      <c r="L3943">
        <f t="shared" si="450"/>
        <v>0.29275487460176941</v>
      </c>
      <c r="M3943">
        <f t="shared" si="451"/>
        <v>0</v>
      </c>
      <c r="N3943" s="45">
        <f t="shared" si="452"/>
        <v>45089.874999990519</v>
      </c>
    </row>
    <row r="3944" spans="2:14" x14ac:dyDescent="0.25">
      <c r="B3944">
        <f t="shared" si="446"/>
        <v>1</v>
      </c>
      <c r="C3944" s="16">
        <v>3910</v>
      </c>
      <c r="D3944" cm="1">
        <f t="array" ref="D3944">IFERROR(INDEX(Jesper!AH$2:AH$366,ROUNDDOWN($C3944/24,0)+1,1)*INDEX($D$3:$AA$30,INDEX(Jesper!$R$2:$R$366,ROW(INDEX(Jesper!AH$2:AH$366,ROUNDDOWN($C3944/24,0)+1,1))-1)+IF('Standard Profiles'!$G$18=$B$10,7,0)+IF('Standard Profiles'!$G$18=$B$17,14,0)+IF('Standard Profiles'!$G$18=$B$24,21,0),MOD($C3944,24)+1)/SUM(INDEX($D$3:$AA$30,INDEX(Jesper!$R$2:$R$366,ROW(INDEX(Jesper!AH$2:AH$366,ROUNDDOWN($C3944/24,0)+1,1))-1)+IF('Standard Profiles'!$G$18=$B$10,7,0)+IF('Standard Profiles'!$G$18=$B$17,14,0)+IF('Standard Profiles'!$G$18=$B$24,21,0),0)),0)</f>
        <v>5.4891538987831758</v>
      </c>
      <c r="E3944" cm="1">
        <f t="array" ref="E3944">IFERROR(INDEX(Jesper!AI$2:AI$366,ROUNDDOWN($C3944/24,0)+1,1)*INDEX($D$3:$AA$30,INDEX(Jesper!$R$2:$R$366,ROW(INDEX(Jesper!AI$2:AI$366,ROUNDDOWN($C3944/24,0)+1,1))-1)+IF('Standard Profiles'!$G$19=$B$10,7,0)+IF('Standard Profiles'!$G$19=$B$17,14,0)+IF('Standard Profiles'!$G$19=$B$24,21,0),MOD($C3944,24)+1)/SUM(INDEX($D$3:$AA$30,INDEX(Jesper!$R$2:$R$366,ROW(INDEX(Jesper!AI$2:AI$366,ROUNDDOWN($C3944/24,0)+1,1))-1)+IF('Standard Profiles'!$G$19=$B$10,7,0)+IF('Standard Profiles'!$G$19=$B$17,14,0)+IF('Standard Profiles'!$G$19=$B$24,21,0),0)),0)</f>
        <v>2.4764865149979456</v>
      </c>
      <c r="F3944" cm="1">
        <f t="array" ref="F3944">IFERROR(INDEX(Jesper!AJ$2:AJ$366,ROUNDDOWN($C3944/24,0)+1,1)*INDEX($D$3:$AA$30,INDEX(Jesper!$R$2:$R$366,ROW(INDEX(Jesper!AJ$2:AJ$366,ROUNDDOWN($C3944/24,0)+1,1))-1)+IF('Standard Profiles'!$G$20=$B$10,7,0)+IF('Standard Profiles'!$G$20=$B$17,14,0)+IF('Standard Profiles'!$G$20=$B$24,21,0),MOD($C3944,24)+1)/SUM(INDEX($D$3:$AA$30,INDEX(Jesper!$R$2:$R$366,ROW(INDEX(Jesper!AJ$2:AJ$366,ROUNDDOWN($C3944/24,0)+1,1))-1)+IF('Standard Profiles'!$G$20=$B$10,7,0)+IF('Standard Profiles'!$G$20=$B$17,14,0)+IF('Standard Profiles'!$G$20=$B$24,21,0),0)),0)</f>
        <v>0</v>
      </c>
      <c r="G3944" cm="1">
        <f t="array" ref="G3944">IFERROR(INDEX(Jesper!AK$2:AK$366,ROUNDDOWN($C3944/24,0)+1,1)*INDEX($D$3:$AA$30,INDEX(Jesper!$R$2:$R$366,ROW(INDEX(Jesper!AK$2:AK$366,ROUNDDOWN($C3944/24,0)+1,1))-1)+IF('Standard Profiles'!$G$21=$B$10,7,0)+IF('Standard Profiles'!$G$21=$B$17,14,0)+IF('Standard Profiles'!$G$21=$B$24,21,0),MOD($C3944,24)+1)/SUM(INDEX($D$3:$AA$30,INDEX(Jesper!$R$2:$R$366,ROW(INDEX(Jesper!AK$2:AK$366,ROUNDDOWN($C3944/24,0)+1,1))-1)+IF('Standard Profiles'!$G$21=$B$10,7,0)+IF('Standard Profiles'!$G$21=$B$17,14,0)+IF('Standard Profiles'!$G$21=$B$24,21,0),0)),0)</f>
        <v>0.49927089490845944</v>
      </c>
      <c r="H3944" cm="1">
        <f t="array" ref="H3944">IFERROR(INDEX(Jesper!AL$2:AL$366,ROUNDDOWN($C3944/24,0)+1,1)*INDEX($D$3:$AA$30,INDEX(Jesper!$R$2:$R$366,ROW(INDEX(Jesper!AL$2:AL$366,ROUNDDOWN($C3944/24,0)+1,1))-1)+IF('Standard Profiles'!$G$22=$B$10,7,0)+IF('Standard Profiles'!$G$22=$B$17,14,0)+IF('Standard Profiles'!$G$22=$B$24,21,0),MOD($C3944,24)+1)/SUM(INDEX($D$3:$AA$30,INDEX(Jesper!$R$2:$R$366,ROW(INDEX(Jesper!AL$2:AL$366,ROUNDDOWN($C3944/24,0)+1,1))-1)+IF('Standard Profiles'!$G$22=$B$10,7,0)+IF('Standard Profiles'!$G$22=$B$17,14,0)+IF('Standard Profiles'!$G$22=$B$24,21,0),0)),0)</f>
        <v>0</v>
      </c>
      <c r="I3944">
        <f t="shared" si="447"/>
        <v>0.23965002955606041</v>
      </c>
      <c r="J3944">
        <f t="shared" si="448"/>
        <v>7.346996655328212</v>
      </c>
      <c r="K3944">
        <f t="shared" si="449"/>
        <v>0.58550974920353882</v>
      </c>
      <c r="L3944">
        <f t="shared" si="450"/>
        <v>0.29275487460176941</v>
      </c>
      <c r="M3944">
        <f t="shared" si="451"/>
        <v>0</v>
      </c>
      <c r="N3944" s="45">
        <f t="shared" si="452"/>
        <v>45089.916666657184</v>
      </c>
    </row>
    <row r="3945" spans="2:14" x14ac:dyDescent="0.25">
      <c r="B3945">
        <f t="shared" si="446"/>
        <v>1</v>
      </c>
      <c r="C3945" s="16">
        <v>3911</v>
      </c>
      <c r="D3945" cm="1">
        <f t="array" ref="D3945">IFERROR(INDEX(Jesper!AH$2:AH$366,ROUNDDOWN($C3945/24,0)+1,1)*INDEX($D$3:$AA$30,INDEX(Jesper!$R$2:$R$366,ROW(INDEX(Jesper!AH$2:AH$366,ROUNDDOWN($C3945/24,0)+1,1))-1)+IF('Standard Profiles'!$G$18=$B$10,7,0)+IF('Standard Profiles'!$G$18=$B$17,14,0)+IF('Standard Profiles'!$G$18=$B$24,21,0),MOD($C3945,24)+1)/SUM(INDEX($D$3:$AA$30,INDEX(Jesper!$R$2:$R$366,ROW(INDEX(Jesper!AH$2:AH$366,ROUNDDOWN($C3945/24,0)+1,1))-1)+IF('Standard Profiles'!$G$18=$B$10,7,0)+IF('Standard Profiles'!$G$18=$B$17,14,0)+IF('Standard Profiles'!$G$18=$B$24,21,0),0)),0)</f>
        <v>5.4891538987831758</v>
      </c>
      <c r="E3945" cm="1">
        <f t="array" ref="E3945">IFERROR(INDEX(Jesper!AI$2:AI$366,ROUNDDOWN($C3945/24,0)+1,1)*INDEX($D$3:$AA$30,INDEX(Jesper!$R$2:$R$366,ROW(INDEX(Jesper!AI$2:AI$366,ROUNDDOWN($C3945/24,0)+1,1))-1)+IF('Standard Profiles'!$G$19=$B$10,7,0)+IF('Standard Profiles'!$G$19=$B$17,14,0)+IF('Standard Profiles'!$G$19=$B$24,21,0),MOD($C3945,24)+1)/SUM(INDEX($D$3:$AA$30,INDEX(Jesper!$R$2:$R$366,ROW(INDEX(Jesper!AI$2:AI$366,ROUNDDOWN($C3945/24,0)+1,1))-1)+IF('Standard Profiles'!$G$19=$B$10,7,0)+IF('Standard Profiles'!$G$19=$B$17,14,0)+IF('Standard Profiles'!$G$19=$B$24,21,0),0)),0)</f>
        <v>2.4764865149979456</v>
      </c>
      <c r="F3945" cm="1">
        <f t="array" ref="F3945">IFERROR(INDEX(Jesper!AJ$2:AJ$366,ROUNDDOWN($C3945/24,0)+1,1)*INDEX($D$3:$AA$30,INDEX(Jesper!$R$2:$R$366,ROW(INDEX(Jesper!AJ$2:AJ$366,ROUNDDOWN($C3945/24,0)+1,1))-1)+IF('Standard Profiles'!$G$20=$B$10,7,0)+IF('Standard Profiles'!$G$20=$B$17,14,0)+IF('Standard Profiles'!$G$20=$B$24,21,0),MOD($C3945,24)+1)/SUM(INDEX($D$3:$AA$30,INDEX(Jesper!$R$2:$R$366,ROW(INDEX(Jesper!AJ$2:AJ$366,ROUNDDOWN($C3945/24,0)+1,1))-1)+IF('Standard Profiles'!$G$20=$B$10,7,0)+IF('Standard Profiles'!$G$20=$B$17,14,0)+IF('Standard Profiles'!$G$20=$B$24,21,0),0)),0)</f>
        <v>0</v>
      </c>
      <c r="G3945" cm="1">
        <f t="array" ref="G3945">IFERROR(INDEX(Jesper!AK$2:AK$366,ROUNDDOWN($C3945/24,0)+1,1)*INDEX($D$3:$AA$30,INDEX(Jesper!$R$2:$R$366,ROW(INDEX(Jesper!AK$2:AK$366,ROUNDDOWN($C3945/24,0)+1,1))-1)+IF('Standard Profiles'!$G$21=$B$10,7,0)+IF('Standard Profiles'!$G$21=$B$17,14,0)+IF('Standard Profiles'!$G$21=$B$24,21,0),MOD($C3945,24)+1)/SUM(INDEX($D$3:$AA$30,INDEX(Jesper!$R$2:$R$366,ROW(INDEX(Jesper!AK$2:AK$366,ROUNDDOWN($C3945/24,0)+1,1))-1)+IF('Standard Profiles'!$G$21=$B$10,7,0)+IF('Standard Profiles'!$G$21=$B$17,14,0)+IF('Standard Profiles'!$G$21=$B$24,21,0),0)),0)</f>
        <v>0.49927089490845944</v>
      </c>
      <c r="H3945" cm="1">
        <f t="array" ref="H3945">IFERROR(INDEX(Jesper!AL$2:AL$366,ROUNDDOWN($C3945/24,0)+1,1)*INDEX($D$3:$AA$30,INDEX(Jesper!$R$2:$R$366,ROW(INDEX(Jesper!AL$2:AL$366,ROUNDDOWN($C3945/24,0)+1,1))-1)+IF('Standard Profiles'!$G$22=$B$10,7,0)+IF('Standard Profiles'!$G$22=$B$17,14,0)+IF('Standard Profiles'!$G$22=$B$24,21,0),MOD($C3945,24)+1)/SUM(INDEX($D$3:$AA$30,INDEX(Jesper!$R$2:$R$366,ROW(INDEX(Jesper!AL$2:AL$366,ROUNDDOWN($C3945/24,0)+1,1))-1)+IF('Standard Profiles'!$G$22=$B$10,7,0)+IF('Standard Profiles'!$G$22=$B$17,14,0)+IF('Standard Profiles'!$G$22=$B$24,21,0),0)),0)</f>
        <v>0</v>
      </c>
      <c r="I3945">
        <f t="shared" si="447"/>
        <v>0.23965002955606041</v>
      </c>
      <c r="J3945">
        <f t="shared" si="448"/>
        <v>7.346996655328212</v>
      </c>
      <c r="K3945">
        <f t="shared" si="449"/>
        <v>0.58550974920353882</v>
      </c>
      <c r="L3945">
        <f t="shared" si="450"/>
        <v>0.29275487460176941</v>
      </c>
      <c r="M3945">
        <f t="shared" si="451"/>
        <v>0</v>
      </c>
      <c r="N3945" s="45">
        <f t="shared" si="452"/>
        <v>45089.958333323848</v>
      </c>
    </row>
    <row r="3946" spans="2:14" x14ac:dyDescent="0.25">
      <c r="B3946">
        <f t="shared" si="446"/>
        <v>2</v>
      </c>
      <c r="C3946" s="16">
        <v>3912</v>
      </c>
      <c r="D3946" cm="1">
        <f t="array" ref="D3946">IFERROR(INDEX(Jesper!AH$2:AH$366,ROUNDDOWN($C3946/24,0)+1,1)*INDEX($D$3:$AA$30,INDEX(Jesper!$R$2:$R$366,ROW(INDEX(Jesper!AH$2:AH$366,ROUNDDOWN($C3946/24,0)+1,1))-1)+IF('Standard Profiles'!$G$18=$B$10,7,0)+IF('Standard Profiles'!$G$18=$B$17,14,0)+IF('Standard Profiles'!$G$18=$B$24,21,0),MOD($C3946,24)+1)/SUM(INDEX($D$3:$AA$30,INDEX(Jesper!$R$2:$R$366,ROW(INDEX(Jesper!AH$2:AH$366,ROUNDDOWN($C3946/24,0)+1,1))-1)+IF('Standard Profiles'!$G$18=$B$10,7,0)+IF('Standard Profiles'!$G$18=$B$17,14,0)+IF('Standard Profiles'!$G$18=$B$24,21,0),0)),0)</f>
        <v>3.5528725856009942</v>
      </c>
      <c r="E3946" cm="1">
        <f t="array" ref="E3946">IFERROR(INDEX(Jesper!AI$2:AI$366,ROUNDDOWN($C3946/24,0)+1,1)*INDEX($D$3:$AA$30,INDEX(Jesper!$R$2:$R$366,ROW(INDEX(Jesper!AI$2:AI$366,ROUNDDOWN($C3946/24,0)+1,1))-1)+IF('Standard Profiles'!$G$19=$B$10,7,0)+IF('Standard Profiles'!$G$19=$B$17,14,0)+IF('Standard Profiles'!$G$19=$B$24,21,0),MOD($C3946,24)+1)/SUM(INDEX($D$3:$AA$30,INDEX(Jesper!$R$2:$R$366,ROW(INDEX(Jesper!AI$2:AI$366,ROUNDDOWN($C3946/24,0)+1,1))-1)+IF('Standard Profiles'!$G$19=$B$10,7,0)+IF('Standard Profiles'!$G$19=$B$17,14,0)+IF('Standard Profiles'!$G$19=$B$24,21,0),0)),0)</f>
        <v>1.6831738632014874</v>
      </c>
      <c r="F3946" cm="1">
        <f t="array" ref="F3946">IFERROR(INDEX(Jesper!AJ$2:AJ$366,ROUNDDOWN($C3946/24,0)+1,1)*INDEX($D$3:$AA$30,INDEX(Jesper!$R$2:$R$366,ROW(INDEX(Jesper!AJ$2:AJ$366,ROUNDDOWN($C3946/24,0)+1,1))-1)+IF('Standard Profiles'!$G$20=$B$10,7,0)+IF('Standard Profiles'!$G$20=$B$17,14,0)+IF('Standard Profiles'!$G$20=$B$24,21,0),MOD($C3946,24)+1)/SUM(INDEX($D$3:$AA$30,INDEX(Jesper!$R$2:$R$366,ROW(INDEX(Jesper!AJ$2:AJ$366,ROUNDDOWN($C3946/24,0)+1,1))-1)+IF('Standard Profiles'!$G$20=$B$10,7,0)+IF('Standard Profiles'!$G$20=$B$17,14,0)+IF('Standard Profiles'!$G$20=$B$24,21,0),0)),0)</f>
        <v>0</v>
      </c>
      <c r="G3946" cm="1">
        <f t="array" ref="G3946">IFERROR(INDEX(Jesper!AK$2:AK$366,ROUNDDOWN($C3946/24,0)+1,1)*INDEX($D$3:$AA$30,INDEX(Jesper!$R$2:$R$366,ROW(INDEX(Jesper!AK$2:AK$366,ROUNDDOWN($C3946/24,0)+1,1))-1)+IF('Standard Profiles'!$G$21=$B$10,7,0)+IF('Standard Profiles'!$G$21=$B$17,14,0)+IF('Standard Profiles'!$G$21=$B$24,21,0),MOD($C3946,24)+1)/SUM(INDEX($D$3:$AA$30,INDEX(Jesper!$R$2:$R$366,ROW(INDEX(Jesper!AK$2:AK$366,ROUNDDOWN($C3946/24,0)+1,1))-1)+IF('Standard Profiles'!$G$21=$B$10,7,0)+IF('Standard Profiles'!$G$21=$B$17,14,0)+IF('Standard Profiles'!$G$21=$B$24,21,0),0)),0)</f>
        <v>0.68894232017314949</v>
      </c>
      <c r="H3946" cm="1">
        <f t="array" ref="H3946">IFERROR(INDEX(Jesper!AL$2:AL$366,ROUNDDOWN($C3946/24,0)+1,1)*INDEX($D$3:$AA$30,INDEX(Jesper!$R$2:$R$366,ROW(INDEX(Jesper!AL$2:AL$366,ROUNDDOWN($C3946/24,0)+1,1))-1)+IF('Standard Profiles'!$G$22=$B$10,7,0)+IF('Standard Profiles'!$G$22=$B$17,14,0)+IF('Standard Profiles'!$G$22=$B$24,21,0),MOD($C3946,24)+1)/SUM(INDEX($D$3:$AA$30,INDEX(Jesper!$R$2:$R$366,ROW(INDEX(Jesper!AL$2:AL$366,ROUNDDOWN($C3946/24,0)+1,1))-1)+IF('Standard Profiles'!$G$22=$B$10,7,0)+IF('Standard Profiles'!$G$22=$B$17,14,0)+IF('Standard Profiles'!$G$22=$B$24,21,0),0)),0)</f>
        <v>0</v>
      </c>
      <c r="I3946">
        <f t="shared" si="447"/>
        <v>0.33069231368311158</v>
      </c>
      <c r="J3946">
        <f t="shared" si="448"/>
        <v>5.0258368415963606</v>
      </c>
      <c r="K3946">
        <f t="shared" si="449"/>
        <v>0.37897307579743938</v>
      </c>
      <c r="L3946">
        <f t="shared" si="450"/>
        <v>0.18948653789871969</v>
      </c>
      <c r="M3946">
        <f t="shared" si="451"/>
        <v>0</v>
      </c>
      <c r="N3946" s="45">
        <f t="shared" si="452"/>
        <v>45089.999999990512</v>
      </c>
    </row>
    <row r="3947" spans="2:14" x14ac:dyDescent="0.25">
      <c r="B3947">
        <f t="shared" si="446"/>
        <v>2</v>
      </c>
      <c r="C3947" s="16">
        <v>3913</v>
      </c>
      <c r="D3947" cm="1">
        <f t="array" ref="D3947">IFERROR(INDEX(Jesper!AH$2:AH$366,ROUNDDOWN($C3947/24,0)+1,1)*INDEX($D$3:$AA$30,INDEX(Jesper!$R$2:$R$366,ROW(INDEX(Jesper!AH$2:AH$366,ROUNDDOWN($C3947/24,0)+1,1))-1)+IF('Standard Profiles'!$G$18=$B$10,7,0)+IF('Standard Profiles'!$G$18=$B$17,14,0)+IF('Standard Profiles'!$G$18=$B$24,21,0),MOD($C3947,24)+1)/SUM(INDEX($D$3:$AA$30,INDEX(Jesper!$R$2:$R$366,ROW(INDEX(Jesper!AH$2:AH$366,ROUNDDOWN($C3947/24,0)+1,1))-1)+IF('Standard Profiles'!$G$18=$B$10,7,0)+IF('Standard Profiles'!$G$18=$B$17,14,0)+IF('Standard Profiles'!$G$18=$B$24,21,0),0)),0)</f>
        <v>5.4139010828205629</v>
      </c>
      <c r="E3947" cm="1">
        <f t="array" ref="E3947">IFERROR(INDEX(Jesper!AI$2:AI$366,ROUNDDOWN($C3947/24,0)+1,1)*INDEX($D$3:$AA$30,INDEX(Jesper!$R$2:$R$366,ROW(INDEX(Jesper!AI$2:AI$366,ROUNDDOWN($C3947/24,0)+1,1))-1)+IF('Standard Profiles'!$G$19=$B$10,7,0)+IF('Standard Profiles'!$G$19=$B$17,14,0)+IF('Standard Profiles'!$G$19=$B$24,21,0),MOD($C3947,24)+1)/SUM(INDEX($D$3:$AA$30,INDEX(Jesper!$R$2:$R$366,ROW(INDEX(Jesper!AI$2:AI$366,ROUNDDOWN($C3947/24,0)+1,1))-1)+IF('Standard Profiles'!$G$19=$B$10,7,0)+IF('Standard Profiles'!$G$19=$B$17,14,0)+IF('Standard Profiles'!$G$19=$B$24,21,0),0)),0)</f>
        <v>2.5648363629736952</v>
      </c>
      <c r="F3947" cm="1">
        <f t="array" ref="F3947">IFERROR(INDEX(Jesper!AJ$2:AJ$366,ROUNDDOWN($C3947/24,0)+1,1)*INDEX($D$3:$AA$30,INDEX(Jesper!$R$2:$R$366,ROW(INDEX(Jesper!AJ$2:AJ$366,ROUNDDOWN($C3947/24,0)+1,1))-1)+IF('Standard Profiles'!$G$20=$B$10,7,0)+IF('Standard Profiles'!$G$20=$B$17,14,0)+IF('Standard Profiles'!$G$20=$B$24,21,0),MOD($C3947,24)+1)/SUM(INDEX($D$3:$AA$30,INDEX(Jesper!$R$2:$R$366,ROW(INDEX(Jesper!AJ$2:AJ$366,ROUNDDOWN($C3947/24,0)+1,1))-1)+IF('Standard Profiles'!$G$20=$B$10,7,0)+IF('Standard Profiles'!$G$20=$B$17,14,0)+IF('Standard Profiles'!$G$20=$B$24,21,0),0)),0)</f>
        <v>0</v>
      </c>
      <c r="G3947" cm="1">
        <f t="array" ref="G3947">IFERROR(INDEX(Jesper!AK$2:AK$366,ROUNDDOWN($C3947/24,0)+1,1)*INDEX($D$3:$AA$30,INDEX(Jesper!$R$2:$R$366,ROW(INDEX(Jesper!AK$2:AK$366,ROUNDDOWN($C3947/24,0)+1,1))-1)+IF('Standard Profiles'!$G$21=$B$10,7,0)+IF('Standard Profiles'!$G$21=$B$17,14,0)+IF('Standard Profiles'!$G$21=$B$24,21,0),MOD($C3947,24)+1)/SUM(INDEX($D$3:$AA$30,INDEX(Jesper!$R$2:$R$366,ROW(INDEX(Jesper!AK$2:AK$366,ROUNDDOWN($C3947/24,0)+1,1))-1)+IF('Standard Profiles'!$G$21=$B$10,7,0)+IF('Standard Profiles'!$G$21=$B$17,14,0)+IF('Standard Profiles'!$G$21=$B$24,21,0),0)),0)</f>
        <v>0.68894232017314949</v>
      </c>
      <c r="H3947" cm="1">
        <f t="array" ref="H3947">IFERROR(INDEX(Jesper!AL$2:AL$366,ROUNDDOWN($C3947/24,0)+1,1)*INDEX($D$3:$AA$30,INDEX(Jesper!$R$2:$R$366,ROW(INDEX(Jesper!AL$2:AL$366,ROUNDDOWN($C3947/24,0)+1,1))-1)+IF('Standard Profiles'!$G$22=$B$10,7,0)+IF('Standard Profiles'!$G$22=$B$17,14,0)+IF('Standard Profiles'!$G$22=$B$24,21,0),MOD($C3947,24)+1)/SUM(INDEX($D$3:$AA$30,INDEX(Jesper!$R$2:$R$366,ROW(INDEX(Jesper!AL$2:AL$366,ROUNDDOWN($C3947/24,0)+1,1))-1)+IF('Standard Profiles'!$G$22=$B$10,7,0)+IF('Standard Profiles'!$G$22=$B$17,14,0)+IF('Standard Profiles'!$G$22=$B$24,21,0),0)),0)</f>
        <v>0</v>
      </c>
      <c r="I3947">
        <f t="shared" si="447"/>
        <v>0.33069231368311158</v>
      </c>
      <c r="J3947">
        <f t="shared" si="448"/>
        <v>7.4707632790330054</v>
      </c>
      <c r="K3947">
        <f t="shared" si="449"/>
        <v>0.5774827821675268</v>
      </c>
      <c r="L3947">
        <f t="shared" si="450"/>
        <v>0.2887413910837634</v>
      </c>
      <c r="M3947">
        <f t="shared" si="451"/>
        <v>0</v>
      </c>
      <c r="N3947" s="45">
        <f t="shared" si="452"/>
        <v>45090.041666657176</v>
      </c>
    </row>
    <row r="3948" spans="2:14" x14ac:dyDescent="0.25">
      <c r="B3948">
        <f t="shared" si="446"/>
        <v>2</v>
      </c>
      <c r="C3948" s="16">
        <v>3914</v>
      </c>
      <c r="D3948" cm="1">
        <f t="array" ref="D3948">IFERROR(INDEX(Jesper!AH$2:AH$366,ROUNDDOWN($C3948/24,0)+1,1)*INDEX($D$3:$AA$30,INDEX(Jesper!$R$2:$R$366,ROW(INDEX(Jesper!AH$2:AH$366,ROUNDDOWN($C3948/24,0)+1,1))-1)+IF('Standard Profiles'!$G$18=$B$10,7,0)+IF('Standard Profiles'!$G$18=$B$17,14,0)+IF('Standard Profiles'!$G$18=$B$24,21,0),MOD($C3948,24)+1)/SUM(INDEX($D$3:$AA$30,INDEX(Jesper!$R$2:$R$366,ROW(INDEX(Jesper!AH$2:AH$366,ROUNDDOWN($C3948/24,0)+1,1))-1)+IF('Standard Profiles'!$G$18=$B$10,7,0)+IF('Standard Profiles'!$G$18=$B$17,14,0)+IF('Standard Profiles'!$G$18=$B$24,21,0),0)),0)</f>
        <v>5.4139010828205629</v>
      </c>
      <c r="E3948" cm="1">
        <f t="array" ref="E3948">IFERROR(INDEX(Jesper!AI$2:AI$366,ROUNDDOWN($C3948/24,0)+1,1)*INDEX($D$3:$AA$30,INDEX(Jesper!$R$2:$R$366,ROW(INDEX(Jesper!AI$2:AI$366,ROUNDDOWN($C3948/24,0)+1,1))-1)+IF('Standard Profiles'!$G$19=$B$10,7,0)+IF('Standard Profiles'!$G$19=$B$17,14,0)+IF('Standard Profiles'!$G$19=$B$24,21,0),MOD($C3948,24)+1)/SUM(INDEX($D$3:$AA$30,INDEX(Jesper!$R$2:$R$366,ROW(INDEX(Jesper!AI$2:AI$366,ROUNDDOWN($C3948/24,0)+1,1))-1)+IF('Standard Profiles'!$G$19=$B$10,7,0)+IF('Standard Profiles'!$G$19=$B$17,14,0)+IF('Standard Profiles'!$G$19=$B$24,21,0),0)),0)</f>
        <v>2.5648363629736952</v>
      </c>
      <c r="F3948" cm="1">
        <f t="array" ref="F3948">IFERROR(INDEX(Jesper!AJ$2:AJ$366,ROUNDDOWN($C3948/24,0)+1,1)*INDEX($D$3:$AA$30,INDEX(Jesper!$R$2:$R$366,ROW(INDEX(Jesper!AJ$2:AJ$366,ROUNDDOWN($C3948/24,0)+1,1))-1)+IF('Standard Profiles'!$G$20=$B$10,7,0)+IF('Standard Profiles'!$G$20=$B$17,14,0)+IF('Standard Profiles'!$G$20=$B$24,21,0),MOD($C3948,24)+1)/SUM(INDEX($D$3:$AA$30,INDEX(Jesper!$R$2:$R$366,ROW(INDEX(Jesper!AJ$2:AJ$366,ROUNDDOWN($C3948/24,0)+1,1))-1)+IF('Standard Profiles'!$G$20=$B$10,7,0)+IF('Standard Profiles'!$G$20=$B$17,14,0)+IF('Standard Profiles'!$G$20=$B$24,21,0),0)),0)</f>
        <v>0</v>
      </c>
      <c r="G3948" cm="1">
        <f t="array" ref="G3948">IFERROR(INDEX(Jesper!AK$2:AK$366,ROUNDDOWN($C3948/24,0)+1,1)*INDEX($D$3:$AA$30,INDEX(Jesper!$R$2:$R$366,ROW(INDEX(Jesper!AK$2:AK$366,ROUNDDOWN($C3948/24,0)+1,1))-1)+IF('Standard Profiles'!$G$21=$B$10,7,0)+IF('Standard Profiles'!$G$21=$B$17,14,0)+IF('Standard Profiles'!$G$21=$B$24,21,0),MOD($C3948,24)+1)/SUM(INDEX($D$3:$AA$30,INDEX(Jesper!$R$2:$R$366,ROW(INDEX(Jesper!AK$2:AK$366,ROUNDDOWN($C3948/24,0)+1,1))-1)+IF('Standard Profiles'!$G$21=$B$10,7,0)+IF('Standard Profiles'!$G$21=$B$17,14,0)+IF('Standard Profiles'!$G$21=$B$24,21,0),0)),0)</f>
        <v>0.68894232017314949</v>
      </c>
      <c r="H3948" cm="1">
        <f t="array" ref="H3948">IFERROR(INDEX(Jesper!AL$2:AL$366,ROUNDDOWN($C3948/24,0)+1,1)*INDEX($D$3:$AA$30,INDEX(Jesper!$R$2:$R$366,ROW(INDEX(Jesper!AL$2:AL$366,ROUNDDOWN($C3948/24,0)+1,1))-1)+IF('Standard Profiles'!$G$22=$B$10,7,0)+IF('Standard Profiles'!$G$22=$B$17,14,0)+IF('Standard Profiles'!$G$22=$B$24,21,0),MOD($C3948,24)+1)/SUM(INDEX($D$3:$AA$30,INDEX(Jesper!$R$2:$R$366,ROW(INDEX(Jesper!AL$2:AL$366,ROUNDDOWN($C3948/24,0)+1,1))-1)+IF('Standard Profiles'!$G$22=$B$10,7,0)+IF('Standard Profiles'!$G$22=$B$17,14,0)+IF('Standard Profiles'!$G$22=$B$24,21,0),0)),0)</f>
        <v>0</v>
      </c>
      <c r="I3948">
        <f t="shared" si="447"/>
        <v>0.33069231368311158</v>
      </c>
      <c r="J3948">
        <f t="shared" si="448"/>
        <v>7.4707632790330054</v>
      </c>
      <c r="K3948">
        <f t="shared" si="449"/>
        <v>0.5774827821675268</v>
      </c>
      <c r="L3948">
        <f t="shared" si="450"/>
        <v>0.2887413910837634</v>
      </c>
      <c r="M3948">
        <f t="shared" si="451"/>
        <v>0</v>
      </c>
      <c r="N3948" s="45">
        <f t="shared" si="452"/>
        <v>45090.083333323841</v>
      </c>
    </row>
    <row r="3949" spans="2:14" x14ac:dyDescent="0.25">
      <c r="B3949">
        <f t="shared" si="446"/>
        <v>2</v>
      </c>
      <c r="C3949" s="16">
        <v>3915</v>
      </c>
      <c r="D3949" cm="1">
        <f t="array" ref="D3949">IFERROR(INDEX(Jesper!AH$2:AH$366,ROUNDDOWN($C3949/24,0)+1,1)*INDEX($D$3:$AA$30,INDEX(Jesper!$R$2:$R$366,ROW(INDEX(Jesper!AH$2:AH$366,ROUNDDOWN($C3949/24,0)+1,1))-1)+IF('Standard Profiles'!$G$18=$B$10,7,0)+IF('Standard Profiles'!$G$18=$B$17,14,0)+IF('Standard Profiles'!$G$18=$B$24,21,0),MOD($C3949,24)+1)/SUM(INDEX($D$3:$AA$30,INDEX(Jesper!$R$2:$R$366,ROW(INDEX(Jesper!AH$2:AH$366,ROUNDDOWN($C3949/24,0)+1,1))-1)+IF('Standard Profiles'!$G$18=$B$10,7,0)+IF('Standard Profiles'!$G$18=$B$17,14,0)+IF('Standard Profiles'!$G$18=$B$24,21,0),0)),0)</f>
        <v>5.4139010828205629</v>
      </c>
      <c r="E3949" cm="1">
        <f t="array" ref="E3949">IFERROR(INDEX(Jesper!AI$2:AI$366,ROUNDDOWN($C3949/24,0)+1,1)*INDEX($D$3:$AA$30,INDEX(Jesper!$R$2:$R$366,ROW(INDEX(Jesper!AI$2:AI$366,ROUNDDOWN($C3949/24,0)+1,1))-1)+IF('Standard Profiles'!$G$19=$B$10,7,0)+IF('Standard Profiles'!$G$19=$B$17,14,0)+IF('Standard Profiles'!$G$19=$B$24,21,0),MOD($C3949,24)+1)/SUM(INDEX($D$3:$AA$30,INDEX(Jesper!$R$2:$R$366,ROW(INDEX(Jesper!AI$2:AI$366,ROUNDDOWN($C3949/24,0)+1,1))-1)+IF('Standard Profiles'!$G$19=$B$10,7,0)+IF('Standard Profiles'!$G$19=$B$17,14,0)+IF('Standard Profiles'!$G$19=$B$24,21,0),0)),0)</f>
        <v>2.5648363629736952</v>
      </c>
      <c r="F3949" cm="1">
        <f t="array" ref="F3949">IFERROR(INDEX(Jesper!AJ$2:AJ$366,ROUNDDOWN($C3949/24,0)+1,1)*INDEX($D$3:$AA$30,INDEX(Jesper!$R$2:$R$366,ROW(INDEX(Jesper!AJ$2:AJ$366,ROUNDDOWN($C3949/24,0)+1,1))-1)+IF('Standard Profiles'!$G$20=$B$10,7,0)+IF('Standard Profiles'!$G$20=$B$17,14,0)+IF('Standard Profiles'!$G$20=$B$24,21,0),MOD($C3949,24)+1)/SUM(INDEX($D$3:$AA$30,INDEX(Jesper!$R$2:$R$366,ROW(INDEX(Jesper!AJ$2:AJ$366,ROUNDDOWN($C3949/24,0)+1,1))-1)+IF('Standard Profiles'!$G$20=$B$10,7,0)+IF('Standard Profiles'!$G$20=$B$17,14,0)+IF('Standard Profiles'!$G$20=$B$24,21,0),0)),0)</f>
        <v>0</v>
      </c>
      <c r="G3949" cm="1">
        <f t="array" ref="G3949">IFERROR(INDEX(Jesper!AK$2:AK$366,ROUNDDOWN($C3949/24,0)+1,1)*INDEX($D$3:$AA$30,INDEX(Jesper!$R$2:$R$366,ROW(INDEX(Jesper!AK$2:AK$366,ROUNDDOWN($C3949/24,0)+1,1))-1)+IF('Standard Profiles'!$G$21=$B$10,7,0)+IF('Standard Profiles'!$G$21=$B$17,14,0)+IF('Standard Profiles'!$G$21=$B$24,21,0),MOD($C3949,24)+1)/SUM(INDEX($D$3:$AA$30,INDEX(Jesper!$R$2:$R$366,ROW(INDEX(Jesper!AK$2:AK$366,ROUNDDOWN($C3949/24,0)+1,1))-1)+IF('Standard Profiles'!$G$21=$B$10,7,0)+IF('Standard Profiles'!$G$21=$B$17,14,0)+IF('Standard Profiles'!$G$21=$B$24,21,0),0)),0)</f>
        <v>0.68894232017314949</v>
      </c>
      <c r="H3949" cm="1">
        <f t="array" ref="H3949">IFERROR(INDEX(Jesper!AL$2:AL$366,ROUNDDOWN($C3949/24,0)+1,1)*INDEX($D$3:$AA$30,INDEX(Jesper!$R$2:$R$366,ROW(INDEX(Jesper!AL$2:AL$366,ROUNDDOWN($C3949/24,0)+1,1))-1)+IF('Standard Profiles'!$G$22=$B$10,7,0)+IF('Standard Profiles'!$G$22=$B$17,14,0)+IF('Standard Profiles'!$G$22=$B$24,21,0),MOD($C3949,24)+1)/SUM(INDEX($D$3:$AA$30,INDEX(Jesper!$R$2:$R$366,ROW(INDEX(Jesper!AL$2:AL$366,ROUNDDOWN($C3949/24,0)+1,1))-1)+IF('Standard Profiles'!$G$22=$B$10,7,0)+IF('Standard Profiles'!$G$22=$B$17,14,0)+IF('Standard Profiles'!$G$22=$B$24,21,0),0)),0)</f>
        <v>0</v>
      </c>
      <c r="I3949">
        <f t="shared" si="447"/>
        <v>0.33069231368311158</v>
      </c>
      <c r="J3949">
        <f t="shared" si="448"/>
        <v>7.4707632790330054</v>
      </c>
      <c r="K3949">
        <f t="shared" si="449"/>
        <v>0.5774827821675268</v>
      </c>
      <c r="L3949">
        <f t="shared" si="450"/>
        <v>0.2887413910837634</v>
      </c>
      <c r="M3949">
        <f t="shared" si="451"/>
        <v>0</v>
      </c>
      <c r="N3949" s="45">
        <f t="shared" si="452"/>
        <v>45090.124999990505</v>
      </c>
    </row>
    <row r="3950" spans="2:14" x14ac:dyDescent="0.25">
      <c r="B3950">
        <f t="shared" si="446"/>
        <v>2</v>
      </c>
      <c r="C3950" s="16">
        <v>3916</v>
      </c>
      <c r="D3950" cm="1">
        <f t="array" ref="D3950">IFERROR(INDEX(Jesper!AH$2:AH$366,ROUNDDOWN($C3950/24,0)+1,1)*INDEX($D$3:$AA$30,INDEX(Jesper!$R$2:$R$366,ROW(INDEX(Jesper!AH$2:AH$366,ROUNDDOWN($C3950/24,0)+1,1))-1)+IF('Standard Profiles'!$G$18=$B$10,7,0)+IF('Standard Profiles'!$G$18=$B$17,14,0)+IF('Standard Profiles'!$G$18=$B$24,21,0),MOD($C3950,24)+1)/SUM(INDEX($D$3:$AA$30,INDEX(Jesper!$R$2:$R$366,ROW(INDEX(Jesper!AH$2:AH$366,ROUNDDOWN($C3950/24,0)+1,1))-1)+IF('Standard Profiles'!$G$18=$B$10,7,0)+IF('Standard Profiles'!$G$18=$B$17,14,0)+IF('Standard Profiles'!$G$18=$B$24,21,0),0)),0)</f>
        <v>5.4139010828205629</v>
      </c>
      <c r="E3950" cm="1">
        <f t="array" ref="E3950">IFERROR(INDEX(Jesper!AI$2:AI$366,ROUNDDOWN($C3950/24,0)+1,1)*INDEX($D$3:$AA$30,INDEX(Jesper!$R$2:$R$366,ROW(INDEX(Jesper!AI$2:AI$366,ROUNDDOWN($C3950/24,0)+1,1))-1)+IF('Standard Profiles'!$G$19=$B$10,7,0)+IF('Standard Profiles'!$G$19=$B$17,14,0)+IF('Standard Profiles'!$G$19=$B$24,21,0),MOD($C3950,24)+1)/SUM(INDEX($D$3:$AA$30,INDEX(Jesper!$R$2:$R$366,ROW(INDEX(Jesper!AI$2:AI$366,ROUNDDOWN($C3950/24,0)+1,1))-1)+IF('Standard Profiles'!$G$19=$B$10,7,0)+IF('Standard Profiles'!$G$19=$B$17,14,0)+IF('Standard Profiles'!$G$19=$B$24,21,0),0)),0)</f>
        <v>2.5648363629736952</v>
      </c>
      <c r="F3950" cm="1">
        <f t="array" ref="F3950">IFERROR(INDEX(Jesper!AJ$2:AJ$366,ROUNDDOWN($C3950/24,0)+1,1)*INDEX($D$3:$AA$30,INDEX(Jesper!$R$2:$R$366,ROW(INDEX(Jesper!AJ$2:AJ$366,ROUNDDOWN($C3950/24,0)+1,1))-1)+IF('Standard Profiles'!$G$20=$B$10,7,0)+IF('Standard Profiles'!$G$20=$B$17,14,0)+IF('Standard Profiles'!$G$20=$B$24,21,0),MOD($C3950,24)+1)/SUM(INDEX($D$3:$AA$30,INDEX(Jesper!$R$2:$R$366,ROW(INDEX(Jesper!AJ$2:AJ$366,ROUNDDOWN($C3950/24,0)+1,1))-1)+IF('Standard Profiles'!$G$20=$B$10,7,0)+IF('Standard Profiles'!$G$20=$B$17,14,0)+IF('Standard Profiles'!$G$20=$B$24,21,0),0)),0)</f>
        <v>0</v>
      </c>
      <c r="G3950" cm="1">
        <f t="array" ref="G3950">IFERROR(INDEX(Jesper!AK$2:AK$366,ROUNDDOWN($C3950/24,0)+1,1)*INDEX($D$3:$AA$30,INDEX(Jesper!$R$2:$R$366,ROW(INDEX(Jesper!AK$2:AK$366,ROUNDDOWN($C3950/24,0)+1,1))-1)+IF('Standard Profiles'!$G$21=$B$10,7,0)+IF('Standard Profiles'!$G$21=$B$17,14,0)+IF('Standard Profiles'!$G$21=$B$24,21,0),MOD($C3950,24)+1)/SUM(INDEX($D$3:$AA$30,INDEX(Jesper!$R$2:$R$366,ROW(INDEX(Jesper!AK$2:AK$366,ROUNDDOWN($C3950/24,0)+1,1))-1)+IF('Standard Profiles'!$G$21=$B$10,7,0)+IF('Standard Profiles'!$G$21=$B$17,14,0)+IF('Standard Profiles'!$G$21=$B$24,21,0),0)),0)</f>
        <v>0.68894232017314949</v>
      </c>
      <c r="H3950" cm="1">
        <f t="array" ref="H3950">IFERROR(INDEX(Jesper!AL$2:AL$366,ROUNDDOWN($C3950/24,0)+1,1)*INDEX($D$3:$AA$30,INDEX(Jesper!$R$2:$R$366,ROW(INDEX(Jesper!AL$2:AL$366,ROUNDDOWN($C3950/24,0)+1,1))-1)+IF('Standard Profiles'!$G$22=$B$10,7,0)+IF('Standard Profiles'!$G$22=$B$17,14,0)+IF('Standard Profiles'!$G$22=$B$24,21,0),MOD($C3950,24)+1)/SUM(INDEX($D$3:$AA$30,INDEX(Jesper!$R$2:$R$366,ROW(INDEX(Jesper!AL$2:AL$366,ROUNDDOWN($C3950/24,0)+1,1))-1)+IF('Standard Profiles'!$G$22=$B$10,7,0)+IF('Standard Profiles'!$G$22=$B$17,14,0)+IF('Standard Profiles'!$G$22=$B$24,21,0),0)),0)</f>
        <v>0</v>
      </c>
      <c r="I3950">
        <f t="shared" si="447"/>
        <v>0.33069231368311158</v>
      </c>
      <c r="J3950">
        <f t="shared" si="448"/>
        <v>7.4707632790330054</v>
      </c>
      <c r="K3950">
        <f t="shared" si="449"/>
        <v>0.5774827821675268</v>
      </c>
      <c r="L3950">
        <f t="shared" si="450"/>
        <v>0.2887413910837634</v>
      </c>
      <c r="M3950">
        <f t="shared" si="451"/>
        <v>0</v>
      </c>
      <c r="N3950" s="45">
        <f t="shared" si="452"/>
        <v>45090.166666657169</v>
      </c>
    </row>
    <row r="3951" spans="2:14" x14ac:dyDescent="0.25">
      <c r="B3951">
        <f t="shared" si="446"/>
        <v>2</v>
      </c>
      <c r="C3951" s="16">
        <v>3917</v>
      </c>
      <c r="D3951" cm="1">
        <f t="array" ref="D3951">IFERROR(INDEX(Jesper!AH$2:AH$366,ROUNDDOWN($C3951/24,0)+1,1)*INDEX($D$3:$AA$30,INDEX(Jesper!$R$2:$R$366,ROW(INDEX(Jesper!AH$2:AH$366,ROUNDDOWN($C3951/24,0)+1,1))-1)+IF('Standard Profiles'!$G$18=$B$10,7,0)+IF('Standard Profiles'!$G$18=$B$17,14,0)+IF('Standard Profiles'!$G$18=$B$24,21,0),MOD($C3951,24)+1)/SUM(INDEX($D$3:$AA$30,INDEX(Jesper!$R$2:$R$366,ROW(INDEX(Jesper!AH$2:AH$366,ROUNDDOWN($C3951/24,0)+1,1))-1)+IF('Standard Profiles'!$G$18=$B$10,7,0)+IF('Standard Profiles'!$G$18=$B$17,14,0)+IF('Standard Profiles'!$G$18=$B$24,21,0),0)),0)</f>
        <v>5.4139010828205629</v>
      </c>
      <c r="E3951" cm="1">
        <f t="array" ref="E3951">IFERROR(INDEX(Jesper!AI$2:AI$366,ROUNDDOWN($C3951/24,0)+1,1)*INDEX($D$3:$AA$30,INDEX(Jesper!$R$2:$R$366,ROW(INDEX(Jesper!AI$2:AI$366,ROUNDDOWN($C3951/24,0)+1,1))-1)+IF('Standard Profiles'!$G$19=$B$10,7,0)+IF('Standard Profiles'!$G$19=$B$17,14,0)+IF('Standard Profiles'!$G$19=$B$24,21,0),MOD($C3951,24)+1)/SUM(INDEX($D$3:$AA$30,INDEX(Jesper!$R$2:$R$366,ROW(INDEX(Jesper!AI$2:AI$366,ROUNDDOWN($C3951/24,0)+1,1))-1)+IF('Standard Profiles'!$G$19=$B$10,7,0)+IF('Standard Profiles'!$G$19=$B$17,14,0)+IF('Standard Profiles'!$G$19=$B$24,21,0),0)),0)</f>
        <v>2.5648363629736952</v>
      </c>
      <c r="F3951" cm="1">
        <f t="array" ref="F3951">IFERROR(INDEX(Jesper!AJ$2:AJ$366,ROUNDDOWN($C3951/24,0)+1,1)*INDEX($D$3:$AA$30,INDEX(Jesper!$R$2:$R$366,ROW(INDEX(Jesper!AJ$2:AJ$366,ROUNDDOWN($C3951/24,0)+1,1))-1)+IF('Standard Profiles'!$G$20=$B$10,7,0)+IF('Standard Profiles'!$G$20=$B$17,14,0)+IF('Standard Profiles'!$G$20=$B$24,21,0),MOD($C3951,24)+1)/SUM(INDEX($D$3:$AA$30,INDEX(Jesper!$R$2:$R$366,ROW(INDEX(Jesper!AJ$2:AJ$366,ROUNDDOWN($C3951/24,0)+1,1))-1)+IF('Standard Profiles'!$G$20=$B$10,7,0)+IF('Standard Profiles'!$G$20=$B$17,14,0)+IF('Standard Profiles'!$G$20=$B$24,21,0),0)),0)</f>
        <v>0</v>
      </c>
      <c r="G3951" cm="1">
        <f t="array" ref="G3951">IFERROR(INDEX(Jesper!AK$2:AK$366,ROUNDDOWN($C3951/24,0)+1,1)*INDEX($D$3:$AA$30,INDEX(Jesper!$R$2:$R$366,ROW(INDEX(Jesper!AK$2:AK$366,ROUNDDOWN($C3951/24,0)+1,1))-1)+IF('Standard Profiles'!$G$21=$B$10,7,0)+IF('Standard Profiles'!$G$21=$B$17,14,0)+IF('Standard Profiles'!$G$21=$B$24,21,0),MOD($C3951,24)+1)/SUM(INDEX($D$3:$AA$30,INDEX(Jesper!$R$2:$R$366,ROW(INDEX(Jesper!AK$2:AK$366,ROUNDDOWN($C3951/24,0)+1,1))-1)+IF('Standard Profiles'!$G$21=$B$10,7,0)+IF('Standard Profiles'!$G$21=$B$17,14,0)+IF('Standard Profiles'!$G$21=$B$24,21,0),0)),0)</f>
        <v>0.68894232017314949</v>
      </c>
      <c r="H3951" cm="1">
        <f t="array" ref="H3951">IFERROR(INDEX(Jesper!AL$2:AL$366,ROUNDDOWN($C3951/24,0)+1,1)*INDEX($D$3:$AA$30,INDEX(Jesper!$R$2:$R$366,ROW(INDEX(Jesper!AL$2:AL$366,ROUNDDOWN($C3951/24,0)+1,1))-1)+IF('Standard Profiles'!$G$22=$B$10,7,0)+IF('Standard Profiles'!$G$22=$B$17,14,0)+IF('Standard Profiles'!$G$22=$B$24,21,0),MOD($C3951,24)+1)/SUM(INDEX($D$3:$AA$30,INDEX(Jesper!$R$2:$R$366,ROW(INDEX(Jesper!AL$2:AL$366,ROUNDDOWN($C3951/24,0)+1,1))-1)+IF('Standard Profiles'!$G$22=$B$10,7,0)+IF('Standard Profiles'!$G$22=$B$17,14,0)+IF('Standard Profiles'!$G$22=$B$24,21,0),0)),0)</f>
        <v>0</v>
      </c>
      <c r="I3951">
        <f t="shared" si="447"/>
        <v>0.33069231368311158</v>
      </c>
      <c r="J3951">
        <f t="shared" si="448"/>
        <v>7.4707632790330054</v>
      </c>
      <c r="K3951">
        <f t="shared" si="449"/>
        <v>0.5774827821675268</v>
      </c>
      <c r="L3951">
        <f t="shared" si="450"/>
        <v>0.2887413910837634</v>
      </c>
      <c r="M3951">
        <f t="shared" si="451"/>
        <v>0</v>
      </c>
      <c r="N3951" s="45">
        <f t="shared" si="452"/>
        <v>45090.208333323833</v>
      </c>
    </row>
    <row r="3952" spans="2:14" x14ac:dyDescent="0.25">
      <c r="B3952">
        <f t="shared" si="446"/>
        <v>2</v>
      </c>
      <c r="C3952" s="16">
        <v>3918</v>
      </c>
      <c r="D3952" cm="1">
        <f t="array" ref="D3952">IFERROR(INDEX(Jesper!AH$2:AH$366,ROUNDDOWN($C3952/24,0)+1,1)*INDEX($D$3:$AA$30,INDEX(Jesper!$R$2:$R$366,ROW(INDEX(Jesper!AH$2:AH$366,ROUNDDOWN($C3952/24,0)+1,1))-1)+IF('Standard Profiles'!$G$18=$B$10,7,0)+IF('Standard Profiles'!$G$18=$B$17,14,0)+IF('Standard Profiles'!$G$18=$B$24,21,0),MOD($C3952,24)+1)/SUM(INDEX($D$3:$AA$30,INDEX(Jesper!$R$2:$R$366,ROW(INDEX(Jesper!AH$2:AH$366,ROUNDDOWN($C3952/24,0)+1,1))-1)+IF('Standard Profiles'!$G$18=$B$10,7,0)+IF('Standard Profiles'!$G$18=$B$17,14,0)+IF('Standard Profiles'!$G$18=$B$24,21,0),0)),0)</f>
        <v>5.4139010828205629</v>
      </c>
      <c r="E3952" cm="1">
        <f t="array" ref="E3952">IFERROR(INDEX(Jesper!AI$2:AI$366,ROUNDDOWN($C3952/24,0)+1,1)*INDEX($D$3:$AA$30,INDEX(Jesper!$R$2:$R$366,ROW(INDEX(Jesper!AI$2:AI$366,ROUNDDOWN($C3952/24,0)+1,1))-1)+IF('Standard Profiles'!$G$19=$B$10,7,0)+IF('Standard Profiles'!$G$19=$B$17,14,0)+IF('Standard Profiles'!$G$19=$B$24,21,0),MOD($C3952,24)+1)/SUM(INDEX($D$3:$AA$30,INDEX(Jesper!$R$2:$R$366,ROW(INDEX(Jesper!AI$2:AI$366,ROUNDDOWN($C3952/24,0)+1,1))-1)+IF('Standard Profiles'!$G$19=$B$10,7,0)+IF('Standard Profiles'!$G$19=$B$17,14,0)+IF('Standard Profiles'!$G$19=$B$24,21,0),0)),0)</f>
        <v>2.5648363629736952</v>
      </c>
      <c r="F3952" cm="1">
        <f t="array" ref="F3952">IFERROR(INDEX(Jesper!AJ$2:AJ$366,ROUNDDOWN($C3952/24,0)+1,1)*INDEX($D$3:$AA$30,INDEX(Jesper!$R$2:$R$366,ROW(INDEX(Jesper!AJ$2:AJ$366,ROUNDDOWN($C3952/24,0)+1,1))-1)+IF('Standard Profiles'!$G$20=$B$10,7,0)+IF('Standard Profiles'!$G$20=$B$17,14,0)+IF('Standard Profiles'!$G$20=$B$24,21,0),MOD($C3952,24)+1)/SUM(INDEX($D$3:$AA$30,INDEX(Jesper!$R$2:$R$366,ROW(INDEX(Jesper!AJ$2:AJ$366,ROUNDDOWN($C3952/24,0)+1,1))-1)+IF('Standard Profiles'!$G$20=$B$10,7,0)+IF('Standard Profiles'!$G$20=$B$17,14,0)+IF('Standard Profiles'!$G$20=$B$24,21,0),0)),0)</f>
        <v>0</v>
      </c>
      <c r="G3952" cm="1">
        <f t="array" ref="G3952">IFERROR(INDEX(Jesper!AK$2:AK$366,ROUNDDOWN($C3952/24,0)+1,1)*INDEX($D$3:$AA$30,INDEX(Jesper!$R$2:$R$366,ROW(INDEX(Jesper!AK$2:AK$366,ROUNDDOWN($C3952/24,0)+1,1))-1)+IF('Standard Profiles'!$G$21=$B$10,7,0)+IF('Standard Profiles'!$G$21=$B$17,14,0)+IF('Standard Profiles'!$G$21=$B$24,21,0),MOD($C3952,24)+1)/SUM(INDEX($D$3:$AA$30,INDEX(Jesper!$R$2:$R$366,ROW(INDEX(Jesper!AK$2:AK$366,ROUNDDOWN($C3952/24,0)+1,1))-1)+IF('Standard Profiles'!$G$21=$B$10,7,0)+IF('Standard Profiles'!$G$21=$B$17,14,0)+IF('Standard Profiles'!$G$21=$B$24,21,0),0)),0)</f>
        <v>0.68894232017314949</v>
      </c>
      <c r="H3952" cm="1">
        <f t="array" ref="H3952">IFERROR(INDEX(Jesper!AL$2:AL$366,ROUNDDOWN($C3952/24,0)+1,1)*INDEX($D$3:$AA$30,INDEX(Jesper!$R$2:$R$366,ROW(INDEX(Jesper!AL$2:AL$366,ROUNDDOWN($C3952/24,0)+1,1))-1)+IF('Standard Profiles'!$G$22=$B$10,7,0)+IF('Standard Profiles'!$G$22=$B$17,14,0)+IF('Standard Profiles'!$G$22=$B$24,21,0),MOD($C3952,24)+1)/SUM(INDEX($D$3:$AA$30,INDEX(Jesper!$R$2:$R$366,ROW(INDEX(Jesper!AL$2:AL$366,ROUNDDOWN($C3952/24,0)+1,1))-1)+IF('Standard Profiles'!$G$22=$B$10,7,0)+IF('Standard Profiles'!$G$22=$B$17,14,0)+IF('Standard Profiles'!$G$22=$B$24,21,0),0)),0)</f>
        <v>0</v>
      </c>
      <c r="I3952">
        <f t="shared" si="447"/>
        <v>0.33069231368311158</v>
      </c>
      <c r="J3952">
        <f t="shared" si="448"/>
        <v>7.4707632790330054</v>
      </c>
      <c r="K3952">
        <f t="shared" si="449"/>
        <v>0.5774827821675268</v>
      </c>
      <c r="L3952">
        <f t="shared" si="450"/>
        <v>0.2887413910837634</v>
      </c>
      <c r="M3952">
        <f t="shared" si="451"/>
        <v>0</v>
      </c>
      <c r="N3952" s="45">
        <f t="shared" si="452"/>
        <v>45090.249999990498</v>
      </c>
    </row>
    <row r="3953" spans="2:14" x14ac:dyDescent="0.25">
      <c r="B3953">
        <f t="shared" si="446"/>
        <v>2</v>
      </c>
      <c r="C3953" s="16">
        <v>3919</v>
      </c>
      <c r="D3953" cm="1">
        <f t="array" ref="D3953">IFERROR(INDEX(Jesper!AH$2:AH$366,ROUNDDOWN($C3953/24,0)+1,1)*INDEX($D$3:$AA$30,INDEX(Jesper!$R$2:$R$366,ROW(INDEX(Jesper!AH$2:AH$366,ROUNDDOWN($C3953/24,0)+1,1))-1)+IF('Standard Profiles'!$G$18=$B$10,7,0)+IF('Standard Profiles'!$G$18=$B$17,14,0)+IF('Standard Profiles'!$G$18=$B$24,21,0),MOD($C3953,24)+1)/SUM(INDEX($D$3:$AA$30,INDEX(Jesper!$R$2:$R$366,ROW(INDEX(Jesper!AH$2:AH$366,ROUNDDOWN($C3953/24,0)+1,1))-1)+IF('Standard Profiles'!$G$18=$B$10,7,0)+IF('Standard Profiles'!$G$18=$B$17,14,0)+IF('Standard Profiles'!$G$18=$B$24,21,0),0)),0)</f>
        <v>22.822976752265433</v>
      </c>
      <c r="E3953" cm="1">
        <f t="array" ref="E3953">IFERROR(INDEX(Jesper!AI$2:AI$366,ROUNDDOWN($C3953/24,0)+1,1)*INDEX($D$3:$AA$30,INDEX(Jesper!$R$2:$R$366,ROW(INDEX(Jesper!AI$2:AI$366,ROUNDDOWN($C3953/24,0)+1,1))-1)+IF('Standard Profiles'!$G$19=$B$10,7,0)+IF('Standard Profiles'!$G$19=$B$17,14,0)+IF('Standard Profiles'!$G$19=$B$24,21,0),MOD($C3953,24)+1)/SUM(INDEX($D$3:$AA$30,INDEX(Jesper!$R$2:$R$366,ROW(INDEX(Jesper!AI$2:AI$366,ROUNDDOWN($C3953/24,0)+1,1))-1)+IF('Standard Profiles'!$G$19=$B$10,7,0)+IF('Standard Profiles'!$G$19=$B$17,14,0)+IF('Standard Profiles'!$G$19=$B$24,21,0),0)),0)</f>
        <v>10.812388292660982</v>
      </c>
      <c r="F3953" cm="1">
        <f t="array" ref="F3953">IFERROR(INDEX(Jesper!AJ$2:AJ$366,ROUNDDOWN($C3953/24,0)+1,1)*INDEX($D$3:$AA$30,INDEX(Jesper!$R$2:$R$366,ROW(INDEX(Jesper!AJ$2:AJ$366,ROUNDDOWN($C3953/24,0)+1,1))-1)+IF('Standard Profiles'!$G$20=$B$10,7,0)+IF('Standard Profiles'!$G$20=$B$17,14,0)+IF('Standard Profiles'!$G$20=$B$24,21,0),MOD($C3953,24)+1)/SUM(INDEX($D$3:$AA$30,INDEX(Jesper!$R$2:$R$366,ROW(INDEX(Jesper!AJ$2:AJ$366,ROUNDDOWN($C3953/24,0)+1,1))-1)+IF('Standard Profiles'!$G$20=$B$10,7,0)+IF('Standard Profiles'!$G$20=$B$17,14,0)+IF('Standard Profiles'!$G$20=$B$24,21,0),0)),0)</f>
        <v>0</v>
      </c>
      <c r="G3953" cm="1">
        <f t="array" ref="G3953">IFERROR(INDEX(Jesper!AK$2:AK$366,ROUNDDOWN($C3953/24,0)+1,1)*INDEX($D$3:$AA$30,INDEX(Jesper!$R$2:$R$366,ROW(INDEX(Jesper!AK$2:AK$366,ROUNDDOWN($C3953/24,0)+1,1))-1)+IF('Standard Profiles'!$G$21=$B$10,7,0)+IF('Standard Profiles'!$G$21=$B$17,14,0)+IF('Standard Profiles'!$G$21=$B$24,21,0),MOD($C3953,24)+1)/SUM(INDEX($D$3:$AA$30,INDEX(Jesper!$R$2:$R$366,ROW(INDEX(Jesper!AK$2:AK$366,ROUNDDOWN($C3953/24,0)+1,1))-1)+IF('Standard Profiles'!$G$21=$B$10,7,0)+IF('Standard Profiles'!$G$21=$B$17,14,0)+IF('Standard Profiles'!$G$21=$B$24,21,0),0)),0)</f>
        <v>1.9845983610149112</v>
      </c>
      <c r="H3953" cm="1">
        <f t="array" ref="H3953">IFERROR(INDEX(Jesper!AL$2:AL$366,ROUNDDOWN($C3953/24,0)+1,1)*INDEX($D$3:$AA$30,INDEX(Jesper!$R$2:$R$366,ROW(INDEX(Jesper!AL$2:AL$366,ROUNDDOWN($C3953/24,0)+1,1))-1)+IF('Standard Profiles'!$G$22=$B$10,7,0)+IF('Standard Profiles'!$G$22=$B$17,14,0)+IF('Standard Profiles'!$G$22=$B$24,21,0),MOD($C3953,24)+1)/SUM(INDEX($D$3:$AA$30,INDEX(Jesper!$R$2:$R$366,ROW(INDEX(Jesper!AL$2:AL$366,ROUNDDOWN($C3953/24,0)+1,1))-1)+IF('Standard Profiles'!$G$22=$B$10,7,0)+IF('Standard Profiles'!$G$22=$B$17,14,0)+IF('Standard Profiles'!$G$22=$B$24,21,0),0)),0)</f>
        <v>0</v>
      </c>
      <c r="I3953">
        <f t="shared" si="447"/>
        <v>0.95260721328715692</v>
      </c>
      <c r="J3953">
        <f t="shared" si="448"/>
        <v>31.015679912291699</v>
      </c>
      <c r="K3953">
        <f t="shared" si="449"/>
        <v>2.4344508535749796</v>
      </c>
      <c r="L3953">
        <f t="shared" si="450"/>
        <v>1.2172254267874898</v>
      </c>
      <c r="M3953">
        <f t="shared" si="451"/>
        <v>0</v>
      </c>
      <c r="N3953" s="45">
        <f t="shared" si="452"/>
        <v>45090.291666657162</v>
      </c>
    </row>
    <row r="3954" spans="2:14" x14ac:dyDescent="0.25">
      <c r="B3954">
        <f t="shared" si="446"/>
        <v>2</v>
      </c>
      <c r="C3954" s="16">
        <v>3920</v>
      </c>
      <c r="D3954" cm="1">
        <f t="array" ref="D3954">IFERROR(INDEX(Jesper!AH$2:AH$366,ROUNDDOWN($C3954/24,0)+1,1)*INDEX($D$3:$AA$30,INDEX(Jesper!$R$2:$R$366,ROW(INDEX(Jesper!AH$2:AH$366,ROUNDDOWN($C3954/24,0)+1,1))-1)+IF('Standard Profiles'!$G$18=$B$10,7,0)+IF('Standard Profiles'!$G$18=$B$17,14,0)+IF('Standard Profiles'!$G$18=$B$24,21,0),MOD($C3954,24)+1)/SUM(INDEX($D$3:$AA$30,INDEX(Jesper!$R$2:$R$366,ROW(INDEX(Jesper!AH$2:AH$366,ROUNDDOWN($C3954/24,0)+1,1))-1)+IF('Standard Profiles'!$G$18=$B$10,7,0)+IF('Standard Profiles'!$G$18=$B$17,14,0)+IF('Standard Profiles'!$G$18=$B$24,21,0),0)),0)</f>
        <v>25.465637218317223</v>
      </c>
      <c r="E3954" cm="1">
        <f t="array" ref="E3954">IFERROR(INDEX(Jesper!AI$2:AI$366,ROUNDDOWN($C3954/24,0)+1,1)*INDEX($D$3:$AA$30,INDEX(Jesper!$R$2:$R$366,ROW(INDEX(Jesper!AI$2:AI$366,ROUNDDOWN($C3954/24,0)+1,1))-1)+IF('Standard Profiles'!$G$19=$B$10,7,0)+IF('Standard Profiles'!$G$19=$B$17,14,0)+IF('Standard Profiles'!$G$19=$B$24,21,0),MOD($C3954,24)+1)/SUM(INDEX($D$3:$AA$30,INDEX(Jesper!$R$2:$R$366,ROW(INDEX(Jesper!AI$2:AI$366,ROUNDDOWN($C3954/24,0)+1,1))-1)+IF('Standard Profiles'!$G$19=$B$10,7,0)+IF('Standard Profiles'!$G$19=$B$17,14,0)+IF('Standard Profiles'!$G$19=$B$24,21,0),0)),0)</f>
        <v>12.064349042337518</v>
      </c>
      <c r="F3954" cm="1">
        <f t="array" ref="F3954">IFERROR(INDEX(Jesper!AJ$2:AJ$366,ROUNDDOWN($C3954/24,0)+1,1)*INDEX($D$3:$AA$30,INDEX(Jesper!$R$2:$R$366,ROW(INDEX(Jesper!AJ$2:AJ$366,ROUNDDOWN($C3954/24,0)+1,1))-1)+IF('Standard Profiles'!$G$20=$B$10,7,0)+IF('Standard Profiles'!$G$20=$B$17,14,0)+IF('Standard Profiles'!$G$20=$B$24,21,0),MOD($C3954,24)+1)/SUM(INDEX($D$3:$AA$30,INDEX(Jesper!$R$2:$R$366,ROW(INDEX(Jesper!AJ$2:AJ$366,ROUNDDOWN($C3954/24,0)+1,1))-1)+IF('Standard Profiles'!$G$20=$B$10,7,0)+IF('Standard Profiles'!$G$20=$B$17,14,0)+IF('Standard Profiles'!$G$20=$B$24,21,0),0)),0)</f>
        <v>0</v>
      </c>
      <c r="G3954" cm="1">
        <f t="array" ref="G3954">IFERROR(INDEX(Jesper!AK$2:AK$366,ROUNDDOWN($C3954/24,0)+1,1)*INDEX($D$3:$AA$30,INDEX(Jesper!$R$2:$R$366,ROW(INDEX(Jesper!AK$2:AK$366,ROUNDDOWN($C3954/24,0)+1,1))-1)+IF('Standard Profiles'!$G$21=$B$10,7,0)+IF('Standard Profiles'!$G$21=$B$17,14,0)+IF('Standard Profiles'!$G$21=$B$24,21,0),MOD($C3954,24)+1)/SUM(INDEX($D$3:$AA$30,INDEX(Jesper!$R$2:$R$366,ROW(INDEX(Jesper!AK$2:AK$366,ROUNDDOWN($C3954/24,0)+1,1))-1)+IF('Standard Profiles'!$G$21=$B$10,7,0)+IF('Standard Profiles'!$G$21=$B$17,14,0)+IF('Standard Profiles'!$G$21=$B$24,21,0),0)),0)</f>
        <v>2.2143939607113743</v>
      </c>
      <c r="H3954" cm="1">
        <f t="array" ref="H3954">IFERROR(INDEX(Jesper!AL$2:AL$366,ROUNDDOWN($C3954/24,0)+1,1)*INDEX($D$3:$AA$30,INDEX(Jesper!$R$2:$R$366,ROW(INDEX(Jesper!AL$2:AL$366,ROUNDDOWN($C3954/24,0)+1,1))-1)+IF('Standard Profiles'!$G$22=$B$10,7,0)+IF('Standard Profiles'!$G$22=$B$17,14,0)+IF('Standard Profiles'!$G$22=$B$24,21,0),MOD($C3954,24)+1)/SUM(INDEX($D$3:$AA$30,INDEX(Jesper!$R$2:$R$366,ROW(INDEX(Jesper!AL$2:AL$366,ROUNDDOWN($C3954/24,0)+1,1))-1)+IF('Standard Profiles'!$G$22=$B$10,7,0)+IF('Standard Profiles'!$G$22=$B$17,14,0)+IF('Standard Profiles'!$G$22=$B$24,21,0),0)),0)</f>
        <v>0</v>
      </c>
      <c r="I3954">
        <f t="shared" si="447"/>
        <v>1.0629091011414591</v>
      </c>
      <c r="J3954">
        <f t="shared" si="448"/>
        <v>34.606969165293897</v>
      </c>
      <c r="K3954">
        <f t="shared" si="449"/>
        <v>2.7163346366205041</v>
      </c>
      <c r="L3954">
        <f t="shared" si="450"/>
        <v>1.3581673183102521</v>
      </c>
      <c r="M3954">
        <f t="shared" si="451"/>
        <v>0</v>
      </c>
      <c r="N3954" s="45">
        <f t="shared" si="452"/>
        <v>45090.333333323826</v>
      </c>
    </row>
    <row r="3955" spans="2:14" x14ac:dyDescent="0.25">
      <c r="B3955">
        <f t="shared" si="446"/>
        <v>2</v>
      </c>
      <c r="C3955" s="16">
        <v>3921</v>
      </c>
      <c r="D3955" cm="1">
        <f t="array" ref="D3955">IFERROR(INDEX(Jesper!AH$2:AH$366,ROUNDDOWN($C3955/24,0)+1,1)*INDEX($D$3:$AA$30,INDEX(Jesper!$R$2:$R$366,ROW(INDEX(Jesper!AH$2:AH$366,ROUNDDOWN($C3955/24,0)+1,1))-1)+IF('Standard Profiles'!$G$18=$B$10,7,0)+IF('Standard Profiles'!$G$18=$B$17,14,0)+IF('Standard Profiles'!$G$18=$B$24,21,0),MOD($C3955,24)+1)/SUM(INDEX($D$3:$AA$30,INDEX(Jesper!$R$2:$R$366,ROW(INDEX(Jesper!AH$2:AH$366,ROUNDDOWN($C3955/24,0)+1,1))-1)+IF('Standard Profiles'!$G$18=$B$10,7,0)+IF('Standard Profiles'!$G$18=$B$17,14,0)+IF('Standard Profiles'!$G$18=$B$24,21,0),0)),0)</f>
        <v>28.108297684369013</v>
      </c>
      <c r="E3955" cm="1">
        <f t="array" ref="E3955">IFERROR(INDEX(Jesper!AI$2:AI$366,ROUNDDOWN($C3955/24,0)+1,1)*INDEX($D$3:$AA$30,INDEX(Jesper!$R$2:$R$366,ROW(INDEX(Jesper!AI$2:AI$366,ROUNDDOWN($C3955/24,0)+1,1))-1)+IF('Standard Profiles'!$G$19=$B$10,7,0)+IF('Standard Profiles'!$G$19=$B$17,14,0)+IF('Standard Profiles'!$G$19=$B$24,21,0),MOD($C3955,24)+1)/SUM(INDEX($D$3:$AA$30,INDEX(Jesper!$R$2:$R$366,ROW(INDEX(Jesper!AI$2:AI$366,ROUNDDOWN($C3955/24,0)+1,1))-1)+IF('Standard Profiles'!$G$19=$B$10,7,0)+IF('Standard Profiles'!$G$19=$B$17,14,0)+IF('Standard Profiles'!$G$19=$B$24,21,0),0)),0)</f>
        <v>13.316309792014053</v>
      </c>
      <c r="F3955" cm="1">
        <f t="array" ref="F3955">IFERROR(INDEX(Jesper!AJ$2:AJ$366,ROUNDDOWN($C3955/24,0)+1,1)*INDEX($D$3:$AA$30,INDEX(Jesper!$R$2:$R$366,ROW(INDEX(Jesper!AJ$2:AJ$366,ROUNDDOWN($C3955/24,0)+1,1))-1)+IF('Standard Profiles'!$G$20=$B$10,7,0)+IF('Standard Profiles'!$G$20=$B$17,14,0)+IF('Standard Profiles'!$G$20=$B$24,21,0),MOD($C3955,24)+1)/SUM(INDEX($D$3:$AA$30,INDEX(Jesper!$R$2:$R$366,ROW(INDEX(Jesper!AJ$2:AJ$366,ROUNDDOWN($C3955/24,0)+1,1))-1)+IF('Standard Profiles'!$G$20=$B$10,7,0)+IF('Standard Profiles'!$G$20=$B$17,14,0)+IF('Standard Profiles'!$G$20=$B$24,21,0),0)),0)</f>
        <v>0</v>
      </c>
      <c r="G3955" cm="1">
        <f t="array" ref="G3955">IFERROR(INDEX(Jesper!AK$2:AK$366,ROUNDDOWN($C3955/24,0)+1,1)*INDEX($D$3:$AA$30,INDEX(Jesper!$R$2:$R$366,ROW(INDEX(Jesper!AK$2:AK$366,ROUNDDOWN($C3955/24,0)+1,1))-1)+IF('Standard Profiles'!$G$21=$B$10,7,0)+IF('Standard Profiles'!$G$21=$B$17,14,0)+IF('Standard Profiles'!$G$21=$B$24,21,0),MOD($C3955,24)+1)/SUM(INDEX($D$3:$AA$30,INDEX(Jesper!$R$2:$R$366,ROW(INDEX(Jesper!AK$2:AK$366,ROUNDDOWN($C3955/24,0)+1,1))-1)+IF('Standard Profiles'!$G$21=$B$10,7,0)+IF('Standard Profiles'!$G$21=$B$17,14,0)+IF('Standard Profiles'!$G$21=$B$24,21,0),0)),0)</f>
        <v>2.4441895604078376</v>
      </c>
      <c r="H3955" cm="1">
        <f t="array" ref="H3955">IFERROR(INDEX(Jesper!AL$2:AL$366,ROUNDDOWN($C3955/24,0)+1,1)*INDEX($D$3:$AA$30,INDEX(Jesper!$R$2:$R$366,ROW(INDEX(Jesper!AL$2:AL$366,ROUNDDOWN($C3955/24,0)+1,1))-1)+IF('Standard Profiles'!$G$22=$B$10,7,0)+IF('Standard Profiles'!$G$22=$B$17,14,0)+IF('Standard Profiles'!$G$22=$B$24,21,0),MOD($C3955,24)+1)/SUM(INDEX($D$3:$AA$30,INDEX(Jesper!$R$2:$R$366,ROW(INDEX(Jesper!AL$2:AL$366,ROUNDDOWN($C3955/24,0)+1,1))-1)+IF('Standard Profiles'!$G$22=$B$10,7,0)+IF('Standard Profiles'!$G$22=$B$17,14,0)+IF('Standard Profiles'!$G$22=$B$24,21,0),0)),0)</f>
        <v>0</v>
      </c>
      <c r="I3955">
        <f t="shared" si="447"/>
        <v>1.1732109889957614</v>
      </c>
      <c r="J3955">
        <f t="shared" si="448"/>
        <v>38.198258418296092</v>
      </c>
      <c r="K3955">
        <f t="shared" si="449"/>
        <v>2.9982184196660282</v>
      </c>
      <c r="L3955">
        <f t="shared" si="450"/>
        <v>1.4991092098330141</v>
      </c>
      <c r="M3955">
        <f t="shared" si="451"/>
        <v>0</v>
      </c>
      <c r="N3955" s="45">
        <f t="shared" si="452"/>
        <v>45090.37499999049</v>
      </c>
    </row>
    <row r="3956" spans="2:14" x14ac:dyDescent="0.25">
      <c r="B3956">
        <f t="shared" si="446"/>
        <v>2</v>
      </c>
      <c r="C3956" s="16">
        <v>3922</v>
      </c>
      <c r="D3956" cm="1">
        <f t="array" ref="D3956">IFERROR(INDEX(Jesper!AH$2:AH$366,ROUNDDOWN($C3956/24,0)+1,1)*INDEX($D$3:$AA$30,INDEX(Jesper!$R$2:$R$366,ROW(INDEX(Jesper!AH$2:AH$366,ROUNDDOWN($C3956/24,0)+1,1))-1)+IF('Standard Profiles'!$G$18=$B$10,7,0)+IF('Standard Profiles'!$G$18=$B$17,14,0)+IF('Standard Profiles'!$G$18=$B$24,21,0),MOD($C3956,24)+1)/SUM(INDEX($D$3:$AA$30,INDEX(Jesper!$R$2:$R$366,ROW(INDEX(Jesper!AH$2:AH$366,ROUNDDOWN($C3956/24,0)+1,1))-1)+IF('Standard Profiles'!$G$18=$B$10,7,0)+IF('Standard Profiles'!$G$18=$B$17,14,0)+IF('Standard Profiles'!$G$18=$B$24,21,0),0)),0)</f>
        <v>28.108297684369013</v>
      </c>
      <c r="E3956" cm="1">
        <f t="array" ref="E3956">IFERROR(INDEX(Jesper!AI$2:AI$366,ROUNDDOWN($C3956/24,0)+1,1)*INDEX($D$3:$AA$30,INDEX(Jesper!$R$2:$R$366,ROW(INDEX(Jesper!AI$2:AI$366,ROUNDDOWN($C3956/24,0)+1,1))-1)+IF('Standard Profiles'!$G$19=$B$10,7,0)+IF('Standard Profiles'!$G$19=$B$17,14,0)+IF('Standard Profiles'!$G$19=$B$24,21,0),MOD($C3956,24)+1)/SUM(INDEX($D$3:$AA$30,INDEX(Jesper!$R$2:$R$366,ROW(INDEX(Jesper!AI$2:AI$366,ROUNDDOWN($C3956/24,0)+1,1))-1)+IF('Standard Profiles'!$G$19=$B$10,7,0)+IF('Standard Profiles'!$G$19=$B$17,14,0)+IF('Standard Profiles'!$G$19=$B$24,21,0),0)),0)</f>
        <v>13.316309792014053</v>
      </c>
      <c r="F3956" cm="1">
        <f t="array" ref="F3956">IFERROR(INDEX(Jesper!AJ$2:AJ$366,ROUNDDOWN($C3956/24,0)+1,1)*INDEX($D$3:$AA$30,INDEX(Jesper!$R$2:$R$366,ROW(INDEX(Jesper!AJ$2:AJ$366,ROUNDDOWN($C3956/24,0)+1,1))-1)+IF('Standard Profiles'!$G$20=$B$10,7,0)+IF('Standard Profiles'!$G$20=$B$17,14,0)+IF('Standard Profiles'!$G$20=$B$24,21,0),MOD($C3956,24)+1)/SUM(INDEX($D$3:$AA$30,INDEX(Jesper!$R$2:$R$366,ROW(INDEX(Jesper!AJ$2:AJ$366,ROUNDDOWN($C3956/24,0)+1,1))-1)+IF('Standard Profiles'!$G$20=$B$10,7,0)+IF('Standard Profiles'!$G$20=$B$17,14,0)+IF('Standard Profiles'!$G$20=$B$24,21,0),0)),0)</f>
        <v>0</v>
      </c>
      <c r="G3956" cm="1">
        <f t="array" ref="G3956">IFERROR(INDEX(Jesper!AK$2:AK$366,ROUNDDOWN($C3956/24,0)+1,1)*INDEX($D$3:$AA$30,INDEX(Jesper!$R$2:$R$366,ROW(INDEX(Jesper!AK$2:AK$366,ROUNDDOWN($C3956/24,0)+1,1))-1)+IF('Standard Profiles'!$G$21=$B$10,7,0)+IF('Standard Profiles'!$G$21=$B$17,14,0)+IF('Standard Profiles'!$G$21=$B$24,21,0),MOD($C3956,24)+1)/SUM(INDEX($D$3:$AA$30,INDEX(Jesper!$R$2:$R$366,ROW(INDEX(Jesper!AK$2:AK$366,ROUNDDOWN($C3956/24,0)+1,1))-1)+IF('Standard Profiles'!$G$21=$B$10,7,0)+IF('Standard Profiles'!$G$21=$B$17,14,0)+IF('Standard Profiles'!$G$21=$B$24,21,0),0)),0)</f>
        <v>2.4441895604078376</v>
      </c>
      <c r="H3956" cm="1">
        <f t="array" ref="H3956">IFERROR(INDEX(Jesper!AL$2:AL$366,ROUNDDOWN($C3956/24,0)+1,1)*INDEX($D$3:$AA$30,INDEX(Jesper!$R$2:$R$366,ROW(INDEX(Jesper!AL$2:AL$366,ROUNDDOWN($C3956/24,0)+1,1))-1)+IF('Standard Profiles'!$G$22=$B$10,7,0)+IF('Standard Profiles'!$G$22=$B$17,14,0)+IF('Standard Profiles'!$G$22=$B$24,21,0),MOD($C3956,24)+1)/SUM(INDEX($D$3:$AA$30,INDEX(Jesper!$R$2:$R$366,ROW(INDEX(Jesper!AL$2:AL$366,ROUNDDOWN($C3956/24,0)+1,1))-1)+IF('Standard Profiles'!$G$22=$B$10,7,0)+IF('Standard Profiles'!$G$22=$B$17,14,0)+IF('Standard Profiles'!$G$22=$B$24,21,0),0)),0)</f>
        <v>0</v>
      </c>
      <c r="I3956">
        <f t="shared" si="447"/>
        <v>1.1732109889957614</v>
      </c>
      <c r="J3956">
        <f t="shared" si="448"/>
        <v>38.198258418296092</v>
      </c>
      <c r="K3956">
        <f t="shared" si="449"/>
        <v>2.9982184196660282</v>
      </c>
      <c r="L3956">
        <f t="shared" si="450"/>
        <v>1.4991092098330141</v>
      </c>
      <c r="M3956">
        <f t="shared" si="451"/>
        <v>0</v>
      </c>
      <c r="N3956" s="45">
        <f t="shared" si="452"/>
        <v>45090.416666657155</v>
      </c>
    </row>
    <row r="3957" spans="2:14" x14ac:dyDescent="0.25">
      <c r="B3957">
        <f t="shared" si="446"/>
        <v>2</v>
      </c>
      <c r="C3957" s="16">
        <v>3923</v>
      </c>
      <c r="D3957" cm="1">
        <f t="array" ref="D3957">IFERROR(INDEX(Jesper!AH$2:AH$366,ROUNDDOWN($C3957/24,0)+1,1)*INDEX($D$3:$AA$30,INDEX(Jesper!$R$2:$R$366,ROW(INDEX(Jesper!AH$2:AH$366,ROUNDDOWN($C3957/24,0)+1,1))-1)+IF('Standard Profiles'!$G$18=$B$10,7,0)+IF('Standard Profiles'!$G$18=$B$17,14,0)+IF('Standard Profiles'!$G$18=$B$24,21,0),MOD($C3957,24)+1)/SUM(INDEX($D$3:$AA$30,INDEX(Jesper!$R$2:$R$366,ROW(INDEX(Jesper!AH$2:AH$366,ROUNDDOWN($C3957/24,0)+1,1))-1)+IF('Standard Profiles'!$G$18=$B$10,7,0)+IF('Standard Profiles'!$G$18=$B$17,14,0)+IF('Standard Profiles'!$G$18=$B$24,21,0),0)),0)</f>
        <v>33.633860477022743</v>
      </c>
      <c r="E3957" cm="1">
        <f t="array" ref="E3957">IFERROR(INDEX(Jesper!AI$2:AI$366,ROUNDDOWN($C3957/24,0)+1,1)*INDEX($D$3:$AA$30,INDEX(Jesper!$R$2:$R$366,ROW(INDEX(Jesper!AI$2:AI$366,ROUNDDOWN($C3957/24,0)+1,1))-1)+IF('Standard Profiles'!$G$19=$B$10,7,0)+IF('Standard Profiles'!$G$19=$B$17,14,0)+IF('Standard Profiles'!$G$19=$B$24,21,0),MOD($C3957,24)+1)/SUM(INDEX($D$3:$AA$30,INDEX(Jesper!$R$2:$R$366,ROW(INDEX(Jesper!AI$2:AI$366,ROUNDDOWN($C3957/24,0)+1,1))-1)+IF('Standard Profiles'!$G$19=$B$10,7,0)+IF('Standard Profiles'!$G$19=$B$17,14,0)+IF('Standard Profiles'!$G$19=$B$24,21,0),0)),0)</f>
        <v>15.934045904974081</v>
      </c>
      <c r="F3957" cm="1">
        <f t="array" ref="F3957">IFERROR(INDEX(Jesper!AJ$2:AJ$366,ROUNDDOWN($C3957/24,0)+1,1)*INDEX($D$3:$AA$30,INDEX(Jesper!$R$2:$R$366,ROW(INDEX(Jesper!AJ$2:AJ$366,ROUNDDOWN($C3957/24,0)+1,1))-1)+IF('Standard Profiles'!$G$20=$B$10,7,0)+IF('Standard Profiles'!$G$20=$B$17,14,0)+IF('Standard Profiles'!$G$20=$B$24,21,0),MOD($C3957,24)+1)/SUM(INDEX($D$3:$AA$30,INDEX(Jesper!$R$2:$R$366,ROW(INDEX(Jesper!AJ$2:AJ$366,ROUNDDOWN($C3957/24,0)+1,1))-1)+IF('Standard Profiles'!$G$20=$B$10,7,0)+IF('Standard Profiles'!$G$20=$B$17,14,0)+IF('Standard Profiles'!$G$20=$B$24,21,0),0)),0)</f>
        <v>0</v>
      </c>
      <c r="G3957" cm="1">
        <f t="array" ref="G3957">IFERROR(INDEX(Jesper!AK$2:AK$366,ROUNDDOWN($C3957/24,0)+1,1)*INDEX($D$3:$AA$30,INDEX(Jesper!$R$2:$R$366,ROW(INDEX(Jesper!AK$2:AK$366,ROUNDDOWN($C3957/24,0)+1,1))-1)+IF('Standard Profiles'!$G$21=$B$10,7,0)+IF('Standard Profiles'!$G$21=$B$17,14,0)+IF('Standard Profiles'!$G$21=$B$24,21,0),MOD($C3957,24)+1)/SUM(INDEX($D$3:$AA$30,INDEX(Jesper!$R$2:$R$366,ROW(INDEX(Jesper!AK$2:AK$366,ROUNDDOWN($C3957/24,0)+1,1))-1)+IF('Standard Profiles'!$G$21=$B$10,7,0)+IF('Standard Profiles'!$G$21=$B$17,14,0)+IF('Standard Profiles'!$G$21=$B$24,21,0),0)),0)</f>
        <v>2.9246712688640799</v>
      </c>
      <c r="H3957" cm="1">
        <f t="array" ref="H3957">IFERROR(INDEX(Jesper!AL$2:AL$366,ROUNDDOWN($C3957/24,0)+1,1)*INDEX($D$3:$AA$30,INDEX(Jesper!$R$2:$R$366,ROW(INDEX(Jesper!AL$2:AL$366,ROUNDDOWN($C3957/24,0)+1,1))-1)+IF('Standard Profiles'!$G$22=$B$10,7,0)+IF('Standard Profiles'!$G$22=$B$17,14,0)+IF('Standard Profiles'!$G$22=$B$24,21,0),MOD($C3957,24)+1)/SUM(INDEX($D$3:$AA$30,INDEX(Jesper!$R$2:$R$366,ROW(INDEX(Jesper!AL$2:AL$366,ROUNDDOWN($C3957/24,0)+1,1))-1)+IF('Standard Profiles'!$G$22=$B$10,7,0)+IF('Standard Profiles'!$G$22=$B$17,14,0)+IF('Standard Profiles'!$G$22=$B$24,21,0),0)),0)</f>
        <v>0</v>
      </c>
      <c r="I3957">
        <f t="shared" si="447"/>
        <v>1.4038422090547578</v>
      </c>
      <c r="J3957">
        <f t="shared" si="448"/>
        <v>45.707317765482507</v>
      </c>
      <c r="K3957">
        <f t="shared" si="449"/>
        <v>3.5876117842157593</v>
      </c>
      <c r="L3957">
        <f t="shared" si="450"/>
        <v>1.7938058921078797</v>
      </c>
      <c r="M3957">
        <f t="shared" si="451"/>
        <v>0</v>
      </c>
      <c r="N3957" s="45">
        <f t="shared" si="452"/>
        <v>45090.458333323819</v>
      </c>
    </row>
    <row r="3958" spans="2:14" x14ac:dyDescent="0.25">
      <c r="B3958">
        <f t="shared" si="446"/>
        <v>2</v>
      </c>
      <c r="C3958" s="16">
        <v>3924</v>
      </c>
      <c r="D3958" cm="1">
        <f t="array" ref="D3958">IFERROR(INDEX(Jesper!AH$2:AH$366,ROUNDDOWN($C3958/24,0)+1,1)*INDEX($D$3:$AA$30,INDEX(Jesper!$R$2:$R$366,ROW(INDEX(Jesper!AH$2:AH$366,ROUNDDOWN($C3958/24,0)+1,1))-1)+IF('Standard Profiles'!$G$18=$B$10,7,0)+IF('Standard Profiles'!$G$18=$B$17,14,0)+IF('Standard Profiles'!$G$18=$B$24,21,0),MOD($C3958,24)+1)/SUM(INDEX($D$3:$AA$30,INDEX(Jesper!$R$2:$R$366,ROW(INDEX(Jesper!AH$2:AH$366,ROUNDDOWN($C3958/24,0)+1,1))-1)+IF('Standard Profiles'!$G$18=$B$10,7,0)+IF('Standard Profiles'!$G$18=$B$17,14,0)+IF('Standard Profiles'!$G$18=$B$24,21,0),0)),0)</f>
        <v>33.633860477022743</v>
      </c>
      <c r="E3958" cm="1">
        <f t="array" ref="E3958">IFERROR(INDEX(Jesper!AI$2:AI$366,ROUNDDOWN($C3958/24,0)+1,1)*INDEX($D$3:$AA$30,INDEX(Jesper!$R$2:$R$366,ROW(INDEX(Jesper!AI$2:AI$366,ROUNDDOWN($C3958/24,0)+1,1))-1)+IF('Standard Profiles'!$G$19=$B$10,7,0)+IF('Standard Profiles'!$G$19=$B$17,14,0)+IF('Standard Profiles'!$G$19=$B$24,21,0),MOD($C3958,24)+1)/SUM(INDEX($D$3:$AA$30,INDEX(Jesper!$R$2:$R$366,ROW(INDEX(Jesper!AI$2:AI$366,ROUNDDOWN($C3958/24,0)+1,1))-1)+IF('Standard Profiles'!$G$19=$B$10,7,0)+IF('Standard Profiles'!$G$19=$B$17,14,0)+IF('Standard Profiles'!$G$19=$B$24,21,0),0)),0)</f>
        <v>15.934045904974081</v>
      </c>
      <c r="F3958" cm="1">
        <f t="array" ref="F3958">IFERROR(INDEX(Jesper!AJ$2:AJ$366,ROUNDDOWN($C3958/24,0)+1,1)*INDEX($D$3:$AA$30,INDEX(Jesper!$R$2:$R$366,ROW(INDEX(Jesper!AJ$2:AJ$366,ROUNDDOWN($C3958/24,0)+1,1))-1)+IF('Standard Profiles'!$G$20=$B$10,7,0)+IF('Standard Profiles'!$G$20=$B$17,14,0)+IF('Standard Profiles'!$G$20=$B$24,21,0),MOD($C3958,24)+1)/SUM(INDEX($D$3:$AA$30,INDEX(Jesper!$R$2:$R$366,ROW(INDEX(Jesper!AJ$2:AJ$366,ROUNDDOWN($C3958/24,0)+1,1))-1)+IF('Standard Profiles'!$G$20=$B$10,7,0)+IF('Standard Profiles'!$G$20=$B$17,14,0)+IF('Standard Profiles'!$G$20=$B$24,21,0),0)),0)</f>
        <v>0</v>
      </c>
      <c r="G3958" cm="1">
        <f t="array" ref="G3958">IFERROR(INDEX(Jesper!AK$2:AK$366,ROUNDDOWN($C3958/24,0)+1,1)*INDEX($D$3:$AA$30,INDEX(Jesper!$R$2:$R$366,ROW(INDEX(Jesper!AK$2:AK$366,ROUNDDOWN($C3958/24,0)+1,1))-1)+IF('Standard Profiles'!$G$21=$B$10,7,0)+IF('Standard Profiles'!$G$21=$B$17,14,0)+IF('Standard Profiles'!$G$21=$B$24,21,0),MOD($C3958,24)+1)/SUM(INDEX($D$3:$AA$30,INDEX(Jesper!$R$2:$R$366,ROW(INDEX(Jesper!AK$2:AK$366,ROUNDDOWN($C3958/24,0)+1,1))-1)+IF('Standard Profiles'!$G$21=$B$10,7,0)+IF('Standard Profiles'!$G$21=$B$17,14,0)+IF('Standard Profiles'!$G$21=$B$24,21,0),0)),0)</f>
        <v>2.9246712688640799</v>
      </c>
      <c r="H3958" cm="1">
        <f t="array" ref="H3958">IFERROR(INDEX(Jesper!AL$2:AL$366,ROUNDDOWN($C3958/24,0)+1,1)*INDEX($D$3:$AA$30,INDEX(Jesper!$R$2:$R$366,ROW(INDEX(Jesper!AL$2:AL$366,ROUNDDOWN($C3958/24,0)+1,1))-1)+IF('Standard Profiles'!$G$22=$B$10,7,0)+IF('Standard Profiles'!$G$22=$B$17,14,0)+IF('Standard Profiles'!$G$22=$B$24,21,0),MOD($C3958,24)+1)/SUM(INDEX($D$3:$AA$30,INDEX(Jesper!$R$2:$R$366,ROW(INDEX(Jesper!AL$2:AL$366,ROUNDDOWN($C3958/24,0)+1,1))-1)+IF('Standard Profiles'!$G$22=$B$10,7,0)+IF('Standard Profiles'!$G$22=$B$17,14,0)+IF('Standard Profiles'!$G$22=$B$24,21,0),0)),0)</f>
        <v>0</v>
      </c>
      <c r="I3958">
        <f t="shared" si="447"/>
        <v>1.4038422090547578</v>
      </c>
      <c r="J3958">
        <f t="shared" si="448"/>
        <v>45.707317765482507</v>
      </c>
      <c r="K3958">
        <f t="shared" si="449"/>
        <v>3.5876117842157593</v>
      </c>
      <c r="L3958">
        <f t="shared" si="450"/>
        <v>1.7938058921078797</v>
      </c>
      <c r="M3958">
        <f t="shared" si="451"/>
        <v>0</v>
      </c>
      <c r="N3958" s="45">
        <f t="shared" si="452"/>
        <v>45090.499999990483</v>
      </c>
    </row>
    <row r="3959" spans="2:14" x14ac:dyDescent="0.25">
      <c r="B3959">
        <f t="shared" si="446"/>
        <v>2</v>
      </c>
      <c r="C3959" s="16">
        <v>3925</v>
      </c>
      <c r="D3959" cm="1">
        <f t="array" ref="D3959">IFERROR(INDEX(Jesper!AH$2:AH$366,ROUNDDOWN($C3959/24,0)+1,1)*INDEX($D$3:$AA$30,INDEX(Jesper!$R$2:$R$366,ROW(INDEX(Jesper!AH$2:AH$366,ROUNDDOWN($C3959/24,0)+1,1))-1)+IF('Standard Profiles'!$G$18=$B$10,7,0)+IF('Standard Profiles'!$G$18=$B$17,14,0)+IF('Standard Profiles'!$G$18=$B$24,21,0),MOD($C3959,24)+1)/SUM(INDEX($D$3:$AA$30,INDEX(Jesper!$R$2:$R$366,ROW(INDEX(Jesper!AH$2:AH$366,ROUNDDOWN($C3959/24,0)+1,1))-1)+IF('Standard Profiles'!$G$18=$B$10,7,0)+IF('Standard Profiles'!$G$18=$B$17,14,0)+IF('Standard Profiles'!$G$18=$B$24,21,0),0)),0)</f>
        <v>22.342493031165105</v>
      </c>
      <c r="E3959" cm="1">
        <f t="array" ref="E3959">IFERROR(INDEX(Jesper!AI$2:AI$366,ROUNDDOWN($C3959/24,0)+1,1)*INDEX($D$3:$AA$30,INDEX(Jesper!$R$2:$R$366,ROW(INDEX(Jesper!AI$2:AI$366,ROUNDDOWN($C3959/24,0)+1,1))-1)+IF('Standard Profiles'!$G$19=$B$10,7,0)+IF('Standard Profiles'!$G$19=$B$17,14,0)+IF('Standard Profiles'!$G$19=$B$24,21,0),MOD($C3959,24)+1)/SUM(INDEX($D$3:$AA$30,INDEX(Jesper!$R$2:$R$366,ROW(INDEX(Jesper!AI$2:AI$366,ROUNDDOWN($C3959/24,0)+1,1))-1)+IF('Standard Profiles'!$G$19=$B$10,7,0)+IF('Standard Profiles'!$G$19=$B$17,14,0)+IF('Standard Profiles'!$G$19=$B$24,21,0),0)),0)</f>
        <v>10.584759065447068</v>
      </c>
      <c r="F3959" cm="1">
        <f t="array" ref="F3959">IFERROR(INDEX(Jesper!AJ$2:AJ$366,ROUNDDOWN($C3959/24,0)+1,1)*INDEX($D$3:$AA$30,INDEX(Jesper!$R$2:$R$366,ROW(INDEX(Jesper!AJ$2:AJ$366,ROUNDDOWN($C3959/24,0)+1,1))-1)+IF('Standard Profiles'!$G$20=$B$10,7,0)+IF('Standard Profiles'!$G$20=$B$17,14,0)+IF('Standard Profiles'!$G$20=$B$24,21,0),MOD($C3959,24)+1)/SUM(INDEX($D$3:$AA$30,INDEX(Jesper!$R$2:$R$366,ROW(INDEX(Jesper!AJ$2:AJ$366,ROUNDDOWN($C3959/24,0)+1,1))-1)+IF('Standard Profiles'!$G$20=$B$10,7,0)+IF('Standard Profiles'!$G$20=$B$17,14,0)+IF('Standard Profiles'!$G$20=$B$24,21,0),0)),0)</f>
        <v>0</v>
      </c>
      <c r="G3959" cm="1">
        <f t="array" ref="G3959">IFERROR(INDEX(Jesper!AK$2:AK$366,ROUNDDOWN($C3959/24,0)+1,1)*INDEX($D$3:$AA$30,INDEX(Jesper!$R$2:$R$366,ROW(INDEX(Jesper!AK$2:AK$366,ROUNDDOWN($C3959/24,0)+1,1))-1)+IF('Standard Profiles'!$G$21=$B$10,7,0)+IF('Standard Profiles'!$G$21=$B$17,14,0)+IF('Standard Profiles'!$G$21=$B$24,21,0),MOD($C3959,24)+1)/SUM(INDEX($D$3:$AA$30,INDEX(Jesper!$R$2:$R$366,ROW(INDEX(Jesper!AK$2:AK$366,ROUNDDOWN($C3959/24,0)+1,1))-1)+IF('Standard Profiles'!$G$21=$B$10,7,0)+IF('Standard Profiles'!$G$21=$B$17,14,0)+IF('Standard Profiles'!$G$21=$B$24,21,0),0)),0)</f>
        <v>1.9428173428882811</v>
      </c>
      <c r="H3959" cm="1">
        <f t="array" ref="H3959">IFERROR(INDEX(Jesper!AL$2:AL$366,ROUNDDOWN($C3959/24,0)+1,1)*INDEX($D$3:$AA$30,INDEX(Jesper!$R$2:$R$366,ROW(INDEX(Jesper!AL$2:AL$366,ROUNDDOWN($C3959/24,0)+1,1))-1)+IF('Standard Profiles'!$G$22=$B$10,7,0)+IF('Standard Profiles'!$G$22=$B$17,14,0)+IF('Standard Profiles'!$G$22=$B$24,21,0),MOD($C3959,24)+1)/SUM(INDEX($D$3:$AA$30,INDEX(Jesper!$R$2:$R$366,ROW(INDEX(Jesper!AL$2:AL$366,ROUNDDOWN($C3959/24,0)+1,1))-1)+IF('Standard Profiles'!$G$22=$B$10,7,0)+IF('Standard Profiles'!$G$22=$B$17,14,0)+IF('Standard Profiles'!$G$22=$B$24,21,0),0)),0)</f>
        <v>0</v>
      </c>
      <c r="I3959">
        <f t="shared" si="447"/>
        <v>0.93255232458637449</v>
      </c>
      <c r="J3959">
        <f t="shared" si="448"/>
        <v>30.362718229927665</v>
      </c>
      <c r="K3959">
        <f t="shared" si="449"/>
        <v>2.3831992566576115</v>
      </c>
      <c r="L3959">
        <f t="shared" si="450"/>
        <v>1.1915996283288057</v>
      </c>
      <c r="M3959">
        <f t="shared" si="451"/>
        <v>0</v>
      </c>
      <c r="N3959" s="45">
        <f t="shared" si="452"/>
        <v>45090.541666657147</v>
      </c>
    </row>
    <row r="3960" spans="2:14" x14ac:dyDescent="0.25">
      <c r="B3960">
        <f t="shared" si="446"/>
        <v>2</v>
      </c>
      <c r="C3960" s="16">
        <v>3926</v>
      </c>
      <c r="D3960" cm="1">
        <f t="array" ref="D3960">IFERROR(INDEX(Jesper!AH$2:AH$366,ROUNDDOWN($C3960/24,0)+1,1)*INDEX($D$3:$AA$30,INDEX(Jesper!$R$2:$R$366,ROW(INDEX(Jesper!AH$2:AH$366,ROUNDDOWN($C3960/24,0)+1,1))-1)+IF('Standard Profiles'!$G$18=$B$10,7,0)+IF('Standard Profiles'!$G$18=$B$17,14,0)+IF('Standard Profiles'!$G$18=$B$24,21,0),MOD($C3960,24)+1)/SUM(INDEX($D$3:$AA$30,INDEX(Jesper!$R$2:$R$366,ROW(INDEX(Jesper!AH$2:AH$366,ROUNDDOWN($C3960/24,0)+1,1))-1)+IF('Standard Profiles'!$G$18=$B$10,7,0)+IF('Standard Profiles'!$G$18=$B$17,14,0)+IF('Standard Profiles'!$G$18=$B$24,21,0),0)),0)</f>
        <v>33.633860477022743</v>
      </c>
      <c r="E3960" cm="1">
        <f t="array" ref="E3960">IFERROR(INDEX(Jesper!AI$2:AI$366,ROUNDDOWN($C3960/24,0)+1,1)*INDEX($D$3:$AA$30,INDEX(Jesper!$R$2:$R$366,ROW(INDEX(Jesper!AI$2:AI$366,ROUNDDOWN($C3960/24,0)+1,1))-1)+IF('Standard Profiles'!$G$19=$B$10,7,0)+IF('Standard Profiles'!$G$19=$B$17,14,0)+IF('Standard Profiles'!$G$19=$B$24,21,0),MOD($C3960,24)+1)/SUM(INDEX($D$3:$AA$30,INDEX(Jesper!$R$2:$R$366,ROW(INDEX(Jesper!AI$2:AI$366,ROUNDDOWN($C3960/24,0)+1,1))-1)+IF('Standard Profiles'!$G$19=$B$10,7,0)+IF('Standard Profiles'!$G$19=$B$17,14,0)+IF('Standard Profiles'!$G$19=$B$24,21,0),0)),0)</f>
        <v>15.934045904974081</v>
      </c>
      <c r="F3960" cm="1">
        <f t="array" ref="F3960">IFERROR(INDEX(Jesper!AJ$2:AJ$366,ROUNDDOWN($C3960/24,0)+1,1)*INDEX($D$3:$AA$30,INDEX(Jesper!$R$2:$R$366,ROW(INDEX(Jesper!AJ$2:AJ$366,ROUNDDOWN($C3960/24,0)+1,1))-1)+IF('Standard Profiles'!$G$20=$B$10,7,0)+IF('Standard Profiles'!$G$20=$B$17,14,0)+IF('Standard Profiles'!$G$20=$B$24,21,0),MOD($C3960,24)+1)/SUM(INDEX($D$3:$AA$30,INDEX(Jesper!$R$2:$R$366,ROW(INDEX(Jesper!AJ$2:AJ$366,ROUNDDOWN($C3960/24,0)+1,1))-1)+IF('Standard Profiles'!$G$20=$B$10,7,0)+IF('Standard Profiles'!$G$20=$B$17,14,0)+IF('Standard Profiles'!$G$20=$B$24,21,0),0)),0)</f>
        <v>0</v>
      </c>
      <c r="G3960" cm="1">
        <f t="array" ref="G3960">IFERROR(INDEX(Jesper!AK$2:AK$366,ROUNDDOWN($C3960/24,0)+1,1)*INDEX($D$3:$AA$30,INDEX(Jesper!$R$2:$R$366,ROW(INDEX(Jesper!AK$2:AK$366,ROUNDDOWN($C3960/24,0)+1,1))-1)+IF('Standard Profiles'!$G$21=$B$10,7,0)+IF('Standard Profiles'!$G$21=$B$17,14,0)+IF('Standard Profiles'!$G$21=$B$24,21,0),MOD($C3960,24)+1)/SUM(INDEX($D$3:$AA$30,INDEX(Jesper!$R$2:$R$366,ROW(INDEX(Jesper!AK$2:AK$366,ROUNDDOWN($C3960/24,0)+1,1))-1)+IF('Standard Profiles'!$G$21=$B$10,7,0)+IF('Standard Profiles'!$G$21=$B$17,14,0)+IF('Standard Profiles'!$G$21=$B$24,21,0),0)),0)</f>
        <v>2.9246712688640799</v>
      </c>
      <c r="H3960" cm="1">
        <f t="array" ref="H3960">IFERROR(INDEX(Jesper!AL$2:AL$366,ROUNDDOWN($C3960/24,0)+1,1)*INDEX($D$3:$AA$30,INDEX(Jesper!$R$2:$R$366,ROW(INDEX(Jesper!AL$2:AL$366,ROUNDDOWN($C3960/24,0)+1,1))-1)+IF('Standard Profiles'!$G$22=$B$10,7,0)+IF('Standard Profiles'!$G$22=$B$17,14,0)+IF('Standard Profiles'!$G$22=$B$24,21,0),MOD($C3960,24)+1)/SUM(INDEX($D$3:$AA$30,INDEX(Jesper!$R$2:$R$366,ROW(INDEX(Jesper!AL$2:AL$366,ROUNDDOWN($C3960/24,0)+1,1))-1)+IF('Standard Profiles'!$G$22=$B$10,7,0)+IF('Standard Profiles'!$G$22=$B$17,14,0)+IF('Standard Profiles'!$G$22=$B$24,21,0),0)),0)</f>
        <v>0</v>
      </c>
      <c r="I3960">
        <f t="shared" si="447"/>
        <v>1.4038422090547578</v>
      </c>
      <c r="J3960">
        <f t="shared" si="448"/>
        <v>45.707317765482507</v>
      </c>
      <c r="K3960">
        <f t="shared" si="449"/>
        <v>3.5876117842157593</v>
      </c>
      <c r="L3960">
        <f t="shared" si="450"/>
        <v>1.7938058921078797</v>
      </c>
      <c r="M3960">
        <f t="shared" si="451"/>
        <v>0</v>
      </c>
      <c r="N3960" s="45">
        <f t="shared" si="452"/>
        <v>45090.583333323812</v>
      </c>
    </row>
    <row r="3961" spans="2:14" x14ac:dyDescent="0.25">
      <c r="B3961">
        <f t="shared" si="446"/>
        <v>2</v>
      </c>
      <c r="C3961" s="16">
        <v>3927</v>
      </c>
      <c r="D3961" cm="1">
        <f t="array" ref="D3961">IFERROR(INDEX(Jesper!AH$2:AH$366,ROUNDDOWN($C3961/24,0)+1,1)*INDEX($D$3:$AA$30,INDEX(Jesper!$R$2:$R$366,ROW(INDEX(Jesper!AH$2:AH$366,ROUNDDOWN($C3961/24,0)+1,1))-1)+IF('Standard Profiles'!$G$18=$B$10,7,0)+IF('Standard Profiles'!$G$18=$B$17,14,0)+IF('Standard Profiles'!$G$18=$B$24,21,0),MOD($C3961,24)+1)/SUM(INDEX($D$3:$AA$30,INDEX(Jesper!$R$2:$R$366,ROW(INDEX(Jesper!AH$2:AH$366,ROUNDDOWN($C3961/24,0)+1,1))-1)+IF('Standard Profiles'!$G$18=$B$10,7,0)+IF('Standard Profiles'!$G$18=$B$17,14,0)+IF('Standard Profiles'!$G$18=$B$24,21,0),0)),0)</f>
        <v>33.633860477022743</v>
      </c>
      <c r="E3961" cm="1">
        <f t="array" ref="E3961">IFERROR(INDEX(Jesper!AI$2:AI$366,ROUNDDOWN($C3961/24,0)+1,1)*INDEX($D$3:$AA$30,INDEX(Jesper!$R$2:$R$366,ROW(INDEX(Jesper!AI$2:AI$366,ROUNDDOWN($C3961/24,0)+1,1))-1)+IF('Standard Profiles'!$G$19=$B$10,7,0)+IF('Standard Profiles'!$G$19=$B$17,14,0)+IF('Standard Profiles'!$G$19=$B$24,21,0),MOD($C3961,24)+1)/SUM(INDEX($D$3:$AA$30,INDEX(Jesper!$R$2:$R$366,ROW(INDEX(Jesper!AI$2:AI$366,ROUNDDOWN($C3961/24,0)+1,1))-1)+IF('Standard Profiles'!$G$19=$B$10,7,0)+IF('Standard Profiles'!$G$19=$B$17,14,0)+IF('Standard Profiles'!$G$19=$B$24,21,0),0)),0)</f>
        <v>15.934045904974081</v>
      </c>
      <c r="F3961" cm="1">
        <f t="array" ref="F3961">IFERROR(INDEX(Jesper!AJ$2:AJ$366,ROUNDDOWN($C3961/24,0)+1,1)*INDEX($D$3:$AA$30,INDEX(Jesper!$R$2:$R$366,ROW(INDEX(Jesper!AJ$2:AJ$366,ROUNDDOWN($C3961/24,0)+1,1))-1)+IF('Standard Profiles'!$G$20=$B$10,7,0)+IF('Standard Profiles'!$G$20=$B$17,14,0)+IF('Standard Profiles'!$G$20=$B$24,21,0),MOD($C3961,24)+1)/SUM(INDEX($D$3:$AA$30,INDEX(Jesper!$R$2:$R$366,ROW(INDEX(Jesper!AJ$2:AJ$366,ROUNDDOWN($C3961/24,0)+1,1))-1)+IF('Standard Profiles'!$G$20=$B$10,7,0)+IF('Standard Profiles'!$G$20=$B$17,14,0)+IF('Standard Profiles'!$G$20=$B$24,21,0),0)),0)</f>
        <v>0</v>
      </c>
      <c r="G3961" cm="1">
        <f t="array" ref="G3961">IFERROR(INDEX(Jesper!AK$2:AK$366,ROUNDDOWN($C3961/24,0)+1,1)*INDEX($D$3:$AA$30,INDEX(Jesper!$R$2:$R$366,ROW(INDEX(Jesper!AK$2:AK$366,ROUNDDOWN($C3961/24,0)+1,1))-1)+IF('Standard Profiles'!$G$21=$B$10,7,0)+IF('Standard Profiles'!$G$21=$B$17,14,0)+IF('Standard Profiles'!$G$21=$B$24,21,0),MOD($C3961,24)+1)/SUM(INDEX($D$3:$AA$30,INDEX(Jesper!$R$2:$R$366,ROW(INDEX(Jesper!AK$2:AK$366,ROUNDDOWN($C3961/24,0)+1,1))-1)+IF('Standard Profiles'!$G$21=$B$10,7,0)+IF('Standard Profiles'!$G$21=$B$17,14,0)+IF('Standard Profiles'!$G$21=$B$24,21,0),0)),0)</f>
        <v>2.9246712688640799</v>
      </c>
      <c r="H3961" cm="1">
        <f t="array" ref="H3961">IFERROR(INDEX(Jesper!AL$2:AL$366,ROUNDDOWN($C3961/24,0)+1,1)*INDEX($D$3:$AA$30,INDEX(Jesper!$R$2:$R$366,ROW(INDEX(Jesper!AL$2:AL$366,ROUNDDOWN($C3961/24,0)+1,1))-1)+IF('Standard Profiles'!$G$22=$B$10,7,0)+IF('Standard Profiles'!$G$22=$B$17,14,0)+IF('Standard Profiles'!$G$22=$B$24,21,0),MOD($C3961,24)+1)/SUM(INDEX($D$3:$AA$30,INDEX(Jesper!$R$2:$R$366,ROW(INDEX(Jesper!AL$2:AL$366,ROUNDDOWN($C3961/24,0)+1,1))-1)+IF('Standard Profiles'!$G$22=$B$10,7,0)+IF('Standard Profiles'!$G$22=$B$17,14,0)+IF('Standard Profiles'!$G$22=$B$24,21,0),0)),0)</f>
        <v>0</v>
      </c>
      <c r="I3961">
        <f t="shared" si="447"/>
        <v>1.4038422090547578</v>
      </c>
      <c r="J3961">
        <f t="shared" si="448"/>
        <v>45.707317765482507</v>
      </c>
      <c r="K3961">
        <f t="shared" si="449"/>
        <v>3.5876117842157593</v>
      </c>
      <c r="L3961">
        <f t="shared" si="450"/>
        <v>1.7938058921078797</v>
      </c>
      <c r="M3961">
        <f t="shared" si="451"/>
        <v>0</v>
      </c>
      <c r="N3961" s="45">
        <f t="shared" si="452"/>
        <v>45090.624999990476</v>
      </c>
    </row>
    <row r="3962" spans="2:14" x14ac:dyDescent="0.25">
      <c r="B3962">
        <f t="shared" si="446"/>
        <v>2</v>
      </c>
      <c r="C3962" s="16">
        <v>3928</v>
      </c>
      <c r="D3962" cm="1">
        <f t="array" ref="D3962">IFERROR(INDEX(Jesper!AH$2:AH$366,ROUNDDOWN($C3962/24,0)+1,1)*INDEX($D$3:$AA$30,INDEX(Jesper!$R$2:$R$366,ROW(INDEX(Jesper!AH$2:AH$366,ROUNDDOWN($C3962/24,0)+1,1))-1)+IF('Standard Profiles'!$G$18=$B$10,7,0)+IF('Standard Profiles'!$G$18=$B$17,14,0)+IF('Standard Profiles'!$G$18=$B$24,21,0),MOD($C3962,24)+1)/SUM(INDEX($D$3:$AA$30,INDEX(Jesper!$R$2:$R$366,ROW(INDEX(Jesper!AH$2:AH$366,ROUNDDOWN($C3962/24,0)+1,1))-1)+IF('Standard Profiles'!$G$18=$B$10,7,0)+IF('Standard Profiles'!$G$18=$B$17,14,0)+IF('Standard Profiles'!$G$18=$B$24,21,0),0)),0)</f>
        <v>19.819953495388404</v>
      </c>
      <c r="E3962" cm="1">
        <f t="array" ref="E3962">IFERROR(INDEX(Jesper!AI$2:AI$366,ROUNDDOWN($C3962/24,0)+1,1)*INDEX($D$3:$AA$30,INDEX(Jesper!$R$2:$R$366,ROW(INDEX(Jesper!AI$2:AI$366,ROUNDDOWN($C3962/24,0)+1,1))-1)+IF('Standard Profiles'!$G$19=$B$10,7,0)+IF('Standard Profiles'!$G$19=$B$17,14,0)+IF('Standard Profiles'!$G$19=$B$24,21,0),MOD($C3962,24)+1)/SUM(INDEX($D$3:$AA$30,INDEX(Jesper!$R$2:$R$366,ROW(INDEX(Jesper!AI$2:AI$366,ROUNDDOWN($C3962/24,0)+1,1))-1)+IF('Standard Profiles'!$G$19=$B$10,7,0)+IF('Standard Profiles'!$G$19=$B$17,14,0)+IF('Standard Profiles'!$G$19=$B$24,21,0),0)),0)</f>
        <v>9.389705622574013</v>
      </c>
      <c r="F3962" cm="1">
        <f t="array" ref="F3962">IFERROR(INDEX(Jesper!AJ$2:AJ$366,ROUNDDOWN($C3962/24,0)+1,1)*INDEX($D$3:$AA$30,INDEX(Jesper!$R$2:$R$366,ROW(INDEX(Jesper!AJ$2:AJ$366,ROUNDDOWN($C3962/24,0)+1,1))-1)+IF('Standard Profiles'!$G$20=$B$10,7,0)+IF('Standard Profiles'!$G$20=$B$17,14,0)+IF('Standard Profiles'!$G$20=$B$24,21,0),MOD($C3962,24)+1)/SUM(INDEX($D$3:$AA$30,INDEX(Jesper!$R$2:$R$366,ROW(INDEX(Jesper!AJ$2:AJ$366,ROUNDDOWN($C3962/24,0)+1,1))-1)+IF('Standard Profiles'!$G$20=$B$10,7,0)+IF('Standard Profiles'!$G$20=$B$17,14,0)+IF('Standard Profiles'!$G$20=$B$24,21,0),0)),0)</f>
        <v>0</v>
      </c>
      <c r="G3962" cm="1">
        <f t="array" ref="G3962">IFERROR(INDEX(Jesper!AK$2:AK$366,ROUNDDOWN($C3962/24,0)+1,1)*INDEX($D$3:$AA$30,INDEX(Jesper!$R$2:$R$366,ROW(INDEX(Jesper!AK$2:AK$366,ROUNDDOWN($C3962/24,0)+1,1))-1)+IF('Standard Profiles'!$G$21=$B$10,7,0)+IF('Standard Profiles'!$G$21=$B$17,14,0)+IF('Standard Profiles'!$G$21=$B$24,21,0),MOD($C3962,24)+1)/SUM(INDEX($D$3:$AA$30,INDEX(Jesper!$R$2:$R$366,ROW(INDEX(Jesper!AK$2:AK$366,ROUNDDOWN($C3962/24,0)+1,1))-1)+IF('Standard Profiles'!$G$21=$B$10,7,0)+IF('Standard Profiles'!$G$21=$B$17,14,0)+IF('Standard Profiles'!$G$21=$B$24,21,0),0)),0)</f>
        <v>2.4446340393240784</v>
      </c>
      <c r="H3962" cm="1">
        <f t="array" ref="H3962">IFERROR(INDEX(Jesper!AL$2:AL$366,ROUNDDOWN($C3962/24,0)+1,1)*INDEX($D$3:$AA$30,INDEX(Jesper!$R$2:$R$366,ROW(INDEX(Jesper!AL$2:AL$366,ROUNDDOWN($C3962/24,0)+1,1))-1)+IF('Standard Profiles'!$G$22=$B$10,7,0)+IF('Standard Profiles'!$G$22=$B$17,14,0)+IF('Standard Profiles'!$G$22=$B$24,21,0),MOD($C3962,24)+1)/SUM(INDEX($D$3:$AA$30,INDEX(Jesper!$R$2:$R$366,ROW(INDEX(Jesper!AL$2:AL$366,ROUNDDOWN($C3962/24,0)+1,1))-1)+IF('Standard Profiles'!$G$22=$B$10,7,0)+IF('Standard Profiles'!$G$22=$B$17,14,0)+IF('Standard Profiles'!$G$22=$B$24,21,0),0)),0)</f>
        <v>0</v>
      </c>
      <c r="I3962">
        <f t="shared" si="447"/>
        <v>1.173424338875557</v>
      </c>
      <c r="J3962">
        <f t="shared" si="448"/>
        <v>27.309676259148794</v>
      </c>
      <c r="K3962">
        <f t="shared" si="449"/>
        <v>2.1141283728414297</v>
      </c>
      <c r="L3962">
        <f t="shared" si="450"/>
        <v>1.0570641864207149</v>
      </c>
      <c r="M3962">
        <f t="shared" si="451"/>
        <v>0</v>
      </c>
      <c r="N3962" s="45">
        <f t="shared" si="452"/>
        <v>45090.66666665714</v>
      </c>
    </row>
    <row r="3963" spans="2:14" x14ac:dyDescent="0.25">
      <c r="B3963">
        <f t="shared" si="446"/>
        <v>2</v>
      </c>
      <c r="C3963" s="16">
        <v>3929</v>
      </c>
      <c r="D3963" cm="1">
        <f t="array" ref="D3963">IFERROR(INDEX(Jesper!AH$2:AH$366,ROUNDDOWN($C3963/24,0)+1,1)*INDEX($D$3:$AA$30,INDEX(Jesper!$R$2:$R$366,ROW(INDEX(Jesper!AH$2:AH$366,ROUNDDOWN($C3963/24,0)+1,1))-1)+IF('Standard Profiles'!$G$18=$B$10,7,0)+IF('Standard Profiles'!$G$18=$B$17,14,0)+IF('Standard Profiles'!$G$18=$B$24,21,0),MOD($C3963,24)+1)/SUM(INDEX($D$3:$AA$30,INDEX(Jesper!$R$2:$R$366,ROW(INDEX(Jesper!AH$2:AH$366,ROUNDDOWN($C3963/24,0)+1,1))-1)+IF('Standard Profiles'!$G$18=$B$10,7,0)+IF('Standard Profiles'!$G$18=$B$17,14,0)+IF('Standard Profiles'!$G$18=$B$24,21,0),0)),0)</f>
        <v>8.4592204419071297</v>
      </c>
      <c r="E3963" cm="1">
        <f t="array" ref="E3963">IFERROR(INDEX(Jesper!AI$2:AI$366,ROUNDDOWN($C3963/24,0)+1,1)*INDEX($D$3:$AA$30,INDEX(Jesper!$R$2:$R$366,ROW(INDEX(Jesper!AI$2:AI$366,ROUNDDOWN($C3963/24,0)+1,1))-1)+IF('Standard Profiles'!$G$19=$B$10,7,0)+IF('Standard Profiles'!$G$19=$B$17,14,0)+IF('Standard Profiles'!$G$19=$B$24,21,0),MOD($C3963,24)+1)/SUM(INDEX($D$3:$AA$30,INDEX(Jesper!$R$2:$R$366,ROW(INDEX(Jesper!AI$2:AI$366,ROUNDDOWN($C3963/24,0)+1,1))-1)+IF('Standard Profiles'!$G$19=$B$10,7,0)+IF('Standard Profiles'!$G$19=$B$17,14,0)+IF('Standard Profiles'!$G$19=$B$24,21,0),0)),0)</f>
        <v>4.0075568171463987</v>
      </c>
      <c r="F3963" cm="1">
        <f t="array" ref="F3963">IFERROR(INDEX(Jesper!AJ$2:AJ$366,ROUNDDOWN($C3963/24,0)+1,1)*INDEX($D$3:$AA$30,INDEX(Jesper!$R$2:$R$366,ROW(INDEX(Jesper!AJ$2:AJ$366,ROUNDDOWN($C3963/24,0)+1,1))-1)+IF('Standard Profiles'!$G$20=$B$10,7,0)+IF('Standard Profiles'!$G$20=$B$17,14,0)+IF('Standard Profiles'!$G$20=$B$24,21,0),MOD($C3963,24)+1)/SUM(INDEX($D$3:$AA$30,INDEX(Jesper!$R$2:$R$366,ROW(INDEX(Jesper!AJ$2:AJ$366,ROUNDDOWN($C3963/24,0)+1,1))-1)+IF('Standard Profiles'!$G$20=$B$10,7,0)+IF('Standard Profiles'!$G$20=$B$17,14,0)+IF('Standard Profiles'!$G$20=$B$24,21,0),0)),0)</f>
        <v>0</v>
      </c>
      <c r="G3963" cm="1">
        <f t="array" ref="G3963">IFERROR(INDEX(Jesper!AK$2:AK$366,ROUNDDOWN($C3963/24,0)+1,1)*INDEX($D$3:$AA$30,INDEX(Jesper!$R$2:$R$366,ROW(INDEX(Jesper!AK$2:AK$366,ROUNDDOWN($C3963/24,0)+1,1))-1)+IF('Standard Profiles'!$G$21=$B$10,7,0)+IF('Standard Profiles'!$G$21=$B$17,14,0)+IF('Standard Profiles'!$G$21=$B$24,21,0),MOD($C3963,24)+1)/SUM(INDEX($D$3:$AA$30,INDEX(Jesper!$R$2:$R$366,ROW(INDEX(Jesper!AK$2:AK$366,ROUNDDOWN($C3963/24,0)+1,1))-1)+IF('Standard Profiles'!$G$21=$B$10,7,0)+IF('Standard Profiles'!$G$21=$B$17,14,0)+IF('Standard Profiles'!$G$21=$B$24,21,0),0)),0)</f>
        <v>1.9423728639720408</v>
      </c>
      <c r="H3963" cm="1">
        <f t="array" ref="H3963">IFERROR(INDEX(Jesper!AL$2:AL$366,ROUNDDOWN($C3963/24,0)+1,1)*INDEX($D$3:$AA$30,INDEX(Jesper!$R$2:$R$366,ROW(INDEX(Jesper!AL$2:AL$366,ROUNDDOWN($C3963/24,0)+1,1))-1)+IF('Standard Profiles'!$G$22=$B$10,7,0)+IF('Standard Profiles'!$G$22=$B$17,14,0)+IF('Standard Profiles'!$G$22=$B$24,21,0),MOD($C3963,24)+1)/SUM(INDEX($D$3:$AA$30,INDEX(Jesper!$R$2:$R$366,ROW(INDEX(Jesper!AL$2:AL$366,ROUNDDOWN($C3963/24,0)+1,1))-1)+IF('Standard Profiles'!$G$22=$B$10,7,0)+IF('Standard Profiles'!$G$22=$B$17,14,0)+IF('Standard Profiles'!$G$22=$B$24,21,0),0)),0)</f>
        <v>0</v>
      </c>
      <c r="I3963">
        <f t="shared" si="447"/>
        <v>0.93233897470657912</v>
      </c>
      <c r="J3963">
        <f t="shared" si="448"/>
        <v>12.123335877613847</v>
      </c>
      <c r="K3963">
        <f t="shared" si="449"/>
        <v>0.90231684713676052</v>
      </c>
      <c r="L3963">
        <f t="shared" si="450"/>
        <v>0.45115842356838026</v>
      </c>
      <c r="M3963">
        <f t="shared" si="451"/>
        <v>0</v>
      </c>
      <c r="N3963" s="45">
        <f t="shared" si="452"/>
        <v>45090.708333323804</v>
      </c>
    </row>
    <row r="3964" spans="2:14" x14ac:dyDescent="0.25">
      <c r="B3964">
        <f t="shared" si="446"/>
        <v>2</v>
      </c>
      <c r="C3964" s="16">
        <v>3930</v>
      </c>
      <c r="D3964" cm="1">
        <f t="array" ref="D3964">IFERROR(INDEX(Jesper!AH$2:AH$366,ROUNDDOWN($C3964/24,0)+1,1)*INDEX($D$3:$AA$30,INDEX(Jesper!$R$2:$R$366,ROW(INDEX(Jesper!AH$2:AH$366,ROUNDDOWN($C3964/24,0)+1,1))-1)+IF('Standard Profiles'!$G$18=$B$10,7,0)+IF('Standard Profiles'!$G$18=$B$17,14,0)+IF('Standard Profiles'!$G$18=$B$24,21,0),MOD($C3964,24)+1)/SUM(INDEX($D$3:$AA$30,INDEX(Jesper!$R$2:$R$366,ROW(INDEX(Jesper!AH$2:AH$366,ROUNDDOWN($C3964/24,0)+1,1))-1)+IF('Standard Profiles'!$G$18=$B$10,7,0)+IF('Standard Profiles'!$G$18=$B$17,14,0)+IF('Standard Profiles'!$G$18=$B$24,21,0),0)),0)</f>
        <v>5.5830854916587054</v>
      </c>
      <c r="E3964" cm="1">
        <f t="array" ref="E3964">IFERROR(INDEX(Jesper!AI$2:AI$366,ROUNDDOWN($C3964/24,0)+1,1)*INDEX($D$3:$AA$30,INDEX(Jesper!$R$2:$R$366,ROW(INDEX(Jesper!AI$2:AI$366,ROUNDDOWN($C3964/24,0)+1,1))-1)+IF('Standard Profiles'!$G$19=$B$10,7,0)+IF('Standard Profiles'!$G$19=$B$17,14,0)+IF('Standard Profiles'!$G$19=$B$24,21,0),MOD($C3964,24)+1)/SUM(INDEX($D$3:$AA$30,INDEX(Jesper!$R$2:$R$366,ROW(INDEX(Jesper!AI$2:AI$366,ROUNDDOWN($C3964/24,0)+1,1))-1)+IF('Standard Profiles'!$G$19=$B$10,7,0)+IF('Standard Profiles'!$G$19=$B$17,14,0)+IF('Standard Profiles'!$G$19=$B$24,21,0),0)),0)</f>
        <v>2.6449874993166231</v>
      </c>
      <c r="F3964" cm="1">
        <f t="array" ref="F3964">IFERROR(INDEX(Jesper!AJ$2:AJ$366,ROUNDDOWN($C3964/24,0)+1,1)*INDEX($D$3:$AA$30,INDEX(Jesper!$R$2:$R$366,ROW(INDEX(Jesper!AJ$2:AJ$366,ROUNDDOWN($C3964/24,0)+1,1))-1)+IF('Standard Profiles'!$G$20=$B$10,7,0)+IF('Standard Profiles'!$G$20=$B$17,14,0)+IF('Standard Profiles'!$G$20=$B$24,21,0),MOD($C3964,24)+1)/SUM(INDEX($D$3:$AA$30,INDEX(Jesper!$R$2:$R$366,ROW(INDEX(Jesper!AJ$2:AJ$366,ROUNDDOWN($C3964/24,0)+1,1))-1)+IF('Standard Profiles'!$G$20=$B$10,7,0)+IF('Standard Profiles'!$G$20=$B$17,14,0)+IF('Standard Profiles'!$G$20=$B$24,21,0),0)),0)</f>
        <v>0</v>
      </c>
      <c r="G3964" cm="1">
        <f t="array" ref="G3964">IFERROR(INDEX(Jesper!AK$2:AK$366,ROUNDDOWN($C3964/24,0)+1,1)*INDEX($D$3:$AA$30,INDEX(Jesper!$R$2:$R$366,ROW(INDEX(Jesper!AK$2:AK$366,ROUNDDOWN($C3964/24,0)+1,1))-1)+IF('Standard Profiles'!$G$21=$B$10,7,0)+IF('Standard Profiles'!$G$21=$B$17,14,0)+IF('Standard Profiles'!$G$21=$B$24,21,0),MOD($C3964,24)+1)/SUM(INDEX($D$3:$AA$30,INDEX(Jesper!$R$2:$R$366,ROW(INDEX(Jesper!AK$2:AK$366,ROUNDDOWN($C3964/24,0)+1,1))-1)+IF('Standard Profiles'!$G$21=$B$10,7,0)+IF('Standard Profiles'!$G$21=$B$17,14,0)+IF('Standard Profiles'!$G$21=$B$24,21,0),0)),0)</f>
        <v>0.68894232017314949</v>
      </c>
      <c r="H3964" cm="1">
        <f t="array" ref="H3964">IFERROR(INDEX(Jesper!AL$2:AL$366,ROUNDDOWN($C3964/24,0)+1,1)*INDEX($D$3:$AA$30,INDEX(Jesper!$R$2:$R$366,ROW(INDEX(Jesper!AL$2:AL$366,ROUNDDOWN($C3964/24,0)+1,1))-1)+IF('Standard Profiles'!$G$22=$B$10,7,0)+IF('Standard Profiles'!$G$22=$B$17,14,0)+IF('Standard Profiles'!$G$22=$B$24,21,0),MOD($C3964,24)+1)/SUM(INDEX($D$3:$AA$30,INDEX(Jesper!$R$2:$R$366,ROW(INDEX(Jesper!AL$2:AL$366,ROUNDDOWN($C3964/24,0)+1,1))-1)+IF('Standard Profiles'!$G$22=$B$10,7,0)+IF('Standard Profiles'!$G$22=$B$17,14,0)+IF('Standard Profiles'!$G$22=$B$24,21,0),0)),0)</f>
        <v>0</v>
      </c>
      <c r="I3964">
        <f t="shared" si="447"/>
        <v>0.33069231368311158</v>
      </c>
      <c r="J3964">
        <f t="shared" si="448"/>
        <v>7.6930293187999732</v>
      </c>
      <c r="K3964">
        <f t="shared" si="449"/>
        <v>0.59552911911026196</v>
      </c>
      <c r="L3964">
        <f t="shared" si="450"/>
        <v>0.29776455955513098</v>
      </c>
      <c r="M3964">
        <f t="shared" si="451"/>
        <v>0</v>
      </c>
      <c r="N3964" s="45">
        <f t="shared" si="452"/>
        <v>45090.749999990468</v>
      </c>
    </row>
    <row r="3965" spans="2:14" x14ac:dyDescent="0.25">
      <c r="B3965">
        <f t="shared" si="446"/>
        <v>2</v>
      </c>
      <c r="C3965" s="16">
        <v>3931</v>
      </c>
      <c r="D3965" cm="1">
        <f t="array" ref="D3965">IFERROR(INDEX(Jesper!AH$2:AH$366,ROUNDDOWN($C3965/24,0)+1,1)*INDEX($D$3:$AA$30,INDEX(Jesper!$R$2:$R$366,ROW(INDEX(Jesper!AH$2:AH$366,ROUNDDOWN($C3965/24,0)+1,1))-1)+IF('Standard Profiles'!$G$18=$B$10,7,0)+IF('Standard Profiles'!$G$18=$B$17,14,0)+IF('Standard Profiles'!$G$18=$B$24,21,0),MOD($C3965,24)+1)/SUM(INDEX($D$3:$AA$30,INDEX(Jesper!$R$2:$R$366,ROW(INDEX(Jesper!AH$2:AH$366,ROUNDDOWN($C3965/24,0)+1,1))-1)+IF('Standard Profiles'!$G$18=$B$10,7,0)+IF('Standard Profiles'!$G$18=$B$17,14,0)+IF('Standard Profiles'!$G$18=$B$24,21,0),0)),0)</f>
        <v>5.5830854916587054</v>
      </c>
      <c r="E3965" cm="1">
        <f t="array" ref="E3965">IFERROR(INDEX(Jesper!AI$2:AI$366,ROUNDDOWN($C3965/24,0)+1,1)*INDEX($D$3:$AA$30,INDEX(Jesper!$R$2:$R$366,ROW(INDEX(Jesper!AI$2:AI$366,ROUNDDOWN($C3965/24,0)+1,1))-1)+IF('Standard Profiles'!$G$19=$B$10,7,0)+IF('Standard Profiles'!$G$19=$B$17,14,0)+IF('Standard Profiles'!$G$19=$B$24,21,0),MOD($C3965,24)+1)/SUM(INDEX($D$3:$AA$30,INDEX(Jesper!$R$2:$R$366,ROW(INDEX(Jesper!AI$2:AI$366,ROUNDDOWN($C3965/24,0)+1,1))-1)+IF('Standard Profiles'!$G$19=$B$10,7,0)+IF('Standard Profiles'!$G$19=$B$17,14,0)+IF('Standard Profiles'!$G$19=$B$24,21,0),0)),0)</f>
        <v>2.6449874993166231</v>
      </c>
      <c r="F3965" cm="1">
        <f t="array" ref="F3965">IFERROR(INDEX(Jesper!AJ$2:AJ$366,ROUNDDOWN($C3965/24,0)+1,1)*INDEX($D$3:$AA$30,INDEX(Jesper!$R$2:$R$366,ROW(INDEX(Jesper!AJ$2:AJ$366,ROUNDDOWN($C3965/24,0)+1,1))-1)+IF('Standard Profiles'!$G$20=$B$10,7,0)+IF('Standard Profiles'!$G$20=$B$17,14,0)+IF('Standard Profiles'!$G$20=$B$24,21,0),MOD($C3965,24)+1)/SUM(INDEX($D$3:$AA$30,INDEX(Jesper!$R$2:$R$366,ROW(INDEX(Jesper!AJ$2:AJ$366,ROUNDDOWN($C3965/24,0)+1,1))-1)+IF('Standard Profiles'!$G$20=$B$10,7,0)+IF('Standard Profiles'!$G$20=$B$17,14,0)+IF('Standard Profiles'!$G$20=$B$24,21,0),0)),0)</f>
        <v>0</v>
      </c>
      <c r="G3965" cm="1">
        <f t="array" ref="G3965">IFERROR(INDEX(Jesper!AK$2:AK$366,ROUNDDOWN($C3965/24,0)+1,1)*INDEX($D$3:$AA$30,INDEX(Jesper!$R$2:$R$366,ROW(INDEX(Jesper!AK$2:AK$366,ROUNDDOWN($C3965/24,0)+1,1))-1)+IF('Standard Profiles'!$G$21=$B$10,7,0)+IF('Standard Profiles'!$G$21=$B$17,14,0)+IF('Standard Profiles'!$G$21=$B$24,21,0),MOD($C3965,24)+1)/SUM(INDEX($D$3:$AA$30,INDEX(Jesper!$R$2:$R$366,ROW(INDEX(Jesper!AK$2:AK$366,ROUNDDOWN($C3965/24,0)+1,1))-1)+IF('Standard Profiles'!$G$21=$B$10,7,0)+IF('Standard Profiles'!$G$21=$B$17,14,0)+IF('Standard Profiles'!$G$21=$B$24,21,0),0)),0)</f>
        <v>0.68894232017314949</v>
      </c>
      <c r="H3965" cm="1">
        <f t="array" ref="H3965">IFERROR(INDEX(Jesper!AL$2:AL$366,ROUNDDOWN($C3965/24,0)+1,1)*INDEX($D$3:$AA$30,INDEX(Jesper!$R$2:$R$366,ROW(INDEX(Jesper!AL$2:AL$366,ROUNDDOWN($C3965/24,0)+1,1))-1)+IF('Standard Profiles'!$G$22=$B$10,7,0)+IF('Standard Profiles'!$G$22=$B$17,14,0)+IF('Standard Profiles'!$G$22=$B$24,21,0),MOD($C3965,24)+1)/SUM(INDEX($D$3:$AA$30,INDEX(Jesper!$R$2:$R$366,ROW(INDEX(Jesper!AL$2:AL$366,ROUNDDOWN($C3965/24,0)+1,1))-1)+IF('Standard Profiles'!$G$22=$B$10,7,0)+IF('Standard Profiles'!$G$22=$B$17,14,0)+IF('Standard Profiles'!$G$22=$B$24,21,0),0)),0)</f>
        <v>0</v>
      </c>
      <c r="I3965">
        <f t="shared" si="447"/>
        <v>0.33069231368311158</v>
      </c>
      <c r="J3965">
        <f t="shared" si="448"/>
        <v>7.6930293187999732</v>
      </c>
      <c r="K3965">
        <f t="shared" si="449"/>
        <v>0.59552911911026196</v>
      </c>
      <c r="L3965">
        <f t="shared" si="450"/>
        <v>0.29776455955513098</v>
      </c>
      <c r="M3965">
        <f t="shared" si="451"/>
        <v>0</v>
      </c>
      <c r="N3965" s="45">
        <f t="shared" si="452"/>
        <v>45090.791666657133</v>
      </c>
    </row>
    <row r="3966" spans="2:14" x14ac:dyDescent="0.25">
      <c r="B3966">
        <f t="shared" si="446"/>
        <v>2</v>
      </c>
      <c r="C3966" s="16">
        <v>3932</v>
      </c>
      <c r="D3966" cm="1">
        <f t="array" ref="D3966">IFERROR(INDEX(Jesper!AH$2:AH$366,ROUNDDOWN($C3966/24,0)+1,1)*INDEX($D$3:$AA$30,INDEX(Jesper!$R$2:$R$366,ROW(INDEX(Jesper!AH$2:AH$366,ROUNDDOWN($C3966/24,0)+1,1))-1)+IF('Standard Profiles'!$G$18=$B$10,7,0)+IF('Standard Profiles'!$G$18=$B$17,14,0)+IF('Standard Profiles'!$G$18=$B$24,21,0),MOD($C3966,24)+1)/SUM(INDEX($D$3:$AA$30,INDEX(Jesper!$R$2:$R$366,ROW(INDEX(Jesper!AH$2:AH$366,ROUNDDOWN($C3966/24,0)+1,1))-1)+IF('Standard Profiles'!$G$18=$B$10,7,0)+IF('Standard Profiles'!$G$18=$B$17,14,0)+IF('Standard Profiles'!$G$18=$B$24,21,0),0)),0)</f>
        <v>5.5830854916587054</v>
      </c>
      <c r="E3966" cm="1">
        <f t="array" ref="E3966">IFERROR(INDEX(Jesper!AI$2:AI$366,ROUNDDOWN($C3966/24,0)+1,1)*INDEX($D$3:$AA$30,INDEX(Jesper!$R$2:$R$366,ROW(INDEX(Jesper!AI$2:AI$366,ROUNDDOWN($C3966/24,0)+1,1))-1)+IF('Standard Profiles'!$G$19=$B$10,7,0)+IF('Standard Profiles'!$G$19=$B$17,14,0)+IF('Standard Profiles'!$G$19=$B$24,21,0),MOD($C3966,24)+1)/SUM(INDEX($D$3:$AA$30,INDEX(Jesper!$R$2:$R$366,ROW(INDEX(Jesper!AI$2:AI$366,ROUNDDOWN($C3966/24,0)+1,1))-1)+IF('Standard Profiles'!$G$19=$B$10,7,0)+IF('Standard Profiles'!$G$19=$B$17,14,0)+IF('Standard Profiles'!$G$19=$B$24,21,0),0)),0)</f>
        <v>2.6449874993166231</v>
      </c>
      <c r="F3966" cm="1">
        <f t="array" ref="F3966">IFERROR(INDEX(Jesper!AJ$2:AJ$366,ROUNDDOWN($C3966/24,0)+1,1)*INDEX($D$3:$AA$30,INDEX(Jesper!$R$2:$R$366,ROW(INDEX(Jesper!AJ$2:AJ$366,ROUNDDOWN($C3966/24,0)+1,1))-1)+IF('Standard Profiles'!$G$20=$B$10,7,0)+IF('Standard Profiles'!$G$20=$B$17,14,0)+IF('Standard Profiles'!$G$20=$B$24,21,0),MOD($C3966,24)+1)/SUM(INDEX($D$3:$AA$30,INDEX(Jesper!$R$2:$R$366,ROW(INDEX(Jesper!AJ$2:AJ$366,ROUNDDOWN($C3966/24,0)+1,1))-1)+IF('Standard Profiles'!$G$20=$B$10,7,0)+IF('Standard Profiles'!$G$20=$B$17,14,0)+IF('Standard Profiles'!$G$20=$B$24,21,0),0)),0)</f>
        <v>0</v>
      </c>
      <c r="G3966" cm="1">
        <f t="array" ref="G3966">IFERROR(INDEX(Jesper!AK$2:AK$366,ROUNDDOWN($C3966/24,0)+1,1)*INDEX($D$3:$AA$30,INDEX(Jesper!$R$2:$R$366,ROW(INDEX(Jesper!AK$2:AK$366,ROUNDDOWN($C3966/24,0)+1,1))-1)+IF('Standard Profiles'!$G$21=$B$10,7,0)+IF('Standard Profiles'!$G$21=$B$17,14,0)+IF('Standard Profiles'!$G$21=$B$24,21,0),MOD($C3966,24)+1)/SUM(INDEX($D$3:$AA$30,INDEX(Jesper!$R$2:$R$366,ROW(INDEX(Jesper!AK$2:AK$366,ROUNDDOWN($C3966/24,0)+1,1))-1)+IF('Standard Profiles'!$G$21=$B$10,7,0)+IF('Standard Profiles'!$G$21=$B$17,14,0)+IF('Standard Profiles'!$G$21=$B$24,21,0),0)),0)</f>
        <v>0.68894232017314949</v>
      </c>
      <c r="H3966" cm="1">
        <f t="array" ref="H3966">IFERROR(INDEX(Jesper!AL$2:AL$366,ROUNDDOWN($C3966/24,0)+1,1)*INDEX($D$3:$AA$30,INDEX(Jesper!$R$2:$R$366,ROW(INDEX(Jesper!AL$2:AL$366,ROUNDDOWN($C3966/24,0)+1,1))-1)+IF('Standard Profiles'!$G$22=$B$10,7,0)+IF('Standard Profiles'!$G$22=$B$17,14,0)+IF('Standard Profiles'!$G$22=$B$24,21,0),MOD($C3966,24)+1)/SUM(INDEX($D$3:$AA$30,INDEX(Jesper!$R$2:$R$366,ROW(INDEX(Jesper!AL$2:AL$366,ROUNDDOWN($C3966/24,0)+1,1))-1)+IF('Standard Profiles'!$G$22=$B$10,7,0)+IF('Standard Profiles'!$G$22=$B$17,14,0)+IF('Standard Profiles'!$G$22=$B$24,21,0),0)),0)</f>
        <v>0</v>
      </c>
      <c r="I3966">
        <f t="shared" si="447"/>
        <v>0.33069231368311158</v>
      </c>
      <c r="J3966">
        <f t="shared" si="448"/>
        <v>7.6930293187999732</v>
      </c>
      <c r="K3966">
        <f t="shared" si="449"/>
        <v>0.59552911911026196</v>
      </c>
      <c r="L3966">
        <f t="shared" si="450"/>
        <v>0.29776455955513098</v>
      </c>
      <c r="M3966">
        <f t="shared" si="451"/>
        <v>0</v>
      </c>
      <c r="N3966" s="45">
        <f t="shared" si="452"/>
        <v>45090.833333323797</v>
      </c>
    </row>
    <row r="3967" spans="2:14" x14ac:dyDescent="0.25">
      <c r="B3967">
        <f t="shared" si="446"/>
        <v>2</v>
      </c>
      <c r="C3967" s="16">
        <v>3933</v>
      </c>
      <c r="D3967" cm="1">
        <f t="array" ref="D3967">IFERROR(INDEX(Jesper!AH$2:AH$366,ROUNDDOWN($C3967/24,0)+1,1)*INDEX($D$3:$AA$30,INDEX(Jesper!$R$2:$R$366,ROW(INDEX(Jesper!AH$2:AH$366,ROUNDDOWN($C3967/24,0)+1,1))-1)+IF('Standard Profiles'!$G$18=$B$10,7,0)+IF('Standard Profiles'!$G$18=$B$17,14,0)+IF('Standard Profiles'!$G$18=$B$24,21,0),MOD($C3967,24)+1)/SUM(INDEX($D$3:$AA$30,INDEX(Jesper!$R$2:$R$366,ROW(INDEX(Jesper!AH$2:AH$366,ROUNDDOWN($C3967/24,0)+1,1))-1)+IF('Standard Profiles'!$G$18=$B$10,7,0)+IF('Standard Profiles'!$G$18=$B$17,14,0)+IF('Standard Profiles'!$G$18=$B$24,21,0),0)),0)</f>
        <v>5.5830854916587054</v>
      </c>
      <c r="E3967" cm="1">
        <f t="array" ref="E3967">IFERROR(INDEX(Jesper!AI$2:AI$366,ROUNDDOWN($C3967/24,0)+1,1)*INDEX($D$3:$AA$30,INDEX(Jesper!$R$2:$R$366,ROW(INDEX(Jesper!AI$2:AI$366,ROUNDDOWN($C3967/24,0)+1,1))-1)+IF('Standard Profiles'!$G$19=$B$10,7,0)+IF('Standard Profiles'!$G$19=$B$17,14,0)+IF('Standard Profiles'!$G$19=$B$24,21,0),MOD($C3967,24)+1)/SUM(INDEX($D$3:$AA$30,INDEX(Jesper!$R$2:$R$366,ROW(INDEX(Jesper!AI$2:AI$366,ROUNDDOWN($C3967/24,0)+1,1))-1)+IF('Standard Profiles'!$G$19=$B$10,7,0)+IF('Standard Profiles'!$G$19=$B$17,14,0)+IF('Standard Profiles'!$G$19=$B$24,21,0),0)),0)</f>
        <v>2.6449874993166231</v>
      </c>
      <c r="F3967" cm="1">
        <f t="array" ref="F3967">IFERROR(INDEX(Jesper!AJ$2:AJ$366,ROUNDDOWN($C3967/24,0)+1,1)*INDEX($D$3:$AA$30,INDEX(Jesper!$R$2:$R$366,ROW(INDEX(Jesper!AJ$2:AJ$366,ROUNDDOWN($C3967/24,0)+1,1))-1)+IF('Standard Profiles'!$G$20=$B$10,7,0)+IF('Standard Profiles'!$G$20=$B$17,14,0)+IF('Standard Profiles'!$G$20=$B$24,21,0),MOD($C3967,24)+1)/SUM(INDEX($D$3:$AA$30,INDEX(Jesper!$R$2:$R$366,ROW(INDEX(Jesper!AJ$2:AJ$366,ROUNDDOWN($C3967/24,0)+1,1))-1)+IF('Standard Profiles'!$G$20=$B$10,7,0)+IF('Standard Profiles'!$G$20=$B$17,14,0)+IF('Standard Profiles'!$G$20=$B$24,21,0),0)),0)</f>
        <v>0</v>
      </c>
      <c r="G3967" cm="1">
        <f t="array" ref="G3967">IFERROR(INDEX(Jesper!AK$2:AK$366,ROUNDDOWN($C3967/24,0)+1,1)*INDEX($D$3:$AA$30,INDEX(Jesper!$R$2:$R$366,ROW(INDEX(Jesper!AK$2:AK$366,ROUNDDOWN($C3967/24,0)+1,1))-1)+IF('Standard Profiles'!$G$21=$B$10,7,0)+IF('Standard Profiles'!$G$21=$B$17,14,0)+IF('Standard Profiles'!$G$21=$B$24,21,0),MOD($C3967,24)+1)/SUM(INDEX($D$3:$AA$30,INDEX(Jesper!$R$2:$R$366,ROW(INDEX(Jesper!AK$2:AK$366,ROUNDDOWN($C3967/24,0)+1,1))-1)+IF('Standard Profiles'!$G$21=$B$10,7,0)+IF('Standard Profiles'!$G$21=$B$17,14,0)+IF('Standard Profiles'!$G$21=$B$24,21,0),0)),0)</f>
        <v>0.68894232017314949</v>
      </c>
      <c r="H3967" cm="1">
        <f t="array" ref="H3967">IFERROR(INDEX(Jesper!AL$2:AL$366,ROUNDDOWN($C3967/24,0)+1,1)*INDEX($D$3:$AA$30,INDEX(Jesper!$R$2:$R$366,ROW(INDEX(Jesper!AL$2:AL$366,ROUNDDOWN($C3967/24,0)+1,1))-1)+IF('Standard Profiles'!$G$22=$B$10,7,0)+IF('Standard Profiles'!$G$22=$B$17,14,0)+IF('Standard Profiles'!$G$22=$B$24,21,0),MOD($C3967,24)+1)/SUM(INDEX($D$3:$AA$30,INDEX(Jesper!$R$2:$R$366,ROW(INDEX(Jesper!AL$2:AL$366,ROUNDDOWN($C3967/24,0)+1,1))-1)+IF('Standard Profiles'!$G$22=$B$10,7,0)+IF('Standard Profiles'!$G$22=$B$17,14,0)+IF('Standard Profiles'!$G$22=$B$24,21,0),0)),0)</f>
        <v>0</v>
      </c>
      <c r="I3967">
        <f t="shared" si="447"/>
        <v>0.33069231368311158</v>
      </c>
      <c r="J3967">
        <f t="shared" si="448"/>
        <v>7.6930293187999732</v>
      </c>
      <c r="K3967">
        <f t="shared" si="449"/>
        <v>0.59552911911026196</v>
      </c>
      <c r="L3967">
        <f t="shared" si="450"/>
        <v>0.29776455955513098</v>
      </c>
      <c r="M3967">
        <f t="shared" si="451"/>
        <v>0</v>
      </c>
      <c r="N3967" s="45">
        <f t="shared" si="452"/>
        <v>45090.874999990461</v>
      </c>
    </row>
    <row r="3968" spans="2:14" x14ac:dyDescent="0.25">
      <c r="B3968">
        <f t="shared" si="446"/>
        <v>2</v>
      </c>
      <c r="C3968" s="16">
        <v>3934</v>
      </c>
      <c r="D3968" cm="1">
        <f t="array" ref="D3968">IFERROR(INDEX(Jesper!AH$2:AH$366,ROUNDDOWN($C3968/24,0)+1,1)*INDEX($D$3:$AA$30,INDEX(Jesper!$R$2:$R$366,ROW(INDEX(Jesper!AH$2:AH$366,ROUNDDOWN($C3968/24,0)+1,1))-1)+IF('Standard Profiles'!$G$18=$B$10,7,0)+IF('Standard Profiles'!$G$18=$B$17,14,0)+IF('Standard Profiles'!$G$18=$B$24,21,0),MOD($C3968,24)+1)/SUM(INDEX($D$3:$AA$30,INDEX(Jesper!$R$2:$R$366,ROW(INDEX(Jesper!AH$2:AH$366,ROUNDDOWN($C3968/24,0)+1,1))-1)+IF('Standard Profiles'!$G$18=$B$10,7,0)+IF('Standard Profiles'!$G$18=$B$17,14,0)+IF('Standard Profiles'!$G$18=$B$24,21,0),0)),0)</f>
        <v>5.5830854916587054</v>
      </c>
      <c r="E3968" cm="1">
        <f t="array" ref="E3968">IFERROR(INDEX(Jesper!AI$2:AI$366,ROUNDDOWN($C3968/24,0)+1,1)*INDEX($D$3:$AA$30,INDEX(Jesper!$R$2:$R$366,ROW(INDEX(Jesper!AI$2:AI$366,ROUNDDOWN($C3968/24,0)+1,1))-1)+IF('Standard Profiles'!$G$19=$B$10,7,0)+IF('Standard Profiles'!$G$19=$B$17,14,0)+IF('Standard Profiles'!$G$19=$B$24,21,0),MOD($C3968,24)+1)/SUM(INDEX($D$3:$AA$30,INDEX(Jesper!$R$2:$R$366,ROW(INDEX(Jesper!AI$2:AI$366,ROUNDDOWN($C3968/24,0)+1,1))-1)+IF('Standard Profiles'!$G$19=$B$10,7,0)+IF('Standard Profiles'!$G$19=$B$17,14,0)+IF('Standard Profiles'!$G$19=$B$24,21,0),0)),0)</f>
        <v>2.6449874993166231</v>
      </c>
      <c r="F3968" cm="1">
        <f t="array" ref="F3968">IFERROR(INDEX(Jesper!AJ$2:AJ$366,ROUNDDOWN($C3968/24,0)+1,1)*INDEX($D$3:$AA$30,INDEX(Jesper!$R$2:$R$366,ROW(INDEX(Jesper!AJ$2:AJ$366,ROUNDDOWN($C3968/24,0)+1,1))-1)+IF('Standard Profiles'!$G$20=$B$10,7,0)+IF('Standard Profiles'!$G$20=$B$17,14,0)+IF('Standard Profiles'!$G$20=$B$24,21,0),MOD($C3968,24)+1)/SUM(INDEX($D$3:$AA$30,INDEX(Jesper!$R$2:$R$366,ROW(INDEX(Jesper!AJ$2:AJ$366,ROUNDDOWN($C3968/24,0)+1,1))-1)+IF('Standard Profiles'!$G$20=$B$10,7,0)+IF('Standard Profiles'!$G$20=$B$17,14,0)+IF('Standard Profiles'!$G$20=$B$24,21,0),0)),0)</f>
        <v>0</v>
      </c>
      <c r="G3968" cm="1">
        <f t="array" ref="G3968">IFERROR(INDEX(Jesper!AK$2:AK$366,ROUNDDOWN($C3968/24,0)+1,1)*INDEX($D$3:$AA$30,INDEX(Jesper!$R$2:$R$366,ROW(INDEX(Jesper!AK$2:AK$366,ROUNDDOWN($C3968/24,0)+1,1))-1)+IF('Standard Profiles'!$G$21=$B$10,7,0)+IF('Standard Profiles'!$G$21=$B$17,14,0)+IF('Standard Profiles'!$G$21=$B$24,21,0),MOD($C3968,24)+1)/SUM(INDEX($D$3:$AA$30,INDEX(Jesper!$R$2:$R$366,ROW(INDEX(Jesper!AK$2:AK$366,ROUNDDOWN($C3968/24,0)+1,1))-1)+IF('Standard Profiles'!$G$21=$B$10,7,0)+IF('Standard Profiles'!$G$21=$B$17,14,0)+IF('Standard Profiles'!$G$21=$B$24,21,0),0)),0)</f>
        <v>0.68894232017314949</v>
      </c>
      <c r="H3968" cm="1">
        <f t="array" ref="H3968">IFERROR(INDEX(Jesper!AL$2:AL$366,ROUNDDOWN($C3968/24,0)+1,1)*INDEX($D$3:$AA$30,INDEX(Jesper!$R$2:$R$366,ROW(INDEX(Jesper!AL$2:AL$366,ROUNDDOWN($C3968/24,0)+1,1))-1)+IF('Standard Profiles'!$G$22=$B$10,7,0)+IF('Standard Profiles'!$G$22=$B$17,14,0)+IF('Standard Profiles'!$G$22=$B$24,21,0),MOD($C3968,24)+1)/SUM(INDEX($D$3:$AA$30,INDEX(Jesper!$R$2:$R$366,ROW(INDEX(Jesper!AL$2:AL$366,ROUNDDOWN($C3968/24,0)+1,1))-1)+IF('Standard Profiles'!$G$22=$B$10,7,0)+IF('Standard Profiles'!$G$22=$B$17,14,0)+IF('Standard Profiles'!$G$22=$B$24,21,0),0)),0)</f>
        <v>0</v>
      </c>
      <c r="I3968">
        <f t="shared" si="447"/>
        <v>0.33069231368311158</v>
      </c>
      <c r="J3968">
        <f t="shared" si="448"/>
        <v>7.6930293187999732</v>
      </c>
      <c r="K3968">
        <f t="shared" si="449"/>
        <v>0.59552911911026196</v>
      </c>
      <c r="L3968">
        <f t="shared" si="450"/>
        <v>0.29776455955513098</v>
      </c>
      <c r="M3968">
        <f t="shared" si="451"/>
        <v>0</v>
      </c>
      <c r="N3968" s="45">
        <f t="shared" si="452"/>
        <v>45090.916666657125</v>
      </c>
    </row>
    <row r="3969" spans="2:14" x14ac:dyDescent="0.25">
      <c r="B3969">
        <f t="shared" si="446"/>
        <v>2</v>
      </c>
      <c r="C3969" s="16">
        <v>3935</v>
      </c>
      <c r="D3969" cm="1">
        <f t="array" ref="D3969">IFERROR(INDEX(Jesper!AH$2:AH$366,ROUNDDOWN($C3969/24,0)+1,1)*INDEX($D$3:$AA$30,INDEX(Jesper!$R$2:$R$366,ROW(INDEX(Jesper!AH$2:AH$366,ROUNDDOWN($C3969/24,0)+1,1))-1)+IF('Standard Profiles'!$G$18=$B$10,7,0)+IF('Standard Profiles'!$G$18=$B$17,14,0)+IF('Standard Profiles'!$G$18=$B$24,21,0),MOD($C3969,24)+1)/SUM(INDEX($D$3:$AA$30,INDEX(Jesper!$R$2:$R$366,ROW(INDEX(Jesper!AH$2:AH$366,ROUNDDOWN($C3969/24,0)+1,1))-1)+IF('Standard Profiles'!$G$18=$B$10,7,0)+IF('Standard Profiles'!$G$18=$B$17,14,0)+IF('Standard Profiles'!$G$18=$B$24,21,0),0)),0)</f>
        <v>5.5830854916587054</v>
      </c>
      <c r="E3969" cm="1">
        <f t="array" ref="E3969">IFERROR(INDEX(Jesper!AI$2:AI$366,ROUNDDOWN($C3969/24,0)+1,1)*INDEX($D$3:$AA$30,INDEX(Jesper!$R$2:$R$366,ROW(INDEX(Jesper!AI$2:AI$366,ROUNDDOWN($C3969/24,0)+1,1))-1)+IF('Standard Profiles'!$G$19=$B$10,7,0)+IF('Standard Profiles'!$G$19=$B$17,14,0)+IF('Standard Profiles'!$G$19=$B$24,21,0),MOD($C3969,24)+1)/SUM(INDEX($D$3:$AA$30,INDEX(Jesper!$R$2:$R$366,ROW(INDEX(Jesper!AI$2:AI$366,ROUNDDOWN($C3969/24,0)+1,1))-1)+IF('Standard Profiles'!$G$19=$B$10,7,0)+IF('Standard Profiles'!$G$19=$B$17,14,0)+IF('Standard Profiles'!$G$19=$B$24,21,0),0)),0)</f>
        <v>2.6449874993166231</v>
      </c>
      <c r="F3969" cm="1">
        <f t="array" ref="F3969">IFERROR(INDEX(Jesper!AJ$2:AJ$366,ROUNDDOWN($C3969/24,0)+1,1)*INDEX($D$3:$AA$30,INDEX(Jesper!$R$2:$R$366,ROW(INDEX(Jesper!AJ$2:AJ$366,ROUNDDOWN($C3969/24,0)+1,1))-1)+IF('Standard Profiles'!$G$20=$B$10,7,0)+IF('Standard Profiles'!$G$20=$B$17,14,0)+IF('Standard Profiles'!$G$20=$B$24,21,0),MOD($C3969,24)+1)/SUM(INDEX($D$3:$AA$30,INDEX(Jesper!$R$2:$R$366,ROW(INDEX(Jesper!AJ$2:AJ$366,ROUNDDOWN($C3969/24,0)+1,1))-1)+IF('Standard Profiles'!$G$20=$B$10,7,0)+IF('Standard Profiles'!$G$20=$B$17,14,0)+IF('Standard Profiles'!$G$20=$B$24,21,0),0)),0)</f>
        <v>0</v>
      </c>
      <c r="G3969" cm="1">
        <f t="array" ref="G3969">IFERROR(INDEX(Jesper!AK$2:AK$366,ROUNDDOWN($C3969/24,0)+1,1)*INDEX($D$3:$AA$30,INDEX(Jesper!$R$2:$R$366,ROW(INDEX(Jesper!AK$2:AK$366,ROUNDDOWN($C3969/24,0)+1,1))-1)+IF('Standard Profiles'!$G$21=$B$10,7,0)+IF('Standard Profiles'!$G$21=$B$17,14,0)+IF('Standard Profiles'!$G$21=$B$24,21,0),MOD($C3969,24)+1)/SUM(INDEX($D$3:$AA$30,INDEX(Jesper!$R$2:$R$366,ROW(INDEX(Jesper!AK$2:AK$366,ROUNDDOWN($C3969/24,0)+1,1))-1)+IF('Standard Profiles'!$G$21=$B$10,7,0)+IF('Standard Profiles'!$G$21=$B$17,14,0)+IF('Standard Profiles'!$G$21=$B$24,21,0),0)),0)</f>
        <v>0.68894232017314949</v>
      </c>
      <c r="H3969" cm="1">
        <f t="array" ref="H3969">IFERROR(INDEX(Jesper!AL$2:AL$366,ROUNDDOWN($C3969/24,0)+1,1)*INDEX($D$3:$AA$30,INDEX(Jesper!$R$2:$R$366,ROW(INDEX(Jesper!AL$2:AL$366,ROUNDDOWN($C3969/24,0)+1,1))-1)+IF('Standard Profiles'!$G$22=$B$10,7,0)+IF('Standard Profiles'!$G$22=$B$17,14,0)+IF('Standard Profiles'!$G$22=$B$24,21,0),MOD($C3969,24)+1)/SUM(INDEX($D$3:$AA$30,INDEX(Jesper!$R$2:$R$366,ROW(INDEX(Jesper!AL$2:AL$366,ROUNDDOWN($C3969/24,0)+1,1))-1)+IF('Standard Profiles'!$G$22=$B$10,7,0)+IF('Standard Profiles'!$G$22=$B$17,14,0)+IF('Standard Profiles'!$G$22=$B$24,21,0),0)),0)</f>
        <v>0</v>
      </c>
      <c r="I3969">
        <f t="shared" si="447"/>
        <v>0.33069231368311158</v>
      </c>
      <c r="J3969">
        <f t="shared" si="448"/>
        <v>7.6930293187999732</v>
      </c>
      <c r="K3969">
        <f t="shared" si="449"/>
        <v>0.59552911911026196</v>
      </c>
      <c r="L3969">
        <f t="shared" si="450"/>
        <v>0.29776455955513098</v>
      </c>
      <c r="M3969">
        <f t="shared" si="451"/>
        <v>0</v>
      </c>
      <c r="N3969" s="45">
        <f t="shared" si="452"/>
        <v>45090.95833332379</v>
      </c>
    </row>
    <row r="3970" spans="2:14" x14ac:dyDescent="0.25">
      <c r="B3970">
        <f t="shared" si="446"/>
        <v>3</v>
      </c>
      <c r="C3970" s="16">
        <v>3936</v>
      </c>
      <c r="D3970" cm="1">
        <f t="array" ref="D3970">IFERROR(INDEX(Jesper!AH$2:AH$366,ROUNDDOWN($C3970/24,0)+1,1)*INDEX($D$3:$AA$30,INDEX(Jesper!$R$2:$R$366,ROW(INDEX(Jesper!AH$2:AH$366,ROUNDDOWN($C3970/24,0)+1,1))-1)+IF('Standard Profiles'!$G$18=$B$10,7,0)+IF('Standard Profiles'!$G$18=$B$17,14,0)+IF('Standard Profiles'!$G$18=$B$24,21,0),MOD($C3970,24)+1)/SUM(INDEX($D$3:$AA$30,INDEX(Jesper!$R$2:$R$366,ROW(INDEX(Jesper!AH$2:AH$366,ROUNDDOWN($C3970/24,0)+1,1))-1)+IF('Standard Profiles'!$G$18=$B$10,7,0)+IF('Standard Profiles'!$G$18=$B$17,14,0)+IF('Standard Profiles'!$G$18=$B$24,21,0),0)),0)</f>
        <v>5.4815575588704615</v>
      </c>
      <c r="E3970" cm="1">
        <f t="array" ref="E3970">IFERROR(INDEX(Jesper!AI$2:AI$366,ROUNDDOWN($C3970/24,0)+1,1)*INDEX($D$3:$AA$30,INDEX(Jesper!$R$2:$R$366,ROW(INDEX(Jesper!AI$2:AI$366,ROUNDDOWN($C3970/24,0)+1,1))-1)+IF('Standard Profiles'!$G$19=$B$10,7,0)+IF('Standard Profiles'!$G$19=$B$17,14,0)+IF('Standard Profiles'!$G$19=$B$24,21,0),MOD($C3970,24)+1)/SUM(INDEX($D$3:$AA$30,INDEX(Jesper!$R$2:$R$366,ROW(INDEX(Jesper!AI$2:AI$366,ROUNDDOWN($C3970/24,0)+1,1))-1)+IF('Standard Profiles'!$G$19=$B$10,7,0)+IF('Standard Profiles'!$G$19=$B$17,14,0)+IF('Standard Profiles'!$G$19=$B$24,21,0),0)),0)</f>
        <v>2.5207022127815724</v>
      </c>
      <c r="F3970" cm="1">
        <f t="array" ref="F3970">IFERROR(INDEX(Jesper!AJ$2:AJ$366,ROUNDDOWN($C3970/24,0)+1,1)*INDEX($D$3:$AA$30,INDEX(Jesper!$R$2:$R$366,ROW(INDEX(Jesper!AJ$2:AJ$366,ROUNDDOWN($C3970/24,0)+1,1))-1)+IF('Standard Profiles'!$G$20=$B$10,7,0)+IF('Standard Profiles'!$G$20=$B$17,14,0)+IF('Standard Profiles'!$G$20=$B$24,21,0),MOD($C3970,24)+1)/SUM(INDEX($D$3:$AA$30,INDEX(Jesper!$R$2:$R$366,ROW(INDEX(Jesper!AJ$2:AJ$366,ROUNDDOWN($C3970/24,0)+1,1))-1)+IF('Standard Profiles'!$G$20=$B$10,7,0)+IF('Standard Profiles'!$G$20=$B$17,14,0)+IF('Standard Profiles'!$G$20=$B$24,21,0),0)),0)</f>
        <v>0</v>
      </c>
      <c r="G3970" cm="1">
        <f t="array" ref="G3970">IFERROR(INDEX(Jesper!AK$2:AK$366,ROUNDDOWN($C3970/24,0)+1,1)*INDEX($D$3:$AA$30,INDEX(Jesper!$R$2:$R$366,ROW(INDEX(Jesper!AK$2:AK$366,ROUNDDOWN($C3970/24,0)+1,1))-1)+IF('Standard Profiles'!$G$21=$B$10,7,0)+IF('Standard Profiles'!$G$21=$B$17,14,0)+IF('Standard Profiles'!$G$21=$B$24,21,0),MOD($C3970,24)+1)/SUM(INDEX($D$3:$AA$30,INDEX(Jesper!$R$2:$R$366,ROW(INDEX(Jesper!AK$2:AK$366,ROUNDDOWN($C3970/24,0)+1,1))-1)+IF('Standard Profiles'!$G$21=$B$10,7,0)+IF('Standard Profiles'!$G$21=$B$17,14,0)+IF('Standard Profiles'!$G$21=$B$24,21,0),0)),0)</f>
        <v>0.57115910955780147</v>
      </c>
      <c r="H3970" cm="1">
        <f t="array" ref="H3970">IFERROR(INDEX(Jesper!AL$2:AL$366,ROUNDDOWN($C3970/24,0)+1,1)*INDEX($D$3:$AA$30,INDEX(Jesper!$R$2:$R$366,ROW(INDEX(Jesper!AL$2:AL$366,ROUNDDOWN($C3970/24,0)+1,1))-1)+IF('Standard Profiles'!$G$22=$B$10,7,0)+IF('Standard Profiles'!$G$22=$B$17,14,0)+IF('Standard Profiles'!$G$22=$B$24,21,0),MOD($C3970,24)+1)/SUM(INDEX($D$3:$AA$30,INDEX(Jesper!$R$2:$R$366,ROW(INDEX(Jesper!AL$2:AL$366,ROUNDDOWN($C3970/24,0)+1,1))-1)+IF('Standard Profiles'!$G$22=$B$10,7,0)+IF('Standard Profiles'!$G$22=$B$17,14,0)+IF('Standard Profiles'!$G$22=$B$24,21,0),0)),0)</f>
        <v>0</v>
      </c>
      <c r="I3970">
        <f t="shared" si="447"/>
        <v>0.27415637258774456</v>
      </c>
      <c r="J3970">
        <f t="shared" si="448"/>
        <v>7.4222132992028156</v>
      </c>
      <c r="K3970">
        <f t="shared" si="449"/>
        <v>0.58469947294618263</v>
      </c>
      <c r="L3970">
        <f t="shared" si="450"/>
        <v>0.29234973647309132</v>
      </c>
      <c r="M3970">
        <f t="shared" si="451"/>
        <v>0</v>
      </c>
      <c r="N3970" s="45">
        <f t="shared" si="452"/>
        <v>45090.999999990454</v>
      </c>
    </row>
    <row r="3971" spans="2:14" x14ac:dyDescent="0.25">
      <c r="B3971">
        <f t="shared" si="446"/>
        <v>3</v>
      </c>
      <c r="C3971" s="16">
        <v>3937</v>
      </c>
      <c r="D3971" cm="1">
        <f t="array" ref="D3971">IFERROR(INDEX(Jesper!AH$2:AH$366,ROUNDDOWN($C3971/24,0)+1,1)*INDEX($D$3:$AA$30,INDEX(Jesper!$R$2:$R$366,ROW(INDEX(Jesper!AH$2:AH$366,ROUNDDOWN($C3971/24,0)+1,1))-1)+IF('Standard Profiles'!$G$18=$B$10,7,0)+IF('Standard Profiles'!$G$18=$B$17,14,0)+IF('Standard Profiles'!$G$18=$B$24,21,0),MOD($C3971,24)+1)/SUM(INDEX($D$3:$AA$30,INDEX(Jesper!$R$2:$R$366,ROW(INDEX(Jesper!AH$2:AH$366,ROUNDDOWN($C3971/24,0)+1,1))-1)+IF('Standard Profiles'!$G$18=$B$10,7,0)+IF('Standard Profiles'!$G$18=$B$17,14,0)+IF('Standard Profiles'!$G$18=$B$24,21,0),0)),0)</f>
        <v>5.4815575588704615</v>
      </c>
      <c r="E3971" cm="1">
        <f t="array" ref="E3971">IFERROR(INDEX(Jesper!AI$2:AI$366,ROUNDDOWN($C3971/24,0)+1,1)*INDEX($D$3:$AA$30,INDEX(Jesper!$R$2:$R$366,ROW(INDEX(Jesper!AI$2:AI$366,ROUNDDOWN($C3971/24,0)+1,1))-1)+IF('Standard Profiles'!$G$19=$B$10,7,0)+IF('Standard Profiles'!$G$19=$B$17,14,0)+IF('Standard Profiles'!$G$19=$B$24,21,0),MOD($C3971,24)+1)/SUM(INDEX($D$3:$AA$30,INDEX(Jesper!$R$2:$R$366,ROW(INDEX(Jesper!AI$2:AI$366,ROUNDDOWN($C3971/24,0)+1,1))-1)+IF('Standard Profiles'!$G$19=$B$10,7,0)+IF('Standard Profiles'!$G$19=$B$17,14,0)+IF('Standard Profiles'!$G$19=$B$24,21,0),0)),0)</f>
        <v>2.5207022127815724</v>
      </c>
      <c r="F3971" cm="1">
        <f t="array" ref="F3971">IFERROR(INDEX(Jesper!AJ$2:AJ$366,ROUNDDOWN($C3971/24,0)+1,1)*INDEX($D$3:$AA$30,INDEX(Jesper!$R$2:$R$366,ROW(INDEX(Jesper!AJ$2:AJ$366,ROUNDDOWN($C3971/24,0)+1,1))-1)+IF('Standard Profiles'!$G$20=$B$10,7,0)+IF('Standard Profiles'!$G$20=$B$17,14,0)+IF('Standard Profiles'!$G$20=$B$24,21,0),MOD($C3971,24)+1)/SUM(INDEX($D$3:$AA$30,INDEX(Jesper!$R$2:$R$366,ROW(INDEX(Jesper!AJ$2:AJ$366,ROUNDDOWN($C3971/24,0)+1,1))-1)+IF('Standard Profiles'!$G$20=$B$10,7,0)+IF('Standard Profiles'!$G$20=$B$17,14,0)+IF('Standard Profiles'!$G$20=$B$24,21,0),0)),0)</f>
        <v>0</v>
      </c>
      <c r="G3971" cm="1">
        <f t="array" ref="G3971">IFERROR(INDEX(Jesper!AK$2:AK$366,ROUNDDOWN($C3971/24,0)+1,1)*INDEX($D$3:$AA$30,INDEX(Jesper!$R$2:$R$366,ROW(INDEX(Jesper!AK$2:AK$366,ROUNDDOWN($C3971/24,0)+1,1))-1)+IF('Standard Profiles'!$G$21=$B$10,7,0)+IF('Standard Profiles'!$G$21=$B$17,14,0)+IF('Standard Profiles'!$G$21=$B$24,21,0),MOD($C3971,24)+1)/SUM(INDEX($D$3:$AA$30,INDEX(Jesper!$R$2:$R$366,ROW(INDEX(Jesper!AK$2:AK$366,ROUNDDOWN($C3971/24,0)+1,1))-1)+IF('Standard Profiles'!$G$21=$B$10,7,0)+IF('Standard Profiles'!$G$21=$B$17,14,0)+IF('Standard Profiles'!$G$21=$B$24,21,0),0)),0)</f>
        <v>0.57115910955780147</v>
      </c>
      <c r="H3971" cm="1">
        <f t="array" ref="H3971">IFERROR(INDEX(Jesper!AL$2:AL$366,ROUNDDOWN($C3971/24,0)+1,1)*INDEX($D$3:$AA$30,INDEX(Jesper!$R$2:$R$366,ROW(INDEX(Jesper!AL$2:AL$366,ROUNDDOWN($C3971/24,0)+1,1))-1)+IF('Standard Profiles'!$G$22=$B$10,7,0)+IF('Standard Profiles'!$G$22=$B$17,14,0)+IF('Standard Profiles'!$G$22=$B$24,21,0),MOD($C3971,24)+1)/SUM(INDEX($D$3:$AA$30,INDEX(Jesper!$R$2:$R$366,ROW(INDEX(Jesper!AL$2:AL$366,ROUNDDOWN($C3971/24,0)+1,1))-1)+IF('Standard Profiles'!$G$22=$B$10,7,0)+IF('Standard Profiles'!$G$22=$B$17,14,0)+IF('Standard Profiles'!$G$22=$B$24,21,0),0)),0)</f>
        <v>0</v>
      </c>
      <c r="I3971">
        <f t="shared" si="447"/>
        <v>0.27415637258774456</v>
      </c>
      <c r="J3971">
        <f t="shared" si="448"/>
        <v>7.4222132992028156</v>
      </c>
      <c r="K3971">
        <f t="shared" si="449"/>
        <v>0.58469947294618263</v>
      </c>
      <c r="L3971">
        <f t="shared" si="450"/>
        <v>0.29234973647309132</v>
      </c>
      <c r="M3971">
        <f t="shared" si="451"/>
        <v>0</v>
      </c>
      <c r="N3971" s="45">
        <f t="shared" si="452"/>
        <v>45091.041666657118</v>
      </c>
    </row>
    <row r="3972" spans="2:14" x14ac:dyDescent="0.25">
      <c r="B3972">
        <f t="shared" si="446"/>
        <v>3</v>
      </c>
      <c r="C3972" s="16">
        <v>3938</v>
      </c>
      <c r="D3972" cm="1">
        <f t="array" ref="D3972">IFERROR(INDEX(Jesper!AH$2:AH$366,ROUNDDOWN($C3972/24,0)+1,1)*INDEX($D$3:$AA$30,INDEX(Jesper!$R$2:$R$366,ROW(INDEX(Jesper!AH$2:AH$366,ROUNDDOWN($C3972/24,0)+1,1))-1)+IF('Standard Profiles'!$G$18=$B$10,7,0)+IF('Standard Profiles'!$G$18=$B$17,14,0)+IF('Standard Profiles'!$G$18=$B$24,21,0),MOD($C3972,24)+1)/SUM(INDEX($D$3:$AA$30,INDEX(Jesper!$R$2:$R$366,ROW(INDEX(Jesper!AH$2:AH$366,ROUNDDOWN($C3972/24,0)+1,1))-1)+IF('Standard Profiles'!$G$18=$B$10,7,0)+IF('Standard Profiles'!$G$18=$B$17,14,0)+IF('Standard Profiles'!$G$18=$B$24,21,0),0)),0)</f>
        <v>5.4815575588704615</v>
      </c>
      <c r="E3972" cm="1">
        <f t="array" ref="E3972">IFERROR(INDEX(Jesper!AI$2:AI$366,ROUNDDOWN($C3972/24,0)+1,1)*INDEX($D$3:$AA$30,INDEX(Jesper!$R$2:$R$366,ROW(INDEX(Jesper!AI$2:AI$366,ROUNDDOWN($C3972/24,0)+1,1))-1)+IF('Standard Profiles'!$G$19=$B$10,7,0)+IF('Standard Profiles'!$G$19=$B$17,14,0)+IF('Standard Profiles'!$G$19=$B$24,21,0),MOD($C3972,24)+1)/SUM(INDEX($D$3:$AA$30,INDEX(Jesper!$R$2:$R$366,ROW(INDEX(Jesper!AI$2:AI$366,ROUNDDOWN($C3972/24,0)+1,1))-1)+IF('Standard Profiles'!$G$19=$B$10,7,0)+IF('Standard Profiles'!$G$19=$B$17,14,0)+IF('Standard Profiles'!$G$19=$B$24,21,0),0)),0)</f>
        <v>2.5207022127815724</v>
      </c>
      <c r="F3972" cm="1">
        <f t="array" ref="F3972">IFERROR(INDEX(Jesper!AJ$2:AJ$366,ROUNDDOWN($C3972/24,0)+1,1)*INDEX($D$3:$AA$30,INDEX(Jesper!$R$2:$R$366,ROW(INDEX(Jesper!AJ$2:AJ$366,ROUNDDOWN($C3972/24,0)+1,1))-1)+IF('Standard Profiles'!$G$20=$B$10,7,0)+IF('Standard Profiles'!$G$20=$B$17,14,0)+IF('Standard Profiles'!$G$20=$B$24,21,0),MOD($C3972,24)+1)/SUM(INDEX($D$3:$AA$30,INDEX(Jesper!$R$2:$R$366,ROW(INDEX(Jesper!AJ$2:AJ$366,ROUNDDOWN($C3972/24,0)+1,1))-1)+IF('Standard Profiles'!$G$20=$B$10,7,0)+IF('Standard Profiles'!$G$20=$B$17,14,0)+IF('Standard Profiles'!$G$20=$B$24,21,0),0)),0)</f>
        <v>0</v>
      </c>
      <c r="G3972" cm="1">
        <f t="array" ref="G3972">IFERROR(INDEX(Jesper!AK$2:AK$366,ROUNDDOWN($C3972/24,0)+1,1)*INDEX($D$3:$AA$30,INDEX(Jesper!$R$2:$R$366,ROW(INDEX(Jesper!AK$2:AK$366,ROUNDDOWN($C3972/24,0)+1,1))-1)+IF('Standard Profiles'!$G$21=$B$10,7,0)+IF('Standard Profiles'!$G$21=$B$17,14,0)+IF('Standard Profiles'!$G$21=$B$24,21,0),MOD($C3972,24)+1)/SUM(INDEX($D$3:$AA$30,INDEX(Jesper!$R$2:$R$366,ROW(INDEX(Jesper!AK$2:AK$366,ROUNDDOWN($C3972/24,0)+1,1))-1)+IF('Standard Profiles'!$G$21=$B$10,7,0)+IF('Standard Profiles'!$G$21=$B$17,14,0)+IF('Standard Profiles'!$G$21=$B$24,21,0),0)),0)</f>
        <v>0.57115910955780147</v>
      </c>
      <c r="H3972" cm="1">
        <f t="array" ref="H3972">IFERROR(INDEX(Jesper!AL$2:AL$366,ROUNDDOWN($C3972/24,0)+1,1)*INDEX($D$3:$AA$30,INDEX(Jesper!$R$2:$R$366,ROW(INDEX(Jesper!AL$2:AL$366,ROUNDDOWN($C3972/24,0)+1,1))-1)+IF('Standard Profiles'!$G$22=$B$10,7,0)+IF('Standard Profiles'!$G$22=$B$17,14,0)+IF('Standard Profiles'!$G$22=$B$24,21,0),MOD($C3972,24)+1)/SUM(INDEX($D$3:$AA$30,INDEX(Jesper!$R$2:$R$366,ROW(INDEX(Jesper!AL$2:AL$366,ROUNDDOWN($C3972/24,0)+1,1))-1)+IF('Standard Profiles'!$G$22=$B$10,7,0)+IF('Standard Profiles'!$G$22=$B$17,14,0)+IF('Standard Profiles'!$G$22=$B$24,21,0),0)),0)</f>
        <v>0</v>
      </c>
      <c r="I3972">
        <f t="shared" si="447"/>
        <v>0.27415637258774456</v>
      </c>
      <c r="J3972">
        <f t="shared" si="448"/>
        <v>7.4222132992028156</v>
      </c>
      <c r="K3972">
        <f t="shared" si="449"/>
        <v>0.58469947294618263</v>
      </c>
      <c r="L3972">
        <f t="shared" si="450"/>
        <v>0.29234973647309132</v>
      </c>
      <c r="M3972">
        <f t="shared" si="451"/>
        <v>0</v>
      </c>
      <c r="N3972" s="45">
        <f t="shared" si="452"/>
        <v>45091.083333323782</v>
      </c>
    </row>
    <row r="3973" spans="2:14" x14ac:dyDescent="0.25">
      <c r="B3973">
        <f t="shared" si="446"/>
        <v>3</v>
      </c>
      <c r="C3973" s="16">
        <v>3939</v>
      </c>
      <c r="D3973" cm="1">
        <f t="array" ref="D3973">IFERROR(INDEX(Jesper!AH$2:AH$366,ROUNDDOWN($C3973/24,0)+1,1)*INDEX($D$3:$AA$30,INDEX(Jesper!$R$2:$R$366,ROW(INDEX(Jesper!AH$2:AH$366,ROUNDDOWN($C3973/24,0)+1,1))-1)+IF('Standard Profiles'!$G$18=$B$10,7,0)+IF('Standard Profiles'!$G$18=$B$17,14,0)+IF('Standard Profiles'!$G$18=$B$24,21,0),MOD($C3973,24)+1)/SUM(INDEX($D$3:$AA$30,INDEX(Jesper!$R$2:$R$366,ROW(INDEX(Jesper!AH$2:AH$366,ROUNDDOWN($C3973/24,0)+1,1))-1)+IF('Standard Profiles'!$G$18=$B$10,7,0)+IF('Standard Profiles'!$G$18=$B$17,14,0)+IF('Standard Profiles'!$G$18=$B$24,21,0),0)),0)</f>
        <v>5.4815575588704615</v>
      </c>
      <c r="E3973" cm="1">
        <f t="array" ref="E3973">IFERROR(INDEX(Jesper!AI$2:AI$366,ROUNDDOWN($C3973/24,0)+1,1)*INDEX($D$3:$AA$30,INDEX(Jesper!$R$2:$R$366,ROW(INDEX(Jesper!AI$2:AI$366,ROUNDDOWN($C3973/24,0)+1,1))-1)+IF('Standard Profiles'!$G$19=$B$10,7,0)+IF('Standard Profiles'!$G$19=$B$17,14,0)+IF('Standard Profiles'!$G$19=$B$24,21,0),MOD($C3973,24)+1)/SUM(INDEX($D$3:$AA$30,INDEX(Jesper!$R$2:$R$366,ROW(INDEX(Jesper!AI$2:AI$366,ROUNDDOWN($C3973/24,0)+1,1))-1)+IF('Standard Profiles'!$G$19=$B$10,7,0)+IF('Standard Profiles'!$G$19=$B$17,14,0)+IF('Standard Profiles'!$G$19=$B$24,21,0),0)),0)</f>
        <v>2.5207022127815724</v>
      </c>
      <c r="F3973" cm="1">
        <f t="array" ref="F3973">IFERROR(INDEX(Jesper!AJ$2:AJ$366,ROUNDDOWN($C3973/24,0)+1,1)*INDEX($D$3:$AA$30,INDEX(Jesper!$R$2:$R$366,ROW(INDEX(Jesper!AJ$2:AJ$366,ROUNDDOWN($C3973/24,0)+1,1))-1)+IF('Standard Profiles'!$G$20=$B$10,7,0)+IF('Standard Profiles'!$G$20=$B$17,14,0)+IF('Standard Profiles'!$G$20=$B$24,21,0),MOD($C3973,24)+1)/SUM(INDEX($D$3:$AA$30,INDEX(Jesper!$R$2:$R$366,ROW(INDEX(Jesper!AJ$2:AJ$366,ROUNDDOWN($C3973/24,0)+1,1))-1)+IF('Standard Profiles'!$G$20=$B$10,7,0)+IF('Standard Profiles'!$G$20=$B$17,14,0)+IF('Standard Profiles'!$G$20=$B$24,21,0),0)),0)</f>
        <v>0</v>
      </c>
      <c r="G3973" cm="1">
        <f t="array" ref="G3973">IFERROR(INDEX(Jesper!AK$2:AK$366,ROUNDDOWN($C3973/24,0)+1,1)*INDEX($D$3:$AA$30,INDEX(Jesper!$R$2:$R$366,ROW(INDEX(Jesper!AK$2:AK$366,ROUNDDOWN($C3973/24,0)+1,1))-1)+IF('Standard Profiles'!$G$21=$B$10,7,0)+IF('Standard Profiles'!$G$21=$B$17,14,0)+IF('Standard Profiles'!$G$21=$B$24,21,0),MOD($C3973,24)+1)/SUM(INDEX($D$3:$AA$30,INDEX(Jesper!$R$2:$R$366,ROW(INDEX(Jesper!AK$2:AK$366,ROUNDDOWN($C3973/24,0)+1,1))-1)+IF('Standard Profiles'!$G$21=$B$10,7,0)+IF('Standard Profiles'!$G$21=$B$17,14,0)+IF('Standard Profiles'!$G$21=$B$24,21,0),0)),0)</f>
        <v>0.57115910955780147</v>
      </c>
      <c r="H3973" cm="1">
        <f t="array" ref="H3973">IFERROR(INDEX(Jesper!AL$2:AL$366,ROUNDDOWN($C3973/24,0)+1,1)*INDEX($D$3:$AA$30,INDEX(Jesper!$R$2:$R$366,ROW(INDEX(Jesper!AL$2:AL$366,ROUNDDOWN($C3973/24,0)+1,1))-1)+IF('Standard Profiles'!$G$22=$B$10,7,0)+IF('Standard Profiles'!$G$22=$B$17,14,0)+IF('Standard Profiles'!$G$22=$B$24,21,0),MOD($C3973,24)+1)/SUM(INDEX($D$3:$AA$30,INDEX(Jesper!$R$2:$R$366,ROW(INDEX(Jesper!AL$2:AL$366,ROUNDDOWN($C3973/24,0)+1,1))-1)+IF('Standard Profiles'!$G$22=$B$10,7,0)+IF('Standard Profiles'!$G$22=$B$17,14,0)+IF('Standard Profiles'!$G$22=$B$24,21,0),0)),0)</f>
        <v>0</v>
      </c>
      <c r="I3973">
        <f t="shared" si="447"/>
        <v>0.27415637258774456</v>
      </c>
      <c r="J3973">
        <f t="shared" si="448"/>
        <v>7.4222132992028156</v>
      </c>
      <c r="K3973">
        <f t="shared" si="449"/>
        <v>0.58469947294618263</v>
      </c>
      <c r="L3973">
        <f t="shared" si="450"/>
        <v>0.29234973647309132</v>
      </c>
      <c r="M3973">
        <f t="shared" si="451"/>
        <v>0</v>
      </c>
      <c r="N3973" s="45">
        <f t="shared" si="452"/>
        <v>45091.124999990447</v>
      </c>
    </row>
    <row r="3974" spans="2:14" x14ac:dyDescent="0.25">
      <c r="B3974">
        <f t="shared" si="446"/>
        <v>3</v>
      </c>
      <c r="C3974" s="16">
        <v>3940</v>
      </c>
      <c r="D3974" cm="1">
        <f t="array" ref="D3974">IFERROR(INDEX(Jesper!AH$2:AH$366,ROUNDDOWN($C3974/24,0)+1,1)*INDEX($D$3:$AA$30,INDEX(Jesper!$R$2:$R$366,ROW(INDEX(Jesper!AH$2:AH$366,ROUNDDOWN($C3974/24,0)+1,1))-1)+IF('Standard Profiles'!$G$18=$B$10,7,0)+IF('Standard Profiles'!$G$18=$B$17,14,0)+IF('Standard Profiles'!$G$18=$B$24,21,0),MOD($C3974,24)+1)/SUM(INDEX($D$3:$AA$30,INDEX(Jesper!$R$2:$R$366,ROW(INDEX(Jesper!AH$2:AH$366,ROUNDDOWN($C3974/24,0)+1,1))-1)+IF('Standard Profiles'!$G$18=$B$10,7,0)+IF('Standard Profiles'!$G$18=$B$17,14,0)+IF('Standard Profiles'!$G$18=$B$24,21,0),0)),0)</f>
        <v>5.4815575588704615</v>
      </c>
      <c r="E3974" cm="1">
        <f t="array" ref="E3974">IFERROR(INDEX(Jesper!AI$2:AI$366,ROUNDDOWN($C3974/24,0)+1,1)*INDEX($D$3:$AA$30,INDEX(Jesper!$R$2:$R$366,ROW(INDEX(Jesper!AI$2:AI$366,ROUNDDOWN($C3974/24,0)+1,1))-1)+IF('Standard Profiles'!$G$19=$B$10,7,0)+IF('Standard Profiles'!$G$19=$B$17,14,0)+IF('Standard Profiles'!$G$19=$B$24,21,0),MOD($C3974,24)+1)/SUM(INDEX($D$3:$AA$30,INDEX(Jesper!$R$2:$R$366,ROW(INDEX(Jesper!AI$2:AI$366,ROUNDDOWN($C3974/24,0)+1,1))-1)+IF('Standard Profiles'!$G$19=$B$10,7,0)+IF('Standard Profiles'!$G$19=$B$17,14,0)+IF('Standard Profiles'!$G$19=$B$24,21,0),0)),0)</f>
        <v>2.5207022127815724</v>
      </c>
      <c r="F3974" cm="1">
        <f t="array" ref="F3974">IFERROR(INDEX(Jesper!AJ$2:AJ$366,ROUNDDOWN($C3974/24,0)+1,1)*INDEX($D$3:$AA$30,INDEX(Jesper!$R$2:$R$366,ROW(INDEX(Jesper!AJ$2:AJ$366,ROUNDDOWN($C3974/24,0)+1,1))-1)+IF('Standard Profiles'!$G$20=$B$10,7,0)+IF('Standard Profiles'!$G$20=$B$17,14,0)+IF('Standard Profiles'!$G$20=$B$24,21,0),MOD($C3974,24)+1)/SUM(INDEX($D$3:$AA$30,INDEX(Jesper!$R$2:$R$366,ROW(INDEX(Jesper!AJ$2:AJ$366,ROUNDDOWN($C3974/24,0)+1,1))-1)+IF('Standard Profiles'!$G$20=$B$10,7,0)+IF('Standard Profiles'!$G$20=$B$17,14,0)+IF('Standard Profiles'!$G$20=$B$24,21,0),0)),0)</f>
        <v>0</v>
      </c>
      <c r="G3974" cm="1">
        <f t="array" ref="G3974">IFERROR(INDEX(Jesper!AK$2:AK$366,ROUNDDOWN($C3974/24,0)+1,1)*INDEX($D$3:$AA$30,INDEX(Jesper!$R$2:$R$366,ROW(INDEX(Jesper!AK$2:AK$366,ROUNDDOWN($C3974/24,0)+1,1))-1)+IF('Standard Profiles'!$G$21=$B$10,7,0)+IF('Standard Profiles'!$G$21=$B$17,14,0)+IF('Standard Profiles'!$G$21=$B$24,21,0),MOD($C3974,24)+1)/SUM(INDEX($D$3:$AA$30,INDEX(Jesper!$R$2:$R$366,ROW(INDEX(Jesper!AK$2:AK$366,ROUNDDOWN($C3974/24,0)+1,1))-1)+IF('Standard Profiles'!$G$21=$B$10,7,0)+IF('Standard Profiles'!$G$21=$B$17,14,0)+IF('Standard Profiles'!$G$21=$B$24,21,0),0)),0)</f>
        <v>0.57115910955780147</v>
      </c>
      <c r="H3974" cm="1">
        <f t="array" ref="H3974">IFERROR(INDEX(Jesper!AL$2:AL$366,ROUNDDOWN($C3974/24,0)+1,1)*INDEX($D$3:$AA$30,INDEX(Jesper!$R$2:$R$366,ROW(INDEX(Jesper!AL$2:AL$366,ROUNDDOWN($C3974/24,0)+1,1))-1)+IF('Standard Profiles'!$G$22=$B$10,7,0)+IF('Standard Profiles'!$G$22=$B$17,14,0)+IF('Standard Profiles'!$G$22=$B$24,21,0),MOD($C3974,24)+1)/SUM(INDEX($D$3:$AA$30,INDEX(Jesper!$R$2:$R$366,ROW(INDEX(Jesper!AL$2:AL$366,ROUNDDOWN($C3974/24,0)+1,1))-1)+IF('Standard Profiles'!$G$22=$B$10,7,0)+IF('Standard Profiles'!$G$22=$B$17,14,0)+IF('Standard Profiles'!$G$22=$B$24,21,0),0)),0)</f>
        <v>0</v>
      </c>
      <c r="I3974">
        <f t="shared" si="447"/>
        <v>0.27415637258774456</v>
      </c>
      <c r="J3974">
        <f t="shared" si="448"/>
        <v>7.4222132992028156</v>
      </c>
      <c r="K3974">
        <f t="shared" si="449"/>
        <v>0.58469947294618263</v>
      </c>
      <c r="L3974">
        <f t="shared" si="450"/>
        <v>0.29234973647309132</v>
      </c>
      <c r="M3974">
        <f t="shared" si="451"/>
        <v>0</v>
      </c>
      <c r="N3974" s="45">
        <f t="shared" si="452"/>
        <v>45091.166666657111</v>
      </c>
    </row>
    <row r="3975" spans="2:14" x14ac:dyDescent="0.25">
      <c r="B3975">
        <f t="shared" si="446"/>
        <v>3</v>
      </c>
      <c r="C3975" s="16">
        <v>3941</v>
      </c>
      <c r="D3975" cm="1">
        <f t="array" ref="D3975">IFERROR(INDEX(Jesper!AH$2:AH$366,ROUNDDOWN($C3975/24,0)+1,1)*INDEX($D$3:$AA$30,INDEX(Jesper!$R$2:$R$366,ROW(INDEX(Jesper!AH$2:AH$366,ROUNDDOWN($C3975/24,0)+1,1))-1)+IF('Standard Profiles'!$G$18=$B$10,7,0)+IF('Standard Profiles'!$G$18=$B$17,14,0)+IF('Standard Profiles'!$G$18=$B$24,21,0),MOD($C3975,24)+1)/SUM(INDEX($D$3:$AA$30,INDEX(Jesper!$R$2:$R$366,ROW(INDEX(Jesper!AH$2:AH$366,ROUNDDOWN($C3975/24,0)+1,1))-1)+IF('Standard Profiles'!$G$18=$B$10,7,0)+IF('Standard Profiles'!$G$18=$B$17,14,0)+IF('Standard Profiles'!$G$18=$B$24,21,0),0)),0)</f>
        <v>5.4815575588704615</v>
      </c>
      <c r="E3975" cm="1">
        <f t="array" ref="E3975">IFERROR(INDEX(Jesper!AI$2:AI$366,ROUNDDOWN($C3975/24,0)+1,1)*INDEX($D$3:$AA$30,INDEX(Jesper!$R$2:$R$366,ROW(INDEX(Jesper!AI$2:AI$366,ROUNDDOWN($C3975/24,0)+1,1))-1)+IF('Standard Profiles'!$G$19=$B$10,7,0)+IF('Standard Profiles'!$G$19=$B$17,14,0)+IF('Standard Profiles'!$G$19=$B$24,21,0),MOD($C3975,24)+1)/SUM(INDEX($D$3:$AA$30,INDEX(Jesper!$R$2:$R$366,ROW(INDEX(Jesper!AI$2:AI$366,ROUNDDOWN($C3975/24,0)+1,1))-1)+IF('Standard Profiles'!$G$19=$B$10,7,0)+IF('Standard Profiles'!$G$19=$B$17,14,0)+IF('Standard Profiles'!$G$19=$B$24,21,0),0)),0)</f>
        <v>2.5207022127815724</v>
      </c>
      <c r="F3975" cm="1">
        <f t="array" ref="F3975">IFERROR(INDEX(Jesper!AJ$2:AJ$366,ROUNDDOWN($C3975/24,0)+1,1)*INDEX($D$3:$AA$30,INDEX(Jesper!$R$2:$R$366,ROW(INDEX(Jesper!AJ$2:AJ$366,ROUNDDOWN($C3975/24,0)+1,1))-1)+IF('Standard Profiles'!$G$20=$B$10,7,0)+IF('Standard Profiles'!$G$20=$B$17,14,0)+IF('Standard Profiles'!$G$20=$B$24,21,0),MOD($C3975,24)+1)/SUM(INDEX($D$3:$AA$30,INDEX(Jesper!$R$2:$R$366,ROW(INDEX(Jesper!AJ$2:AJ$366,ROUNDDOWN($C3975/24,0)+1,1))-1)+IF('Standard Profiles'!$G$20=$B$10,7,0)+IF('Standard Profiles'!$G$20=$B$17,14,0)+IF('Standard Profiles'!$G$20=$B$24,21,0),0)),0)</f>
        <v>0</v>
      </c>
      <c r="G3975" cm="1">
        <f t="array" ref="G3975">IFERROR(INDEX(Jesper!AK$2:AK$366,ROUNDDOWN($C3975/24,0)+1,1)*INDEX($D$3:$AA$30,INDEX(Jesper!$R$2:$R$366,ROW(INDEX(Jesper!AK$2:AK$366,ROUNDDOWN($C3975/24,0)+1,1))-1)+IF('Standard Profiles'!$G$21=$B$10,7,0)+IF('Standard Profiles'!$G$21=$B$17,14,0)+IF('Standard Profiles'!$G$21=$B$24,21,0),MOD($C3975,24)+1)/SUM(INDEX($D$3:$AA$30,INDEX(Jesper!$R$2:$R$366,ROW(INDEX(Jesper!AK$2:AK$366,ROUNDDOWN($C3975/24,0)+1,1))-1)+IF('Standard Profiles'!$G$21=$B$10,7,0)+IF('Standard Profiles'!$G$21=$B$17,14,0)+IF('Standard Profiles'!$G$21=$B$24,21,0),0)),0)</f>
        <v>0.57115910955780147</v>
      </c>
      <c r="H3975" cm="1">
        <f t="array" ref="H3975">IFERROR(INDEX(Jesper!AL$2:AL$366,ROUNDDOWN($C3975/24,0)+1,1)*INDEX($D$3:$AA$30,INDEX(Jesper!$R$2:$R$366,ROW(INDEX(Jesper!AL$2:AL$366,ROUNDDOWN($C3975/24,0)+1,1))-1)+IF('Standard Profiles'!$G$22=$B$10,7,0)+IF('Standard Profiles'!$G$22=$B$17,14,0)+IF('Standard Profiles'!$G$22=$B$24,21,0),MOD($C3975,24)+1)/SUM(INDEX($D$3:$AA$30,INDEX(Jesper!$R$2:$R$366,ROW(INDEX(Jesper!AL$2:AL$366,ROUNDDOWN($C3975/24,0)+1,1))-1)+IF('Standard Profiles'!$G$22=$B$10,7,0)+IF('Standard Profiles'!$G$22=$B$17,14,0)+IF('Standard Profiles'!$G$22=$B$24,21,0),0)),0)</f>
        <v>0</v>
      </c>
      <c r="I3975">
        <f t="shared" si="447"/>
        <v>0.27415637258774456</v>
      </c>
      <c r="J3975">
        <f t="shared" si="448"/>
        <v>7.4222132992028156</v>
      </c>
      <c r="K3975">
        <f t="shared" si="449"/>
        <v>0.58469947294618263</v>
      </c>
      <c r="L3975">
        <f t="shared" si="450"/>
        <v>0.29234973647309132</v>
      </c>
      <c r="M3975">
        <f t="shared" si="451"/>
        <v>0</v>
      </c>
      <c r="N3975" s="45">
        <f t="shared" si="452"/>
        <v>45091.208333323775</v>
      </c>
    </row>
    <row r="3976" spans="2:14" x14ac:dyDescent="0.25">
      <c r="B3976">
        <f t="shared" si="446"/>
        <v>3</v>
      </c>
      <c r="C3976" s="16">
        <v>3942</v>
      </c>
      <c r="D3976" cm="1">
        <f t="array" ref="D3976">IFERROR(INDEX(Jesper!AH$2:AH$366,ROUNDDOWN($C3976/24,0)+1,1)*INDEX($D$3:$AA$30,INDEX(Jesper!$R$2:$R$366,ROW(INDEX(Jesper!AH$2:AH$366,ROUNDDOWN($C3976/24,0)+1,1))-1)+IF('Standard Profiles'!$G$18=$B$10,7,0)+IF('Standard Profiles'!$G$18=$B$17,14,0)+IF('Standard Profiles'!$G$18=$B$24,21,0),MOD($C3976,24)+1)/SUM(INDEX($D$3:$AA$30,INDEX(Jesper!$R$2:$R$366,ROW(INDEX(Jesper!AH$2:AH$366,ROUNDDOWN($C3976/24,0)+1,1))-1)+IF('Standard Profiles'!$G$18=$B$10,7,0)+IF('Standard Profiles'!$G$18=$B$17,14,0)+IF('Standard Profiles'!$G$18=$B$24,21,0),0)),0)</f>
        <v>5.4815575588704615</v>
      </c>
      <c r="E3976" cm="1">
        <f t="array" ref="E3976">IFERROR(INDEX(Jesper!AI$2:AI$366,ROUNDDOWN($C3976/24,0)+1,1)*INDEX($D$3:$AA$30,INDEX(Jesper!$R$2:$R$366,ROW(INDEX(Jesper!AI$2:AI$366,ROUNDDOWN($C3976/24,0)+1,1))-1)+IF('Standard Profiles'!$G$19=$B$10,7,0)+IF('Standard Profiles'!$G$19=$B$17,14,0)+IF('Standard Profiles'!$G$19=$B$24,21,0),MOD($C3976,24)+1)/SUM(INDEX($D$3:$AA$30,INDEX(Jesper!$R$2:$R$366,ROW(INDEX(Jesper!AI$2:AI$366,ROUNDDOWN($C3976/24,0)+1,1))-1)+IF('Standard Profiles'!$G$19=$B$10,7,0)+IF('Standard Profiles'!$G$19=$B$17,14,0)+IF('Standard Profiles'!$G$19=$B$24,21,0),0)),0)</f>
        <v>2.5207022127815724</v>
      </c>
      <c r="F3976" cm="1">
        <f t="array" ref="F3976">IFERROR(INDEX(Jesper!AJ$2:AJ$366,ROUNDDOWN($C3976/24,0)+1,1)*INDEX($D$3:$AA$30,INDEX(Jesper!$R$2:$R$366,ROW(INDEX(Jesper!AJ$2:AJ$366,ROUNDDOWN($C3976/24,0)+1,1))-1)+IF('Standard Profiles'!$G$20=$B$10,7,0)+IF('Standard Profiles'!$G$20=$B$17,14,0)+IF('Standard Profiles'!$G$20=$B$24,21,0),MOD($C3976,24)+1)/SUM(INDEX($D$3:$AA$30,INDEX(Jesper!$R$2:$R$366,ROW(INDEX(Jesper!AJ$2:AJ$366,ROUNDDOWN($C3976/24,0)+1,1))-1)+IF('Standard Profiles'!$G$20=$B$10,7,0)+IF('Standard Profiles'!$G$20=$B$17,14,0)+IF('Standard Profiles'!$G$20=$B$24,21,0),0)),0)</f>
        <v>0</v>
      </c>
      <c r="G3976" cm="1">
        <f t="array" ref="G3976">IFERROR(INDEX(Jesper!AK$2:AK$366,ROUNDDOWN($C3976/24,0)+1,1)*INDEX($D$3:$AA$30,INDEX(Jesper!$R$2:$R$366,ROW(INDEX(Jesper!AK$2:AK$366,ROUNDDOWN($C3976/24,0)+1,1))-1)+IF('Standard Profiles'!$G$21=$B$10,7,0)+IF('Standard Profiles'!$G$21=$B$17,14,0)+IF('Standard Profiles'!$G$21=$B$24,21,0),MOD($C3976,24)+1)/SUM(INDEX($D$3:$AA$30,INDEX(Jesper!$R$2:$R$366,ROW(INDEX(Jesper!AK$2:AK$366,ROUNDDOWN($C3976/24,0)+1,1))-1)+IF('Standard Profiles'!$G$21=$B$10,7,0)+IF('Standard Profiles'!$G$21=$B$17,14,0)+IF('Standard Profiles'!$G$21=$B$24,21,0),0)),0)</f>
        <v>0.57115910955780147</v>
      </c>
      <c r="H3976" cm="1">
        <f t="array" ref="H3976">IFERROR(INDEX(Jesper!AL$2:AL$366,ROUNDDOWN($C3976/24,0)+1,1)*INDEX($D$3:$AA$30,INDEX(Jesper!$R$2:$R$366,ROW(INDEX(Jesper!AL$2:AL$366,ROUNDDOWN($C3976/24,0)+1,1))-1)+IF('Standard Profiles'!$G$22=$B$10,7,0)+IF('Standard Profiles'!$G$22=$B$17,14,0)+IF('Standard Profiles'!$G$22=$B$24,21,0),MOD($C3976,24)+1)/SUM(INDEX($D$3:$AA$30,INDEX(Jesper!$R$2:$R$366,ROW(INDEX(Jesper!AL$2:AL$366,ROUNDDOWN($C3976/24,0)+1,1))-1)+IF('Standard Profiles'!$G$22=$B$10,7,0)+IF('Standard Profiles'!$G$22=$B$17,14,0)+IF('Standard Profiles'!$G$22=$B$24,21,0),0)),0)</f>
        <v>0</v>
      </c>
      <c r="I3976">
        <f t="shared" si="447"/>
        <v>0.27415637258774456</v>
      </c>
      <c r="J3976">
        <f t="shared" si="448"/>
        <v>7.4222132992028156</v>
      </c>
      <c r="K3976">
        <f t="shared" si="449"/>
        <v>0.58469947294618263</v>
      </c>
      <c r="L3976">
        <f t="shared" si="450"/>
        <v>0.29234973647309132</v>
      </c>
      <c r="M3976">
        <f t="shared" si="451"/>
        <v>0</v>
      </c>
      <c r="N3976" s="45">
        <f t="shared" si="452"/>
        <v>45091.249999990439</v>
      </c>
    </row>
    <row r="3977" spans="2:14" x14ac:dyDescent="0.25">
      <c r="B3977">
        <f t="shared" si="446"/>
        <v>3</v>
      </c>
      <c r="C3977" s="16">
        <v>3943</v>
      </c>
      <c r="D3977" cm="1">
        <f t="array" ref="D3977">IFERROR(INDEX(Jesper!AH$2:AH$366,ROUNDDOWN($C3977/24,0)+1,1)*INDEX($D$3:$AA$30,INDEX(Jesper!$R$2:$R$366,ROW(INDEX(Jesper!AH$2:AH$366,ROUNDDOWN($C3977/24,0)+1,1))-1)+IF('Standard Profiles'!$G$18=$B$10,7,0)+IF('Standard Profiles'!$G$18=$B$17,14,0)+IF('Standard Profiles'!$G$18=$B$24,21,0),MOD($C3977,24)+1)/SUM(INDEX($D$3:$AA$30,INDEX(Jesper!$R$2:$R$366,ROW(INDEX(Jesper!AH$2:AH$366,ROUNDDOWN($C3977/24,0)+1,1))-1)+IF('Standard Profiles'!$G$18=$B$10,7,0)+IF('Standard Profiles'!$G$18=$B$17,14,0)+IF('Standard Profiles'!$G$18=$B$24,21,0),0)),0)</f>
        <v>22.407942869443186</v>
      </c>
      <c r="E3977" cm="1">
        <f t="array" ref="E3977">IFERROR(INDEX(Jesper!AI$2:AI$366,ROUNDDOWN($C3977/24,0)+1,1)*INDEX($D$3:$AA$30,INDEX(Jesper!$R$2:$R$366,ROW(INDEX(Jesper!AI$2:AI$366,ROUNDDOWN($C3977/24,0)+1,1))-1)+IF('Standard Profiles'!$G$19=$B$10,7,0)+IF('Standard Profiles'!$G$19=$B$17,14,0)+IF('Standard Profiles'!$G$19=$B$24,21,0),MOD($C3977,24)+1)/SUM(INDEX($D$3:$AA$30,INDEX(Jesper!$R$2:$R$366,ROW(INDEX(Jesper!AI$2:AI$366,ROUNDDOWN($C3977/24,0)+1,1))-1)+IF('Standard Profiles'!$G$19=$B$10,7,0)+IF('Standard Profiles'!$G$19=$B$17,14,0)+IF('Standard Profiles'!$G$19=$B$24,21,0),0)),0)</f>
        <v>10.304325106188912</v>
      </c>
      <c r="F3977" cm="1">
        <f t="array" ref="F3977">IFERROR(INDEX(Jesper!AJ$2:AJ$366,ROUNDDOWN($C3977/24,0)+1,1)*INDEX($D$3:$AA$30,INDEX(Jesper!$R$2:$R$366,ROW(INDEX(Jesper!AJ$2:AJ$366,ROUNDDOWN($C3977/24,0)+1,1))-1)+IF('Standard Profiles'!$G$20=$B$10,7,0)+IF('Standard Profiles'!$G$20=$B$17,14,0)+IF('Standard Profiles'!$G$20=$B$24,21,0),MOD($C3977,24)+1)/SUM(INDEX($D$3:$AA$30,INDEX(Jesper!$R$2:$R$366,ROW(INDEX(Jesper!AJ$2:AJ$366,ROUNDDOWN($C3977/24,0)+1,1))-1)+IF('Standard Profiles'!$G$20=$B$10,7,0)+IF('Standard Profiles'!$G$20=$B$17,14,0)+IF('Standard Profiles'!$G$20=$B$24,21,0),0)),0)</f>
        <v>0</v>
      </c>
      <c r="G3977" cm="1">
        <f t="array" ref="G3977">IFERROR(INDEX(Jesper!AK$2:AK$366,ROUNDDOWN($C3977/24,0)+1,1)*INDEX($D$3:$AA$30,INDEX(Jesper!$R$2:$R$366,ROW(INDEX(Jesper!AK$2:AK$366,ROUNDDOWN($C3977/24,0)+1,1))-1)+IF('Standard Profiles'!$G$21=$B$10,7,0)+IF('Standard Profiles'!$G$21=$B$17,14,0)+IF('Standard Profiles'!$G$21=$B$24,21,0),MOD($C3977,24)+1)/SUM(INDEX($D$3:$AA$30,INDEX(Jesper!$R$2:$R$366,ROW(INDEX(Jesper!AK$2:AK$366,ROUNDDOWN($C3977/24,0)+1,1))-1)+IF('Standard Profiles'!$G$21=$B$10,7,0)+IF('Standard Profiles'!$G$21=$B$17,14,0)+IF('Standard Profiles'!$G$21=$B$24,21,0),0)),0)</f>
        <v>1.5735433468317428</v>
      </c>
      <c r="H3977" cm="1">
        <f t="array" ref="H3977">IFERROR(INDEX(Jesper!AL$2:AL$366,ROUNDDOWN($C3977/24,0)+1,1)*INDEX($D$3:$AA$30,INDEX(Jesper!$R$2:$R$366,ROW(INDEX(Jesper!AL$2:AL$366,ROUNDDOWN($C3977/24,0)+1,1))-1)+IF('Standard Profiles'!$G$22=$B$10,7,0)+IF('Standard Profiles'!$G$22=$B$17,14,0)+IF('Standard Profiles'!$G$22=$B$24,21,0),MOD($C3977,24)+1)/SUM(INDEX($D$3:$AA$30,INDEX(Jesper!$R$2:$R$366,ROW(INDEX(Jesper!AL$2:AL$366,ROUNDDOWN($C3977/24,0)+1,1))-1)+IF('Standard Profiles'!$G$22=$B$10,7,0)+IF('Standard Profiles'!$G$22=$B$17,14,0)+IF('Standard Profiles'!$G$22=$B$24,21,0),0)),0)</f>
        <v>0</v>
      </c>
      <c r="I3977">
        <f t="shared" si="447"/>
        <v>0.75530080647923614</v>
      </c>
      <c r="J3977">
        <f t="shared" si="448"/>
        <v>29.945239656873696</v>
      </c>
      <c r="K3977">
        <f t="shared" si="449"/>
        <v>2.3901805727406065</v>
      </c>
      <c r="L3977">
        <f t="shared" si="450"/>
        <v>1.1950902863703032</v>
      </c>
      <c r="M3977">
        <f t="shared" si="451"/>
        <v>0</v>
      </c>
      <c r="N3977" s="45">
        <f t="shared" si="452"/>
        <v>45091.291666657104</v>
      </c>
    </row>
    <row r="3978" spans="2:14" x14ac:dyDescent="0.25">
      <c r="B3978">
        <f t="shared" si="446"/>
        <v>3</v>
      </c>
      <c r="C3978" s="16">
        <v>3944</v>
      </c>
      <c r="D3978" cm="1">
        <f t="array" ref="D3978">IFERROR(INDEX(Jesper!AH$2:AH$366,ROUNDDOWN($C3978/24,0)+1,1)*INDEX($D$3:$AA$30,INDEX(Jesper!$R$2:$R$366,ROW(INDEX(Jesper!AH$2:AH$366,ROUNDDOWN($C3978/24,0)+1,1))-1)+IF('Standard Profiles'!$G$18=$B$10,7,0)+IF('Standard Profiles'!$G$18=$B$17,14,0)+IF('Standard Profiles'!$G$18=$B$24,21,0),MOD($C3978,24)+1)/SUM(INDEX($D$3:$AA$30,INDEX(Jesper!$R$2:$R$366,ROW(INDEX(Jesper!AH$2:AH$366,ROUNDDOWN($C3978/24,0)+1,1))-1)+IF('Standard Profiles'!$G$18=$B$10,7,0)+IF('Standard Profiles'!$G$18=$B$17,14,0)+IF('Standard Profiles'!$G$18=$B$24,21,0),0)),0)</f>
        <v>25.002546780641872</v>
      </c>
      <c r="E3978" cm="1">
        <f t="array" ref="E3978">IFERROR(INDEX(Jesper!AI$2:AI$366,ROUNDDOWN($C3978/24,0)+1,1)*INDEX($D$3:$AA$30,INDEX(Jesper!$R$2:$R$366,ROW(INDEX(Jesper!AI$2:AI$366,ROUNDDOWN($C3978/24,0)+1,1))-1)+IF('Standard Profiles'!$G$19=$B$10,7,0)+IF('Standard Profiles'!$G$19=$B$17,14,0)+IF('Standard Profiles'!$G$19=$B$24,21,0),MOD($C3978,24)+1)/SUM(INDEX($D$3:$AA$30,INDEX(Jesper!$R$2:$R$366,ROW(INDEX(Jesper!AI$2:AI$366,ROUNDDOWN($C3978/24,0)+1,1))-1)+IF('Standard Profiles'!$G$19=$B$10,7,0)+IF('Standard Profiles'!$G$19=$B$17,14,0)+IF('Standard Profiles'!$G$19=$B$24,21,0),0)),0)</f>
        <v>11.497457486905525</v>
      </c>
      <c r="F3978" cm="1">
        <f t="array" ref="F3978">IFERROR(INDEX(Jesper!AJ$2:AJ$366,ROUNDDOWN($C3978/24,0)+1,1)*INDEX($D$3:$AA$30,INDEX(Jesper!$R$2:$R$366,ROW(INDEX(Jesper!AJ$2:AJ$366,ROUNDDOWN($C3978/24,0)+1,1))-1)+IF('Standard Profiles'!$G$20=$B$10,7,0)+IF('Standard Profiles'!$G$20=$B$17,14,0)+IF('Standard Profiles'!$G$20=$B$24,21,0),MOD($C3978,24)+1)/SUM(INDEX($D$3:$AA$30,INDEX(Jesper!$R$2:$R$366,ROW(INDEX(Jesper!AJ$2:AJ$366,ROUNDDOWN($C3978/24,0)+1,1))-1)+IF('Standard Profiles'!$G$20=$B$10,7,0)+IF('Standard Profiles'!$G$20=$B$17,14,0)+IF('Standard Profiles'!$G$20=$B$24,21,0),0)),0)</f>
        <v>0</v>
      </c>
      <c r="G3978" cm="1">
        <f t="array" ref="G3978">IFERROR(INDEX(Jesper!AK$2:AK$366,ROUNDDOWN($C3978/24,0)+1,1)*INDEX($D$3:$AA$30,INDEX(Jesper!$R$2:$R$366,ROW(INDEX(Jesper!AK$2:AK$366,ROUNDDOWN($C3978/24,0)+1,1))-1)+IF('Standard Profiles'!$G$21=$B$10,7,0)+IF('Standard Profiles'!$G$21=$B$17,14,0)+IF('Standard Profiles'!$G$21=$B$24,21,0),MOD($C3978,24)+1)/SUM(INDEX($D$3:$AA$30,INDEX(Jesper!$R$2:$R$366,ROW(INDEX(Jesper!AK$2:AK$366,ROUNDDOWN($C3978/24,0)+1,1))-1)+IF('Standard Profiles'!$G$21=$B$10,7,0)+IF('Standard Profiles'!$G$21=$B$17,14,0)+IF('Standard Profiles'!$G$21=$B$24,21,0),0)),0)</f>
        <v>1.755743102780682</v>
      </c>
      <c r="H3978" cm="1">
        <f t="array" ref="H3978">IFERROR(INDEX(Jesper!AL$2:AL$366,ROUNDDOWN($C3978/24,0)+1,1)*INDEX($D$3:$AA$30,INDEX(Jesper!$R$2:$R$366,ROW(INDEX(Jesper!AL$2:AL$366,ROUNDDOWN($C3978/24,0)+1,1))-1)+IF('Standard Profiles'!$G$22=$B$10,7,0)+IF('Standard Profiles'!$G$22=$B$17,14,0)+IF('Standard Profiles'!$G$22=$B$24,21,0),MOD($C3978,24)+1)/SUM(INDEX($D$3:$AA$30,INDEX(Jesper!$R$2:$R$366,ROW(INDEX(Jesper!AL$2:AL$366,ROUNDDOWN($C3978/24,0)+1,1))-1)+IF('Standard Profiles'!$G$22=$B$10,7,0)+IF('Standard Profiles'!$G$22=$B$17,14,0)+IF('Standard Profiles'!$G$22=$B$24,21,0),0)),0)</f>
        <v>0</v>
      </c>
      <c r="I3978">
        <f t="shared" si="447"/>
        <v>0.84275668933472692</v>
      </c>
      <c r="J3978">
        <f t="shared" si="448"/>
        <v>33.412583196090658</v>
      </c>
      <c r="K3978">
        <f t="shared" si="449"/>
        <v>2.6669383232684667</v>
      </c>
      <c r="L3978">
        <f t="shared" si="450"/>
        <v>1.3334691616342333</v>
      </c>
      <c r="M3978">
        <f t="shared" si="451"/>
        <v>0</v>
      </c>
      <c r="N3978" s="45">
        <f t="shared" si="452"/>
        <v>45091.333333323768</v>
      </c>
    </row>
    <row r="3979" spans="2:14" x14ac:dyDescent="0.25">
      <c r="B3979">
        <f t="shared" si="446"/>
        <v>3</v>
      </c>
      <c r="C3979" s="16">
        <v>3945</v>
      </c>
      <c r="D3979" cm="1">
        <f t="array" ref="D3979">IFERROR(INDEX(Jesper!AH$2:AH$366,ROUNDDOWN($C3979/24,0)+1,1)*INDEX($D$3:$AA$30,INDEX(Jesper!$R$2:$R$366,ROW(INDEX(Jesper!AH$2:AH$366,ROUNDDOWN($C3979/24,0)+1,1))-1)+IF('Standard Profiles'!$G$18=$B$10,7,0)+IF('Standard Profiles'!$G$18=$B$17,14,0)+IF('Standard Profiles'!$G$18=$B$24,21,0),MOD($C3979,24)+1)/SUM(INDEX($D$3:$AA$30,INDEX(Jesper!$R$2:$R$366,ROW(INDEX(Jesper!AH$2:AH$366,ROUNDDOWN($C3979/24,0)+1,1))-1)+IF('Standard Profiles'!$G$18=$B$10,7,0)+IF('Standard Profiles'!$G$18=$B$17,14,0)+IF('Standard Profiles'!$G$18=$B$24,21,0),0)),0)</f>
        <v>27.597150691840557</v>
      </c>
      <c r="E3979" cm="1">
        <f t="array" ref="E3979">IFERROR(INDEX(Jesper!AI$2:AI$366,ROUNDDOWN($C3979/24,0)+1,1)*INDEX($D$3:$AA$30,INDEX(Jesper!$R$2:$R$366,ROW(INDEX(Jesper!AI$2:AI$366,ROUNDDOWN($C3979/24,0)+1,1))-1)+IF('Standard Profiles'!$G$19=$B$10,7,0)+IF('Standard Profiles'!$G$19=$B$17,14,0)+IF('Standard Profiles'!$G$19=$B$24,21,0),MOD($C3979,24)+1)/SUM(INDEX($D$3:$AA$30,INDEX(Jesper!$R$2:$R$366,ROW(INDEX(Jesper!AI$2:AI$366,ROUNDDOWN($C3979/24,0)+1,1))-1)+IF('Standard Profiles'!$G$19=$B$10,7,0)+IF('Standard Profiles'!$G$19=$B$17,14,0)+IF('Standard Profiles'!$G$19=$B$24,21,0),0)),0)</f>
        <v>12.690589867622135</v>
      </c>
      <c r="F3979" cm="1">
        <f t="array" ref="F3979">IFERROR(INDEX(Jesper!AJ$2:AJ$366,ROUNDDOWN($C3979/24,0)+1,1)*INDEX($D$3:$AA$30,INDEX(Jesper!$R$2:$R$366,ROW(INDEX(Jesper!AJ$2:AJ$366,ROUNDDOWN($C3979/24,0)+1,1))-1)+IF('Standard Profiles'!$G$20=$B$10,7,0)+IF('Standard Profiles'!$G$20=$B$17,14,0)+IF('Standard Profiles'!$G$20=$B$24,21,0),MOD($C3979,24)+1)/SUM(INDEX($D$3:$AA$30,INDEX(Jesper!$R$2:$R$366,ROW(INDEX(Jesper!AJ$2:AJ$366,ROUNDDOWN($C3979/24,0)+1,1))-1)+IF('Standard Profiles'!$G$20=$B$10,7,0)+IF('Standard Profiles'!$G$20=$B$17,14,0)+IF('Standard Profiles'!$G$20=$B$24,21,0),0)),0)</f>
        <v>0</v>
      </c>
      <c r="G3979" cm="1">
        <f t="array" ref="G3979">IFERROR(INDEX(Jesper!AK$2:AK$366,ROUNDDOWN($C3979/24,0)+1,1)*INDEX($D$3:$AA$30,INDEX(Jesper!$R$2:$R$366,ROW(INDEX(Jesper!AK$2:AK$366,ROUNDDOWN($C3979/24,0)+1,1))-1)+IF('Standard Profiles'!$G$21=$B$10,7,0)+IF('Standard Profiles'!$G$21=$B$17,14,0)+IF('Standard Profiles'!$G$21=$B$24,21,0),MOD($C3979,24)+1)/SUM(INDEX($D$3:$AA$30,INDEX(Jesper!$R$2:$R$366,ROW(INDEX(Jesper!AK$2:AK$366,ROUNDDOWN($C3979/24,0)+1,1))-1)+IF('Standard Profiles'!$G$21=$B$10,7,0)+IF('Standard Profiles'!$G$21=$B$17,14,0)+IF('Standard Profiles'!$G$21=$B$24,21,0),0)),0)</f>
        <v>1.9379428587296206</v>
      </c>
      <c r="H3979" cm="1">
        <f t="array" ref="H3979">IFERROR(INDEX(Jesper!AL$2:AL$366,ROUNDDOWN($C3979/24,0)+1,1)*INDEX($D$3:$AA$30,INDEX(Jesper!$R$2:$R$366,ROW(INDEX(Jesper!AL$2:AL$366,ROUNDDOWN($C3979/24,0)+1,1))-1)+IF('Standard Profiles'!$G$22=$B$10,7,0)+IF('Standard Profiles'!$G$22=$B$17,14,0)+IF('Standard Profiles'!$G$22=$B$24,21,0),MOD($C3979,24)+1)/SUM(INDEX($D$3:$AA$30,INDEX(Jesper!$R$2:$R$366,ROW(INDEX(Jesper!AL$2:AL$366,ROUNDDOWN($C3979/24,0)+1,1))-1)+IF('Standard Profiles'!$G$22=$B$10,7,0)+IF('Standard Profiles'!$G$22=$B$17,14,0)+IF('Standard Profiles'!$G$22=$B$24,21,0),0)),0)</f>
        <v>0</v>
      </c>
      <c r="I3979">
        <f t="shared" si="447"/>
        <v>0.93021257219021736</v>
      </c>
      <c r="J3979">
        <f t="shared" si="448"/>
        <v>36.879926735307606</v>
      </c>
      <c r="K3979">
        <f t="shared" si="449"/>
        <v>2.9436960737963265</v>
      </c>
      <c r="L3979">
        <f t="shared" si="450"/>
        <v>1.4718480368981632</v>
      </c>
      <c r="M3979">
        <f t="shared" si="451"/>
        <v>0</v>
      </c>
      <c r="N3979" s="45">
        <f t="shared" si="452"/>
        <v>45091.374999990432</v>
      </c>
    </row>
    <row r="3980" spans="2:14" x14ac:dyDescent="0.25">
      <c r="B3980">
        <f t="shared" si="446"/>
        <v>3</v>
      </c>
      <c r="C3980" s="16">
        <v>3946</v>
      </c>
      <c r="D3980" cm="1">
        <f t="array" ref="D3980">IFERROR(INDEX(Jesper!AH$2:AH$366,ROUNDDOWN($C3980/24,0)+1,1)*INDEX($D$3:$AA$30,INDEX(Jesper!$R$2:$R$366,ROW(INDEX(Jesper!AH$2:AH$366,ROUNDDOWN($C3980/24,0)+1,1))-1)+IF('Standard Profiles'!$G$18=$B$10,7,0)+IF('Standard Profiles'!$G$18=$B$17,14,0)+IF('Standard Profiles'!$G$18=$B$24,21,0),MOD($C3980,24)+1)/SUM(INDEX($D$3:$AA$30,INDEX(Jesper!$R$2:$R$366,ROW(INDEX(Jesper!AH$2:AH$366,ROUNDDOWN($C3980/24,0)+1,1))-1)+IF('Standard Profiles'!$G$18=$B$10,7,0)+IF('Standard Profiles'!$G$18=$B$17,14,0)+IF('Standard Profiles'!$G$18=$B$24,21,0),0)),0)</f>
        <v>27.597150691840557</v>
      </c>
      <c r="E3980" cm="1">
        <f t="array" ref="E3980">IFERROR(INDEX(Jesper!AI$2:AI$366,ROUNDDOWN($C3980/24,0)+1,1)*INDEX($D$3:$AA$30,INDEX(Jesper!$R$2:$R$366,ROW(INDEX(Jesper!AI$2:AI$366,ROUNDDOWN($C3980/24,0)+1,1))-1)+IF('Standard Profiles'!$G$19=$B$10,7,0)+IF('Standard Profiles'!$G$19=$B$17,14,0)+IF('Standard Profiles'!$G$19=$B$24,21,0),MOD($C3980,24)+1)/SUM(INDEX($D$3:$AA$30,INDEX(Jesper!$R$2:$R$366,ROW(INDEX(Jesper!AI$2:AI$366,ROUNDDOWN($C3980/24,0)+1,1))-1)+IF('Standard Profiles'!$G$19=$B$10,7,0)+IF('Standard Profiles'!$G$19=$B$17,14,0)+IF('Standard Profiles'!$G$19=$B$24,21,0),0)),0)</f>
        <v>12.690589867622135</v>
      </c>
      <c r="F3980" cm="1">
        <f t="array" ref="F3980">IFERROR(INDEX(Jesper!AJ$2:AJ$366,ROUNDDOWN($C3980/24,0)+1,1)*INDEX($D$3:$AA$30,INDEX(Jesper!$R$2:$R$366,ROW(INDEX(Jesper!AJ$2:AJ$366,ROUNDDOWN($C3980/24,0)+1,1))-1)+IF('Standard Profiles'!$G$20=$B$10,7,0)+IF('Standard Profiles'!$G$20=$B$17,14,0)+IF('Standard Profiles'!$G$20=$B$24,21,0),MOD($C3980,24)+1)/SUM(INDEX($D$3:$AA$30,INDEX(Jesper!$R$2:$R$366,ROW(INDEX(Jesper!AJ$2:AJ$366,ROUNDDOWN($C3980/24,0)+1,1))-1)+IF('Standard Profiles'!$G$20=$B$10,7,0)+IF('Standard Profiles'!$G$20=$B$17,14,0)+IF('Standard Profiles'!$G$20=$B$24,21,0),0)),0)</f>
        <v>0</v>
      </c>
      <c r="G3980" cm="1">
        <f t="array" ref="G3980">IFERROR(INDEX(Jesper!AK$2:AK$366,ROUNDDOWN($C3980/24,0)+1,1)*INDEX($D$3:$AA$30,INDEX(Jesper!$R$2:$R$366,ROW(INDEX(Jesper!AK$2:AK$366,ROUNDDOWN($C3980/24,0)+1,1))-1)+IF('Standard Profiles'!$G$21=$B$10,7,0)+IF('Standard Profiles'!$G$21=$B$17,14,0)+IF('Standard Profiles'!$G$21=$B$24,21,0),MOD($C3980,24)+1)/SUM(INDEX($D$3:$AA$30,INDEX(Jesper!$R$2:$R$366,ROW(INDEX(Jesper!AK$2:AK$366,ROUNDDOWN($C3980/24,0)+1,1))-1)+IF('Standard Profiles'!$G$21=$B$10,7,0)+IF('Standard Profiles'!$G$21=$B$17,14,0)+IF('Standard Profiles'!$G$21=$B$24,21,0),0)),0)</f>
        <v>1.9379428587296206</v>
      </c>
      <c r="H3980" cm="1">
        <f t="array" ref="H3980">IFERROR(INDEX(Jesper!AL$2:AL$366,ROUNDDOWN($C3980/24,0)+1,1)*INDEX($D$3:$AA$30,INDEX(Jesper!$R$2:$R$366,ROW(INDEX(Jesper!AL$2:AL$366,ROUNDDOWN($C3980/24,0)+1,1))-1)+IF('Standard Profiles'!$G$22=$B$10,7,0)+IF('Standard Profiles'!$G$22=$B$17,14,0)+IF('Standard Profiles'!$G$22=$B$24,21,0),MOD($C3980,24)+1)/SUM(INDEX($D$3:$AA$30,INDEX(Jesper!$R$2:$R$366,ROW(INDEX(Jesper!AL$2:AL$366,ROUNDDOWN($C3980/24,0)+1,1))-1)+IF('Standard Profiles'!$G$22=$B$10,7,0)+IF('Standard Profiles'!$G$22=$B$17,14,0)+IF('Standard Profiles'!$G$22=$B$24,21,0),0)),0)</f>
        <v>0</v>
      </c>
      <c r="I3980">
        <f t="shared" si="447"/>
        <v>0.93021257219021736</v>
      </c>
      <c r="J3980">
        <f t="shared" si="448"/>
        <v>36.879926735307606</v>
      </c>
      <c r="K3980">
        <f t="shared" si="449"/>
        <v>2.9436960737963265</v>
      </c>
      <c r="L3980">
        <f t="shared" si="450"/>
        <v>1.4718480368981632</v>
      </c>
      <c r="M3980">
        <f t="shared" si="451"/>
        <v>0</v>
      </c>
      <c r="N3980" s="45">
        <f t="shared" si="452"/>
        <v>45091.416666657096</v>
      </c>
    </row>
    <row r="3981" spans="2:14" x14ac:dyDescent="0.25">
      <c r="B3981">
        <f t="shared" si="446"/>
        <v>3</v>
      </c>
      <c r="C3981" s="16">
        <v>3947</v>
      </c>
      <c r="D3981" cm="1">
        <f t="array" ref="D3981">IFERROR(INDEX(Jesper!AH$2:AH$366,ROUNDDOWN($C3981/24,0)+1,1)*INDEX($D$3:$AA$30,INDEX(Jesper!$R$2:$R$366,ROW(INDEX(Jesper!AH$2:AH$366,ROUNDDOWN($C3981/24,0)+1,1))-1)+IF('Standard Profiles'!$G$18=$B$10,7,0)+IF('Standard Profiles'!$G$18=$B$17,14,0)+IF('Standard Profiles'!$G$18=$B$24,21,0),MOD($C3981,24)+1)/SUM(INDEX($D$3:$AA$30,INDEX(Jesper!$R$2:$R$366,ROW(INDEX(Jesper!AH$2:AH$366,ROUNDDOWN($C3981/24,0)+1,1))-1)+IF('Standard Profiles'!$G$18=$B$10,7,0)+IF('Standard Profiles'!$G$18=$B$17,14,0)+IF('Standard Profiles'!$G$18=$B$24,21,0),0)),0)</f>
        <v>33.022231597074168</v>
      </c>
      <c r="E3981" cm="1">
        <f t="array" ref="E3981">IFERROR(INDEX(Jesper!AI$2:AI$366,ROUNDDOWN($C3981/24,0)+1,1)*INDEX($D$3:$AA$30,INDEX(Jesper!$R$2:$R$366,ROW(INDEX(Jesper!AI$2:AI$366,ROUNDDOWN($C3981/24,0)+1,1))-1)+IF('Standard Profiles'!$G$19=$B$10,7,0)+IF('Standard Profiles'!$G$19=$B$17,14,0)+IF('Standard Profiles'!$G$19=$B$24,21,0),MOD($C3981,24)+1)/SUM(INDEX($D$3:$AA$30,INDEX(Jesper!$R$2:$R$366,ROW(INDEX(Jesper!AI$2:AI$366,ROUNDDOWN($C3981/24,0)+1,1))-1)+IF('Standard Profiles'!$G$19=$B$10,7,0)+IF('Standard Profiles'!$G$19=$B$17,14,0)+IF('Standard Profiles'!$G$19=$B$24,21,0),0)),0)</f>
        <v>15.185321209120502</v>
      </c>
      <c r="F3981" cm="1">
        <f t="array" ref="F3981">IFERROR(INDEX(Jesper!AJ$2:AJ$366,ROUNDDOWN($C3981/24,0)+1,1)*INDEX($D$3:$AA$30,INDEX(Jesper!$R$2:$R$366,ROW(INDEX(Jesper!AJ$2:AJ$366,ROUNDDOWN($C3981/24,0)+1,1))-1)+IF('Standard Profiles'!$G$20=$B$10,7,0)+IF('Standard Profiles'!$G$20=$B$17,14,0)+IF('Standard Profiles'!$G$20=$B$24,21,0),MOD($C3981,24)+1)/SUM(INDEX($D$3:$AA$30,INDEX(Jesper!$R$2:$R$366,ROW(INDEX(Jesper!AJ$2:AJ$366,ROUNDDOWN($C3981/24,0)+1,1))-1)+IF('Standard Profiles'!$G$20=$B$10,7,0)+IF('Standard Profiles'!$G$20=$B$17,14,0)+IF('Standard Profiles'!$G$20=$B$24,21,0),0)),0)</f>
        <v>0</v>
      </c>
      <c r="G3981" cm="1">
        <f t="array" ref="G3981">IFERROR(INDEX(Jesper!AK$2:AK$366,ROUNDDOWN($C3981/24,0)+1,1)*INDEX($D$3:$AA$30,INDEX(Jesper!$R$2:$R$366,ROW(INDEX(Jesper!AK$2:AK$366,ROUNDDOWN($C3981/24,0)+1,1))-1)+IF('Standard Profiles'!$G$21=$B$10,7,0)+IF('Standard Profiles'!$G$21=$B$17,14,0)+IF('Standard Profiles'!$G$21=$B$24,21,0),MOD($C3981,24)+1)/SUM(INDEX($D$3:$AA$30,INDEX(Jesper!$R$2:$R$366,ROW(INDEX(Jesper!AK$2:AK$366,ROUNDDOWN($C3981/24,0)+1,1))-1)+IF('Standard Profiles'!$G$21=$B$10,7,0)+IF('Standard Profiles'!$G$21=$B$17,14,0)+IF('Standard Profiles'!$G$21=$B$24,21,0),0)),0)</f>
        <v>2.3189059848046738</v>
      </c>
      <c r="H3981" cm="1">
        <f t="array" ref="H3981">IFERROR(INDEX(Jesper!AL$2:AL$366,ROUNDDOWN($C3981/24,0)+1,1)*INDEX($D$3:$AA$30,INDEX(Jesper!$R$2:$R$366,ROW(INDEX(Jesper!AL$2:AL$366,ROUNDDOWN($C3981/24,0)+1,1))-1)+IF('Standard Profiles'!$G$22=$B$10,7,0)+IF('Standard Profiles'!$G$22=$B$17,14,0)+IF('Standard Profiles'!$G$22=$B$24,21,0),MOD($C3981,24)+1)/SUM(INDEX($D$3:$AA$30,INDEX(Jesper!$R$2:$R$366,ROW(INDEX(Jesper!AL$2:AL$366,ROUNDDOWN($C3981/24,0)+1,1))-1)+IF('Standard Profiles'!$G$22=$B$10,7,0)+IF('Standard Profiles'!$G$22=$B$17,14,0)+IF('Standard Profiles'!$G$22=$B$24,21,0),0)),0)</f>
        <v>0</v>
      </c>
      <c r="I3981">
        <f t="shared" si="447"/>
        <v>1.1130748727062429</v>
      </c>
      <c r="J3981">
        <f t="shared" si="448"/>
        <v>44.129826862761227</v>
      </c>
      <c r="K3981">
        <f t="shared" si="449"/>
        <v>3.5223713703545783</v>
      </c>
      <c r="L3981">
        <f t="shared" si="450"/>
        <v>1.7611856851772891</v>
      </c>
      <c r="M3981">
        <f t="shared" si="451"/>
        <v>0</v>
      </c>
      <c r="N3981" s="45">
        <f t="shared" si="452"/>
        <v>45091.458333323761</v>
      </c>
    </row>
    <row r="3982" spans="2:14" x14ac:dyDescent="0.25">
      <c r="B3982">
        <f t="shared" si="446"/>
        <v>3</v>
      </c>
      <c r="C3982" s="16">
        <v>3948</v>
      </c>
      <c r="D3982" cm="1">
        <f t="array" ref="D3982">IFERROR(INDEX(Jesper!AH$2:AH$366,ROUNDDOWN($C3982/24,0)+1,1)*INDEX($D$3:$AA$30,INDEX(Jesper!$R$2:$R$366,ROW(INDEX(Jesper!AH$2:AH$366,ROUNDDOWN($C3982/24,0)+1,1))-1)+IF('Standard Profiles'!$G$18=$B$10,7,0)+IF('Standard Profiles'!$G$18=$B$17,14,0)+IF('Standard Profiles'!$G$18=$B$24,21,0),MOD($C3982,24)+1)/SUM(INDEX($D$3:$AA$30,INDEX(Jesper!$R$2:$R$366,ROW(INDEX(Jesper!AH$2:AH$366,ROUNDDOWN($C3982/24,0)+1,1))-1)+IF('Standard Profiles'!$G$18=$B$10,7,0)+IF('Standard Profiles'!$G$18=$B$17,14,0)+IF('Standard Profiles'!$G$18=$B$24,21,0),0)),0)</f>
        <v>33.022231597074168</v>
      </c>
      <c r="E3982" cm="1">
        <f t="array" ref="E3982">IFERROR(INDEX(Jesper!AI$2:AI$366,ROUNDDOWN($C3982/24,0)+1,1)*INDEX($D$3:$AA$30,INDEX(Jesper!$R$2:$R$366,ROW(INDEX(Jesper!AI$2:AI$366,ROUNDDOWN($C3982/24,0)+1,1))-1)+IF('Standard Profiles'!$G$19=$B$10,7,0)+IF('Standard Profiles'!$G$19=$B$17,14,0)+IF('Standard Profiles'!$G$19=$B$24,21,0),MOD($C3982,24)+1)/SUM(INDEX($D$3:$AA$30,INDEX(Jesper!$R$2:$R$366,ROW(INDEX(Jesper!AI$2:AI$366,ROUNDDOWN($C3982/24,0)+1,1))-1)+IF('Standard Profiles'!$G$19=$B$10,7,0)+IF('Standard Profiles'!$G$19=$B$17,14,0)+IF('Standard Profiles'!$G$19=$B$24,21,0),0)),0)</f>
        <v>15.185321209120502</v>
      </c>
      <c r="F3982" cm="1">
        <f t="array" ref="F3982">IFERROR(INDEX(Jesper!AJ$2:AJ$366,ROUNDDOWN($C3982/24,0)+1,1)*INDEX($D$3:$AA$30,INDEX(Jesper!$R$2:$R$366,ROW(INDEX(Jesper!AJ$2:AJ$366,ROUNDDOWN($C3982/24,0)+1,1))-1)+IF('Standard Profiles'!$G$20=$B$10,7,0)+IF('Standard Profiles'!$G$20=$B$17,14,0)+IF('Standard Profiles'!$G$20=$B$24,21,0),MOD($C3982,24)+1)/SUM(INDEX($D$3:$AA$30,INDEX(Jesper!$R$2:$R$366,ROW(INDEX(Jesper!AJ$2:AJ$366,ROUNDDOWN($C3982/24,0)+1,1))-1)+IF('Standard Profiles'!$G$20=$B$10,7,0)+IF('Standard Profiles'!$G$20=$B$17,14,0)+IF('Standard Profiles'!$G$20=$B$24,21,0),0)),0)</f>
        <v>0</v>
      </c>
      <c r="G3982" cm="1">
        <f t="array" ref="G3982">IFERROR(INDEX(Jesper!AK$2:AK$366,ROUNDDOWN($C3982/24,0)+1,1)*INDEX($D$3:$AA$30,INDEX(Jesper!$R$2:$R$366,ROW(INDEX(Jesper!AK$2:AK$366,ROUNDDOWN($C3982/24,0)+1,1))-1)+IF('Standard Profiles'!$G$21=$B$10,7,0)+IF('Standard Profiles'!$G$21=$B$17,14,0)+IF('Standard Profiles'!$G$21=$B$24,21,0),MOD($C3982,24)+1)/SUM(INDEX($D$3:$AA$30,INDEX(Jesper!$R$2:$R$366,ROW(INDEX(Jesper!AK$2:AK$366,ROUNDDOWN($C3982/24,0)+1,1))-1)+IF('Standard Profiles'!$G$21=$B$10,7,0)+IF('Standard Profiles'!$G$21=$B$17,14,0)+IF('Standard Profiles'!$G$21=$B$24,21,0),0)),0)</f>
        <v>2.3189059848046738</v>
      </c>
      <c r="H3982" cm="1">
        <f t="array" ref="H3982">IFERROR(INDEX(Jesper!AL$2:AL$366,ROUNDDOWN($C3982/24,0)+1,1)*INDEX($D$3:$AA$30,INDEX(Jesper!$R$2:$R$366,ROW(INDEX(Jesper!AL$2:AL$366,ROUNDDOWN($C3982/24,0)+1,1))-1)+IF('Standard Profiles'!$G$22=$B$10,7,0)+IF('Standard Profiles'!$G$22=$B$17,14,0)+IF('Standard Profiles'!$G$22=$B$24,21,0),MOD($C3982,24)+1)/SUM(INDEX($D$3:$AA$30,INDEX(Jesper!$R$2:$R$366,ROW(INDEX(Jesper!AL$2:AL$366,ROUNDDOWN($C3982/24,0)+1,1))-1)+IF('Standard Profiles'!$G$22=$B$10,7,0)+IF('Standard Profiles'!$G$22=$B$17,14,0)+IF('Standard Profiles'!$G$22=$B$24,21,0),0)),0)</f>
        <v>0</v>
      </c>
      <c r="I3982">
        <f t="shared" si="447"/>
        <v>1.1130748727062429</v>
      </c>
      <c r="J3982">
        <f t="shared" si="448"/>
        <v>44.129826862761227</v>
      </c>
      <c r="K3982">
        <f t="shared" si="449"/>
        <v>3.5223713703545783</v>
      </c>
      <c r="L3982">
        <f t="shared" si="450"/>
        <v>1.7611856851772891</v>
      </c>
      <c r="M3982">
        <f t="shared" si="451"/>
        <v>0</v>
      </c>
      <c r="N3982" s="45">
        <f t="shared" si="452"/>
        <v>45091.499999990425</v>
      </c>
    </row>
    <row r="3983" spans="2:14" x14ac:dyDescent="0.25">
      <c r="B3983">
        <f t="shared" si="446"/>
        <v>3</v>
      </c>
      <c r="C3983" s="16">
        <v>3949</v>
      </c>
      <c r="D3983" cm="1">
        <f t="array" ref="D3983">IFERROR(INDEX(Jesper!AH$2:AH$366,ROUNDDOWN($C3983/24,0)+1,1)*INDEX($D$3:$AA$30,INDEX(Jesper!$R$2:$R$366,ROW(INDEX(Jesper!AH$2:AH$366,ROUNDDOWN($C3983/24,0)+1,1))-1)+IF('Standard Profiles'!$G$18=$B$10,7,0)+IF('Standard Profiles'!$G$18=$B$17,14,0)+IF('Standard Profiles'!$G$18=$B$24,21,0),MOD($C3983,24)+1)/SUM(INDEX($D$3:$AA$30,INDEX(Jesper!$R$2:$R$366,ROW(INDEX(Jesper!AH$2:AH$366,ROUNDDOWN($C3983/24,0)+1,1))-1)+IF('Standard Profiles'!$G$18=$B$10,7,0)+IF('Standard Profiles'!$G$18=$B$17,14,0)+IF('Standard Profiles'!$G$18=$B$24,21,0),0)),0)</f>
        <v>21.936196703770698</v>
      </c>
      <c r="E3983" cm="1">
        <f t="array" ref="E3983">IFERROR(INDEX(Jesper!AI$2:AI$366,ROUNDDOWN($C3983/24,0)+1,1)*INDEX($D$3:$AA$30,INDEX(Jesper!$R$2:$R$366,ROW(INDEX(Jesper!AI$2:AI$366,ROUNDDOWN($C3983/24,0)+1,1))-1)+IF('Standard Profiles'!$G$19=$B$10,7,0)+IF('Standard Profiles'!$G$19=$B$17,14,0)+IF('Standard Profiles'!$G$19=$B$24,21,0),MOD($C3983,24)+1)/SUM(INDEX($D$3:$AA$30,INDEX(Jesper!$R$2:$R$366,ROW(INDEX(Jesper!AI$2:AI$366,ROUNDDOWN($C3983/24,0)+1,1))-1)+IF('Standard Profiles'!$G$19=$B$10,7,0)+IF('Standard Profiles'!$G$19=$B$17,14,0)+IF('Standard Profiles'!$G$19=$B$24,21,0),0)),0)</f>
        <v>10.08739194605862</v>
      </c>
      <c r="F3983" cm="1">
        <f t="array" ref="F3983">IFERROR(INDEX(Jesper!AJ$2:AJ$366,ROUNDDOWN($C3983/24,0)+1,1)*INDEX($D$3:$AA$30,INDEX(Jesper!$R$2:$R$366,ROW(INDEX(Jesper!AJ$2:AJ$366,ROUNDDOWN($C3983/24,0)+1,1))-1)+IF('Standard Profiles'!$G$20=$B$10,7,0)+IF('Standard Profiles'!$G$20=$B$17,14,0)+IF('Standard Profiles'!$G$20=$B$24,21,0),MOD($C3983,24)+1)/SUM(INDEX($D$3:$AA$30,INDEX(Jesper!$R$2:$R$366,ROW(INDEX(Jesper!AJ$2:AJ$366,ROUNDDOWN($C3983/24,0)+1,1))-1)+IF('Standard Profiles'!$G$20=$B$10,7,0)+IF('Standard Profiles'!$G$20=$B$17,14,0)+IF('Standard Profiles'!$G$20=$B$24,21,0),0)),0)</f>
        <v>0</v>
      </c>
      <c r="G3983" cm="1">
        <f t="array" ref="G3983">IFERROR(INDEX(Jesper!AK$2:AK$366,ROUNDDOWN($C3983/24,0)+1,1)*INDEX($D$3:$AA$30,INDEX(Jesper!$R$2:$R$366,ROW(INDEX(Jesper!AK$2:AK$366,ROUNDDOWN($C3983/24,0)+1,1))-1)+IF('Standard Profiles'!$G$21=$B$10,7,0)+IF('Standard Profiles'!$G$21=$B$17,14,0)+IF('Standard Profiles'!$G$21=$B$24,21,0),MOD($C3983,24)+1)/SUM(INDEX($D$3:$AA$30,INDEX(Jesper!$R$2:$R$366,ROW(INDEX(Jesper!AK$2:AK$366,ROUNDDOWN($C3983/24,0)+1,1))-1)+IF('Standard Profiles'!$G$21=$B$10,7,0)+IF('Standard Profiles'!$G$21=$B$17,14,0)+IF('Standard Profiles'!$G$21=$B$24,21,0),0)),0)</f>
        <v>1.5404161184773904</v>
      </c>
      <c r="H3983" cm="1">
        <f t="array" ref="H3983">IFERROR(INDEX(Jesper!AL$2:AL$366,ROUNDDOWN($C3983/24,0)+1,1)*INDEX($D$3:$AA$30,INDEX(Jesper!$R$2:$R$366,ROW(INDEX(Jesper!AL$2:AL$366,ROUNDDOWN($C3983/24,0)+1,1))-1)+IF('Standard Profiles'!$G$22=$B$10,7,0)+IF('Standard Profiles'!$G$22=$B$17,14,0)+IF('Standard Profiles'!$G$22=$B$24,21,0),MOD($C3983,24)+1)/SUM(INDEX($D$3:$AA$30,INDEX(Jesper!$R$2:$R$366,ROW(INDEX(Jesper!AL$2:AL$366,ROUNDDOWN($C3983/24,0)+1,1))-1)+IF('Standard Profiles'!$G$22=$B$10,7,0)+IF('Standard Profiles'!$G$22=$B$17,14,0)+IF('Standard Profiles'!$G$22=$B$24,21,0),0)),0)</f>
        <v>0</v>
      </c>
      <c r="I3983">
        <f t="shared" si="447"/>
        <v>0.73939973686914695</v>
      </c>
      <c r="J3983">
        <f t="shared" si="448"/>
        <v>29.314813558834249</v>
      </c>
      <c r="K3983">
        <f t="shared" si="449"/>
        <v>2.3398609817355411</v>
      </c>
      <c r="L3983">
        <f t="shared" si="450"/>
        <v>1.1699304908677706</v>
      </c>
      <c r="M3983">
        <f t="shared" si="451"/>
        <v>0</v>
      </c>
      <c r="N3983" s="45">
        <f t="shared" si="452"/>
        <v>45091.541666657089</v>
      </c>
    </row>
    <row r="3984" spans="2:14" x14ac:dyDescent="0.25">
      <c r="B3984">
        <f t="shared" si="446"/>
        <v>3</v>
      </c>
      <c r="C3984" s="16">
        <v>3950</v>
      </c>
      <c r="D3984" cm="1">
        <f t="array" ref="D3984">IFERROR(INDEX(Jesper!AH$2:AH$366,ROUNDDOWN($C3984/24,0)+1,1)*INDEX($D$3:$AA$30,INDEX(Jesper!$R$2:$R$366,ROW(INDEX(Jesper!AH$2:AH$366,ROUNDDOWN($C3984/24,0)+1,1))-1)+IF('Standard Profiles'!$G$18=$B$10,7,0)+IF('Standard Profiles'!$G$18=$B$17,14,0)+IF('Standard Profiles'!$G$18=$B$24,21,0),MOD($C3984,24)+1)/SUM(INDEX($D$3:$AA$30,INDEX(Jesper!$R$2:$R$366,ROW(INDEX(Jesper!AH$2:AH$366,ROUNDDOWN($C3984/24,0)+1,1))-1)+IF('Standard Profiles'!$G$18=$B$10,7,0)+IF('Standard Profiles'!$G$18=$B$17,14,0)+IF('Standard Profiles'!$G$18=$B$24,21,0),0)),0)</f>
        <v>33.022231597074168</v>
      </c>
      <c r="E3984" cm="1">
        <f t="array" ref="E3984">IFERROR(INDEX(Jesper!AI$2:AI$366,ROUNDDOWN($C3984/24,0)+1,1)*INDEX($D$3:$AA$30,INDEX(Jesper!$R$2:$R$366,ROW(INDEX(Jesper!AI$2:AI$366,ROUNDDOWN($C3984/24,0)+1,1))-1)+IF('Standard Profiles'!$G$19=$B$10,7,0)+IF('Standard Profiles'!$G$19=$B$17,14,0)+IF('Standard Profiles'!$G$19=$B$24,21,0),MOD($C3984,24)+1)/SUM(INDEX($D$3:$AA$30,INDEX(Jesper!$R$2:$R$366,ROW(INDEX(Jesper!AI$2:AI$366,ROUNDDOWN($C3984/24,0)+1,1))-1)+IF('Standard Profiles'!$G$19=$B$10,7,0)+IF('Standard Profiles'!$G$19=$B$17,14,0)+IF('Standard Profiles'!$G$19=$B$24,21,0),0)),0)</f>
        <v>15.185321209120502</v>
      </c>
      <c r="F3984" cm="1">
        <f t="array" ref="F3984">IFERROR(INDEX(Jesper!AJ$2:AJ$366,ROUNDDOWN($C3984/24,0)+1,1)*INDEX($D$3:$AA$30,INDEX(Jesper!$R$2:$R$366,ROW(INDEX(Jesper!AJ$2:AJ$366,ROUNDDOWN($C3984/24,0)+1,1))-1)+IF('Standard Profiles'!$G$20=$B$10,7,0)+IF('Standard Profiles'!$G$20=$B$17,14,0)+IF('Standard Profiles'!$G$20=$B$24,21,0),MOD($C3984,24)+1)/SUM(INDEX($D$3:$AA$30,INDEX(Jesper!$R$2:$R$366,ROW(INDEX(Jesper!AJ$2:AJ$366,ROUNDDOWN($C3984/24,0)+1,1))-1)+IF('Standard Profiles'!$G$20=$B$10,7,0)+IF('Standard Profiles'!$G$20=$B$17,14,0)+IF('Standard Profiles'!$G$20=$B$24,21,0),0)),0)</f>
        <v>0</v>
      </c>
      <c r="G3984" cm="1">
        <f t="array" ref="G3984">IFERROR(INDEX(Jesper!AK$2:AK$366,ROUNDDOWN($C3984/24,0)+1,1)*INDEX($D$3:$AA$30,INDEX(Jesper!$R$2:$R$366,ROW(INDEX(Jesper!AK$2:AK$366,ROUNDDOWN($C3984/24,0)+1,1))-1)+IF('Standard Profiles'!$G$21=$B$10,7,0)+IF('Standard Profiles'!$G$21=$B$17,14,0)+IF('Standard Profiles'!$G$21=$B$24,21,0),MOD($C3984,24)+1)/SUM(INDEX($D$3:$AA$30,INDEX(Jesper!$R$2:$R$366,ROW(INDEX(Jesper!AK$2:AK$366,ROUNDDOWN($C3984/24,0)+1,1))-1)+IF('Standard Profiles'!$G$21=$B$10,7,0)+IF('Standard Profiles'!$G$21=$B$17,14,0)+IF('Standard Profiles'!$G$21=$B$24,21,0),0)),0)</f>
        <v>2.3189059848046738</v>
      </c>
      <c r="H3984" cm="1">
        <f t="array" ref="H3984">IFERROR(INDEX(Jesper!AL$2:AL$366,ROUNDDOWN($C3984/24,0)+1,1)*INDEX($D$3:$AA$30,INDEX(Jesper!$R$2:$R$366,ROW(INDEX(Jesper!AL$2:AL$366,ROUNDDOWN($C3984/24,0)+1,1))-1)+IF('Standard Profiles'!$G$22=$B$10,7,0)+IF('Standard Profiles'!$G$22=$B$17,14,0)+IF('Standard Profiles'!$G$22=$B$24,21,0),MOD($C3984,24)+1)/SUM(INDEX($D$3:$AA$30,INDEX(Jesper!$R$2:$R$366,ROW(INDEX(Jesper!AL$2:AL$366,ROUNDDOWN($C3984/24,0)+1,1))-1)+IF('Standard Profiles'!$G$22=$B$10,7,0)+IF('Standard Profiles'!$G$22=$B$17,14,0)+IF('Standard Profiles'!$G$22=$B$24,21,0),0)),0)</f>
        <v>0</v>
      </c>
      <c r="I3984">
        <f t="shared" si="447"/>
        <v>1.1130748727062429</v>
      </c>
      <c r="J3984">
        <f t="shared" si="448"/>
        <v>44.129826862761227</v>
      </c>
      <c r="K3984">
        <f t="shared" si="449"/>
        <v>3.5223713703545783</v>
      </c>
      <c r="L3984">
        <f t="shared" si="450"/>
        <v>1.7611856851772891</v>
      </c>
      <c r="M3984">
        <f t="shared" si="451"/>
        <v>0</v>
      </c>
      <c r="N3984" s="45">
        <f t="shared" si="452"/>
        <v>45091.583333323753</v>
      </c>
    </row>
    <row r="3985" spans="2:14" x14ac:dyDescent="0.25">
      <c r="B3985">
        <f t="shared" si="446"/>
        <v>3</v>
      </c>
      <c r="C3985" s="16">
        <v>3951</v>
      </c>
      <c r="D3985" cm="1">
        <f t="array" ref="D3985">IFERROR(INDEX(Jesper!AH$2:AH$366,ROUNDDOWN($C3985/24,0)+1,1)*INDEX($D$3:$AA$30,INDEX(Jesper!$R$2:$R$366,ROW(INDEX(Jesper!AH$2:AH$366,ROUNDDOWN($C3985/24,0)+1,1))-1)+IF('Standard Profiles'!$G$18=$B$10,7,0)+IF('Standard Profiles'!$G$18=$B$17,14,0)+IF('Standard Profiles'!$G$18=$B$24,21,0),MOD($C3985,24)+1)/SUM(INDEX($D$3:$AA$30,INDEX(Jesper!$R$2:$R$366,ROW(INDEX(Jesper!AH$2:AH$366,ROUNDDOWN($C3985/24,0)+1,1))-1)+IF('Standard Profiles'!$G$18=$B$10,7,0)+IF('Standard Profiles'!$G$18=$B$17,14,0)+IF('Standard Profiles'!$G$18=$B$24,21,0),0)),0)</f>
        <v>33.022231597074168</v>
      </c>
      <c r="E3985" cm="1">
        <f t="array" ref="E3985">IFERROR(INDEX(Jesper!AI$2:AI$366,ROUNDDOWN($C3985/24,0)+1,1)*INDEX($D$3:$AA$30,INDEX(Jesper!$R$2:$R$366,ROW(INDEX(Jesper!AI$2:AI$366,ROUNDDOWN($C3985/24,0)+1,1))-1)+IF('Standard Profiles'!$G$19=$B$10,7,0)+IF('Standard Profiles'!$G$19=$B$17,14,0)+IF('Standard Profiles'!$G$19=$B$24,21,0),MOD($C3985,24)+1)/SUM(INDEX($D$3:$AA$30,INDEX(Jesper!$R$2:$R$366,ROW(INDEX(Jesper!AI$2:AI$366,ROUNDDOWN($C3985/24,0)+1,1))-1)+IF('Standard Profiles'!$G$19=$B$10,7,0)+IF('Standard Profiles'!$G$19=$B$17,14,0)+IF('Standard Profiles'!$G$19=$B$24,21,0),0)),0)</f>
        <v>15.185321209120502</v>
      </c>
      <c r="F3985" cm="1">
        <f t="array" ref="F3985">IFERROR(INDEX(Jesper!AJ$2:AJ$366,ROUNDDOWN($C3985/24,0)+1,1)*INDEX($D$3:$AA$30,INDEX(Jesper!$R$2:$R$366,ROW(INDEX(Jesper!AJ$2:AJ$366,ROUNDDOWN($C3985/24,0)+1,1))-1)+IF('Standard Profiles'!$G$20=$B$10,7,0)+IF('Standard Profiles'!$G$20=$B$17,14,0)+IF('Standard Profiles'!$G$20=$B$24,21,0),MOD($C3985,24)+1)/SUM(INDEX($D$3:$AA$30,INDEX(Jesper!$R$2:$R$366,ROW(INDEX(Jesper!AJ$2:AJ$366,ROUNDDOWN($C3985/24,0)+1,1))-1)+IF('Standard Profiles'!$G$20=$B$10,7,0)+IF('Standard Profiles'!$G$20=$B$17,14,0)+IF('Standard Profiles'!$G$20=$B$24,21,0),0)),0)</f>
        <v>0</v>
      </c>
      <c r="G3985" cm="1">
        <f t="array" ref="G3985">IFERROR(INDEX(Jesper!AK$2:AK$366,ROUNDDOWN($C3985/24,0)+1,1)*INDEX($D$3:$AA$30,INDEX(Jesper!$R$2:$R$366,ROW(INDEX(Jesper!AK$2:AK$366,ROUNDDOWN($C3985/24,0)+1,1))-1)+IF('Standard Profiles'!$G$21=$B$10,7,0)+IF('Standard Profiles'!$G$21=$B$17,14,0)+IF('Standard Profiles'!$G$21=$B$24,21,0),MOD($C3985,24)+1)/SUM(INDEX($D$3:$AA$30,INDEX(Jesper!$R$2:$R$366,ROW(INDEX(Jesper!AK$2:AK$366,ROUNDDOWN($C3985/24,0)+1,1))-1)+IF('Standard Profiles'!$G$21=$B$10,7,0)+IF('Standard Profiles'!$G$21=$B$17,14,0)+IF('Standard Profiles'!$G$21=$B$24,21,0),0)),0)</f>
        <v>2.3189059848046738</v>
      </c>
      <c r="H3985" cm="1">
        <f t="array" ref="H3985">IFERROR(INDEX(Jesper!AL$2:AL$366,ROUNDDOWN($C3985/24,0)+1,1)*INDEX($D$3:$AA$30,INDEX(Jesper!$R$2:$R$366,ROW(INDEX(Jesper!AL$2:AL$366,ROUNDDOWN($C3985/24,0)+1,1))-1)+IF('Standard Profiles'!$G$22=$B$10,7,0)+IF('Standard Profiles'!$G$22=$B$17,14,0)+IF('Standard Profiles'!$G$22=$B$24,21,0),MOD($C3985,24)+1)/SUM(INDEX($D$3:$AA$30,INDEX(Jesper!$R$2:$R$366,ROW(INDEX(Jesper!AL$2:AL$366,ROUNDDOWN($C3985/24,0)+1,1))-1)+IF('Standard Profiles'!$G$22=$B$10,7,0)+IF('Standard Profiles'!$G$22=$B$17,14,0)+IF('Standard Profiles'!$G$22=$B$24,21,0),0)),0)</f>
        <v>0</v>
      </c>
      <c r="I3985">
        <f t="shared" si="447"/>
        <v>1.1130748727062429</v>
      </c>
      <c r="J3985">
        <f t="shared" si="448"/>
        <v>44.129826862761227</v>
      </c>
      <c r="K3985">
        <f t="shared" si="449"/>
        <v>3.5223713703545783</v>
      </c>
      <c r="L3985">
        <f t="shared" si="450"/>
        <v>1.7611856851772891</v>
      </c>
      <c r="M3985">
        <f t="shared" si="451"/>
        <v>0</v>
      </c>
      <c r="N3985" s="45">
        <f t="shared" si="452"/>
        <v>45091.624999990418</v>
      </c>
    </row>
    <row r="3986" spans="2:14" x14ac:dyDescent="0.25">
      <c r="B3986">
        <f t="shared" si="446"/>
        <v>3</v>
      </c>
      <c r="C3986" s="16">
        <v>3952</v>
      </c>
      <c r="D3986" cm="1">
        <f t="array" ref="D3986">IFERROR(INDEX(Jesper!AH$2:AH$366,ROUNDDOWN($C3986/24,0)+1,1)*INDEX($D$3:$AA$30,INDEX(Jesper!$R$2:$R$366,ROW(INDEX(Jesper!AH$2:AH$366,ROUNDDOWN($C3986/24,0)+1,1))-1)+IF('Standard Profiles'!$G$18=$B$10,7,0)+IF('Standard Profiles'!$G$18=$B$17,14,0)+IF('Standard Profiles'!$G$18=$B$24,21,0),MOD($C3986,24)+1)/SUM(INDEX($D$3:$AA$30,INDEX(Jesper!$R$2:$R$366,ROW(INDEX(Jesper!AH$2:AH$366,ROUNDDOWN($C3986/24,0)+1,1))-1)+IF('Standard Profiles'!$G$18=$B$10,7,0)+IF('Standard Profiles'!$G$18=$B$17,14,0)+IF('Standard Profiles'!$G$18=$B$24,21,0),0)),0)</f>
        <v>19.459529333990137</v>
      </c>
      <c r="E3986" cm="1">
        <f t="array" ref="E3986">IFERROR(INDEX(Jesper!AI$2:AI$366,ROUNDDOWN($C3986/24,0)+1,1)*INDEX($D$3:$AA$30,INDEX(Jesper!$R$2:$R$366,ROW(INDEX(Jesper!AI$2:AI$366,ROUNDDOWN($C3986/24,0)+1,1))-1)+IF('Standard Profiles'!$G$19=$B$10,7,0)+IF('Standard Profiles'!$G$19=$B$17,14,0)+IF('Standard Profiles'!$G$19=$B$24,21,0),MOD($C3986,24)+1)/SUM(INDEX($D$3:$AA$30,INDEX(Jesper!$R$2:$R$366,ROW(INDEX(Jesper!AI$2:AI$366,ROUNDDOWN($C3986/24,0)+1,1))-1)+IF('Standard Profiles'!$G$19=$B$10,7,0)+IF('Standard Profiles'!$G$19=$B$17,14,0)+IF('Standard Profiles'!$G$19=$B$24,21,0),0)),0)</f>
        <v>8.9484928553745817</v>
      </c>
      <c r="F3986" cm="1">
        <f t="array" ref="F3986">IFERROR(INDEX(Jesper!AJ$2:AJ$366,ROUNDDOWN($C3986/24,0)+1,1)*INDEX($D$3:$AA$30,INDEX(Jesper!$R$2:$R$366,ROW(INDEX(Jesper!AJ$2:AJ$366,ROUNDDOWN($C3986/24,0)+1,1))-1)+IF('Standard Profiles'!$G$20=$B$10,7,0)+IF('Standard Profiles'!$G$20=$B$17,14,0)+IF('Standard Profiles'!$G$20=$B$24,21,0),MOD($C3986,24)+1)/SUM(INDEX($D$3:$AA$30,INDEX(Jesper!$R$2:$R$366,ROW(INDEX(Jesper!AJ$2:AJ$366,ROUNDDOWN($C3986/24,0)+1,1))-1)+IF('Standard Profiles'!$G$20=$B$10,7,0)+IF('Standard Profiles'!$G$20=$B$17,14,0)+IF('Standard Profiles'!$G$20=$B$24,21,0),0)),0)</f>
        <v>0</v>
      </c>
      <c r="G3986" cm="1">
        <f t="array" ref="G3986">IFERROR(INDEX(Jesper!AK$2:AK$366,ROUNDDOWN($C3986/24,0)+1,1)*INDEX($D$3:$AA$30,INDEX(Jesper!$R$2:$R$366,ROW(INDEX(Jesper!AK$2:AK$366,ROUNDDOWN($C3986/24,0)+1,1))-1)+IF('Standard Profiles'!$G$21=$B$10,7,0)+IF('Standard Profiles'!$G$21=$B$17,14,0)+IF('Standard Profiles'!$G$21=$B$24,21,0),MOD($C3986,24)+1)/SUM(INDEX($D$3:$AA$30,INDEX(Jesper!$R$2:$R$366,ROW(INDEX(Jesper!AK$2:AK$366,ROUNDDOWN($C3986/24,0)+1,1))-1)+IF('Standard Profiles'!$G$21=$B$10,7,0)+IF('Standard Profiles'!$G$21=$B$17,14,0)+IF('Standard Profiles'!$G$21=$B$24,21,0),0)),0)</f>
        <v>1.9376572791748417</v>
      </c>
      <c r="H3986" cm="1">
        <f t="array" ref="H3986">IFERROR(INDEX(Jesper!AL$2:AL$366,ROUNDDOWN($C3986/24,0)+1,1)*INDEX($D$3:$AA$30,INDEX(Jesper!$R$2:$R$366,ROW(INDEX(Jesper!AL$2:AL$366,ROUNDDOWN($C3986/24,0)+1,1))-1)+IF('Standard Profiles'!$G$22=$B$10,7,0)+IF('Standard Profiles'!$G$22=$B$17,14,0)+IF('Standard Profiles'!$G$22=$B$24,21,0),MOD($C3986,24)+1)/SUM(INDEX($D$3:$AA$30,INDEX(Jesper!$R$2:$R$366,ROW(INDEX(Jesper!AL$2:AL$366,ROUNDDOWN($C3986/24,0)+1,1))-1)+IF('Standard Profiles'!$G$22=$B$10,7,0)+IF('Standard Profiles'!$G$22=$B$17,14,0)+IF('Standard Profiles'!$G$22=$B$24,21,0),0)),0)</f>
        <v>0</v>
      </c>
      <c r="I3986">
        <f t="shared" si="447"/>
        <v>0.93007549400392353</v>
      </c>
      <c r="J3986">
        <f t="shared" si="448"/>
        <v>26.302079281097214</v>
      </c>
      <c r="K3986">
        <f t="shared" si="449"/>
        <v>2.0756831289589481</v>
      </c>
      <c r="L3986">
        <f t="shared" si="450"/>
        <v>1.0378415644794741</v>
      </c>
      <c r="M3986">
        <f t="shared" si="451"/>
        <v>0</v>
      </c>
      <c r="N3986" s="45">
        <f t="shared" si="452"/>
        <v>45091.666666657082</v>
      </c>
    </row>
    <row r="3987" spans="2:14" x14ac:dyDescent="0.25">
      <c r="B3987">
        <f t="shared" si="446"/>
        <v>3</v>
      </c>
      <c r="C3987" s="16">
        <v>3953</v>
      </c>
      <c r="D3987" cm="1">
        <f t="array" ref="D3987">IFERROR(INDEX(Jesper!AH$2:AH$366,ROUNDDOWN($C3987/24,0)+1,1)*INDEX($D$3:$AA$30,INDEX(Jesper!$R$2:$R$366,ROW(INDEX(Jesper!AH$2:AH$366,ROUNDDOWN($C3987/24,0)+1,1))-1)+IF('Standard Profiles'!$G$18=$B$10,7,0)+IF('Standard Profiles'!$G$18=$B$17,14,0)+IF('Standard Profiles'!$G$18=$B$24,21,0),MOD($C3987,24)+1)/SUM(INDEX($D$3:$AA$30,INDEX(Jesper!$R$2:$R$366,ROW(INDEX(Jesper!AH$2:AH$366,ROUNDDOWN($C3987/24,0)+1,1))-1)+IF('Standard Profiles'!$G$18=$B$10,7,0)+IF('Standard Profiles'!$G$18=$B$17,14,0)+IF('Standard Profiles'!$G$18=$B$24,21,0),0)),0)</f>
        <v>8.3053902407128195</v>
      </c>
      <c r="E3987" cm="1">
        <f t="array" ref="E3987">IFERROR(INDEX(Jesper!AI$2:AI$366,ROUNDDOWN($C3987/24,0)+1,1)*INDEX($D$3:$AA$30,INDEX(Jesper!$R$2:$R$366,ROW(INDEX(Jesper!AI$2:AI$366,ROUNDDOWN($C3987/24,0)+1,1))-1)+IF('Standard Profiles'!$G$19=$B$10,7,0)+IF('Standard Profiles'!$G$19=$B$17,14,0)+IF('Standard Profiles'!$G$19=$B$24,21,0),MOD($C3987,24)+1)/SUM(INDEX($D$3:$AA$30,INDEX(Jesper!$R$2:$R$366,ROW(INDEX(Jesper!AI$2:AI$366,ROUNDDOWN($C3987/24,0)+1,1))-1)+IF('Standard Profiles'!$G$19=$B$10,7,0)+IF('Standard Profiles'!$G$19=$B$17,14,0)+IF('Standard Profiles'!$G$19=$B$24,21,0),0)),0)</f>
        <v>3.8192457769417767</v>
      </c>
      <c r="F3987" cm="1">
        <f t="array" ref="F3987">IFERROR(INDEX(Jesper!AJ$2:AJ$366,ROUNDDOWN($C3987/24,0)+1,1)*INDEX($D$3:$AA$30,INDEX(Jesper!$R$2:$R$366,ROW(INDEX(Jesper!AJ$2:AJ$366,ROUNDDOWN($C3987/24,0)+1,1))-1)+IF('Standard Profiles'!$G$20=$B$10,7,0)+IF('Standard Profiles'!$G$20=$B$17,14,0)+IF('Standard Profiles'!$G$20=$B$24,21,0),MOD($C3987,24)+1)/SUM(INDEX($D$3:$AA$30,INDEX(Jesper!$R$2:$R$366,ROW(INDEX(Jesper!AJ$2:AJ$366,ROUNDDOWN($C3987/24,0)+1,1))-1)+IF('Standard Profiles'!$G$20=$B$10,7,0)+IF('Standard Profiles'!$G$20=$B$17,14,0)+IF('Standard Profiles'!$G$20=$B$24,21,0),0)),0)</f>
        <v>0</v>
      </c>
      <c r="G3987" cm="1">
        <f t="array" ref="G3987">IFERROR(INDEX(Jesper!AK$2:AK$366,ROUNDDOWN($C3987/24,0)+1,1)*INDEX($D$3:$AA$30,INDEX(Jesper!$R$2:$R$366,ROW(INDEX(Jesper!AK$2:AK$366,ROUNDDOWN($C3987/24,0)+1,1))-1)+IF('Standard Profiles'!$G$21=$B$10,7,0)+IF('Standard Profiles'!$G$21=$B$17,14,0)+IF('Standard Profiles'!$G$21=$B$24,21,0),MOD($C3987,24)+1)/SUM(INDEX($D$3:$AA$30,INDEX(Jesper!$R$2:$R$366,ROW(INDEX(Jesper!AK$2:AK$366,ROUNDDOWN($C3987/24,0)+1,1))-1)+IF('Standard Profiles'!$G$21=$B$10,7,0)+IF('Standard Profiles'!$G$21=$B$17,14,0)+IF('Standard Profiles'!$G$21=$B$24,21,0),0)),0)</f>
        <v>1.5407016980321697</v>
      </c>
      <c r="H3987" cm="1">
        <f t="array" ref="H3987">IFERROR(INDEX(Jesper!AL$2:AL$366,ROUNDDOWN($C3987/24,0)+1,1)*INDEX($D$3:$AA$30,INDEX(Jesper!$R$2:$R$366,ROW(INDEX(Jesper!AL$2:AL$366,ROUNDDOWN($C3987/24,0)+1,1))-1)+IF('Standard Profiles'!$G$22=$B$10,7,0)+IF('Standard Profiles'!$G$22=$B$17,14,0)+IF('Standard Profiles'!$G$22=$B$24,21,0),MOD($C3987,24)+1)/SUM(INDEX($D$3:$AA$30,INDEX(Jesper!$R$2:$R$366,ROW(INDEX(Jesper!AL$2:AL$366,ROUNDDOWN($C3987/24,0)+1,1))-1)+IF('Standard Profiles'!$G$22=$B$10,7,0)+IF('Standard Profiles'!$G$22=$B$17,14,0)+IF('Standard Profiles'!$G$22=$B$24,21,0),0)),0)</f>
        <v>0</v>
      </c>
      <c r="I3987">
        <f t="shared" si="447"/>
        <v>0.73953681505544111</v>
      </c>
      <c r="J3987">
        <f t="shared" si="448"/>
        <v>11.596938462117272</v>
      </c>
      <c r="K3987">
        <f t="shared" si="449"/>
        <v>0.88590829234270085</v>
      </c>
      <c r="L3987">
        <f t="shared" si="450"/>
        <v>0.44295414617135043</v>
      </c>
      <c r="M3987">
        <f t="shared" si="451"/>
        <v>0</v>
      </c>
      <c r="N3987" s="45">
        <f t="shared" si="452"/>
        <v>45091.708333323746</v>
      </c>
    </row>
    <row r="3988" spans="2:14" x14ac:dyDescent="0.25">
      <c r="B3988">
        <f t="shared" si="446"/>
        <v>3</v>
      </c>
      <c r="C3988" s="16">
        <v>3954</v>
      </c>
      <c r="D3988" cm="1">
        <f t="array" ref="D3988">IFERROR(INDEX(Jesper!AH$2:AH$366,ROUNDDOWN($C3988/24,0)+1,1)*INDEX($D$3:$AA$30,INDEX(Jesper!$R$2:$R$366,ROW(INDEX(Jesper!AH$2:AH$366,ROUNDDOWN($C3988/24,0)+1,1))-1)+IF('Standard Profiles'!$G$18=$B$10,7,0)+IF('Standard Profiles'!$G$18=$B$17,14,0)+IF('Standard Profiles'!$G$18=$B$24,21,0),MOD($C3988,24)+1)/SUM(INDEX($D$3:$AA$30,INDEX(Jesper!$R$2:$R$366,ROW(INDEX(Jesper!AH$2:AH$366,ROUNDDOWN($C3988/24,0)+1,1))-1)+IF('Standard Profiles'!$G$18=$B$10,7,0)+IF('Standard Profiles'!$G$18=$B$17,14,0)+IF('Standard Profiles'!$G$18=$B$24,21,0),0)),0)</f>
        <v>5.4815575588704615</v>
      </c>
      <c r="E3988" cm="1">
        <f t="array" ref="E3988">IFERROR(INDEX(Jesper!AI$2:AI$366,ROUNDDOWN($C3988/24,0)+1,1)*INDEX($D$3:$AA$30,INDEX(Jesper!$R$2:$R$366,ROW(INDEX(Jesper!AI$2:AI$366,ROUNDDOWN($C3988/24,0)+1,1))-1)+IF('Standard Profiles'!$G$19=$B$10,7,0)+IF('Standard Profiles'!$G$19=$B$17,14,0)+IF('Standard Profiles'!$G$19=$B$24,21,0),MOD($C3988,24)+1)/SUM(INDEX($D$3:$AA$30,INDEX(Jesper!$R$2:$R$366,ROW(INDEX(Jesper!AI$2:AI$366,ROUNDDOWN($C3988/24,0)+1,1))-1)+IF('Standard Profiles'!$G$19=$B$10,7,0)+IF('Standard Profiles'!$G$19=$B$17,14,0)+IF('Standard Profiles'!$G$19=$B$24,21,0),0)),0)</f>
        <v>2.5207022127815724</v>
      </c>
      <c r="F3988" cm="1">
        <f t="array" ref="F3988">IFERROR(INDEX(Jesper!AJ$2:AJ$366,ROUNDDOWN($C3988/24,0)+1,1)*INDEX($D$3:$AA$30,INDEX(Jesper!$R$2:$R$366,ROW(INDEX(Jesper!AJ$2:AJ$366,ROUNDDOWN($C3988/24,0)+1,1))-1)+IF('Standard Profiles'!$G$20=$B$10,7,0)+IF('Standard Profiles'!$G$20=$B$17,14,0)+IF('Standard Profiles'!$G$20=$B$24,21,0),MOD($C3988,24)+1)/SUM(INDEX($D$3:$AA$30,INDEX(Jesper!$R$2:$R$366,ROW(INDEX(Jesper!AJ$2:AJ$366,ROUNDDOWN($C3988/24,0)+1,1))-1)+IF('Standard Profiles'!$G$20=$B$10,7,0)+IF('Standard Profiles'!$G$20=$B$17,14,0)+IF('Standard Profiles'!$G$20=$B$24,21,0),0)),0)</f>
        <v>0</v>
      </c>
      <c r="G3988" cm="1">
        <f t="array" ref="G3988">IFERROR(INDEX(Jesper!AK$2:AK$366,ROUNDDOWN($C3988/24,0)+1,1)*INDEX($D$3:$AA$30,INDEX(Jesper!$R$2:$R$366,ROW(INDEX(Jesper!AK$2:AK$366,ROUNDDOWN($C3988/24,0)+1,1))-1)+IF('Standard Profiles'!$G$21=$B$10,7,0)+IF('Standard Profiles'!$G$21=$B$17,14,0)+IF('Standard Profiles'!$G$21=$B$24,21,0),MOD($C3988,24)+1)/SUM(INDEX($D$3:$AA$30,INDEX(Jesper!$R$2:$R$366,ROW(INDEX(Jesper!AK$2:AK$366,ROUNDDOWN($C3988/24,0)+1,1))-1)+IF('Standard Profiles'!$G$21=$B$10,7,0)+IF('Standard Profiles'!$G$21=$B$17,14,0)+IF('Standard Profiles'!$G$21=$B$24,21,0),0)),0)</f>
        <v>0.57115910955780147</v>
      </c>
      <c r="H3988" cm="1">
        <f t="array" ref="H3988">IFERROR(INDEX(Jesper!AL$2:AL$366,ROUNDDOWN($C3988/24,0)+1,1)*INDEX($D$3:$AA$30,INDEX(Jesper!$R$2:$R$366,ROW(INDEX(Jesper!AL$2:AL$366,ROUNDDOWN($C3988/24,0)+1,1))-1)+IF('Standard Profiles'!$G$22=$B$10,7,0)+IF('Standard Profiles'!$G$22=$B$17,14,0)+IF('Standard Profiles'!$G$22=$B$24,21,0),MOD($C3988,24)+1)/SUM(INDEX($D$3:$AA$30,INDEX(Jesper!$R$2:$R$366,ROW(INDEX(Jesper!AL$2:AL$366,ROUNDDOWN($C3988/24,0)+1,1))-1)+IF('Standard Profiles'!$G$22=$B$10,7,0)+IF('Standard Profiles'!$G$22=$B$17,14,0)+IF('Standard Profiles'!$G$22=$B$24,21,0),0)),0)</f>
        <v>0</v>
      </c>
      <c r="I3988">
        <f t="shared" si="447"/>
        <v>0.27415637258774456</v>
      </c>
      <c r="J3988">
        <f t="shared" si="448"/>
        <v>7.4222132992028156</v>
      </c>
      <c r="K3988">
        <f t="shared" si="449"/>
        <v>0.58469947294618263</v>
      </c>
      <c r="L3988">
        <f t="shared" si="450"/>
        <v>0.29234973647309132</v>
      </c>
      <c r="M3988">
        <f t="shared" si="451"/>
        <v>0</v>
      </c>
      <c r="N3988" s="45">
        <f t="shared" si="452"/>
        <v>45091.74999999041</v>
      </c>
    </row>
    <row r="3989" spans="2:14" x14ac:dyDescent="0.25">
      <c r="B3989">
        <f t="shared" si="446"/>
        <v>3</v>
      </c>
      <c r="C3989" s="16">
        <v>3955</v>
      </c>
      <c r="D3989" cm="1">
        <f t="array" ref="D3989">IFERROR(INDEX(Jesper!AH$2:AH$366,ROUNDDOWN($C3989/24,0)+1,1)*INDEX($D$3:$AA$30,INDEX(Jesper!$R$2:$R$366,ROW(INDEX(Jesper!AH$2:AH$366,ROUNDDOWN($C3989/24,0)+1,1))-1)+IF('Standard Profiles'!$G$18=$B$10,7,0)+IF('Standard Profiles'!$G$18=$B$17,14,0)+IF('Standard Profiles'!$G$18=$B$24,21,0),MOD($C3989,24)+1)/SUM(INDEX($D$3:$AA$30,INDEX(Jesper!$R$2:$R$366,ROW(INDEX(Jesper!AH$2:AH$366,ROUNDDOWN($C3989/24,0)+1,1))-1)+IF('Standard Profiles'!$G$18=$B$10,7,0)+IF('Standard Profiles'!$G$18=$B$17,14,0)+IF('Standard Profiles'!$G$18=$B$24,21,0),0)),0)</f>
        <v>5.4815575588704615</v>
      </c>
      <c r="E3989" cm="1">
        <f t="array" ref="E3989">IFERROR(INDEX(Jesper!AI$2:AI$366,ROUNDDOWN($C3989/24,0)+1,1)*INDEX($D$3:$AA$30,INDEX(Jesper!$R$2:$R$366,ROW(INDEX(Jesper!AI$2:AI$366,ROUNDDOWN($C3989/24,0)+1,1))-1)+IF('Standard Profiles'!$G$19=$B$10,7,0)+IF('Standard Profiles'!$G$19=$B$17,14,0)+IF('Standard Profiles'!$G$19=$B$24,21,0),MOD($C3989,24)+1)/SUM(INDEX($D$3:$AA$30,INDEX(Jesper!$R$2:$R$366,ROW(INDEX(Jesper!AI$2:AI$366,ROUNDDOWN($C3989/24,0)+1,1))-1)+IF('Standard Profiles'!$G$19=$B$10,7,0)+IF('Standard Profiles'!$G$19=$B$17,14,0)+IF('Standard Profiles'!$G$19=$B$24,21,0),0)),0)</f>
        <v>2.5207022127815724</v>
      </c>
      <c r="F3989" cm="1">
        <f t="array" ref="F3989">IFERROR(INDEX(Jesper!AJ$2:AJ$366,ROUNDDOWN($C3989/24,0)+1,1)*INDEX($D$3:$AA$30,INDEX(Jesper!$R$2:$R$366,ROW(INDEX(Jesper!AJ$2:AJ$366,ROUNDDOWN($C3989/24,0)+1,1))-1)+IF('Standard Profiles'!$G$20=$B$10,7,0)+IF('Standard Profiles'!$G$20=$B$17,14,0)+IF('Standard Profiles'!$G$20=$B$24,21,0),MOD($C3989,24)+1)/SUM(INDEX($D$3:$AA$30,INDEX(Jesper!$R$2:$R$366,ROW(INDEX(Jesper!AJ$2:AJ$366,ROUNDDOWN($C3989/24,0)+1,1))-1)+IF('Standard Profiles'!$G$20=$B$10,7,0)+IF('Standard Profiles'!$G$20=$B$17,14,0)+IF('Standard Profiles'!$G$20=$B$24,21,0),0)),0)</f>
        <v>0</v>
      </c>
      <c r="G3989" cm="1">
        <f t="array" ref="G3989">IFERROR(INDEX(Jesper!AK$2:AK$366,ROUNDDOWN($C3989/24,0)+1,1)*INDEX($D$3:$AA$30,INDEX(Jesper!$R$2:$R$366,ROW(INDEX(Jesper!AK$2:AK$366,ROUNDDOWN($C3989/24,0)+1,1))-1)+IF('Standard Profiles'!$G$21=$B$10,7,0)+IF('Standard Profiles'!$G$21=$B$17,14,0)+IF('Standard Profiles'!$G$21=$B$24,21,0),MOD($C3989,24)+1)/SUM(INDEX($D$3:$AA$30,INDEX(Jesper!$R$2:$R$366,ROW(INDEX(Jesper!AK$2:AK$366,ROUNDDOWN($C3989/24,0)+1,1))-1)+IF('Standard Profiles'!$G$21=$B$10,7,0)+IF('Standard Profiles'!$G$21=$B$17,14,0)+IF('Standard Profiles'!$G$21=$B$24,21,0),0)),0)</f>
        <v>0.57115910955780147</v>
      </c>
      <c r="H3989" cm="1">
        <f t="array" ref="H3989">IFERROR(INDEX(Jesper!AL$2:AL$366,ROUNDDOWN($C3989/24,0)+1,1)*INDEX($D$3:$AA$30,INDEX(Jesper!$R$2:$R$366,ROW(INDEX(Jesper!AL$2:AL$366,ROUNDDOWN($C3989/24,0)+1,1))-1)+IF('Standard Profiles'!$G$22=$B$10,7,0)+IF('Standard Profiles'!$G$22=$B$17,14,0)+IF('Standard Profiles'!$G$22=$B$24,21,0),MOD($C3989,24)+1)/SUM(INDEX($D$3:$AA$30,INDEX(Jesper!$R$2:$R$366,ROW(INDEX(Jesper!AL$2:AL$366,ROUNDDOWN($C3989/24,0)+1,1))-1)+IF('Standard Profiles'!$G$22=$B$10,7,0)+IF('Standard Profiles'!$G$22=$B$17,14,0)+IF('Standard Profiles'!$G$22=$B$24,21,0),0)),0)</f>
        <v>0</v>
      </c>
      <c r="I3989">
        <f t="shared" si="447"/>
        <v>0.27415637258774456</v>
      </c>
      <c r="J3989">
        <f t="shared" si="448"/>
        <v>7.4222132992028156</v>
      </c>
      <c r="K3989">
        <f t="shared" si="449"/>
        <v>0.58469947294618263</v>
      </c>
      <c r="L3989">
        <f t="shared" si="450"/>
        <v>0.29234973647309132</v>
      </c>
      <c r="M3989">
        <f t="shared" si="451"/>
        <v>0</v>
      </c>
      <c r="N3989" s="45">
        <f t="shared" si="452"/>
        <v>45091.791666657075</v>
      </c>
    </row>
    <row r="3990" spans="2:14" x14ac:dyDescent="0.25">
      <c r="B3990">
        <f t="shared" si="446"/>
        <v>3</v>
      </c>
      <c r="C3990" s="16">
        <v>3956</v>
      </c>
      <c r="D3990" cm="1">
        <f t="array" ref="D3990">IFERROR(INDEX(Jesper!AH$2:AH$366,ROUNDDOWN($C3990/24,0)+1,1)*INDEX($D$3:$AA$30,INDEX(Jesper!$R$2:$R$366,ROW(INDEX(Jesper!AH$2:AH$366,ROUNDDOWN($C3990/24,0)+1,1))-1)+IF('Standard Profiles'!$G$18=$B$10,7,0)+IF('Standard Profiles'!$G$18=$B$17,14,0)+IF('Standard Profiles'!$G$18=$B$24,21,0),MOD($C3990,24)+1)/SUM(INDEX($D$3:$AA$30,INDEX(Jesper!$R$2:$R$366,ROW(INDEX(Jesper!AH$2:AH$366,ROUNDDOWN($C3990/24,0)+1,1))-1)+IF('Standard Profiles'!$G$18=$B$10,7,0)+IF('Standard Profiles'!$G$18=$B$17,14,0)+IF('Standard Profiles'!$G$18=$B$24,21,0),0)),0)</f>
        <v>5.4815575588704615</v>
      </c>
      <c r="E3990" cm="1">
        <f t="array" ref="E3990">IFERROR(INDEX(Jesper!AI$2:AI$366,ROUNDDOWN($C3990/24,0)+1,1)*INDEX($D$3:$AA$30,INDEX(Jesper!$R$2:$R$366,ROW(INDEX(Jesper!AI$2:AI$366,ROUNDDOWN($C3990/24,0)+1,1))-1)+IF('Standard Profiles'!$G$19=$B$10,7,0)+IF('Standard Profiles'!$G$19=$B$17,14,0)+IF('Standard Profiles'!$G$19=$B$24,21,0),MOD($C3990,24)+1)/SUM(INDEX($D$3:$AA$30,INDEX(Jesper!$R$2:$R$366,ROW(INDEX(Jesper!AI$2:AI$366,ROUNDDOWN($C3990/24,0)+1,1))-1)+IF('Standard Profiles'!$G$19=$B$10,7,0)+IF('Standard Profiles'!$G$19=$B$17,14,0)+IF('Standard Profiles'!$G$19=$B$24,21,0),0)),0)</f>
        <v>2.5207022127815724</v>
      </c>
      <c r="F3990" cm="1">
        <f t="array" ref="F3990">IFERROR(INDEX(Jesper!AJ$2:AJ$366,ROUNDDOWN($C3990/24,0)+1,1)*INDEX($D$3:$AA$30,INDEX(Jesper!$R$2:$R$366,ROW(INDEX(Jesper!AJ$2:AJ$366,ROUNDDOWN($C3990/24,0)+1,1))-1)+IF('Standard Profiles'!$G$20=$B$10,7,0)+IF('Standard Profiles'!$G$20=$B$17,14,0)+IF('Standard Profiles'!$G$20=$B$24,21,0),MOD($C3990,24)+1)/SUM(INDEX($D$3:$AA$30,INDEX(Jesper!$R$2:$R$366,ROW(INDEX(Jesper!AJ$2:AJ$366,ROUNDDOWN($C3990/24,0)+1,1))-1)+IF('Standard Profiles'!$G$20=$B$10,7,0)+IF('Standard Profiles'!$G$20=$B$17,14,0)+IF('Standard Profiles'!$G$20=$B$24,21,0),0)),0)</f>
        <v>0</v>
      </c>
      <c r="G3990" cm="1">
        <f t="array" ref="G3990">IFERROR(INDEX(Jesper!AK$2:AK$366,ROUNDDOWN($C3990/24,0)+1,1)*INDEX($D$3:$AA$30,INDEX(Jesper!$R$2:$R$366,ROW(INDEX(Jesper!AK$2:AK$366,ROUNDDOWN($C3990/24,0)+1,1))-1)+IF('Standard Profiles'!$G$21=$B$10,7,0)+IF('Standard Profiles'!$G$21=$B$17,14,0)+IF('Standard Profiles'!$G$21=$B$24,21,0),MOD($C3990,24)+1)/SUM(INDEX($D$3:$AA$30,INDEX(Jesper!$R$2:$R$366,ROW(INDEX(Jesper!AK$2:AK$366,ROUNDDOWN($C3990/24,0)+1,1))-1)+IF('Standard Profiles'!$G$21=$B$10,7,0)+IF('Standard Profiles'!$G$21=$B$17,14,0)+IF('Standard Profiles'!$G$21=$B$24,21,0),0)),0)</f>
        <v>0.57115910955780147</v>
      </c>
      <c r="H3990" cm="1">
        <f t="array" ref="H3990">IFERROR(INDEX(Jesper!AL$2:AL$366,ROUNDDOWN($C3990/24,0)+1,1)*INDEX($D$3:$AA$30,INDEX(Jesper!$R$2:$R$366,ROW(INDEX(Jesper!AL$2:AL$366,ROUNDDOWN($C3990/24,0)+1,1))-1)+IF('Standard Profiles'!$G$22=$B$10,7,0)+IF('Standard Profiles'!$G$22=$B$17,14,0)+IF('Standard Profiles'!$G$22=$B$24,21,0),MOD($C3990,24)+1)/SUM(INDEX($D$3:$AA$30,INDEX(Jesper!$R$2:$R$366,ROW(INDEX(Jesper!AL$2:AL$366,ROUNDDOWN($C3990/24,0)+1,1))-1)+IF('Standard Profiles'!$G$22=$B$10,7,0)+IF('Standard Profiles'!$G$22=$B$17,14,0)+IF('Standard Profiles'!$G$22=$B$24,21,0),0)),0)</f>
        <v>0</v>
      </c>
      <c r="I3990">
        <f t="shared" si="447"/>
        <v>0.27415637258774456</v>
      </c>
      <c r="J3990">
        <f t="shared" si="448"/>
        <v>7.4222132992028156</v>
      </c>
      <c r="K3990">
        <f t="shared" si="449"/>
        <v>0.58469947294618263</v>
      </c>
      <c r="L3990">
        <f t="shared" si="450"/>
        <v>0.29234973647309132</v>
      </c>
      <c r="M3990">
        <f t="shared" si="451"/>
        <v>0</v>
      </c>
      <c r="N3990" s="45">
        <f t="shared" si="452"/>
        <v>45091.833333323739</v>
      </c>
    </row>
    <row r="3991" spans="2:14" x14ac:dyDescent="0.25">
      <c r="B3991">
        <f t="shared" si="446"/>
        <v>3</v>
      </c>
      <c r="C3991" s="16">
        <v>3957</v>
      </c>
      <c r="D3991" cm="1">
        <f t="array" ref="D3991">IFERROR(INDEX(Jesper!AH$2:AH$366,ROUNDDOWN($C3991/24,0)+1,1)*INDEX($D$3:$AA$30,INDEX(Jesper!$R$2:$R$366,ROW(INDEX(Jesper!AH$2:AH$366,ROUNDDOWN($C3991/24,0)+1,1))-1)+IF('Standard Profiles'!$G$18=$B$10,7,0)+IF('Standard Profiles'!$G$18=$B$17,14,0)+IF('Standard Profiles'!$G$18=$B$24,21,0),MOD($C3991,24)+1)/SUM(INDEX($D$3:$AA$30,INDEX(Jesper!$R$2:$R$366,ROW(INDEX(Jesper!AH$2:AH$366,ROUNDDOWN($C3991/24,0)+1,1))-1)+IF('Standard Profiles'!$G$18=$B$10,7,0)+IF('Standard Profiles'!$G$18=$B$17,14,0)+IF('Standard Profiles'!$G$18=$B$24,21,0),0)),0)</f>
        <v>5.4815575588704615</v>
      </c>
      <c r="E3991" cm="1">
        <f t="array" ref="E3991">IFERROR(INDEX(Jesper!AI$2:AI$366,ROUNDDOWN($C3991/24,0)+1,1)*INDEX($D$3:$AA$30,INDEX(Jesper!$R$2:$R$366,ROW(INDEX(Jesper!AI$2:AI$366,ROUNDDOWN($C3991/24,0)+1,1))-1)+IF('Standard Profiles'!$G$19=$B$10,7,0)+IF('Standard Profiles'!$G$19=$B$17,14,0)+IF('Standard Profiles'!$G$19=$B$24,21,0),MOD($C3991,24)+1)/SUM(INDEX($D$3:$AA$30,INDEX(Jesper!$R$2:$R$366,ROW(INDEX(Jesper!AI$2:AI$366,ROUNDDOWN($C3991/24,0)+1,1))-1)+IF('Standard Profiles'!$G$19=$B$10,7,0)+IF('Standard Profiles'!$G$19=$B$17,14,0)+IF('Standard Profiles'!$G$19=$B$24,21,0),0)),0)</f>
        <v>2.5207022127815724</v>
      </c>
      <c r="F3991" cm="1">
        <f t="array" ref="F3991">IFERROR(INDEX(Jesper!AJ$2:AJ$366,ROUNDDOWN($C3991/24,0)+1,1)*INDEX($D$3:$AA$30,INDEX(Jesper!$R$2:$R$366,ROW(INDEX(Jesper!AJ$2:AJ$366,ROUNDDOWN($C3991/24,0)+1,1))-1)+IF('Standard Profiles'!$G$20=$B$10,7,0)+IF('Standard Profiles'!$G$20=$B$17,14,0)+IF('Standard Profiles'!$G$20=$B$24,21,0),MOD($C3991,24)+1)/SUM(INDEX($D$3:$AA$30,INDEX(Jesper!$R$2:$R$366,ROW(INDEX(Jesper!AJ$2:AJ$366,ROUNDDOWN($C3991/24,0)+1,1))-1)+IF('Standard Profiles'!$G$20=$B$10,7,0)+IF('Standard Profiles'!$G$20=$B$17,14,0)+IF('Standard Profiles'!$G$20=$B$24,21,0),0)),0)</f>
        <v>0</v>
      </c>
      <c r="G3991" cm="1">
        <f t="array" ref="G3991">IFERROR(INDEX(Jesper!AK$2:AK$366,ROUNDDOWN($C3991/24,0)+1,1)*INDEX($D$3:$AA$30,INDEX(Jesper!$R$2:$R$366,ROW(INDEX(Jesper!AK$2:AK$366,ROUNDDOWN($C3991/24,0)+1,1))-1)+IF('Standard Profiles'!$G$21=$B$10,7,0)+IF('Standard Profiles'!$G$21=$B$17,14,0)+IF('Standard Profiles'!$G$21=$B$24,21,0),MOD($C3991,24)+1)/SUM(INDEX($D$3:$AA$30,INDEX(Jesper!$R$2:$R$366,ROW(INDEX(Jesper!AK$2:AK$366,ROUNDDOWN($C3991/24,0)+1,1))-1)+IF('Standard Profiles'!$G$21=$B$10,7,0)+IF('Standard Profiles'!$G$21=$B$17,14,0)+IF('Standard Profiles'!$G$21=$B$24,21,0),0)),0)</f>
        <v>0.57115910955780147</v>
      </c>
      <c r="H3991" cm="1">
        <f t="array" ref="H3991">IFERROR(INDEX(Jesper!AL$2:AL$366,ROUNDDOWN($C3991/24,0)+1,1)*INDEX($D$3:$AA$30,INDEX(Jesper!$R$2:$R$366,ROW(INDEX(Jesper!AL$2:AL$366,ROUNDDOWN($C3991/24,0)+1,1))-1)+IF('Standard Profiles'!$G$22=$B$10,7,0)+IF('Standard Profiles'!$G$22=$B$17,14,0)+IF('Standard Profiles'!$G$22=$B$24,21,0),MOD($C3991,24)+1)/SUM(INDEX($D$3:$AA$30,INDEX(Jesper!$R$2:$R$366,ROW(INDEX(Jesper!AL$2:AL$366,ROUNDDOWN($C3991/24,0)+1,1))-1)+IF('Standard Profiles'!$G$22=$B$10,7,0)+IF('Standard Profiles'!$G$22=$B$17,14,0)+IF('Standard Profiles'!$G$22=$B$24,21,0),0)),0)</f>
        <v>0</v>
      </c>
      <c r="I3991">
        <f t="shared" si="447"/>
        <v>0.27415637258774456</v>
      </c>
      <c r="J3991">
        <f t="shared" si="448"/>
        <v>7.4222132992028156</v>
      </c>
      <c r="K3991">
        <f t="shared" si="449"/>
        <v>0.58469947294618263</v>
      </c>
      <c r="L3991">
        <f t="shared" si="450"/>
        <v>0.29234973647309132</v>
      </c>
      <c r="M3991">
        <f t="shared" si="451"/>
        <v>0</v>
      </c>
      <c r="N3991" s="45">
        <f t="shared" si="452"/>
        <v>45091.874999990403</v>
      </c>
    </row>
    <row r="3992" spans="2:14" x14ac:dyDescent="0.25">
      <c r="B3992">
        <f t="shared" si="446"/>
        <v>3</v>
      </c>
      <c r="C3992" s="16">
        <v>3958</v>
      </c>
      <c r="D3992" cm="1">
        <f t="array" ref="D3992">IFERROR(INDEX(Jesper!AH$2:AH$366,ROUNDDOWN($C3992/24,0)+1,1)*INDEX($D$3:$AA$30,INDEX(Jesper!$R$2:$R$366,ROW(INDEX(Jesper!AH$2:AH$366,ROUNDDOWN($C3992/24,0)+1,1))-1)+IF('Standard Profiles'!$G$18=$B$10,7,0)+IF('Standard Profiles'!$G$18=$B$17,14,0)+IF('Standard Profiles'!$G$18=$B$24,21,0),MOD($C3992,24)+1)/SUM(INDEX($D$3:$AA$30,INDEX(Jesper!$R$2:$R$366,ROW(INDEX(Jesper!AH$2:AH$366,ROUNDDOWN($C3992/24,0)+1,1))-1)+IF('Standard Profiles'!$G$18=$B$10,7,0)+IF('Standard Profiles'!$G$18=$B$17,14,0)+IF('Standard Profiles'!$G$18=$B$24,21,0),0)),0)</f>
        <v>5.4815575588704615</v>
      </c>
      <c r="E3992" cm="1">
        <f t="array" ref="E3992">IFERROR(INDEX(Jesper!AI$2:AI$366,ROUNDDOWN($C3992/24,0)+1,1)*INDEX($D$3:$AA$30,INDEX(Jesper!$R$2:$R$366,ROW(INDEX(Jesper!AI$2:AI$366,ROUNDDOWN($C3992/24,0)+1,1))-1)+IF('Standard Profiles'!$G$19=$B$10,7,0)+IF('Standard Profiles'!$G$19=$B$17,14,0)+IF('Standard Profiles'!$G$19=$B$24,21,0),MOD($C3992,24)+1)/SUM(INDEX($D$3:$AA$30,INDEX(Jesper!$R$2:$R$366,ROW(INDEX(Jesper!AI$2:AI$366,ROUNDDOWN($C3992/24,0)+1,1))-1)+IF('Standard Profiles'!$G$19=$B$10,7,0)+IF('Standard Profiles'!$G$19=$B$17,14,0)+IF('Standard Profiles'!$G$19=$B$24,21,0),0)),0)</f>
        <v>2.5207022127815724</v>
      </c>
      <c r="F3992" cm="1">
        <f t="array" ref="F3992">IFERROR(INDEX(Jesper!AJ$2:AJ$366,ROUNDDOWN($C3992/24,0)+1,1)*INDEX($D$3:$AA$30,INDEX(Jesper!$R$2:$R$366,ROW(INDEX(Jesper!AJ$2:AJ$366,ROUNDDOWN($C3992/24,0)+1,1))-1)+IF('Standard Profiles'!$G$20=$B$10,7,0)+IF('Standard Profiles'!$G$20=$B$17,14,0)+IF('Standard Profiles'!$G$20=$B$24,21,0),MOD($C3992,24)+1)/SUM(INDEX($D$3:$AA$30,INDEX(Jesper!$R$2:$R$366,ROW(INDEX(Jesper!AJ$2:AJ$366,ROUNDDOWN($C3992/24,0)+1,1))-1)+IF('Standard Profiles'!$G$20=$B$10,7,0)+IF('Standard Profiles'!$G$20=$B$17,14,0)+IF('Standard Profiles'!$G$20=$B$24,21,0),0)),0)</f>
        <v>0</v>
      </c>
      <c r="G3992" cm="1">
        <f t="array" ref="G3992">IFERROR(INDEX(Jesper!AK$2:AK$366,ROUNDDOWN($C3992/24,0)+1,1)*INDEX($D$3:$AA$30,INDEX(Jesper!$R$2:$R$366,ROW(INDEX(Jesper!AK$2:AK$366,ROUNDDOWN($C3992/24,0)+1,1))-1)+IF('Standard Profiles'!$G$21=$B$10,7,0)+IF('Standard Profiles'!$G$21=$B$17,14,0)+IF('Standard Profiles'!$G$21=$B$24,21,0),MOD($C3992,24)+1)/SUM(INDEX($D$3:$AA$30,INDEX(Jesper!$R$2:$R$366,ROW(INDEX(Jesper!AK$2:AK$366,ROUNDDOWN($C3992/24,0)+1,1))-1)+IF('Standard Profiles'!$G$21=$B$10,7,0)+IF('Standard Profiles'!$G$21=$B$17,14,0)+IF('Standard Profiles'!$G$21=$B$24,21,0),0)),0)</f>
        <v>0.57115910955780147</v>
      </c>
      <c r="H3992" cm="1">
        <f t="array" ref="H3992">IFERROR(INDEX(Jesper!AL$2:AL$366,ROUNDDOWN($C3992/24,0)+1,1)*INDEX($D$3:$AA$30,INDEX(Jesper!$R$2:$R$366,ROW(INDEX(Jesper!AL$2:AL$366,ROUNDDOWN($C3992/24,0)+1,1))-1)+IF('Standard Profiles'!$G$22=$B$10,7,0)+IF('Standard Profiles'!$G$22=$B$17,14,0)+IF('Standard Profiles'!$G$22=$B$24,21,0),MOD($C3992,24)+1)/SUM(INDEX($D$3:$AA$30,INDEX(Jesper!$R$2:$R$366,ROW(INDEX(Jesper!AL$2:AL$366,ROUNDDOWN($C3992/24,0)+1,1))-1)+IF('Standard Profiles'!$G$22=$B$10,7,0)+IF('Standard Profiles'!$G$22=$B$17,14,0)+IF('Standard Profiles'!$G$22=$B$24,21,0),0)),0)</f>
        <v>0</v>
      </c>
      <c r="I3992">
        <f t="shared" si="447"/>
        <v>0.27415637258774456</v>
      </c>
      <c r="J3992">
        <f t="shared" si="448"/>
        <v>7.4222132992028156</v>
      </c>
      <c r="K3992">
        <f t="shared" si="449"/>
        <v>0.58469947294618263</v>
      </c>
      <c r="L3992">
        <f t="shared" si="450"/>
        <v>0.29234973647309132</v>
      </c>
      <c r="M3992">
        <f t="shared" si="451"/>
        <v>0</v>
      </c>
      <c r="N3992" s="45">
        <f t="shared" si="452"/>
        <v>45091.916666657067</v>
      </c>
    </row>
    <row r="3993" spans="2:14" x14ac:dyDescent="0.25">
      <c r="B3993">
        <f t="shared" si="446"/>
        <v>3</v>
      </c>
      <c r="C3993" s="16">
        <v>3959</v>
      </c>
      <c r="D3993" cm="1">
        <f t="array" ref="D3993">IFERROR(INDEX(Jesper!AH$2:AH$366,ROUNDDOWN($C3993/24,0)+1,1)*INDEX($D$3:$AA$30,INDEX(Jesper!$R$2:$R$366,ROW(INDEX(Jesper!AH$2:AH$366,ROUNDDOWN($C3993/24,0)+1,1))-1)+IF('Standard Profiles'!$G$18=$B$10,7,0)+IF('Standard Profiles'!$G$18=$B$17,14,0)+IF('Standard Profiles'!$G$18=$B$24,21,0),MOD($C3993,24)+1)/SUM(INDEX($D$3:$AA$30,INDEX(Jesper!$R$2:$R$366,ROW(INDEX(Jesper!AH$2:AH$366,ROUNDDOWN($C3993/24,0)+1,1))-1)+IF('Standard Profiles'!$G$18=$B$10,7,0)+IF('Standard Profiles'!$G$18=$B$17,14,0)+IF('Standard Profiles'!$G$18=$B$24,21,0),0)),0)</f>
        <v>5.4815575588704615</v>
      </c>
      <c r="E3993" cm="1">
        <f t="array" ref="E3993">IFERROR(INDEX(Jesper!AI$2:AI$366,ROUNDDOWN($C3993/24,0)+1,1)*INDEX($D$3:$AA$30,INDEX(Jesper!$R$2:$R$366,ROW(INDEX(Jesper!AI$2:AI$366,ROUNDDOWN($C3993/24,0)+1,1))-1)+IF('Standard Profiles'!$G$19=$B$10,7,0)+IF('Standard Profiles'!$G$19=$B$17,14,0)+IF('Standard Profiles'!$G$19=$B$24,21,0),MOD($C3993,24)+1)/SUM(INDEX($D$3:$AA$30,INDEX(Jesper!$R$2:$R$366,ROW(INDEX(Jesper!AI$2:AI$366,ROUNDDOWN($C3993/24,0)+1,1))-1)+IF('Standard Profiles'!$G$19=$B$10,7,0)+IF('Standard Profiles'!$G$19=$B$17,14,0)+IF('Standard Profiles'!$G$19=$B$24,21,0),0)),0)</f>
        <v>2.5207022127815724</v>
      </c>
      <c r="F3993" cm="1">
        <f t="array" ref="F3993">IFERROR(INDEX(Jesper!AJ$2:AJ$366,ROUNDDOWN($C3993/24,0)+1,1)*INDEX($D$3:$AA$30,INDEX(Jesper!$R$2:$R$366,ROW(INDEX(Jesper!AJ$2:AJ$366,ROUNDDOWN($C3993/24,0)+1,1))-1)+IF('Standard Profiles'!$G$20=$B$10,7,0)+IF('Standard Profiles'!$G$20=$B$17,14,0)+IF('Standard Profiles'!$G$20=$B$24,21,0),MOD($C3993,24)+1)/SUM(INDEX($D$3:$AA$30,INDEX(Jesper!$R$2:$R$366,ROW(INDEX(Jesper!AJ$2:AJ$366,ROUNDDOWN($C3993/24,0)+1,1))-1)+IF('Standard Profiles'!$G$20=$B$10,7,0)+IF('Standard Profiles'!$G$20=$B$17,14,0)+IF('Standard Profiles'!$G$20=$B$24,21,0),0)),0)</f>
        <v>0</v>
      </c>
      <c r="G3993" cm="1">
        <f t="array" ref="G3993">IFERROR(INDEX(Jesper!AK$2:AK$366,ROUNDDOWN($C3993/24,0)+1,1)*INDEX($D$3:$AA$30,INDEX(Jesper!$R$2:$R$366,ROW(INDEX(Jesper!AK$2:AK$366,ROUNDDOWN($C3993/24,0)+1,1))-1)+IF('Standard Profiles'!$G$21=$B$10,7,0)+IF('Standard Profiles'!$G$21=$B$17,14,0)+IF('Standard Profiles'!$G$21=$B$24,21,0),MOD($C3993,24)+1)/SUM(INDEX($D$3:$AA$30,INDEX(Jesper!$R$2:$R$366,ROW(INDEX(Jesper!AK$2:AK$366,ROUNDDOWN($C3993/24,0)+1,1))-1)+IF('Standard Profiles'!$G$21=$B$10,7,0)+IF('Standard Profiles'!$G$21=$B$17,14,0)+IF('Standard Profiles'!$G$21=$B$24,21,0),0)),0)</f>
        <v>0.57115910955780147</v>
      </c>
      <c r="H3993" cm="1">
        <f t="array" ref="H3993">IFERROR(INDEX(Jesper!AL$2:AL$366,ROUNDDOWN($C3993/24,0)+1,1)*INDEX($D$3:$AA$30,INDEX(Jesper!$R$2:$R$366,ROW(INDEX(Jesper!AL$2:AL$366,ROUNDDOWN($C3993/24,0)+1,1))-1)+IF('Standard Profiles'!$G$22=$B$10,7,0)+IF('Standard Profiles'!$G$22=$B$17,14,0)+IF('Standard Profiles'!$G$22=$B$24,21,0),MOD($C3993,24)+1)/SUM(INDEX($D$3:$AA$30,INDEX(Jesper!$R$2:$R$366,ROW(INDEX(Jesper!AL$2:AL$366,ROUNDDOWN($C3993/24,0)+1,1))-1)+IF('Standard Profiles'!$G$22=$B$10,7,0)+IF('Standard Profiles'!$G$22=$B$17,14,0)+IF('Standard Profiles'!$G$22=$B$24,21,0),0)),0)</f>
        <v>0</v>
      </c>
      <c r="I3993">
        <f t="shared" si="447"/>
        <v>0.27415637258774456</v>
      </c>
      <c r="J3993">
        <f t="shared" si="448"/>
        <v>7.4222132992028156</v>
      </c>
      <c r="K3993">
        <f t="shared" si="449"/>
        <v>0.58469947294618263</v>
      </c>
      <c r="L3993">
        <f t="shared" si="450"/>
        <v>0.29234973647309132</v>
      </c>
      <c r="M3993">
        <f t="shared" si="451"/>
        <v>0</v>
      </c>
      <c r="N3993" s="45">
        <f t="shared" si="452"/>
        <v>45091.958333323731</v>
      </c>
    </row>
    <row r="3994" spans="2:14" x14ac:dyDescent="0.25">
      <c r="B3994">
        <f t="shared" si="446"/>
        <v>4</v>
      </c>
      <c r="C3994" s="16">
        <v>3960</v>
      </c>
      <c r="D3994" cm="1">
        <f t="array" ref="D3994">IFERROR(INDEX(Jesper!AH$2:AH$366,ROUNDDOWN($C3994/24,0)+1,1)*INDEX($D$3:$AA$30,INDEX(Jesper!$R$2:$R$366,ROW(INDEX(Jesper!AH$2:AH$366,ROUNDDOWN($C3994/24,0)+1,1))-1)+IF('Standard Profiles'!$G$18=$B$10,7,0)+IF('Standard Profiles'!$G$18=$B$17,14,0)+IF('Standard Profiles'!$G$18=$B$24,21,0),MOD($C3994,24)+1)/SUM(INDEX($D$3:$AA$30,INDEX(Jesper!$R$2:$R$366,ROW(INDEX(Jesper!AH$2:AH$366,ROUNDDOWN($C3994/24,0)+1,1))-1)+IF('Standard Profiles'!$G$18=$B$10,7,0)+IF('Standard Profiles'!$G$18=$B$17,14,0)+IF('Standard Profiles'!$G$18=$B$24,21,0),0)),0)</f>
        <v>5.4815575588704615</v>
      </c>
      <c r="E3994" cm="1">
        <f t="array" ref="E3994">IFERROR(INDEX(Jesper!AI$2:AI$366,ROUNDDOWN($C3994/24,0)+1,1)*INDEX($D$3:$AA$30,INDEX(Jesper!$R$2:$R$366,ROW(INDEX(Jesper!AI$2:AI$366,ROUNDDOWN($C3994/24,0)+1,1))-1)+IF('Standard Profiles'!$G$19=$B$10,7,0)+IF('Standard Profiles'!$G$19=$B$17,14,0)+IF('Standard Profiles'!$G$19=$B$24,21,0),MOD($C3994,24)+1)/SUM(INDEX($D$3:$AA$30,INDEX(Jesper!$R$2:$R$366,ROW(INDEX(Jesper!AI$2:AI$366,ROUNDDOWN($C3994/24,0)+1,1))-1)+IF('Standard Profiles'!$G$19=$B$10,7,0)+IF('Standard Profiles'!$G$19=$B$17,14,0)+IF('Standard Profiles'!$G$19=$B$24,21,0),0)),0)</f>
        <v>2.5207022127815724</v>
      </c>
      <c r="F3994" cm="1">
        <f t="array" ref="F3994">IFERROR(INDEX(Jesper!AJ$2:AJ$366,ROUNDDOWN($C3994/24,0)+1,1)*INDEX($D$3:$AA$30,INDEX(Jesper!$R$2:$R$366,ROW(INDEX(Jesper!AJ$2:AJ$366,ROUNDDOWN($C3994/24,0)+1,1))-1)+IF('Standard Profiles'!$G$20=$B$10,7,0)+IF('Standard Profiles'!$G$20=$B$17,14,0)+IF('Standard Profiles'!$G$20=$B$24,21,0),MOD($C3994,24)+1)/SUM(INDEX($D$3:$AA$30,INDEX(Jesper!$R$2:$R$366,ROW(INDEX(Jesper!AJ$2:AJ$366,ROUNDDOWN($C3994/24,0)+1,1))-1)+IF('Standard Profiles'!$G$20=$B$10,7,0)+IF('Standard Profiles'!$G$20=$B$17,14,0)+IF('Standard Profiles'!$G$20=$B$24,21,0),0)),0)</f>
        <v>0</v>
      </c>
      <c r="G3994" cm="1">
        <f t="array" ref="G3994">IFERROR(INDEX(Jesper!AK$2:AK$366,ROUNDDOWN($C3994/24,0)+1,1)*INDEX($D$3:$AA$30,INDEX(Jesper!$R$2:$R$366,ROW(INDEX(Jesper!AK$2:AK$366,ROUNDDOWN($C3994/24,0)+1,1))-1)+IF('Standard Profiles'!$G$21=$B$10,7,0)+IF('Standard Profiles'!$G$21=$B$17,14,0)+IF('Standard Profiles'!$G$21=$B$24,21,0),MOD($C3994,24)+1)/SUM(INDEX($D$3:$AA$30,INDEX(Jesper!$R$2:$R$366,ROW(INDEX(Jesper!AK$2:AK$366,ROUNDDOWN($C3994/24,0)+1,1))-1)+IF('Standard Profiles'!$G$21=$B$10,7,0)+IF('Standard Profiles'!$G$21=$B$17,14,0)+IF('Standard Profiles'!$G$21=$B$24,21,0),0)),0)</f>
        <v>0.57115910955780147</v>
      </c>
      <c r="H3994" cm="1">
        <f t="array" ref="H3994">IFERROR(INDEX(Jesper!AL$2:AL$366,ROUNDDOWN($C3994/24,0)+1,1)*INDEX($D$3:$AA$30,INDEX(Jesper!$R$2:$R$366,ROW(INDEX(Jesper!AL$2:AL$366,ROUNDDOWN($C3994/24,0)+1,1))-1)+IF('Standard Profiles'!$G$22=$B$10,7,0)+IF('Standard Profiles'!$G$22=$B$17,14,0)+IF('Standard Profiles'!$G$22=$B$24,21,0),MOD($C3994,24)+1)/SUM(INDEX($D$3:$AA$30,INDEX(Jesper!$R$2:$R$366,ROW(INDEX(Jesper!AL$2:AL$366,ROUNDDOWN($C3994/24,0)+1,1))-1)+IF('Standard Profiles'!$G$22=$B$10,7,0)+IF('Standard Profiles'!$G$22=$B$17,14,0)+IF('Standard Profiles'!$G$22=$B$24,21,0),0)),0)</f>
        <v>0</v>
      </c>
      <c r="I3994">
        <f t="shared" si="447"/>
        <v>0.27415637258774456</v>
      </c>
      <c r="J3994">
        <f t="shared" si="448"/>
        <v>7.4222132992028156</v>
      </c>
      <c r="K3994">
        <f t="shared" si="449"/>
        <v>0.58469947294618263</v>
      </c>
      <c r="L3994">
        <f t="shared" si="450"/>
        <v>0.29234973647309132</v>
      </c>
      <c r="M3994">
        <f t="shared" si="451"/>
        <v>0</v>
      </c>
      <c r="N3994" s="45">
        <f t="shared" si="452"/>
        <v>45091.999999990396</v>
      </c>
    </row>
    <row r="3995" spans="2:14" x14ac:dyDescent="0.25">
      <c r="B3995">
        <f t="shared" si="446"/>
        <v>4</v>
      </c>
      <c r="C3995" s="16">
        <v>3961</v>
      </c>
      <c r="D3995" cm="1">
        <f t="array" ref="D3995">IFERROR(INDEX(Jesper!AH$2:AH$366,ROUNDDOWN($C3995/24,0)+1,1)*INDEX($D$3:$AA$30,INDEX(Jesper!$R$2:$R$366,ROW(INDEX(Jesper!AH$2:AH$366,ROUNDDOWN($C3995/24,0)+1,1))-1)+IF('Standard Profiles'!$G$18=$B$10,7,0)+IF('Standard Profiles'!$G$18=$B$17,14,0)+IF('Standard Profiles'!$G$18=$B$24,21,0),MOD($C3995,24)+1)/SUM(INDEX($D$3:$AA$30,INDEX(Jesper!$R$2:$R$366,ROW(INDEX(Jesper!AH$2:AH$366,ROUNDDOWN($C3995/24,0)+1,1))-1)+IF('Standard Profiles'!$G$18=$B$10,7,0)+IF('Standard Profiles'!$G$18=$B$17,14,0)+IF('Standard Profiles'!$G$18=$B$24,21,0),0)),0)</f>
        <v>5.4815575588704615</v>
      </c>
      <c r="E3995" cm="1">
        <f t="array" ref="E3995">IFERROR(INDEX(Jesper!AI$2:AI$366,ROUNDDOWN($C3995/24,0)+1,1)*INDEX($D$3:$AA$30,INDEX(Jesper!$R$2:$R$366,ROW(INDEX(Jesper!AI$2:AI$366,ROUNDDOWN($C3995/24,0)+1,1))-1)+IF('Standard Profiles'!$G$19=$B$10,7,0)+IF('Standard Profiles'!$G$19=$B$17,14,0)+IF('Standard Profiles'!$G$19=$B$24,21,0),MOD($C3995,24)+1)/SUM(INDEX($D$3:$AA$30,INDEX(Jesper!$R$2:$R$366,ROW(INDEX(Jesper!AI$2:AI$366,ROUNDDOWN($C3995/24,0)+1,1))-1)+IF('Standard Profiles'!$G$19=$B$10,7,0)+IF('Standard Profiles'!$G$19=$B$17,14,0)+IF('Standard Profiles'!$G$19=$B$24,21,0),0)),0)</f>
        <v>2.5207022127815724</v>
      </c>
      <c r="F3995" cm="1">
        <f t="array" ref="F3995">IFERROR(INDEX(Jesper!AJ$2:AJ$366,ROUNDDOWN($C3995/24,0)+1,1)*INDEX($D$3:$AA$30,INDEX(Jesper!$R$2:$R$366,ROW(INDEX(Jesper!AJ$2:AJ$366,ROUNDDOWN($C3995/24,0)+1,1))-1)+IF('Standard Profiles'!$G$20=$B$10,7,0)+IF('Standard Profiles'!$G$20=$B$17,14,0)+IF('Standard Profiles'!$G$20=$B$24,21,0),MOD($C3995,24)+1)/SUM(INDEX($D$3:$AA$30,INDEX(Jesper!$R$2:$R$366,ROW(INDEX(Jesper!AJ$2:AJ$366,ROUNDDOWN($C3995/24,0)+1,1))-1)+IF('Standard Profiles'!$G$20=$B$10,7,0)+IF('Standard Profiles'!$G$20=$B$17,14,0)+IF('Standard Profiles'!$G$20=$B$24,21,0),0)),0)</f>
        <v>0</v>
      </c>
      <c r="G3995" cm="1">
        <f t="array" ref="G3995">IFERROR(INDEX(Jesper!AK$2:AK$366,ROUNDDOWN($C3995/24,0)+1,1)*INDEX($D$3:$AA$30,INDEX(Jesper!$R$2:$R$366,ROW(INDEX(Jesper!AK$2:AK$366,ROUNDDOWN($C3995/24,0)+1,1))-1)+IF('Standard Profiles'!$G$21=$B$10,7,0)+IF('Standard Profiles'!$G$21=$B$17,14,0)+IF('Standard Profiles'!$G$21=$B$24,21,0),MOD($C3995,24)+1)/SUM(INDEX($D$3:$AA$30,INDEX(Jesper!$R$2:$R$366,ROW(INDEX(Jesper!AK$2:AK$366,ROUNDDOWN($C3995/24,0)+1,1))-1)+IF('Standard Profiles'!$G$21=$B$10,7,0)+IF('Standard Profiles'!$G$21=$B$17,14,0)+IF('Standard Profiles'!$G$21=$B$24,21,0),0)),0)</f>
        <v>0.57115910955780147</v>
      </c>
      <c r="H3995" cm="1">
        <f t="array" ref="H3995">IFERROR(INDEX(Jesper!AL$2:AL$366,ROUNDDOWN($C3995/24,0)+1,1)*INDEX($D$3:$AA$30,INDEX(Jesper!$R$2:$R$366,ROW(INDEX(Jesper!AL$2:AL$366,ROUNDDOWN($C3995/24,0)+1,1))-1)+IF('Standard Profiles'!$G$22=$B$10,7,0)+IF('Standard Profiles'!$G$22=$B$17,14,0)+IF('Standard Profiles'!$G$22=$B$24,21,0),MOD($C3995,24)+1)/SUM(INDEX($D$3:$AA$30,INDEX(Jesper!$R$2:$R$366,ROW(INDEX(Jesper!AL$2:AL$366,ROUNDDOWN($C3995/24,0)+1,1))-1)+IF('Standard Profiles'!$G$22=$B$10,7,0)+IF('Standard Profiles'!$G$22=$B$17,14,0)+IF('Standard Profiles'!$G$22=$B$24,21,0),0)),0)</f>
        <v>0</v>
      </c>
      <c r="I3995">
        <f t="shared" si="447"/>
        <v>0.27415637258774456</v>
      </c>
      <c r="J3995">
        <f t="shared" si="448"/>
        <v>7.4222132992028156</v>
      </c>
      <c r="K3995">
        <f t="shared" si="449"/>
        <v>0.58469947294618263</v>
      </c>
      <c r="L3995">
        <f t="shared" si="450"/>
        <v>0.29234973647309132</v>
      </c>
      <c r="M3995">
        <f t="shared" si="451"/>
        <v>0</v>
      </c>
      <c r="N3995" s="45">
        <f t="shared" si="452"/>
        <v>45092.04166665706</v>
      </c>
    </row>
    <row r="3996" spans="2:14" x14ac:dyDescent="0.25">
      <c r="B3996">
        <f t="shared" si="446"/>
        <v>4</v>
      </c>
      <c r="C3996" s="16">
        <v>3962</v>
      </c>
      <c r="D3996" cm="1">
        <f t="array" ref="D3996">IFERROR(INDEX(Jesper!AH$2:AH$366,ROUNDDOWN($C3996/24,0)+1,1)*INDEX($D$3:$AA$30,INDEX(Jesper!$R$2:$R$366,ROW(INDEX(Jesper!AH$2:AH$366,ROUNDDOWN($C3996/24,0)+1,1))-1)+IF('Standard Profiles'!$G$18=$B$10,7,0)+IF('Standard Profiles'!$G$18=$B$17,14,0)+IF('Standard Profiles'!$G$18=$B$24,21,0),MOD($C3996,24)+1)/SUM(INDEX($D$3:$AA$30,INDEX(Jesper!$R$2:$R$366,ROW(INDEX(Jesper!AH$2:AH$366,ROUNDDOWN($C3996/24,0)+1,1))-1)+IF('Standard Profiles'!$G$18=$B$10,7,0)+IF('Standard Profiles'!$G$18=$B$17,14,0)+IF('Standard Profiles'!$G$18=$B$24,21,0),0)),0)</f>
        <v>5.4815575588704615</v>
      </c>
      <c r="E3996" cm="1">
        <f t="array" ref="E3996">IFERROR(INDEX(Jesper!AI$2:AI$366,ROUNDDOWN($C3996/24,0)+1,1)*INDEX($D$3:$AA$30,INDEX(Jesper!$R$2:$R$366,ROW(INDEX(Jesper!AI$2:AI$366,ROUNDDOWN($C3996/24,0)+1,1))-1)+IF('Standard Profiles'!$G$19=$B$10,7,0)+IF('Standard Profiles'!$G$19=$B$17,14,0)+IF('Standard Profiles'!$G$19=$B$24,21,0),MOD($C3996,24)+1)/SUM(INDEX($D$3:$AA$30,INDEX(Jesper!$R$2:$R$366,ROW(INDEX(Jesper!AI$2:AI$366,ROUNDDOWN($C3996/24,0)+1,1))-1)+IF('Standard Profiles'!$G$19=$B$10,7,0)+IF('Standard Profiles'!$G$19=$B$17,14,0)+IF('Standard Profiles'!$G$19=$B$24,21,0),0)),0)</f>
        <v>2.5207022127815724</v>
      </c>
      <c r="F3996" cm="1">
        <f t="array" ref="F3996">IFERROR(INDEX(Jesper!AJ$2:AJ$366,ROUNDDOWN($C3996/24,0)+1,1)*INDEX($D$3:$AA$30,INDEX(Jesper!$R$2:$R$366,ROW(INDEX(Jesper!AJ$2:AJ$366,ROUNDDOWN($C3996/24,0)+1,1))-1)+IF('Standard Profiles'!$G$20=$B$10,7,0)+IF('Standard Profiles'!$G$20=$B$17,14,0)+IF('Standard Profiles'!$G$20=$B$24,21,0),MOD($C3996,24)+1)/SUM(INDEX($D$3:$AA$30,INDEX(Jesper!$R$2:$R$366,ROW(INDEX(Jesper!AJ$2:AJ$366,ROUNDDOWN($C3996/24,0)+1,1))-1)+IF('Standard Profiles'!$G$20=$B$10,7,0)+IF('Standard Profiles'!$G$20=$B$17,14,0)+IF('Standard Profiles'!$G$20=$B$24,21,0),0)),0)</f>
        <v>0</v>
      </c>
      <c r="G3996" cm="1">
        <f t="array" ref="G3996">IFERROR(INDEX(Jesper!AK$2:AK$366,ROUNDDOWN($C3996/24,0)+1,1)*INDEX($D$3:$AA$30,INDEX(Jesper!$R$2:$R$366,ROW(INDEX(Jesper!AK$2:AK$366,ROUNDDOWN($C3996/24,0)+1,1))-1)+IF('Standard Profiles'!$G$21=$B$10,7,0)+IF('Standard Profiles'!$G$21=$B$17,14,0)+IF('Standard Profiles'!$G$21=$B$24,21,0),MOD($C3996,24)+1)/SUM(INDEX($D$3:$AA$30,INDEX(Jesper!$R$2:$R$366,ROW(INDEX(Jesper!AK$2:AK$366,ROUNDDOWN($C3996/24,0)+1,1))-1)+IF('Standard Profiles'!$G$21=$B$10,7,0)+IF('Standard Profiles'!$G$21=$B$17,14,0)+IF('Standard Profiles'!$G$21=$B$24,21,0),0)),0)</f>
        <v>0.57115910955780147</v>
      </c>
      <c r="H3996" cm="1">
        <f t="array" ref="H3996">IFERROR(INDEX(Jesper!AL$2:AL$366,ROUNDDOWN($C3996/24,0)+1,1)*INDEX($D$3:$AA$30,INDEX(Jesper!$R$2:$R$366,ROW(INDEX(Jesper!AL$2:AL$366,ROUNDDOWN($C3996/24,0)+1,1))-1)+IF('Standard Profiles'!$G$22=$B$10,7,0)+IF('Standard Profiles'!$G$22=$B$17,14,0)+IF('Standard Profiles'!$G$22=$B$24,21,0),MOD($C3996,24)+1)/SUM(INDEX($D$3:$AA$30,INDEX(Jesper!$R$2:$R$366,ROW(INDEX(Jesper!AL$2:AL$366,ROUNDDOWN($C3996/24,0)+1,1))-1)+IF('Standard Profiles'!$G$22=$B$10,7,0)+IF('Standard Profiles'!$G$22=$B$17,14,0)+IF('Standard Profiles'!$G$22=$B$24,21,0),0)),0)</f>
        <v>0</v>
      </c>
      <c r="I3996">
        <f t="shared" si="447"/>
        <v>0.27415637258774456</v>
      </c>
      <c r="J3996">
        <f t="shared" si="448"/>
        <v>7.4222132992028156</v>
      </c>
      <c r="K3996">
        <f t="shared" si="449"/>
        <v>0.58469947294618263</v>
      </c>
      <c r="L3996">
        <f t="shared" si="450"/>
        <v>0.29234973647309132</v>
      </c>
      <c r="M3996">
        <f t="shared" si="451"/>
        <v>0</v>
      </c>
      <c r="N3996" s="45">
        <f t="shared" si="452"/>
        <v>45092.083333323724</v>
      </c>
    </row>
    <row r="3997" spans="2:14" x14ac:dyDescent="0.25">
      <c r="B3997">
        <f t="shared" si="446"/>
        <v>4</v>
      </c>
      <c r="C3997" s="16">
        <v>3963</v>
      </c>
      <c r="D3997" cm="1">
        <f t="array" ref="D3997">IFERROR(INDEX(Jesper!AH$2:AH$366,ROUNDDOWN($C3997/24,0)+1,1)*INDEX($D$3:$AA$30,INDEX(Jesper!$R$2:$R$366,ROW(INDEX(Jesper!AH$2:AH$366,ROUNDDOWN($C3997/24,0)+1,1))-1)+IF('Standard Profiles'!$G$18=$B$10,7,0)+IF('Standard Profiles'!$G$18=$B$17,14,0)+IF('Standard Profiles'!$G$18=$B$24,21,0),MOD($C3997,24)+1)/SUM(INDEX($D$3:$AA$30,INDEX(Jesper!$R$2:$R$366,ROW(INDEX(Jesper!AH$2:AH$366,ROUNDDOWN($C3997/24,0)+1,1))-1)+IF('Standard Profiles'!$G$18=$B$10,7,0)+IF('Standard Profiles'!$G$18=$B$17,14,0)+IF('Standard Profiles'!$G$18=$B$24,21,0),0)),0)</f>
        <v>5.4815575588704615</v>
      </c>
      <c r="E3997" cm="1">
        <f t="array" ref="E3997">IFERROR(INDEX(Jesper!AI$2:AI$366,ROUNDDOWN($C3997/24,0)+1,1)*INDEX($D$3:$AA$30,INDEX(Jesper!$R$2:$R$366,ROW(INDEX(Jesper!AI$2:AI$366,ROUNDDOWN($C3997/24,0)+1,1))-1)+IF('Standard Profiles'!$G$19=$B$10,7,0)+IF('Standard Profiles'!$G$19=$B$17,14,0)+IF('Standard Profiles'!$G$19=$B$24,21,0),MOD($C3997,24)+1)/SUM(INDEX($D$3:$AA$30,INDEX(Jesper!$R$2:$R$366,ROW(INDEX(Jesper!AI$2:AI$366,ROUNDDOWN($C3997/24,0)+1,1))-1)+IF('Standard Profiles'!$G$19=$B$10,7,0)+IF('Standard Profiles'!$G$19=$B$17,14,0)+IF('Standard Profiles'!$G$19=$B$24,21,0),0)),0)</f>
        <v>2.5207022127815724</v>
      </c>
      <c r="F3997" cm="1">
        <f t="array" ref="F3997">IFERROR(INDEX(Jesper!AJ$2:AJ$366,ROUNDDOWN($C3997/24,0)+1,1)*INDEX($D$3:$AA$30,INDEX(Jesper!$R$2:$R$366,ROW(INDEX(Jesper!AJ$2:AJ$366,ROUNDDOWN($C3997/24,0)+1,1))-1)+IF('Standard Profiles'!$G$20=$B$10,7,0)+IF('Standard Profiles'!$G$20=$B$17,14,0)+IF('Standard Profiles'!$G$20=$B$24,21,0),MOD($C3997,24)+1)/SUM(INDEX($D$3:$AA$30,INDEX(Jesper!$R$2:$R$366,ROW(INDEX(Jesper!AJ$2:AJ$366,ROUNDDOWN($C3997/24,0)+1,1))-1)+IF('Standard Profiles'!$G$20=$B$10,7,0)+IF('Standard Profiles'!$G$20=$B$17,14,0)+IF('Standard Profiles'!$G$20=$B$24,21,0),0)),0)</f>
        <v>0</v>
      </c>
      <c r="G3997" cm="1">
        <f t="array" ref="G3997">IFERROR(INDEX(Jesper!AK$2:AK$366,ROUNDDOWN($C3997/24,0)+1,1)*INDEX($D$3:$AA$30,INDEX(Jesper!$R$2:$R$366,ROW(INDEX(Jesper!AK$2:AK$366,ROUNDDOWN($C3997/24,0)+1,1))-1)+IF('Standard Profiles'!$G$21=$B$10,7,0)+IF('Standard Profiles'!$G$21=$B$17,14,0)+IF('Standard Profiles'!$G$21=$B$24,21,0),MOD($C3997,24)+1)/SUM(INDEX($D$3:$AA$30,INDEX(Jesper!$R$2:$R$366,ROW(INDEX(Jesper!AK$2:AK$366,ROUNDDOWN($C3997/24,0)+1,1))-1)+IF('Standard Profiles'!$G$21=$B$10,7,0)+IF('Standard Profiles'!$G$21=$B$17,14,0)+IF('Standard Profiles'!$G$21=$B$24,21,0),0)),0)</f>
        <v>0.57115910955780147</v>
      </c>
      <c r="H3997" cm="1">
        <f t="array" ref="H3997">IFERROR(INDEX(Jesper!AL$2:AL$366,ROUNDDOWN($C3997/24,0)+1,1)*INDEX($D$3:$AA$30,INDEX(Jesper!$R$2:$R$366,ROW(INDEX(Jesper!AL$2:AL$366,ROUNDDOWN($C3997/24,0)+1,1))-1)+IF('Standard Profiles'!$G$22=$B$10,7,0)+IF('Standard Profiles'!$G$22=$B$17,14,0)+IF('Standard Profiles'!$G$22=$B$24,21,0),MOD($C3997,24)+1)/SUM(INDEX($D$3:$AA$30,INDEX(Jesper!$R$2:$R$366,ROW(INDEX(Jesper!AL$2:AL$366,ROUNDDOWN($C3997/24,0)+1,1))-1)+IF('Standard Profiles'!$G$22=$B$10,7,0)+IF('Standard Profiles'!$G$22=$B$17,14,0)+IF('Standard Profiles'!$G$22=$B$24,21,0),0)),0)</f>
        <v>0</v>
      </c>
      <c r="I3997">
        <f t="shared" si="447"/>
        <v>0.27415637258774456</v>
      </c>
      <c r="J3997">
        <f t="shared" si="448"/>
        <v>7.4222132992028156</v>
      </c>
      <c r="K3997">
        <f t="shared" si="449"/>
        <v>0.58469947294618263</v>
      </c>
      <c r="L3997">
        <f t="shared" si="450"/>
        <v>0.29234973647309132</v>
      </c>
      <c r="M3997">
        <f t="shared" si="451"/>
        <v>0</v>
      </c>
      <c r="N3997" s="45">
        <f t="shared" si="452"/>
        <v>45092.124999990388</v>
      </c>
    </row>
    <row r="3998" spans="2:14" x14ac:dyDescent="0.25">
      <c r="B3998">
        <f t="shared" si="446"/>
        <v>4</v>
      </c>
      <c r="C3998" s="16">
        <v>3964</v>
      </c>
      <c r="D3998" cm="1">
        <f t="array" ref="D3998">IFERROR(INDEX(Jesper!AH$2:AH$366,ROUNDDOWN($C3998/24,0)+1,1)*INDEX($D$3:$AA$30,INDEX(Jesper!$R$2:$R$366,ROW(INDEX(Jesper!AH$2:AH$366,ROUNDDOWN($C3998/24,0)+1,1))-1)+IF('Standard Profiles'!$G$18=$B$10,7,0)+IF('Standard Profiles'!$G$18=$B$17,14,0)+IF('Standard Profiles'!$G$18=$B$24,21,0),MOD($C3998,24)+1)/SUM(INDEX($D$3:$AA$30,INDEX(Jesper!$R$2:$R$366,ROW(INDEX(Jesper!AH$2:AH$366,ROUNDDOWN($C3998/24,0)+1,1))-1)+IF('Standard Profiles'!$G$18=$B$10,7,0)+IF('Standard Profiles'!$G$18=$B$17,14,0)+IF('Standard Profiles'!$G$18=$B$24,21,0),0)),0)</f>
        <v>5.4815575588704615</v>
      </c>
      <c r="E3998" cm="1">
        <f t="array" ref="E3998">IFERROR(INDEX(Jesper!AI$2:AI$366,ROUNDDOWN($C3998/24,0)+1,1)*INDEX($D$3:$AA$30,INDEX(Jesper!$R$2:$R$366,ROW(INDEX(Jesper!AI$2:AI$366,ROUNDDOWN($C3998/24,0)+1,1))-1)+IF('Standard Profiles'!$G$19=$B$10,7,0)+IF('Standard Profiles'!$G$19=$B$17,14,0)+IF('Standard Profiles'!$G$19=$B$24,21,0),MOD($C3998,24)+1)/SUM(INDEX($D$3:$AA$30,INDEX(Jesper!$R$2:$R$366,ROW(INDEX(Jesper!AI$2:AI$366,ROUNDDOWN($C3998/24,0)+1,1))-1)+IF('Standard Profiles'!$G$19=$B$10,7,0)+IF('Standard Profiles'!$G$19=$B$17,14,0)+IF('Standard Profiles'!$G$19=$B$24,21,0),0)),0)</f>
        <v>2.5207022127815724</v>
      </c>
      <c r="F3998" cm="1">
        <f t="array" ref="F3998">IFERROR(INDEX(Jesper!AJ$2:AJ$366,ROUNDDOWN($C3998/24,0)+1,1)*INDEX($D$3:$AA$30,INDEX(Jesper!$R$2:$R$366,ROW(INDEX(Jesper!AJ$2:AJ$366,ROUNDDOWN($C3998/24,0)+1,1))-1)+IF('Standard Profiles'!$G$20=$B$10,7,0)+IF('Standard Profiles'!$G$20=$B$17,14,0)+IF('Standard Profiles'!$G$20=$B$24,21,0),MOD($C3998,24)+1)/SUM(INDEX($D$3:$AA$30,INDEX(Jesper!$R$2:$R$366,ROW(INDEX(Jesper!AJ$2:AJ$366,ROUNDDOWN($C3998/24,0)+1,1))-1)+IF('Standard Profiles'!$G$20=$B$10,7,0)+IF('Standard Profiles'!$G$20=$B$17,14,0)+IF('Standard Profiles'!$G$20=$B$24,21,0),0)),0)</f>
        <v>0</v>
      </c>
      <c r="G3998" cm="1">
        <f t="array" ref="G3998">IFERROR(INDEX(Jesper!AK$2:AK$366,ROUNDDOWN($C3998/24,0)+1,1)*INDEX($D$3:$AA$30,INDEX(Jesper!$R$2:$R$366,ROW(INDEX(Jesper!AK$2:AK$366,ROUNDDOWN($C3998/24,0)+1,1))-1)+IF('Standard Profiles'!$G$21=$B$10,7,0)+IF('Standard Profiles'!$G$21=$B$17,14,0)+IF('Standard Profiles'!$G$21=$B$24,21,0),MOD($C3998,24)+1)/SUM(INDEX($D$3:$AA$30,INDEX(Jesper!$R$2:$R$366,ROW(INDEX(Jesper!AK$2:AK$366,ROUNDDOWN($C3998/24,0)+1,1))-1)+IF('Standard Profiles'!$G$21=$B$10,7,0)+IF('Standard Profiles'!$G$21=$B$17,14,0)+IF('Standard Profiles'!$G$21=$B$24,21,0),0)),0)</f>
        <v>0.57115910955780147</v>
      </c>
      <c r="H3998" cm="1">
        <f t="array" ref="H3998">IFERROR(INDEX(Jesper!AL$2:AL$366,ROUNDDOWN($C3998/24,0)+1,1)*INDEX($D$3:$AA$30,INDEX(Jesper!$R$2:$R$366,ROW(INDEX(Jesper!AL$2:AL$366,ROUNDDOWN($C3998/24,0)+1,1))-1)+IF('Standard Profiles'!$G$22=$B$10,7,0)+IF('Standard Profiles'!$G$22=$B$17,14,0)+IF('Standard Profiles'!$G$22=$B$24,21,0),MOD($C3998,24)+1)/SUM(INDEX($D$3:$AA$30,INDEX(Jesper!$R$2:$R$366,ROW(INDEX(Jesper!AL$2:AL$366,ROUNDDOWN($C3998/24,0)+1,1))-1)+IF('Standard Profiles'!$G$22=$B$10,7,0)+IF('Standard Profiles'!$G$22=$B$17,14,0)+IF('Standard Profiles'!$G$22=$B$24,21,0),0)),0)</f>
        <v>0</v>
      </c>
      <c r="I3998">
        <f t="shared" si="447"/>
        <v>0.27415637258774456</v>
      </c>
      <c r="J3998">
        <f t="shared" si="448"/>
        <v>7.4222132992028156</v>
      </c>
      <c r="K3998">
        <f t="shared" si="449"/>
        <v>0.58469947294618263</v>
      </c>
      <c r="L3998">
        <f t="shared" si="450"/>
        <v>0.29234973647309132</v>
      </c>
      <c r="M3998">
        <f t="shared" si="451"/>
        <v>0</v>
      </c>
      <c r="N3998" s="45">
        <f t="shared" si="452"/>
        <v>45092.166666657053</v>
      </c>
    </row>
    <row r="3999" spans="2:14" x14ac:dyDescent="0.25">
      <c r="B3999">
        <f t="shared" si="446"/>
        <v>4</v>
      </c>
      <c r="C3999" s="16">
        <v>3965</v>
      </c>
      <c r="D3999" cm="1">
        <f t="array" ref="D3999">IFERROR(INDEX(Jesper!AH$2:AH$366,ROUNDDOWN($C3999/24,0)+1,1)*INDEX($D$3:$AA$30,INDEX(Jesper!$R$2:$R$366,ROW(INDEX(Jesper!AH$2:AH$366,ROUNDDOWN($C3999/24,0)+1,1))-1)+IF('Standard Profiles'!$G$18=$B$10,7,0)+IF('Standard Profiles'!$G$18=$B$17,14,0)+IF('Standard Profiles'!$G$18=$B$24,21,0),MOD($C3999,24)+1)/SUM(INDEX($D$3:$AA$30,INDEX(Jesper!$R$2:$R$366,ROW(INDEX(Jesper!AH$2:AH$366,ROUNDDOWN($C3999/24,0)+1,1))-1)+IF('Standard Profiles'!$G$18=$B$10,7,0)+IF('Standard Profiles'!$G$18=$B$17,14,0)+IF('Standard Profiles'!$G$18=$B$24,21,0),0)),0)</f>
        <v>5.4815575588704615</v>
      </c>
      <c r="E3999" cm="1">
        <f t="array" ref="E3999">IFERROR(INDEX(Jesper!AI$2:AI$366,ROUNDDOWN($C3999/24,0)+1,1)*INDEX($D$3:$AA$30,INDEX(Jesper!$R$2:$R$366,ROW(INDEX(Jesper!AI$2:AI$366,ROUNDDOWN($C3999/24,0)+1,1))-1)+IF('Standard Profiles'!$G$19=$B$10,7,0)+IF('Standard Profiles'!$G$19=$B$17,14,0)+IF('Standard Profiles'!$G$19=$B$24,21,0),MOD($C3999,24)+1)/SUM(INDEX($D$3:$AA$30,INDEX(Jesper!$R$2:$R$366,ROW(INDEX(Jesper!AI$2:AI$366,ROUNDDOWN($C3999/24,0)+1,1))-1)+IF('Standard Profiles'!$G$19=$B$10,7,0)+IF('Standard Profiles'!$G$19=$B$17,14,0)+IF('Standard Profiles'!$G$19=$B$24,21,0),0)),0)</f>
        <v>2.5207022127815724</v>
      </c>
      <c r="F3999" cm="1">
        <f t="array" ref="F3999">IFERROR(INDEX(Jesper!AJ$2:AJ$366,ROUNDDOWN($C3999/24,0)+1,1)*INDEX($D$3:$AA$30,INDEX(Jesper!$R$2:$R$366,ROW(INDEX(Jesper!AJ$2:AJ$366,ROUNDDOWN($C3999/24,0)+1,1))-1)+IF('Standard Profiles'!$G$20=$B$10,7,0)+IF('Standard Profiles'!$G$20=$B$17,14,0)+IF('Standard Profiles'!$G$20=$B$24,21,0),MOD($C3999,24)+1)/SUM(INDEX($D$3:$AA$30,INDEX(Jesper!$R$2:$R$366,ROW(INDEX(Jesper!AJ$2:AJ$366,ROUNDDOWN($C3999/24,0)+1,1))-1)+IF('Standard Profiles'!$G$20=$B$10,7,0)+IF('Standard Profiles'!$G$20=$B$17,14,0)+IF('Standard Profiles'!$G$20=$B$24,21,0),0)),0)</f>
        <v>0</v>
      </c>
      <c r="G3999" cm="1">
        <f t="array" ref="G3999">IFERROR(INDEX(Jesper!AK$2:AK$366,ROUNDDOWN($C3999/24,0)+1,1)*INDEX($D$3:$AA$30,INDEX(Jesper!$R$2:$R$366,ROW(INDEX(Jesper!AK$2:AK$366,ROUNDDOWN($C3999/24,0)+1,1))-1)+IF('Standard Profiles'!$G$21=$B$10,7,0)+IF('Standard Profiles'!$G$21=$B$17,14,0)+IF('Standard Profiles'!$G$21=$B$24,21,0),MOD($C3999,24)+1)/SUM(INDEX($D$3:$AA$30,INDEX(Jesper!$R$2:$R$366,ROW(INDEX(Jesper!AK$2:AK$366,ROUNDDOWN($C3999/24,0)+1,1))-1)+IF('Standard Profiles'!$G$21=$B$10,7,0)+IF('Standard Profiles'!$G$21=$B$17,14,0)+IF('Standard Profiles'!$G$21=$B$24,21,0),0)),0)</f>
        <v>0.57115910955780147</v>
      </c>
      <c r="H3999" cm="1">
        <f t="array" ref="H3999">IFERROR(INDEX(Jesper!AL$2:AL$366,ROUNDDOWN($C3999/24,0)+1,1)*INDEX($D$3:$AA$30,INDEX(Jesper!$R$2:$R$366,ROW(INDEX(Jesper!AL$2:AL$366,ROUNDDOWN($C3999/24,0)+1,1))-1)+IF('Standard Profiles'!$G$22=$B$10,7,0)+IF('Standard Profiles'!$G$22=$B$17,14,0)+IF('Standard Profiles'!$G$22=$B$24,21,0),MOD($C3999,24)+1)/SUM(INDEX($D$3:$AA$30,INDEX(Jesper!$R$2:$R$366,ROW(INDEX(Jesper!AL$2:AL$366,ROUNDDOWN($C3999/24,0)+1,1))-1)+IF('Standard Profiles'!$G$22=$B$10,7,0)+IF('Standard Profiles'!$G$22=$B$17,14,0)+IF('Standard Profiles'!$G$22=$B$24,21,0),0)),0)</f>
        <v>0</v>
      </c>
      <c r="I3999">
        <f t="shared" si="447"/>
        <v>0.27415637258774456</v>
      </c>
      <c r="J3999">
        <f t="shared" si="448"/>
        <v>7.4222132992028156</v>
      </c>
      <c r="K3999">
        <f t="shared" si="449"/>
        <v>0.58469947294618263</v>
      </c>
      <c r="L3999">
        <f t="shared" si="450"/>
        <v>0.29234973647309132</v>
      </c>
      <c r="M3999">
        <f t="shared" si="451"/>
        <v>0</v>
      </c>
      <c r="N3999" s="45">
        <f t="shared" si="452"/>
        <v>45092.208333323717</v>
      </c>
    </row>
    <row r="4000" spans="2:14" x14ac:dyDescent="0.25">
      <c r="B4000">
        <f t="shared" si="446"/>
        <v>4</v>
      </c>
      <c r="C4000" s="16">
        <v>3966</v>
      </c>
      <c r="D4000" cm="1">
        <f t="array" ref="D4000">IFERROR(INDEX(Jesper!AH$2:AH$366,ROUNDDOWN($C4000/24,0)+1,1)*INDEX($D$3:$AA$30,INDEX(Jesper!$R$2:$R$366,ROW(INDEX(Jesper!AH$2:AH$366,ROUNDDOWN($C4000/24,0)+1,1))-1)+IF('Standard Profiles'!$G$18=$B$10,7,0)+IF('Standard Profiles'!$G$18=$B$17,14,0)+IF('Standard Profiles'!$G$18=$B$24,21,0),MOD($C4000,24)+1)/SUM(INDEX($D$3:$AA$30,INDEX(Jesper!$R$2:$R$366,ROW(INDEX(Jesper!AH$2:AH$366,ROUNDDOWN($C4000/24,0)+1,1))-1)+IF('Standard Profiles'!$G$18=$B$10,7,0)+IF('Standard Profiles'!$G$18=$B$17,14,0)+IF('Standard Profiles'!$G$18=$B$24,21,0),0)),0)</f>
        <v>5.4815575588704615</v>
      </c>
      <c r="E4000" cm="1">
        <f t="array" ref="E4000">IFERROR(INDEX(Jesper!AI$2:AI$366,ROUNDDOWN($C4000/24,0)+1,1)*INDEX($D$3:$AA$30,INDEX(Jesper!$R$2:$R$366,ROW(INDEX(Jesper!AI$2:AI$366,ROUNDDOWN($C4000/24,0)+1,1))-1)+IF('Standard Profiles'!$G$19=$B$10,7,0)+IF('Standard Profiles'!$G$19=$B$17,14,0)+IF('Standard Profiles'!$G$19=$B$24,21,0),MOD($C4000,24)+1)/SUM(INDEX($D$3:$AA$30,INDEX(Jesper!$R$2:$R$366,ROW(INDEX(Jesper!AI$2:AI$366,ROUNDDOWN($C4000/24,0)+1,1))-1)+IF('Standard Profiles'!$G$19=$B$10,7,0)+IF('Standard Profiles'!$G$19=$B$17,14,0)+IF('Standard Profiles'!$G$19=$B$24,21,0),0)),0)</f>
        <v>2.5207022127815724</v>
      </c>
      <c r="F4000" cm="1">
        <f t="array" ref="F4000">IFERROR(INDEX(Jesper!AJ$2:AJ$366,ROUNDDOWN($C4000/24,0)+1,1)*INDEX($D$3:$AA$30,INDEX(Jesper!$R$2:$R$366,ROW(INDEX(Jesper!AJ$2:AJ$366,ROUNDDOWN($C4000/24,0)+1,1))-1)+IF('Standard Profiles'!$G$20=$B$10,7,0)+IF('Standard Profiles'!$G$20=$B$17,14,0)+IF('Standard Profiles'!$G$20=$B$24,21,0),MOD($C4000,24)+1)/SUM(INDEX($D$3:$AA$30,INDEX(Jesper!$R$2:$R$366,ROW(INDEX(Jesper!AJ$2:AJ$366,ROUNDDOWN($C4000/24,0)+1,1))-1)+IF('Standard Profiles'!$G$20=$B$10,7,0)+IF('Standard Profiles'!$G$20=$B$17,14,0)+IF('Standard Profiles'!$G$20=$B$24,21,0),0)),0)</f>
        <v>0</v>
      </c>
      <c r="G4000" cm="1">
        <f t="array" ref="G4000">IFERROR(INDEX(Jesper!AK$2:AK$366,ROUNDDOWN($C4000/24,0)+1,1)*INDEX($D$3:$AA$30,INDEX(Jesper!$R$2:$R$366,ROW(INDEX(Jesper!AK$2:AK$366,ROUNDDOWN($C4000/24,0)+1,1))-1)+IF('Standard Profiles'!$G$21=$B$10,7,0)+IF('Standard Profiles'!$G$21=$B$17,14,0)+IF('Standard Profiles'!$G$21=$B$24,21,0),MOD($C4000,24)+1)/SUM(INDEX($D$3:$AA$30,INDEX(Jesper!$R$2:$R$366,ROW(INDEX(Jesper!AK$2:AK$366,ROUNDDOWN($C4000/24,0)+1,1))-1)+IF('Standard Profiles'!$G$21=$B$10,7,0)+IF('Standard Profiles'!$G$21=$B$17,14,0)+IF('Standard Profiles'!$G$21=$B$24,21,0),0)),0)</f>
        <v>0.57115910955780147</v>
      </c>
      <c r="H4000" cm="1">
        <f t="array" ref="H4000">IFERROR(INDEX(Jesper!AL$2:AL$366,ROUNDDOWN($C4000/24,0)+1,1)*INDEX($D$3:$AA$30,INDEX(Jesper!$R$2:$R$366,ROW(INDEX(Jesper!AL$2:AL$366,ROUNDDOWN($C4000/24,0)+1,1))-1)+IF('Standard Profiles'!$G$22=$B$10,7,0)+IF('Standard Profiles'!$G$22=$B$17,14,0)+IF('Standard Profiles'!$G$22=$B$24,21,0),MOD($C4000,24)+1)/SUM(INDEX($D$3:$AA$30,INDEX(Jesper!$R$2:$R$366,ROW(INDEX(Jesper!AL$2:AL$366,ROUNDDOWN($C4000/24,0)+1,1))-1)+IF('Standard Profiles'!$G$22=$B$10,7,0)+IF('Standard Profiles'!$G$22=$B$17,14,0)+IF('Standard Profiles'!$G$22=$B$24,21,0),0)),0)</f>
        <v>0</v>
      </c>
      <c r="I4000">
        <f t="shared" si="447"/>
        <v>0.27415637258774456</v>
      </c>
      <c r="J4000">
        <f t="shared" si="448"/>
        <v>7.4222132992028156</v>
      </c>
      <c r="K4000">
        <f t="shared" si="449"/>
        <v>0.58469947294618263</v>
      </c>
      <c r="L4000">
        <f t="shared" si="450"/>
        <v>0.29234973647309132</v>
      </c>
      <c r="M4000">
        <f t="shared" si="451"/>
        <v>0</v>
      </c>
      <c r="N4000" s="45">
        <f t="shared" si="452"/>
        <v>45092.249999990381</v>
      </c>
    </row>
    <row r="4001" spans="2:14" x14ac:dyDescent="0.25">
      <c r="B4001">
        <f t="shared" si="446"/>
        <v>4</v>
      </c>
      <c r="C4001" s="16">
        <v>3967</v>
      </c>
      <c r="D4001" cm="1">
        <f t="array" ref="D4001">IFERROR(INDEX(Jesper!AH$2:AH$366,ROUNDDOWN($C4001/24,0)+1,1)*INDEX($D$3:$AA$30,INDEX(Jesper!$R$2:$R$366,ROW(INDEX(Jesper!AH$2:AH$366,ROUNDDOWN($C4001/24,0)+1,1))-1)+IF('Standard Profiles'!$G$18=$B$10,7,0)+IF('Standard Profiles'!$G$18=$B$17,14,0)+IF('Standard Profiles'!$G$18=$B$24,21,0),MOD($C4001,24)+1)/SUM(INDEX($D$3:$AA$30,INDEX(Jesper!$R$2:$R$366,ROW(INDEX(Jesper!AH$2:AH$366,ROUNDDOWN($C4001/24,0)+1,1))-1)+IF('Standard Profiles'!$G$18=$B$10,7,0)+IF('Standard Profiles'!$G$18=$B$17,14,0)+IF('Standard Profiles'!$G$18=$B$24,21,0),0)),0)</f>
        <v>22.407942869443186</v>
      </c>
      <c r="E4001" cm="1">
        <f t="array" ref="E4001">IFERROR(INDEX(Jesper!AI$2:AI$366,ROUNDDOWN($C4001/24,0)+1,1)*INDEX($D$3:$AA$30,INDEX(Jesper!$R$2:$R$366,ROW(INDEX(Jesper!AI$2:AI$366,ROUNDDOWN($C4001/24,0)+1,1))-1)+IF('Standard Profiles'!$G$19=$B$10,7,0)+IF('Standard Profiles'!$G$19=$B$17,14,0)+IF('Standard Profiles'!$G$19=$B$24,21,0),MOD($C4001,24)+1)/SUM(INDEX($D$3:$AA$30,INDEX(Jesper!$R$2:$R$366,ROW(INDEX(Jesper!AI$2:AI$366,ROUNDDOWN($C4001/24,0)+1,1))-1)+IF('Standard Profiles'!$G$19=$B$10,7,0)+IF('Standard Profiles'!$G$19=$B$17,14,0)+IF('Standard Profiles'!$G$19=$B$24,21,0),0)),0)</f>
        <v>10.304325106188912</v>
      </c>
      <c r="F4001" cm="1">
        <f t="array" ref="F4001">IFERROR(INDEX(Jesper!AJ$2:AJ$366,ROUNDDOWN($C4001/24,0)+1,1)*INDEX($D$3:$AA$30,INDEX(Jesper!$R$2:$R$366,ROW(INDEX(Jesper!AJ$2:AJ$366,ROUNDDOWN($C4001/24,0)+1,1))-1)+IF('Standard Profiles'!$G$20=$B$10,7,0)+IF('Standard Profiles'!$G$20=$B$17,14,0)+IF('Standard Profiles'!$G$20=$B$24,21,0),MOD($C4001,24)+1)/SUM(INDEX($D$3:$AA$30,INDEX(Jesper!$R$2:$R$366,ROW(INDEX(Jesper!AJ$2:AJ$366,ROUNDDOWN($C4001/24,0)+1,1))-1)+IF('Standard Profiles'!$G$20=$B$10,7,0)+IF('Standard Profiles'!$G$20=$B$17,14,0)+IF('Standard Profiles'!$G$20=$B$24,21,0),0)),0)</f>
        <v>0</v>
      </c>
      <c r="G4001" cm="1">
        <f t="array" ref="G4001">IFERROR(INDEX(Jesper!AK$2:AK$366,ROUNDDOWN($C4001/24,0)+1,1)*INDEX($D$3:$AA$30,INDEX(Jesper!$R$2:$R$366,ROW(INDEX(Jesper!AK$2:AK$366,ROUNDDOWN($C4001/24,0)+1,1))-1)+IF('Standard Profiles'!$G$21=$B$10,7,0)+IF('Standard Profiles'!$G$21=$B$17,14,0)+IF('Standard Profiles'!$G$21=$B$24,21,0),MOD($C4001,24)+1)/SUM(INDEX($D$3:$AA$30,INDEX(Jesper!$R$2:$R$366,ROW(INDEX(Jesper!AK$2:AK$366,ROUNDDOWN($C4001/24,0)+1,1))-1)+IF('Standard Profiles'!$G$21=$B$10,7,0)+IF('Standard Profiles'!$G$21=$B$17,14,0)+IF('Standard Profiles'!$G$21=$B$24,21,0),0)),0)</f>
        <v>1.5735433468317428</v>
      </c>
      <c r="H4001" cm="1">
        <f t="array" ref="H4001">IFERROR(INDEX(Jesper!AL$2:AL$366,ROUNDDOWN($C4001/24,0)+1,1)*INDEX($D$3:$AA$30,INDEX(Jesper!$R$2:$R$366,ROW(INDEX(Jesper!AL$2:AL$366,ROUNDDOWN($C4001/24,0)+1,1))-1)+IF('Standard Profiles'!$G$22=$B$10,7,0)+IF('Standard Profiles'!$G$22=$B$17,14,0)+IF('Standard Profiles'!$G$22=$B$24,21,0),MOD($C4001,24)+1)/SUM(INDEX($D$3:$AA$30,INDEX(Jesper!$R$2:$R$366,ROW(INDEX(Jesper!AL$2:AL$366,ROUNDDOWN($C4001/24,0)+1,1))-1)+IF('Standard Profiles'!$G$22=$B$10,7,0)+IF('Standard Profiles'!$G$22=$B$17,14,0)+IF('Standard Profiles'!$G$22=$B$24,21,0),0)),0)</f>
        <v>0</v>
      </c>
      <c r="I4001">
        <f t="shared" si="447"/>
        <v>0.75530080647923614</v>
      </c>
      <c r="J4001">
        <f t="shared" si="448"/>
        <v>29.945239656873696</v>
      </c>
      <c r="K4001">
        <f t="shared" si="449"/>
        <v>2.3901805727406065</v>
      </c>
      <c r="L4001">
        <f t="shared" si="450"/>
        <v>1.1950902863703032</v>
      </c>
      <c r="M4001">
        <f t="shared" si="451"/>
        <v>0</v>
      </c>
      <c r="N4001" s="45">
        <f t="shared" si="452"/>
        <v>45092.291666657045</v>
      </c>
    </row>
    <row r="4002" spans="2:14" x14ac:dyDescent="0.25">
      <c r="B4002">
        <f t="shared" si="446"/>
        <v>4</v>
      </c>
      <c r="C4002" s="16">
        <v>3968</v>
      </c>
      <c r="D4002" cm="1">
        <f t="array" ref="D4002">IFERROR(INDEX(Jesper!AH$2:AH$366,ROUNDDOWN($C4002/24,0)+1,1)*INDEX($D$3:$AA$30,INDEX(Jesper!$R$2:$R$366,ROW(INDEX(Jesper!AH$2:AH$366,ROUNDDOWN($C4002/24,0)+1,1))-1)+IF('Standard Profiles'!$G$18=$B$10,7,0)+IF('Standard Profiles'!$G$18=$B$17,14,0)+IF('Standard Profiles'!$G$18=$B$24,21,0),MOD($C4002,24)+1)/SUM(INDEX($D$3:$AA$30,INDEX(Jesper!$R$2:$R$366,ROW(INDEX(Jesper!AH$2:AH$366,ROUNDDOWN($C4002/24,0)+1,1))-1)+IF('Standard Profiles'!$G$18=$B$10,7,0)+IF('Standard Profiles'!$G$18=$B$17,14,0)+IF('Standard Profiles'!$G$18=$B$24,21,0),0)),0)</f>
        <v>25.002546780641872</v>
      </c>
      <c r="E4002" cm="1">
        <f t="array" ref="E4002">IFERROR(INDEX(Jesper!AI$2:AI$366,ROUNDDOWN($C4002/24,0)+1,1)*INDEX($D$3:$AA$30,INDEX(Jesper!$R$2:$R$366,ROW(INDEX(Jesper!AI$2:AI$366,ROUNDDOWN($C4002/24,0)+1,1))-1)+IF('Standard Profiles'!$G$19=$B$10,7,0)+IF('Standard Profiles'!$G$19=$B$17,14,0)+IF('Standard Profiles'!$G$19=$B$24,21,0),MOD($C4002,24)+1)/SUM(INDEX($D$3:$AA$30,INDEX(Jesper!$R$2:$R$366,ROW(INDEX(Jesper!AI$2:AI$366,ROUNDDOWN($C4002/24,0)+1,1))-1)+IF('Standard Profiles'!$G$19=$B$10,7,0)+IF('Standard Profiles'!$G$19=$B$17,14,0)+IF('Standard Profiles'!$G$19=$B$24,21,0),0)),0)</f>
        <v>11.497457486905525</v>
      </c>
      <c r="F4002" cm="1">
        <f t="array" ref="F4002">IFERROR(INDEX(Jesper!AJ$2:AJ$366,ROUNDDOWN($C4002/24,0)+1,1)*INDEX($D$3:$AA$30,INDEX(Jesper!$R$2:$R$366,ROW(INDEX(Jesper!AJ$2:AJ$366,ROUNDDOWN($C4002/24,0)+1,1))-1)+IF('Standard Profiles'!$G$20=$B$10,7,0)+IF('Standard Profiles'!$G$20=$B$17,14,0)+IF('Standard Profiles'!$G$20=$B$24,21,0),MOD($C4002,24)+1)/SUM(INDEX($D$3:$AA$30,INDEX(Jesper!$R$2:$R$366,ROW(INDEX(Jesper!AJ$2:AJ$366,ROUNDDOWN($C4002/24,0)+1,1))-1)+IF('Standard Profiles'!$G$20=$B$10,7,0)+IF('Standard Profiles'!$G$20=$B$17,14,0)+IF('Standard Profiles'!$G$20=$B$24,21,0),0)),0)</f>
        <v>0</v>
      </c>
      <c r="G4002" cm="1">
        <f t="array" ref="G4002">IFERROR(INDEX(Jesper!AK$2:AK$366,ROUNDDOWN($C4002/24,0)+1,1)*INDEX($D$3:$AA$30,INDEX(Jesper!$R$2:$R$366,ROW(INDEX(Jesper!AK$2:AK$366,ROUNDDOWN($C4002/24,0)+1,1))-1)+IF('Standard Profiles'!$G$21=$B$10,7,0)+IF('Standard Profiles'!$G$21=$B$17,14,0)+IF('Standard Profiles'!$G$21=$B$24,21,0),MOD($C4002,24)+1)/SUM(INDEX($D$3:$AA$30,INDEX(Jesper!$R$2:$R$366,ROW(INDEX(Jesper!AK$2:AK$366,ROUNDDOWN($C4002/24,0)+1,1))-1)+IF('Standard Profiles'!$G$21=$B$10,7,0)+IF('Standard Profiles'!$G$21=$B$17,14,0)+IF('Standard Profiles'!$G$21=$B$24,21,0),0)),0)</f>
        <v>1.755743102780682</v>
      </c>
      <c r="H4002" cm="1">
        <f t="array" ref="H4002">IFERROR(INDEX(Jesper!AL$2:AL$366,ROUNDDOWN($C4002/24,0)+1,1)*INDEX($D$3:$AA$30,INDEX(Jesper!$R$2:$R$366,ROW(INDEX(Jesper!AL$2:AL$366,ROUNDDOWN($C4002/24,0)+1,1))-1)+IF('Standard Profiles'!$G$22=$B$10,7,0)+IF('Standard Profiles'!$G$22=$B$17,14,0)+IF('Standard Profiles'!$G$22=$B$24,21,0),MOD($C4002,24)+1)/SUM(INDEX($D$3:$AA$30,INDEX(Jesper!$R$2:$R$366,ROW(INDEX(Jesper!AL$2:AL$366,ROUNDDOWN($C4002/24,0)+1,1))-1)+IF('Standard Profiles'!$G$22=$B$10,7,0)+IF('Standard Profiles'!$G$22=$B$17,14,0)+IF('Standard Profiles'!$G$22=$B$24,21,0),0)),0)</f>
        <v>0</v>
      </c>
      <c r="I4002">
        <f t="shared" si="447"/>
        <v>0.84275668933472692</v>
      </c>
      <c r="J4002">
        <f t="shared" si="448"/>
        <v>33.412583196090658</v>
      </c>
      <c r="K4002">
        <f t="shared" si="449"/>
        <v>2.6669383232684667</v>
      </c>
      <c r="L4002">
        <f t="shared" si="450"/>
        <v>1.3334691616342333</v>
      </c>
      <c r="M4002">
        <f t="shared" si="451"/>
        <v>0</v>
      </c>
      <c r="N4002" s="45">
        <f t="shared" si="452"/>
        <v>45092.33333332371</v>
      </c>
    </row>
    <row r="4003" spans="2:14" x14ac:dyDescent="0.25">
      <c r="B4003">
        <f t="shared" ref="B4003:B4066" si="453">WEEKDAY(N4003,2)</f>
        <v>4</v>
      </c>
      <c r="C4003" s="16">
        <v>3969</v>
      </c>
      <c r="D4003" cm="1">
        <f t="array" ref="D4003">IFERROR(INDEX(Jesper!AH$2:AH$366,ROUNDDOWN($C4003/24,0)+1,1)*INDEX($D$3:$AA$30,INDEX(Jesper!$R$2:$R$366,ROW(INDEX(Jesper!AH$2:AH$366,ROUNDDOWN($C4003/24,0)+1,1))-1)+IF('Standard Profiles'!$G$18=$B$10,7,0)+IF('Standard Profiles'!$G$18=$B$17,14,0)+IF('Standard Profiles'!$G$18=$B$24,21,0),MOD($C4003,24)+1)/SUM(INDEX($D$3:$AA$30,INDEX(Jesper!$R$2:$R$366,ROW(INDEX(Jesper!AH$2:AH$366,ROUNDDOWN($C4003/24,0)+1,1))-1)+IF('Standard Profiles'!$G$18=$B$10,7,0)+IF('Standard Profiles'!$G$18=$B$17,14,0)+IF('Standard Profiles'!$G$18=$B$24,21,0),0)),0)</f>
        <v>27.597150691840557</v>
      </c>
      <c r="E4003" cm="1">
        <f t="array" ref="E4003">IFERROR(INDEX(Jesper!AI$2:AI$366,ROUNDDOWN($C4003/24,0)+1,1)*INDEX($D$3:$AA$30,INDEX(Jesper!$R$2:$R$366,ROW(INDEX(Jesper!AI$2:AI$366,ROUNDDOWN($C4003/24,0)+1,1))-1)+IF('Standard Profiles'!$G$19=$B$10,7,0)+IF('Standard Profiles'!$G$19=$B$17,14,0)+IF('Standard Profiles'!$G$19=$B$24,21,0),MOD($C4003,24)+1)/SUM(INDEX($D$3:$AA$30,INDEX(Jesper!$R$2:$R$366,ROW(INDEX(Jesper!AI$2:AI$366,ROUNDDOWN($C4003/24,0)+1,1))-1)+IF('Standard Profiles'!$G$19=$B$10,7,0)+IF('Standard Profiles'!$G$19=$B$17,14,0)+IF('Standard Profiles'!$G$19=$B$24,21,0),0)),0)</f>
        <v>12.690589867622135</v>
      </c>
      <c r="F4003" cm="1">
        <f t="array" ref="F4003">IFERROR(INDEX(Jesper!AJ$2:AJ$366,ROUNDDOWN($C4003/24,0)+1,1)*INDEX($D$3:$AA$30,INDEX(Jesper!$R$2:$R$366,ROW(INDEX(Jesper!AJ$2:AJ$366,ROUNDDOWN($C4003/24,0)+1,1))-1)+IF('Standard Profiles'!$G$20=$B$10,7,0)+IF('Standard Profiles'!$G$20=$B$17,14,0)+IF('Standard Profiles'!$G$20=$B$24,21,0),MOD($C4003,24)+1)/SUM(INDEX($D$3:$AA$30,INDEX(Jesper!$R$2:$R$366,ROW(INDEX(Jesper!AJ$2:AJ$366,ROUNDDOWN($C4003/24,0)+1,1))-1)+IF('Standard Profiles'!$G$20=$B$10,7,0)+IF('Standard Profiles'!$G$20=$B$17,14,0)+IF('Standard Profiles'!$G$20=$B$24,21,0),0)),0)</f>
        <v>0</v>
      </c>
      <c r="G4003" cm="1">
        <f t="array" ref="G4003">IFERROR(INDEX(Jesper!AK$2:AK$366,ROUNDDOWN($C4003/24,0)+1,1)*INDEX($D$3:$AA$30,INDEX(Jesper!$R$2:$R$366,ROW(INDEX(Jesper!AK$2:AK$366,ROUNDDOWN($C4003/24,0)+1,1))-1)+IF('Standard Profiles'!$G$21=$B$10,7,0)+IF('Standard Profiles'!$G$21=$B$17,14,0)+IF('Standard Profiles'!$G$21=$B$24,21,0),MOD($C4003,24)+1)/SUM(INDEX($D$3:$AA$30,INDEX(Jesper!$R$2:$R$366,ROW(INDEX(Jesper!AK$2:AK$366,ROUNDDOWN($C4003/24,0)+1,1))-1)+IF('Standard Profiles'!$G$21=$B$10,7,0)+IF('Standard Profiles'!$G$21=$B$17,14,0)+IF('Standard Profiles'!$G$21=$B$24,21,0),0)),0)</f>
        <v>1.9379428587296206</v>
      </c>
      <c r="H4003" cm="1">
        <f t="array" ref="H4003">IFERROR(INDEX(Jesper!AL$2:AL$366,ROUNDDOWN($C4003/24,0)+1,1)*INDEX($D$3:$AA$30,INDEX(Jesper!$R$2:$R$366,ROW(INDEX(Jesper!AL$2:AL$366,ROUNDDOWN($C4003/24,0)+1,1))-1)+IF('Standard Profiles'!$G$22=$B$10,7,0)+IF('Standard Profiles'!$G$22=$B$17,14,0)+IF('Standard Profiles'!$G$22=$B$24,21,0),MOD($C4003,24)+1)/SUM(INDEX($D$3:$AA$30,INDEX(Jesper!$R$2:$R$366,ROW(INDEX(Jesper!AL$2:AL$366,ROUNDDOWN($C4003/24,0)+1,1))-1)+IF('Standard Profiles'!$G$22=$B$10,7,0)+IF('Standard Profiles'!$G$22=$B$17,14,0)+IF('Standard Profiles'!$G$22=$B$24,21,0),0)),0)</f>
        <v>0</v>
      </c>
      <c r="I4003">
        <f t="shared" ref="I4003:I4066" si="454">IF($B4003&lt;6,AC$37*$D4003+AC$38*$E4003+AC$39*$F4003+AC$40*$G4003,AC$46*$D4003+AC$47*$E4003+AC$48*$F4003+AC$49*$G4003+AC$50*$H4003)</f>
        <v>0.93021257219021736</v>
      </c>
      <c r="J4003">
        <f t="shared" ref="J4003:J4066" si="455">IF($B4003&lt;6,AD$37*$D4003+AD$38*$E4003+AD$39*$F4003+AD$40*$G4003,AD$46*$D4003+AD$47*$E4003+AD$48*$F4003+AD$49*$G4003+AD$50*$H4003)</f>
        <v>36.879926735307606</v>
      </c>
      <c r="K4003">
        <f t="shared" ref="K4003:K4066" si="456">IF($B4003&lt;6,AE$37*$D4003+AE$38*$E4003+AE$39*$F4003+AE$40*$G4003,AE$46*$D4003+AE$47*$E4003+AE$48*$F4003+AE$49*$G4003+AE$50*$H4003)</f>
        <v>2.9436960737963265</v>
      </c>
      <c r="L4003">
        <f t="shared" ref="L4003:L4066" si="457">IF($B4003&lt;6,AF$37*$D4003+AF$38*$E4003+AF$39*$F4003+AF$40*$G4003,AF$46*$D4003+AF$47*$E4003+AF$48*$F4003+AF$49*$G4003+AF$50*$H4003)</f>
        <v>1.4718480368981632</v>
      </c>
      <c r="M4003">
        <f t="shared" ref="M4003:M4066" si="458">IF($B4003&lt;6,AG$37*$D4003+AG$38*$E4003+AG$39*$F4003+AG$40*$G4003,AG$46*$D4003+AG$47*$E4003+AG$48*$F4003+AG$49*$G4003+AG$50*$H4003)</f>
        <v>0</v>
      </c>
      <c r="N4003" s="45">
        <f t="shared" si="452"/>
        <v>45092.374999990374</v>
      </c>
    </row>
    <row r="4004" spans="2:14" x14ac:dyDescent="0.25">
      <c r="B4004">
        <f t="shared" si="453"/>
        <v>4</v>
      </c>
      <c r="C4004" s="16">
        <v>3970</v>
      </c>
      <c r="D4004" cm="1">
        <f t="array" ref="D4004">IFERROR(INDEX(Jesper!AH$2:AH$366,ROUNDDOWN($C4004/24,0)+1,1)*INDEX($D$3:$AA$30,INDEX(Jesper!$R$2:$R$366,ROW(INDEX(Jesper!AH$2:AH$366,ROUNDDOWN($C4004/24,0)+1,1))-1)+IF('Standard Profiles'!$G$18=$B$10,7,0)+IF('Standard Profiles'!$G$18=$B$17,14,0)+IF('Standard Profiles'!$G$18=$B$24,21,0),MOD($C4004,24)+1)/SUM(INDEX($D$3:$AA$30,INDEX(Jesper!$R$2:$R$366,ROW(INDEX(Jesper!AH$2:AH$366,ROUNDDOWN($C4004/24,0)+1,1))-1)+IF('Standard Profiles'!$G$18=$B$10,7,0)+IF('Standard Profiles'!$G$18=$B$17,14,0)+IF('Standard Profiles'!$G$18=$B$24,21,0),0)),0)</f>
        <v>27.597150691840557</v>
      </c>
      <c r="E4004" cm="1">
        <f t="array" ref="E4004">IFERROR(INDEX(Jesper!AI$2:AI$366,ROUNDDOWN($C4004/24,0)+1,1)*INDEX($D$3:$AA$30,INDEX(Jesper!$R$2:$R$366,ROW(INDEX(Jesper!AI$2:AI$366,ROUNDDOWN($C4004/24,0)+1,1))-1)+IF('Standard Profiles'!$G$19=$B$10,7,0)+IF('Standard Profiles'!$G$19=$B$17,14,0)+IF('Standard Profiles'!$G$19=$B$24,21,0),MOD($C4004,24)+1)/SUM(INDEX($D$3:$AA$30,INDEX(Jesper!$R$2:$R$366,ROW(INDEX(Jesper!AI$2:AI$366,ROUNDDOWN($C4004/24,0)+1,1))-1)+IF('Standard Profiles'!$G$19=$B$10,7,0)+IF('Standard Profiles'!$G$19=$B$17,14,0)+IF('Standard Profiles'!$G$19=$B$24,21,0),0)),0)</f>
        <v>12.690589867622135</v>
      </c>
      <c r="F4004" cm="1">
        <f t="array" ref="F4004">IFERROR(INDEX(Jesper!AJ$2:AJ$366,ROUNDDOWN($C4004/24,0)+1,1)*INDEX($D$3:$AA$30,INDEX(Jesper!$R$2:$R$366,ROW(INDEX(Jesper!AJ$2:AJ$366,ROUNDDOWN($C4004/24,0)+1,1))-1)+IF('Standard Profiles'!$G$20=$B$10,7,0)+IF('Standard Profiles'!$G$20=$B$17,14,0)+IF('Standard Profiles'!$G$20=$B$24,21,0),MOD($C4004,24)+1)/SUM(INDEX($D$3:$AA$30,INDEX(Jesper!$R$2:$R$366,ROW(INDEX(Jesper!AJ$2:AJ$366,ROUNDDOWN($C4004/24,0)+1,1))-1)+IF('Standard Profiles'!$G$20=$B$10,7,0)+IF('Standard Profiles'!$G$20=$B$17,14,0)+IF('Standard Profiles'!$G$20=$B$24,21,0),0)),0)</f>
        <v>0</v>
      </c>
      <c r="G4004" cm="1">
        <f t="array" ref="G4004">IFERROR(INDEX(Jesper!AK$2:AK$366,ROUNDDOWN($C4004/24,0)+1,1)*INDEX($D$3:$AA$30,INDEX(Jesper!$R$2:$R$366,ROW(INDEX(Jesper!AK$2:AK$366,ROUNDDOWN($C4004/24,0)+1,1))-1)+IF('Standard Profiles'!$G$21=$B$10,7,0)+IF('Standard Profiles'!$G$21=$B$17,14,0)+IF('Standard Profiles'!$G$21=$B$24,21,0),MOD($C4004,24)+1)/SUM(INDEX($D$3:$AA$30,INDEX(Jesper!$R$2:$R$366,ROW(INDEX(Jesper!AK$2:AK$366,ROUNDDOWN($C4004/24,0)+1,1))-1)+IF('Standard Profiles'!$G$21=$B$10,7,0)+IF('Standard Profiles'!$G$21=$B$17,14,0)+IF('Standard Profiles'!$G$21=$B$24,21,0),0)),0)</f>
        <v>1.9379428587296206</v>
      </c>
      <c r="H4004" cm="1">
        <f t="array" ref="H4004">IFERROR(INDEX(Jesper!AL$2:AL$366,ROUNDDOWN($C4004/24,0)+1,1)*INDEX($D$3:$AA$30,INDEX(Jesper!$R$2:$R$366,ROW(INDEX(Jesper!AL$2:AL$366,ROUNDDOWN($C4004/24,0)+1,1))-1)+IF('Standard Profiles'!$G$22=$B$10,7,0)+IF('Standard Profiles'!$G$22=$B$17,14,0)+IF('Standard Profiles'!$G$22=$B$24,21,0),MOD($C4004,24)+1)/SUM(INDEX($D$3:$AA$30,INDEX(Jesper!$R$2:$R$366,ROW(INDEX(Jesper!AL$2:AL$366,ROUNDDOWN($C4004/24,0)+1,1))-1)+IF('Standard Profiles'!$G$22=$B$10,7,0)+IF('Standard Profiles'!$G$22=$B$17,14,0)+IF('Standard Profiles'!$G$22=$B$24,21,0),0)),0)</f>
        <v>0</v>
      </c>
      <c r="I4004">
        <f t="shared" si="454"/>
        <v>0.93021257219021736</v>
      </c>
      <c r="J4004">
        <f t="shared" si="455"/>
        <v>36.879926735307606</v>
      </c>
      <c r="K4004">
        <f t="shared" si="456"/>
        <v>2.9436960737963265</v>
      </c>
      <c r="L4004">
        <f t="shared" si="457"/>
        <v>1.4718480368981632</v>
      </c>
      <c r="M4004">
        <f t="shared" si="458"/>
        <v>0</v>
      </c>
      <c r="N4004" s="45">
        <f t="shared" ref="N4004:N4067" si="459">N4003+1/24</f>
        <v>45092.416666657038</v>
      </c>
    </row>
    <row r="4005" spans="2:14" x14ac:dyDescent="0.25">
      <c r="B4005">
        <f t="shared" si="453"/>
        <v>4</v>
      </c>
      <c r="C4005" s="16">
        <v>3971</v>
      </c>
      <c r="D4005" cm="1">
        <f t="array" ref="D4005">IFERROR(INDEX(Jesper!AH$2:AH$366,ROUNDDOWN($C4005/24,0)+1,1)*INDEX($D$3:$AA$30,INDEX(Jesper!$R$2:$R$366,ROW(INDEX(Jesper!AH$2:AH$366,ROUNDDOWN($C4005/24,0)+1,1))-1)+IF('Standard Profiles'!$G$18=$B$10,7,0)+IF('Standard Profiles'!$G$18=$B$17,14,0)+IF('Standard Profiles'!$G$18=$B$24,21,0),MOD($C4005,24)+1)/SUM(INDEX($D$3:$AA$30,INDEX(Jesper!$R$2:$R$366,ROW(INDEX(Jesper!AH$2:AH$366,ROUNDDOWN($C4005/24,0)+1,1))-1)+IF('Standard Profiles'!$G$18=$B$10,7,0)+IF('Standard Profiles'!$G$18=$B$17,14,0)+IF('Standard Profiles'!$G$18=$B$24,21,0),0)),0)</f>
        <v>33.022231597074168</v>
      </c>
      <c r="E4005" cm="1">
        <f t="array" ref="E4005">IFERROR(INDEX(Jesper!AI$2:AI$366,ROUNDDOWN($C4005/24,0)+1,1)*INDEX($D$3:$AA$30,INDEX(Jesper!$R$2:$R$366,ROW(INDEX(Jesper!AI$2:AI$366,ROUNDDOWN($C4005/24,0)+1,1))-1)+IF('Standard Profiles'!$G$19=$B$10,7,0)+IF('Standard Profiles'!$G$19=$B$17,14,0)+IF('Standard Profiles'!$G$19=$B$24,21,0),MOD($C4005,24)+1)/SUM(INDEX($D$3:$AA$30,INDEX(Jesper!$R$2:$R$366,ROW(INDEX(Jesper!AI$2:AI$366,ROUNDDOWN($C4005/24,0)+1,1))-1)+IF('Standard Profiles'!$G$19=$B$10,7,0)+IF('Standard Profiles'!$G$19=$B$17,14,0)+IF('Standard Profiles'!$G$19=$B$24,21,0),0)),0)</f>
        <v>15.185321209120502</v>
      </c>
      <c r="F4005" cm="1">
        <f t="array" ref="F4005">IFERROR(INDEX(Jesper!AJ$2:AJ$366,ROUNDDOWN($C4005/24,0)+1,1)*INDEX($D$3:$AA$30,INDEX(Jesper!$R$2:$R$366,ROW(INDEX(Jesper!AJ$2:AJ$366,ROUNDDOWN($C4005/24,0)+1,1))-1)+IF('Standard Profiles'!$G$20=$B$10,7,0)+IF('Standard Profiles'!$G$20=$B$17,14,0)+IF('Standard Profiles'!$G$20=$B$24,21,0),MOD($C4005,24)+1)/SUM(INDEX($D$3:$AA$30,INDEX(Jesper!$R$2:$R$366,ROW(INDEX(Jesper!AJ$2:AJ$366,ROUNDDOWN($C4005/24,0)+1,1))-1)+IF('Standard Profiles'!$G$20=$B$10,7,0)+IF('Standard Profiles'!$G$20=$B$17,14,0)+IF('Standard Profiles'!$G$20=$B$24,21,0),0)),0)</f>
        <v>0</v>
      </c>
      <c r="G4005" cm="1">
        <f t="array" ref="G4005">IFERROR(INDEX(Jesper!AK$2:AK$366,ROUNDDOWN($C4005/24,0)+1,1)*INDEX($D$3:$AA$30,INDEX(Jesper!$R$2:$R$366,ROW(INDEX(Jesper!AK$2:AK$366,ROUNDDOWN($C4005/24,0)+1,1))-1)+IF('Standard Profiles'!$G$21=$B$10,7,0)+IF('Standard Profiles'!$G$21=$B$17,14,0)+IF('Standard Profiles'!$G$21=$B$24,21,0),MOD($C4005,24)+1)/SUM(INDEX($D$3:$AA$30,INDEX(Jesper!$R$2:$R$366,ROW(INDEX(Jesper!AK$2:AK$366,ROUNDDOWN($C4005/24,0)+1,1))-1)+IF('Standard Profiles'!$G$21=$B$10,7,0)+IF('Standard Profiles'!$G$21=$B$17,14,0)+IF('Standard Profiles'!$G$21=$B$24,21,0),0)),0)</f>
        <v>2.3189059848046738</v>
      </c>
      <c r="H4005" cm="1">
        <f t="array" ref="H4005">IFERROR(INDEX(Jesper!AL$2:AL$366,ROUNDDOWN($C4005/24,0)+1,1)*INDEX($D$3:$AA$30,INDEX(Jesper!$R$2:$R$366,ROW(INDEX(Jesper!AL$2:AL$366,ROUNDDOWN($C4005/24,0)+1,1))-1)+IF('Standard Profiles'!$G$22=$B$10,7,0)+IF('Standard Profiles'!$G$22=$B$17,14,0)+IF('Standard Profiles'!$G$22=$B$24,21,0),MOD($C4005,24)+1)/SUM(INDEX($D$3:$AA$30,INDEX(Jesper!$R$2:$R$366,ROW(INDEX(Jesper!AL$2:AL$366,ROUNDDOWN($C4005/24,0)+1,1))-1)+IF('Standard Profiles'!$G$22=$B$10,7,0)+IF('Standard Profiles'!$G$22=$B$17,14,0)+IF('Standard Profiles'!$G$22=$B$24,21,0),0)),0)</f>
        <v>0</v>
      </c>
      <c r="I4005">
        <f t="shared" si="454"/>
        <v>1.1130748727062429</v>
      </c>
      <c r="J4005">
        <f t="shared" si="455"/>
        <v>44.129826862761227</v>
      </c>
      <c r="K4005">
        <f t="shared" si="456"/>
        <v>3.5223713703545783</v>
      </c>
      <c r="L4005">
        <f t="shared" si="457"/>
        <v>1.7611856851772891</v>
      </c>
      <c r="M4005">
        <f t="shared" si="458"/>
        <v>0</v>
      </c>
      <c r="N4005" s="45">
        <f t="shared" si="459"/>
        <v>45092.458333323702</v>
      </c>
    </row>
    <row r="4006" spans="2:14" x14ac:dyDescent="0.25">
      <c r="B4006">
        <f t="shared" si="453"/>
        <v>4</v>
      </c>
      <c r="C4006" s="16">
        <v>3972</v>
      </c>
      <c r="D4006" cm="1">
        <f t="array" ref="D4006">IFERROR(INDEX(Jesper!AH$2:AH$366,ROUNDDOWN($C4006/24,0)+1,1)*INDEX($D$3:$AA$30,INDEX(Jesper!$R$2:$R$366,ROW(INDEX(Jesper!AH$2:AH$366,ROUNDDOWN($C4006/24,0)+1,1))-1)+IF('Standard Profiles'!$G$18=$B$10,7,0)+IF('Standard Profiles'!$G$18=$B$17,14,0)+IF('Standard Profiles'!$G$18=$B$24,21,0),MOD($C4006,24)+1)/SUM(INDEX($D$3:$AA$30,INDEX(Jesper!$R$2:$R$366,ROW(INDEX(Jesper!AH$2:AH$366,ROUNDDOWN($C4006/24,0)+1,1))-1)+IF('Standard Profiles'!$G$18=$B$10,7,0)+IF('Standard Profiles'!$G$18=$B$17,14,0)+IF('Standard Profiles'!$G$18=$B$24,21,0),0)),0)</f>
        <v>33.022231597074168</v>
      </c>
      <c r="E4006" cm="1">
        <f t="array" ref="E4006">IFERROR(INDEX(Jesper!AI$2:AI$366,ROUNDDOWN($C4006/24,0)+1,1)*INDEX($D$3:$AA$30,INDEX(Jesper!$R$2:$R$366,ROW(INDEX(Jesper!AI$2:AI$366,ROUNDDOWN($C4006/24,0)+1,1))-1)+IF('Standard Profiles'!$G$19=$B$10,7,0)+IF('Standard Profiles'!$G$19=$B$17,14,0)+IF('Standard Profiles'!$G$19=$B$24,21,0),MOD($C4006,24)+1)/SUM(INDEX($D$3:$AA$30,INDEX(Jesper!$R$2:$R$366,ROW(INDEX(Jesper!AI$2:AI$366,ROUNDDOWN($C4006/24,0)+1,1))-1)+IF('Standard Profiles'!$G$19=$B$10,7,0)+IF('Standard Profiles'!$G$19=$B$17,14,0)+IF('Standard Profiles'!$G$19=$B$24,21,0),0)),0)</f>
        <v>15.185321209120502</v>
      </c>
      <c r="F4006" cm="1">
        <f t="array" ref="F4006">IFERROR(INDEX(Jesper!AJ$2:AJ$366,ROUNDDOWN($C4006/24,0)+1,1)*INDEX($D$3:$AA$30,INDEX(Jesper!$R$2:$R$366,ROW(INDEX(Jesper!AJ$2:AJ$366,ROUNDDOWN($C4006/24,0)+1,1))-1)+IF('Standard Profiles'!$G$20=$B$10,7,0)+IF('Standard Profiles'!$G$20=$B$17,14,0)+IF('Standard Profiles'!$G$20=$B$24,21,0),MOD($C4006,24)+1)/SUM(INDEX($D$3:$AA$30,INDEX(Jesper!$R$2:$R$366,ROW(INDEX(Jesper!AJ$2:AJ$366,ROUNDDOWN($C4006/24,0)+1,1))-1)+IF('Standard Profiles'!$G$20=$B$10,7,0)+IF('Standard Profiles'!$G$20=$B$17,14,0)+IF('Standard Profiles'!$G$20=$B$24,21,0),0)),0)</f>
        <v>0</v>
      </c>
      <c r="G4006" cm="1">
        <f t="array" ref="G4006">IFERROR(INDEX(Jesper!AK$2:AK$366,ROUNDDOWN($C4006/24,0)+1,1)*INDEX($D$3:$AA$30,INDEX(Jesper!$R$2:$R$366,ROW(INDEX(Jesper!AK$2:AK$366,ROUNDDOWN($C4006/24,0)+1,1))-1)+IF('Standard Profiles'!$G$21=$B$10,7,0)+IF('Standard Profiles'!$G$21=$B$17,14,0)+IF('Standard Profiles'!$G$21=$B$24,21,0),MOD($C4006,24)+1)/SUM(INDEX($D$3:$AA$30,INDEX(Jesper!$R$2:$R$366,ROW(INDEX(Jesper!AK$2:AK$366,ROUNDDOWN($C4006/24,0)+1,1))-1)+IF('Standard Profiles'!$G$21=$B$10,7,0)+IF('Standard Profiles'!$G$21=$B$17,14,0)+IF('Standard Profiles'!$G$21=$B$24,21,0),0)),0)</f>
        <v>2.3189059848046738</v>
      </c>
      <c r="H4006" cm="1">
        <f t="array" ref="H4006">IFERROR(INDEX(Jesper!AL$2:AL$366,ROUNDDOWN($C4006/24,0)+1,1)*INDEX($D$3:$AA$30,INDEX(Jesper!$R$2:$R$366,ROW(INDEX(Jesper!AL$2:AL$366,ROUNDDOWN($C4006/24,0)+1,1))-1)+IF('Standard Profiles'!$G$22=$B$10,7,0)+IF('Standard Profiles'!$G$22=$B$17,14,0)+IF('Standard Profiles'!$G$22=$B$24,21,0),MOD($C4006,24)+1)/SUM(INDEX($D$3:$AA$30,INDEX(Jesper!$R$2:$R$366,ROW(INDEX(Jesper!AL$2:AL$366,ROUNDDOWN($C4006/24,0)+1,1))-1)+IF('Standard Profiles'!$G$22=$B$10,7,0)+IF('Standard Profiles'!$G$22=$B$17,14,0)+IF('Standard Profiles'!$G$22=$B$24,21,0),0)),0)</f>
        <v>0</v>
      </c>
      <c r="I4006">
        <f t="shared" si="454"/>
        <v>1.1130748727062429</v>
      </c>
      <c r="J4006">
        <f t="shared" si="455"/>
        <v>44.129826862761227</v>
      </c>
      <c r="K4006">
        <f t="shared" si="456"/>
        <v>3.5223713703545783</v>
      </c>
      <c r="L4006">
        <f t="shared" si="457"/>
        <v>1.7611856851772891</v>
      </c>
      <c r="M4006">
        <f t="shared" si="458"/>
        <v>0</v>
      </c>
      <c r="N4006" s="45">
        <f t="shared" si="459"/>
        <v>45092.499999990367</v>
      </c>
    </row>
    <row r="4007" spans="2:14" x14ac:dyDescent="0.25">
      <c r="B4007">
        <f t="shared" si="453"/>
        <v>4</v>
      </c>
      <c r="C4007" s="16">
        <v>3973</v>
      </c>
      <c r="D4007" cm="1">
        <f t="array" ref="D4007">IFERROR(INDEX(Jesper!AH$2:AH$366,ROUNDDOWN($C4007/24,0)+1,1)*INDEX($D$3:$AA$30,INDEX(Jesper!$R$2:$R$366,ROW(INDEX(Jesper!AH$2:AH$366,ROUNDDOWN($C4007/24,0)+1,1))-1)+IF('Standard Profiles'!$G$18=$B$10,7,0)+IF('Standard Profiles'!$G$18=$B$17,14,0)+IF('Standard Profiles'!$G$18=$B$24,21,0),MOD($C4007,24)+1)/SUM(INDEX($D$3:$AA$30,INDEX(Jesper!$R$2:$R$366,ROW(INDEX(Jesper!AH$2:AH$366,ROUNDDOWN($C4007/24,0)+1,1))-1)+IF('Standard Profiles'!$G$18=$B$10,7,0)+IF('Standard Profiles'!$G$18=$B$17,14,0)+IF('Standard Profiles'!$G$18=$B$24,21,0),0)),0)</f>
        <v>21.936196703770698</v>
      </c>
      <c r="E4007" cm="1">
        <f t="array" ref="E4007">IFERROR(INDEX(Jesper!AI$2:AI$366,ROUNDDOWN($C4007/24,0)+1,1)*INDEX($D$3:$AA$30,INDEX(Jesper!$R$2:$R$366,ROW(INDEX(Jesper!AI$2:AI$366,ROUNDDOWN($C4007/24,0)+1,1))-1)+IF('Standard Profiles'!$G$19=$B$10,7,0)+IF('Standard Profiles'!$G$19=$B$17,14,0)+IF('Standard Profiles'!$G$19=$B$24,21,0),MOD($C4007,24)+1)/SUM(INDEX($D$3:$AA$30,INDEX(Jesper!$R$2:$R$366,ROW(INDEX(Jesper!AI$2:AI$366,ROUNDDOWN($C4007/24,0)+1,1))-1)+IF('Standard Profiles'!$G$19=$B$10,7,0)+IF('Standard Profiles'!$G$19=$B$17,14,0)+IF('Standard Profiles'!$G$19=$B$24,21,0),0)),0)</f>
        <v>10.08739194605862</v>
      </c>
      <c r="F4007" cm="1">
        <f t="array" ref="F4007">IFERROR(INDEX(Jesper!AJ$2:AJ$366,ROUNDDOWN($C4007/24,0)+1,1)*INDEX($D$3:$AA$30,INDEX(Jesper!$R$2:$R$366,ROW(INDEX(Jesper!AJ$2:AJ$366,ROUNDDOWN($C4007/24,0)+1,1))-1)+IF('Standard Profiles'!$G$20=$B$10,7,0)+IF('Standard Profiles'!$G$20=$B$17,14,0)+IF('Standard Profiles'!$G$20=$B$24,21,0),MOD($C4007,24)+1)/SUM(INDEX($D$3:$AA$30,INDEX(Jesper!$R$2:$R$366,ROW(INDEX(Jesper!AJ$2:AJ$366,ROUNDDOWN($C4007/24,0)+1,1))-1)+IF('Standard Profiles'!$G$20=$B$10,7,0)+IF('Standard Profiles'!$G$20=$B$17,14,0)+IF('Standard Profiles'!$G$20=$B$24,21,0),0)),0)</f>
        <v>0</v>
      </c>
      <c r="G4007" cm="1">
        <f t="array" ref="G4007">IFERROR(INDEX(Jesper!AK$2:AK$366,ROUNDDOWN($C4007/24,0)+1,1)*INDEX($D$3:$AA$30,INDEX(Jesper!$R$2:$R$366,ROW(INDEX(Jesper!AK$2:AK$366,ROUNDDOWN($C4007/24,0)+1,1))-1)+IF('Standard Profiles'!$G$21=$B$10,7,0)+IF('Standard Profiles'!$G$21=$B$17,14,0)+IF('Standard Profiles'!$G$21=$B$24,21,0),MOD($C4007,24)+1)/SUM(INDEX($D$3:$AA$30,INDEX(Jesper!$R$2:$R$366,ROW(INDEX(Jesper!AK$2:AK$366,ROUNDDOWN($C4007/24,0)+1,1))-1)+IF('Standard Profiles'!$G$21=$B$10,7,0)+IF('Standard Profiles'!$G$21=$B$17,14,0)+IF('Standard Profiles'!$G$21=$B$24,21,0),0)),0)</f>
        <v>1.5404161184773904</v>
      </c>
      <c r="H4007" cm="1">
        <f t="array" ref="H4007">IFERROR(INDEX(Jesper!AL$2:AL$366,ROUNDDOWN($C4007/24,0)+1,1)*INDEX($D$3:$AA$30,INDEX(Jesper!$R$2:$R$366,ROW(INDEX(Jesper!AL$2:AL$366,ROUNDDOWN($C4007/24,0)+1,1))-1)+IF('Standard Profiles'!$G$22=$B$10,7,0)+IF('Standard Profiles'!$G$22=$B$17,14,0)+IF('Standard Profiles'!$G$22=$B$24,21,0),MOD($C4007,24)+1)/SUM(INDEX($D$3:$AA$30,INDEX(Jesper!$R$2:$R$366,ROW(INDEX(Jesper!AL$2:AL$366,ROUNDDOWN($C4007/24,0)+1,1))-1)+IF('Standard Profiles'!$G$22=$B$10,7,0)+IF('Standard Profiles'!$G$22=$B$17,14,0)+IF('Standard Profiles'!$G$22=$B$24,21,0),0)),0)</f>
        <v>0</v>
      </c>
      <c r="I4007">
        <f t="shared" si="454"/>
        <v>0.73939973686914695</v>
      </c>
      <c r="J4007">
        <f t="shared" si="455"/>
        <v>29.314813558834249</v>
      </c>
      <c r="K4007">
        <f t="shared" si="456"/>
        <v>2.3398609817355411</v>
      </c>
      <c r="L4007">
        <f t="shared" si="457"/>
        <v>1.1699304908677706</v>
      </c>
      <c r="M4007">
        <f t="shared" si="458"/>
        <v>0</v>
      </c>
      <c r="N4007" s="45">
        <f t="shared" si="459"/>
        <v>45092.541666657031</v>
      </c>
    </row>
    <row r="4008" spans="2:14" x14ac:dyDescent="0.25">
      <c r="B4008">
        <f t="shared" si="453"/>
        <v>4</v>
      </c>
      <c r="C4008" s="16">
        <v>3974</v>
      </c>
      <c r="D4008" cm="1">
        <f t="array" ref="D4008">IFERROR(INDEX(Jesper!AH$2:AH$366,ROUNDDOWN($C4008/24,0)+1,1)*INDEX($D$3:$AA$30,INDEX(Jesper!$R$2:$R$366,ROW(INDEX(Jesper!AH$2:AH$366,ROUNDDOWN($C4008/24,0)+1,1))-1)+IF('Standard Profiles'!$G$18=$B$10,7,0)+IF('Standard Profiles'!$G$18=$B$17,14,0)+IF('Standard Profiles'!$G$18=$B$24,21,0),MOD($C4008,24)+1)/SUM(INDEX($D$3:$AA$30,INDEX(Jesper!$R$2:$R$366,ROW(INDEX(Jesper!AH$2:AH$366,ROUNDDOWN($C4008/24,0)+1,1))-1)+IF('Standard Profiles'!$G$18=$B$10,7,0)+IF('Standard Profiles'!$G$18=$B$17,14,0)+IF('Standard Profiles'!$G$18=$B$24,21,0),0)),0)</f>
        <v>33.022231597074168</v>
      </c>
      <c r="E4008" cm="1">
        <f t="array" ref="E4008">IFERROR(INDEX(Jesper!AI$2:AI$366,ROUNDDOWN($C4008/24,0)+1,1)*INDEX($D$3:$AA$30,INDEX(Jesper!$R$2:$R$366,ROW(INDEX(Jesper!AI$2:AI$366,ROUNDDOWN($C4008/24,0)+1,1))-1)+IF('Standard Profiles'!$G$19=$B$10,7,0)+IF('Standard Profiles'!$G$19=$B$17,14,0)+IF('Standard Profiles'!$G$19=$B$24,21,0),MOD($C4008,24)+1)/SUM(INDEX($D$3:$AA$30,INDEX(Jesper!$R$2:$R$366,ROW(INDEX(Jesper!AI$2:AI$366,ROUNDDOWN($C4008/24,0)+1,1))-1)+IF('Standard Profiles'!$G$19=$B$10,7,0)+IF('Standard Profiles'!$G$19=$B$17,14,0)+IF('Standard Profiles'!$G$19=$B$24,21,0),0)),0)</f>
        <v>15.185321209120502</v>
      </c>
      <c r="F4008" cm="1">
        <f t="array" ref="F4008">IFERROR(INDEX(Jesper!AJ$2:AJ$366,ROUNDDOWN($C4008/24,0)+1,1)*INDEX($D$3:$AA$30,INDEX(Jesper!$R$2:$R$366,ROW(INDEX(Jesper!AJ$2:AJ$366,ROUNDDOWN($C4008/24,0)+1,1))-1)+IF('Standard Profiles'!$G$20=$B$10,7,0)+IF('Standard Profiles'!$G$20=$B$17,14,0)+IF('Standard Profiles'!$G$20=$B$24,21,0),MOD($C4008,24)+1)/SUM(INDEX($D$3:$AA$30,INDEX(Jesper!$R$2:$R$366,ROW(INDEX(Jesper!AJ$2:AJ$366,ROUNDDOWN($C4008/24,0)+1,1))-1)+IF('Standard Profiles'!$G$20=$B$10,7,0)+IF('Standard Profiles'!$G$20=$B$17,14,0)+IF('Standard Profiles'!$G$20=$B$24,21,0),0)),0)</f>
        <v>0</v>
      </c>
      <c r="G4008" cm="1">
        <f t="array" ref="G4008">IFERROR(INDEX(Jesper!AK$2:AK$366,ROUNDDOWN($C4008/24,0)+1,1)*INDEX($D$3:$AA$30,INDEX(Jesper!$R$2:$R$366,ROW(INDEX(Jesper!AK$2:AK$366,ROUNDDOWN($C4008/24,0)+1,1))-1)+IF('Standard Profiles'!$G$21=$B$10,7,0)+IF('Standard Profiles'!$G$21=$B$17,14,0)+IF('Standard Profiles'!$G$21=$B$24,21,0),MOD($C4008,24)+1)/SUM(INDEX($D$3:$AA$30,INDEX(Jesper!$R$2:$R$366,ROW(INDEX(Jesper!AK$2:AK$366,ROUNDDOWN($C4008/24,0)+1,1))-1)+IF('Standard Profiles'!$G$21=$B$10,7,0)+IF('Standard Profiles'!$G$21=$B$17,14,0)+IF('Standard Profiles'!$G$21=$B$24,21,0),0)),0)</f>
        <v>2.3189059848046738</v>
      </c>
      <c r="H4008" cm="1">
        <f t="array" ref="H4008">IFERROR(INDEX(Jesper!AL$2:AL$366,ROUNDDOWN($C4008/24,0)+1,1)*INDEX($D$3:$AA$30,INDEX(Jesper!$R$2:$R$366,ROW(INDEX(Jesper!AL$2:AL$366,ROUNDDOWN($C4008/24,0)+1,1))-1)+IF('Standard Profiles'!$G$22=$B$10,7,0)+IF('Standard Profiles'!$G$22=$B$17,14,0)+IF('Standard Profiles'!$G$22=$B$24,21,0),MOD($C4008,24)+1)/SUM(INDEX($D$3:$AA$30,INDEX(Jesper!$R$2:$R$366,ROW(INDEX(Jesper!AL$2:AL$366,ROUNDDOWN($C4008/24,0)+1,1))-1)+IF('Standard Profiles'!$G$22=$B$10,7,0)+IF('Standard Profiles'!$G$22=$B$17,14,0)+IF('Standard Profiles'!$G$22=$B$24,21,0),0)),0)</f>
        <v>0</v>
      </c>
      <c r="I4008">
        <f t="shared" si="454"/>
        <v>1.1130748727062429</v>
      </c>
      <c r="J4008">
        <f t="shared" si="455"/>
        <v>44.129826862761227</v>
      </c>
      <c r="K4008">
        <f t="shared" si="456"/>
        <v>3.5223713703545783</v>
      </c>
      <c r="L4008">
        <f t="shared" si="457"/>
        <v>1.7611856851772891</v>
      </c>
      <c r="M4008">
        <f t="shared" si="458"/>
        <v>0</v>
      </c>
      <c r="N4008" s="45">
        <f t="shared" si="459"/>
        <v>45092.583333323695</v>
      </c>
    </row>
    <row r="4009" spans="2:14" x14ac:dyDescent="0.25">
      <c r="B4009">
        <f t="shared" si="453"/>
        <v>4</v>
      </c>
      <c r="C4009" s="16">
        <v>3975</v>
      </c>
      <c r="D4009" cm="1">
        <f t="array" ref="D4009">IFERROR(INDEX(Jesper!AH$2:AH$366,ROUNDDOWN($C4009/24,0)+1,1)*INDEX($D$3:$AA$30,INDEX(Jesper!$R$2:$R$366,ROW(INDEX(Jesper!AH$2:AH$366,ROUNDDOWN($C4009/24,0)+1,1))-1)+IF('Standard Profiles'!$G$18=$B$10,7,0)+IF('Standard Profiles'!$G$18=$B$17,14,0)+IF('Standard Profiles'!$G$18=$B$24,21,0),MOD($C4009,24)+1)/SUM(INDEX($D$3:$AA$30,INDEX(Jesper!$R$2:$R$366,ROW(INDEX(Jesper!AH$2:AH$366,ROUNDDOWN($C4009/24,0)+1,1))-1)+IF('Standard Profiles'!$G$18=$B$10,7,0)+IF('Standard Profiles'!$G$18=$B$17,14,0)+IF('Standard Profiles'!$G$18=$B$24,21,0),0)),0)</f>
        <v>33.022231597074168</v>
      </c>
      <c r="E4009" cm="1">
        <f t="array" ref="E4009">IFERROR(INDEX(Jesper!AI$2:AI$366,ROUNDDOWN($C4009/24,0)+1,1)*INDEX($D$3:$AA$30,INDEX(Jesper!$R$2:$R$366,ROW(INDEX(Jesper!AI$2:AI$366,ROUNDDOWN($C4009/24,0)+1,1))-1)+IF('Standard Profiles'!$G$19=$B$10,7,0)+IF('Standard Profiles'!$G$19=$B$17,14,0)+IF('Standard Profiles'!$G$19=$B$24,21,0),MOD($C4009,24)+1)/SUM(INDEX($D$3:$AA$30,INDEX(Jesper!$R$2:$R$366,ROW(INDEX(Jesper!AI$2:AI$366,ROUNDDOWN($C4009/24,0)+1,1))-1)+IF('Standard Profiles'!$G$19=$B$10,7,0)+IF('Standard Profiles'!$G$19=$B$17,14,0)+IF('Standard Profiles'!$G$19=$B$24,21,0),0)),0)</f>
        <v>15.185321209120502</v>
      </c>
      <c r="F4009" cm="1">
        <f t="array" ref="F4009">IFERROR(INDEX(Jesper!AJ$2:AJ$366,ROUNDDOWN($C4009/24,0)+1,1)*INDEX($D$3:$AA$30,INDEX(Jesper!$R$2:$R$366,ROW(INDEX(Jesper!AJ$2:AJ$366,ROUNDDOWN($C4009/24,0)+1,1))-1)+IF('Standard Profiles'!$G$20=$B$10,7,0)+IF('Standard Profiles'!$G$20=$B$17,14,0)+IF('Standard Profiles'!$G$20=$B$24,21,0),MOD($C4009,24)+1)/SUM(INDEX($D$3:$AA$30,INDEX(Jesper!$R$2:$R$366,ROW(INDEX(Jesper!AJ$2:AJ$366,ROUNDDOWN($C4009/24,0)+1,1))-1)+IF('Standard Profiles'!$G$20=$B$10,7,0)+IF('Standard Profiles'!$G$20=$B$17,14,0)+IF('Standard Profiles'!$G$20=$B$24,21,0),0)),0)</f>
        <v>0</v>
      </c>
      <c r="G4009" cm="1">
        <f t="array" ref="G4009">IFERROR(INDEX(Jesper!AK$2:AK$366,ROUNDDOWN($C4009/24,0)+1,1)*INDEX($D$3:$AA$30,INDEX(Jesper!$R$2:$R$366,ROW(INDEX(Jesper!AK$2:AK$366,ROUNDDOWN($C4009/24,0)+1,1))-1)+IF('Standard Profiles'!$G$21=$B$10,7,0)+IF('Standard Profiles'!$G$21=$B$17,14,0)+IF('Standard Profiles'!$G$21=$B$24,21,0),MOD($C4009,24)+1)/SUM(INDEX($D$3:$AA$30,INDEX(Jesper!$R$2:$R$366,ROW(INDEX(Jesper!AK$2:AK$366,ROUNDDOWN($C4009/24,0)+1,1))-1)+IF('Standard Profiles'!$G$21=$B$10,7,0)+IF('Standard Profiles'!$G$21=$B$17,14,0)+IF('Standard Profiles'!$G$21=$B$24,21,0),0)),0)</f>
        <v>2.3189059848046738</v>
      </c>
      <c r="H4009" cm="1">
        <f t="array" ref="H4009">IFERROR(INDEX(Jesper!AL$2:AL$366,ROUNDDOWN($C4009/24,0)+1,1)*INDEX($D$3:$AA$30,INDEX(Jesper!$R$2:$R$366,ROW(INDEX(Jesper!AL$2:AL$366,ROUNDDOWN($C4009/24,0)+1,1))-1)+IF('Standard Profiles'!$G$22=$B$10,7,0)+IF('Standard Profiles'!$G$22=$B$17,14,0)+IF('Standard Profiles'!$G$22=$B$24,21,0),MOD($C4009,24)+1)/SUM(INDEX($D$3:$AA$30,INDEX(Jesper!$R$2:$R$366,ROW(INDEX(Jesper!AL$2:AL$366,ROUNDDOWN($C4009/24,0)+1,1))-1)+IF('Standard Profiles'!$G$22=$B$10,7,0)+IF('Standard Profiles'!$G$22=$B$17,14,0)+IF('Standard Profiles'!$G$22=$B$24,21,0),0)),0)</f>
        <v>0</v>
      </c>
      <c r="I4009">
        <f t="shared" si="454"/>
        <v>1.1130748727062429</v>
      </c>
      <c r="J4009">
        <f t="shared" si="455"/>
        <v>44.129826862761227</v>
      </c>
      <c r="K4009">
        <f t="shared" si="456"/>
        <v>3.5223713703545783</v>
      </c>
      <c r="L4009">
        <f t="shared" si="457"/>
        <v>1.7611856851772891</v>
      </c>
      <c r="M4009">
        <f t="shared" si="458"/>
        <v>0</v>
      </c>
      <c r="N4009" s="45">
        <f t="shared" si="459"/>
        <v>45092.624999990359</v>
      </c>
    </row>
    <row r="4010" spans="2:14" x14ac:dyDescent="0.25">
      <c r="B4010">
        <f t="shared" si="453"/>
        <v>4</v>
      </c>
      <c r="C4010" s="16">
        <v>3976</v>
      </c>
      <c r="D4010" cm="1">
        <f t="array" ref="D4010">IFERROR(INDEX(Jesper!AH$2:AH$366,ROUNDDOWN($C4010/24,0)+1,1)*INDEX($D$3:$AA$30,INDEX(Jesper!$R$2:$R$366,ROW(INDEX(Jesper!AH$2:AH$366,ROUNDDOWN($C4010/24,0)+1,1))-1)+IF('Standard Profiles'!$G$18=$B$10,7,0)+IF('Standard Profiles'!$G$18=$B$17,14,0)+IF('Standard Profiles'!$G$18=$B$24,21,0),MOD($C4010,24)+1)/SUM(INDEX($D$3:$AA$30,INDEX(Jesper!$R$2:$R$366,ROW(INDEX(Jesper!AH$2:AH$366,ROUNDDOWN($C4010/24,0)+1,1))-1)+IF('Standard Profiles'!$G$18=$B$10,7,0)+IF('Standard Profiles'!$G$18=$B$17,14,0)+IF('Standard Profiles'!$G$18=$B$24,21,0),0)),0)</f>
        <v>19.459529333990137</v>
      </c>
      <c r="E4010" cm="1">
        <f t="array" ref="E4010">IFERROR(INDEX(Jesper!AI$2:AI$366,ROUNDDOWN($C4010/24,0)+1,1)*INDEX($D$3:$AA$30,INDEX(Jesper!$R$2:$R$366,ROW(INDEX(Jesper!AI$2:AI$366,ROUNDDOWN($C4010/24,0)+1,1))-1)+IF('Standard Profiles'!$G$19=$B$10,7,0)+IF('Standard Profiles'!$G$19=$B$17,14,0)+IF('Standard Profiles'!$G$19=$B$24,21,0),MOD($C4010,24)+1)/SUM(INDEX($D$3:$AA$30,INDEX(Jesper!$R$2:$R$366,ROW(INDEX(Jesper!AI$2:AI$366,ROUNDDOWN($C4010/24,0)+1,1))-1)+IF('Standard Profiles'!$G$19=$B$10,7,0)+IF('Standard Profiles'!$G$19=$B$17,14,0)+IF('Standard Profiles'!$G$19=$B$24,21,0),0)),0)</f>
        <v>8.9484928553745817</v>
      </c>
      <c r="F4010" cm="1">
        <f t="array" ref="F4010">IFERROR(INDEX(Jesper!AJ$2:AJ$366,ROUNDDOWN($C4010/24,0)+1,1)*INDEX($D$3:$AA$30,INDEX(Jesper!$R$2:$R$366,ROW(INDEX(Jesper!AJ$2:AJ$366,ROUNDDOWN($C4010/24,0)+1,1))-1)+IF('Standard Profiles'!$G$20=$B$10,7,0)+IF('Standard Profiles'!$G$20=$B$17,14,0)+IF('Standard Profiles'!$G$20=$B$24,21,0),MOD($C4010,24)+1)/SUM(INDEX($D$3:$AA$30,INDEX(Jesper!$R$2:$R$366,ROW(INDEX(Jesper!AJ$2:AJ$366,ROUNDDOWN($C4010/24,0)+1,1))-1)+IF('Standard Profiles'!$G$20=$B$10,7,0)+IF('Standard Profiles'!$G$20=$B$17,14,0)+IF('Standard Profiles'!$G$20=$B$24,21,0),0)),0)</f>
        <v>0</v>
      </c>
      <c r="G4010" cm="1">
        <f t="array" ref="G4010">IFERROR(INDEX(Jesper!AK$2:AK$366,ROUNDDOWN($C4010/24,0)+1,1)*INDEX($D$3:$AA$30,INDEX(Jesper!$R$2:$R$366,ROW(INDEX(Jesper!AK$2:AK$366,ROUNDDOWN($C4010/24,0)+1,1))-1)+IF('Standard Profiles'!$G$21=$B$10,7,0)+IF('Standard Profiles'!$G$21=$B$17,14,0)+IF('Standard Profiles'!$G$21=$B$24,21,0),MOD($C4010,24)+1)/SUM(INDEX($D$3:$AA$30,INDEX(Jesper!$R$2:$R$366,ROW(INDEX(Jesper!AK$2:AK$366,ROUNDDOWN($C4010/24,0)+1,1))-1)+IF('Standard Profiles'!$G$21=$B$10,7,0)+IF('Standard Profiles'!$G$21=$B$17,14,0)+IF('Standard Profiles'!$G$21=$B$24,21,0),0)),0)</f>
        <v>1.9376572791748417</v>
      </c>
      <c r="H4010" cm="1">
        <f t="array" ref="H4010">IFERROR(INDEX(Jesper!AL$2:AL$366,ROUNDDOWN($C4010/24,0)+1,1)*INDEX($D$3:$AA$30,INDEX(Jesper!$R$2:$R$366,ROW(INDEX(Jesper!AL$2:AL$366,ROUNDDOWN($C4010/24,0)+1,1))-1)+IF('Standard Profiles'!$G$22=$B$10,7,0)+IF('Standard Profiles'!$G$22=$B$17,14,0)+IF('Standard Profiles'!$G$22=$B$24,21,0),MOD($C4010,24)+1)/SUM(INDEX($D$3:$AA$30,INDEX(Jesper!$R$2:$R$366,ROW(INDEX(Jesper!AL$2:AL$366,ROUNDDOWN($C4010/24,0)+1,1))-1)+IF('Standard Profiles'!$G$22=$B$10,7,0)+IF('Standard Profiles'!$G$22=$B$17,14,0)+IF('Standard Profiles'!$G$22=$B$24,21,0),0)),0)</f>
        <v>0</v>
      </c>
      <c r="I4010">
        <f t="shared" si="454"/>
        <v>0.93007549400392353</v>
      </c>
      <c r="J4010">
        <f t="shared" si="455"/>
        <v>26.302079281097214</v>
      </c>
      <c r="K4010">
        <f t="shared" si="456"/>
        <v>2.0756831289589481</v>
      </c>
      <c r="L4010">
        <f t="shared" si="457"/>
        <v>1.0378415644794741</v>
      </c>
      <c r="M4010">
        <f t="shared" si="458"/>
        <v>0</v>
      </c>
      <c r="N4010" s="45">
        <f t="shared" si="459"/>
        <v>45092.666666657024</v>
      </c>
    </row>
    <row r="4011" spans="2:14" x14ac:dyDescent="0.25">
      <c r="B4011">
        <f t="shared" si="453"/>
        <v>4</v>
      </c>
      <c r="C4011" s="16">
        <v>3977</v>
      </c>
      <c r="D4011" cm="1">
        <f t="array" ref="D4011">IFERROR(INDEX(Jesper!AH$2:AH$366,ROUNDDOWN($C4011/24,0)+1,1)*INDEX($D$3:$AA$30,INDEX(Jesper!$R$2:$R$366,ROW(INDEX(Jesper!AH$2:AH$366,ROUNDDOWN($C4011/24,0)+1,1))-1)+IF('Standard Profiles'!$G$18=$B$10,7,0)+IF('Standard Profiles'!$G$18=$B$17,14,0)+IF('Standard Profiles'!$G$18=$B$24,21,0),MOD($C4011,24)+1)/SUM(INDEX($D$3:$AA$30,INDEX(Jesper!$R$2:$R$366,ROW(INDEX(Jesper!AH$2:AH$366,ROUNDDOWN($C4011/24,0)+1,1))-1)+IF('Standard Profiles'!$G$18=$B$10,7,0)+IF('Standard Profiles'!$G$18=$B$17,14,0)+IF('Standard Profiles'!$G$18=$B$24,21,0),0)),0)</f>
        <v>8.3053902407128195</v>
      </c>
      <c r="E4011" cm="1">
        <f t="array" ref="E4011">IFERROR(INDEX(Jesper!AI$2:AI$366,ROUNDDOWN($C4011/24,0)+1,1)*INDEX($D$3:$AA$30,INDEX(Jesper!$R$2:$R$366,ROW(INDEX(Jesper!AI$2:AI$366,ROUNDDOWN($C4011/24,0)+1,1))-1)+IF('Standard Profiles'!$G$19=$B$10,7,0)+IF('Standard Profiles'!$G$19=$B$17,14,0)+IF('Standard Profiles'!$G$19=$B$24,21,0),MOD($C4011,24)+1)/SUM(INDEX($D$3:$AA$30,INDEX(Jesper!$R$2:$R$366,ROW(INDEX(Jesper!AI$2:AI$366,ROUNDDOWN($C4011/24,0)+1,1))-1)+IF('Standard Profiles'!$G$19=$B$10,7,0)+IF('Standard Profiles'!$G$19=$B$17,14,0)+IF('Standard Profiles'!$G$19=$B$24,21,0),0)),0)</f>
        <v>3.8192457769417767</v>
      </c>
      <c r="F4011" cm="1">
        <f t="array" ref="F4011">IFERROR(INDEX(Jesper!AJ$2:AJ$366,ROUNDDOWN($C4011/24,0)+1,1)*INDEX($D$3:$AA$30,INDEX(Jesper!$R$2:$R$366,ROW(INDEX(Jesper!AJ$2:AJ$366,ROUNDDOWN($C4011/24,0)+1,1))-1)+IF('Standard Profiles'!$G$20=$B$10,7,0)+IF('Standard Profiles'!$G$20=$B$17,14,0)+IF('Standard Profiles'!$G$20=$B$24,21,0),MOD($C4011,24)+1)/SUM(INDEX($D$3:$AA$30,INDEX(Jesper!$R$2:$R$366,ROW(INDEX(Jesper!AJ$2:AJ$366,ROUNDDOWN($C4011/24,0)+1,1))-1)+IF('Standard Profiles'!$G$20=$B$10,7,0)+IF('Standard Profiles'!$G$20=$B$17,14,0)+IF('Standard Profiles'!$G$20=$B$24,21,0),0)),0)</f>
        <v>0</v>
      </c>
      <c r="G4011" cm="1">
        <f t="array" ref="G4011">IFERROR(INDEX(Jesper!AK$2:AK$366,ROUNDDOWN($C4011/24,0)+1,1)*INDEX($D$3:$AA$30,INDEX(Jesper!$R$2:$R$366,ROW(INDEX(Jesper!AK$2:AK$366,ROUNDDOWN($C4011/24,0)+1,1))-1)+IF('Standard Profiles'!$G$21=$B$10,7,0)+IF('Standard Profiles'!$G$21=$B$17,14,0)+IF('Standard Profiles'!$G$21=$B$24,21,0),MOD($C4011,24)+1)/SUM(INDEX($D$3:$AA$30,INDEX(Jesper!$R$2:$R$366,ROW(INDEX(Jesper!AK$2:AK$366,ROUNDDOWN($C4011/24,0)+1,1))-1)+IF('Standard Profiles'!$G$21=$B$10,7,0)+IF('Standard Profiles'!$G$21=$B$17,14,0)+IF('Standard Profiles'!$G$21=$B$24,21,0),0)),0)</f>
        <v>1.5407016980321697</v>
      </c>
      <c r="H4011" cm="1">
        <f t="array" ref="H4011">IFERROR(INDEX(Jesper!AL$2:AL$366,ROUNDDOWN($C4011/24,0)+1,1)*INDEX($D$3:$AA$30,INDEX(Jesper!$R$2:$R$366,ROW(INDEX(Jesper!AL$2:AL$366,ROUNDDOWN($C4011/24,0)+1,1))-1)+IF('Standard Profiles'!$G$22=$B$10,7,0)+IF('Standard Profiles'!$G$22=$B$17,14,0)+IF('Standard Profiles'!$G$22=$B$24,21,0),MOD($C4011,24)+1)/SUM(INDEX($D$3:$AA$30,INDEX(Jesper!$R$2:$R$366,ROW(INDEX(Jesper!AL$2:AL$366,ROUNDDOWN($C4011/24,0)+1,1))-1)+IF('Standard Profiles'!$G$22=$B$10,7,0)+IF('Standard Profiles'!$G$22=$B$17,14,0)+IF('Standard Profiles'!$G$22=$B$24,21,0),0)),0)</f>
        <v>0</v>
      </c>
      <c r="I4011">
        <f t="shared" si="454"/>
        <v>0.73953681505544111</v>
      </c>
      <c r="J4011">
        <f t="shared" si="455"/>
        <v>11.596938462117272</v>
      </c>
      <c r="K4011">
        <f t="shared" si="456"/>
        <v>0.88590829234270085</v>
      </c>
      <c r="L4011">
        <f t="shared" si="457"/>
        <v>0.44295414617135043</v>
      </c>
      <c r="M4011">
        <f t="shared" si="458"/>
        <v>0</v>
      </c>
      <c r="N4011" s="45">
        <f t="shared" si="459"/>
        <v>45092.708333323688</v>
      </c>
    </row>
    <row r="4012" spans="2:14" x14ac:dyDescent="0.25">
      <c r="B4012">
        <f t="shared" si="453"/>
        <v>4</v>
      </c>
      <c r="C4012" s="16">
        <v>3978</v>
      </c>
      <c r="D4012" cm="1">
        <f t="array" ref="D4012">IFERROR(INDEX(Jesper!AH$2:AH$366,ROUNDDOWN($C4012/24,0)+1,1)*INDEX($D$3:$AA$30,INDEX(Jesper!$R$2:$R$366,ROW(INDEX(Jesper!AH$2:AH$366,ROUNDDOWN($C4012/24,0)+1,1))-1)+IF('Standard Profiles'!$G$18=$B$10,7,0)+IF('Standard Profiles'!$G$18=$B$17,14,0)+IF('Standard Profiles'!$G$18=$B$24,21,0),MOD($C4012,24)+1)/SUM(INDEX($D$3:$AA$30,INDEX(Jesper!$R$2:$R$366,ROW(INDEX(Jesper!AH$2:AH$366,ROUNDDOWN($C4012/24,0)+1,1))-1)+IF('Standard Profiles'!$G$18=$B$10,7,0)+IF('Standard Profiles'!$G$18=$B$17,14,0)+IF('Standard Profiles'!$G$18=$B$24,21,0),0)),0)</f>
        <v>5.4815575588704615</v>
      </c>
      <c r="E4012" cm="1">
        <f t="array" ref="E4012">IFERROR(INDEX(Jesper!AI$2:AI$366,ROUNDDOWN($C4012/24,0)+1,1)*INDEX($D$3:$AA$30,INDEX(Jesper!$R$2:$R$366,ROW(INDEX(Jesper!AI$2:AI$366,ROUNDDOWN($C4012/24,0)+1,1))-1)+IF('Standard Profiles'!$G$19=$B$10,7,0)+IF('Standard Profiles'!$G$19=$B$17,14,0)+IF('Standard Profiles'!$G$19=$B$24,21,0),MOD($C4012,24)+1)/SUM(INDEX($D$3:$AA$30,INDEX(Jesper!$R$2:$R$366,ROW(INDEX(Jesper!AI$2:AI$366,ROUNDDOWN($C4012/24,0)+1,1))-1)+IF('Standard Profiles'!$G$19=$B$10,7,0)+IF('Standard Profiles'!$G$19=$B$17,14,0)+IF('Standard Profiles'!$G$19=$B$24,21,0),0)),0)</f>
        <v>2.5207022127815724</v>
      </c>
      <c r="F4012" cm="1">
        <f t="array" ref="F4012">IFERROR(INDEX(Jesper!AJ$2:AJ$366,ROUNDDOWN($C4012/24,0)+1,1)*INDEX($D$3:$AA$30,INDEX(Jesper!$R$2:$R$366,ROW(INDEX(Jesper!AJ$2:AJ$366,ROUNDDOWN($C4012/24,0)+1,1))-1)+IF('Standard Profiles'!$G$20=$B$10,7,0)+IF('Standard Profiles'!$G$20=$B$17,14,0)+IF('Standard Profiles'!$G$20=$B$24,21,0),MOD($C4012,24)+1)/SUM(INDEX($D$3:$AA$30,INDEX(Jesper!$R$2:$R$366,ROW(INDEX(Jesper!AJ$2:AJ$366,ROUNDDOWN($C4012/24,0)+1,1))-1)+IF('Standard Profiles'!$G$20=$B$10,7,0)+IF('Standard Profiles'!$G$20=$B$17,14,0)+IF('Standard Profiles'!$G$20=$B$24,21,0),0)),0)</f>
        <v>0</v>
      </c>
      <c r="G4012" cm="1">
        <f t="array" ref="G4012">IFERROR(INDEX(Jesper!AK$2:AK$366,ROUNDDOWN($C4012/24,0)+1,1)*INDEX($D$3:$AA$30,INDEX(Jesper!$R$2:$R$366,ROW(INDEX(Jesper!AK$2:AK$366,ROUNDDOWN($C4012/24,0)+1,1))-1)+IF('Standard Profiles'!$G$21=$B$10,7,0)+IF('Standard Profiles'!$G$21=$B$17,14,0)+IF('Standard Profiles'!$G$21=$B$24,21,0),MOD($C4012,24)+1)/SUM(INDEX($D$3:$AA$30,INDEX(Jesper!$R$2:$R$366,ROW(INDEX(Jesper!AK$2:AK$366,ROUNDDOWN($C4012/24,0)+1,1))-1)+IF('Standard Profiles'!$G$21=$B$10,7,0)+IF('Standard Profiles'!$G$21=$B$17,14,0)+IF('Standard Profiles'!$G$21=$B$24,21,0),0)),0)</f>
        <v>0.57115910955780147</v>
      </c>
      <c r="H4012" cm="1">
        <f t="array" ref="H4012">IFERROR(INDEX(Jesper!AL$2:AL$366,ROUNDDOWN($C4012/24,0)+1,1)*INDEX($D$3:$AA$30,INDEX(Jesper!$R$2:$R$366,ROW(INDEX(Jesper!AL$2:AL$366,ROUNDDOWN($C4012/24,0)+1,1))-1)+IF('Standard Profiles'!$G$22=$B$10,7,0)+IF('Standard Profiles'!$G$22=$B$17,14,0)+IF('Standard Profiles'!$G$22=$B$24,21,0),MOD($C4012,24)+1)/SUM(INDEX($D$3:$AA$30,INDEX(Jesper!$R$2:$R$366,ROW(INDEX(Jesper!AL$2:AL$366,ROUNDDOWN($C4012/24,0)+1,1))-1)+IF('Standard Profiles'!$G$22=$B$10,7,0)+IF('Standard Profiles'!$G$22=$B$17,14,0)+IF('Standard Profiles'!$G$22=$B$24,21,0),0)),0)</f>
        <v>0</v>
      </c>
      <c r="I4012">
        <f t="shared" si="454"/>
        <v>0.27415637258774456</v>
      </c>
      <c r="J4012">
        <f t="shared" si="455"/>
        <v>7.4222132992028156</v>
      </c>
      <c r="K4012">
        <f t="shared" si="456"/>
        <v>0.58469947294618263</v>
      </c>
      <c r="L4012">
        <f t="shared" si="457"/>
        <v>0.29234973647309132</v>
      </c>
      <c r="M4012">
        <f t="shared" si="458"/>
        <v>0</v>
      </c>
      <c r="N4012" s="45">
        <f t="shared" si="459"/>
        <v>45092.749999990352</v>
      </c>
    </row>
    <row r="4013" spans="2:14" x14ac:dyDescent="0.25">
      <c r="B4013">
        <f t="shared" si="453"/>
        <v>4</v>
      </c>
      <c r="C4013" s="16">
        <v>3979</v>
      </c>
      <c r="D4013" cm="1">
        <f t="array" ref="D4013">IFERROR(INDEX(Jesper!AH$2:AH$366,ROUNDDOWN($C4013/24,0)+1,1)*INDEX($D$3:$AA$30,INDEX(Jesper!$R$2:$R$366,ROW(INDEX(Jesper!AH$2:AH$366,ROUNDDOWN($C4013/24,0)+1,1))-1)+IF('Standard Profiles'!$G$18=$B$10,7,0)+IF('Standard Profiles'!$G$18=$B$17,14,0)+IF('Standard Profiles'!$G$18=$B$24,21,0),MOD($C4013,24)+1)/SUM(INDEX($D$3:$AA$30,INDEX(Jesper!$R$2:$R$366,ROW(INDEX(Jesper!AH$2:AH$366,ROUNDDOWN($C4013/24,0)+1,1))-1)+IF('Standard Profiles'!$G$18=$B$10,7,0)+IF('Standard Profiles'!$G$18=$B$17,14,0)+IF('Standard Profiles'!$G$18=$B$24,21,0),0)),0)</f>
        <v>5.4815575588704615</v>
      </c>
      <c r="E4013" cm="1">
        <f t="array" ref="E4013">IFERROR(INDEX(Jesper!AI$2:AI$366,ROUNDDOWN($C4013/24,0)+1,1)*INDEX($D$3:$AA$30,INDEX(Jesper!$R$2:$R$366,ROW(INDEX(Jesper!AI$2:AI$366,ROUNDDOWN($C4013/24,0)+1,1))-1)+IF('Standard Profiles'!$G$19=$B$10,7,0)+IF('Standard Profiles'!$G$19=$B$17,14,0)+IF('Standard Profiles'!$G$19=$B$24,21,0),MOD($C4013,24)+1)/SUM(INDEX($D$3:$AA$30,INDEX(Jesper!$R$2:$R$366,ROW(INDEX(Jesper!AI$2:AI$366,ROUNDDOWN($C4013/24,0)+1,1))-1)+IF('Standard Profiles'!$G$19=$B$10,7,0)+IF('Standard Profiles'!$G$19=$B$17,14,0)+IF('Standard Profiles'!$G$19=$B$24,21,0),0)),0)</f>
        <v>2.5207022127815724</v>
      </c>
      <c r="F4013" cm="1">
        <f t="array" ref="F4013">IFERROR(INDEX(Jesper!AJ$2:AJ$366,ROUNDDOWN($C4013/24,0)+1,1)*INDEX($D$3:$AA$30,INDEX(Jesper!$R$2:$R$366,ROW(INDEX(Jesper!AJ$2:AJ$366,ROUNDDOWN($C4013/24,0)+1,1))-1)+IF('Standard Profiles'!$G$20=$B$10,7,0)+IF('Standard Profiles'!$G$20=$B$17,14,0)+IF('Standard Profiles'!$G$20=$B$24,21,0),MOD($C4013,24)+1)/SUM(INDEX($D$3:$AA$30,INDEX(Jesper!$R$2:$R$366,ROW(INDEX(Jesper!AJ$2:AJ$366,ROUNDDOWN($C4013/24,0)+1,1))-1)+IF('Standard Profiles'!$G$20=$B$10,7,0)+IF('Standard Profiles'!$G$20=$B$17,14,0)+IF('Standard Profiles'!$G$20=$B$24,21,0),0)),0)</f>
        <v>0</v>
      </c>
      <c r="G4013" cm="1">
        <f t="array" ref="G4013">IFERROR(INDEX(Jesper!AK$2:AK$366,ROUNDDOWN($C4013/24,0)+1,1)*INDEX($D$3:$AA$30,INDEX(Jesper!$R$2:$R$366,ROW(INDEX(Jesper!AK$2:AK$366,ROUNDDOWN($C4013/24,0)+1,1))-1)+IF('Standard Profiles'!$G$21=$B$10,7,0)+IF('Standard Profiles'!$G$21=$B$17,14,0)+IF('Standard Profiles'!$G$21=$B$24,21,0),MOD($C4013,24)+1)/SUM(INDEX($D$3:$AA$30,INDEX(Jesper!$R$2:$R$366,ROW(INDEX(Jesper!AK$2:AK$366,ROUNDDOWN($C4013/24,0)+1,1))-1)+IF('Standard Profiles'!$G$21=$B$10,7,0)+IF('Standard Profiles'!$G$21=$B$17,14,0)+IF('Standard Profiles'!$G$21=$B$24,21,0),0)),0)</f>
        <v>0.57115910955780147</v>
      </c>
      <c r="H4013" cm="1">
        <f t="array" ref="H4013">IFERROR(INDEX(Jesper!AL$2:AL$366,ROUNDDOWN($C4013/24,0)+1,1)*INDEX($D$3:$AA$30,INDEX(Jesper!$R$2:$R$366,ROW(INDEX(Jesper!AL$2:AL$366,ROUNDDOWN($C4013/24,0)+1,1))-1)+IF('Standard Profiles'!$G$22=$B$10,7,0)+IF('Standard Profiles'!$G$22=$B$17,14,0)+IF('Standard Profiles'!$G$22=$B$24,21,0),MOD($C4013,24)+1)/SUM(INDEX($D$3:$AA$30,INDEX(Jesper!$R$2:$R$366,ROW(INDEX(Jesper!AL$2:AL$366,ROUNDDOWN($C4013/24,0)+1,1))-1)+IF('Standard Profiles'!$G$22=$B$10,7,0)+IF('Standard Profiles'!$G$22=$B$17,14,0)+IF('Standard Profiles'!$G$22=$B$24,21,0),0)),0)</f>
        <v>0</v>
      </c>
      <c r="I4013">
        <f t="shared" si="454"/>
        <v>0.27415637258774456</v>
      </c>
      <c r="J4013">
        <f t="shared" si="455"/>
        <v>7.4222132992028156</v>
      </c>
      <c r="K4013">
        <f t="shared" si="456"/>
        <v>0.58469947294618263</v>
      </c>
      <c r="L4013">
        <f t="shared" si="457"/>
        <v>0.29234973647309132</v>
      </c>
      <c r="M4013">
        <f t="shared" si="458"/>
        <v>0</v>
      </c>
      <c r="N4013" s="45">
        <f t="shared" si="459"/>
        <v>45092.791666657016</v>
      </c>
    </row>
    <row r="4014" spans="2:14" x14ac:dyDescent="0.25">
      <c r="B4014">
        <f t="shared" si="453"/>
        <v>4</v>
      </c>
      <c r="C4014" s="16">
        <v>3980</v>
      </c>
      <c r="D4014" cm="1">
        <f t="array" ref="D4014">IFERROR(INDEX(Jesper!AH$2:AH$366,ROUNDDOWN($C4014/24,0)+1,1)*INDEX($D$3:$AA$30,INDEX(Jesper!$R$2:$R$366,ROW(INDEX(Jesper!AH$2:AH$366,ROUNDDOWN($C4014/24,0)+1,1))-1)+IF('Standard Profiles'!$G$18=$B$10,7,0)+IF('Standard Profiles'!$G$18=$B$17,14,0)+IF('Standard Profiles'!$G$18=$B$24,21,0),MOD($C4014,24)+1)/SUM(INDEX($D$3:$AA$30,INDEX(Jesper!$R$2:$R$366,ROW(INDEX(Jesper!AH$2:AH$366,ROUNDDOWN($C4014/24,0)+1,1))-1)+IF('Standard Profiles'!$G$18=$B$10,7,0)+IF('Standard Profiles'!$G$18=$B$17,14,0)+IF('Standard Profiles'!$G$18=$B$24,21,0),0)),0)</f>
        <v>5.4815575588704615</v>
      </c>
      <c r="E4014" cm="1">
        <f t="array" ref="E4014">IFERROR(INDEX(Jesper!AI$2:AI$366,ROUNDDOWN($C4014/24,0)+1,1)*INDEX($D$3:$AA$30,INDEX(Jesper!$R$2:$R$366,ROW(INDEX(Jesper!AI$2:AI$366,ROUNDDOWN($C4014/24,0)+1,1))-1)+IF('Standard Profiles'!$G$19=$B$10,7,0)+IF('Standard Profiles'!$G$19=$B$17,14,0)+IF('Standard Profiles'!$G$19=$B$24,21,0),MOD($C4014,24)+1)/SUM(INDEX($D$3:$AA$30,INDEX(Jesper!$R$2:$R$366,ROW(INDEX(Jesper!AI$2:AI$366,ROUNDDOWN($C4014/24,0)+1,1))-1)+IF('Standard Profiles'!$G$19=$B$10,7,0)+IF('Standard Profiles'!$G$19=$B$17,14,0)+IF('Standard Profiles'!$G$19=$B$24,21,0),0)),0)</f>
        <v>2.5207022127815724</v>
      </c>
      <c r="F4014" cm="1">
        <f t="array" ref="F4014">IFERROR(INDEX(Jesper!AJ$2:AJ$366,ROUNDDOWN($C4014/24,0)+1,1)*INDEX($D$3:$AA$30,INDEX(Jesper!$R$2:$R$366,ROW(INDEX(Jesper!AJ$2:AJ$366,ROUNDDOWN($C4014/24,0)+1,1))-1)+IF('Standard Profiles'!$G$20=$B$10,7,0)+IF('Standard Profiles'!$G$20=$B$17,14,0)+IF('Standard Profiles'!$G$20=$B$24,21,0),MOD($C4014,24)+1)/SUM(INDEX($D$3:$AA$30,INDEX(Jesper!$R$2:$R$366,ROW(INDEX(Jesper!AJ$2:AJ$366,ROUNDDOWN($C4014/24,0)+1,1))-1)+IF('Standard Profiles'!$G$20=$B$10,7,0)+IF('Standard Profiles'!$G$20=$B$17,14,0)+IF('Standard Profiles'!$G$20=$B$24,21,0),0)),0)</f>
        <v>0</v>
      </c>
      <c r="G4014" cm="1">
        <f t="array" ref="G4014">IFERROR(INDEX(Jesper!AK$2:AK$366,ROUNDDOWN($C4014/24,0)+1,1)*INDEX($D$3:$AA$30,INDEX(Jesper!$R$2:$R$366,ROW(INDEX(Jesper!AK$2:AK$366,ROUNDDOWN($C4014/24,0)+1,1))-1)+IF('Standard Profiles'!$G$21=$B$10,7,0)+IF('Standard Profiles'!$G$21=$B$17,14,0)+IF('Standard Profiles'!$G$21=$B$24,21,0),MOD($C4014,24)+1)/SUM(INDEX($D$3:$AA$30,INDEX(Jesper!$R$2:$R$366,ROW(INDEX(Jesper!AK$2:AK$366,ROUNDDOWN($C4014/24,0)+1,1))-1)+IF('Standard Profiles'!$G$21=$B$10,7,0)+IF('Standard Profiles'!$G$21=$B$17,14,0)+IF('Standard Profiles'!$G$21=$B$24,21,0),0)),0)</f>
        <v>0.57115910955780147</v>
      </c>
      <c r="H4014" cm="1">
        <f t="array" ref="H4014">IFERROR(INDEX(Jesper!AL$2:AL$366,ROUNDDOWN($C4014/24,0)+1,1)*INDEX($D$3:$AA$30,INDEX(Jesper!$R$2:$R$366,ROW(INDEX(Jesper!AL$2:AL$366,ROUNDDOWN($C4014/24,0)+1,1))-1)+IF('Standard Profiles'!$G$22=$B$10,7,0)+IF('Standard Profiles'!$G$22=$B$17,14,0)+IF('Standard Profiles'!$G$22=$B$24,21,0),MOD($C4014,24)+1)/SUM(INDEX($D$3:$AA$30,INDEX(Jesper!$R$2:$R$366,ROW(INDEX(Jesper!AL$2:AL$366,ROUNDDOWN($C4014/24,0)+1,1))-1)+IF('Standard Profiles'!$G$22=$B$10,7,0)+IF('Standard Profiles'!$G$22=$B$17,14,0)+IF('Standard Profiles'!$G$22=$B$24,21,0),0)),0)</f>
        <v>0</v>
      </c>
      <c r="I4014">
        <f t="shared" si="454"/>
        <v>0.27415637258774456</v>
      </c>
      <c r="J4014">
        <f t="shared" si="455"/>
        <v>7.4222132992028156</v>
      </c>
      <c r="K4014">
        <f t="shared" si="456"/>
        <v>0.58469947294618263</v>
      </c>
      <c r="L4014">
        <f t="shared" si="457"/>
        <v>0.29234973647309132</v>
      </c>
      <c r="M4014">
        <f t="shared" si="458"/>
        <v>0</v>
      </c>
      <c r="N4014" s="45">
        <f t="shared" si="459"/>
        <v>45092.833333323681</v>
      </c>
    </row>
    <row r="4015" spans="2:14" x14ac:dyDescent="0.25">
      <c r="B4015">
        <f t="shared" si="453"/>
        <v>4</v>
      </c>
      <c r="C4015" s="16">
        <v>3981</v>
      </c>
      <c r="D4015" cm="1">
        <f t="array" ref="D4015">IFERROR(INDEX(Jesper!AH$2:AH$366,ROUNDDOWN($C4015/24,0)+1,1)*INDEX($D$3:$AA$30,INDEX(Jesper!$R$2:$R$366,ROW(INDEX(Jesper!AH$2:AH$366,ROUNDDOWN($C4015/24,0)+1,1))-1)+IF('Standard Profiles'!$G$18=$B$10,7,0)+IF('Standard Profiles'!$G$18=$B$17,14,0)+IF('Standard Profiles'!$G$18=$B$24,21,0),MOD($C4015,24)+1)/SUM(INDEX($D$3:$AA$30,INDEX(Jesper!$R$2:$R$366,ROW(INDEX(Jesper!AH$2:AH$366,ROUNDDOWN($C4015/24,0)+1,1))-1)+IF('Standard Profiles'!$G$18=$B$10,7,0)+IF('Standard Profiles'!$G$18=$B$17,14,0)+IF('Standard Profiles'!$G$18=$B$24,21,0),0)),0)</f>
        <v>5.4815575588704615</v>
      </c>
      <c r="E4015" cm="1">
        <f t="array" ref="E4015">IFERROR(INDEX(Jesper!AI$2:AI$366,ROUNDDOWN($C4015/24,0)+1,1)*INDEX($D$3:$AA$30,INDEX(Jesper!$R$2:$R$366,ROW(INDEX(Jesper!AI$2:AI$366,ROUNDDOWN($C4015/24,0)+1,1))-1)+IF('Standard Profiles'!$G$19=$B$10,7,0)+IF('Standard Profiles'!$G$19=$B$17,14,0)+IF('Standard Profiles'!$G$19=$B$24,21,0),MOD($C4015,24)+1)/SUM(INDEX($D$3:$AA$30,INDEX(Jesper!$R$2:$R$366,ROW(INDEX(Jesper!AI$2:AI$366,ROUNDDOWN($C4015/24,0)+1,1))-1)+IF('Standard Profiles'!$G$19=$B$10,7,0)+IF('Standard Profiles'!$G$19=$B$17,14,0)+IF('Standard Profiles'!$G$19=$B$24,21,0),0)),0)</f>
        <v>2.5207022127815724</v>
      </c>
      <c r="F4015" cm="1">
        <f t="array" ref="F4015">IFERROR(INDEX(Jesper!AJ$2:AJ$366,ROUNDDOWN($C4015/24,0)+1,1)*INDEX($D$3:$AA$30,INDEX(Jesper!$R$2:$R$366,ROW(INDEX(Jesper!AJ$2:AJ$366,ROUNDDOWN($C4015/24,0)+1,1))-1)+IF('Standard Profiles'!$G$20=$B$10,7,0)+IF('Standard Profiles'!$G$20=$B$17,14,0)+IF('Standard Profiles'!$G$20=$B$24,21,0),MOD($C4015,24)+1)/SUM(INDEX($D$3:$AA$30,INDEX(Jesper!$R$2:$R$366,ROW(INDEX(Jesper!AJ$2:AJ$366,ROUNDDOWN($C4015/24,0)+1,1))-1)+IF('Standard Profiles'!$G$20=$B$10,7,0)+IF('Standard Profiles'!$G$20=$B$17,14,0)+IF('Standard Profiles'!$G$20=$B$24,21,0),0)),0)</f>
        <v>0</v>
      </c>
      <c r="G4015" cm="1">
        <f t="array" ref="G4015">IFERROR(INDEX(Jesper!AK$2:AK$366,ROUNDDOWN($C4015/24,0)+1,1)*INDEX($D$3:$AA$30,INDEX(Jesper!$R$2:$R$366,ROW(INDEX(Jesper!AK$2:AK$366,ROUNDDOWN($C4015/24,0)+1,1))-1)+IF('Standard Profiles'!$G$21=$B$10,7,0)+IF('Standard Profiles'!$G$21=$B$17,14,0)+IF('Standard Profiles'!$G$21=$B$24,21,0),MOD($C4015,24)+1)/SUM(INDEX($D$3:$AA$30,INDEX(Jesper!$R$2:$R$366,ROW(INDEX(Jesper!AK$2:AK$366,ROUNDDOWN($C4015/24,0)+1,1))-1)+IF('Standard Profiles'!$G$21=$B$10,7,0)+IF('Standard Profiles'!$G$21=$B$17,14,0)+IF('Standard Profiles'!$G$21=$B$24,21,0),0)),0)</f>
        <v>0.57115910955780147</v>
      </c>
      <c r="H4015" cm="1">
        <f t="array" ref="H4015">IFERROR(INDEX(Jesper!AL$2:AL$366,ROUNDDOWN($C4015/24,0)+1,1)*INDEX($D$3:$AA$30,INDEX(Jesper!$R$2:$R$366,ROW(INDEX(Jesper!AL$2:AL$366,ROUNDDOWN($C4015/24,0)+1,1))-1)+IF('Standard Profiles'!$G$22=$B$10,7,0)+IF('Standard Profiles'!$G$22=$B$17,14,0)+IF('Standard Profiles'!$G$22=$B$24,21,0),MOD($C4015,24)+1)/SUM(INDEX($D$3:$AA$30,INDEX(Jesper!$R$2:$R$366,ROW(INDEX(Jesper!AL$2:AL$366,ROUNDDOWN($C4015/24,0)+1,1))-1)+IF('Standard Profiles'!$G$22=$B$10,7,0)+IF('Standard Profiles'!$G$22=$B$17,14,0)+IF('Standard Profiles'!$G$22=$B$24,21,0),0)),0)</f>
        <v>0</v>
      </c>
      <c r="I4015">
        <f t="shared" si="454"/>
        <v>0.27415637258774456</v>
      </c>
      <c r="J4015">
        <f t="shared" si="455"/>
        <v>7.4222132992028156</v>
      </c>
      <c r="K4015">
        <f t="shared" si="456"/>
        <v>0.58469947294618263</v>
      </c>
      <c r="L4015">
        <f t="shared" si="457"/>
        <v>0.29234973647309132</v>
      </c>
      <c r="M4015">
        <f t="shared" si="458"/>
        <v>0</v>
      </c>
      <c r="N4015" s="45">
        <f t="shared" si="459"/>
        <v>45092.874999990345</v>
      </c>
    </row>
    <row r="4016" spans="2:14" x14ac:dyDescent="0.25">
      <c r="B4016">
        <f t="shared" si="453"/>
        <v>4</v>
      </c>
      <c r="C4016" s="16">
        <v>3982</v>
      </c>
      <c r="D4016" cm="1">
        <f t="array" ref="D4016">IFERROR(INDEX(Jesper!AH$2:AH$366,ROUNDDOWN($C4016/24,0)+1,1)*INDEX($D$3:$AA$30,INDEX(Jesper!$R$2:$R$366,ROW(INDEX(Jesper!AH$2:AH$366,ROUNDDOWN($C4016/24,0)+1,1))-1)+IF('Standard Profiles'!$G$18=$B$10,7,0)+IF('Standard Profiles'!$G$18=$B$17,14,0)+IF('Standard Profiles'!$G$18=$B$24,21,0),MOD($C4016,24)+1)/SUM(INDEX($D$3:$AA$30,INDEX(Jesper!$R$2:$R$366,ROW(INDEX(Jesper!AH$2:AH$366,ROUNDDOWN($C4016/24,0)+1,1))-1)+IF('Standard Profiles'!$G$18=$B$10,7,0)+IF('Standard Profiles'!$G$18=$B$17,14,0)+IF('Standard Profiles'!$G$18=$B$24,21,0),0)),0)</f>
        <v>5.4815575588704615</v>
      </c>
      <c r="E4016" cm="1">
        <f t="array" ref="E4016">IFERROR(INDEX(Jesper!AI$2:AI$366,ROUNDDOWN($C4016/24,0)+1,1)*INDEX($D$3:$AA$30,INDEX(Jesper!$R$2:$R$366,ROW(INDEX(Jesper!AI$2:AI$366,ROUNDDOWN($C4016/24,0)+1,1))-1)+IF('Standard Profiles'!$G$19=$B$10,7,0)+IF('Standard Profiles'!$G$19=$B$17,14,0)+IF('Standard Profiles'!$G$19=$B$24,21,0),MOD($C4016,24)+1)/SUM(INDEX($D$3:$AA$30,INDEX(Jesper!$R$2:$R$366,ROW(INDEX(Jesper!AI$2:AI$366,ROUNDDOWN($C4016/24,0)+1,1))-1)+IF('Standard Profiles'!$G$19=$B$10,7,0)+IF('Standard Profiles'!$G$19=$B$17,14,0)+IF('Standard Profiles'!$G$19=$B$24,21,0),0)),0)</f>
        <v>2.5207022127815724</v>
      </c>
      <c r="F4016" cm="1">
        <f t="array" ref="F4016">IFERROR(INDEX(Jesper!AJ$2:AJ$366,ROUNDDOWN($C4016/24,0)+1,1)*INDEX($D$3:$AA$30,INDEX(Jesper!$R$2:$R$366,ROW(INDEX(Jesper!AJ$2:AJ$366,ROUNDDOWN($C4016/24,0)+1,1))-1)+IF('Standard Profiles'!$G$20=$B$10,7,0)+IF('Standard Profiles'!$G$20=$B$17,14,0)+IF('Standard Profiles'!$G$20=$B$24,21,0),MOD($C4016,24)+1)/SUM(INDEX($D$3:$AA$30,INDEX(Jesper!$R$2:$R$366,ROW(INDEX(Jesper!AJ$2:AJ$366,ROUNDDOWN($C4016/24,0)+1,1))-1)+IF('Standard Profiles'!$G$20=$B$10,7,0)+IF('Standard Profiles'!$G$20=$B$17,14,0)+IF('Standard Profiles'!$G$20=$B$24,21,0),0)),0)</f>
        <v>0</v>
      </c>
      <c r="G4016" cm="1">
        <f t="array" ref="G4016">IFERROR(INDEX(Jesper!AK$2:AK$366,ROUNDDOWN($C4016/24,0)+1,1)*INDEX($D$3:$AA$30,INDEX(Jesper!$R$2:$R$366,ROW(INDEX(Jesper!AK$2:AK$366,ROUNDDOWN($C4016/24,0)+1,1))-1)+IF('Standard Profiles'!$G$21=$B$10,7,0)+IF('Standard Profiles'!$G$21=$B$17,14,0)+IF('Standard Profiles'!$G$21=$B$24,21,0),MOD($C4016,24)+1)/SUM(INDEX($D$3:$AA$30,INDEX(Jesper!$R$2:$R$366,ROW(INDEX(Jesper!AK$2:AK$366,ROUNDDOWN($C4016/24,0)+1,1))-1)+IF('Standard Profiles'!$G$21=$B$10,7,0)+IF('Standard Profiles'!$G$21=$B$17,14,0)+IF('Standard Profiles'!$G$21=$B$24,21,0),0)),0)</f>
        <v>0.57115910955780147</v>
      </c>
      <c r="H4016" cm="1">
        <f t="array" ref="H4016">IFERROR(INDEX(Jesper!AL$2:AL$366,ROUNDDOWN($C4016/24,0)+1,1)*INDEX($D$3:$AA$30,INDEX(Jesper!$R$2:$R$366,ROW(INDEX(Jesper!AL$2:AL$366,ROUNDDOWN($C4016/24,0)+1,1))-1)+IF('Standard Profiles'!$G$22=$B$10,7,0)+IF('Standard Profiles'!$G$22=$B$17,14,0)+IF('Standard Profiles'!$G$22=$B$24,21,0),MOD($C4016,24)+1)/SUM(INDEX($D$3:$AA$30,INDEX(Jesper!$R$2:$R$366,ROW(INDEX(Jesper!AL$2:AL$366,ROUNDDOWN($C4016/24,0)+1,1))-1)+IF('Standard Profiles'!$G$22=$B$10,7,0)+IF('Standard Profiles'!$G$22=$B$17,14,0)+IF('Standard Profiles'!$G$22=$B$24,21,0),0)),0)</f>
        <v>0</v>
      </c>
      <c r="I4016">
        <f t="shared" si="454"/>
        <v>0.27415637258774456</v>
      </c>
      <c r="J4016">
        <f t="shared" si="455"/>
        <v>7.4222132992028156</v>
      </c>
      <c r="K4016">
        <f t="shared" si="456"/>
        <v>0.58469947294618263</v>
      </c>
      <c r="L4016">
        <f t="shared" si="457"/>
        <v>0.29234973647309132</v>
      </c>
      <c r="M4016">
        <f t="shared" si="458"/>
        <v>0</v>
      </c>
      <c r="N4016" s="45">
        <f t="shared" si="459"/>
        <v>45092.916666657009</v>
      </c>
    </row>
    <row r="4017" spans="2:14" x14ac:dyDescent="0.25">
      <c r="B4017">
        <f t="shared" si="453"/>
        <v>4</v>
      </c>
      <c r="C4017" s="16">
        <v>3983</v>
      </c>
      <c r="D4017" cm="1">
        <f t="array" ref="D4017">IFERROR(INDEX(Jesper!AH$2:AH$366,ROUNDDOWN($C4017/24,0)+1,1)*INDEX($D$3:$AA$30,INDEX(Jesper!$R$2:$R$366,ROW(INDEX(Jesper!AH$2:AH$366,ROUNDDOWN($C4017/24,0)+1,1))-1)+IF('Standard Profiles'!$G$18=$B$10,7,0)+IF('Standard Profiles'!$G$18=$B$17,14,0)+IF('Standard Profiles'!$G$18=$B$24,21,0),MOD($C4017,24)+1)/SUM(INDEX($D$3:$AA$30,INDEX(Jesper!$R$2:$R$366,ROW(INDEX(Jesper!AH$2:AH$366,ROUNDDOWN($C4017/24,0)+1,1))-1)+IF('Standard Profiles'!$G$18=$B$10,7,0)+IF('Standard Profiles'!$G$18=$B$17,14,0)+IF('Standard Profiles'!$G$18=$B$24,21,0),0)),0)</f>
        <v>5.4815575588704615</v>
      </c>
      <c r="E4017" cm="1">
        <f t="array" ref="E4017">IFERROR(INDEX(Jesper!AI$2:AI$366,ROUNDDOWN($C4017/24,0)+1,1)*INDEX($D$3:$AA$30,INDEX(Jesper!$R$2:$R$366,ROW(INDEX(Jesper!AI$2:AI$366,ROUNDDOWN($C4017/24,0)+1,1))-1)+IF('Standard Profiles'!$G$19=$B$10,7,0)+IF('Standard Profiles'!$G$19=$B$17,14,0)+IF('Standard Profiles'!$G$19=$B$24,21,0),MOD($C4017,24)+1)/SUM(INDEX($D$3:$AA$30,INDEX(Jesper!$R$2:$R$366,ROW(INDEX(Jesper!AI$2:AI$366,ROUNDDOWN($C4017/24,0)+1,1))-1)+IF('Standard Profiles'!$G$19=$B$10,7,0)+IF('Standard Profiles'!$G$19=$B$17,14,0)+IF('Standard Profiles'!$G$19=$B$24,21,0),0)),0)</f>
        <v>2.5207022127815724</v>
      </c>
      <c r="F4017" cm="1">
        <f t="array" ref="F4017">IFERROR(INDEX(Jesper!AJ$2:AJ$366,ROUNDDOWN($C4017/24,0)+1,1)*INDEX($D$3:$AA$30,INDEX(Jesper!$R$2:$R$366,ROW(INDEX(Jesper!AJ$2:AJ$366,ROUNDDOWN($C4017/24,0)+1,1))-1)+IF('Standard Profiles'!$G$20=$B$10,7,0)+IF('Standard Profiles'!$G$20=$B$17,14,0)+IF('Standard Profiles'!$G$20=$B$24,21,0),MOD($C4017,24)+1)/SUM(INDEX($D$3:$AA$30,INDEX(Jesper!$R$2:$R$366,ROW(INDEX(Jesper!AJ$2:AJ$366,ROUNDDOWN($C4017/24,0)+1,1))-1)+IF('Standard Profiles'!$G$20=$B$10,7,0)+IF('Standard Profiles'!$G$20=$B$17,14,0)+IF('Standard Profiles'!$G$20=$B$24,21,0),0)),0)</f>
        <v>0</v>
      </c>
      <c r="G4017" cm="1">
        <f t="array" ref="G4017">IFERROR(INDEX(Jesper!AK$2:AK$366,ROUNDDOWN($C4017/24,0)+1,1)*INDEX($D$3:$AA$30,INDEX(Jesper!$R$2:$R$366,ROW(INDEX(Jesper!AK$2:AK$366,ROUNDDOWN($C4017/24,0)+1,1))-1)+IF('Standard Profiles'!$G$21=$B$10,7,0)+IF('Standard Profiles'!$G$21=$B$17,14,0)+IF('Standard Profiles'!$G$21=$B$24,21,0),MOD($C4017,24)+1)/SUM(INDEX($D$3:$AA$30,INDEX(Jesper!$R$2:$R$366,ROW(INDEX(Jesper!AK$2:AK$366,ROUNDDOWN($C4017/24,0)+1,1))-1)+IF('Standard Profiles'!$G$21=$B$10,7,0)+IF('Standard Profiles'!$G$21=$B$17,14,0)+IF('Standard Profiles'!$G$21=$B$24,21,0),0)),0)</f>
        <v>0.57115910955780147</v>
      </c>
      <c r="H4017" cm="1">
        <f t="array" ref="H4017">IFERROR(INDEX(Jesper!AL$2:AL$366,ROUNDDOWN($C4017/24,0)+1,1)*INDEX($D$3:$AA$30,INDEX(Jesper!$R$2:$R$366,ROW(INDEX(Jesper!AL$2:AL$366,ROUNDDOWN($C4017/24,0)+1,1))-1)+IF('Standard Profiles'!$G$22=$B$10,7,0)+IF('Standard Profiles'!$G$22=$B$17,14,0)+IF('Standard Profiles'!$G$22=$B$24,21,0),MOD($C4017,24)+1)/SUM(INDEX($D$3:$AA$30,INDEX(Jesper!$R$2:$R$366,ROW(INDEX(Jesper!AL$2:AL$366,ROUNDDOWN($C4017/24,0)+1,1))-1)+IF('Standard Profiles'!$G$22=$B$10,7,0)+IF('Standard Profiles'!$G$22=$B$17,14,0)+IF('Standard Profiles'!$G$22=$B$24,21,0),0)),0)</f>
        <v>0</v>
      </c>
      <c r="I4017">
        <f t="shared" si="454"/>
        <v>0.27415637258774456</v>
      </c>
      <c r="J4017">
        <f t="shared" si="455"/>
        <v>7.4222132992028156</v>
      </c>
      <c r="K4017">
        <f t="shared" si="456"/>
        <v>0.58469947294618263</v>
      </c>
      <c r="L4017">
        <f t="shared" si="457"/>
        <v>0.29234973647309132</v>
      </c>
      <c r="M4017">
        <f t="shared" si="458"/>
        <v>0</v>
      </c>
      <c r="N4017" s="45">
        <f t="shared" si="459"/>
        <v>45092.958333323673</v>
      </c>
    </row>
    <row r="4018" spans="2:14" x14ac:dyDescent="0.25">
      <c r="B4018">
        <f t="shared" si="453"/>
        <v>5</v>
      </c>
      <c r="C4018" s="16">
        <v>3984</v>
      </c>
      <c r="D4018" cm="1">
        <f t="array" ref="D4018">IFERROR(INDEX(Jesper!AH$2:AH$366,ROUNDDOWN($C4018/24,0)+1,1)*INDEX($D$3:$AA$30,INDEX(Jesper!$R$2:$R$366,ROW(INDEX(Jesper!AH$2:AH$366,ROUNDDOWN($C4018/24,0)+1,1))-1)+IF('Standard Profiles'!$G$18=$B$10,7,0)+IF('Standard Profiles'!$G$18=$B$17,14,0)+IF('Standard Profiles'!$G$18=$B$24,21,0),MOD($C4018,24)+1)/SUM(INDEX($D$3:$AA$30,INDEX(Jesper!$R$2:$R$366,ROW(INDEX(Jesper!AH$2:AH$366,ROUNDDOWN($C4018/24,0)+1,1))-1)+IF('Standard Profiles'!$G$18=$B$10,7,0)+IF('Standard Profiles'!$G$18=$B$17,14,0)+IF('Standard Profiles'!$G$18=$B$24,21,0),0)),0)</f>
        <v>8.2507258182394025</v>
      </c>
      <c r="E4018" cm="1">
        <f t="array" ref="E4018">IFERROR(INDEX(Jesper!AI$2:AI$366,ROUNDDOWN($C4018/24,0)+1,1)*INDEX($D$3:$AA$30,INDEX(Jesper!$R$2:$R$366,ROW(INDEX(Jesper!AI$2:AI$366,ROUNDDOWN($C4018/24,0)+1,1))-1)+IF('Standard Profiles'!$G$19=$B$10,7,0)+IF('Standard Profiles'!$G$19=$B$17,14,0)+IF('Standard Profiles'!$G$19=$B$24,21,0),MOD($C4018,24)+1)/SUM(INDEX($D$3:$AA$30,INDEX(Jesper!$R$2:$R$366,ROW(INDEX(Jesper!AI$2:AI$366,ROUNDDOWN($C4018/24,0)+1,1))-1)+IF('Standard Profiles'!$G$19=$B$10,7,0)+IF('Standard Profiles'!$G$19=$B$17,14,0)+IF('Standard Profiles'!$G$19=$B$24,21,0),0)),0)</f>
        <v>3.6131569048007051</v>
      </c>
      <c r="F4018" cm="1">
        <f t="array" ref="F4018">IFERROR(INDEX(Jesper!AJ$2:AJ$366,ROUNDDOWN($C4018/24,0)+1,1)*INDEX($D$3:$AA$30,INDEX(Jesper!$R$2:$R$366,ROW(INDEX(Jesper!AJ$2:AJ$366,ROUNDDOWN($C4018/24,0)+1,1))-1)+IF('Standard Profiles'!$G$20=$B$10,7,0)+IF('Standard Profiles'!$G$20=$B$17,14,0)+IF('Standard Profiles'!$G$20=$B$24,21,0),MOD($C4018,24)+1)/SUM(INDEX($D$3:$AA$30,INDEX(Jesper!$R$2:$R$366,ROW(INDEX(Jesper!AJ$2:AJ$366,ROUNDDOWN($C4018/24,0)+1,1))-1)+IF('Standard Profiles'!$G$20=$B$10,7,0)+IF('Standard Profiles'!$G$20=$B$17,14,0)+IF('Standard Profiles'!$G$20=$B$24,21,0),0)),0)</f>
        <v>0</v>
      </c>
      <c r="G4018" cm="1">
        <f t="array" ref="G4018">IFERROR(INDEX(Jesper!AK$2:AK$366,ROUNDDOWN($C4018/24,0)+1,1)*INDEX($D$3:$AA$30,INDEX(Jesper!$R$2:$R$366,ROW(INDEX(Jesper!AK$2:AK$366,ROUNDDOWN($C4018/24,0)+1,1))-1)+IF('Standard Profiles'!$G$21=$B$10,7,0)+IF('Standard Profiles'!$G$21=$B$17,14,0)+IF('Standard Profiles'!$G$21=$B$24,21,0),MOD($C4018,24)+1)/SUM(INDEX($D$3:$AA$30,INDEX(Jesper!$R$2:$R$366,ROW(INDEX(Jesper!AK$2:AK$366,ROUNDDOWN($C4018/24,0)+1,1))-1)+IF('Standard Profiles'!$G$21=$B$10,7,0)+IF('Standard Profiles'!$G$21=$B$17,14,0)+IF('Standard Profiles'!$G$21=$B$24,21,0),0)),0)</f>
        <v>0.34170517927785277</v>
      </c>
      <c r="H4018" cm="1">
        <f t="array" ref="H4018">IFERROR(INDEX(Jesper!AL$2:AL$366,ROUNDDOWN($C4018/24,0)+1,1)*INDEX($D$3:$AA$30,INDEX(Jesper!$R$2:$R$366,ROW(INDEX(Jesper!AL$2:AL$366,ROUNDDOWN($C4018/24,0)+1,1))-1)+IF('Standard Profiles'!$G$22=$B$10,7,0)+IF('Standard Profiles'!$G$22=$B$17,14,0)+IF('Standard Profiles'!$G$22=$B$24,21,0),MOD($C4018,24)+1)/SUM(INDEX($D$3:$AA$30,INDEX(Jesper!$R$2:$R$366,ROW(INDEX(Jesper!AL$2:AL$366,ROUNDDOWN($C4018/24,0)+1,1))-1)+IF('Standard Profiles'!$G$22=$B$10,7,0)+IF('Standard Profiles'!$G$22=$B$17,14,0)+IF('Standard Profiles'!$G$22=$B$24,21,0),0)),0)</f>
        <v>0</v>
      </c>
      <c r="I4018">
        <f t="shared" si="454"/>
        <v>0.16401848605336924</v>
      </c>
      <c r="J4018">
        <f t="shared" si="455"/>
        <v>10.721453285346287</v>
      </c>
      <c r="K4018">
        <f t="shared" si="456"/>
        <v>0.88007742061220295</v>
      </c>
      <c r="L4018">
        <f t="shared" si="457"/>
        <v>0.44003871030610148</v>
      </c>
      <c r="M4018">
        <f t="shared" si="458"/>
        <v>0</v>
      </c>
      <c r="N4018" s="45">
        <f t="shared" si="459"/>
        <v>45092.999999990338</v>
      </c>
    </row>
    <row r="4019" spans="2:14" x14ac:dyDescent="0.25">
      <c r="B4019">
        <f t="shared" si="453"/>
        <v>5</v>
      </c>
      <c r="C4019" s="16">
        <v>3985</v>
      </c>
      <c r="D4019" cm="1">
        <f t="array" ref="D4019">IFERROR(INDEX(Jesper!AH$2:AH$366,ROUNDDOWN($C4019/24,0)+1,1)*INDEX($D$3:$AA$30,INDEX(Jesper!$R$2:$R$366,ROW(INDEX(Jesper!AH$2:AH$366,ROUNDDOWN($C4019/24,0)+1,1))-1)+IF('Standard Profiles'!$G$18=$B$10,7,0)+IF('Standard Profiles'!$G$18=$B$17,14,0)+IF('Standard Profiles'!$G$18=$B$24,21,0),MOD($C4019,24)+1)/SUM(INDEX($D$3:$AA$30,INDEX(Jesper!$R$2:$R$366,ROW(INDEX(Jesper!AH$2:AH$366,ROUNDDOWN($C4019/24,0)+1,1))-1)+IF('Standard Profiles'!$G$18=$B$10,7,0)+IF('Standard Profiles'!$G$18=$B$17,14,0)+IF('Standard Profiles'!$G$18=$B$24,21,0),0)),0)</f>
        <v>5.0004398898420623</v>
      </c>
      <c r="E4019" cm="1">
        <f t="array" ref="E4019">IFERROR(INDEX(Jesper!AI$2:AI$366,ROUNDDOWN($C4019/24,0)+1,1)*INDEX($D$3:$AA$30,INDEX(Jesper!$R$2:$R$366,ROW(INDEX(Jesper!AI$2:AI$366,ROUNDDOWN($C4019/24,0)+1,1))-1)+IF('Standard Profiles'!$G$19=$B$10,7,0)+IF('Standard Profiles'!$G$19=$B$17,14,0)+IF('Standard Profiles'!$G$19=$B$24,21,0),MOD($C4019,24)+1)/SUM(INDEX($D$3:$AA$30,INDEX(Jesper!$R$2:$R$366,ROW(INDEX(Jesper!AI$2:AI$366,ROUNDDOWN($C4019/24,0)+1,1))-1)+IF('Standard Profiles'!$G$19=$B$10,7,0)+IF('Standard Profiles'!$G$19=$B$17,14,0)+IF('Standard Profiles'!$G$19=$B$24,21,0),0)),0)</f>
        <v>2.1897920635155788</v>
      </c>
      <c r="F4019" cm="1">
        <f t="array" ref="F4019">IFERROR(INDEX(Jesper!AJ$2:AJ$366,ROUNDDOWN($C4019/24,0)+1,1)*INDEX($D$3:$AA$30,INDEX(Jesper!$R$2:$R$366,ROW(INDEX(Jesper!AJ$2:AJ$366,ROUNDDOWN($C4019/24,0)+1,1))-1)+IF('Standard Profiles'!$G$20=$B$10,7,0)+IF('Standard Profiles'!$G$20=$B$17,14,0)+IF('Standard Profiles'!$G$20=$B$24,21,0),MOD($C4019,24)+1)/SUM(INDEX($D$3:$AA$30,INDEX(Jesper!$R$2:$R$366,ROW(INDEX(Jesper!AJ$2:AJ$366,ROUNDDOWN($C4019/24,0)+1,1))-1)+IF('Standard Profiles'!$G$20=$B$10,7,0)+IF('Standard Profiles'!$G$20=$B$17,14,0)+IF('Standard Profiles'!$G$20=$B$24,21,0),0)),0)</f>
        <v>0</v>
      </c>
      <c r="G4019" cm="1">
        <f t="array" ref="G4019">IFERROR(INDEX(Jesper!AK$2:AK$366,ROUNDDOWN($C4019/24,0)+1,1)*INDEX($D$3:$AA$30,INDEX(Jesper!$R$2:$R$366,ROW(INDEX(Jesper!AK$2:AK$366,ROUNDDOWN($C4019/24,0)+1,1))-1)+IF('Standard Profiles'!$G$21=$B$10,7,0)+IF('Standard Profiles'!$G$21=$B$17,14,0)+IF('Standard Profiles'!$G$21=$B$24,21,0),MOD($C4019,24)+1)/SUM(INDEX($D$3:$AA$30,INDEX(Jesper!$R$2:$R$366,ROW(INDEX(Jesper!AK$2:AK$366,ROUNDDOWN($C4019/24,0)+1,1))-1)+IF('Standard Profiles'!$G$21=$B$10,7,0)+IF('Standard Profiles'!$G$21=$B$17,14,0)+IF('Standard Profiles'!$G$21=$B$24,21,0),0)),0)</f>
        <v>0.34170517927785277</v>
      </c>
      <c r="H4019" cm="1">
        <f t="array" ref="H4019">IFERROR(INDEX(Jesper!AL$2:AL$366,ROUNDDOWN($C4019/24,0)+1,1)*INDEX($D$3:$AA$30,INDEX(Jesper!$R$2:$R$366,ROW(INDEX(Jesper!AL$2:AL$366,ROUNDDOWN($C4019/24,0)+1,1))-1)+IF('Standard Profiles'!$G$22=$B$10,7,0)+IF('Standard Profiles'!$G$22=$B$17,14,0)+IF('Standard Profiles'!$G$22=$B$24,21,0),MOD($C4019,24)+1)/SUM(INDEX($D$3:$AA$30,INDEX(Jesper!$R$2:$R$366,ROW(INDEX(Jesper!AL$2:AL$366,ROUNDDOWN($C4019/24,0)+1,1))-1)+IF('Standard Profiles'!$G$22=$B$10,7,0)+IF('Standard Profiles'!$G$22=$B$17,14,0)+IF('Standard Profiles'!$G$22=$B$24,21,0),0)),0)</f>
        <v>0</v>
      </c>
      <c r="I4019">
        <f t="shared" si="454"/>
        <v>0.16401848605336924</v>
      </c>
      <c r="J4019">
        <f t="shared" si="455"/>
        <v>6.5678482642073952</v>
      </c>
      <c r="K4019">
        <f t="shared" si="456"/>
        <v>0.53338025491648666</v>
      </c>
      <c r="L4019">
        <f t="shared" si="457"/>
        <v>0.26669012745824333</v>
      </c>
      <c r="M4019">
        <f t="shared" si="458"/>
        <v>0</v>
      </c>
      <c r="N4019" s="45">
        <f t="shared" si="459"/>
        <v>45093.041666657002</v>
      </c>
    </row>
    <row r="4020" spans="2:14" x14ac:dyDescent="0.25">
      <c r="B4020">
        <f t="shared" si="453"/>
        <v>5</v>
      </c>
      <c r="C4020" s="16">
        <v>3986</v>
      </c>
      <c r="D4020" cm="1">
        <f t="array" ref="D4020">IFERROR(INDEX(Jesper!AH$2:AH$366,ROUNDDOWN($C4020/24,0)+1,1)*INDEX($D$3:$AA$30,INDEX(Jesper!$R$2:$R$366,ROW(INDEX(Jesper!AH$2:AH$366,ROUNDDOWN($C4020/24,0)+1,1))-1)+IF('Standard Profiles'!$G$18=$B$10,7,0)+IF('Standard Profiles'!$G$18=$B$17,14,0)+IF('Standard Profiles'!$G$18=$B$24,21,0),MOD($C4020,24)+1)/SUM(INDEX($D$3:$AA$30,INDEX(Jesper!$R$2:$R$366,ROW(INDEX(Jesper!AH$2:AH$366,ROUNDDOWN($C4020/24,0)+1,1))-1)+IF('Standard Profiles'!$G$18=$B$10,7,0)+IF('Standard Profiles'!$G$18=$B$17,14,0)+IF('Standard Profiles'!$G$18=$B$24,21,0),0)),0)</f>
        <v>5.0004398898420623</v>
      </c>
      <c r="E4020" cm="1">
        <f t="array" ref="E4020">IFERROR(INDEX(Jesper!AI$2:AI$366,ROUNDDOWN($C4020/24,0)+1,1)*INDEX($D$3:$AA$30,INDEX(Jesper!$R$2:$R$366,ROW(INDEX(Jesper!AI$2:AI$366,ROUNDDOWN($C4020/24,0)+1,1))-1)+IF('Standard Profiles'!$G$19=$B$10,7,0)+IF('Standard Profiles'!$G$19=$B$17,14,0)+IF('Standard Profiles'!$G$19=$B$24,21,0),MOD($C4020,24)+1)/SUM(INDEX($D$3:$AA$30,INDEX(Jesper!$R$2:$R$366,ROW(INDEX(Jesper!AI$2:AI$366,ROUNDDOWN($C4020/24,0)+1,1))-1)+IF('Standard Profiles'!$G$19=$B$10,7,0)+IF('Standard Profiles'!$G$19=$B$17,14,0)+IF('Standard Profiles'!$G$19=$B$24,21,0),0)),0)</f>
        <v>2.1897920635155788</v>
      </c>
      <c r="F4020" cm="1">
        <f t="array" ref="F4020">IFERROR(INDEX(Jesper!AJ$2:AJ$366,ROUNDDOWN($C4020/24,0)+1,1)*INDEX($D$3:$AA$30,INDEX(Jesper!$R$2:$R$366,ROW(INDEX(Jesper!AJ$2:AJ$366,ROUNDDOWN($C4020/24,0)+1,1))-1)+IF('Standard Profiles'!$G$20=$B$10,7,0)+IF('Standard Profiles'!$G$20=$B$17,14,0)+IF('Standard Profiles'!$G$20=$B$24,21,0),MOD($C4020,24)+1)/SUM(INDEX($D$3:$AA$30,INDEX(Jesper!$R$2:$R$366,ROW(INDEX(Jesper!AJ$2:AJ$366,ROUNDDOWN($C4020/24,0)+1,1))-1)+IF('Standard Profiles'!$G$20=$B$10,7,0)+IF('Standard Profiles'!$G$20=$B$17,14,0)+IF('Standard Profiles'!$G$20=$B$24,21,0),0)),0)</f>
        <v>0</v>
      </c>
      <c r="G4020" cm="1">
        <f t="array" ref="G4020">IFERROR(INDEX(Jesper!AK$2:AK$366,ROUNDDOWN($C4020/24,0)+1,1)*INDEX($D$3:$AA$30,INDEX(Jesper!$R$2:$R$366,ROW(INDEX(Jesper!AK$2:AK$366,ROUNDDOWN($C4020/24,0)+1,1))-1)+IF('Standard Profiles'!$G$21=$B$10,7,0)+IF('Standard Profiles'!$G$21=$B$17,14,0)+IF('Standard Profiles'!$G$21=$B$24,21,0),MOD($C4020,24)+1)/SUM(INDEX($D$3:$AA$30,INDEX(Jesper!$R$2:$R$366,ROW(INDEX(Jesper!AK$2:AK$366,ROUNDDOWN($C4020/24,0)+1,1))-1)+IF('Standard Profiles'!$G$21=$B$10,7,0)+IF('Standard Profiles'!$G$21=$B$17,14,0)+IF('Standard Profiles'!$G$21=$B$24,21,0),0)),0)</f>
        <v>0.34170517927785277</v>
      </c>
      <c r="H4020" cm="1">
        <f t="array" ref="H4020">IFERROR(INDEX(Jesper!AL$2:AL$366,ROUNDDOWN($C4020/24,0)+1,1)*INDEX($D$3:$AA$30,INDEX(Jesper!$R$2:$R$366,ROW(INDEX(Jesper!AL$2:AL$366,ROUNDDOWN($C4020/24,0)+1,1))-1)+IF('Standard Profiles'!$G$22=$B$10,7,0)+IF('Standard Profiles'!$G$22=$B$17,14,0)+IF('Standard Profiles'!$G$22=$B$24,21,0),MOD($C4020,24)+1)/SUM(INDEX($D$3:$AA$30,INDEX(Jesper!$R$2:$R$366,ROW(INDEX(Jesper!AL$2:AL$366,ROUNDDOWN($C4020/24,0)+1,1))-1)+IF('Standard Profiles'!$G$22=$B$10,7,0)+IF('Standard Profiles'!$G$22=$B$17,14,0)+IF('Standard Profiles'!$G$22=$B$24,21,0),0)),0)</f>
        <v>0</v>
      </c>
      <c r="I4020">
        <f t="shared" si="454"/>
        <v>0.16401848605336924</v>
      </c>
      <c r="J4020">
        <f t="shared" si="455"/>
        <v>6.5678482642073952</v>
      </c>
      <c r="K4020">
        <f t="shared" si="456"/>
        <v>0.53338025491648666</v>
      </c>
      <c r="L4020">
        <f t="shared" si="457"/>
        <v>0.26669012745824333</v>
      </c>
      <c r="M4020">
        <f t="shared" si="458"/>
        <v>0</v>
      </c>
      <c r="N4020" s="45">
        <f t="shared" si="459"/>
        <v>45093.083333323666</v>
      </c>
    </row>
    <row r="4021" spans="2:14" x14ac:dyDescent="0.25">
      <c r="B4021">
        <f t="shared" si="453"/>
        <v>5</v>
      </c>
      <c r="C4021" s="16">
        <v>3987</v>
      </c>
      <c r="D4021" cm="1">
        <f t="array" ref="D4021">IFERROR(INDEX(Jesper!AH$2:AH$366,ROUNDDOWN($C4021/24,0)+1,1)*INDEX($D$3:$AA$30,INDEX(Jesper!$R$2:$R$366,ROW(INDEX(Jesper!AH$2:AH$366,ROUNDDOWN($C4021/24,0)+1,1))-1)+IF('Standard Profiles'!$G$18=$B$10,7,0)+IF('Standard Profiles'!$G$18=$B$17,14,0)+IF('Standard Profiles'!$G$18=$B$24,21,0),MOD($C4021,24)+1)/SUM(INDEX($D$3:$AA$30,INDEX(Jesper!$R$2:$R$366,ROW(INDEX(Jesper!AH$2:AH$366,ROUNDDOWN($C4021/24,0)+1,1))-1)+IF('Standard Profiles'!$G$18=$B$10,7,0)+IF('Standard Profiles'!$G$18=$B$17,14,0)+IF('Standard Profiles'!$G$18=$B$24,21,0),0)),0)</f>
        <v>5.0004398898420623</v>
      </c>
      <c r="E4021" cm="1">
        <f t="array" ref="E4021">IFERROR(INDEX(Jesper!AI$2:AI$366,ROUNDDOWN($C4021/24,0)+1,1)*INDEX($D$3:$AA$30,INDEX(Jesper!$R$2:$R$366,ROW(INDEX(Jesper!AI$2:AI$366,ROUNDDOWN($C4021/24,0)+1,1))-1)+IF('Standard Profiles'!$G$19=$B$10,7,0)+IF('Standard Profiles'!$G$19=$B$17,14,0)+IF('Standard Profiles'!$G$19=$B$24,21,0),MOD($C4021,24)+1)/SUM(INDEX($D$3:$AA$30,INDEX(Jesper!$R$2:$R$366,ROW(INDEX(Jesper!AI$2:AI$366,ROUNDDOWN($C4021/24,0)+1,1))-1)+IF('Standard Profiles'!$G$19=$B$10,7,0)+IF('Standard Profiles'!$G$19=$B$17,14,0)+IF('Standard Profiles'!$G$19=$B$24,21,0),0)),0)</f>
        <v>2.1897920635155788</v>
      </c>
      <c r="F4021" cm="1">
        <f t="array" ref="F4021">IFERROR(INDEX(Jesper!AJ$2:AJ$366,ROUNDDOWN($C4021/24,0)+1,1)*INDEX($D$3:$AA$30,INDEX(Jesper!$R$2:$R$366,ROW(INDEX(Jesper!AJ$2:AJ$366,ROUNDDOWN($C4021/24,0)+1,1))-1)+IF('Standard Profiles'!$G$20=$B$10,7,0)+IF('Standard Profiles'!$G$20=$B$17,14,0)+IF('Standard Profiles'!$G$20=$B$24,21,0),MOD($C4021,24)+1)/SUM(INDEX($D$3:$AA$30,INDEX(Jesper!$R$2:$R$366,ROW(INDEX(Jesper!AJ$2:AJ$366,ROUNDDOWN($C4021/24,0)+1,1))-1)+IF('Standard Profiles'!$G$20=$B$10,7,0)+IF('Standard Profiles'!$G$20=$B$17,14,0)+IF('Standard Profiles'!$G$20=$B$24,21,0),0)),0)</f>
        <v>0</v>
      </c>
      <c r="G4021" cm="1">
        <f t="array" ref="G4021">IFERROR(INDEX(Jesper!AK$2:AK$366,ROUNDDOWN($C4021/24,0)+1,1)*INDEX($D$3:$AA$30,INDEX(Jesper!$R$2:$R$366,ROW(INDEX(Jesper!AK$2:AK$366,ROUNDDOWN($C4021/24,0)+1,1))-1)+IF('Standard Profiles'!$G$21=$B$10,7,0)+IF('Standard Profiles'!$G$21=$B$17,14,0)+IF('Standard Profiles'!$G$21=$B$24,21,0),MOD($C4021,24)+1)/SUM(INDEX($D$3:$AA$30,INDEX(Jesper!$R$2:$R$366,ROW(INDEX(Jesper!AK$2:AK$366,ROUNDDOWN($C4021/24,0)+1,1))-1)+IF('Standard Profiles'!$G$21=$B$10,7,0)+IF('Standard Profiles'!$G$21=$B$17,14,0)+IF('Standard Profiles'!$G$21=$B$24,21,0),0)),0)</f>
        <v>0.34170517927785277</v>
      </c>
      <c r="H4021" cm="1">
        <f t="array" ref="H4021">IFERROR(INDEX(Jesper!AL$2:AL$366,ROUNDDOWN($C4021/24,0)+1,1)*INDEX($D$3:$AA$30,INDEX(Jesper!$R$2:$R$366,ROW(INDEX(Jesper!AL$2:AL$366,ROUNDDOWN($C4021/24,0)+1,1))-1)+IF('Standard Profiles'!$G$22=$B$10,7,0)+IF('Standard Profiles'!$G$22=$B$17,14,0)+IF('Standard Profiles'!$G$22=$B$24,21,0),MOD($C4021,24)+1)/SUM(INDEX($D$3:$AA$30,INDEX(Jesper!$R$2:$R$366,ROW(INDEX(Jesper!AL$2:AL$366,ROUNDDOWN($C4021/24,0)+1,1))-1)+IF('Standard Profiles'!$G$22=$B$10,7,0)+IF('Standard Profiles'!$G$22=$B$17,14,0)+IF('Standard Profiles'!$G$22=$B$24,21,0),0)),0)</f>
        <v>0</v>
      </c>
      <c r="I4021">
        <f t="shared" si="454"/>
        <v>0.16401848605336924</v>
      </c>
      <c r="J4021">
        <f t="shared" si="455"/>
        <v>6.5678482642073952</v>
      </c>
      <c r="K4021">
        <f t="shared" si="456"/>
        <v>0.53338025491648666</v>
      </c>
      <c r="L4021">
        <f t="shared" si="457"/>
        <v>0.26669012745824333</v>
      </c>
      <c r="M4021">
        <f t="shared" si="458"/>
        <v>0</v>
      </c>
      <c r="N4021" s="45">
        <f t="shared" si="459"/>
        <v>45093.12499999033</v>
      </c>
    </row>
    <row r="4022" spans="2:14" x14ac:dyDescent="0.25">
      <c r="B4022">
        <f t="shared" si="453"/>
        <v>5</v>
      </c>
      <c r="C4022" s="16">
        <v>3988</v>
      </c>
      <c r="D4022" cm="1">
        <f t="array" ref="D4022">IFERROR(INDEX(Jesper!AH$2:AH$366,ROUNDDOWN($C4022/24,0)+1,1)*INDEX($D$3:$AA$30,INDEX(Jesper!$R$2:$R$366,ROW(INDEX(Jesper!AH$2:AH$366,ROUNDDOWN($C4022/24,0)+1,1))-1)+IF('Standard Profiles'!$G$18=$B$10,7,0)+IF('Standard Profiles'!$G$18=$B$17,14,0)+IF('Standard Profiles'!$G$18=$B$24,21,0),MOD($C4022,24)+1)/SUM(INDEX($D$3:$AA$30,INDEX(Jesper!$R$2:$R$366,ROW(INDEX(Jesper!AH$2:AH$366,ROUNDDOWN($C4022/24,0)+1,1))-1)+IF('Standard Profiles'!$G$18=$B$10,7,0)+IF('Standard Profiles'!$G$18=$B$17,14,0)+IF('Standard Profiles'!$G$18=$B$24,21,0),0)),0)</f>
        <v>5.0004398898420623</v>
      </c>
      <c r="E4022" cm="1">
        <f t="array" ref="E4022">IFERROR(INDEX(Jesper!AI$2:AI$366,ROUNDDOWN($C4022/24,0)+1,1)*INDEX($D$3:$AA$30,INDEX(Jesper!$R$2:$R$366,ROW(INDEX(Jesper!AI$2:AI$366,ROUNDDOWN($C4022/24,0)+1,1))-1)+IF('Standard Profiles'!$G$19=$B$10,7,0)+IF('Standard Profiles'!$G$19=$B$17,14,0)+IF('Standard Profiles'!$G$19=$B$24,21,0),MOD($C4022,24)+1)/SUM(INDEX($D$3:$AA$30,INDEX(Jesper!$R$2:$R$366,ROW(INDEX(Jesper!AI$2:AI$366,ROUNDDOWN($C4022/24,0)+1,1))-1)+IF('Standard Profiles'!$G$19=$B$10,7,0)+IF('Standard Profiles'!$G$19=$B$17,14,0)+IF('Standard Profiles'!$G$19=$B$24,21,0),0)),0)</f>
        <v>2.1897920635155788</v>
      </c>
      <c r="F4022" cm="1">
        <f t="array" ref="F4022">IFERROR(INDEX(Jesper!AJ$2:AJ$366,ROUNDDOWN($C4022/24,0)+1,1)*INDEX($D$3:$AA$30,INDEX(Jesper!$R$2:$R$366,ROW(INDEX(Jesper!AJ$2:AJ$366,ROUNDDOWN($C4022/24,0)+1,1))-1)+IF('Standard Profiles'!$G$20=$B$10,7,0)+IF('Standard Profiles'!$G$20=$B$17,14,0)+IF('Standard Profiles'!$G$20=$B$24,21,0),MOD($C4022,24)+1)/SUM(INDEX($D$3:$AA$30,INDEX(Jesper!$R$2:$R$366,ROW(INDEX(Jesper!AJ$2:AJ$366,ROUNDDOWN($C4022/24,0)+1,1))-1)+IF('Standard Profiles'!$G$20=$B$10,7,0)+IF('Standard Profiles'!$G$20=$B$17,14,0)+IF('Standard Profiles'!$G$20=$B$24,21,0),0)),0)</f>
        <v>0</v>
      </c>
      <c r="G4022" cm="1">
        <f t="array" ref="G4022">IFERROR(INDEX(Jesper!AK$2:AK$366,ROUNDDOWN($C4022/24,0)+1,1)*INDEX($D$3:$AA$30,INDEX(Jesper!$R$2:$R$366,ROW(INDEX(Jesper!AK$2:AK$366,ROUNDDOWN($C4022/24,0)+1,1))-1)+IF('Standard Profiles'!$G$21=$B$10,7,0)+IF('Standard Profiles'!$G$21=$B$17,14,0)+IF('Standard Profiles'!$G$21=$B$24,21,0),MOD($C4022,24)+1)/SUM(INDEX($D$3:$AA$30,INDEX(Jesper!$R$2:$R$366,ROW(INDEX(Jesper!AK$2:AK$366,ROUNDDOWN($C4022/24,0)+1,1))-1)+IF('Standard Profiles'!$G$21=$B$10,7,0)+IF('Standard Profiles'!$G$21=$B$17,14,0)+IF('Standard Profiles'!$G$21=$B$24,21,0),0)),0)</f>
        <v>0.34170517927785277</v>
      </c>
      <c r="H4022" cm="1">
        <f t="array" ref="H4022">IFERROR(INDEX(Jesper!AL$2:AL$366,ROUNDDOWN($C4022/24,0)+1,1)*INDEX($D$3:$AA$30,INDEX(Jesper!$R$2:$R$366,ROW(INDEX(Jesper!AL$2:AL$366,ROUNDDOWN($C4022/24,0)+1,1))-1)+IF('Standard Profiles'!$G$22=$B$10,7,0)+IF('Standard Profiles'!$G$22=$B$17,14,0)+IF('Standard Profiles'!$G$22=$B$24,21,0),MOD($C4022,24)+1)/SUM(INDEX($D$3:$AA$30,INDEX(Jesper!$R$2:$R$366,ROW(INDEX(Jesper!AL$2:AL$366,ROUNDDOWN($C4022/24,0)+1,1))-1)+IF('Standard Profiles'!$G$22=$B$10,7,0)+IF('Standard Profiles'!$G$22=$B$17,14,0)+IF('Standard Profiles'!$G$22=$B$24,21,0),0)),0)</f>
        <v>0</v>
      </c>
      <c r="I4022">
        <f t="shared" si="454"/>
        <v>0.16401848605336924</v>
      </c>
      <c r="J4022">
        <f t="shared" si="455"/>
        <v>6.5678482642073952</v>
      </c>
      <c r="K4022">
        <f t="shared" si="456"/>
        <v>0.53338025491648666</v>
      </c>
      <c r="L4022">
        <f t="shared" si="457"/>
        <v>0.26669012745824333</v>
      </c>
      <c r="M4022">
        <f t="shared" si="458"/>
        <v>0</v>
      </c>
      <c r="N4022" s="45">
        <f t="shared" si="459"/>
        <v>45093.166666656994</v>
      </c>
    </row>
    <row r="4023" spans="2:14" x14ac:dyDescent="0.25">
      <c r="B4023">
        <f t="shared" si="453"/>
        <v>5</v>
      </c>
      <c r="C4023" s="16">
        <v>3989</v>
      </c>
      <c r="D4023" cm="1">
        <f t="array" ref="D4023">IFERROR(INDEX(Jesper!AH$2:AH$366,ROUNDDOWN($C4023/24,0)+1,1)*INDEX($D$3:$AA$30,INDEX(Jesper!$R$2:$R$366,ROW(INDEX(Jesper!AH$2:AH$366,ROUNDDOWN($C4023/24,0)+1,1))-1)+IF('Standard Profiles'!$G$18=$B$10,7,0)+IF('Standard Profiles'!$G$18=$B$17,14,0)+IF('Standard Profiles'!$G$18=$B$24,21,0),MOD($C4023,24)+1)/SUM(INDEX($D$3:$AA$30,INDEX(Jesper!$R$2:$R$366,ROW(INDEX(Jesper!AH$2:AH$366,ROUNDDOWN($C4023/24,0)+1,1))-1)+IF('Standard Profiles'!$G$18=$B$10,7,0)+IF('Standard Profiles'!$G$18=$B$17,14,0)+IF('Standard Profiles'!$G$18=$B$24,21,0),0)),0)</f>
        <v>5.0004398898420623</v>
      </c>
      <c r="E4023" cm="1">
        <f t="array" ref="E4023">IFERROR(INDEX(Jesper!AI$2:AI$366,ROUNDDOWN($C4023/24,0)+1,1)*INDEX($D$3:$AA$30,INDEX(Jesper!$R$2:$R$366,ROW(INDEX(Jesper!AI$2:AI$366,ROUNDDOWN($C4023/24,0)+1,1))-1)+IF('Standard Profiles'!$G$19=$B$10,7,0)+IF('Standard Profiles'!$G$19=$B$17,14,0)+IF('Standard Profiles'!$G$19=$B$24,21,0),MOD($C4023,24)+1)/SUM(INDEX($D$3:$AA$30,INDEX(Jesper!$R$2:$R$366,ROW(INDEX(Jesper!AI$2:AI$366,ROUNDDOWN($C4023/24,0)+1,1))-1)+IF('Standard Profiles'!$G$19=$B$10,7,0)+IF('Standard Profiles'!$G$19=$B$17,14,0)+IF('Standard Profiles'!$G$19=$B$24,21,0),0)),0)</f>
        <v>2.1897920635155788</v>
      </c>
      <c r="F4023" cm="1">
        <f t="array" ref="F4023">IFERROR(INDEX(Jesper!AJ$2:AJ$366,ROUNDDOWN($C4023/24,0)+1,1)*INDEX($D$3:$AA$30,INDEX(Jesper!$R$2:$R$366,ROW(INDEX(Jesper!AJ$2:AJ$366,ROUNDDOWN($C4023/24,0)+1,1))-1)+IF('Standard Profiles'!$G$20=$B$10,7,0)+IF('Standard Profiles'!$G$20=$B$17,14,0)+IF('Standard Profiles'!$G$20=$B$24,21,0),MOD($C4023,24)+1)/SUM(INDEX($D$3:$AA$30,INDEX(Jesper!$R$2:$R$366,ROW(INDEX(Jesper!AJ$2:AJ$366,ROUNDDOWN($C4023/24,0)+1,1))-1)+IF('Standard Profiles'!$G$20=$B$10,7,0)+IF('Standard Profiles'!$G$20=$B$17,14,0)+IF('Standard Profiles'!$G$20=$B$24,21,0),0)),0)</f>
        <v>0</v>
      </c>
      <c r="G4023" cm="1">
        <f t="array" ref="G4023">IFERROR(INDEX(Jesper!AK$2:AK$366,ROUNDDOWN($C4023/24,0)+1,1)*INDEX($D$3:$AA$30,INDEX(Jesper!$R$2:$R$366,ROW(INDEX(Jesper!AK$2:AK$366,ROUNDDOWN($C4023/24,0)+1,1))-1)+IF('Standard Profiles'!$G$21=$B$10,7,0)+IF('Standard Profiles'!$G$21=$B$17,14,0)+IF('Standard Profiles'!$G$21=$B$24,21,0),MOD($C4023,24)+1)/SUM(INDEX($D$3:$AA$30,INDEX(Jesper!$R$2:$R$366,ROW(INDEX(Jesper!AK$2:AK$366,ROUNDDOWN($C4023/24,0)+1,1))-1)+IF('Standard Profiles'!$G$21=$B$10,7,0)+IF('Standard Profiles'!$G$21=$B$17,14,0)+IF('Standard Profiles'!$G$21=$B$24,21,0),0)),0)</f>
        <v>0.34170517927785277</v>
      </c>
      <c r="H4023" cm="1">
        <f t="array" ref="H4023">IFERROR(INDEX(Jesper!AL$2:AL$366,ROUNDDOWN($C4023/24,0)+1,1)*INDEX($D$3:$AA$30,INDEX(Jesper!$R$2:$R$366,ROW(INDEX(Jesper!AL$2:AL$366,ROUNDDOWN($C4023/24,0)+1,1))-1)+IF('Standard Profiles'!$G$22=$B$10,7,0)+IF('Standard Profiles'!$G$22=$B$17,14,0)+IF('Standard Profiles'!$G$22=$B$24,21,0),MOD($C4023,24)+1)/SUM(INDEX($D$3:$AA$30,INDEX(Jesper!$R$2:$R$366,ROW(INDEX(Jesper!AL$2:AL$366,ROUNDDOWN($C4023/24,0)+1,1))-1)+IF('Standard Profiles'!$G$22=$B$10,7,0)+IF('Standard Profiles'!$G$22=$B$17,14,0)+IF('Standard Profiles'!$G$22=$B$24,21,0),0)),0)</f>
        <v>0</v>
      </c>
      <c r="I4023">
        <f t="shared" si="454"/>
        <v>0.16401848605336924</v>
      </c>
      <c r="J4023">
        <f t="shared" si="455"/>
        <v>6.5678482642073952</v>
      </c>
      <c r="K4023">
        <f t="shared" si="456"/>
        <v>0.53338025491648666</v>
      </c>
      <c r="L4023">
        <f t="shared" si="457"/>
        <v>0.26669012745824333</v>
      </c>
      <c r="M4023">
        <f t="shared" si="458"/>
        <v>0</v>
      </c>
      <c r="N4023" s="45">
        <f t="shared" si="459"/>
        <v>45093.208333323659</v>
      </c>
    </row>
    <row r="4024" spans="2:14" x14ac:dyDescent="0.25">
      <c r="B4024">
        <f t="shared" si="453"/>
        <v>5</v>
      </c>
      <c r="C4024" s="16">
        <v>3990</v>
      </c>
      <c r="D4024" cm="1">
        <f t="array" ref="D4024">IFERROR(INDEX(Jesper!AH$2:AH$366,ROUNDDOWN($C4024/24,0)+1,1)*INDEX($D$3:$AA$30,INDEX(Jesper!$R$2:$R$366,ROW(INDEX(Jesper!AH$2:AH$366,ROUNDDOWN($C4024/24,0)+1,1))-1)+IF('Standard Profiles'!$G$18=$B$10,7,0)+IF('Standard Profiles'!$G$18=$B$17,14,0)+IF('Standard Profiles'!$G$18=$B$24,21,0),MOD($C4024,24)+1)/SUM(INDEX($D$3:$AA$30,INDEX(Jesper!$R$2:$R$366,ROW(INDEX(Jesper!AH$2:AH$366,ROUNDDOWN($C4024/24,0)+1,1))-1)+IF('Standard Profiles'!$G$18=$B$10,7,0)+IF('Standard Profiles'!$G$18=$B$17,14,0)+IF('Standard Profiles'!$G$18=$B$24,21,0),0)),0)</f>
        <v>5.0004398898420623</v>
      </c>
      <c r="E4024" cm="1">
        <f t="array" ref="E4024">IFERROR(INDEX(Jesper!AI$2:AI$366,ROUNDDOWN($C4024/24,0)+1,1)*INDEX($D$3:$AA$30,INDEX(Jesper!$R$2:$R$366,ROW(INDEX(Jesper!AI$2:AI$366,ROUNDDOWN($C4024/24,0)+1,1))-1)+IF('Standard Profiles'!$G$19=$B$10,7,0)+IF('Standard Profiles'!$G$19=$B$17,14,0)+IF('Standard Profiles'!$G$19=$B$24,21,0),MOD($C4024,24)+1)/SUM(INDEX($D$3:$AA$30,INDEX(Jesper!$R$2:$R$366,ROW(INDEX(Jesper!AI$2:AI$366,ROUNDDOWN($C4024/24,0)+1,1))-1)+IF('Standard Profiles'!$G$19=$B$10,7,0)+IF('Standard Profiles'!$G$19=$B$17,14,0)+IF('Standard Profiles'!$G$19=$B$24,21,0),0)),0)</f>
        <v>2.1897920635155788</v>
      </c>
      <c r="F4024" cm="1">
        <f t="array" ref="F4024">IFERROR(INDEX(Jesper!AJ$2:AJ$366,ROUNDDOWN($C4024/24,0)+1,1)*INDEX($D$3:$AA$30,INDEX(Jesper!$R$2:$R$366,ROW(INDEX(Jesper!AJ$2:AJ$366,ROUNDDOWN($C4024/24,0)+1,1))-1)+IF('Standard Profiles'!$G$20=$B$10,7,0)+IF('Standard Profiles'!$G$20=$B$17,14,0)+IF('Standard Profiles'!$G$20=$B$24,21,0),MOD($C4024,24)+1)/SUM(INDEX($D$3:$AA$30,INDEX(Jesper!$R$2:$R$366,ROW(INDEX(Jesper!AJ$2:AJ$366,ROUNDDOWN($C4024/24,0)+1,1))-1)+IF('Standard Profiles'!$G$20=$B$10,7,0)+IF('Standard Profiles'!$G$20=$B$17,14,0)+IF('Standard Profiles'!$G$20=$B$24,21,0),0)),0)</f>
        <v>0</v>
      </c>
      <c r="G4024" cm="1">
        <f t="array" ref="G4024">IFERROR(INDEX(Jesper!AK$2:AK$366,ROUNDDOWN($C4024/24,0)+1,1)*INDEX($D$3:$AA$30,INDEX(Jesper!$R$2:$R$366,ROW(INDEX(Jesper!AK$2:AK$366,ROUNDDOWN($C4024/24,0)+1,1))-1)+IF('Standard Profiles'!$G$21=$B$10,7,0)+IF('Standard Profiles'!$G$21=$B$17,14,0)+IF('Standard Profiles'!$G$21=$B$24,21,0),MOD($C4024,24)+1)/SUM(INDEX($D$3:$AA$30,INDEX(Jesper!$R$2:$R$366,ROW(INDEX(Jesper!AK$2:AK$366,ROUNDDOWN($C4024/24,0)+1,1))-1)+IF('Standard Profiles'!$G$21=$B$10,7,0)+IF('Standard Profiles'!$G$21=$B$17,14,0)+IF('Standard Profiles'!$G$21=$B$24,21,0),0)),0)</f>
        <v>0.34170517927785277</v>
      </c>
      <c r="H4024" cm="1">
        <f t="array" ref="H4024">IFERROR(INDEX(Jesper!AL$2:AL$366,ROUNDDOWN($C4024/24,0)+1,1)*INDEX($D$3:$AA$30,INDEX(Jesper!$R$2:$R$366,ROW(INDEX(Jesper!AL$2:AL$366,ROUNDDOWN($C4024/24,0)+1,1))-1)+IF('Standard Profiles'!$G$22=$B$10,7,0)+IF('Standard Profiles'!$G$22=$B$17,14,0)+IF('Standard Profiles'!$G$22=$B$24,21,0),MOD($C4024,24)+1)/SUM(INDEX($D$3:$AA$30,INDEX(Jesper!$R$2:$R$366,ROW(INDEX(Jesper!AL$2:AL$366,ROUNDDOWN($C4024/24,0)+1,1))-1)+IF('Standard Profiles'!$G$22=$B$10,7,0)+IF('Standard Profiles'!$G$22=$B$17,14,0)+IF('Standard Profiles'!$G$22=$B$24,21,0),0)),0)</f>
        <v>0</v>
      </c>
      <c r="I4024">
        <f t="shared" si="454"/>
        <v>0.16401848605336924</v>
      </c>
      <c r="J4024">
        <f t="shared" si="455"/>
        <v>6.5678482642073952</v>
      </c>
      <c r="K4024">
        <f t="shared" si="456"/>
        <v>0.53338025491648666</v>
      </c>
      <c r="L4024">
        <f t="shared" si="457"/>
        <v>0.26669012745824333</v>
      </c>
      <c r="M4024">
        <f t="shared" si="458"/>
        <v>0</v>
      </c>
      <c r="N4024" s="45">
        <f t="shared" si="459"/>
        <v>45093.249999990323</v>
      </c>
    </row>
    <row r="4025" spans="2:14" x14ac:dyDescent="0.25">
      <c r="B4025">
        <f t="shared" si="453"/>
        <v>5</v>
      </c>
      <c r="C4025" s="16">
        <v>3991</v>
      </c>
      <c r="D4025" cm="1">
        <f t="array" ref="D4025">IFERROR(INDEX(Jesper!AH$2:AH$366,ROUNDDOWN($C4025/24,0)+1,1)*INDEX($D$3:$AA$30,INDEX(Jesper!$R$2:$R$366,ROW(INDEX(Jesper!AH$2:AH$366,ROUNDDOWN($C4025/24,0)+1,1))-1)+IF('Standard Profiles'!$G$18=$B$10,7,0)+IF('Standard Profiles'!$G$18=$B$17,14,0)+IF('Standard Profiles'!$G$18=$B$24,21,0),MOD($C4025,24)+1)/SUM(INDEX($D$3:$AA$30,INDEX(Jesper!$R$2:$R$366,ROW(INDEX(Jesper!AH$2:AH$366,ROUNDDOWN($C4025/24,0)+1,1))-1)+IF('Standard Profiles'!$G$18=$B$10,7,0)+IF('Standard Profiles'!$G$18=$B$17,14,0)+IF('Standard Profiles'!$G$18=$B$24,21,0),0)),0)</f>
        <v>21.301873930727186</v>
      </c>
      <c r="E4025" cm="1">
        <f t="array" ref="E4025">IFERROR(INDEX(Jesper!AI$2:AI$366,ROUNDDOWN($C4025/24,0)+1,1)*INDEX($D$3:$AA$30,INDEX(Jesper!$R$2:$R$366,ROW(INDEX(Jesper!AI$2:AI$366,ROUNDDOWN($C4025/24,0)+1,1))-1)+IF('Standard Profiles'!$G$19=$B$10,7,0)+IF('Standard Profiles'!$G$19=$B$17,14,0)+IF('Standard Profiles'!$G$19=$B$24,21,0),MOD($C4025,24)+1)/SUM(INDEX($D$3:$AA$30,INDEX(Jesper!$R$2:$R$366,ROW(INDEX(Jesper!AI$2:AI$366,ROUNDDOWN($C4025/24,0)+1,1))-1)+IF('Standard Profiles'!$G$19=$B$10,7,0)+IF('Standard Profiles'!$G$19=$B$17,14,0)+IF('Standard Profiles'!$G$19=$B$24,21,0),0)),0)</f>
        <v>9.3285141905763656</v>
      </c>
      <c r="F4025" cm="1">
        <f t="array" ref="F4025">IFERROR(INDEX(Jesper!AJ$2:AJ$366,ROUNDDOWN($C4025/24,0)+1,1)*INDEX($D$3:$AA$30,INDEX(Jesper!$R$2:$R$366,ROW(INDEX(Jesper!AJ$2:AJ$366,ROUNDDOWN($C4025/24,0)+1,1))-1)+IF('Standard Profiles'!$G$20=$B$10,7,0)+IF('Standard Profiles'!$G$20=$B$17,14,0)+IF('Standard Profiles'!$G$20=$B$24,21,0),MOD($C4025,24)+1)/SUM(INDEX($D$3:$AA$30,INDEX(Jesper!$R$2:$R$366,ROW(INDEX(Jesper!AJ$2:AJ$366,ROUNDDOWN($C4025/24,0)+1,1))-1)+IF('Standard Profiles'!$G$20=$B$10,7,0)+IF('Standard Profiles'!$G$20=$B$17,14,0)+IF('Standard Profiles'!$G$20=$B$24,21,0),0)),0)</f>
        <v>0</v>
      </c>
      <c r="G4025" cm="1">
        <f t="array" ref="G4025">IFERROR(INDEX(Jesper!AK$2:AK$366,ROUNDDOWN($C4025/24,0)+1,1)*INDEX($D$3:$AA$30,INDEX(Jesper!$R$2:$R$366,ROW(INDEX(Jesper!AK$2:AK$366,ROUNDDOWN($C4025/24,0)+1,1))-1)+IF('Standard Profiles'!$G$21=$B$10,7,0)+IF('Standard Profiles'!$G$21=$B$17,14,0)+IF('Standard Profiles'!$G$21=$B$24,21,0),MOD($C4025,24)+1)/SUM(INDEX($D$3:$AA$30,INDEX(Jesper!$R$2:$R$366,ROW(INDEX(Jesper!AK$2:AK$366,ROUNDDOWN($C4025/24,0)+1,1))-1)+IF('Standard Profiles'!$G$21=$B$10,7,0)+IF('Standard Profiles'!$G$21=$B$17,14,0)+IF('Standard Profiles'!$G$21=$B$24,21,0),0)),0)</f>
        <v>0.92591080836579465</v>
      </c>
      <c r="H4025" cm="1">
        <f t="array" ref="H4025">IFERROR(INDEX(Jesper!AL$2:AL$366,ROUNDDOWN($C4025/24,0)+1,1)*INDEX($D$3:$AA$30,INDEX(Jesper!$R$2:$R$366,ROW(INDEX(Jesper!AL$2:AL$366,ROUNDDOWN($C4025/24,0)+1,1))-1)+IF('Standard Profiles'!$G$22=$B$10,7,0)+IF('Standard Profiles'!$G$22=$B$17,14,0)+IF('Standard Profiles'!$G$22=$B$24,21,0),MOD($C4025,24)+1)/SUM(INDEX($D$3:$AA$30,INDEX(Jesper!$R$2:$R$366,ROW(INDEX(Jesper!AL$2:AL$366,ROUNDDOWN($C4025/24,0)+1,1))-1)+IF('Standard Profiles'!$G$22=$B$10,7,0)+IF('Standard Profiles'!$G$22=$B$17,14,0)+IF('Standard Profiles'!$G$22=$B$24,21,0),0)),0)</f>
        <v>0</v>
      </c>
      <c r="I4025">
        <f t="shared" si="454"/>
        <v>0.44443718801558119</v>
      </c>
      <c r="J4025">
        <f t="shared" si="455"/>
        <v>27.703561912737413</v>
      </c>
      <c r="K4025">
        <f t="shared" si="456"/>
        <v>2.2721998859442332</v>
      </c>
      <c r="L4025">
        <f t="shared" si="457"/>
        <v>1.1360999429721166</v>
      </c>
      <c r="M4025">
        <f t="shared" si="458"/>
        <v>0</v>
      </c>
      <c r="N4025" s="45">
        <f t="shared" si="459"/>
        <v>45093.291666656987</v>
      </c>
    </row>
    <row r="4026" spans="2:14" x14ac:dyDescent="0.25">
      <c r="B4026">
        <f t="shared" si="453"/>
        <v>5</v>
      </c>
      <c r="C4026" s="16">
        <v>3992</v>
      </c>
      <c r="D4026" cm="1">
        <f t="array" ref="D4026">IFERROR(INDEX(Jesper!AH$2:AH$366,ROUNDDOWN($C4026/24,0)+1,1)*INDEX($D$3:$AA$30,INDEX(Jesper!$R$2:$R$366,ROW(INDEX(Jesper!AH$2:AH$366,ROUNDDOWN($C4026/24,0)+1,1))-1)+IF('Standard Profiles'!$G$18=$B$10,7,0)+IF('Standard Profiles'!$G$18=$B$17,14,0)+IF('Standard Profiles'!$G$18=$B$24,21,0),MOD($C4026,24)+1)/SUM(INDEX($D$3:$AA$30,INDEX(Jesper!$R$2:$R$366,ROW(INDEX(Jesper!AH$2:AH$366,ROUNDDOWN($C4026/24,0)+1,1))-1)+IF('Standard Profiles'!$G$18=$B$10,7,0)+IF('Standard Profiles'!$G$18=$B$17,14,0)+IF('Standard Profiles'!$G$18=$B$24,21,0),0)),0)</f>
        <v>26.627342413408986</v>
      </c>
      <c r="E4026" cm="1">
        <f t="array" ref="E4026">IFERROR(INDEX(Jesper!AI$2:AI$366,ROUNDDOWN($C4026/24,0)+1,1)*INDEX($D$3:$AA$30,INDEX(Jesper!$R$2:$R$366,ROW(INDEX(Jesper!AI$2:AI$366,ROUNDDOWN($C4026/24,0)+1,1))-1)+IF('Standard Profiles'!$G$19=$B$10,7,0)+IF('Standard Profiles'!$G$19=$B$17,14,0)+IF('Standard Profiles'!$G$19=$B$24,21,0),MOD($C4026,24)+1)/SUM(INDEX($D$3:$AA$30,INDEX(Jesper!$R$2:$R$366,ROW(INDEX(Jesper!AI$2:AI$366,ROUNDDOWN($C4026/24,0)+1,1))-1)+IF('Standard Profiles'!$G$19=$B$10,7,0)+IF('Standard Profiles'!$G$19=$B$17,14,0)+IF('Standard Profiles'!$G$19=$B$24,21,0),0)),0)</f>
        <v>11.660642738220458</v>
      </c>
      <c r="F4026" cm="1">
        <f t="array" ref="F4026">IFERROR(INDEX(Jesper!AJ$2:AJ$366,ROUNDDOWN($C4026/24,0)+1,1)*INDEX($D$3:$AA$30,INDEX(Jesper!$R$2:$R$366,ROW(INDEX(Jesper!AJ$2:AJ$366,ROUNDDOWN($C4026/24,0)+1,1))-1)+IF('Standard Profiles'!$G$20=$B$10,7,0)+IF('Standard Profiles'!$G$20=$B$17,14,0)+IF('Standard Profiles'!$G$20=$B$24,21,0),MOD($C4026,24)+1)/SUM(INDEX($D$3:$AA$30,INDEX(Jesper!$R$2:$R$366,ROW(INDEX(Jesper!AJ$2:AJ$366,ROUNDDOWN($C4026/24,0)+1,1))-1)+IF('Standard Profiles'!$G$20=$B$10,7,0)+IF('Standard Profiles'!$G$20=$B$17,14,0)+IF('Standard Profiles'!$G$20=$B$24,21,0),0)),0)</f>
        <v>0</v>
      </c>
      <c r="G4026" cm="1">
        <f t="array" ref="G4026">IFERROR(INDEX(Jesper!AK$2:AK$366,ROUNDDOWN($C4026/24,0)+1,1)*INDEX($D$3:$AA$30,INDEX(Jesper!$R$2:$R$366,ROW(INDEX(Jesper!AK$2:AK$366,ROUNDDOWN($C4026/24,0)+1,1))-1)+IF('Standard Profiles'!$G$21=$B$10,7,0)+IF('Standard Profiles'!$G$21=$B$17,14,0)+IF('Standard Profiles'!$G$21=$B$24,21,0),MOD($C4026,24)+1)/SUM(INDEX($D$3:$AA$30,INDEX(Jesper!$R$2:$R$366,ROW(INDEX(Jesper!AK$2:AK$366,ROUNDDOWN($C4026/24,0)+1,1))-1)+IF('Standard Profiles'!$G$21=$B$10,7,0)+IF('Standard Profiles'!$G$21=$B$17,14,0)+IF('Standard Profiles'!$G$21=$B$24,21,0),0)),0)</f>
        <v>1.1573885104572432</v>
      </c>
      <c r="H4026" cm="1">
        <f t="array" ref="H4026">IFERROR(INDEX(Jesper!AL$2:AL$366,ROUNDDOWN($C4026/24,0)+1,1)*INDEX($D$3:$AA$30,INDEX(Jesper!$R$2:$R$366,ROW(INDEX(Jesper!AL$2:AL$366,ROUNDDOWN($C4026/24,0)+1,1))-1)+IF('Standard Profiles'!$G$22=$B$10,7,0)+IF('Standard Profiles'!$G$22=$B$17,14,0)+IF('Standard Profiles'!$G$22=$B$24,21,0),MOD($C4026,24)+1)/SUM(INDEX($D$3:$AA$30,INDEX(Jesper!$R$2:$R$366,ROW(INDEX(Jesper!AL$2:AL$366,ROUNDDOWN($C4026/24,0)+1,1))-1)+IF('Standard Profiles'!$G$22=$B$10,7,0)+IF('Standard Profiles'!$G$22=$B$17,14,0)+IF('Standard Profiles'!$G$22=$B$24,21,0),0)),0)</f>
        <v>0</v>
      </c>
      <c r="I4026">
        <f t="shared" si="454"/>
        <v>0.55554648501947645</v>
      </c>
      <c r="J4026">
        <f t="shared" si="455"/>
        <v>34.629452390921777</v>
      </c>
      <c r="K4026">
        <f t="shared" si="456"/>
        <v>2.8402498574302921</v>
      </c>
      <c r="L4026">
        <f t="shared" si="457"/>
        <v>1.4201249287151461</v>
      </c>
      <c r="M4026">
        <f t="shared" si="458"/>
        <v>0</v>
      </c>
      <c r="N4026" s="45">
        <f t="shared" si="459"/>
        <v>45093.333333323651</v>
      </c>
    </row>
    <row r="4027" spans="2:14" x14ac:dyDescent="0.25">
      <c r="B4027">
        <f t="shared" si="453"/>
        <v>5</v>
      </c>
      <c r="C4027" s="16">
        <v>3993</v>
      </c>
      <c r="D4027" cm="1">
        <f t="array" ref="D4027">IFERROR(INDEX(Jesper!AH$2:AH$366,ROUNDDOWN($C4027/24,0)+1,1)*INDEX($D$3:$AA$30,INDEX(Jesper!$R$2:$R$366,ROW(INDEX(Jesper!AH$2:AH$366,ROUNDDOWN($C4027/24,0)+1,1))-1)+IF('Standard Profiles'!$G$18=$B$10,7,0)+IF('Standard Profiles'!$G$18=$B$17,14,0)+IF('Standard Profiles'!$G$18=$B$24,21,0),MOD($C4027,24)+1)/SUM(INDEX($D$3:$AA$30,INDEX(Jesper!$R$2:$R$366,ROW(INDEX(Jesper!AH$2:AH$366,ROUNDDOWN($C4027/24,0)+1,1))-1)+IF('Standard Profiles'!$G$18=$B$10,7,0)+IF('Standard Profiles'!$G$18=$B$17,14,0)+IF('Standard Profiles'!$G$18=$B$24,21,0),0)),0)</f>
        <v>29.290076654749882</v>
      </c>
      <c r="E4027" cm="1">
        <f t="array" ref="E4027">IFERROR(INDEX(Jesper!AI$2:AI$366,ROUNDDOWN($C4027/24,0)+1,1)*INDEX($D$3:$AA$30,INDEX(Jesper!$R$2:$R$366,ROW(INDEX(Jesper!AI$2:AI$366,ROUNDDOWN($C4027/24,0)+1,1))-1)+IF('Standard Profiles'!$G$19=$B$10,7,0)+IF('Standard Profiles'!$G$19=$B$17,14,0)+IF('Standard Profiles'!$G$19=$B$24,21,0),MOD($C4027,24)+1)/SUM(INDEX($D$3:$AA$30,INDEX(Jesper!$R$2:$R$366,ROW(INDEX(Jesper!AI$2:AI$366,ROUNDDOWN($C4027/24,0)+1,1))-1)+IF('Standard Profiles'!$G$19=$B$10,7,0)+IF('Standard Profiles'!$G$19=$B$17,14,0)+IF('Standard Profiles'!$G$19=$B$24,21,0),0)),0)</f>
        <v>12.826707012042503</v>
      </c>
      <c r="F4027" cm="1">
        <f t="array" ref="F4027">IFERROR(INDEX(Jesper!AJ$2:AJ$366,ROUNDDOWN($C4027/24,0)+1,1)*INDEX($D$3:$AA$30,INDEX(Jesper!$R$2:$R$366,ROW(INDEX(Jesper!AJ$2:AJ$366,ROUNDDOWN($C4027/24,0)+1,1))-1)+IF('Standard Profiles'!$G$20=$B$10,7,0)+IF('Standard Profiles'!$G$20=$B$17,14,0)+IF('Standard Profiles'!$G$20=$B$24,21,0),MOD($C4027,24)+1)/SUM(INDEX($D$3:$AA$30,INDEX(Jesper!$R$2:$R$366,ROW(INDEX(Jesper!AJ$2:AJ$366,ROUNDDOWN($C4027/24,0)+1,1))-1)+IF('Standard Profiles'!$G$20=$B$10,7,0)+IF('Standard Profiles'!$G$20=$B$17,14,0)+IF('Standard Profiles'!$G$20=$B$24,21,0),0)),0)</f>
        <v>0</v>
      </c>
      <c r="G4027" cm="1">
        <f t="array" ref="G4027">IFERROR(INDEX(Jesper!AK$2:AK$366,ROUNDDOWN($C4027/24,0)+1,1)*INDEX($D$3:$AA$30,INDEX(Jesper!$R$2:$R$366,ROW(INDEX(Jesper!AK$2:AK$366,ROUNDDOWN($C4027/24,0)+1,1))-1)+IF('Standard Profiles'!$G$21=$B$10,7,0)+IF('Standard Profiles'!$G$21=$B$17,14,0)+IF('Standard Profiles'!$G$21=$B$24,21,0),MOD($C4027,24)+1)/SUM(INDEX($D$3:$AA$30,INDEX(Jesper!$R$2:$R$366,ROW(INDEX(Jesper!AK$2:AK$366,ROUNDDOWN($C4027/24,0)+1,1))-1)+IF('Standard Profiles'!$G$21=$B$10,7,0)+IF('Standard Profiles'!$G$21=$B$17,14,0)+IF('Standard Profiles'!$G$21=$B$24,21,0),0)),0)</f>
        <v>1.2731273615029677</v>
      </c>
      <c r="H4027" cm="1">
        <f t="array" ref="H4027">IFERROR(INDEX(Jesper!AL$2:AL$366,ROUNDDOWN($C4027/24,0)+1,1)*INDEX($D$3:$AA$30,INDEX(Jesper!$R$2:$R$366,ROW(INDEX(Jesper!AL$2:AL$366,ROUNDDOWN($C4027/24,0)+1,1))-1)+IF('Standard Profiles'!$G$22=$B$10,7,0)+IF('Standard Profiles'!$G$22=$B$17,14,0)+IF('Standard Profiles'!$G$22=$B$24,21,0),MOD($C4027,24)+1)/SUM(INDEX($D$3:$AA$30,INDEX(Jesper!$R$2:$R$366,ROW(INDEX(Jesper!AL$2:AL$366,ROUNDDOWN($C4027/24,0)+1,1))-1)+IF('Standard Profiles'!$G$22=$B$10,7,0)+IF('Standard Profiles'!$G$22=$B$17,14,0)+IF('Standard Profiles'!$G$22=$B$24,21,0),0)),0)</f>
        <v>0</v>
      </c>
      <c r="I4027">
        <f t="shared" si="454"/>
        <v>0.61110113352142414</v>
      </c>
      <c r="J4027">
        <f t="shared" si="455"/>
        <v>38.092397630013942</v>
      </c>
      <c r="K4027">
        <f t="shared" si="456"/>
        <v>3.1242748431733207</v>
      </c>
      <c r="L4027">
        <f t="shared" si="457"/>
        <v>1.5621374215866604</v>
      </c>
      <c r="M4027">
        <f t="shared" si="458"/>
        <v>0</v>
      </c>
      <c r="N4027" s="45">
        <f t="shared" si="459"/>
        <v>45093.374999990316</v>
      </c>
    </row>
    <row r="4028" spans="2:14" x14ac:dyDescent="0.25">
      <c r="B4028">
        <f t="shared" si="453"/>
        <v>5</v>
      </c>
      <c r="C4028" s="16">
        <v>3994</v>
      </c>
      <c r="D4028" cm="1">
        <f t="array" ref="D4028">IFERROR(INDEX(Jesper!AH$2:AH$366,ROUNDDOWN($C4028/24,0)+1,1)*INDEX($D$3:$AA$30,INDEX(Jesper!$R$2:$R$366,ROW(INDEX(Jesper!AH$2:AH$366,ROUNDDOWN($C4028/24,0)+1,1))-1)+IF('Standard Profiles'!$G$18=$B$10,7,0)+IF('Standard Profiles'!$G$18=$B$17,14,0)+IF('Standard Profiles'!$G$18=$B$24,21,0),MOD($C4028,24)+1)/SUM(INDEX($D$3:$AA$30,INDEX(Jesper!$R$2:$R$366,ROW(INDEX(Jesper!AH$2:AH$366,ROUNDDOWN($C4028/24,0)+1,1))-1)+IF('Standard Profiles'!$G$18=$B$10,7,0)+IF('Standard Profiles'!$G$18=$B$17,14,0)+IF('Standard Profiles'!$G$18=$B$24,21,0),0)),0)</f>
        <v>29.290076654749882</v>
      </c>
      <c r="E4028" cm="1">
        <f t="array" ref="E4028">IFERROR(INDEX(Jesper!AI$2:AI$366,ROUNDDOWN($C4028/24,0)+1,1)*INDEX($D$3:$AA$30,INDEX(Jesper!$R$2:$R$366,ROW(INDEX(Jesper!AI$2:AI$366,ROUNDDOWN($C4028/24,0)+1,1))-1)+IF('Standard Profiles'!$G$19=$B$10,7,0)+IF('Standard Profiles'!$G$19=$B$17,14,0)+IF('Standard Profiles'!$G$19=$B$24,21,0),MOD($C4028,24)+1)/SUM(INDEX($D$3:$AA$30,INDEX(Jesper!$R$2:$R$366,ROW(INDEX(Jesper!AI$2:AI$366,ROUNDDOWN($C4028/24,0)+1,1))-1)+IF('Standard Profiles'!$G$19=$B$10,7,0)+IF('Standard Profiles'!$G$19=$B$17,14,0)+IF('Standard Profiles'!$G$19=$B$24,21,0),0)),0)</f>
        <v>12.826707012042503</v>
      </c>
      <c r="F4028" cm="1">
        <f t="array" ref="F4028">IFERROR(INDEX(Jesper!AJ$2:AJ$366,ROUNDDOWN($C4028/24,0)+1,1)*INDEX($D$3:$AA$30,INDEX(Jesper!$R$2:$R$366,ROW(INDEX(Jesper!AJ$2:AJ$366,ROUNDDOWN($C4028/24,0)+1,1))-1)+IF('Standard Profiles'!$G$20=$B$10,7,0)+IF('Standard Profiles'!$G$20=$B$17,14,0)+IF('Standard Profiles'!$G$20=$B$24,21,0),MOD($C4028,24)+1)/SUM(INDEX($D$3:$AA$30,INDEX(Jesper!$R$2:$R$366,ROW(INDEX(Jesper!AJ$2:AJ$366,ROUNDDOWN($C4028/24,0)+1,1))-1)+IF('Standard Profiles'!$G$20=$B$10,7,0)+IF('Standard Profiles'!$G$20=$B$17,14,0)+IF('Standard Profiles'!$G$20=$B$24,21,0),0)),0)</f>
        <v>0</v>
      </c>
      <c r="G4028" cm="1">
        <f t="array" ref="G4028">IFERROR(INDEX(Jesper!AK$2:AK$366,ROUNDDOWN($C4028/24,0)+1,1)*INDEX($D$3:$AA$30,INDEX(Jesper!$R$2:$R$366,ROW(INDEX(Jesper!AK$2:AK$366,ROUNDDOWN($C4028/24,0)+1,1))-1)+IF('Standard Profiles'!$G$21=$B$10,7,0)+IF('Standard Profiles'!$G$21=$B$17,14,0)+IF('Standard Profiles'!$G$21=$B$24,21,0),MOD($C4028,24)+1)/SUM(INDEX($D$3:$AA$30,INDEX(Jesper!$R$2:$R$366,ROW(INDEX(Jesper!AK$2:AK$366,ROUNDDOWN($C4028/24,0)+1,1))-1)+IF('Standard Profiles'!$G$21=$B$10,7,0)+IF('Standard Profiles'!$G$21=$B$17,14,0)+IF('Standard Profiles'!$G$21=$B$24,21,0),0)),0)</f>
        <v>1.2731273615029677</v>
      </c>
      <c r="H4028" cm="1">
        <f t="array" ref="H4028">IFERROR(INDEX(Jesper!AL$2:AL$366,ROUNDDOWN($C4028/24,0)+1,1)*INDEX($D$3:$AA$30,INDEX(Jesper!$R$2:$R$366,ROW(INDEX(Jesper!AL$2:AL$366,ROUNDDOWN($C4028/24,0)+1,1))-1)+IF('Standard Profiles'!$G$22=$B$10,7,0)+IF('Standard Profiles'!$G$22=$B$17,14,0)+IF('Standard Profiles'!$G$22=$B$24,21,0),MOD($C4028,24)+1)/SUM(INDEX($D$3:$AA$30,INDEX(Jesper!$R$2:$R$366,ROW(INDEX(Jesper!AL$2:AL$366,ROUNDDOWN($C4028/24,0)+1,1))-1)+IF('Standard Profiles'!$G$22=$B$10,7,0)+IF('Standard Profiles'!$G$22=$B$17,14,0)+IF('Standard Profiles'!$G$22=$B$24,21,0),0)),0)</f>
        <v>0</v>
      </c>
      <c r="I4028">
        <f t="shared" si="454"/>
        <v>0.61110113352142414</v>
      </c>
      <c r="J4028">
        <f t="shared" si="455"/>
        <v>38.092397630013942</v>
      </c>
      <c r="K4028">
        <f t="shared" si="456"/>
        <v>3.1242748431733207</v>
      </c>
      <c r="L4028">
        <f t="shared" si="457"/>
        <v>1.5621374215866604</v>
      </c>
      <c r="M4028">
        <f t="shared" si="458"/>
        <v>0</v>
      </c>
      <c r="N4028" s="45">
        <f t="shared" si="459"/>
        <v>45093.41666665698</v>
      </c>
    </row>
    <row r="4029" spans="2:14" x14ac:dyDescent="0.25">
      <c r="B4029">
        <f t="shared" si="453"/>
        <v>5</v>
      </c>
      <c r="C4029" s="16">
        <v>3995</v>
      </c>
      <c r="D4029" cm="1">
        <f t="array" ref="D4029">IFERROR(INDEX(Jesper!AH$2:AH$366,ROUNDDOWN($C4029/24,0)+1,1)*INDEX($D$3:$AA$30,INDEX(Jesper!$R$2:$R$366,ROW(INDEX(Jesper!AH$2:AH$366,ROUNDDOWN($C4029/24,0)+1,1))-1)+IF('Standard Profiles'!$G$18=$B$10,7,0)+IF('Standard Profiles'!$G$18=$B$17,14,0)+IF('Standard Profiles'!$G$18=$B$24,21,0),MOD($C4029,24)+1)/SUM(INDEX($D$3:$AA$30,INDEX(Jesper!$R$2:$R$366,ROW(INDEX(Jesper!AH$2:AH$366,ROUNDDOWN($C4029/24,0)+1,1))-1)+IF('Standard Profiles'!$G$18=$B$10,7,0)+IF('Standard Profiles'!$G$18=$B$17,14,0)+IF('Standard Profiles'!$G$18=$B$24,21,0),0)),0)</f>
        <v>34.615545137431681</v>
      </c>
      <c r="E4029" cm="1">
        <f t="array" ref="E4029">IFERROR(INDEX(Jesper!AI$2:AI$366,ROUNDDOWN($C4029/24,0)+1,1)*INDEX($D$3:$AA$30,INDEX(Jesper!$R$2:$R$366,ROW(INDEX(Jesper!AI$2:AI$366,ROUNDDOWN($C4029/24,0)+1,1))-1)+IF('Standard Profiles'!$G$19=$B$10,7,0)+IF('Standard Profiles'!$G$19=$B$17,14,0)+IF('Standard Profiles'!$G$19=$B$24,21,0),MOD($C4029,24)+1)/SUM(INDEX($D$3:$AA$30,INDEX(Jesper!$R$2:$R$366,ROW(INDEX(Jesper!AI$2:AI$366,ROUNDDOWN($C4029/24,0)+1,1))-1)+IF('Standard Profiles'!$G$19=$B$10,7,0)+IF('Standard Profiles'!$G$19=$B$17,14,0)+IF('Standard Profiles'!$G$19=$B$24,21,0),0)),0)</f>
        <v>15.158835559686594</v>
      </c>
      <c r="F4029" cm="1">
        <f t="array" ref="F4029">IFERROR(INDEX(Jesper!AJ$2:AJ$366,ROUNDDOWN($C4029/24,0)+1,1)*INDEX($D$3:$AA$30,INDEX(Jesper!$R$2:$R$366,ROW(INDEX(Jesper!AJ$2:AJ$366,ROUNDDOWN($C4029/24,0)+1,1))-1)+IF('Standard Profiles'!$G$20=$B$10,7,0)+IF('Standard Profiles'!$G$20=$B$17,14,0)+IF('Standard Profiles'!$G$20=$B$24,21,0),MOD($C4029,24)+1)/SUM(INDEX($D$3:$AA$30,INDEX(Jesper!$R$2:$R$366,ROW(INDEX(Jesper!AJ$2:AJ$366,ROUNDDOWN($C4029/24,0)+1,1))-1)+IF('Standard Profiles'!$G$20=$B$10,7,0)+IF('Standard Profiles'!$G$20=$B$17,14,0)+IF('Standard Profiles'!$G$20=$B$24,21,0),0)),0)</f>
        <v>0</v>
      </c>
      <c r="G4029" cm="1">
        <f t="array" ref="G4029">IFERROR(INDEX(Jesper!AK$2:AK$366,ROUNDDOWN($C4029/24,0)+1,1)*INDEX($D$3:$AA$30,INDEX(Jesper!$R$2:$R$366,ROW(INDEX(Jesper!AK$2:AK$366,ROUNDDOWN($C4029/24,0)+1,1))-1)+IF('Standard Profiles'!$G$21=$B$10,7,0)+IF('Standard Profiles'!$G$21=$B$17,14,0)+IF('Standard Profiles'!$G$21=$B$24,21,0),MOD($C4029,24)+1)/SUM(INDEX($D$3:$AA$30,INDEX(Jesper!$R$2:$R$366,ROW(INDEX(Jesper!AK$2:AK$366,ROUNDDOWN($C4029/24,0)+1,1))-1)+IF('Standard Profiles'!$G$21=$B$10,7,0)+IF('Standard Profiles'!$G$21=$B$17,14,0)+IF('Standard Profiles'!$G$21=$B$24,21,0),0)),0)</f>
        <v>1.5046050635944161</v>
      </c>
      <c r="H4029" cm="1">
        <f t="array" ref="H4029">IFERROR(INDEX(Jesper!AL$2:AL$366,ROUNDDOWN($C4029/24,0)+1,1)*INDEX($D$3:$AA$30,INDEX(Jesper!$R$2:$R$366,ROW(INDEX(Jesper!AL$2:AL$366,ROUNDDOWN($C4029/24,0)+1,1))-1)+IF('Standard Profiles'!$G$22=$B$10,7,0)+IF('Standard Profiles'!$G$22=$B$17,14,0)+IF('Standard Profiles'!$G$22=$B$24,21,0),MOD($C4029,24)+1)/SUM(INDEX($D$3:$AA$30,INDEX(Jesper!$R$2:$R$366,ROW(INDEX(Jesper!AL$2:AL$366,ROUNDDOWN($C4029/24,0)+1,1))-1)+IF('Standard Profiles'!$G$22=$B$10,7,0)+IF('Standard Profiles'!$G$22=$B$17,14,0)+IF('Standard Profiles'!$G$22=$B$24,21,0),0)),0)</f>
        <v>0</v>
      </c>
      <c r="I4029">
        <f t="shared" si="454"/>
        <v>0.72221043052531941</v>
      </c>
      <c r="J4029">
        <f t="shared" si="455"/>
        <v>45.018288108198298</v>
      </c>
      <c r="K4029">
        <f t="shared" si="456"/>
        <v>3.6923248146593797</v>
      </c>
      <c r="L4029">
        <f t="shared" si="457"/>
        <v>1.8461624073296898</v>
      </c>
      <c r="M4029">
        <f t="shared" si="458"/>
        <v>0</v>
      </c>
      <c r="N4029" s="45">
        <f t="shared" si="459"/>
        <v>45093.458333323644</v>
      </c>
    </row>
    <row r="4030" spans="2:14" x14ac:dyDescent="0.25">
      <c r="B4030">
        <f t="shared" si="453"/>
        <v>5</v>
      </c>
      <c r="C4030" s="16">
        <v>3996</v>
      </c>
      <c r="D4030" cm="1">
        <f t="array" ref="D4030">IFERROR(INDEX(Jesper!AH$2:AH$366,ROUNDDOWN($C4030/24,0)+1,1)*INDEX($D$3:$AA$30,INDEX(Jesper!$R$2:$R$366,ROW(INDEX(Jesper!AH$2:AH$366,ROUNDDOWN($C4030/24,0)+1,1))-1)+IF('Standard Profiles'!$G$18=$B$10,7,0)+IF('Standard Profiles'!$G$18=$B$17,14,0)+IF('Standard Profiles'!$G$18=$B$24,21,0),MOD($C4030,24)+1)/SUM(INDEX($D$3:$AA$30,INDEX(Jesper!$R$2:$R$366,ROW(INDEX(Jesper!AH$2:AH$366,ROUNDDOWN($C4030/24,0)+1,1))-1)+IF('Standard Profiles'!$G$18=$B$10,7,0)+IF('Standard Profiles'!$G$18=$B$17,14,0)+IF('Standard Profiles'!$G$18=$B$24,21,0),0)),0)</f>
        <v>34.615545137431681</v>
      </c>
      <c r="E4030" cm="1">
        <f t="array" ref="E4030">IFERROR(INDEX(Jesper!AI$2:AI$366,ROUNDDOWN($C4030/24,0)+1,1)*INDEX($D$3:$AA$30,INDEX(Jesper!$R$2:$R$366,ROW(INDEX(Jesper!AI$2:AI$366,ROUNDDOWN($C4030/24,0)+1,1))-1)+IF('Standard Profiles'!$G$19=$B$10,7,0)+IF('Standard Profiles'!$G$19=$B$17,14,0)+IF('Standard Profiles'!$G$19=$B$24,21,0),MOD($C4030,24)+1)/SUM(INDEX($D$3:$AA$30,INDEX(Jesper!$R$2:$R$366,ROW(INDEX(Jesper!AI$2:AI$366,ROUNDDOWN($C4030/24,0)+1,1))-1)+IF('Standard Profiles'!$G$19=$B$10,7,0)+IF('Standard Profiles'!$G$19=$B$17,14,0)+IF('Standard Profiles'!$G$19=$B$24,21,0),0)),0)</f>
        <v>15.158835559686594</v>
      </c>
      <c r="F4030" cm="1">
        <f t="array" ref="F4030">IFERROR(INDEX(Jesper!AJ$2:AJ$366,ROUNDDOWN($C4030/24,0)+1,1)*INDEX($D$3:$AA$30,INDEX(Jesper!$R$2:$R$366,ROW(INDEX(Jesper!AJ$2:AJ$366,ROUNDDOWN($C4030/24,0)+1,1))-1)+IF('Standard Profiles'!$G$20=$B$10,7,0)+IF('Standard Profiles'!$G$20=$B$17,14,0)+IF('Standard Profiles'!$G$20=$B$24,21,0),MOD($C4030,24)+1)/SUM(INDEX($D$3:$AA$30,INDEX(Jesper!$R$2:$R$366,ROW(INDEX(Jesper!AJ$2:AJ$366,ROUNDDOWN($C4030/24,0)+1,1))-1)+IF('Standard Profiles'!$G$20=$B$10,7,0)+IF('Standard Profiles'!$G$20=$B$17,14,0)+IF('Standard Profiles'!$G$20=$B$24,21,0),0)),0)</f>
        <v>0</v>
      </c>
      <c r="G4030" cm="1">
        <f t="array" ref="G4030">IFERROR(INDEX(Jesper!AK$2:AK$366,ROUNDDOWN($C4030/24,0)+1,1)*INDEX($D$3:$AA$30,INDEX(Jesper!$R$2:$R$366,ROW(INDEX(Jesper!AK$2:AK$366,ROUNDDOWN($C4030/24,0)+1,1))-1)+IF('Standard Profiles'!$G$21=$B$10,7,0)+IF('Standard Profiles'!$G$21=$B$17,14,0)+IF('Standard Profiles'!$G$21=$B$24,21,0),MOD($C4030,24)+1)/SUM(INDEX($D$3:$AA$30,INDEX(Jesper!$R$2:$R$366,ROW(INDEX(Jesper!AK$2:AK$366,ROUNDDOWN($C4030/24,0)+1,1))-1)+IF('Standard Profiles'!$G$21=$B$10,7,0)+IF('Standard Profiles'!$G$21=$B$17,14,0)+IF('Standard Profiles'!$G$21=$B$24,21,0),0)),0)</f>
        <v>1.5046050635944161</v>
      </c>
      <c r="H4030" cm="1">
        <f t="array" ref="H4030">IFERROR(INDEX(Jesper!AL$2:AL$366,ROUNDDOWN($C4030/24,0)+1,1)*INDEX($D$3:$AA$30,INDEX(Jesper!$R$2:$R$366,ROW(INDEX(Jesper!AL$2:AL$366,ROUNDDOWN($C4030/24,0)+1,1))-1)+IF('Standard Profiles'!$G$22=$B$10,7,0)+IF('Standard Profiles'!$G$22=$B$17,14,0)+IF('Standard Profiles'!$G$22=$B$24,21,0),MOD($C4030,24)+1)/SUM(INDEX($D$3:$AA$30,INDEX(Jesper!$R$2:$R$366,ROW(INDEX(Jesper!AL$2:AL$366,ROUNDDOWN($C4030/24,0)+1,1))-1)+IF('Standard Profiles'!$G$22=$B$10,7,0)+IF('Standard Profiles'!$G$22=$B$17,14,0)+IF('Standard Profiles'!$G$22=$B$24,21,0),0)),0)</f>
        <v>0</v>
      </c>
      <c r="I4030">
        <f t="shared" si="454"/>
        <v>0.72221043052531941</v>
      </c>
      <c r="J4030">
        <f t="shared" si="455"/>
        <v>45.018288108198298</v>
      </c>
      <c r="K4030">
        <f t="shared" si="456"/>
        <v>3.6923248146593797</v>
      </c>
      <c r="L4030">
        <f t="shared" si="457"/>
        <v>1.8461624073296898</v>
      </c>
      <c r="M4030">
        <f t="shared" si="458"/>
        <v>0</v>
      </c>
      <c r="N4030" s="45">
        <f t="shared" si="459"/>
        <v>45093.499999990308</v>
      </c>
    </row>
    <row r="4031" spans="2:14" x14ac:dyDescent="0.25">
      <c r="B4031">
        <f t="shared" si="453"/>
        <v>5</v>
      </c>
      <c r="C4031" s="16">
        <v>3997</v>
      </c>
      <c r="D4031" cm="1">
        <f t="array" ref="D4031">IFERROR(INDEX(Jesper!AH$2:AH$366,ROUNDDOWN($C4031/24,0)+1,1)*INDEX($D$3:$AA$30,INDEX(Jesper!$R$2:$R$366,ROW(INDEX(Jesper!AH$2:AH$366,ROUNDDOWN($C4031/24,0)+1,1))-1)+IF('Standard Profiles'!$G$18=$B$10,7,0)+IF('Standard Profiles'!$G$18=$B$17,14,0)+IF('Standard Profiles'!$G$18=$B$24,21,0),MOD($C4031,24)+1)/SUM(INDEX($D$3:$AA$30,INDEX(Jesper!$R$2:$R$366,ROW(INDEX(Jesper!AH$2:AH$366,ROUNDDOWN($C4031/24,0)+1,1))-1)+IF('Standard Profiles'!$G$18=$B$10,7,0)+IF('Standard Profiles'!$G$18=$B$17,14,0)+IF('Standard Profiles'!$G$18=$B$24,21,0),0)),0)</f>
        <v>23.964608172068086</v>
      </c>
      <c r="E4031" cm="1">
        <f t="array" ref="E4031">IFERROR(INDEX(Jesper!AI$2:AI$366,ROUNDDOWN($C4031/24,0)+1,1)*INDEX($D$3:$AA$30,INDEX(Jesper!$R$2:$R$366,ROW(INDEX(Jesper!AI$2:AI$366,ROUNDDOWN($C4031/24,0)+1,1))-1)+IF('Standard Profiles'!$G$19=$B$10,7,0)+IF('Standard Profiles'!$G$19=$B$17,14,0)+IF('Standard Profiles'!$G$19=$B$24,21,0),MOD($C4031,24)+1)/SUM(INDEX($D$3:$AA$30,INDEX(Jesper!$R$2:$R$366,ROW(INDEX(Jesper!AI$2:AI$366,ROUNDDOWN($C4031/24,0)+1,1))-1)+IF('Standard Profiles'!$G$19=$B$10,7,0)+IF('Standard Profiles'!$G$19=$B$17,14,0)+IF('Standard Profiles'!$G$19=$B$24,21,0),0)),0)</f>
        <v>10.494578464398412</v>
      </c>
      <c r="F4031" cm="1">
        <f t="array" ref="F4031">IFERROR(INDEX(Jesper!AJ$2:AJ$366,ROUNDDOWN($C4031/24,0)+1,1)*INDEX($D$3:$AA$30,INDEX(Jesper!$R$2:$R$366,ROW(INDEX(Jesper!AJ$2:AJ$366,ROUNDDOWN($C4031/24,0)+1,1))-1)+IF('Standard Profiles'!$G$20=$B$10,7,0)+IF('Standard Profiles'!$G$20=$B$17,14,0)+IF('Standard Profiles'!$G$20=$B$24,21,0),MOD($C4031,24)+1)/SUM(INDEX($D$3:$AA$30,INDEX(Jesper!$R$2:$R$366,ROW(INDEX(Jesper!AJ$2:AJ$366,ROUNDDOWN($C4031/24,0)+1,1))-1)+IF('Standard Profiles'!$G$20=$B$10,7,0)+IF('Standard Profiles'!$G$20=$B$17,14,0)+IF('Standard Profiles'!$G$20=$B$24,21,0),0)),0)</f>
        <v>0</v>
      </c>
      <c r="G4031" cm="1">
        <f t="array" ref="G4031">IFERROR(INDEX(Jesper!AK$2:AK$366,ROUNDDOWN($C4031/24,0)+1,1)*INDEX($D$3:$AA$30,INDEX(Jesper!$R$2:$R$366,ROW(INDEX(Jesper!AK$2:AK$366,ROUNDDOWN($C4031/24,0)+1,1))-1)+IF('Standard Profiles'!$G$21=$B$10,7,0)+IF('Standard Profiles'!$G$21=$B$17,14,0)+IF('Standard Profiles'!$G$21=$B$24,21,0),MOD($C4031,24)+1)/SUM(INDEX($D$3:$AA$30,INDEX(Jesper!$R$2:$R$366,ROW(INDEX(Jesper!AK$2:AK$366,ROUNDDOWN($C4031/24,0)+1,1))-1)+IF('Standard Profiles'!$G$21=$B$10,7,0)+IF('Standard Profiles'!$G$21=$B$17,14,0)+IF('Standard Profiles'!$G$21=$B$24,21,0),0)),0)</f>
        <v>1.041649659411519</v>
      </c>
      <c r="H4031" cm="1">
        <f t="array" ref="H4031">IFERROR(INDEX(Jesper!AL$2:AL$366,ROUNDDOWN($C4031/24,0)+1,1)*INDEX($D$3:$AA$30,INDEX(Jesper!$R$2:$R$366,ROW(INDEX(Jesper!AL$2:AL$366,ROUNDDOWN($C4031/24,0)+1,1))-1)+IF('Standard Profiles'!$G$22=$B$10,7,0)+IF('Standard Profiles'!$G$22=$B$17,14,0)+IF('Standard Profiles'!$G$22=$B$24,21,0),MOD($C4031,24)+1)/SUM(INDEX($D$3:$AA$30,INDEX(Jesper!$R$2:$R$366,ROW(INDEX(Jesper!AL$2:AL$366,ROUNDDOWN($C4031/24,0)+1,1))-1)+IF('Standard Profiles'!$G$22=$B$10,7,0)+IF('Standard Profiles'!$G$22=$B$17,14,0)+IF('Standard Profiles'!$G$22=$B$24,21,0),0)),0)</f>
        <v>0</v>
      </c>
      <c r="I4031">
        <f t="shared" si="454"/>
        <v>0.49999183651752888</v>
      </c>
      <c r="J4031">
        <f t="shared" si="455"/>
        <v>31.166507151829592</v>
      </c>
      <c r="K4031">
        <f t="shared" si="456"/>
        <v>2.5562248716872626</v>
      </c>
      <c r="L4031">
        <f t="shared" si="457"/>
        <v>1.2781124358436313</v>
      </c>
      <c r="M4031">
        <f t="shared" si="458"/>
        <v>0</v>
      </c>
      <c r="N4031" s="45">
        <f t="shared" si="459"/>
        <v>45093.541666656973</v>
      </c>
    </row>
    <row r="4032" spans="2:14" x14ac:dyDescent="0.25">
      <c r="B4032">
        <f t="shared" si="453"/>
        <v>5</v>
      </c>
      <c r="C4032" s="16">
        <v>3998</v>
      </c>
      <c r="D4032" cm="1">
        <f t="array" ref="D4032">IFERROR(INDEX(Jesper!AH$2:AH$366,ROUNDDOWN($C4032/24,0)+1,1)*INDEX($D$3:$AA$30,INDEX(Jesper!$R$2:$R$366,ROW(INDEX(Jesper!AH$2:AH$366,ROUNDDOWN($C4032/24,0)+1,1))-1)+IF('Standard Profiles'!$G$18=$B$10,7,0)+IF('Standard Profiles'!$G$18=$B$17,14,0)+IF('Standard Profiles'!$G$18=$B$24,21,0),MOD($C4032,24)+1)/SUM(INDEX($D$3:$AA$30,INDEX(Jesper!$R$2:$R$366,ROW(INDEX(Jesper!AH$2:AH$366,ROUNDDOWN($C4032/24,0)+1,1))-1)+IF('Standard Profiles'!$G$18=$B$10,7,0)+IF('Standard Profiles'!$G$18=$B$17,14,0)+IF('Standard Profiles'!$G$18=$B$24,21,0),0)),0)</f>
        <v>34.615545137431681</v>
      </c>
      <c r="E4032" cm="1">
        <f t="array" ref="E4032">IFERROR(INDEX(Jesper!AI$2:AI$366,ROUNDDOWN($C4032/24,0)+1,1)*INDEX($D$3:$AA$30,INDEX(Jesper!$R$2:$R$366,ROW(INDEX(Jesper!AI$2:AI$366,ROUNDDOWN($C4032/24,0)+1,1))-1)+IF('Standard Profiles'!$G$19=$B$10,7,0)+IF('Standard Profiles'!$G$19=$B$17,14,0)+IF('Standard Profiles'!$G$19=$B$24,21,0),MOD($C4032,24)+1)/SUM(INDEX($D$3:$AA$30,INDEX(Jesper!$R$2:$R$366,ROW(INDEX(Jesper!AI$2:AI$366,ROUNDDOWN($C4032/24,0)+1,1))-1)+IF('Standard Profiles'!$G$19=$B$10,7,0)+IF('Standard Profiles'!$G$19=$B$17,14,0)+IF('Standard Profiles'!$G$19=$B$24,21,0),0)),0)</f>
        <v>15.158835559686594</v>
      </c>
      <c r="F4032" cm="1">
        <f t="array" ref="F4032">IFERROR(INDEX(Jesper!AJ$2:AJ$366,ROUNDDOWN($C4032/24,0)+1,1)*INDEX($D$3:$AA$30,INDEX(Jesper!$R$2:$R$366,ROW(INDEX(Jesper!AJ$2:AJ$366,ROUNDDOWN($C4032/24,0)+1,1))-1)+IF('Standard Profiles'!$G$20=$B$10,7,0)+IF('Standard Profiles'!$G$20=$B$17,14,0)+IF('Standard Profiles'!$G$20=$B$24,21,0),MOD($C4032,24)+1)/SUM(INDEX($D$3:$AA$30,INDEX(Jesper!$R$2:$R$366,ROW(INDEX(Jesper!AJ$2:AJ$366,ROUNDDOWN($C4032/24,0)+1,1))-1)+IF('Standard Profiles'!$G$20=$B$10,7,0)+IF('Standard Profiles'!$G$20=$B$17,14,0)+IF('Standard Profiles'!$G$20=$B$24,21,0),0)),0)</f>
        <v>0</v>
      </c>
      <c r="G4032" cm="1">
        <f t="array" ref="G4032">IFERROR(INDEX(Jesper!AK$2:AK$366,ROUNDDOWN($C4032/24,0)+1,1)*INDEX($D$3:$AA$30,INDEX(Jesper!$R$2:$R$366,ROW(INDEX(Jesper!AK$2:AK$366,ROUNDDOWN($C4032/24,0)+1,1))-1)+IF('Standard Profiles'!$G$21=$B$10,7,0)+IF('Standard Profiles'!$G$21=$B$17,14,0)+IF('Standard Profiles'!$G$21=$B$24,21,0),MOD($C4032,24)+1)/SUM(INDEX($D$3:$AA$30,INDEX(Jesper!$R$2:$R$366,ROW(INDEX(Jesper!AK$2:AK$366,ROUNDDOWN($C4032/24,0)+1,1))-1)+IF('Standard Profiles'!$G$21=$B$10,7,0)+IF('Standard Profiles'!$G$21=$B$17,14,0)+IF('Standard Profiles'!$G$21=$B$24,21,0),0)),0)</f>
        <v>1.5046050635944161</v>
      </c>
      <c r="H4032" cm="1">
        <f t="array" ref="H4032">IFERROR(INDEX(Jesper!AL$2:AL$366,ROUNDDOWN($C4032/24,0)+1,1)*INDEX($D$3:$AA$30,INDEX(Jesper!$R$2:$R$366,ROW(INDEX(Jesper!AL$2:AL$366,ROUNDDOWN($C4032/24,0)+1,1))-1)+IF('Standard Profiles'!$G$22=$B$10,7,0)+IF('Standard Profiles'!$G$22=$B$17,14,0)+IF('Standard Profiles'!$G$22=$B$24,21,0),MOD($C4032,24)+1)/SUM(INDEX($D$3:$AA$30,INDEX(Jesper!$R$2:$R$366,ROW(INDEX(Jesper!AL$2:AL$366,ROUNDDOWN($C4032/24,0)+1,1))-1)+IF('Standard Profiles'!$G$22=$B$10,7,0)+IF('Standard Profiles'!$G$22=$B$17,14,0)+IF('Standard Profiles'!$G$22=$B$24,21,0),0)),0)</f>
        <v>0</v>
      </c>
      <c r="I4032">
        <f t="shared" si="454"/>
        <v>0.72221043052531941</v>
      </c>
      <c r="J4032">
        <f t="shared" si="455"/>
        <v>45.018288108198298</v>
      </c>
      <c r="K4032">
        <f t="shared" si="456"/>
        <v>3.6923248146593797</v>
      </c>
      <c r="L4032">
        <f t="shared" si="457"/>
        <v>1.8461624073296898</v>
      </c>
      <c r="M4032">
        <f t="shared" si="458"/>
        <v>0</v>
      </c>
      <c r="N4032" s="45">
        <f t="shared" si="459"/>
        <v>45093.583333323637</v>
      </c>
    </row>
    <row r="4033" spans="2:14" x14ac:dyDescent="0.25">
      <c r="B4033">
        <f t="shared" si="453"/>
        <v>5</v>
      </c>
      <c r="C4033" s="16">
        <v>3999</v>
      </c>
      <c r="D4033" cm="1">
        <f t="array" ref="D4033">IFERROR(INDEX(Jesper!AH$2:AH$366,ROUNDDOWN($C4033/24,0)+1,1)*INDEX($D$3:$AA$30,INDEX(Jesper!$R$2:$R$366,ROW(INDEX(Jesper!AH$2:AH$366,ROUNDDOWN($C4033/24,0)+1,1))-1)+IF('Standard Profiles'!$G$18=$B$10,7,0)+IF('Standard Profiles'!$G$18=$B$17,14,0)+IF('Standard Profiles'!$G$18=$B$24,21,0),MOD($C4033,24)+1)/SUM(INDEX($D$3:$AA$30,INDEX(Jesper!$R$2:$R$366,ROW(INDEX(Jesper!AH$2:AH$366,ROUNDDOWN($C4033/24,0)+1,1))-1)+IF('Standard Profiles'!$G$18=$B$10,7,0)+IF('Standard Profiles'!$G$18=$B$17,14,0)+IF('Standard Profiles'!$G$18=$B$24,21,0),0)),0)</f>
        <v>26.627342413408986</v>
      </c>
      <c r="E4033" cm="1">
        <f t="array" ref="E4033">IFERROR(INDEX(Jesper!AI$2:AI$366,ROUNDDOWN($C4033/24,0)+1,1)*INDEX($D$3:$AA$30,INDEX(Jesper!$R$2:$R$366,ROW(INDEX(Jesper!AI$2:AI$366,ROUNDDOWN($C4033/24,0)+1,1))-1)+IF('Standard Profiles'!$G$19=$B$10,7,0)+IF('Standard Profiles'!$G$19=$B$17,14,0)+IF('Standard Profiles'!$G$19=$B$24,21,0),MOD($C4033,24)+1)/SUM(INDEX($D$3:$AA$30,INDEX(Jesper!$R$2:$R$366,ROW(INDEX(Jesper!AI$2:AI$366,ROUNDDOWN($C4033/24,0)+1,1))-1)+IF('Standard Profiles'!$G$19=$B$10,7,0)+IF('Standard Profiles'!$G$19=$B$17,14,0)+IF('Standard Profiles'!$G$19=$B$24,21,0),0)),0)</f>
        <v>11.660642738220458</v>
      </c>
      <c r="F4033" cm="1">
        <f t="array" ref="F4033">IFERROR(INDEX(Jesper!AJ$2:AJ$366,ROUNDDOWN($C4033/24,0)+1,1)*INDEX($D$3:$AA$30,INDEX(Jesper!$R$2:$R$366,ROW(INDEX(Jesper!AJ$2:AJ$366,ROUNDDOWN($C4033/24,0)+1,1))-1)+IF('Standard Profiles'!$G$20=$B$10,7,0)+IF('Standard Profiles'!$G$20=$B$17,14,0)+IF('Standard Profiles'!$G$20=$B$24,21,0),MOD($C4033,24)+1)/SUM(INDEX($D$3:$AA$30,INDEX(Jesper!$R$2:$R$366,ROW(INDEX(Jesper!AJ$2:AJ$366,ROUNDDOWN($C4033/24,0)+1,1))-1)+IF('Standard Profiles'!$G$20=$B$10,7,0)+IF('Standard Profiles'!$G$20=$B$17,14,0)+IF('Standard Profiles'!$G$20=$B$24,21,0),0)),0)</f>
        <v>0</v>
      </c>
      <c r="G4033" cm="1">
        <f t="array" ref="G4033">IFERROR(INDEX(Jesper!AK$2:AK$366,ROUNDDOWN($C4033/24,0)+1,1)*INDEX($D$3:$AA$30,INDEX(Jesper!$R$2:$R$366,ROW(INDEX(Jesper!AK$2:AK$366,ROUNDDOWN($C4033/24,0)+1,1))-1)+IF('Standard Profiles'!$G$21=$B$10,7,0)+IF('Standard Profiles'!$G$21=$B$17,14,0)+IF('Standard Profiles'!$G$21=$B$24,21,0),MOD($C4033,24)+1)/SUM(INDEX($D$3:$AA$30,INDEX(Jesper!$R$2:$R$366,ROW(INDEX(Jesper!AK$2:AK$366,ROUNDDOWN($C4033/24,0)+1,1))-1)+IF('Standard Profiles'!$G$21=$B$10,7,0)+IF('Standard Profiles'!$G$21=$B$17,14,0)+IF('Standard Profiles'!$G$21=$B$24,21,0),0)),0)</f>
        <v>1.2731273615029677</v>
      </c>
      <c r="H4033" cm="1">
        <f t="array" ref="H4033">IFERROR(INDEX(Jesper!AL$2:AL$366,ROUNDDOWN($C4033/24,0)+1,1)*INDEX($D$3:$AA$30,INDEX(Jesper!$R$2:$R$366,ROW(INDEX(Jesper!AL$2:AL$366,ROUNDDOWN($C4033/24,0)+1,1))-1)+IF('Standard Profiles'!$G$22=$B$10,7,0)+IF('Standard Profiles'!$G$22=$B$17,14,0)+IF('Standard Profiles'!$G$22=$B$24,21,0),MOD($C4033,24)+1)/SUM(INDEX($D$3:$AA$30,INDEX(Jesper!$R$2:$R$366,ROW(INDEX(Jesper!AL$2:AL$366,ROUNDDOWN($C4033/24,0)+1,1))-1)+IF('Standard Profiles'!$G$22=$B$10,7,0)+IF('Standard Profiles'!$G$22=$B$17,14,0)+IF('Standard Profiles'!$G$22=$B$24,21,0),0)),0)</f>
        <v>0</v>
      </c>
      <c r="I4033">
        <f t="shared" si="454"/>
        <v>0.61110113352142414</v>
      </c>
      <c r="J4033">
        <f t="shared" si="455"/>
        <v>34.689636593465551</v>
      </c>
      <c r="K4033">
        <f t="shared" si="456"/>
        <v>2.8402498574302921</v>
      </c>
      <c r="L4033">
        <f t="shared" si="457"/>
        <v>1.4201249287151461</v>
      </c>
      <c r="M4033">
        <f t="shared" si="458"/>
        <v>0</v>
      </c>
      <c r="N4033" s="45">
        <f t="shared" si="459"/>
        <v>45093.624999990301</v>
      </c>
    </row>
    <row r="4034" spans="2:14" x14ac:dyDescent="0.25">
      <c r="B4034">
        <f t="shared" si="453"/>
        <v>5</v>
      </c>
      <c r="C4034" s="16">
        <v>4000</v>
      </c>
      <c r="D4034" cm="1">
        <f t="array" ref="D4034">IFERROR(INDEX(Jesper!AH$2:AH$366,ROUNDDOWN($C4034/24,0)+1,1)*INDEX($D$3:$AA$30,INDEX(Jesper!$R$2:$R$366,ROW(INDEX(Jesper!AH$2:AH$366,ROUNDDOWN($C4034/24,0)+1,1))-1)+IF('Standard Profiles'!$G$18=$B$10,7,0)+IF('Standard Profiles'!$G$18=$B$17,14,0)+IF('Standard Profiles'!$G$18=$B$24,21,0),MOD($C4034,24)+1)/SUM(INDEX($D$3:$AA$30,INDEX(Jesper!$R$2:$R$366,ROW(INDEX(Jesper!AH$2:AH$366,ROUNDDOWN($C4034/24,0)+1,1))-1)+IF('Standard Profiles'!$G$18=$B$10,7,0)+IF('Standard Profiles'!$G$18=$B$17,14,0)+IF('Standard Profiles'!$G$18=$B$24,21,0),0)),0)</f>
        <v>12.501099724605156</v>
      </c>
      <c r="E4034" cm="1">
        <f t="array" ref="E4034">IFERROR(INDEX(Jesper!AI$2:AI$366,ROUNDDOWN($C4034/24,0)+1,1)*INDEX($D$3:$AA$30,INDEX(Jesper!$R$2:$R$366,ROW(INDEX(Jesper!AI$2:AI$366,ROUNDDOWN($C4034/24,0)+1,1))-1)+IF('Standard Profiles'!$G$19=$B$10,7,0)+IF('Standard Profiles'!$G$19=$B$17,14,0)+IF('Standard Profiles'!$G$19=$B$24,21,0),MOD($C4034,24)+1)/SUM(INDEX($D$3:$AA$30,INDEX(Jesper!$R$2:$R$366,ROW(INDEX(Jesper!AI$2:AI$366,ROUNDDOWN($C4034/24,0)+1,1))-1)+IF('Standard Profiles'!$G$19=$B$10,7,0)+IF('Standard Profiles'!$G$19=$B$17,14,0)+IF('Standard Profiles'!$G$19=$B$24,21,0),0)),0)</f>
        <v>5.4744801587889471</v>
      </c>
      <c r="F4034" cm="1">
        <f t="array" ref="F4034">IFERROR(INDEX(Jesper!AJ$2:AJ$366,ROUNDDOWN($C4034/24,0)+1,1)*INDEX($D$3:$AA$30,INDEX(Jesper!$R$2:$R$366,ROW(INDEX(Jesper!AJ$2:AJ$366,ROUNDDOWN($C4034/24,0)+1,1))-1)+IF('Standard Profiles'!$G$20=$B$10,7,0)+IF('Standard Profiles'!$G$20=$B$17,14,0)+IF('Standard Profiles'!$G$20=$B$24,21,0),MOD($C4034,24)+1)/SUM(INDEX($D$3:$AA$30,INDEX(Jesper!$R$2:$R$366,ROW(INDEX(Jesper!AJ$2:AJ$366,ROUNDDOWN($C4034/24,0)+1,1))-1)+IF('Standard Profiles'!$G$20=$B$10,7,0)+IF('Standard Profiles'!$G$20=$B$17,14,0)+IF('Standard Profiles'!$G$20=$B$24,21,0),0)),0)</f>
        <v>0</v>
      </c>
      <c r="G4034" cm="1">
        <f t="array" ref="G4034">IFERROR(INDEX(Jesper!AK$2:AK$366,ROUNDDOWN($C4034/24,0)+1,1)*INDEX($D$3:$AA$30,INDEX(Jesper!$R$2:$R$366,ROW(INDEX(Jesper!AK$2:AK$366,ROUNDDOWN($C4034/24,0)+1,1))-1)+IF('Standard Profiles'!$G$21=$B$10,7,0)+IF('Standard Profiles'!$G$21=$B$17,14,0)+IF('Standard Profiles'!$G$21=$B$24,21,0),MOD($C4034,24)+1)/SUM(INDEX($D$3:$AA$30,INDEX(Jesper!$R$2:$R$366,ROW(INDEX(Jesper!AK$2:AK$366,ROUNDDOWN($C4034/24,0)+1,1))-1)+IF('Standard Profiles'!$G$21=$B$10,7,0)+IF('Standard Profiles'!$G$21=$B$17,14,0)+IF('Standard Profiles'!$G$21=$B$24,21,0),0)),0)</f>
        <v>1.1022747718640413</v>
      </c>
      <c r="H4034" cm="1">
        <f t="array" ref="H4034">IFERROR(INDEX(Jesper!AL$2:AL$366,ROUNDDOWN($C4034/24,0)+1,1)*INDEX($D$3:$AA$30,INDEX(Jesper!$R$2:$R$366,ROW(INDEX(Jesper!AL$2:AL$366,ROUNDDOWN($C4034/24,0)+1,1))-1)+IF('Standard Profiles'!$G$22=$B$10,7,0)+IF('Standard Profiles'!$G$22=$B$17,14,0)+IF('Standard Profiles'!$G$22=$B$24,21,0),MOD($C4034,24)+1)/SUM(INDEX($D$3:$AA$30,INDEX(Jesper!$R$2:$R$366,ROW(INDEX(Jesper!AL$2:AL$366,ROUNDDOWN($C4034/24,0)+1,1))-1)+IF('Standard Profiles'!$G$22=$B$10,7,0)+IF('Standard Profiles'!$G$22=$B$17,14,0)+IF('Standard Profiles'!$G$22=$B$24,21,0),0)),0)</f>
        <v>0</v>
      </c>
      <c r="I4034">
        <f t="shared" si="454"/>
        <v>0.52909189049473959</v>
      </c>
      <c r="J4034">
        <f t="shared" si="455"/>
        <v>16.548586808826581</v>
      </c>
      <c r="K4034">
        <f t="shared" si="456"/>
        <v>1.3334506372912167</v>
      </c>
      <c r="L4034">
        <f t="shared" si="457"/>
        <v>0.66672531864560836</v>
      </c>
      <c r="M4034">
        <f t="shared" si="458"/>
        <v>0</v>
      </c>
      <c r="N4034" s="45">
        <f t="shared" si="459"/>
        <v>45093.666666656965</v>
      </c>
    </row>
    <row r="4035" spans="2:14" x14ac:dyDescent="0.25">
      <c r="B4035">
        <f t="shared" si="453"/>
        <v>5</v>
      </c>
      <c r="C4035" s="16">
        <v>4001</v>
      </c>
      <c r="D4035" cm="1">
        <f t="array" ref="D4035">IFERROR(INDEX(Jesper!AH$2:AH$366,ROUNDDOWN($C4035/24,0)+1,1)*INDEX($D$3:$AA$30,INDEX(Jesper!$R$2:$R$366,ROW(INDEX(Jesper!AH$2:AH$366,ROUNDDOWN($C4035/24,0)+1,1))-1)+IF('Standard Profiles'!$G$18=$B$10,7,0)+IF('Standard Profiles'!$G$18=$B$17,14,0)+IF('Standard Profiles'!$G$18=$B$24,21,0),MOD($C4035,24)+1)/SUM(INDEX($D$3:$AA$30,INDEX(Jesper!$R$2:$R$366,ROW(INDEX(Jesper!AH$2:AH$366,ROUNDDOWN($C4035/24,0)+1,1))-1)+IF('Standard Profiles'!$G$18=$B$10,7,0)+IF('Standard Profiles'!$G$18=$B$17,14,0)+IF('Standard Profiles'!$G$18=$B$24,21,0),0)),0)</f>
        <v>8.2507258182394025</v>
      </c>
      <c r="E4035" cm="1">
        <f t="array" ref="E4035">IFERROR(INDEX(Jesper!AI$2:AI$366,ROUNDDOWN($C4035/24,0)+1,1)*INDEX($D$3:$AA$30,INDEX(Jesper!$R$2:$R$366,ROW(INDEX(Jesper!AI$2:AI$366,ROUNDDOWN($C4035/24,0)+1,1))-1)+IF('Standard Profiles'!$G$19=$B$10,7,0)+IF('Standard Profiles'!$G$19=$B$17,14,0)+IF('Standard Profiles'!$G$19=$B$24,21,0),MOD($C4035,24)+1)/SUM(INDEX($D$3:$AA$30,INDEX(Jesper!$R$2:$R$366,ROW(INDEX(Jesper!AI$2:AI$366,ROUNDDOWN($C4035/24,0)+1,1))-1)+IF('Standard Profiles'!$G$19=$B$10,7,0)+IF('Standard Profiles'!$G$19=$B$17,14,0)+IF('Standard Profiles'!$G$19=$B$24,21,0),0)),0)</f>
        <v>3.6131569048007051</v>
      </c>
      <c r="F4035" cm="1">
        <f t="array" ref="F4035">IFERROR(INDEX(Jesper!AJ$2:AJ$366,ROUNDDOWN($C4035/24,0)+1,1)*INDEX($D$3:$AA$30,INDEX(Jesper!$R$2:$R$366,ROW(INDEX(Jesper!AJ$2:AJ$366,ROUNDDOWN($C4035/24,0)+1,1))-1)+IF('Standard Profiles'!$G$20=$B$10,7,0)+IF('Standard Profiles'!$G$20=$B$17,14,0)+IF('Standard Profiles'!$G$20=$B$24,21,0),MOD($C4035,24)+1)/SUM(INDEX($D$3:$AA$30,INDEX(Jesper!$R$2:$R$366,ROW(INDEX(Jesper!AJ$2:AJ$366,ROUNDDOWN($C4035/24,0)+1,1))-1)+IF('Standard Profiles'!$G$20=$B$10,7,0)+IF('Standard Profiles'!$G$20=$B$17,14,0)+IF('Standard Profiles'!$G$20=$B$24,21,0),0)),0)</f>
        <v>0</v>
      </c>
      <c r="G4035" cm="1">
        <f t="array" ref="G4035">IFERROR(INDEX(Jesper!AK$2:AK$366,ROUNDDOWN($C4035/24,0)+1,1)*INDEX($D$3:$AA$30,INDEX(Jesper!$R$2:$R$366,ROW(INDEX(Jesper!AK$2:AK$366,ROUNDDOWN($C4035/24,0)+1,1))-1)+IF('Standard Profiles'!$G$21=$B$10,7,0)+IF('Standard Profiles'!$G$21=$B$17,14,0)+IF('Standard Profiles'!$G$21=$B$24,21,0),MOD($C4035,24)+1)/SUM(INDEX($D$3:$AA$30,INDEX(Jesper!$R$2:$R$366,ROW(INDEX(Jesper!AK$2:AK$366,ROUNDDOWN($C4035/24,0)+1,1))-1)+IF('Standard Profiles'!$G$21=$B$10,7,0)+IF('Standard Profiles'!$G$21=$B$17,14,0)+IF('Standard Profiles'!$G$21=$B$24,21,0),0)),0)</f>
        <v>0.92591080836579465</v>
      </c>
      <c r="H4035" cm="1">
        <f t="array" ref="H4035">IFERROR(INDEX(Jesper!AL$2:AL$366,ROUNDDOWN($C4035/24,0)+1,1)*INDEX($D$3:$AA$30,INDEX(Jesper!$R$2:$R$366,ROW(INDEX(Jesper!AL$2:AL$366,ROUNDDOWN($C4035/24,0)+1,1))-1)+IF('Standard Profiles'!$G$22=$B$10,7,0)+IF('Standard Profiles'!$G$22=$B$17,14,0)+IF('Standard Profiles'!$G$22=$B$24,21,0),MOD($C4035,24)+1)/SUM(INDEX($D$3:$AA$30,INDEX(Jesper!$R$2:$R$366,ROW(INDEX(Jesper!AL$2:AL$366,ROUNDDOWN($C4035/24,0)+1,1))-1)+IF('Standard Profiles'!$G$22=$B$10,7,0)+IF('Standard Profiles'!$G$22=$B$17,14,0)+IF('Standard Profiles'!$G$22=$B$24,21,0),0)),0)</f>
        <v>0</v>
      </c>
      <c r="I4035">
        <f t="shared" si="454"/>
        <v>0.44443718801558119</v>
      </c>
      <c r="J4035">
        <f t="shared" si="455"/>
        <v>11.025240212472017</v>
      </c>
      <c r="K4035">
        <f t="shared" si="456"/>
        <v>0.88007742061220295</v>
      </c>
      <c r="L4035">
        <f t="shared" si="457"/>
        <v>0.44003871030610148</v>
      </c>
      <c r="M4035">
        <f t="shared" si="458"/>
        <v>0</v>
      </c>
      <c r="N4035" s="45">
        <f t="shared" si="459"/>
        <v>45093.70833332363</v>
      </c>
    </row>
    <row r="4036" spans="2:14" x14ac:dyDescent="0.25">
      <c r="B4036">
        <f t="shared" si="453"/>
        <v>5</v>
      </c>
      <c r="C4036" s="16">
        <v>4002</v>
      </c>
      <c r="D4036" cm="1">
        <f t="array" ref="D4036">IFERROR(INDEX(Jesper!AH$2:AH$366,ROUNDDOWN($C4036/24,0)+1,1)*INDEX($D$3:$AA$30,INDEX(Jesper!$R$2:$R$366,ROW(INDEX(Jesper!AH$2:AH$366,ROUNDDOWN($C4036/24,0)+1,1))-1)+IF('Standard Profiles'!$G$18=$B$10,7,0)+IF('Standard Profiles'!$G$18=$B$17,14,0)+IF('Standard Profiles'!$G$18=$B$24,21,0),MOD($C4036,24)+1)/SUM(INDEX($D$3:$AA$30,INDEX(Jesper!$R$2:$R$366,ROW(INDEX(Jesper!AH$2:AH$366,ROUNDDOWN($C4036/24,0)+1,1))-1)+IF('Standard Profiles'!$G$18=$B$10,7,0)+IF('Standard Profiles'!$G$18=$B$17,14,0)+IF('Standard Profiles'!$G$18=$B$24,21,0),0)),0)</f>
        <v>5.2504618843341655</v>
      </c>
      <c r="E4036" cm="1">
        <f t="array" ref="E4036">IFERROR(INDEX(Jesper!AI$2:AI$366,ROUNDDOWN($C4036/24,0)+1,1)*INDEX($D$3:$AA$30,INDEX(Jesper!$R$2:$R$366,ROW(INDEX(Jesper!AI$2:AI$366,ROUNDDOWN($C4036/24,0)+1,1))-1)+IF('Standard Profiles'!$G$19=$B$10,7,0)+IF('Standard Profiles'!$G$19=$B$17,14,0)+IF('Standard Profiles'!$G$19=$B$24,21,0),MOD($C4036,24)+1)/SUM(INDEX($D$3:$AA$30,INDEX(Jesper!$R$2:$R$366,ROW(INDEX(Jesper!AI$2:AI$366,ROUNDDOWN($C4036/24,0)+1,1))-1)+IF('Standard Profiles'!$G$19=$B$10,7,0)+IF('Standard Profiles'!$G$19=$B$17,14,0)+IF('Standard Profiles'!$G$19=$B$24,21,0),0)),0)</f>
        <v>2.2992816666913578</v>
      </c>
      <c r="F4036" cm="1">
        <f t="array" ref="F4036">IFERROR(INDEX(Jesper!AJ$2:AJ$366,ROUNDDOWN($C4036/24,0)+1,1)*INDEX($D$3:$AA$30,INDEX(Jesper!$R$2:$R$366,ROW(INDEX(Jesper!AJ$2:AJ$366,ROUNDDOWN($C4036/24,0)+1,1))-1)+IF('Standard Profiles'!$G$20=$B$10,7,0)+IF('Standard Profiles'!$G$20=$B$17,14,0)+IF('Standard Profiles'!$G$20=$B$24,21,0),MOD($C4036,24)+1)/SUM(INDEX($D$3:$AA$30,INDEX(Jesper!$R$2:$R$366,ROW(INDEX(Jesper!AJ$2:AJ$366,ROUNDDOWN($C4036/24,0)+1,1))-1)+IF('Standard Profiles'!$G$20=$B$10,7,0)+IF('Standard Profiles'!$G$20=$B$17,14,0)+IF('Standard Profiles'!$G$20=$B$24,21,0),0)),0)</f>
        <v>0</v>
      </c>
      <c r="G4036" cm="1">
        <f t="array" ref="G4036">IFERROR(INDEX(Jesper!AK$2:AK$366,ROUNDDOWN($C4036/24,0)+1,1)*INDEX($D$3:$AA$30,INDEX(Jesper!$R$2:$R$366,ROW(INDEX(Jesper!AK$2:AK$366,ROUNDDOWN($C4036/24,0)+1,1))-1)+IF('Standard Profiles'!$G$21=$B$10,7,0)+IF('Standard Profiles'!$G$21=$B$17,14,0)+IF('Standard Profiles'!$G$21=$B$24,21,0),MOD($C4036,24)+1)/SUM(INDEX($D$3:$AA$30,INDEX(Jesper!$R$2:$R$366,ROW(INDEX(Jesper!AK$2:AK$366,ROUNDDOWN($C4036/24,0)+1,1))-1)+IF('Standard Profiles'!$G$21=$B$10,7,0)+IF('Standard Profiles'!$G$21=$B$17,14,0)+IF('Standard Profiles'!$G$21=$B$24,21,0),0)),0)</f>
        <v>0.34170517927785277</v>
      </c>
      <c r="H4036" cm="1">
        <f t="array" ref="H4036">IFERROR(INDEX(Jesper!AL$2:AL$366,ROUNDDOWN($C4036/24,0)+1,1)*INDEX($D$3:$AA$30,INDEX(Jesper!$R$2:$R$366,ROW(INDEX(Jesper!AL$2:AL$366,ROUNDDOWN($C4036/24,0)+1,1))-1)+IF('Standard Profiles'!$G$22=$B$10,7,0)+IF('Standard Profiles'!$G$22=$B$17,14,0)+IF('Standard Profiles'!$G$22=$B$24,21,0),MOD($C4036,24)+1)/SUM(INDEX($D$3:$AA$30,INDEX(Jesper!$R$2:$R$366,ROW(INDEX(Jesper!AL$2:AL$366,ROUNDDOWN($C4036/24,0)+1,1))-1)+IF('Standard Profiles'!$G$22=$B$10,7,0)+IF('Standard Profiles'!$G$22=$B$17,14,0)+IF('Standard Profiles'!$G$22=$B$24,21,0),0)),0)</f>
        <v>0</v>
      </c>
      <c r="I4036">
        <f t="shared" si="454"/>
        <v>0.16401848605336924</v>
      </c>
      <c r="J4036">
        <f t="shared" si="455"/>
        <v>6.8873563427565401</v>
      </c>
      <c r="K4036">
        <f t="shared" si="456"/>
        <v>0.560049267662311</v>
      </c>
      <c r="L4036">
        <f t="shared" si="457"/>
        <v>0.2800246338311555</v>
      </c>
      <c r="M4036">
        <f t="shared" si="458"/>
        <v>0</v>
      </c>
      <c r="N4036" s="45">
        <f t="shared" si="459"/>
        <v>45093.749999990294</v>
      </c>
    </row>
    <row r="4037" spans="2:14" x14ac:dyDescent="0.25">
      <c r="B4037">
        <f t="shared" si="453"/>
        <v>5</v>
      </c>
      <c r="C4037" s="16">
        <v>4003</v>
      </c>
      <c r="D4037" cm="1">
        <f t="array" ref="D4037">IFERROR(INDEX(Jesper!AH$2:AH$366,ROUNDDOWN($C4037/24,0)+1,1)*INDEX($D$3:$AA$30,INDEX(Jesper!$R$2:$R$366,ROW(INDEX(Jesper!AH$2:AH$366,ROUNDDOWN($C4037/24,0)+1,1))-1)+IF('Standard Profiles'!$G$18=$B$10,7,0)+IF('Standard Profiles'!$G$18=$B$17,14,0)+IF('Standard Profiles'!$G$18=$B$24,21,0),MOD($C4037,24)+1)/SUM(INDEX($D$3:$AA$30,INDEX(Jesper!$R$2:$R$366,ROW(INDEX(Jesper!AH$2:AH$366,ROUNDDOWN($C4037/24,0)+1,1))-1)+IF('Standard Profiles'!$G$18=$B$10,7,0)+IF('Standard Profiles'!$G$18=$B$17,14,0)+IF('Standard Profiles'!$G$18=$B$24,21,0),0)),0)</f>
        <v>5.0004398898420623</v>
      </c>
      <c r="E4037" cm="1">
        <f t="array" ref="E4037">IFERROR(INDEX(Jesper!AI$2:AI$366,ROUNDDOWN($C4037/24,0)+1,1)*INDEX($D$3:$AA$30,INDEX(Jesper!$R$2:$R$366,ROW(INDEX(Jesper!AI$2:AI$366,ROUNDDOWN($C4037/24,0)+1,1))-1)+IF('Standard Profiles'!$G$19=$B$10,7,0)+IF('Standard Profiles'!$G$19=$B$17,14,0)+IF('Standard Profiles'!$G$19=$B$24,21,0),MOD($C4037,24)+1)/SUM(INDEX($D$3:$AA$30,INDEX(Jesper!$R$2:$R$366,ROW(INDEX(Jesper!AI$2:AI$366,ROUNDDOWN($C4037/24,0)+1,1))-1)+IF('Standard Profiles'!$G$19=$B$10,7,0)+IF('Standard Profiles'!$G$19=$B$17,14,0)+IF('Standard Profiles'!$G$19=$B$24,21,0),0)),0)</f>
        <v>2.1897920635155788</v>
      </c>
      <c r="F4037" cm="1">
        <f t="array" ref="F4037">IFERROR(INDEX(Jesper!AJ$2:AJ$366,ROUNDDOWN($C4037/24,0)+1,1)*INDEX($D$3:$AA$30,INDEX(Jesper!$R$2:$R$366,ROW(INDEX(Jesper!AJ$2:AJ$366,ROUNDDOWN($C4037/24,0)+1,1))-1)+IF('Standard Profiles'!$G$20=$B$10,7,0)+IF('Standard Profiles'!$G$20=$B$17,14,0)+IF('Standard Profiles'!$G$20=$B$24,21,0),MOD($C4037,24)+1)/SUM(INDEX($D$3:$AA$30,INDEX(Jesper!$R$2:$R$366,ROW(INDEX(Jesper!AJ$2:AJ$366,ROUNDDOWN($C4037/24,0)+1,1))-1)+IF('Standard Profiles'!$G$20=$B$10,7,0)+IF('Standard Profiles'!$G$20=$B$17,14,0)+IF('Standard Profiles'!$G$20=$B$24,21,0),0)),0)</f>
        <v>0</v>
      </c>
      <c r="G4037" cm="1">
        <f t="array" ref="G4037">IFERROR(INDEX(Jesper!AK$2:AK$366,ROUNDDOWN($C4037/24,0)+1,1)*INDEX($D$3:$AA$30,INDEX(Jesper!$R$2:$R$366,ROW(INDEX(Jesper!AK$2:AK$366,ROUNDDOWN($C4037/24,0)+1,1))-1)+IF('Standard Profiles'!$G$21=$B$10,7,0)+IF('Standard Profiles'!$G$21=$B$17,14,0)+IF('Standard Profiles'!$G$21=$B$24,21,0),MOD($C4037,24)+1)/SUM(INDEX($D$3:$AA$30,INDEX(Jesper!$R$2:$R$366,ROW(INDEX(Jesper!AK$2:AK$366,ROUNDDOWN($C4037/24,0)+1,1))-1)+IF('Standard Profiles'!$G$21=$B$10,7,0)+IF('Standard Profiles'!$G$21=$B$17,14,0)+IF('Standard Profiles'!$G$21=$B$24,21,0),0)),0)</f>
        <v>0.34170517927785277</v>
      </c>
      <c r="H4037" cm="1">
        <f t="array" ref="H4037">IFERROR(INDEX(Jesper!AL$2:AL$366,ROUNDDOWN($C4037/24,0)+1,1)*INDEX($D$3:$AA$30,INDEX(Jesper!$R$2:$R$366,ROW(INDEX(Jesper!AL$2:AL$366,ROUNDDOWN($C4037/24,0)+1,1))-1)+IF('Standard Profiles'!$G$22=$B$10,7,0)+IF('Standard Profiles'!$G$22=$B$17,14,0)+IF('Standard Profiles'!$G$22=$B$24,21,0),MOD($C4037,24)+1)/SUM(INDEX($D$3:$AA$30,INDEX(Jesper!$R$2:$R$366,ROW(INDEX(Jesper!AL$2:AL$366,ROUNDDOWN($C4037/24,0)+1,1))-1)+IF('Standard Profiles'!$G$22=$B$10,7,0)+IF('Standard Profiles'!$G$22=$B$17,14,0)+IF('Standard Profiles'!$G$22=$B$24,21,0),0)),0)</f>
        <v>0</v>
      </c>
      <c r="I4037">
        <f t="shared" si="454"/>
        <v>0.16401848605336924</v>
      </c>
      <c r="J4037">
        <f t="shared" si="455"/>
        <v>6.5678482642073952</v>
      </c>
      <c r="K4037">
        <f t="shared" si="456"/>
        <v>0.53338025491648666</v>
      </c>
      <c r="L4037">
        <f t="shared" si="457"/>
        <v>0.26669012745824333</v>
      </c>
      <c r="M4037">
        <f t="shared" si="458"/>
        <v>0</v>
      </c>
      <c r="N4037" s="45">
        <f t="shared" si="459"/>
        <v>45093.791666656958</v>
      </c>
    </row>
    <row r="4038" spans="2:14" x14ac:dyDescent="0.25">
      <c r="B4038">
        <f t="shared" si="453"/>
        <v>5</v>
      </c>
      <c r="C4038" s="16">
        <v>4004</v>
      </c>
      <c r="D4038" cm="1">
        <f t="array" ref="D4038">IFERROR(INDEX(Jesper!AH$2:AH$366,ROUNDDOWN($C4038/24,0)+1,1)*INDEX($D$3:$AA$30,INDEX(Jesper!$R$2:$R$366,ROW(INDEX(Jesper!AH$2:AH$366,ROUNDDOWN($C4038/24,0)+1,1))-1)+IF('Standard Profiles'!$G$18=$B$10,7,0)+IF('Standard Profiles'!$G$18=$B$17,14,0)+IF('Standard Profiles'!$G$18=$B$24,21,0),MOD($C4038,24)+1)/SUM(INDEX($D$3:$AA$30,INDEX(Jesper!$R$2:$R$366,ROW(INDEX(Jesper!AH$2:AH$366,ROUNDDOWN($C4038/24,0)+1,1))-1)+IF('Standard Profiles'!$G$18=$B$10,7,0)+IF('Standard Profiles'!$G$18=$B$17,14,0)+IF('Standard Profiles'!$G$18=$B$24,21,0),0)),0)</f>
        <v>5.0004398898420623</v>
      </c>
      <c r="E4038" cm="1">
        <f t="array" ref="E4038">IFERROR(INDEX(Jesper!AI$2:AI$366,ROUNDDOWN($C4038/24,0)+1,1)*INDEX($D$3:$AA$30,INDEX(Jesper!$R$2:$R$366,ROW(INDEX(Jesper!AI$2:AI$366,ROUNDDOWN($C4038/24,0)+1,1))-1)+IF('Standard Profiles'!$G$19=$B$10,7,0)+IF('Standard Profiles'!$G$19=$B$17,14,0)+IF('Standard Profiles'!$G$19=$B$24,21,0),MOD($C4038,24)+1)/SUM(INDEX($D$3:$AA$30,INDEX(Jesper!$R$2:$R$366,ROW(INDEX(Jesper!AI$2:AI$366,ROUNDDOWN($C4038/24,0)+1,1))-1)+IF('Standard Profiles'!$G$19=$B$10,7,0)+IF('Standard Profiles'!$G$19=$B$17,14,0)+IF('Standard Profiles'!$G$19=$B$24,21,0),0)),0)</f>
        <v>2.1897920635155788</v>
      </c>
      <c r="F4038" cm="1">
        <f t="array" ref="F4038">IFERROR(INDEX(Jesper!AJ$2:AJ$366,ROUNDDOWN($C4038/24,0)+1,1)*INDEX($D$3:$AA$30,INDEX(Jesper!$R$2:$R$366,ROW(INDEX(Jesper!AJ$2:AJ$366,ROUNDDOWN($C4038/24,0)+1,1))-1)+IF('Standard Profiles'!$G$20=$B$10,7,0)+IF('Standard Profiles'!$G$20=$B$17,14,0)+IF('Standard Profiles'!$G$20=$B$24,21,0),MOD($C4038,24)+1)/SUM(INDEX($D$3:$AA$30,INDEX(Jesper!$R$2:$R$366,ROW(INDEX(Jesper!AJ$2:AJ$366,ROUNDDOWN($C4038/24,0)+1,1))-1)+IF('Standard Profiles'!$G$20=$B$10,7,0)+IF('Standard Profiles'!$G$20=$B$17,14,0)+IF('Standard Profiles'!$G$20=$B$24,21,0),0)),0)</f>
        <v>0</v>
      </c>
      <c r="G4038" cm="1">
        <f t="array" ref="G4038">IFERROR(INDEX(Jesper!AK$2:AK$366,ROUNDDOWN($C4038/24,0)+1,1)*INDEX($D$3:$AA$30,INDEX(Jesper!$R$2:$R$366,ROW(INDEX(Jesper!AK$2:AK$366,ROUNDDOWN($C4038/24,0)+1,1))-1)+IF('Standard Profiles'!$G$21=$B$10,7,0)+IF('Standard Profiles'!$G$21=$B$17,14,0)+IF('Standard Profiles'!$G$21=$B$24,21,0),MOD($C4038,24)+1)/SUM(INDEX($D$3:$AA$30,INDEX(Jesper!$R$2:$R$366,ROW(INDEX(Jesper!AK$2:AK$366,ROUNDDOWN($C4038/24,0)+1,1))-1)+IF('Standard Profiles'!$G$21=$B$10,7,0)+IF('Standard Profiles'!$G$21=$B$17,14,0)+IF('Standard Profiles'!$G$21=$B$24,21,0),0)),0)</f>
        <v>0.34170517927785277</v>
      </c>
      <c r="H4038" cm="1">
        <f t="array" ref="H4038">IFERROR(INDEX(Jesper!AL$2:AL$366,ROUNDDOWN($C4038/24,0)+1,1)*INDEX($D$3:$AA$30,INDEX(Jesper!$R$2:$R$366,ROW(INDEX(Jesper!AL$2:AL$366,ROUNDDOWN($C4038/24,0)+1,1))-1)+IF('Standard Profiles'!$G$22=$B$10,7,0)+IF('Standard Profiles'!$G$22=$B$17,14,0)+IF('Standard Profiles'!$G$22=$B$24,21,0),MOD($C4038,24)+1)/SUM(INDEX($D$3:$AA$30,INDEX(Jesper!$R$2:$R$366,ROW(INDEX(Jesper!AL$2:AL$366,ROUNDDOWN($C4038/24,0)+1,1))-1)+IF('Standard Profiles'!$G$22=$B$10,7,0)+IF('Standard Profiles'!$G$22=$B$17,14,0)+IF('Standard Profiles'!$G$22=$B$24,21,0),0)),0)</f>
        <v>0</v>
      </c>
      <c r="I4038">
        <f t="shared" si="454"/>
        <v>0.16401848605336924</v>
      </c>
      <c r="J4038">
        <f t="shared" si="455"/>
        <v>6.5678482642073952</v>
      </c>
      <c r="K4038">
        <f t="shared" si="456"/>
        <v>0.53338025491648666</v>
      </c>
      <c r="L4038">
        <f t="shared" si="457"/>
        <v>0.26669012745824333</v>
      </c>
      <c r="M4038">
        <f t="shared" si="458"/>
        <v>0</v>
      </c>
      <c r="N4038" s="45">
        <f t="shared" si="459"/>
        <v>45093.833333323622</v>
      </c>
    </row>
    <row r="4039" spans="2:14" x14ac:dyDescent="0.25">
      <c r="B4039">
        <f t="shared" si="453"/>
        <v>5</v>
      </c>
      <c r="C4039" s="16">
        <v>4005</v>
      </c>
      <c r="D4039" cm="1">
        <f t="array" ref="D4039">IFERROR(INDEX(Jesper!AH$2:AH$366,ROUNDDOWN($C4039/24,0)+1,1)*INDEX($D$3:$AA$30,INDEX(Jesper!$R$2:$R$366,ROW(INDEX(Jesper!AH$2:AH$366,ROUNDDOWN($C4039/24,0)+1,1))-1)+IF('Standard Profiles'!$G$18=$B$10,7,0)+IF('Standard Profiles'!$G$18=$B$17,14,0)+IF('Standard Profiles'!$G$18=$B$24,21,0),MOD($C4039,24)+1)/SUM(INDEX($D$3:$AA$30,INDEX(Jesper!$R$2:$R$366,ROW(INDEX(Jesper!AH$2:AH$366,ROUNDDOWN($C4039/24,0)+1,1))-1)+IF('Standard Profiles'!$G$18=$B$10,7,0)+IF('Standard Profiles'!$G$18=$B$17,14,0)+IF('Standard Profiles'!$G$18=$B$24,21,0),0)),0)</f>
        <v>5.0004398898420623</v>
      </c>
      <c r="E4039" cm="1">
        <f t="array" ref="E4039">IFERROR(INDEX(Jesper!AI$2:AI$366,ROUNDDOWN($C4039/24,0)+1,1)*INDEX($D$3:$AA$30,INDEX(Jesper!$R$2:$R$366,ROW(INDEX(Jesper!AI$2:AI$366,ROUNDDOWN($C4039/24,0)+1,1))-1)+IF('Standard Profiles'!$G$19=$B$10,7,0)+IF('Standard Profiles'!$G$19=$B$17,14,0)+IF('Standard Profiles'!$G$19=$B$24,21,0),MOD($C4039,24)+1)/SUM(INDEX($D$3:$AA$30,INDEX(Jesper!$R$2:$R$366,ROW(INDEX(Jesper!AI$2:AI$366,ROUNDDOWN($C4039/24,0)+1,1))-1)+IF('Standard Profiles'!$G$19=$B$10,7,0)+IF('Standard Profiles'!$G$19=$B$17,14,0)+IF('Standard Profiles'!$G$19=$B$24,21,0),0)),0)</f>
        <v>2.1897920635155788</v>
      </c>
      <c r="F4039" cm="1">
        <f t="array" ref="F4039">IFERROR(INDEX(Jesper!AJ$2:AJ$366,ROUNDDOWN($C4039/24,0)+1,1)*INDEX($D$3:$AA$30,INDEX(Jesper!$R$2:$R$366,ROW(INDEX(Jesper!AJ$2:AJ$366,ROUNDDOWN($C4039/24,0)+1,1))-1)+IF('Standard Profiles'!$G$20=$B$10,7,0)+IF('Standard Profiles'!$G$20=$B$17,14,0)+IF('Standard Profiles'!$G$20=$B$24,21,0),MOD($C4039,24)+1)/SUM(INDEX($D$3:$AA$30,INDEX(Jesper!$R$2:$R$366,ROW(INDEX(Jesper!AJ$2:AJ$366,ROUNDDOWN($C4039/24,0)+1,1))-1)+IF('Standard Profiles'!$G$20=$B$10,7,0)+IF('Standard Profiles'!$G$20=$B$17,14,0)+IF('Standard Profiles'!$G$20=$B$24,21,0),0)),0)</f>
        <v>0</v>
      </c>
      <c r="G4039" cm="1">
        <f t="array" ref="G4039">IFERROR(INDEX(Jesper!AK$2:AK$366,ROUNDDOWN($C4039/24,0)+1,1)*INDEX($D$3:$AA$30,INDEX(Jesper!$R$2:$R$366,ROW(INDEX(Jesper!AK$2:AK$366,ROUNDDOWN($C4039/24,0)+1,1))-1)+IF('Standard Profiles'!$G$21=$B$10,7,0)+IF('Standard Profiles'!$G$21=$B$17,14,0)+IF('Standard Profiles'!$G$21=$B$24,21,0),MOD($C4039,24)+1)/SUM(INDEX($D$3:$AA$30,INDEX(Jesper!$R$2:$R$366,ROW(INDEX(Jesper!AK$2:AK$366,ROUNDDOWN($C4039/24,0)+1,1))-1)+IF('Standard Profiles'!$G$21=$B$10,7,0)+IF('Standard Profiles'!$G$21=$B$17,14,0)+IF('Standard Profiles'!$G$21=$B$24,21,0),0)),0)</f>
        <v>0.34170517927785277</v>
      </c>
      <c r="H4039" cm="1">
        <f t="array" ref="H4039">IFERROR(INDEX(Jesper!AL$2:AL$366,ROUNDDOWN($C4039/24,0)+1,1)*INDEX($D$3:$AA$30,INDEX(Jesper!$R$2:$R$366,ROW(INDEX(Jesper!AL$2:AL$366,ROUNDDOWN($C4039/24,0)+1,1))-1)+IF('Standard Profiles'!$G$22=$B$10,7,0)+IF('Standard Profiles'!$G$22=$B$17,14,0)+IF('Standard Profiles'!$G$22=$B$24,21,0),MOD($C4039,24)+1)/SUM(INDEX($D$3:$AA$30,INDEX(Jesper!$R$2:$R$366,ROW(INDEX(Jesper!AL$2:AL$366,ROUNDDOWN($C4039/24,0)+1,1))-1)+IF('Standard Profiles'!$G$22=$B$10,7,0)+IF('Standard Profiles'!$G$22=$B$17,14,0)+IF('Standard Profiles'!$G$22=$B$24,21,0),0)),0)</f>
        <v>0</v>
      </c>
      <c r="I4039">
        <f t="shared" si="454"/>
        <v>0.16401848605336924</v>
      </c>
      <c r="J4039">
        <f t="shared" si="455"/>
        <v>6.5678482642073952</v>
      </c>
      <c r="K4039">
        <f t="shared" si="456"/>
        <v>0.53338025491648666</v>
      </c>
      <c r="L4039">
        <f t="shared" si="457"/>
        <v>0.26669012745824333</v>
      </c>
      <c r="M4039">
        <f t="shared" si="458"/>
        <v>0</v>
      </c>
      <c r="N4039" s="45">
        <f t="shared" si="459"/>
        <v>45093.874999990287</v>
      </c>
    </row>
    <row r="4040" spans="2:14" x14ac:dyDescent="0.25">
      <c r="B4040">
        <f t="shared" si="453"/>
        <v>5</v>
      </c>
      <c r="C4040" s="16">
        <v>4006</v>
      </c>
      <c r="D4040" cm="1">
        <f t="array" ref="D4040">IFERROR(INDEX(Jesper!AH$2:AH$366,ROUNDDOWN($C4040/24,0)+1,1)*INDEX($D$3:$AA$30,INDEX(Jesper!$R$2:$R$366,ROW(INDEX(Jesper!AH$2:AH$366,ROUNDDOWN($C4040/24,0)+1,1))-1)+IF('Standard Profiles'!$G$18=$B$10,7,0)+IF('Standard Profiles'!$G$18=$B$17,14,0)+IF('Standard Profiles'!$G$18=$B$24,21,0),MOD($C4040,24)+1)/SUM(INDEX($D$3:$AA$30,INDEX(Jesper!$R$2:$R$366,ROW(INDEX(Jesper!AH$2:AH$366,ROUNDDOWN($C4040/24,0)+1,1))-1)+IF('Standard Profiles'!$G$18=$B$10,7,0)+IF('Standard Profiles'!$G$18=$B$17,14,0)+IF('Standard Profiles'!$G$18=$B$24,21,0),0)),0)</f>
        <v>5.0004398898420623</v>
      </c>
      <c r="E4040" cm="1">
        <f t="array" ref="E4040">IFERROR(INDEX(Jesper!AI$2:AI$366,ROUNDDOWN($C4040/24,0)+1,1)*INDEX($D$3:$AA$30,INDEX(Jesper!$R$2:$R$366,ROW(INDEX(Jesper!AI$2:AI$366,ROUNDDOWN($C4040/24,0)+1,1))-1)+IF('Standard Profiles'!$G$19=$B$10,7,0)+IF('Standard Profiles'!$G$19=$B$17,14,0)+IF('Standard Profiles'!$G$19=$B$24,21,0),MOD($C4040,24)+1)/SUM(INDEX($D$3:$AA$30,INDEX(Jesper!$R$2:$R$366,ROW(INDEX(Jesper!AI$2:AI$366,ROUNDDOWN($C4040/24,0)+1,1))-1)+IF('Standard Profiles'!$G$19=$B$10,7,0)+IF('Standard Profiles'!$G$19=$B$17,14,0)+IF('Standard Profiles'!$G$19=$B$24,21,0),0)),0)</f>
        <v>2.1897920635155788</v>
      </c>
      <c r="F4040" cm="1">
        <f t="array" ref="F4040">IFERROR(INDEX(Jesper!AJ$2:AJ$366,ROUNDDOWN($C4040/24,0)+1,1)*INDEX($D$3:$AA$30,INDEX(Jesper!$R$2:$R$366,ROW(INDEX(Jesper!AJ$2:AJ$366,ROUNDDOWN($C4040/24,0)+1,1))-1)+IF('Standard Profiles'!$G$20=$B$10,7,0)+IF('Standard Profiles'!$G$20=$B$17,14,0)+IF('Standard Profiles'!$G$20=$B$24,21,0),MOD($C4040,24)+1)/SUM(INDEX($D$3:$AA$30,INDEX(Jesper!$R$2:$R$366,ROW(INDEX(Jesper!AJ$2:AJ$366,ROUNDDOWN($C4040/24,0)+1,1))-1)+IF('Standard Profiles'!$G$20=$B$10,7,0)+IF('Standard Profiles'!$G$20=$B$17,14,0)+IF('Standard Profiles'!$G$20=$B$24,21,0),0)),0)</f>
        <v>0</v>
      </c>
      <c r="G4040" cm="1">
        <f t="array" ref="G4040">IFERROR(INDEX(Jesper!AK$2:AK$366,ROUNDDOWN($C4040/24,0)+1,1)*INDEX($D$3:$AA$30,INDEX(Jesper!$R$2:$R$366,ROW(INDEX(Jesper!AK$2:AK$366,ROUNDDOWN($C4040/24,0)+1,1))-1)+IF('Standard Profiles'!$G$21=$B$10,7,0)+IF('Standard Profiles'!$G$21=$B$17,14,0)+IF('Standard Profiles'!$G$21=$B$24,21,0),MOD($C4040,24)+1)/SUM(INDEX($D$3:$AA$30,INDEX(Jesper!$R$2:$R$366,ROW(INDEX(Jesper!AK$2:AK$366,ROUNDDOWN($C4040/24,0)+1,1))-1)+IF('Standard Profiles'!$G$21=$B$10,7,0)+IF('Standard Profiles'!$G$21=$B$17,14,0)+IF('Standard Profiles'!$G$21=$B$24,21,0),0)),0)</f>
        <v>0.34170517927785277</v>
      </c>
      <c r="H4040" cm="1">
        <f t="array" ref="H4040">IFERROR(INDEX(Jesper!AL$2:AL$366,ROUNDDOWN($C4040/24,0)+1,1)*INDEX($D$3:$AA$30,INDEX(Jesper!$R$2:$R$366,ROW(INDEX(Jesper!AL$2:AL$366,ROUNDDOWN($C4040/24,0)+1,1))-1)+IF('Standard Profiles'!$G$22=$B$10,7,0)+IF('Standard Profiles'!$G$22=$B$17,14,0)+IF('Standard Profiles'!$G$22=$B$24,21,0),MOD($C4040,24)+1)/SUM(INDEX($D$3:$AA$30,INDEX(Jesper!$R$2:$R$366,ROW(INDEX(Jesper!AL$2:AL$366,ROUNDDOWN($C4040/24,0)+1,1))-1)+IF('Standard Profiles'!$G$22=$B$10,7,0)+IF('Standard Profiles'!$G$22=$B$17,14,0)+IF('Standard Profiles'!$G$22=$B$24,21,0),0)),0)</f>
        <v>0</v>
      </c>
      <c r="I4040">
        <f t="shared" si="454"/>
        <v>0.16401848605336924</v>
      </c>
      <c r="J4040">
        <f t="shared" si="455"/>
        <v>6.5678482642073952</v>
      </c>
      <c r="K4040">
        <f t="shared" si="456"/>
        <v>0.53338025491648666</v>
      </c>
      <c r="L4040">
        <f t="shared" si="457"/>
        <v>0.26669012745824333</v>
      </c>
      <c r="M4040">
        <f t="shared" si="458"/>
        <v>0</v>
      </c>
      <c r="N4040" s="45">
        <f t="shared" si="459"/>
        <v>45093.916666656951</v>
      </c>
    </row>
    <row r="4041" spans="2:14" x14ac:dyDescent="0.25">
      <c r="B4041">
        <f t="shared" si="453"/>
        <v>5</v>
      </c>
      <c r="C4041" s="16">
        <v>4007</v>
      </c>
      <c r="D4041" cm="1">
        <f t="array" ref="D4041">IFERROR(INDEX(Jesper!AH$2:AH$366,ROUNDDOWN($C4041/24,0)+1,1)*INDEX($D$3:$AA$30,INDEX(Jesper!$R$2:$R$366,ROW(INDEX(Jesper!AH$2:AH$366,ROUNDDOWN($C4041/24,0)+1,1))-1)+IF('Standard Profiles'!$G$18=$B$10,7,0)+IF('Standard Profiles'!$G$18=$B$17,14,0)+IF('Standard Profiles'!$G$18=$B$24,21,0),MOD($C4041,24)+1)/SUM(INDEX($D$3:$AA$30,INDEX(Jesper!$R$2:$R$366,ROW(INDEX(Jesper!AH$2:AH$366,ROUNDDOWN($C4041/24,0)+1,1))-1)+IF('Standard Profiles'!$G$18=$B$10,7,0)+IF('Standard Profiles'!$G$18=$B$17,14,0)+IF('Standard Profiles'!$G$18=$B$24,21,0),0)),0)</f>
        <v>5.0004398898420623</v>
      </c>
      <c r="E4041" cm="1">
        <f t="array" ref="E4041">IFERROR(INDEX(Jesper!AI$2:AI$366,ROUNDDOWN($C4041/24,0)+1,1)*INDEX($D$3:$AA$30,INDEX(Jesper!$R$2:$R$366,ROW(INDEX(Jesper!AI$2:AI$366,ROUNDDOWN($C4041/24,0)+1,1))-1)+IF('Standard Profiles'!$G$19=$B$10,7,0)+IF('Standard Profiles'!$G$19=$B$17,14,0)+IF('Standard Profiles'!$G$19=$B$24,21,0),MOD($C4041,24)+1)/SUM(INDEX($D$3:$AA$30,INDEX(Jesper!$R$2:$R$366,ROW(INDEX(Jesper!AI$2:AI$366,ROUNDDOWN($C4041/24,0)+1,1))-1)+IF('Standard Profiles'!$G$19=$B$10,7,0)+IF('Standard Profiles'!$G$19=$B$17,14,0)+IF('Standard Profiles'!$G$19=$B$24,21,0),0)),0)</f>
        <v>2.1897920635155788</v>
      </c>
      <c r="F4041" cm="1">
        <f t="array" ref="F4041">IFERROR(INDEX(Jesper!AJ$2:AJ$366,ROUNDDOWN($C4041/24,0)+1,1)*INDEX($D$3:$AA$30,INDEX(Jesper!$R$2:$R$366,ROW(INDEX(Jesper!AJ$2:AJ$366,ROUNDDOWN($C4041/24,0)+1,1))-1)+IF('Standard Profiles'!$G$20=$B$10,7,0)+IF('Standard Profiles'!$G$20=$B$17,14,0)+IF('Standard Profiles'!$G$20=$B$24,21,0),MOD($C4041,24)+1)/SUM(INDEX($D$3:$AA$30,INDEX(Jesper!$R$2:$R$366,ROW(INDEX(Jesper!AJ$2:AJ$366,ROUNDDOWN($C4041/24,0)+1,1))-1)+IF('Standard Profiles'!$G$20=$B$10,7,0)+IF('Standard Profiles'!$G$20=$B$17,14,0)+IF('Standard Profiles'!$G$20=$B$24,21,0),0)),0)</f>
        <v>0</v>
      </c>
      <c r="G4041" cm="1">
        <f t="array" ref="G4041">IFERROR(INDEX(Jesper!AK$2:AK$366,ROUNDDOWN($C4041/24,0)+1,1)*INDEX($D$3:$AA$30,INDEX(Jesper!$R$2:$R$366,ROW(INDEX(Jesper!AK$2:AK$366,ROUNDDOWN($C4041/24,0)+1,1))-1)+IF('Standard Profiles'!$G$21=$B$10,7,0)+IF('Standard Profiles'!$G$21=$B$17,14,0)+IF('Standard Profiles'!$G$21=$B$24,21,0),MOD($C4041,24)+1)/SUM(INDEX($D$3:$AA$30,INDEX(Jesper!$R$2:$R$366,ROW(INDEX(Jesper!AK$2:AK$366,ROUNDDOWN($C4041/24,0)+1,1))-1)+IF('Standard Profiles'!$G$21=$B$10,7,0)+IF('Standard Profiles'!$G$21=$B$17,14,0)+IF('Standard Profiles'!$G$21=$B$24,21,0),0)),0)</f>
        <v>0.34170517927785277</v>
      </c>
      <c r="H4041" cm="1">
        <f t="array" ref="H4041">IFERROR(INDEX(Jesper!AL$2:AL$366,ROUNDDOWN($C4041/24,0)+1,1)*INDEX($D$3:$AA$30,INDEX(Jesper!$R$2:$R$366,ROW(INDEX(Jesper!AL$2:AL$366,ROUNDDOWN($C4041/24,0)+1,1))-1)+IF('Standard Profiles'!$G$22=$B$10,7,0)+IF('Standard Profiles'!$G$22=$B$17,14,0)+IF('Standard Profiles'!$G$22=$B$24,21,0),MOD($C4041,24)+1)/SUM(INDEX($D$3:$AA$30,INDEX(Jesper!$R$2:$R$366,ROW(INDEX(Jesper!AL$2:AL$366,ROUNDDOWN($C4041/24,0)+1,1))-1)+IF('Standard Profiles'!$G$22=$B$10,7,0)+IF('Standard Profiles'!$G$22=$B$17,14,0)+IF('Standard Profiles'!$G$22=$B$24,21,0),0)),0)</f>
        <v>0</v>
      </c>
      <c r="I4041">
        <f t="shared" si="454"/>
        <v>0.16401848605336924</v>
      </c>
      <c r="J4041">
        <f t="shared" si="455"/>
        <v>6.5678482642073952</v>
      </c>
      <c r="K4041">
        <f t="shared" si="456"/>
        <v>0.53338025491648666</v>
      </c>
      <c r="L4041">
        <f t="shared" si="457"/>
        <v>0.26669012745824333</v>
      </c>
      <c r="M4041">
        <f t="shared" si="458"/>
        <v>0</v>
      </c>
      <c r="N4041" s="45">
        <f t="shared" si="459"/>
        <v>45093.958333323615</v>
      </c>
    </row>
    <row r="4042" spans="2:14" x14ac:dyDescent="0.25">
      <c r="B4042">
        <f t="shared" si="453"/>
        <v>6</v>
      </c>
      <c r="C4042" s="16">
        <v>4008</v>
      </c>
      <c r="D4042" cm="1">
        <f t="array" ref="D4042">IFERROR(INDEX(Jesper!AH$2:AH$366,ROUNDDOWN($C4042/24,0)+1,1)*INDEX($D$3:$AA$30,INDEX(Jesper!$R$2:$R$366,ROW(INDEX(Jesper!AH$2:AH$366,ROUNDDOWN($C4042/24,0)+1,1))-1)+IF('Standard Profiles'!$G$18=$B$10,7,0)+IF('Standard Profiles'!$G$18=$B$17,14,0)+IF('Standard Profiles'!$G$18=$B$24,21,0),MOD($C4042,24)+1)/SUM(INDEX($D$3:$AA$30,INDEX(Jesper!$R$2:$R$366,ROW(INDEX(Jesper!AH$2:AH$366,ROUNDDOWN($C4042/24,0)+1,1))-1)+IF('Standard Profiles'!$G$18=$B$10,7,0)+IF('Standard Profiles'!$G$18=$B$17,14,0)+IF('Standard Profiles'!$G$18=$B$24,21,0),0)),0)</f>
        <v>0</v>
      </c>
      <c r="E4042" cm="1">
        <f t="array" ref="E4042">IFERROR(INDEX(Jesper!AI$2:AI$366,ROUNDDOWN($C4042/24,0)+1,1)*INDEX($D$3:$AA$30,INDEX(Jesper!$R$2:$R$366,ROW(INDEX(Jesper!AI$2:AI$366,ROUNDDOWN($C4042/24,0)+1,1))-1)+IF('Standard Profiles'!$G$19=$B$10,7,0)+IF('Standard Profiles'!$G$19=$B$17,14,0)+IF('Standard Profiles'!$G$19=$B$24,21,0),MOD($C4042,24)+1)/SUM(INDEX($D$3:$AA$30,INDEX(Jesper!$R$2:$R$366,ROW(INDEX(Jesper!AI$2:AI$366,ROUNDDOWN($C4042/24,0)+1,1))-1)+IF('Standard Profiles'!$G$19=$B$10,7,0)+IF('Standard Profiles'!$G$19=$B$17,14,0)+IF('Standard Profiles'!$G$19=$B$24,21,0),0)),0)</f>
        <v>3.0244407975132517</v>
      </c>
      <c r="F4042" cm="1">
        <f t="array" ref="F4042">IFERROR(INDEX(Jesper!AJ$2:AJ$366,ROUNDDOWN($C4042/24,0)+1,1)*INDEX($D$3:$AA$30,INDEX(Jesper!$R$2:$R$366,ROW(INDEX(Jesper!AJ$2:AJ$366,ROUNDDOWN($C4042/24,0)+1,1))-1)+IF('Standard Profiles'!$G$20=$B$10,7,0)+IF('Standard Profiles'!$G$20=$B$17,14,0)+IF('Standard Profiles'!$G$20=$B$24,21,0),MOD($C4042,24)+1)/SUM(INDEX($D$3:$AA$30,INDEX(Jesper!$R$2:$R$366,ROW(INDEX(Jesper!AJ$2:AJ$366,ROUNDDOWN($C4042/24,0)+1,1))-1)+IF('Standard Profiles'!$G$20=$B$10,7,0)+IF('Standard Profiles'!$G$20=$B$17,14,0)+IF('Standard Profiles'!$G$20=$B$24,21,0),0)),0)</f>
        <v>1.3181287187551378</v>
      </c>
      <c r="G4042" cm="1">
        <f t="array" ref="G4042">IFERROR(INDEX(Jesper!AK$2:AK$366,ROUNDDOWN($C4042/24,0)+1,1)*INDEX($D$3:$AA$30,INDEX(Jesper!$R$2:$R$366,ROW(INDEX(Jesper!AK$2:AK$366,ROUNDDOWN($C4042/24,0)+1,1))-1)+IF('Standard Profiles'!$G$21=$B$10,7,0)+IF('Standard Profiles'!$G$21=$B$17,14,0)+IF('Standard Profiles'!$G$21=$B$24,21,0),MOD($C4042,24)+1)/SUM(INDEX($D$3:$AA$30,INDEX(Jesper!$R$2:$R$366,ROW(INDEX(Jesper!AK$2:AK$366,ROUNDDOWN($C4042/24,0)+1,1))-1)+IF('Standard Profiles'!$G$21=$B$10,7,0)+IF('Standard Profiles'!$G$21=$B$17,14,0)+IF('Standard Profiles'!$G$21=$B$24,21,0),0)),0)</f>
        <v>0.68836701284177737</v>
      </c>
      <c r="H4042" cm="1">
        <f t="array" ref="H4042">IFERROR(INDEX(Jesper!AL$2:AL$366,ROUNDDOWN($C4042/24,0)+1,1)*INDEX($D$3:$AA$30,INDEX(Jesper!$R$2:$R$366,ROW(INDEX(Jesper!AL$2:AL$366,ROUNDDOWN($C4042/24,0)+1,1))-1)+IF('Standard Profiles'!$G$22=$B$10,7,0)+IF('Standard Profiles'!$G$22=$B$17,14,0)+IF('Standard Profiles'!$G$22=$B$24,21,0),MOD($C4042,24)+1)/SUM(INDEX($D$3:$AA$30,INDEX(Jesper!$R$2:$R$366,ROW(INDEX(Jesper!AL$2:AL$366,ROUNDDOWN($C4042/24,0)+1,1))-1)+IF('Standard Profiles'!$G$22=$B$10,7,0)+IF('Standard Profiles'!$G$22=$B$17,14,0)+IF('Standard Profiles'!$G$22=$B$24,21,0),0)),0)</f>
        <v>0.1192246803562587</v>
      </c>
      <c r="I4042">
        <f t="shared" si="454"/>
        <v>0.11445569314200842</v>
      </c>
      <c r="J4042">
        <f t="shared" si="455"/>
        <v>4.6727726206228271</v>
      </c>
      <c r="K4042">
        <f t="shared" si="456"/>
        <v>0.24195526380106014</v>
      </c>
      <c r="L4042">
        <f t="shared" si="457"/>
        <v>0.12097763190053007</v>
      </c>
      <c r="M4042">
        <f t="shared" si="458"/>
        <v>0</v>
      </c>
      <c r="N4042" s="45">
        <f t="shared" si="459"/>
        <v>45093.999999990279</v>
      </c>
    </row>
    <row r="4043" spans="2:14" x14ac:dyDescent="0.25">
      <c r="B4043">
        <f t="shared" si="453"/>
        <v>6</v>
      </c>
      <c r="C4043" s="16">
        <v>4009</v>
      </c>
      <c r="D4043" cm="1">
        <f t="array" ref="D4043">IFERROR(INDEX(Jesper!AH$2:AH$366,ROUNDDOWN($C4043/24,0)+1,1)*INDEX($D$3:$AA$30,INDEX(Jesper!$R$2:$R$366,ROW(INDEX(Jesper!AH$2:AH$366,ROUNDDOWN($C4043/24,0)+1,1))-1)+IF('Standard Profiles'!$G$18=$B$10,7,0)+IF('Standard Profiles'!$G$18=$B$17,14,0)+IF('Standard Profiles'!$G$18=$B$24,21,0),MOD($C4043,24)+1)/SUM(INDEX($D$3:$AA$30,INDEX(Jesper!$R$2:$R$366,ROW(INDEX(Jesper!AH$2:AH$366,ROUNDDOWN($C4043/24,0)+1,1))-1)+IF('Standard Profiles'!$G$18=$B$10,7,0)+IF('Standard Profiles'!$G$18=$B$17,14,0)+IF('Standard Profiles'!$G$18=$B$24,21,0),0)),0)</f>
        <v>0</v>
      </c>
      <c r="E4043" cm="1">
        <f t="array" ref="E4043">IFERROR(INDEX(Jesper!AI$2:AI$366,ROUNDDOWN($C4043/24,0)+1,1)*INDEX($D$3:$AA$30,INDEX(Jesper!$R$2:$R$366,ROW(INDEX(Jesper!AI$2:AI$366,ROUNDDOWN($C4043/24,0)+1,1))-1)+IF('Standard Profiles'!$G$19=$B$10,7,0)+IF('Standard Profiles'!$G$19=$B$17,14,0)+IF('Standard Profiles'!$G$19=$B$24,21,0),MOD($C4043,24)+1)/SUM(INDEX($D$3:$AA$30,INDEX(Jesper!$R$2:$R$366,ROW(INDEX(Jesper!AI$2:AI$366,ROUNDDOWN($C4043/24,0)+1,1))-1)+IF('Standard Profiles'!$G$19=$B$10,7,0)+IF('Standard Profiles'!$G$19=$B$17,14,0)+IF('Standard Profiles'!$G$19=$B$24,21,0),0)),0)</f>
        <v>2.7219967177619262</v>
      </c>
      <c r="F4043" cm="1">
        <f t="array" ref="F4043">IFERROR(INDEX(Jesper!AJ$2:AJ$366,ROUNDDOWN($C4043/24,0)+1,1)*INDEX($D$3:$AA$30,INDEX(Jesper!$R$2:$R$366,ROW(INDEX(Jesper!AJ$2:AJ$366,ROUNDDOWN($C4043/24,0)+1,1))-1)+IF('Standard Profiles'!$G$20=$B$10,7,0)+IF('Standard Profiles'!$G$20=$B$17,14,0)+IF('Standard Profiles'!$G$20=$B$24,21,0),MOD($C4043,24)+1)/SUM(INDEX($D$3:$AA$30,INDEX(Jesper!$R$2:$R$366,ROW(INDEX(Jesper!AJ$2:AJ$366,ROUNDDOWN($C4043/24,0)+1,1))-1)+IF('Standard Profiles'!$G$20=$B$10,7,0)+IF('Standard Profiles'!$G$20=$B$17,14,0)+IF('Standard Profiles'!$G$20=$B$24,21,0),0)),0)</f>
        <v>1.186315846879624</v>
      </c>
      <c r="G4043" cm="1">
        <f t="array" ref="G4043">IFERROR(INDEX(Jesper!AK$2:AK$366,ROUNDDOWN($C4043/24,0)+1,1)*INDEX($D$3:$AA$30,INDEX(Jesper!$R$2:$R$366,ROW(INDEX(Jesper!AK$2:AK$366,ROUNDDOWN($C4043/24,0)+1,1))-1)+IF('Standard Profiles'!$G$21=$B$10,7,0)+IF('Standard Profiles'!$G$21=$B$17,14,0)+IF('Standard Profiles'!$G$21=$B$24,21,0),MOD($C4043,24)+1)/SUM(INDEX($D$3:$AA$30,INDEX(Jesper!$R$2:$R$366,ROW(INDEX(Jesper!AK$2:AK$366,ROUNDDOWN($C4043/24,0)+1,1))-1)+IF('Standard Profiles'!$G$21=$B$10,7,0)+IF('Standard Profiles'!$G$21=$B$17,14,0)+IF('Standard Profiles'!$G$21=$B$24,21,0),0)),0)</f>
        <v>0.68836701284177737</v>
      </c>
      <c r="H4043" cm="1">
        <f t="array" ref="H4043">IFERROR(INDEX(Jesper!AL$2:AL$366,ROUNDDOWN($C4043/24,0)+1,1)*INDEX($D$3:$AA$30,INDEX(Jesper!$R$2:$R$366,ROW(INDEX(Jesper!AL$2:AL$366,ROUNDDOWN($C4043/24,0)+1,1))-1)+IF('Standard Profiles'!$G$22=$B$10,7,0)+IF('Standard Profiles'!$G$22=$B$17,14,0)+IF('Standard Profiles'!$G$22=$B$24,21,0),MOD($C4043,24)+1)/SUM(INDEX($D$3:$AA$30,INDEX(Jesper!$R$2:$R$366,ROW(INDEX(Jesper!AL$2:AL$366,ROUNDDOWN($C4043/24,0)+1,1))-1)+IF('Standard Profiles'!$G$22=$B$10,7,0)+IF('Standard Profiles'!$G$22=$B$17,14,0)+IF('Standard Profiles'!$G$22=$B$24,21,0),0)),0)</f>
        <v>0.23277199498126705</v>
      </c>
      <c r="I4043">
        <f t="shared" si="454"/>
        <v>0.2234611151820165</v>
      </c>
      <c r="J4043">
        <f t="shared" si="455"/>
        <v>4.2793508511511478</v>
      </c>
      <c r="K4043">
        <f t="shared" si="456"/>
        <v>0.21775973742095411</v>
      </c>
      <c r="L4043">
        <f t="shared" si="457"/>
        <v>0.10887986871047706</v>
      </c>
      <c r="M4043">
        <f t="shared" si="458"/>
        <v>0</v>
      </c>
      <c r="N4043" s="45">
        <f t="shared" si="459"/>
        <v>45094.041666656944</v>
      </c>
    </row>
    <row r="4044" spans="2:14" x14ac:dyDescent="0.25">
      <c r="B4044">
        <f t="shared" si="453"/>
        <v>6</v>
      </c>
      <c r="C4044" s="16">
        <v>4010</v>
      </c>
      <c r="D4044" cm="1">
        <f t="array" ref="D4044">IFERROR(INDEX(Jesper!AH$2:AH$366,ROUNDDOWN($C4044/24,0)+1,1)*INDEX($D$3:$AA$30,INDEX(Jesper!$R$2:$R$366,ROW(INDEX(Jesper!AH$2:AH$366,ROUNDDOWN($C4044/24,0)+1,1))-1)+IF('Standard Profiles'!$G$18=$B$10,7,0)+IF('Standard Profiles'!$G$18=$B$17,14,0)+IF('Standard Profiles'!$G$18=$B$24,21,0),MOD($C4044,24)+1)/SUM(INDEX($D$3:$AA$30,INDEX(Jesper!$R$2:$R$366,ROW(INDEX(Jesper!AH$2:AH$366,ROUNDDOWN($C4044/24,0)+1,1))-1)+IF('Standard Profiles'!$G$18=$B$10,7,0)+IF('Standard Profiles'!$G$18=$B$17,14,0)+IF('Standard Profiles'!$G$18=$B$24,21,0),0)),0)</f>
        <v>0</v>
      </c>
      <c r="E4044" cm="1">
        <f t="array" ref="E4044">IFERROR(INDEX(Jesper!AI$2:AI$366,ROUNDDOWN($C4044/24,0)+1,1)*INDEX($D$3:$AA$30,INDEX(Jesper!$R$2:$R$366,ROW(INDEX(Jesper!AI$2:AI$366,ROUNDDOWN($C4044/24,0)+1,1))-1)+IF('Standard Profiles'!$G$19=$B$10,7,0)+IF('Standard Profiles'!$G$19=$B$17,14,0)+IF('Standard Profiles'!$G$19=$B$24,21,0),MOD($C4044,24)+1)/SUM(INDEX($D$3:$AA$30,INDEX(Jesper!$R$2:$R$366,ROW(INDEX(Jesper!AI$2:AI$366,ROUNDDOWN($C4044/24,0)+1,1))-1)+IF('Standard Profiles'!$G$19=$B$10,7,0)+IF('Standard Profiles'!$G$19=$B$17,14,0)+IF('Standard Profiles'!$G$19=$B$24,21,0),0)),0)</f>
        <v>2.7219967177619262</v>
      </c>
      <c r="F4044" cm="1">
        <f t="array" ref="F4044">IFERROR(INDEX(Jesper!AJ$2:AJ$366,ROUNDDOWN($C4044/24,0)+1,1)*INDEX($D$3:$AA$30,INDEX(Jesper!$R$2:$R$366,ROW(INDEX(Jesper!AJ$2:AJ$366,ROUNDDOWN($C4044/24,0)+1,1))-1)+IF('Standard Profiles'!$G$20=$B$10,7,0)+IF('Standard Profiles'!$G$20=$B$17,14,0)+IF('Standard Profiles'!$G$20=$B$24,21,0),MOD($C4044,24)+1)/SUM(INDEX($D$3:$AA$30,INDEX(Jesper!$R$2:$R$366,ROW(INDEX(Jesper!AJ$2:AJ$366,ROUNDDOWN($C4044/24,0)+1,1))-1)+IF('Standard Profiles'!$G$20=$B$10,7,0)+IF('Standard Profiles'!$G$20=$B$17,14,0)+IF('Standard Profiles'!$G$20=$B$24,21,0),0)),0)</f>
        <v>1.186315846879624</v>
      </c>
      <c r="G4044" cm="1">
        <f t="array" ref="G4044">IFERROR(INDEX(Jesper!AK$2:AK$366,ROUNDDOWN($C4044/24,0)+1,1)*INDEX($D$3:$AA$30,INDEX(Jesper!$R$2:$R$366,ROW(INDEX(Jesper!AK$2:AK$366,ROUNDDOWN($C4044/24,0)+1,1))-1)+IF('Standard Profiles'!$G$21=$B$10,7,0)+IF('Standard Profiles'!$G$21=$B$17,14,0)+IF('Standard Profiles'!$G$21=$B$24,21,0),MOD($C4044,24)+1)/SUM(INDEX($D$3:$AA$30,INDEX(Jesper!$R$2:$R$366,ROW(INDEX(Jesper!AK$2:AK$366,ROUNDDOWN($C4044/24,0)+1,1))-1)+IF('Standard Profiles'!$G$21=$B$10,7,0)+IF('Standard Profiles'!$G$21=$B$17,14,0)+IF('Standard Profiles'!$G$21=$B$24,21,0),0)),0)</f>
        <v>0.68836701284177737</v>
      </c>
      <c r="H4044" cm="1">
        <f t="array" ref="H4044">IFERROR(INDEX(Jesper!AL$2:AL$366,ROUNDDOWN($C4044/24,0)+1,1)*INDEX($D$3:$AA$30,INDEX(Jesper!$R$2:$R$366,ROW(INDEX(Jesper!AL$2:AL$366,ROUNDDOWN($C4044/24,0)+1,1))-1)+IF('Standard Profiles'!$G$22=$B$10,7,0)+IF('Standard Profiles'!$G$22=$B$17,14,0)+IF('Standard Profiles'!$G$22=$B$24,21,0),MOD($C4044,24)+1)/SUM(INDEX($D$3:$AA$30,INDEX(Jesper!$R$2:$R$366,ROW(INDEX(Jesper!AL$2:AL$366,ROUNDDOWN($C4044/24,0)+1,1))-1)+IF('Standard Profiles'!$G$22=$B$10,7,0)+IF('Standard Profiles'!$G$22=$B$17,14,0)+IF('Standard Profiles'!$G$22=$B$24,21,0),0)),0)</f>
        <v>0.23277199498126705</v>
      </c>
      <c r="I4044">
        <f t="shared" si="454"/>
        <v>0.2234611151820165</v>
      </c>
      <c r="J4044">
        <f t="shared" si="455"/>
        <v>4.2793508511511478</v>
      </c>
      <c r="K4044">
        <f t="shared" si="456"/>
        <v>0.21775973742095411</v>
      </c>
      <c r="L4044">
        <f t="shared" si="457"/>
        <v>0.10887986871047706</v>
      </c>
      <c r="M4044">
        <f t="shared" si="458"/>
        <v>0</v>
      </c>
      <c r="N4044" s="45">
        <f t="shared" si="459"/>
        <v>45094.083333323608</v>
      </c>
    </row>
    <row r="4045" spans="2:14" x14ac:dyDescent="0.25">
      <c r="B4045">
        <f t="shared" si="453"/>
        <v>6</v>
      </c>
      <c r="C4045" s="16">
        <v>4011</v>
      </c>
      <c r="D4045" cm="1">
        <f t="array" ref="D4045">IFERROR(INDEX(Jesper!AH$2:AH$366,ROUNDDOWN($C4045/24,0)+1,1)*INDEX($D$3:$AA$30,INDEX(Jesper!$R$2:$R$366,ROW(INDEX(Jesper!AH$2:AH$366,ROUNDDOWN($C4045/24,0)+1,1))-1)+IF('Standard Profiles'!$G$18=$B$10,7,0)+IF('Standard Profiles'!$G$18=$B$17,14,0)+IF('Standard Profiles'!$G$18=$B$24,21,0),MOD($C4045,24)+1)/SUM(INDEX($D$3:$AA$30,INDEX(Jesper!$R$2:$R$366,ROW(INDEX(Jesper!AH$2:AH$366,ROUNDDOWN($C4045/24,0)+1,1))-1)+IF('Standard Profiles'!$G$18=$B$10,7,0)+IF('Standard Profiles'!$G$18=$B$17,14,0)+IF('Standard Profiles'!$G$18=$B$24,21,0),0)),0)</f>
        <v>0</v>
      </c>
      <c r="E4045" cm="1">
        <f t="array" ref="E4045">IFERROR(INDEX(Jesper!AI$2:AI$366,ROUNDDOWN($C4045/24,0)+1,1)*INDEX($D$3:$AA$30,INDEX(Jesper!$R$2:$R$366,ROW(INDEX(Jesper!AI$2:AI$366,ROUNDDOWN($C4045/24,0)+1,1))-1)+IF('Standard Profiles'!$G$19=$B$10,7,0)+IF('Standard Profiles'!$G$19=$B$17,14,0)+IF('Standard Profiles'!$G$19=$B$24,21,0),MOD($C4045,24)+1)/SUM(INDEX($D$3:$AA$30,INDEX(Jesper!$R$2:$R$366,ROW(INDEX(Jesper!AI$2:AI$366,ROUNDDOWN($C4045/24,0)+1,1))-1)+IF('Standard Profiles'!$G$19=$B$10,7,0)+IF('Standard Profiles'!$G$19=$B$17,14,0)+IF('Standard Profiles'!$G$19=$B$24,21,0),0)),0)</f>
        <v>2.7219967177619262</v>
      </c>
      <c r="F4045" cm="1">
        <f t="array" ref="F4045">IFERROR(INDEX(Jesper!AJ$2:AJ$366,ROUNDDOWN($C4045/24,0)+1,1)*INDEX($D$3:$AA$30,INDEX(Jesper!$R$2:$R$366,ROW(INDEX(Jesper!AJ$2:AJ$366,ROUNDDOWN($C4045/24,0)+1,1))-1)+IF('Standard Profiles'!$G$20=$B$10,7,0)+IF('Standard Profiles'!$G$20=$B$17,14,0)+IF('Standard Profiles'!$G$20=$B$24,21,0),MOD($C4045,24)+1)/SUM(INDEX($D$3:$AA$30,INDEX(Jesper!$R$2:$R$366,ROW(INDEX(Jesper!AJ$2:AJ$366,ROUNDDOWN($C4045/24,0)+1,1))-1)+IF('Standard Profiles'!$G$20=$B$10,7,0)+IF('Standard Profiles'!$G$20=$B$17,14,0)+IF('Standard Profiles'!$G$20=$B$24,21,0),0)),0)</f>
        <v>1.186315846879624</v>
      </c>
      <c r="G4045" cm="1">
        <f t="array" ref="G4045">IFERROR(INDEX(Jesper!AK$2:AK$366,ROUNDDOWN($C4045/24,0)+1,1)*INDEX($D$3:$AA$30,INDEX(Jesper!$R$2:$R$366,ROW(INDEX(Jesper!AK$2:AK$366,ROUNDDOWN($C4045/24,0)+1,1))-1)+IF('Standard Profiles'!$G$21=$B$10,7,0)+IF('Standard Profiles'!$G$21=$B$17,14,0)+IF('Standard Profiles'!$G$21=$B$24,21,0),MOD($C4045,24)+1)/SUM(INDEX($D$3:$AA$30,INDEX(Jesper!$R$2:$R$366,ROW(INDEX(Jesper!AK$2:AK$366,ROUNDDOWN($C4045/24,0)+1,1))-1)+IF('Standard Profiles'!$G$21=$B$10,7,0)+IF('Standard Profiles'!$G$21=$B$17,14,0)+IF('Standard Profiles'!$G$21=$B$24,21,0),0)),0)</f>
        <v>0.68836701284177737</v>
      </c>
      <c r="H4045" cm="1">
        <f t="array" ref="H4045">IFERROR(INDEX(Jesper!AL$2:AL$366,ROUNDDOWN($C4045/24,0)+1,1)*INDEX($D$3:$AA$30,INDEX(Jesper!$R$2:$R$366,ROW(INDEX(Jesper!AL$2:AL$366,ROUNDDOWN($C4045/24,0)+1,1))-1)+IF('Standard Profiles'!$G$22=$B$10,7,0)+IF('Standard Profiles'!$G$22=$B$17,14,0)+IF('Standard Profiles'!$G$22=$B$24,21,0),MOD($C4045,24)+1)/SUM(INDEX($D$3:$AA$30,INDEX(Jesper!$R$2:$R$366,ROW(INDEX(Jesper!AL$2:AL$366,ROUNDDOWN($C4045/24,0)+1,1))-1)+IF('Standard Profiles'!$G$22=$B$10,7,0)+IF('Standard Profiles'!$G$22=$B$17,14,0)+IF('Standard Profiles'!$G$22=$B$24,21,0),0)),0)</f>
        <v>0.23277199498126705</v>
      </c>
      <c r="I4045">
        <f t="shared" si="454"/>
        <v>0.2234611151820165</v>
      </c>
      <c r="J4045">
        <f t="shared" si="455"/>
        <v>4.2793508511511478</v>
      </c>
      <c r="K4045">
        <f t="shared" si="456"/>
        <v>0.21775973742095411</v>
      </c>
      <c r="L4045">
        <f t="shared" si="457"/>
        <v>0.10887986871047706</v>
      </c>
      <c r="M4045">
        <f t="shared" si="458"/>
        <v>0</v>
      </c>
      <c r="N4045" s="45">
        <f t="shared" si="459"/>
        <v>45094.124999990272</v>
      </c>
    </row>
    <row r="4046" spans="2:14" x14ac:dyDescent="0.25">
      <c r="B4046">
        <f t="shared" si="453"/>
        <v>6</v>
      </c>
      <c r="C4046" s="16">
        <v>4012</v>
      </c>
      <c r="D4046" cm="1">
        <f t="array" ref="D4046">IFERROR(INDEX(Jesper!AH$2:AH$366,ROUNDDOWN($C4046/24,0)+1,1)*INDEX($D$3:$AA$30,INDEX(Jesper!$R$2:$R$366,ROW(INDEX(Jesper!AH$2:AH$366,ROUNDDOWN($C4046/24,0)+1,1))-1)+IF('Standard Profiles'!$G$18=$B$10,7,0)+IF('Standard Profiles'!$G$18=$B$17,14,0)+IF('Standard Profiles'!$G$18=$B$24,21,0),MOD($C4046,24)+1)/SUM(INDEX($D$3:$AA$30,INDEX(Jesper!$R$2:$R$366,ROW(INDEX(Jesper!AH$2:AH$366,ROUNDDOWN($C4046/24,0)+1,1))-1)+IF('Standard Profiles'!$G$18=$B$10,7,0)+IF('Standard Profiles'!$G$18=$B$17,14,0)+IF('Standard Profiles'!$G$18=$B$24,21,0),0)),0)</f>
        <v>0</v>
      </c>
      <c r="E4046" cm="1">
        <f t="array" ref="E4046">IFERROR(INDEX(Jesper!AI$2:AI$366,ROUNDDOWN($C4046/24,0)+1,1)*INDEX($D$3:$AA$30,INDEX(Jesper!$R$2:$R$366,ROW(INDEX(Jesper!AI$2:AI$366,ROUNDDOWN($C4046/24,0)+1,1))-1)+IF('Standard Profiles'!$G$19=$B$10,7,0)+IF('Standard Profiles'!$G$19=$B$17,14,0)+IF('Standard Profiles'!$G$19=$B$24,21,0),MOD($C4046,24)+1)/SUM(INDEX($D$3:$AA$30,INDEX(Jesper!$R$2:$R$366,ROW(INDEX(Jesper!AI$2:AI$366,ROUNDDOWN($C4046/24,0)+1,1))-1)+IF('Standard Profiles'!$G$19=$B$10,7,0)+IF('Standard Profiles'!$G$19=$B$17,14,0)+IF('Standard Profiles'!$G$19=$B$24,21,0),0)),0)</f>
        <v>2.7219967177619262</v>
      </c>
      <c r="F4046" cm="1">
        <f t="array" ref="F4046">IFERROR(INDEX(Jesper!AJ$2:AJ$366,ROUNDDOWN($C4046/24,0)+1,1)*INDEX($D$3:$AA$30,INDEX(Jesper!$R$2:$R$366,ROW(INDEX(Jesper!AJ$2:AJ$366,ROUNDDOWN($C4046/24,0)+1,1))-1)+IF('Standard Profiles'!$G$20=$B$10,7,0)+IF('Standard Profiles'!$G$20=$B$17,14,0)+IF('Standard Profiles'!$G$20=$B$24,21,0),MOD($C4046,24)+1)/SUM(INDEX($D$3:$AA$30,INDEX(Jesper!$R$2:$R$366,ROW(INDEX(Jesper!AJ$2:AJ$366,ROUNDDOWN($C4046/24,0)+1,1))-1)+IF('Standard Profiles'!$G$20=$B$10,7,0)+IF('Standard Profiles'!$G$20=$B$17,14,0)+IF('Standard Profiles'!$G$20=$B$24,21,0),0)),0)</f>
        <v>1.186315846879624</v>
      </c>
      <c r="G4046" cm="1">
        <f t="array" ref="G4046">IFERROR(INDEX(Jesper!AK$2:AK$366,ROUNDDOWN($C4046/24,0)+1,1)*INDEX($D$3:$AA$30,INDEX(Jesper!$R$2:$R$366,ROW(INDEX(Jesper!AK$2:AK$366,ROUNDDOWN($C4046/24,0)+1,1))-1)+IF('Standard Profiles'!$G$21=$B$10,7,0)+IF('Standard Profiles'!$G$21=$B$17,14,0)+IF('Standard Profiles'!$G$21=$B$24,21,0),MOD($C4046,24)+1)/SUM(INDEX($D$3:$AA$30,INDEX(Jesper!$R$2:$R$366,ROW(INDEX(Jesper!AK$2:AK$366,ROUNDDOWN($C4046/24,0)+1,1))-1)+IF('Standard Profiles'!$G$21=$B$10,7,0)+IF('Standard Profiles'!$G$21=$B$17,14,0)+IF('Standard Profiles'!$G$21=$B$24,21,0),0)),0)</f>
        <v>0.68836701284177737</v>
      </c>
      <c r="H4046" cm="1">
        <f t="array" ref="H4046">IFERROR(INDEX(Jesper!AL$2:AL$366,ROUNDDOWN($C4046/24,0)+1,1)*INDEX($D$3:$AA$30,INDEX(Jesper!$R$2:$R$366,ROW(INDEX(Jesper!AL$2:AL$366,ROUNDDOWN($C4046/24,0)+1,1))-1)+IF('Standard Profiles'!$G$22=$B$10,7,0)+IF('Standard Profiles'!$G$22=$B$17,14,0)+IF('Standard Profiles'!$G$22=$B$24,21,0),MOD($C4046,24)+1)/SUM(INDEX($D$3:$AA$30,INDEX(Jesper!$R$2:$R$366,ROW(INDEX(Jesper!AL$2:AL$366,ROUNDDOWN($C4046/24,0)+1,1))-1)+IF('Standard Profiles'!$G$22=$B$10,7,0)+IF('Standard Profiles'!$G$22=$B$17,14,0)+IF('Standard Profiles'!$G$22=$B$24,21,0),0)),0)</f>
        <v>0.23277199498126705</v>
      </c>
      <c r="I4046">
        <f t="shared" si="454"/>
        <v>0.2234611151820165</v>
      </c>
      <c r="J4046">
        <f t="shared" si="455"/>
        <v>4.2793508511511478</v>
      </c>
      <c r="K4046">
        <f t="shared" si="456"/>
        <v>0.21775973742095411</v>
      </c>
      <c r="L4046">
        <f t="shared" si="457"/>
        <v>0.10887986871047706</v>
      </c>
      <c r="M4046">
        <f t="shared" si="458"/>
        <v>0</v>
      </c>
      <c r="N4046" s="45">
        <f t="shared" si="459"/>
        <v>45094.166666656936</v>
      </c>
    </row>
    <row r="4047" spans="2:14" x14ac:dyDescent="0.25">
      <c r="B4047">
        <f t="shared" si="453"/>
        <v>6</v>
      </c>
      <c r="C4047" s="16">
        <v>4013</v>
      </c>
      <c r="D4047" cm="1">
        <f t="array" ref="D4047">IFERROR(INDEX(Jesper!AH$2:AH$366,ROUNDDOWN($C4047/24,0)+1,1)*INDEX($D$3:$AA$30,INDEX(Jesper!$R$2:$R$366,ROW(INDEX(Jesper!AH$2:AH$366,ROUNDDOWN($C4047/24,0)+1,1))-1)+IF('Standard Profiles'!$G$18=$B$10,7,0)+IF('Standard Profiles'!$G$18=$B$17,14,0)+IF('Standard Profiles'!$G$18=$B$24,21,0),MOD($C4047,24)+1)/SUM(INDEX($D$3:$AA$30,INDEX(Jesper!$R$2:$R$366,ROW(INDEX(Jesper!AH$2:AH$366,ROUNDDOWN($C4047/24,0)+1,1))-1)+IF('Standard Profiles'!$G$18=$B$10,7,0)+IF('Standard Profiles'!$G$18=$B$17,14,0)+IF('Standard Profiles'!$G$18=$B$24,21,0),0)),0)</f>
        <v>0</v>
      </c>
      <c r="E4047" cm="1">
        <f t="array" ref="E4047">IFERROR(INDEX(Jesper!AI$2:AI$366,ROUNDDOWN($C4047/24,0)+1,1)*INDEX($D$3:$AA$30,INDEX(Jesper!$R$2:$R$366,ROW(INDEX(Jesper!AI$2:AI$366,ROUNDDOWN($C4047/24,0)+1,1))-1)+IF('Standard Profiles'!$G$19=$B$10,7,0)+IF('Standard Profiles'!$G$19=$B$17,14,0)+IF('Standard Profiles'!$G$19=$B$24,21,0),MOD($C4047,24)+1)/SUM(INDEX($D$3:$AA$30,INDEX(Jesper!$R$2:$R$366,ROW(INDEX(Jesper!AI$2:AI$366,ROUNDDOWN($C4047/24,0)+1,1))-1)+IF('Standard Profiles'!$G$19=$B$10,7,0)+IF('Standard Profiles'!$G$19=$B$17,14,0)+IF('Standard Profiles'!$G$19=$B$24,21,0),0)),0)</f>
        <v>2.7219967177619262</v>
      </c>
      <c r="F4047" cm="1">
        <f t="array" ref="F4047">IFERROR(INDEX(Jesper!AJ$2:AJ$366,ROUNDDOWN($C4047/24,0)+1,1)*INDEX($D$3:$AA$30,INDEX(Jesper!$R$2:$R$366,ROW(INDEX(Jesper!AJ$2:AJ$366,ROUNDDOWN($C4047/24,0)+1,1))-1)+IF('Standard Profiles'!$G$20=$B$10,7,0)+IF('Standard Profiles'!$G$20=$B$17,14,0)+IF('Standard Profiles'!$G$20=$B$24,21,0),MOD($C4047,24)+1)/SUM(INDEX($D$3:$AA$30,INDEX(Jesper!$R$2:$R$366,ROW(INDEX(Jesper!AJ$2:AJ$366,ROUNDDOWN($C4047/24,0)+1,1))-1)+IF('Standard Profiles'!$G$20=$B$10,7,0)+IF('Standard Profiles'!$G$20=$B$17,14,0)+IF('Standard Profiles'!$G$20=$B$24,21,0),0)),0)</f>
        <v>1.186315846879624</v>
      </c>
      <c r="G4047" cm="1">
        <f t="array" ref="G4047">IFERROR(INDEX(Jesper!AK$2:AK$366,ROUNDDOWN($C4047/24,0)+1,1)*INDEX($D$3:$AA$30,INDEX(Jesper!$R$2:$R$366,ROW(INDEX(Jesper!AK$2:AK$366,ROUNDDOWN($C4047/24,0)+1,1))-1)+IF('Standard Profiles'!$G$21=$B$10,7,0)+IF('Standard Profiles'!$G$21=$B$17,14,0)+IF('Standard Profiles'!$G$21=$B$24,21,0),MOD($C4047,24)+1)/SUM(INDEX($D$3:$AA$30,INDEX(Jesper!$R$2:$R$366,ROW(INDEX(Jesper!AK$2:AK$366,ROUNDDOWN($C4047/24,0)+1,1))-1)+IF('Standard Profiles'!$G$21=$B$10,7,0)+IF('Standard Profiles'!$G$21=$B$17,14,0)+IF('Standard Profiles'!$G$21=$B$24,21,0),0)),0)</f>
        <v>0.68836701284177737</v>
      </c>
      <c r="H4047" cm="1">
        <f t="array" ref="H4047">IFERROR(INDEX(Jesper!AL$2:AL$366,ROUNDDOWN($C4047/24,0)+1,1)*INDEX($D$3:$AA$30,INDEX(Jesper!$R$2:$R$366,ROW(INDEX(Jesper!AL$2:AL$366,ROUNDDOWN($C4047/24,0)+1,1))-1)+IF('Standard Profiles'!$G$22=$B$10,7,0)+IF('Standard Profiles'!$G$22=$B$17,14,0)+IF('Standard Profiles'!$G$22=$B$24,21,0),MOD($C4047,24)+1)/SUM(INDEX($D$3:$AA$30,INDEX(Jesper!$R$2:$R$366,ROW(INDEX(Jesper!AL$2:AL$366,ROUNDDOWN($C4047/24,0)+1,1))-1)+IF('Standard Profiles'!$G$22=$B$10,7,0)+IF('Standard Profiles'!$G$22=$B$17,14,0)+IF('Standard Profiles'!$G$22=$B$24,21,0),0)),0)</f>
        <v>0.28954565229377116</v>
      </c>
      <c r="I4047">
        <f t="shared" si="454"/>
        <v>0.27796382620202048</v>
      </c>
      <c r="J4047">
        <f t="shared" si="455"/>
        <v>4.2816217974436483</v>
      </c>
      <c r="K4047">
        <f t="shared" si="456"/>
        <v>0.21775973742095411</v>
      </c>
      <c r="L4047">
        <f t="shared" si="457"/>
        <v>0.10887986871047706</v>
      </c>
      <c r="M4047">
        <f t="shared" si="458"/>
        <v>0</v>
      </c>
      <c r="N4047" s="45">
        <f t="shared" si="459"/>
        <v>45094.208333323601</v>
      </c>
    </row>
    <row r="4048" spans="2:14" x14ac:dyDescent="0.25">
      <c r="B4048">
        <f t="shared" si="453"/>
        <v>6</v>
      </c>
      <c r="C4048" s="16">
        <v>4014</v>
      </c>
      <c r="D4048" cm="1">
        <f t="array" ref="D4048">IFERROR(INDEX(Jesper!AH$2:AH$366,ROUNDDOWN($C4048/24,0)+1,1)*INDEX($D$3:$AA$30,INDEX(Jesper!$R$2:$R$366,ROW(INDEX(Jesper!AH$2:AH$366,ROUNDDOWN($C4048/24,0)+1,1))-1)+IF('Standard Profiles'!$G$18=$B$10,7,0)+IF('Standard Profiles'!$G$18=$B$17,14,0)+IF('Standard Profiles'!$G$18=$B$24,21,0),MOD($C4048,24)+1)/SUM(INDEX($D$3:$AA$30,INDEX(Jesper!$R$2:$R$366,ROW(INDEX(Jesper!AH$2:AH$366,ROUNDDOWN($C4048/24,0)+1,1))-1)+IF('Standard Profiles'!$G$18=$B$10,7,0)+IF('Standard Profiles'!$G$18=$B$17,14,0)+IF('Standard Profiles'!$G$18=$B$24,21,0),0)),0)</f>
        <v>0</v>
      </c>
      <c r="E4048" cm="1">
        <f t="array" ref="E4048">IFERROR(INDEX(Jesper!AI$2:AI$366,ROUNDDOWN($C4048/24,0)+1,1)*INDEX($D$3:$AA$30,INDEX(Jesper!$R$2:$R$366,ROW(INDEX(Jesper!AI$2:AI$366,ROUNDDOWN($C4048/24,0)+1,1))-1)+IF('Standard Profiles'!$G$19=$B$10,7,0)+IF('Standard Profiles'!$G$19=$B$17,14,0)+IF('Standard Profiles'!$G$19=$B$24,21,0),MOD($C4048,24)+1)/SUM(INDEX($D$3:$AA$30,INDEX(Jesper!$R$2:$R$366,ROW(INDEX(Jesper!AI$2:AI$366,ROUNDDOWN($C4048/24,0)+1,1))-1)+IF('Standard Profiles'!$G$19=$B$10,7,0)+IF('Standard Profiles'!$G$19=$B$17,14,0)+IF('Standard Profiles'!$G$19=$B$24,21,0),0)),0)</f>
        <v>2.7219967177619262</v>
      </c>
      <c r="F4048" cm="1">
        <f t="array" ref="F4048">IFERROR(INDEX(Jesper!AJ$2:AJ$366,ROUNDDOWN($C4048/24,0)+1,1)*INDEX($D$3:$AA$30,INDEX(Jesper!$R$2:$R$366,ROW(INDEX(Jesper!AJ$2:AJ$366,ROUNDDOWN($C4048/24,0)+1,1))-1)+IF('Standard Profiles'!$G$20=$B$10,7,0)+IF('Standard Profiles'!$G$20=$B$17,14,0)+IF('Standard Profiles'!$G$20=$B$24,21,0),MOD($C4048,24)+1)/SUM(INDEX($D$3:$AA$30,INDEX(Jesper!$R$2:$R$366,ROW(INDEX(Jesper!AJ$2:AJ$366,ROUNDDOWN($C4048/24,0)+1,1))-1)+IF('Standard Profiles'!$G$20=$B$10,7,0)+IF('Standard Profiles'!$G$20=$B$17,14,0)+IF('Standard Profiles'!$G$20=$B$24,21,0),0)),0)</f>
        <v>1.186315846879624</v>
      </c>
      <c r="G4048" cm="1">
        <f t="array" ref="G4048">IFERROR(INDEX(Jesper!AK$2:AK$366,ROUNDDOWN($C4048/24,0)+1,1)*INDEX($D$3:$AA$30,INDEX(Jesper!$R$2:$R$366,ROW(INDEX(Jesper!AK$2:AK$366,ROUNDDOWN($C4048/24,0)+1,1))-1)+IF('Standard Profiles'!$G$21=$B$10,7,0)+IF('Standard Profiles'!$G$21=$B$17,14,0)+IF('Standard Profiles'!$G$21=$B$24,21,0),MOD($C4048,24)+1)/SUM(INDEX($D$3:$AA$30,INDEX(Jesper!$R$2:$R$366,ROW(INDEX(Jesper!AK$2:AK$366,ROUNDDOWN($C4048/24,0)+1,1))-1)+IF('Standard Profiles'!$G$21=$B$10,7,0)+IF('Standard Profiles'!$G$21=$B$17,14,0)+IF('Standard Profiles'!$G$21=$B$24,21,0),0)),0)</f>
        <v>0.68836701284177737</v>
      </c>
      <c r="H4048" cm="1">
        <f t="array" ref="H4048">IFERROR(INDEX(Jesper!AL$2:AL$366,ROUNDDOWN($C4048/24,0)+1,1)*INDEX($D$3:$AA$30,INDEX(Jesper!$R$2:$R$366,ROW(INDEX(Jesper!AL$2:AL$366,ROUNDDOWN($C4048/24,0)+1,1))-1)+IF('Standard Profiles'!$G$22=$B$10,7,0)+IF('Standard Profiles'!$G$22=$B$17,14,0)+IF('Standard Profiles'!$G$22=$B$24,21,0),MOD($C4048,24)+1)/SUM(INDEX($D$3:$AA$30,INDEX(Jesper!$R$2:$R$366,ROW(INDEX(Jesper!AL$2:AL$366,ROUNDDOWN($C4048/24,0)+1,1))-1)+IF('Standard Profiles'!$G$22=$B$10,7,0)+IF('Standard Profiles'!$G$22=$B$17,14,0)+IF('Standard Profiles'!$G$22=$B$24,21,0),0)),0)</f>
        <v>0.36335140680002659</v>
      </c>
      <c r="I4048">
        <f t="shared" si="454"/>
        <v>0.3488173505280257</v>
      </c>
      <c r="J4048">
        <f t="shared" si="455"/>
        <v>4.2845740276238979</v>
      </c>
      <c r="K4048">
        <f t="shared" si="456"/>
        <v>0.21775973742095411</v>
      </c>
      <c r="L4048">
        <f t="shared" si="457"/>
        <v>0.10887986871047706</v>
      </c>
      <c r="M4048">
        <f t="shared" si="458"/>
        <v>0</v>
      </c>
      <c r="N4048" s="45">
        <f t="shared" si="459"/>
        <v>45094.249999990265</v>
      </c>
    </row>
    <row r="4049" spans="2:14" x14ac:dyDescent="0.25">
      <c r="B4049">
        <f t="shared" si="453"/>
        <v>6</v>
      </c>
      <c r="C4049" s="16">
        <v>4015</v>
      </c>
      <c r="D4049" cm="1">
        <f t="array" ref="D4049">IFERROR(INDEX(Jesper!AH$2:AH$366,ROUNDDOWN($C4049/24,0)+1,1)*INDEX($D$3:$AA$30,INDEX(Jesper!$R$2:$R$366,ROW(INDEX(Jesper!AH$2:AH$366,ROUNDDOWN($C4049/24,0)+1,1))-1)+IF('Standard Profiles'!$G$18=$B$10,7,0)+IF('Standard Profiles'!$G$18=$B$17,14,0)+IF('Standard Profiles'!$G$18=$B$24,21,0),MOD($C4049,24)+1)/SUM(INDEX($D$3:$AA$30,INDEX(Jesper!$R$2:$R$366,ROW(INDEX(Jesper!AH$2:AH$366,ROUNDDOWN($C4049/24,0)+1,1))-1)+IF('Standard Profiles'!$G$18=$B$10,7,0)+IF('Standard Profiles'!$G$18=$B$17,14,0)+IF('Standard Profiles'!$G$18=$B$24,21,0),0)),0)</f>
        <v>0</v>
      </c>
      <c r="E4049" cm="1">
        <f t="array" ref="E4049">IFERROR(INDEX(Jesper!AI$2:AI$366,ROUNDDOWN($C4049/24,0)+1,1)*INDEX($D$3:$AA$30,INDEX(Jesper!$R$2:$R$366,ROW(INDEX(Jesper!AI$2:AI$366,ROUNDDOWN($C4049/24,0)+1,1))-1)+IF('Standard Profiles'!$G$19=$B$10,7,0)+IF('Standard Profiles'!$G$19=$B$17,14,0)+IF('Standard Profiles'!$G$19=$B$24,21,0),MOD($C4049,24)+1)/SUM(INDEX($D$3:$AA$30,INDEX(Jesper!$R$2:$R$366,ROW(INDEX(Jesper!AI$2:AI$366,ROUNDDOWN($C4049/24,0)+1,1))-1)+IF('Standard Profiles'!$G$19=$B$10,7,0)+IF('Standard Profiles'!$G$19=$B$17,14,0)+IF('Standard Profiles'!$G$19=$B$24,21,0),0)),0)</f>
        <v>2.7219967177619262</v>
      </c>
      <c r="F4049" cm="1">
        <f t="array" ref="F4049">IFERROR(INDEX(Jesper!AJ$2:AJ$366,ROUNDDOWN($C4049/24,0)+1,1)*INDEX($D$3:$AA$30,INDEX(Jesper!$R$2:$R$366,ROW(INDEX(Jesper!AJ$2:AJ$366,ROUNDDOWN($C4049/24,0)+1,1))-1)+IF('Standard Profiles'!$G$20=$B$10,7,0)+IF('Standard Profiles'!$G$20=$B$17,14,0)+IF('Standard Profiles'!$G$20=$B$24,21,0),MOD($C4049,24)+1)/SUM(INDEX($D$3:$AA$30,INDEX(Jesper!$R$2:$R$366,ROW(INDEX(Jesper!AJ$2:AJ$366,ROUNDDOWN($C4049/24,0)+1,1))-1)+IF('Standard Profiles'!$G$20=$B$10,7,0)+IF('Standard Profiles'!$G$20=$B$17,14,0)+IF('Standard Profiles'!$G$20=$B$24,21,0),0)),0)</f>
        <v>1.186315846879624</v>
      </c>
      <c r="G4049" cm="1">
        <f t="array" ref="G4049">IFERROR(INDEX(Jesper!AK$2:AK$366,ROUNDDOWN($C4049/24,0)+1,1)*INDEX($D$3:$AA$30,INDEX(Jesper!$R$2:$R$366,ROW(INDEX(Jesper!AK$2:AK$366,ROUNDDOWN($C4049/24,0)+1,1))-1)+IF('Standard Profiles'!$G$21=$B$10,7,0)+IF('Standard Profiles'!$G$21=$B$17,14,0)+IF('Standard Profiles'!$G$21=$B$24,21,0),MOD($C4049,24)+1)/SUM(INDEX($D$3:$AA$30,INDEX(Jesper!$R$2:$R$366,ROW(INDEX(Jesper!AK$2:AK$366,ROUNDDOWN($C4049/24,0)+1,1))-1)+IF('Standard Profiles'!$G$21=$B$10,7,0)+IF('Standard Profiles'!$G$21=$B$17,14,0)+IF('Standard Profiles'!$G$21=$B$24,21,0),0)),0)</f>
        <v>0.68836701284177737</v>
      </c>
      <c r="H4049" cm="1">
        <f t="array" ref="H4049">IFERROR(INDEX(Jesper!AL$2:AL$366,ROUNDDOWN($C4049/24,0)+1,1)*INDEX($D$3:$AA$30,INDEX(Jesper!$R$2:$R$366,ROW(INDEX(Jesper!AL$2:AL$366,ROUNDDOWN($C4049/24,0)+1,1))-1)+IF('Standard Profiles'!$G$22=$B$10,7,0)+IF('Standard Profiles'!$G$22=$B$17,14,0)+IF('Standard Profiles'!$G$22=$B$24,21,0),MOD($C4049,24)+1)/SUM(INDEX($D$3:$AA$30,INDEX(Jesper!$R$2:$R$366,ROW(INDEX(Jesper!AL$2:AL$366,ROUNDDOWN($C4049/24,0)+1,1))-1)+IF('Standard Profiles'!$G$22=$B$10,7,0)+IF('Standard Profiles'!$G$22=$B$17,14,0)+IF('Standard Profiles'!$G$22=$B$24,21,0),0)),0)</f>
        <v>0.41444769838128026</v>
      </c>
      <c r="I4049">
        <f t="shared" si="454"/>
        <v>0.39786979044602927</v>
      </c>
      <c r="J4049">
        <f t="shared" si="455"/>
        <v>4.2866178792871485</v>
      </c>
      <c r="K4049">
        <f t="shared" si="456"/>
        <v>0.21775973742095411</v>
      </c>
      <c r="L4049">
        <f t="shared" si="457"/>
        <v>0.10887986871047706</v>
      </c>
      <c r="M4049">
        <f t="shared" si="458"/>
        <v>0</v>
      </c>
      <c r="N4049" s="45">
        <f t="shared" si="459"/>
        <v>45094.291666656929</v>
      </c>
    </row>
    <row r="4050" spans="2:14" x14ac:dyDescent="0.25">
      <c r="B4050">
        <f t="shared" si="453"/>
        <v>6</v>
      </c>
      <c r="C4050" s="16">
        <v>4016</v>
      </c>
      <c r="D4050" cm="1">
        <f t="array" ref="D4050">IFERROR(INDEX(Jesper!AH$2:AH$366,ROUNDDOWN($C4050/24,0)+1,1)*INDEX($D$3:$AA$30,INDEX(Jesper!$R$2:$R$366,ROW(INDEX(Jesper!AH$2:AH$366,ROUNDDOWN($C4050/24,0)+1,1))-1)+IF('Standard Profiles'!$G$18=$B$10,7,0)+IF('Standard Profiles'!$G$18=$B$17,14,0)+IF('Standard Profiles'!$G$18=$B$24,21,0),MOD($C4050,24)+1)/SUM(INDEX($D$3:$AA$30,INDEX(Jesper!$R$2:$R$366,ROW(INDEX(Jesper!AH$2:AH$366,ROUNDDOWN($C4050/24,0)+1,1))-1)+IF('Standard Profiles'!$G$18=$B$10,7,0)+IF('Standard Profiles'!$G$18=$B$17,14,0)+IF('Standard Profiles'!$G$18=$B$24,21,0),0)),0)</f>
        <v>0</v>
      </c>
      <c r="E4050" cm="1">
        <f t="array" ref="E4050">IFERROR(INDEX(Jesper!AI$2:AI$366,ROUNDDOWN($C4050/24,0)+1,1)*INDEX($D$3:$AA$30,INDEX(Jesper!$R$2:$R$366,ROW(INDEX(Jesper!AI$2:AI$366,ROUNDDOWN($C4050/24,0)+1,1))-1)+IF('Standard Profiles'!$G$19=$B$10,7,0)+IF('Standard Profiles'!$G$19=$B$17,14,0)+IF('Standard Profiles'!$G$19=$B$24,21,0),MOD($C4050,24)+1)/SUM(INDEX($D$3:$AA$30,INDEX(Jesper!$R$2:$R$366,ROW(INDEX(Jesper!AI$2:AI$366,ROUNDDOWN($C4050/24,0)+1,1))-1)+IF('Standard Profiles'!$G$19=$B$10,7,0)+IF('Standard Profiles'!$G$19=$B$17,14,0)+IF('Standard Profiles'!$G$19=$B$24,21,0),0)),0)</f>
        <v>2.7219967177619262</v>
      </c>
      <c r="F4050" cm="1">
        <f t="array" ref="F4050">IFERROR(INDEX(Jesper!AJ$2:AJ$366,ROUNDDOWN($C4050/24,0)+1,1)*INDEX($D$3:$AA$30,INDEX(Jesper!$R$2:$R$366,ROW(INDEX(Jesper!AJ$2:AJ$366,ROUNDDOWN($C4050/24,0)+1,1))-1)+IF('Standard Profiles'!$G$20=$B$10,7,0)+IF('Standard Profiles'!$G$20=$B$17,14,0)+IF('Standard Profiles'!$G$20=$B$24,21,0),MOD($C4050,24)+1)/SUM(INDEX($D$3:$AA$30,INDEX(Jesper!$R$2:$R$366,ROW(INDEX(Jesper!AJ$2:AJ$366,ROUNDDOWN($C4050/24,0)+1,1))-1)+IF('Standard Profiles'!$G$20=$B$10,7,0)+IF('Standard Profiles'!$G$20=$B$17,14,0)+IF('Standard Profiles'!$G$20=$B$24,21,0),0)),0)</f>
        <v>1.186315846879624</v>
      </c>
      <c r="G4050" cm="1">
        <f t="array" ref="G4050">IFERROR(INDEX(Jesper!AK$2:AK$366,ROUNDDOWN($C4050/24,0)+1,1)*INDEX($D$3:$AA$30,INDEX(Jesper!$R$2:$R$366,ROW(INDEX(Jesper!AK$2:AK$366,ROUNDDOWN($C4050/24,0)+1,1))-1)+IF('Standard Profiles'!$G$21=$B$10,7,0)+IF('Standard Profiles'!$G$21=$B$17,14,0)+IF('Standard Profiles'!$G$21=$B$24,21,0),MOD($C4050,24)+1)/SUM(INDEX($D$3:$AA$30,INDEX(Jesper!$R$2:$R$366,ROW(INDEX(Jesper!AK$2:AK$366,ROUNDDOWN($C4050/24,0)+1,1))-1)+IF('Standard Profiles'!$G$21=$B$10,7,0)+IF('Standard Profiles'!$G$21=$B$17,14,0)+IF('Standard Profiles'!$G$21=$B$24,21,0),0)),0)</f>
        <v>0.68836701284177737</v>
      </c>
      <c r="H4050" cm="1">
        <f t="array" ref="H4050">IFERROR(INDEX(Jesper!AL$2:AL$366,ROUNDDOWN($C4050/24,0)+1,1)*INDEX($D$3:$AA$30,INDEX(Jesper!$R$2:$R$366,ROW(INDEX(Jesper!AL$2:AL$366,ROUNDDOWN($C4050/24,0)+1,1))-1)+IF('Standard Profiles'!$G$22=$B$10,7,0)+IF('Standard Profiles'!$G$22=$B$17,14,0)+IF('Standard Profiles'!$G$22=$B$24,21,0),MOD($C4050,24)+1)/SUM(INDEX($D$3:$AA$30,INDEX(Jesper!$R$2:$R$366,ROW(INDEX(Jesper!AL$2:AL$366,ROUNDDOWN($C4050/24,0)+1,1))-1)+IF('Standard Profiles'!$G$22=$B$10,7,0)+IF('Standard Profiles'!$G$22=$B$17,14,0)+IF('Standard Profiles'!$G$22=$B$24,21,0),0)),0)</f>
        <v>0.41444769838128026</v>
      </c>
      <c r="I4050">
        <f t="shared" si="454"/>
        <v>0.39786979044602927</v>
      </c>
      <c r="J4050">
        <f t="shared" si="455"/>
        <v>4.2866178792871485</v>
      </c>
      <c r="K4050">
        <f t="shared" si="456"/>
        <v>0.21775973742095411</v>
      </c>
      <c r="L4050">
        <f t="shared" si="457"/>
        <v>0.10887986871047706</v>
      </c>
      <c r="M4050">
        <f t="shared" si="458"/>
        <v>0</v>
      </c>
      <c r="N4050" s="45">
        <f t="shared" si="459"/>
        <v>45094.333333323593</v>
      </c>
    </row>
    <row r="4051" spans="2:14" x14ac:dyDescent="0.25">
      <c r="B4051">
        <f t="shared" si="453"/>
        <v>6</v>
      </c>
      <c r="C4051" s="16">
        <v>4017</v>
      </c>
      <c r="D4051" cm="1">
        <f t="array" ref="D4051">IFERROR(INDEX(Jesper!AH$2:AH$366,ROUNDDOWN($C4051/24,0)+1,1)*INDEX($D$3:$AA$30,INDEX(Jesper!$R$2:$R$366,ROW(INDEX(Jesper!AH$2:AH$366,ROUNDDOWN($C4051/24,0)+1,1))-1)+IF('Standard Profiles'!$G$18=$B$10,7,0)+IF('Standard Profiles'!$G$18=$B$17,14,0)+IF('Standard Profiles'!$G$18=$B$24,21,0),MOD($C4051,24)+1)/SUM(INDEX($D$3:$AA$30,INDEX(Jesper!$R$2:$R$366,ROW(INDEX(Jesper!AH$2:AH$366,ROUNDDOWN($C4051/24,0)+1,1))-1)+IF('Standard Profiles'!$G$18=$B$10,7,0)+IF('Standard Profiles'!$G$18=$B$17,14,0)+IF('Standard Profiles'!$G$18=$B$24,21,0),0)),0)</f>
        <v>0</v>
      </c>
      <c r="E4051" cm="1">
        <f t="array" ref="E4051">IFERROR(INDEX(Jesper!AI$2:AI$366,ROUNDDOWN($C4051/24,0)+1,1)*INDEX($D$3:$AA$30,INDEX(Jesper!$R$2:$R$366,ROW(INDEX(Jesper!AI$2:AI$366,ROUNDDOWN($C4051/24,0)+1,1))-1)+IF('Standard Profiles'!$G$19=$B$10,7,0)+IF('Standard Profiles'!$G$19=$B$17,14,0)+IF('Standard Profiles'!$G$19=$B$24,21,0),MOD($C4051,24)+1)/SUM(INDEX($D$3:$AA$30,INDEX(Jesper!$R$2:$R$366,ROW(INDEX(Jesper!AI$2:AI$366,ROUNDDOWN($C4051/24,0)+1,1))-1)+IF('Standard Profiles'!$G$19=$B$10,7,0)+IF('Standard Profiles'!$G$19=$B$17,14,0)+IF('Standard Profiles'!$G$19=$B$24,21,0),0)),0)</f>
        <v>2.7219967177619262</v>
      </c>
      <c r="F4051" cm="1">
        <f t="array" ref="F4051">IFERROR(INDEX(Jesper!AJ$2:AJ$366,ROUNDDOWN($C4051/24,0)+1,1)*INDEX($D$3:$AA$30,INDEX(Jesper!$R$2:$R$366,ROW(INDEX(Jesper!AJ$2:AJ$366,ROUNDDOWN($C4051/24,0)+1,1))-1)+IF('Standard Profiles'!$G$20=$B$10,7,0)+IF('Standard Profiles'!$G$20=$B$17,14,0)+IF('Standard Profiles'!$G$20=$B$24,21,0),MOD($C4051,24)+1)/SUM(INDEX($D$3:$AA$30,INDEX(Jesper!$R$2:$R$366,ROW(INDEX(Jesper!AJ$2:AJ$366,ROUNDDOWN($C4051/24,0)+1,1))-1)+IF('Standard Profiles'!$G$20=$B$10,7,0)+IF('Standard Profiles'!$G$20=$B$17,14,0)+IF('Standard Profiles'!$G$20=$B$24,21,0),0)),0)</f>
        <v>1.186315846879624</v>
      </c>
      <c r="G4051" cm="1">
        <f t="array" ref="G4051">IFERROR(INDEX(Jesper!AK$2:AK$366,ROUNDDOWN($C4051/24,0)+1,1)*INDEX($D$3:$AA$30,INDEX(Jesper!$R$2:$R$366,ROW(INDEX(Jesper!AK$2:AK$366,ROUNDDOWN($C4051/24,0)+1,1))-1)+IF('Standard Profiles'!$G$21=$B$10,7,0)+IF('Standard Profiles'!$G$21=$B$17,14,0)+IF('Standard Profiles'!$G$21=$B$24,21,0),MOD($C4051,24)+1)/SUM(INDEX($D$3:$AA$30,INDEX(Jesper!$R$2:$R$366,ROW(INDEX(Jesper!AK$2:AK$366,ROUNDDOWN($C4051/24,0)+1,1))-1)+IF('Standard Profiles'!$G$21=$B$10,7,0)+IF('Standard Profiles'!$G$21=$B$17,14,0)+IF('Standard Profiles'!$G$21=$B$24,21,0),0)),0)</f>
        <v>0.68836701284177737</v>
      </c>
      <c r="H4051" cm="1">
        <f t="array" ref="H4051">IFERROR(INDEX(Jesper!AL$2:AL$366,ROUNDDOWN($C4051/24,0)+1,1)*INDEX($D$3:$AA$30,INDEX(Jesper!$R$2:$R$366,ROW(INDEX(Jesper!AL$2:AL$366,ROUNDDOWN($C4051/24,0)+1,1))-1)+IF('Standard Profiles'!$G$22=$B$10,7,0)+IF('Standard Profiles'!$G$22=$B$17,14,0)+IF('Standard Profiles'!$G$22=$B$24,21,0),MOD($C4051,24)+1)/SUM(INDEX($D$3:$AA$30,INDEX(Jesper!$R$2:$R$366,ROW(INDEX(Jesper!AL$2:AL$366,ROUNDDOWN($C4051/24,0)+1,1))-1)+IF('Standard Profiles'!$G$22=$B$10,7,0)+IF('Standard Profiles'!$G$22=$B$17,14,0)+IF('Standard Profiles'!$G$22=$B$24,21,0),0)),0)</f>
        <v>0.41444769838128026</v>
      </c>
      <c r="I4051">
        <f t="shared" si="454"/>
        <v>0.39786979044602927</v>
      </c>
      <c r="J4051">
        <f t="shared" si="455"/>
        <v>4.2866178792871485</v>
      </c>
      <c r="K4051">
        <f t="shared" si="456"/>
        <v>0.21775973742095411</v>
      </c>
      <c r="L4051">
        <f t="shared" si="457"/>
        <v>0.10887986871047706</v>
      </c>
      <c r="M4051">
        <f t="shared" si="458"/>
        <v>0</v>
      </c>
      <c r="N4051" s="45">
        <f t="shared" si="459"/>
        <v>45094.374999990257</v>
      </c>
    </row>
    <row r="4052" spans="2:14" x14ac:dyDescent="0.25">
      <c r="B4052">
        <f t="shared" si="453"/>
        <v>6</v>
      </c>
      <c r="C4052" s="16">
        <v>4018</v>
      </c>
      <c r="D4052" cm="1">
        <f t="array" ref="D4052">IFERROR(INDEX(Jesper!AH$2:AH$366,ROUNDDOWN($C4052/24,0)+1,1)*INDEX($D$3:$AA$30,INDEX(Jesper!$R$2:$R$366,ROW(INDEX(Jesper!AH$2:AH$366,ROUNDDOWN($C4052/24,0)+1,1))-1)+IF('Standard Profiles'!$G$18=$B$10,7,0)+IF('Standard Profiles'!$G$18=$B$17,14,0)+IF('Standard Profiles'!$G$18=$B$24,21,0),MOD($C4052,24)+1)/SUM(INDEX($D$3:$AA$30,INDEX(Jesper!$R$2:$R$366,ROW(INDEX(Jesper!AH$2:AH$366,ROUNDDOWN($C4052/24,0)+1,1))-1)+IF('Standard Profiles'!$G$18=$B$10,7,0)+IF('Standard Profiles'!$G$18=$B$17,14,0)+IF('Standard Profiles'!$G$18=$B$24,21,0),0)),0)</f>
        <v>0</v>
      </c>
      <c r="E4052" cm="1">
        <f t="array" ref="E4052">IFERROR(INDEX(Jesper!AI$2:AI$366,ROUNDDOWN($C4052/24,0)+1,1)*INDEX($D$3:$AA$30,INDEX(Jesper!$R$2:$R$366,ROW(INDEX(Jesper!AI$2:AI$366,ROUNDDOWN($C4052/24,0)+1,1))-1)+IF('Standard Profiles'!$G$19=$B$10,7,0)+IF('Standard Profiles'!$G$19=$B$17,14,0)+IF('Standard Profiles'!$G$19=$B$24,21,0),MOD($C4052,24)+1)/SUM(INDEX($D$3:$AA$30,INDEX(Jesper!$R$2:$R$366,ROW(INDEX(Jesper!AI$2:AI$366,ROUNDDOWN($C4052/24,0)+1,1))-1)+IF('Standard Profiles'!$G$19=$B$10,7,0)+IF('Standard Profiles'!$G$19=$B$17,14,0)+IF('Standard Profiles'!$G$19=$B$24,21,0),0)),0)</f>
        <v>2.7219967177619262</v>
      </c>
      <c r="F4052" cm="1">
        <f t="array" ref="F4052">IFERROR(INDEX(Jesper!AJ$2:AJ$366,ROUNDDOWN($C4052/24,0)+1,1)*INDEX($D$3:$AA$30,INDEX(Jesper!$R$2:$R$366,ROW(INDEX(Jesper!AJ$2:AJ$366,ROUNDDOWN($C4052/24,0)+1,1))-1)+IF('Standard Profiles'!$G$20=$B$10,7,0)+IF('Standard Profiles'!$G$20=$B$17,14,0)+IF('Standard Profiles'!$G$20=$B$24,21,0),MOD($C4052,24)+1)/SUM(INDEX($D$3:$AA$30,INDEX(Jesper!$R$2:$R$366,ROW(INDEX(Jesper!AJ$2:AJ$366,ROUNDDOWN($C4052/24,0)+1,1))-1)+IF('Standard Profiles'!$G$20=$B$10,7,0)+IF('Standard Profiles'!$G$20=$B$17,14,0)+IF('Standard Profiles'!$G$20=$B$24,21,0),0)),0)</f>
        <v>1.186315846879624</v>
      </c>
      <c r="G4052" cm="1">
        <f t="array" ref="G4052">IFERROR(INDEX(Jesper!AK$2:AK$366,ROUNDDOWN($C4052/24,0)+1,1)*INDEX($D$3:$AA$30,INDEX(Jesper!$R$2:$R$366,ROW(INDEX(Jesper!AK$2:AK$366,ROUNDDOWN($C4052/24,0)+1,1))-1)+IF('Standard Profiles'!$G$21=$B$10,7,0)+IF('Standard Profiles'!$G$21=$B$17,14,0)+IF('Standard Profiles'!$G$21=$B$24,21,0),MOD($C4052,24)+1)/SUM(INDEX($D$3:$AA$30,INDEX(Jesper!$R$2:$R$366,ROW(INDEX(Jesper!AK$2:AK$366,ROUNDDOWN($C4052/24,0)+1,1))-1)+IF('Standard Profiles'!$G$21=$B$10,7,0)+IF('Standard Profiles'!$G$21=$B$17,14,0)+IF('Standard Profiles'!$G$21=$B$24,21,0),0)),0)</f>
        <v>0.68836701284177737</v>
      </c>
      <c r="H4052" cm="1">
        <f t="array" ref="H4052">IFERROR(INDEX(Jesper!AL$2:AL$366,ROUNDDOWN($C4052/24,0)+1,1)*INDEX($D$3:$AA$30,INDEX(Jesper!$R$2:$R$366,ROW(INDEX(Jesper!AL$2:AL$366,ROUNDDOWN($C4052/24,0)+1,1))-1)+IF('Standard Profiles'!$G$22=$B$10,7,0)+IF('Standard Profiles'!$G$22=$B$17,14,0)+IF('Standard Profiles'!$G$22=$B$24,21,0),MOD($C4052,24)+1)/SUM(INDEX($D$3:$AA$30,INDEX(Jesper!$R$2:$R$366,ROW(INDEX(Jesper!AL$2:AL$366,ROUNDDOWN($C4052/24,0)+1,1))-1)+IF('Standard Profiles'!$G$22=$B$10,7,0)+IF('Standard Profiles'!$G$22=$B$17,14,0)+IF('Standard Profiles'!$G$22=$B$24,21,0),0)),0)</f>
        <v>0.41444769838128026</v>
      </c>
      <c r="I4052">
        <f t="shared" si="454"/>
        <v>0.39786979044602927</v>
      </c>
      <c r="J4052">
        <f t="shared" si="455"/>
        <v>4.2866178792871485</v>
      </c>
      <c r="K4052">
        <f t="shared" si="456"/>
        <v>0.21775973742095411</v>
      </c>
      <c r="L4052">
        <f t="shared" si="457"/>
        <v>0.10887986871047706</v>
      </c>
      <c r="M4052">
        <f t="shared" si="458"/>
        <v>0</v>
      </c>
      <c r="N4052" s="45">
        <f t="shared" si="459"/>
        <v>45094.416666656922</v>
      </c>
    </row>
    <row r="4053" spans="2:14" x14ac:dyDescent="0.25">
      <c r="B4053">
        <f t="shared" si="453"/>
        <v>6</v>
      </c>
      <c r="C4053" s="16">
        <v>4019</v>
      </c>
      <c r="D4053" cm="1">
        <f t="array" ref="D4053">IFERROR(INDEX(Jesper!AH$2:AH$366,ROUNDDOWN($C4053/24,0)+1,1)*INDEX($D$3:$AA$30,INDEX(Jesper!$R$2:$R$366,ROW(INDEX(Jesper!AH$2:AH$366,ROUNDDOWN($C4053/24,0)+1,1))-1)+IF('Standard Profiles'!$G$18=$B$10,7,0)+IF('Standard Profiles'!$G$18=$B$17,14,0)+IF('Standard Profiles'!$G$18=$B$24,21,0),MOD($C4053,24)+1)/SUM(INDEX($D$3:$AA$30,INDEX(Jesper!$R$2:$R$366,ROW(INDEX(Jesper!AH$2:AH$366,ROUNDDOWN($C4053/24,0)+1,1))-1)+IF('Standard Profiles'!$G$18=$B$10,7,0)+IF('Standard Profiles'!$G$18=$B$17,14,0)+IF('Standard Profiles'!$G$18=$B$24,21,0),0)),0)</f>
        <v>0</v>
      </c>
      <c r="E4053" cm="1">
        <f t="array" ref="E4053">IFERROR(INDEX(Jesper!AI$2:AI$366,ROUNDDOWN($C4053/24,0)+1,1)*INDEX($D$3:$AA$30,INDEX(Jesper!$R$2:$R$366,ROW(INDEX(Jesper!AI$2:AI$366,ROUNDDOWN($C4053/24,0)+1,1))-1)+IF('Standard Profiles'!$G$19=$B$10,7,0)+IF('Standard Profiles'!$G$19=$B$17,14,0)+IF('Standard Profiles'!$G$19=$B$24,21,0),MOD($C4053,24)+1)/SUM(INDEX($D$3:$AA$30,INDEX(Jesper!$R$2:$R$366,ROW(INDEX(Jesper!AI$2:AI$366,ROUNDDOWN($C4053/24,0)+1,1))-1)+IF('Standard Profiles'!$G$19=$B$10,7,0)+IF('Standard Profiles'!$G$19=$B$17,14,0)+IF('Standard Profiles'!$G$19=$B$24,21,0),0)),0)</f>
        <v>2.7219967177619262</v>
      </c>
      <c r="F4053" cm="1">
        <f t="array" ref="F4053">IFERROR(INDEX(Jesper!AJ$2:AJ$366,ROUNDDOWN($C4053/24,0)+1,1)*INDEX($D$3:$AA$30,INDEX(Jesper!$R$2:$R$366,ROW(INDEX(Jesper!AJ$2:AJ$366,ROUNDDOWN($C4053/24,0)+1,1))-1)+IF('Standard Profiles'!$G$20=$B$10,7,0)+IF('Standard Profiles'!$G$20=$B$17,14,0)+IF('Standard Profiles'!$G$20=$B$24,21,0),MOD($C4053,24)+1)/SUM(INDEX($D$3:$AA$30,INDEX(Jesper!$R$2:$R$366,ROW(INDEX(Jesper!AJ$2:AJ$366,ROUNDDOWN($C4053/24,0)+1,1))-1)+IF('Standard Profiles'!$G$20=$B$10,7,0)+IF('Standard Profiles'!$G$20=$B$17,14,0)+IF('Standard Profiles'!$G$20=$B$24,21,0),0)),0)</f>
        <v>1.186315846879624</v>
      </c>
      <c r="G4053" cm="1">
        <f t="array" ref="G4053">IFERROR(INDEX(Jesper!AK$2:AK$366,ROUNDDOWN($C4053/24,0)+1,1)*INDEX($D$3:$AA$30,INDEX(Jesper!$R$2:$R$366,ROW(INDEX(Jesper!AK$2:AK$366,ROUNDDOWN($C4053/24,0)+1,1))-1)+IF('Standard Profiles'!$G$21=$B$10,7,0)+IF('Standard Profiles'!$G$21=$B$17,14,0)+IF('Standard Profiles'!$G$21=$B$24,21,0),MOD($C4053,24)+1)/SUM(INDEX($D$3:$AA$30,INDEX(Jesper!$R$2:$R$366,ROW(INDEX(Jesper!AK$2:AK$366,ROUNDDOWN($C4053/24,0)+1,1))-1)+IF('Standard Profiles'!$G$21=$B$10,7,0)+IF('Standard Profiles'!$G$21=$B$17,14,0)+IF('Standard Profiles'!$G$21=$B$24,21,0),0)),0)</f>
        <v>0.68836701284177737</v>
      </c>
      <c r="H4053" cm="1">
        <f t="array" ref="H4053">IFERROR(INDEX(Jesper!AL$2:AL$366,ROUNDDOWN($C4053/24,0)+1,1)*INDEX($D$3:$AA$30,INDEX(Jesper!$R$2:$R$366,ROW(INDEX(Jesper!AL$2:AL$366,ROUNDDOWN($C4053/24,0)+1,1))-1)+IF('Standard Profiles'!$G$22=$B$10,7,0)+IF('Standard Profiles'!$G$22=$B$17,14,0)+IF('Standard Profiles'!$G$22=$B$24,21,0),MOD($C4053,24)+1)/SUM(INDEX($D$3:$AA$30,INDEX(Jesper!$R$2:$R$366,ROW(INDEX(Jesper!AL$2:AL$366,ROUNDDOWN($C4053/24,0)+1,1))-1)+IF('Standard Profiles'!$G$22=$B$10,7,0)+IF('Standard Profiles'!$G$22=$B$17,14,0)+IF('Standard Profiles'!$G$22=$B$24,21,0),0)),0)</f>
        <v>0.41444769838128026</v>
      </c>
      <c r="I4053">
        <f t="shared" si="454"/>
        <v>0.39786979044602927</v>
      </c>
      <c r="J4053">
        <f t="shared" si="455"/>
        <v>4.2866178792871485</v>
      </c>
      <c r="K4053">
        <f t="shared" si="456"/>
        <v>0.21775973742095411</v>
      </c>
      <c r="L4053">
        <f t="shared" si="457"/>
        <v>0.10887986871047706</v>
      </c>
      <c r="M4053">
        <f t="shared" si="458"/>
        <v>0</v>
      </c>
      <c r="N4053" s="45">
        <f t="shared" si="459"/>
        <v>45094.458333323586</v>
      </c>
    </row>
    <row r="4054" spans="2:14" x14ac:dyDescent="0.25">
      <c r="B4054">
        <f t="shared" si="453"/>
        <v>6</v>
      </c>
      <c r="C4054" s="16">
        <v>4020</v>
      </c>
      <c r="D4054" cm="1">
        <f t="array" ref="D4054">IFERROR(INDEX(Jesper!AH$2:AH$366,ROUNDDOWN($C4054/24,0)+1,1)*INDEX($D$3:$AA$30,INDEX(Jesper!$R$2:$R$366,ROW(INDEX(Jesper!AH$2:AH$366,ROUNDDOWN($C4054/24,0)+1,1))-1)+IF('Standard Profiles'!$G$18=$B$10,7,0)+IF('Standard Profiles'!$G$18=$B$17,14,0)+IF('Standard Profiles'!$G$18=$B$24,21,0),MOD($C4054,24)+1)/SUM(INDEX($D$3:$AA$30,INDEX(Jesper!$R$2:$R$366,ROW(INDEX(Jesper!AH$2:AH$366,ROUNDDOWN($C4054/24,0)+1,1))-1)+IF('Standard Profiles'!$G$18=$B$10,7,0)+IF('Standard Profiles'!$G$18=$B$17,14,0)+IF('Standard Profiles'!$G$18=$B$24,21,0),0)),0)</f>
        <v>0</v>
      </c>
      <c r="E4054" cm="1">
        <f t="array" ref="E4054">IFERROR(INDEX(Jesper!AI$2:AI$366,ROUNDDOWN($C4054/24,0)+1,1)*INDEX($D$3:$AA$30,INDEX(Jesper!$R$2:$R$366,ROW(INDEX(Jesper!AI$2:AI$366,ROUNDDOWN($C4054/24,0)+1,1))-1)+IF('Standard Profiles'!$G$19=$B$10,7,0)+IF('Standard Profiles'!$G$19=$B$17,14,0)+IF('Standard Profiles'!$G$19=$B$24,21,0),MOD($C4054,24)+1)/SUM(INDEX($D$3:$AA$30,INDEX(Jesper!$R$2:$R$366,ROW(INDEX(Jesper!AI$2:AI$366,ROUNDDOWN($C4054/24,0)+1,1))-1)+IF('Standard Profiles'!$G$19=$B$10,7,0)+IF('Standard Profiles'!$G$19=$B$17,14,0)+IF('Standard Profiles'!$G$19=$B$24,21,0),0)),0)</f>
        <v>2.7219967177619262</v>
      </c>
      <c r="F4054" cm="1">
        <f t="array" ref="F4054">IFERROR(INDEX(Jesper!AJ$2:AJ$366,ROUNDDOWN($C4054/24,0)+1,1)*INDEX($D$3:$AA$30,INDEX(Jesper!$R$2:$R$366,ROW(INDEX(Jesper!AJ$2:AJ$366,ROUNDDOWN($C4054/24,0)+1,1))-1)+IF('Standard Profiles'!$G$20=$B$10,7,0)+IF('Standard Profiles'!$G$20=$B$17,14,0)+IF('Standard Profiles'!$G$20=$B$24,21,0),MOD($C4054,24)+1)/SUM(INDEX($D$3:$AA$30,INDEX(Jesper!$R$2:$R$366,ROW(INDEX(Jesper!AJ$2:AJ$366,ROUNDDOWN($C4054/24,0)+1,1))-1)+IF('Standard Profiles'!$G$20=$B$10,7,0)+IF('Standard Profiles'!$G$20=$B$17,14,0)+IF('Standard Profiles'!$G$20=$B$24,21,0),0)),0)</f>
        <v>1.186315846879624</v>
      </c>
      <c r="G4054" cm="1">
        <f t="array" ref="G4054">IFERROR(INDEX(Jesper!AK$2:AK$366,ROUNDDOWN($C4054/24,0)+1,1)*INDEX($D$3:$AA$30,INDEX(Jesper!$R$2:$R$366,ROW(INDEX(Jesper!AK$2:AK$366,ROUNDDOWN($C4054/24,0)+1,1))-1)+IF('Standard Profiles'!$G$21=$B$10,7,0)+IF('Standard Profiles'!$G$21=$B$17,14,0)+IF('Standard Profiles'!$G$21=$B$24,21,0),MOD($C4054,24)+1)/SUM(INDEX($D$3:$AA$30,INDEX(Jesper!$R$2:$R$366,ROW(INDEX(Jesper!AK$2:AK$366,ROUNDDOWN($C4054/24,0)+1,1))-1)+IF('Standard Profiles'!$G$21=$B$10,7,0)+IF('Standard Profiles'!$G$21=$B$17,14,0)+IF('Standard Profiles'!$G$21=$B$24,21,0),0)),0)</f>
        <v>0.68836701284177737</v>
      </c>
      <c r="H4054" cm="1">
        <f t="array" ref="H4054">IFERROR(INDEX(Jesper!AL$2:AL$366,ROUNDDOWN($C4054/24,0)+1,1)*INDEX($D$3:$AA$30,INDEX(Jesper!$R$2:$R$366,ROW(INDEX(Jesper!AL$2:AL$366,ROUNDDOWN($C4054/24,0)+1,1))-1)+IF('Standard Profiles'!$G$22=$B$10,7,0)+IF('Standard Profiles'!$G$22=$B$17,14,0)+IF('Standard Profiles'!$G$22=$B$24,21,0),MOD($C4054,24)+1)/SUM(INDEX($D$3:$AA$30,INDEX(Jesper!$R$2:$R$366,ROW(INDEX(Jesper!AL$2:AL$366,ROUNDDOWN($C4054/24,0)+1,1))-1)+IF('Standard Profiles'!$G$22=$B$10,7,0)+IF('Standard Profiles'!$G$22=$B$17,14,0)+IF('Standard Profiles'!$G$22=$B$24,21,0),0)),0)</f>
        <v>0.41444769838128026</v>
      </c>
      <c r="I4054">
        <f t="shared" si="454"/>
        <v>0.39786979044602927</v>
      </c>
      <c r="J4054">
        <f t="shared" si="455"/>
        <v>4.2866178792871485</v>
      </c>
      <c r="K4054">
        <f t="shared" si="456"/>
        <v>0.21775973742095411</v>
      </c>
      <c r="L4054">
        <f t="shared" si="457"/>
        <v>0.10887986871047706</v>
      </c>
      <c r="M4054">
        <f t="shared" si="458"/>
        <v>0</v>
      </c>
      <c r="N4054" s="45">
        <f t="shared" si="459"/>
        <v>45094.49999999025</v>
      </c>
    </row>
    <row r="4055" spans="2:14" x14ac:dyDescent="0.25">
      <c r="B4055">
        <f t="shared" si="453"/>
        <v>6</v>
      </c>
      <c r="C4055" s="16">
        <v>4021</v>
      </c>
      <c r="D4055" cm="1">
        <f t="array" ref="D4055">IFERROR(INDEX(Jesper!AH$2:AH$366,ROUNDDOWN($C4055/24,0)+1,1)*INDEX($D$3:$AA$30,INDEX(Jesper!$R$2:$R$366,ROW(INDEX(Jesper!AH$2:AH$366,ROUNDDOWN($C4055/24,0)+1,1))-1)+IF('Standard Profiles'!$G$18=$B$10,7,0)+IF('Standard Profiles'!$G$18=$B$17,14,0)+IF('Standard Profiles'!$G$18=$B$24,21,0),MOD($C4055,24)+1)/SUM(INDEX($D$3:$AA$30,INDEX(Jesper!$R$2:$R$366,ROW(INDEX(Jesper!AH$2:AH$366,ROUNDDOWN($C4055/24,0)+1,1))-1)+IF('Standard Profiles'!$G$18=$B$10,7,0)+IF('Standard Profiles'!$G$18=$B$17,14,0)+IF('Standard Profiles'!$G$18=$B$24,21,0),0)),0)</f>
        <v>0</v>
      </c>
      <c r="E4055" cm="1">
        <f t="array" ref="E4055">IFERROR(INDEX(Jesper!AI$2:AI$366,ROUNDDOWN($C4055/24,0)+1,1)*INDEX($D$3:$AA$30,INDEX(Jesper!$R$2:$R$366,ROW(INDEX(Jesper!AI$2:AI$366,ROUNDDOWN($C4055/24,0)+1,1))-1)+IF('Standard Profiles'!$G$19=$B$10,7,0)+IF('Standard Profiles'!$G$19=$B$17,14,0)+IF('Standard Profiles'!$G$19=$B$24,21,0),MOD($C4055,24)+1)/SUM(INDEX($D$3:$AA$30,INDEX(Jesper!$R$2:$R$366,ROW(INDEX(Jesper!AI$2:AI$366,ROUNDDOWN($C4055/24,0)+1,1))-1)+IF('Standard Profiles'!$G$19=$B$10,7,0)+IF('Standard Profiles'!$G$19=$B$17,14,0)+IF('Standard Profiles'!$G$19=$B$24,21,0),0)),0)</f>
        <v>2.7219967177619262</v>
      </c>
      <c r="F4055" cm="1">
        <f t="array" ref="F4055">IFERROR(INDEX(Jesper!AJ$2:AJ$366,ROUNDDOWN($C4055/24,0)+1,1)*INDEX($D$3:$AA$30,INDEX(Jesper!$R$2:$R$366,ROW(INDEX(Jesper!AJ$2:AJ$366,ROUNDDOWN($C4055/24,0)+1,1))-1)+IF('Standard Profiles'!$G$20=$B$10,7,0)+IF('Standard Profiles'!$G$20=$B$17,14,0)+IF('Standard Profiles'!$G$20=$B$24,21,0),MOD($C4055,24)+1)/SUM(INDEX($D$3:$AA$30,INDEX(Jesper!$R$2:$R$366,ROW(INDEX(Jesper!AJ$2:AJ$366,ROUNDDOWN($C4055/24,0)+1,1))-1)+IF('Standard Profiles'!$G$20=$B$10,7,0)+IF('Standard Profiles'!$G$20=$B$17,14,0)+IF('Standard Profiles'!$G$20=$B$24,21,0),0)),0)</f>
        <v>1.186315846879624</v>
      </c>
      <c r="G4055" cm="1">
        <f t="array" ref="G4055">IFERROR(INDEX(Jesper!AK$2:AK$366,ROUNDDOWN($C4055/24,0)+1,1)*INDEX($D$3:$AA$30,INDEX(Jesper!$R$2:$R$366,ROW(INDEX(Jesper!AK$2:AK$366,ROUNDDOWN($C4055/24,0)+1,1))-1)+IF('Standard Profiles'!$G$21=$B$10,7,0)+IF('Standard Profiles'!$G$21=$B$17,14,0)+IF('Standard Profiles'!$G$21=$B$24,21,0),MOD($C4055,24)+1)/SUM(INDEX($D$3:$AA$30,INDEX(Jesper!$R$2:$R$366,ROW(INDEX(Jesper!AK$2:AK$366,ROUNDDOWN($C4055/24,0)+1,1))-1)+IF('Standard Profiles'!$G$21=$B$10,7,0)+IF('Standard Profiles'!$G$21=$B$17,14,0)+IF('Standard Profiles'!$G$21=$B$24,21,0),0)),0)</f>
        <v>0.68836701284177737</v>
      </c>
      <c r="H4055" cm="1">
        <f t="array" ref="H4055">IFERROR(INDEX(Jesper!AL$2:AL$366,ROUNDDOWN($C4055/24,0)+1,1)*INDEX($D$3:$AA$30,INDEX(Jesper!$R$2:$R$366,ROW(INDEX(Jesper!AL$2:AL$366,ROUNDDOWN($C4055/24,0)+1,1))-1)+IF('Standard Profiles'!$G$22=$B$10,7,0)+IF('Standard Profiles'!$G$22=$B$17,14,0)+IF('Standard Profiles'!$G$22=$B$24,21,0),MOD($C4055,24)+1)/SUM(INDEX($D$3:$AA$30,INDEX(Jesper!$R$2:$R$366,ROW(INDEX(Jesper!AL$2:AL$366,ROUNDDOWN($C4055/24,0)+1,1))-1)+IF('Standard Profiles'!$G$22=$B$10,7,0)+IF('Standard Profiles'!$G$22=$B$17,14,0)+IF('Standard Profiles'!$G$22=$B$24,21,0),0)),0)</f>
        <v>0.41444769838128026</v>
      </c>
      <c r="I4055">
        <f t="shared" si="454"/>
        <v>0.39786979044602927</v>
      </c>
      <c r="J4055">
        <f t="shared" si="455"/>
        <v>4.2866178792871485</v>
      </c>
      <c r="K4055">
        <f t="shared" si="456"/>
        <v>0.21775973742095411</v>
      </c>
      <c r="L4055">
        <f t="shared" si="457"/>
        <v>0.10887986871047706</v>
      </c>
      <c r="M4055">
        <f t="shared" si="458"/>
        <v>0</v>
      </c>
      <c r="N4055" s="45">
        <f t="shared" si="459"/>
        <v>45094.541666656914</v>
      </c>
    </row>
    <row r="4056" spans="2:14" x14ac:dyDescent="0.25">
      <c r="B4056">
        <f t="shared" si="453"/>
        <v>6</v>
      </c>
      <c r="C4056" s="16">
        <v>4022</v>
      </c>
      <c r="D4056" cm="1">
        <f t="array" ref="D4056">IFERROR(INDEX(Jesper!AH$2:AH$366,ROUNDDOWN($C4056/24,0)+1,1)*INDEX($D$3:$AA$30,INDEX(Jesper!$R$2:$R$366,ROW(INDEX(Jesper!AH$2:AH$366,ROUNDDOWN($C4056/24,0)+1,1))-1)+IF('Standard Profiles'!$G$18=$B$10,7,0)+IF('Standard Profiles'!$G$18=$B$17,14,0)+IF('Standard Profiles'!$G$18=$B$24,21,0),MOD($C4056,24)+1)/SUM(INDEX($D$3:$AA$30,INDEX(Jesper!$R$2:$R$366,ROW(INDEX(Jesper!AH$2:AH$366,ROUNDDOWN($C4056/24,0)+1,1))-1)+IF('Standard Profiles'!$G$18=$B$10,7,0)+IF('Standard Profiles'!$G$18=$B$17,14,0)+IF('Standard Profiles'!$G$18=$B$24,21,0),0)),0)</f>
        <v>0</v>
      </c>
      <c r="E4056" cm="1">
        <f t="array" ref="E4056">IFERROR(INDEX(Jesper!AI$2:AI$366,ROUNDDOWN($C4056/24,0)+1,1)*INDEX($D$3:$AA$30,INDEX(Jesper!$R$2:$R$366,ROW(INDEX(Jesper!AI$2:AI$366,ROUNDDOWN($C4056/24,0)+1,1))-1)+IF('Standard Profiles'!$G$19=$B$10,7,0)+IF('Standard Profiles'!$G$19=$B$17,14,0)+IF('Standard Profiles'!$G$19=$B$24,21,0),MOD($C4056,24)+1)/SUM(INDEX($D$3:$AA$30,INDEX(Jesper!$R$2:$R$366,ROW(INDEX(Jesper!AI$2:AI$366,ROUNDDOWN($C4056/24,0)+1,1))-1)+IF('Standard Profiles'!$G$19=$B$10,7,0)+IF('Standard Profiles'!$G$19=$B$17,14,0)+IF('Standard Profiles'!$G$19=$B$24,21,0),0)),0)</f>
        <v>2.7219967177619262</v>
      </c>
      <c r="F4056" cm="1">
        <f t="array" ref="F4056">IFERROR(INDEX(Jesper!AJ$2:AJ$366,ROUNDDOWN($C4056/24,0)+1,1)*INDEX($D$3:$AA$30,INDEX(Jesper!$R$2:$R$366,ROW(INDEX(Jesper!AJ$2:AJ$366,ROUNDDOWN($C4056/24,0)+1,1))-1)+IF('Standard Profiles'!$G$20=$B$10,7,0)+IF('Standard Profiles'!$G$20=$B$17,14,0)+IF('Standard Profiles'!$G$20=$B$24,21,0),MOD($C4056,24)+1)/SUM(INDEX($D$3:$AA$30,INDEX(Jesper!$R$2:$R$366,ROW(INDEX(Jesper!AJ$2:AJ$366,ROUNDDOWN($C4056/24,0)+1,1))-1)+IF('Standard Profiles'!$G$20=$B$10,7,0)+IF('Standard Profiles'!$G$20=$B$17,14,0)+IF('Standard Profiles'!$G$20=$B$24,21,0),0)),0)</f>
        <v>1.186315846879624</v>
      </c>
      <c r="G4056" cm="1">
        <f t="array" ref="G4056">IFERROR(INDEX(Jesper!AK$2:AK$366,ROUNDDOWN($C4056/24,0)+1,1)*INDEX($D$3:$AA$30,INDEX(Jesper!$R$2:$R$366,ROW(INDEX(Jesper!AK$2:AK$366,ROUNDDOWN($C4056/24,0)+1,1))-1)+IF('Standard Profiles'!$G$21=$B$10,7,0)+IF('Standard Profiles'!$G$21=$B$17,14,0)+IF('Standard Profiles'!$G$21=$B$24,21,0),MOD($C4056,24)+1)/SUM(INDEX($D$3:$AA$30,INDEX(Jesper!$R$2:$R$366,ROW(INDEX(Jesper!AK$2:AK$366,ROUNDDOWN($C4056/24,0)+1,1))-1)+IF('Standard Profiles'!$G$21=$B$10,7,0)+IF('Standard Profiles'!$G$21=$B$17,14,0)+IF('Standard Profiles'!$G$21=$B$24,21,0),0)),0)</f>
        <v>0.68836701284177737</v>
      </c>
      <c r="H4056" cm="1">
        <f t="array" ref="H4056">IFERROR(INDEX(Jesper!AL$2:AL$366,ROUNDDOWN($C4056/24,0)+1,1)*INDEX($D$3:$AA$30,INDEX(Jesper!$R$2:$R$366,ROW(INDEX(Jesper!AL$2:AL$366,ROUNDDOWN($C4056/24,0)+1,1))-1)+IF('Standard Profiles'!$G$22=$B$10,7,0)+IF('Standard Profiles'!$G$22=$B$17,14,0)+IF('Standard Profiles'!$G$22=$B$24,21,0),MOD($C4056,24)+1)/SUM(INDEX($D$3:$AA$30,INDEX(Jesper!$R$2:$R$366,ROW(INDEX(Jesper!AL$2:AL$366,ROUNDDOWN($C4056/24,0)+1,1))-1)+IF('Standard Profiles'!$G$22=$B$10,7,0)+IF('Standard Profiles'!$G$22=$B$17,14,0)+IF('Standard Profiles'!$G$22=$B$24,21,0),0)),0)</f>
        <v>0.41444769838128026</v>
      </c>
      <c r="I4056">
        <f t="shared" si="454"/>
        <v>0.39786979044602927</v>
      </c>
      <c r="J4056">
        <f t="shared" si="455"/>
        <v>4.2866178792871485</v>
      </c>
      <c r="K4056">
        <f t="shared" si="456"/>
        <v>0.21775973742095411</v>
      </c>
      <c r="L4056">
        <f t="shared" si="457"/>
        <v>0.10887986871047706</v>
      </c>
      <c r="M4056">
        <f t="shared" si="458"/>
        <v>0</v>
      </c>
      <c r="N4056" s="45">
        <f t="shared" si="459"/>
        <v>45094.583333323579</v>
      </c>
    </row>
    <row r="4057" spans="2:14" x14ac:dyDescent="0.25">
      <c r="B4057">
        <f t="shared" si="453"/>
        <v>6</v>
      </c>
      <c r="C4057" s="16">
        <v>4023</v>
      </c>
      <c r="D4057" cm="1">
        <f t="array" ref="D4057">IFERROR(INDEX(Jesper!AH$2:AH$366,ROUNDDOWN($C4057/24,0)+1,1)*INDEX($D$3:$AA$30,INDEX(Jesper!$R$2:$R$366,ROW(INDEX(Jesper!AH$2:AH$366,ROUNDDOWN($C4057/24,0)+1,1))-1)+IF('Standard Profiles'!$G$18=$B$10,7,0)+IF('Standard Profiles'!$G$18=$B$17,14,0)+IF('Standard Profiles'!$G$18=$B$24,21,0),MOD($C4057,24)+1)/SUM(INDEX($D$3:$AA$30,INDEX(Jesper!$R$2:$R$366,ROW(INDEX(Jesper!AH$2:AH$366,ROUNDDOWN($C4057/24,0)+1,1))-1)+IF('Standard Profiles'!$G$18=$B$10,7,0)+IF('Standard Profiles'!$G$18=$B$17,14,0)+IF('Standard Profiles'!$G$18=$B$24,21,0),0)),0)</f>
        <v>0</v>
      </c>
      <c r="E4057" cm="1">
        <f t="array" ref="E4057">IFERROR(INDEX(Jesper!AI$2:AI$366,ROUNDDOWN($C4057/24,0)+1,1)*INDEX($D$3:$AA$30,INDEX(Jesper!$R$2:$R$366,ROW(INDEX(Jesper!AI$2:AI$366,ROUNDDOWN($C4057/24,0)+1,1))-1)+IF('Standard Profiles'!$G$19=$B$10,7,0)+IF('Standard Profiles'!$G$19=$B$17,14,0)+IF('Standard Profiles'!$G$19=$B$24,21,0),MOD($C4057,24)+1)/SUM(INDEX($D$3:$AA$30,INDEX(Jesper!$R$2:$R$366,ROW(INDEX(Jesper!AI$2:AI$366,ROUNDDOWN($C4057/24,0)+1,1))-1)+IF('Standard Profiles'!$G$19=$B$10,7,0)+IF('Standard Profiles'!$G$19=$B$17,14,0)+IF('Standard Profiles'!$G$19=$B$24,21,0),0)),0)</f>
        <v>2.7219967177619262</v>
      </c>
      <c r="F4057" cm="1">
        <f t="array" ref="F4057">IFERROR(INDEX(Jesper!AJ$2:AJ$366,ROUNDDOWN($C4057/24,0)+1,1)*INDEX($D$3:$AA$30,INDEX(Jesper!$R$2:$R$366,ROW(INDEX(Jesper!AJ$2:AJ$366,ROUNDDOWN($C4057/24,0)+1,1))-1)+IF('Standard Profiles'!$G$20=$B$10,7,0)+IF('Standard Profiles'!$G$20=$B$17,14,0)+IF('Standard Profiles'!$G$20=$B$24,21,0),MOD($C4057,24)+1)/SUM(INDEX($D$3:$AA$30,INDEX(Jesper!$R$2:$R$366,ROW(INDEX(Jesper!AJ$2:AJ$366,ROUNDDOWN($C4057/24,0)+1,1))-1)+IF('Standard Profiles'!$G$20=$B$10,7,0)+IF('Standard Profiles'!$G$20=$B$17,14,0)+IF('Standard Profiles'!$G$20=$B$24,21,0),0)),0)</f>
        <v>1.186315846879624</v>
      </c>
      <c r="G4057" cm="1">
        <f t="array" ref="G4057">IFERROR(INDEX(Jesper!AK$2:AK$366,ROUNDDOWN($C4057/24,0)+1,1)*INDEX($D$3:$AA$30,INDEX(Jesper!$R$2:$R$366,ROW(INDEX(Jesper!AK$2:AK$366,ROUNDDOWN($C4057/24,0)+1,1))-1)+IF('Standard Profiles'!$G$21=$B$10,7,0)+IF('Standard Profiles'!$G$21=$B$17,14,0)+IF('Standard Profiles'!$G$21=$B$24,21,0),MOD($C4057,24)+1)/SUM(INDEX($D$3:$AA$30,INDEX(Jesper!$R$2:$R$366,ROW(INDEX(Jesper!AK$2:AK$366,ROUNDDOWN($C4057/24,0)+1,1))-1)+IF('Standard Profiles'!$G$21=$B$10,7,0)+IF('Standard Profiles'!$G$21=$B$17,14,0)+IF('Standard Profiles'!$G$21=$B$24,21,0),0)),0)</f>
        <v>0.68836701284177737</v>
      </c>
      <c r="H4057" cm="1">
        <f t="array" ref="H4057">IFERROR(INDEX(Jesper!AL$2:AL$366,ROUNDDOWN($C4057/24,0)+1,1)*INDEX($D$3:$AA$30,INDEX(Jesper!$R$2:$R$366,ROW(INDEX(Jesper!AL$2:AL$366,ROUNDDOWN($C4057/24,0)+1,1))-1)+IF('Standard Profiles'!$G$22=$B$10,7,0)+IF('Standard Profiles'!$G$22=$B$17,14,0)+IF('Standard Profiles'!$G$22=$B$24,21,0),MOD($C4057,24)+1)/SUM(INDEX($D$3:$AA$30,INDEX(Jesper!$R$2:$R$366,ROW(INDEX(Jesper!AL$2:AL$366,ROUNDDOWN($C4057/24,0)+1,1))-1)+IF('Standard Profiles'!$G$22=$B$10,7,0)+IF('Standard Profiles'!$G$22=$B$17,14,0)+IF('Standard Profiles'!$G$22=$B$24,21,0),0)),0)</f>
        <v>0.37470613826252741</v>
      </c>
      <c r="I4057">
        <f t="shared" si="454"/>
        <v>0.35971789273202653</v>
      </c>
      <c r="J4057">
        <f t="shared" si="455"/>
        <v>4.2850282168823979</v>
      </c>
      <c r="K4057">
        <f t="shared" si="456"/>
        <v>0.21775973742095411</v>
      </c>
      <c r="L4057">
        <f t="shared" si="457"/>
        <v>0.10887986871047706</v>
      </c>
      <c r="M4057">
        <f t="shared" si="458"/>
        <v>0</v>
      </c>
      <c r="N4057" s="45">
        <f t="shared" si="459"/>
        <v>45094.624999990243</v>
      </c>
    </row>
    <row r="4058" spans="2:14" x14ac:dyDescent="0.25">
      <c r="B4058">
        <f t="shared" si="453"/>
        <v>6</v>
      </c>
      <c r="C4058" s="16">
        <v>4024</v>
      </c>
      <c r="D4058" cm="1">
        <f t="array" ref="D4058">IFERROR(INDEX(Jesper!AH$2:AH$366,ROUNDDOWN($C4058/24,0)+1,1)*INDEX($D$3:$AA$30,INDEX(Jesper!$R$2:$R$366,ROW(INDEX(Jesper!AH$2:AH$366,ROUNDDOWN($C4058/24,0)+1,1))-1)+IF('Standard Profiles'!$G$18=$B$10,7,0)+IF('Standard Profiles'!$G$18=$B$17,14,0)+IF('Standard Profiles'!$G$18=$B$24,21,0),MOD($C4058,24)+1)/SUM(INDEX($D$3:$AA$30,INDEX(Jesper!$R$2:$R$366,ROW(INDEX(Jesper!AH$2:AH$366,ROUNDDOWN($C4058/24,0)+1,1))-1)+IF('Standard Profiles'!$G$18=$B$10,7,0)+IF('Standard Profiles'!$G$18=$B$17,14,0)+IF('Standard Profiles'!$G$18=$B$24,21,0),0)),0)</f>
        <v>0</v>
      </c>
      <c r="E4058" cm="1">
        <f t="array" ref="E4058">IFERROR(INDEX(Jesper!AI$2:AI$366,ROUNDDOWN($C4058/24,0)+1,1)*INDEX($D$3:$AA$30,INDEX(Jesper!$R$2:$R$366,ROW(INDEX(Jesper!AI$2:AI$366,ROUNDDOWN($C4058/24,0)+1,1))-1)+IF('Standard Profiles'!$G$19=$B$10,7,0)+IF('Standard Profiles'!$G$19=$B$17,14,0)+IF('Standard Profiles'!$G$19=$B$24,21,0),MOD($C4058,24)+1)/SUM(INDEX($D$3:$AA$30,INDEX(Jesper!$R$2:$R$366,ROW(INDEX(Jesper!AI$2:AI$366,ROUNDDOWN($C4058/24,0)+1,1))-1)+IF('Standard Profiles'!$G$19=$B$10,7,0)+IF('Standard Profiles'!$G$19=$B$17,14,0)+IF('Standard Profiles'!$G$19=$B$24,21,0),0)),0)</f>
        <v>2.7219967177619262</v>
      </c>
      <c r="F4058" cm="1">
        <f t="array" ref="F4058">IFERROR(INDEX(Jesper!AJ$2:AJ$366,ROUNDDOWN($C4058/24,0)+1,1)*INDEX($D$3:$AA$30,INDEX(Jesper!$R$2:$R$366,ROW(INDEX(Jesper!AJ$2:AJ$366,ROUNDDOWN($C4058/24,0)+1,1))-1)+IF('Standard Profiles'!$G$20=$B$10,7,0)+IF('Standard Profiles'!$G$20=$B$17,14,0)+IF('Standard Profiles'!$G$20=$B$24,21,0),MOD($C4058,24)+1)/SUM(INDEX($D$3:$AA$30,INDEX(Jesper!$R$2:$R$366,ROW(INDEX(Jesper!AJ$2:AJ$366,ROUNDDOWN($C4058/24,0)+1,1))-1)+IF('Standard Profiles'!$G$20=$B$10,7,0)+IF('Standard Profiles'!$G$20=$B$17,14,0)+IF('Standard Profiles'!$G$20=$B$24,21,0),0)),0)</f>
        <v>1.186315846879624</v>
      </c>
      <c r="G4058" cm="1">
        <f t="array" ref="G4058">IFERROR(INDEX(Jesper!AK$2:AK$366,ROUNDDOWN($C4058/24,0)+1,1)*INDEX($D$3:$AA$30,INDEX(Jesper!$R$2:$R$366,ROW(INDEX(Jesper!AK$2:AK$366,ROUNDDOWN($C4058/24,0)+1,1))-1)+IF('Standard Profiles'!$G$21=$B$10,7,0)+IF('Standard Profiles'!$G$21=$B$17,14,0)+IF('Standard Profiles'!$G$21=$B$24,21,0),MOD($C4058,24)+1)/SUM(INDEX($D$3:$AA$30,INDEX(Jesper!$R$2:$R$366,ROW(INDEX(Jesper!AK$2:AK$366,ROUNDDOWN($C4058/24,0)+1,1))-1)+IF('Standard Profiles'!$G$21=$B$10,7,0)+IF('Standard Profiles'!$G$21=$B$17,14,0)+IF('Standard Profiles'!$G$21=$B$24,21,0),0)),0)</f>
        <v>0.68836701284177737</v>
      </c>
      <c r="H4058" cm="1">
        <f t="array" ref="H4058">IFERROR(INDEX(Jesper!AL$2:AL$366,ROUNDDOWN($C4058/24,0)+1,1)*INDEX($D$3:$AA$30,INDEX(Jesper!$R$2:$R$366,ROW(INDEX(Jesper!AL$2:AL$366,ROUNDDOWN($C4058/24,0)+1,1))-1)+IF('Standard Profiles'!$G$22=$B$10,7,0)+IF('Standard Profiles'!$G$22=$B$17,14,0)+IF('Standard Profiles'!$G$22=$B$24,21,0),MOD($C4058,24)+1)/SUM(INDEX($D$3:$AA$30,INDEX(Jesper!$R$2:$R$366,ROW(INDEX(Jesper!AL$2:AL$366,ROUNDDOWN($C4058/24,0)+1,1))-1)+IF('Standard Profiles'!$G$22=$B$10,7,0)+IF('Standard Profiles'!$G$22=$B$17,14,0)+IF('Standard Profiles'!$G$22=$B$24,21,0),0)),0)</f>
        <v>0.34064194387502494</v>
      </c>
      <c r="I4058">
        <f t="shared" si="454"/>
        <v>0.3270162661200241</v>
      </c>
      <c r="J4058">
        <f t="shared" si="455"/>
        <v>4.2836656491068981</v>
      </c>
      <c r="K4058">
        <f t="shared" si="456"/>
        <v>0.21775973742095411</v>
      </c>
      <c r="L4058">
        <f t="shared" si="457"/>
        <v>0.10887986871047706</v>
      </c>
      <c r="M4058">
        <f t="shared" si="458"/>
        <v>0</v>
      </c>
      <c r="N4058" s="45">
        <f t="shared" si="459"/>
        <v>45094.666666656907</v>
      </c>
    </row>
    <row r="4059" spans="2:14" x14ac:dyDescent="0.25">
      <c r="B4059">
        <f t="shared" si="453"/>
        <v>6</v>
      </c>
      <c r="C4059" s="16">
        <v>4025</v>
      </c>
      <c r="D4059" cm="1">
        <f t="array" ref="D4059">IFERROR(INDEX(Jesper!AH$2:AH$366,ROUNDDOWN($C4059/24,0)+1,1)*INDEX($D$3:$AA$30,INDEX(Jesper!$R$2:$R$366,ROW(INDEX(Jesper!AH$2:AH$366,ROUNDDOWN($C4059/24,0)+1,1))-1)+IF('Standard Profiles'!$G$18=$B$10,7,0)+IF('Standard Profiles'!$G$18=$B$17,14,0)+IF('Standard Profiles'!$G$18=$B$24,21,0),MOD($C4059,24)+1)/SUM(INDEX($D$3:$AA$30,INDEX(Jesper!$R$2:$R$366,ROW(INDEX(Jesper!AH$2:AH$366,ROUNDDOWN($C4059/24,0)+1,1))-1)+IF('Standard Profiles'!$G$18=$B$10,7,0)+IF('Standard Profiles'!$G$18=$B$17,14,0)+IF('Standard Profiles'!$G$18=$B$24,21,0),0)),0)</f>
        <v>0</v>
      </c>
      <c r="E4059" cm="1">
        <f t="array" ref="E4059">IFERROR(INDEX(Jesper!AI$2:AI$366,ROUNDDOWN($C4059/24,0)+1,1)*INDEX($D$3:$AA$30,INDEX(Jesper!$R$2:$R$366,ROW(INDEX(Jesper!AI$2:AI$366,ROUNDDOWN($C4059/24,0)+1,1))-1)+IF('Standard Profiles'!$G$19=$B$10,7,0)+IF('Standard Profiles'!$G$19=$B$17,14,0)+IF('Standard Profiles'!$G$19=$B$24,21,0),MOD($C4059,24)+1)/SUM(INDEX($D$3:$AA$30,INDEX(Jesper!$R$2:$R$366,ROW(INDEX(Jesper!AI$2:AI$366,ROUNDDOWN($C4059/24,0)+1,1))-1)+IF('Standard Profiles'!$G$19=$B$10,7,0)+IF('Standard Profiles'!$G$19=$B$17,14,0)+IF('Standard Profiles'!$G$19=$B$24,21,0),0)),0)</f>
        <v>2.7219967177619262</v>
      </c>
      <c r="F4059" cm="1">
        <f t="array" ref="F4059">IFERROR(INDEX(Jesper!AJ$2:AJ$366,ROUNDDOWN($C4059/24,0)+1,1)*INDEX($D$3:$AA$30,INDEX(Jesper!$R$2:$R$366,ROW(INDEX(Jesper!AJ$2:AJ$366,ROUNDDOWN($C4059/24,0)+1,1))-1)+IF('Standard Profiles'!$G$20=$B$10,7,0)+IF('Standard Profiles'!$G$20=$B$17,14,0)+IF('Standard Profiles'!$G$20=$B$24,21,0),MOD($C4059,24)+1)/SUM(INDEX($D$3:$AA$30,INDEX(Jesper!$R$2:$R$366,ROW(INDEX(Jesper!AJ$2:AJ$366,ROUNDDOWN($C4059/24,0)+1,1))-1)+IF('Standard Profiles'!$G$20=$B$10,7,0)+IF('Standard Profiles'!$G$20=$B$17,14,0)+IF('Standard Profiles'!$G$20=$B$24,21,0),0)),0)</f>
        <v>1.186315846879624</v>
      </c>
      <c r="G4059" cm="1">
        <f t="array" ref="G4059">IFERROR(INDEX(Jesper!AK$2:AK$366,ROUNDDOWN($C4059/24,0)+1,1)*INDEX($D$3:$AA$30,INDEX(Jesper!$R$2:$R$366,ROW(INDEX(Jesper!AK$2:AK$366,ROUNDDOWN($C4059/24,0)+1,1))-1)+IF('Standard Profiles'!$G$21=$B$10,7,0)+IF('Standard Profiles'!$G$21=$B$17,14,0)+IF('Standard Profiles'!$G$21=$B$24,21,0),MOD($C4059,24)+1)/SUM(INDEX($D$3:$AA$30,INDEX(Jesper!$R$2:$R$366,ROW(INDEX(Jesper!AK$2:AK$366,ROUNDDOWN($C4059/24,0)+1,1))-1)+IF('Standard Profiles'!$G$21=$B$10,7,0)+IF('Standard Profiles'!$G$21=$B$17,14,0)+IF('Standard Profiles'!$G$21=$B$24,21,0),0)),0)</f>
        <v>0.68836701284177737</v>
      </c>
      <c r="H4059" cm="1">
        <f t="array" ref="H4059">IFERROR(INDEX(Jesper!AL$2:AL$366,ROUNDDOWN($C4059/24,0)+1,1)*INDEX($D$3:$AA$30,INDEX(Jesper!$R$2:$R$366,ROW(INDEX(Jesper!AL$2:AL$366,ROUNDDOWN($C4059/24,0)+1,1))-1)+IF('Standard Profiles'!$G$22=$B$10,7,0)+IF('Standard Profiles'!$G$22=$B$17,14,0)+IF('Standard Profiles'!$G$22=$B$24,21,0),MOD($C4059,24)+1)/SUM(INDEX($D$3:$AA$30,INDEX(Jesper!$R$2:$R$366,ROW(INDEX(Jesper!AL$2:AL$366,ROUNDDOWN($C4059/24,0)+1,1))-1)+IF('Standard Profiles'!$G$22=$B$10,7,0)+IF('Standard Profiles'!$G$22=$B$17,14,0)+IF('Standard Profiles'!$G$22=$B$24,21,0),0)),0)</f>
        <v>0.30657774948752242</v>
      </c>
      <c r="I4059">
        <f t="shared" si="454"/>
        <v>0.29431463950802167</v>
      </c>
      <c r="J4059">
        <f t="shared" si="455"/>
        <v>4.2823030813313983</v>
      </c>
      <c r="K4059">
        <f t="shared" si="456"/>
        <v>0.21775973742095411</v>
      </c>
      <c r="L4059">
        <f t="shared" si="457"/>
        <v>0.10887986871047706</v>
      </c>
      <c r="M4059">
        <f t="shared" si="458"/>
        <v>0</v>
      </c>
      <c r="N4059" s="45">
        <f t="shared" si="459"/>
        <v>45094.708333323571</v>
      </c>
    </row>
    <row r="4060" spans="2:14" x14ac:dyDescent="0.25">
      <c r="B4060">
        <f t="shared" si="453"/>
        <v>6</v>
      </c>
      <c r="C4060" s="16">
        <v>4026</v>
      </c>
      <c r="D4060" cm="1">
        <f t="array" ref="D4060">IFERROR(INDEX(Jesper!AH$2:AH$366,ROUNDDOWN($C4060/24,0)+1,1)*INDEX($D$3:$AA$30,INDEX(Jesper!$R$2:$R$366,ROW(INDEX(Jesper!AH$2:AH$366,ROUNDDOWN($C4060/24,0)+1,1))-1)+IF('Standard Profiles'!$G$18=$B$10,7,0)+IF('Standard Profiles'!$G$18=$B$17,14,0)+IF('Standard Profiles'!$G$18=$B$24,21,0),MOD($C4060,24)+1)/SUM(INDEX($D$3:$AA$30,INDEX(Jesper!$R$2:$R$366,ROW(INDEX(Jesper!AH$2:AH$366,ROUNDDOWN($C4060/24,0)+1,1))-1)+IF('Standard Profiles'!$G$18=$B$10,7,0)+IF('Standard Profiles'!$G$18=$B$17,14,0)+IF('Standard Profiles'!$G$18=$B$24,21,0),0)),0)</f>
        <v>0</v>
      </c>
      <c r="E4060" cm="1">
        <f t="array" ref="E4060">IFERROR(INDEX(Jesper!AI$2:AI$366,ROUNDDOWN($C4060/24,0)+1,1)*INDEX($D$3:$AA$30,INDEX(Jesper!$R$2:$R$366,ROW(INDEX(Jesper!AI$2:AI$366,ROUNDDOWN($C4060/24,0)+1,1))-1)+IF('Standard Profiles'!$G$19=$B$10,7,0)+IF('Standard Profiles'!$G$19=$B$17,14,0)+IF('Standard Profiles'!$G$19=$B$24,21,0),MOD($C4060,24)+1)/SUM(INDEX($D$3:$AA$30,INDEX(Jesper!$R$2:$R$366,ROW(INDEX(Jesper!AI$2:AI$366,ROUNDDOWN($C4060/24,0)+1,1))-1)+IF('Standard Profiles'!$G$19=$B$10,7,0)+IF('Standard Profiles'!$G$19=$B$17,14,0)+IF('Standard Profiles'!$G$19=$B$24,21,0),0)),0)</f>
        <v>2.7219967177619262</v>
      </c>
      <c r="F4060" cm="1">
        <f t="array" ref="F4060">IFERROR(INDEX(Jesper!AJ$2:AJ$366,ROUNDDOWN($C4060/24,0)+1,1)*INDEX($D$3:$AA$30,INDEX(Jesper!$R$2:$R$366,ROW(INDEX(Jesper!AJ$2:AJ$366,ROUNDDOWN($C4060/24,0)+1,1))-1)+IF('Standard Profiles'!$G$20=$B$10,7,0)+IF('Standard Profiles'!$G$20=$B$17,14,0)+IF('Standard Profiles'!$G$20=$B$24,21,0),MOD($C4060,24)+1)/SUM(INDEX($D$3:$AA$30,INDEX(Jesper!$R$2:$R$366,ROW(INDEX(Jesper!AJ$2:AJ$366,ROUNDDOWN($C4060/24,0)+1,1))-1)+IF('Standard Profiles'!$G$20=$B$10,7,0)+IF('Standard Profiles'!$G$20=$B$17,14,0)+IF('Standard Profiles'!$G$20=$B$24,21,0),0)),0)</f>
        <v>1.186315846879624</v>
      </c>
      <c r="G4060" cm="1">
        <f t="array" ref="G4060">IFERROR(INDEX(Jesper!AK$2:AK$366,ROUNDDOWN($C4060/24,0)+1,1)*INDEX($D$3:$AA$30,INDEX(Jesper!$R$2:$R$366,ROW(INDEX(Jesper!AK$2:AK$366,ROUNDDOWN($C4060/24,0)+1,1))-1)+IF('Standard Profiles'!$G$21=$B$10,7,0)+IF('Standard Profiles'!$G$21=$B$17,14,0)+IF('Standard Profiles'!$G$21=$B$24,21,0),MOD($C4060,24)+1)/SUM(INDEX($D$3:$AA$30,INDEX(Jesper!$R$2:$R$366,ROW(INDEX(Jesper!AK$2:AK$366,ROUNDDOWN($C4060/24,0)+1,1))-1)+IF('Standard Profiles'!$G$21=$B$10,7,0)+IF('Standard Profiles'!$G$21=$B$17,14,0)+IF('Standard Profiles'!$G$21=$B$24,21,0),0)),0)</f>
        <v>0.68836701284177737</v>
      </c>
      <c r="H4060" cm="1">
        <f t="array" ref="H4060">IFERROR(INDEX(Jesper!AL$2:AL$366,ROUNDDOWN($C4060/24,0)+1,1)*INDEX($D$3:$AA$30,INDEX(Jesper!$R$2:$R$366,ROW(INDEX(Jesper!AL$2:AL$366,ROUNDDOWN($C4060/24,0)+1,1))-1)+IF('Standard Profiles'!$G$22=$B$10,7,0)+IF('Standard Profiles'!$G$22=$B$17,14,0)+IF('Standard Profiles'!$G$22=$B$24,21,0),MOD($C4060,24)+1)/SUM(INDEX($D$3:$AA$30,INDEX(Jesper!$R$2:$R$366,ROW(INDEX(Jesper!AL$2:AL$366,ROUNDDOWN($C4060/24,0)+1,1))-1)+IF('Standard Profiles'!$G$22=$B$10,7,0)+IF('Standard Profiles'!$G$22=$B$17,14,0)+IF('Standard Profiles'!$G$22=$B$24,21,0),0)),0)</f>
        <v>0.2952230180250216</v>
      </c>
      <c r="I4060">
        <f t="shared" si="454"/>
        <v>0.2834140973040209</v>
      </c>
      <c r="J4060">
        <f t="shared" si="455"/>
        <v>4.2818488920728983</v>
      </c>
      <c r="K4060">
        <f t="shared" si="456"/>
        <v>0.21775973742095411</v>
      </c>
      <c r="L4060">
        <f t="shared" si="457"/>
        <v>0.10887986871047706</v>
      </c>
      <c r="M4060">
        <f t="shared" si="458"/>
        <v>0</v>
      </c>
      <c r="N4060" s="45">
        <f t="shared" si="459"/>
        <v>45094.749999990236</v>
      </c>
    </row>
    <row r="4061" spans="2:14" x14ac:dyDescent="0.25">
      <c r="B4061">
        <f t="shared" si="453"/>
        <v>6</v>
      </c>
      <c r="C4061" s="16">
        <v>4027</v>
      </c>
      <c r="D4061" cm="1">
        <f t="array" ref="D4061">IFERROR(INDEX(Jesper!AH$2:AH$366,ROUNDDOWN($C4061/24,0)+1,1)*INDEX($D$3:$AA$30,INDEX(Jesper!$R$2:$R$366,ROW(INDEX(Jesper!AH$2:AH$366,ROUNDDOWN($C4061/24,0)+1,1))-1)+IF('Standard Profiles'!$G$18=$B$10,7,0)+IF('Standard Profiles'!$G$18=$B$17,14,0)+IF('Standard Profiles'!$G$18=$B$24,21,0),MOD($C4061,24)+1)/SUM(INDEX($D$3:$AA$30,INDEX(Jesper!$R$2:$R$366,ROW(INDEX(Jesper!AH$2:AH$366,ROUNDDOWN($C4061/24,0)+1,1))-1)+IF('Standard Profiles'!$G$18=$B$10,7,0)+IF('Standard Profiles'!$G$18=$B$17,14,0)+IF('Standard Profiles'!$G$18=$B$24,21,0),0)),0)</f>
        <v>0</v>
      </c>
      <c r="E4061" cm="1">
        <f t="array" ref="E4061">IFERROR(INDEX(Jesper!AI$2:AI$366,ROUNDDOWN($C4061/24,0)+1,1)*INDEX($D$3:$AA$30,INDEX(Jesper!$R$2:$R$366,ROW(INDEX(Jesper!AI$2:AI$366,ROUNDDOWN($C4061/24,0)+1,1))-1)+IF('Standard Profiles'!$G$19=$B$10,7,0)+IF('Standard Profiles'!$G$19=$B$17,14,0)+IF('Standard Profiles'!$G$19=$B$24,21,0),MOD($C4061,24)+1)/SUM(INDEX($D$3:$AA$30,INDEX(Jesper!$R$2:$R$366,ROW(INDEX(Jesper!AI$2:AI$366,ROUNDDOWN($C4061/24,0)+1,1))-1)+IF('Standard Profiles'!$G$19=$B$10,7,0)+IF('Standard Profiles'!$G$19=$B$17,14,0)+IF('Standard Profiles'!$G$19=$B$24,21,0),0)),0)</f>
        <v>2.7219967177619262</v>
      </c>
      <c r="F4061" cm="1">
        <f t="array" ref="F4061">IFERROR(INDEX(Jesper!AJ$2:AJ$366,ROUNDDOWN($C4061/24,0)+1,1)*INDEX($D$3:$AA$30,INDEX(Jesper!$R$2:$R$366,ROW(INDEX(Jesper!AJ$2:AJ$366,ROUNDDOWN($C4061/24,0)+1,1))-1)+IF('Standard Profiles'!$G$20=$B$10,7,0)+IF('Standard Profiles'!$G$20=$B$17,14,0)+IF('Standard Profiles'!$G$20=$B$24,21,0),MOD($C4061,24)+1)/SUM(INDEX($D$3:$AA$30,INDEX(Jesper!$R$2:$R$366,ROW(INDEX(Jesper!AJ$2:AJ$366,ROUNDDOWN($C4061/24,0)+1,1))-1)+IF('Standard Profiles'!$G$20=$B$10,7,0)+IF('Standard Profiles'!$G$20=$B$17,14,0)+IF('Standard Profiles'!$G$20=$B$24,21,0),0)),0)</f>
        <v>1.186315846879624</v>
      </c>
      <c r="G4061" cm="1">
        <f t="array" ref="G4061">IFERROR(INDEX(Jesper!AK$2:AK$366,ROUNDDOWN($C4061/24,0)+1,1)*INDEX($D$3:$AA$30,INDEX(Jesper!$R$2:$R$366,ROW(INDEX(Jesper!AK$2:AK$366,ROUNDDOWN($C4061/24,0)+1,1))-1)+IF('Standard Profiles'!$G$21=$B$10,7,0)+IF('Standard Profiles'!$G$21=$B$17,14,0)+IF('Standard Profiles'!$G$21=$B$24,21,0),MOD($C4061,24)+1)/SUM(INDEX($D$3:$AA$30,INDEX(Jesper!$R$2:$R$366,ROW(INDEX(Jesper!AK$2:AK$366,ROUNDDOWN($C4061/24,0)+1,1))-1)+IF('Standard Profiles'!$G$21=$B$10,7,0)+IF('Standard Profiles'!$G$21=$B$17,14,0)+IF('Standard Profiles'!$G$21=$B$24,21,0),0)),0)</f>
        <v>0.68836701284177737</v>
      </c>
      <c r="H4061" cm="1">
        <f t="array" ref="H4061">IFERROR(INDEX(Jesper!AL$2:AL$366,ROUNDDOWN($C4061/24,0)+1,1)*INDEX($D$3:$AA$30,INDEX(Jesper!$R$2:$R$366,ROW(INDEX(Jesper!AL$2:AL$366,ROUNDDOWN($C4061/24,0)+1,1))-1)+IF('Standard Profiles'!$G$22=$B$10,7,0)+IF('Standard Profiles'!$G$22=$B$17,14,0)+IF('Standard Profiles'!$G$22=$B$24,21,0),MOD($C4061,24)+1)/SUM(INDEX($D$3:$AA$30,INDEX(Jesper!$R$2:$R$366,ROW(INDEX(Jesper!AL$2:AL$366,ROUNDDOWN($C4061/24,0)+1,1))-1)+IF('Standard Profiles'!$G$22=$B$10,7,0)+IF('Standard Profiles'!$G$22=$B$17,14,0)+IF('Standard Profiles'!$G$22=$B$24,21,0),0)),0)</f>
        <v>0.23844936071251741</v>
      </c>
      <c r="I4061">
        <f t="shared" si="454"/>
        <v>0.22891138628401683</v>
      </c>
      <c r="J4061">
        <f t="shared" si="455"/>
        <v>4.2795779457803977</v>
      </c>
      <c r="K4061">
        <f t="shared" si="456"/>
        <v>0.21775973742095411</v>
      </c>
      <c r="L4061">
        <f t="shared" si="457"/>
        <v>0.10887986871047706</v>
      </c>
      <c r="M4061">
        <f t="shared" si="458"/>
        <v>0</v>
      </c>
      <c r="N4061" s="45">
        <f t="shared" si="459"/>
        <v>45094.7916666569</v>
      </c>
    </row>
    <row r="4062" spans="2:14" x14ac:dyDescent="0.25">
      <c r="B4062">
        <f t="shared" si="453"/>
        <v>6</v>
      </c>
      <c r="C4062" s="16">
        <v>4028</v>
      </c>
      <c r="D4062" cm="1">
        <f t="array" ref="D4062">IFERROR(INDEX(Jesper!AH$2:AH$366,ROUNDDOWN($C4062/24,0)+1,1)*INDEX($D$3:$AA$30,INDEX(Jesper!$R$2:$R$366,ROW(INDEX(Jesper!AH$2:AH$366,ROUNDDOWN($C4062/24,0)+1,1))-1)+IF('Standard Profiles'!$G$18=$B$10,7,0)+IF('Standard Profiles'!$G$18=$B$17,14,0)+IF('Standard Profiles'!$G$18=$B$24,21,0),MOD($C4062,24)+1)/SUM(INDEX($D$3:$AA$30,INDEX(Jesper!$R$2:$R$366,ROW(INDEX(Jesper!AH$2:AH$366,ROUNDDOWN($C4062/24,0)+1,1))-1)+IF('Standard Profiles'!$G$18=$B$10,7,0)+IF('Standard Profiles'!$G$18=$B$17,14,0)+IF('Standard Profiles'!$G$18=$B$24,21,0),0)),0)</f>
        <v>0</v>
      </c>
      <c r="E4062" cm="1">
        <f t="array" ref="E4062">IFERROR(INDEX(Jesper!AI$2:AI$366,ROUNDDOWN($C4062/24,0)+1,1)*INDEX($D$3:$AA$30,INDEX(Jesper!$R$2:$R$366,ROW(INDEX(Jesper!AI$2:AI$366,ROUNDDOWN($C4062/24,0)+1,1))-1)+IF('Standard Profiles'!$G$19=$B$10,7,0)+IF('Standard Profiles'!$G$19=$B$17,14,0)+IF('Standard Profiles'!$G$19=$B$24,21,0),MOD($C4062,24)+1)/SUM(INDEX($D$3:$AA$30,INDEX(Jesper!$R$2:$R$366,ROW(INDEX(Jesper!AI$2:AI$366,ROUNDDOWN($C4062/24,0)+1,1))-1)+IF('Standard Profiles'!$G$19=$B$10,7,0)+IF('Standard Profiles'!$G$19=$B$17,14,0)+IF('Standard Profiles'!$G$19=$B$24,21,0),0)),0)</f>
        <v>2.7219967177619262</v>
      </c>
      <c r="F4062" cm="1">
        <f t="array" ref="F4062">IFERROR(INDEX(Jesper!AJ$2:AJ$366,ROUNDDOWN($C4062/24,0)+1,1)*INDEX($D$3:$AA$30,INDEX(Jesper!$R$2:$R$366,ROW(INDEX(Jesper!AJ$2:AJ$366,ROUNDDOWN($C4062/24,0)+1,1))-1)+IF('Standard Profiles'!$G$20=$B$10,7,0)+IF('Standard Profiles'!$G$20=$B$17,14,0)+IF('Standard Profiles'!$G$20=$B$24,21,0),MOD($C4062,24)+1)/SUM(INDEX($D$3:$AA$30,INDEX(Jesper!$R$2:$R$366,ROW(INDEX(Jesper!AJ$2:AJ$366,ROUNDDOWN($C4062/24,0)+1,1))-1)+IF('Standard Profiles'!$G$20=$B$10,7,0)+IF('Standard Profiles'!$G$20=$B$17,14,0)+IF('Standard Profiles'!$G$20=$B$24,21,0),0)),0)</f>
        <v>1.186315846879624</v>
      </c>
      <c r="G4062" cm="1">
        <f t="array" ref="G4062">IFERROR(INDEX(Jesper!AK$2:AK$366,ROUNDDOWN($C4062/24,0)+1,1)*INDEX($D$3:$AA$30,INDEX(Jesper!$R$2:$R$366,ROW(INDEX(Jesper!AK$2:AK$366,ROUNDDOWN($C4062/24,0)+1,1))-1)+IF('Standard Profiles'!$G$21=$B$10,7,0)+IF('Standard Profiles'!$G$21=$B$17,14,0)+IF('Standard Profiles'!$G$21=$B$24,21,0),MOD($C4062,24)+1)/SUM(INDEX($D$3:$AA$30,INDEX(Jesper!$R$2:$R$366,ROW(INDEX(Jesper!AK$2:AK$366,ROUNDDOWN($C4062/24,0)+1,1))-1)+IF('Standard Profiles'!$G$21=$B$10,7,0)+IF('Standard Profiles'!$G$21=$B$17,14,0)+IF('Standard Profiles'!$G$21=$B$24,21,0),0)),0)</f>
        <v>0.68836701284177737</v>
      </c>
      <c r="H4062" cm="1">
        <f t="array" ref="H4062">IFERROR(INDEX(Jesper!AL$2:AL$366,ROUNDDOWN($C4062/24,0)+1,1)*INDEX($D$3:$AA$30,INDEX(Jesper!$R$2:$R$366,ROW(INDEX(Jesper!AL$2:AL$366,ROUNDDOWN($C4062/24,0)+1,1))-1)+IF('Standard Profiles'!$G$22=$B$10,7,0)+IF('Standard Profiles'!$G$22=$B$17,14,0)+IF('Standard Profiles'!$G$22=$B$24,21,0),MOD($C4062,24)+1)/SUM(INDEX($D$3:$AA$30,INDEX(Jesper!$R$2:$R$366,ROW(INDEX(Jesper!AL$2:AL$366,ROUNDDOWN($C4062/24,0)+1,1))-1)+IF('Standard Profiles'!$G$22=$B$10,7,0)+IF('Standard Profiles'!$G$22=$B$17,14,0)+IF('Standard Profiles'!$G$22=$B$24,21,0),0)),0)</f>
        <v>0.17599833766876286</v>
      </c>
      <c r="I4062">
        <f t="shared" si="454"/>
        <v>0.16895840416201244</v>
      </c>
      <c r="J4062">
        <f t="shared" si="455"/>
        <v>4.2770799048586481</v>
      </c>
      <c r="K4062">
        <f t="shared" si="456"/>
        <v>0.21775973742095411</v>
      </c>
      <c r="L4062">
        <f t="shared" si="457"/>
        <v>0.10887986871047706</v>
      </c>
      <c r="M4062">
        <f t="shared" si="458"/>
        <v>0</v>
      </c>
      <c r="N4062" s="45">
        <f t="shared" si="459"/>
        <v>45094.833333323564</v>
      </c>
    </row>
    <row r="4063" spans="2:14" x14ac:dyDescent="0.25">
      <c r="B4063">
        <f t="shared" si="453"/>
        <v>6</v>
      </c>
      <c r="C4063" s="16">
        <v>4029</v>
      </c>
      <c r="D4063" cm="1">
        <f t="array" ref="D4063">IFERROR(INDEX(Jesper!AH$2:AH$366,ROUNDDOWN($C4063/24,0)+1,1)*INDEX($D$3:$AA$30,INDEX(Jesper!$R$2:$R$366,ROW(INDEX(Jesper!AH$2:AH$366,ROUNDDOWN($C4063/24,0)+1,1))-1)+IF('Standard Profiles'!$G$18=$B$10,7,0)+IF('Standard Profiles'!$G$18=$B$17,14,0)+IF('Standard Profiles'!$G$18=$B$24,21,0),MOD($C4063,24)+1)/SUM(INDEX($D$3:$AA$30,INDEX(Jesper!$R$2:$R$366,ROW(INDEX(Jesper!AH$2:AH$366,ROUNDDOWN($C4063/24,0)+1,1))-1)+IF('Standard Profiles'!$G$18=$B$10,7,0)+IF('Standard Profiles'!$G$18=$B$17,14,0)+IF('Standard Profiles'!$G$18=$B$24,21,0),0)),0)</f>
        <v>0</v>
      </c>
      <c r="E4063" cm="1">
        <f t="array" ref="E4063">IFERROR(INDEX(Jesper!AI$2:AI$366,ROUNDDOWN($C4063/24,0)+1,1)*INDEX($D$3:$AA$30,INDEX(Jesper!$R$2:$R$366,ROW(INDEX(Jesper!AI$2:AI$366,ROUNDDOWN($C4063/24,0)+1,1))-1)+IF('Standard Profiles'!$G$19=$B$10,7,0)+IF('Standard Profiles'!$G$19=$B$17,14,0)+IF('Standard Profiles'!$G$19=$B$24,21,0),MOD($C4063,24)+1)/SUM(INDEX($D$3:$AA$30,INDEX(Jesper!$R$2:$R$366,ROW(INDEX(Jesper!AI$2:AI$366,ROUNDDOWN($C4063/24,0)+1,1))-1)+IF('Standard Profiles'!$G$19=$B$10,7,0)+IF('Standard Profiles'!$G$19=$B$17,14,0)+IF('Standard Profiles'!$G$19=$B$24,21,0),0)),0)</f>
        <v>2.7219967177619262</v>
      </c>
      <c r="F4063" cm="1">
        <f t="array" ref="F4063">IFERROR(INDEX(Jesper!AJ$2:AJ$366,ROUNDDOWN($C4063/24,0)+1,1)*INDEX($D$3:$AA$30,INDEX(Jesper!$R$2:$R$366,ROW(INDEX(Jesper!AJ$2:AJ$366,ROUNDDOWN($C4063/24,0)+1,1))-1)+IF('Standard Profiles'!$G$20=$B$10,7,0)+IF('Standard Profiles'!$G$20=$B$17,14,0)+IF('Standard Profiles'!$G$20=$B$24,21,0),MOD($C4063,24)+1)/SUM(INDEX($D$3:$AA$30,INDEX(Jesper!$R$2:$R$366,ROW(INDEX(Jesper!AJ$2:AJ$366,ROUNDDOWN($C4063/24,0)+1,1))-1)+IF('Standard Profiles'!$G$20=$B$10,7,0)+IF('Standard Profiles'!$G$20=$B$17,14,0)+IF('Standard Profiles'!$G$20=$B$24,21,0),0)),0)</f>
        <v>1.186315846879624</v>
      </c>
      <c r="G4063" cm="1">
        <f t="array" ref="G4063">IFERROR(INDEX(Jesper!AK$2:AK$366,ROUNDDOWN($C4063/24,0)+1,1)*INDEX($D$3:$AA$30,INDEX(Jesper!$R$2:$R$366,ROW(INDEX(Jesper!AK$2:AK$366,ROUNDDOWN($C4063/24,0)+1,1))-1)+IF('Standard Profiles'!$G$21=$B$10,7,0)+IF('Standard Profiles'!$G$21=$B$17,14,0)+IF('Standard Profiles'!$G$21=$B$24,21,0),MOD($C4063,24)+1)/SUM(INDEX($D$3:$AA$30,INDEX(Jesper!$R$2:$R$366,ROW(INDEX(Jesper!AK$2:AK$366,ROUNDDOWN($C4063/24,0)+1,1))-1)+IF('Standard Profiles'!$G$21=$B$10,7,0)+IF('Standard Profiles'!$G$21=$B$17,14,0)+IF('Standard Profiles'!$G$21=$B$24,21,0),0)),0)</f>
        <v>0.68836701284177737</v>
      </c>
      <c r="H4063" cm="1">
        <f t="array" ref="H4063">IFERROR(INDEX(Jesper!AL$2:AL$366,ROUNDDOWN($C4063/24,0)+1,1)*INDEX($D$3:$AA$30,INDEX(Jesper!$R$2:$R$366,ROW(INDEX(Jesper!AL$2:AL$366,ROUNDDOWN($C4063/24,0)+1,1))-1)+IF('Standard Profiles'!$G$22=$B$10,7,0)+IF('Standard Profiles'!$G$22=$B$17,14,0)+IF('Standard Profiles'!$G$22=$B$24,21,0),MOD($C4063,24)+1)/SUM(INDEX($D$3:$AA$30,INDEX(Jesper!$R$2:$R$366,ROW(INDEX(Jesper!AL$2:AL$366,ROUNDDOWN($C4063/24,0)+1,1))-1)+IF('Standard Profiles'!$G$22=$B$10,7,0)+IF('Standard Profiles'!$G$22=$B$17,14,0)+IF('Standard Profiles'!$G$22=$B$24,21,0),0)),0)</f>
        <v>0.17599833766876286</v>
      </c>
      <c r="I4063">
        <f t="shared" si="454"/>
        <v>0.16895840416201244</v>
      </c>
      <c r="J4063">
        <f t="shared" si="455"/>
        <v>4.2770799048586481</v>
      </c>
      <c r="K4063">
        <f t="shared" si="456"/>
        <v>0.21775973742095411</v>
      </c>
      <c r="L4063">
        <f t="shared" si="457"/>
        <v>0.10887986871047706</v>
      </c>
      <c r="M4063">
        <f t="shared" si="458"/>
        <v>0</v>
      </c>
      <c r="N4063" s="45">
        <f t="shared" si="459"/>
        <v>45094.874999990228</v>
      </c>
    </row>
    <row r="4064" spans="2:14" x14ac:dyDescent="0.25">
      <c r="B4064">
        <f t="shared" si="453"/>
        <v>6</v>
      </c>
      <c r="C4064" s="16">
        <v>4030</v>
      </c>
      <c r="D4064" cm="1">
        <f t="array" ref="D4064">IFERROR(INDEX(Jesper!AH$2:AH$366,ROUNDDOWN($C4064/24,0)+1,1)*INDEX($D$3:$AA$30,INDEX(Jesper!$R$2:$R$366,ROW(INDEX(Jesper!AH$2:AH$366,ROUNDDOWN($C4064/24,0)+1,1))-1)+IF('Standard Profiles'!$G$18=$B$10,7,0)+IF('Standard Profiles'!$G$18=$B$17,14,0)+IF('Standard Profiles'!$G$18=$B$24,21,0),MOD($C4064,24)+1)/SUM(INDEX($D$3:$AA$30,INDEX(Jesper!$R$2:$R$366,ROW(INDEX(Jesper!AH$2:AH$366,ROUNDDOWN($C4064/24,0)+1,1))-1)+IF('Standard Profiles'!$G$18=$B$10,7,0)+IF('Standard Profiles'!$G$18=$B$17,14,0)+IF('Standard Profiles'!$G$18=$B$24,21,0),0)),0)</f>
        <v>0</v>
      </c>
      <c r="E4064" cm="1">
        <f t="array" ref="E4064">IFERROR(INDEX(Jesper!AI$2:AI$366,ROUNDDOWN($C4064/24,0)+1,1)*INDEX($D$3:$AA$30,INDEX(Jesper!$R$2:$R$366,ROW(INDEX(Jesper!AI$2:AI$366,ROUNDDOWN($C4064/24,0)+1,1))-1)+IF('Standard Profiles'!$G$19=$B$10,7,0)+IF('Standard Profiles'!$G$19=$B$17,14,0)+IF('Standard Profiles'!$G$19=$B$24,21,0),MOD($C4064,24)+1)/SUM(INDEX($D$3:$AA$30,INDEX(Jesper!$R$2:$R$366,ROW(INDEX(Jesper!AI$2:AI$366,ROUNDDOWN($C4064/24,0)+1,1))-1)+IF('Standard Profiles'!$G$19=$B$10,7,0)+IF('Standard Profiles'!$G$19=$B$17,14,0)+IF('Standard Profiles'!$G$19=$B$24,21,0),0)),0)</f>
        <v>2.7219967177619262</v>
      </c>
      <c r="F4064" cm="1">
        <f t="array" ref="F4064">IFERROR(INDEX(Jesper!AJ$2:AJ$366,ROUNDDOWN($C4064/24,0)+1,1)*INDEX($D$3:$AA$30,INDEX(Jesper!$R$2:$R$366,ROW(INDEX(Jesper!AJ$2:AJ$366,ROUNDDOWN($C4064/24,0)+1,1))-1)+IF('Standard Profiles'!$G$20=$B$10,7,0)+IF('Standard Profiles'!$G$20=$B$17,14,0)+IF('Standard Profiles'!$G$20=$B$24,21,0),MOD($C4064,24)+1)/SUM(INDEX($D$3:$AA$30,INDEX(Jesper!$R$2:$R$366,ROW(INDEX(Jesper!AJ$2:AJ$366,ROUNDDOWN($C4064/24,0)+1,1))-1)+IF('Standard Profiles'!$G$20=$B$10,7,0)+IF('Standard Profiles'!$G$20=$B$17,14,0)+IF('Standard Profiles'!$G$20=$B$24,21,0),0)),0)</f>
        <v>1.186315846879624</v>
      </c>
      <c r="G4064" cm="1">
        <f t="array" ref="G4064">IFERROR(INDEX(Jesper!AK$2:AK$366,ROUNDDOWN($C4064/24,0)+1,1)*INDEX($D$3:$AA$30,INDEX(Jesper!$R$2:$R$366,ROW(INDEX(Jesper!AK$2:AK$366,ROUNDDOWN($C4064/24,0)+1,1))-1)+IF('Standard Profiles'!$G$21=$B$10,7,0)+IF('Standard Profiles'!$G$21=$B$17,14,0)+IF('Standard Profiles'!$G$21=$B$24,21,0),MOD($C4064,24)+1)/SUM(INDEX($D$3:$AA$30,INDEX(Jesper!$R$2:$R$366,ROW(INDEX(Jesper!AK$2:AK$366,ROUNDDOWN($C4064/24,0)+1,1))-1)+IF('Standard Profiles'!$G$21=$B$10,7,0)+IF('Standard Profiles'!$G$21=$B$17,14,0)+IF('Standard Profiles'!$G$21=$B$24,21,0),0)),0)</f>
        <v>0.68836701284177737</v>
      </c>
      <c r="H4064" cm="1">
        <f t="array" ref="H4064">IFERROR(INDEX(Jesper!AL$2:AL$366,ROUNDDOWN($C4064/24,0)+1,1)*INDEX($D$3:$AA$30,INDEX(Jesper!$R$2:$R$366,ROW(INDEX(Jesper!AL$2:AL$366,ROUNDDOWN($C4064/24,0)+1,1))-1)+IF('Standard Profiles'!$G$22=$B$10,7,0)+IF('Standard Profiles'!$G$22=$B$17,14,0)+IF('Standard Profiles'!$G$22=$B$24,21,0),MOD($C4064,24)+1)/SUM(INDEX($D$3:$AA$30,INDEX(Jesper!$R$2:$R$366,ROW(INDEX(Jesper!AL$2:AL$366,ROUNDDOWN($C4064/24,0)+1,1))-1)+IF('Standard Profiles'!$G$22=$B$10,7,0)+IF('Standard Profiles'!$G$22=$B$17,14,0)+IF('Standard Profiles'!$G$22=$B$24,21,0),0)),0)</f>
        <v>0.17599833766876286</v>
      </c>
      <c r="I4064">
        <f t="shared" si="454"/>
        <v>0.16895840416201244</v>
      </c>
      <c r="J4064">
        <f t="shared" si="455"/>
        <v>4.2770799048586481</v>
      </c>
      <c r="K4064">
        <f t="shared" si="456"/>
        <v>0.21775973742095411</v>
      </c>
      <c r="L4064">
        <f t="shared" si="457"/>
        <v>0.10887986871047706</v>
      </c>
      <c r="M4064">
        <f t="shared" si="458"/>
        <v>0</v>
      </c>
      <c r="N4064" s="45">
        <f t="shared" si="459"/>
        <v>45094.916666656893</v>
      </c>
    </row>
    <row r="4065" spans="2:14" x14ac:dyDescent="0.25">
      <c r="B4065">
        <f t="shared" si="453"/>
        <v>6</v>
      </c>
      <c r="C4065" s="16">
        <v>4031</v>
      </c>
      <c r="D4065" cm="1">
        <f t="array" ref="D4065">IFERROR(INDEX(Jesper!AH$2:AH$366,ROUNDDOWN($C4065/24,0)+1,1)*INDEX($D$3:$AA$30,INDEX(Jesper!$R$2:$R$366,ROW(INDEX(Jesper!AH$2:AH$366,ROUNDDOWN($C4065/24,0)+1,1))-1)+IF('Standard Profiles'!$G$18=$B$10,7,0)+IF('Standard Profiles'!$G$18=$B$17,14,0)+IF('Standard Profiles'!$G$18=$B$24,21,0),MOD($C4065,24)+1)/SUM(INDEX($D$3:$AA$30,INDEX(Jesper!$R$2:$R$366,ROW(INDEX(Jesper!AH$2:AH$366,ROUNDDOWN($C4065/24,0)+1,1))-1)+IF('Standard Profiles'!$G$18=$B$10,7,0)+IF('Standard Profiles'!$G$18=$B$17,14,0)+IF('Standard Profiles'!$G$18=$B$24,21,0),0)),0)</f>
        <v>0</v>
      </c>
      <c r="E4065" cm="1">
        <f t="array" ref="E4065">IFERROR(INDEX(Jesper!AI$2:AI$366,ROUNDDOWN($C4065/24,0)+1,1)*INDEX($D$3:$AA$30,INDEX(Jesper!$R$2:$R$366,ROW(INDEX(Jesper!AI$2:AI$366,ROUNDDOWN($C4065/24,0)+1,1))-1)+IF('Standard Profiles'!$G$19=$B$10,7,0)+IF('Standard Profiles'!$G$19=$B$17,14,0)+IF('Standard Profiles'!$G$19=$B$24,21,0),MOD($C4065,24)+1)/SUM(INDEX($D$3:$AA$30,INDEX(Jesper!$R$2:$R$366,ROW(INDEX(Jesper!AI$2:AI$366,ROUNDDOWN($C4065/24,0)+1,1))-1)+IF('Standard Profiles'!$G$19=$B$10,7,0)+IF('Standard Profiles'!$G$19=$B$17,14,0)+IF('Standard Profiles'!$G$19=$B$24,21,0),0)),0)</f>
        <v>2.7219967177619262</v>
      </c>
      <c r="F4065" cm="1">
        <f t="array" ref="F4065">IFERROR(INDEX(Jesper!AJ$2:AJ$366,ROUNDDOWN($C4065/24,0)+1,1)*INDEX($D$3:$AA$30,INDEX(Jesper!$R$2:$R$366,ROW(INDEX(Jesper!AJ$2:AJ$366,ROUNDDOWN($C4065/24,0)+1,1))-1)+IF('Standard Profiles'!$G$20=$B$10,7,0)+IF('Standard Profiles'!$G$20=$B$17,14,0)+IF('Standard Profiles'!$G$20=$B$24,21,0),MOD($C4065,24)+1)/SUM(INDEX($D$3:$AA$30,INDEX(Jesper!$R$2:$R$366,ROW(INDEX(Jesper!AJ$2:AJ$366,ROUNDDOWN($C4065/24,0)+1,1))-1)+IF('Standard Profiles'!$G$20=$B$10,7,0)+IF('Standard Profiles'!$G$20=$B$17,14,0)+IF('Standard Profiles'!$G$20=$B$24,21,0),0)),0)</f>
        <v>1.186315846879624</v>
      </c>
      <c r="G4065" cm="1">
        <f t="array" ref="G4065">IFERROR(INDEX(Jesper!AK$2:AK$366,ROUNDDOWN($C4065/24,0)+1,1)*INDEX($D$3:$AA$30,INDEX(Jesper!$R$2:$R$366,ROW(INDEX(Jesper!AK$2:AK$366,ROUNDDOWN($C4065/24,0)+1,1))-1)+IF('Standard Profiles'!$G$21=$B$10,7,0)+IF('Standard Profiles'!$G$21=$B$17,14,0)+IF('Standard Profiles'!$G$21=$B$24,21,0),MOD($C4065,24)+1)/SUM(INDEX($D$3:$AA$30,INDEX(Jesper!$R$2:$R$366,ROW(INDEX(Jesper!AK$2:AK$366,ROUNDDOWN($C4065/24,0)+1,1))-1)+IF('Standard Profiles'!$G$21=$B$10,7,0)+IF('Standard Profiles'!$G$21=$B$17,14,0)+IF('Standard Profiles'!$G$21=$B$24,21,0),0)),0)</f>
        <v>0.68836701284177737</v>
      </c>
      <c r="H4065" cm="1">
        <f t="array" ref="H4065">IFERROR(INDEX(Jesper!AL$2:AL$366,ROUNDDOWN($C4065/24,0)+1,1)*INDEX($D$3:$AA$30,INDEX(Jesper!$R$2:$R$366,ROW(INDEX(Jesper!AL$2:AL$366,ROUNDDOWN($C4065/24,0)+1,1))-1)+IF('Standard Profiles'!$G$22=$B$10,7,0)+IF('Standard Profiles'!$G$22=$B$17,14,0)+IF('Standard Profiles'!$G$22=$B$24,21,0),MOD($C4065,24)+1)/SUM(INDEX($D$3:$AA$30,INDEX(Jesper!$R$2:$R$366,ROW(INDEX(Jesper!AL$2:AL$366,ROUNDDOWN($C4065/24,0)+1,1))-1)+IF('Standard Profiles'!$G$22=$B$10,7,0)+IF('Standard Profiles'!$G$22=$B$17,14,0)+IF('Standard Profiles'!$G$22=$B$24,21,0),0)),0)</f>
        <v>0.17599833766876286</v>
      </c>
      <c r="I4065">
        <f t="shared" si="454"/>
        <v>0.16895840416201244</v>
      </c>
      <c r="J4065">
        <f t="shared" si="455"/>
        <v>4.2770799048586481</v>
      </c>
      <c r="K4065">
        <f t="shared" si="456"/>
        <v>0.21775973742095411</v>
      </c>
      <c r="L4065">
        <f t="shared" si="457"/>
        <v>0.10887986871047706</v>
      </c>
      <c r="M4065">
        <f t="shared" si="458"/>
        <v>0</v>
      </c>
      <c r="N4065" s="45">
        <f t="shared" si="459"/>
        <v>45094.958333323557</v>
      </c>
    </row>
    <row r="4066" spans="2:14" x14ac:dyDescent="0.25">
      <c r="B4066">
        <f t="shared" si="453"/>
        <v>7</v>
      </c>
      <c r="C4066" s="16">
        <v>4032</v>
      </c>
      <c r="D4066" cm="1">
        <f t="array" ref="D4066">IFERROR(INDEX(Jesper!AH$2:AH$366,ROUNDDOWN($C4066/24,0)+1,1)*INDEX($D$3:$AA$30,INDEX(Jesper!$R$2:$R$366,ROW(INDEX(Jesper!AH$2:AH$366,ROUNDDOWN($C4066/24,0)+1,1))-1)+IF('Standard Profiles'!$G$18=$B$10,7,0)+IF('Standard Profiles'!$G$18=$B$17,14,0)+IF('Standard Profiles'!$G$18=$B$24,21,0),MOD($C4066,24)+1)/SUM(INDEX($D$3:$AA$30,INDEX(Jesper!$R$2:$R$366,ROW(INDEX(Jesper!AH$2:AH$366,ROUNDDOWN($C4066/24,0)+1,1))-1)+IF('Standard Profiles'!$G$18=$B$10,7,0)+IF('Standard Profiles'!$G$18=$B$17,14,0)+IF('Standard Profiles'!$G$18=$B$24,21,0),0)),0)</f>
        <v>0</v>
      </c>
      <c r="E4066" cm="1">
        <f t="array" ref="E4066">IFERROR(INDEX(Jesper!AI$2:AI$366,ROUNDDOWN($C4066/24,0)+1,1)*INDEX($D$3:$AA$30,INDEX(Jesper!$R$2:$R$366,ROW(INDEX(Jesper!AI$2:AI$366,ROUNDDOWN($C4066/24,0)+1,1))-1)+IF('Standard Profiles'!$G$19=$B$10,7,0)+IF('Standard Profiles'!$G$19=$B$17,14,0)+IF('Standard Profiles'!$G$19=$B$24,21,0),MOD($C4066,24)+1)/SUM(INDEX($D$3:$AA$30,INDEX(Jesper!$R$2:$R$366,ROW(INDEX(Jesper!AI$2:AI$366,ROUNDDOWN($C4066/24,0)+1,1))-1)+IF('Standard Profiles'!$G$19=$B$10,7,0)+IF('Standard Profiles'!$G$19=$B$17,14,0)+IF('Standard Profiles'!$G$19=$B$24,21,0),0)),0)</f>
        <v>2.7197177470952592</v>
      </c>
      <c r="F4066" cm="1">
        <f t="array" ref="F4066">IFERROR(INDEX(Jesper!AJ$2:AJ$366,ROUNDDOWN($C4066/24,0)+1,1)*INDEX($D$3:$AA$30,INDEX(Jesper!$R$2:$R$366,ROW(INDEX(Jesper!AJ$2:AJ$366,ROUNDDOWN($C4066/24,0)+1,1))-1)+IF('Standard Profiles'!$G$20=$B$10,7,0)+IF('Standard Profiles'!$G$20=$B$17,14,0)+IF('Standard Profiles'!$G$20=$B$24,21,0),MOD($C4066,24)+1)/SUM(INDEX($D$3:$AA$30,INDEX(Jesper!$R$2:$R$366,ROW(INDEX(Jesper!AJ$2:AJ$366,ROUNDDOWN($C4066/24,0)+1,1))-1)+IF('Standard Profiles'!$G$20=$B$10,7,0)+IF('Standard Profiles'!$G$20=$B$17,14,0)+IF('Standard Profiles'!$G$20=$B$24,21,0),0)),0)</f>
        <v>1.0960287708440239</v>
      </c>
      <c r="G4066" cm="1">
        <f t="array" ref="G4066">IFERROR(INDEX(Jesper!AK$2:AK$366,ROUNDDOWN($C4066/24,0)+1,1)*INDEX($D$3:$AA$30,INDEX(Jesper!$R$2:$R$366,ROW(INDEX(Jesper!AK$2:AK$366,ROUNDDOWN($C4066/24,0)+1,1))-1)+IF('Standard Profiles'!$G$21=$B$10,7,0)+IF('Standard Profiles'!$G$21=$B$17,14,0)+IF('Standard Profiles'!$G$21=$B$24,21,0),MOD($C4066,24)+1)/SUM(INDEX($D$3:$AA$30,INDEX(Jesper!$R$2:$R$366,ROW(INDEX(Jesper!AK$2:AK$366,ROUNDDOWN($C4066/24,0)+1,1))-1)+IF('Standard Profiles'!$G$21=$B$10,7,0)+IF('Standard Profiles'!$G$21=$B$17,14,0)+IF('Standard Profiles'!$G$21=$B$24,21,0),0)),0)</f>
        <v>0.57173998801207526</v>
      </c>
      <c r="H4066" cm="1">
        <f t="array" ref="H4066">IFERROR(INDEX(Jesper!AL$2:AL$366,ROUNDDOWN($C4066/24,0)+1,1)*INDEX($D$3:$AA$30,INDEX(Jesper!$R$2:$R$366,ROW(INDEX(Jesper!AL$2:AL$366,ROUNDDOWN($C4066/24,0)+1,1))-1)+IF('Standard Profiles'!$G$22=$B$10,7,0)+IF('Standard Profiles'!$G$22=$B$17,14,0)+IF('Standard Profiles'!$G$22=$B$24,21,0),MOD($C4066,24)+1)/SUM(INDEX($D$3:$AA$30,INDEX(Jesper!$R$2:$R$366,ROW(INDEX(Jesper!AL$2:AL$366,ROUNDDOWN($C4066/24,0)+1,1))-1)+IF('Standard Profiles'!$G$22=$B$10,7,0)+IF('Standard Profiles'!$G$22=$B$17,14,0)+IF('Standard Profiles'!$G$22=$B$24,21,0),0)),0)</f>
        <v>0.13114531064001092</v>
      </c>
      <c r="I4066">
        <f t="shared" si="454"/>
        <v>0.12589949821441054</v>
      </c>
      <c r="J4066">
        <f t="shared" si="455"/>
        <v>4.0663661887255271</v>
      </c>
      <c r="K4066">
        <f t="shared" si="456"/>
        <v>0.21757741976762074</v>
      </c>
      <c r="L4066">
        <f t="shared" si="457"/>
        <v>0.10878870988381037</v>
      </c>
      <c r="M4066">
        <f t="shared" si="458"/>
        <v>0</v>
      </c>
      <c r="N4066" s="45">
        <f t="shared" si="459"/>
        <v>45094.999999990221</v>
      </c>
    </row>
    <row r="4067" spans="2:14" x14ac:dyDescent="0.25">
      <c r="B4067">
        <f t="shared" ref="B4067:B4130" si="460">WEEKDAY(N4067,2)</f>
        <v>7</v>
      </c>
      <c r="C4067" s="16">
        <v>4033</v>
      </c>
      <c r="D4067" cm="1">
        <f t="array" ref="D4067">IFERROR(INDEX(Jesper!AH$2:AH$366,ROUNDDOWN($C4067/24,0)+1,1)*INDEX($D$3:$AA$30,INDEX(Jesper!$R$2:$R$366,ROW(INDEX(Jesper!AH$2:AH$366,ROUNDDOWN($C4067/24,0)+1,1))-1)+IF('Standard Profiles'!$G$18=$B$10,7,0)+IF('Standard Profiles'!$G$18=$B$17,14,0)+IF('Standard Profiles'!$G$18=$B$24,21,0),MOD($C4067,24)+1)/SUM(INDEX($D$3:$AA$30,INDEX(Jesper!$R$2:$R$366,ROW(INDEX(Jesper!AH$2:AH$366,ROUNDDOWN($C4067/24,0)+1,1))-1)+IF('Standard Profiles'!$G$18=$B$10,7,0)+IF('Standard Profiles'!$G$18=$B$17,14,0)+IF('Standard Profiles'!$G$18=$B$24,21,0),0)),0)</f>
        <v>0</v>
      </c>
      <c r="E4067" cm="1">
        <f t="array" ref="E4067">IFERROR(INDEX(Jesper!AI$2:AI$366,ROUNDDOWN($C4067/24,0)+1,1)*INDEX($D$3:$AA$30,INDEX(Jesper!$R$2:$R$366,ROW(INDEX(Jesper!AI$2:AI$366,ROUNDDOWN($C4067/24,0)+1,1))-1)+IF('Standard Profiles'!$G$19=$B$10,7,0)+IF('Standard Profiles'!$G$19=$B$17,14,0)+IF('Standard Profiles'!$G$19=$B$24,21,0),MOD($C4067,24)+1)/SUM(INDEX($D$3:$AA$30,INDEX(Jesper!$R$2:$R$366,ROW(INDEX(Jesper!AI$2:AI$366,ROUNDDOWN($C4067/24,0)+1,1))-1)+IF('Standard Profiles'!$G$19=$B$10,7,0)+IF('Standard Profiles'!$G$19=$B$17,14,0)+IF('Standard Profiles'!$G$19=$B$24,21,0),0)),0)</f>
        <v>2.7197177470952592</v>
      </c>
      <c r="F4067" cm="1">
        <f t="array" ref="F4067">IFERROR(INDEX(Jesper!AJ$2:AJ$366,ROUNDDOWN($C4067/24,0)+1,1)*INDEX($D$3:$AA$30,INDEX(Jesper!$R$2:$R$366,ROW(INDEX(Jesper!AJ$2:AJ$366,ROUNDDOWN($C4067/24,0)+1,1))-1)+IF('Standard Profiles'!$G$20=$B$10,7,0)+IF('Standard Profiles'!$G$20=$B$17,14,0)+IF('Standard Profiles'!$G$20=$B$24,21,0),MOD($C4067,24)+1)/SUM(INDEX($D$3:$AA$30,INDEX(Jesper!$R$2:$R$366,ROW(INDEX(Jesper!AJ$2:AJ$366,ROUNDDOWN($C4067/24,0)+1,1))-1)+IF('Standard Profiles'!$G$20=$B$10,7,0)+IF('Standard Profiles'!$G$20=$B$17,14,0)+IF('Standard Profiles'!$G$20=$B$24,21,0),0)),0)</f>
        <v>1.0960287708440239</v>
      </c>
      <c r="G4067" cm="1">
        <f t="array" ref="G4067">IFERROR(INDEX(Jesper!AK$2:AK$366,ROUNDDOWN($C4067/24,0)+1,1)*INDEX($D$3:$AA$30,INDEX(Jesper!$R$2:$R$366,ROW(INDEX(Jesper!AK$2:AK$366,ROUNDDOWN($C4067/24,0)+1,1))-1)+IF('Standard Profiles'!$G$21=$B$10,7,0)+IF('Standard Profiles'!$G$21=$B$17,14,0)+IF('Standard Profiles'!$G$21=$B$24,21,0),MOD($C4067,24)+1)/SUM(INDEX($D$3:$AA$30,INDEX(Jesper!$R$2:$R$366,ROW(INDEX(Jesper!AK$2:AK$366,ROUNDDOWN($C4067/24,0)+1,1))-1)+IF('Standard Profiles'!$G$21=$B$10,7,0)+IF('Standard Profiles'!$G$21=$B$17,14,0)+IF('Standard Profiles'!$G$21=$B$24,21,0),0)),0)</f>
        <v>0.57173998801207526</v>
      </c>
      <c r="H4067" cm="1">
        <f t="array" ref="H4067">IFERROR(INDEX(Jesper!AL$2:AL$366,ROUNDDOWN($C4067/24,0)+1,1)*INDEX($D$3:$AA$30,INDEX(Jesper!$R$2:$R$366,ROW(INDEX(Jesper!AL$2:AL$366,ROUNDDOWN($C4067/24,0)+1,1))-1)+IF('Standard Profiles'!$G$22=$B$10,7,0)+IF('Standard Profiles'!$G$22=$B$17,14,0)+IF('Standard Profiles'!$G$22=$B$24,21,0),MOD($C4067,24)+1)/SUM(INDEX($D$3:$AA$30,INDEX(Jesper!$R$2:$R$366,ROW(INDEX(Jesper!AL$2:AL$366,ROUNDDOWN($C4067/24,0)+1,1))-1)+IF('Standard Profiles'!$G$22=$B$10,7,0)+IF('Standard Profiles'!$G$22=$B$17,14,0)+IF('Standard Profiles'!$G$22=$B$24,21,0),0)),0)</f>
        <v>0.15229778009807721</v>
      </c>
      <c r="I4067">
        <f t="shared" ref="I4067:I4130" si="461">IF($B4067&lt;6,AC$37*$D4067+AC$38*$E4067+AC$39*$F4067+AC$40*$G4067,AC$46*$D4067+AC$47*$E4067+AC$48*$F4067+AC$49*$G4067+AC$50*$H4067)</f>
        <v>0.14620586889415418</v>
      </c>
      <c r="J4067">
        <f t="shared" ref="J4067:J4130" si="462">IF($B4067&lt;6,AD$37*$D4067+AD$38*$E4067+AD$39*$F4067+AD$40*$G4067,AD$46*$D4067+AD$47*$E4067+AD$48*$F4067+AD$49*$G4067+AD$50*$H4067)</f>
        <v>4.0672122875038497</v>
      </c>
      <c r="K4067">
        <f t="shared" ref="K4067:K4130" si="463">IF($B4067&lt;6,AE$37*$D4067+AE$38*$E4067+AE$39*$F4067+AE$40*$G4067,AE$46*$D4067+AE$47*$E4067+AE$48*$F4067+AE$49*$G4067+AE$50*$H4067)</f>
        <v>0.21757741976762074</v>
      </c>
      <c r="L4067">
        <f t="shared" ref="L4067:L4130" si="464">IF($B4067&lt;6,AF$37*$D4067+AF$38*$E4067+AF$39*$F4067+AF$40*$G4067,AF$46*$D4067+AF$47*$E4067+AF$48*$F4067+AF$49*$G4067+AF$50*$H4067)</f>
        <v>0.10878870988381037</v>
      </c>
      <c r="M4067">
        <f t="shared" ref="M4067:M4130" si="465">IF($B4067&lt;6,AG$37*$D4067+AG$38*$E4067+AG$39*$F4067+AG$40*$G4067,AG$46*$D4067+AG$47*$E4067+AG$48*$F4067+AG$49*$G4067+AG$50*$H4067)</f>
        <v>0</v>
      </c>
      <c r="N4067" s="45">
        <f t="shared" si="459"/>
        <v>45095.041666656885</v>
      </c>
    </row>
    <row r="4068" spans="2:14" x14ac:dyDescent="0.25">
      <c r="B4068">
        <f t="shared" si="460"/>
        <v>7</v>
      </c>
      <c r="C4068" s="16">
        <v>4034</v>
      </c>
      <c r="D4068" cm="1">
        <f t="array" ref="D4068">IFERROR(INDEX(Jesper!AH$2:AH$366,ROUNDDOWN($C4068/24,0)+1,1)*INDEX($D$3:$AA$30,INDEX(Jesper!$R$2:$R$366,ROW(INDEX(Jesper!AH$2:AH$366,ROUNDDOWN($C4068/24,0)+1,1))-1)+IF('Standard Profiles'!$G$18=$B$10,7,0)+IF('Standard Profiles'!$G$18=$B$17,14,0)+IF('Standard Profiles'!$G$18=$B$24,21,0),MOD($C4068,24)+1)/SUM(INDEX($D$3:$AA$30,INDEX(Jesper!$R$2:$R$366,ROW(INDEX(Jesper!AH$2:AH$366,ROUNDDOWN($C4068/24,0)+1,1))-1)+IF('Standard Profiles'!$G$18=$B$10,7,0)+IF('Standard Profiles'!$G$18=$B$17,14,0)+IF('Standard Profiles'!$G$18=$B$24,21,0),0)),0)</f>
        <v>0</v>
      </c>
      <c r="E4068" cm="1">
        <f t="array" ref="E4068">IFERROR(INDEX(Jesper!AI$2:AI$366,ROUNDDOWN($C4068/24,0)+1,1)*INDEX($D$3:$AA$30,INDEX(Jesper!$R$2:$R$366,ROW(INDEX(Jesper!AI$2:AI$366,ROUNDDOWN($C4068/24,0)+1,1))-1)+IF('Standard Profiles'!$G$19=$B$10,7,0)+IF('Standard Profiles'!$G$19=$B$17,14,0)+IF('Standard Profiles'!$G$19=$B$24,21,0),MOD($C4068,24)+1)/SUM(INDEX($D$3:$AA$30,INDEX(Jesper!$R$2:$R$366,ROW(INDEX(Jesper!AI$2:AI$366,ROUNDDOWN($C4068/24,0)+1,1))-1)+IF('Standard Profiles'!$G$19=$B$10,7,0)+IF('Standard Profiles'!$G$19=$B$17,14,0)+IF('Standard Profiles'!$G$19=$B$24,21,0),0)),0)</f>
        <v>2.7197177470952592</v>
      </c>
      <c r="F4068" cm="1">
        <f t="array" ref="F4068">IFERROR(INDEX(Jesper!AJ$2:AJ$366,ROUNDDOWN($C4068/24,0)+1,1)*INDEX($D$3:$AA$30,INDEX(Jesper!$R$2:$R$366,ROW(INDEX(Jesper!AJ$2:AJ$366,ROUNDDOWN($C4068/24,0)+1,1))-1)+IF('Standard Profiles'!$G$20=$B$10,7,0)+IF('Standard Profiles'!$G$20=$B$17,14,0)+IF('Standard Profiles'!$G$20=$B$24,21,0),MOD($C4068,24)+1)/SUM(INDEX($D$3:$AA$30,INDEX(Jesper!$R$2:$R$366,ROW(INDEX(Jesper!AJ$2:AJ$366,ROUNDDOWN($C4068/24,0)+1,1))-1)+IF('Standard Profiles'!$G$20=$B$10,7,0)+IF('Standard Profiles'!$G$20=$B$17,14,0)+IF('Standard Profiles'!$G$20=$B$24,21,0),0)),0)</f>
        <v>1.0960287708440239</v>
      </c>
      <c r="G4068" cm="1">
        <f t="array" ref="G4068">IFERROR(INDEX(Jesper!AK$2:AK$366,ROUNDDOWN($C4068/24,0)+1,1)*INDEX($D$3:$AA$30,INDEX(Jesper!$R$2:$R$366,ROW(INDEX(Jesper!AK$2:AK$366,ROUNDDOWN($C4068/24,0)+1,1))-1)+IF('Standard Profiles'!$G$21=$B$10,7,0)+IF('Standard Profiles'!$G$21=$B$17,14,0)+IF('Standard Profiles'!$G$21=$B$24,21,0),MOD($C4068,24)+1)/SUM(INDEX($D$3:$AA$30,INDEX(Jesper!$R$2:$R$366,ROW(INDEX(Jesper!AK$2:AK$366,ROUNDDOWN($C4068/24,0)+1,1))-1)+IF('Standard Profiles'!$G$21=$B$10,7,0)+IF('Standard Profiles'!$G$21=$B$17,14,0)+IF('Standard Profiles'!$G$21=$B$24,21,0),0)),0)</f>
        <v>0.57173998801207526</v>
      </c>
      <c r="H4068" cm="1">
        <f t="array" ref="H4068">IFERROR(INDEX(Jesper!AL$2:AL$366,ROUNDDOWN($C4068/24,0)+1,1)*INDEX($D$3:$AA$30,INDEX(Jesper!$R$2:$R$366,ROW(INDEX(Jesper!AL$2:AL$366,ROUNDDOWN($C4068/24,0)+1,1))-1)+IF('Standard Profiles'!$G$22=$B$10,7,0)+IF('Standard Profiles'!$G$22=$B$17,14,0)+IF('Standard Profiles'!$G$22=$B$24,21,0),MOD($C4068,24)+1)/SUM(INDEX($D$3:$AA$30,INDEX(Jesper!$R$2:$R$366,ROW(INDEX(Jesper!AL$2:AL$366,ROUNDDOWN($C4068/24,0)+1,1))-1)+IF('Standard Profiles'!$G$22=$B$10,7,0)+IF('Standard Profiles'!$G$22=$B$17,14,0)+IF('Standard Profiles'!$G$22=$B$24,21,0),0)),0)</f>
        <v>0.15229778009807721</v>
      </c>
      <c r="I4068">
        <f t="shared" si="461"/>
        <v>0.14620586889415418</v>
      </c>
      <c r="J4068">
        <f t="shared" si="462"/>
        <v>4.0672122875038497</v>
      </c>
      <c r="K4068">
        <f t="shared" si="463"/>
        <v>0.21757741976762074</v>
      </c>
      <c r="L4068">
        <f t="shared" si="464"/>
        <v>0.10878870988381037</v>
      </c>
      <c r="M4068">
        <f t="shared" si="465"/>
        <v>0</v>
      </c>
      <c r="N4068" s="45">
        <f t="shared" ref="N4068:N4131" si="466">N4067+1/24</f>
        <v>45095.08333332355</v>
      </c>
    </row>
    <row r="4069" spans="2:14" x14ac:dyDescent="0.25">
      <c r="B4069">
        <f t="shared" si="460"/>
        <v>7</v>
      </c>
      <c r="C4069" s="16">
        <v>4035</v>
      </c>
      <c r="D4069" cm="1">
        <f t="array" ref="D4069">IFERROR(INDEX(Jesper!AH$2:AH$366,ROUNDDOWN($C4069/24,0)+1,1)*INDEX($D$3:$AA$30,INDEX(Jesper!$R$2:$R$366,ROW(INDEX(Jesper!AH$2:AH$366,ROUNDDOWN($C4069/24,0)+1,1))-1)+IF('Standard Profiles'!$G$18=$B$10,7,0)+IF('Standard Profiles'!$G$18=$B$17,14,0)+IF('Standard Profiles'!$G$18=$B$24,21,0),MOD($C4069,24)+1)/SUM(INDEX($D$3:$AA$30,INDEX(Jesper!$R$2:$R$366,ROW(INDEX(Jesper!AH$2:AH$366,ROUNDDOWN($C4069/24,0)+1,1))-1)+IF('Standard Profiles'!$G$18=$B$10,7,0)+IF('Standard Profiles'!$G$18=$B$17,14,0)+IF('Standard Profiles'!$G$18=$B$24,21,0),0)),0)</f>
        <v>0</v>
      </c>
      <c r="E4069" cm="1">
        <f t="array" ref="E4069">IFERROR(INDEX(Jesper!AI$2:AI$366,ROUNDDOWN($C4069/24,0)+1,1)*INDEX($D$3:$AA$30,INDEX(Jesper!$R$2:$R$366,ROW(INDEX(Jesper!AI$2:AI$366,ROUNDDOWN($C4069/24,0)+1,1))-1)+IF('Standard Profiles'!$G$19=$B$10,7,0)+IF('Standard Profiles'!$G$19=$B$17,14,0)+IF('Standard Profiles'!$G$19=$B$24,21,0),MOD($C4069,24)+1)/SUM(INDEX($D$3:$AA$30,INDEX(Jesper!$R$2:$R$366,ROW(INDEX(Jesper!AI$2:AI$366,ROUNDDOWN($C4069/24,0)+1,1))-1)+IF('Standard Profiles'!$G$19=$B$10,7,0)+IF('Standard Profiles'!$G$19=$B$17,14,0)+IF('Standard Profiles'!$G$19=$B$24,21,0),0)),0)</f>
        <v>2.7197177470952592</v>
      </c>
      <c r="F4069" cm="1">
        <f t="array" ref="F4069">IFERROR(INDEX(Jesper!AJ$2:AJ$366,ROUNDDOWN($C4069/24,0)+1,1)*INDEX($D$3:$AA$30,INDEX(Jesper!$R$2:$R$366,ROW(INDEX(Jesper!AJ$2:AJ$366,ROUNDDOWN($C4069/24,0)+1,1))-1)+IF('Standard Profiles'!$G$20=$B$10,7,0)+IF('Standard Profiles'!$G$20=$B$17,14,0)+IF('Standard Profiles'!$G$20=$B$24,21,0),MOD($C4069,24)+1)/SUM(INDEX($D$3:$AA$30,INDEX(Jesper!$R$2:$R$366,ROW(INDEX(Jesper!AJ$2:AJ$366,ROUNDDOWN($C4069/24,0)+1,1))-1)+IF('Standard Profiles'!$G$20=$B$10,7,0)+IF('Standard Profiles'!$G$20=$B$17,14,0)+IF('Standard Profiles'!$G$20=$B$24,21,0),0)),0)</f>
        <v>1.0960287708440239</v>
      </c>
      <c r="G4069" cm="1">
        <f t="array" ref="G4069">IFERROR(INDEX(Jesper!AK$2:AK$366,ROUNDDOWN($C4069/24,0)+1,1)*INDEX($D$3:$AA$30,INDEX(Jesper!$R$2:$R$366,ROW(INDEX(Jesper!AK$2:AK$366,ROUNDDOWN($C4069/24,0)+1,1))-1)+IF('Standard Profiles'!$G$21=$B$10,7,0)+IF('Standard Profiles'!$G$21=$B$17,14,0)+IF('Standard Profiles'!$G$21=$B$24,21,0),MOD($C4069,24)+1)/SUM(INDEX($D$3:$AA$30,INDEX(Jesper!$R$2:$R$366,ROW(INDEX(Jesper!AK$2:AK$366,ROUNDDOWN($C4069/24,0)+1,1))-1)+IF('Standard Profiles'!$G$21=$B$10,7,0)+IF('Standard Profiles'!$G$21=$B$17,14,0)+IF('Standard Profiles'!$G$21=$B$24,21,0),0)),0)</f>
        <v>0.57173998801207526</v>
      </c>
      <c r="H4069" cm="1">
        <f t="array" ref="H4069">IFERROR(INDEX(Jesper!AL$2:AL$366,ROUNDDOWN($C4069/24,0)+1,1)*INDEX($D$3:$AA$30,INDEX(Jesper!$R$2:$R$366,ROW(INDEX(Jesper!AL$2:AL$366,ROUNDDOWN($C4069/24,0)+1,1))-1)+IF('Standard Profiles'!$G$22=$B$10,7,0)+IF('Standard Profiles'!$G$22=$B$17,14,0)+IF('Standard Profiles'!$G$22=$B$24,21,0),MOD($C4069,24)+1)/SUM(INDEX($D$3:$AA$30,INDEX(Jesper!$R$2:$R$366,ROW(INDEX(Jesper!AL$2:AL$366,ROUNDDOWN($C4069/24,0)+1,1))-1)+IF('Standard Profiles'!$G$22=$B$10,7,0)+IF('Standard Profiles'!$G$22=$B$17,14,0)+IF('Standard Profiles'!$G$22=$B$24,21,0),0)),0)</f>
        <v>0.15229778009807721</v>
      </c>
      <c r="I4069">
        <f t="shared" si="461"/>
        <v>0.14620586889415418</v>
      </c>
      <c r="J4069">
        <f t="shared" si="462"/>
        <v>4.0672122875038497</v>
      </c>
      <c r="K4069">
        <f t="shared" si="463"/>
        <v>0.21757741976762074</v>
      </c>
      <c r="L4069">
        <f t="shared" si="464"/>
        <v>0.10878870988381037</v>
      </c>
      <c r="M4069">
        <f t="shared" si="465"/>
        <v>0</v>
      </c>
      <c r="N4069" s="45">
        <f t="shared" si="466"/>
        <v>45095.124999990214</v>
      </c>
    </row>
    <row r="4070" spans="2:14" x14ac:dyDescent="0.25">
      <c r="B4070">
        <f t="shared" si="460"/>
        <v>7</v>
      </c>
      <c r="C4070" s="16">
        <v>4036</v>
      </c>
      <c r="D4070" cm="1">
        <f t="array" ref="D4070">IFERROR(INDEX(Jesper!AH$2:AH$366,ROUNDDOWN($C4070/24,0)+1,1)*INDEX($D$3:$AA$30,INDEX(Jesper!$R$2:$R$366,ROW(INDEX(Jesper!AH$2:AH$366,ROUNDDOWN($C4070/24,0)+1,1))-1)+IF('Standard Profiles'!$G$18=$B$10,7,0)+IF('Standard Profiles'!$G$18=$B$17,14,0)+IF('Standard Profiles'!$G$18=$B$24,21,0),MOD($C4070,24)+1)/SUM(INDEX($D$3:$AA$30,INDEX(Jesper!$R$2:$R$366,ROW(INDEX(Jesper!AH$2:AH$366,ROUNDDOWN($C4070/24,0)+1,1))-1)+IF('Standard Profiles'!$G$18=$B$10,7,0)+IF('Standard Profiles'!$G$18=$B$17,14,0)+IF('Standard Profiles'!$G$18=$B$24,21,0),0)),0)</f>
        <v>0</v>
      </c>
      <c r="E4070" cm="1">
        <f t="array" ref="E4070">IFERROR(INDEX(Jesper!AI$2:AI$366,ROUNDDOWN($C4070/24,0)+1,1)*INDEX($D$3:$AA$30,INDEX(Jesper!$R$2:$R$366,ROW(INDEX(Jesper!AI$2:AI$366,ROUNDDOWN($C4070/24,0)+1,1))-1)+IF('Standard Profiles'!$G$19=$B$10,7,0)+IF('Standard Profiles'!$G$19=$B$17,14,0)+IF('Standard Profiles'!$G$19=$B$24,21,0),MOD($C4070,24)+1)/SUM(INDEX($D$3:$AA$30,INDEX(Jesper!$R$2:$R$366,ROW(INDEX(Jesper!AI$2:AI$366,ROUNDDOWN($C4070/24,0)+1,1))-1)+IF('Standard Profiles'!$G$19=$B$10,7,0)+IF('Standard Profiles'!$G$19=$B$17,14,0)+IF('Standard Profiles'!$G$19=$B$24,21,0),0)),0)</f>
        <v>2.7197177470952592</v>
      </c>
      <c r="F4070" cm="1">
        <f t="array" ref="F4070">IFERROR(INDEX(Jesper!AJ$2:AJ$366,ROUNDDOWN($C4070/24,0)+1,1)*INDEX($D$3:$AA$30,INDEX(Jesper!$R$2:$R$366,ROW(INDEX(Jesper!AJ$2:AJ$366,ROUNDDOWN($C4070/24,0)+1,1))-1)+IF('Standard Profiles'!$G$20=$B$10,7,0)+IF('Standard Profiles'!$G$20=$B$17,14,0)+IF('Standard Profiles'!$G$20=$B$24,21,0),MOD($C4070,24)+1)/SUM(INDEX($D$3:$AA$30,INDEX(Jesper!$R$2:$R$366,ROW(INDEX(Jesper!AJ$2:AJ$366,ROUNDDOWN($C4070/24,0)+1,1))-1)+IF('Standard Profiles'!$G$20=$B$10,7,0)+IF('Standard Profiles'!$G$20=$B$17,14,0)+IF('Standard Profiles'!$G$20=$B$24,21,0),0)),0)</f>
        <v>1.0960287708440239</v>
      </c>
      <c r="G4070" cm="1">
        <f t="array" ref="G4070">IFERROR(INDEX(Jesper!AK$2:AK$366,ROUNDDOWN($C4070/24,0)+1,1)*INDEX($D$3:$AA$30,INDEX(Jesper!$R$2:$R$366,ROW(INDEX(Jesper!AK$2:AK$366,ROUNDDOWN($C4070/24,0)+1,1))-1)+IF('Standard Profiles'!$G$21=$B$10,7,0)+IF('Standard Profiles'!$G$21=$B$17,14,0)+IF('Standard Profiles'!$G$21=$B$24,21,0),MOD($C4070,24)+1)/SUM(INDEX($D$3:$AA$30,INDEX(Jesper!$R$2:$R$366,ROW(INDEX(Jesper!AK$2:AK$366,ROUNDDOWN($C4070/24,0)+1,1))-1)+IF('Standard Profiles'!$G$21=$B$10,7,0)+IF('Standard Profiles'!$G$21=$B$17,14,0)+IF('Standard Profiles'!$G$21=$B$24,21,0),0)),0)</f>
        <v>0.57173998801207526</v>
      </c>
      <c r="H4070" cm="1">
        <f t="array" ref="H4070">IFERROR(INDEX(Jesper!AL$2:AL$366,ROUNDDOWN($C4070/24,0)+1,1)*INDEX($D$3:$AA$30,INDEX(Jesper!$R$2:$R$366,ROW(INDEX(Jesper!AL$2:AL$366,ROUNDDOWN($C4070/24,0)+1,1))-1)+IF('Standard Profiles'!$G$22=$B$10,7,0)+IF('Standard Profiles'!$G$22=$B$17,14,0)+IF('Standard Profiles'!$G$22=$B$24,21,0),MOD($C4070,24)+1)/SUM(INDEX($D$3:$AA$30,INDEX(Jesper!$R$2:$R$366,ROW(INDEX(Jesper!AL$2:AL$366,ROUNDDOWN($C4070/24,0)+1,1))-1)+IF('Standard Profiles'!$G$22=$B$10,7,0)+IF('Standard Profiles'!$G$22=$B$17,14,0)+IF('Standard Profiles'!$G$22=$B$24,21,0),0)),0)</f>
        <v>0.15229778009807721</v>
      </c>
      <c r="I4070">
        <f t="shared" si="461"/>
        <v>0.14620586889415418</v>
      </c>
      <c r="J4070">
        <f t="shared" si="462"/>
        <v>4.0672122875038497</v>
      </c>
      <c r="K4070">
        <f t="shared" si="463"/>
        <v>0.21757741976762074</v>
      </c>
      <c r="L4070">
        <f t="shared" si="464"/>
        <v>0.10878870988381037</v>
      </c>
      <c r="M4070">
        <f t="shared" si="465"/>
        <v>0</v>
      </c>
      <c r="N4070" s="45">
        <f t="shared" si="466"/>
        <v>45095.166666656878</v>
      </c>
    </row>
    <row r="4071" spans="2:14" x14ac:dyDescent="0.25">
      <c r="B4071">
        <f t="shared" si="460"/>
        <v>7</v>
      </c>
      <c r="C4071" s="16">
        <v>4037</v>
      </c>
      <c r="D4071" cm="1">
        <f t="array" ref="D4071">IFERROR(INDEX(Jesper!AH$2:AH$366,ROUNDDOWN($C4071/24,0)+1,1)*INDEX($D$3:$AA$30,INDEX(Jesper!$R$2:$R$366,ROW(INDEX(Jesper!AH$2:AH$366,ROUNDDOWN($C4071/24,0)+1,1))-1)+IF('Standard Profiles'!$G$18=$B$10,7,0)+IF('Standard Profiles'!$G$18=$B$17,14,0)+IF('Standard Profiles'!$G$18=$B$24,21,0),MOD($C4071,24)+1)/SUM(INDEX($D$3:$AA$30,INDEX(Jesper!$R$2:$R$366,ROW(INDEX(Jesper!AH$2:AH$366,ROUNDDOWN($C4071/24,0)+1,1))-1)+IF('Standard Profiles'!$G$18=$B$10,7,0)+IF('Standard Profiles'!$G$18=$B$17,14,0)+IF('Standard Profiles'!$G$18=$B$24,21,0),0)),0)</f>
        <v>0</v>
      </c>
      <c r="E4071" cm="1">
        <f t="array" ref="E4071">IFERROR(INDEX(Jesper!AI$2:AI$366,ROUNDDOWN($C4071/24,0)+1,1)*INDEX($D$3:$AA$30,INDEX(Jesper!$R$2:$R$366,ROW(INDEX(Jesper!AI$2:AI$366,ROUNDDOWN($C4071/24,0)+1,1))-1)+IF('Standard Profiles'!$G$19=$B$10,7,0)+IF('Standard Profiles'!$G$19=$B$17,14,0)+IF('Standard Profiles'!$G$19=$B$24,21,0),MOD($C4071,24)+1)/SUM(INDEX($D$3:$AA$30,INDEX(Jesper!$R$2:$R$366,ROW(INDEX(Jesper!AI$2:AI$366,ROUNDDOWN($C4071/24,0)+1,1))-1)+IF('Standard Profiles'!$G$19=$B$10,7,0)+IF('Standard Profiles'!$G$19=$B$17,14,0)+IF('Standard Profiles'!$G$19=$B$24,21,0),0)),0)</f>
        <v>2.7197177470952592</v>
      </c>
      <c r="F4071" cm="1">
        <f t="array" ref="F4071">IFERROR(INDEX(Jesper!AJ$2:AJ$366,ROUNDDOWN($C4071/24,0)+1,1)*INDEX($D$3:$AA$30,INDEX(Jesper!$R$2:$R$366,ROW(INDEX(Jesper!AJ$2:AJ$366,ROUNDDOWN($C4071/24,0)+1,1))-1)+IF('Standard Profiles'!$G$20=$B$10,7,0)+IF('Standard Profiles'!$G$20=$B$17,14,0)+IF('Standard Profiles'!$G$20=$B$24,21,0),MOD($C4071,24)+1)/SUM(INDEX($D$3:$AA$30,INDEX(Jesper!$R$2:$R$366,ROW(INDEX(Jesper!AJ$2:AJ$366,ROUNDDOWN($C4071/24,0)+1,1))-1)+IF('Standard Profiles'!$G$20=$B$10,7,0)+IF('Standard Profiles'!$G$20=$B$17,14,0)+IF('Standard Profiles'!$G$20=$B$24,21,0),0)),0)</f>
        <v>1.0960287708440239</v>
      </c>
      <c r="G4071" cm="1">
        <f t="array" ref="G4071">IFERROR(INDEX(Jesper!AK$2:AK$366,ROUNDDOWN($C4071/24,0)+1,1)*INDEX($D$3:$AA$30,INDEX(Jesper!$R$2:$R$366,ROW(INDEX(Jesper!AK$2:AK$366,ROUNDDOWN($C4071/24,0)+1,1))-1)+IF('Standard Profiles'!$G$21=$B$10,7,0)+IF('Standard Profiles'!$G$21=$B$17,14,0)+IF('Standard Profiles'!$G$21=$B$24,21,0),MOD($C4071,24)+1)/SUM(INDEX($D$3:$AA$30,INDEX(Jesper!$R$2:$R$366,ROW(INDEX(Jesper!AK$2:AK$366,ROUNDDOWN($C4071/24,0)+1,1))-1)+IF('Standard Profiles'!$G$21=$B$10,7,0)+IF('Standard Profiles'!$G$21=$B$17,14,0)+IF('Standard Profiles'!$G$21=$B$24,21,0),0)),0)</f>
        <v>0.57173998801207526</v>
      </c>
      <c r="H4071" cm="1">
        <f t="array" ref="H4071">IFERROR(INDEX(Jesper!AL$2:AL$366,ROUNDDOWN($C4071/24,0)+1,1)*INDEX($D$3:$AA$30,INDEX(Jesper!$R$2:$R$366,ROW(INDEX(Jesper!AL$2:AL$366,ROUNDDOWN($C4071/24,0)+1,1))-1)+IF('Standard Profiles'!$G$22=$B$10,7,0)+IF('Standard Profiles'!$G$22=$B$17,14,0)+IF('Standard Profiles'!$G$22=$B$24,21,0),MOD($C4071,24)+1)/SUM(INDEX($D$3:$AA$30,INDEX(Jesper!$R$2:$R$366,ROW(INDEX(Jesper!AL$2:AL$366,ROUNDDOWN($C4071/24,0)+1,1))-1)+IF('Standard Profiles'!$G$22=$B$10,7,0)+IF('Standard Profiles'!$G$22=$B$17,14,0)+IF('Standard Profiles'!$G$22=$B$24,21,0),0)),0)</f>
        <v>0.19037222512259652</v>
      </c>
      <c r="I4071">
        <f t="shared" si="461"/>
        <v>0.18275733611769276</v>
      </c>
      <c r="J4071">
        <f t="shared" si="462"/>
        <v>4.0687352653048308</v>
      </c>
      <c r="K4071">
        <f t="shared" si="463"/>
        <v>0.21757741976762074</v>
      </c>
      <c r="L4071">
        <f t="shared" si="464"/>
        <v>0.10878870988381037</v>
      </c>
      <c r="M4071">
        <f t="shared" si="465"/>
        <v>0</v>
      </c>
      <c r="N4071" s="45">
        <f t="shared" si="466"/>
        <v>45095.208333323542</v>
      </c>
    </row>
    <row r="4072" spans="2:14" x14ac:dyDescent="0.25">
      <c r="B4072">
        <f t="shared" si="460"/>
        <v>7</v>
      </c>
      <c r="C4072" s="16">
        <v>4038</v>
      </c>
      <c r="D4072" cm="1">
        <f t="array" ref="D4072">IFERROR(INDEX(Jesper!AH$2:AH$366,ROUNDDOWN($C4072/24,0)+1,1)*INDEX($D$3:$AA$30,INDEX(Jesper!$R$2:$R$366,ROW(INDEX(Jesper!AH$2:AH$366,ROUNDDOWN($C4072/24,0)+1,1))-1)+IF('Standard Profiles'!$G$18=$B$10,7,0)+IF('Standard Profiles'!$G$18=$B$17,14,0)+IF('Standard Profiles'!$G$18=$B$24,21,0),MOD($C4072,24)+1)/SUM(INDEX($D$3:$AA$30,INDEX(Jesper!$R$2:$R$366,ROW(INDEX(Jesper!AH$2:AH$366,ROUNDDOWN($C4072/24,0)+1,1))-1)+IF('Standard Profiles'!$G$18=$B$10,7,0)+IF('Standard Profiles'!$G$18=$B$17,14,0)+IF('Standard Profiles'!$G$18=$B$24,21,0),0)),0)</f>
        <v>0</v>
      </c>
      <c r="E4072" cm="1">
        <f t="array" ref="E4072">IFERROR(INDEX(Jesper!AI$2:AI$366,ROUNDDOWN($C4072/24,0)+1,1)*INDEX($D$3:$AA$30,INDEX(Jesper!$R$2:$R$366,ROW(INDEX(Jesper!AI$2:AI$366,ROUNDDOWN($C4072/24,0)+1,1))-1)+IF('Standard Profiles'!$G$19=$B$10,7,0)+IF('Standard Profiles'!$G$19=$B$17,14,0)+IF('Standard Profiles'!$G$19=$B$24,21,0),MOD($C4072,24)+1)/SUM(INDEX($D$3:$AA$30,INDEX(Jesper!$R$2:$R$366,ROW(INDEX(Jesper!AI$2:AI$366,ROUNDDOWN($C4072/24,0)+1,1))-1)+IF('Standard Profiles'!$G$19=$B$10,7,0)+IF('Standard Profiles'!$G$19=$B$17,14,0)+IF('Standard Profiles'!$G$19=$B$24,21,0),0)),0)</f>
        <v>2.7197177470952592</v>
      </c>
      <c r="F4072" cm="1">
        <f t="array" ref="F4072">IFERROR(INDEX(Jesper!AJ$2:AJ$366,ROUNDDOWN($C4072/24,0)+1,1)*INDEX($D$3:$AA$30,INDEX(Jesper!$R$2:$R$366,ROW(INDEX(Jesper!AJ$2:AJ$366,ROUNDDOWN($C4072/24,0)+1,1))-1)+IF('Standard Profiles'!$G$20=$B$10,7,0)+IF('Standard Profiles'!$G$20=$B$17,14,0)+IF('Standard Profiles'!$G$20=$B$24,21,0),MOD($C4072,24)+1)/SUM(INDEX($D$3:$AA$30,INDEX(Jesper!$R$2:$R$366,ROW(INDEX(Jesper!AJ$2:AJ$366,ROUNDDOWN($C4072/24,0)+1,1))-1)+IF('Standard Profiles'!$G$20=$B$10,7,0)+IF('Standard Profiles'!$G$20=$B$17,14,0)+IF('Standard Profiles'!$G$20=$B$24,21,0),0)),0)</f>
        <v>1.0960287708440239</v>
      </c>
      <c r="G4072" cm="1">
        <f t="array" ref="G4072">IFERROR(INDEX(Jesper!AK$2:AK$366,ROUNDDOWN($C4072/24,0)+1,1)*INDEX($D$3:$AA$30,INDEX(Jesper!$R$2:$R$366,ROW(INDEX(Jesper!AK$2:AK$366,ROUNDDOWN($C4072/24,0)+1,1))-1)+IF('Standard Profiles'!$G$21=$B$10,7,0)+IF('Standard Profiles'!$G$21=$B$17,14,0)+IF('Standard Profiles'!$G$21=$B$24,21,0),MOD($C4072,24)+1)/SUM(INDEX($D$3:$AA$30,INDEX(Jesper!$R$2:$R$366,ROW(INDEX(Jesper!AK$2:AK$366,ROUNDDOWN($C4072/24,0)+1,1))-1)+IF('Standard Profiles'!$G$21=$B$10,7,0)+IF('Standard Profiles'!$G$21=$B$17,14,0)+IF('Standard Profiles'!$G$21=$B$24,21,0),0)),0)</f>
        <v>0.57173998801207526</v>
      </c>
      <c r="H4072" cm="1">
        <f t="array" ref="H4072">IFERROR(INDEX(Jesper!AL$2:AL$366,ROUNDDOWN($C4072/24,0)+1,1)*INDEX($D$3:$AA$30,INDEX(Jesper!$R$2:$R$366,ROW(INDEX(Jesper!AL$2:AL$366,ROUNDDOWN($C4072/24,0)+1,1))-1)+IF('Standard Profiles'!$G$22=$B$10,7,0)+IF('Standard Profiles'!$G$22=$B$17,14,0)+IF('Standard Profiles'!$G$22=$B$24,21,0),MOD($C4072,24)+1)/SUM(INDEX($D$3:$AA$30,INDEX(Jesper!$R$2:$R$366,ROW(INDEX(Jesper!AL$2:AL$366,ROUNDDOWN($C4072/24,0)+1,1))-1)+IF('Standard Profiles'!$G$22=$B$10,7,0)+IF('Standard Profiles'!$G$22=$B$17,14,0)+IF('Standard Profiles'!$G$22=$B$24,21,0),0)),0)</f>
        <v>0.22421617625550255</v>
      </c>
      <c r="I4072">
        <f t="shared" si="461"/>
        <v>0.21524752920528256</v>
      </c>
      <c r="J4072">
        <f t="shared" si="462"/>
        <v>4.070089023350147</v>
      </c>
      <c r="K4072">
        <f t="shared" si="463"/>
        <v>0.21757741976762074</v>
      </c>
      <c r="L4072">
        <f t="shared" si="464"/>
        <v>0.10878870988381037</v>
      </c>
      <c r="M4072">
        <f t="shared" si="465"/>
        <v>0</v>
      </c>
      <c r="N4072" s="45">
        <f t="shared" si="466"/>
        <v>45095.249999990207</v>
      </c>
    </row>
    <row r="4073" spans="2:14" x14ac:dyDescent="0.25">
      <c r="B4073">
        <f t="shared" si="460"/>
        <v>7</v>
      </c>
      <c r="C4073" s="16">
        <v>4039</v>
      </c>
      <c r="D4073" cm="1">
        <f t="array" ref="D4073">IFERROR(INDEX(Jesper!AH$2:AH$366,ROUNDDOWN($C4073/24,0)+1,1)*INDEX($D$3:$AA$30,INDEX(Jesper!$R$2:$R$366,ROW(INDEX(Jesper!AH$2:AH$366,ROUNDDOWN($C4073/24,0)+1,1))-1)+IF('Standard Profiles'!$G$18=$B$10,7,0)+IF('Standard Profiles'!$G$18=$B$17,14,0)+IF('Standard Profiles'!$G$18=$B$24,21,0),MOD($C4073,24)+1)/SUM(INDEX($D$3:$AA$30,INDEX(Jesper!$R$2:$R$366,ROW(INDEX(Jesper!AH$2:AH$366,ROUNDDOWN($C4073/24,0)+1,1))-1)+IF('Standard Profiles'!$G$18=$B$10,7,0)+IF('Standard Profiles'!$G$18=$B$17,14,0)+IF('Standard Profiles'!$G$18=$B$24,21,0),0)),0)</f>
        <v>0</v>
      </c>
      <c r="E4073" cm="1">
        <f t="array" ref="E4073">IFERROR(INDEX(Jesper!AI$2:AI$366,ROUNDDOWN($C4073/24,0)+1,1)*INDEX($D$3:$AA$30,INDEX(Jesper!$R$2:$R$366,ROW(INDEX(Jesper!AI$2:AI$366,ROUNDDOWN($C4073/24,0)+1,1))-1)+IF('Standard Profiles'!$G$19=$B$10,7,0)+IF('Standard Profiles'!$G$19=$B$17,14,0)+IF('Standard Profiles'!$G$19=$B$24,21,0),MOD($C4073,24)+1)/SUM(INDEX($D$3:$AA$30,INDEX(Jesper!$R$2:$R$366,ROW(INDEX(Jesper!AI$2:AI$366,ROUNDDOWN($C4073/24,0)+1,1))-1)+IF('Standard Profiles'!$G$19=$B$10,7,0)+IF('Standard Profiles'!$G$19=$B$17,14,0)+IF('Standard Profiles'!$G$19=$B$24,21,0),0)),0)</f>
        <v>2.7197177470952592</v>
      </c>
      <c r="F4073" cm="1">
        <f t="array" ref="F4073">IFERROR(INDEX(Jesper!AJ$2:AJ$366,ROUNDDOWN($C4073/24,0)+1,1)*INDEX($D$3:$AA$30,INDEX(Jesper!$R$2:$R$366,ROW(INDEX(Jesper!AJ$2:AJ$366,ROUNDDOWN($C4073/24,0)+1,1))-1)+IF('Standard Profiles'!$G$20=$B$10,7,0)+IF('Standard Profiles'!$G$20=$B$17,14,0)+IF('Standard Profiles'!$G$20=$B$24,21,0),MOD($C4073,24)+1)/SUM(INDEX($D$3:$AA$30,INDEX(Jesper!$R$2:$R$366,ROW(INDEX(Jesper!AJ$2:AJ$366,ROUNDDOWN($C4073/24,0)+1,1))-1)+IF('Standard Profiles'!$G$20=$B$10,7,0)+IF('Standard Profiles'!$G$20=$B$17,14,0)+IF('Standard Profiles'!$G$20=$B$24,21,0),0)),0)</f>
        <v>1.0960287708440239</v>
      </c>
      <c r="G4073" cm="1">
        <f t="array" ref="G4073">IFERROR(INDEX(Jesper!AK$2:AK$366,ROUNDDOWN($C4073/24,0)+1,1)*INDEX($D$3:$AA$30,INDEX(Jesper!$R$2:$R$366,ROW(INDEX(Jesper!AK$2:AK$366,ROUNDDOWN($C4073/24,0)+1,1))-1)+IF('Standard Profiles'!$G$21=$B$10,7,0)+IF('Standard Profiles'!$G$21=$B$17,14,0)+IF('Standard Profiles'!$G$21=$B$24,21,0),MOD($C4073,24)+1)/SUM(INDEX($D$3:$AA$30,INDEX(Jesper!$R$2:$R$366,ROW(INDEX(Jesper!AK$2:AK$366,ROUNDDOWN($C4073/24,0)+1,1))-1)+IF('Standard Profiles'!$G$21=$B$10,7,0)+IF('Standard Profiles'!$G$21=$B$17,14,0)+IF('Standard Profiles'!$G$21=$B$24,21,0),0)),0)</f>
        <v>0.57173998801207526</v>
      </c>
      <c r="H4073" cm="1">
        <f t="array" ref="H4073">IFERROR(INDEX(Jesper!AL$2:AL$366,ROUNDDOWN($C4073/24,0)+1,1)*INDEX($D$3:$AA$30,INDEX(Jesper!$R$2:$R$366,ROW(INDEX(Jesper!AL$2:AL$366,ROUNDDOWN($C4073/24,0)+1,1))-1)+IF('Standard Profiles'!$G$22=$B$10,7,0)+IF('Standard Profiles'!$G$22=$B$17,14,0)+IF('Standard Profiles'!$G$22=$B$24,21,0),MOD($C4073,24)+1)/SUM(INDEX($D$3:$AA$30,INDEX(Jesper!$R$2:$R$366,ROW(INDEX(Jesper!AL$2:AL$366,ROUNDDOWN($C4073/24,0)+1,1))-1)+IF('Standard Profiles'!$G$22=$B$10,7,0)+IF('Standard Profiles'!$G$22=$B$17,14,0)+IF('Standard Profiles'!$G$22=$B$24,21,0),0)),0)</f>
        <v>0.26652111517163513</v>
      </c>
      <c r="I4073">
        <f t="shared" si="461"/>
        <v>0.25586027056476984</v>
      </c>
      <c r="J4073">
        <f t="shared" si="462"/>
        <v>4.0717812209067921</v>
      </c>
      <c r="K4073">
        <f t="shared" si="463"/>
        <v>0.21757741976762074</v>
      </c>
      <c r="L4073">
        <f t="shared" si="464"/>
        <v>0.10878870988381037</v>
      </c>
      <c r="M4073">
        <f t="shared" si="465"/>
        <v>0</v>
      </c>
      <c r="N4073" s="45">
        <f t="shared" si="466"/>
        <v>45095.291666656871</v>
      </c>
    </row>
    <row r="4074" spans="2:14" x14ac:dyDescent="0.25">
      <c r="B4074">
        <f t="shared" si="460"/>
        <v>7</v>
      </c>
      <c r="C4074" s="16">
        <v>4040</v>
      </c>
      <c r="D4074" cm="1">
        <f t="array" ref="D4074">IFERROR(INDEX(Jesper!AH$2:AH$366,ROUNDDOWN($C4074/24,0)+1,1)*INDEX($D$3:$AA$30,INDEX(Jesper!$R$2:$R$366,ROW(INDEX(Jesper!AH$2:AH$366,ROUNDDOWN($C4074/24,0)+1,1))-1)+IF('Standard Profiles'!$G$18=$B$10,7,0)+IF('Standard Profiles'!$G$18=$B$17,14,0)+IF('Standard Profiles'!$G$18=$B$24,21,0),MOD($C4074,24)+1)/SUM(INDEX($D$3:$AA$30,INDEX(Jesper!$R$2:$R$366,ROW(INDEX(Jesper!AH$2:AH$366,ROUNDDOWN($C4074/24,0)+1,1))-1)+IF('Standard Profiles'!$G$18=$B$10,7,0)+IF('Standard Profiles'!$G$18=$B$17,14,0)+IF('Standard Profiles'!$G$18=$B$24,21,0),0)),0)</f>
        <v>0</v>
      </c>
      <c r="E4074" cm="1">
        <f t="array" ref="E4074">IFERROR(INDEX(Jesper!AI$2:AI$366,ROUNDDOWN($C4074/24,0)+1,1)*INDEX($D$3:$AA$30,INDEX(Jesper!$R$2:$R$366,ROW(INDEX(Jesper!AI$2:AI$366,ROUNDDOWN($C4074/24,0)+1,1))-1)+IF('Standard Profiles'!$G$19=$B$10,7,0)+IF('Standard Profiles'!$G$19=$B$17,14,0)+IF('Standard Profiles'!$G$19=$B$24,21,0),MOD($C4074,24)+1)/SUM(INDEX($D$3:$AA$30,INDEX(Jesper!$R$2:$R$366,ROW(INDEX(Jesper!AI$2:AI$366,ROUNDDOWN($C4074/24,0)+1,1))-1)+IF('Standard Profiles'!$G$19=$B$10,7,0)+IF('Standard Profiles'!$G$19=$B$17,14,0)+IF('Standard Profiles'!$G$19=$B$24,21,0),0)),0)</f>
        <v>2.7197177470952592</v>
      </c>
      <c r="F4074" cm="1">
        <f t="array" ref="F4074">IFERROR(INDEX(Jesper!AJ$2:AJ$366,ROUNDDOWN($C4074/24,0)+1,1)*INDEX($D$3:$AA$30,INDEX(Jesper!$R$2:$R$366,ROW(INDEX(Jesper!AJ$2:AJ$366,ROUNDDOWN($C4074/24,0)+1,1))-1)+IF('Standard Profiles'!$G$20=$B$10,7,0)+IF('Standard Profiles'!$G$20=$B$17,14,0)+IF('Standard Profiles'!$G$20=$B$24,21,0),MOD($C4074,24)+1)/SUM(INDEX($D$3:$AA$30,INDEX(Jesper!$R$2:$R$366,ROW(INDEX(Jesper!AJ$2:AJ$366,ROUNDDOWN($C4074/24,0)+1,1))-1)+IF('Standard Profiles'!$G$20=$B$10,7,0)+IF('Standard Profiles'!$G$20=$B$17,14,0)+IF('Standard Profiles'!$G$20=$B$24,21,0),0)),0)</f>
        <v>1.0960287708440239</v>
      </c>
      <c r="G4074" cm="1">
        <f t="array" ref="G4074">IFERROR(INDEX(Jesper!AK$2:AK$366,ROUNDDOWN($C4074/24,0)+1,1)*INDEX($D$3:$AA$30,INDEX(Jesper!$R$2:$R$366,ROW(INDEX(Jesper!AK$2:AK$366,ROUNDDOWN($C4074/24,0)+1,1))-1)+IF('Standard Profiles'!$G$21=$B$10,7,0)+IF('Standard Profiles'!$G$21=$B$17,14,0)+IF('Standard Profiles'!$G$21=$B$24,21,0),MOD($C4074,24)+1)/SUM(INDEX($D$3:$AA$30,INDEX(Jesper!$R$2:$R$366,ROW(INDEX(Jesper!AK$2:AK$366,ROUNDDOWN($C4074/24,0)+1,1))-1)+IF('Standard Profiles'!$G$21=$B$10,7,0)+IF('Standard Profiles'!$G$21=$B$17,14,0)+IF('Standard Profiles'!$G$21=$B$24,21,0),0)),0)</f>
        <v>0.57173998801207526</v>
      </c>
      <c r="H4074" cm="1">
        <f t="array" ref="H4074">IFERROR(INDEX(Jesper!AL$2:AL$366,ROUNDDOWN($C4074/24,0)+1,1)*INDEX($D$3:$AA$30,INDEX(Jesper!$R$2:$R$366,ROW(INDEX(Jesper!AL$2:AL$366,ROUNDDOWN($C4074/24,0)+1,1))-1)+IF('Standard Profiles'!$G$22=$B$10,7,0)+IF('Standard Profiles'!$G$22=$B$17,14,0)+IF('Standard Profiles'!$G$22=$B$24,21,0),MOD($C4074,24)+1)/SUM(INDEX($D$3:$AA$30,INDEX(Jesper!$R$2:$R$366,ROW(INDEX(Jesper!AL$2:AL$366,ROUNDDOWN($C4074/24,0)+1,1))-1)+IF('Standard Profiles'!$G$22=$B$10,7,0)+IF('Standard Profiles'!$G$22=$B$17,14,0)+IF('Standard Profiles'!$G$22=$B$24,21,0),0)),0)</f>
        <v>0.26652111517163513</v>
      </c>
      <c r="I4074">
        <f t="shared" si="461"/>
        <v>0.25586027056476984</v>
      </c>
      <c r="J4074">
        <f t="shared" si="462"/>
        <v>4.0717812209067921</v>
      </c>
      <c r="K4074">
        <f t="shared" si="463"/>
        <v>0.21757741976762074</v>
      </c>
      <c r="L4074">
        <f t="shared" si="464"/>
        <v>0.10878870988381037</v>
      </c>
      <c r="M4074">
        <f t="shared" si="465"/>
        <v>0</v>
      </c>
      <c r="N4074" s="45">
        <f t="shared" si="466"/>
        <v>45095.333333323535</v>
      </c>
    </row>
    <row r="4075" spans="2:14" x14ac:dyDescent="0.25">
      <c r="B4075">
        <f t="shared" si="460"/>
        <v>7</v>
      </c>
      <c r="C4075" s="16">
        <v>4041</v>
      </c>
      <c r="D4075" cm="1">
        <f t="array" ref="D4075">IFERROR(INDEX(Jesper!AH$2:AH$366,ROUNDDOWN($C4075/24,0)+1,1)*INDEX($D$3:$AA$30,INDEX(Jesper!$R$2:$R$366,ROW(INDEX(Jesper!AH$2:AH$366,ROUNDDOWN($C4075/24,0)+1,1))-1)+IF('Standard Profiles'!$G$18=$B$10,7,0)+IF('Standard Profiles'!$G$18=$B$17,14,0)+IF('Standard Profiles'!$G$18=$B$24,21,0),MOD($C4075,24)+1)/SUM(INDEX($D$3:$AA$30,INDEX(Jesper!$R$2:$R$366,ROW(INDEX(Jesper!AH$2:AH$366,ROUNDDOWN($C4075/24,0)+1,1))-1)+IF('Standard Profiles'!$G$18=$B$10,7,0)+IF('Standard Profiles'!$G$18=$B$17,14,0)+IF('Standard Profiles'!$G$18=$B$24,21,0),0)),0)</f>
        <v>0</v>
      </c>
      <c r="E4075" cm="1">
        <f t="array" ref="E4075">IFERROR(INDEX(Jesper!AI$2:AI$366,ROUNDDOWN($C4075/24,0)+1,1)*INDEX($D$3:$AA$30,INDEX(Jesper!$R$2:$R$366,ROW(INDEX(Jesper!AI$2:AI$366,ROUNDDOWN($C4075/24,0)+1,1))-1)+IF('Standard Profiles'!$G$19=$B$10,7,0)+IF('Standard Profiles'!$G$19=$B$17,14,0)+IF('Standard Profiles'!$G$19=$B$24,21,0),MOD($C4075,24)+1)/SUM(INDEX($D$3:$AA$30,INDEX(Jesper!$R$2:$R$366,ROW(INDEX(Jesper!AI$2:AI$366,ROUNDDOWN($C4075/24,0)+1,1))-1)+IF('Standard Profiles'!$G$19=$B$10,7,0)+IF('Standard Profiles'!$G$19=$B$17,14,0)+IF('Standard Profiles'!$G$19=$B$24,21,0),0)),0)</f>
        <v>2.7197177470952592</v>
      </c>
      <c r="F4075" cm="1">
        <f t="array" ref="F4075">IFERROR(INDEX(Jesper!AJ$2:AJ$366,ROUNDDOWN($C4075/24,0)+1,1)*INDEX($D$3:$AA$30,INDEX(Jesper!$R$2:$R$366,ROW(INDEX(Jesper!AJ$2:AJ$366,ROUNDDOWN($C4075/24,0)+1,1))-1)+IF('Standard Profiles'!$G$20=$B$10,7,0)+IF('Standard Profiles'!$G$20=$B$17,14,0)+IF('Standard Profiles'!$G$20=$B$24,21,0),MOD($C4075,24)+1)/SUM(INDEX($D$3:$AA$30,INDEX(Jesper!$R$2:$R$366,ROW(INDEX(Jesper!AJ$2:AJ$366,ROUNDDOWN($C4075/24,0)+1,1))-1)+IF('Standard Profiles'!$G$20=$B$10,7,0)+IF('Standard Profiles'!$G$20=$B$17,14,0)+IF('Standard Profiles'!$G$20=$B$24,21,0),0)),0)</f>
        <v>1.0960287708440239</v>
      </c>
      <c r="G4075" cm="1">
        <f t="array" ref="G4075">IFERROR(INDEX(Jesper!AK$2:AK$366,ROUNDDOWN($C4075/24,0)+1,1)*INDEX($D$3:$AA$30,INDEX(Jesper!$R$2:$R$366,ROW(INDEX(Jesper!AK$2:AK$366,ROUNDDOWN($C4075/24,0)+1,1))-1)+IF('Standard Profiles'!$G$21=$B$10,7,0)+IF('Standard Profiles'!$G$21=$B$17,14,0)+IF('Standard Profiles'!$G$21=$B$24,21,0),MOD($C4075,24)+1)/SUM(INDEX($D$3:$AA$30,INDEX(Jesper!$R$2:$R$366,ROW(INDEX(Jesper!AK$2:AK$366,ROUNDDOWN($C4075/24,0)+1,1))-1)+IF('Standard Profiles'!$G$21=$B$10,7,0)+IF('Standard Profiles'!$G$21=$B$17,14,0)+IF('Standard Profiles'!$G$21=$B$24,21,0),0)),0)</f>
        <v>0.57173998801207526</v>
      </c>
      <c r="H4075" cm="1">
        <f t="array" ref="H4075">IFERROR(INDEX(Jesper!AL$2:AL$366,ROUNDDOWN($C4075/24,0)+1,1)*INDEX($D$3:$AA$30,INDEX(Jesper!$R$2:$R$366,ROW(INDEX(Jesper!AL$2:AL$366,ROUNDDOWN($C4075/24,0)+1,1))-1)+IF('Standard Profiles'!$G$22=$B$10,7,0)+IF('Standard Profiles'!$G$22=$B$17,14,0)+IF('Standard Profiles'!$G$22=$B$24,21,0),MOD($C4075,24)+1)/SUM(INDEX($D$3:$AA$30,INDEX(Jesper!$R$2:$R$366,ROW(INDEX(Jesper!AL$2:AL$366,ROUNDDOWN($C4075/24,0)+1,1))-1)+IF('Standard Profiles'!$G$22=$B$10,7,0)+IF('Standard Profiles'!$G$22=$B$17,14,0)+IF('Standard Profiles'!$G$22=$B$24,21,0),0)),0)</f>
        <v>0.26652111517163513</v>
      </c>
      <c r="I4075">
        <f t="shared" si="461"/>
        <v>0.25586027056476984</v>
      </c>
      <c r="J4075">
        <f t="shared" si="462"/>
        <v>4.0717812209067921</v>
      </c>
      <c r="K4075">
        <f t="shared" si="463"/>
        <v>0.21757741976762074</v>
      </c>
      <c r="L4075">
        <f t="shared" si="464"/>
        <v>0.10878870988381037</v>
      </c>
      <c r="M4075">
        <f t="shared" si="465"/>
        <v>0</v>
      </c>
      <c r="N4075" s="45">
        <f t="shared" si="466"/>
        <v>45095.374999990199</v>
      </c>
    </row>
    <row r="4076" spans="2:14" x14ac:dyDescent="0.25">
      <c r="B4076">
        <f t="shared" si="460"/>
        <v>7</v>
      </c>
      <c r="C4076" s="16">
        <v>4042</v>
      </c>
      <c r="D4076" cm="1">
        <f t="array" ref="D4076">IFERROR(INDEX(Jesper!AH$2:AH$366,ROUNDDOWN($C4076/24,0)+1,1)*INDEX($D$3:$AA$30,INDEX(Jesper!$R$2:$R$366,ROW(INDEX(Jesper!AH$2:AH$366,ROUNDDOWN($C4076/24,0)+1,1))-1)+IF('Standard Profiles'!$G$18=$B$10,7,0)+IF('Standard Profiles'!$G$18=$B$17,14,0)+IF('Standard Profiles'!$G$18=$B$24,21,0),MOD($C4076,24)+1)/SUM(INDEX($D$3:$AA$30,INDEX(Jesper!$R$2:$R$366,ROW(INDEX(Jesper!AH$2:AH$366,ROUNDDOWN($C4076/24,0)+1,1))-1)+IF('Standard Profiles'!$G$18=$B$10,7,0)+IF('Standard Profiles'!$G$18=$B$17,14,0)+IF('Standard Profiles'!$G$18=$B$24,21,0),0)),0)</f>
        <v>0</v>
      </c>
      <c r="E4076" cm="1">
        <f t="array" ref="E4076">IFERROR(INDEX(Jesper!AI$2:AI$366,ROUNDDOWN($C4076/24,0)+1,1)*INDEX($D$3:$AA$30,INDEX(Jesper!$R$2:$R$366,ROW(INDEX(Jesper!AI$2:AI$366,ROUNDDOWN($C4076/24,0)+1,1))-1)+IF('Standard Profiles'!$G$19=$B$10,7,0)+IF('Standard Profiles'!$G$19=$B$17,14,0)+IF('Standard Profiles'!$G$19=$B$24,21,0),MOD($C4076,24)+1)/SUM(INDEX($D$3:$AA$30,INDEX(Jesper!$R$2:$R$366,ROW(INDEX(Jesper!AI$2:AI$366,ROUNDDOWN($C4076/24,0)+1,1))-1)+IF('Standard Profiles'!$G$19=$B$10,7,0)+IF('Standard Profiles'!$G$19=$B$17,14,0)+IF('Standard Profiles'!$G$19=$B$24,21,0),0)),0)</f>
        <v>2.7197177470952592</v>
      </c>
      <c r="F4076" cm="1">
        <f t="array" ref="F4076">IFERROR(INDEX(Jesper!AJ$2:AJ$366,ROUNDDOWN($C4076/24,0)+1,1)*INDEX($D$3:$AA$30,INDEX(Jesper!$R$2:$R$366,ROW(INDEX(Jesper!AJ$2:AJ$366,ROUNDDOWN($C4076/24,0)+1,1))-1)+IF('Standard Profiles'!$G$20=$B$10,7,0)+IF('Standard Profiles'!$G$20=$B$17,14,0)+IF('Standard Profiles'!$G$20=$B$24,21,0),MOD($C4076,24)+1)/SUM(INDEX($D$3:$AA$30,INDEX(Jesper!$R$2:$R$366,ROW(INDEX(Jesper!AJ$2:AJ$366,ROUNDDOWN($C4076/24,0)+1,1))-1)+IF('Standard Profiles'!$G$20=$B$10,7,0)+IF('Standard Profiles'!$G$20=$B$17,14,0)+IF('Standard Profiles'!$G$20=$B$24,21,0),0)),0)</f>
        <v>1.0960287708440239</v>
      </c>
      <c r="G4076" cm="1">
        <f t="array" ref="G4076">IFERROR(INDEX(Jesper!AK$2:AK$366,ROUNDDOWN($C4076/24,0)+1,1)*INDEX($D$3:$AA$30,INDEX(Jesper!$R$2:$R$366,ROW(INDEX(Jesper!AK$2:AK$366,ROUNDDOWN($C4076/24,0)+1,1))-1)+IF('Standard Profiles'!$G$21=$B$10,7,0)+IF('Standard Profiles'!$G$21=$B$17,14,0)+IF('Standard Profiles'!$G$21=$B$24,21,0),MOD($C4076,24)+1)/SUM(INDEX($D$3:$AA$30,INDEX(Jesper!$R$2:$R$366,ROW(INDEX(Jesper!AK$2:AK$366,ROUNDDOWN($C4076/24,0)+1,1))-1)+IF('Standard Profiles'!$G$21=$B$10,7,0)+IF('Standard Profiles'!$G$21=$B$17,14,0)+IF('Standard Profiles'!$G$21=$B$24,21,0),0)),0)</f>
        <v>0.57173998801207526</v>
      </c>
      <c r="H4076" cm="1">
        <f t="array" ref="H4076">IFERROR(INDEX(Jesper!AL$2:AL$366,ROUNDDOWN($C4076/24,0)+1,1)*INDEX($D$3:$AA$30,INDEX(Jesper!$R$2:$R$366,ROW(INDEX(Jesper!AL$2:AL$366,ROUNDDOWN($C4076/24,0)+1,1))-1)+IF('Standard Profiles'!$G$22=$B$10,7,0)+IF('Standard Profiles'!$G$22=$B$17,14,0)+IF('Standard Profiles'!$G$22=$B$24,21,0),MOD($C4076,24)+1)/SUM(INDEX($D$3:$AA$30,INDEX(Jesper!$R$2:$R$366,ROW(INDEX(Jesper!AL$2:AL$366,ROUNDDOWN($C4076/24,0)+1,1))-1)+IF('Standard Profiles'!$G$22=$B$10,7,0)+IF('Standard Profiles'!$G$22=$B$17,14,0)+IF('Standard Profiles'!$G$22=$B$24,21,0),0)),0)</f>
        <v>0.26652111517163513</v>
      </c>
      <c r="I4076">
        <f t="shared" si="461"/>
        <v>0.25586027056476984</v>
      </c>
      <c r="J4076">
        <f t="shared" si="462"/>
        <v>4.0717812209067921</v>
      </c>
      <c r="K4076">
        <f t="shared" si="463"/>
        <v>0.21757741976762074</v>
      </c>
      <c r="L4076">
        <f t="shared" si="464"/>
        <v>0.10878870988381037</v>
      </c>
      <c r="M4076">
        <f t="shared" si="465"/>
        <v>0</v>
      </c>
      <c r="N4076" s="45">
        <f t="shared" si="466"/>
        <v>45095.416666656864</v>
      </c>
    </row>
    <row r="4077" spans="2:14" x14ac:dyDescent="0.25">
      <c r="B4077">
        <f t="shared" si="460"/>
        <v>7</v>
      </c>
      <c r="C4077" s="16">
        <v>4043</v>
      </c>
      <c r="D4077" cm="1">
        <f t="array" ref="D4077">IFERROR(INDEX(Jesper!AH$2:AH$366,ROUNDDOWN($C4077/24,0)+1,1)*INDEX($D$3:$AA$30,INDEX(Jesper!$R$2:$R$366,ROW(INDEX(Jesper!AH$2:AH$366,ROUNDDOWN($C4077/24,0)+1,1))-1)+IF('Standard Profiles'!$G$18=$B$10,7,0)+IF('Standard Profiles'!$G$18=$B$17,14,0)+IF('Standard Profiles'!$G$18=$B$24,21,0),MOD($C4077,24)+1)/SUM(INDEX($D$3:$AA$30,INDEX(Jesper!$R$2:$R$366,ROW(INDEX(Jesper!AH$2:AH$366,ROUNDDOWN($C4077/24,0)+1,1))-1)+IF('Standard Profiles'!$G$18=$B$10,7,0)+IF('Standard Profiles'!$G$18=$B$17,14,0)+IF('Standard Profiles'!$G$18=$B$24,21,0),0)),0)</f>
        <v>0</v>
      </c>
      <c r="E4077" cm="1">
        <f t="array" ref="E4077">IFERROR(INDEX(Jesper!AI$2:AI$366,ROUNDDOWN($C4077/24,0)+1,1)*INDEX($D$3:$AA$30,INDEX(Jesper!$R$2:$R$366,ROW(INDEX(Jesper!AI$2:AI$366,ROUNDDOWN($C4077/24,0)+1,1))-1)+IF('Standard Profiles'!$G$19=$B$10,7,0)+IF('Standard Profiles'!$G$19=$B$17,14,0)+IF('Standard Profiles'!$G$19=$B$24,21,0),MOD($C4077,24)+1)/SUM(INDEX($D$3:$AA$30,INDEX(Jesper!$R$2:$R$366,ROW(INDEX(Jesper!AI$2:AI$366,ROUNDDOWN($C4077/24,0)+1,1))-1)+IF('Standard Profiles'!$G$19=$B$10,7,0)+IF('Standard Profiles'!$G$19=$B$17,14,0)+IF('Standard Profiles'!$G$19=$B$24,21,0),0)),0)</f>
        <v>2.7197177470952592</v>
      </c>
      <c r="F4077" cm="1">
        <f t="array" ref="F4077">IFERROR(INDEX(Jesper!AJ$2:AJ$366,ROUNDDOWN($C4077/24,0)+1,1)*INDEX($D$3:$AA$30,INDEX(Jesper!$R$2:$R$366,ROW(INDEX(Jesper!AJ$2:AJ$366,ROUNDDOWN($C4077/24,0)+1,1))-1)+IF('Standard Profiles'!$G$20=$B$10,7,0)+IF('Standard Profiles'!$G$20=$B$17,14,0)+IF('Standard Profiles'!$G$20=$B$24,21,0),MOD($C4077,24)+1)/SUM(INDEX($D$3:$AA$30,INDEX(Jesper!$R$2:$R$366,ROW(INDEX(Jesper!AJ$2:AJ$366,ROUNDDOWN($C4077/24,0)+1,1))-1)+IF('Standard Profiles'!$G$20=$B$10,7,0)+IF('Standard Profiles'!$G$20=$B$17,14,0)+IF('Standard Profiles'!$G$20=$B$24,21,0),0)),0)</f>
        <v>1.0960287708440239</v>
      </c>
      <c r="G4077" cm="1">
        <f t="array" ref="G4077">IFERROR(INDEX(Jesper!AK$2:AK$366,ROUNDDOWN($C4077/24,0)+1,1)*INDEX($D$3:$AA$30,INDEX(Jesper!$R$2:$R$366,ROW(INDEX(Jesper!AK$2:AK$366,ROUNDDOWN($C4077/24,0)+1,1))-1)+IF('Standard Profiles'!$G$21=$B$10,7,0)+IF('Standard Profiles'!$G$21=$B$17,14,0)+IF('Standard Profiles'!$G$21=$B$24,21,0),MOD($C4077,24)+1)/SUM(INDEX($D$3:$AA$30,INDEX(Jesper!$R$2:$R$366,ROW(INDEX(Jesper!AK$2:AK$366,ROUNDDOWN($C4077/24,0)+1,1))-1)+IF('Standard Profiles'!$G$21=$B$10,7,0)+IF('Standard Profiles'!$G$21=$B$17,14,0)+IF('Standard Profiles'!$G$21=$B$24,21,0),0)),0)</f>
        <v>0.57173998801207526</v>
      </c>
      <c r="H4077" cm="1">
        <f t="array" ref="H4077">IFERROR(INDEX(Jesper!AL$2:AL$366,ROUNDDOWN($C4077/24,0)+1,1)*INDEX($D$3:$AA$30,INDEX(Jesper!$R$2:$R$366,ROW(INDEX(Jesper!AL$2:AL$366,ROUNDDOWN($C4077/24,0)+1,1))-1)+IF('Standard Profiles'!$G$22=$B$10,7,0)+IF('Standard Profiles'!$G$22=$B$17,14,0)+IF('Standard Profiles'!$G$22=$B$24,21,0),MOD($C4077,24)+1)/SUM(INDEX($D$3:$AA$30,INDEX(Jesper!$R$2:$R$366,ROW(INDEX(Jesper!AL$2:AL$366,ROUNDDOWN($C4077/24,0)+1,1))-1)+IF('Standard Profiles'!$G$22=$B$10,7,0)+IF('Standard Profiles'!$G$22=$B$17,14,0)+IF('Standard Profiles'!$G$22=$B$24,21,0),0)),0)</f>
        <v>0.26652111517163513</v>
      </c>
      <c r="I4077">
        <f t="shared" si="461"/>
        <v>0.25586027056476984</v>
      </c>
      <c r="J4077">
        <f t="shared" si="462"/>
        <v>4.0717812209067921</v>
      </c>
      <c r="K4077">
        <f t="shared" si="463"/>
        <v>0.21757741976762074</v>
      </c>
      <c r="L4077">
        <f t="shared" si="464"/>
        <v>0.10878870988381037</v>
      </c>
      <c r="M4077">
        <f t="shared" si="465"/>
        <v>0</v>
      </c>
      <c r="N4077" s="45">
        <f t="shared" si="466"/>
        <v>45095.458333323528</v>
      </c>
    </row>
    <row r="4078" spans="2:14" x14ac:dyDescent="0.25">
      <c r="B4078">
        <f t="shared" si="460"/>
        <v>7</v>
      </c>
      <c r="C4078" s="16">
        <v>4044</v>
      </c>
      <c r="D4078" cm="1">
        <f t="array" ref="D4078">IFERROR(INDEX(Jesper!AH$2:AH$366,ROUNDDOWN($C4078/24,0)+1,1)*INDEX($D$3:$AA$30,INDEX(Jesper!$R$2:$R$366,ROW(INDEX(Jesper!AH$2:AH$366,ROUNDDOWN($C4078/24,0)+1,1))-1)+IF('Standard Profiles'!$G$18=$B$10,7,0)+IF('Standard Profiles'!$G$18=$B$17,14,0)+IF('Standard Profiles'!$G$18=$B$24,21,0),MOD($C4078,24)+1)/SUM(INDEX($D$3:$AA$30,INDEX(Jesper!$R$2:$R$366,ROW(INDEX(Jesper!AH$2:AH$366,ROUNDDOWN($C4078/24,0)+1,1))-1)+IF('Standard Profiles'!$G$18=$B$10,7,0)+IF('Standard Profiles'!$G$18=$B$17,14,0)+IF('Standard Profiles'!$G$18=$B$24,21,0),0)),0)</f>
        <v>0</v>
      </c>
      <c r="E4078" cm="1">
        <f t="array" ref="E4078">IFERROR(INDEX(Jesper!AI$2:AI$366,ROUNDDOWN($C4078/24,0)+1,1)*INDEX($D$3:$AA$30,INDEX(Jesper!$R$2:$R$366,ROW(INDEX(Jesper!AI$2:AI$366,ROUNDDOWN($C4078/24,0)+1,1))-1)+IF('Standard Profiles'!$G$19=$B$10,7,0)+IF('Standard Profiles'!$G$19=$B$17,14,0)+IF('Standard Profiles'!$G$19=$B$24,21,0),MOD($C4078,24)+1)/SUM(INDEX($D$3:$AA$30,INDEX(Jesper!$R$2:$R$366,ROW(INDEX(Jesper!AI$2:AI$366,ROUNDDOWN($C4078/24,0)+1,1))-1)+IF('Standard Profiles'!$G$19=$B$10,7,0)+IF('Standard Profiles'!$G$19=$B$17,14,0)+IF('Standard Profiles'!$G$19=$B$24,21,0),0)),0)</f>
        <v>2.7197177470952592</v>
      </c>
      <c r="F4078" cm="1">
        <f t="array" ref="F4078">IFERROR(INDEX(Jesper!AJ$2:AJ$366,ROUNDDOWN($C4078/24,0)+1,1)*INDEX($D$3:$AA$30,INDEX(Jesper!$R$2:$R$366,ROW(INDEX(Jesper!AJ$2:AJ$366,ROUNDDOWN($C4078/24,0)+1,1))-1)+IF('Standard Profiles'!$G$20=$B$10,7,0)+IF('Standard Profiles'!$G$20=$B$17,14,0)+IF('Standard Profiles'!$G$20=$B$24,21,0),MOD($C4078,24)+1)/SUM(INDEX($D$3:$AA$30,INDEX(Jesper!$R$2:$R$366,ROW(INDEX(Jesper!AJ$2:AJ$366,ROUNDDOWN($C4078/24,0)+1,1))-1)+IF('Standard Profiles'!$G$20=$B$10,7,0)+IF('Standard Profiles'!$G$20=$B$17,14,0)+IF('Standard Profiles'!$G$20=$B$24,21,0),0)),0)</f>
        <v>1.0960287708440239</v>
      </c>
      <c r="G4078" cm="1">
        <f t="array" ref="G4078">IFERROR(INDEX(Jesper!AK$2:AK$366,ROUNDDOWN($C4078/24,0)+1,1)*INDEX($D$3:$AA$30,INDEX(Jesper!$R$2:$R$366,ROW(INDEX(Jesper!AK$2:AK$366,ROUNDDOWN($C4078/24,0)+1,1))-1)+IF('Standard Profiles'!$G$21=$B$10,7,0)+IF('Standard Profiles'!$G$21=$B$17,14,0)+IF('Standard Profiles'!$G$21=$B$24,21,0),MOD($C4078,24)+1)/SUM(INDEX($D$3:$AA$30,INDEX(Jesper!$R$2:$R$366,ROW(INDEX(Jesper!AK$2:AK$366,ROUNDDOWN($C4078/24,0)+1,1))-1)+IF('Standard Profiles'!$G$21=$B$10,7,0)+IF('Standard Profiles'!$G$21=$B$17,14,0)+IF('Standard Profiles'!$G$21=$B$24,21,0),0)),0)</f>
        <v>0.57173998801207526</v>
      </c>
      <c r="H4078" cm="1">
        <f t="array" ref="H4078">IFERROR(INDEX(Jesper!AL$2:AL$366,ROUNDDOWN($C4078/24,0)+1,1)*INDEX($D$3:$AA$30,INDEX(Jesper!$R$2:$R$366,ROW(INDEX(Jesper!AL$2:AL$366,ROUNDDOWN($C4078/24,0)+1,1))-1)+IF('Standard Profiles'!$G$22=$B$10,7,0)+IF('Standard Profiles'!$G$22=$B$17,14,0)+IF('Standard Profiles'!$G$22=$B$24,21,0),MOD($C4078,24)+1)/SUM(INDEX($D$3:$AA$30,INDEX(Jesper!$R$2:$R$366,ROW(INDEX(Jesper!AL$2:AL$366,ROUNDDOWN($C4078/24,0)+1,1))-1)+IF('Standard Profiles'!$G$22=$B$10,7,0)+IF('Standard Profiles'!$G$22=$B$17,14,0)+IF('Standard Profiles'!$G$22=$B$24,21,0),0)),0)</f>
        <v>0.26652111517163513</v>
      </c>
      <c r="I4078">
        <f t="shared" si="461"/>
        <v>0.25586027056476984</v>
      </c>
      <c r="J4078">
        <f t="shared" si="462"/>
        <v>4.0717812209067921</v>
      </c>
      <c r="K4078">
        <f t="shared" si="463"/>
        <v>0.21757741976762074</v>
      </c>
      <c r="L4078">
        <f t="shared" si="464"/>
        <v>0.10878870988381037</v>
      </c>
      <c r="M4078">
        <f t="shared" si="465"/>
        <v>0</v>
      </c>
      <c r="N4078" s="45">
        <f t="shared" si="466"/>
        <v>45095.499999990192</v>
      </c>
    </row>
    <row r="4079" spans="2:14" x14ac:dyDescent="0.25">
      <c r="B4079">
        <f t="shared" si="460"/>
        <v>7</v>
      </c>
      <c r="C4079" s="16">
        <v>4045</v>
      </c>
      <c r="D4079" cm="1">
        <f t="array" ref="D4079">IFERROR(INDEX(Jesper!AH$2:AH$366,ROUNDDOWN($C4079/24,0)+1,1)*INDEX($D$3:$AA$30,INDEX(Jesper!$R$2:$R$366,ROW(INDEX(Jesper!AH$2:AH$366,ROUNDDOWN($C4079/24,0)+1,1))-1)+IF('Standard Profiles'!$G$18=$B$10,7,0)+IF('Standard Profiles'!$G$18=$B$17,14,0)+IF('Standard Profiles'!$G$18=$B$24,21,0),MOD($C4079,24)+1)/SUM(INDEX($D$3:$AA$30,INDEX(Jesper!$R$2:$R$366,ROW(INDEX(Jesper!AH$2:AH$366,ROUNDDOWN($C4079/24,0)+1,1))-1)+IF('Standard Profiles'!$G$18=$B$10,7,0)+IF('Standard Profiles'!$G$18=$B$17,14,0)+IF('Standard Profiles'!$G$18=$B$24,21,0),0)),0)</f>
        <v>0</v>
      </c>
      <c r="E4079" cm="1">
        <f t="array" ref="E4079">IFERROR(INDEX(Jesper!AI$2:AI$366,ROUNDDOWN($C4079/24,0)+1,1)*INDEX($D$3:$AA$30,INDEX(Jesper!$R$2:$R$366,ROW(INDEX(Jesper!AI$2:AI$366,ROUNDDOWN($C4079/24,0)+1,1))-1)+IF('Standard Profiles'!$G$19=$B$10,7,0)+IF('Standard Profiles'!$G$19=$B$17,14,0)+IF('Standard Profiles'!$G$19=$B$24,21,0),MOD($C4079,24)+1)/SUM(INDEX($D$3:$AA$30,INDEX(Jesper!$R$2:$R$366,ROW(INDEX(Jesper!AI$2:AI$366,ROUNDDOWN($C4079/24,0)+1,1))-1)+IF('Standard Profiles'!$G$19=$B$10,7,0)+IF('Standard Profiles'!$G$19=$B$17,14,0)+IF('Standard Profiles'!$G$19=$B$24,21,0),0)),0)</f>
        <v>2.7197177470952592</v>
      </c>
      <c r="F4079" cm="1">
        <f t="array" ref="F4079">IFERROR(INDEX(Jesper!AJ$2:AJ$366,ROUNDDOWN($C4079/24,0)+1,1)*INDEX($D$3:$AA$30,INDEX(Jesper!$R$2:$R$366,ROW(INDEX(Jesper!AJ$2:AJ$366,ROUNDDOWN($C4079/24,0)+1,1))-1)+IF('Standard Profiles'!$G$20=$B$10,7,0)+IF('Standard Profiles'!$G$20=$B$17,14,0)+IF('Standard Profiles'!$G$20=$B$24,21,0),MOD($C4079,24)+1)/SUM(INDEX($D$3:$AA$30,INDEX(Jesper!$R$2:$R$366,ROW(INDEX(Jesper!AJ$2:AJ$366,ROUNDDOWN($C4079/24,0)+1,1))-1)+IF('Standard Profiles'!$G$20=$B$10,7,0)+IF('Standard Profiles'!$G$20=$B$17,14,0)+IF('Standard Profiles'!$G$20=$B$24,21,0),0)),0)</f>
        <v>1.0960287708440239</v>
      </c>
      <c r="G4079" cm="1">
        <f t="array" ref="G4079">IFERROR(INDEX(Jesper!AK$2:AK$366,ROUNDDOWN($C4079/24,0)+1,1)*INDEX($D$3:$AA$30,INDEX(Jesper!$R$2:$R$366,ROW(INDEX(Jesper!AK$2:AK$366,ROUNDDOWN($C4079/24,0)+1,1))-1)+IF('Standard Profiles'!$G$21=$B$10,7,0)+IF('Standard Profiles'!$G$21=$B$17,14,0)+IF('Standard Profiles'!$G$21=$B$24,21,0),MOD($C4079,24)+1)/SUM(INDEX($D$3:$AA$30,INDEX(Jesper!$R$2:$R$366,ROW(INDEX(Jesper!AK$2:AK$366,ROUNDDOWN($C4079/24,0)+1,1))-1)+IF('Standard Profiles'!$G$21=$B$10,7,0)+IF('Standard Profiles'!$G$21=$B$17,14,0)+IF('Standard Profiles'!$G$21=$B$24,21,0),0)),0)</f>
        <v>0.57173998801207526</v>
      </c>
      <c r="H4079" cm="1">
        <f t="array" ref="H4079">IFERROR(INDEX(Jesper!AL$2:AL$366,ROUNDDOWN($C4079/24,0)+1,1)*INDEX($D$3:$AA$30,INDEX(Jesper!$R$2:$R$366,ROW(INDEX(Jesper!AL$2:AL$366,ROUNDDOWN($C4079/24,0)+1,1))-1)+IF('Standard Profiles'!$G$22=$B$10,7,0)+IF('Standard Profiles'!$G$22=$B$17,14,0)+IF('Standard Profiles'!$G$22=$B$24,21,0),MOD($C4079,24)+1)/SUM(INDEX($D$3:$AA$30,INDEX(Jesper!$R$2:$R$366,ROW(INDEX(Jesper!AL$2:AL$366,ROUNDDOWN($C4079/24,0)+1,1))-1)+IF('Standard Profiles'!$G$22=$B$10,7,0)+IF('Standard Profiles'!$G$22=$B$17,14,0)+IF('Standard Profiles'!$G$22=$B$24,21,0),0)),0)</f>
        <v>0.26652111517163513</v>
      </c>
      <c r="I4079">
        <f t="shared" si="461"/>
        <v>0.25586027056476984</v>
      </c>
      <c r="J4079">
        <f t="shared" si="462"/>
        <v>4.0717812209067921</v>
      </c>
      <c r="K4079">
        <f t="shared" si="463"/>
        <v>0.21757741976762074</v>
      </c>
      <c r="L4079">
        <f t="shared" si="464"/>
        <v>0.10878870988381037</v>
      </c>
      <c r="M4079">
        <f t="shared" si="465"/>
        <v>0</v>
      </c>
      <c r="N4079" s="45">
        <f t="shared" si="466"/>
        <v>45095.541666656856</v>
      </c>
    </row>
    <row r="4080" spans="2:14" x14ac:dyDescent="0.25">
      <c r="B4080">
        <f t="shared" si="460"/>
        <v>7</v>
      </c>
      <c r="C4080" s="16">
        <v>4046</v>
      </c>
      <c r="D4080" cm="1">
        <f t="array" ref="D4080">IFERROR(INDEX(Jesper!AH$2:AH$366,ROUNDDOWN($C4080/24,0)+1,1)*INDEX($D$3:$AA$30,INDEX(Jesper!$R$2:$R$366,ROW(INDEX(Jesper!AH$2:AH$366,ROUNDDOWN($C4080/24,0)+1,1))-1)+IF('Standard Profiles'!$G$18=$B$10,7,0)+IF('Standard Profiles'!$G$18=$B$17,14,0)+IF('Standard Profiles'!$G$18=$B$24,21,0),MOD($C4080,24)+1)/SUM(INDEX($D$3:$AA$30,INDEX(Jesper!$R$2:$R$366,ROW(INDEX(Jesper!AH$2:AH$366,ROUNDDOWN($C4080/24,0)+1,1))-1)+IF('Standard Profiles'!$G$18=$B$10,7,0)+IF('Standard Profiles'!$G$18=$B$17,14,0)+IF('Standard Profiles'!$G$18=$B$24,21,0),0)),0)</f>
        <v>0</v>
      </c>
      <c r="E4080" cm="1">
        <f t="array" ref="E4080">IFERROR(INDEX(Jesper!AI$2:AI$366,ROUNDDOWN($C4080/24,0)+1,1)*INDEX($D$3:$AA$30,INDEX(Jesper!$R$2:$R$366,ROW(INDEX(Jesper!AI$2:AI$366,ROUNDDOWN($C4080/24,0)+1,1))-1)+IF('Standard Profiles'!$G$19=$B$10,7,0)+IF('Standard Profiles'!$G$19=$B$17,14,0)+IF('Standard Profiles'!$G$19=$B$24,21,0),MOD($C4080,24)+1)/SUM(INDEX($D$3:$AA$30,INDEX(Jesper!$R$2:$R$366,ROW(INDEX(Jesper!AI$2:AI$366,ROUNDDOWN($C4080/24,0)+1,1))-1)+IF('Standard Profiles'!$G$19=$B$10,7,0)+IF('Standard Profiles'!$G$19=$B$17,14,0)+IF('Standard Profiles'!$G$19=$B$24,21,0),0)),0)</f>
        <v>2.7197177470952592</v>
      </c>
      <c r="F4080" cm="1">
        <f t="array" ref="F4080">IFERROR(INDEX(Jesper!AJ$2:AJ$366,ROUNDDOWN($C4080/24,0)+1,1)*INDEX($D$3:$AA$30,INDEX(Jesper!$R$2:$R$366,ROW(INDEX(Jesper!AJ$2:AJ$366,ROUNDDOWN($C4080/24,0)+1,1))-1)+IF('Standard Profiles'!$G$20=$B$10,7,0)+IF('Standard Profiles'!$G$20=$B$17,14,0)+IF('Standard Profiles'!$G$20=$B$24,21,0),MOD($C4080,24)+1)/SUM(INDEX($D$3:$AA$30,INDEX(Jesper!$R$2:$R$366,ROW(INDEX(Jesper!AJ$2:AJ$366,ROUNDDOWN($C4080/24,0)+1,1))-1)+IF('Standard Profiles'!$G$20=$B$10,7,0)+IF('Standard Profiles'!$G$20=$B$17,14,0)+IF('Standard Profiles'!$G$20=$B$24,21,0),0)),0)</f>
        <v>1.0960287708440239</v>
      </c>
      <c r="G4080" cm="1">
        <f t="array" ref="G4080">IFERROR(INDEX(Jesper!AK$2:AK$366,ROUNDDOWN($C4080/24,0)+1,1)*INDEX($D$3:$AA$30,INDEX(Jesper!$R$2:$R$366,ROW(INDEX(Jesper!AK$2:AK$366,ROUNDDOWN($C4080/24,0)+1,1))-1)+IF('Standard Profiles'!$G$21=$B$10,7,0)+IF('Standard Profiles'!$G$21=$B$17,14,0)+IF('Standard Profiles'!$G$21=$B$24,21,0),MOD($C4080,24)+1)/SUM(INDEX($D$3:$AA$30,INDEX(Jesper!$R$2:$R$366,ROW(INDEX(Jesper!AK$2:AK$366,ROUNDDOWN($C4080/24,0)+1,1))-1)+IF('Standard Profiles'!$G$21=$B$10,7,0)+IF('Standard Profiles'!$G$21=$B$17,14,0)+IF('Standard Profiles'!$G$21=$B$24,21,0),0)),0)</f>
        <v>0.57173998801207526</v>
      </c>
      <c r="H4080" cm="1">
        <f t="array" ref="H4080">IFERROR(INDEX(Jesper!AL$2:AL$366,ROUNDDOWN($C4080/24,0)+1,1)*INDEX($D$3:$AA$30,INDEX(Jesper!$R$2:$R$366,ROW(INDEX(Jesper!AL$2:AL$366,ROUNDDOWN($C4080/24,0)+1,1))-1)+IF('Standard Profiles'!$G$22=$B$10,7,0)+IF('Standard Profiles'!$G$22=$B$17,14,0)+IF('Standard Profiles'!$G$22=$B$24,21,0),MOD($C4080,24)+1)/SUM(INDEX($D$3:$AA$30,INDEX(Jesper!$R$2:$R$366,ROW(INDEX(Jesper!AL$2:AL$366,ROUNDDOWN($C4080/24,0)+1,1))-1)+IF('Standard Profiles'!$G$22=$B$10,7,0)+IF('Standard Profiles'!$G$22=$B$17,14,0)+IF('Standard Profiles'!$G$22=$B$24,21,0),0)),0)</f>
        <v>0.26652111517163513</v>
      </c>
      <c r="I4080">
        <f t="shared" si="461"/>
        <v>0.25586027056476984</v>
      </c>
      <c r="J4080">
        <f t="shared" si="462"/>
        <v>4.0717812209067921</v>
      </c>
      <c r="K4080">
        <f t="shared" si="463"/>
        <v>0.21757741976762074</v>
      </c>
      <c r="L4080">
        <f t="shared" si="464"/>
        <v>0.10878870988381037</v>
      </c>
      <c r="M4080">
        <f t="shared" si="465"/>
        <v>0</v>
      </c>
      <c r="N4080" s="45">
        <f t="shared" si="466"/>
        <v>45095.58333332352</v>
      </c>
    </row>
    <row r="4081" spans="2:14" x14ac:dyDescent="0.25">
      <c r="B4081">
        <f t="shared" si="460"/>
        <v>7</v>
      </c>
      <c r="C4081" s="16">
        <v>4047</v>
      </c>
      <c r="D4081" cm="1">
        <f t="array" ref="D4081">IFERROR(INDEX(Jesper!AH$2:AH$366,ROUNDDOWN($C4081/24,0)+1,1)*INDEX($D$3:$AA$30,INDEX(Jesper!$R$2:$R$366,ROW(INDEX(Jesper!AH$2:AH$366,ROUNDDOWN($C4081/24,0)+1,1))-1)+IF('Standard Profiles'!$G$18=$B$10,7,0)+IF('Standard Profiles'!$G$18=$B$17,14,0)+IF('Standard Profiles'!$G$18=$B$24,21,0),MOD($C4081,24)+1)/SUM(INDEX($D$3:$AA$30,INDEX(Jesper!$R$2:$R$366,ROW(INDEX(Jesper!AH$2:AH$366,ROUNDDOWN($C4081/24,0)+1,1))-1)+IF('Standard Profiles'!$G$18=$B$10,7,0)+IF('Standard Profiles'!$G$18=$B$17,14,0)+IF('Standard Profiles'!$G$18=$B$24,21,0),0)),0)</f>
        <v>0</v>
      </c>
      <c r="E4081" cm="1">
        <f t="array" ref="E4081">IFERROR(INDEX(Jesper!AI$2:AI$366,ROUNDDOWN($C4081/24,0)+1,1)*INDEX($D$3:$AA$30,INDEX(Jesper!$R$2:$R$366,ROW(INDEX(Jesper!AI$2:AI$366,ROUNDDOWN($C4081/24,0)+1,1))-1)+IF('Standard Profiles'!$G$19=$B$10,7,0)+IF('Standard Profiles'!$G$19=$B$17,14,0)+IF('Standard Profiles'!$G$19=$B$24,21,0),MOD($C4081,24)+1)/SUM(INDEX($D$3:$AA$30,INDEX(Jesper!$R$2:$R$366,ROW(INDEX(Jesper!AI$2:AI$366,ROUNDDOWN($C4081/24,0)+1,1))-1)+IF('Standard Profiles'!$G$19=$B$10,7,0)+IF('Standard Profiles'!$G$19=$B$17,14,0)+IF('Standard Profiles'!$G$19=$B$24,21,0),0)),0)</f>
        <v>2.7197177470952592</v>
      </c>
      <c r="F4081" cm="1">
        <f t="array" ref="F4081">IFERROR(INDEX(Jesper!AJ$2:AJ$366,ROUNDDOWN($C4081/24,0)+1,1)*INDEX($D$3:$AA$30,INDEX(Jesper!$R$2:$R$366,ROW(INDEX(Jesper!AJ$2:AJ$366,ROUNDDOWN($C4081/24,0)+1,1))-1)+IF('Standard Profiles'!$G$20=$B$10,7,0)+IF('Standard Profiles'!$G$20=$B$17,14,0)+IF('Standard Profiles'!$G$20=$B$24,21,0),MOD($C4081,24)+1)/SUM(INDEX($D$3:$AA$30,INDEX(Jesper!$R$2:$R$366,ROW(INDEX(Jesper!AJ$2:AJ$366,ROUNDDOWN($C4081/24,0)+1,1))-1)+IF('Standard Profiles'!$G$20=$B$10,7,0)+IF('Standard Profiles'!$G$20=$B$17,14,0)+IF('Standard Profiles'!$G$20=$B$24,21,0),0)),0)</f>
        <v>1.0960287708440239</v>
      </c>
      <c r="G4081" cm="1">
        <f t="array" ref="G4081">IFERROR(INDEX(Jesper!AK$2:AK$366,ROUNDDOWN($C4081/24,0)+1,1)*INDEX($D$3:$AA$30,INDEX(Jesper!$R$2:$R$366,ROW(INDEX(Jesper!AK$2:AK$366,ROUNDDOWN($C4081/24,0)+1,1))-1)+IF('Standard Profiles'!$G$21=$B$10,7,0)+IF('Standard Profiles'!$G$21=$B$17,14,0)+IF('Standard Profiles'!$G$21=$B$24,21,0),MOD($C4081,24)+1)/SUM(INDEX($D$3:$AA$30,INDEX(Jesper!$R$2:$R$366,ROW(INDEX(Jesper!AK$2:AK$366,ROUNDDOWN($C4081/24,0)+1,1))-1)+IF('Standard Profiles'!$G$21=$B$10,7,0)+IF('Standard Profiles'!$G$21=$B$17,14,0)+IF('Standard Profiles'!$G$21=$B$24,21,0),0)),0)</f>
        <v>0.57173998801207526</v>
      </c>
      <c r="H4081" cm="1">
        <f t="array" ref="H4081">IFERROR(INDEX(Jesper!AL$2:AL$366,ROUNDDOWN($C4081/24,0)+1,1)*INDEX($D$3:$AA$30,INDEX(Jesper!$R$2:$R$366,ROW(INDEX(Jesper!AL$2:AL$366,ROUNDDOWN($C4081/24,0)+1,1))-1)+IF('Standard Profiles'!$G$22=$B$10,7,0)+IF('Standard Profiles'!$G$22=$B$17,14,0)+IF('Standard Profiles'!$G$22=$B$24,21,0),MOD($C4081,24)+1)/SUM(INDEX($D$3:$AA$30,INDEX(Jesper!$R$2:$R$366,ROW(INDEX(Jesper!AL$2:AL$366,ROUNDDOWN($C4081/24,0)+1,1))-1)+IF('Standard Profiles'!$G$22=$B$10,7,0)+IF('Standard Profiles'!$G$22=$B$17,14,0)+IF('Standard Profiles'!$G$22=$B$24,21,0),0)),0)</f>
        <v>0.23690765793034232</v>
      </c>
      <c r="I4081">
        <f t="shared" si="461"/>
        <v>0.22743135161312875</v>
      </c>
      <c r="J4081">
        <f t="shared" si="462"/>
        <v>4.0705966826171407</v>
      </c>
      <c r="K4081">
        <f t="shared" si="463"/>
        <v>0.21757741976762074</v>
      </c>
      <c r="L4081">
        <f t="shared" si="464"/>
        <v>0.10878870988381037</v>
      </c>
      <c r="M4081">
        <f t="shared" si="465"/>
        <v>0</v>
      </c>
      <c r="N4081" s="45">
        <f t="shared" si="466"/>
        <v>45095.624999990185</v>
      </c>
    </row>
    <row r="4082" spans="2:14" x14ac:dyDescent="0.25">
      <c r="B4082">
        <f t="shared" si="460"/>
        <v>7</v>
      </c>
      <c r="C4082" s="16">
        <v>4048</v>
      </c>
      <c r="D4082" cm="1">
        <f t="array" ref="D4082">IFERROR(INDEX(Jesper!AH$2:AH$366,ROUNDDOWN($C4082/24,0)+1,1)*INDEX($D$3:$AA$30,INDEX(Jesper!$R$2:$R$366,ROW(INDEX(Jesper!AH$2:AH$366,ROUNDDOWN($C4082/24,0)+1,1))-1)+IF('Standard Profiles'!$G$18=$B$10,7,0)+IF('Standard Profiles'!$G$18=$B$17,14,0)+IF('Standard Profiles'!$G$18=$B$24,21,0),MOD($C4082,24)+1)/SUM(INDEX($D$3:$AA$30,INDEX(Jesper!$R$2:$R$366,ROW(INDEX(Jesper!AH$2:AH$366,ROUNDDOWN($C4082/24,0)+1,1))-1)+IF('Standard Profiles'!$G$18=$B$10,7,0)+IF('Standard Profiles'!$G$18=$B$17,14,0)+IF('Standard Profiles'!$G$18=$B$24,21,0),0)),0)</f>
        <v>0</v>
      </c>
      <c r="E4082" cm="1">
        <f t="array" ref="E4082">IFERROR(INDEX(Jesper!AI$2:AI$366,ROUNDDOWN($C4082/24,0)+1,1)*INDEX($D$3:$AA$30,INDEX(Jesper!$R$2:$R$366,ROW(INDEX(Jesper!AI$2:AI$366,ROUNDDOWN($C4082/24,0)+1,1))-1)+IF('Standard Profiles'!$G$19=$B$10,7,0)+IF('Standard Profiles'!$G$19=$B$17,14,0)+IF('Standard Profiles'!$G$19=$B$24,21,0),MOD($C4082,24)+1)/SUM(INDEX($D$3:$AA$30,INDEX(Jesper!$R$2:$R$366,ROW(INDEX(Jesper!AI$2:AI$366,ROUNDDOWN($C4082/24,0)+1,1))-1)+IF('Standard Profiles'!$G$19=$B$10,7,0)+IF('Standard Profiles'!$G$19=$B$17,14,0)+IF('Standard Profiles'!$G$19=$B$24,21,0),0)),0)</f>
        <v>2.7197177470952592</v>
      </c>
      <c r="F4082" cm="1">
        <f t="array" ref="F4082">IFERROR(INDEX(Jesper!AJ$2:AJ$366,ROUNDDOWN($C4082/24,0)+1,1)*INDEX($D$3:$AA$30,INDEX(Jesper!$R$2:$R$366,ROW(INDEX(Jesper!AJ$2:AJ$366,ROUNDDOWN($C4082/24,0)+1,1))-1)+IF('Standard Profiles'!$G$20=$B$10,7,0)+IF('Standard Profiles'!$G$20=$B$17,14,0)+IF('Standard Profiles'!$G$20=$B$24,21,0),MOD($C4082,24)+1)/SUM(INDEX($D$3:$AA$30,INDEX(Jesper!$R$2:$R$366,ROW(INDEX(Jesper!AJ$2:AJ$366,ROUNDDOWN($C4082/24,0)+1,1))-1)+IF('Standard Profiles'!$G$20=$B$10,7,0)+IF('Standard Profiles'!$G$20=$B$17,14,0)+IF('Standard Profiles'!$G$20=$B$24,21,0),0)),0)</f>
        <v>1.0960287708440239</v>
      </c>
      <c r="G4082" cm="1">
        <f t="array" ref="G4082">IFERROR(INDEX(Jesper!AK$2:AK$366,ROUNDDOWN($C4082/24,0)+1,1)*INDEX($D$3:$AA$30,INDEX(Jesper!$R$2:$R$366,ROW(INDEX(Jesper!AK$2:AK$366,ROUNDDOWN($C4082/24,0)+1,1))-1)+IF('Standard Profiles'!$G$21=$B$10,7,0)+IF('Standard Profiles'!$G$21=$B$17,14,0)+IF('Standard Profiles'!$G$21=$B$24,21,0),MOD($C4082,24)+1)/SUM(INDEX($D$3:$AA$30,INDEX(Jesper!$R$2:$R$366,ROW(INDEX(Jesper!AK$2:AK$366,ROUNDDOWN($C4082/24,0)+1,1))-1)+IF('Standard Profiles'!$G$21=$B$10,7,0)+IF('Standard Profiles'!$G$21=$B$17,14,0)+IF('Standard Profiles'!$G$21=$B$24,21,0),0)),0)</f>
        <v>0.57173998801207526</v>
      </c>
      <c r="H4082" cm="1">
        <f t="array" ref="H4082">IFERROR(INDEX(Jesper!AL$2:AL$366,ROUNDDOWN($C4082/24,0)+1,1)*INDEX($D$3:$AA$30,INDEX(Jesper!$R$2:$R$366,ROW(INDEX(Jesper!AL$2:AL$366,ROUNDDOWN($C4082/24,0)+1,1))-1)+IF('Standard Profiles'!$G$22=$B$10,7,0)+IF('Standard Profiles'!$G$22=$B$17,14,0)+IF('Standard Profiles'!$G$22=$B$24,21,0),MOD($C4082,24)+1)/SUM(INDEX($D$3:$AA$30,INDEX(Jesper!$R$2:$R$366,ROW(INDEX(Jesper!AL$2:AL$366,ROUNDDOWN($C4082/24,0)+1,1))-1)+IF('Standard Profiles'!$G$22=$B$10,7,0)+IF('Standard Profiles'!$G$22=$B$17,14,0)+IF('Standard Profiles'!$G$22=$B$24,21,0),0)),0)</f>
        <v>0.23267716403872904</v>
      </c>
      <c r="I4082">
        <f t="shared" si="461"/>
        <v>0.22337007747717999</v>
      </c>
      <c r="J4082">
        <f t="shared" si="462"/>
        <v>4.0704274628614758</v>
      </c>
      <c r="K4082">
        <f t="shared" si="463"/>
        <v>0.21757741976762074</v>
      </c>
      <c r="L4082">
        <f t="shared" si="464"/>
        <v>0.10878870988381037</v>
      </c>
      <c r="M4082">
        <f t="shared" si="465"/>
        <v>0</v>
      </c>
      <c r="N4082" s="45">
        <f t="shared" si="466"/>
        <v>45095.666666656849</v>
      </c>
    </row>
    <row r="4083" spans="2:14" x14ac:dyDescent="0.25">
      <c r="B4083">
        <f t="shared" si="460"/>
        <v>7</v>
      </c>
      <c r="C4083" s="16">
        <v>4049</v>
      </c>
      <c r="D4083" cm="1">
        <f t="array" ref="D4083">IFERROR(INDEX(Jesper!AH$2:AH$366,ROUNDDOWN($C4083/24,0)+1,1)*INDEX($D$3:$AA$30,INDEX(Jesper!$R$2:$R$366,ROW(INDEX(Jesper!AH$2:AH$366,ROUNDDOWN($C4083/24,0)+1,1))-1)+IF('Standard Profiles'!$G$18=$B$10,7,0)+IF('Standard Profiles'!$G$18=$B$17,14,0)+IF('Standard Profiles'!$G$18=$B$24,21,0),MOD($C4083,24)+1)/SUM(INDEX($D$3:$AA$30,INDEX(Jesper!$R$2:$R$366,ROW(INDEX(Jesper!AH$2:AH$366,ROUNDDOWN($C4083/24,0)+1,1))-1)+IF('Standard Profiles'!$G$18=$B$10,7,0)+IF('Standard Profiles'!$G$18=$B$17,14,0)+IF('Standard Profiles'!$G$18=$B$24,21,0),0)),0)</f>
        <v>0</v>
      </c>
      <c r="E4083" cm="1">
        <f t="array" ref="E4083">IFERROR(INDEX(Jesper!AI$2:AI$366,ROUNDDOWN($C4083/24,0)+1,1)*INDEX($D$3:$AA$30,INDEX(Jesper!$R$2:$R$366,ROW(INDEX(Jesper!AI$2:AI$366,ROUNDDOWN($C4083/24,0)+1,1))-1)+IF('Standard Profiles'!$G$19=$B$10,7,0)+IF('Standard Profiles'!$G$19=$B$17,14,0)+IF('Standard Profiles'!$G$19=$B$24,21,0),MOD($C4083,24)+1)/SUM(INDEX($D$3:$AA$30,INDEX(Jesper!$R$2:$R$366,ROW(INDEX(Jesper!AI$2:AI$366,ROUNDDOWN($C4083/24,0)+1,1))-1)+IF('Standard Profiles'!$G$19=$B$10,7,0)+IF('Standard Profiles'!$G$19=$B$17,14,0)+IF('Standard Profiles'!$G$19=$B$24,21,0),0)),0)</f>
        <v>2.7197177470952592</v>
      </c>
      <c r="F4083" cm="1">
        <f t="array" ref="F4083">IFERROR(INDEX(Jesper!AJ$2:AJ$366,ROUNDDOWN($C4083/24,0)+1,1)*INDEX($D$3:$AA$30,INDEX(Jesper!$R$2:$R$366,ROW(INDEX(Jesper!AJ$2:AJ$366,ROUNDDOWN($C4083/24,0)+1,1))-1)+IF('Standard Profiles'!$G$20=$B$10,7,0)+IF('Standard Profiles'!$G$20=$B$17,14,0)+IF('Standard Profiles'!$G$20=$B$24,21,0),MOD($C4083,24)+1)/SUM(INDEX($D$3:$AA$30,INDEX(Jesper!$R$2:$R$366,ROW(INDEX(Jesper!AJ$2:AJ$366,ROUNDDOWN($C4083/24,0)+1,1))-1)+IF('Standard Profiles'!$G$20=$B$10,7,0)+IF('Standard Profiles'!$G$20=$B$17,14,0)+IF('Standard Profiles'!$G$20=$B$24,21,0),0)),0)</f>
        <v>1.0960287708440239</v>
      </c>
      <c r="G4083" cm="1">
        <f t="array" ref="G4083">IFERROR(INDEX(Jesper!AK$2:AK$366,ROUNDDOWN($C4083/24,0)+1,1)*INDEX($D$3:$AA$30,INDEX(Jesper!$R$2:$R$366,ROW(INDEX(Jesper!AK$2:AK$366,ROUNDDOWN($C4083/24,0)+1,1))-1)+IF('Standard Profiles'!$G$21=$B$10,7,0)+IF('Standard Profiles'!$G$21=$B$17,14,0)+IF('Standard Profiles'!$G$21=$B$24,21,0),MOD($C4083,24)+1)/SUM(INDEX($D$3:$AA$30,INDEX(Jesper!$R$2:$R$366,ROW(INDEX(Jesper!AK$2:AK$366,ROUNDDOWN($C4083/24,0)+1,1))-1)+IF('Standard Profiles'!$G$21=$B$10,7,0)+IF('Standard Profiles'!$G$21=$B$17,14,0)+IF('Standard Profiles'!$G$21=$B$24,21,0),0)),0)</f>
        <v>0.57173998801207526</v>
      </c>
      <c r="H4083" cm="1">
        <f t="array" ref="H4083">IFERROR(INDEX(Jesper!AL$2:AL$366,ROUNDDOWN($C4083/24,0)+1,1)*INDEX($D$3:$AA$30,INDEX(Jesper!$R$2:$R$366,ROW(INDEX(Jesper!AL$2:AL$366,ROUNDDOWN($C4083/24,0)+1,1))-1)+IF('Standard Profiles'!$G$22=$B$10,7,0)+IF('Standard Profiles'!$G$22=$B$17,14,0)+IF('Standard Profiles'!$G$22=$B$24,21,0),MOD($C4083,24)+1)/SUM(INDEX($D$3:$AA$30,INDEX(Jesper!$R$2:$R$366,ROW(INDEX(Jesper!AL$2:AL$366,ROUNDDOWN($C4083/24,0)+1,1))-1)+IF('Standard Profiles'!$G$22=$B$10,7,0)+IF('Standard Profiles'!$G$22=$B$17,14,0)+IF('Standard Profiles'!$G$22=$B$24,21,0),0)),0)</f>
        <v>0.19883321290582304</v>
      </c>
      <c r="I4083">
        <f t="shared" si="461"/>
        <v>0.19087988438959022</v>
      </c>
      <c r="J4083">
        <f t="shared" si="462"/>
        <v>4.0690737048161596</v>
      </c>
      <c r="K4083">
        <f t="shared" si="463"/>
        <v>0.21757741976762074</v>
      </c>
      <c r="L4083">
        <f t="shared" si="464"/>
        <v>0.10878870988381037</v>
      </c>
      <c r="M4083">
        <f t="shared" si="465"/>
        <v>0</v>
      </c>
      <c r="N4083" s="45">
        <f t="shared" si="466"/>
        <v>45095.708333323513</v>
      </c>
    </row>
    <row r="4084" spans="2:14" x14ac:dyDescent="0.25">
      <c r="B4084">
        <f t="shared" si="460"/>
        <v>7</v>
      </c>
      <c r="C4084" s="16">
        <v>4050</v>
      </c>
      <c r="D4084" cm="1">
        <f t="array" ref="D4084">IFERROR(INDEX(Jesper!AH$2:AH$366,ROUNDDOWN($C4084/24,0)+1,1)*INDEX($D$3:$AA$30,INDEX(Jesper!$R$2:$R$366,ROW(INDEX(Jesper!AH$2:AH$366,ROUNDDOWN($C4084/24,0)+1,1))-1)+IF('Standard Profiles'!$G$18=$B$10,7,0)+IF('Standard Profiles'!$G$18=$B$17,14,0)+IF('Standard Profiles'!$G$18=$B$24,21,0),MOD($C4084,24)+1)/SUM(INDEX($D$3:$AA$30,INDEX(Jesper!$R$2:$R$366,ROW(INDEX(Jesper!AH$2:AH$366,ROUNDDOWN($C4084/24,0)+1,1))-1)+IF('Standard Profiles'!$G$18=$B$10,7,0)+IF('Standard Profiles'!$G$18=$B$17,14,0)+IF('Standard Profiles'!$G$18=$B$24,21,0),0)),0)</f>
        <v>0</v>
      </c>
      <c r="E4084" cm="1">
        <f t="array" ref="E4084">IFERROR(INDEX(Jesper!AI$2:AI$366,ROUNDDOWN($C4084/24,0)+1,1)*INDEX($D$3:$AA$30,INDEX(Jesper!$R$2:$R$366,ROW(INDEX(Jesper!AI$2:AI$366,ROUNDDOWN($C4084/24,0)+1,1))-1)+IF('Standard Profiles'!$G$19=$B$10,7,0)+IF('Standard Profiles'!$G$19=$B$17,14,0)+IF('Standard Profiles'!$G$19=$B$24,21,0),MOD($C4084,24)+1)/SUM(INDEX($D$3:$AA$30,INDEX(Jesper!$R$2:$R$366,ROW(INDEX(Jesper!AI$2:AI$366,ROUNDDOWN($C4084/24,0)+1,1))-1)+IF('Standard Profiles'!$G$19=$B$10,7,0)+IF('Standard Profiles'!$G$19=$B$17,14,0)+IF('Standard Profiles'!$G$19=$B$24,21,0),0)),0)</f>
        <v>2.7197177470952592</v>
      </c>
      <c r="F4084" cm="1">
        <f t="array" ref="F4084">IFERROR(INDEX(Jesper!AJ$2:AJ$366,ROUNDDOWN($C4084/24,0)+1,1)*INDEX($D$3:$AA$30,INDEX(Jesper!$R$2:$R$366,ROW(INDEX(Jesper!AJ$2:AJ$366,ROUNDDOWN($C4084/24,0)+1,1))-1)+IF('Standard Profiles'!$G$20=$B$10,7,0)+IF('Standard Profiles'!$G$20=$B$17,14,0)+IF('Standard Profiles'!$G$20=$B$24,21,0),MOD($C4084,24)+1)/SUM(INDEX($D$3:$AA$30,INDEX(Jesper!$R$2:$R$366,ROW(INDEX(Jesper!AJ$2:AJ$366,ROUNDDOWN($C4084/24,0)+1,1))-1)+IF('Standard Profiles'!$G$20=$B$10,7,0)+IF('Standard Profiles'!$G$20=$B$17,14,0)+IF('Standard Profiles'!$G$20=$B$24,21,0),0)),0)</f>
        <v>1.0960287708440239</v>
      </c>
      <c r="G4084" cm="1">
        <f t="array" ref="G4084">IFERROR(INDEX(Jesper!AK$2:AK$366,ROUNDDOWN($C4084/24,0)+1,1)*INDEX($D$3:$AA$30,INDEX(Jesper!$R$2:$R$366,ROW(INDEX(Jesper!AK$2:AK$366,ROUNDDOWN($C4084/24,0)+1,1))-1)+IF('Standard Profiles'!$G$21=$B$10,7,0)+IF('Standard Profiles'!$G$21=$B$17,14,0)+IF('Standard Profiles'!$G$21=$B$24,21,0),MOD($C4084,24)+1)/SUM(INDEX($D$3:$AA$30,INDEX(Jesper!$R$2:$R$366,ROW(INDEX(Jesper!AK$2:AK$366,ROUNDDOWN($C4084/24,0)+1,1))-1)+IF('Standard Profiles'!$G$21=$B$10,7,0)+IF('Standard Profiles'!$G$21=$B$17,14,0)+IF('Standard Profiles'!$G$21=$B$24,21,0),0)),0)</f>
        <v>0.57173998801207526</v>
      </c>
      <c r="H4084" cm="1">
        <f t="array" ref="H4084">IFERROR(INDEX(Jesper!AL$2:AL$366,ROUNDDOWN($C4084/24,0)+1,1)*INDEX($D$3:$AA$30,INDEX(Jesper!$R$2:$R$366,ROW(INDEX(Jesper!AL$2:AL$366,ROUNDDOWN($C4084/24,0)+1,1))-1)+IF('Standard Profiles'!$G$22=$B$10,7,0)+IF('Standard Profiles'!$G$22=$B$17,14,0)+IF('Standard Profiles'!$G$22=$B$24,21,0),MOD($C4084,24)+1)/SUM(INDEX($D$3:$AA$30,INDEX(Jesper!$R$2:$R$366,ROW(INDEX(Jesper!AL$2:AL$366,ROUNDDOWN($C4084/24,0)+1,1))-1)+IF('Standard Profiles'!$G$22=$B$10,7,0)+IF('Standard Profiles'!$G$22=$B$17,14,0)+IF('Standard Profiles'!$G$22=$B$24,21,0),0)),0)</f>
        <v>0.18614173123098327</v>
      </c>
      <c r="I4084">
        <f t="shared" si="461"/>
        <v>0.17869606198174404</v>
      </c>
      <c r="J4084">
        <f t="shared" si="462"/>
        <v>4.0685660455491659</v>
      </c>
      <c r="K4084">
        <f t="shared" si="463"/>
        <v>0.21757741976762074</v>
      </c>
      <c r="L4084">
        <f t="shared" si="464"/>
        <v>0.10878870988381037</v>
      </c>
      <c r="M4084">
        <f t="shared" si="465"/>
        <v>0</v>
      </c>
      <c r="N4084" s="45">
        <f t="shared" si="466"/>
        <v>45095.749999990177</v>
      </c>
    </row>
    <row r="4085" spans="2:14" x14ac:dyDescent="0.25">
      <c r="B4085">
        <f t="shared" si="460"/>
        <v>7</v>
      </c>
      <c r="C4085" s="16">
        <v>4051</v>
      </c>
      <c r="D4085" cm="1">
        <f t="array" ref="D4085">IFERROR(INDEX(Jesper!AH$2:AH$366,ROUNDDOWN($C4085/24,0)+1,1)*INDEX($D$3:$AA$30,INDEX(Jesper!$R$2:$R$366,ROW(INDEX(Jesper!AH$2:AH$366,ROUNDDOWN($C4085/24,0)+1,1))-1)+IF('Standard Profiles'!$G$18=$B$10,7,0)+IF('Standard Profiles'!$G$18=$B$17,14,0)+IF('Standard Profiles'!$G$18=$B$24,21,0),MOD($C4085,24)+1)/SUM(INDEX($D$3:$AA$30,INDEX(Jesper!$R$2:$R$366,ROW(INDEX(Jesper!AH$2:AH$366,ROUNDDOWN($C4085/24,0)+1,1))-1)+IF('Standard Profiles'!$G$18=$B$10,7,0)+IF('Standard Profiles'!$G$18=$B$17,14,0)+IF('Standard Profiles'!$G$18=$B$24,21,0),0)),0)</f>
        <v>0</v>
      </c>
      <c r="E4085" cm="1">
        <f t="array" ref="E4085">IFERROR(INDEX(Jesper!AI$2:AI$366,ROUNDDOWN($C4085/24,0)+1,1)*INDEX($D$3:$AA$30,INDEX(Jesper!$R$2:$R$366,ROW(INDEX(Jesper!AI$2:AI$366,ROUNDDOWN($C4085/24,0)+1,1))-1)+IF('Standard Profiles'!$G$19=$B$10,7,0)+IF('Standard Profiles'!$G$19=$B$17,14,0)+IF('Standard Profiles'!$G$19=$B$24,21,0),MOD($C4085,24)+1)/SUM(INDEX($D$3:$AA$30,INDEX(Jesper!$R$2:$R$366,ROW(INDEX(Jesper!AI$2:AI$366,ROUNDDOWN($C4085/24,0)+1,1))-1)+IF('Standard Profiles'!$G$19=$B$10,7,0)+IF('Standard Profiles'!$G$19=$B$17,14,0)+IF('Standard Profiles'!$G$19=$B$24,21,0),0)),0)</f>
        <v>2.7197177470952592</v>
      </c>
      <c r="F4085" cm="1">
        <f t="array" ref="F4085">IFERROR(INDEX(Jesper!AJ$2:AJ$366,ROUNDDOWN($C4085/24,0)+1,1)*INDEX($D$3:$AA$30,INDEX(Jesper!$R$2:$R$366,ROW(INDEX(Jesper!AJ$2:AJ$366,ROUNDDOWN($C4085/24,0)+1,1))-1)+IF('Standard Profiles'!$G$20=$B$10,7,0)+IF('Standard Profiles'!$G$20=$B$17,14,0)+IF('Standard Profiles'!$G$20=$B$24,21,0),MOD($C4085,24)+1)/SUM(INDEX($D$3:$AA$30,INDEX(Jesper!$R$2:$R$366,ROW(INDEX(Jesper!AJ$2:AJ$366,ROUNDDOWN($C4085/24,0)+1,1))-1)+IF('Standard Profiles'!$G$20=$B$10,7,0)+IF('Standard Profiles'!$G$20=$B$17,14,0)+IF('Standard Profiles'!$G$20=$B$24,21,0),0)),0)</f>
        <v>1.0960287708440239</v>
      </c>
      <c r="G4085" cm="1">
        <f t="array" ref="G4085">IFERROR(INDEX(Jesper!AK$2:AK$366,ROUNDDOWN($C4085/24,0)+1,1)*INDEX($D$3:$AA$30,INDEX(Jesper!$R$2:$R$366,ROW(INDEX(Jesper!AK$2:AK$366,ROUNDDOWN($C4085/24,0)+1,1))-1)+IF('Standard Profiles'!$G$21=$B$10,7,0)+IF('Standard Profiles'!$G$21=$B$17,14,0)+IF('Standard Profiles'!$G$21=$B$24,21,0),MOD($C4085,24)+1)/SUM(INDEX($D$3:$AA$30,INDEX(Jesper!$R$2:$R$366,ROW(INDEX(Jesper!AK$2:AK$366,ROUNDDOWN($C4085/24,0)+1,1))-1)+IF('Standard Profiles'!$G$21=$B$10,7,0)+IF('Standard Profiles'!$G$21=$B$17,14,0)+IF('Standard Profiles'!$G$21=$B$24,21,0),0)),0)</f>
        <v>0.57173998801207526</v>
      </c>
      <c r="H4085" cm="1">
        <f t="array" ref="H4085">IFERROR(INDEX(Jesper!AL$2:AL$366,ROUNDDOWN($C4085/24,0)+1,1)*INDEX($D$3:$AA$30,INDEX(Jesper!$R$2:$R$366,ROW(INDEX(Jesper!AL$2:AL$366,ROUNDDOWN($C4085/24,0)+1,1))-1)+IF('Standard Profiles'!$G$22=$B$10,7,0)+IF('Standard Profiles'!$G$22=$B$17,14,0)+IF('Standard Profiles'!$G$22=$B$24,21,0),MOD($C4085,24)+1)/SUM(INDEX($D$3:$AA$30,INDEX(Jesper!$R$2:$R$366,ROW(INDEX(Jesper!AL$2:AL$366,ROUNDDOWN($C4085/24,0)+1,1))-1)+IF('Standard Profiles'!$G$22=$B$10,7,0)+IF('Standard Profiles'!$G$22=$B$17,14,0)+IF('Standard Profiles'!$G$22=$B$24,21,0),0)),0)</f>
        <v>0.15652827398969046</v>
      </c>
      <c r="I4085">
        <f t="shared" si="461"/>
        <v>0.15026714303010294</v>
      </c>
      <c r="J4085">
        <f t="shared" si="462"/>
        <v>4.0673815072595145</v>
      </c>
      <c r="K4085">
        <f t="shared" si="463"/>
        <v>0.21757741976762074</v>
      </c>
      <c r="L4085">
        <f t="shared" si="464"/>
        <v>0.10878870988381037</v>
      </c>
      <c r="M4085">
        <f t="shared" si="465"/>
        <v>0</v>
      </c>
      <c r="N4085" s="45">
        <f t="shared" si="466"/>
        <v>45095.791666656842</v>
      </c>
    </row>
    <row r="4086" spans="2:14" x14ac:dyDescent="0.25">
      <c r="B4086">
        <f t="shared" si="460"/>
        <v>7</v>
      </c>
      <c r="C4086" s="16">
        <v>4052</v>
      </c>
      <c r="D4086" cm="1">
        <f t="array" ref="D4086">IFERROR(INDEX(Jesper!AH$2:AH$366,ROUNDDOWN($C4086/24,0)+1,1)*INDEX($D$3:$AA$30,INDEX(Jesper!$R$2:$R$366,ROW(INDEX(Jesper!AH$2:AH$366,ROUNDDOWN($C4086/24,0)+1,1))-1)+IF('Standard Profiles'!$G$18=$B$10,7,0)+IF('Standard Profiles'!$G$18=$B$17,14,0)+IF('Standard Profiles'!$G$18=$B$24,21,0),MOD($C4086,24)+1)/SUM(INDEX($D$3:$AA$30,INDEX(Jesper!$R$2:$R$366,ROW(INDEX(Jesper!AH$2:AH$366,ROUNDDOWN($C4086/24,0)+1,1))-1)+IF('Standard Profiles'!$G$18=$B$10,7,0)+IF('Standard Profiles'!$G$18=$B$17,14,0)+IF('Standard Profiles'!$G$18=$B$24,21,0),0)),0)</f>
        <v>0</v>
      </c>
      <c r="E4086" cm="1">
        <f t="array" ref="E4086">IFERROR(INDEX(Jesper!AI$2:AI$366,ROUNDDOWN($C4086/24,0)+1,1)*INDEX($D$3:$AA$30,INDEX(Jesper!$R$2:$R$366,ROW(INDEX(Jesper!AI$2:AI$366,ROUNDDOWN($C4086/24,0)+1,1))-1)+IF('Standard Profiles'!$G$19=$B$10,7,0)+IF('Standard Profiles'!$G$19=$B$17,14,0)+IF('Standard Profiles'!$G$19=$B$24,21,0),MOD($C4086,24)+1)/SUM(INDEX($D$3:$AA$30,INDEX(Jesper!$R$2:$R$366,ROW(INDEX(Jesper!AI$2:AI$366,ROUNDDOWN($C4086/24,0)+1,1))-1)+IF('Standard Profiles'!$G$19=$B$10,7,0)+IF('Standard Profiles'!$G$19=$B$17,14,0)+IF('Standard Profiles'!$G$19=$B$24,21,0),0)),0)</f>
        <v>2.7197177470952592</v>
      </c>
      <c r="F4086" cm="1">
        <f t="array" ref="F4086">IFERROR(INDEX(Jesper!AJ$2:AJ$366,ROUNDDOWN($C4086/24,0)+1,1)*INDEX($D$3:$AA$30,INDEX(Jesper!$R$2:$R$366,ROW(INDEX(Jesper!AJ$2:AJ$366,ROUNDDOWN($C4086/24,0)+1,1))-1)+IF('Standard Profiles'!$G$20=$B$10,7,0)+IF('Standard Profiles'!$G$20=$B$17,14,0)+IF('Standard Profiles'!$G$20=$B$24,21,0),MOD($C4086,24)+1)/SUM(INDEX($D$3:$AA$30,INDEX(Jesper!$R$2:$R$366,ROW(INDEX(Jesper!AJ$2:AJ$366,ROUNDDOWN($C4086/24,0)+1,1))-1)+IF('Standard Profiles'!$G$20=$B$10,7,0)+IF('Standard Profiles'!$G$20=$B$17,14,0)+IF('Standard Profiles'!$G$20=$B$24,21,0),0)),0)</f>
        <v>1.0960287708440239</v>
      </c>
      <c r="G4086" cm="1">
        <f t="array" ref="G4086">IFERROR(INDEX(Jesper!AK$2:AK$366,ROUNDDOWN($C4086/24,0)+1,1)*INDEX($D$3:$AA$30,INDEX(Jesper!$R$2:$R$366,ROW(INDEX(Jesper!AK$2:AK$366,ROUNDDOWN($C4086/24,0)+1,1))-1)+IF('Standard Profiles'!$G$21=$B$10,7,0)+IF('Standard Profiles'!$G$21=$B$17,14,0)+IF('Standard Profiles'!$G$21=$B$24,21,0),MOD($C4086,24)+1)/SUM(INDEX($D$3:$AA$30,INDEX(Jesper!$R$2:$R$366,ROW(INDEX(Jesper!AK$2:AK$366,ROUNDDOWN($C4086/24,0)+1,1))-1)+IF('Standard Profiles'!$G$21=$B$10,7,0)+IF('Standard Profiles'!$G$21=$B$17,14,0)+IF('Standard Profiles'!$G$21=$B$24,21,0),0)),0)</f>
        <v>0.57173998801207526</v>
      </c>
      <c r="H4086" cm="1">
        <f t="array" ref="H4086">IFERROR(INDEX(Jesper!AL$2:AL$366,ROUNDDOWN($C4086/24,0)+1,1)*INDEX($D$3:$AA$30,INDEX(Jesper!$R$2:$R$366,ROW(INDEX(Jesper!AL$2:AL$366,ROUNDDOWN($C4086/24,0)+1,1))-1)+IF('Standard Profiles'!$G$22=$B$10,7,0)+IF('Standard Profiles'!$G$22=$B$17,14,0)+IF('Standard Profiles'!$G$22=$B$24,21,0),MOD($C4086,24)+1)/SUM(INDEX($D$3:$AA$30,INDEX(Jesper!$R$2:$R$366,ROW(INDEX(Jesper!AL$2:AL$366,ROUNDDOWN($C4086/24,0)+1,1))-1)+IF('Standard Profiles'!$G$22=$B$10,7,0)+IF('Standard Profiles'!$G$22=$B$17,14,0)+IF('Standard Profiles'!$G$22=$B$24,21,0),0)),0)</f>
        <v>0.13114531064001092</v>
      </c>
      <c r="I4086">
        <f t="shared" si="461"/>
        <v>0.12589949821441054</v>
      </c>
      <c r="J4086">
        <f t="shared" si="462"/>
        <v>4.0663661887255271</v>
      </c>
      <c r="K4086">
        <f t="shared" si="463"/>
        <v>0.21757741976762074</v>
      </c>
      <c r="L4086">
        <f t="shared" si="464"/>
        <v>0.10878870988381037</v>
      </c>
      <c r="M4086">
        <f t="shared" si="465"/>
        <v>0</v>
      </c>
      <c r="N4086" s="45">
        <f t="shared" si="466"/>
        <v>45095.833333323506</v>
      </c>
    </row>
    <row r="4087" spans="2:14" x14ac:dyDescent="0.25">
      <c r="B4087">
        <f t="shared" si="460"/>
        <v>7</v>
      </c>
      <c r="C4087" s="16">
        <v>4053</v>
      </c>
      <c r="D4087" cm="1">
        <f t="array" ref="D4087">IFERROR(INDEX(Jesper!AH$2:AH$366,ROUNDDOWN($C4087/24,0)+1,1)*INDEX($D$3:$AA$30,INDEX(Jesper!$R$2:$R$366,ROW(INDEX(Jesper!AH$2:AH$366,ROUNDDOWN($C4087/24,0)+1,1))-1)+IF('Standard Profiles'!$G$18=$B$10,7,0)+IF('Standard Profiles'!$G$18=$B$17,14,0)+IF('Standard Profiles'!$G$18=$B$24,21,0),MOD($C4087,24)+1)/SUM(INDEX($D$3:$AA$30,INDEX(Jesper!$R$2:$R$366,ROW(INDEX(Jesper!AH$2:AH$366,ROUNDDOWN($C4087/24,0)+1,1))-1)+IF('Standard Profiles'!$G$18=$B$10,7,0)+IF('Standard Profiles'!$G$18=$B$17,14,0)+IF('Standard Profiles'!$G$18=$B$24,21,0),0)),0)</f>
        <v>0</v>
      </c>
      <c r="E4087" cm="1">
        <f t="array" ref="E4087">IFERROR(INDEX(Jesper!AI$2:AI$366,ROUNDDOWN($C4087/24,0)+1,1)*INDEX($D$3:$AA$30,INDEX(Jesper!$R$2:$R$366,ROW(INDEX(Jesper!AI$2:AI$366,ROUNDDOWN($C4087/24,0)+1,1))-1)+IF('Standard Profiles'!$G$19=$B$10,7,0)+IF('Standard Profiles'!$G$19=$B$17,14,0)+IF('Standard Profiles'!$G$19=$B$24,21,0),MOD($C4087,24)+1)/SUM(INDEX($D$3:$AA$30,INDEX(Jesper!$R$2:$R$366,ROW(INDEX(Jesper!AI$2:AI$366,ROUNDDOWN($C4087/24,0)+1,1))-1)+IF('Standard Profiles'!$G$19=$B$10,7,0)+IF('Standard Profiles'!$G$19=$B$17,14,0)+IF('Standard Profiles'!$G$19=$B$24,21,0),0)),0)</f>
        <v>2.7197177470952592</v>
      </c>
      <c r="F4087" cm="1">
        <f t="array" ref="F4087">IFERROR(INDEX(Jesper!AJ$2:AJ$366,ROUNDDOWN($C4087/24,0)+1,1)*INDEX($D$3:$AA$30,INDEX(Jesper!$R$2:$R$366,ROW(INDEX(Jesper!AJ$2:AJ$366,ROUNDDOWN($C4087/24,0)+1,1))-1)+IF('Standard Profiles'!$G$20=$B$10,7,0)+IF('Standard Profiles'!$G$20=$B$17,14,0)+IF('Standard Profiles'!$G$20=$B$24,21,0),MOD($C4087,24)+1)/SUM(INDEX($D$3:$AA$30,INDEX(Jesper!$R$2:$R$366,ROW(INDEX(Jesper!AJ$2:AJ$366,ROUNDDOWN($C4087/24,0)+1,1))-1)+IF('Standard Profiles'!$G$20=$B$10,7,0)+IF('Standard Profiles'!$G$20=$B$17,14,0)+IF('Standard Profiles'!$G$20=$B$24,21,0),0)),0)</f>
        <v>1.0960287708440239</v>
      </c>
      <c r="G4087" cm="1">
        <f t="array" ref="G4087">IFERROR(INDEX(Jesper!AK$2:AK$366,ROUNDDOWN($C4087/24,0)+1,1)*INDEX($D$3:$AA$30,INDEX(Jesper!$R$2:$R$366,ROW(INDEX(Jesper!AK$2:AK$366,ROUNDDOWN($C4087/24,0)+1,1))-1)+IF('Standard Profiles'!$G$21=$B$10,7,0)+IF('Standard Profiles'!$G$21=$B$17,14,0)+IF('Standard Profiles'!$G$21=$B$24,21,0),MOD($C4087,24)+1)/SUM(INDEX($D$3:$AA$30,INDEX(Jesper!$R$2:$R$366,ROW(INDEX(Jesper!AK$2:AK$366,ROUNDDOWN($C4087/24,0)+1,1))-1)+IF('Standard Profiles'!$G$21=$B$10,7,0)+IF('Standard Profiles'!$G$21=$B$17,14,0)+IF('Standard Profiles'!$G$21=$B$24,21,0),0)),0)</f>
        <v>0.57173998801207526</v>
      </c>
      <c r="H4087" cm="1">
        <f t="array" ref="H4087">IFERROR(INDEX(Jesper!AL$2:AL$366,ROUNDDOWN($C4087/24,0)+1,1)*INDEX($D$3:$AA$30,INDEX(Jesper!$R$2:$R$366,ROW(INDEX(Jesper!AL$2:AL$366,ROUNDDOWN($C4087/24,0)+1,1))-1)+IF('Standard Profiles'!$G$22=$B$10,7,0)+IF('Standard Profiles'!$G$22=$B$17,14,0)+IF('Standard Profiles'!$G$22=$B$24,21,0),MOD($C4087,24)+1)/SUM(INDEX($D$3:$AA$30,INDEX(Jesper!$R$2:$R$366,ROW(INDEX(Jesper!AL$2:AL$366,ROUNDDOWN($C4087/24,0)+1,1))-1)+IF('Standard Profiles'!$G$22=$B$10,7,0)+IF('Standard Profiles'!$G$22=$B$17,14,0)+IF('Standard Profiles'!$G$22=$B$24,21,0),0)),0)</f>
        <v>0.11422333507355791</v>
      </c>
      <c r="I4087">
        <f t="shared" si="461"/>
        <v>0.10965440167061564</v>
      </c>
      <c r="J4087">
        <f t="shared" si="462"/>
        <v>4.0656893097028695</v>
      </c>
      <c r="K4087">
        <f t="shared" si="463"/>
        <v>0.21757741976762074</v>
      </c>
      <c r="L4087">
        <f t="shared" si="464"/>
        <v>0.10878870988381037</v>
      </c>
      <c r="M4087">
        <f t="shared" si="465"/>
        <v>0</v>
      </c>
      <c r="N4087" s="45">
        <f t="shared" si="466"/>
        <v>45095.87499999017</v>
      </c>
    </row>
    <row r="4088" spans="2:14" x14ac:dyDescent="0.25">
      <c r="B4088">
        <f t="shared" si="460"/>
        <v>7</v>
      </c>
      <c r="C4088" s="16">
        <v>4054</v>
      </c>
      <c r="D4088" cm="1">
        <f t="array" ref="D4088">IFERROR(INDEX(Jesper!AH$2:AH$366,ROUNDDOWN($C4088/24,0)+1,1)*INDEX($D$3:$AA$30,INDEX(Jesper!$R$2:$R$366,ROW(INDEX(Jesper!AH$2:AH$366,ROUNDDOWN($C4088/24,0)+1,1))-1)+IF('Standard Profiles'!$G$18=$B$10,7,0)+IF('Standard Profiles'!$G$18=$B$17,14,0)+IF('Standard Profiles'!$G$18=$B$24,21,0),MOD($C4088,24)+1)/SUM(INDEX($D$3:$AA$30,INDEX(Jesper!$R$2:$R$366,ROW(INDEX(Jesper!AH$2:AH$366,ROUNDDOWN($C4088/24,0)+1,1))-1)+IF('Standard Profiles'!$G$18=$B$10,7,0)+IF('Standard Profiles'!$G$18=$B$17,14,0)+IF('Standard Profiles'!$G$18=$B$24,21,0),0)),0)</f>
        <v>0</v>
      </c>
      <c r="E4088" cm="1">
        <f t="array" ref="E4088">IFERROR(INDEX(Jesper!AI$2:AI$366,ROUNDDOWN($C4088/24,0)+1,1)*INDEX($D$3:$AA$30,INDEX(Jesper!$R$2:$R$366,ROW(INDEX(Jesper!AI$2:AI$366,ROUNDDOWN($C4088/24,0)+1,1))-1)+IF('Standard Profiles'!$G$19=$B$10,7,0)+IF('Standard Profiles'!$G$19=$B$17,14,0)+IF('Standard Profiles'!$G$19=$B$24,21,0),MOD($C4088,24)+1)/SUM(INDEX($D$3:$AA$30,INDEX(Jesper!$R$2:$R$366,ROW(INDEX(Jesper!AI$2:AI$366,ROUNDDOWN($C4088/24,0)+1,1))-1)+IF('Standard Profiles'!$G$19=$B$10,7,0)+IF('Standard Profiles'!$G$19=$B$17,14,0)+IF('Standard Profiles'!$G$19=$B$24,21,0),0)),0)</f>
        <v>2.7197177470952592</v>
      </c>
      <c r="F4088" cm="1">
        <f t="array" ref="F4088">IFERROR(INDEX(Jesper!AJ$2:AJ$366,ROUNDDOWN($C4088/24,0)+1,1)*INDEX($D$3:$AA$30,INDEX(Jesper!$R$2:$R$366,ROW(INDEX(Jesper!AJ$2:AJ$366,ROUNDDOWN($C4088/24,0)+1,1))-1)+IF('Standard Profiles'!$G$20=$B$10,7,0)+IF('Standard Profiles'!$G$20=$B$17,14,0)+IF('Standard Profiles'!$G$20=$B$24,21,0),MOD($C4088,24)+1)/SUM(INDEX($D$3:$AA$30,INDEX(Jesper!$R$2:$R$366,ROW(INDEX(Jesper!AJ$2:AJ$366,ROUNDDOWN($C4088/24,0)+1,1))-1)+IF('Standard Profiles'!$G$20=$B$10,7,0)+IF('Standard Profiles'!$G$20=$B$17,14,0)+IF('Standard Profiles'!$G$20=$B$24,21,0),0)),0)</f>
        <v>1.0960287708440239</v>
      </c>
      <c r="G4088" cm="1">
        <f t="array" ref="G4088">IFERROR(INDEX(Jesper!AK$2:AK$366,ROUNDDOWN($C4088/24,0)+1,1)*INDEX($D$3:$AA$30,INDEX(Jesper!$R$2:$R$366,ROW(INDEX(Jesper!AK$2:AK$366,ROUNDDOWN($C4088/24,0)+1,1))-1)+IF('Standard Profiles'!$G$21=$B$10,7,0)+IF('Standard Profiles'!$G$21=$B$17,14,0)+IF('Standard Profiles'!$G$21=$B$24,21,0),MOD($C4088,24)+1)/SUM(INDEX($D$3:$AA$30,INDEX(Jesper!$R$2:$R$366,ROW(INDEX(Jesper!AK$2:AK$366,ROUNDDOWN($C4088/24,0)+1,1))-1)+IF('Standard Profiles'!$G$21=$B$10,7,0)+IF('Standard Profiles'!$G$21=$B$17,14,0)+IF('Standard Profiles'!$G$21=$B$24,21,0),0)),0)</f>
        <v>0.57173998801207526</v>
      </c>
      <c r="H4088" cm="1">
        <f t="array" ref="H4088">IFERROR(INDEX(Jesper!AL$2:AL$366,ROUNDDOWN($C4088/24,0)+1,1)*INDEX($D$3:$AA$30,INDEX(Jesper!$R$2:$R$366,ROW(INDEX(Jesper!AL$2:AL$366,ROUNDDOWN($C4088/24,0)+1,1))-1)+IF('Standard Profiles'!$G$22=$B$10,7,0)+IF('Standard Profiles'!$G$22=$B$17,14,0)+IF('Standard Profiles'!$G$22=$B$24,21,0),MOD($C4088,24)+1)/SUM(INDEX($D$3:$AA$30,INDEX(Jesper!$R$2:$R$366,ROW(INDEX(Jesper!AL$2:AL$366,ROUNDDOWN($C4088/24,0)+1,1))-1)+IF('Standard Profiles'!$G$22=$B$10,7,0)+IF('Standard Profiles'!$G$22=$B$17,14,0)+IF('Standard Profiles'!$G$22=$B$24,21,0),0)),0)</f>
        <v>0.11422333507355791</v>
      </c>
      <c r="I4088">
        <f t="shared" si="461"/>
        <v>0.10965440167061564</v>
      </c>
      <c r="J4088">
        <f t="shared" si="462"/>
        <v>4.0656893097028695</v>
      </c>
      <c r="K4088">
        <f t="shared" si="463"/>
        <v>0.21757741976762074</v>
      </c>
      <c r="L4088">
        <f t="shared" si="464"/>
        <v>0.10878870988381037</v>
      </c>
      <c r="M4088">
        <f t="shared" si="465"/>
        <v>0</v>
      </c>
      <c r="N4088" s="45">
        <f t="shared" si="466"/>
        <v>45095.916666656834</v>
      </c>
    </row>
    <row r="4089" spans="2:14" x14ac:dyDescent="0.25">
      <c r="B4089">
        <f t="shared" si="460"/>
        <v>7</v>
      </c>
      <c r="C4089" s="16">
        <v>4055</v>
      </c>
      <c r="D4089" cm="1">
        <f t="array" ref="D4089">IFERROR(INDEX(Jesper!AH$2:AH$366,ROUNDDOWN($C4089/24,0)+1,1)*INDEX($D$3:$AA$30,INDEX(Jesper!$R$2:$R$366,ROW(INDEX(Jesper!AH$2:AH$366,ROUNDDOWN($C4089/24,0)+1,1))-1)+IF('Standard Profiles'!$G$18=$B$10,7,0)+IF('Standard Profiles'!$G$18=$B$17,14,0)+IF('Standard Profiles'!$G$18=$B$24,21,0),MOD($C4089,24)+1)/SUM(INDEX($D$3:$AA$30,INDEX(Jesper!$R$2:$R$366,ROW(INDEX(Jesper!AH$2:AH$366,ROUNDDOWN($C4089/24,0)+1,1))-1)+IF('Standard Profiles'!$G$18=$B$10,7,0)+IF('Standard Profiles'!$G$18=$B$17,14,0)+IF('Standard Profiles'!$G$18=$B$24,21,0),0)),0)</f>
        <v>0</v>
      </c>
      <c r="E4089" cm="1">
        <f t="array" ref="E4089">IFERROR(INDEX(Jesper!AI$2:AI$366,ROUNDDOWN($C4089/24,0)+1,1)*INDEX($D$3:$AA$30,INDEX(Jesper!$R$2:$R$366,ROW(INDEX(Jesper!AI$2:AI$366,ROUNDDOWN($C4089/24,0)+1,1))-1)+IF('Standard Profiles'!$G$19=$B$10,7,0)+IF('Standard Profiles'!$G$19=$B$17,14,0)+IF('Standard Profiles'!$G$19=$B$24,21,0),MOD($C4089,24)+1)/SUM(INDEX($D$3:$AA$30,INDEX(Jesper!$R$2:$R$366,ROW(INDEX(Jesper!AI$2:AI$366,ROUNDDOWN($C4089/24,0)+1,1))-1)+IF('Standard Profiles'!$G$19=$B$10,7,0)+IF('Standard Profiles'!$G$19=$B$17,14,0)+IF('Standard Profiles'!$G$19=$B$24,21,0),0)),0)</f>
        <v>2.7197177470952592</v>
      </c>
      <c r="F4089" cm="1">
        <f t="array" ref="F4089">IFERROR(INDEX(Jesper!AJ$2:AJ$366,ROUNDDOWN($C4089/24,0)+1,1)*INDEX($D$3:$AA$30,INDEX(Jesper!$R$2:$R$366,ROW(INDEX(Jesper!AJ$2:AJ$366,ROUNDDOWN($C4089/24,0)+1,1))-1)+IF('Standard Profiles'!$G$20=$B$10,7,0)+IF('Standard Profiles'!$G$20=$B$17,14,0)+IF('Standard Profiles'!$G$20=$B$24,21,0),MOD($C4089,24)+1)/SUM(INDEX($D$3:$AA$30,INDEX(Jesper!$R$2:$R$366,ROW(INDEX(Jesper!AJ$2:AJ$366,ROUNDDOWN($C4089/24,0)+1,1))-1)+IF('Standard Profiles'!$G$20=$B$10,7,0)+IF('Standard Profiles'!$G$20=$B$17,14,0)+IF('Standard Profiles'!$G$20=$B$24,21,0),0)),0)</f>
        <v>1.0960287708440239</v>
      </c>
      <c r="G4089" cm="1">
        <f t="array" ref="G4089">IFERROR(INDEX(Jesper!AK$2:AK$366,ROUNDDOWN($C4089/24,0)+1,1)*INDEX($D$3:$AA$30,INDEX(Jesper!$R$2:$R$366,ROW(INDEX(Jesper!AK$2:AK$366,ROUNDDOWN($C4089/24,0)+1,1))-1)+IF('Standard Profiles'!$G$21=$B$10,7,0)+IF('Standard Profiles'!$G$21=$B$17,14,0)+IF('Standard Profiles'!$G$21=$B$24,21,0),MOD($C4089,24)+1)/SUM(INDEX($D$3:$AA$30,INDEX(Jesper!$R$2:$R$366,ROW(INDEX(Jesper!AK$2:AK$366,ROUNDDOWN($C4089/24,0)+1,1))-1)+IF('Standard Profiles'!$G$21=$B$10,7,0)+IF('Standard Profiles'!$G$21=$B$17,14,0)+IF('Standard Profiles'!$G$21=$B$24,21,0),0)),0)</f>
        <v>0.57173998801207526</v>
      </c>
      <c r="H4089" cm="1">
        <f t="array" ref="H4089">IFERROR(INDEX(Jesper!AL$2:AL$366,ROUNDDOWN($C4089/24,0)+1,1)*INDEX($D$3:$AA$30,INDEX(Jesper!$R$2:$R$366,ROW(INDEX(Jesper!AL$2:AL$366,ROUNDDOWN($C4089/24,0)+1,1))-1)+IF('Standard Profiles'!$G$22=$B$10,7,0)+IF('Standard Profiles'!$G$22=$B$17,14,0)+IF('Standard Profiles'!$G$22=$B$24,21,0),MOD($C4089,24)+1)/SUM(INDEX($D$3:$AA$30,INDEX(Jesper!$R$2:$R$366,ROW(INDEX(Jesper!AL$2:AL$366,ROUNDDOWN($C4089/24,0)+1,1))-1)+IF('Standard Profiles'!$G$22=$B$10,7,0)+IF('Standard Profiles'!$G$22=$B$17,14,0)+IF('Standard Profiles'!$G$22=$B$24,21,0),0)),0)</f>
        <v>0.11422333507355791</v>
      </c>
      <c r="I4089">
        <f t="shared" si="461"/>
        <v>0.10965440167061564</v>
      </c>
      <c r="J4089">
        <f t="shared" si="462"/>
        <v>4.0656893097028695</v>
      </c>
      <c r="K4089">
        <f t="shared" si="463"/>
        <v>0.21757741976762074</v>
      </c>
      <c r="L4089">
        <f t="shared" si="464"/>
        <v>0.10878870988381037</v>
      </c>
      <c r="M4089">
        <f t="shared" si="465"/>
        <v>0</v>
      </c>
      <c r="N4089" s="45">
        <f t="shared" si="466"/>
        <v>45095.958333323499</v>
      </c>
    </row>
    <row r="4090" spans="2:14" x14ac:dyDescent="0.25">
      <c r="B4090">
        <f t="shared" si="460"/>
        <v>1</v>
      </c>
      <c r="C4090" s="16">
        <v>4056</v>
      </c>
      <c r="D4090" cm="1">
        <f t="array" ref="D4090">IFERROR(INDEX(Jesper!AH$2:AH$366,ROUNDDOWN($C4090/24,0)+1,1)*INDEX($D$3:$AA$30,INDEX(Jesper!$R$2:$R$366,ROW(INDEX(Jesper!AH$2:AH$366,ROUNDDOWN($C4090/24,0)+1,1))-1)+IF('Standard Profiles'!$G$18=$B$10,7,0)+IF('Standard Profiles'!$G$18=$B$17,14,0)+IF('Standard Profiles'!$G$18=$B$24,21,0),MOD($C4090,24)+1)/SUM(INDEX($D$3:$AA$30,INDEX(Jesper!$R$2:$R$366,ROW(INDEX(Jesper!AH$2:AH$366,ROUNDDOWN($C4090/24,0)+1,1))-1)+IF('Standard Profiles'!$G$18=$B$10,7,0)+IF('Standard Profiles'!$G$18=$B$17,14,0)+IF('Standard Profiles'!$G$18=$B$24,21,0),0)),0)</f>
        <v>5.030313543824243</v>
      </c>
      <c r="E4090" cm="1">
        <f t="array" ref="E4090">IFERROR(INDEX(Jesper!AI$2:AI$366,ROUNDDOWN($C4090/24,0)+1,1)*INDEX($D$3:$AA$30,INDEX(Jesper!$R$2:$R$366,ROW(INDEX(Jesper!AI$2:AI$366,ROUNDDOWN($C4090/24,0)+1,1))-1)+IF('Standard Profiles'!$G$19=$B$10,7,0)+IF('Standard Profiles'!$G$19=$B$17,14,0)+IF('Standard Profiles'!$G$19=$B$24,21,0),MOD($C4090,24)+1)/SUM(INDEX($D$3:$AA$30,INDEX(Jesper!$R$2:$R$366,ROW(INDEX(Jesper!AI$2:AI$366,ROUNDDOWN($C4090/24,0)+1,1))-1)+IF('Standard Profiles'!$G$19=$B$10,7,0)+IF('Standard Profiles'!$G$19=$B$17,14,0)+IF('Standard Profiles'!$G$19=$B$24,21,0),0)),0)</f>
        <v>1.9894581289267887</v>
      </c>
      <c r="F4090" cm="1">
        <f t="array" ref="F4090">IFERROR(INDEX(Jesper!AJ$2:AJ$366,ROUNDDOWN($C4090/24,0)+1,1)*INDEX($D$3:$AA$30,INDEX(Jesper!$R$2:$R$366,ROW(INDEX(Jesper!AJ$2:AJ$366,ROUNDDOWN($C4090/24,0)+1,1))-1)+IF('Standard Profiles'!$G$20=$B$10,7,0)+IF('Standard Profiles'!$G$20=$B$17,14,0)+IF('Standard Profiles'!$G$20=$B$24,21,0),MOD($C4090,24)+1)/SUM(INDEX($D$3:$AA$30,INDEX(Jesper!$R$2:$R$366,ROW(INDEX(Jesper!AJ$2:AJ$366,ROUNDDOWN($C4090/24,0)+1,1))-1)+IF('Standard Profiles'!$G$20=$B$10,7,0)+IF('Standard Profiles'!$G$20=$B$17,14,0)+IF('Standard Profiles'!$G$20=$B$24,21,0),0)),0)</f>
        <v>0</v>
      </c>
      <c r="G4090" cm="1">
        <f t="array" ref="G4090">IFERROR(INDEX(Jesper!AK$2:AK$366,ROUNDDOWN($C4090/24,0)+1,1)*INDEX($D$3:$AA$30,INDEX(Jesper!$R$2:$R$366,ROW(INDEX(Jesper!AK$2:AK$366,ROUNDDOWN($C4090/24,0)+1,1))-1)+IF('Standard Profiles'!$G$21=$B$10,7,0)+IF('Standard Profiles'!$G$21=$B$17,14,0)+IF('Standard Profiles'!$G$21=$B$24,21,0),MOD($C4090,24)+1)/SUM(INDEX($D$3:$AA$30,INDEX(Jesper!$R$2:$R$366,ROW(INDEX(Jesper!AK$2:AK$366,ROUNDDOWN($C4090/24,0)+1,1))-1)+IF('Standard Profiles'!$G$21=$B$10,7,0)+IF('Standard Profiles'!$G$21=$B$17,14,0)+IF('Standard Profiles'!$G$21=$B$24,21,0),0)),0)</f>
        <v>0</v>
      </c>
      <c r="H4090" cm="1">
        <f t="array" ref="H4090">IFERROR(INDEX(Jesper!AL$2:AL$366,ROUNDDOWN($C4090/24,0)+1,1)*INDEX($D$3:$AA$30,INDEX(Jesper!$R$2:$R$366,ROW(INDEX(Jesper!AL$2:AL$366,ROUNDDOWN($C4090/24,0)+1,1))-1)+IF('Standard Profiles'!$G$22=$B$10,7,0)+IF('Standard Profiles'!$G$22=$B$17,14,0)+IF('Standard Profiles'!$G$22=$B$24,21,0),MOD($C4090,24)+1)/SUM(INDEX($D$3:$AA$30,INDEX(Jesper!$R$2:$R$366,ROW(INDEX(Jesper!AL$2:AL$366,ROUNDDOWN($C4090/24,0)+1,1))-1)+IF('Standard Profiles'!$G$22=$B$10,7,0)+IF('Standard Profiles'!$G$22=$B$17,14,0)+IF('Standard Profiles'!$G$22=$B$24,21,0),0)),0)</f>
        <v>0</v>
      </c>
      <c r="I4090">
        <f t="shared" si="461"/>
        <v>0</v>
      </c>
      <c r="J4090">
        <f t="shared" si="462"/>
        <v>6.2149215057391523</v>
      </c>
      <c r="K4090">
        <f t="shared" si="463"/>
        <v>0.5365667780079193</v>
      </c>
      <c r="L4090">
        <f t="shared" si="464"/>
        <v>0.26828338900395965</v>
      </c>
      <c r="M4090">
        <f t="shared" si="465"/>
        <v>0</v>
      </c>
      <c r="N4090" s="45">
        <f t="shared" si="466"/>
        <v>45095.999999990163</v>
      </c>
    </row>
    <row r="4091" spans="2:14" x14ac:dyDescent="0.25">
      <c r="B4091">
        <f t="shared" si="460"/>
        <v>1</v>
      </c>
      <c r="C4091" s="16">
        <v>4057</v>
      </c>
      <c r="D4091" cm="1">
        <f t="array" ref="D4091">IFERROR(INDEX(Jesper!AH$2:AH$366,ROUNDDOWN($C4091/24,0)+1,1)*INDEX($D$3:$AA$30,INDEX(Jesper!$R$2:$R$366,ROW(INDEX(Jesper!AH$2:AH$366,ROUNDDOWN($C4091/24,0)+1,1))-1)+IF('Standard Profiles'!$G$18=$B$10,7,0)+IF('Standard Profiles'!$G$18=$B$17,14,0)+IF('Standard Profiles'!$G$18=$B$24,21,0),MOD($C4091,24)+1)/SUM(INDEX($D$3:$AA$30,INDEX(Jesper!$R$2:$R$366,ROW(INDEX(Jesper!AH$2:AH$366,ROUNDDOWN($C4091/24,0)+1,1))-1)+IF('Standard Profiles'!$G$18=$B$10,7,0)+IF('Standard Profiles'!$G$18=$B$17,14,0)+IF('Standard Profiles'!$G$18=$B$24,21,0),0)),0)</f>
        <v>5.030313543824243</v>
      </c>
      <c r="E4091" cm="1">
        <f t="array" ref="E4091">IFERROR(INDEX(Jesper!AI$2:AI$366,ROUNDDOWN($C4091/24,0)+1,1)*INDEX($D$3:$AA$30,INDEX(Jesper!$R$2:$R$366,ROW(INDEX(Jesper!AI$2:AI$366,ROUNDDOWN($C4091/24,0)+1,1))-1)+IF('Standard Profiles'!$G$19=$B$10,7,0)+IF('Standard Profiles'!$G$19=$B$17,14,0)+IF('Standard Profiles'!$G$19=$B$24,21,0),MOD($C4091,24)+1)/SUM(INDEX($D$3:$AA$30,INDEX(Jesper!$R$2:$R$366,ROW(INDEX(Jesper!AI$2:AI$366,ROUNDDOWN($C4091/24,0)+1,1))-1)+IF('Standard Profiles'!$G$19=$B$10,7,0)+IF('Standard Profiles'!$G$19=$B$17,14,0)+IF('Standard Profiles'!$G$19=$B$24,21,0),0)),0)</f>
        <v>1.9894581289267887</v>
      </c>
      <c r="F4091" cm="1">
        <f t="array" ref="F4091">IFERROR(INDEX(Jesper!AJ$2:AJ$366,ROUNDDOWN($C4091/24,0)+1,1)*INDEX($D$3:$AA$30,INDEX(Jesper!$R$2:$R$366,ROW(INDEX(Jesper!AJ$2:AJ$366,ROUNDDOWN($C4091/24,0)+1,1))-1)+IF('Standard Profiles'!$G$20=$B$10,7,0)+IF('Standard Profiles'!$G$20=$B$17,14,0)+IF('Standard Profiles'!$G$20=$B$24,21,0),MOD($C4091,24)+1)/SUM(INDEX($D$3:$AA$30,INDEX(Jesper!$R$2:$R$366,ROW(INDEX(Jesper!AJ$2:AJ$366,ROUNDDOWN($C4091/24,0)+1,1))-1)+IF('Standard Profiles'!$G$20=$B$10,7,0)+IF('Standard Profiles'!$G$20=$B$17,14,0)+IF('Standard Profiles'!$G$20=$B$24,21,0),0)),0)</f>
        <v>0</v>
      </c>
      <c r="G4091" cm="1">
        <f t="array" ref="G4091">IFERROR(INDEX(Jesper!AK$2:AK$366,ROUNDDOWN($C4091/24,0)+1,1)*INDEX($D$3:$AA$30,INDEX(Jesper!$R$2:$R$366,ROW(INDEX(Jesper!AK$2:AK$366,ROUNDDOWN($C4091/24,0)+1,1))-1)+IF('Standard Profiles'!$G$21=$B$10,7,0)+IF('Standard Profiles'!$G$21=$B$17,14,0)+IF('Standard Profiles'!$G$21=$B$24,21,0),MOD($C4091,24)+1)/SUM(INDEX($D$3:$AA$30,INDEX(Jesper!$R$2:$R$366,ROW(INDEX(Jesper!AK$2:AK$366,ROUNDDOWN($C4091/24,0)+1,1))-1)+IF('Standard Profiles'!$G$21=$B$10,7,0)+IF('Standard Profiles'!$G$21=$B$17,14,0)+IF('Standard Profiles'!$G$21=$B$24,21,0),0)),0)</f>
        <v>0</v>
      </c>
      <c r="H4091" cm="1">
        <f t="array" ref="H4091">IFERROR(INDEX(Jesper!AL$2:AL$366,ROUNDDOWN($C4091/24,0)+1,1)*INDEX($D$3:$AA$30,INDEX(Jesper!$R$2:$R$366,ROW(INDEX(Jesper!AL$2:AL$366,ROUNDDOWN($C4091/24,0)+1,1))-1)+IF('Standard Profiles'!$G$22=$B$10,7,0)+IF('Standard Profiles'!$G$22=$B$17,14,0)+IF('Standard Profiles'!$G$22=$B$24,21,0),MOD($C4091,24)+1)/SUM(INDEX($D$3:$AA$30,INDEX(Jesper!$R$2:$R$366,ROW(INDEX(Jesper!AL$2:AL$366,ROUNDDOWN($C4091/24,0)+1,1))-1)+IF('Standard Profiles'!$G$22=$B$10,7,0)+IF('Standard Profiles'!$G$22=$B$17,14,0)+IF('Standard Profiles'!$G$22=$B$24,21,0),0)),0)</f>
        <v>0</v>
      </c>
      <c r="I4091">
        <f t="shared" si="461"/>
        <v>0</v>
      </c>
      <c r="J4091">
        <f t="shared" si="462"/>
        <v>6.2149215057391523</v>
      </c>
      <c r="K4091">
        <f t="shared" si="463"/>
        <v>0.5365667780079193</v>
      </c>
      <c r="L4091">
        <f t="shared" si="464"/>
        <v>0.26828338900395965</v>
      </c>
      <c r="M4091">
        <f t="shared" si="465"/>
        <v>0</v>
      </c>
      <c r="N4091" s="45">
        <f t="shared" si="466"/>
        <v>45096.041666656827</v>
      </c>
    </row>
    <row r="4092" spans="2:14" x14ac:dyDescent="0.25">
      <c r="B4092">
        <f t="shared" si="460"/>
        <v>1</v>
      </c>
      <c r="C4092" s="16">
        <v>4058</v>
      </c>
      <c r="D4092" cm="1">
        <f t="array" ref="D4092">IFERROR(INDEX(Jesper!AH$2:AH$366,ROUNDDOWN($C4092/24,0)+1,1)*INDEX($D$3:$AA$30,INDEX(Jesper!$R$2:$R$366,ROW(INDEX(Jesper!AH$2:AH$366,ROUNDDOWN($C4092/24,0)+1,1))-1)+IF('Standard Profiles'!$G$18=$B$10,7,0)+IF('Standard Profiles'!$G$18=$B$17,14,0)+IF('Standard Profiles'!$G$18=$B$24,21,0),MOD($C4092,24)+1)/SUM(INDEX($D$3:$AA$30,INDEX(Jesper!$R$2:$R$366,ROW(INDEX(Jesper!AH$2:AH$366,ROUNDDOWN($C4092/24,0)+1,1))-1)+IF('Standard Profiles'!$G$18=$B$10,7,0)+IF('Standard Profiles'!$G$18=$B$17,14,0)+IF('Standard Profiles'!$G$18=$B$24,21,0),0)),0)</f>
        <v>5.030313543824243</v>
      </c>
      <c r="E4092" cm="1">
        <f t="array" ref="E4092">IFERROR(INDEX(Jesper!AI$2:AI$366,ROUNDDOWN($C4092/24,0)+1,1)*INDEX($D$3:$AA$30,INDEX(Jesper!$R$2:$R$366,ROW(INDEX(Jesper!AI$2:AI$366,ROUNDDOWN($C4092/24,0)+1,1))-1)+IF('Standard Profiles'!$G$19=$B$10,7,0)+IF('Standard Profiles'!$G$19=$B$17,14,0)+IF('Standard Profiles'!$G$19=$B$24,21,0),MOD($C4092,24)+1)/SUM(INDEX($D$3:$AA$30,INDEX(Jesper!$R$2:$R$366,ROW(INDEX(Jesper!AI$2:AI$366,ROUNDDOWN($C4092/24,0)+1,1))-1)+IF('Standard Profiles'!$G$19=$B$10,7,0)+IF('Standard Profiles'!$G$19=$B$17,14,0)+IF('Standard Profiles'!$G$19=$B$24,21,0),0)),0)</f>
        <v>1.9894581289267887</v>
      </c>
      <c r="F4092" cm="1">
        <f t="array" ref="F4092">IFERROR(INDEX(Jesper!AJ$2:AJ$366,ROUNDDOWN($C4092/24,0)+1,1)*INDEX($D$3:$AA$30,INDEX(Jesper!$R$2:$R$366,ROW(INDEX(Jesper!AJ$2:AJ$366,ROUNDDOWN($C4092/24,0)+1,1))-1)+IF('Standard Profiles'!$G$20=$B$10,7,0)+IF('Standard Profiles'!$G$20=$B$17,14,0)+IF('Standard Profiles'!$G$20=$B$24,21,0),MOD($C4092,24)+1)/SUM(INDEX($D$3:$AA$30,INDEX(Jesper!$R$2:$R$366,ROW(INDEX(Jesper!AJ$2:AJ$366,ROUNDDOWN($C4092/24,0)+1,1))-1)+IF('Standard Profiles'!$G$20=$B$10,7,0)+IF('Standard Profiles'!$G$20=$B$17,14,0)+IF('Standard Profiles'!$G$20=$B$24,21,0),0)),0)</f>
        <v>0</v>
      </c>
      <c r="G4092" cm="1">
        <f t="array" ref="G4092">IFERROR(INDEX(Jesper!AK$2:AK$366,ROUNDDOWN($C4092/24,0)+1,1)*INDEX($D$3:$AA$30,INDEX(Jesper!$R$2:$R$366,ROW(INDEX(Jesper!AK$2:AK$366,ROUNDDOWN($C4092/24,0)+1,1))-1)+IF('Standard Profiles'!$G$21=$B$10,7,0)+IF('Standard Profiles'!$G$21=$B$17,14,0)+IF('Standard Profiles'!$G$21=$B$24,21,0),MOD($C4092,24)+1)/SUM(INDEX($D$3:$AA$30,INDEX(Jesper!$R$2:$R$366,ROW(INDEX(Jesper!AK$2:AK$366,ROUNDDOWN($C4092/24,0)+1,1))-1)+IF('Standard Profiles'!$G$21=$B$10,7,0)+IF('Standard Profiles'!$G$21=$B$17,14,0)+IF('Standard Profiles'!$G$21=$B$24,21,0),0)),0)</f>
        <v>0</v>
      </c>
      <c r="H4092" cm="1">
        <f t="array" ref="H4092">IFERROR(INDEX(Jesper!AL$2:AL$366,ROUNDDOWN($C4092/24,0)+1,1)*INDEX($D$3:$AA$30,INDEX(Jesper!$R$2:$R$366,ROW(INDEX(Jesper!AL$2:AL$366,ROUNDDOWN($C4092/24,0)+1,1))-1)+IF('Standard Profiles'!$G$22=$B$10,7,0)+IF('Standard Profiles'!$G$22=$B$17,14,0)+IF('Standard Profiles'!$G$22=$B$24,21,0),MOD($C4092,24)+1)/SUM(INDEX($D$3:$AA$30,INDEX(Jesper!$R$2:$R$366,ROW(INDEX(Jesper!AL$2:AL$366,ROUNDDOWN($C4092/24,0)+1,1))-1)+IF('Standard Profiles'!$G$22=$B$10,7,0)+IF('Standard Profiles'!$G$22=$B$17,14,0)+IF('Standard Profiles'!$G$22=$B$24,21,0),0)),0)</f>
        <v>0</v>
      </c>
      <c r="I4092">
        <f t="shared" si="461"/>
        <v>0</v>
      </c>
      <c r="J4092">
        <f t="shared" si="462"/>
        <v>6.2149215057391523</v>
      </c>
      <c r="K4092">
        <f t="shared" si="463"/>
        <v>0.5365667780079193</v>
      </c>
      <c r="L4092">
        <f t="shared" si="464"/>
        <v>0.26828338900395965</v>
      </c>
      <c r="M4092">
        <f t="shared" si="465"/>
        <v>0</v>
      </c>
      <c r="N4092" s="45">
        <f t="shared" si="466"/>
        <v>45096.083333323491</v>
      </c>
    </row>
    <row r="4093" spans="2:14" x14ac:dyDescent="0.25">
      <c r="B4093">
        <f t="shared" si="460"/>
        <v>1</v>
      </c>
      <c r="C4093" s="16">
        <v>4059</v>
      </c>
      <c r="D4093" cm="1">
        <f t="array" ref="D4093">IFERROR(INDEX(Jesper!AH$2:AH$366,ROUNDDOWN($C4093/24,0)+1,1)*INDEX($D$3:$AA$30,INDEX(Jesper!$R$2:$R$366,ROW(INDEX(Jesper!AH$2:AH$366,ROUNDDOWN($C4093/24,0)+1,1))-1)+IF('Standard Profiles'!$G$18=$B$10,7,0)+IF('Standard Profiles'!$G$18=$B$17,14,0)+IF('Standard Profiles'!$G$18=$B$24,21,0),MOD($C4093,24)+1)/SUM(INDEX($D$3:$AA$30,INDEX(Jesper!$R$2:$R$366,ROW(INDEX(Jesper!AH$2:AH$366,ROUNDDOWN($C4093/24,0)+1,1))-1)+IF('Standard Profiles'!$G$18=$B$10,7,0)+IF('Standard Profiles'!$G$18=$B$17,14,0)+IF('Standard Profiles'!$G$18=$B$24,21,0),0)),0)</f>
        <v>5.030313543824243</v>
      </c>
      <c r="E4093" cm="1">
        <f t="array" ref="E4093">IFERROR(INDEX(Jesper!AI$2:AI$366,ROUNDDOWN($C4093/24,0)+1,1)*INDEX($D$3:$AA$30,INDEX(Jesper!$R$2:$R$366,ROW(INDEX(Jesper!AI$2:AI$366,ROUNDDOWN($C4093/24,0)+1,1))-1)+IF('Standard Profiles'!$G$19=$B$10,7,0)+IF('Standard Profiles'!$G$19=$B$17,14,0)+IF('Standard Profiles'!$G$19=$B$24,21,0),MOD($C4093,24)+1)/SUM(INDEX($D$3:$AA$30,INDEX(Jesper!$R$2:$R$366,ROW(INDEX(Jesper!AI$2:AI$366,ROUNDDOWN($C4093/24,0)+1,1))-1)+IF('Standard Profiles'!$G$19=$B$10,7,0)+IF('Standard Profiles'!$G$19=$B$17,14,0)+IF('Standard Profiles'!$G$19=$B$24,21,0),0)),0)</f>
        <v>1.9894581289267887</v>
      </c>
      <c r="F4093" cm="1">
        <f t="array" ref="F4093">IFERROR(INDEX(Jesper!AJ$2:AJ$366,ROUNDDOWN($C4093/24,0)+1,1)*INDEX($D$3:$AA$30,INDEX(Jesper!$R$2:$R$366,ROW(INDEX(Jesper!AJ$2:AJ$366,ROUNDDOWN($C4093/24,0)+1,1))-1)+IF('Standard Profiles'!$G$20=$B$10,7,0)+IF('Standard Profiles'!$G$20=$B$17,14,0)+IF('Standard Profiles'!$G$20=$B$24,21,0),MOD($C4093,24)+1)/SUM(INDEX($D$3:$AA$30,INDEX(Jesper!$R$2:$R$366,ROW(INDEX(Jesper!AJ$2:AJ$366,ROUNDDOWN($C4093/24,0)+1,1))-1)+IF('Standard Profiles'!$G$20=$B$10,7,0)+IF('Standard Profiles'!$G$20=$B$17,14,0)+IF('Standard Profiles'!$G$20=$B$24,21,0),0)),0)</f>
        <v>0</v>
      </c>
      <c r="G4093" cm="1">
        <f t="array" ref="G4093">IFERROR(INDEX(Jesper!AK$2:AK$366,ROUNDDOWN($C4093/24,0)+1,1)*INDEX($D$3:$AA$30,INDEX(Jesper!$R$2:$R$366,ROW(INDEX(Jesper!AK$2:AK$366,ROUNDDOWN($C4093/24,0)+1,1))-1)+IF('Standard Profiles'!$G$21=$B$10,7,0)+IF('Standard Profiles'!$G$21=$B$17,14,0)+IF('Standard Profiles'!$G$21=$B$24,21,0),MOD($C4093,24)+1)/SUM(INDEX($D$3:$AA$30,INDEX(Jesper!$R$2:$R$366,ROW(INDEX(Jesper!AK$2:AK$366,ROUNDDOWN($C4093/24,0)+1,1))-1)+IF('Standard Profiles'!$G$21=$B$10,7,0)+IF('Standard Profiles'!$G$21=$B$17,14,0)+IF('Standard Profiles'!$G$21=$B$24,21,0),0)),0)</f>
        <v>0</v>
      </c>
      <c r="H4093" cm="1">
        <f t="array" ref="H4093">IFERROR(INDEX(Jesper!AL$2:AL$366,ROUNDDOWN($C4093/24,0)+1,1)*INDEX($D$3:$AA$30,INDEX(Jesper!$R$2:$R$366,ROW(INDEX(Jesper!AL$2:AL$366,ROUNDDOWN($C4093/24,0)+1,1))-1)+IF('Standard Profiles'!$G$22=$B$10,7,0)+IF('Standard Profiles'!$G$22=$B$17,14,0)+IF('Standard Profiles'!$G$22=$B$24,21,0),MOD($C4093,24)+1)/SUM(INDEX($D$3:$AA$30,INDEX(Jesper!$R$2:$R$366,ROW(INDEX(Jesper!AL$2:AL$366,ROUNDDOWN($C4093/24,0)+1,1))-1)+IF('Standard Profiles'!$G$22=$B$10,7,0)+IF('Standard Profiles'!$G$22=$B$17,14,0)+IF('Standard Profiles'!$G$22=$B$24,21,0),0)),0)</f>
        <v>0</v>
      </c>
      <c r="I4093">
        <f t="shared" si="461"/>
        <v>0</v>
      </c>
      <c r="J4093">
        <f t="shared" si="462"/>
        <v>6.2149215057391523</v>
      </c>
      <c r="K4093">
        <f t="shared" si="463"/>
        <v>0.5365667780079193</v>
      </c>
      <c r="L4093">
        <f t="shared" si="464"/>
        <v>0.26828338900395965</v>
      </c>
      <c r="M4093">
        <f t="shared" si="465"/>
        <v>0</v>
      </c>
      <c r="N4093" s="45">
        <f t="shared" si="466"/>
        <v>45096.124999990156</v>
      </c>
    </row>
    <row r="4094" spans="2:14" x14ac:dyDescent="0.25">
      <c r="B4094">
        <f t="shared" si="460"/>
        <v>1</v>
      </c>
      <c r="C4094" s="16">
        <v>4060</v>
      </c>
      <c r="D4094" cm="1">
        <f t="array" ref="D4094">IFERROR(INDEX(Jesper!AH$2:AH$366,ROUNDDOWN($C4094/24,0)+1,1)*INDEX($D$3:$AA$30,INDEX(Jesper!$R$2:$R$366,ROW(INDEX(Jesper!AH$2:AH$366,ROUNDDOWN($C4094/24,0)+1,1))-1)+IF('Standard Profiles'!$G$18=$B$10,7,0)+IF('Standard Profiles'!$G$18=$B$17,14,0)+IF('Standard Profiles'!$G$18=$B$24,21,0),MOD($C4094,24)+1)/SUM(INDEX($D$3:$AA$30,INDEX(Jesper!$R$2:$R$366,ROW(INDEX(Jesper!AH$2:AH$366,ROUNDDOWN($C4094/24,0)+1,1))-1)+IF('Standard Profiles'!$G$18=$B$10,7,0)+IF('Standard Profiles'!$G$18=$B$17,14,0)+IF('Standard Profiles'!$G$18=$B$24,21,0),0)),0)</f>
        <v>5.030313543824243</v>
      </c>
      <c r="E4094" cm="1">
        <f t="array" ref="E4094">IFERROR(INDEX(Jesper!AI$2:AI$366,ROUNDDOWN($C4094/24,0)+1,1)*INDEX($D$3:$AA$30,INDEX(Jesper!$R$2:$R$366,ROW(INDEX(Jesper!AI$2:AI$366,ROUNDDOWN($C4094/24,0)+1,1))-1)+IF('Standard Profiles'!$G$19=$B$10,7,0)+IF('Standard Profiles'!$G$19=$B$17,14,0)+IF('Standard Profiles'!$G$19=$B$24,21,0),MOD($C4094,24)+1)/SUM(INDEX($D$3:$AA$30,INDEX(Jesper!$R$2:$R$366,ROW(INDEX(Jesper!AI$2:AI$366,ROUNDDOWN($C4094/24,0)+1,1))-1)+IF('Standard Profiles'!$G$19=$B$10,7,0)+IF('Standard Profiles'!$G$19=$B$17,14,0)+IF('Standard Profiles'!$G$19=$B$24,21,0),0)),0)</f>
        <v>1.9894581289267887</v>
      </c>
      <c r="F4094" cm="1">
        <f t="array" ref="F4094">IFERROR(INDEX(Jesper!AJ$2:AJ$366,ROUNDDOWN($C4094/24,0)+1,1)*INDEX($D$3:$AA$30,INDEX(Jesper!$R$2:$R$366,ROW(INDEX(Jesper!AJ$2:AJ$366,ROUNDDOWN($C4094/24,0)+1,1))-1)+IF('Standard Profiles'!$G$20=$B$10,7,0)+IF('Standard Profiles'!$G$20=$B$17,14,0)+IF('Standard Profiles'!$G$20=$B$24,21,0),MOD($C4094,24)+1)/SUM(INDEX($D$3:$AA$30,INDEX(Jesper!$R$2:$R$366,ROW(INDEX(Jesper!AJ$2:AJ$366,ROUNDDOWN($C4094/24,0)+1,1))-1)+IF('Standard Profiles'!$G$20=$B$10,7,0)+IF('Standard Profiles'!$G$20=$B$17,14,0)+IF('Standard Profiles'!$G$20=$B$24,21,0),0)),0)</f>
        <v>0</v>
      </c>
      <c r="G4094" cm="1">
        <f t="array" ref="G4094">IFERROR(INDEX(Jesper!AK$2:AK$366,ROUNDDOWN($C4094/24,0)+1,1)*INDEX($D$3:$AA$30,INDEX(Jesper!$R$2:$R$366,ROW(INDEX(Jesper!AK$2:AK$366,ROUNDDOWN($C4094/24,0)+1,1))-1)+IF('Standard Profiles'!$G$21=$B$10,7,0)+IF('Standard Profiles'!$G$21=$B$17,14,0)+IF('Standard Profiles'!$G$21=$B$24,21,0),MOD($C4094,24)+1)/SUM(INDEX($D$3:$AA$30,INDEX(Jesper!$R$2:$R$366,ROW(INDEX(Jesper!AK$2:AK$366,ROUNDDOWN($C4094/24,0)+1,1))-1)+IF('Standard Profiles'!$G$21=$B$10,7,0)+IF('Standard Profiles'!$G$21=$B$17,14,0)+IF('Standard Profiles'!$G$21=$B$24,21,0),0)),0)</f>
        <v>0</v>
      </c>
      <c r="H4094" cm="1">
        <f t="array" ref="H4094">IFERROR(INDEX(Jesper!AL$2:AL$366,ROUNDDOWN($C4094/24,0)+1,1)*INDEX($D$3:$AA$30,INDEX(Jesper!$R$2:$R$366,ROW(INDEX(Jesper!AL$2:AL$366,ROUNDDOWN($C4094/24,0)+1,1))-1)+IF('Standard Profiles'!$G$22=$B$10,7,0)+IF('Standard Profiles'!$G$22=$B$17,14,0)+IF('Standard Profiles'!$G$22=$B$24,21,0),MOD($C4094,24)+1)/SUM(INDEX($D$3:$AA$30,INDEX(Jesper!$R$2:$R$366,ROW(INDEX(Jesper!AL$2:AL$366,ROUNDDOWN($C4094/24,0)+1,1))-1)+IF('Standard Profiles'!$G$22=$B$10,7,0)+IF('Standard Profiles'!$G$22=$B$17,14,0)+IF('Standard Profiles'!$G$22=$B$24,21,0),0)),0)</f>
        <v>0</v>
      </c>
      <c r="I4094">
        <f t="shared" si="461"/>
        <v>0</v>
      </c>
      <c r="J4094">
        <f t="shared" si="462"/>
        <v>6.2149215057391523</v>
      </c>
      <c r="K4094">
        <f t="shared" si="463"/>
        <v>0.5365667780079193</v>
      </c>
      <c r="L4094">
        <f t="shared" si="464"/>
        <v>0.26828338900395965</v>
      </c>
      <c r="M4094">
        <f t="shared" si="465"/>
        <v>0</v>
      </c>
      <c r="N4094" s="45">
        <f t="shared" si="466"/>
        <v>45096.16666665682</v>
      </c>
    </row>
    <row r="4095" spans="2:14" x14ac:dyDescent="0.25">
      <c r="B4095">
        <f t="shared" si="460"/>
        <v>1</v>
      </c>
      <c r="C4095" s="16">
        <v>4061</v>
      </c>
      <c r="D4095" cm="1">
        <f t="array" ref="D4095">IFERROR(INDEX(Jesper!AH$2:AH$366,ROUNDDOWN($C4095/24,0)+1,1)*INDEX($D$3:$AA$30,INDEX(Jesper!$R$2:$R$366,ROW(INDEX(Jesper!AH$2:AH$366,ROUNDDOWN($C4095/24,0)+1,1))-1)+IF('Standard Profiles'!$G$18=$B$10,7,0)+IF('Standard Profiles'!$G$18=$B$17,14,0)+IF('Standard Profiles'!$G$18=$B$24,21,0),MOD($C4095,24)+1)/SUM(INDEX($D$3:$AA$30,INDEX(Jesper!$R$2:$R$366,ROW(INDEX(Jesper!AH$2:AH$366,ROUNDDOWN($C4095/24,0)+1,1))-1)+IF('Standard Profiles'!$G$18=$B$10,7,0)+IF('Standard Profiles'!$G$18=$B$17,14,0)+IF('Standard Profiles'!$G$18=$B$24,21,0),0)),0)</f>
        <v>5.030313543824243</v>
      </c>
      <c r="E4095" cm="1">
        <f t="array" ref="E4095">IFERROR(INDEX(Jesper!AI$2:AI$366,ROUNDDOWN($C4095/24,0)+1,1)*INDEX($D$3:$AA$30,INDEX(Jesper!$R$2:$R$366,ROW(INDEX(Jesper!AI$2:AI$366,ROUNDDOWN($C4095/24,0)+1,1))-1)+IF('Standard Profiles'!$G$19=$B$10,7,0)+IF('Standard Profiles'!$G$19=$B$17,14,0)+IF('Standard Profiles'!$G$19=$B$24,21,0),MOD($C4095,24)+1)/SUM(INDEX($D$3:$AA$30,INDEX(Jesper!$R$2:$R$366,ROW(INDEX(Jesper!AI$2:AI$366,ROUNDDOWN($C4095/24,0)+1,1))-1)+IF('Standard Profiles'!$G$19=$B$10,7,0)+IF('Standard Profiles'!$G$19=$B$17,14,0)+IF('Standard Profiles'!$G$19=$B$24,21,0),0)),0)</f>
        <v>1.9894581289267887</v>
      </c>
      <c r="F4095" cm="1">
        <f t="array" ref="F4095">IFERROR(INDEX(Jesper!AJ$2:AJ$366,ROUNDDOWN($C4095/24,0)+1,1)*INDEX($D$3:$AA$30,INDEX(Jesper!$R$2:$R$366,ROW(INDEX(Jesper!AJ$2:AJ$366,ROUNDDOWN($C4095/24,0)+1,1))-1)+IF('Standard Profiles'!$G$20=$B$10,7,0)+IF('Standard Profiles'!$G$20=$B$17,14,0)+IF('Standard Profiles'!$G$20=$B$24,21,0),MOD($C4095,24)+1)/SUM(INDEX($D$3:$AA$30,INDEX(Jesper!$R$2:$R$366,ROW(INDEX(Jesper!AJ$2:AJ$366,ROUNDDOWN($C4095/24,0)+1,1))-1)+IF('Standard Profiles'!$G$20=$B$10,7,0)+IF('Standard Profiles'!$G$20=$B$17,14,0)+IF('Standard Profiles'!$G$20=$B$24,21,0),0)),0)</f>
        <v>0</v>
      </c>
      <c r="G4095" cm="1">
        <f t="array" ref="G4095">IFERROR(INDEX(Jesper!AK$2:AK$366,ROUNDDOWN($C4095/24,0)+1,1)*INDEX($D$3:$AA$30,INDEX(Jesper!$R$2:$R$366,ROW(INDEX(Jesper!AK$2:AK$366,ROUNDDOWN($C4095/24,0)+1,1))-1)+IF('Standard Profiles'!$G$21=$B$10,7,0)+IF('Standard Profiles'!$G$21=$B$17,14,0)+IF('Standard Profiles'!$G$21=$B$24,21,0),MOD($C4095,24)+1)/SUM(INDEX($D$3:$AA$30,INDEX(Jesper!$R$2:$R$366,ROW(INDEX(Jesper!AK$2:AK$366,ROUNDDOWN($C4095/24,0)+1,1))-1)+IF('Standard Profiles'!$G$21=$B$10,7,0)+IF('Standard Profiles'!$G$21=$B$17,14,0)+IF('Standard Profiles'!$G$21=$B$24,21,0),0)),0)</f>
        <v>0</v>
      </c>
      <c r="H4095" cm="1">
        <f t="array" ref="H4095">IFERROR(INDEX(Jesper!AL$2:AL$366,ROUNDDOWN($C4095/24,0)+1,1)*INDEX($D$3:$AA$30,INDEX(Jesper!$R$2:$R$366,ROW(INDEX(Jesper!AL$2:AL$366,ROUNDDOWN($C4095/24,0)+1,1))-1)+IF('Standard Profiles'!$G$22=$B$10,7,0)+IF('Standard Profiles'!$G$22=$B$17,14,0)+IF('Standard Profiles'!$G$22=$B$24,21,0),MOD($C4095,24)+1)/SUM(INDEX($D$3:$AA$30,INDEX(Jesper!$R$2:$R$366,ROW(INDEX(Jesper!AL$2:AL$366,ROUNDDOWN($C4095/24,0)+1,1))-1)+IF('Standard Profiles'!$G$22=$B$10,7,0)+IF('Standard Profiles'!$G$22=$B$17,14,0)+IF('Standard Profiles'!$G$22=$B$24,21,0),0)),0)</f>
        <v>0</v>
      </c>
      <c r="I4095">
        <f t="shared" si="461"/>
        <v>0</v>
      </c>
      <c r="J4095">
        <f t="shared" si="462"/>
        <v>6.2149215057391523</v>
      </c>
      <c r="K4095">
        <f t="shared" si="463"/>
        <v>0.5365667780079193</v>
      </c>
      <c r="L4095">
        <f t="shared" si="464"/>
        <v>0.26828338900395965</v>
      </c>
      <c r="M4095">
        <f t="shared" si="465"/>
        <v>0</v>
      </c>
      <c r="N4095" s="45">
        <f t="shared" si="466"/>
        <v>45096.208333323484</v>
      </c>
    </row>
    <row r="4096" spans="2:14" x14ac:dyDescent="0.25">
      <c r="B4096">
        <f t="shared" si="460"/>
        <v>1</v>
      </c>
      <c r="C4096" s="16">
        <v>4062</v>
      </c>
      <c r="D4096" cm="1">
        <f t="array" ref="D4096">IFERROR(INDEX(Jesper!AH$2:AH$366,ROUNDDOWN($C4096/24,0)+1,1)*INDEX($D$3:$AA$30,INDEX(Jesper!$R$2:$R$366,ROW(INDEX(Jesper!AH$2:AH$366,ROUNDDOWN($C4096/24,0)+1,1))-1)+IF('Standard Profiles'!$G$18=$B$10,7,0)+IF('Standard Profiles'!$G$18=$B$17,14,0)+IF('Standard Profiles'!$G$18=$B$24,21,0),MOD($C4096,24)+1)/SUM(INDEX($D$3:$AA$30,INDEX(Jesper!$R$2:$R$366,ROW(INDEX(Jesper!AH$2:AH$366,ROUNDDOWN($C4096/24,0)+1,1))-1)+IF('Standard Profiles'!$G$18=$B$10,7,0)+IF('Standard Profiles'!$G$18=$B$17,14,0)+IF('Standard Profiles'!$G$18=$B$24,21,0),0)),0)</f>
        <v>5.030313543824243</v>
      </c>
      <c r="E4096" cm="1">
        <f t="array" ref="E4096">IFERROR(INDEX(Jesper!AI$2:AI$366,ROUNDDOWN($C4096/24,0)+1,1)*INDEX($D$3:$AA$30,INDEX(Jesper!$R$2:$R$366,ROW(INDEX(Jesper!AI$2:AI$366,ROUNDDOWN($C4096/24,0)+1,1))-1)+IF('Standard Profiles'!$G$19=$B$10,7,0)+IF('Standard Profiles'!$G$19=$B$17,14,0)+IF('Standard Profiles'!$G$19=$B$24,21,0),MOD($C4096,24)+1)/SUM(INDEX($D$3:$AA$30,INDEX(Jesper!$R$2:$R$366,ROW(INDEX(Jesper!AI$2:AI$366,ROUNDDOWN($C4096/24,0)+1,1))-1)+IF('Standard Profiles'!$G$19=$B$10,7,0)+IF('Standard Profiles'!$G$19=$B$17,14,0)+IF('Standard Profiles'!$G$19=$B$24,21,0),0)),0)</f>
        <v>1.9894581289267887</v>
      </c>
      <c r="F4096" cm="1">
        <f t="array" ref="F4096">IFERROR(INDEX(Jesper!AJ$2:AJ$366,ROUNDDOWN($C4096/24,0)+1,1)*INDEX($D$3:$AA$30,INDEX(Jesper!$R$2:$R$366,ROW(INDEX(Jesper!AJ$2:AJ$366,ROUNDDOWN($C4096/24,0)+1,1))-1)+IF('Standard Profiles'!$G$20=$B$10,7,0)+IF('Standard Profiles'!$G$20=$B$17,14,0)+IF('Standard Profiles'!$G$20=$B$24,21,0),MOD($C4096,24)+1)/SUM(INDEX($D$3:$AA$30,INDEX(Jesper!$R$2:$R$366,ROW(INDEX(Jesper!AJ$2:AJ$366,ROUNDDOWN($C4096/24,0)+1,1))-1)+IF('Standard Profiles'!$G$20=$B$10,7,0)+IF('Standard Profiles'!$G$20=$B$17,14,0)+IF('Standard Profiles'!$G$20=$B$24,21,0),0)),0)</f>
        <v>0</v>
      </c>
      <c r="G4096" cm="1">
        <f t="array" ref="G4096">IFERROR(INDEX(Jesper!AK$2:AK$366,ROUNDDOWN($C4096/24,0)+1,1)*INDEX($D$3:$AA$30,INDEX(Jesper!$R$2:$R$366,ROW(INDEX(Jesper!AK$2:AK$366,ROUNDDOWN($C4096/24,0)+1,1))-1)+IF('Standard Profiles'!$G$21=$B$10,7,0)+IF('Standard Profiles'!$G$21=$B$17,14,0)+IF('Standard Profiles'!$G$21=$B$24,21,0),MOD($C4096,24)+1)/SUM(INDEX($D$3:$AA$30,INDEX(Jesper!$R$2:$R$366,ROW(INDEX(Jesper!AK$2:AK$366,ROUNDDOWN($C4096/24,0)+1,1))-1)+IF('Standard Profiles'!$G$21=$B$10,7,0)+IF('Standard Profiles'!$G$21=$B$17,14,0)+IF('Standard Profiles'!$G$21=$B$24,21,0),0)),0)</f>
        <v>0</v>
      </c>
      <c r="H4096" cm="1">
        <f t="array" ref="H4096">IFERROR(INDEX(Jesper!AL$2:AL$366,ROUNDDOWN($C4096/24,0)+1,1)*INDEX($D$3:$AA$30,INDEX(Jesper!$R$2:$R$366,ROW(INDEX(Jesper!AL$2:AL$366,ROUNDDOWN($C4096/24,0)+1,1))-1)+IF('Standard Profiles'!$G$22=$B$10,7,0)+IF('Standard Profiles'!$G$22=$B$17,14,0)+IF('Standard Profiles'!$G$22=$B$24,21,0),MOD($C4096,24)+1)/SUM(INDEX($D$3:$AA$30,INDEX(Jesper!$R$2:$R$366,ROW(INDEX(Jesper!AL$2:AL$366,ROUNDDOWN($C4096/24,0)+1,1))-1)+IF('Standard Profiles'!$G$22=$B$10,7,0)+IF('Standard Profiles'!$G$22=$B$17,14,0)+IF('Standard Profiles'!$G$22=$B$24,21,0),0)),0)</f>
        <v>0</v>
      </c>
      <c r="I4096">
        <f t="shared" si="461"/>
        <v>0</v>
      </c>
      <c r="J4096">
        <f t="shared" si="462"/>
        <v>6.2149215057391523</v>
      </c>
      <c r="K4096">
        <f t="shared" si="463"/>
        <v>0.5365667780079193</v>
      </c>
      <c r="L4096">
        <f t="shared" si="464"/>
        <v>0.26828338900395965</v>
      </c>
      <c r="M4096">
        <f t="shared" si="465"/>
        <v>0</v>
      </c>
      <c r="N4096" s="45">
        <f t="shared" si="466"/>
        <v>45096.249999990148</v>
      </c>
    </row>
    <row r="4097" spans="2:14" x14ac:dyDescent="0.25">
      <c r="B4097">
        <f t="shared" si="460"/>
        <v>1</v>
      </c>
      <c r="C4097" s="16">
        <v>4063</v>
      </c>
      <c r="D4097" cm="1">
        <f t="array" ref="D4097">IFERROR(INDEX(Jesper!AH$2:AH$366,ROUNDDOWN($C4097/24,0)+1,1)*INDEX($D$3:$AA$30,INDEX(Jesper!$R$2:$R$366,ROW(INDEX(Jesper!AH$2:AH$366,ROUNDDOWN($C4097/24,0)+1,1))-1)+IF('Standard Profiles'!$G$18=$B$10,7,0)+IF('Standard Profiles'!$G$18=$B$17,14,0)+IF('Standard Profiles'!$G$18=$B$24,21,0),MOD($C4097,24)+1)/SUM(INDEX($D$3:$AA$30,INDEX(Jesper!$R$2:$R$366,ROW(INDEX(Jesper!AH$2:AH$366,ROUNDDOWN($C4097/24,0)+1,1))-1)+IF('Standard Profiles'!$G$18=$B$10,7,0)+IF('Standard Profiles'!$G$18=$B$17,14,0)+IF('Standard Profiles'!$G$18=$B$24,21,0),0)),0)</f>
        <v>21.429135696691276</v>
      </c>
      <c r="E4097" cm="1">
        <f t="array" ref="E4097">IFERROR(INDEX(Jesper!AI$2:AI$366,ROUNDDOWN($C4097/24,0)+1,1)*INDEX($D$3:$AA$30,INDEX(Jesper!$R$2:$R$366,ROW(INDEX(Jesper!AI$2:AI$366,ROUNDDOWN($C4097/24,0)+1,1))-1)+IF('Standard Profiles'!$G$19=$B$10,7,0)+IF('Standard Profiles'!$G$19=$B$17,14,0)+IF('Standard Profiles'!$G$19=$B$24,21,0),MOD($C4097,24)+1)/SUM(INDEX($D$3:$AA$30,INDEX(Jesper!$R$2:$R$366,ROW(INDEX(Jesper!AI$2:AI$366,ROUNDDOWN($C4097/24,0)+1,1))-1)+IF('Standard Profiles'!$G$19=$B$10,7,0)+IF('Standard Profiles'!$G$19=$B$17,14,0)+IF('Standard Profiles'!$G$19=$B$24,21,0),0)),0)</f>
        <v>8.4750916292281193</v>
      </c>
      <c r="F4097" cm="1">
        <f t="array" ref="F4097">IFERROR(INDEX(Jesper!AJ$2:AJ$366,ROUNDDOWN($C4097/24,0)+1,1)*INDEX($D$3:$AA$30,INDEX(Jesper!$R$2:$R$366,ROW(INDEX(Jesper!AJ$2:AJ$366,ROUNDDOWN($C4097/24,0)+1,1))-1)+IF('Standard Profiles'!$G$20=$B$10,7,0)+IF('Standard Profiles'!$G$20=$B$17,14,0)+IF('Standard Profiles'!$G$20=$B$24,21,0),MOD($C4097,24)+1)/SUM(INDEX($D$3:$AA$30,INDEX(Jesper!$R$2:$R$366,ROW(INDEX(Jesper!AJ$2:AJ$366,ROUNDDOWN($C4097/24,0)+1,1))-1)+IF('Standard Profiles'!$G$20=$B$10,7,0)+IF('Standard Profiles'!$G$20=$B$17,14,0)+IF('Standard Profiles'!$G$20=$B$24,21,0),0)),0)</f>
        <v>0</v>
      </c>
      <c r="G4097" cm="1">
        <f t="array" ref="G4097">IFERROR(INDEX(Jesper!AK$2:AK$366,ROUNDDOWN($C4097/24,0)+1,1)*INDEX($D$3:$AA$30,INDEX(Jesper!$R$2:$R$366,ROW(INDEX(Jesper!AK$2:AK$366,ROUNDDOWN($C4097/24,0)+1,1))-1)+IF('Standard Profiles'!$G$21=$B$10,7,0)+IF('Standard Profiles'!$G$21=$B$17,14,0)+IF('Standard Profiles'!$G$21=$B$24,21,0),MOD($C4097,24)+1)/SUM(INDEX($D$3:$AA$30,INDEX(Jesper!$R$2:$R$366,ROW(INDEX(Jesper!AK$2:AK$366,ROUNDDOWN($C4097/24,0)+1,1))-1)+IF('Standard Profiles'!$G$21=$B$10,7,0)+IF('Standard Profiles'!$G$21=$B$17,14,0)+IF('Standard Profiles'!$G$21=$B$24,21,0),0)),0)</f>
        <v>0</v>
      </c>
      <c r="H4097" cm="1">
        <f t="array" ref="H4097">IFERROR(INDEX(Jesper!AL$2:AL$366,ROUNDDOWN($C4097/24,0)+1,1)*INDEX($D$3:$AA$30,INDEX(Jesper!$R$2:$R$366,ROW(INDEX(Jesper!AL$2:AL$366,ROUNDDOWN($C4097/24,0)+1,1))-1)+IF('Standard Profiles'!$G$22=$B$10,7,0)+IF('Standard Profiles'!$G$22=$B$17,14,0)+IF('Standard Profiles'!$G$22=$B$24,21,0),MOD($C4097,24)+1)/SUM(INDEX($D$3:$AA$30,INDEX(Jesper!$R$2:$R$366,ROW(INDEX(Jesper!AL$2:AL$366,ROUNDDOWN($C4097/24,0)+1,1))-1)+IF('Standard Profiles'!$G$22=$B$10,7,0)+IF('Standard Profiles'!$G$22=$B$17,14,0)+IF('Standard Profiles'!$G$22=$B$24,21,0),0)),0)</f>
        <v>0</v>
      </c>
      <c r="I4097">
        <f t="shared" si="461"/>
        <v>0</v>
      </c>
      <c r="J4097">
        <f t="shared" si="462"/>
        <v>26.47556561444879</v>
      </c>
      <c r="K4097">
        <f t="shared" si="463"/>
        <v>2.2857744743137363</v>
      </c>
      <c r="L4097">
        <f t="shared" si="464"/>
        <v>1.1428872371568681</v>
      </c>
      <c r="M4097">
        <f t="shared" si="465"/>
        <v>0</v>
      </c>
      <c r="N4097" s="45">
        <f t="shared" si="466"/>
        <v>45096.291666656813</v>
      </c>
    </row>
    <row r="4098" spans="2:14" x14ac:dyDescent="0.25">
      <c r="B4098">
        <f t="shared" si="460"/>
        <v>1</v>
      </c>
      <c r="C4098" s="16">
        <v>4064</v>
      </c>
      <c r="D4098" cm="1">
        <f t="array" ref="D4098">IFERROR(INDEX(Jesper!AH$2:AH$366,ROUNDDOWN($C4098/24,0)+1,1)*INDEX($D$3:$AA$30,INDEX(Jesper!$R$2:$R$366,ROW(INDEX(Jesper!AH$2:AH$366,ROUNDDOWN($C4098/24,0)+1,1))-1)+IF('Standard Profiles'!$G$18=$B$10,7,0)+IF('Standard Profiles'!$G$18=$B$17,14,0)+IF('Standard Profiles'!$G$18=$B$24,21,0),MOD($C4098,24)+1)/SUM(INDEX($D$3:$AA$30,INDEX(Jesper!$R$2:$R$366,ROW(INDEX(Jesper!AH$2:AH$366,ROUNDDOWN($C4098/24,0)+1,1))-1)+IF('Standard Profiles'!$G$18=$B$10,7,0)+IF('Standard Profiles'!$G$18=$B$17,14,0)+IF('Standard Profiles'!$G$18=$B$24,21,0),0)),0)</f>
        <v>24.107777658777685</v>
      </c>
      <c r="E4098" cm="1">
        <f t="array" ref="E4098">IFERROR(INDEX(Jesper!AI$2:AI$366,ROUNDDOWN($C4098/24,0)+1,1)*INDEX($D$3:$AA$30,INDEX(Jesper!$R$2:$R$366,ROW(INDEX(Jesper!AI$2:AI$366,ROUNDDOWN($C4098/24,0)+1,1))-1)+IF('Standard Profiles'!$G$19=$B$10,7,0)+IF('Standard Profiles'!$G$19=$B$17,14,0)+IF('Standard Profiles'!$G$19=$B$24,21,0),MOD($C4098,24)+1)/SUM(INDEX($D$3:$AA$30,INDEX(Jesper!$R$2:$R$366,ROW(INDEX(Jesper!AI$2:AI$366,ROUNDDOWN($C4098/24,0)+1,1))-1)+IF('Standard Profiles'!$G$19=$B$10,7,0)+IF('Standard Profiles'!$G$19=$B$17,14,0)+IF('Standard Profiles'!$G$19=$B$24,21,0),0)),0)</f>
        <v>9.534478082881634</v>
      </c>
      <c r="F4098" cm="1">
        <f t="array" ref="F4098">IFERROR(INDEX(Jesper!AJ$2:AJ$366,ROUNDDOWN($C4098/24,0)+1,1)*INDEX($D$3:$AA$30,INDEX(Jesper!$R$2:$R$366,ROW(INDEX(Jesper!AJ$2:AJ$366,ROUNDDOWN($C4098/24,0)+1,1))-1)+IF('Standard Profiles'!$G$20=$B$10,7,0)+IF('Standard Profiles'!$G$20=$B$17,14,0)+IF('Standard Profiles'!$G$20=$B$24,21,0),MOD($C4098,24)+1)/SUM(INDEX($D$3:$AA$30,INDEX(Jesper!$R$2:$R$366,ROW(INDEX(Jesper!AJ$2:AJ$366,ROUNDDOWN($C4098/24,0)+1,1))-1)+IF('Standard Profiles'!$G$20=$B$10,7,0)+IF('Standard Profiles'!$G$20=$B$17,14,0)+IF('Standard Profiles'!$G$20=$B$24,21,0),0)),0)</f>
        <v>0</v>
      </c>
      <c r="G4098" cm="1">
        <f t="array" ref="G4098">IFERROR(INDEX(Jesper!AK$2:AK$366,ROUNDDOWN($C4098/24,0)+1,1)*INDEX($D$3:$AA$30,INDEX(Jesper!$R$2:$R$366,ROW(INDEX(Jesper!AK$2:AK$366,ROUNDDOWN($C4098/24,0)+1,1))-1)+IF('Standard Profiles'!$G$21=$B$10,7,0)+IF('Standard Profiles'!$G$21=$B$17,14,0)+IF('Standard Profiles'!$G$21=$B$24,21,0),MOD($C4098,24)+1)/SUM(INDEX($D$3:$AA$30,INDEX(Jesper!$R$2:$R$366,ROW(INDEX(Jesper!AK$2:AK$366,ROUNDDOWN($C4098/24,0)+1,1))-1)+IF('Standard Profiles'!$G$21=$B$10,7,0)+IF('Standard Profiles'!$G$21=$B$17,14,0)+IF('Standard Profiles'!$G$21=$B$24,21,0),0)),0)</f>
        <v>0</v>
      </c>
      <c r="H4098" cm="1">
        <f t="array" ref="H4098">IFERROR(INDEX(Jesper!AL$2:AL$366,ROUNDDOWN($C4098/24,0)+1,1)*INDEX($D$3:$AA$30,INDEX(Jesper!$R$2:$R$366,ROW(INDEX(Jesper!AL$2:AL$366,ROUNDDOWN($C4098/24,0)+1,1))-1)+IF('Standard Profiles'!$G$22=$B$10,7,0)+IF('Standard Profiles'!$G$22=$B$17,14,0)+IF('Standard Profiles'!$G$22=$B$24,21,0),MOD($C4098,24)+1)/SUM(INDEX($D$3:$AA$30,INDEX(Jesper!$R$2:$R$366,ROW(INDEX(Jesper!AL$2:AL$366,ROUNDDOWN($C4098/24,0)+1,1))-1)+IF('Standard Profiles'!$G$22=$B$10,7,0)+IF('Standard Profiles'!$G$22=$B$17,14,0)+IF('Standard Profiles'!$G$22=$B$24,21,0),0)),0)</f>
        <v>0</v>
      </c>
      <c r="I4098">
        <f t="shared" si="461"/>
        <v>0</v>
      </c>
      <c r="J4098">
        <f t="shared" si="462"/>
        <v>29.785011316254888</v>
      </c>
      <c r="K4098">
        <f t="shared" si="463"/>
        <v>2.5714962836029533</v>
      </c>
      <c r="L4098">
        <f t="shared" si="464"/>
        <v>1.2857481418014767</v>
      </c>
      <c r="M4098">
        <f t="shared" si="465"/>
        <v>0</v>
      </c>
      <c r="N4098" s="45">
        <f t="shared" si="466"/>
        <v>45096.333333323477</v>
      </c>
    </row>
    <row r="4099" spans="2:14" x14ac:dyDescent="0.25">
      <c r="B4099">
        <f t="shared" si="460"/>
        <v>1</v>
      </c>
      <c r="C4099" s="16">
        <v>4065</v>
      </c>
      <c r="D4099" cm="1">
        <f t="array" ref="D4099">IFERROR(INDEX(Jesper!AH$2:AH$366,ROUNDDOWN($C4099/24,0)+1,1)*INDEX($D$3:$AA$30,INDEX(Jesper!$R$2:$R$366,ROW(INDEX(Jesper!AH$2:AH$366,ROUNDDOWN($C4099/24,0)+1,1))-1)+IF('Standard Profiles'!$G$18=$B$10,7,0)+IF('Standard Profiles'!$G$18=$B$17,14,0)+IF('Standard Profiles'!$G$18=$B$24,21,0),MOD($C4099,24)+1)/SUM(INDEX($D$3:$AA$30,INDEX(Jesper!$R$2:$R$366,ROW(INDEX(Jesper!AH$2:AH$366,ROUNDDOWN($C4099/24,0)+1,1))-1)+IF('Standard Profiles'!$G$18=$B$10,7,0)+IF('Standard Profiles'!$G$18=$B$17,14,0)+IF('Standard Profiles'!$G$18=$B$24,21,0),0)),0)</f>
        <v>26.786419620864095</v>
      </c>
      <c r="E4099" cm="1">
        <f t="array" ref="E4099">IFERROR(INDEX(Jesper!AI$2:AI$366,ROUNDDOWN($C4099/24,0)+1,1)*INDEX($D$3:$AA$30,INDEX(Jesper!$R$2:$R$366,ROW(INDEX(Jesper!AI$2:AI$366,ROUNDDOWN($C4099/24,0)+1,1))-1)+IF('Standard Profiles'!$G$19=$B$10,7,0)+IF('Standard Profiles'!$G$19=$B$17,14,0)+IF('Standard Profiles'!$G$19=$B$24,21,0),MOD($C4099,24)+1)/SUM(INDEX($D$3:$AA$30,INDEX(Jesper!$R$2:$R$366,ROW(INDEX(Jesper!AI$2:AI$366,ROUNDDOWN($C4099/24,0)+1,1))-1)+IF('Standard Profiles'!$G$19=$B$10,7,0)+IF('Standard Profiles'!$G$19=$B$17,14,0)+IF('Standard Profiles'!$G$19=$B$24,21,0),0)),0)</f>
        <v>10.593864536535149</v>
      </c>
      <c r="F4099" cm="1">
        <f t="array" ref="F4099">IFERROR(INDEX(Jesper!AJ$2:AJ$366,ROUNDDOWN($C4099/24,0)+1,1)*INDEX($D$3:$AA$30,INDEX(Jesper!$R$2:$R$366,ROW(INDEX(Jesper!AJ$2:AJ$366,ROUNDDOWN($C4099/24,0)+1,1))-1)+IF('Standard Profiles'!$G$20=$B$10,7,0)+IF('Standard Profiles'!$G$20=$B$17,14,0)+IF('Standard Profiles'!$G$20=$B$24,21,0),MOD($C4099,24)+1)/SUM(INDEX($D$3:$AA$30,INDEX(Jesper!$R$2:$R$366,ROW(INDEX(Jesper!AJ$2:AJ$366,ROUNDDOWN($C4099/24,0)+1,1))-1)+IF('Standard Profiles'!$G$20=$B$10,7,0)+IF('Standard Profiles'!$G$20=$B$17,14,0)+IF('Standard Profiles'!$G$20=$B$24,21,0),0)),0)</f>
        <v>0</v>
      </c>
      <c r="G4099" cm="1">
        <f t="array" ref="G4099">IFERROR(INDEX(Jesper!AK$2:AK$366,ROUNDDOWN($C4099/24,0)+1,1)*INDEX($D$3:$AA$30,INDEX(Jesper!$R$2:$R$366,ROW(INDEX(Jesper!AK$2:AK$366,ROUNDDOWN($C4099/24,0)+1,1))-1)+IF('Standard Profiles'!$G$21=$B$10,7,0)+IF('Standard Profiles'!$G$21=$B$17,14,0)+IF('Standard Profiles'!$G$21=$B$24,21,0),MOD($C4099,24)+1)/SUM(INDEX($D$3:$AA$30,INDEX(Jesper!$R$2:$R$366,ROW(INDEX(Jesper!AK$2:AK$366,ROUNDDOWN($C4099/24,0)+1,1))-1)+IF('Standard Profiles'!$G$21=$B$10,7,0)+IF('Standard Profiles'!$G$21=$B$17,14,0)+IF('Standard Profiles'!$G$21=$B$24,21,0),0)),0)</f>
        <v>0</v>
      </c>
      <c r="H4099" cm="1">
        <f t="array" ref="H4099">IFERROR(INDEX(Jesper!AL$2:AL$366,ROUNDDOWN($C4099/24,0)+1,1)*INDEX($D$3:$AA$30,INDEX(Jesper!$R$2:$R$366,ROW(INDEX(Jesper!AL$2:AL$366,ROUNDDOWN($C4099/24,0)+1,1))-1)+IF('Standard Profiles'!$G$22=$B$10,7,0)+IF('Standard Profiles'!$G$22=$B$17,14,0)+IF('Standard Profiles'!$G$22=$B$24,21,0),MOD($C4099,24)+1)/SUM(INDEX($D$3:$AA$30,INDEX(Jesper!$R$2:$R$366,ROW(INDEX(Jesper!AL$2:AL$366,ROUNDDOWN($C4099/24,0)+1,1))-1)+IF('Standard Profiles'!$G$22=$B$10,7,0)+IF('Standard Profiles'!$G$22=$B$17,14,0)+IF('Standard Profiles'!$G$22=$B$24,21,0),0)),0)</f>
        <v>0</v>
      </c>
      <c r="I4099">
        <f t="shared" si="461"/>
        <v>0</v>
      </c>
      <c r="J4099">
        <f t="shared" si="462"/>
        <v>33.094457018060986</v>
      </c>
      <c r="K4099">
        <f t="shared" si="463"/>
        <v>2.8572180928921704</v>
      </c>
      <c r="L4099">
        <f t="shared" si="464"/>
        <v>1.4286090464460852</v>
      </c>
      <c r="M4099">
        <f t="shared" si="465"/>
        <v>0</v>
      </c>
      <c r="N4099" s="45">
        <f t="shared" si="466"/>
        <v>45096.374999990141</v>
      </c>
    </row>
    <row r="4100" spans="2:14" x14ac:dyDescent="0.25">
      <c r="B4100">
        <f t="shared" si="460"/>
        <v>1</v>
      </c>
      <c r="C4100" s="16">
        <v>4066</v>
      </c>
      <c r="D4100" cm="1">
        <f t="array" ref="D4100">IFERROR(INDEX(Jesper!AH$2:AH$366,ROUNDDOWN($C4100/24,0)+1,1)*INDEX($D$3:$AA$30,INDEX(Jesper!$R$2:$R$366,ROW(INDEX(Jesper!AH$2:AH$366,ROUNDDOWN($C4100/24,0)+1,1))-1)+IF('Standard Profiles'!$G$18=$B$10,7,0)+IF('Standard Profiles'!$G$18=$B$17,14,0)+IF('Standard Profiles'!$G$18=$B$24,21,0),MOD($C4100,24)+1)/SUM(INDEX($D$3:$AA$30,INDEX(Jesper!$R$2:$R$366,ROW(INDEX(Jesper!AH$2:AH$366,ROUNDDOWN($C4100/24,0)+1,1))-1)+IF('Standard Profiles'!$G$18=$B$10,7,0)+IF('Standard Profiles'!$G$18=$B$17,14,0)+IF('Standard Profiles'!$G$18=$B$24,21,0),0)),0)</f>
        <v>26.786419620864095</v>
      </c>
      <c r="E4100" cm="1">
        <f t="array" ref="E4100">IFERROR(INDEX(Jesper!AI$2:AI$366,ROUNDDOWN($C4100/24,0)+1,1)*INDEX($D$3:$AA$30,INDEX(Jesper!$R$2:$R$366,ROW(INDEX(Jesper!AI$2:AI$366,ROUNDDOWN($C4100/24,0)+1,1))-1)+IF('Standard Profiles'!$G$19=$B$10,7,0)+IF('Standard Profiles'!$G$19=$B$17,14,0)+IF('Standard Profiles'!$G$19=$B$24,21,0),MOD($C4100,24)+1)/SUM(INDEX($D$3:$AA$30,INDEX(Jesper!$R$2:$R$366,ROW(INDEX(Jesper!AI$2:AI$366,ROUNDDOWN($C4100/24,0)+1,1))-1)+IF('Standard Profiles'!$G$19=$B$10,7,0)+IF('Standard Profiles'!$G$19=$B$17,14,0)+IF('Standard Profiles'!$G$19=$B$24,21,0),0)),0)</f>
        <v>10.593864536535149</v>
      </c>
      <c r="F4100" cm="1">
        <f t="array" ref="F4100">IFERROR(INDEX(Jesper!AJ$2:AJ$366,ROUNDDOWN($C4100/24,0)+1,1)*INDEX($D$3:$AA$30,INDEX(Jesper!$R$2:$R$366,ROW(INDEX(Jesper!AJ$2:AJ$366,ROUNDDOWN($C4100/24,0)+1,1))-1)+IF('Standard Profiles'!$G$20=$B$10,7,0)+IF('Standard Profiles'!$G$20=$B$17,14,0)+IF('Standard Profiles'!$G$20=$B$24,21,0),MOD($C4100,24)+1)/SUM(INDEX($D$3:$AA$30,INDEX(Jesper!$R$2:$R$366,ROW(INDEX(Jesper!AJ$2:AJ$366,ROUNDDOWN($C4100/24,0)+1,1))-1)+IF('Standard Profiles'!$G$20=$B$10,7,0)+IF('Standard Profiles'!$G$20=$B$17,14,0)+IF('Standard Profiles'!$G$20=$B$24,21,0),0)),0)</f>
        <v>0</v>
      </c>
      <c r="G4100" cm="1">
        <f t="array" ref="G4100">IFERROR(INDEX(Jesper!AK$2:AK$366,ROUNDDOWN($C4100/24,0)+1,1)*INDEX($D$3:$AA$30,INDEX(Jesper!$R$2:$R$366,ROW(INDEX(Jesper!AK$2:AK$366,ROUNDDOWN($C4100/24,0)+1,1))-1)+IF('Standard Profiles'!$G$21=$B$10,7,0)+IF('Standard Profiles'!$G$21=$B$17,14,0)+IF('Standard Profiles'!$G$21=$B$24,21,0),MOD($C4100,24)+1)/SUM(INDEX($D$3:$AA$30,INDEX(Jesper!$R$2:$R$366,ROW(INDEX(Jesper!AK$2:AK$366,ROUNDDOWN($C4100/24,0)+1,1))-1)+IF('Standard Profiles'!$G$21=$B$10,7,0)+IF('Standard Profiles'!$G$21=$B$17,14,0)+IF('Standard Profiles'!$G$21=$B$24,21,0),0)),0)</f>
        <v>0</v>
      </c>
      <c r="H4100" cm="1">
        <f t="array" ref="H4100">IFERROR(INDEX(Jesper!AL$2:AL$366,ROUNDDOWN($C4100/24,0)+1,1)*INDEX($D$3:$AA$30,INDEX(Jesper!$R$2:$R$366,ROW(INDEX(Jesper!AL$2:AL$366,ROUNDDOWN($C4100/24,0)+1,1))-1)+IF('Standard Profiles'!$G$22=$B$10,7,0)+IF('Standard Profiles'!$G$22=$B$17,14,0)+IF('Standard Profiles'!$G$22=$B$24,21,0),MOD($C4100,24)+1)/SUM(INDEX($D$3:$AA$30,INDEX(Jesper!$R$2:$R$366,ROW(INDEX(Jesper!AL$2:AL$366,ROUNDDOWN($C4100/24,0)+1,1))-1)+IF('Standard Profiles'!$G$22=$B$10,7,0)+IF('Standard Profiles'!$G$22=$B$17,14,0)+IF('Standard Profiles'!$G$22=$B$24,21,0),0)),0)</f>
        <v>0</v>
      </c>
      <c r="I4100">
        <f t="shared" si="461"/>
        <v>0</v>
      </c>
      <c r="J4100">
        <f t="shared" si="462"/>
        <v>33.094457018060986</v>
      </c>
      <c r="K4100">
        <f t="shared" si="463"/>
        <v>2.8572180928921704</v>
      </c>
      <c r="L4100">
        <f t="shared" si="464"/>
        <v>1.4286090464460852</v>
      </c>
      <c r="M4100">
        <f t="shared" si="465"/>
        <v>0</v>
      </c>
      <c r="N4100" s="45">
        <f t="shared" si="466"/>
        <v>45096.416666656805</v>
      </c>
    </row>
    <row r="4101" spans="2:14" x14ac:dyDescent="0.25">
      <c r="B4101">
        <f t="shared" si="460"/>
        <v>1</v>
      </c>
      <c r="C4101" s="16">
        <v>4067</v>
      </c>
      <c r="D4101" cm="1">
        <f t="array" ref="D4101">IFERROR(INDEX(Jesper!AH$2:AH$366,ROUNDDOWN($C4101/24,0)+1,1)*INDEX($D$3:$AA$30,INDEX(Jesper!$R$2:$R$366,ROW(INDEX(Jesper!AH$2:AH$366,ROUNDDOWN($C4101/24,0)+1,1))-1)+IF('Standard Profiles'!$G$18=$B$10,7,0)+IF('Standard Profiles'!$G$18=$B$17,14,0)+IF('Standard Profiles'!$G$18=$B$24,21,0),MOD($C4101,24)+1)/SUM(INDEX($D$3:$AA$30,INDEX(Jesper!$R$2:$R$366,ROW(INDEX(Jesper!AH$2:AH$366,ROUNDDOWN($C4101/24,0)+1,1))-1)+IF('Standard Profiles'!$G$18=$B$10,7,0)+IF('Standard Profiles'!$G$18=$B$17,14,0)+IF('Standard Profiles'!$G$18=$B$24,21,0),0)),0)</f>
        <v>32.143703545036914</v>
      </c>
      <c r="E4101" cm="1">
        <f t="array" ref="E4101">IFERROR(INDEX(Jesper!AI$2:AI$366,ROUNDDOWN($C4101/24,0)+1,1)*INDEX($D$3:$AA$30,INDEX(Jesper!$R$2:$R$366,ROW(INDEX(Jesper!AI$2:AI$366,ROUNDDOWN($C4101/24,0)+1,1))-1)+IF('Standard Profiles'!$G$19=$B$10,7,0)+IF('Standard Profiles'!$G$19=$B$17,14,0)+IF('Standard Profiles'!$G$19=$B$24,21,0),MOD($C4101,24)+1)/SUM(INDEX($D$3:$AA$30,INDEX(Jesper!$R$2:$R$366,ROW(INDEX(Jesper!AI$2:AI$366,ROUNDDOWN($C4101/24,0)+1,1))-1)+IF('Standard Profiles'!$G$19=$B$10,7,0)+IF('Standard Profiles'!$G$19=$B$17,14,0)+IF('Standard Profiles'!$G$19=$B$24,21,0),0)),0)</f>
        <v>12.712637443842176</v>
      </c>
      <c r="F4101" cm="1">
        <f t="array" ref="F4101">IFERROR(INDEX(Jesper!AJ$2:AJ$366,ROUNDDOWN($C4101/24,0)+1,1)*INDEX($D$3:$AA$30,INDEX(Jesper!$R$2:$R$366,ROW(INDEX(Jesper!AJ$2:AJ$366,ROUNDDOWN($C4101/24,0)+1,1))-1)+IF('Standard Profiles'!$G$20=$B$10,7,0)+IF('Standard Profiles'!$G$20=$B$17,14,0)+IF('Standard Profiles'!$G$20=$B$24,21,0),MOD($C4101,24)+1)/SUM(INDEX($D$3:$AA$30,INDEX(Jesper!$R$2:$R$366,ROW(INDEX(Jesper!AJ$2:AJ$366,ROUNDDOWN($C4101/24,0)+1,1))-1)+IF('Standard Profiles'!$G$20=$B$10,7,0)+IF('Standard Profiles'!$G$20=$B$17,14,0)+IF('Standard Profiles'!$G$20=$B$24,21,0),0)),0)</f>
        <v>0</v>
      </c>
      <c r="G4101" cm="1">
        <f t="array" ref="G4101">IFERROR(INDEX(Jesper!AK$2:AK$366,ROUNDDOWN($C4101/24,0)+1,1)*INDEX($D$3:$AA$30,INDEX(Jesper!$R$2:$R$366,ROW(INDEX(Jesper!AK$2:AK$366,ROUNDDOWN($C4101/24,0)+1,1))-1)+IF('Standard Profiles'!$G$21=$B$10,7,0)+IF('Standard Profiles'!$G$21=$B$17,14,0)+IF('Standard Profiles'!$G$21=$B$24,21,0),MOD($C4101,24)+1)/SUM(INDEX($D$3:$AA$30,INDEX(Jesper!$R$2:$R$366,ROW(INDEX(Jesper!AK$2:AK$366,ROUNDDOWN($C4101/24,0)+1,1))-1)+IF('Standard Profiles'!$G$21=$B$10,7,0)+IF('Standard Profiles'!$G$21=$B$17,14,0)+IF('Standard Profiles'!$G$21=$B$24,21,0),0)),0)</f>
        <v>0</v>
      </c>
      <c r="H4101" cm="1">
        <f t="array" ref="H4101">IFERROR(INDEX(Jesper!AL$2:AL$366,ROUNDDOWN($C4101/24,0)+1,1)*INDEX($D$3:$AA$30,INDEX(Jesper!$R$2:$R$366,ROW(INDEX(Jesper!AL$2:AL$366,ROUNDDOWN($C4101/24,0)+1,1))-1)+IF('Standard Profiles'!$G$22=$B$10,7,0)+IF('Standard Profiles'!$G$22=$B$17,14,0)+IF('Standard Profiles'!$G$22=$B$24,21,0),MOD($C4101,24)+1)/SUM(INDEX($D$3:$AA$30,INDEX(Jesper!$R$2:$R$366,ROW(INDEX(Jesper!AL$2:AL$366,ROUNDDOWN($C4101/24,0)+1,1))-1)+IF('Standard Profiles'!$G$22=$B$10,7,0)+IF('Standard Profiles'!$G$22=$B$17,14,0)+IF('Standard Profiles'!$G$22=$B$24,21,0),0)),0)</f>
        <v>0</v>
      </c>
      <c r="I4101">
        <f t="shared" si="461"/>
        <v>0</v>
      </c>
      <c r="J4101">
        <f t="shared" si="462"/>
        <v>39.713348421673182</v>
      </c>
      <c r="K4101">
        <f t="shared" si="463"/>
        <v>3.4286617114706042</v>
      </c>
      <c r="L4101">
        <f t="shared" si="464"/>
        <v>1.7143308557353021</v>
      </c>
      <c r="M4101">
        <f t="shared" si="465"/>
        <v>0</v>
      </c>
      <c r="N4101" s="45">
        <f t="shared" si="466"/>
        <v>45096.45833332347</v>
      </c>
    </row>
    <row r="4102" spans="2:14" x14ac:dyDescent="0.25">
      <c r="B4102">
        <f t="shared" si="460"/>
        <v>1</v>
      </c>
      <c r="C4102" s="16">
        <v>4068</v>
      </c>
      <c r="D4102" cm="1">
        <f t="array" ref="D4102">IFERROR(INDEX(Jesper!AH$2:AH$366,ROUNDDOWN($C4102/24,0)+1,1)*INDEX($D$3:$AA$30,INDEX(Jesper!$R$2:$R$366,ROW(INDEX(Jesper!AH$2:AH$366,ROUNDDOWN($C4102/24,0)+1,1))-1)+IF('Standard Profiles'!$G$18=$B$10,7,0)+IF('Standard Profiles'!$G$18=$B$17,14,0)+IF('Standard Profiles'!$G$18=$B$24,21,0),MOD($C4102,24)+1)/SUM(INDEX($D$3:$AA$30,INDEX(Jesper!$R$2:$R$366,ROW(INDEX(Jesper!AH$2:AH$366,ROUNDDOWN($C4102/24,0)+1,1))-1)+IF('Standard Profiles'!$G$18=$B$10,7,0)+IF('Standard Profiles'!$G$18=$B$17,14,0)+IF('Standard Profiles'!$G$18=$B$24,21,0),0)),0)</f>
        <v>32.143703545036914</v>
      </c>
      <c r="E4102" cm="1">
        <f t="array" ref="E4102">IFERROR(INDEX(Jesper!AI$2:AI$366,ROUNDDOWN($C4102/24,0)+1,1)*INDEX($D$3:$AA$30,INDEX(Jesper!$R$2:$R$366,ROW(INDEX(Jesper!AI$2:AI$366,ROUNDDOWN($C4102/24,0)+1,1))-1)+IF('Standard Profiles'!$G$19=$B$10,7,0)+IF('Standard Profiles'!$G$19=$B$17,14,0)+IF('Standard Profiles'!$G$19=$B$24,21,0),MOD($C4102,24)+1)/SUM(INDEX($D$3:$AA$30,INDEX(Jesper!$R$2:$R$366,ROW(INDEX(Jesper!AI$2:AI$366,ROUNDDOWN($C4102/24,0)+1,1))-1)+IF('Standard Profiles'!$G$19=$B$10,7,0)+IF('Standard Profiles'!$G$19=$B$17,14,0)+IF('Standard Profiles'!$G$19=$B$24,21,0),0)),0)</f>
        <v>12.712637443842176</v>
      </c>
      <c r="F4102" cm="1">
        <f t="array" ref="F4102">IFERROR(INDEX(Jesper!AJ$2:AJ$366,ROUNDDOWN($C4102/24,0)+1,1)*INDEX($D$3:$AA$30,INDEX(Jesper!$R$2:$R$366,ROW(INDEX(Jesper!AJ$2:AJ$366,ROUNDDOWN($C4102/24,0)+1,1))-1)+IF('Standard Profiles'!$G$20=$B$10,7,0)+IF('Standard Profiles'!$G$20=$B$17,14,0)+IF('Standard Profiles'!$G$20=$B$24,21,0),MOD($C4102,24)+1)/SUM(INDEX($D$3:$AA$30,INDEX(Jesper!$R$2:$R$366,ROW(INDEX(Jesper!AJ$2:AJ$366,ROUNDDOWN($C4102/24,0)+1,1))-1)+IF('Standard Profiles'!$G$20=$B$10,7,0)+IF('Standard Profiles'!$G$20=$B$17,14,0)+IF('Standard Profiles'!$G$20=$B$24,21,0),0)),0)</f>
        <v>0</v>
      </c>
      <c r="G4102" cm="1">
        <f t="array" ref="G4102">IFERROR(INDEX(Jesper!AK$2:AK$366,ROUNDDOWN($C4102/24,0)+1,1)*INDEX($D$3:$AA$30,INDEX(Jesper!$R$2:$R$366,ROW(INDEX(Jesper!AK$2:AK$366,ROUNDDOWN($C4102/24,0)+1,1))-1)+IF('Standard Profiles'!$G$21=$B$10,7,0)+IF('Standard Profiles'!$G$21=$B$17,14,0)+IF('Standard Profiles'!$G$21=$B$24,21,0),MOD($C4102,24)+1)/SUM(INDEX($D$3:$AA$30,INDEX(Jesper!$R$2:$R$366,ROW(INDEX(Jesper!AK$2:AK$366,ROUNDDOWN($C4102/24,0)+1,1))-1)+IF('Standard Profiles'!$G$21=$B$10,7,0)+IF('Standard Profiles'!$G$21=$B$17,14,0)+IF('Standard Profiles'!$G$21=$B$24,21,0),0)),0)</f>
        <v>0</v>
      </c>
      <c r="H4102" cm="1">
        <f t="array" ref="H4102">IFERROR(INDEX(Jesper!AL$2:AL$366,ROUNDDOWN($C4102/24,0)+1,1)*INDEX($D$3:$AA$30,INDEX(Jesper!$R$2:$R$366,ROW(INDEX(Jesper!AL$2:AL$366,ROUNDDOWN($C4102/24,0)+1,1))-1)+IF('Standard Profiles'!$G$22=$B$10,7,0)+IF('Standard Profiles'!$G$22=$B$17,14,0)+IF('Standard Profiles'!$G$22=$B$24,21,0),MOD($C4102,24)+1)/SUM(INDEX($D$3:$AA$30,INDEX(Jesper!$R$2:$R$366,ROW(INDEX(Jesper!AL$2:AL$366,ROUNDDOWN($C4102/24,0)+1,1))-1)+IF('Standard Profiles'!$G$22=$B$10,7,0)+IF('Standard Profiles'!$G$22=$B$17,14,0)+IF('Standard Profiles'!$G$22=$B$24,21,0),0)),0)</f>
        <v>0</v>
      </c>
      <c r="I4102">
        <f t="shared" si="461"/>
        <v>0</v>
      </c>
      <c r="J4102">
        <f t="shared" si="462"/>
        <v>39.713348421673182</v>
      </c>
      <c r="K4102">
        <f t="shared" si="463"/>
        <v>3.4286617114706042</v>
      </c>
      <c r="L4102">
        <f t="shared" si="464"/>
        <v>1.7143308557353021</v>
      </c>
      <c r="M4102">
        <f t="shared" si="465"/>
        <v>0</v>
      </c>
      <c r="N4102" s="45">
        <f t="shared" si="466"/>
        <v>45096.499999990134</v>
      </c>
    </row>
    <row r="4103" spans="2:14" x14ac:dyDescent="0.25">
      <c r="B4103">
        <f t="shared" si="460"/>
        <v>1</v>
      </c>
      <c r="C4103" s="16">
        <v>4069</v>
      </c>
      <c r="D4103" cm="1">
        <f t="array" ref="D4103">IFERROR(INDEX(Jesper!AH$2:AH$366,ROUNDDOWN($C4103/24,0)+1,1)*INDEX($D$3:$AA$30,INDEX(Jesper!$R$2:$R$366,ROW(INDEX(Jesper!AH$2:AH$366,ROUNDDOWN($C4103/24,0)+1,1))-1)+IF('Standard Profiles'!$G$18=$B$10,7,0)+IF('Standard Profiles'!$G$18=$B$17,14,0)+IF('Standard Profiles'!$G$18=$B$24,21,0),MOD($C4103,24)+1)/SUM(INDEX($D$3:$AA$30,INDEX(Jesper!$R$2:$R$366,ROW(INDEX(Jesper!AH$2:AH$366,ROUNDDOWN($C4103/24,0)+1,1))-1)+IF('Standard Profiles'!$G$18=$B$10,7,0)+IF('Standard Profiles'!$G$18=$B$17,14,0)+IF('Standard Profiles'!$G$18=$B$24,21,0),0)),0)</f>
        <v>21.429135696691276</v>
      </c>
      <c r="E4103" cm="1">
        <f t="array" ref="E4103">IFERROR(INDEX(Jesper!AI$2:AI$366,ROUNDDOWN($C4103/24,0)+1,1)*INDEX($D$3:$AA$30,INDEX(Jesper!$R$2:$R$366,ROW(INDEX(Jesper!AI$2:AI$366,ROUNDDOWN($C4103/24,0)+1,1))-1)+IF('Standard Profiles'!$G$19=$B$10,7,0)+IF('Standard Profiles'!$G$19=$B$17,14,0)+IF('Standard Profiles'!$G$19=$B$24,21,0),MOD($C4103,24)+1)/SUM(INDEX($D$3:$AA$30,INDEX(Jesper!$R$2:$R$366,ROW(INDEX(Jesper!AI$2:AI$366,ROUNDDOWN($C4103/24,0)+1,1))-1)+IF('Standard Profiles'!$G$19=$B$10,7,0)+IF('Standard Profiles'!$G$19=$B$17,14,0)+IF('Standard Profiles'!$G$19=$B$24,21,0),0)),0)</f>
        <v>8.4750916292281193</v>
      </c>
      <c r="F4103" cm="1">
        <f t="array" ref="F4103">IFERROR(INDEX(Jesper!AJ$2:AJ$366,ROUNDDOWN($C4103/24,0)+1,1)*INDEX($D$3:$AA$30,INDEX(Jesper!$R$2:$R$366,ROW(INDEX(Jesper!AJ$2:AJ$366,ROUNDDOWN($C4103/24,0)+1,1))-1)+IF('Standard Profiles'!$G$20=$B$10,7,0)+IF('Standard Profiles'!$G$20=$B$17,14,0)+IF('Standard Profiles'!$G$20=$B$24,21,0),MOD($C4103,24)+1)/SUM(INDEX($D$3:$AA$30,INDEX(Jesper!$R$2:$R$366,ROW(INDEX(Jesper!AJ$2:AJ$366,ROUNDDOWN($C4103/24,0)+1,1))-1)+IF('Standard Profiles'!$G$20=$B$10,7,0)+IF('Standard Profiles'!$G$20=$B$17,14,0)+IF('Standard Profiles'!$G$20=$B$24,21,0),0)),0)</f>
        <v>0</v>
      </c>
      <c r="G4103" cm="1">
        <f t="array" ref="G4103">IFERROR(INDEX(Jesper!AK$2:AK$366,ROUNDDOWN($C4103/24,0)+1,1)*INDEX($D$3:$AA$30,INDEX(Jesper!$R$2:$R$366,ROW(INDEX(Jesper!AK$2:AK$366,ROUNDDOWN($C4103/24,0)+1,1))-1)+IF('Standard Profiles'!$G$21=$B$10,7,0)+IF('Standard Profiles'!$G$21=$B$17,14,0)+IF('Standard Profiles'!$G$21=$B$24,21,0),MOD($C4103,24)+1)/SUM(INDEX($D$3:$AA$30,INDEX(Jesper!$R$2:$R$366,ROW(INDEX(Jesper!AK$2:AK$366,ROUNDDOWN($C4103/24,0)+1,1))-1)+IF('Standard Profiles'!$G$21=$B$10,7,0)+IF('Standard Profiles'!$G$21=$B$17,14,0)+IF('Standard Profiles'!$G$21=$B$24,21,0),0)),0)</f>
        <v>0</v>
      </c>
      <c r="H4103" cm="1">
        <f t="array" ref="H4103">IFERROR(INDEX(Jesper!AL$2:AL$366,ROUNDDOWN($C4103/24,0)+1,1)*INDEX($D$3:$AA$30,INDEX(Jesper!$R$2:$R$366,ROW(INDEX(Jesper!AL$2:AL$366,ROUNDDOWN($C4103/24,0)+1,1))-1)+IF('Standard Profiles'!$G$22=$B$10,7,0)+IF('Standard Profiles'!$G$22=$B$17,14,0)+IF('Standard Profiles'!$G$22=$B$24,21,0),MOD($C4103,24)+1)/SUM(INDEX($D$3:$AA$30,INDEX(Jesper!$R$2:$R$366,ROW(INDEX(Jesper!AL$2:AL$366,ROUNDDOWN($C4103/24,0)+1,1))-1)+IF('Standard Profiles'!$G$22=$B$10,7,0)+IF('Standard Profiles'!$G$22=$B$17,14,0)+IF('Standard Profiles'!$G$22=$B$24,21,0),0)),0)</f>
        <v>0</v>
      </c>
      <c r="I4103">
        <f t="shared" si="461"/>
        <v>0</v>
      </c>
      <c r="J4103">
        <f t="shared" si="462"/>
        <v>26.47556561444879</v>
      </c>
      <c r="K4103">
        <f t="shared" si="463"/>
        <v>2.2857744743137363</v>
      </c>
      <c r="L4103">
        <f t="shared" si="464"/>
        <v>1.1428872371568681</v>
      </c>
      <c r="M4103">
        <f t="shared" si="465"/>
        <v>0</v>
      </c>
      <c r="N4103" s="45">
        <f t="shared" si="466"/>
        <v>45096.541666656798</v>
      </c>
    </row>
    <row r="4104" spans="2:14" x14ac:dyDescent="0.25">
      <c r="B4104">
        <f t="shared" si="460"/>
        <v>1</v>
      </c>
      <c r="C4104" s="16">
        <v>4070</v>
      </c>
      <c r="D4104" cm="1">
        <f t="array" ref="D4104">IFERROR(INDEX(Jesper!AH$2:AH$366,ROUNDDOWN($C4104/24,0)+1,1)*INDEX($D$3:$AA$30,INDEX(Jesper!$R$2:$R$366,ROW(INDEX(Jesper!AH$2:AH$366,ROUNDDOWN($C4104/24,0)+1,1))-1)+IF('Standard Profiles'!$G$18=$B$10,7,0)+IF('Standard Profiles'!$G$18=$B$17,14,0)+IF('Standard Profiles'!$G$18=$B$24,21,0),MOD($C4104,24)+1)/SUM(INDEX($D$3:$AA$30,INDEX(Jesper!$R$2:$R$366,ROW(INDEX(Jesper!AH$2:AH$366,ROUNDDOWN($C4104/24,0)+1,1))-1)+IF('Standard Profiles'!$G$18=$B$10,7,0)+IF('Standard Profiles'!$G$18=$B$17,14,0)+IF('Standard Profiles'!$G$18=$B$24,21,0),0)),0)</f>
        <v>32.143703545036914</v>
      </c>
      <c r="E4104" cm="1">
        <f t="array" ref="E4104">IFERROR(INDEX(Jesper!AI$2:AI$366,ROUNDDOWN($C4104/24,0)+1,1)*INDEX($D$3:$AA$30,INDEX(Jesper!$R$2:$R$366,ROW(INDEX(Jesper!AI$2:AI$366,ROUNDDOWN($C4104/24,0)+1,1))-1)+IF('Standard Profiles'!$G$19=$B$10,7,0)+IF('Standard Profiles'!$G$19=$B$17,14,0)+IF('Standard Profiles'!$G$19=$B$24,21,0),MOD($C4104,24)+1)/SUM(INDEX($D$3:$AA$30,INDEX(Jesper!$R$2:$R$366,ROW(INDEX(Jesper!AI$2:AI$366,ROUNDDOWN($C4104/24,0)+1,1))-1)+IF('Standard Profiles'!$G$19=$B$10,7,0)+IF('Standard Profiles'!$G$19=$B$17,14,0)+IF('Standard Profiles'!$G$19=$B$24,21,0),0)),0)</f>
        <v>12.712637443842176</v>
      </c>
      <c r="F4104" cm="1">
        <f t="array" ref="F4104">IFERROR(INDEX(Jesper!AJ$2:AJ$366,ROUNDDOWN($C4104/24,0)+1,1)*INDEX($D$3:$AA$30,INDEX(Jesper!$R$2:$R$366,ROW(INDEX(Jesper!AJ$2:AJ$366,ROUNDDOWN($C4104/24,0)+1,1))-1)+IF('Standard Profiles'!$G$20=$B$10,7,0)+IF('Standard Profiles'!$G$20=$B$17,14,0)+IF('Standard Profiles'!$G$20=$B$24,21,0),MOD($C4104,24)+1)/SUM(INDEX($D$3:$AA$30,INDEX(Jesper!$R$2:$R$366,ROW(INDEX(Jesper!AJ$2:AJ$366,ROUNDDOWN($C4104/24,0)+1,1))-1)+IF('Standard Profiles'!$G$20=$B$10,7,0)+IF('Standard Profiles'!$G$20=$B$17,14,0)+IF('Standard Profiles'!$G$20=$B$24,21,0),0)),0)</f>
        <v>0</v>
      </c>
      <c r="G4104" cm="1">
        <f t="array" ref="G4104">IFERROR(INDEX(Jesper!AK$2:AK$366,ROUNDDOWN($C4104/24,0)+1,1)*INDEX($D$3:$AA$30,INDEX(Jesper!$R$2:$R$366,ROW(INDEX(Jesper!AK$2:AK$366,ROUNDDOWN($C4104/24,0)+1,1))-1)+IF('Standard Profiles'!$G$21=$B$10,7,0)+IF('Standard Profiles'!$G$21=$B$17,14,0)+IF('Standard Profiles'!$G$21=$B$24,21,0),MOD($C4104,24)+1)/SUM(INDEX($D$3:$AA$30,INDEX(Jesper!$R$2:$R$366,ROW(INDEX(Jesper!AK$2:AK$366,ROUNDDOWN($C4104/24,0)+1,1))-1)+IF('Standard Profiles'!$G$21=$B$10,7,0)+IF('Standard Profiles'!$G$21=$B$17,14,0)+IF('Standard Profiles'!$G$21=$B$24,21,0),0)),0)</f>
        <v>0</v>
      </c>
      <c r="H4104" cm="1">
        <f t="array" ref="H4104">IFERROR(INDEX(Jesper!AL$2:AL$366,ROUNDDOWN($C4104/24,0)+1,1)*INDEX($D$3:$AA$30,INDEX(Jesper!$R$2:$R$366,ROW(INDEX(Jesper!AL$2:AL$366,ROUNDDOWN($C4104/24,0)+1,1))-1)+IF('Standard Profiles'!$G$22=$B$10,7,0)+IF('Standard Profiles'!$G$22=$B$17,14,0)+IF('Standard Profiles'!$G$22=$B$24,21,0),MOD($C4104,24)+1)/SUM(INDEX($D$3:$AA$30,INDEX(Jesper!$R$2:$R$366,ROW(INDEX(Jesper!AL$2:AL$366,ROUNDDOWN($C4104/24,0)+1,1))-1)+IF('Standard Profiles'!$G$22=$B$10,7,0)+IF('Standard Profiles'!$G$22=$B$17,14,0)+IF('Standard Profiles'!$G$22=$B$24,21,0),0)),0)</f>
        <v>0</v>
      </c>
      <c r="I4104">
        <f t="shared" si="461"/>
        <v>0</v>
      </c>
      <c r="J4104">
        <f t="shared" si="462"/>
        <v>39.713348421673182</v>
      </c>
      <c r="K4104">
        <f t="shared" si="463"/>
        <v>3.4286617114706042</v>
      </c>
      <c r="L4104">
        <f t="shared" si="464"/>
        <v>1.7143308557353021</v>
      </c>
      <c r="M4104">
        <f t="shared" si="465"/>
        <v>0</v>
      </c>
      <c r="N4104" s="45">
        <f t="shared" si="466"/>
        <v>45096.583333323462</v>
      </c>
    </row>
    <row r="4105" spans="2:14" x14ac:dyDescent="0.25">
      <c r="B4105">
        <f t="shared" si="460"/>
        <v>1</v>
      </c>
      <c r="C4105" s="16">
        <v>4071</v>
      </c>
      <c r="D4105" cm="1">
        <f t="array" ref="D4105">IFERROR(INDEX(Jesper!AH$2:AH$366,ROUNDDOWN($C4105/24,0)+1,1)*INDEX($D$3:$AA$30,INDEX(Jesper!$R$2:$R$366,ROW(INDEX(Jesper!AH$2:AH$366,ROUNDDOWN($C4105/24,0)+1,1))-1)+IF('Standard Profiles'!$G$18=$B$10,7,0)+IF('Standard Profiles'!$G$18=$B$17,14,0)+IF('Standard Profiles'!$G$18=$B$24,21,0),MOD($C4105,24)+1)/SUM(INDEX($D$3:$AA$30,INDEX(Jesper!$R$2:$R$366,ROW(INDEX(Jesper!AH$2:AH$366,ROUNDDOWN($C4105/24,0)+1,1))-1)+IF('Standard Profiles'!$G$18=$B$10,7,0)+IF('Standard Profiles'!$G$18=$B$17,14,0)+IF('Standard Profiles'!$G$18=$B$24,21,0),0)),0)</f>
        <v>32.143703545036914</v>
      </c>
      <c r="E4105" cm="1">
        <f t="array" ref="E4105">IFERROR(INDEX(Jesper!AI$2:AI$366,ROUNDDOWN($C4105/24,0)+1,1)*INDEX($D$3:$AA$30,INDEX(Jesper!$R$2:$R$366,ROW(INDEX(Jesper!AI$2:AI$366,ROUNDDOWN($C4105/24,0)+1,1))-1)+IF('Standard Profiles'!$G$19=$B$10,7,0)+IF('Standard Profiles'!$G$19=$B$17,14,0)+IF('Standard Profiles'!$G$19=$B$24,21,0),MOD($C4105,24)+1)/SUM(INDEX($D$3:$AA$30,INDEX(Jesper!$R$2:$R$366,ROW(INDEX(Jesper!AI$2:AI$366,ROUNDDOWN($C4105/24,0)+1,1))-1)+IF('Standard Profiles'!$G$19=$B$10,7,0)+IF('Standard Profiles'!$G$19=$B$17,14,0)+IF('Standard Profiles'!$G$19=$B$24,21,0),0)),0)</f>
        <v>12.712637443842176</v>
      </c>
      <c r="F4105" cm="1">
        <f t="array" ref="F4105">IFERROR(INDEX(Jesper!AJ$2:AJ$366,ROUNDDOWN($C4105/24,0)+1,1)*INDEX($D$3:$AA$30,INDEX(Jesper!$R$2:$R$366,ROW(INDEX(Jesper!AJ$2:AJ$366,ROUNDDOWN($C4105/24,0)+1,1))-1)+IF('Standard Profiles'!$G$20=$B$10,7,0)+IF('Standard Profiles'!$G$20=$B$17,14,0)+IF('Standard Profiles'!$G$20=$B$24,21,0),MOD($C4105,24)+1)/SUM(INDEX($D$3:$AA$30,INDEX(Jesper!$R$2:$R$366,ROW(INDEX(Jesper!AJ$2:AJ$366,ROUNDDOWN($C4105/24,0)+1,1))-1)+IF('Standard Profiles'!$G$20=$B$10,7,0)+IF('Standard Profiles'!$G$20=$B$17,14,0)+IF('Standard Profiles'!$G$20=$B$24,21,0),0)),0)</f>
        <v>0</v>
      </c>
      <c r="G4105" cm="1">
        <f t="array" ref="G4105">IFERROR(INDEX(Jesper!AK$2:AK$366,ROUNDDOWN($C4105/24,0)+1,1)*INDEX($D$3:$AA$30,INDEX(Jesper!$R$2:$R$366,ROW(INDEX(Jesper!AK$2:AK$366,ROUNDDOWN($C4105/24,0)+1,1))-1)+IF('Standard Profiles'!$G$21=$B$10,7,0)+IF('Standard Profiles'!$G$21=$B$17,14,0)+IF('Standard Profiles'!$G$21=$B$24,21,0),MOD($C4105,24)+1)/SUM(INDEX($D$3:$AA$30,INDEX(Jesper!$R$2:$R$366,ROW(INDEX(Jesper!AK$2:AK$366,ROUNDDOWN($C4105/24,0)+1,1))-1)+IF('Standard Profiles'!$G$21=$B$10,7,0)+IF('Standard Profiles'!$G$21=$B$17,14,0)+IF('Standard Profiles'!$G$21=$B$24,21,0),0)),0)</f>
        <v>0</v>
      </c>
      <c r="H4105" cm="1">
        <f t="array" ref="H4105">IFERROR(INDEX(Jesper!AL$2:AL$366,ROUNDDOWN($C4105/24,0)+1,1)*INDEX($D$3:$AA$30,INDEX(Jesper!$R$2:$R$366,ROW(INDEX(Jesper!AL$2:AL$366,ROUNDDOWN($C4105/24,0)+1,1))-1)+IF('Standard Profiles'!$G$22=$B$10,7,0)+IF('Standard Profiles'!$G$22=$B$17,14,0)+IF('Standard Profiles'!$G$22=$B$24,21,0),MOD($C4105,24)+1)/SUM(INDEX($D$3:$AA$30,INDEX(Jesper!$R$2:$R$366,ROW(INDEX(Jesper!AL$2:AL$366,ROUNDDOWN($C4105/24,0)+1,1))-1)+IF('Standard Profiles'!$G$22=$B$10,7,0)+IF('Standard Profiles'!$G$22=$B$17,14,0)+IF('Standard Profiles'!$G$22=$B$24,21,0),0)),0)</f>
        <v>0</v>
      </c>
      <c r="I4105">
        <f t="shared" si="461"/>
        <v>0</v>
      </c>
      <c r="J4105">
        <f t="shared" si="462"/>
        <v>39.713348421673182</v>
      </c>
      <c r="K4105">
        <f t="shared" si="463"/>
        <v>3.4286617114706042</v>
      </c>
      <c r="L4105">
        <f t="shared" si="464"/>
        <v>1.7143308557353021</v>
      </c>
      <c r="M4105">
        <f t="shared" si="465"/>
        <v>0</v>
      </c>
      <c r="N4105" s="45">
        <f t="shared" si="466"/>
        <v>45096.624999990127</v>
      </c>
    </row>
    <row r="4106" spans="2:14" x14ac:dyDescent="0.25">
      <c r="B4106">
        <f t="shared" si="460"/>
        <v>1</v>
      </c>
      <c r="C4106" s="16">
        <v>4072</v>
      </c>
      <c r="D4106" cm="1">
        <f t="array" ref="D4106">IFERROR(INDEX(Jesper!AH$2:AH$366,ROUNDDOWN($C4106/24,0)+1,1)*INDEX($D$3:$AA$30,INDEX(Jesper!$R$2:$R$366,ROW(INDEX(Jesper!AH$2:AH$366,ROUNDDOWN($C4106/24,0)+1,1))-1)+IF('Standard Profiles'!$G$18=$B$10,7,0)+IF('Standard Profiles'!$G$18=$B$17,14,0)+IF('Standard Profiles'!$G$18=$B$24,21,0),MOD($C4106,24)+1)/SUM(INDEX($D$3:$AA$30,INDEX(Jesper!$R$2:$R$366,ROW(INDEX(Jesper!AH$2:AH$366,ROUNDDOWN($C4106/24,0)+1,1))-1)+IF('Standard Profiles'!$G$18=$B$10,7,0)+IF('Standard Profiles'!$G$18=$B$17,14,0)+IF('Standard Profiles'!$G$18=$B$24,21,0),0)),0)</f>
        <v>18.750493734604866</v>
      </c>
      <c r="E4106" cm="1">
        <f t="array" ref="E4106">IFERROR(INDEX(Jesper!AI$2:AI$366,ROUNDDOWN($C4106/24,0)+1,1)*INDEX($D$3:$AA$30,INDEX(Jesper!$R$2:$R$366,ROW(INDEX(Jesper!AI$2:AI$366,ROUNDDOWN($C4106/24,0)+1,1))-1)+IF('Standard Profiles'!$G$19=$B$10,7,0)+IF('Standard Profiles'!$G$19=$B$17,14,0)+IF('Standard Profiles'!$G$19=$B$24,21,0),MOD($C4106,24)+1)/SUM(INDEX($D$3:$AA$30,INDEX(Jesper!$R$2:$R$366,ROW(INDEX(Jesper!AI$2:AI$366,ROUNDDOWN($C4106/24,0)+1,1))-1)+IF('Standard Profiles'!$G$19=$B$10,7,0)+IF('Standard Profiles'!$G$19=$B$17,14,0)+IF('Standard Profiles'!$G$19=$B$24,21,0),0)),0)</f>
        <v>7.4157051755746028</v>
      </c>
      <c r="F4106" cm="1">
        <f t="array" ref="F4106">IFERROR(INDEX(Jesper!AJ$2:AJ$366,ROUNDDOWN($C4106/24,0)+1,1)*INDEX($D$3:$AA$30,INDEX(Jesper!$R$2:$R$366,ROW(INDEX(Jesper!AJ$2:AJ$366,ROUNDDOWN($C4106/24,0)+1,1))-1)+IF('Standard Profiles'!$G$20=$B$10,7,0)+IF('Standard Profiles'!$G$20=$B$17,14,0)+IF('Standard Profiles'!$G$20=$B$24,21,0),MOD($C4106,24)+1)/SUM(INDEX($D$3:$AA$30,INDEX(Jesper!$R$2:$R$366,ROW(INDEX(Jesper!AJ$2:AJ$366,ROUNDDOWN($C4106/24,0)+1,1))-1)+IF('Standard Profiles'!$G$20=$B$10,7,0)+IF('Standard Profiles'!$G$20=$B$17,14,0)+IF('Standard Profiles'!$G$20=$B$24,21,0),0)),0)</f>
        <v>0</v>
      </c>
      <c r="G4106" cm="1">
        <f t="array" ref="G4106">IFERROR(INDEX(Jesper!AK$2:AK$366,ROUNDDOWN($C4106/24,0)+1,1)*INDEX($D$3:$AA$30,INDEX(Jesper!$R$2:$R$366,ROW(INDEX(Jesper!AK$2:AK$366,ROUNDDOWN($C4106/24,0)+1,1))-1)+IF('Standard Profiles'!$G$21=$B$10,7,0)+IF('Standard Profiles'!$G$21=$B$17,14,0)+IF('Standard Profiles'!$G$21=$B$24,21,0),MOD($C4106,24)+1)/SUM(INDEX($D$3:$AA$30,INDEX(Jesper!$R$2:$R$366,ROW(INDEX(Jesper!AK$2:AK$366,ROUNDDOWN($C4106/24,0)+1,1))-1)+IF('Standard Profiles'!$G$21=$B$10,7,0)+IF('Standard Profiles'!$G$21=$B$17,14,0)+IF('Standard Profiles'!$G$21=$B$24,21,0),0)),0)</f>
        <v>0</v>
      </c>
      <c r="H4106" cm="1">
        <f t="array" ref="H4106">IFERROR(INDEX(Jesper!AL$2:AL$366,ROUNDDOWN($C4106/24,0)+1,1)*INDEX($D$3:$AA$30,INDEX(Jesper!$R$2:$R$366,ROW(INDEX(Jesper!AL$2:AL$366,ROUNDDOWN($C4106/24,0)+1,1))-1)+IF('Standard Profiles'!$G$22=$B$10,7,0)+IF('Standard Profiles'!$G$22=$B$17,14,0)+IF('Standard Profiles'!$G$22=$B$24,21,0),MOD($C4106,24)+1)/SUM(INDEX($D$3:$AA$30,INDEX(Jesper!$R$2:$R$366,ROW(INDEX(Jesper!AL$2:AL$366,ROUNDDOWN($C4106/24,0)+1,1))-1)+IF('Standard Profiles'!$G$22=$B$10,7,0)+IF('Standard Profiles'!$G$22=$B$17,14,0)+IF('Standard Profiles'!$G$22=$B$24,21,0),0)),0)</f>
        <v>0</v>
      </c>
      <c r="I4106">
        <f t="shared" si="461"/>
        <v>0</v>
      </c>
      <c r="J4106">
        <f t="shared" si="462"/>
        <v>23.166119912642692</v>
      </c>
      <c r="K4106">
        <f t="shared" si="463"/>
        <v>2.0000526650245192</v>
      </c>
      <c r="L4106">
        <f t="shared" si="464"/>
        <v>1.0000263325122596</v>
      </c>
      <c r="M4106">
        <f t="shared" si="465"/>
        <v>0</v>
      </c>
      <c r="N4106" s="45">
        <f t="shared" si="466"/>
        <v>45096.666666656791</v>
      </c>
    </row>
    <row r="4107" spans="2:14" x14ac:dyDescent="0.25">
      <c r="B4107">
        <f t="shared" si="460"/>
        <v>1</v>
      </c>
      <c r="C4107" s="16">
        <v>4073</v>
      </c>
      <c r="D4107" cm="1">
        <f t="array" ref="D4107">IFERROR(INDEX(Jesper!AH$2:AH$366,ROUNDDOWN($C4107/24,0)+1,1)*INDEX($D$3:$AA$30,INDEX(Jesper!$R$2:$R$366,ROW(INDEX(Jesper!AH$2:AH$366,ROUNDDOWN($C4107/24,0)+1,1))-1)+IF('Standard Profiles'!$G$18=$B$10,7,0)+IF('Standard Profiles'!$G$18=$B$17,14,0)+IF('Standard Profiles'!$G$18=$B$24,21,0),MOD($C4107,24)+1)/SUM(INDEX($D$3:$AA$30,INDEX(Jesper!$R$2:$R$366,ROW(INDEX(Jesper!AH$2:AH$366,ROUNDDOWN($C4107/24,0)+1,1))-1)+IF('Standard Profiles'!$G$18=$B$10,7,0)+IF('Standard Profiles'!$G$18=$B$17,14,0)+IF('Standard Profiles'!$G$18=$B$24,21,0),0)),0)</f>
        <v>5.357283924172819</v>
      </c>
      <c r="E4107" cm="1">
        <f t="array" ref="E4107">IFERROR(INDEX(Jesper!AI$2:AI$366,ROUNDDOWN($C4107/24,0)+1,1)*INDEX($D$3:$AA$30,INDEX(Jesper!$R$2:$R$366,ROW(INDEX(Jesper!AI$2:AI$366,ROUNDDOWN($C4107/24,0)+1,1))-1)+IF('Standard Profiles'!$G$19=$B$10,7,0)+IF('Standard Profiles'!$G$19=$B$17,14,0)+IF('Standard Profiles'!$G$19=$B$24,21,0),MOD($C4107,24)+1)/SUM(INDEX($D$3:$AA$30,INDEX(Jesper!$R$2:$R$366,ROW(INDEX(Jesper!AI$2:AI$366,ROUNDDOWN($C4107/24,0)+1,1))-1)+IF('Standard Profiles'!$G$19=$B$10,7,0)+IF('Standard Profiles'!$G$19=$B$17,14,0)+IF('Standard Profiles'!$G$19=$B$24,21,0),0)),0)</f>
        <v>2.1187729073070298</v>
      </c>
      <c r="F4107" cm="1">
        <f t="array" ref="F4107">IFERROR(INDEX(Jesper!AJ$2:AJ$366,ROUNDDOWN($C4107/24,0)+1,1)*INDEX($D$3:$AA$30,INDEX(Jesper!$R$2:$R$366,ROW(INDEX(Jesper!AJ$2:AJ$366,ROUNDDOWN($C4107/24,0)+1,1))-1)+IF('Standard Profiles'!$G$20=$B$10,7,0)+IF('Standard Profiles'!$G$20=$B$17,14,0)+IF('Standard Profiles'!$G$20=$B$24,21,0),MOD($C4107,24)+1)/SUM(INDEX($D$3:$AA$30,INDEX(Jesper!$R$2:$R$366,ROW(INDEX(Jesper!AJ$2:AJ$366,ROUNDDOWN($C4107/24,0)+1,1))-1)+IF('Standard Profiles'!$G$20=$B$10,7,0)+IF('Standard Profiles'!$G$20=$B$17,14,0)+IF('Standard Profiles'!$G$20=$B$24,21,0),0)),0)</f>
        <v>0</v>
      </c>
      <c r="G4107" cm="1">
        <f t="array" ref="G4107">IFERROR(INDEX(Jesper!AK$2:AK$366,ROUNDDOWN($C4107/24,0)+1,1)*INDEX($D$3:$AA$30,INDEX(Jesper!$R$2:$R$366,ROW(INDEX(Jesper!AK$2:AK$366,ROUNDDOWN($C4107/24,0)+1,1))-1)+IF('Standard Profiles'!$G$21=$B$10,7,0)+IF('Standard Profiles'!$G$21=$B$17,14,0)+IF('Standard Profiles'!$G$21=$B$24,21,0),MOD($C4107,24)+1)/SUM(INDEX($D$3:$AA$30,INDEX(Jesper!$R$2:$R$366,ROW(INDEX(Jesper!AK$2:AK$366,ROUNDDOWN($C4107/24,0)+1,1))-1)+IF('Standard Profiles'!$G$21=$B$10,7,0)+IF('Standard Profiles'!$G$21=$B$17,14,0)+IF('Standard Profiles'!$G$21=$B$24,21,0),0)),0)</f>
        <v>0</v>
      </c>
      <c r="H4107" cm="1">
        <f t="array" ref="H4107">IFERROR(INDEX(Jesper!AL$2:AL$366,ROUNDDOWN($C4107/24,0)+1,1)*INDEX($D$3:$AA$30,INDEX(Jesper!$R$2:$R$366,ROW(INDEX(Jesper!AL$2:AL$366,ROUNDDOWN($C4107/24,0)+1,1))-1)+IF('Standard Profiles'!$G$22=$B$10,7,0)+IF('Standard Profiles'!$G$22=$B$17,14,0)+IF('Standard Profiles'!$G$22=$B$24,21,0),MOD($C4107,24)+1)/SUM(INDEX($D$3:$AA$30,INDEX(Jesper!$R$2:$R$366,ROW(INDEX(Jesper!AL$2:AL$366,ROUNDDOWN($C4107/24,0)+1,1))-1)+IF('Standard Profiles'!$G$22=$B$10,7,0)+IF('Standard Profiles'!$G$22=$B$17,14,0)+IF('Standard Profiles'!$G$22=$B$24,21,0),0)),0)</f>
        <v>0</v>
      </c>
      <c r="I4107">
        <f t="shared" si="461"/>
        <v>0</v>
      </c>
      <c r="J4107">
        <f t="shared" si="462"/>
        <v>6.6188914036121975</v>
      </c>
      <c r="K4107">
        <f t="shared" si="463"/>
        <v>0.57144361857843406</v>
      </c>
      <c r="L4107">
        <f t="shared" si="464"/>
        <v>0.28572180928921703</v>
      </c>
      <c r="M4107">
        <f t="shared" si="465"/>
        <v>0</v>
      </c>
      <c r="N4107" s="45">
        <f t="shared" si="466"/>
        <v>45096.708333323455</v>
      </c>
    </row>
    <row r="4108" spans="2:14" x14ac:dyDescent="0.25">
      <c r="B4108">
        <f t="shared" si="460"/>
        <v>1</v>
      </c>
      <c r="C4108" s="16">
        <v>4074</v>
      </c>
      <c r="D4108" cm="1">
        <f t="array" ref="D4108">IFERROR(INDEX(Jesper!AH$2:AH$366,ROUNDDOWN($C4108/24,0)+1,1)*INDEX($D$3:$AA$30,INDEX(Jesper!$R$2:$R$366,ROW(INDEX(Jesper!AH$2:AH$366,ROUNDDOWN($C4108/24,0)+1,1))-1)+IF('Standard Profiles'!$G$18=$B$10,7,0)+IF('Standard Profiles'!$G$18=$B$17,14,0)+IF('Standard Profiles'!$G$18=$B$24,21,0),MOD($C4108,24)+1)/SUM(INDEX($D$3:$AA$30,INDEX(Jesper!$R$2:$R$366,ROW(INDEX(Jesper!AH$2:AH$366,ROUNDDOWN($C4108/24,0)+1,1))-1)+IF('Standard Profiles'!$G$18=$B$10,7,0)+IF('Standard Profiles'!$G$18=$B$17,14,0)+IF('Standard Profiles'!$G$18=$B$24,21,0),0)),0)</f>
        <v>5.2818292210154549</v>
      </c>
      <c r="E4108" cm="1">
        <f t="array" ref="E4108">IFERROR(INDEX(Jesper!AI$2:AI$366,ROUNDDOWN($C4108/24,0)+1,1)*INDEX($D$3:$AA$30,INDEX(Jesper!$R$2:$R$366,ROW(INDEX(Jesper!AI$2:AI$366,ROUNDDOWN($C4108/24,0)+1,1))-1)+IF('Standard Profiles'!$G$19=$B$10,7,0)+IF('Standard Profiles'!$G$19=$B$17,14,0)+IF('Standard Profiles'!$G$19=$B$24,21,0),MOD($C4108,24)+1)/SUM(INDEX($D$3:$AA$30,INDEX(Jesper!$R$2:$R$366,ROW(INDEX(Jesper!AI$2:AI$366,ROUNDDOWN($C4108/24,0)+1,1))-1)+IF('Standard Profiles'!$G$19=$B$10,7,0)+IF('Standard Profiles'!$G$19=$B$17,14,0)+IF('Standard Profiles'!$G$19=$B$24,21,0),0)),0)</f>
        <v>2.0889310353731281</v>
      </c>
      <c r="F4108" cm="1">
        <f t="array" ref="F4108">IFERROR(INDEX(Jesper!AJ$2:AJ$366,ROUNDDOWN($C4108/24,0)+1,1)*INDEX($D$3:$AA$30,INDEX(Jesper!$R$2:$R$366,ROW(INDEX(Jesper!AJ$2:AJ$366,ROUNDDOWN($C4108/24,0)+1,1))-1)+IF('Standard Profiles'!$G$20=$B$10,7,0)+IF('Standard Profiles'!$G$20=$B$17,14,0)+IF('Standard Profiles'!$G$20=$B$24,21,0),MOD($C4108,24)+1)/SUM(INDEX($D$3:$AA$30,INDEX(Jesper!$R$2:$R$366,ROW(INDEX(Jesper!AJ$2:AJ$366,ROUNDDOWN($C4108/24,0)+1,1))-1)+IF('Standard Profiles'!$G$20=$B$10,7,0)+IF('Standard Profiles'!$G$20=$B$17,14,0)+IF('Standard Profiles'!$G$20=$B$24,21,0),0)),0)</f>
        <v>0</v>
      </c>
      <c r="G4108" cm="1">
        <f t="array" ref="G4108">IFERROR(INDEX(Jesper!AK$2:AK$366,ROUNDDOWN($C4108/24,0)+1,1)*INDEX($D$3:$AA$30,INDEX(Jesper!$R$2:$R$366,ROW(INDEX(Jesper!AK$2:AK$366,ROUNDDOWN($C4108/24,0)+1,1))-1)+IF('Standard Profiles'!$G$21=$B$10,7,0)+IF('Standard Profiles'!$G$21=$B$17,14,0)+IF('Standard Profiles'!$G$21=$B$24,21,0),MOD($C4108,24)+1)/SUM(INDEX($D$3:$AA$30,INDEX(Jesper!$R$2:$R$366,ROW(INDEX(Jesper!AK$2:AK$366,ROUNDDOWN($C4108/24,0)+1,1))-1)+IF('Standard Profiles'!$G$21=$B$10,7,0)+IF('Standard Profiles'!$G$21=$B$17,14,0)+IF('Standard Profiles'!$G$21=$B$24,21,0),0)),0)</f>
        <v>0</v>
      </c>
      <c r="H4108" cm="1">
        <f t="array" ref="H4108">IFERROR(INDEX(Jesper!AL$2:AL$366,ROUNDDOWN($C4108/24,0)+1,1)*INDEX($D$3:$AA$30,INDEX(Jesper!$R$2:$R$366,ROW(INDEX(Jesper!AL$2:AL$366,ROUNDDOWN($C4108/24,0)+1,1))-1)+IF('Standard Profiles'!$G$22=$B$10,7,0)+IF('Standard Profiles'!$G$22=$B$17,14,0)+IF('Standard Profiles'!$G$22=$B$24,21,0),MOD($C4108,24)+1)/SUM(INDEX($D$3:$AA$30,INDEX(Jesper!$R$2:$R$366,ROW(INDEX(Jesper!AL$2:AL$366,ROUNDDOWN($C4108/24,0)+1,1))-1)+IF('Standard Profiles'!$G$22=$B$10,7,0)+IF('Standard Profiles'!$G$22=$B$17,14,0)+IF('Standard Profiles'!$G$22=$B$24,21,0),0)),0)</f>
        <v>0</v>
      </c>
      <c r="I4108">
        <f t="shared" si="461"/>
        <v>0</v>
      </c>
      <c r="J4108">
        <f t="shared" si="462"/>
        <v>6.5256675810261102</v>
      </c>
      <c r="K4108">
        <f t="shared" si="463"/>
        <v>0.56339511690831523</v>
      </c>
      <c r="L4108">
        <f t="shared" si="464"/>
        <v>0.28169755845415761</v>
      </c>
      <c r="M4108">
        <f t="shared" si="465"/>
        <v>0</v>
      </c>
      <c r="N4108" s="45">
        <f t="shared" si="466"/>
        <v>45096.749999990119</v>
      </c>
    </row>
    <row r="4109" spans="2:14" x14ac:dyDescent="0.25">
      <c r="B4109">
        <f t="shared" si="460"/>
        <v>1</v>
      </c>
      <c r="C4109" s="16">
        <v>4075</v>
      </c>
      <c r="D4109" cm="1">
        <f t="array" ref="D4109">IFERROR(INDEX(Jesper!AH$2:AH$366,ROUNDDOWN($C4109/24,0)+1,1)*INDEX($D$3:$AA$30,INDEX(Jesper!$R$2:$R$366,ROW(INDEX(Jesper!AH$2:AH$366,ROUNDDOWN($C4109/24,0)+1,1))-1)+IF('Standard Profiles'!$G$18=$B$10,7,0)+IF('Standard Profiles'!$G$18=$B$17,14,0)+IF('Standard Profiles'!$G$18=$B$24,21,0),MOD($C4109,24)+1)/SUM(INDEX($D$3:$AA$30,INDEX(Jesper!$R$2:$R$366,ROW(INDEX(Jesper!AH$2:AH$366,ROUNDDOWN($C4109/24,0)+1,1))-1)+IF('Standard Profiles'!$G$18=$B$10,7,0)+IF('Standard Profiles'!$G$18=$B$17,14,0)+IF('Standard Profiles'!$G$18=$B$24,21,0),0)),0)</f>
        <v>5.2818292210154549</v>
      </c>
      <c r="E4109" cm="1">
        <f t="array" ref="E4109">IFERROR(INDEX(Jesper!AI$2:AI$366,ROUNDDOWN($C4109/24,0)+1,1)*INDEX($D$3:$AA$30,INDEX(Jesper!$R$2:$R$366,ROW(INDEX(Jesper!AI$2:AI$366,ROUNDDOWN($C4109/24,0)+1,1))-1)+IF('Standard Profiles'!$G$19=$B$10,7,0)+IF('Standard Profiles'!$G$19=$B$17,14,0)+IF('Standard Profiles'!$G$19=$B$24,21,0),MOD($C4109,24)+1)/SUM(INDEX($D$3:$AA$30,INDEX(Jesper!$R$2:$R$366,ROW(INDEX(Jesper!AI$2:AI$366,ROUNDDOWN($C4109/24,0)+1,1))-1)+IF('Standard Profiles'!$G$19=$B$10,7,0)+IF('Standard Profiles'!$G$19=$B$17,14,0)+IF('Standard Profiles'!$G$19=$B$24,21,0),0)),0)</f>
        <v>2.0889310353731281</v>
      </c>
      <c r="F4109" cm="1">
        <f t="array" ref="F4109">IFERROR(INDEX(Jesper!AJ$2:AJ$366,ROUNDDOWN($C4109/24,0)+1,1)*INDEX($D$3:$AA$30,INDEX(Jesper!$R$2:$R$366,ROW(INDEX(Jesper!AJ$2:AJ$366,ROUNDDOWN($C4109/24,0)+1,1))-1)+IF('Standard Profiles'!$G$20=$B$10,7,0)+IF('Standard Profiles'!$G$20=$B$17,14,0)+IF('Standard Profiles'!$G$20=$B$24,21,0),MOD($C4109,24)+1)/SUM(INDEX($D$3:$AA$30,INDEX(Jesper!$R$2:$R$366,ROW(INDEX(Jesper!AJ$2:AJ$366,ROUNDDOWN($C4109/24,0)+1,1))-1)+IF('Standard Profiles'!$G$20=$B$10,7,0)+IF('Standard Profiles'!$G$20=$B$17,14,0)+IF('Standard Profiles'!$G$20=$B$24,21,0),0)),0)</f>
        <v>0</v>
      </c>
      <c r="G4109" cm="1">
        <f t="array" ref="G4109">IFERROR(INDEX(Jesper!AK$2:AK$366,ROUNDDOWN($C4109/24,0)+1,1)*INDEX($D$3:$AA$30,INDEX(Jesper!$R$2:$R$366,ROW(INDEX(Jesper!AK$2:AK$366,ROUNDDOWN($C4109/24,0)+1,1))-1)+IF('Standard Profiles'!$G$21=$B$10,7,0)+IF('Standard Profiles'!$G$21=$B$17,14,0)+IF('Standard Profiles'!$G$21=$B$24,21,0),MOD($C4109,24)+1)/SUM(INDEX($D$3:$AA$30,INDEX(Jesper!$R$2:$R$366,ROW(INDEX(Jesper!AK$2:AK$366,ROUNDDOWN($C4109/24,0)+1,1))-1)+IF('Standard Profiles'!$G$21=$B$10,7,0)+IF('Standard Profiles'!$G$21=$B$17,14,0)+IF('Standard Profiles'!$G$21=$B$24,21,0),0)),0)</f>
        <v>0</v>
      </c>
      <c r="H4109" cm="1">
        <f t="array" ref="H4109">IFERROR(INDEX(Jesper!AL$2:AL$366,ROUNDDOWN($C4109/24,0)+1,1)*INDEX($D$3:$AA$30,INDEX(Jesper!$R$2:$R$366,ROW(INDEX(Jesper!AL$2:AL$366,ROUNDDOWN($C4109/24,0)+1,1))-1)+IF('Standard Profiles'!$G$22=$B$10,7,0)+IF('Standard Profiles'!$G$22=$B$17,14,0)+IF('Standard Profiles'!$G$22=$B$24,21,0),MOD($C4109,24)+1)/SUM(INDEX($D$3:$AA$30,INDEX(Jesper!$R$2:$R$366,ROW(INDEX(Jesper!AL$2:AL$366,ROUNDDOWN($C4109/24,0)+1,1))-1)+IF('Standard Profiles'!$G$22=$B$10,7,0)+IF('Standard Profiles'!$G$22=$B$17,14,0)+IF('Standard Profiles'!$G$22=$B$24,21,0),0)),0)</f>
        <v>0</v>
      </c>
      <c r="I4109">
        <f t="shared" si="461"/>
        <v>0</v>
      </c>
      <c r="J4109">
        <f t="shared" si="462"/>
        <v>6.5256675810261102</v>
      </c>
      <c r="K4109">
        <f t="shared" si="463"/>
        <v>0.56339511690831523</v>
      </c>
      <c r="L4109">
        <f t="shared" si="464"/>
        <v>0.28169755845415761</v>
      </c>
      <c r="M4109">
        <f t="shared" si="465"/>
        <v>0</v>
      </c>
      <c r="N4109" s="45">
        <f t="shared" si="466"/>
        <v>45096.791666656783</v>
      </c>
    </row>
    <row r="4110" spans="2:14" x14ac:dyDescent="0.25">
      <c r="B4110">
        <f t="shared" si="460"/>
        <v>1</v>
      </c>
      <c r="C4110" s="16">
        <v>4076</v>
      </c>
      <c r="D4110" cm="1">
        <f t="array" ref="D4110">IFERROR(INDEX(Jesper!AH$2:AH$366,ROUNDDOWN($C4110/24,0)+1,1)*INDEX($D$3:$AA$30,INDEX(Jesper!$R$2:$R$366,ROW(INDEX(Jesper!AH$2:AH$366,ROUNDDOWN($C4110/24,0)+1,1))-1)+IF('Standard Profiles'!$G$18=$B$10,7,0)+IF('Standard Profiles'!$G$18=$B$17,14,0)+IF('Standard Profiles'!$G$18=$B$24,21,0),MOD($C4110,24)+1)/SUM(INDEX($D$3:$AA$30,INDEX(Jesper!$R$2:$R$366,ROW(INDEX(Jesper!AH$2:AH$366,ROUNDDOWN($C4110/24,0)+1,1))-1)+IF('Standard Profiles'!$G$18=$B$10,7,0)+IF('Standard Profiles'!$G$18=$B$17,14,0)+IF('Standard Profiles'!$G$18=$B$24,21,0),0)),0)</f>
        <v>5.2818292210154549</v>
      </c>
      <c r="E4110" cm="1">
        <f t="array" ref="E4110">IFERROR(INDEX(Jesper!AI$2:AI$366,ROUNDDOWN($C4110/24,0)+1,1)*INDEX($D$3:$AA$30,INDEX(Jesper!$R$2:$R$366,ROW(INDEX(Jesper!AI$2:AI$366,ROUNDDOWN($C4110/24,0)+1,1))-1)+IF('Standard Profiles'!$G$19=$B$10,7,0)+IF('Standard Profiles'!$G$19=$B$17,14,0)+IF('Standard Profiles'!$G$19=$B$24,21,0),MOD($C4110,24)+1)/SUM(INDEX($D$3:$AA$30,INDEX(Jesper!$R$2:$R$366,ROW(INDEX(Jesper!AI$2:AI$366,ROUNDDOWN($C4110/24,0)+1,1))-1)+IF('Standard Profiles'!$G$19=$B$10,7,0)+IF('Standard Profiles'!$G$19=$B$17,14,0)+IF('Standard Profiles'!$G$19=$B$24,21,0),0)),0)</f>
        <v>2.0889310353731281</v>
      </c>
      <c r="F4110" cm="1">
        <f t="array" ref="F4110">IFERROR(INDEX(Jesper!AJ$2:AJ$366,ROUNDDOWN($C4110/24,0)+1,1)*INDEX($D$3:$AA$30,INDEX(Jesper!$R$2:$R$366,ROW(INDEX(Jesper!AJ$2:AJ$366,ROUNDDOWN($C4110/24,0)+1,1))-1)+IF('Standard Profiles'!$G$20=$B$10,7,0)+IF('Standard Profiles'!$G$20=$B$17,14,0)+IF('Standard Profiles'!$G$20=$B$24,21,0),MOD($C4110,24)+1)/SUM(INDEX($D$3:$AA$30,INDEX(Jesper!$R$2:$R$366,ROW(INDEX(Jesper!AJ$2:AJ$366,ROUNDDOWN($C4110/24,0)+1,1))-1)+IF('Standard Profiles'!$G$20=$B$10,7,0)+IF('Standard Profiles'!$G$20=$B$17,14,0)+IF('Standard Profiles'!$G$20=$B$24,21,0),0)),0)</f>
        <v>0</v>
      </c>
      <c r="G4110" cm="1">
        <f t="array" ref="G4110">IFERROR(INDEX(Jesper!AK$2:AK$366,ROUNDDOWN($C4110/24,0)+1,1)*INDEX($D$3:$AA$30,INDEX(Jesper!$R$2:$R$366,ROW(INDEX(Jesper!AK$2:AK$366,ROUNDDOWN($C4110/24,0)+1,1))-1)+IF('Standard Profiles'!$G$21=$B$10,7,0)+IF('Standard Profiles'!$G$21=$B$17,14,0)+IF('Standard Profiles'!$G$21=$B$24,21,0),MOD($C4110,24)+1)/SUM(INDEX($D$3:$AA$30,INDEX(Jesper!$R$2:$R$366,ROW(INDEX(Jesper!AK$2:AK$366,ROUNDDOWN($C4110/24,0)+1,1))-1)+IF('Standard Profiles'!$G$21=$B$10,7,0)+IF('Standard Profiles'!$G$21=$B$17,14,0)+IF('Standard Profiles'!$G$21=$B$24,21,0),0)),0)</f>
        <v>0</v>
      </c>
      <c r="H4110" cm="1">
        <f t="array" ref="H4110">IFERROR(INDEX(Jesper!AL$2:AL$366,ROUNDDOWN($C4110/24,0)+1,1)*INDEX($D$3:$AA$30,INDEX(Jesper!$R$2:$R$366,ROW(INDEX(Jesper!AL$2:AL$366,ROUNDDOWN($C4110/24,0)+1,1))-1)+IF('Standard Profiles'!$G$22=$B$10,7,0)+IF('Standard Profiles'!$G$22=$B$17,14,0)+IF('Standard Profiles'!$G$22=$B$24,21,0),MOD($C4110,24)+1)/SUM(INDEX($D$3:$AA$30,INDEX(Jesper!$R$2:$R$366,ROW(INDEX(Jesper!AL$2:AL$366,ROUNDDOWN($C4110/24,0)+1,1))-1)+IF('Standard Profiles'!$G$22=$B$10,7,0)+IF('Standard Profiles'!$G$22=$B$17,14,0)+IF('Standard Profiles'!$G$22=$B$24,21,0),0)),0)</f>
        <v>0</v>
      </c>
      <c r="I4110">
        <f t="shared" si="461"/>
        <v>0</v>
      </c>
      <c r="J4110">
        <f t="shared" si="462"/>
        <v>6.5256675810261102</v>
      </c>
      <c r="K4110">
        <f t="shared" si="463"/>
        <v>0.56339511690831523</v>
      </c>
      <c r="L4110">
        <f t="shared" si="464"/>
        <v>0.28169755845415761</v>
      </c>
      <c r="M4110">
        <f t="shared" si="465"/>
        <v>0</v>
      </c>
      <c r="N4110" s="45">
        <f t="shared" si="466"/>
        <v>45096.833333323448</v>
      </c>
    </row>
    <row r="4111" spans="2:14" x14ac:dyDescent="0.25">
      <c r="B4111">
        <f t="shared" si="460"/>
        <v>1</v>
      </c>
      <c r="C4111" s="16">
        <v>4077</v>
      </c>
      <c r="D4111" cm="1">
        <f t="array" ref="D4111">IFERROR(INDEX(Jesper!AH$2:AH$366,ROUNDDOWN($C4111/24,0)+1,1)*INDEX($D$3:$AA$30,INDEX(Jesper!$R$2:$R$366,ROW(INDEX(Jesper!AH$2:AH$366,ROUNDDOWN($C4111/24,0)+1,1))-1)+IF('Standard Profiles'!$G$18=$B$10,7,0)+IF('Standard Profiles'!$G$18=$B$17,14,0)+IF('Standard Profiles'!$G$18=$B$24,21,0),MOD($C4111,24)+1)/SUM(INDEX($D$3:$AA$30,INDEX(Jesper!$R$2:$R$366,ROW(INDEX(Jesper!AH$2:AH$366,ROUNDDOWN($C4111/24,0)+1,1))-1)+IF('Standard Profiles'!$G$18=$B$10,7,0)+IF('Standard Profiles'!$G$18=$B$17,14,0)+IF('Standard Profiles'!$G$18=$B$24,21,0),0)),0)</f>
        <v>5.2818292210154549</v>
      </c>
      <c r="E4111" cm="1">
        <f t="array" ref="E4111">IFERROR(INDEX(Jesper!AI$2:AI$366,ROUNDDOWN($C4111/24,0)+1,1)*INDEX($D$3:$AA$30,INDEX(Jesper!$R$2:$R$366,ROW(INDEX(Jesper!AI$2:AI$366,ROUNDDOWN($C4111/24,0)+1,1))-1)+IF('Standard Profiles'!$G$19=$B$10,7,0)+IF('Standard Profiles'!$G$19=$B$17,14,0)+IF('Standard Profiles'!$G$19=$B$24,21,0),MOD($C4111,24)+1)/SUM(INDEX($D$3:$AA$30,INDEX(Jesper!$R$2:$R$366,ROW(INDEX(Jesper!AI$2:AI$366,ROUNDDOWN($C4111/24,0)+1,1))-1)+IF('Standard Profiles'!$G$19=$B$10,7,0)+IF('Standard Profiles'!$G$19=$B$17,14,0)+IF('Standard Profiles'!$G$19=$B$24,21,0),0)),0)</f>
        <v>2.0889310353731281</v>
      </c>
      <c r="F4111" cm="1">
        <f t="array" ref="F4111">IFERROR(INDEX(Jesper!AJ$2:AJ$366,ROUNDDOWN($C4111/24,0)+1,1)*INDEX($D$3:$AA$30,INDEX(Jesper!$R$2:$R$366,ROW(INDEX(Jesper!AJ$2:AJ$366,ROUNDDOWN($C4111/24,0)+1,1))-1)+IF('Standard Profiles'!$G$20=$B$10,7,0)+IF('Standard Profiles'!$G$20=$B$17,14,0)+IF('Standard Profiles'!$G$20=$B$24,21,0),MOD($C4111,24)+1)/SUM(INDEX($D$3:$AA$30,INDEX(Jesper!$R$2:$R$366,ROW(INDEX(Jesper!AJ$2:AJ$366,ROUNDDOWN($C4111/24,0)+1,1))-1)+IF('Standard Profiles'!$G$20=$B$10,7,0)+IF('Standard Profiles'!$G$20=$B$17,14,0)+IF('Standard Profiles'!$G$20=$B$24,21,0),0)),0)</f>
        <v>0</v>
      </c>
      <c r="G4111" cm="1">
        <f t="array" ref="G4111">IFERROR(INDEX(Jesper!AK$2:AK$366,ROUNDDOWN($C4111/24,0)+1,1)*INDEX($D$3:$AA$30,INDEX(Jesper!$R$2:$R$366,ROW(INDEX(Jesper!AK$2:AK$366,ROUNDDOWN($C4111/24,0)+1,1))-1)+IF('Standard Profiles'!$G$21=$B$10,7,0)+IF('Standard Profiles'!$G$21=$B$17,14,0)+IF('Standard Profiles'!$G$21=$B$24,21,0),MOD($C4111,24)+1)/SUM(INDEX($D$3:$AA$30,INDEX(Jesper!$R$2:$R$366,ROW(INDEX(Jesper!AK$2:AK$366,ROUNDDOWN($C4111/24,0)+1,1))-1)+IF('Standard Profiles'!$G$21=$B$10,7,0)+IF('Standard Profiles'!$G$21=$B$17,14,0)+IF('Standard Profiles'!$G$21=$B$24,21,0),0)),0)</f>
        <v>0</v>
      </c>
      <c r="H4111" cm="1">
        <f t="array" ref="H4111">IFERROR(INDEX(Jesper!AL$2:AL$366,ROUNDDOWN($C4111/24,0)+1,1)*INDEX($D$3:$AA$30,INDEX(Jesper!$R$2:$R$366,ROW(INDEX(Jesper!AL$2:AL$366,ROUNDDOWN($C4111/24,0)+1,1))-1)+IF('Standard Profiles'!$G$22=$B$10,7,0)+IF('Standard Profiles'!$G$22=$B$17,14,0)+IF('Standard Profiles'!$G$22=$B$24,21,0),MOD($C4111,24)+1)/SUM(INDEX($D$3:$AA$30,INDEX(Jesper!$R$2:$R$366,ROW(INDEX(Jesper!AL$2:AL$366,ROUNDDOWN($C4111/24,0)+1,1))-1)+IF('Standard Profiles'!$G$22=$B$10,7,0)+IF('Standard Profiles'!$G$22=$B$17,14,0)+IF('Standard Profiles'!$G$22=$B$24,21,0),0)),0)</f>
        <v>0</v>
      </c>
      <c r="I4111">
        <f t="shared" si="461"/>
        <v>0</v>
      </c>
      <c r="J4111">
        <f t="shared" si="462"/>
        <v>6.5256675810261102</v>
      </c>
      <c r="K4111">
        <f t="shared" si="463"/>
        <v>0.56339511690831523</v>
      </c>
      <c r="L4111">
        <f t="shared" si="464"/>
        <v>0.28169755845415761</v>
      </c>
      <c r="M4111">
        <f t="shared" si="465"/>
        <v>0</v>
      </c>
      <c r="N4111" s="45">
        <f t="shared" si="466"/>
        <v>45096.874999990112</v>
      </c>
    </row>
    <row r="4112" spans="2:14" x14ac:dyDescent="0.25">
      <c r="B4112">
        <f t="shared" si="460"/>
        <v>1</v>
      </c>
      <c r="C4112" s="16">
        <v>4078</v>
      </c>
      <c r="D4112" cm="1">
        <f t="array" ref="D4112">IFERROR(INDEX(Jesper!AH$2:AH$366,ROUNDDOWN($C4112/24,0)+1,1)*INDEX($D$3:$AA$30,INDEX(Jesper!$R$2:$R$366,ROW(INDEX(Jesper!AH$2:AH$366,ROUNDDOWN($C4112/24,0)+1,1))-1)+IF('Standard Profiles'!$G$18=$B$10,7,0)+IF('Standard Profiles'!$G$18=$B$17,14,0)+IF('Standard Profiles'!$G$18=$B$24,21,0),MOD($C4112,24)+1)/SUM(INDEX($D$3:$AA$30,INDEX(Jesper!$R$2:$R$366,ROW(INDEX(Jesper!AH$2:AH$366,ROUNDDOWN($C4112/24,0)+1,1))-1)+IF('Standard Profiles'!$G$18=$B$10,7,0)+IF('Standard Profiles'!$G$18=$B$17,14,0)+IF('Standard Profiles'!$G$18=$B$24,21,0),0)),0)</f>
        <v>5.2818292210154549</v>
      </c>
      <c r="E4112" cm="1">
        <f t="array" ref="E4112">IFERROR(INDEX(Jesper!AI$2:AI$366,ROUNDDOWN($C4112/24,0)+1,1)*INDEX($D$3:$AA$30,INDEX(Jesper!$R$2:$R$366,ROW(INDEX(Jesper!AI$2:AI$366,ROUNDDOWN($C4112/24,0)+1,1))-1)+IF('Standard Profiles'!$G$19=$B$10,7,0)+IF('Standard Profiles'!$G$19=$B$17,14,0)+IF('Standard Profiles'!$G$19=$B$24,21,0),MOD($C4112,24)+1)/SUM(INDEX($D$3:$AA$30,INDEX(Jesper!$R$2:$R$366,ROW(INDEX(Jesper!AI$2:AI$366,ROUNDDOWN($C4112/24,0)+1,1))-1)+IF('Standard Profiles'!$G$19=$B$10,7,0)+IF('Standard Profiles'!$G$19=$B$17,14,0)+IF('Standard Profiles'!$G$19=$B$24,21,0),0)),0)</f>
        <v>2.0889310353731281</v>
      </c>
      <c r="F4112" cm="1">
        <f t="array" ref="F4112">IFERROR(INDEX(Jesper!AJ$2:AJ$366,ROUNDDOWN($C4112/24,0)+1,1)*INDEX($D$3:$AA$30,INDEX(Jesper!$R$2:$R$366,ROW(INDEX(Jesper!AJ$2:AJ$366,ROUNDDOWN($C4112/24,0)+1,1))-1)+IF('Standard Profiles'!$G$20=$B$10,7,0)+IF('Standard Profiles'!$G$20=$B$17,14,0)+IF('Standard Profiles'!$G$20=$B$24,21,0),MOD($C4112,24)+1)/SUM(INDEX($D$3:$AA$30,INDEX(Jesper!$R$2:$R$366,ROW(INDEX(Jesper!AJ$2:AJ$366,ROUNDDOWN($C4112/24,0)+1,1))-1)+IF('Standard Profiles'!$G$20=$B$10,7,0)+IF('Standard Profiles'!$G$20=$B$17,14,0)+IF('Standard Profiles'!$G$20=$B$24,21,0),0)),0)</f>
        <v>0</v>
      </c>
      <c r="G4112" cm="1">
        <f t="array" ref="G4112">IFERROR(INDEX(Jesper!AK$2:AK$366,ROUNDDOWN($C4112/24,0)+1,1)*INDEX($D$3:$AA$30,INDEX(Jesper!$R$2:$R$366,ROW(INDEX(Jesper!AK$2:AK$366,ROUNDDOWN($C4112/24,0)+1,1))-1)+IF('Standard Profiles'!$G$21=$B$10,7,0)+IF('Standard Profiles'!$G$21=$B$17,14,0)+IF('Standard Profiles'!$G$21=$B$24,21,0),MOD($C4112,24)+1)/SUM(INDEX($D$3:$AA$30,INDEX(Jesper!$R$2:$R$366,ROW(INDEX(Jesper!AK$2:AK$366,ROUNDDOWN($C4112/24,0)+1,1))-1)+IF('Standard Profiles'!$G$21=$B$10,7,0)+IF('Standard Profiles'!$G$21=$B$17,14,0)+IF('Standard Profiles'!$G$21=$B$24,21,0),0)),0)</f>
        <v>0</v>
      </c>
      <c r="H4112" cm="1">
        <f t="array" ref="H4112">IFERROR(INDEX(Jesper!AL$2:AL$366,ROUNDDOWN($C4112/24,0)+1,1)*INDEX($D$3:$AA$30,INDEX(Jesper!$R$2:$R$366,ROW(INDEX(Jesper!AL$2:AL$366,ROUNDDOWN($C4112/24,0)+1,1))-1)+IF('Standard Profiles'!$G$22=$B$10,7,0)+IF('Standard Profiles'!$G$22=$B$17,14,0)+IF('Standard Profiles'!$G$22=$B$24,21,0),MOD($C4112,24)+1)/SUM(INDEX($D$3:$AA$30,INDEX(Jesper!$R$2:$R$366,ROW(INDEX(Jesper!AL$2:AL$366,ROUNDDOWN($C4112/24,0)+1,1))-1)+IF('Standard Profiles'!$G$22=$B$10,7,0)+IF('Standard Profiles'!$G$22=$B$17,14,0)+IF('Standard Profiles'!$G$22=$B$24,21,0),0)),0)</f>
        <v>0</v>
      </c>
      <c r="I4112">
        <f t="shared" si="461"/>
        <v>0</v>
      </c>
      <c r="J4112">
        <f t="shared" si="462"/>
        <v>6.5256675810261102</v>
      </c>
      <c r="K4112">
        <f t="shared" si="463"/>
        <v>0.56339511690831523</v>
      </c>
      <c r="L4112">
        <f t="shared" si="464"/>
        <v>0.28169755845415761</v>
      </c>
      <c r="M4112">
        <f t="shared" si="465"/>
        <v>0</v>
      </c>
      <c r="N4112" s="45">
        <f t="shared" si="466"/>
        <v>45096.916666656776</v>
      </c>
    </row>
    <row r="4113" spans="2:14" x14ac:dyDescent="0.25">
      <c r="B4113">
        <f t="shared" si="460"/>
        <v>1</v>
      </c>
      <c r="C4113" s="16">
        <v>4079</v>
      </c>
      <c r="D4113" cm="1">
        <f t="array" ref="D4113">IFERROR(INDEX(Jesper!AH$2:AH$366,ROUNDDOWN($C4113/24,0)+1,1)*INDEX($D$3:$AA$30,INDEX(Jesper!$R$2:$R$366,ROW(INDEX(Jesper!AH$2:AH$366,ROUNDDOWN($C4113/24,0)+1,1))-1)+IF('Standard Profiles'!$G$18=$B$10,7,0)+IF('Standard Profiles'!$G$18=$B$17,14,0)+IF('Standard Profiles'!$G$18=$B$24,21,0),MOD($C4113,24)+1)/SUM(INDEX($D$3:$AA$30,INDEX(Jesper!$R$2:$R$366,ROW(INDEX(Jesper!AH$2:AH$366,ROUNDDOWN($C4113/24,0)+1,1))-1)+IF('Standard Profiles'!$G$18=$B$10,7,0)+IF('Standard Profiles'!$G$18=$B$17,14,0)+IF('Standard Profiles'!$G$18=$B$24,21,0),0)),0)</f>
        <v>5.2818292210154549</v>
      </c>
      <c r="E4113" cm="1">
        <f t="array" ref="E4113">IFERROR(INDEX(Jesper!AI$2:AI$366,ROUNDDOWN($C4113/24,0)+1,1)*INDEX($D$3:$AA$30,INDEX(Jesper!$R$2:$R$366,ROW(INDEX(Jesper!AI$2:AI$366,ROUNDDOWN($C4113/24,0)+1,1))-1)+IF('Standard Profiles'!$G$19=$B$10,7,0)+IF('Standard Profiles'!$G$19=$B$17,14,0)+IF('Standard Profiles'!$G$19=$B$24,21,0),MOD($C4113,24)+1)/SUM(INDEX($D$3:$AA$30,INDEX(Jesper!$R$2:$R$366,ROW(INDEX(Jesper!AI$2:AI$366,ROUNDDOWN($C4113/24,0)+1,1))-1)+IF('Standard Profiles'!$G$19=$B$10,7,0)+IF('Standard Profiles'!$G$19=$B$17,14,0)+IF('Standard Profiles'!$G$19=$B$24,21,0),0)),0)</f>
        <v>2.0889310353731281</v>
      </c>
      <c r="F4113" cm="1">
        <f t="array" ref="F4113">IFERROR(INDEX(Jesper!AJ$2:AJ$366,ROUNDDOWN($C4113/24,0)+1,1)*INDEX($D$3:$AA$30,INDEX(Jesper!$R$2:$R$366,ROW(INDEX(Jesper!AJ$2:AJ$366,ROUNDDOWN($C4113/24,0)+1,1))-1)+IF('Standard Profiles'!$G$20=$B$10,7,0)+IF('Standard Profiles'!$G$20=$B$17,14,0)+IF('Standard Profiles'!$G$20=$B$24,21,0),MOD($C4113,24)+1)/SUM(INDEX($D$3:$AA$30,INDEX(Jesper!$R$2:$R$366,ROW(INDEX(Jesper!AJ$2:AJ$366,ROUNDDOWN($C4113/24,0)+1,1))-1)+IF('Standard Profiles'!$G$20=$B$10,7,0)+IF('Standard Profiles'!$G$20=$B$17,14,0)+IF('Standard Profiles'!$G$20=$B$24,21,0),0)),0)</f>
        <v>0</v>
      </c>
      <c r="G4113" cm="1">
        <f t="array" ref="G4113">IFERROR(INDEX(Jesper!AK$2:AK$366,ROUNDDOWN($C4113/24,0)+1,1)*INDEX($D$3:$AA$30,INDEX(Jesper!$R$2:$R$366,ROW(INDEX(Jesper!AK$2:AK$366,ROUNDDOWN($C4113/24,0)+1,1))-1)+IF('Standard Profiles'!$G$21=$B$10,7,0)+IF('Standard Profiles'!$G$21=$B$17,14,0)+IF('Standard Profiles'!$G$21=$B$24,21,0),MOD($C4113,24)+1)/SUM(INDEX($D$3:$AA$30,INDEX(Jesper!$R$2:$R$366,ROW(INDEX(Jesper!AK$2:AK$366,ROUNDDOWN($C4113/24,0)+1,1))-1)+IF('Standard Profiles'!$G$21=$B$10,7,0)+IF('Standard Profiles'!$G$21=$B$17,14,0)+IF('Standard Profiles'!$G$21=$B$24,21,0),0)),0)</f>
        <v>0</v>
      </c>
      <c r="H4113" cm="1">
        <f t="array" ref="H4113">IFERROR(INDEX(Jesper!AL$2:AL$366,ROUNDDOWN($C4113/24,0)+1,1)*INDEX($D$3:$AA$30,INDEX(Jesper!$R$2:$R$366,ROW(INDEX(Jesper!AL$2:AL$366,ROUNDDOWN($C4113/24,0)+1,1))-1)+IF('Standard Profiles'!$G$22=$B$10,7,0)+IF('Standard Profiles'!$G$22=$B$17,14,0)+IF('Standard Profiles'!$G$22=$B$24,21,0),MOD($C4113,24)+1)/SUM(INDEX($D$3:$AA$30,INDEX(Jesper!$R$2:$R$366,ROW(INDEX(Jesper!AL$2:AL$366,ROUNDDOWN($C4113/24,0)+1,1))-1)+IF('Standard Profiles'!$G$22=$B$10,7,0)+IF('Standard Profiles'!$G$22=$B$17,14,0)+IF('Standard Profiles'!$G$22=$B$24,21,0),0)),0)</f>
        <v>0</v>
      </c>
      <c r="I4113">
        <f t="shared" si="461"/>
        <v>0</v>
      </c>
      <c r="J4113">
        <f t="shared" si="462"/>
        <v>6.5256675810261102</v>
      </c>
      <c r="K4113">
        <f t="shared" si="463"/>
        <v>0.56339511690831523</v>
      </c>
      <c r="L4113">
        <f t="shared" si="464"/>
        <v>0.28169755845415761</v>
      </c>
      <c r="M4113">
        <f t="shared" si="465"/>
        <v>0</v>
      </c>
      <c r="N4113" s="45">
        <f t="shared" si="466"/>
        <v>45096.95833332344</v>
      </c>
    </row>
    <row r="4114" spans="2:14" x14ac:dyDescent="0.25">
      <c r="B4114">
        <f t="shared" si="460"/>
        <v>2</v>
      </c>
      <c r="C4114" s="16">
        <v>4080</v>
      </c>
      <c r="D4114" cm="1">
        <f t="array" ref="D4114">IFERROR(INDEX(Jesper!AH$2:AH$366,ROUNDDOWN($C4114/24,0)+1,1)*INDEX($D$3:$AA$30,INDEX(Jesper!$R$2:$R$366,ROW(INDEX(Jesper!AH$2:AH$366,ROUNDDOWN($C4114/24,0)+1,1))-1)+IF('Standard Profiles'!$G$18=$B$10,7,0)+IF('Standard Profiles'!$G$18=$B$17,14,0)+IF('Standard Profiles'!$G$18=$B$24,21,0),MOD($C4114,24)+1)/SUM(INDEX($D$3:$AA$30,INDEX(Jesper!$R$2:$R$366,ROW(INDEX(Jesper!AH$2:AH$366,ROUNDDOWN($C4114/24,0)+1,1))-1)+IF('Standard Profiles'!$G$18=$B$10,7,0)+IF('Standard Profiles'!$G$18=$B$17,14,0)+IF('Standard Profiles'!$G$18=$B$24,21,0),0)),0)</f>
        <v>3.2941545505010805</v>
      </c>
      <c r="E4114" cm="1">
        <f t="array" ref="E4114">IFERROR(INDEX(Jesper!AI$2:AI$366,ROUNDDOWN($C4114/24,0)+1,1)*INDEX($D$3:$AA$30,INDEX(Jesper!$R$2:$R$366,ROW(INDEX(Jesper!AI$2:AI$366,ROUNDDOWN($C4114/24,0)+1,1))-1)+IF('Standard Profiles'!$G$19=$B$10,7,0)+IF('Standard Profiles'!$G$19=$B$17,14,0)+IF('Standard Profiles'!$G$19=$B$24,21,0),MOD($C4114,24)+1)/SUM(INDEX($D$3:$AA$30,INDEX(Jesper!$R$2:$R$366,ROW(INDEX(Jesper!AI$2:AI$366,ROUNDDOWN($C4114/24,0)+1,1))-1)+IF('Standard Profiles'!$G$19=$B$10,7,0)+IF('Standard Profiles'!$G$19=$B$17,14,0)+IF('Standard Profiles'!$G$19=$B$24,21,0),0)),0)</f>
        <v>1.1995479231526471</v>
      </c>
      <c r="F4114" cm="1">
        <f t="array" ref="F4114">IFERROR(INDEX(Jesper!AJ$2:AJ$366,ROUNDDOWN($C4114/24,0)+1,1)*INDEX($D$3:$AA$30,INDEX(Jesper!$R$2:$R$366,ROW(INDEX(Jesper!AJ$2:AJ$366,ROUNDDOWN($C4114/24,0)+1,1))-1)+IF('Standard Profiles'!$G$20=$B$10,7,0)+IF('Standard Profiles'!$G$20=$B$17,14,0)+IF('Standard Profiles'!$G$20=$B$24,21,0),MOD($C4114,24)+1)/SUM(INDEX($D$3:$AA$30,INDEX(Jesper!$R$2:$R$366,ROW(INDEX(Jesper!AJ$2:AJ$366,ROUNDDOWN($C4114/24,0)+1,1))-1)+IF('Standard Profiles'!$G$20=$B$10,7,0)+IF('Standard Profiles'!$G$20=$B$17,14,0)+IF('Standard Profiles'!$G$20=$B$24,21,0),0)),0)</f>
        <v>0</v>
      </c>
      <c r="G4114" cm="1">
        <f t="array" ref="G4114">IFERROR(INDEX(Jesper!AK$2:AK$366,ROUNDDOWN($C4114/24,0)+1,1)*INDEX($D$3:$AA$30,INDEX(Jesper!$R$2:$R$366,ROW(INDEX(Jesper!AK$2:AK$366,ROUNDDOWN($C4114/24,0)+1,1))-1)+IF('Standard Profiles'!$G$21=$B$10,7,0)+IF('Standard Profiles'!$G$21=$B$17,14,0)+IF('Standard Profiles'!$G$21=$B$24,21,0),MOD($C4114,24)+1)/SUM(INDEX($D$3:$AA$30,INDEX(Jesper!$R$2:$R$366,ROW(INDEX(Jesper!AK$2:AK$366,ROUNDDOWN($C4114/24,0)+1,1))-1)+IF('Standard Profiles'!$G$21=$B$10,7,0)+IF('Standard Profiles'!$G$21=$B$17,14,0)+IF('Standard Profiles'!$G$21=$B$24,21,0),0)),0)</f>
        <v>0</v>
      </c>
      <c r="H4114" cm="1">
        <f t="array" ref="H4114">IFERROR(INDEX(Jesper!AL$2:AL$366,ROUNDDOWN($C4114/24,0)+1,1)*INDEX($D$3:$AA$30,INDEX(Jesper!$R$2:$R$366,ROW(INDEX(Jesper!AL$2:AL$366,ROUNDDOWN($C4114/24,0)+1,1))-1)+IF('Standard Profiles'!$G$22=$B$10,7,0)+IF('Standard Profiles'!$G$22=$B$17,14,0)+IF('Standard Profiles'!$G$22=$B$24,21,0),MOD($C4114,24)+1)/SUM(INDEX($D$3:$AA$30,INDEX(Jesper!$R$2:$R$366,ROW(INDEX(Jesper!AL$2:AL$366,ROUNDDOWN($C4114/24,0)+1,1))-1)+IF('Standard Profiles'!$G$22=$B$10,7,0)+IF('Standard Profiles'!$G$22=$B$17,14,0)+IF('Standard Profiles'!$G$22=$B$24,21,0),0)),0)</f>
        <v>0</v>
      </c>
      <c r="I4114">
        <f t="shared" si="461"/>
        <v>0</v>
      </c>
      <c r="J4114">
        <f t="shared" si="462"/>
        <v>3.9666377455735549</v>
      </c>
      <c r="K4114">
        <f t="shared" si="463"/>
        <v>0.35137648538678196</v>
      </c>
      <c r="L4114">
        <f t="shared" si="464"/>
        <v>0.17568824269339098</v>
      </c>
      <c r="M4114">
        <f t="shared" si="465"/>
        <v>0</v>
      </c>
      <c r="N4114" s="45">
        <f t="shared" si="466"/>
        <v>45096.999999990105</v>
      </c>
    </row>
    <row r="4115" spans="2:14" x14ac:dyDescent="0.25">
      <c r="B4115">
        <f t="shared" si="460"/>
        <v>2</v>
      </c>
      <c r="C4115" s="16">
        <v>4081</v>
      </c>
      <c r="D4115" cm="1">
        <f t="array" ref="D4115">IFERROR(INDEX(Jesper!AH$2:AH$366,ROUNDDOWN($C4115/24,0)+1,1)*INDEX($D$3:$AA$30,INDEX(Jesper!$R$2:$R$366,ROW(INDEX(Jesper!AH$2:AH$366,ROUNDDOWN($C4115/24,0)+1,1))-1)+IF('Standard Profiles'!$G$18=$B$10,7,0)+IF('Standard Profiles'!$G$18=$B$17,14,0)+IF('Standard Profiles'!$G$18=$B$24,21,0),MOD($C4115,24)+1)/SUM(INDEX($D$3:$AA$30,INDEX(Jesper!$R$2:$R$366,ROW(INDEX(Jesper!AH$2:AH$366,ROUNDDOWN($C4115/24,0)+1,1))-1)+IF('Standard Profiles'!$G$18=$B$10,7,0)+IF('Standard Profiles'!$G$18=$B$17,14,0)+IF('Standard Profiles'!$G$18=$B$24,21,0),0)),0)</f>
        <v>5.0196640769540286</v>
      </c>
      <c r="E4115" cm="1">
        <f t="array" ref="E4115">IFERROR(INDEX(Jesper!AI$2:AI$366,ROUNDDOWN($C4115/24,0)+1,1)*INDEX($D$3:$AA$30,INDEX(Jesper!$R$2:$R$366,ROW(INDEX(Jesper!AI$2:AI$366,ROUNDDOWN($C4115/24,0)+1,1))-1)+IF('Standard Profiles'!$G$19=$B$10,7,0)+IF('Standard Profiles'!$G$19=$B$17,14,0)+IF('Standard Profiles'!$G$19=$B$24,21,0),MOD($C4115,24)+1)/SUM(INDEX($D$3:$AA$30,INDEX(Jesper!$R$2:$R$366,ROW(INDEX(Jesper!AI$2:AI$366,ROUNDDOWN($C4115/24,0)+1,1))-1)+IF('Standard Profiles'!$G$19=$B$10,7,0)+IF('Standard Profiles'!$G$19=$B$17,14,0)+IF('Standard Profiles'!$G$19=$B$24,21,0),0)),0)</f>
        <v>1.8278825495659388</v>
      </c>
      <c r="F4115" cm="1">
        <f t="array" ref="F4115">IFERROR(INDEX(Jesper!AJ$2:AJ$366,ROUNDDOWN($C4115/24,0)+1,1)*INDEX($D$3:$AA$30,INDEX(Jesper!$R$2:$R$366,ROW(INDEX(Jesper!AJ$2:AJ$366,ROUNDDOWN($C4115/24,0)+1,1))-1)+IF('Standard Profiles'!$G$20=$B$10,7,0)+IF('Standard Profiles'!$G$20=$B$17,14,0)+IF('Standard Profiles'!$G$20=$B$24,21,0),MOD($C4115,24)+1)/SUM(INDEX($D$3:$AA$30,INDEX(Jesper!$R$2:$R$366,ROW(INDEX(Jesper!AJ$2:AJ$366,ROUNDDOWN($C4115/24,0)+1,1))-1)+IF('Standard Profiles'!$G$20=$B$10,7,0)+IF('Standard Profiles'!$G$20=$B$17,14,0)+IF('Standard Profiles'!$G$20=$B$24,21,0),0)),0)</f>
        <v>0</v>
      </c>
      <c r="G4115" cm="1">
        <f t="array" ref="G4115">IFERROR(INDEX(Jesper!AK$2:AK$366,ROUNDDOWN($C4115/24,0)+1,1)*INDEX($D$3:$AA$30,INDEX(Jesper!$R$2:$R$366,ROW(INDEX(Jesper!AK$2:AK$366,ROUNDDOWN($C4115/24,0)+1,1))-1)+IF('Standard Profiles'!$G$21=$B$10,7,0)+IF('Standard Profiles'!$G$21=$B$17,14,0)+IF('Standard Profiles'!$G$21=$B$24,21,0),MOD($C4115,24)+1)/SUM(INDEX($D$3:$AA$30,INDEX(Jesper!$R$2:$R$366,ROW(INDEX(Jesper!AK$2:AK$366,ROUNDDOWN($C4115/24,0)+1,1))-1)+IF('Standard Profiles'!$G$21=$B$10,7,0)+IF('Standard Profiles'!$G$21=$B$17,14,0)+IF('Standard Profiles'!$G$21=$B$24,21,0),0)),0)</f>
        <v>0</v>
      </c>
      <c r="H4115" cm="1">
        <f t="array" ref="H4115">IFERROR(INDEX(Jesper!AL$2:AL$366,ROUNDDOWN($C4115/24,0)+1,1)*INDEX($D$3:$AA$30,INDEX(Jesper!$R$2:$R$366,ROW(INDEX(Jesper!AL$2:AL$366,ROUNDDOWN($C4115/24,0)+1,1))-1)+IF('Standard Profiles'!$G$22=$B$10,7,0)+IF('Standard Profiles'!$G$22=$B$17,14,0)+IF('Standard Profiles'!$G$22=$B$24,21,0),MOD($C4115,24)+1)/SUM(INDEX($D$3:$AA$30,INDEX(Jesper!$R$2:$R$366,ROW(INDEX(Jesper!AL$2:AL$366,ROUNDDOWN($C4115/24,0)+1,1))-1)+IF('Standard Profiles'!$G$22=$B$10,7,0)+IF('Standard Profiles'!$G$22=$B$17,14,0)+IF('Standard Profiles'!$G$22=$B$24,21,0),0)),0)</f>
        <v>0</v>
      </c>
      <c r="I4115">
        <f t="shared" si="461"/>
        <v>0</v>
      </c>
      <c r="J4115">
        <f t="shared" si="462"/>
        <v>6.0444003742073225</v>
      </c>
      <c r="K4115">
        <f t="shared" si="463"/>
        <v>0.53543083487509646</v>
      </c>
      <c r="L4115">
        <f t="shared" si="464"/>
        <v>0.26771541743754823</v>
      </c>
      <c r="M4115">
        <f t="shared" si="465"/>
        <v>0</v>
      </c>
      <c r="N4115" s="45">
        <f t="shared" si="466"/>
        <v>45097.041666656769</v>
      </c>
    </row>
    <row r="4116" spans="2:14" x14ac:dyDescent="0.25">
      <c r="B4116">
        <f t="shared" si="460"/>
        <v>2</v>
      </c>
      <c r="C4116" s="16">
        <v>4082</v>
      </c>
      <c r="D4116" cm="1">
        <f t="array" ref="D4116">IFERROR(INDEX(Jesper!AH$2:AH$366,ROUNDDOWN($C4116/24,0)+1,1)*INDEX($D$3:$AA$30,INDEX(Jesper!$R$2:$R$366,ROW(INDEX(Jesper!AH$2:AH$366,ROUNDDOWN($C4116/24,0)+1,1))-1)+IF('Standard Profiles'!$G$18=$B$10,7,0)+IF('Standard Profiles'!$G$18=$B$17,14,0)+IF('Standard Profiles'!$G$18=$B$24,21,0),MOD($C4116,24)+1)/SUM(INDEX($D$3:$AA$30,INDEX(Jesper!$R$2:$R$366,ROW(INDEX(Jesper!AH$2:AH$366,ROUNDDOWN($C4116/24,0)+1,1))-1)+IF('Standard Profiles'!$G$18=$B$10,7,0)+IF('Standard Profiles'!$G$18=$B$17,14,0)+IF('Standard Profiles'!$G$18=$B$24,21,0),0)),0)</f>
        <v>5.0196640769540286</v>
      </c>
      <c r="E4116" cm="1">
        <f t="array" ref="E4116">IFERROR(INDEX(Jesper!AI$2:AI$366,ROUNDDOWN($C4116/24,0)+1,1)*INDEX($D$3:$AA$30,INDEX(Jesper!$R$2:$R$366,ROW(INDEX(Jesper!AI$2:AI$366,ROUNDDOWN($C4116/24,0)+1,1))-1)+IF('Standard Profiles'!$G$19=$B$10,7,0)+IF('Standard Profiles'!$G$19=$B$17,14,0)+IF('Standard Profiles'!$G$19=$B$24,21,0),MOD($C4116,24)+1)/SUM(INDEX($D$3:$AA$30,INDEX(Jesper!$R$2:$R$366,ROW(INDEX(Jesper!AI$2:AI$366,ROUNDDOWN($C4116/24,0)+1,1))-1)+IF('Standard Profiles'!$G$19=$B$10,7,0)+IF('Standard Profiles'!$G$19=$B$17,14,0)+IF('Standard Profiles'!$G$19=$B$24,21,0),0)),0)</f>
        <v>1.8278825495659388</v>
      </c>
      <c r="F4116" cm="1">
        <f t="array" ref="F4116">IFERROR(INDEX(Jesper!AJ$2:AJ$366,ROUNDDOWN($C4116/24,0)+1,1)*INDEX($D$3:$AA$30,INDEX(Jesper!$R$2:$R$366,ROW(INDEX(Jesper!AJ$2:AJ$366,ROUNDDOWN($C4116/24,0)+1,1))-1)+IF('Standard Profiles'!$G$20=$B$10,7,0)+IF('Standard Profiles'!$G$20=$B$17,14,0)+IF('Standard Profiles'!$G$20=$B$24,21,0),MOD($C4116,24)+1)/SUM(INDEX($D$3:$AA$30,INDEX(Jesper!$R$2:$R$366,ROW(INDEX(Jesper!AJ$2:AJ$366,ROUNDDOWN($C4116/24,0)+1,1))-1)+IF('Standard Profiles'!$G$20=$B$10,7,0)+IF('Standard Profiles'!$G$20=$B$17,14,0)+IF('Standard Profiles'!$G$20=$B$24,21,0),0)),0)</f>
        <v>0</v>
      </c>
      <c r="G4116" cm="1">
        <f t="array" ref="G4116">IFERROR(INDEX(Jesper!AK$2:AK$366,ROUNDDOWN($C4116/24,0)+1,1)*INDEX($D$3:$AA$30,INDEX(Jesper!$R$2:$R$366,ROW(INDEX(Jesper!AK$2:AK$366,ROUNDDOWN($C4116/24,0)+1,1))-1)+IF('Standard Profiles'!$G$21=$B$10,7,0)+IF('Standard Profiles'!$G$21=$B$17,14,0)+IF('Standard Profiles'!$G$21=$B$24,21,0),MOD($C4116,24)+1)/SUM(INDEX($D$3:$AA$30,INDEX(Jesper!$R$2:$R$366,ROW(INDEX(Jesper!AK$2:AK$366,ROUNDDOWN($C4116/24,0)+1,1))-1)+IF('Standard Profiles'!$G$21=$B$10,7,0)+IF('Standard Profiles'!$G$21=$B$17,14,0)+IF('Standard Profiles'!$G$21=$B$24,21,0),0)),0)</f>
        <v>0</v>
      </c>
      <c r="H4116" cm="1">
        <f t="array" ref="H4116">IFERROR(INDEX(Jesper!AL$2:AL$366,ROUNDDOWN($C4116/24,0)+1,1)*INDEX($D$3:$AA$30,INDEX(Jesper!$R$2:$R$366,ROW(INDEX(Jesper!AL$2:AL$366,ROUNDDOWN($C4116/24,0)+1,1))-1)+IF('Standard Profiles'!$G$22=$B$10,7,0)+IF('Standard Profiles'!$G$22=$B$17,14,0)+IF('Standard Profiles'!$G$22=$B$24,21,0),MOD($C4116,24)+1)/SUM(INDEX($D$3:$AA$30,INDEX(Jesper!$R$2:$R$366,ROW(INDEX(Jesper!AL$2:AL$366,ROUNDDOWN($C4116/24,0)+1,1))-1)+IF('Standard Profiles'!$G$22=$B$10,7,0)+IF('Standard Profiles'!$G$22=$B$17,14,0)+IF('Standard Profiles'!$G$22=$B$24,21,0),0)),0)</f>
        <v>0</v>
      </c>
      <c r="I4116">
        <f t="shared" si="461"/>
        <v>0</v>
      </c>
      <c r="J4116">
        <f t="shared" si="462"/>
        <v>6.0444003742073225</v>
      </c>
      <c r="K4116">
        <f t="shared" si="463"/>
        <v>0.53543083487509646</v>
      </c>
      <c r="L4116">
        <f t="shared" si="464"/>
        <v>0.26771541743754823</v>
      </c>
      <c r="M4116">
        <f t="shared" si="465"/>
        <v>0</v>
      </c>
      <c r="N4116" s="45">
        <f t="shared" si="466"/>
        <v>45097.083333323433</v>
      </c>
    </row>
    <row r="4117" spans="2:14" x14ac:dyDescent="0.25">
      <c r="B4117">
        <f t="shared" si="460"/>
        <v>2</v>
      </c>
      <c r="C4117" s="16">
        <v>4083</v>
      </c>
      <c r="D4117" cm="1">
        <f t="array" ref="D4117">IFERROR(INDEX(Jesper!AH$2:AH$366,ROUNDDOWN($C4117/24,0)+1,1)*INDEX($D$3:$AA$30,INDEX(Jesper!$R$2:$R$366,ROW(INDEX(Jesper!AH$2:AH$366,ROUNDDOWN($C4117/24,0)+1,1))-1)+IF('Standard Profiles'!$G$18=$B$10,7,0)+IF('Standard Profiles'!$G$18=$B$17,14,0)+IF('Standard Profiles'!$G$18=$B$24,21,0),MOD($C4117,24)+1)/SUM(INDEX($D$3:$AA$30,INDEX(Jesper!$R$2:$R$366,ROW(INDEX(Jesper!AH$2:AH$366,ROUNDDOWN($C4117/24,0)+1,1))-1)+IF('Standard Profiles'!$G$18=$B$10,7,0)+IF('Standard Profiles'!$G$18=$B$17,14,0)+IF('Standard Profiles'!$G$18=$B$24,21,0),0)),0)</f>
        <v>5.0196640769540286</v>
      </c>
      <c r="E4117" cm="1">
        <f t="array" ref="E4117">IFERROR(INDEX(Jesper!AI$2:AI$366,ROUNDDOWN($C4117/24,0)+1,1)*INDEX($D$3:$AA$30,INDEX(Jesper!$R$2:$R$366,ROW(INDEX(Jesper!AI$2:AI$366,ROUNDDOWN($C4117/24,0)+1,1))-1)+IF('Standard Profiles'!$G$19=$B$10,7,0)+IF('Standard Profiles'!$G$19=$B$17,14,0)+IF('Standard Profiles'!$G$19=$B$24,21,0),MOD($C4117,24)+1)/SUM(INDEX($D$3:$AA$30,INDEX(Jesper!$R$2:$R$366,ROW(INDEX(Jesper!AI$2:AI$366,ROUNDDOWN($C4117/24,0)+1,1))-1)+IF('Standard Profiles'!$G$19=$B$10,7,0)+IF('Standard Profiles'!$G$19=$B$17,14,0)+IF('Standard Profiles'!$G$19=$B$24,21,0),0)),0)</f>
        <v>1.8278825495659388</v>
      </c>
      <c r="F4117" cm="1">
        <f t="array" ref="F4117">IFERROR(INDEX(Jesper!AJ$2:AJ$366,ROUNDDOWN($C4117/24,0)+1,1)*INDEX($D$3:$AA$30,INDEX(Jesper!$R$2:$R$366,ROW(INDEX(Jesper!AJ$2:AJ$366,ROUNDDOWN($C4117/24,0)+1,1))-1)+IF('Standard Profiles'!$G$20=$B$10,7,0)+IF('Standard Profiles'!$G$20=$B$17,14,0)+IF('Standard Profiles'!$G$20=$B$24,21,0),MOD($C4117,24)+1)/SUM(INDEX($D$3:$AA$30,INDEX(Jesper!$R$2:$R$366,ROW(INDEX(Jesper!AJ$2:AJ$366,ROUNDDOWN($C4117/24,0)+1,1))-1)+IF('Standard Profiles'!$G$20=$B$10,7,0)+IF('Standard Profiles'!$G$20=$B$17,14,0)+IF('Standard Profiles'!$G$20=$B$24,21,0),0)),0)</f>
        <v>0</v>
      </c>
      <c r="G4117" cm="1">
        <f t="array" ref="G4117">IFERROR(INDEX(Jesper!AK$2:AK$366,ROUNDDOWN($C4117/24,0)+1,1)*INDEX($D$3:$AA$30,INDEX(Jesper!$R$2:$R$366,ROW(INDEX(Jesper!AK$2:AK$366,ROUNDDOWN($C4117/24,0)+1,1))-1)+IF('Standard Profiles'!$G$21=$B$10,7,0)+IF('Standard Profiles'!$G$21=$B$17,14,0)+IF('Standard Profiles'!$G$21=$B$24,21,0),MOD($C4117,24)+1)/SUM(INDEX($D$3:$AA$30,INDEX(Jesper!$R$2:$R$366,ROW(INDEX(Jesper!AK$2:AK$366,ROUNDDOWN($C4117/24,0)+1,1))-1)+IF('Standard Profiles'!$G$21=$B$10,7,0)+IF('Standard Profiles'!$G$21=$B$17,14,0)+IF('Standard Profiles'!$G$21=$B$24,21,0),0)),0)</f>
        <v>0</v>
      </c>
      <c r="H4117" cm="1">
        <f t="array" ref="H4117">IFERROR(INDEX(Jesper!AL$2:AL$366,ROUNDDOWN($C4117/24,0)+1,1)*INDEX($D$3:$AA$30,INDEX(Jesper!$R$2:$R$366,ROW(INDEX(Jesper!AL$2:AL$366,ROUNDDOWN($C4117/24,0)+1,1))-1)+IF('Standard Profiles'!$G$22=$B$10,7,0)+IF('Standard Profiles'!$G$22=$B$17,14,0)+IF('Standard Profiles'!$G$22=$B$24,21,0),MOD($C4117,24)+1)/SUM(INDEX($D$3:$AA$30,INDEX(Jesper!$R$2:$R$366,ROW(INDEX(Jesper!AL$2:AL$366,ROUNDDOWN($C4117/24,0)+1,1))-1)+IF('Standard Profiles'!$G$22=$B$10,7,0)+IF('Standard Profiles'!$G$22=$B$17,14,0)+IF('Standard Profiles'!$G$22=$B$24,21,0),0)),0)</f>
        <v>0</v>
      </c>
      <c r="I4117">
        <f t="shared" si="461"/>
        <v>0</v>
      </c>
      <c r="J4117">
        <f t="shared" si="462"/>
        <v>6.0444003742073225</v>
      </c>
      <c r="K4117">
        <f t="shared" si="463"/>
        <v>0.53543083487509646</v>
      </c>
      <c r="L4117">
        <f t="shared" si="464"/>
        <v>0.26771541743754823</v>
      </c>
      <c r="M4117">
        <f t="shared" si="465"/>
        <v>0</v>
      </c>
      <c r="N4117" s="45">
        <f t="shared" si="466"/>
        <v>45097.124999990097</v>
      </c>
    </row>
    <row r="4118" spans="2:14" x14ac:dyDescent="0.25">
      <c r="B4118">
        <f t="shared" si="460"/>
        <v>2</v>
      </c>
      <c r="C4118" s="16">
        <v>4084</v>
      </c>
      <c r="D4118" cm="1">
        <f t="array" ref="D4118">IFERROR(INDEX(Jesper!AH$2:AH$366,ROUNDDOWN($C4118/24,0)+1,1)*INDEX($D$3:$AA$30,INDEX(Jesper!$R$2:$R$366,ROW(INDEX(Jesper!AH$2:AH$366,ROUNDDOWN($C4118/24,0)+1,1))-1)+IF('Standard Profiles'!$G$18=$B$10,7,0)+IF('Standard Profiles'!$G$18=$B$17,14,0)+IF('Standard Profiles'!$G$18=$B$24,21,0),MOD($C4118,24)+1)/SUM(INDEX($D$3:$AA$30,INDEX(Jesper!$R$2:$R$366,ROW(INDEX(Jesper!AH$2:AH$366,ROUNDDOWN($C4118/24,0)+1,1))-1)+IF('Standard Profiles'!$G$18=$B$10,7,0)+IF('Standard Profiles'!$G$18=$B$17,14,0)+IF('Standard Profiles'!$G$18=$B$24,21,0),0)),0)</f>
        <v>5.0196640769540286</v>
      </c>
      <c r="E4118" cm="1">
        <f t="array" ref="E4118">IFERROR(INDEX(Jesper!AI$2:AI$366,ROUNDDOWN($C4118/24,0)+1,1)*INDEX($D$3:$AA$30,INDEX(Jesper!$R$2:$R$366,ROW(INDEX(Jesper!AI$2:AI$366,ROUNDDOWN($C4118/24,0)+1,1))-1)+IF('Standard Profiles'!$G$19=$B$10,7,0)+IF('Standard Profiles'!$G$19=$B$17,14,0)+IF('Standard Profiles'!$G$19=$B$24,21,0),MOD($C4118,24)+1)/SUM(INDEX($D$3:$AA$30,INDEX(Jesper!$R$2:$R$366,ROW(INDEX(Jesper!AI$2:AI$366,ROUNDDOWN($C4118/24,0)+1,1))-1)+IF('Standard Profiles'!$G$19=$B$10,7,0)+IF('Standard Profiles'!$G$19=$B$17,14,0)+IF('Standard Profiles'!$G$19=$B$24,21,0),0)),0)</f>
        <v>1.8278825495659388</v>
      </c>
      <c r="F4118" cm="1">
        <f t="array" ref="F4118">IFERROR(INDEX(Jesper!AJ$2:AJ$366,ROUNDDOWN($C4118/24,0)+1,1)*INDEX($D$3:$AA$30,INDEX(Jesper!$R$2:$R$366,ROW(INDEX(Jesper!AJ$2:AJ$366,ROUNDDOWN($C4118/24,0)+1,1))-1)+IF('Standard Profiles'!$G$20=$B$10,7,0)+IF('Standard Profiles'!$G$20=$B$17,14,0)+IF('Standard Profiles'!$G$20=$B$24,21,0),MOD($C4118,24)+1)/SUM(INDEX($D$3:$AA$30,INDEX(Jesper!$R$2:$R$366,ROW(INDEX(Jesper!AJ$2:AJ$366,ROUNDDOWN($C4118/24,0)+1,1))-1)+IF('Standard Profiles'!$G$20=$B$10,7,0)+IF('Standard Profiles'!$G$20=$B$17,14,0)+IF('Standard Profiles'!$G$20=$B$24,21,0),0)),0)</f>
        <v>0</v>
      </c>
      <c r="G4118" cm="1">
        <f t="array" ref="G4118">IFERROR(INDEX(Jesper!AK$2:AK$366,ROUNDDOWN($C4118/24,0)+1,1)*INDEX($D$3:$AA$30,INDEX(Jesper!$R$2:$R$366,ROW(INDEX(Jesper!AK$2:AK$366,ROUNDDOWN($C4118/24,0)+1,1))-1)+IF('Standard Profiles'!$G$21=$B$10,7,0)+IF('Standard Profiles'!$G$21=$B$17,14,0)+IF('Standard Profiles'!$G$21=$B$24,21,0),MOD($C4118,24)+1)/SUM(INDEX($D$3:$AA$30,INDEX(Jesper!$R$2:$R$366,ROW(INDEX(Jesper!AK$2:AK$366,ROUNDDOWN($C4118/24,0)+1,1))-1)+IF('Standard Profiles'!$G$21=$B$10,7,0)+IF('Standard Profiles'!$G$21=$B$17,14,0)+IF('Standard Profiles'!$G$21=$B$24,21,0),0)),0)</f>
        <v>0</v>
      </c>
      <c r="H4118" cm="1">
        <f t="array" ref="H4118">IFERROR(INDEX(Jesper!AL$2:AL$366,ROUNDDOWN($C4118/24,0)+1,1)*INDEX($D$3:$AA$30,INDEX(Jesper!$R$2:$R$366,ROW(INDEX(Jesper!AL$2:AL$366,ROUNDDOWN($C4118/24,0)+1,1))-1)+IF('Standard Profiles'!$G$22=$B$10,7,0)+IF('Standard Profiles'!$G$22=$B$17,14,0)+IF('Standard Profiles'!$G$22=$B$24,21,0),MOD($C4118,24)+1)/SUM(INDEX($D$3:$AA$30,INDEX(Jesper!$R$2:$R$366,ROW(INDEX(Jesper!AL$2:AL$366,ROUNDDOWN($C4118/24,0)+1,1))-1)+IF('Standard Profiles'!$G$22=$B$10,7,0)+IF('Standard Profiles'!$G$22=$B$17,14,0)+IF('Standard Profiles'!$G$22=$B$24,21,0),0)),0)</f>
        <v>0</v>
      </c>
      <c r="I4118">
        <f t="shared" si="461"/>
        <v>0</v>
      </c>
      <c r="J4118">
        <f t="shared" si="462"/>
        <v>6.0444003742073225</v>
      </c>
      <c r="K4118">
        <f t="shared" si="463"/>
        <v>0.53543083487509646</v>
      </c>
      <c r="L4118">
        <f t="shared" si="464"/>
        <v>0.26771541743754823</v>
      </c>
      <c r="M4118">
        <f t="shared" si="465"/>
        <v>0</v>
      </c>
      <c r="N4118" s="45">
        <f t="shared" si="466"/>
        <v>45097.166666656762</v>
      </c>
    </row>
    <row r="4119" spans="2:14" x14ac:dyDescent="0.25">
      <c r="B4119">
        <f t="shared" si="460"/>
        <v>2</v>
      </c>
      <c r="C4119" s="16">
        <v>4085</v>
      </c>
      <c r="D4119" cm="1">
        <f t="array" ref="D4119">IFERROR(INDEX(Jesper!AH$2:AH$366,ROUNDDOWN($C4119/24,0)+1,1)*INDEX($D$3:$AA$30,INDEX(Jesper!$R$2:$R$366,ROW(INDEX(Jesper!AH$2:AH$366,ROUNDDOWN($C4119/24,0)+1,1))-1)+IF('Standard Profiles'!$G$18=$B$10,7,0)+IF('Standard Profiles'!$G$18=$B$17,14,0)+IF('Standard Profiles'!$G$18=$B$24,21,0),MOD($C4119,24)+1)/SUM(INDEX($D$3:$AA$30,INDEX(Jesper!$R$2:$R$366,ROW(INDEX(Jesper!AH$2:AH$366,ROUNDDOWN($C4119/24,0)+1,1))-1)+IF('Standard Profiles'!$G$18=$B$10,7,0)+IF('Standard Profiles'!$G$18=$B$17,14,0)+IF('Standard Profiles'!$G$18=$B$24,21,0),0)),0)</f>
        <v>5.0196640769540286</v>
      </c>
      <c r="E4119" cm="1">
        <f t="array" ref="E4119">IFERROR(INDEX(Jesper!AI$2:AI$366,ROUNDDOWN($C4119/24,0)+1,1)*INDEX($D$3:$AA$30,INDEX(Jesper!$R$2:$R$366,ROW(INDEX(Jesper!AI$2:AI$366,ROUNDDOWN($C4119/24,0)+1,1))-1)+IF('Standard Profiles'!$G$19=$B$10,7,0)+IF('Standard Profiles'!$G$19=$B$17,14,0)+IF('Standard Profiles'!$G$19=$B$24,21,0),MOD($C4119,24)+1)/SUM(INDEX($D$3:$AA$30,INDEX(Jesper!$R$2:$R$366,ROW(INDEX(Jesper!AI$2:AI$366,ROUNDDOWN($C4119/24,0)+1,1))-1)+IF('Standard Profiles'!$G$19=$B$10,7,0)+IF('Standard Profiles'!$G$19=$B$17,14,0)+IF('Standard Profiles'!$G$19=$B$24,21,0),0)),0)</f>
        <v>1.8278825495659388</v>
      </c>
      <c r="F4119" cm="1">
        <f t="array" ref="F4119">IFERROR(INDEX(Jesper!AJ$2:AJ$366,ROUNDDOWN($C4119/24,0)+1,1)*INDEX($D$3:$AA$30,INDEX(Jesper!$R$2:$R$366,ROW(INDEX(Jesper!AJ$2:AJ$366,ROUNDDOWN($C4119/24,0)+1,1))-1)+IF('Standard Profiles'!$G$20=$B$10,7,0)+IF('Standard Profiles'!$G$20=$B$17,14,0)+IF('Standard Profiles'!$G$20=$B$24,21,0),MOD($C4119,24)+1)/SUM(INDEX($D$3:$AA$30,INDEX(Jesper!$R$2:$R$366,ROW(INDEX(Jesper!AJ$2:AJ$366,ROUNDDOWN($C4119/24,0)+1,1))-1)+IF('Standard Profiles'!$G$20=$B$10,7,0)+IF('Standard Profiles'!$G$20=$B$17,14,0)+IF('Standard Profiles'!$G$20=$B$24,21,0),0)),0)</f>
        <v>0</v>
      </c>
      <c r="G4119" cm="1">
        <f t="array" ref="G4119">IFERROR(INDEX(Jesper!AK$2:AK$366,ROUNDDOWN($C4119/24,0)+1,1)*INDEX($D$3:$AA$30,INDEX(Jesper!$R$2:$R$366,ROW(INDEX(Jesper!AK$2:AK$366,ROUNDDOWN($C4119/24,0)+1,1))-1)+IF('Standard Profiles'!$G$21=$B$10,7,0)+IF('Standard Profiles'!$G$21=$B$17,14,0)+IF('Standard Profiles'!$G$21=$B$24,21,0),MOD($C4119,24)+1)/SUM(INDEX($D$3:$AA$30,INDEX(Jesper!$R$2:$R$366,ROW(INDEX(Jesper!AK$2:AK$366,ROUNDDOWN($C4119/24,0)+1,1))-1)+IF('Standard Profiles'!$G$21=$B$10,7,0)+IF('Standard Profiles'!$G$21=$B$17,14,0)+IF('Standard Profiles'!$G$21=$B$24,21,0),0)),0)</f>
        <v>0</v>
      </c>
      <c r="H4119" cm="1">
        <f t="array" ref="H4119">IFERROR(INDEX(Jesper!AL$2:AL$366,ROUNDDOWN($C4119/24,0)+1,1)*INDEX($D$3:$AA$30,INDEX(Jesper!$R$2:$R$366,ROW(INDEX(Jesper!AL$2:AL$366,ROUNDDOWN($C4119/24,0)+1,1))-1)+IF('Standard Profiles'!$G$22=$B$10,7,0)+IF('Standard Profiles'!$G$22=$B$17,14,0)+IF('Standard Profiles'!$G$22=$B$24,21,0),MOD($C4119,24)+1)/SUM(INDEX($D$3:$AA$30,INDEX(Jesper!$R$2:$R$366,ROW(INDEX(Jesper!AL$2:AL$366,ROUNDDOWN($C4119/24,0)+1,1))-1)+IF('Standard Profiles'!$G$22=$B$10,7,0)+IF('Standard Profiles'!$G$22=$B$17,14,0)+IF('Standard Profiles'!$G$22=$B$24,21,0),0)),0)</f>
        <v>0</v>
      </c>
      <c r="I4119">
        <f t="shared" si="461"/>
        <v>0</v>
      </c>
      <c r="J4119">
        <f t="shared" si="462"/>
        <v>6.0444003742073225</v>
      </c>
      <c r="K4119">
        <f t="shared" si="463"/>
        <v>0.53543083487509646</v>
      </c>
      <c r="L4119">
        <f t="shared" si="464"/>
        <v>0.26771541743754823</v>
      </c>
      <c r="M4119">
        <f t="shared" si="465"/>
        <v>0</v>
      </c>
      <c r="N4119" s="45">
        <f t="shared" si="466"/>
        <v>45097.208333323426</v>
      </c>
    </row>
    <row r="4120" spans="2:14" x14ac:dyDescent="0.25">
      <c r="B4120">
        <f t="shared" si="460"/>
        <v>2</v>
      </c>
      <c r="C4120" s="16">
        <v>4086</v>
      </c>
      <c r="D4120" cm="1">
        <f t="array" ref="D4120">IFERROR(INDEX(Jesper!AH$2:AH$366,ROUNDDOWN($C4120/24,0)+1,1)*INDEX($D$3:$AA$30,INDEX(Jesper!$R$2:$R$366,ROW(INDEX(Jesper!AH$2:AH$366,ROUNDDOWN($C4120/24,0)+1,1))-1)+IF('Standard Profiles'!$G$18=$B$10,7,0)+IF('Standard Profiles'!$G$18=$B$17,14,0)+IF('Standard Profiles'!$G$18=$B$24,21,0),MOD($C4120,24)+1)/SUM(INDEX($D$3:$AA$30,INDEX(Jesper!$R$2:$R$366,ROW(INDEX(Jesper!AH$2:AH$366,ROUNDDOWN($C4120/24,0)+1,1))-1)+IF('Standard Profiles'!$G$18=$B$10,7,0)+IF('Standard Profiles'!$G$18=$B$17,14,0)+IF('Standard Profiles'!$G$18=$B$24,21,0),0)),0)</f>
        <v>5.0196640769540286</v>
      </c>
      <c r="E4120" cm="1">
        <f t="array" ref="E4120">IFERROR(INDEX(Jesper!AI$2:AI$366,ROUNDDOWN($C4120/24,0)+1,1)*INDEX($D$3:$AA$30,INDEX(Jesper!$R$2:$R$366,ROW(INDEX(Jesper!AI$2:AI$366,ROUNDDOWN($C4120/24,0)+1,1))-1)+IF('Standard Profiles'!$G$19=$B$10,7,0)+IF('Standard Profiles'!$G$19=$B$17,14,0)+IF('Standard Profiles'!$G$19=$B$24,21,0),MOD($C4120,24)+1)/SUM(INDEX($D$3:$AA$30,INDEX(Jesper!$R$2:$R$366,ROW(INDEX(Jesper!AI$2:AI$366,ROUNDDOWN($C4120/24,0)+1,1))-1)+IF('Standard Profiles'!$G$19=$B$10,7,0)+IF('Standard Profiles'!$G$19=$B$17,14,0)+IF('Standard Profiles'!$G$19=$B$24,21,0),0)),0)</f>
        <v>1.8278825495659388</v>
      </c>
      <c r="F4120" cm="1">
        <f t="array" ref="F4120">IFERROR(INDEX(Jesper!AJ$2:AJ$366,ROUNDDOWN($C4120/24,0)+1,1)*INDEX($D$3:$AA$30,INDEX(Jesper!$R$2:$R$366,ROW(INDEX(Jesper!AJ$2:AJ$366,ROUNDDOWN($C4120/24,0)+1,1))-1)+IF('Standard Profiles'!$G$20=$B$10,7,0)+IF('Standard Profiles'!$G$20=$B$17,14,0)+IF('Standard Profiles'!$G$20=$B$24,21,0),MOD($C4120,24)+1)/SUM(INDEX($D$3:$AA$30,INDEX(Jesper!$R$2:$R$366,ROW(INDEX(Jesper!AJ$2:AJ$366,ROUNDDOWN($C4120/24,0)+1,1))-1)+IF('Standard Profiles'!$G$20=$B$10,7,0)+IF('Standard Profiles'!$G$20=$B$17,14,0)+IF('Standard Profiles'!$G$20=$B$24,21,0),0)),0)</f>
        <v>0</v>
      </c>
      <c r="G4120" cm="1">
        <f t="array" ref="G4120">IFERROR(INDEX(Jesper!AK$2:AK$366,ROUNDDOWN($C4120/24,0)+1,1)*INDEX($D$3:$AA$30,INDEX(Jesper!$R$2:$R$366,ROW(INDEX(Jesper!AK$2:AK$366,ROUNDDOWN($C4120/24,0)+1,1))-1)+IF('Standard Profiles'!$G$21=$B$10,7,0)+IF('Standard Profiles'!$G$21=$B$17,14,0)+IF('Standard Profiles'!$G$21=$B$24,21,0),MOD($C4120,24)+1)/SUM(INDEX($D$3:$AA$30,INDEX(Jesper!$R$2:$R$366,ROW(INDEX(Jesper!AK$2:AK$366,ROUNDDOWN($C4120/24,0)+1,1))-1)+IF('Standard Profiles'!$G$21=$B$10,7,0)+IF('Standard Profiles'!$G$21=$B$17,14,0)+IF('Standard Profiles'!$G$21=$B$24,21,0),0)),0)</f>
        <v>0</v>
      </c>
      <c r="H4120" cm="1">
        <f t="array" ref="H4120">IFERROR(INDEX(Jesper!AL$2:AL$366,ROUNDDOWN($C4120/24,0)+1,1)*INDEX($D$3:$AA$30,INDEX(Jesper!$R$2:$R$366,ROW(INDEX(Jesper!AL$2:AL$366,ROUNDDOWN($C4120/24,0)+1,1))-1)+IF('Standard Profiles'!$G$22=$B$10,7,0)+IF('Standard Profiles'!$G$22=$B$17,14,0)+IF('Standard Profiles'!$G$22=$B$24,21,0),MOD($C4120,24)+1)/SUM(INDEX($D$3:$AA$30,INDEX(Jesper!$R$2:$R$366,ROW(INDEX(Jesper!AL$2:AL$366,ROUNDDOWN($C4120/24,0)+1,1))-1)+IF('Standard Profiles'!$G$22=$B$10,7,0)+IF('Standard Profiles'!$G$22=$B$17,14,0)+IF('Standard Profiles'!$G$22=$B$24,21,0),0)),0)</f>
        <v>0</v>
      </c>
      <c r="I4120">
        <f t="shared" si="461"/>
        <v>0</v>
      </c>
      <c r="J4120">
        <f t="shared" si="462"/>
        <v>6.0444003742073225</v>
      </c>
      <c r="K4120">
        <f t="shared" si="463"/>
        <v>0.53543083487509646</v>
      </c>
      <c r="L4120">
        <f t="shared" si="464"/>
        <v>0.26771541743754823</v>
      </c>
      <c r="M4120">
        <f t="shared" si="465"/>
        <v>0</v>
      </c>
      <c r="N4120" s="45">
        <f t="shared" si="466"/>
        <v>45097.24999999009</v>
      </c>
    </row>
    <row r="4121" spans="2:14" x14ac:dyDescent="0.25">
      <c r="B4121">
        <f t="shared" si="460"/>
        <v>2</v>
      </c>
      <c r="C4121" s="16">
        <v>4087</v>
      </c>
      <c r="D4121" cm="1">
        <f t="array" ref="D4121">IFERROR(INDEX(Jesper!AH$2:AH$366,ROUNDDOWN($C4121/24,0)+1,1)*INDEX($D$3:$AA$30,INDEX(Jesper!$R$2:$R$366,ROW(INDEX(Jesper!AH$2:AH$366,ROUNDDOWN($C4121/24,0)+1,1))-1)+IF('Standard Profiles'!$G$18=$B$10,7,0)+IF('Standard Profiles'!$G$18=$B$17,14,0)+IF('Standard Profiles'!$G$18=$B$24,21,0),MOD($C4121,24)+1)/SUM(INDEX($D$3:$AA$30,INDEX(Jesper!$R$2:$R$366,ROW(INDEX(Jesper!AH$2:AH$366,ROUNDDOWN($C4121/24,0)+1,1))-1)+IF('Standard Profiles'!$G$18=$B$10,7,0)+IF('Standard Profiles'!$G$18=$B$17,14,0)+IF('Standard Profiles'!$G$18=$B$24,21,0),0)),0)</f>
        <v>21.161021374409323</v>
      </c>
      <c r="E4121" cm="1">
        <f t="array" ref="E4121">IFERROR(INDEX(Jesper!AI$2:AI$366,ROUNDDOWN($C4121/24,0)+1,1)*INDEX($D$3:$AA$30,INDEX(Jesper!$R$2:$R$366,ROW(INDEX(Jesper!AI$2:AI$366,ROUNDDOWN($C4121/24,0)+1,1))-1)+IF('Standard Profiles'!$G$19=$B$10,7,0)+IF('Standard Profiles'!$G$19=$B$17,14,0)+IF('Standard Profiles'!$G$19=$B$24,21,0),MOD($C4121,24)+1)/SUM(INDEX($D$3:$AA$30,INDEX(Jesper!$R$2:$R$366,ROW(INDEX(Jesper!AI$2:AI$366,ROUNDDOWN($C4121/24,0)+1,1))-1)+IF('Standard Profiles'!$G$19=$B$10,7,0)+IF('Standard Profiles'!$G$19=$B$17,14,0)+IF('Standard Profiles'!$G$19=$B$24,21,0),0)),0)</f>
        <v>7.7056673730139096</v>
      </c>
      <c r="F4121" cm="1">
        <f t="array" ref="F4121">IFERROR(INDEX(Jesper!AJ$2:AJ$366,ROUNDDOWN($C4121/24,0)+1,1)*INDEX($D$3:$AA$30,INDEX(Jesper!$R$2:$R$366,ROW(INDEX(Jesper!AJ$2:AJ$366,ROUNDDOWN($C4121/24,0)+1,1))-1)+IF('Standard Profiles'!$G$20=$B$10,7,0)+IF('Standard Profiles'!$G$20=$B$17,14,0)+IF('Standard Profiles'!$G$20=$B$24,21,0),MOD($C4121,24)+1)/SUM(INDEX($D$3:$AA$30,INDEX(Jesper!$R$2:$R$366,ROW(INDEX(Jesper!AJ$2:AJ$366,ROUNDDOWN($C4121/24,0)+1,1))-1)+IF('Standard Profiles'!$G$20=$B$10,7,0)+IF('Standard Profiles'!$G$20=$B$17,14,0)+IF('Standard Profiles'!$G$20=$B$24,21,0),0)),0)</f>
        <v>0</v>
      </c>
      <c r="G4121" cm="1">
        <f t="array" ref="G4121">IFERROR(INDEX(Jesper!AK$2:AK$366,ROUNDDOWN($C4121/24,0)+1,1)*INDEX($D$3:$AA$30,INDEX(Jesper!$R$2:$R$366,ROW(INDEX(Jesper!AK$2:AK$366,ROUNDDOWN($C4121/24,0)+1,1))-1)+IF('Standard Profiles'!$G$21=$B$10,7,0)+IF('Standard Profiles'!$G$21=$B$17,14,0)+IF('Standard Profiles'!$G$21=$B$24,21,0),MOD($C4121,24)+1)/SUM(INDEX($D$3:$AA$30,INDEX(Jesper!$R$2:$R$366,ROW(INDEX(Jesper!AK$2:AK$366,ROUNDDOWN($C4121/24,0)+1,1))-1)+IF('Standard Profiles'!$G$21=$B$10,7,0)+IF('Standard Profiles'!$G$21=$B$17,14,0)+IF('Standard Profiles'!$G$21=$B$24,21,0),0)),0)</f>
        <v>0</v>
      </c>
      <c r="H4121" cm="1">
        <f t="array" ref="H4121">IFERROR(INDEX(Jesper!AL$2:AL$366,ROUNDDOWN($C4121/24,0)+1,1)*INDEX($D$3:$AA$30,INDEX(Jesper!$R$2:$R$366,ROW(INDEX(Jesper!AL$2:AL$366,ROUNDDOWN($C4121/24,0)+1,1))-1)+IF('Standard Profiles'!$G$22=$B$10,7,0)+IF('Standard Profiles'!$G$22=$B$17,14,0)+IF('Standard Profiles'!$G$22=$B$24,21,0),MOD($C4121,24)+1)/SUM(INDEX($D$3:$AA$30,INDEX(Jesper!$R$2:$R$366,ROW(INDEX(Jesper!AL$2:AL$366,ROUNDDOWN($C4121/24,0)+1,1))-1)+IF('Standard Profiles'!$G$22=$B$10,7,0)+IF('Standard Profiles'!$G$22=$B$17,14,0)+IF('Standard Profiles'!$G$22=$B$24,21,0),0)),0)</f>
        <v>0</v>
      </c>
      <c r="I4121">
        <f t="shared" si="461"/>
        <v>0</v>
      </c>
      <c r="J4121">
        <f t="shared" si="462"/>
        <v>25.480925327517742</v>
      </c>
      <c r="K4121">
        <f t="shared" si="463"/>
        <v>2.257175613270328</v>
      </c>
      <c r="L4121">
        <f t="shared" si="464"/>
        <v>1.128587806635164</v>
      </c>
      <c r="M4121">
        <f t="shared" si="465"/>
        <v>0</v>
      </c>
      <c r="N4121" s="45">
        <f t="shared" si="466"/>
        <v>45097.291666656754</v>
      </c>
    </row>
    <row r="4122" spans="2:14" x14ac:dyDescent="0.25">
      <c r="B4122">
        <f t="shared" si="460"/>
        <v>2</v>
      </c>
      <c r="C4122" s="16">
        <v>4088</v>
      </c>
      <c r="D4122" cm="1">
        <f t="array" ref="D4122">IFERROR(INDEX(Jesper!AH$2:AH$366,ROUNDDOWN($C4122/24,0)+1,1)*INDEX($D$3:$AA$30,INDEX(Jesper!$R$2:$R$366,ROW(INDEX(Jesper!AH$2:AH$366,ROUNDDOWN($C4122/24,0)+1,1))-1)+IF('Standard Profiles'!$G$18=$B$10,7,0)+IF('Standard Profiles'!$G$18=$B$17,14,0)+IF('Standard Profiles'!$G$18=$B$24,21,0),MOD($C4122,24)+1)/SUM(INDEX($D$3:$AA$30,INDEX(Jesper!$R$2:$R$366,ROW(INDEX(Jesper!AH$2:AH$366,ROUNDDOWN($C4122/24,0)+1,1))-1)+IF('Standard Profiles'!$G$18=$B$10,7,0)+IF('Standard Profiles'!$G$18=$B$17,14,0)+IF('Standard Profiles'!$G$18=$B$24,21,0),0)),0)</f>
        <v>23.611244901972508</v>
      </c>
      <c r="E4122" cm="1">
        <f t="array" ref="E4122">IFERROR(INDEX(Jesper!AI$2:AI$366,ROUNDDOWN($C4122/24,0)+1,1)*INDEX($D$3:$AA$30,INDEX(Jesper!$R$2:$R$366,ROW(INDEX(Jesper!AI$2:AI$366,ROUNDDOWN($C4122/24,0)+1,1))-1)+IF('Standard Profiles'!$G$19=$B$10,7,0)+IF('Standard Profiles'!$G$19=$B$17,14,0)+IF('Standard Profiles'!$G$19=$B$24,21,0),MOD($C4122,24)+1)/SUM(INDEX($D$3:$AA$30,INDEX(Jesper!$R$2:$R$366,ROW(INDEX(Jesper!AI$2:AI$366,ROUNDDOWN($C4122/24,0)+1,1))-1)+IF('Standard Profiles'!$G$19=$B$10,7,0)+IF('Standard Profiles'!$G$19=$B$17,14,0)+IF('Standard Profiles'!$G$19=$B$24,21,0),0)),0)</f>
        <v>8.5979025425207851</v>
      </c>
      <c r="F4122" cm="1">
        <f t="array" ref="F4122">IFERROR(INDEX(Jesper!AJ$2:AJ$366,ROUNDDOWN($C4122/24,0)+1,1)*INDEX($D$3:$AA$30,INDEX(Jesper!$R$2:$R$366,ROW(INDEX(Jesper!AJ$2:AJ$366,ROUNDDOWN($C4122/24,0)+1,1))-1)+IF('Standard Profiles'!$G$20=$B$10,7,0)+IF('Standard Profiles'!$G$20=$B$17,14,0)+IF('Standard Profiles'!$G$20=$B$24,21,0),MOD($C4122,24)+1)/SUM(INDEX($D$3:$AA$30,INDEX(Jesper!$R$2:$R$366,ROW(INDEX(Jesper!AJ$2:AJ$366,ROUNDDOWN($C4122/24,0)+1,1))-1)+IF('Standard Profiles'!$G$20=$B$10,7,0)+IF('Standard Profiles'!$G$20=$B$17,14,0)+IF('Standard Profiles'!$G$20=$B$24,21,0),0)),0)</f>
        <v>0</v>
      </c>
      <c r="G4122" cm="1">
        <f t="array" ref="G4122">IFERROR(INDEX(Jesper!AK$2:AK$366,ROUNDDOWN($C4122/24,0)+1,1)*INDEX($D$3:$AA$30,INDEX(Jesper!$R$2:$R$366,ROW(INDEX(Jesper!AK$2:AK$366,ROUNDDOWN($C4122/24,0)+1,1))-1)+IF('Standard Profiles'!$G$21=$B$10,7,0)+IF('Standard Profiles'!$G$21=$B$17,14,0)+IF('Standard Profiles'!$G$21=$B$24,21,0),MOD($C4122,24)+1)/SUM(INDEX($D$3:$AA$30,INDEX(Jesper!$R$2:$R$366,ROW(INDEX(Jesper!AK$2:AK$366,ROUNDDOWN($C4122/24,0)+1,1))-1)+IF('Standard Profiles'!$G$21=$B$10,7,0)+IF('Standard Profiles'!$G$21=$B$17,14,0)+IF('Standard Profiles'!$G$21=$B$24,21,0),0)),0)</f>
        <v>0</v>
      </c>
      <c r="H4122" cm="1">
        <f t="array" ref="H4122">IFERROR(INDEX(Jesper!AL$2:AL$366,ROUNDDOWN($C4122/24,0)+1,1)*INDEX($D$3:$AA$30,INDEX(Jesper!$R$2:$R$366,ROW(INDEX(Jesper!AL$2:AL$366,ROUNDDOWN($C4122/24,0)+1,1))-1)+IF('Standard Profiles'!$G$22=$B$10,7,0)+IF('Standard Profiles'!$G$22=$B$17,14,0)+IF('Standard Profiles'!$G$22=$B$24,21,0),MOD($C4122,24)+1)/SUM(INDEX($D$3:$AA$30,INDEX(Jesper!$R$2:$R$366,ROW(INDEX(Jesper!AL$2:AL$366,ROUNDDOWN($C4122/24,0)+1,1))-1)+IF('Standard Profiles'!$G$22=$B$10,7,0)+IF('Standard Profiles'!$G$22=$B$17,14,0)+IF('Standard Profiles'!$G$22=$B$24,21,0),0)),0)</f>
        <v>0</v>
      </c>
      <c r="I4122">
        <f t="shared" si="461"/>
        <v>0</v>
      </c>
      <c r="J4122">
        <f t="shared" si="462"/>
        <v>28.431348260177693</v>
      </c>
      <c r="K4122">
        <f t="shared" si="463"/>
        <v>2.5185327895437344</v>
      </c>
      <c r="L4122">
        <f t="shared" si="464"/>
        <v>1.2592663947718672</v>
      </c>
      <c r="M4122">
        <f t="shared" si="465"/>
        <v>0</v>
      </c>
      <c r="N4122" s="45">
        <f t="shared" si="466"/>
        <v>45097.333333323419</v>
      </c>
    </row>
    <row r="4123" spans="2:14" x14ac:dyDescent="0.25">
      <c r="B4123">
        <f t="shared" si="460"/>
        <v>2</v>
      </c>
      <c r="C4123" s="16">
        <v>4089</v>
      </c>
      <c r="D4123" cm="1">
        <f t="array" ref="D4123">IFERROR(INDEX(Jesper!AH$2:AH$366,ROUNDDOWN($C4123/24,0)+1,1)*INDEX($D$3:$AA$30,INDEX(Jesper!$R$2:$R$366,ROW(INDEX(Jesper!AH$2:AH$366,ROUNDDOWN($C4123/24,0)+1,1))-1)+IF('Standard Profiles'!$G$18=$B$10,7,0)+IF('Standard Profiles'!$G$18=$B$17,14,0)+IF('Standard Profiles'!$G$18=$B$24,21,0),MOD($C4123,24)+1)/SUM(INDEX($D$3:$AA$30,INDEX(Jesper!$R$2:$R$366,ROW(INDEX(Jesper!AH$2:AH$366,ROUNDDOWN($C4123/24,0)+1,1))-1)+IF('Standard Profiles'!$G$18=$B$10,7,0)+IF('Standard Profiles'!$G$18=$B$17,14,0)+IF('Standard Profiles'!$G$18=$B$24,21,0),0)),0)</f>
        <v>26.061468429535694</v>
      </c>
      <c r="E4123" cm="1">
        <f t="array" ref="E4123">IFERROR(INDEX(Jesper!AI$2:AI$366,ROUNDDOWN($C4123/24,0)+1,1)*INDEX($D$3:$AA$30,INDEX(Jesper!$R$2:$R$366,ROW(INDEX(Jesper!AI$2:AI$366,ROUNDDOWN($C4123/24,0)+1,1))-1)+IF('Standard Profiles'!$G$19=$B$10,7,0)+IF('Standard Profiles'!$G$19=$B$17,14,0)+IF('Standard Profiles'!$G$19=$B$24,21,0),MOD($C4123,24)+1)/SUM(INDEX($D$3:$AA$30,INDEX(Jesper!$R$2:$R$366,ROW(INDEX(Jesper!AI$2:AI$366,ROUNDDOWN($C4123/24,0)+1,1))-1)+IF('Standard Profiles'!$G$19=$B$10,7,0)+IF('Standard Profiles'!$G$19=$B$17,14,0)+IF('Standard Profiles'!$G$19=$B$24,21,0),0)),0)</f>
        <v>9.4901377120276589</v>
      </c>
      <c r="F4123" cm="1">
        <f t="array" ref="F4123">IFERROR(INDEX(Jesper!AJ$2:AJ$366,ROUNDDOWN($C4123/24,0)+1,1)*INDEX($D$3:$AA$30,INDEX(Jesper!$R$2:$R$366,ROW(INDEX(Jesper!AJ$2:AJ$366,ROUNDDOWN($C4123/24,0)+1,1))-1)+IF('Standard Profiles'!$G$20=$B$10,7,0)+IF('Standard Profiles'!$G$20=$B$17,14,0)+IF('Standard Profiles'!$G$20=$B$24,21,0),MOD($C4123,24)+1)/SUM(INDEX($D$3:$AA$30,INDEX(Jesper!$R$2:$R$366,ROW(INDEX(Jesper!AJ$2:AJ$366,ROUNDDOWN($C4123/24,0)+1,1))-1)+IF('Standard Profiles'!$G$20=$B$10,7,0)+IF('Standard Profiles'!$G$20=$B$17,14,0)+IF('Standard Profiles'!$G$20=$B$24,21,0),0)),0)</f>
        <v>0</v>
      </c>
      <c r="G4123" cm="1">
        <f t="array" ref="G4123">IFERROR(INDEX(Jesper!AK$2:AK$366,ROUNDDOWN($C4123/24,0)+1,1)*INDEX($D$3:$AA$30,INDEX(Jesper!$R$2:$R$366,ROW(INDEX(Jesper!AK$2:AK$366,ROUNDDOWN($C4123/24,0)+1,1))-1)+IF('Standard Profiles'!$G$21=$B$10,7,0)+IF('Standard Profiles'!$G$21=$B$17,14,0)+IF('Standard Profiles'!$G$21=$B$24,21,0),MOD($C4123,24)+1)/SUM(INDEX($D$3:$AA$30,INDEX(Jesper!$R$2:$R$366,ROW(INDEX(Jesper!AK$2:AK$366,ROUNDDOWN($C4123/24,0)+1,1))-1)+IF('Standard Profiles'!$G$21=$B$10,7,0)+IF('Standard Profiles'!$G$21=$B$17,14,0)+IF('Standard Profiles'!$G$21=$B$24,21,0),0)),0)</f>
        <v>0</v>
      </c>
      <c r="H4123" cm="1">
        <f t="array" ref="H4123">IFERROR(INDEX(Jesper!AL$2:AL$366,ROUNDDOWN($C4123/24,0)+1,1)*INDEX($D$3:$AA$30,INDEX(Jesper!$R$2:$R$366,ROW(INDEX(Jesper!AL$2:AL$366,ROUNDDOWN($C4123/24,0)+1,1))-1)+IF('Standard Profiles'!$G$22=$B$10,7,0)+IF('Standard Profiles'!$G$22=$B$17,14,0)+IF('Standard Profiles'!$G$22=$B$24,21,0),MOD($C4123,24)+1)/SUM(INDEX($D$3:$AA$30,INDEX(Jesper!$R$2:$R$366,ROW(INDEX(Jesper!AL$2:AL$366,ROUNDDOWN($C4123/24,0)+1,1))-1)+IF('Standard Profiles'!$G$22=$B$10,7,0)+IF('Standard Profiles'!$G$22=$B$17,14,0)+IF('Standard Profiles'!$G$22=$B$24,21,0),0)),0)</f>
        <v>0</v>
      </c>
      <c r="I4123">
        <f t="shared" si="461"/>
        <v>0</v>
      </c>
      <c r="J4123">
        <f t="shared" si="462"/>
        <v>31.38177119283764</v>
      </c>
      <c r="K4123">
        <f t="shared" si="463"/>
        <v>2.7798899658171408</v>
      </c>
      <c r="L4123">
        <f t="shared" si="464"/>
        <v>1.3899449829085704</v>
      </c>
      <c r="M4123">
        <f t="shared" si="465"/>
        <v>0</v>
      </c>
      <c r="N4123" s="45">
        <f t="shared" si="466"/>
        <v>45097.374999990083</v>
      </c>
    </row>
    <row r="4124" spans="2:14" x14ac:dyDescent="0.25">
      <c r="B4124">
        <f t="shared" si="460"/>
        <v>2</v>
      </c>
      <c r="C4124" s="16">
        <v>4090</v>
      </c>
      <c r="D4124" cm="1">
        <f t="array" ref="D4124">IFERROR(INDEX(Jesper!AH$2:AH$366,ROUNDDOWN($C4124/24,0)+1,1)*INDEX($D$3:$AA$30,INDEX(Jesper!$R$2:$R$366,ROW(INDEX(Jesper!AH$2:AH$366,ROUNDDOWN($C4124/24,0)+1,1))-1)+IF('Standard Profiles'!$G$18=$B$10,7,0)+IF('Standard Profiles'!$G$18=$B$17,14,0)+IF('Standard Profiles'!$G$18=$B$24,21,0),MOD($C4124,24)+1)/SUM(INDEX($D$3:$AA$30,INDEX(Jesper!$R$2:$R$366,ROW(INDEX(Jesper!AH$2:AH$366,ROUNDDOWN($C4124/24,0)+1,1))-1)+IF('Standard Profiles'!$G$18=$B$10,7,0)+IF('Standard Profiles'!$G$18=$B$17,14,0)+IF('Standard Profiles'!$G$18=$B$24,21,0),0)),0)</f>
        <v>26.061468429535694</v>
      </c>
      <c r="E4124" cm="1">
        <f t="array" ref="E4124">IFERROR(INDEX(Jesper!AI$2:AI$366,ROUNDDOWN($C4124/24,0)+1,1)*INDEX($D$3:$AA$30,INDEX(Jesper!$R$2:$R$366,ROW(INDEX(Jesper!AI$2:AI$366,ROUNDDOWN($C4124/24,0)+1,1))-1)+IF('Standard Profiles'!$G$19=$B$10,7,0)+IF('Standard Profiles'!$G$19=$B$17,14,0)+IF('Standard Profiles'!$G$19=$B$24,21,0),MOD($C4124,24)+1)/SUM(INDEX($D$3:$AA$30,INDEX(Jesper!$R$2:$R$366,ROW(INDEX(Jesper!AI$2:AI$366,ROUNDDOWN($C4124/24,0)+1,1))-1)+IF('Standard Profiles'!$G$19=$B$10,7,0)+IF('Standard Profiles'!$G$19=$B$17,14,0)+IF('Standard Profiles'!$G$19=$B$24,21,0),0)),0)</f>
        <v>9.4901377120276589</v>
      </c>
      <c r="F4124" cm="1">
        <f t="array" ref="F4124">IFERROR(INDEX(Jesper!AJ$2:AJ$366,ROUNDDOWN($C4124/24,0)+1,1)*INDEX($D$3:$AA$30,INDEX(Jesper!$R$2:$R$366,ROW(INDEX(Jesper!AJ$2:AJ$366,ROUNDDOWN($C4124/24,0)+1,1))-1)+IF('Standard Profiles'!$G$20=$B$10,7,0)+IF('Standard Profiles'!$G$20=$B$17,14,0)+IF('Standard Profiles'!$G$20=$B$24,21,0),MOD($C4124,24)+1)/SUM(INDEX($D$3:$AA$30,INDEX(Jesper!$R$2:$R$366,ROW(INDEX(Jesper!AJ$2:AJ$366,ROUNDDOWN($C4124/24,0)+1,1))-1)+IF('Standard Profiles'!$G$20=$B$10,7,0)+IF('Standard Profiles'!$G$20=$B$17,14,0)+IF('Standard Profiles'!$G$20=$B$24,21,0),0)),0)</f>
        <v>0</v>
      </c>
      <c r="G4124" cm="1">
        <f t="array" ref="G4124">IFERROR(INDEX(Jesper!AK$2:AK$366,ROUNDDOWN($C4124/24,0)+1,1)*INDEX($D$3:$AA$30,INDEX(Jesper!$R$2:$R$366,ROW(INDEX(Jesper!AK$2:AK$366,ROUNDDOWN($C4124/24,0)+1,1))-1)+IF('Standard Profiles'!$G$21=$B$10,7,0)+IF('Standard Profiles'!$G$21=$B$17,14,0)+IF('Standard Profiles'!$G$21=$B$24,21,0),MOD($C4124,24)+1)/SUM(INDEX($D$3:$AA$30,INDEX(Jesper!$R$2:$R$366,ROW(INDEX(Jesper!AK$2:AK$366,ROUNDDOWN($C4124/24,0)+1,1))-1)+IF('Standard Profiles'!$G$21=$B$10,7,0)+IF('Standard Profiles'!$G$21=$B$17,14,0)+IF('Standard Profiles'!$G$21=$B$24,21,0),0)),0)</f>
        <v>0</v>
      </c>
      <c r="H4124" cm="1">
        <f t="array" ref="H4124">IFERROR(INDEX(Jesper!AL$2:AL$366,ROUNDDOWN($C4124/24,0)+1,1)*INDEX($D$3:$AA$30,INDEX(Jesper!$R$2:$R$366,ROW(INDEX(Jesper!AL$2:AL$366,ROUNDDOWN($C4124/24,0)+1,1))-1)+IF('Standard Profiles'!$G$22=$B$10,7,0)+IF('Standard Profiles'!$G$22=$B$17,14,0)+IF('Standard Profiles'!$G$22=$B$24,21,0),MOD($C4124,24)+1)/SUM(INDEX($D$3:$AA$30,INDEX(Jesper!$R$2:$R$366,ROW(INDEX(Jesper!AL$2:AL$366,ROUNDDOWN($C4124/24,0)+1,1))-1)+IF('Standard Profiles'!$G$22=$B$10,7,0)+IF('Standard Profiles'!$G$22=$B$17,14,0)+IF('Standard Profiles'!$G$22=$B$24,21,0),0)),0)</f>
        <v>0</v>
      </c>
      <c r="I4124">
        <f t="shared" si="461"/>
        <v>0</v>
      </c>
      <c r="J4124">
        <f t="shared" si="462"/>
        <v>31.38177119283764</v>
      </c>
      <c r="K4124">
        <f t="shared" si="463"/>
        <v>2.7798899658171408</v>
      </c>
      <c r="L4124">
        <f t="shared" si="464"/>
        <v>1.3899449829085704</v>
      </c>
      <c r="M4124">
        <f t="shared" si="465"/>
        <v>0</v>
      </c>
      <c r="N4124" s="45">
        <f t="shared" si="466"/>
        <v>45097.416666656747</v>
      </c>
    </row>
    <row r="4125" spans="2:14" x14ac:dyDescent="0.25">
      <c r="B4125">
        <f t="shared" si="460"/>
        <v>2</v>
      </c>
      <c r="C4125" s="16">
        <v>4091</v>
      </c>
      <c r="D4125" cm="1">
        <f t="array" ref="D4125">IFERROR(INDEX(Jesper!AH$2:AH$366,ROUNDDOWN($C4125/24,0)+1,1)*INDEX($D$3:$AA$30,INDEX(Jesper!$R$2:$R$366,ROW(INDEX(Jesper!AH$2:AH$366,ROUNDDOWN($C4125/24,0)+1,1))-1)+IF('Standard Profiles'!$G$18=$B$10,7,0)+IF('Standard Profiles'!$G$18=$B$17,14,0)+IF('Standard Profiles'!$G$18=$B$24,21,0),MOD($C4125,24)+1)/SUM(INDEX($D$3:$AA$30,INDEX(Jesper!$R$2:$R$366,ROW(INDEX(Jesper!AH$2:AH$366,ROUNDDOWN($C4125/24,0)+1,1))-1)+IF('Standard Profiles'!$G$18=$B$10,7,0)+IF('Standard Profiles'!$G$18=$B$17,14,0)+IF('Standard Profiles'!$G$18=$B$24,21,0),0)),0)</f>
        <v>31.184663078076891</v>
      </c>
      <c r="E4125" cm="1">
        <f t="array" ref="E4125">IFERROR(INDEX(Jesper!AI$2:AI$366,ROUNDDOWN($C4125/24,0)+1,1)*INDEX($D$3:$AA$30,INDEX(Jesper!$R$2:$R$366,ROW(INDEX(Jesper!AI$2:AI$366,ROUNDDOWN($C4125/24,0)+1,1))-1)+IF('Standard Profiles'!$G$19=$B$10,7,0)+IF('Standard Profiles'!$G$19=$B$17,14,0)+IF('Standard Profiles'!$G$19=$B$24,21,0),MOD($C4125,24)+1)/SUM(INDEX($D$3:$AA$30,INDEX(Jesper!$R$2:$R$366,ROW(INDEX(Jesper!AI$2:AI$366,ROUNDDOWN($C4125/24,0)+1,1))-1)+IF('Standard Profiles'!$G$19=$B$10,7,0)+IF('Standard Profiles'!$G$19=$B$17,14,0)+IF('Standard Profiles'!$G$19=$B$24,21,0),0)),0)</f>
        <v>11.355720339178394</v>
      </c>
      <c r="F4125" cm="1">
        <f t="array" ref="F4125">IFERROR(INDEX(Jesper!AJ$2:AJ$366,ROUNDDOWN($C4125/24,0)+1,1)*INDEX($D$3:$AA$30,INDEX(Jesper!$R$2:$R$366,ROW(INDEX(Jesper!AJ$2:AJ$366,ROUNDDOWN($C4125/24,0)+1,1))-1)+IF('Standard Profiles'!$G$20=$B$10,7,0)+IF('Standard Profiles'!$G$20=$B$17,14,0)+IF('Standard Profiles'!$G$20=$B$24,21,0),MOD($C4125,24)+1)/SUM(INDEX($D$3:$AA$30,INDEX(Jesper!$R$2:$R$366,ROW(INDEX(Jesper!AJ$2:AJ$366,ROUNDDOWN($C4125/24,0)+1,1))-1)+IF('Standard Profiles'!$G$20=$B$10,7,0)+IF('Standard Profiles'!$G$20=$B$17,14,0)+IF('Standard Profiles'!$G$20=$B$24,21,0),0)),0)</f>
        <v>0</v>
      </c>
      <c r="G4125" cm="1">
        <f t="array" ref="G4125">IFERROR(INDEX(Jesper!AK$2:AK$366,ROUNDDOWN($C4125/24,0)+1,1)*INDEX($D$3:$AA$30,INDEX(Jesper!$R$2:$R$366,ROW(INDEX(Jesper!AK$2:AK$366,ROUNDDOWN($C4125/24,0)+1,1))-1)+IF('Standard Profiles'!$G$21=$B$10,7,0)+IF('Standard Profiles'!$G$21=$B$17,14,0)+IF('Standard Profiles'!$G$21=$B$24,21,0),MOD($C4125,24)+1)/SUM(INDEX($D$3:$AA$30,INDEX(Jesper!$R$2:$R$366,ROW(INDEX(Jesper!AK$2:AK$366,ROUNDDOWN($C4125/24,0)+1,1))-1)+IF('Standard Profiles'!$G$21=$B$10,7,0)+IF('Standard Profiles'!$G$21=$B$17,14,0)+IF('Standard Profiles'!$G$21=$B$24,21,0),0)),0)</f>
        <v>0</v>
      </c>
      <c r="H4125" cm="1">
        <f t="array" ref="H4125">IFERROR(INDEX(Jesper!AL$2:AL$366,ROUNDDOWN($C4125/24,0)+1,1)*INDEX($D$3:$AA$30,INDEX(Jesper!$R$2:$R$366,ROW(INDEX(Jesper!AL$2:AL$366,ROUNDDOWN($C4125/24,0)+1,1))-1)+IF('Standard Profiles'!$G$22=$B$10,7,0)+IF('Standard Profiles'!$G$22=$B$17,14,0)+IF('Standard Profiles'!$G$22=$B$24,21,0),MOD($C4125,24)+1)/SUM(INDEX($D$3:$AA$30,INDEX(Jesper!$R$2:$R$366,ROW(INDEX(Jesper!AL$2:AL$366,ROUNDDOWN($C4125/24,0)+1,1))-1)+IF('Standard Profiles'!$G$22=$B$10,7,0)+IF('Standard Profiles'!$G$22=$B$17,14,0)+IF('Standard Profiles'!$G$22=$B$24,21,0),0)),0)</f>
        <v>0</v>
      </c>
      <c r="I4125">
        <f t="shared" si="461"/>
        <v>0</v>
      </c>
      <c r="J4125">
        <f t="shared" si="462"/>
        <v>37.550837324762981</v>
      </c>
      <c r="K4125">
        <f t="shared" si="463"/>
        <v>3.3263640616615353</v>
      </c>
      <c r="L4125">
        <f t="shared" si="464"/>
        <v>1.6631820308307677</v>
      </c>
      <c r="M4125">
        <f t="shared" si="465"/>
        <v>0</v>
      </c>
      <c r="N4125" s="45">
        <f t="shared" si="466"/>
        <v>45097.458333323411</v>
      </c>
    </row>
    <row r="4126" spans="2:14" x14ac:dyDescent="0.25">
      <c r="B4126">
        <f t="shared" si="460"/>
        <v>2</v>
      </c>
      <c r="C4126" s="16">
        <v>4092</v>
      </c>
      <c r="D4126" cm="1">
        <f t="array" ref="D4126">IFERROR(INDEX(Jesper!AH$2:AH$366,ROUNDDOWN($C4126/24,0)+1,1)*INDEX($D$3:$AA$30,INDEX(Jesper!$R$2:$R$366,ROW(INDEX(Jesper!AH$2:AH$366,ROUNDDOWN($C4126/24,0)+1,1))-1)+IF('Standard Profiles'!$G$18=$B$10,7,0)+IF('Standard Profiles'!$G$18=$B$17,14,0)+IF('Standard Profiles'!$G$18=$B$24,21,0),MOD($C4126,24)+1)/SUM(INDEX($D$3:$AA$30,INDEX(Jesper!$R$2:$R$366,ROW(INDEX(Jesper!AH$2:AH$366,ROUNDDOWN($C4126/24,0)+1,1))-1)+IF('Standard Profiles'!$G$18=$B$10,7,0)+IF('Standard Profiles'!$G$18=$B$17,14,0)+IF('Standard Profiles'!$G$18=$B$24,21,0),0)),0)</f>
        <v>31.184663078076891</v>
      </c>
      <c r="E4126" cm="1">
        <f t="array" ref="E4126">IFERROR(INDEX(Jesper!AI$2:AI$366,ROUNDDOWN($C4126/24,0)+1,1)*INDEX($D$3:$AA$30,INDEX(Jesper!$R$2:$R$366,ROW(INDEX(Jesper!AI$2:AI$366,ROUNDDOWN($C4126/24,0)+1,1))-1)+IF('Standard Profiles'!$G$19=$B$10,7,0)+IF('Standard Profiles'!$G$19=$B$17,14,0)+IF('Standard Profiles'!$G$19=$B$24,21,0),MOD($C4126,24)+1)/SUM(INDEX($D$3:$AA$30,INDEX(Jesper!$R$2:$R$366,ROW(INDEX(Jesper!AI$2:AI$366,ROUNDDOWN($C4126/24,0)+1,1))-1)+IF('Standard Profiles'!$G$19=$B$10,7,0)+IF('Standard Profiles'!$G$19=$B$17,14,0)+IF('Standard Profiles'!$G$19=$B$24,21,0),0)),0)</f>
        <v>11.355720339178394</v>
      </c>
      <c r="F4126" cm="1">
        <f t="array" ref="F4126">IFERROR(INDEX(Jesper!AJ$2:AJ$366,ROUNDDOWN($C4126/24,0)+1,1)*INDEX($D$3:$AA$30,INDEX(Jesper!$R$2:$R$366,ROW(INDEX(Jesper!AJ$2:AJ$366,ROUNDDOWN($C4126/24,0)+1,1))-1)+IF('Standard Profiles'!$G$20=$B$10,7,0)+IF('Standard Profiles'!$G$20=$B$17,14,0)+IF('Standard Profiles'!$G$20=$B$24,21,0),MOD($C4126,24)+1)/SUM(INDEX($D$3:$AA$30,INDEX(Jesper!$R$2:$R$366,ROW(INDEX(Jesper!AJ$2:AJ$366,ROUNDDOWN($C4126/24,0)+1,1))-1)+IF('Standard Profiles'!$G$20=$B$10,7,0)+IF('Standard Profiles'!$G$20=$B$17,14,0)+IF('Standard Profiles'!$G$20=$B$24,21,0),0)),0)</f>
        <v>0</v>
      </c>
      <c r="G4126" cm="1">
        <f t="array" ref="G4126">IFERROR(INDEX(Jesper!AK$2:AK$366,ROUNDDOWN($C4126/24,0)+1,1)*INDEX($D$3:$AA$30,INDEX(Jesper!$R$2:$R$366,ROW(INDEX(Jesper!AK$2:AK$366,ROUNDDOWN($C4126/24,0)+1,1))-1)+IF('Standard Profiles'!$G$21=$B$10,7,0)+IF('Standard Profiles'!$G$21=$B$17,14,0)+IF('Standard Profiles'!$G$21=$B$24,21,0),MOD($C4126,24)+1)/SUM(INDEX($D$3:$AA$30,INDEX(Jesper!$R$2:$R$366,ROW(INDEX(Jesper!AK$2:AK$366,ROUNDDOWN($C4126/24,0)+1,1))-1)+IF('Standard Profiles'!$G$21=$B$10,7,0)+IF('Standard Profiles'!$G$21=$B$17,14,0)+IF('Standard Profiles'!$G$21=$B$24,21,0),0)),0)</f>
        <v>0</v>
      </c>
      <c r="H4126" cm="1">
        <f t="array" ref="H4126">IFERROR(INDEX(Jesper!AL$2:AL$366,ROUNDDOWN($C4126/24,0)+1,1)*INDEX($D$3:$AA$30,INDEX(Jesper!$R$2:$R$366,ROW(INDEX(Jesper!AL$2:AL$366,ROUNDDOWN($C4126/24,0)+1,1))-1)+IF('Standard Profiles'!$G$22=$B$10,7,0)+IF('Standard Profiles'!$G$22=$B$17,14,0)+IF('Standard Profiles'!$G$22=$B$24,21,0),MOD($C4126,24)+1)/SUM(INDEX($D$3:$AA$30,INDEX(Jesper!$R$2:$R$366,ROW(INDEX(Jesper!AL$2:AL$366,ROUNDDOWN($C4126/24,0)+1,1))-1)+IF('Standard Profiles'!$G$22=$B$10,7,0)+IF('Standard Profiles'!$G$22=$B$17,14,0)+IF('Standard Profiles'!$G$22=$B$24,21,0),0)),0)</f>
        <v>0</v>
      </c>
      <c r="I4126">
        <f t="shared" si="461"/>
        <v>0</v>
      </c>
      <c r="J4126">
        <f t="shared" si="462"/>
        <v>37.550837324762981</v>
      </c>
      <c r="K4126">
        <f t="shared" si="463"/>
        <v>3.3263640616615353</v>
      </c>
      <c r="L4126">
        <f t="shared" si="464"/>
        <v>1.6631820308307677</v>
      </c>
      <c r="M4126">
        <f t="shared" si="465"/>
        <v>0</v>
      </c>
      <c r="N4126" s="45">
        <f t="shared" si="466"/>
        <v>45097.499999990076</v>
      </c>
    </row>
    <row r="4127" spans="2:14" x14ac:dyDescent="0.25">
      <c r="B4127">
        <f t="shared" si="460"/>
        <v>2</v>
      </c>
      <c r="C4127" s="16">
        <v>4093</v>
      </c>
      <c r="D4127" cm="1">
        <f t="array" ref="D4127">IFERROR(INDEX(Jesper!AH$2:AH$366,ROUNDDOWN($C4127/24,0)+1,1)*INDEX($D$3:$AA$30,INDEX(Jesper!$R$2:$R$366,ROW(INDEX(Jesper!AH$2:AH$366,ROUNDDOWN($C4127/24,0)+1,1))-1)+IF('Standard Profiles'!$G$18=$B$10,7,0)+IF('Standard Profiles'!$G$18=$B$17,14,0)+IF('Standard Profiles'!$G$18=$B$24,21,0),MOD($C4127,24)+1)/SUM(INDEX($D$3:$AA$30,INDEX(Jesper!$R$2:$R$366,ROW(INDEX(Jesper!AH$2:AH$366,ROUNDDOWN($C4127/24,0)+1,1))-1)+IF('Standard Profiles'!$G$18=$B$10,7,0)+IF('Standard Profiles'!$G$18=$B$17,14,0)+IF('Standard Profiles'!$G$18=$B$24,21,0),0)),0)</f>
        <v>20.715526187579652</v>
      </c>
      <c r="E4127" cm="1">
        <f t="array" ref="E4127">IFERROR(INDEX(Jesper!AI$2:AI$366,ROUNDDOWN($C4127/24,0)+1,1)*INDEX($D$3:$AA$30,INDEX(Jesper!$R$2:$R$366,ROW(INDEX(Jesper!AI$2:AI$366,ROUNDDOWN($C4127/24,0)+1,1))-1)+IF('Standard Profiles'!$G$19=$B$10,7,0)+IF('Standard Profiles'!$G$19=$B$17,14,0)+IF('Standard Profiles'!$G$19=$B$24,21,0),MOD($C4127,24)+1)/SUM(INDEX($D$3:$AA$30,INDEX(Jesper!$R$2:$R$366,ROW(INDEX(Jesper!AI$2:AI$366,ROUNDDOWN($C4127/24,0)+1,1))-1)+IF('Standard Profiles'!$G$19=$B$10,7,0)+IF('Standard Profiles'!$G$19=$B$17,14,0)+IF('Standard Profiles'!$G$19=$B$24,21,0),0)),0)</f>
        <v>7.5434427967399325</v>
      </c>
      <c r="F4127" cm="1">
        <f t="array" ref="F4127">IFERROR(INDEX(Jesper!AJ$2:AJ$366,ROUNDDOWN($C4127/24,0)+1,1)*INDEX($D$3:$AA$30,INDEX(Jesper!$R$2:$R$366,ROW(INDEX(Jesper!AJ$2:AJ$366,ROUNDDOWN($C4127/24,0)+1,1))-1)+IF('Standard Profiles'!$G$20=$B$10,7,0)+IF('Standard Profiles'!$G$20=$B$17,14,0)+IF('Standard Profiles'!$G$20=$B$24,21,0),MOD($C4127,24)+1)/SUM(INDEX($D$3:$AA$30,INDEX(Jesper!$R$2:$R$366,ROW(INDEX(Jesper!AJ$2:AJ$366,ROUNDDOWN($C4127/24,0)+1,1))-1)+IF('Standard Profiles'!$G$20=$B$10,7,0)+IF('Standard Profiles'!$G$20=$B$17,14,0)+IF('Standard Profiles'!$G$20=$B$24,21,0),0)),0)</f>
        <v>0</v>
      </c>
      <c r="G4127" cm="1">
        <f t="array" ref="G4127">IFERROR(INDEX(Jesper!AK$2:AK$366,ROUNDDOWN($C4127/24,0)+1,1)*INDEX($D$3:$AA$30,INDEX(Jesper!$R$2:$R$366,ROW(INDEX(Jesper!AK$2:AK$366,ROUNDDOWN($C4127/24,0)+1,1))-1)+IF('Standard Profiles'!$G$21=$B$10,7,0)+IF('Standard Profiles'!$G$21=$B$17,14,0)+IF('Standard Profiles'!$G$21=$B$24,21,0),MOD($C4127,24)+1)/SUM(INDEX($D$3:$AA$30,INDEX(Jesper!$R$2:$R$366,ROW(INDEX(Jesper!AK$2:AK$366,ROUNDDOWN($C4127/24,0)+1,1))-1)+IF('Standard Profiles'!$G$21=$B$10,7,0)+IF('Standard Profiles'!$G$21=$B$17,14,0)+IF('Standard Profiles'!$G$21=$B$24,21,0),0)),0)</f>
        <v>0</v>
      </c>
      <c r="H4127" cm="1">
        <f t="array" ref="H4127">IFERROR(INDEX(Jesper!AL$2:AL$366,ROUNDDOWN($C4127/24,0)+1,1)*INDEX($D$3:$AA$30,INDEX(Jesper!$R$2:$R$366,ROW(INDEX(Jesper!AL$2:AL$366,ROUNDDOWN($C4127/24,0)+1,1))-1)+IF('Standard Profiles'!$G$22=$B$10,7,0)+IF('Standard Profiles'!$G$22=$B$17,14,0)+IF('Standard Profiles'!$G$22=$B$24,21,0),MOD($C4127,24)+1)/SUM(INDEX($D$3:$AA$30,INDEX(Jesper!$R$2:$R$366,ROW(INDEX(Jesper!AL$2:AL$366,ROUNDDOWN($C4127/24,0)+1,1))-1)+IF('Standard Profiles'!$G$22=$B$10,7,0)+IF('Standard Profiles'!$G$22=$B$17,14,0)+IF('Standard Profiles'!$G$22=$B$24,21,0),0)),0)</f>
        <v>0</v>
      </c>
      <c r="I4127">
        <f t="shared" si="461"/>
        <v>0</v>
      </c>
      <c r="J4127">
        <f t="shared" si="462"/>
        <v>24.944484794306838</v>
      </c>
      <c r="K4127">
        <f t="shared" si="463"/>
        <v>2.2096561266751631</v>
      </c>
      <c r="L4127">
        <f t="shared" si="464"/>
        <v>1.1048280633375815</v>
      </c>
      <c r="M4127">
        <f t="shared" si="465"/>
        <v>0</v>
      </c>
      <c r="N4127" s="45">
        <f t="shared" si="466"/>
        <v>45097.54166665674</v>
      </c>
    </row>
    <row r="4128" spans="2:14" x14ac:dyDescent="0.25">
      <c r="B4128">
        <f t="shared" si="460"/>
        <v>2</v>
      </c>
      <c r="C4128" s="16">
        <v>4094</v>
      </c>
      <c r="D4128" cm="1">
        <f t="array" ref="D4128">IFERROR(INDEX(Jesper!AH$2:AH$366,ROUNDDOWN($C4128/24,0)+1,1)*INDEX($D$3:$AA$30,INDEX(Jesper!$R$2:$R$366,ROW(INDEX(Jesper!AH$2:AH$366,ROUNDDOWN($C4128/24,0)+1,1))-1)+IF('Standard Profiles'!$G$18=$B$10,7,0)+IF('Standard Profiles'!$G$18=$B$17,14,0)+IF('Standard Profiles'!$G$18=$B$24,21,0),MOD($C4128,24)+1)/SUM(INDEX($D$3:$AA$30,INDEX(Jesper!$R$2:$R$366,ROW(INDEX(Jesper!AH$2:AH$366,ROUNDDOWN($C4128/24,0)+1,1))-1)+IF('Standard Profiles'!$G$18=$B$10,7,0)+IF('Standard Profiles'!$G$18=$B$17,14,0)+IF('Standard Profiles'!$G$18=$B$24,21,0),0)),0)</f>
        <v>31.184663078076891</v>
      </c>
      <c r="E4128" cm="1">
        <f t="array" ref="E4128">IFERROR(INDEX(Jesper!AI$2:AI$366,ROUNDDOWN($C4128/24,0)+1,1)*INDEX($D$3:$AA$30,INDEX(Jesper!$R$2:$R$366,ROW(INDEX(Jesper!AI$2:AI$366,ROUNDDOWN($C4128/24,0)+1,1))-1)+IF('Standard Profiles'!$G$19=$B$10,7,0)+IF('Standard Profiles'!$G$19=$B$17,14,0)+IF('Standard Profiles'!$G$19=$B$24,21,0),MOD($C4128,24)+1)/SUM(INDEX($D$3:$AA$30,INDEX(Jesper!$R$2:$R$366,ROW(INDEX(Jesper!AI$2:AI$366,ROUNDDOWN($C4128/24,0)+1,1))-1)+IF('Standard Profiles'!$G$19=$B$10,7,0)+IF('Standard Profiles'!$G$19=$B$17,14,0)+IF('Standard Profiles'!$G$19=$B$24,21,0),0)),0)</f>
        <v>11.355720339178394</v>
      </c>
      <c r="F4128" cm="1">
        <f t="array" ref="F4128">IFERROR(INDEX(Jesper!AJ$2:AJ$366,ROUNDDOWN($C4128/24,0)+1,1)*INDEX($D$3:$AA$30,INDEX(Jesper!$R$2:$R$366,ROW(INDEX(Jesper!AJ$2:AJ$366,ROUNDDOWN($C4128/24,0)+1,1))-1)+IF('Standard Profiles'!$G$20=$B$10,7,0)+IF('Standard Profiles'!$G$20=$B$17,14,0)+IF('Standard Profiles'!$G$20=$B$24,21,0),MOD($C4128,24)+1)/SUM(INDEX($D$3:$AA$30,INDEX(Jesper!$R$2:$R$366,ROW(INDEX(Jesper!AJ$2:AJ$366,ROUNDDOWN($C4128/24,0)+1,1))-1)+IF('Standard Profiles'!$G$20=$B$10,7,0)+IF('Standard Profiles'!$G$20=$B$17,14,0)+IF('Standard Profiles'!$G$20=$B$24,21,0),0)),0)</f>
        <v>0</v>
      </c>
      <c r="G4128" cm="1">
        <f t="array" ref="G4128">IFERROR(INDEX(Jesper!AK$2:AK$366,ROUNDDOWN($C4128/24,0)+1,1)*INDEX($D$3:$AA$30,INDEX(Jesper!$R$2:$R$366,ROW(INDEX(Jesper!AK$2:AK$366,ROUNDDOWN($C4128/24,0)+1,1))-1)+IF('Standard Profiles'!$G$21=$B$10,7,0)+IF('Standard Profiles'!$G$21=$B$17,14,0)+IF('Standard Profiles'!$G$21=$B$24,21,0),MOD($C4128,24)+1)/SUM(INDEX($D$3:$AA$30,INDEX(Jesper!$R$2:$R$366,ROW(INDEX(Jesper!AK$2:AK$366,ROUNDDOWN($C4128/24,0)+1,1))-1)+IF('Standard Profiles'!$G$21=$B$10,7,0)+IF('Standard Profiles'!$G$21=$B$17,14,0)+IF('Standard Profiles'!$G$21=$B$24,21,0),0)),0)</f>
        <v>0</v>
      </c>
      <c r="H4128" cm="1">
        <f t="array" ref="H4128">IFERROR(INDEX(Jesper!AL$2:AL$366,ROUNDDOWN($C4128/24,0)+1,1)*INDEX($D$3:$AA$30,INDEX(Jesper!$R$2:$R$366,ROW(INDEX(Jesper!AL$2:AL$366,ROUNDDOWN($C4128/24,0)+1,1))-1)+IF('Standard Profiles'!$G$22=$B$10,7,0)+IF('Standard Profiles'!$G$22=$B$17,14,0)+IF('Standard Profiles'!$G$22=$B$24,21,0),MOD($C4128,24)+1)/SUM(INDEX($D$3:$AA$30,INDEX(Jesper!$R$2:$R$366,ROW(INDEX(Jesper!AL$2:AL$366,ROUNDDOWN($C4128/24,0)+1,1))-1)+IF('Standard Profiles'!$G$22=$B$10,7,0)+IF('Standard Profiles'!$G$22=$B$17,14,0)+IF('Standard Profiles'!$G$22=$B$24,21,0),0)),0)</f>
        <v>0</v>
      </c>
      <c r="I4128">
        <f t="shared" si="461"/>
        <v>0</v>
      </c>
      <c r="J4128">
        <f t="shared" si="462"/>
        <v>37.550837324762981</v>
      </c>
      <c r="K4128">
        <f t="shared" si="463"/>
        <v>3.3263640616615353</v>
      </c>
      <c r="L4128">
        <f t="shared" si="464"/>
        <v>1.6631820308307677</v>
      </c>
      <c r="M4128">
        <f t="shared" si="465"/>
        <v>0</v>
      </c>
      <c r="N4128" s="45">
        <f t="shared" si="466"/>
        <v>45097.583333323404</v>
      </c>
    </row>
    <row r="4129" spans="2:14" x14ac:dyDescent="0.25">
      <c r="B4129">
        <f t="shared" si="460"/>
        <v>2</v>
      </c>
      <c r="C4129" s="16">
        <v>4095</v>
      </c>
      <c r="D4129" cm="1">
        <f t="array" ref="D4129">IFERROR(INDEX(Jesper!AH$2:AH$366,ROUNDDOWN($C4129/24,0)+1,1)*INDEX($D$3:$AA$30,INDEX(Jesper!$R$2:$R$366,ROW(INDEX(Jesper!AH$2:AH$366,ROUNDDOWN($C4129/24,0)+1,1))-1)+IF('Standard Profiles'!$G$18=$B$10,7,0)+IF('Standard Profiles'!$G$18=$B$17,14,0)+IF('Standard Profiles'!$G$18=$B$24,21,0),MOD($C4129,24)+1)/SUM(INDEX($D$3:$AA$30,INDEX(Jesper!$R$2:$R$366,ROW(INDEX(Jesper!AH$2:AH$366,ROUNDDOWN($C4129/24,0)+1,1))-1)+IF('Standard Profiles'!$G$18=$B$10,7,0)+IF('Standard Profiles'!$G$18=$B$17,14,0)+IF('Standard Profiles'!$G$18=$B$24,21,0),0)),0)</f>
        <v>31.184663078076891</v>
      </c>
      <c r="E4129" cm="1">
        <f t="array" ref="E4129">IFERROR(INDEX(Jesper!AI$2:AI$366,ROUNDDOWN($C4129/24,0)+1,1)*INDEX($D$3:$AA$30,INDEX(Jesper!$R$2:$R$366,ROW(INDEX(Jesper!AI$2:AI$366,ROUNDDOWN($C4129/24,0)+1,1))-1)+IF('Standard Profiles'!$G$19=$B$10,7,0)+IF('Standard Profiles'!$G$19=$B$17,14,0)+IF('Standard Profiles'!$G$19=$B$24,21,0),MOD($C4129,24)+1)/SUM(INDEX($D$3:$AA$30,INDEX(Jesper!$R$2:$R$366,ROW(INDEX(Jesper!AI$2:AI$366,ROUNDDOWN($C4129/24,0)+1,1))-1)+IF('Standard Profiles'!$G$19=$B$10,7,0)+IF('Standard Profiles'!$G$19=$B$17,14,0)+IF('Standard Profiles'!$G$19=$B$24,21,0),0)),0)</f>
        <v>11.355720339178394</v>
      </c>
      <c r="F4129" cm="1">
        <f t="array" ref="F4129">IFERROR(INDEX(Jesper!AJ$2:AJ$366,ROUNDDOWN($C4129/24,0)+1,1)*INDEX($D$3:$AA$30,INDEX(Jesper!$R$2:$R$366,ROW(INDEX(Jesper!AJ$2:AJ$366,ROUNDDOWN($C4129/24,0)+1,1))-1)+IF('Standard Profiles'!$G$20=$B$10,7,0)+IF('Standard Profiles'!$G$20=$B$17,14,0)+IF('Standard Profiles'!$G$20=$B$24,21,0),MOD($C4129,24)+1)/SUM(INDEX($D$3:$AA$30,INDEX(Jesper!$R$2:$R$366,ROW(INDEX(Jesper!AJ$2:AJ$366,ROUNDDOWN($C4129/24,0)+1,1))-1)+IF('Standard Profiles'!$G$20=$B$10,7,0)+IF('Standard Profiles'!$G$20=$B$17,14,0)+IF('Standard Profiles'!$G$20=$B$24,21,0),0)),0)</f>
        <v>0</v>
      </c>
      <c r="G4129" cm="1">
        <f t="array" ref="G4129">IFERROR(INDEX(Jesper!AK$2:AK$366,ROUNDDOWN($C4129/24,0)+1,1)*INDEX($D$3:$AA$30,INDEX(Jesper!$R$2:$R$366,ROW(INDEX(Jesper!AK$2:AK$366,ROUNDDOWN($C4129/24,0)+1,1))-1)+IF('Standard Profiles'!$G$21=$B$10,7,0)+IF('Standard Profiles'!$G$21=$B$17,14,0)+IF('Standard Profiles'!$G$21=$B$24,21,0),MOD($C4129,24)+1)/SUM(INDEX($D$3:$AA$30,INDEX(Jesper!$R$2:$R$366,ROW(INDEX(Jesper!AK$2:AK$366,ROUNDDOWN($C4129/24,0)+1,1))-1)+IF('Standard Profiles'!$G$21=$B$10,7,0)+IF('Standard Profiles'!$G$21=$B$17,14,0)+IF('Standard Profiles'!$G$21=$B$24,21,0),0)),0)</f>
        <v>0</v>
      </c>
      <c r="H4129" cm="1">
        <f t="array" ref="H4129">IFERROR(INDEX(Jesper!AL$2:AL$366,ROUNDDOWN($C4129/24,0)+1,1)*INDEX($D$3:$AA$30,INDEX(Jesper!$R$2:$R$366,ROW(INDEX(Jesper!AL$2:AL$366,ROUNDDOWN($C4129/24,0)+1,1))-1)+IF('Standard Profiles'!$G$22=$B$10,7,0)+IF('Standard Profiles'!$G$22=$B$17,14,0)+IF('Standard Profiles'!$G$22=$B$24,21,0),MOD($C4129,24)+1)/SUM(INDEX($D$3:$AA$30,INDEX(Jesper!$R$2:$R$366,ROW(INDEX(Jesper!AL$2:AL$366,ROUNDDOWN($C4129/24,0)+1,1))-1)+IF('Standard Profiles'!$G$22=$B$10,7,0)+IF('Standard Profiles'!$G$22=$B$17,14,0)+IF('Standard Profiles'!$G$22=$B$24,21,0),0)),0)</f>
        <v>0</v>
      </c>
      <c r="I4129">
        <f t="shared" si="461"/>
        <v>0</v>
      </c>
      <c r="J4129">
        <f t="shared" si="462"/>
        <v>37.550837324762981</v>
      </c>
      <c r="K4129">
        <f t="shared" si="463"/>
        <v>3.3263640616615353</v>
      </c>
      <c r="L4129">
        <f t="shared" si="464"/>
        <v>1.6631820308307677</v>
      </c>
      <c r="M4129">
        <f t="shared" si="465"/>
        <v>0</v>
      </c>
      <c r="N4129" s="45">
        <f t="shared" si="466"/>
        <v>45097.624999990068</v>
      </c>
    </row>
    <row r="4130" spans="2:14" x14ac:dyDescent="0.25">
      <c r="B4130">
        <f t="shared" si="460"/>
        <v>2</v>
      </c>
      <c r="C4130" s="16">
        <v>4096</v>
      </c>
      <c r="D4130" cm="1">
        <f t="array" ref="D4130">IFERROR(INDEX(Jesper!AH$2:AH$366,ROUNDDOWN($C4130/24,0)+1,1)*INDEX($D$3:$AA$30,INDEX(Jesper!$R$2:$R$366,ROW(INDEX(Jesper!AH$2:AH$366,ROUNDDOWN($C4130/24,0)+1,1))-1)+IF('Standard Profiles'!$G$18=$B$10,7,0)+IF('Standard Profiles'!$G$18=$B$17,14,0)+IF('Standard Profiles'!$G$18=$B$24,21,0),MOD($C4130,24)+1)/SUM(INDEX($D$3:$AA$30,INDEX(Jesper!$R$2:$R$366,ROW(INDEX(Jesper!AH$2:AH$366,ROUNDDOWN($C4130/24,0)+1,1))-1)+IF('Standard Profiles'!$G$18=$B$10,7,0)+IF('Standard Profiles'!$G$18=$B$17,14,0)+IF('Standard Profiles'!$G$18=$B$24,21,0),0)),0)</f>
        <v>18.376676456723885</v>
      </c>
      <c r="E4130" cm="1">
        <f t="array" ref="E4130">IFERROR(INDEX(Jesper!AI$2:AI$366,ROUNDDOWN($C4130/24,0)+1,1)*INDEX($D$3:$AA$30,INDEX(Jesper!$R$2:$R$366,ROW(INDEX(Jesper!AI$2:AI$366,ROUNDDOWN($C4130/24,0)+1,1))-1)+IF('Standard Profiles'!$G$19=$B$10,7,0)+IF('Standard Profiles'!$G$19=$B$17,14,0)+IF('Standard Profiles'!$G$19=$B$24,21,0),MOD($C4130,24)+1)/SUM(INDEX($D$3:$AA$30,INDEX(Jesper!$R$2:$R$366,ROW(INDEX(Jesper!AI$2:AI$366,ROUNDDOWN($C4130/24,0)+1,1))-1)+IF('Standard Profiles'!$G$19=$B$10,7,0)+IF('Standard Profiles'!$G$19=$B$17,14,0)+IF('Standard Profiles'!$G$19=$B$24,21,0),0)),0)</f>
        <v>6.6917637713015541</v>
      </c>
      <c r="F4130" cm="1">
        <f t="array" ref="F4130">IFERROR(INDEX(Jesper!AJ$2:AJ$366,ROUNDDOWN($C4130/24,0)+1,1)*INDEX($D$3:$AA$30,INDEX(Jesper!$R$2:$R$366,ROW(INDEX(Jesper!AJ$2:AJ$366,ROUNDDOWN($C4130/24,0)+1,1))-1)+IF('Standard Profiles'!$G$20=$B$10,7,0)+IF('Standard Profiles'!$G$20=$B$17,14,0)+IF('Standard Profiles'!$G$20=$B$24,21,0),MOD($C4130,24)+1)/SUM(INDEX($D$3:$AA$30,INDEX(Jesper!$R$2:$R$366,ROW(INDEX(Jesper!AJ$2:AJ$366,ROUNDDOWN($C4130/24,0)+1,1))-1)+IF('Standard Profiles'!$G$20=$B$10,7,0)+IF('Standard Profiles'!$G$20=$B$17,14,0)+IF('Standard Profiles'!$G$20=$B$24,21,0),0)),0)</f>
        <v>0</v>
      </c>
      <c r="G4130" cm="1">
        <f t="array" ref="G4130">IFERROR(INDEX(Jesper!AK$2:AK$366,ROUNDDOWN($C4130/24,0)+1,1)*INDEX($D$3:$AA$30,INDEX(Jesper!$R$2:$R$366,ROW(INDEX(Jesper!AK$2:AK$366,ROUNDDOWN($C4130/24,0)+1,1))-1)+IF('Standard Profiles'!$G$21=$B$10,7,0)+IF('Standard Profiles'!$G$21=$B$17,14,0)+IF('Standard Profiles'!$G$21=$B$24,21,0),MOD($C4130,24)+1)/SUM(INDEX($D$3:$AA$30,INDEX(Jesper!$R$2:$R$366,ROW(INDEX(Jesper!AK$2:AK$366,ROUNDDOWN($C4130/24,0)+1,1))-1)+IF('Standard Profiles'!$G$21=$B$10,7,0)+IF('Standard Profiles'!$G$21=$B$17,14,0)+IF('Standard Profiles'!$G$21=$B$24,21,0),0)),0)</f>
        <v>0</v>
      </c>
      <c r="H4130" cm="1">
        <f t="array" ref="H4130">IFERROR(INDEX(Jesper!AL$2:AL$366,ROUNDDOWN($C4130/24,0)+1,1)*INDEX($D$3:$AA$30,INDEX(Jesper!$R$2:$R$366,ROW(INDEX(Jesper!AL$2:AL$366,ROUNDDOWN($C4130/24,0)+1,1))-1)+IF('Standard Profiles'!$G$22=$B$10,7,0)+IF('Standard Profiles'!$G$22=$B$17,14,0)+IF('Standard Profiles'!$G$22=$B$24,21,0),MOD($C4130,24)+1)/SUM(INDEX($D$3:$AA$30,INDEX(Jesper!$R$2:$R$366,ROW(INDEX(Jesper!AL$2:AL$366,ROUNDDOWN($C4130/24,0)+1,1))-1)+IF('Standard Profiles'!$G$22=$B$10,7,0)+IF('Standard Profiles'!$G$22=$B$17,14,0)+IF('Standard Profiles'!$G$22=$B$24,21,0),0)),0)</f>
        <v>0</v>
      </c>
      <c r="I4130">
        <f t="shared" si="461"/>
        <v>0</v>
      </c>
      <c r="J4130">
        <f t="shared" si="462"/>
        <v>22.128171994949618</v>
      </c>
      <c r="K4130">
        <f t="shared" si="463"/>
        <v>1.9601788220505478</v>
      </c>
      <c r="L4130">
        <f t="shared" si="464"/>
        <v>0.98008941102527392</v>
      </c>
      <c r="M4130">
        <f t="shared" si="465"/>
        <v>0</v>
      </c>
      <c r="N4130" s="45">
        <f t="shared" si="466"/>
        <v>45097.666666656733</v>
      </c>
    </row>
    <row r="4131" spans="2:14" x14ac:dyDescent="0.25">
      <c r="B4131">
        <f t="shared" ref="B4131:B4194" si="467">WEEKDAY(N4131,2)</f>
        <v>2</v>
      </c>
      <c r="C4131" s="16">
        <v>4097</v>
      </c>
      <c r="D4131" cm="1">
        <f t="array" ref="D4131">IFERROR(INDEX(Jesper!AH$2:AH$366,ROUNDDOWN($C4131/24,0)+1,1)*INDEX($D$3:$AA$30,INDEX(Jesper!$R$2:$R$366,ROW(INDEX(Jesper!AH$2:AH$366,ROUNDDOWN($C4131/24,0)+1,1))-1)+IF('Standard Profiles'!$G$18=$B$10,7,0)+IF('Standard Profiles'!$G$18=$B$17,14,0)+IF('Standard Profiles'!$G$18=$B$24,21,0),MOD($C4131,24)+1)/SUM(INDEX($D$3:$AA$30,INDEX(Jesper!$R$2:$R$366,ROW(INDEX(Jesper!AH$2:AH$366,ROUNDDOWN($C4131/24,0)+1,1))-1)+IF('Standard Profiles'!$G$18=$B$10,7,0)+IF('Standard Profiles'!$G$18=$B$17,14,0)+IF('Standard Profiles'!$G$18=$B$24,21,0),0)),0)</f>
        <v>7.8432251202406693</v>
      </c>
      <c r="E4131" cm="1">
        <f t="array" ref="E4131">IFERROR(INDEX(Jesper!AI$2:AI$366,ROUNDDOWN($C4131/24,0)+1,1)*INDEX($D$3:$AA$30,INDEX(Jesper!$R$2:$R$366,ROW(INDEX(Jesper!AI$2:AI$366,ROUNDDOWN($C4131/24,0)+1,1))-1)+IF('Standard Profiles'!$G$19=$B$10,7,0)+IF('Standard Profiles'!$G$19=$B$17,14,0)+IF('Standard Profiles'!$G$19=$B$24,21,0),MOD($C4131,24)+1)/SUM(INDEX($D$3:$AA$30,INDEX(Jesper!$R$2:$R$366,ROW(INDEX(Jesper!AI$2:AI$366,ROUNDDOWN($C4131/24,0)+1,1))-1)+IF('Standard Profiles'!$G$19=$B$10,7,0)+IF('Standard Profiles'!$G$19=$B$17,14,0)+IF('Standard Profiles'!$G$19=$B$24,21,0),0)),0)</f>
        <v>2.8560664836967793</v>
      </c>
      <c r="F4131" cm="1">
        <f t="array" ref="F4131">IFERROR(INDEX(Jesper!AJ$2:AJ$366,ROUNDDOWN($C4131/24,0)+1,1)*INDEX($D$3:$AA$30,INDEX(Jesper!$R$2:$R$366,ROW(INDEX(Jesper!AJ$2:AJ$366,ROUNDDOWN($C4131/24,0)+1,1))-1)+IF('Standard Profiles'!$G$20=$B$10,7,0)+IF('Standard Profiles'!$G$20=$B$17,14,0)+IF('Standard Profiles'!$G$20=$B$24,21,0),MOD($C4131,24)+1)/SUM(INDEX($D$3:$AA$30,INDEX(Jesper!$R$2:$R$366,ROW(INDEX(Jesper!AJ$2:AJ$366,ROUNDDOWN($C4131/24,0)+1,1))-1)+IF('Standard Profiles'!$G$20=$B$10,7,0)+IF('Standard Profiles'!$G$20=$B$17,14,0)+IF('Standard Profiles'!$G$20=$B$24,21,0),0)),0)</f>
        <v>0</v>
      </c>
      <c r="G4131" cm="1">
        <f t="array" ref="G4131">IFERROR(INDEX(Jesper!AK$2:AK$366,ROUNDDOWN($C4131/24,0)+1,1)*INDEX($D$3:$AA$30,INDEX(Jesper!$R$2:$R$366,ROW(INDEX(Jesper!AK$2:AK$366,ROUNDDOWN($C4131/24,0)+1,1))-1)+IF('Standard Profiles'!$G$21=$B$10,7,0)+IF('Standard Profiles'!$G$21=$B$17,14,0)+IF('Standard Profiles'!$G$21=$B$24,21,0),MOD($C4131,24)+1)/SUM(INDEX($D$3:$AA$30,INDEX(Jesper!$R$2:$R$366,ROW(INDEX(Jesper!AK$2:AK$366,ROUNDDOWN($C4131/24,0)+1,1))-1)+IF('Standard Profiles'!$G$21=$B$10,7,0)+IF('Standard Profiles'!$G$21=$B$17,14,0)+IF('Standard Profiles'!$G$21=$B$24,21,0),0)),0)</f>
        <v>0</v>
      </c>
      <c r="H4131" cm="1">
        <f t="array" ref="H4131">IFERROR(INDEX(Jesper!AL$2:AL$366,ROUNDDOWN($C4131/24,0)+1,1)*INDEX($D$3:$AA$30,INDEX(Jesper!$R$2:$R$366,ROW(INDEX(Jesper!AL$2:AL$366,ROUNDDOWN($C4131/24,0)+1,1))-1)+IF('Standard Profiles'!$G$22=$B$10,7,0)+IF('Standard Profiles'!$G$22=$B$17,14,0)+IF('Standard Profiles'!$G$22=$B$24,21,0),MOD($C4131,24)+1)/SUM(INDEX($D$3:$AA$30,INDEX(Jesper!$R$2:$R$366,ROW(INDEX(Jesper!AL$2:AL$366,ROUNDDOWN($C4131/24,0)+1,1))-1)+IF('Standard Profiles'!$G$22=$B$10,7,0)+IF('Standard Profiles'!$G$22=$B$17,14,0)+IF('Standard Profiles'!$G$22=$B$24,21,0),0)),0)</f>
        <v>0</v>
      </c>
      <c r="I4131">
        <f t="shared" ref="I4131:I4194" si="468">IF($B4131&lt;6,AC$37*$D4131+AC$38*$E4131+AC$39*$F4131+AC$40*$G4131,AC$46*$D4131+AC$47*$E4131+AC$48*$F4131+AC$49*$G4131+AC$50*$H4131)</f>
        <v>0</v>
      </c>
      <c r="J4131">
        <f t="shared" ref="J4131:J4194" si="469">IF($B4131&lt;6,AD$37*$D4131+AD$38*$E4131+AD$39*$F4131+AD$40*$G4131,AD$46*$D4131+AD$47*$E4131+AD$48*$F4131+AD$49*$G4131+AD$50*$H4131)</f>
        <v>9.4443755846989408</v>
      </c>
      <c r="K4131">
        <f t="shared" ref="K4131:K4194" si="470">IF($B4131&lt;6,AE$37*$D4131+AE$38*$E4131+AE$39*$F4131+AE$40*$G4131,AE$46*$D4131+AE$47*$E4131+AE$48*$F4131+AE$49*$G4131+AE$50*$H4131)</f>
        <v>0.83661067949233814</v>
      </c>
      <c r="L4131">
        <f t="shared" ref="L4131:L4194" si="471">IF($B4131&lt;6,AF$37*$D4131+AF$38*$E4131+AF$39*$F4131+AF$40*$G4131,AF$46*$D4131+AF$47*$E4131+AF$48*$F4131+AF$49*$G4131+AF$50*$H4131)</f>
        <v>0.41830533974616907</v>
      </c>
      <c r="M4131">
        <f t="shared" ref="M4131:M4194" si="472">IF($B4131&lt;6,AG$37*$D4131+AG$38*$E4131+AG$39*$F4131+AG$40*$G4131,AG$46*$D4131+AG$47*$E4131+AG$48*$F4131+AG$49*$G4131+AG$50*$H4131)</f>
        <v>0</v>
      </c>
      <c r="N4131" s="45">
        <f t="shared" si="466"/>
        <v>45097.708333323397</v>
      </c>
    </row>
    <row r="4132" spans="2:14" x14ac:dyDescent="0.25">
      <c r="B4132">
        <f t="shared" si="467"/>
        <v>2</v>
      </c>
      <c r="C4132" s="16">
        <v>4098</v>
      </c>
      <c r="D4132" cm="1">
        <f t="array" ref="D4132">IFERROR(INDEX(Jesper!AH$2:AH$366,ROUNDDOWN($C4132/24,0)+1,1)*INDEX($D$3:$AA$30,INDEX(Jesper!$R$2:$R$366,ROW(INDEX(Jesper!AH$2:AH$366,ROUNDDOWN($C4132/24,0)+1,1))-1)+IF('Standard Profiles'!$G$18=$B$10,7,0)+IF('Standard Profiles'!$G$18=$B$17,14,0)+IF('Standard Profiles'!$G$18=$B$24,21,0),MOD($C4132,24)+1)/SUM(INDEX($D$3:$AA$30,INDEX(Jesper!$R$2:$R$366,ROW(INDEX(Jesper!AH$2:AH$366,ROUNDDOWN($C4132/24,0)+1,1))-1)+IF('Standard Profiles'!$G$18=$B$10,7,0)+IF('Standard Profiles'!$G$18=$B$17,14,0)+IF('Standard Profiles'!$G$18=$B$24,21,0),0)),0)</f>
        <v>5.1765285793588411</v>
      </c>
      <c r="E4132" cm="1">
        <f t="array" ref="E4132">IFERROR(INDEX(Jesper!AI$2:AI$366,ROUNDDOWN($C4132/24,0)+1,1)*INDEX($D$3:$AA$30,INDEX(Jesper!$R$2:$R$366,ROW(INDEX(Jesper!AI$2:AI$366,ROUNDDOWN($C4132/24,0)+1,1))-1)+IF('Standard Profiles'!$G$19=$B$10,7,0)+IF('Standard Profiles'!$G$19=$B$17,14,0)+IF('Standard Profiles'!$G$19=$B$24,21,0),MOD($C4132,24)+1)/SUM(INDEX($D$3:$AA$30,INDEX(Jesper!$R$2:$R$366,ROW(INDEX(Jesper!AI$2:AI$366,ROUNDDOWN($C4132/24,0)+1,1))-1)+IF('Standard Profiles'!$G$19=$B$10,7,0)+IF('Standard Profiles'!$G$19=$B$17,14,0)+IF('Standard Profiles'!$G$19=$B$24,21,0),0)),0)</f>
        <v>1.8850038792398744</v>
      </c>
      <c r="F4132" cm="1">
        <f t="array" ref="F4132">IFERROR(INDEX(Jesper!AJ$2:AJ$366,ROUNDDOWN($C4132/24,0)+1,1)*INDEX($D$3:$AA$30,INDEX(Jesper!$R$2:$R$366,ROW(INDEX(Jesper!AJ$2:AJ$366,ROUNDDOWN($C4132/24,0)+1,1))-1)+IF('Standard Profiles'!$G$20=$B$10,7,0)+IF('Standard Profiles'!$G$20=$B$17,14,0)+IF('Standard Profiles'!$G$20=$B$24,21,0),MOD($C4132,24)+1)/SUM(INDEX($D$3:$AA$30,INDEX(Jesper!$R$2:$R$366,ROW(INDEX(Jesper!AJ$2:AJ$366,ROUNDDOWN($C4132/24,0)+1,1))-1)+IF('Standard Profiles'!$G$20=$B$10,7,0)+IF('Standard Profiles'!$G$20=$B$17,14,0)+IF('Standard Profiles'!$G$20=$B$24,21,0),0)),0)</f>
        <v>0</v>
      </c>
      <c r="G4132" cm="1">
        <f t="array" ref="G4132">IFERROR(INDEX(Jesper!AK$2:AK$366,ROUNDDOWN($C4132/24,0)+1,1)*INDEX($D$3:$AA$30,INDEX(Jesper!$R$2:$R$366,ROW(INDEX(Jesper!AK$2:AK$366,ROUNDDOWN($C4132/24,0)+1,1))-1)+IF('Standard Profiles'!$G$21=$B$10,7,0)+IF('Standard Profiles'!$G$21=$B$17,14,0)+IF('Standard Profiles'!$G$21=$B$24,21,0),MOD($C4132,24)+1)/SUM(INDEX($D$3:$AA$30,INDEX(Jesper!$R$2:$R$366,ROW(INDEX(Jesper!AK$2:AK$366,ROUNDDOWN($C4132/24,0)+1,1))-1)+IF('Standard Profiles'!$G$21=$B$10,7,0)+IF('Standard Profiles'!$G$21=$B$17,14,0)+IF('Standard Profiles'!$G$21=$B$24,21,0),0)),0)</f>
        <v>0</v>
      </c>
      <c r="H4132" cm="1">
        <f t="array" ref="H4132">IFERROR(INDEX(Jesper!AL$2:AL$366,ROUNDDOWN($C4132/24,0)+1,1)*INDEX($D$3:$AA$30,INDEX(Jesper!$R$2:$R$366,ROW(INDEX(Jesper!AL$2:AL$366,ROUNDDOWN($C4132/24,0)+1,1))-1)+IF('Standard Profiles'!$G$22=$B$10,7,0)+IF('Standard Profiles'!$G$22=$B$17,14,0)+IF('Standard Profiles'!$G$22=$B$24,21,0),MOD($C4132,24)+1)/SUM(INDEX($D$3:$AA$30,INDEX(Jesper!$R$2:$R$366,ROW(INDEX(Jesper!AL$2:AL$366,ROUNDDOWN($C4132/24,0)+1,1))-1)+IF('Standard Profiles'!$G$22=$B$10,7,0)+IF('Standard Profiles'!$G$22=$B$17,14,0)+IF('Standard Profiles'!$G$22=$B$24,21,0),0)),0)</f>
        <v>0</v>
      </c>
      <c r="I4132">
        <f t="shared" si="468"/>
        <v>0</v>
      </c>
      <c r="J4132">
        <f t="shared" si="469"/>
        <v>6.2332878859013015</v>
      </c>
      <c r="K4132">
        <f t="shared" si="470"/>
        <v>0.55216304846494313</v>
      </c>
      <c r="L4132">
        <f t="shared" si="471"/>
        <v>0.27608152423247156</v>
      </c>
      <c r="M4132">
        <f t="shared" si="472"/>
        <v>0</v>
      </c>
      <c r="N4132" s="45">
        <f t="shared" ref="N4132:N4195" si="473">N4131+1/24</f>
        <v>45097.749999990061</v>
      </c>
    </row>
    <row r="4133" spans="2:14" x14ac:dyDescent="0.25">
      <c r="B4133">
        <f t="shared" si="467"/>
        <v>2</v>
      </c>
      <c r="C4133" s="16">
        <v>4099</v>
      </c>
      <c r="D4133" cm="1">
        <f t="array" ref="D4133">IFERROR(INDEX(Jesper!AH$2:AH$366,ROUNDDOWN($C4133/24,0)+1,1)*INDEX($D$3:$AA$30,INDEX(Jesper!$R$2:$R$366,ROW(INDEX(Jesper!AH$2:AH$366,ROUNDDOWN($C4133/24,0)+1,1))-1)+IF('Standard Profiles'!$G$18=$B$10,7,0)+IF('Standard Profiles'!$G$18=$B$17,14,0)+IF('Standard Profiles'!$G$18=$B$24,21,0),MOD($C4133,24)+1)/SUM(INDEX($D$3:$AA$30,INDEX(Jesper!$R$2:$R$366,ROW(INDEX(Jesper!AH$2:AH$366,ROUNDDOWN($C4133/24,0)+1,1))-1)+IF('Standard Profiles'!$G$18=$B$10,7,0)+IF('Standard Profiles'!$G$18=$B$17,14,0)+IF('Standard Profiles'!$G$18=$B$24,21,0),0)),0)</f>
        <v>5.1765285793588411</v>
      </c>
      <c r="E4133" cm="1">
        <f t="array" ref="E4133">IFERROR(INDEX(Jesper!AI$2:AI$366,ROUNDDOWN($C4133/24,0)+1,1)*INDEX($D$3:$AA$30,INDEX(Jesper!$R$2:$R$366,ROW(INDEX(Jesper!AI$2:AI$366,ROUNDDOWN($C4133/24,0)+1,1))-1)+IF('Standard Profiles'!$G$19=$B$10,7,0)+IF('Standard Profiles'!$G$19=$B$17,14,0)+IF('Standard Profiles'!$G$19=$B$24,21,0),MOD($C4133,24)+1)/SUM(INDEX($D$3:$AA$30,INDEX(Jesper!$R$2:$R$366,ROW(INDEX(Jesper!AI$2:AI$366,ROUNDDOWN($C4133/24,0)+1,1))-1)+IF('Standard Profiles'!$G$19=$B$10,7,0)+IF('Standard Profiles'!$G$19=$B$17,14,0)+IF('Standard Profiles'!$G$19=$B$24,21,0),0)),0)</f>
        <v>1.8850038792398744</v>
      </c>
      <c r="F4133" cm="1">
        <f t="array" ref="F4133">IFERROR(INDEX(Jesper!AJ$2:AJ$366,ROUNDDOWN($C4133/24,0)+1,1)*INDEX($D$3:$AA$30,INDEX(Jesper!$R$2:$R$366,ROW(INDEX(Jesper!AJ$2:AJ$366,ROUNDDOWN($C4133/24,0)+1,1))-1)+IF('Standard Profiles'!$G$20=$B$10,7,0)+IF('Standard Profiles'!$G$20=$B$17,14,0)+IF('Standard Profiles'!$G$20=$B$24,21,0),MOD($C4133,24)+1)/SUM(INDEX($D$3:$AA$30,INDEX(Jesper!$R$2:$R$366,ROW(INDEX(Jesper!AJ$2:AJ$366,ROUNDDOWN($C4133/24,0)+1,1))-1)+IF('Standard Profiles'!$G$20=$B$10,7,0)+IF('Standard Profiles'!$G$20=$B$17,14,0)+IF('Standard Profiles'!$G$20=$B$24,21,0),0)),0)</f>
        <v>0</v>
      </c>
      <c r="G4133" cm="1">
        <f t="array" ref="G4133">IFERROR(INDEX(Jesper!AK$2:AK$366,ROUNDDOWN($C4133/24,0)+1,1)*INDEX($D$3:$AA$30,INDEX(Jesper!$R$2:$R$366,ROW(INDEX(Jesper!AK$2:AK$366,ROUNDDOWN($C4133/24,0)+1,1))-1)+IF('Standard Profiles'!$G$21=$B$10,7,0)+IF('Standard Profiles'!$G$21=$B$17,14,0)+IF('Standard Profiles'!$G$21=$B$24,21,0),MOD($C4133,24)+1)/SUM(INDEX($D$3:$AA$30,INDEX(Jesper!$R$2:$R$366,ROW(INDEX(Jesper!AK$2:AK$366,ROUNDDOWN($C4133/24,0)+1,1))-1)+IF('Standard Profiles'!$G$21=$B$10,7,0)+IF('Standard Profiles'!$G$21=$B$17,14,0)+IF('Standard Profiles'!$G$21=$B$24,21,0),0)),0)</f>
        <v>0</v>
      </c>
      <c r="H4133" cm="1">
        <f t="array" ref="H4133">IFERROR(INDEX(Jesper!AL$2:AL$366,ROUNDDOWN($C4133/24,0)+1,1)*INDEX($D$3:$AA$30,INDEX(Jesper!$R$2:$R$366,ROW(INDEX(Jesper!AL$2:AL$366,ROUNDDOWN($C4133/24,0)+1,1))-1)+IF('Standard Profiles'!$G$22=$B$10,7,0)+IF('Standard Profiles'!$G$22=$B$17,14,0)+IF('Standard Profiles'!$G$22=$B$24,21,0),MOD($C4133,24)+1)/SUM(INDEX($D$3:$AA$30,INDEX(Jesper!$R$2:$R$366,ROW(INDEX(Jesper!AL$2:AL$366,ROUNDDOWN($C4133/24,0)+1,1))-1)+IF('Standard Profiles'!$G$22=$B$10,7,0)+IF('Standard Profiles'!$G$22=$B$17,14,0)+IF('Standard Profiles'!$G$22=$B$24,21,0),0)),0)</f>
        <v>0</v>
      </c>
      <c r="I4133">
        <f t="shared" si="468"/>
        <v>0</v>
      </c>
      <c r="J4133">
        <f t="shared" si="469"/>
        <v>6.2332878859013015</v>
      </c>
      <c r="K4133">
        <f t="shared" si="470"/>
        <v>0.55216304846494313</v>
      </c>
      <c r="L4133">
        <f t="shared" si="471"/>
        <v>0.27608152423247156</v>
      </c>
      <c r="M4133">
        <f t="shared" si="472"/>
        <v>0</v>
      </c>
      <c r="N4133" s="45">
        <f t="shared" si="473"/>
        <v>45097.791666656725</v>
      </c>
    </row>
    <row r="4134" spans="2:14" x14ac:dyDescent="0.25">
      <c r="B4134">
        <f t="shared" si="467"/>
        <v>2</v>
      </c>
      <c r="C4134" s="16">
        <v>4100</v>
      </c>
      <c r="D4134" cm="1">
        <f t="array" ref="D4134">IFERROR(INDEX(Jesper!AH$2:AH$366,ROUNDDOWN($C4134/24,0)+1,1)*INDEX($D$3:$AA$30,INDEX(Jesper!$R$2:$R$366,ROW(INDEX(Jesper!AH$2:AH$366,ROUNDDOWN($C4134/24,0)+1,1))-1)+IF('Standard Profiles'!$G$18=$B$10,7,0)+IF('Standard Profiles'!$G$18=$B$17,14,0)+IF('Standard Profiles'!$G$18=$B$24,21,0),MOD($C4134,24)+1)/SUM(INDEX($D$3:$AA$30,INDEX(Jesper!$R$2:$R$366,ROW(INDEX(Jesper!AH$2:AH$366,ROUNDDOWN($C4134/24,0)+1,1))-1)+IF('Standard Profiles'!$G$18=$B$10,7,0)+IF('Standard Profiles'!$G$18=$B$17,14,0)+IF('Standard Profiles'!$G$18=$B$24,21,0),0)),0)</f>
        <v>5.1765285793588411</v>
      </c>
      <c r="E4134" cm="1">
        <f t="array" ref="E4134">IFERROR(INDEX(Jesper!AI$2:AI$366,ROUNDDOWN($C4134/24,0)+1,1)*INDEX($D$3:$AA$30,INDEX(Jesper!$R$2:$R$366,ROW(INDEX(Jesper!AI$2:AI$366,ROUNDDOWN($C4134/24,0)+1,1))-1)+IF('Standard Profiles'!$G$19=$B$10,7,0)+IF('Standard Profiles'!$G$19=$B$17,14,0)+IF('Standard Profiles'!$G$19=$B$24,21,0),MOD($C4134,24)+1)/SUM(INDEX($D$3:$AA$30,INDEX(Jesper!$R$2:$R$366,ROW(INDEX(Jesper!AI$2:AI$366,ROUNDDOWN($C4134/24,0)+1,1))-1)+IF('Standard Profiles'!$G$19=$B$10,7,0)+IF('Standard Profiles'!$G$19=$B$17,14,0)+IF('Standard Profiles'!$G$19=$B$24,21,0),0)),0)</f>
        <v>1.8850038792398744</v>
      </c>
      <c r="F4134" cm="1">
        <f t="array" ref="F4134">IFERROR(INDEX(Jesper!AJ$2:AJ$366,ROUNDDOWN($C4134/24,0)+1,1)*INDEX($D$3:$AA$30,INDEX(Jesper!$R$2:$R$366,ROW(INDEX(Jesper!AJ$2:AJ$366,ROUNDDOWN($C4134/24,0)+1,1))-1)+IF('Standard Profiles'!$G$20=$B$10,7,0)+IF('Standard Profiles'!$G$20=$B$17,14,0)+IF('Standard Profiles'!$G$20=$B$24,21,0),MOD($C4134,24)+1)/SUM(INDEX($D$3:$AA$30,INDEX(Jesper!$R$2:$R$366,ROW(INDEX(Jesper!AJ$2:AJ$366,ROUNDDOWN($C4134/24,0)+1,1))-1)+IF('Standard Profiles'!$G$20=$B$10,7,0)+IF('Standard Profiles'!$G$20=$B$17,14,0)+IF('Standard Profiles'!$G$20=$B$24,21,0),0)),0)</f>
        <v>0</v>
      </c>
      <c r="G4134" cm="1">
        <f t="array" ref="G4134">IFERROR(INDEX(Jesper!AK$2:AK$366,ROUNDDOWN($C4134/24,0)+1,1)*INDEX($D$3:$AA$30,INDEX(Jesper!$R$2:$R$366,ROW(INDEX(Jesper!AK$2:AK$366,ROUNDDOWN($C4134/24,0)+1,1))-1)+IF('Standard Profiles'!$G$21=$B$10,7,0)+IF('Standard Profiles'!$G$21=$B$17,14,0)+IF('Standard Profiles'!$G$21=$B$24,21,0),MOD($C4134,24)+1)/SUM(INDEX($D$3:$AA$30,INDEX(Jesper!$R$2:$R$366,ROW(INDEX(Jesper!AK$2:AK$366,ROUNDDOWN($C4134/24,0)+1,1))-1)+IF('Standard Profiles'!$G$21=$B$10,7,0)+IF('Standard Profiles'!$G$21=$B$17,14,0)+IF('Standard Profiles'!$G$21=$B$24,21,0),0)),0)</f>
        <v>0</v>
      </c>
      <c r="H4134" cm="1">
        <f t="array" ref="H4134">IFERROR(INDEX(Jesper!AL$2:AL$366,ROUNDDOWN($C4134/24,0)+1,1)*INDEX($D$3:$AA$30,INDEX(Jesper!$R$2:$R$366,ROW(INDEX(Jesper!AL$2:AL$366,ROUNDDOWN($C4134/24,0)+1,1))-1)+IF('Standard Profiles'!$G$22=$B$10,7,0)+IF('Standard Profiles'!$G$22=$B$17,14,0)+IF('Standard Profiles'!$G$22=$B$24,21,0),MOD($C4134,24)+1)/SUM(INDEX($D$3:$AA$30,INDEX(Jesper!$R$2:$R$366,ROW(INDEX(Jesper!AL$2:AL$366,ROUNDDOWN($C4134/24,0)+1,1))-1)+IF('Standard Profiles'!$G$22=$B$10,7,0)+IF('Standard Profiles'!$G$22=$B$17,14,0)+IF('Standard Profiles'!$G$22=$B$24,21,0),0)),0)</f>
        <v>0</v>
      </c>
      <c r="I4134">
        <f t="shared" si="468"/>
        <v>0</v>
      </c>
      <c r="J4134">
        <f t="shared" si="469"/>
        <v>6.2332878859013015</v>
      </c>
      <c r="K4134">
        <f t="shared" si="470"/>
        <v>0.55216304846494313</v>
      </c>
      <c r="L4134">
        <f t="shared" si="471"/>
        <v>0.27608152423247156</v>
      </c>
      <c r="M4134">
        <f t="shared" si="472"/>
        <v>0</v>
      </c>
      <c r="N4134" s="45">
        <f t="shared" si="473"/>
        <v>45097.83333332339</v>
      </c>
    </row>
    <row r="4135" spans="2:14" x14ac:dyDescent="0.25">
      <c r="B4135">
        <f t="shared" si="467"/>
        <v>2</v>
      </c>
      <c r="C4135" s="16">
        <v>4101</v>
      </c>
      <c r="D4135" cm="1">
        <f t="array" ref="D4135">IFERROR(INDEX(Jesper!AH$2:AH$366,ROUNDDOWN($C4135/24,0)+1,1)*INDEX($D$3:$AA$30,INDEX(Jesper!$R$2:$R$366,ROW(INDEX(Jesper!AH$2:AH$366,ROUNDDOWN($C4135/24,0)+1,1))-1)+IF('Standard Profiles'!$G$18=$B$10,7,0)+IF('Standard Profiles'!$G$18=$B$17,14,0)+IF('Standard Profiles'!$G$18=$B$24,21,0),MOD($C4135,24)+1)/SUM(INDEX($D$3:$AA$30,INDEX(Jesper!$R$2:$R$366,ROW(INDEX(Jesper!AH$2:AH$366,ROUNDDOWN($C4135/24,0)+1,1))-1)+IF('Standard Profiles'!$G$18=$B$10,7,0)+IF('Standard Profiles'!$G$18=$B$17,14,0)+IF('Standard Profiles'!$G$18=$B$24,21,0),0)),0)</f>
        <v>5.1765285793588411</v>
      </c>
      <c r="E4135" cm="1">
        <f t="array" ref="E4135">IFERROR(INDEX(Jesper!AI$2:AI$366,ROUNDDOWN($C4135/24,0)+1,1)*INDEX($D$3:$AA$30,INDEX(Jesper!$R$2:$R$366,ROW(INDEX(Jesper!AI$2:AI$366,ROUNDDOWN($C4135/24,0)+1,1))-1)+IF('Standard Profiles'!$G$19=$B$10,7,0)+IF('Standard Profiles'!$G$19=$B$17,14,0)+IF('Standard Profiles'!$G$19=$B$24,21,0),MOD($C4135,24)+1)/SUM(INDEX($D$3:$AA$30,INDEX(Jesper!$R$2:$R$366,ROW(INDEX(Jesper!AI$2:AI$366,ROUNDDOWN($C4135/24,0)+1,1))-1)+IF('Standard Profiles'!$G$19=$B$10,7,0)+IF('Standard Profiles'!$G$19=$B$17,14,0)+IF('Standard Profiles'!$G$19=$B$24,21,0),0)),0)</f>
        <v>1.8850038792398744</v>
      </c>
      <c r="F4135" cm="1">
        <f t="array" ref="F4135">IFERROR(INDEX(Jesper!AJ$2:AJ$366,ROUNDDOWN($C4135/24,0)+1,1)*INDEX($D$3:$AA$30,INDEX(Jesper!$R$2:$R$366,ROW(INDEX(Jesper!AJ$2:AJ$366,ROUNDDOWN($C4135/24,0)+1,1))-1)+IF('Standard Profiles'!$G$20=$B$10,7,0)+IF('Standard Profiles'!$G$20=$B$17,14,0)+IF('Standard Profiles'!$G$20=$B$24,21,0),MOD($C4135,24)+1)/SUM(INDEX($D$3:$AA$30,INDEX(Jesper!$R$2:$R$366,ROW(INDEX(Jesper!AJ$2:AJ$366,ROUNDDOWN($C4135/24,0)+1,1))-1)+IF('Standard Profiles'!$G$20=$B$10,7,0)+IF('Standard Profiles'!$G$20=$B$17,14,0)+IF('Standard Profiles'!$G$20=$B$24,21,0),0)),0)</f>
        <v>0</v>
      </c>
      <c r="G4135" cm="1">
        <f t="array" ref="G4135">IFERROR(INDEX(Jesper!AK$2:AK$366,ROUNDDOWN($C4135/24,0)+1,1)*INDEX($D$3:$AA$30,INDEX(Jesper!$R$2:$R$366,ROW(INDEX(Jesper!AK$2:AK$366,ROUNDDOWN($C4135/24,0)+1,1))-1)+IF('Standard Profiles'!$G$21=$B$10,7,0)+IF('Standard Profiles'!$G$21=$B$17,14,0)+IF('Standard Profiles'!$G$21=$B$24,21,0),MOD($C4135,24)+1)/SUM(INDEX($D$3:$AA$30,INDEX(Jesper!$R$2:$R$366,ROW(INDEX(Jesper!AK$2:AK$366,ROUNDDOWN($C4135/24,0)+1,1))-1)+IF('Standard Profiles'!$G$21=$B$10,7,0)+IF('Standard Profiles'!$G$21=$B$17,14,0)+IF('Standard Profiles'!$G$21=$B$24,21,0),0)),0)</f>
        <v>0</v>
      </c>
      <c r="H4135" cm="1">
        <f t="array" ref="H4135">IFERROR(INDEX(Jesper!AL$2:AL$366,ROUNDDOWN($C4135/24,0)+1,1)*INDEX($D$3:$AA$30,INDEX(Jesper!$R$2:$R$366,ROW(INDEX(Jesper!AL$2:AL$366,ROUNDDOWN($C4135/24,0)+1,1))-1)+IF('Standard Profiles'!$G$22=$B$10,7,0)+IF('Standard Profiles'!$G$22=$B$17,14,0)+IF('Standard Profiles'!$G$22=$B$24,21,0),MOD($C4135,24)+1)/SUM(INDEX($D$3:$AA$30,INDEX(Jesper!$R$2:$R$366,ROW(INDEX(Jesper!AL$2:AL$366,ROUNDDOWN($C4135/24,0)+1,1))-1)+IF('Standard Profiles'!$G$22=$B$10,7,0)+IF('Standard Profiles'!$G$22=$B$17,14,0)+IF('Standard Profiles'!$G$22=$B$24,21,0),0)),0)</f>
        <v>0</v>
      </c>
      <c r="I4135">
        <f t="shared" si="468"/>
        <v>0</v>
      </c>
      <c r="J4135">
        <f t="shared" si="469"/>
        <v>6.2332878859013015</v>
      </c>
      <c r="K4135">
        <f t="shared" si="470"/>
        <v>0.55216304846494313</v>
      </c>
      <c r="L4135">
        <f t="shared" si="471"/>
        <v>0.27608152423247156</v>
      </c>
      <c r="M4135">
        <f t="shared" si="472"/>
        <v>0</v>
      </c>
      <c r="N4135" s="45">
        <f t="shared" si="473"/>
        <v>45097.874999990054</v>
      </c>
    </row>
    <row r="4136" spans="2:14" x14ac:dyDescent="0.25">
      <c r="B4136">
        <f t="shared" si="467"/>
        <v>2</v>
      </c>
      <c r="C4136" s="16">
        <v>4102</v>
      </c>
      <c r="D4136" cm="1">
        <f t="array" ref="D4136">IFERROR(INDEX(Jesper!AH$2:AH$366,ROUNDDOWN($C4136/24,0)+1,1)*INDEX($D$3:$AA$30,INDEX(Jesper!$R$2:$R$366,ROW(INDEX(Jesper!AH$2:AH$366,ROUNDDOWN($C4136/24,0)+1,1))-1)+IF('Standard Profiles'!$G$18=$B$10,7,0)+IF('Standard Profiles'!$G$18=$B$17,14,0)+IF('Standard Profiles'!$G$18=$B$24,21,0),MOD($C4136,24)+1)/SUM(INDEX($D$3:$AA$30,INDEX(Jesper!$R$2:$R$366,ROW(INDEX(Jesper!AH$2:AH$366,ROUNDDOWN($C4136/24,0)+1,1))-1)+IF('Standard Profiles'!$G$18=$B$10,7,0)+IF('Standard Profiles'!$G$18=$B$17,14,0)+IF('Standard Profiles'!$G$18=$B$24,21,0),0)),0)</f>
        <v>5.1765285793588411</v>
      </c>
      <c r="E4136" cm="1">
        <f t="array" ref="E4136">IFERROR(INDEX(Jesper!AI$2:AI$366,ROUNDDOWN($C4136/24,0)+1,1)*INDEX($D$3:$AA$30,INDEX(Jesper!$R$2:$R$366,ROW(INDEX(Jesper!AI$2:AI$366,ROUNDDOWN($C4136/24,0)+1,1))-1)+IF('Standard Profiles'!$G$19=$B$10,7,0)+IF('Standard Profiles'!$G$19=$B$17,14,0)+IF('Standard Profiles'!$G$19=$B$24,21,0),MOD($C4136,24)+1)/SUM(INDEX($D$3:$AA$30,INDEX(Jesper!$R$2:$R$366,ROW(INDEX(Jesper!AI$2:AI$366,ROUNDDOWN($C4136/24,0)+1,1))-1)+IF('Standard Profiles'!$G$19=$B$10,7,0)+IF('Standard Profiles'!$G$19=$B$17,14,0)+IF('Standard Profiles'!$G$19=$B$24,21,0),0)),0)</f>
        <v>1.8850038792398744</v>
      </c>
      <c r="F4136" cm="1">
        <f t="array" ref="F4136">IFERROR(INDEX(Jesper!AJ$2:AJ$366,ROUNDDOWN($C4136/24,0)+1,1)*INDEX($D$3:$AA$30,INDEX(Jesper!$R$2:$R$366,ROW(INDEX(Jesper!AJ$2:AJ$366,ROUNDDOWN($C4136/24,0)+1,1))-1)+IF('Standard Profiles'!$G$20=$B$10,7,0)+IF('Standard Profiles'!$G$20=$B$17,14,0)+IF('Standard Profiles'!$G$20=$B$24,21,0),MOD($C4136,24)+1)/SUM(INDEX($D$3:$AA$30,INDEX(Jesper!$R$2:$R$366,ROW(INDEX(Jesper!AJ$2:AJ$366,ROUNDDOWN($C4136/24,0)+1,1))-1)+IF('Standard Profiles'!$G$20=$B$10,7,0)+IF('Standard Profiles'!$G$20=$B$17,14,0)+IF('Standard Profiles'!$G$20=$B$24,21,0),0)),0)</f>
        <v>0</v>
      </c>
      <c r="G4136" cm="1">
        <f t="array" ref="G4136">IFERROR(INDEX(Jesper!AK$2:AK$366,ROUNDDOWN($C4136/24,0)+1,1)*INDEX($D$3:$AA$30,INDEX(Jesper!$R$2:$R$366,ROW(INDEX(Jesper!AK$2:AK$366,ROUNDDOWN($C4136/24,0)+1,1))-1)+IF('Standard Profiles'!$G$21=$B$10,7,0)+IF('Standard Profiles'!$G$21=$B$17,14,0)+IF('Standard Profiles'!$G$21=$B$24,21,0),MOD($C4136,24)+1)/SUM(INDEX($D$3:$AA$30,INDEX(Jesper!$R$2:$R$366,ROW(INDEX(Jesper!AK$2:AK$366,ROUNDDOWN($C4136/24,0)+1,1))-1)+IF('Standard Profiles'!$G$21=$B$10,7,0)+IF('Standard Profiles'!$G$21=$B$17,14,0)+IF('Standard Profiles'!$G$21=$B$24,21,0),0)),0)</f>
        <v>0</v>
      </c>
      <c r="H4136" cm="1">
        <f t="array" ref="H4136">IFERROR(INDEX(Jesper!AL$2:AL$366,ROUNDDOWN($C4136/24,0)+1,1)*INDEX($D$3:$AA$30,INDEX(Jesper!$R$2:$R$366,ROW(INDEX(Jesper!AL$2:AL$366,ROUNDDOWN($C4136/24,0)+1,1))-1)+IF('Standard Profiles'!$G$22=$B$10,7,0)+IF('Standard Profiles'!$G$22=$B$17,14,0)+IF('Standard Profiles'!$G$22=$B$24,21,0),MOD($C4136,24)+1)/SUM(INDEX($D$3:$AA$30,INDEX(Jesper!$R$2:$R$366,ROW(INDEX(Jesper!AL$2:AL$366,ROUNDDOWN($C4136/24,0)+1,1))-1)+IF('Standard Profiles'!$G$22=$B$10,7,0)+IF('Standard Profiles'!$G$22=$B$17,14,0)+IF('Standard Profiles'!$G$22=$B$24,21,0),0)),0)</f>
        <v>0</v>
      </c>
      <c r="I4136">
        <f t="shared" si="468"/>
        <v>0</v>
      </c>
      <c r="J4136">
        <f t="shared" si="469"/>
        <v>6.2332878859013015</v>
      </c>
      <c r="K4136">
        <f t="shared" si="470"/>
        <v>0.55216304846494313</v>
      </c>
      <c r="L4136">
        <f t="shared" si="471"/>
        <v>0.27608152423247156</v>
      </c>
      <c r="M4136">
        <f t="shared" si="472"/>
        <v>0</v>
      </c>
      <c r="N4136" s="45">
        <f t="shared" si="473"/>
        <v>45097.916666656718</v>
      </c>
    </row>
    <row r="4137" spans="2:14" x14ac:dyDescent="0.25">
      <c r="B4137">
        <f t="shared" si="467"/>
        <v>2</v>
      </c>
      <c r="C4137" s="16">
        <v>4103</v>
      </c>
      <c r="D4137" cm="1">
        <f t="array" ref="D4137">IFERROR(INDEX(Jesper!AH$2:AH$366,ROUNDDOWN($C4137/24,0)+1,1)*INDEX($D$3:$AA$30,INDEX(Jesper!$R$2:$R$366,ROW(INDEX(Jesper!AH$2:AH$366,ROUNDDOWN($C4137/24,0)+1,1))-1)+IF('Standard Profiles'!$G$18=$B$10,7,0)+IF('Standard Profiles'!$G$18=$B$17,14,0)+IF('Standard Profiles'!$G$18=$B$24,21,0),MOD($C4137,24)+1)/SUM(INDEX($D$3:$AA$30,INDEX(Jesper!$R$2:$R$366,ROW(INDEX(Jesper!AH$2:AH$366,ROUNDDOWN($C4137/24,0)+1,1))-1)+IF('Standard Profiles'!$G$18=$B$10,7,0)+IF('Standard Profiles'!$G$18=$B$17,14,0)+IF('Standard Profiles'!$G$18=$B$24,21,0),0)),0)</f>
        <v>5.1765285793588411</v>
      </c>
      <c r="E4137" cm="1">
        <f t="array" ref="E4137">IFERROR(INDEX(Jesper!AI$2:AI$366,ROUNDDOWN($C4137/24,0)+1,1)*INDEX($D$3:$AA$30,INDEX(Jesper!$R$2:$R$366,ROW(INDEX(Jesper!AI$2:AI$366,ROUNDDOWN($C4137/24,0)+1,1))-1)+IF('Standard Profiles'!$G$19=$B$10,7,0)+IF('Standard Profiles'!$G$19=$B$17,14,0)+IF('Standard Profiles'!$G$19=$B$24,21,0),MOD($C4137,24)+1)/SUM(INDEX($D$3:$AA$30,INDEX(Jesper!$R$2:$R$366,ROW(INDEX(Jesper!AI$2:AI$366,ROUNDDOWN($C4137/24,0)+1,1))-1)+IF('Standard Profiles'!$G$19=$B$10,7,0)+IF('Standard Profiles'!$G$19=$B$17,14,0)+IF('Standard Profiles'!$G$19=$B$24,21,0),0)),0)</f>
        <v>1.8850038792398744</v>
      </c>
      <c r="F4137" cm="1">
        <f t="array" ref="F4137">IFERROR(INDEX(Jesper!AJ$2:AJ$366,ROUNDDOWN($C4137/24,0)+1,1)*INDEX($D$3:$AA$30,INDEX(Jesper!$R$2:$R$366,ROW(INDEX(Jesper!AJ$2:AJ$366,ROUNDDOWN($C4137/24,0)+1,1))-1)+IF('Standard Profiles'!$G$20=$B$10,7,0)+IF('Standard Profiles'!$G$20=$B$17,14,0)+IF('Standard Profiles'!$G$20=$B$24,21,0),MOD($C4137,24)+1)/SUM(INDEX($D$3:$AA$30,INDEX(Jesper!$R$2:$R$366,ROW(INDEX(Jesper!AJ$2:AJ$366,ROUNDDOWN($C4137/24,0)+1,1))-1)+IF('Standard Profiles'!$G$20=$B$10,7,0)+IF('Standard Profiles'!$G$20=$B$17,14,0)+IF('Standard Profiles'!$G$20=$B$24,21,0),0)),0)</f>
        <v>0</v>
      </c>
      <c r="G4137" cm="1">
        <f t="array" ref="G4137">IFERROR(INDEX(Jesper!AK$2:AK$366,ROUNDDOWN($C4137/24,0)+1,1)*INDEX($D$3:$AA$30,INDEX(Jesper!$R$2:$R$366,ROW(INDEX(Jesper!AK$2:AK$366,ROUNDDOWN($C4137/24,0)+1,1))-1)+IF('Standard Profiles'!$G$21=$B$10,7,0)+IF('Standard Profiles'!$G$21=$B$17,14,0)+IF('Standard Profiles'!$G$21=$B$24,21,0),MOD($C4137,24)+1)/SUM(INDEX($D$3:$AA$30,INDEX(Jesper!$R$2:$R$366,ROW(INDEX(Jesper!AK$2:AK$366,ROUNDDOWN($C4137/24,0)+1,1))-1)+IF('Standard Profiles'!$G$21=$B$10,7,0)+IF('Standard Profiles'!$G$21=$B$17,14,0)+IF('Standard Profiles'!$G$21=$B$24,21,0),0)),0)</f>
        <v>0</v>
      </c>
      <c r="H4137" cm="1">
        <f t="array" ref="H4137">IFERROR(INDEX(Jesper!AL$2:AL$366,ROUNDDOWN($C4137/24,0)+1,1)*INDEX($D$3:$AA$30,INDEX(Jesper!$R$2:$R$366,ROW(INDEX(Jesper!AL$2:AL$366,ROUNDDOWN($C4137/24,0)+1,1))-1)+IF('Standard Profiles'!$G$22=$B$10,7,0)+IF('Standard Profiles'!$G$22=$B$17,14,0)+IF('Standard Profiles'!$G$22=$B$24,21,0),MOD($C4137,24)+1)/SUM(INDEX($D$3:$AA$30,INDEX(Jesper!$R$2:$R$366,ROW(INDEX(Jesper!AL$2:AL$366,ROUNDDOWN($C4137/24,0)+1,1))-1)+IF('Standard Profiles'!$G$22=$B$10,7,0)+IF('Standard Profiles'!$G$22=$B$17,14,0)+IF('Standard Profiles'!$G$22=$B$24,21,0),0)),0)</f>
        <v>0</v>
      </c>
      <c r="I4137">
        <f t="shared" si="468"/>
        <v>0</v>
      </c>
      <c r="J4137">
        <f t="shared" si="469"/>
        <v>6.2332878859013015</v>
      </c>
      <c r="K4137">
        <f t="shared" si="470"/>
        <v>0.55216304846494313</v>
      </c>
      <c r="L4137">
        <f t="shared" si="471"/>
        <v>0.27608152423247156</v>
      </c>
      <c r="M4137">
        <f t="shared" si="472"/>
        <v>0</v>
      </c>
      <c r="N4137" s="45">
        <f t="shared" si="473"/>
        <v>45097.958333323382</v>
      </c>
    </row>
    <row r="4138" spans="2:14" x14ac:dyDescent="0.25">
      <c r="B4138">
        <f t="shared" si="467"/>
        <v>3</v>
      </c>
      <c r="C4138" s="16">
        <v>4104</v>
      </c>
      <c r="D4138" cm="1">
        <f t="array" ref="D4138">IFERROR(INDEX(Jesper!AH$2:AH$366,ROUNDDOWN($C4138/24,0)+1,1)*INDEX($D$3:$AA$30,INDEX(Jesper!$R$2:$R$366,ROW(INDEX(Jesper!AH$2:AH$366,ROUNDDOWN($C4138/24,0)+1,1))-1)+IF('Standard Profiles'!$G$18=$B$10,7,0)+IF('Standard Profiles'!$G$18=$B$17,14,0)+IF('Standard Profiles'!$G$18=$B$24,21,0),MOD($C4138,24)+1)/SUM(INDEX($D$3:$AA$30,INDEX(Jesper!$R$2:$R$366,ROW(INDEX(Jesper!AH$2:AH$366,ROUNDDOWN($C4138/24,0)+1,1))-1)+IF('Standard Profiles'!$G$18=$B$10,7,0)+IF('Standard Profiles'!$G$18=$B$17,14,0)+IF('Standard Profiles'!$G$18=$B$24,21,0),0)),0)</f>
        <v>5.074219146254471</v>
      </c>
      <c r="E4138" cm="1">
        <f t="array" ref="E4138">IFERROR(INDEX(Jesper!AI$2:AI$366,ROUNDDOWN($C4138/24,0)+1,1)*INDEX($D$3:$AA$30,INDEX(Jesper!$R$2:$R$366,ROW(INDEX(Jesper!AI$2:AI$366,ROUNDDOWN($C4138/24,0)+1,1))-1)+IF('Standard Profiles'!$G$19=$B$10,7,0)+IF('Standard Profiles'!$G$19=$B$17,14,0)+IF('Standard Profiles'!$G$19=$B$24,21,0),MOD($C4138,24)+1)/SUM(INDEX($D$3:$AA$30,INDEX(Jesper!$R$2:$R$366,ROW(INDEX(Jesper!AI$2:AI$366,ROUNDDOWN($C4138/24,0)+1,1))-1)+IF('Standard Profiles'!$G$19=$B$10,7,0)+IF('Standard Profiles'!$G$19=$B$17,14,0)+IF('Standard Profiles'!$G$19=$B$24,21,0),0)),0)</f>
        <v>1.7592577211235696</v>
      </c>
      <c r="F4138" cm="1">
        <f t="array" ref="F4138">IFERROR(INDEX(Jesper!AJ$2:AJ$366,ROUNDDOWN($C4138/24,0)+1,1)*INDEX($D$3:$AA$30,INDEX(Jesper!$R$2:$R$366,ROW(INDEX(Jesper!AJ$2:AJ$366,ROUNDDOWN($C4138/24,0)+1,1))-1)+IF('Standard Profiles'!$G$20=$B$10,7,0)+IF('Standard Profiles'!$G$20=$B$17,14,0)+IF('Standard Profiles'!$G$20=$B$24,21,0),MOD($C4138,24)+1)/SUM(INDEX($D$3:$AA$30,INDEX(Jesper!$R$2:$R$366,ROW(INDEX(Jesper!AJ$2:AJ$366,ROUNDDOWN($C4138/24,0)+1,1))-1)+IF('Standard Profiles'!$G$20=$B$10,7,0)+IF('Standard Profiles'!$G$20=$B$17,14,0)+IF('Standard Profiles'!$G$20=$B$24,21,0),0)),0)</f>
        <v>0</v>
      </c>
      <c r="G4138" cm="1">
        <f t="array" ref="G4138">IFERROR(INDEX(Jesper!AK$2:AK$366,ROUNDDOWN($C4138/24,0)+1,1)*INDEX($D$3:$AA$30,INDEX(Jesper!$R$2:$R$366,ROW(INDEX(Jesper!AK$2:AK$366,ROUNDDOWN($C4138/24,0)+1,1))-1)+IF('Standard Profiles'!$G$21=$B$10,7,0)+IF('Standard Profiles'!$G$21=$B$17,14,0)+IF('Standard Profiles'!$G$21=$B$24,21,0),MOD($C4138,24)+1)/SUM(INDEX($D$3:$AA$30,INDEX(Jesper!$R$2:$R$366,ROW(INDEX(Jesper!AK$2:AK$366,ROUNDDOWN($C4138/24,0)+1,1))-1)+IF('Standard Profiles'!$G$21=$B$10,7,0)+IF('Standard Profiles'!$G$21=$B$17,14,0)+IF('Standard Profiles'!$G$21=$B$24,21,0),0)),0)</f>
        <v>0</v>
      </c>
      <c r="H4138" cm="1">
        <f t="array" ref="H4138">IFERROR(INDEX(Jesper!AL$2:AL$366,ROUNDDOWN($C4138/24,0)+1,1)*INDEX($D$3:$AA$30,INDEX(Jesper!$R$2:$R$366,ROW(INDEX(Jesper!AL$2:AL$366,ROUNDDOWN($C4138/24,0)+1,1))-1)+IF('Standard Profiles'!$G$22=$B$10,7,0)+IF('Standard Profiles'!$G$22=$B$17,14,0)+IF('Standard Profiles'!$G$22=$B$24,21,0),MOD($C4138,24)+1)/SUM(INDEX($D$3:$AA$30,INDEX(Jesper!$R$2:$R$366,ROW(INDEX(Jesper!AL$2:AL$366,ROUNDDOWN($C4138/24,0)+1,1))-1)+IF('Standard Profiles'!$G$22=$B$10,7,0)+IF('Standard Profiles'!$G$22=$B$17,14,0)+IF('Standard Profiles'!$G$22=$B$24,21,0),0)),0)</f>
        <v>0</v>
      </c>
      <c r="I4138">
        <f t="shared" si="468"/>
        <v>0</v>
      </c>
      <c r="J4138">
        <f t="shared" si="469"/>
        <v>6.0216018039773251</v>
      </c>
      <c r="K4138">
        <f t="shared" si="470"/>
        <v>0.54125004226714357</v>
      </c>
      <c r="L4138">
        <f t="shared" si="471"/>
        <v>0.27062502113357179</v>
      </c>
      <c r="M4138">
        <f t="shared" si="472"/>
        <v>0</v>
      </c>
      <c r="N4138" s="45">
        <f t="shared" si="473"/>
        <v>45097.999999990046</v>
      </c>
    </row>
    <row r="4139" spans="2:14" x14ac:dyDescent="0.25">
      <c r="B4139">
        <f t="shared" si="467"/>
        <v>3</v>
      </c>
      <c r="C4139" s="16">
        <v>4105</v>
      </c>
      <c r="D4139" cm="1">
        <f t="array" ref="D4139">IFERROR(INDEX(Jesper!AH$2:AH$366,ROUNDDOWN($C4139/24,0)+1,1)*INDEX($D$3:$AA$30,INDEX(Jesper!$R$2:$R$366,ROW(INDEX(Jesper!AH$2:AH$366,ROUNDDOWN($C4139/24,0)+1,1))-1)+IF('Standard Profiles'!$G$18=$B$10,7,0)+IF('Standard Profiles'!$G$18=$B$17,14,0)+IF('Standard Profiles'!$G$18=$B$24,21,0),MOD($C4139,24)+1)/SUM(INDEX($D$3:$AA$30,INDEX(Jesper!$R$2:$R$366,ROW(INDEX(Jesper!AH$2:AH$366,ROUNDDOWN($C4139/24,0)+1,1))-1)+IF('Standard Profiles'!$G$18=$B$10,7,0)+IF('Standard Profiles'!$G$18=$B$17,14,0)+IF('Standard Profiles'!$G$18=$B$24,21,0),0)),0)</f>
        <v>5.074219146254471</v>
      </c>
      <c r="E4139" cm="1">
        <f t="array" ref="E4139">IFERROR(INDEX(Jesper!AI$2:AI$366,ROUNDDOWN($C4139/24,0)+1,1)*INDEX($D$3:$AA$30,INDEX(Jesper!$R$2:$R$366,ROW(INDEX(Jesper!AI$2:AI$366,ROUNDDOWN($C4139/24,0)+1,1))-1)+IF('Standard Profiles'!$G$19=$B$10,7,0)+IF('Standard Profiles'!$G$19=$B$17,14,0)+IF('Standard Profiles'!$G$19=$B$24,21,0),MOD($C4139,24)+1)/SUM(INDEX($D$3:$AA$30,INDEX(Jesper!$R$2:$R$366,ROW(INDEX(Jesper!AI$2:AI$366,ROUNDDOWN($C4139/24,0)+1,1))-1)+IF('Standard Profiles'!$G$19=$B$10,7,0)+IF('Standard Profiles'!$G$19=$B$17,14,0)+IF('Standard Profiles'!$G$19=$B$24,21,0),0)),0)</f>
        <v>1.7592577211235696</v>
      </c>
      <c r="F4139" cm="1">
        <f t="array" ref="F4139">IFERROR(INDEX(Jesper!AJ$2:AJ$366,ROUNDDOWN($C4139/24,0)+1,1)*INDEX($D$3:$AA$30,INDEX(Jesper!$R$2:$R$366,ROW(INDEX(Jesper!AJ$2:AJ$366,ROUNDDOWN($C4139/24,0)+1,1))-1)+IF('Standard Profiles'!$G$20=$B$10,7,0)+IF('Standard Profiles'!$G$20=$B$17,14,0)+IF('Standard Profiles'!$G$20=$B$24,21,0),MOD($C4139,24)+1)/SUM(INDEX($D$3:$AA$30,INDEX(Jesper!$R$2:$R$366,ROW(INDEX(Jesper!AJ$2:AJ$366,ROUNDDOWN($C4139/24,0)+1,1))-1)+IF('Standard Profiles'!$G$20=$B$10,7,0)+IF('Standard Profiles'!$G$20=$B$17,14,0)+IF('Standard Profiles'!$G$20=$B$24,21,0),0)),0)</f>
        <v>0</v>
      </c>
      <c r="G4139" cm="1">
        <f t="array" ref="G4139">IFERROR(INDEX(Jesper!AK$2:AK$366,ROUNDDOWN($C4139/24,0)+1,1)*INDEX($D$3:$AA$30,INDEX(Jesper!$R$2:$R$366,ROW(INDEX(Jesper!AK$2:AK$366,ROUNDDOWN($C4139/24,0)+1,1))-1)+IF('Standard Profiles'!$G$21=$B$10,7,0)+IF('Standard Profiles'!$G$21=$B$17,14,0)+IF('Standard Profiles'!$G$21=$B$24,21,0),MOD($C4139,24)+1)/SUM(INDEX($D$3:$AA$30,INDEX(Jesper!$R$2:$R$366,ROW(INDEX(Jesper!AK$2:AK$366,ROUNDDOWN($C4139/24,0)+1,1))-1)+IF('Standard Profiles'!$G$21=$B$10,7,0)+IF('Standard Profiles'!$G$21=$B$17,14,0)+IF('Standard Profiles'!$G$21=$B$24,21,0),0)),0)</f>
        <v>0</v>
      </c>
      <c r="H4139" cm="1">
        <f t="array" ref="H4139">IFERROR(INDEX(Jesper!AL$2:AL$366,ROUNDDOWN($C4139/24,0)+1,1)*INDEX($D$3:$AA$30,INDEX(Jesper!$R$2:$R$366,ROW(INDEX(Jesper!AL$2:AL$366,ROUNDDOWN($C4139/24,0)+1,1))-1)+IF('Standard Profiles'!$G$22=$B$10,7,0)+IF('Standard Profiles'!$G$22=$B$17,14,0)+IF('Standard Profiles'!$G$22=$B$24,21,0),MOD($C4139,24)+1)/SUM(INDEX($D$3:$AA$30,INDEX(Jesper!$R$2:$R$366,ROW(INDEX(Jesper!AL$2:AL$366,ROUNDDOWN($C4139/24,0)+1,1))-1)+IF('Standard Profiles'!$G$22=$B$10,7,0)+IF('Standard Profiles'!$G$22=$B$17,14,0)+IF('Standard Profiles'!$G$22=$B$24,21,0),0)),0)</f>
        <v>0</v>
      </c>
      <c r="I4139">
        <f t="shared" si="468"/>
        <v>0</v>
      </c>
      <c r="J4139">
        <f t="shared" si="469"/>
        <v>6.0216018039773251</v>
      </c>
      <c r="K4139">
        <f t="shared" si="470"/>
        <v>0.54125004226714357</v>
      </c>
      <c r="L4139">
        <f t="shared" si="471"/>
        <v>0.27062502113357179</v>
      </c>
      <c r="M4139">
        <f t="shared" si="472"/>
        <v>0</v>
      </c>
      <c r="N4139" s="45">
        <f t="shared" si="473"/>
        <v>45098.041666656711</v>
      </c>
    </row>
    <row r="4140" spans="2:14" x14ac:dyDescent="0.25">
      <c r="B4140">
        <f t="shared" si="467"/>
        <v>3</v>
      </c>
      <c r="C4140" s="16">
        <v>4106</v>
      </c>
      <c r="D4140" cm="1">
        <f t="array" ref="D4140">IFERROR(INDEX(Jesper!AH$2:AH$366,ROUNDDOWN($C4140/24,0)+1,1)*INDEX($D$3:$AA$30,INDEX(Jesper!$R$2:$R$366,ROW(INDEX(Jesper!AH$2:AH$366,ROUNDDOWN($C4140/24,0)+1,1))-1)+IF('Standard Profiles'!$G$18=$B$10,7,0)+IF('Standard Profiles'!$G$18=$B$17,14,0)+IF('Standard Profiles'!$G$18=$B$24,21,0),MOD($C4140,24)+1)/SUM(INDEX($D$3:$AA$30,INDEX(Jesper!$R$2:$R$366,ROW(INDEX(Jesper!AH$2:AH$366,ROUNDDOWN($C4140/24,0)+1,1))-1)+IF('Standard Profiles'!$G$18=$B$10,7,0)+IF('Standard Profiles'!$G$18=$B$17,14,0)+IF('Standard Profiles'!$G$18=$B$24,21,0),0)),0)</f>
        <v>5.074219146254471</v>
      </c>
      <c r="E4140" cm="1">
        <f t="array" ref="E4140">IFERROR(INDEX(Jesper!AI$2:AI$366,ROUNDDOWN($C4140/24,0)+1,1)*INDEX($D$3:$AA$30,INDEX(Jesper!$R$2:$R$366,ROW(INDEX(Jesper!AI$2:AI$366,ROUNDDOWN($C4140/24,0)+1,1))-1)+IF('Standard Profiles'!$G$19=$B$10,7,0)+IF('Standard Profiles'!$G$19=$B$17,14,0)+IF('Standard Profiles'!$G$19=$B$24,21,0),MOD($C4140,24)+1)/SUM(INDEX($D$3:$AA$30,INDEX(Jesper!$R$2:$R$366,ROW(INDEX(Jesper!AI$2:AI$366,ROUNDDOWN($C4140/24,0)+1,1))-1)+IF('Standard Profiles'!$G$19=$B$10,7,0)+IF('Standard Profiles'!$G$19=$B$17,14,0)+IF('Standard Profiles'!$G$19=$B$24,21,0),0)),0)</f>
        <v>1.7592577211235696</v>
      </c>
      <c r="F4140" cm="1">
        <f t="array" ref="F4140">IFERROR(INDEX(Jesper!AJ$2:AJ$366,ROUNDDOWN($C4140/24,0)+1,1)*INDEX($D$3:$AA$30,INDEX(Jesper!$R$2:$R$366,ROW(INDEX(Jesper!AJ$2:AJ$366,ROUNDDOWN($C4140/24,0)+1,1))-1)+IF('Standard Profiles'!$G$20=$B$10,7,0)+IF('Standard Profiles'!$G$20=$B$17,14,0)+IF('Standard Profiles'!$G$20=$B$24,21,0),MOD($C4140,24)+1)/SUM(INDEX($D$3:$AA$30,INDEX(Jesper!$R$2:$R$366,ROW(INDEX(Jesper!AJ$2:AJ$366,ROUNDDOWN($C4140/24,0)+1,1))-1)+IF('Standard Profiles'!$G$20=$B$10,7,0)+IF('Standard Profiles'!$G$20=$B$17,14,0)+IF('Standard Profiles'!$G$20=$B$24,21,0),0)),0)</f>
        <v>0</v>
      </c>
      <c r="G4140" cm="1">
        <f t="array" ref="G4140">IFERROR(INDEX(Jesper!AK$2:AK$366,ROUNDDOWN($C4140/24,0)+1,1)*INDEX($D$3:$AA$30,INDEX(Jesper!$R$2:$R$366,ROW(INDEX(Jesper!AK$2:AK$366,ROUNDDOWN($C4140/24,0)+1,1))-1)+IF('Standard Profiles'!$G$21=$B$10,7,0)+IF('Standard Profiles'!$G$21=$B$17,14,0)+IF('Standard Profiles'!$G$21=$B$24,21,0),MOD($C4140,24)+1)/SUM(INDEX($D$3:$AA$30,INDEX(Jesper!$R$2:$R$366,ROW(INDEX(Jesper!AK$2:AK$366,ROUNDDOWN($C4140/24,0)+1,1))-1)+IF('Standard Profiles'!$G$21=$B$10,7,0)+IF('Standard Profiles'!$G$21=$B$17,14,0)+IF('Standard Profiles'!$G$21=$B$24,21,0),0)),0)</f>
        <v>0</v>
      </c>
      <c r="H4140" cm="1">
        <f t="array" ref="H4140">IFERROR(INDEX(Jesper!AL$2:AL$366,ROUNDDOWN($C4140/24,0)+1,1)*INDEX($D$3:$AA$30,INDEX(Jesper!$R$2:$R$366,ROW(INDEX(Jesper!AL$2:AL$366,ROUNDDOWN($C4140/24,0)+1,1))-1)+IF('Standard Profiles'!$G$22=$B$10,7,0)+IF('Standard Profiles'!$G$22=$B$17,14,0)+IF('Standard Profiles'!$G$22=$B$24,21,0),MOD($C4140,24)+1)/SUM(INDEX($D$3:$AA$30,INDEX(Jesper!$R$2:$R$366,ROW(INDEX(Jesper!AL$2:AL$366,ROUNDDOWN($C4140/24,0)+1,1))-1)+IF('Standard Profiles'!$G$22=$B$10,7,0)+IF('Standard Profiles'!$G$22=$B$17,14,0)+IF('Standard Profiles'!$G$22=$B$24,21,0),0)),0)</f>
        <v>0</v>
      </c>
      <c r="I4140">
        <f t="shared" si="468"/>
        <v>0</v>
      </c>
      <c r="J4140">
        <f t="shared" si="469"/>
        <v>6.0216018039773251</v>
      </c>
      <c r="K4140">
        <f t="shared" si="470"/>
        <v>0.54125004226714357</v>
      </c>
      <c r="L4140">
        <f t="shared" si="471"/>
        <v>0.27062502113357179</v>
      </c>
      <c r="M4140">
        <f t="shared" si="472"/>
        <v>0</v>
      </c>
      <c r="N4140" s="45">
        <f t="shared" si="473"/>
        <v>45098.083333323375</v>
      </c>
    </row>
    <row r="4141" spans="2:14" x14ac:dyDescent="0.25">
      <c r="B4141">
        <f t="shared" si="467"/>
        <v>3</v>
      </c>
      <c r="C4141" s="16">
        <v>4107</v>
      </c>
      <c r="D4141" cm="1">
        <f t="array" ref="D4141">IFERROR(INDEX(Jesper!AH$2:AH$366,ROUNDDOWN($C4141/24,0)+1,1)*INDEX($D$3:$AA$30,INDEX(Jesper!$R$2:$R$366,ROW(INDEX(Jesper!AH$2:AH$366,ROUNDDOWN($C4141/24,0)+1,1))-1)+IF('Standard Profiles'!$G$18=$B$10,7,0)+IF('Standard Profiles'!$G$18=$B$17,14,0)+IF('Standard Profiles'!$G$18=$B$24,21,0),MOD($C4141,24)+1)/SUM(INDEX($D$3:$AA$30,INDEX(Jesper!$R$2:$R$366,ROW(INDEX(Jesper!AH$2:AH$366,ROUNDDOWN($C4141/24,0)+1,1))-1)+IF('Standard Profiles'!$G$18=$B$10,7,0)+IF('Standard Profiles'!$G$18=$B$17,14,0)+IF('Standard Profiles'!$G$18=$B$24,21,0),0)),0)</f>
        <v>5.074219146254471</v>
      </c>
      <c r="E4141" cm="1">
        <f t="array" ref="E4141">IFERROR(INDEX(Jesper!AI$2:AI$366,ROUNDDOWN($C4141/24,0)+1,1)*INDEX($D$3:$AA$30,INDEX(Jesper!$R$2:$R$366,ROW(INDEX(Jesper!AI$2:AI$366,ROUNDDOWN($C4141/24,0)+1,1))-1)+IF('Standard Profiles'!$G$19=$B$10,7,0)+IF('Standard Profiles'!$G$19=$B$17,14,0)+IF('Standard Profiles'!$G$19=$B$24,21,0),MOD($C4141,24)+1)/SUM(INDEX($D$3:$AA$30,INDEX(Jesper!$R$2:$R$366,ROW(INDEX(Jesper!AI$2:AI$366,ROUNDDOWN($C4141/24,0)+1,1))-1)+IF('Standard Profiles'!$G$19=$B$10,7,0)+IF('Standard Profiles'!$G$19=$B$17,14,0)+IF('Standard Profiles'!$G$19=$B$24,21,0),0)),0)</f>
        <v>1.7592577211235696</v>
      </c>
      <c r="F4141" cm="1">
        <f t="array" ref="F4141">IFERROR(INDEX(Jesper!AJ$2:AJ$366,ROUNDDOWN($C4141/24,0)+1,1)*INDEX($D$3:$AA$30,INDEX(Jesper!$R$2:$R$366,ROW(INDEX(Jesper!AJ$2:AJ$366,ROUNDDOWN($C4141/24,0)+1,1))-1)+IF('Standard Profiles'!$G$20=$B$10,7,0)+IF('Standard Profiles'!$G$20=$B$17,14,0)+IF('Standard Profiles'!$G$20=$B$24,21,0),MOD($C4141,24)+1)/SUM(INDEX($D$3:$AA$30,INDEX(Jesper!$R$2:$R$366,ROW(INDEX(Jesper!AJ$2:AJ$366,ROUNDDOWN($C4141/24,0)+1,1))-1)+IF('Standard Profiles'!$G$20=$B$10,7,0)+IF('Standard Profiles'!$G$20=$B$17,14,0)+IF('Standard Profiles'!$G$20=$B$24,21,0),0)),0)</f>
        <v>0</v>
      </c>
      <c r="G4141" cm="1">
        <f t="array" ref="G4141">IFERROR(INDEX(Jesper!AK$2:AK$366,ROUNDDOWN($C4141/24,0)+1,1)*INDEX($D$3:$AA$30,INDEX(Jesper!$R$2:$R$366,ROW(INDEX(Jesper!AK$2:AK$366,ROUNDDOWN($C4141/24,0)+1,1))-1)+IF('Standard Profiles'!$G$21=$B$10,7,0)+IF('Standard Profiles'!$G$21=$B$17,14,0)+IF('Standard Profiles'!$G$21=$B$24,21,0),MOD($C4141,24)+1)/SUM(INDEX($D$3:$AA$30,INDEX(Jesper!$R$2:$R$366,ROW(INDEX(Jesper!AK$2:AK$366,ROUNDDOWN($C4141/24,0)+1,1))-1)+IF('Standard Profiles'!$G$21=$B$10,7,0)+IF('Standard Profiles'!$G$21=$B$17,14,0)+IF('Standard Profiles'!$G$21=$B$24,21,0),0)),0)</f>
        <v>0</v>
      </c>
      <c r="H4141" cm="1">
        <f t="array" ref="H4141">IFERROR(INDEX(Jesper!AL$2:AL$366,ROUNDDOWN($C4141/24,0)+1,1)*INDEX($D$3:$AA$30,INDEX(Jesper!$R$2:$R$366,ROW(INDEX(Jesper!AL$2:AL$366,ROUNDDOWN($C4141/24,0)+1,1))-1)+IF('Standard Profiles'!$G$22=$B$10,7,0)+IF('Standard Profiles'!$G$22=$B$17,14,0)+IF('Standard Profiles'!$G$22=$B$24,21,0),MOD($C4141,24)+1)/SUM(INDEX($D$3:$AA$30,INDEX(Jesper!$R$2:$R$366,ROW(INDEX(Jesper!AL$2:AL$366,ROUNDDOWN($C4141/24,0)+1,1))-1)+IF('Standard Profiles'!$G$22=$B$10,7,0)+IF('Standard Profiles'!$G$22=$B$17,14,0)+IF('Standard Profiles'!$G$22=$B$24,21,0),0)),0)</f>
        <v>0</v>
      </c>
      <c r="I4141">
        <f t="shared" si="468"/>
        <v>0</v>
      </c>
      <c r="J4141">
        <f t="shared" si="469"/>
        <v>6.0216018039773251</v>
      </c>
      <c r="K4141">
        <f t="shared" si="470"/>
        <v>0.54125004226714357</v>
      </c>
      <c r="L4141">
        <f t="shared" si="471"/>
        <v>0.27062502113357179</v>
      </c>
      <c r="M4141">
        <f t="shared" si="472"/>
        <v>0</v>
      </c>
      <c r="N4141" s="45">
        <f t="shared" si="473"/>
        <v>45098.124999990039</v>
      </c>
    </row>
    <row r="4142" spans="2:14" x14ac:dyDescent="0.25">
      <c r="B4142">
        <f t="shared" si="467"/>
        <v>3</v>
      </c>
      <c r="C4142" s="16">
        <v>4108</v>
      </c>
      <c r="D4142" cm="1">
        <f t="array" ref="D4142">IFERROR(INDEX(Jesper!AH$2:AH$366,ROUNDDOWN($C4142/24,0)+1,1)*INDEX($D$3:$AA$30,INDEX(Jesper!$R$2:$R$366,ROW(INDEX(Jesper!AH$2:AH$366,ROUNDDOWN($C4142/24,0)+1,1))-1)+IF('Standard Profiles'!$G$18=$B$10,7,0)+IF('Standard Profiles'!$G$18=$B$17,14,0)+IF('Standard Profiles'!$G$18=$B$24,21,0),MOD($C4142,24)+1)/SUM(INDEX($D$3:$AA$30,INDEX(Jesper!$R$2:$R$366,ROW(INDEX(Jesper!AH$2:AH$366,ROUNDDOWN($C4142/24,0)+1,1))-1)+IF('Standard Profiles'!$G$18=$B$10,7,0)+IF('Standard Profiles'!$G$18=$B$17,14,0)+IF('Standard Profiles'!$G$18=$B$24,21,0),0)),0)</f>
        <v>5.074219146254471</v>
      </c>
      <c r="E4142" cm="1">
        <f t="array" ref="E4142">IFERROR(INDEX(Jesper!AI$2:AI$366,ROUNDDOWN($C4142/24,0)+1,1)*INDEX($D$3:$AA$30,INDEX(Jesper!$R$2:$R$366,ROW(INDEX(Jesper!AI$2:AI$366,ROUNDDOWN($C4142/24,0)+1,1))-1)+IF('Standard Profiles'!$G$19=$B$10,7,0)+IF('Standard Profiles'!$G$19=$B$17,14,0)+IF('Standard Profiles'!$G$19=$B$24,21,0),MOD($C4142,24)+1)/SUM(INDEX($D$3:$AA$30,INDEX(Jesper!$R$2:$R$366,ROW(INDEX(Jesper!AI$2:AI$366,ROUNDDOWN($C4142/24,0)+1,1))-1)+IF('Standard Profiles'!$G$19=$B$10,7,0)+IF('Standard Profiles'!$G$19=$B$17,14,0)+IF('Standard Profiles'!$G$19=$B$24,21,0),0)),0)</f>
        <v>1.7592577211235696</v>
      </c>
      <c r="F4142" cm="1">
        <f t="array" ref="F4142">IFERROR(INDEX(Jesper!AJ$2:AJ$366,ROUNDDOWN($C4142/24,0)+1,1)*INDEX($D$3:$AA$30,INDEX(Jesper!$R$2:$R$366,ROW(INDEX(Jesper!AJ$2:AJ$366,ROUNDDOWN($C4142/24,0)+1,1))-1)+IF('Standard Profiles'!$G$20=$B$10,7,0)+IF('Standard Profiles'!$G$20=$B$17,14,0)+IF('Standard Profiles'!$G$20=$B$24,21,0),MOD($C4142,24)+1)/SUM(INDEX($D$3:$AA$30,INDEX(Jesper!$R$2:$R$366,ROW(INDEX(Jesper!AJ$2:AJ$366,ROUNDDOWN($C4142/24,0)+1,1))-1)+IF('Standard Profiles'!$G$20=$B$10,7,0)+IF('Standard Profiles'!$G$20=$B$17,14,0)+IF('Standard Profiles'!$G$20=$B$24,21,0),0)),0)</f>
        <v>0</v>
      </c>
      <c r="G4142" cm="1">
        <f t="array" ref="G4142">IFERROR(INDEX(Jesper!AK$2:AK$366,ROUNDDOWN($C4142/24,0)+1,1)*INDEX($D$3:$AA$30,INDEX(Jesper!$R$2:$R$366,ROW(INDEX(Jesper!AK$2:AK$366,ROUNDDOWN($C4142/24,0)+1,1))-1)+IF('Standard Profiles'!$G$21=$B$10,7,0)+IF('Standard Profiles'!$G$21=$B$17,14,0)+IF('Standard Profiles'!$G$21=$B$24,21,0),MOD($C4142,24)+1)/SUM(INDEX($D$3:$AA$30,INDEX(Jesper!$R$2:$R$366,ROW(INDEX(Jesper!AK$2:AK$366,ROUNDDOWN($C4142/24,0)+1,1))-1)+IF('Standard Profiles'!$G$21=$B$10,7,0)+IF('Standard Profiles'!$G$21=$B$17,14,0)+IF('Standard Profiles'!$G$21=$B$24,21,0),0)),0)</f>
        <v>0</v>
      </c>
      <c r="H4142" cm="1">
        <f t="array" ref="H4142">IFERROR(INDEX(Jesper!AL$2:AL$366,ROUNDDOWN($C4142/24,0)+1,1)*INDEX($D$3:$AA$30,INDEX(Jesper!$R$2:$R$366,ROW(INDEX(Jesper!AL$2:AL$366,ROUNDDOWN($C4142/24,0)+1,1))-1)+IF('Standard Profiles'!$G$22=$B$10,7,0)+IF('Standard Profiles'!$G$22=$B$17,14,0)+IF('Standard Profiles'!$G$22=$B$24,21,0),MOD($C4142,24)+1)/SUM(INDEX($D$3:$AA$30,INDEX(Jesper!$R$2:$R$366,ROW(INDEX(Jesper!AL$2:AL$366,ROUNDDOWN($C4142/24,0)+1,1))-1)+IF('Standard Profiles'!$G$22=$B$10,7,0)+IF('Standard Profiles'!$G$22=$B$17,14,0)+IF('Standard Profiles'!$G$22=$B$24,21,0),0)),0)</f>
        <v>0</v>
      </c>
      <c r="I4142">
        <f t="shared" si="468"/>
        <v>0</v>
      </c>
      <c r="J4142">
        <f t="shared" si="469"/>
        <v>6.0216018039773251</v>
      </c>
      <c r="K4142">
        <f t="shared" si="470"/>
        <v>0.54125004226714357</v>
      </c>
      <c r="L4142">
        <f t="shared" si="471"/>
        <v>0.27062502113357179</v>
      </c>
      <c r="M4142">
        <f t="shared" si="472"/>
        <v>0</v>
      </c>
      <c r="N4142" s="45">
        <f t="shared" si="473"/>
        <v>45098.166666656703</v>
      </c>
    </row>
    <row r="4143" spans="2:14" x14ac:dyDescent="0.25">
      <c r="B4143">
        <f t="shared" si="467"/>
        <v>3</v>
      </c>
      <c r="C4143" s="16">
        <v>4109</v>
      </c>
      <c r="D4143" cm="1">
        <f t="array" ref="D4143">IFERROR(INDEX(Jesper!AH$2:AH$366,ROUNDDOWN($C4143/24,0)+1,1)*INDEX($D$3:$AA$30,INDEX(Jesper!$R$2:$R$366,ROW(INDEX(Jesper!AH$2:AH$366,ROUNDDOWN($C4143/24,0)+1,1))-1)+IF('Standard Profiles'!$G$18=$B$10,7,0)+IF('Standard Profiles'!$G$18=$B$17,14,0)+IF('Standard Profiles'!$G$18=$B$24,21,0),MOD($C4143,24)+1)/SUM(INDEX($D$3:$AA$30,INDEX(Jesper!$R$2:$R$366,ROW(INDEX(Jesper!AH$2:AH$366,ROUNDDOWN($C4143/24,0)+1,1))-1)+IF('Standard Profiles'!$G$18=$B$10,7,0)+IF('Standard Profiles'!$G$18=$B$17,14,0)+IF('Standard Profiles'!$G$18=$B$24,21,0),0)),0)</f>
        <v>5.074219146254471</v>
      </c>
      <c r="E4143" cm="1">
        <f t="array" ref="E4143">IFERROR(INDEX(Jesper!AI$2:AI$366,ROUNDDOWN($C4143/24,0)+1,1)*INDEX($D$3:$AA$30,INDEX(Jesper!$R$2:$R$366,ROW(INDEX(Jesper!AI$2:AI$366,ROUNDDOWN($C4143/24,0)+1,1))-1)+IF('Standard Profiles'!$G$19=$B$10,7,0)+IF('Standard Profiles'!$G$19=$B$17,14,0)+IF('Standard Profiles'!$G$19=$B$24,21,0),MOD($C4143,24)+1)/SUM(INDEX($D$3:$AA$30,INDEX(Jesper!$R$2:$R$366,ROW(INDEX(Jesper!AI$2:AI$366,ROUNDDOWN($C4143/24,0)+1,1))-1)+IF('Standard Profiles'!$G$19=$B$10,7,0)+IF('Standard Profiles'!$G$19=$B$17,14,0)+IF('Standard Profiles'!$G$19=$B$24,21,0),0)),0)</f>
        <v>1.7592577211235696</v>
      </c>
      <c r="F4143" cm="1">
        <f t="array" ref="F4143">IFERROR(INDEX(Jesper!AJ$2:AJ$366,ROUNDDOWN($C4143/24,0)+1,1)*INDEX($D$3:$AA$30,INDEX(Jesper!$R$2:$R$366,ROW(INDEX(Jesper!AJ$2:AJ$366,ROUNDDOWN($C4143/24,0)+1,1))-1)+IF('Standard Profiles'!$G$20=$B$10,7,0)+IF('Standard Profiles'!$G$20=$B$17,14,0)+IF('Standard Profiles'!$G$20=$B$24,21,0),MOD($C4143,24)+1)/SUM(INDEX($D$3:$AA$30,INDEX(Jesper!$R$2:$R$366,ROW(INDEX(Jesper!AJ$2:AJ$366,ROUNDDOWN($C4143/24,0)+1,1))-1)+IF('Standard Profiles'!$G$20=$B$10,7,0)+IF('Standard Profiles'!$G$20=$B$17,14,0)+IF('Standard Profiles'!$G$20=$B$24,21,0),0)),0)</f>
        <v>0</v>
      </c>
      <c r="G4143" cm="1">
        <f t="array" ref="G4143">IFERROR(INDEX(Jesper!AK$2:AK$366,ROUNDDOWN($C4143/24,0)+1,1)*INDEX($D$3:$AA$30,INDEX(Jesper!$R$2:$R$366,ROW(INDEX(Jesper!AK$2:AK$366,ROUNDDOWN($C4143/24,0)+1,1))-1)+IF('Standard Profiles'!$G$21=$B$10,7,0)+IF('Standard Profiles'!$G$21=$B$17,14,0)+IF('Standard Profiles'!$G$21=$B$24,21,0),MOD($C4143,24)+1)/SUM(INDEX($D$3:$AA$30,INDEX(Jesper!$R$2:$R$366,ROW(INDEX(Jesper!AK$2:AK$366,ROUNDDOWN($C4143/24,0)+1,1))-1)+IF('Standard Profiles'!$G$21=$B$10,7,0)+IF('Standard Profiles'!$G$21=$B$17,14,0)+IF('Standard Profiles'!$G$21=$B$24,21,0),0)),0)</f>
        <v>0</v>
      </c>
      <c r="H4143" cm="1">
        <f t="array" ref="H4143">IFERROR(INDEX(Jesper!AL$2:AL$366,ROUNDDOWN($C4143/24,0)+1,1)*INDEX($D$3:$AA$30,INDEX(Jesper!$R$2:$R$366,ROW(INDEX(Jesper!AL$2:AL$366,ROUNDDOWN($C4143/24,0)+1,1))-1)+IF('Standard Profiles'!$G$22=$B$10,7,0)+IF('Standard Profiles'!$G$22=$B$17,14,0)+IF('Standard Profiles'!$G$22=$B$24,21,0),MOD($C4143,24)+1)/SUM(INDEX($D$3:$AA$30,INDEX(Jesper!$R$2:$R$366,ROW(INDEX(Jesper!AL$2:AL$366,ROUNDDOWN($C4143/24,0)+1,1))-1)+IF('Standard Profiles'!$G$22=$B$10,7,0)+IF('Standard Profiles'!$G$22=$B$17,14,0)+IF('Standard Profiles'!$G$22=$B$24,21,0),0)),0)</f>
        <v>0</v>
      </c>
      <c r="I4143">
        <f t="shared" si="468"/>
        <v>0</v>
      </c>
      <c r="J4143">
        <f t="shared" si="469"/>
        <v>6.0216018039773251</v>
      </c>
      <c r="K4143">
        <f t="shared" si="470"/>
        <v>0.54125004226714357</v>
      </c>
      <c r="L4143">
        <f t="shared" si="471"/>
        <v>0.27062502113357179</v>
      </c>
      <c r="M4143">
        <f t="shared" si="472"/>
        <v>0</v>
      </c>
      <c r="N4143" s="45">
        <f t="shared" si="473"/>
        <v>45098.208333323368</v>
      </c>
    </row>
    <row r="4144" spans="2:14" x14ac:dyDescent="0.25">
      <c r="B4144">
        <f t="shared" si="467"/>
        <v>3</v>
      </c>
      <c r="C4144" s="16">
        <v>4110</v>
      </c>
      <c r="D4144" cm="1">
        <f t="array" ref="D4144">IFERROR(INDEX(Jesper!AH$2:AH$366,ROUNDDOWN($C4144/24,0)+1,1)*INDEX($D$3:$AA$30,INDEX(Jesper!$R$2:$R$366,ROW(INDEX(Jesper!AH$2:AH$366,ROUNDDOWN($C4144/24,0)+1,1))-1)+IF('Standard Profiles'!$G$18=$B$10,7,0)+IF('Standard Profiles'!$G$18=$B$17,14,0)+IF('Standard Profiles'!$G$18=$B$24,21,0),MOD($C4144,24)+1)/SUM(INDEX($D$3:$AA$30,INDEX(Jesper!$R$2:$R$366,ROW(INDEX(Jesper!AH$2:AH$366,ROUNDDOWN($C4144/24,0)+1,1))-1)+IF('Standard Profiles'!$G$18=$B$10,7,0)+IF('Standard Profiles'!$G$18=$B$17,14,0)+IF('Standard Profiles'!$G$18=$B$24,21,0),0)),0)</f>
        <v>5.074219146254471</v>
      </c>
      <c r="E4144" cm="1">
        <f t="array" ref="E4144">IFERROR(INDEX(Jesper!AI$2:AI$366,ROUNDDOWN($C4144/24,0)+1,1)*INDEX($D$3:$AA$30,INDEX(Jesper!$R$2:$R$366,ROW(INDEX(Jesper!AI$2:AI$366,ROUNDDOWN($C4144/24,0)+1,1))-1)+IF('Standard Profiles'!$G$19=$B$10,7,0)+IF('Standard Profiles'!$G$19=$B$17,14,0)+IF('Standard Profiles'!$G$19=$B$24,21,0),MOD($C4144,24)+1)/SUM(INDEX($D$3:$AA$30,INDEX(Jesper!$R$2:$R$366,ROW(INDEX(Jesper!AI$2:AI$366,ROUNDDOWN($C4144/24,0)+1,1))-1)+IF('Standard Profiles'!$G$19=$B$10,7,0)+IF('Standard Profiles'!$G$19=$B$17,14,0)+IF('Standard Profiles'!$G$19=$B$24,21,0),0)),0)</f>
        <v>1.7592577211235696</v>
      </c>
      <c r="F4144" cm="1">
        <f t="array" ref="F4144">IFERROR(INDEX(Jesper!AJ$2:AJ$366,ROUNDDOWN($C4144/24,0)+1,1)*INDEX($D$3:$AA$30,INDEX(Jesper!$R$2:$R$366,ROW(INDEX(Jesper!AJ$2:AJ$366,ROUNDDOWN($C4144/24,0)+1,1))-1)+IF('Standard Profiles'!$G$20=$B$10,7,0)+IF('Standard Profiles'!$G$20=$B$17,14,0)+IF('Standard Profiles'!$G$20=$B$24,21,0),MOD($C4144,24)+1)/SUM(INDEX($D$3:$AA$30,INDEX(Jesper!$R$2:$R$366,ROW(INDEX(Jesper!AJ$2:AJ$366,ROUNDDOWN($C4144/24,0)+1,1))-1)+IF('Standard Profiles'!$G$20=$B$10,7,0)+IF('Standard Profiles'!$G$20=$B$17,14,0)+IF('Standard Profiles'!$G$20=$B$24,21,0),0)),0)</f>
        <v>0</v>
      </c>
      <c r="G4144" cm="1">
        <f t="array" ref="G4144">IFERROR(INDEX(Jesper!AK$2:AK$366,ROUNDDOWN($C4144/24,0)+1,1)*INDEX($D$3:$AA$30,INDEX(Jesper!$R$2:$R$366,ROW(INDEX(Jesper!AK$2:AK$366,ROUNDDOWN($C4144/24,0)+1,1))-1)+IF('Standard Profiles'!$G$21=$B$10,7,0)+IF('Standard Profiles'!$G$21=$B$17,14,0)+IF('Standard Profiles'!$G$21=$B$24,21,0),MOD($C4144,24)+1)/SUM(INDEX($D$3:$AA$30,INDEX(Jesper!$R$2:$R$366,ROW(INDEX(Jesper!AK$2:AK$366,ROUNDDOWN($C4144/24,0)+1,1))-1)+IF('Standard Profiles'!$G$21=$B$10,7,0)+IF('Standard Profiles'!$G$21=$B$17,14,0)+IF('Standard Profiles'!$G$21=$B$24,21,0),0)),0)</f>
        <v>0</v>
      </c>
      <c r="H4144" cm="1">
        <f t="array" ref="H4144">IFERROR(INDEX(Jesper!AL$2:AL$366,ROUNDDOWN($C4144/24,0)+1,1)*INDEX($D$3:$AA$30,INDEX(Jesper!$R$2:$R$366,ROW(INDEX(Jesper!AL$2:AL$366,ROUNDDOWN($C4144/24,0)+1,1))-1)+IF('Standard Profiles'!$G$22=$B$10,7,0)+IF('Standard Profiles'!$G$22=$B$17,14,0)+IF('Standard Profiles'!$G$22=$B$24,21,0),MOD($C4144,24)+1)/SUM(INDEX($D$3:$AA$30,INDEX(Jesper!$R$2:$R$366,ROW(INDEX(Jesper!AL$2:AL$366,ROUNDDOWN($C4144/24,0)+1,1))-1)+IF('Standard Profiles'!$G$22=$B$10,7,0)+IF('Standard Profiles'!$G$22=$B$17,14,0)+IF('Standard Profiles'!$G$22=$B$24,21,0),0)),0)</f>
        <v>0</v>
      </c>
      <c r="I4144">
        <f t="shared" si="468"/>
        <v>0</v>
      </c>
      <c r="J4144">
        <f t="shared" si="469"/>
        <v>6.0216018039773251</v>
      </c>
      <c r="K4144">
        <f t="shared" si="470"/>
        <v>0.54125004226714357</v>
      </c>
      <c r="L4144">
        <f t="shared" si="471"/>
        <v>0.27062502113357179</v>
      </c>
      <c r="M4144">
        <f t="shared" si="472"/>
        <v>0</v>
      </c>
      <c r="N4144" s="45">
        <f t="shared" si="473"/>
        <v>45098.249999990032</v>
      </c>
    </row>
    <row r="4145" spans="2:14" x14ac:dyDescent="0.25">
      <c r="B4145">
        <f t="shared" si="467"/>
        <v>3</v>
      </c>
      <c r="C4145" s="16">
        <v>4111</v>
      </c>
      <c r="D4145" cm="1">
        <f t="array" ref="D4145">IFERROR(INDEX(Jesper!AH$2:AH$366,ROUNDDOWN($C4145/24,0)+1,1)*INDEX($D$3:$AA$30,INDEX(Jesper!$R$2:$R$366,ROW(INDEX(Jesper!AH$2:AH$366,ROUNDDOWN($C4145/24,0)+1,1))-1)+IF('Standard Profiles'!$G$18=$B$10,7,0)+IF('Standard Profiles'!$G$18=$B$17,14,0)+IF('Standard Profiles'!$G$18=$B$24,21,0),MOD($C4145,24)+1)/SUM(INDEX($D$3:$AA$30,INDEX(Jesper!$R$2:$R$366,ROW(INDEX(Jesper!AH$2:AH$366,ROUNDDOWN($C4145/24,0)+1,1))-1)+IF('Standard Profiles'!$G$18=$B$10,7,0)+IF('Standard Profiles'!$G$18=$B$17,14,0)+IF('Standard Profiles'!$G$18=$B$24,21,0),0)),0)</f>
        <v>20.74279281302206</v>
      </c>
      <c r="E4145" cm="1">
        <f t="array" ref="E4145">IFERROR(INDEX(Jesper!AI$2:AI$366,ROUNDDOWN($C4145/24,0)+1,1)*INDEX($D$3:$AA$30,INDEX(Jesper!$R$2:$R$366,ROW(INDEX(Jesper!AI$2:AI$366,ROUNDDOWN($C4145/24,0)+1,1))-1)+IF('Standard Profiles'!$G$19=$B$10,7,0)+IF('Standard Profiles'!$G$19=$B$17,14,0)+IF('Standard Profiles'!$G$19=$B$24,21,0),MOD($C4145,24)+1)/SUM(INDEX($D$3:$AA$30,INDEX(Jesper!$R$2:$R$366,ROW(INDEX(Jesper!AI$2:AI$366,ROUNDDOWN($C4145/24,0)+1,1))-1)+IF('Standard Profiles'!$G$19=$B$10,7,0)+IF('Standard Profiles'!$G$19=$B$17,14,0)+IF('Standard Profiles'!$G$19=$B$24,21,0),0)),0)</f>
        <v>7.1916323205930164</v>
      </c>
      <c r="F4145" cm="1">
        <f t="array" ref="F4145">IFERROR(INDEX(Jesper!AJ$2:AJ$366,ROUNDDOWN($C4145/24,0)+1,1)*INDEX($D$3:$AA$30,INDEX(Jesper!$R$2:$R$366,ROW(INDEX(Jesper!AJ$2:AJ$366,ROUNDDOWN($C4145/24,0)+1,1))-1)+IF('Standard Profiles'!$G$20=$B$10,7,0)+IF('Standard Profiles'!$G$20=$B$17,14,0)+IF('Standard Profiles'!$G$20=$B$24,21,0),MOD($C4145,24)+1)/SUM(INDEX($D$3:$AA$30,INDEX(Jesper!$R$2:$R$366,ROW(INDEX(Jesper!AJ$2:AJ$366,ROUNDDOWN($C4145/24,0)+1,1))-1)+IF('Standard Profiles'!$G$20=$B$10,7,0)+IF('Standard Profiles'!$G$20=$B$17,14,0)+IF('Standard Profiles'!$G$20=$B$24,21,0),0)),0)</f>
        <v>0</v>
      </c>
      <c r="G4145" cm="1">
        <f t="array" ref="G4145">IFERROR(INDEX(Jesper!AK$2:AK$366,ROUNDDOWN($C4145/24,0)+1,1)*INDEX($D$3:$AA$30,INDEX(Jesper!$R$2:$R$366,ROW(INDEX(Jesper!AK$2:AK$366,ROUNDDOWN($C4145/24,0)+1,1))-1)+IF('Standard Profiles'!$G$21=$B$10,7,0)+IF('Standard Profiles'!$G$21=$B$17,14,0)+IF('Standard Profiles'!$G$21=$B$24,21,0),MOD($C4145,24)+1)/SUM(INDEX($D$3:$AA$30,INDEX(Jesper!$R$2:$R$366,ROW(INDEX(Jesper!AK$2:AK$366,ROUNDDOWN($C4145/24,0)+1,1))-1)+IF('Standard Profiles'!$G$21=$B$10,7,0)+IF('Standard Profiles'!$G$21=$B$17,14,0)+IF('Standard Profiles'!$G$21=$B$24,21,0),0)),0)</f>
        <v>0</v>
      </c>
      <c r="H4145" cm="1">
        <f t="array" ref="H4145">IFERROR(INDEX(Jesper!AL$2:AL$366,ROUNDDOWN($C4145/24,0)+1,1)*INDEX($D$3:$AA$30,INDEX(Jesper!$R$2:$R$366,ROW(INDEX(Jesper!AL$2:AL$366,ROUNDDOWN($C4145/24,0)+1,1))-1)+IF('Standard Profiles'!$G$22=$B$10,7,0)+IF('Standard Profiles'!$G$22=$B$17,14,0)+IF('Standard Profiles'!$G$22=$B$24,21,0),MOD($C4145,24)+1)/SUM(INDEX($D$3:$AA$30,INDEX(Jesper!$R$2:$R$366,ROW(INDEX(Jesper!AL$2:AL$366,ROUNDDOWN($C4145/24,0)+1,1))-1)+IF('Standard Profiles'!$G$22=$B$10,7,0)+IF('Standard Profiles'!$G$22=$B$17,14,0)+IF('Standard Profiles'!$G$22=$B$24,21,0),0)),0)</f>
        <v>0</v>
      </c>
      <c r="I4145">
        <f t="shared" si="468"/>
        <v>0</v>
      </c>
      <c r="J4145">
        <f t="shared" si="469"/>
        <v>24.615578283531544</v>
      </c>
      <c r="K4145">
        <f t="shared" si="470"/>
        <v>2.212564566722353</v>
      </c>
      <c r="L4145">
        <f t="shared" si="471"/>
        <v>1.1062822833611765</v>
      </c>
      <c r="M4145">
        <f t="shared" si="472"/>
        <v>0</v>
      </c>
      <c r="N4145" s="45">
        <f t="shared" si="473"/>
        <v>45098.291666656696</v>
      </c>
    </row>
    <row r="4146" spans="2:14" x14ac:dyDescent="0.25">
      <c r="B4146">
        <f t="shared" si="467"/>
        <v>3</v>
      </c>
      <c r="C4146" s="16">
        <v>4112</v>
      </c>
      <c r="D4146" cm="1">
        <f t="array" ref="D4146">IFERROR(INDEX(Jesper!AH$2:AH$366,ROUNDDOWN($C4146/24,0)+1,1)*INDEX($D$3:$AA$30,INDEX(Jesper!$R$2:$R$366,ROW(INDEX(Jesper!AH$2:AH$366,ROUNDDOWN($C4146/24,0)+1,1))-1)+IF('Standard Profiles'!$G$18=$B$10,7,0)+IF('Standard Profiles'!$G$18=$B$17,14,0)+IF('Standard Profiles'!$G$18=$B$24,21,0),MOD($C4146,24)+1)/SUM(INDEX($D$3:$AA$30,INDEX(Jesper!$R$2:$R$366,ROW(INDEX(Jesper!AH$2:AH$366,ROUNDDOWN($C4146/24,0)+1,1))-1)+IF('Standard Profiles'!$G$18=$B$10,7,0)+IF('Standard Profiles'!$G$18=$B$17,14,0)+IF('Standard Profiles'!$G$18=$B$24,21,0),0)),0)</f>
        <v>23.144589875582511</v>
      </c>
      <c r="E4146" cm="1">
        <f t="array" ref="E4146">IFERROR(INDEX(Jesper!AI$2:AI$366,ROUNDDOWN($C4146/24,0)+1,1)*INDEX($D$3:$AA$30,INDEX(Jesper!$R$2:$R$366,ROW(INDEX(Jesper!AI$2:AI$366,ROUNDDOWN($C4146/24,0)+1,1))-1)+IF('Standard Profiles'!$G$19=$B$10,7,0)+IF('Standard Profiles'!$G$19=$B$17,14,0)+IF('Standard Profiles'!$G$19=$B$24,21,0),MOD($C4146,24)+1)/SUM(INDEX($D$3:$AA$30,INDEX(Jesper!$R$2:$R$366,ROW(INDEX(Jesper!AI$2:AI$366,ROUNDDOWN($C4146/24,0)+1,1))-1)+IF('Standard Profiles'!$G$19=$B$10,7,0)+IF('Standard Profiles'!$G$19=$B$17,14,0)+IF('Standard Profiles'!$G$19=$B$24,21,0),0)),0)</f>
        <v>8.024347641924841</v>
      </c>
      <c r="F4146" cm="1">
        <f t="array" ref="F4146">IFERROR(INDEX(Jesper!AJ$2:AJ$366,ROUNDDOWN($C4146/24,0)+1,1)*INDEX($D$3:$AA$30,INDEX(Jesper!$R$2:$R$366,ROW(INDEX(Jesper!AJ$2:AJ$366,ROUNDDOWN($C4146/24,0)+1,1))-1)+IF('Standard Profiles'!$G$20=$B$10,7,0)+IF('Standard Profiles'!$G$20=$B$17,14,0)+IF('Standard Profiles'!$G$20=$B$24,21,0),MOD($C4146,24)+1)/SUM(INDEX($D$3:$AA$30,INDEX(Jesper!$R$2:$R$366,ROW(INDEX(Jesper!AJ$2:AJ$366,ROUNDDOWN($C4146/24,0)+1,1))-1)+IF('Standard Profiles'!$G$20=$B$10,7,0)+IF('Standard Profiles'!$G$20=$B$17,14,0)+IF('Standard Profiles'!$G$20=$B$24,21,0),0)),0)</f>
        <v>0</v>
      </c>
      <c r="G4146" cm="1">
        <f t="array" ref="G4146">IFERROR(INDEX(Jesper!AK$2:AK$366,ROUNDDOWN($C4146/24,0)+1,1)*INDEX($D$3:$AA$30,INDEX(Jesper!$R$2:$R$366,ROW(INDEX(Jesper!AK$2:AK$366,ROUNDDOWN($C4146/24,0)+1,1))-1)+IF('Standard Profiles'!$G$21=$B$10,7,0)+IF('Standard Profiles'!$G$21=$B$17,14,0)+IF('Standard Profiles'!$G$21=$B$24,21,0),MOD($C4146,24)+1)/SUM(INDEX($D$3:$AA$30,INDEX(Jesper!$R$2:$R$366,ROW(INDEX(Jesper!AK$2:AK$366,ROUNDDOWN($C4146/24,0)+1,1))-1)+IF('Standard Profiles'!$G$21=$B$10,7,0)+IF('Standard Profiles'!$G$21=$B$17,14,0)+IF('Standard Profiles'!$G$21=$B$24,21,0),0)),0)</f>
        <v>0</v>
      </c>
      <c r="H4146" cm="1">
        <f t="array" ref="H4146">IFERROR(INDEX(Jesper!AL$2:AL$366,ROUNDDOWN($C4146/24,0)+1,1)*INDEX($D$3:$AA$30,INDEX(Jesper!$R$2:$R$366,ROW(INDEX(Jesper!AL$2:AL$366,ROUNDDOWN($C4146/24,0)+1,1))-1)+IF('Standard Profiles'!$G$22=$B$10,7,0)+IF('Standard Profiles'!$G$22=$B$17,14,0)+IF('Standard Profiles'!$G$22=$B$24,21,0),MOD($C4146,24)+1)/SUM(INDEX($D$3:$AA$30,INDEX(Jesper!$R$2:$R$366,ROW(INDEX(Jesper!AL$2:AL$366,ROUNDDOWN($C4146/24,0)+1,1))-1)+IF('Standard Profiles'!$G$22=$B$10,7,0)+IF('Standard Profiles'!$G$22=$B$17,14,0)+IF('Standard Profiles'!$G$22=$B$24,21,0),0)),0)</f>
        <v>0</v>
      </c>
      <c r="I4146">
        <f t="shared" si="468"/>
        <v>0</v>
      </c>
      <c r="J4146">
        <f t="shared" si="469"/>
        <v>27.465803137414149</v>
      </c>
      <c r="K4146">
        <f t="shared" si="470"/>
        <v>2.4687562533954681</v>
      </c>
      <c r="L4146">
        <f t="shared" si="471"/>
        <v>1.2343781266977341</v>
      </c>
      <c r="M4146">
        <f t="shared" si="472"/>
        <v>0</v>
      </c>
      <c r="N4146" s="45">
        <f t="shared" si="473"/>
        <v>45098.33333332336</v>
      </c>
    </row>
    <row r="4147" spans="2:14" x14ac:dyDescent="0.25">
      <c r="B4147">
        <f t="shared" si="467"/>
        <v>3</v>
      </c>
      <c r="C4147" s="16">
        <v>4113</v>
      </c>
      <c r="D4147" cm="1">
        <f t="array" ref="D4147">IFERROR(INDEX(Jesper!AH$2:AH$366,ROUNDDOWN($C4147/24,0)+1,1)*INDEX($D$3:$AA$30,INDEX(Jesper!$R$2:$R$366,ROW(INDEX(Jesper!AH$2:AH$366,ROUNDDOWN($C4147/24,0)+1,1))-1)+IF('Standard Profiles'!$G$18=$B$10,7,0)+IF('Standard Profiles'!$G$18=$B$17,14,0)+IF('Standard Profiles'!$G$18=$B$24,21,0),MOD($C4147,24)+1)/SUM(INDEX($D$3:$AA$30,INDEX(Jesper!$R$2:$R$366,ROW(INDEX(Jesper!AH$2:AH$366,ROUNDDOWN($C4147/24,0)+1,1))-1)+IF('Standard Profiles'!$G$18=$B$10,7,0)+IF('Standard Profiles'!$G$18=$B$17,14,0)+IF('Standard Profiles'!$G$18=$B$24,21,0),0)),0)</f>
        <v>25.546386938142962</v>
      </c>
      <c r="E4147" cm="1">
        <f t="array" ref="E4147">IFERROR(INDEX(Jesper!AI$2:AI$366,ROUNDDOWN($C4147/24,0)+1,1)*INDEX($D$3:$AA$30,INDEX(Jesper!$R$2:$R$366,ROW(INDEX(Jesper!AI$2:AI$366,ROUNDDOWN($C4147/24,0)+1,1))-1)+IF('Standard Profiles'!$G$19=$B$10,7,0)+IF('Standard Profiles'!$G$19=$B$17,14,0)+IF('Standard Profiles'!$G$19=$B$24,21,0),MOD($C4147,24)+1)/SUM(INDEX($D$3:$AA$30,INDEX(Jesper!$R$2:$R$366,ROW(INDEX(Jesper!AI$2:AI$366,ROUNDDOWN($C4147/24,0)+1,1))-1)+IF('Standard Profiles'!$G$19=$B$10,7,0)+IF('Standard Profiles'!$G$19=$B$17,14,0)+IF('Standard Profiles'!$G$19=$B$24,21,0),0)),0)</f>
        <v>8.8570629632566629</v>
      </c>
      <c r="F4147" cm="1">
        <f t="array" ref="F4147">IFERROR(INDEX(Jesper!AJ$2:AJ$366,ROUNDDOWN($C4147/24,0)+1,1)*INDEX($D$3:$AA$30,INDEX(Jesper!$R$2:$R$366,ROW(INDEX(Jesper!AJ$2:AJ$366,ROUNDDOWN($C4147/24,0)+1,1))-1)+IF('Standard Profiles'!$G$20=$B$10,7,0)+IF('Standard Profiles'!$G$20=$B$17,14,0)+IF('Standard Profiles'!$G$20=$B$24,21,0),MOD($C4147,24)+1)/SUM(INDEX($D$3:$AA$30,INDEX(Jesper!$R$2:$R$366,ROW(INDEX(Jesper!AJ$2:AJ$366,ROUNDDOWN($C4147/24,0)+1,1))-1)+IF('Standard Profiles'!$G$20=$B$10,7,0)+IF('Standard Profiles'!$G$20=$B$17,14,0)+IF('Standard Profiles'!$G$20=$B$24,21,0),0)),0)</f>
        <v>0</v>
      </c>
      <c r="G4147" cm="1">
        <f t="array" ref="G4147">IFERROR(INDEX(Jesper!AK$2:AK$366,ROUNDDOWN($C4147/24,0)+1,1)*INDEX($D$3:$AA$30,INDEX(Jesper!$R$2:$R$366,ROW(INDEX(Jesper!AK$2:AK$366,ROUNDDOWN($C4147/24,0)+1,1))-1)+IF('Standard Profiles'!$G$21=$B$10,7,0)+IF('Standard Profiles'!$G$21=$B$17,14,0)+IF('Standard Profiles'!$G$21=$B$24,21,0),MOD($C4147,24)+1)/SUM(INDEX($D$3:$AA$30,INDEX(Jesper!$R$2:$R$366,ROW(INDEX(Jesper!AK$2:AK$366,ROUNDDOWN($C4147/24,0)+1,1))-1)+IF('Standard Profiles'!$G$21=$B$10,7,0)+IF('Standard Profiles'!$G$21=$B$17,14,0)+IF('Standard Profiles'!$G$21=$B$24,21,0),0)),0)</f>
        <v>0</v>
      </c>
      <c r="H4147" cm="1">
        <f t="array" ref="H4147">IFERROR(INDEX(Jesper!AL$2:AL$366,ROUNDDOWN($C4147/24,0)+1,1)*INDEX($D$3:$AA$30,INDEX(Jesper!$R$2:$R$366,ROW(INDEX(Jesper!AL$2:AL$366,ROUNDDOWN($C4147/24,0)+1,1))-1)+IF('Standard Profiles'!$G$22=$B$10,7,0)+IF('Standard Profiles'!$G$22=$B$17,14,0)+IF('Standard Profiles'!$G$22=$B$24,21,0),MOD($C4147,24)+1)/SUM(INDEX($D$3:$AA$30,INDEX(Jesper!$R$2:$R$366,ROW(INDEX(Jesper!AL$2:AL$366,ROUNDDOWN($C4147/24,0)+1,1))-1)+IF('Standard Profiles'!$G$22=$B$10,7,0)+IF('Standard Profiles'!$G$22=$B$17,14,0)+IF('Standard Profiles'!$G$22=$B$24,21,0),0)),0)</f>
        <v>0</v>
      </c>
      <c r="I4147">
        <f t="shared" si="468"/>
        <v>0</v>
      </c>
      <c r="J4147">
        <f t="shared" si="469"/>
        <v>30.31602799129675</v>
      </c>
      <c r="K4147">
        <f t="shared" si="470"/>
        <v>2.7249479400685828</v>
      </c>
      <c r="L4147">
        <f t="shared" si="471"/>
        <v>1.3624739700342914</v>
      </c>
      <c r="M4147">
        <f t="shared" si="472"/>
        <v>0</v>
      </c>
      <c r="N4147" s="45">
        <f t="shared" si="473"/>
        <v>45098.374999990025</v>
      </c>
    </row>
    <row r="4148" spans="2:14" x14ac:dyDescent="0.25">
      <c r="B4148">
        <f t="shared" si="467"/>
        <v>3</v>
      </c>
      <c r="C4148" s="16">
        <v>4114</v>
      </c>
      <c r="D4148" cm="1">
        <f t="array" ref="D4148">IFERROR(INDEX(Jesper!AH$2:AH$366,ROUNDDOWN($C4148/24,0)+1,1)*INDEX($D$3:$AA$30,INDEX(Jesper!$R$2:$R$366,ROW(INDEX(Jesper!AH$2:AH$366,ROUNDDOWN($C4148/24,0)+1,1))-1)+IF('Standard Profiles'!$G$18=$B$10,7,0)+IF('Standard Profiles'!$G$18=$B$17,14,0)+IF('Standard Profiles'!$G$18=$B$24,21,0),MOD($C4148,24)+1)/SUM(INDEX($D$3:$AA$30,INDEX(Jesper!$R$2:$R$366,ROW(INDEX(Jesper!AH$2:AH$366,ROUNDDOWN($C4148/24,0)+1,1))-1)+IF('Standard Profiles'!$G$18=$B$10,7,0)+IF('Standard Profiles'!$G$18=$B$17,14,0)+IF('Standard Profiles'!$G$18=$B$24,21,0),0)),0)</f>
        <v>25.546386938142962</v>
      </c>
      <c r="E4148" cm="1">
        <f t="array" ref="E4148">IFERROR(INDEX(Jesper!AI$2:AI$366,ROUNDDOWN($C4148/24,0)+1,1)*INDEX($D$3:$AA$30,INDEX(Jesper!$R$2:$R$366,ROW(INDEX(Jesper!AI$2:AI$366,ROUNDDOWN($C4148/24,0)+1,1))-1)+IF('Standard Profiles'!$G$19=$B$10,7,0)+IF('Standard Profiles'!$G$19=$B$17,14,0)+IF('Standard Profiles'!$G$19=$B$24,21,0),MOD($C4148,24)+1)/SUM(INDEX($D$3:$AA$30,INDEX(Jesper!$R$2:$R$366,ROW(INDEX(Jesper!AI$2:AI$366,ROUNDDOWN($C4148/24,0)+1,1))-1)+IF('Standard Profiles'!$G$19=$B$10,7,0)+IF('Standard Profiles'!$G$19=$B$17,14,0)+IF('Standard Profiles'!$G$19=$B$24,21,0),0)),0)</f>
        <v>8.8570629632566629</v>
      </c>
      <c r="F4148" cm="1">
        <f t="array" ref="F4148">IFERROR(INDEX(Jesper!AJ$2:AJ$366,ROUNDDOWN($C4148/24,0)+1,1)*INDEX($D$3:$AA$30,INDEX(Jesper!$R$2:$R$366,ROW(INDEX(Jesper!AJ$2:AJ$366,ROUNDDOWN($C4148/24,0)+1,1))-1)+IF('Standard Profiles'!$G$20=$B$10,7,0)+IF('Standard Profiles'!$G$20=$B$17,14,0)+IF('Standard Profiles'!$G$20=$B$24,21,0),MOD($C4148,24)+1)/SUM(INDEX($D$3:$AA$30,INDEX(Jesper!$R$2:$R$366,ROW(INDEX(Jesper!AJ$2:AJ$366,ROUNDDOWN($C4148/24,0)+1,1))-1)+IF('Standard Profiles'!$G$20=$B$10,7,0)+IF('Standard Profiles'!$G$20=$B$17,14,0)+IF('Standard Profiles'!$G$20=$B$24,21,0),0)),0)</f>
        <v>0</v>
      </c>
      <c r="G4148" cm="1">
        <f t="array" ref="G4148">IFERROR(INDEX(Jesper!AK$2:AK$366,ROUNDDOWN($C4148/24,0)+1,1)*INDEX($D$3:$AA$30,INDEX(Jesper!$R$2:$R$366,ROW(INDEX(Jesper!AK$2:AK$366,ROUNDDOWN($C4148/24,0)+1,1))-1)+IF('Standard Profiles'!$G$21=$B$10,7,0)+IF('Standard Profiles'!$G$21=$B$17,14,0)+IF('Standard Profiles'!$G$21=$B$24,21,0),MOD($C4148,24)+1)/SUM(INDEX($D$3:$AA$30,INDEX(Jesper!$R$2:$R$366,ROW(INDEX(Jesper!AK$2:AK$366,ROUNDDOWN($C4148/24,0)+1,1))-1)+IF('Standard Profiles'!$G$21=$B$10,7,0)+IF('Standard Profiles'!$G$21=$B$17,14,0)+IF('Standard Profiles'!$G$21=$B$24,21,0),0)),0)</f>
        <v>0</v>
      </c>
      <c r="H4148" cm="1">
        <f t="array" ref="H4148">IFERROR(INDEX(Jesper!AL$2:AL$366,ROUNDDOWN($C4148/24,0)+1,1)*INDEX($D$3:$AA$30,INDEX(Jesper!$R$2:$R$366,ROW(INDEX(Jesper!AL$2:AL$366,ROUNDDOWN($C4148/24,0)+1,1))-1)+IF('Standard Profiles'!$G$22=$B$10,7,0)+IF('Standard Profiles'!$G$22=$B$17,14,0)+IF('Standard Profiles'!$G$22=$B$24,21,0),MOD($C4148,24)+1)/SUM(INDEX($D$3:$AA$30,INDEX(Jesper!$R$2:$R$366,ROW(INDEX(Jesper!AL$2:AL$366,ROUNDDOWN($C4148/24,0)+1,1))-1)+IF('Standard Profiles'!$G$22=$B$10,7,0)+IF('Standard Profiles'!$G$22=$B$17,14,0)+IF('Standard Profiles'!$G$22=$B$24,21,0),0)),0)</f>
        <v>0</v>
      </c>
      <c r="I4148">
        <f t="shared" si="468"/>
        <v>0</v>
      </c>
      <c r="J4148">
        <f t="shared" si="469"/>
        <v>30.31602799129675</v>
      </c>
      <c r="K4148">
        <f t="shared" si="470"/>
        <v>2.7249479400685828</v>
      </c>
      <c r="L4148">
        <f t="shared" si="471"/>
        <v>1.3624739700342914</v>
      </c>
      <c r="M4148">
        <f t="shared" si="472"/>
        <v>0</v>
      </c>
      <c r="N4148" s="45">
        <f t="shared" si="473"/>
        <v>45098.416666656689</v>
      </c>
    </row>
    <row r="4149" spans="2:14" x14ac:dyDescent="0.25">
      <c r="B4149">
        <f t="shared" si="467"/>
        <v>3</v>
      </c>
      <c r="C4149" s="16">
        <v>4115</v>
      </c>
      <c r="D4149" cm="1">
        <f t="array" ref="D4149">IFERROR(INDEX(Jesper!AH$2:AH$366,ROUNDDOWN($C4149/24,0)+1,1)*INDEX($D$3:$AA$30,INDEX(Jesper!$R$2:$R$366,ROW(INDEX(Jesper!AH$2:AH$366,ROUNDDOWN($C4149/24,0)+1,1))-1)+IF('Standard Profiles'!$G$18=$B$10,7,0)+IF('Standard Profiles'!$G$18=$B$17,14,0)+IF('Standard Profiles'!$G$18=$B$24,21,0),MOD($C4149,24)+1)/SUM(INDEX($D$3:$AA$30,INDEX(Jesper!$R$2:$R$366,ROW(INDEX(Jesper!AH$2:AH$366,ROUNDDOWN($C4149/24,0)+1,1))-1)+IF('Standard Profiles'!$G$18=$B$10,7,0)+IF('Standard Profiles'!$G$18=$B$17,14,0)+IF('Standard Profiles'!$G$18=$B$24,21,0),0)),0)</f>
        <v>30.568326250769356</v>
      </c>
      <c r="E4149" cm="1">
        <f t="array" ref="E4149">IFERROR(INDEX(Jesper!AI$2:AI$366,ROUNDDOWN($C4149/24,0)+1,1)*INDEX($D$3:$AA$30,INDEX(Jesper!$R$2:$R$366,ROW(INDEX(Jesper!AI$2:AI$366,ROUNDDOWN($C4149/24,0)+1,1))-1)+IF('Standard Profiles'!$G$19=$B$10,7,0)+IF('Standard Profiles'!$G$19=$B$17,14,0)+IF('Standard Profiles'!$G$19=$B$24,21,0),MOD($C4149,24)+1)/SUM(INDEX($D$3:$AA$30,INDEX(Jesper!$R$2:$R$366,ROW(INDEX(Jesper!AI$2:AI$366,ROUNDDOWN($C4149/24,0)+1,1))-1)+IF('Standard Profiles'!$G$19=$B$10,7,0)+IF('Standard Profiles'!$G$19=$B$17,14,0)+IF('Standard Profiles'!$G$19=$B$24,21,0),0)),0)</f>
        <v>10.598194998768655</v>
      </c>
      <c r="F4149" cm="1">
        <f t="array" ref="F4149">IFERROR(INDEX(Jesper!AJ$2:AJ$366,ROUNDDOWN($C4149/24,0)+1,1)*INDEX($D$3:$AA$30,INDEX(Jesper!$R$2:$R$366,ROW(INDEX(Jesper!AJ$2:AJ$366,ROUNDDOWN($C4149/24,0)+1,1))-1)+IF('Standard Profiles'!$G$20=$B$10,7,0)+IF('Standard Profiles'!$G$20=$B$17,14,0)+IF('Standard Profiles'!$G$20=$B$24,21,0),MOD($C4149,24)+1)/SUM(INDEX($D$3:$AA$30,INDEX(Jesper!$R$2:$R$366,ROW(INDEX(Jesper!AJ$2:AJ$366,ROUNDDOWN($C4149/24,0)+1,1))-1)+IF('Standard Profiles'!$G$20=$B$10,7,0)+IF('Standard Profiles'!$G$20=$B$17,14,0)+IF('Standard Profiles'!$G$20=$B$24,21,0),0)),0)</f>
        <v>0</v>
      </c>
      <c r="G4149" cm="1">
        <f t="array" ref="G4149">IFERROR(INDEX(Jesper!AK$2:AK$366,ROUNDDOWN($C4149/24,0)+1,1)*INDEX($D$3:$AA$30,INDEX(Jesper!$R$2:$R$366,ROW(INDEX(Jesper!AK$2:AK$366,ROUNDDOWN($C4149/24,0)+1,1))-1)+IF('Standard Profiles'!$G$21=$B$10,7,0)+IF('Standard Profiles'!$G$21=$B$17,14,0)+IF('Standard Profiles'!$G$21=$B$24,21,0),MOD($C4149,24)+1)/SUM(INDEX($D$3:$AA$30,INDEX(Jesper!$R$2:$R$366,ROW(INDEX(Jesper!AK$2:AK$366,ROUNDDOWN($C4149/24,0)+1,1))-1)+IF('Standard Profiles'!$G$21=$B$10,7,0)+IF('Standard Profiles'!$G$21=$B$17,14,0)+IF('Standard Profiles'!$G$21=$B$24,21,0),0)),0)</f>
        <v>0</v>
      </c>
      <c r="H4149" cm="1">
        <f t="array" ref="H4149">IFERROR(INDEX(Jesper!AL$2:AL$366,ROUNDDOWN($C4149/24,0)+1,1)*INDEX($D$3:$AA$30,INDEX(Jesper!$R$2:$R$366,ROW(INDEX(Jesper!AL$2:AL$366,ROUNDDOWN($C4149/24,0)+1,1))-1)+IF('Standard Profiles'!$G$22=$B$10,7,0)+IF('Standard Profiles'!$G$22=$B$17,14,0)+IF('Standard Profiles'!$G$22=$B$24,21,0),MOD($C4149,24)+1)/SUM(INDEX($D$3:$AA$30,INDEX(Jesper!$R$2:$R$366,ROW(INDEX(Jesper!AL$2:AL$366,ROUNDDOWN($C4149/24,0)+1,1))-1)+IF('Standard Profiles'!$G$22=$B$10,7,0)+IF('Standard Profiles'!$G$22=$B$17,14,0)+IF('Standard Profiles'!$G$22=$B$24,21,0),0)),0)</f>
        <v>0</v>
      </c>
      <c r="I4149">
        <f t="shared" si="468"/>
        <v>0</v>
      </c>
      <c r="J4149">
        <f t="shared" si="469"/>
        <v>36.275589049414911</v>
      </c>
      <c r="K4149">
        <f t="shared" si="470"/>
        <v>3.2606214667487317</v>
      </c>
      <c r="L4149">
        <f t="shared" si="471"/>
        <v>1.6303107333743658</v>
      </c>
      <c r="M4149">
        <f t="shared" si="472"/>
        <v>0</v>
      </c>
      <c r="N4149" s="45">
        <f t="shared" si="473"/>
        <v>45098.458333323353</v>
      </c>
    </row>
    <row r="4150" spans="2:14" x14ac:dyDescent="0.25">
      <c r="B4150">
        <f t="shared" si="467"/>
        <v>3</v>
      </c>
      <c r="C4150" s="16">
        <v>4116</v>
      </c>
      <c r="D4150" cm="1">
        <f t="array" ref="D4150">IFERROR(INDEX(Jesper!AH$2:AH$366,ROUNDDOWN($C4150/24,0)+1,1)*INDEX($D$3:$AA$30,INDEX(Jesper!$R$2:$R$366,ROW(INDEX(Jesper!AH$2:AH$366,ROUNDDOWN($C4150/24,0)+1,1))-1)+IF('Standard Profiles'!$G$18=$B$10,7,0)+IF('Standard Profiles'!$G$18=$B$17,14,0)+IF('Standard Profiles'!$G$18=$B$24,21,0),MOD($C4150,24)+1)/SUM(INDEX($D$3:$AA$30,INDEX(Jesper!$R$2:$R$366,ROW(INDEX(Jesper!AH$2:AH$366,ROUNDDOWN($C4150/24,0)+1,1))-1)+IF('Standard Profiles'!$G$18=$B$10,7,0)+IF('Standard Profiles'!$G$18=$B$17,14,0)+IF('Standard Profiles'!$G$18=$B$24,21,0),0)),0)</f>
        <v>30.568326250769356</v>
      </c>
      <c r="E4150" cm="1">
        <f t="array" ref="E4150">IFERROR(INDEX(Jesper!AI$2:AI$366,ROUNDDOWN($C4150/24,0)+1,1)*INDEX($D$3:$AA$30,INDEX(Jesper!$R$2:$R$366,ROW(INDEX(Jesper!AI$2:AI$366,ROUNDDOWN($C4150/24,0)+1,1))-1)+IF('Standard Profiles'!$G$19=$B$10,7,0)+IF('Standard Profiles'!$G$19=$B$17,14,0)+IF('Standard Profiles'!$G$19=$B$24,21,0),MOD($C4150,24)+1)/SUM(INDEX($D$3:$AA$30,INDEX(Jesper!$R$2:$R$366,ROW(INDEX(Jesper!AI$2:AI$366,ROUNDDOWN($C4150/24,0)+1,1))-1)+IF('Standard Profiles'!$G$19=$B$10,7,0)+IF('Standard Profiles'!$G$19=$B$17,14,0)+IF('Standard Profiles'!$G$19=$B$24,21,0),0)),0)</f>
        <v>10.598194998768655</v>
      </c>
      <c r="F4150" cm="1">
        <f t="array" ref="F4150">IFERROR(INDEX(Jesper!AJ$2:AJ$366,ROUNDDOWN($C4150/24,0)+1,1)*INDEX($D$3:$AA$30,INDEX(Jesper!$R$2:$R$366,ROW(INDEX(Jesper!AJ$2:AJ$366,ROUNDDOWN($C4150/24,0)+1,1))-1)+IF('Standard Profiles'!$G$20=$B$10,7,0)+IF('Standard Profiles'!$G$20=$B$17,14,0)+IF('Standard Profiles'!$G$20=$B$24,21,0),MOD($C4150,24)+1)/SUM(INDEX($D$3:$AA$30,INDEX(Jesper!$R$2:$R$366,ROW(INDEX(Jesper!AJ$2:AJ$366,ROUNDDOWN($C4150/24,0)+1,1))-1)+IF('Standard Profiles'!$G$20=$B$10,7,0)+IF('Standard Profiles'!$G$20=$B$17,14,0)+IF('Standard Profiles'!$G$20=$B$24,21,0),0)),0)</f>
        <v>0</v>
      </c>
      <c r="G4150" cm="1">
        <f t="array" ref="G4150">IFERROR(INDEX(Jesper!AK$2:AK$366,ROUNDDOWN($C4150/24,0)+1,1)*INDEX($D$3:$AA$30,INDEX(Jesper!$R$2:$R$366,ROW(INDEX(Jesper!AK$2:AK$366,ROUNDDOWN($C4150/24,0)+1,1))-1)+IF('Standard Profiles'!$G$21=$B$10,7,0)+IF('Standard Profiles'!$G$21=$B$17,14,0)+IF('Standard Profiles'!$G$21=$B$24,21,0),MOD($C4150,24)+1)/SUM(INDEX($D$3:$AA$30,INDEX(Jesper!$R$2:$R$366,ROW(INDEX(Jesper!AK$2:AK$366,ROUNDDOWN($C4150/24,0)+1,1))-1)+IF('Standard Profiles'!$G$21=$B$10,7,0)+IF('Standard Profiles'!$G$21=$B$17,14,0)+IF('Standard Profiles'!$G$21=$B$24,21,0),0)),0)</f>
        <v>0</v>
      </c>
      <c r="H4150" cm="1">
        <f t="array" ref="H4150">IFERROR(INDEX(Jesper!AL$2:AL$366,ROUNDDOWN($C4150/24,0)+1,1)*INDEX($D$3:$AA$30,INDEX(Jesper!$R$2:$R$366,ROW(INDEX(Jesper!AL$2:AL$366,ROUNDDOWN($C4150/24,0)+1,1))-1)+IF('Standard Profiles'!$G$22=$B$10,7,0)+IF('Standard Profiles'!$G$22=$B$17,14,0)+IF('Standard Profiles'!$G$22=$B$24,21,0),MOD($C4150,24)+1)/SUM(INDEX($D$3:$AA$30,INDEX(Jesper!$R$2:$R$366,ROW(INDEX(Jesper!AL$2:AL$366,ROUNDDOWN($C4150/24,0)+1,1))-1)+IF('Standard Profiles'!$G$22=$B$10,7,0)+IF('Standard Profiles'!$G$22=$B$17,14,0)+IF('Standard Profiles'!$G$22=$B$24,21,0),0)),0)</f>
        <v>0</v>
      </c>
      <c r="I4150">
        <f t="shared" si="468"/>
        <v>0</v>
      </c>
      <c r="J4150">
        <f t="shared" si="469"/>
        <v>36.275589049414911</v>
      </c>
      <c r="K4150">
        <f t="shared" si="470"/>
        <v>3.2606214667487317</v>
      </c>
      <c r="L4150">
        <f t="shared" si="471"/>
        <v>1.6303107333743658</v>
      </c>
      <c r="M4150">
        <f t="shared" si="472"/>
        <v>0</v>
      </c>
      <c r="N4150" s="45">
        <f t="shared" si="473"/>
        <v>45098.499999990017</v>
      </c>
    </row>
    <row r="4151" spans="2:14" x14ac:dyDescent="0.25">
      <c r="B4151">
        <f t="shared" si="467"/>
        <v>3</v>
      </c>
      <c r="C4151" s="16">
        <v>4117</v>
      </c>
      <c r="D4151" cm="1">
        <f t="array" ref="D4151">IFERROR(INDEX(Jesper!AH$2:AH$366,ROUNDDOWN($C4151/24,0)+1,1)*INDEX($D$3:$AA$30,INDEX(Jesper!$R$2:$R$366,ROW(INDEX(Jesper!AH$2:AH$366,ROUNDDOWN($C4151/24,0)+1,1))-1)+IF('Standard Profiles'!$G$18=$B$10,7,0)+IF('Standard Profiles'!$G$18=$B$17,14,0)+IF('Standard Profiles'!$G$18=$B$24,21,0),MOD($C4151,24)+1)/SUM(INDEX($D$3:$AA$30,INDEX(Jesper!$R$2:$R$366,ROW(INDEX(Jesper!AH$2:AH$366,ROUNDDOWN($C4151/24,0)+1,1))-1)+IF('Standard Profiles'!$G$18=$B$10,7,0)+IF('Standard Profiles'!$G$18=$B$17,14,0)+IF('Standard Profiles'!$G$18=$B$24,21,0),0)),0)</f>
        <v>20.306102438011074</v>
      </c>
      <c r="E4151" cm="1">
        <f t="array" ref="E4151">IFERROR(INDEX(Jesper!AI$2:AI$366,ROUNDDOWN($C4151/24,0)+1,1)*INDEX($D$3:$AA$30,INDEX(Jesper!$R$2:$R$366,ROW(INDEX(Jesper!AI$2:AI$366,ROUNDDOWN($C4151/24,0)+1,1))-1)+IF('Standard Profiles'!$G$19=$B$10,7,0)+IF('Standard Profiles'!$G$19=$B$17,14,0)+IF('Standard Profiles'!$G$19=$B$24,21,0),MOD($C4151,24)+1)/SUM(INDEX($D$3:$AA$30,INDEX(Jesper!$R$2:$R$366,ROW(INDEX(Jesper!AI$2:AI$366,ROUNDDOWN($C4151/24,0)+1,1))-1)+IF('Standard Profiles'!$G$19=$B$10,7,0)+IF('Standard Profiles'!$G$19=$B$17,14,0)+IF('Standard Profiles'!$G$19=$B$24,21,0),0)),0)</f>
        <v>7.0402295348963211</v>
      </c>
      <c r="F4151" cm="1">
        <f t="array" ref="F4151">IFERROR(INDEX(Jesper!AJ$2:AJ$366,ROUNDDOWN($C4151/24,0)+1,1)*INDEX($D$3:$AA$30,INDEX(Jesper!$R$2:$R$366,ROW(INDEX(Jesper!AJ$2:AJ$366,ROUNDDOWN($C4151/24,0)+1,1))-1)+IF('Standard Profiles'!$G$20=$B$10,7,0)+IF('Standard Profiles'!$G$20=$B$17,14,0)+IF('Standard Profiles'!$G$20=$B$24,21,0),MOD($C4151,24)+1)/SUM(INDEX($D$3:$AA$30,INDEX(Jesper!$R$2:$R$366,ROW(INDEX(Jesper!AJ$2:AJ$366,ROUNDDOWN($C4151/24,0)+1,1))-1)+IF('Standard Profiles'!$G$20=$B$10,7,0)+IF('Standard Profiles'!$G$20=$B$17,14,0)+IF('Standard Profiles'!$G$20=$B$24,21,0),0)),0)</f>
        <v>0</v>
      </c>
      <c r="G4151" cm="1">
        <f t="array" ref="G4151">IFERROR(INDEX(Jesper!AK$2:AK$366,ROUNDDOWN($C4151/24,0)+1,1)*INDEX($D$3:$AA$30,INDEX(Jesper!$R$2:$R$366,ROW(INDEX(Jesper!AK$2:AK$366,ROUNDDOWN($C4151/24,0)+1,1))-1)+IF('Standard Profiles'!$G$21=$B$10,7,0)+IF('Standard Profiles'!$G$21=$B$17,14,0)+IF('Standard Profiles'!$G$21=$B$24,21,0),MOD($C4151,24)+1)/SUM(INDEX($D$3:$AA$30,INDEX(Jesper!$R$2:$R$366,ROW(INDEX(Jesper!AK$2:AK$366,ROUNDDOWN($C4151/24,0)+1,1))-1)+IF('Standard Profiles'!$G$21=$B$10,7,0)+IF('Standard Profiles'!$G$21=$B$17,14,0)+IF('Standard Profiles'!$G$21=$B$24,21,0),0)),0)</f>
        <v>0</v>
      </c>
      <c r="H4151" cm="1">
        <f t="array" ref="H4151">IFERROR(INDEX(Jesper!AL$2:AL$366,ROUNDDOWN($C4151/24,0)+1,1)*INDEX($D$3:$AA$30,INDEX(Jesper!$R$2:$R$366,ROW(INDEX(Jesper!AL$2:AL$366,ROUNDDOWN($C4151/24,0)+1,1))-1)+IF('Standard Profiles'!$G$22=$B$10,7,0)+IF('Standard Profiles'!$G$22=$B$17,14,0)+IF('Standard Profiles'!$G$22=$B$24,21,0),MOD($C4151,24)+1)/SUM(INDEX($D$3:$AA$30,INDEX(Jesper!$R$2:$R$366,ROW(INDEX(Jesper!AL$2:AL$366,ROUNDDOWN($C4151/24,0)+1,1))-1)+IF('Standard Profiles'!$G$22=$B$10,7,0)+IF('Standard Profiles'!$G$22=$B$17,14,0)+IF('Standard Profiles'!$G$22=$B$24,21,0),0)),0)</f>
        <v>0</v>
      </c>
      <c r="I4151">
        <f t="shared" si="468"/>
        <v>0</v>
      </c>
      <c r="J4151">
        <f t="shared" si="469"/>
        <v>24.097355582825621</v>
      </c>
      <c r="K4151">
        <f t="shared" si="470"/>
        <v>2.1659842600545147</v>
      </c>
      <c r="L4151">
        <f t="shared" si="471"/>
        <v>1.0829921300272574</v>
      </c>
      <c r="M4151">
        <f t="shared" si="472"/>
        <v>0</v>
      </c>
      <c r="N4151" s="45">
        <f t="shared" si="473"/>
        <v>45098.541666656682</v>
      </c>
    </row>
    <row r="4152" spans="2:14" x14ac:dyDescent="0.25">
      <c r="B4152">
        <f t="shared" si="467"/>
        <v>3</v>
      </c>
      <c r="C4152" s="16">
        <v>4118</v>
      </c>
      <c r="D4152" cm="1">
        <f t="array" ref="D4152">IFERROR(INDEX(Jesper!AH$2:AH$366,ROUNDDOWN($C4152/24,0)+1,1)*INDEX($D$3:$AA$30,INDEX(Jesper!$R$2:$R$366,ROW(INDEX(Jesper!AH$2:AH$366,ROUNDDOWN($C4152/24,0)+1,1))-1)+IF('Standard Profiles'!$G$18=$B$10,7,0)+IF('Standard Profiles'!$G$18=$B$17,14,0)+IF('Standard Profiles'!$G$18=$B$24,21,0),MOD($C4152,24)+1)/SUM(INDEX($D$3:$AA$30,INDEX(Jesper!$R$2:$R$366,ROW(INDEX(Jesper!AH$2:AH$366,ROUNDDOWN($C4152/24,0)+1,1))-1)+IF('Standard Profiles'!$G$18=$B$10,7,0)+IF('Standard Profiles'!$G$18=$B$17,14,0)+IF('Standard Profiles'!$G$18=$B$24,21,0),0)),0)</f>
        <v>30.568326250769356</v>
      </c>
      <c r="E4152" cm="1">
        <f t="array" ref="E4152">IFERROR(INDEX(Jesper!AI$2:AI$366,ROUNDDOWN($C4152/24,0)+1,1)*INDEX($D$3:$AA$30,INDEX(Jesper!$R$2:$R$366,ROW(INDEX(Jesper!AI$2:AI$366,ROUNDDOWN($C4152/24,0)+1,1))-1)+IF('Standard Profiles'!$G$19=$B$10,7,0)+IF('Standard Profiles'!$G$19=$B$17,14,0)+IF('Standard Profiles'!$G$19=$B$24,21,0),MOD($C4152,24)+1)/SUM(INDEX($D$3:$AA$30,INDEX(Jesper!$R$2:$R$366,ROW(INDEX(Jesper!AI$2:AI$366,ROUNDDOWN($C4152/24,0)+1,1))-1)+IF('Standard Profiles'!$G$19=$B$10,7,0)+IF('Standard Profiles'!$G$19=$B$17,14,0)+IF('Standard Profiles'!$G$19=$B$24,21,0),0)),0)</f>
        <v>10.598194998768655</v>
      </c>
      <c r="F4152" cm="1">
        <f t="array" ref="F4152">IFERROR(INDEX(Jesper!AJ$2:AJ$366,ROUNDDOWN($C4152/24,0)+1,1)*INDEX($D$3:$AA$30,INDEX(Jesper!$R$2:$R$366,ROW(INDEX(Jesper!AJ$2:AJ$366,ROUNDDOWN($C4152/24,0)+1,1))-1)+IF('Standard Profiles'!$G$20=$B$10,7,0)+IF('Standard Profiles'!$G$20=$B$17,14,0)+IF('Standard Profiles'!$G$20=$B$24,21,0),MOD($C4152,24)+1)/SUM(INDEX($D$3:$AA$30,INDEX(Jesper!$R$2:$R$366,ROW(INDEX(Jesper!AJ$2:AJ$366,ROUNDDOWN($C4152/24,0)+1,1))-1)+IF('Standard Profiles'!$G$20=$B$10,7,0)+IF('Standard Profiles'!$G$20=$B$17,14,0)+IF('Standard Profiles'!$G$20=$B$24,21,0),0)),0)</f>
        <v>0</v>
      </c>
      <c r="G4152" cm="1">
        <f t="array" ref="G4152">IFERROR(INDEX(Jesper!AK$2:AK$366,ROUNDDOWN($C4152/24,0)+1,1)*INDEX($D$3:$AA$30,INDEX(Jesper!$R$2:$R$366,ROW(INDEX(Jesper!AK$2:AK$366,ROUNDDOWN($C4152/24,0)+1,1))-1)+IF('Standard Profiles'!$G$21=$B$10,7,0)+IF('Standard Profiles'!$G$21=$B$17,14,0)+IF('Standard Profiles'!$G$21=$B$24,21,0),MOD($C4152,24)+1)/SUM(INDEX($D$3:$AA$30,INDEX(Jesper!$R$2:$R$366,ROW(INDEX(Jesper!AK$2:AK$366,ROUNDDOWN($C4152/24,0)+1,1))-1)+IF('Standard Profiles'!$G$21=$B$10,7,0)+IF('Standard Profiles'!$G$21=$B$17,14,0)+IF('Standard Profiles'!$G$21=$B$24,21,0),0)),0)</f>
        <v>0</v>
      </c>
      <c r="H4152" cm="1">
        <f t="array" ref="H4152">IFERROR(INDEX(Jesper!AL$2:AL$366,ROUNDDOWN($C4152/24,0)+1,1)*INDEX($D$3:$AA$30,INDEX(Jesper!$R$2:$R$366,ROW(INDEX(Jesper!AL$2:AL$366,ROUNDDOWN($C4152/24,0)+1,1))-1)+IF('Standard Profiles'!$G$22=$B$10,7,0)+IF('Standard Profiles'!$G$22=$B$17,14,0)+IF('Standard Profiles'!$G$22=$B$24,21,0),MOD($C4152,24)+1)/SUM(INDEX($D$3:$AA$30,INDEX(Jesper!$R$2:$R$366,ROW(INDEX(Jesper!AL$2:AL$366,ROUNDDOWN($C4152/24,0)+1,1))-1)+IF('Standard Profiles'!$G$22=$B$10,7,0)+IF('Standard Profiles'!$G$22=$B$17,14,0)+IF('Standard Profiles'!$G$22=$B$24,21,0),0)),0)</f>
        <v>0</v>
      </c>
      <c r="I4152">
        <f t="shared" si="468"/>
        <v>0</v>
      </c>
      <c r="J4152">
        <f t="shared" si="469"/>
        <v>36.275589049414911</v>
      </c>
      <c r="K4152">
        <f t="shared" si="470"/>
        <v>3.2606214667487317</v>
      </c>
      <c r="L4152">
        <f t="shared" si="471"/>
        <v>1.6303107333743658</v>
      </c>
      <c r="M4152">
        <f t="shared" si="472"/>
        <v>0</v>
      </c>
      <c r="N4152" s="45">
        <f t="shared" si="473"/>
        <v>45098.583333323346</v>
      </c>
    </row>
    <row r="4153" spans="2:14" x14ac:dyDescent="0.25">
      <c r="B4153">
        <f t="shared" si="467"/>
        <v>3</v>
      </c>
      <c r="C4153" s="16">
        <v>4119</v>
      </c>
      <c r="D4153" cm="1">
        <f t="array" ref="D4153">IFERROR(INDEX(Jesper!AH$2:AH$366,ROUNDDOWN($C4153/24,0)+1,1)*INDEX($D$3:$AA$30,INDEX(Jesper!$R$2:$R$366,ROW(INDEX(Jesper!AH$2:AH$366,ROUNDDOWN($C4153/24,0)+1,1))-1)+IF('Standard Profiles'!$G$18=$B$10,7,0)+IF('Standard Profiles'!$G$18=$B$17,14,0)+IF('Standard Profiles'!$G$18=$B$24,21,0),MOD($C4153,24)+1)/SUM(INDEX($D$3:$AA$30,INDEX(Jesper!$R$2:$R$366,ROW(INDEX(Jesper!AH$2:AH$366,ROUNDDOWN($C4153/24,0)+1,1))-1)+IF('Standard Profiles'!$G$18=$B$10,7,0)+IF('Standard Profiles'!$G$18=$B$17,14,0)+IF('Standard Profiles'!$G$18=$B$24,21,0),0)),0)</f>
        <v>30.568326250769356</v>
      </c>
      <c r="E4153" cm="1">
        <f t="array" ref="E4153">IFERROR(INDEX(Jesper!AI$2:AI$366,ROUNDDOWN($C4153/24,0)+1,1)*INDEX($D$3:$AA$30,INDEX(Jesper!$R$2:$R$366,ROW(INDEX(Jesper!AI$2:AI$366,ROUNDDOWN($C4153/24,0)+1,1))-1)+IF('Standard Profiles'!$G$19=$B$10,7,0)+IF('Standard Profiles'!$G$19=$B$17,14,0)+IF('Standard Profiles'!$G$19=$B$24,21,0),MOD($C4153,24)+1)/SUM(INDEX($D$3:$AA$30,INDEX(Jesper!$R$2:$R$366,ROW(INDEX(Jesper!AI$2:AI$366,ROUNDDOWN($C4153/24,0)+1,1))-1)+IF('Standard Profiles'!$G$19=$B$10,7,0)+IF('Standard Profiles'!$G$19=$B$17,14,0)+IF('Standard Profiles'!$G$19=$B$24,21,0),0)),0)</f>
        <v>10.598194998768655</v>
      </c>
      <c r="F4153" cm="1">
        <f t="array" ref="F4153">IFERROR(INDEX(Jesper!AJ$2:AJ$366,ROUNDDOWN($C4153/24,0)+1,1)*INDEX($D$3:$AA$30,INDEX(Jesper!$R$2:$R$366,ROW(INDEX(Jesper!AJ$2:AJ$366,ROUNDDOWN($C4153/24,0)+1,1))-1)+IF('Standard Profiles'!$G$20=$B$10,7,0)+IF('Standard Profiles'!$G$20=$B$17,14,0)+IF('Standard Profiles'!$G$20=$B$24,21,0),MOD($C4153,24)+1)/SUM(INDEX($D$3:$AA$30,INDEX(Jesper!$R$2:$R$366,ROW(INDEX(Jesper!AJ$2:AJ$366,ROUNDDOWN($C4153/24,0)+1,1))-1)+IF('Standard Profiles'!$G$20=$B$10,7,0)+IF('Standard Profiles'!$G$20=$B$17,14,0)+IF('Standard Profiles'!$G$20=$B$24,21,0),0)),0)</f>
        <v>0</v>
      </c>
      <c r="G4153" cm="1">
        <f t="array" ref="G4153">IFERROR(INDEX(Jesper!AK$2:AK$366,ROUNDDOWN($C4153/24,0)+1,1)*INDEX($D$3:$AA$30,INDEX(Jesper!$R$2:$R$366,ROW(INDEX(Jesper!AK$2:AK$366,ROUNDDOWN($C4153/24,0)+1,1))-1)+IF('Standard Profiles'!$G$21=$B$10,7,0)+IF('Standard Profiles'!$G$21=$B$17,14,0)+IF('Standard Profiles'!$G$21=$B$24,21,0),MOD($C4153,24)+1)/SUM(INDEX($D$3:$AA$30,INDEX(Jesper!$R$2:$R$366,ROW(INDEX(Jesper!AK$2:AK$366,ROUNDDOWN($C4153/24,0)+1,1))-1)+IF('Standard Profiles'!$G$21=$B$10,7,0)+IF('Standard Profiles'!$G$21=$B$17,14,0)+IF('Standard Profiles'!$G$21=$B$24,21,0),0)),0)</f>
        <v>0</v>
      </c>
      <c r="H4153" cm="1">
        <f t="array" ref="H4153">IFERROR(INDEX(Jesper!AL$2:AL$366,ROUNDDOWN($C4153/24,0)+1,1)*INDEX($D$3:$AA$30,INDEX(Jesper!$R$2:$R$366,ROW(INDEX(Jesper!AL$2:AL$366,ROUNDDOWN($C4153/24,0)+1,1))-1)+IF('Standard Profiles'!$G$22=$B$10,7,0)+IF('Standard Profiles'!$G$22=$B$17,14,0)+IF('Standard Profiles'!$G$22=$B$24,21,0),MOD($C4153,24)+1)/SUM(INDEX($D$3:$AA$30,INDEX(Jesper!$R$2:$R$366,ROW(INDEX(Jesper!AL$2:AL$366,ROUNDDOWN($C4153/24,0)+1,1))-1)+IF('Standard Profiles'!$G$22=$B$10,7,0)+IF('Standard Profiles'!$G$22=$B$17,14,0)+IF('Standard Profiles'!$G$22=$B$24,21,0),0)),0)</f>
        <v>0</v>
      </c>
      <c r="I4153">
        <f t="shared" si="468"/>
        <v>0</v>
      </c>
      <c r="J4153">
        <f t="shared" si="469"/>
        <v>36.275589049414911</v>
      </c>
      <c r="K4153">
        <f t="shared" si="470"/>
        <v>3.2606214667487317</v>
      </c>
      <c r="L4153">
        <f t="shared" si="471"/>
        <v>1.6303107333743658</v>
      </c>
      <c r="M4153">
        <f t="shared" si="472"/>
        <v>0</v>
      </c>
      <c r="N4153" s="45">
        <f t="shared" si="473"/>
        <v>45098.62499999001</v>
      </c>
    </row>
    <row r="4154" spans="2:14" x14ac:dyDescent="0.25">
      <c r="B4154">
        <f t="shared" si="467"/>
        <v>3</v>
      </c>
      <c r="C4154" s="16">
        <v>4120</v>
      </c>
      <c r="D4154" cm="1">
        <f t="array" ref="D4154">IFERROR(INDEX(Jesper!AH$2:AH$366,ROUNDDOWN($C4154/24,0)+1,1)*INDEX($D$3:$AA$30,INDEX(Jesper!$R$2:$R$366,ROW(INDEX(Jesper!AH$2:AH$366,ROUNDDOWN($C4154/24,0)+1,1))-1)+IF('Standard Profiles'!$G$18=$B$10,7,0)+IF('Standard Profiles'!$G$18=$B$17,14,0)+IF('Standard Profiles'!$G$18=$B$24,21,0),MOD($C4154,24)+1)/SUM(INDEX($D$3:$AA$30,INDEX(Jesper!$R$2:$R$366,ROW(INDEX(Jesper!AH$2:AH$366,ROUNDDOWN($C4154/24,0)+1,1))-1)+IF('Standard Profiles'!$G$18=$B$10,7,0)+IF('Standard Profiles'!$G$18=$B$17,14,0)+IF('Standard Profiles'!$G$18=$B$24,21,0),0)),0)</f>
        <v>18.013477969203372</v>
      </c>
      <c r="E4154" cm="1">
        <f t="array" ref="E4154">IFERROR(INDEX(Jesper!AI$2:AI$366,ROUNDDOWN($C4154/24,0)+1,1)*INDEX($D$3:$AA$30,INDEX(Jesper!$R$2:$R$366,ROW(INDEX(Jesper!AI$2:AI$366,ROUNDDOWN($C4154/24,0)+1,1))-1)+IF('Standard Profiles'!$G$19=$B$10,7,0)+IF('Standard Profiles'!$G$19=$B$17,14,0)+IF('Standard Profiles'!$G$19=$B$24,21,0),MOD($C4154,24)+1)/SUM(INDEX($D$3:$AA$30,INDEX(Jesper!$R$2:$R$366,ROW(INDEX(Jesper!AI$2:AI$366,ROUNDDOWN($C4154/24,0)+1,1))-1)+IF('Standard Profiles'!$G$19=$B$10,7,0)+IF('Standard Profiles'!$G$19=$B$17,14,0)+IF('Standard Profiles'!$G$19=$B$24,21,0),0)),0)</f>
        <v>6.2453649099886723</v>
      </c>
      <c r="F4154" cm="1">
        <f t="array" ref="F4154">IFERROR(INDEX(Jesper!AJ$2:AJ$366,ROUNDDOWN($C4154/24,0)+1,1)*INDEX($D$3:$AA$30,INDEX(Jesper!$R$2:$R$366,ROW(INDEX(Jesper!AJ$2:AJ$366,ROUNDDOWN($C4154/24,0)+1,1))-1)+IF('Standard Profiles'!$G$20=$B$10,7,0)+IF('Standard Profiles'!$G$20=$B$17,14,0)+IF('Standard Profiles'!$G$20=$B$24,21,0),MOD($C4154,24)+1)/SUM(INDEX($D$3:$AA$30,INDEX(Jesper!$R$2:$R$366,ROW(INDEX(Jesper!AJ$2:AJ$366,ROUNDDOWN($C4154/24,0)+1,1))-1)+IF('Standard Profiles'!$G$20=$B$10,7,0)+IF('Standard Profiles'!$G$20=$B$17,14,0)+IF('Standard Profiles'!$G$20=$B$24,21,0),0)),0)</f>
        <v>0</v>
      </c>
      <c r="G4154" cm="1">
        <f t="array" ref="G4154">IFERROR(INDEX(Jesper!AK$2:AK$366,ROUNDDOWN($C4154/24,0)+1,1)*INDEX($D$3:$AA$30,INDEX(Jesper!$R$2:$R$366,ROW(INDEX(Jesper!AK$2:AK$366,ROUNDDOWN($C4154/24,0)+1,1))-1)+IF('Standard Profiles'!$G$21=$B$10,7,0)+IF('Standard Profiles'!$G$21=$B$17,14,0)+IF('Standard Profiles'!$G$21=$B$24,21,0),MOD($C4154,24)+1)/SUM(INDEX($D$3:$AA$30,INDEX(Jesper!$R$2:$R$366,ROW(INDEX(Jesper!AK$2:AK$366,ROUNDDOWN($C4154/24,0)+1,1))-1)+IF('Standard Profiles'!$G$21=$B$10,7,0)+IF('Standard Profiles'!$G$21=$B$17,14,0)+IF('Standard Profiles'!$G$21=$B$24,21,0),0)),0)</f>
        <v>0</v>
      </c>
      <c r="H4154" cm="1">
        <f t="array" ref="H4154">IFERROR(INDEX(Jesper!AL$2:AL$366,ROUNDDOWN($C4154/24,0)+1,1)*INDEX($D$3:$AA$30,INDEX(Jesper!$R$2:$R$366,ROW(INDEX(Jesper!AL$2:AL$366,ROUNDDOWN($C4154/24,0)+1,1))-1)+IF('Standard Profiles'!$G$22=$B$10,7,0)+IF('Standard Profiles'!$G$22=$B$17,14,0)+IF('Standard Profiles'!$G$22=$B$24,21,0),MOD($C4154,24)+1)/SUM(INDEX($D$3:$AA$30,INDEX(Jesper!$R$2:$R$366,ROW(INDEX(Jesper!AL$2:AL$366,ROUNDDOWN($C4154/24,0)+1,1))-1)+IF('Standard Profiles'!$G$22=$B$10,7,0)+IF('Standard Profiles'!$G$22=$B$17,14,0)+IF('Standard Profiles'!$G$22=$B$24,21,0),0)),0)</f>
        <v>0</v>
      </c>
      <c r="I4154">
        <f t="shared" si="468"/>
        <v>0</v>
      </c>
      <c r="J4154">
        <f t="shared" si="469"/>
        <v>21.376686404119503</v>
      </c>
      <c r="K4154">
        <f t="shared" si="470"/>
        <v>1.9214376500483599</v>
      </c>
      <c r="L4154">
        <f t="shared" si="471"/>
        <v>0.96071882502417993</v>
      </c>
      <c r="M4154">
        <f t="shared" si="472"/>
        <v>0</v>
      </c>
      <c r="N4154" s="45">
        <f t="shared" si="473"/>
        <v>45098.666666656674</v>
      </c>
    </row>
    <row r="4155" spans="2:14" x14ac:dyDescent="0.25">
      <c r="B4155">
        <f t="shared" si="467"/>
        <v>3</v>
      </c>
      <c r="C4155" s="16">
        <v>4121</v>
      </c>
      <c r="D4155" cm="1">
        <f t="array" ref="D4155">IFERROR(INDEX(Jesper!AH$2:AH$366,ROUNDDOWN($C4155/24,0)+1,1)*INDEX($D$3:$AA$30,INDEX(Jesper!$R$2:$R$366,ROW(INDEX(Jesper!AH$2:AH$366,ROUNDDOWN($C4155/24,0)+1,1))-1)+IF('Standard Profiles'!$G$18=$B$10,7,0)+IF('Standard Profiles'!$G$18=$B$17,14,0)+IF('Standard Profiles'!$G$18=$B$24,21,0),MOD($C4155,24)+1)/SUM(INDEX($D$3:$AA$30,INDEX(Jesper!$R$2:$R$366,ROW(INDEX(Jesper!AH$2:AH$366,ROUNDDOWN($C4155/24,0)+1,1))-1)+IF('Standard Profiles'!$G$18=$B$10,7,0)+IF('Standard Profiles'!$G$18=$B$17,14,0)+IF('Standard Profiles'!$G$18=$B$24,21,0),0)),0)</f>
        <v>7.6882108276582901</v>
      </c>
      <c r="E4155" cm="1">
        <f t="array" ref="E4155">IFERROR(INDEX(Jesper!AI$2:AI$366,ROUNDDOWN($C4155/24,0)+1,1)*INDEX($D$3:$AA$30,INDEX(Jesper!$R$2:$R$366,ROW(INDEX(Jesper!AI$2:AI$366,ROUNDDOWN($C4155/24,0)+1,1))-1)+IF('Standard Profiles'!$G$19=$B$10,7,0)+IF('Standard Profiles'!$G$19=$B$17,14,0)+IF('Standard Profiles'!$G$19=$B$24,21,0),MOD($C4155,24)+1)/SUM(INDEX($D$3:$AA$30,INDEX(Jesper!$R$2:$R$366,ROW(INDEX(Jesper!AI$2:AI$366,ROUNDDOWN($C4155/24,0)+1,1))-1)+IF('Standard Profiles'!$G$19=$B$10,7,0)+IF('Standard Profiles'!$G$19=$B$17,14,0)+IF('Standard Profiles'!$G$19=$B$24,21,0),0)),0)</f>
        <v>2.665542001702379</v>
      </c>
      <c r="F4155" cm="1">
        <f t="array" ref="F4155">IFERROR(INDEX(Jesper!AJ$2:AJ$366,ROUNDDOWN($C4155/24,0)+1,1)*INDEX($D$3:$AA$30,INDEX(Jesper!$R$2:$R$366,ROW(INDEX(Jesper!AJ$2:AJ$366,ROUNDDOWN($C4155/24,0)+1,1))-1)+IF('Standard Profiles'!$G$20=$B$10,7,0)+IF('Standard Profiles'!$G$20=$B$17,14,0)+IF('Standard Profiles'!$G$20=$B$24,21,0),MOD($C4155,24)+1)/SUM(INDEX($D$3:$AA$30,INDEX(Jesper!$R$2:$R$366,ROW(INDEX(Jesper!AJ$2:AJ$366,ROUNDDOWN($C4155/24,0)+1,1))-1)+IF('Standard Profiles'!$G$20=$B$10,7,0)+IF('Standard Profiles'!$G$20=$B$17,14,0)+IF('Standard Profiles'!$G$20=$B$24,21,0),0)),0)</f>
        <v>0</v>
      </c>
      <c r="G4155" cm="1">
        <f t="array" ref="G4155">IFERROR(INDEX(Jesper!AK$2:AK$366,ROUNDDOWN($C4155/24,0)+1,1)*INDEX($D$3:$AA$30,INDEX(Jesper!$R$2:$R$366,ROW(INDEX(Jesper!AK$2:AK$366,ROUNDDOWN($C4155/24,0)+1,1))-1)+IF('Standard Profiles'!$G$21=$B$10,7,0)+IF('Standard Profiles'!$G$21=$B$17,14,0)+IF('Standard Profiles'!$G$21=$B$24,21,0),MOD($C4155,24)+1)/SUM(INDEX($D$3:$AA$30,INDEX(Jesper!$R$2:$R$366,ROW(INDEX(Jesper!AK$2:AK$366,ROUNDDOWN($C4155/24,0)+1,1))-1)+IF('Standard Profiles'!$G$21=$B$10,7,0)+IF('Standard Profiles'!$G$21=$B$17,14,0)+IF('Standard Profiles'!$G$21=$B$24,21,0),0)),0)</f>
        <v>0</v>
      </c>
      <c r="H4155" cm="1">
        <f t="array" ref="H4155">IFERROR(INDEX(Jesper!AL$2:AL$366,ROUNDDOWN($C4155/24,0)+1,1)*INDEX($D$3:$AA$30,INDEX(Jesper!$R$2:$R$366,ROW(INDEX(Jesper!AL$2:AL$366,ROUNDDOWN($C4155/24,0)+1,1))-1)+IF('Standard Profiles'!$G$22=$B$10,7,0)+IF('Standard Profiles'!$G$22=$B$17,14,0)+IF('Standard Profiles'!$G$22=$B$24,21,0),MOD($C4155,24)+1)/SUM(INDEX($D$3:$AA$30,INDEX(Jesper!$R$2:$R$366,ROW(INDEX(Jesper!AL$2:AL$366,ROUNDDOWN($C4155/24,0)+1,1))-1)+IF('Standard Profiles'!$G$22=$B$10,7,0)+IF('Standard Profiles'!$G$22=$B$17,14,0)+IF('Standard Profiles'!$G$22=$B$24,21,0),0)),0)</f>
        <v>0</v>
      </c>
      <c r="I4155">
        <f t="shared" si="468"/>
        <v>0</v>
      </c>
      <c r="J4155">
        <f t="shared" si="469"/>
        <v>9.1236390969353423</v>
      </c>
      <c r="K4155">
        <f t="shared" si="470"/>
        <v>0.8200758216168843</v>
      </c>
      <c r="L4155">
        <f t="shared" si="471"/>
        <v>0.41003791080844215</v>
      </c>
      <c r="M4155">
        <f t="shared" si="472"/>
        <v>0</v>
      </c>
      <c r="N4155" s="45">
        <f t="shared" si="473"/>
        <v>45098.708333323339</v>
      </c>
    </row>
    <row r="4156" spans="2:14" x14ac:dyDescent="0.25">
      <c r="B4156">
        <f t="shared" si="467"/>
        <v>3</v>
      </c>
      <c r="C4156" s="16">
        <v>4122</v>
      </c>
      <c r="D4156" cm="1">
        <f t="array" ref="D4156">IFERROR(INDEX(Jesper!AH$2:AH$366,ROUNDDOWN($C4156/24,0)+1,1)*INDEX($D$3:$AA$30,INDEX(Jesper!$R$2:$R$366,ROW(INDEX(Jesper!AH$2:AH$366,ROUNDDOWN($C4156/24,0)+1,1))-1)+IF('Standard Profiles'!$G$18=$B$10,7,0)+IF('Standard Profiles'!$G$18=$B$17,14,0)+IF('Standard Profiles'!$G$18=$B$24,21,0),MOD($C4156,24)+1)/SUM(INDEX($D$3:$AA$30,INDEX(Jesper!$R$2:$R$366,ROW(INDEX(Jesper!AH$2:AH$366,ROUNDDOWN($C4156/24,0)+1,1))-1)+IF('Standard Profiles'!$G$18=$B$10,7,0)+IF('Standard Profiles'!$G$18=$B$17,14,0)+IF('Standard Profiles'!$G$18=$B$24,21,0),0)),0)</f>
        <v>5.074219146254471</v>
      </c>
      <c r="E4156" cm="1">
        <f t="array" ref="E4156">IFERROR(INDEX(Jesper!AI$2:AI$366,ROUNDDOWN($C4156/24,0)+1,1)*INDEX($D$3:$AA$30,INDEX(Jesper!$R$2:$R$366,ROW(INDEX(Jesper!AI$2:AI$366,ROUNDDOWN($C4156/24,0)+1,1))-1)+IF('Standard Profiles'!$G$19=$B$10,7,0)+IF('Standard Profiles'!$G$19=$B$17,14,0)+IF('Standard Profiles'!$G$19=$B$24,21,0),MOD($C4156,24)+1)/SUM(INDEX($D$3:$AA$30,INDEX(Jesper!$R$2:$R$366,ROW(INDEX(Jesper!AI$2:AI$366,ROUNDDOWN($C4156/24,0)+1,1))-1)+IF('Standard Profiles'!$G$19=$B$10,7,0)+IF('Standard Profiles'!$G$19=$B$17,14,0)+IF('Standard Profiles'!$G$19=$B$24,21,0),0)),0)</f>
        <v>1.7592577211235696</v>
      </c>
      <c r="F4156" cm="1">
        <f t="array" ref="F4156">IFERROR(INDEX(Jesper!AJ$2:AJ$366,ROUNDDOWN($C4156/24,0)+1,1)*INDEX($D$3:$AA$30,INDEX(Jesper!$R$2:$R$366,ROW(INDEX(Jesper!AJ$2:AJ$366,ROUNDDOWN($C4156/24,0)+1,1))-1)+IF('Standard Profiles'!$G$20=$B$10,7,0)+IF('Standard Profiles'!$G$20=$B$17,14,0)+IF('Standard Profiles'!$G$20=$B$24,21,0),MOD($C4156,24)+1)/SUM(INDEX($D$3:$AA$30,INDEX(Jesper!$R$2:$R$366,ROW(INDEX(Jesper!AJ$2:AJ$366,ROUNDDOWN($C4156/24,0)+1,1))-1)+IF('Standard Profiles'!$G$20=$B$10,7,0)+IF('Standard Profiles'!$G$20=$B$17,14,0)+IF('Standard Profiles'!$G$20=$B$24,21,0),0)),0)</f>
        <v>0</v>
      </c>
      <c r="G4156" cm="1">
        <f t="array" ref="G4156">IFERROR(INDEX(Jesper!AK$2:AK$366,ROUNDDOWN($C4156/24,0)+1,1)*INDEX($D$3:$AA$30,INDEX(Jesper!$R$2:$R$366,ROW(INDEX(Jesper!AK$2:AK$366,ROUNDDOWN($C4156/24,0)+1,1))-1)+IF('Standard Profiles'!$G$21=$B$10,7,0)+IF('Standard Profiles'!$G$21=$B$17,14,0)+IF('Standard Profiles'!$G$21=$B$24,21,0),MOD($C4156,24)+1)/SUM(INDEX($D$3:$AA$30,INDEX(Jesper!$R$2:$R$366,ROW(INDEX(Jesper!AK$2:AK$366,ROUNDDOWN($C4156/24,0)+1,1))-1)+IF('Standard Profiles'!$G$21=$B$10,7,0)+IF('Standard Profiles'!$G$21=$B$17,14,0)+IF('Standard Profiles'!$G$21=$B$24,21,0),0)),0)</f>
        <v>0</v>
      </c>
      <c r="H4156" cm="1">
        <f t="array" ref="H4156">IFERROR(INDEX(Jesper!AL$2:AL$366,ROUNDDOWN($C4156/24,0)+1,1)*INDEX($D$3:$AA$30,INDEX(Jesper!$R$2:$R$366,ROW(INDEX(Jesper!AL$2:AL$366,ROUNDDOWN($C4156/24,0)+1,1))-1)+IF('Standard Profiles'!$G$22=$B$10,7,0)+IF('Standard Profiles'!$G$22=$B$17,14,0)+IF('Standard Profiles'!$G$22=$B$24,21,0),MOD($C4156,24)+1)/SUM(INDEX($D$3:$AA$30,INDEX(Jesper!$R$2:$R$366,ROW(INDEX(Jesper!AL$2:AL$366,ROUNDDOWN($C4156/24,0)+1,1))-1)+IF('Standard Profiles'!$G$22=$B$10,7,0)+IF('Standard Profiles'!$G$22=$B$17,14,0)+IF('Standard Profiles'!$G$22=$B$24,21,0),0)),0)</f>
        <v>0</v>
      </c>
      <c r="I4156">
        <f t="shared" si="468"/>
        <v>0</v>
      </c>
      <c r="J4156">
        <f t="shared" si="469"/>
        <v>6.0216018039773251</v>
      </c>
      <c r="K4156">
        <f t="shared" si="470"/>
        <v>0.54125004226714357</v>
      </c>
      <c r="L4156">
        <f t="shared" si="471"/>
        <v>0.27062502113357179</v>
      </c>
      <c r="M4156">
        <f t="shared" si="472"/>
        <v>0</v>
      </c>
      <c r="N4156" s="45">
        <f t="shared" si="473"/>
        <v>45098.749999990003</v>
      </c>
    </row>
    <row r="4157" spans="2:14" x14ac:dyDescent="0.25">
      <c r="B4157">
        <f t="shared" si="467"/>
        <v>3</v>
      </c>
      <c r="C4157" s="16">
        <v>4123</v>
      </c>
      <c r="D4157" cm="1">
        <f t="array" ref="D4157">IFERROR(INDEX(Jesper!AH$2:AH$366,ROUNDDOWN($C4157/24,0)+1,1)*INDEX($D$3:$AA$30,INDEX(Jesper!$R$2:$R$366,ROW(INDEX(Jesper!AH$2:AH$366,ROUNDDOWN($C4157/24,0)+1,1))-1)+IF('Standard Profiles'!$G$18=$B$10,7,0)+IF('Standard Profiles'!$G$18=$B$17,14,0)+IF('Standard Profiles'!$G$18=$B$24,21,0),MOD($C4157,24)+1)/SUM(INDEX($D$3:$AA$30,INDEX(Jesper!$R$2:$R$366,ROW(INDEX(Jesper!AH$2:AH$366,ROUNDDOWN($C4157/24,0)+1,1))-1)+IF('Standard Profiles'!$G$18=$B$10,7,0)+IF('Standard Profiles'!$G$18=$B$17,14,0)+IF('Standard Profiles'!$G$18=$B$24,21,0),0)),0)</f>
        <v>5.074219146254471</v>
      </c>
      <c r="E4157" cm="1">
        <f t="array" ref="E4157">IFERROR(INDEX(Jesper!AI$2:AI$366,ROUNDDOWN($C4157/24,0)+1,1)*INDEX($D$3:$AA$30,INDEX(Jesper!$R$2:$R$366,ROW(INDEX(Jesper!AI$2:AI$366,ROUNDDOWN($C4157/24,0)+1,1))-1)+IF('Standard Profiles'!$G$19=$B$10,7,0)+IF('Standard Profiles'!$G$19=$B$17,14,0)+IF('Standard Profiles'!$G$19=$B$24,21,0),MOD($C4157,24)+1)/SUM(INDEX($D$3:$AA$30,INDEX(Jesper!$R$2:$R$366,ROW(INDEX(Jesper!AI$2:AI$366,ROUNDDOWN($C4157/24,0)+1,1))-1)+IF('Standard Profiles'!$G$19=$B$10,7,0)+IF('Standard Profiles'!$G$19=$B$17,14,0)+IF('Standard Profiles'!$G$19=$B$24,21,0),0)),0)</f>
        <v>1.7592577211235696</v>
      </c>
      <c r="F4157" cm="1">
        <f t="array" ref="F4157">IFERROR(INDEX(Jesper!AJ$2:AJ$366,ROUNDDOWN($C4157/24,0)+1,1)*INDEX($D$3:$AA$30,INDEX(Jesper!$R$2:$R$366,ROW(INDEX(Jesper!AJ$2:AJ$366,ROUNDDOWN($C4157/24,0)+1,1))-1)+IF('Standard Profiles'!$G$20=$B$10,7,0)+IF('Standard Profiles'!$G$20=$B$17,14,0)+IF('Standard Profiles'!$G$20=$B$24,21,0),MOD($C4157,24)+1)/SUM(INDEX($D$3:$AA$30,INDEX(Jesper!$R$2:$R$366,ROW(INDEX(Jesper!AJ$2:AJ$366,ROUNDDOWN($C4157/24,0)+1,1))-1)+IF('Standard Profiles'!$G$20=$B$10,7,0)+IF('Standard Profiles'!$G$20=$B$17,14,0)+IF('Standard Profiles'!$G$20=$B$24,21,0),0)),0)</f>
        <v>0</v>
      </c>
      <c r="G4157" cm="1">
        <f t="array" ref="G4157">IFERROR(INDEX(Jesper!AK$2:AK$366,ROUNDDOWN($C4157/24,0)+1,1)*INDEX($D$3:$AA$30,INDEX(Jesper!$R$2:$R$366,ROW(INDEX(Jesper!AK$2:AK$366,ROUNDDOWN($C4157/24,0)+1,1))-1)+IF('Standard Profiles'!$G$21=$B$10,7,0)+IF('Standard Profiles'!$G$21=$B$17,14,0)+IF('Standard Profiles'!$G$21=$B$24,21,0),MOD($C4157,24)+1)/SUM(INDEX($D$3:$AA$30,INDEX(Jesper!$R$2:$R$366,ROW(INDEX(Jesper!AK$2:AK$366,ROUNDDOWN($C4157/24,0)+1,1))-1)+IF('Standard Profiles'!$G$21=$B$10,7,0)+IF('Standard Profiles'!$G$21=$B$17,14,0)+IF('Standard Profiles'!$G$21=$B$24,21,0),0)),0)</f>
        <v>0</v>
      </c>
      <c r="H4157" cm="1">
        <f t="array" ref="H4157">IFERROR(INDEX(Jesper!AL$2:AL$366,ROUNDDOWN($C4157/24,0)+1,1)*INDEX($D$3:$AA$30,INDEX(Jesper!$R$2:$R$366,ROW(INDEX(Jesper!AL$2:AL$366,ROUNDDOWN($C4157/24,0)+1,1))-1)+IF('Standard Profiles'!$G$22=$B$10,7,0)+IF('Standard Profiles'!$G$22=$B$17,14,0)+IF('Standard Profiles'!$G$22=$B$24,21,0),MOD($C4157,24)+1)/SUM(INDEX($D$3:$AA$30,INDEX(Jesper!$R$2:$R$366,ROW(INDEX(Jesper!AL$2:AL$366,ROUNDDOWN($C4157/24,0)+1,1))-1)+IF('Standard Profiles'!$G$22=$B$10,7,0)+IF('Standard Profiles'!$G$22=$B$17,14,0)+IF('Standard Profiles'!$G$22=$B$24,21,0),0)),0)</f>
        <v>0</v>
      </c>
      <c r="I4157">
        <f t="shared" si="468"/>
        <v>0</v>
      </c>
      <c r="J4157">
        <f t="shared" si="469"/>
        <v>6.0216018039773251</v>
      </c>
      <c r="K4157">
        <f t="shared" si="470"/>
        <v>0.54125004226714357</v>
      </c>
      <c r="L4157">
        <f t="shared" si="471"/>
        <v>0.27062502113357179</v>
      </c>
      <c r="M4157">
        <f t="shared" si="472"/>
        <v>0</v>
      </c>
      <c r="N4157" s="45">
        <f t="shared" si="473"/>
        <v>45098.791666656667</v>
      </c>
    </row>
    <row r="4158" spans="2:14" x14ac:dyDescent="0.25">
      <c r="B4158">
        <f t="shared" si="467"/>
        <v>3</v>
      </c>
      <c r="C4158" s="16">
        <v>4124</v>
      </c>
      <c r="D4158" cm="1">
        <f t="array" ref="D4158">IFERROR(INDEX(Jesper!AH$2:AH$366,ROUNDDOWN($C4158/24,0)+1,1)*INDEX($D$3:$AA$30,INDEX(Jesper!$R$2:$R$366,ROW(INDEX(Jesper!AH$2:AH$366,ROUNDDOWN($C4158/24,0)+1,1))-1)+IF('Standard Profiles'!$G$18=$B$10,7,0)+IF('Standard Profiles'!$G$18=$B$17,14,0)+IF('Standard Profiles'!$G$18=$B$24,21,0),MOD($C4158,24)+1)/SUM(INDEX($D$3:$AA$30,INDEX(Jesper!$R$2:$R$366,ROW(INDEX(Jesper!AH$2:AH$366,ROUNDDOWN($C4158/24,0)+1,1))-1)+IF('Standard Profiles'!$G$18=$B$10,7,0)+IF('Standard Profiles'!$G$18=$B$17,14,0)+IF('Standard Profiles'!$G$18=$B$24,21,0),0)),0)</f>
        <v>5.074219146254471</v>
      </c>
      <c r="E4158" cm="1">
        <f t="array" ref="E4158">IFERROR(INDEX(Jesper!AI$2:AI$366,ROUNDDOWN($C4158/24,0)+1,1)*INDEX($D$3:$AA$30,INDEX(Jesper!$R$2:$R$366,ROW(INDEX(Jesper!AI$2:AI$366,ROUNDDOWN($C4158/24,0)+1,1))-1)+IF('Standard Profiles'!$G$19=$B$10,7,0)+IF('Standard Profiles'!$G$19=$B$17,14,0)+IF('Standard Profiles'!$G$19=$B$24,21,0),MOD($C4158,24)+1)/SUM(INDEX($D$3:$AA$30,INDEX(Jesper!$R$2:$R$366,ROW(INDEX(Jesper!AI$2:AI$366,ROUNDDOWN($C4158/24,0)+1,1))-1)+IF('Standard Profiles'!$G$19=$B$10,7,0)+IF('Standard Profiles'!$G$19=$B$17,14,0)+IF('Standard Profiles'!$G$19=$B$24,21,0),0)),0)</f>
        <v>1.7592577211235696</v>
      </c>
      <c r="F4158" cm="1">
        <f t="array" ref="F4158">IFERROR(INDEX(Jesper!AJ$2:AJ$366,ROUNDDOWN($C4158/24,0)+1,1)*INDEX($D$3:$AA$30,INDEX(Jesper!$R$2:$R$366,ROW(INDEX(Jesper!AJ$2:AJ$366,ROUNDDOWN($C4158/24,0)+1,1))-1)+IF('Standard Profiles'!$G$20=$B$10,7,0)+IF('Standard Profiles'!$G$20=$B$17,14,0)+IF('Standard Profiles'!$G$20=$B$24,21,0),MOD($C4158,24)+1)/SUM(INDEX($D$3:$AA$30,INDEX(Jesper!$R$2:$R$366,ROW(INDEX(Jesper!AJ$2:AJ$366,ROUNDDOWN($C4158/24,0)+1,1))-1)+IF('Standard Profiles'!$G$20=$B$10,7,0)+IF('Standard Profiles'!$G$20=$B$17,14,0)+IF('Standard Profiles'!$G$20=$B$24,21,0),0)),0)</f>
        <v>0</v>
      </c>
      <c r="G4158" cm="1">
        <f t="array" ref="G4158">IFERROR(INDEX(Jesper!AK$2:AK$366,ROUNDDOWN($C4158/24,0)+1,1)*INDEX($D$3:$AA$30,INDEX(Jesper!$R$2:$R$366,ROW(INDEX(Jesper!AK$2:AK$366,ROUNDDOWN($C4158/24,0)+1,1))-1)+IF('Standard Profiles'!$G$21=$B$10,7,0)+IF('Standard Profiles'!$G$21=$B$17,14,0)+IF('Standard Profiles'!$G$21=$B$24,21,0),MOD($C4158,24)+1)/SUM(INDEX($D$3:$AA$30,INDEX(Jesper!$R$2:$R$366,ROW(INDEX(Jesper!AK$2:AK$366,ROUNDDOWN($C4158/24,0)+1,1))-1)+IF('Standard Profiles'!$G$21=$B$10,7,0)+IF('Standard Profiles'!$G$21=$B$17,14,0)+IF('Standard Profiles'!$G$21=$B$24,21,0),0)),0)</f>
        <v>0</v>
      </c>
      <c r="H4158" cm="1">
        <f t="array" ref="H4158">IFERROR(INDEX(Jesper!AL$2:AL$366,ROUNDDOWN($C4158/24,0)+1,1)*INDEX($D$3:$AA$30,INDEX(Jesper!$R$2:$R$366,ROW(INDEX(Jesper!AL$2:AL$366,ROUNDDOWN($C4158/24,0)+1,1))-1)+IF('Standard Profiles'!$G$22=$B$10,7,0)+IF('Standard Profiles'!$G$22=$B$17,14,0)+IF('Standard Profiles'!$G$22=$B$24,21,0),MOD($C4158,24)+1)/SUM(INDEX($D$3:$AA$30,INDEX(Jesper!$R$2:$R$366,ROW(INDEX(Jesper!AL$2:AL$366,ROUNDDOWN($C4158/24,0)+1,1))-1)+IF('Standard Profiles'!$G$22=$B$10,7,0)+IF('Standard Profiles'!$G$22=$B$17,14,0)+IF('Standard Profiles'!$G$22=$B$24,21,0),0)),0)</f>
        <v>0</v>
      </c>
      <c r="I4158">
        <f t="shared" si="468"/>
        <v>0</v>
      </c>
      <c r="J4158">
        <f t="shared" si="469"/>
        <v>6.0216018039773251</v>
      </c>
      <c r="K4158">
        <f t="shared" si="470"/>
        <v>0.54125004226714357</v>
      </c>
      <c r="L4158">
        <f t="shared" si="471"/>
        <v>0.27062502113357179</v>
      </c>
      <c r="M4158">
        <f t="shared" si="472"/>
        <v>0</v>
      </c>
      <c r="N4158" s="45">
        <f t="shared" si="473"/>
        <v>45098.833333323331</v>
      </c>
    </row>
    <row r="4159" spans="2:14" x14ac:dyDescent="0.25">
      <c r="B4159">
        <f t="shared" si="467"/>
        <v>3</v>
      </c>
      <c r="C4159" s="16">
        <v>4125</v>
      </c>
      <c r="D4159" cm="1">
        <f t="array" ref="D4159">IFERROR(INDEX(Jesper!AH$2:AH$366,ROUNDDOWN($C4159/24,0)+1,1)*INDEX($D$3:$AA$30,INDEX(Jesper!$R$2:$R$366,ROW(INDEX(Jesper!AH$2:AH$366,ROUNDDOWN($C4159/24,0)+1,1))-1)+IF('Standard Profiles'!$G$18=$B$10,7,0)+IF('Standard Profiles'!$G$18=$B$17,14,0)+IF('Standard Profiles'!$G$18=$B$24,21,0),MOD($C4159,24)+1)/SUM(INDEX($D$3:$AA$30,INDEX(Jesper!$R$2:$R$366,ROW(INDEX(Jesper!AH$2:AH$366,ROUNDDOWN($C4159/24,0)+1,1))-1)+IF('Standard Profiles'!$G$18=$B$10,7,0)+IF('Standard Profiles'!$G$18=$B$17,14,0)+IF('Standard Profiles'!$G$18=$B$24,21,0),0)),0)</f>
        <v>5.074219146254471</v>
      </c>
      <c r="E4159" cm="1">
        <f t="array" ref="E4159">IFERROR(INDEX(Jesper!AI$2:AI$366,ROUNDDOWN($C4159/24,0)+1,1)*INDEX($D$3:$AA$30,INDEX(Jesper!$R$2:$R$366,ROW(INDEX(Jesper!AI$2:AI$366,ROUNDDOWN($C4159/24,0)+1,1))-1)+IF('Standard Profiles'!$G$19=$B$10,7,0)+IF('Standard Profiles'!$G$19=$B$17,14,0)+IF('Standard Profiles'!$G$19=$B$24,21,0),MOD($C4159,24)+1)/SUM(INDEX($D$3:$AA$30,INDEX(Jesper!$R$2:$R$366,ROW(INDEX(Jesper!AI$2:AI$366,ROUNDDOWN($C4159/24,0)+1,1))-1)+IF('Standard Profiles'!$G$19=$B$10,7,0)+IF('Standard Profiles'!$G$19=$B$17,14,0)+IF('Standard Profiles'!$G$19=$B$24,21,0),0)),0)</f>
        <v>1.7592577211235696</v>
      </c>
      <c r="F4159" cm="1">
        <f t="array" ref="F4159">IFERROR(INDEX(Jesper!AJ$2:AJ$366,ROUNDDOWN($C4159/24,0)+1,1)*INDEX($D$3:$AA$30,INDEX(Jesper!$R$2:$R$366,ROW(INDEX(Jesper!AJ$2:AJ$366,ROUNDDOWN($C4159/24,0)+1,1))-1)+IF('Standard Profiles'!$G$20=$B$10,7,0)+IF('Standard Profiles'!$G$20=$B$17,14,0)+IF('Standard Profiles'!$G$20=$B$24,21,0),MOD($C4159,24)+1)/SUM(INDEX($D$3:$AA$30,INDEX(Jesper!$R$2:$R$366,ROW(INDEX(Jesper!AJ$2:AJ$366,ROUNDDOWN($C4159/24,0)+1,1))-1)+IF('Standard Profiles'!$G$20=$B$10,7,0)+IF('Standard Profiles'!$G$20=$B$17,14,0)+IF('Standard Profiles'!$G$20=$B$24,21,0),0)),0)</f>
        <v>0</v>
      </c>
      <c r="G4159" cm="1">
        <f t="array" ref="G4159">IFERROR(INDEX(Jesper!AK$2:AK$366,ROUNDDOWN($C4159/24,0)+1,1)*INDEX($D$3:$AA$30,INDEX(Jesper!$R$2:$R$366,ROW(INDEX(Jesper!AK$2:AK$366,ROUNDDOWN($C4159/24,0)+1,1))-1)+IF('Standard Profiles'!$G$21=$B$10,7,0)+IF('Standard Profiles'!$G$21=$B$17,14,0)+IF('Standard Profiles'!$G$21=$B$24,21,0),MOD($C4159,24)+1)/SUM(INDEX($D$3:$AA$30,INDEX(Jesper!$R$2:$R$366,ROW(INDEX(Jesper!AK$2:AK$366,ROUNDDOWN($C4159/24,0)+1,1))-1)+IF('Standard Profiles'!$G$21=$B$10,7,0)+IF('Standard Profiles'!$G$21=$B$17,14,0)+IF('Standard Profiles'!$G$21=$B$24,21,0),0)),0)</f>
        <v>0</v>
      </c>
      <c r="H4159" cm="1">
        <f t="array" ref="H4159">IFERROR(INDEX(Jesper!AL$2:AL$366,ROUNDDOWN($C4159/24,0)+1,1)*INDEX($D$3:$AA$30,INDEX(Jesper!$R$2:$R$366,ROW(INDEX(Jesper!AL$2:AL$366,ROUNDDOWN($C4159/24,0)+1,1))-1)+IF('Standard Profiles'!$G$22=$B$10,7,0)+IF('Standard Profiles'!$G$22=$B$17,14,0)+IF('Standard Profiles'!$G$22=$B$24,21,0),MOD($C4159,24)+1)/SUM(INDEX($D$3:$AA$30,INDEX(Jesper!$R$2:$R$366,ROW(INDEX(Jesper!AL$2:AL$366,ROUNDDOWN($C4159/24,0)+1,1))-1)+IF('Standard Profiles'!$G$22=$B$10,7,0)+IF('Standard Profiles'!$G$22=$B$17,14,0)+IF('Standard Profiles'!$G$22=$B$24,21,0),0)),0)</f>
        <v>0</v>
      </c>
      <c r="I4159">
        <f t="shared" si="468"/>
        <v>0</v>
      </c>
      <c r="J4159">
        <f t="shared" si="469"/>
        <v>6.0216018039773251</v>
      </c>
      <c r="K4159">
        <f t="shared" si="470"/>
        <v>0.54125004226714357</v>
      </c>
      <c r="L4159">
        <f t="shared" si="471"/>
        <v>0.27062502113357179</v>
      </c>
      <c r="M4159">
        <f t="shared" si="472"/>
        <v>0</v>
      </c>
      <c r="N4159" s="45">
        <f t="shared" si="473"/>
        <v>45098.874999989996</v>
      </c>
    </row>
    <row r="4160" spans="2:14" x14ac:dyDescent="0.25">
      <c r="B4160">
        <f t="shared" si="467"/>
        <v>3</v>
      </c>
      <c r="C4160" s="16">
        <v>4126</v>
      </c>
      <c r="D4160" cm="1">
        <f t="array" ref="D4160">IFERROR(INDEX(Jesper!AH$2:AH$366,ROUNDDOWN($C4160/24,0)+1,1)*INDEX($D$3:$AA$30,INDEX(Jesper!$R$2:$R$366,ROW(INDEX(Jesper!AH$2:AH$366,ROUNDDOWN($C4160/24,0)+1,1))-1)+IF('Standard Profiles'!$G$18=$B$10,7,0)+IF('Standard Profiles'!$G$18=$B$17,14,0)+IF('Standard Profiles'!$G$18=$B$24,21,0),MOD($C4160,24)+1)/SUM(INDEX($D$3:$AA$30,INDEX(Jesper!$R$2:$R$366,ROW(INDEX(Jesper!AH$2:AH$366,ROUNDDOWN($C4160/24,0)+1,1))-1)+IF('Standard Profiles'!$G$18=$B$10,7,0)+IF('Standard Profiles'!$G$18=$B$17,14,0)+IF('Standard Profiles'!$G$18=$B$24,21,0),0)),0)</f>
        <v>5.074219146254471</v>
      </c>
      <c r="E4160" cm="1">
        <f t="array" ref="E4160">IFERROR(INDEX(Jesper!AI$2:AI$366,ROUNDDOWN($C4160/24,0)+1,1)*INDEX($D$3:$AA$30,INDEX(Jesper!$R$2:$R$366,ROW(INDEX(Jesper!AI$2:AI$366,ROUNDDOWN($C4160/24,0)+1,1))-1)+IF('Standard Profiles'!$G$19=$B$10,7,0)+IF('Standard Profiles'!$G$19=$B$17,14,0)+IF('Standard Profiles'!$G$19=$B$24,21,0),MOD($C4160,24)+1)/SUM(INDEX($D$3:$AA$30,INDEX(Jesper!$R$2:$R$366,ROW(INDEX(Jesper!AI$2:AI$366,ROUNDDOWN($C4160/24,0)+1,1))-1)+IF('Standard Profiles'!$G$19=$B$10,7,0)+IF('Standard Profiles'!$G$19=$B$17,14,0)+IF('Standard Profiles'!$G$19=$B$24,21,0),0)),0)</f>
        <v>1.7592577211235696</v>
      </c>
      <c r="F4160" cm="1">
        <f t="array" ref="F4160">IFERROR(INDEX(Jesper!AJ$2:AJ$366,ROUNDDOWN($C4160/24,0)+1,1)*INDEX($D$3:$AA$30,INDEX(Jesper!$R$2:$R$366,ROW(INDEX(Jesper!AJ$2:AJ$366,ROUNDDOWN($C4160/24,0)+1,1))-1)+IF('Standard Profiles'!$G$20=$B$10,7,0)+IF('Standard Profiles'!$G$20=$B$17,14,0)+IF('Standard Profiles'!$G$20=$B$24,21,0),MOD($C4160,24)+1)/SUM(INDEX($D$3:$AA$30,INDEX(Jesper!$R$2:$R$366,ROW(INDEX(Jesper!AJ$2:AJ$366,ROUNDDOWN($C4160/24,0)+1,1))-1)+IF('Standard Profiles'!$G$20=$B$10,7,0)+IF('Standard Profiles'!$G$20=$B$17,14,0)+IF('Standard Profiles'!$G$20=$B$24,21,0),0)),0)</f>
        <v>0</v>
      </c>
      <c r="G4160" cm="1">
        <f t="array" ref="G4160">IFERROR(INDEX(Jesper!AK$2:AK$366,ROUNDDOWN($C4160/24,0)+1,1)*INDEX($D$3:$AA$30,INDEX(Jesper!$R$2:$R$366,ROW(INDEX(Jesper!AK$2:AK$366,ROUNDDOWN($C4160/24,0)+1,1))-1)+IF('Standard Profiles'!$G$21=$B$10,7,0)+IF('Standard Profiles'!$G$21=$B$17,14,0)+IF('Standard Profiles'!$G$21=$B$24,21,0),MOD($C4160,24)+1)/SUM(INDEX($D$3:$AA$30,INDEX(Jesper!$R$2:$R$366,ROW(INDEX(Jesper!AK$2:AK$366,ROUNDDOWN($C4160/24,0)+1,1))-1)+IF('Standard Profiles'!$G$21=$B$10,7,0)+IF('Standard Profiles'!$G$21=$B$17,14,0)+IF('Standard Profiles'!$G$21=$B$24,21,0),0)),0)</f>
        <v>0</v>
      </c>
      <c r="H4160" cm="1">
        <f t="array" ref="H4160">IFERROR(INDEX(Jesper!AL$2:AL$366,ROUNDDOWN($C4160/24,0)+1,1)*INDEX($D$3:$AA$30,INDEX(Jesper!$R$2:$R$366,ROW(INDEX(Jesper!AL$2:AL$366,ROUNDDOWN($C4160/24,0)+1,1))-1)+IF('Standard Profiles'!$G$22=$B$10,7,0)+IF('Standard Profiles'!$G$22=$B$17,14,0)+IF('Standard Profiles'!$G$22=$B$24,21,0),MOD($C4160,24)+1)/SUM(INDEX($D$3:$AA$30,INDEX(Jesper!$R$2:$R$366,ROW(INDEX(Jesper!AL$2:AL$366,ROUNDDOWN($C4160/24,0)+1,1))-1)+IF('Standard Profiles'!$G$22=$B$10,7,0)+IF('Standard Profiles'!$G$22=$B$17,14,0)+IF('Standard Profiles'!$G$22=$B$24,21,0),0)),0)</f>
        <v>0</v>
      </c>
      <c r="I4160">
        <f t="shared" si="468"/>
        <v>0</v>
      </c>
      <c r="J4160">
        <f t="shared" si="469"/>
        <v>6.0216018039773251</v>
      </c>
      <c r="K4160">
        <f t="shared" si="470"/>
        <v>0.54125004226714357</v>
      </c>
      <c r="L4160">
        <f t="shared" si="471"/>
        <v>0.27062502113357179</v>
      </c>
      <c r="M4160">
        <f t="shared" si="472"/>
        <v>0</v>
      </c>
      <c r="N4160" s="45">
        <f t="shared" si="473"/>
        <v>45098.91666665666</v>
      </c>
    </row>
    <row r="4161" spans="2:14" x14ac:dyDescent="0.25">
      <c r="B4161">
        <f t="shared" si="467"/>
        <v>3</v>
      </c>
      <c r="C4161" s="16">
        <v>4127</v>
      </c>
      <c r="D4161" cm="1">
        <f t="array" ref="D4161">IFERROR(INDEX(Jesper!AH$2:AH$366,ROUNDDOWN($C4161/24,0)+1,1)*INDEX($D$3:$AA$30,INDEX(Jesper!$R$2:$R$366,ROW(INDEX(Jesper!AH$2:AH$366,ROUNDDOWN($C4161/24,0)+1,1))-1)+IF('Standard Profiles'!$G$18=$B$10,7,0)+IF('Standard Profiles'!$G$18=$B$17,14,0)+IF('Standard Profiles'!$G$18=$B$24,21,0),MOD($C4161,24)+1)/SUM(INDEX($D$3:$AA$30,INDEX(Jesper!$R$2:$R$366,ROW(INDEX(Jesper!AH$2:AH$366,ROUNDDOWN($C4161/24,0)+1,1))-1)+IF('Standard Profiles'!$G$18=$B$10,7,0)+IF('Standard Profiles'!$G$18=$B$17,14,0)+IF('Standard Profiles'!$G$18=$B$24,21,0),0)),0)</f>
        <v>5.074219146254471</v>
      </c>
      <c r="E4161" cm="1">
        <f t="array" ref="E4161">IFERROR(INDEX(Jesper!AI$2:AI$366,ROUNDDOWN($C4161/24,0)+1,1)*INDEX($D$3:$AA$30,INDEX(Jesper!$R$2:$R$366,ROW(INDEX(Jesper!AI$2:AI$366,ROUNDDOWN($C4161/24,0)+1,1))-1)+IF('Standard Profiles'!$G$19=$B$10,7,0)+IF('Standard Profiles'!$G$19=$B$17,14,0)+IF('Standard Profiles'!$G$19=$B$24,21,0),MOD($C4161,24)+1)/SUM(INDEX($D$3:$AA$30,INDEX(Jesper!$R$2:$R$366,ROW(INDEX(Jesper!AI$2:AI$366,ROUNDDOWN($C4161/24,0)+1,1))-1)+IF('Standard Profiles'!$G$19=$B$10,7,0)+IF('Standard Profiles'!$G$19=$B$17,14,0)+IF('Standard Profiles'!$G$19=$B$24,21,0),0)),0)</f>
        <v>1.7592577211235696</v>
      </c>
      <c r="F4161" cm="1">
        <f t="array" ref="F4161">IFERROR(INDEX(Jesper!AJ$2:AJ$366,ROUNDDOWN($C4161/24,0)+1,1)*INDEX($D$3:$AA$30,INDEX(Jesper!$R$2:$R$366,ROW(INDEX(Jesper!AJ$2:AJ$366,ROUNDDOWN($C4161/24,0)+1,1))-1)+IF('Standard Profiles'!$G$20=$B$10,7,0)+IF('Standard Profiles'!$G$20=$B$17,14,0)+IF('Standard Profiles'!$G$20=$B$24,21,0),MOD($C4161,24)+1)/SUM(INDEX($D$3:$AA$30,INDEX(Jesper!$R$2:$R$366,ROW(INDEX(Jesper!AJ$2:AJ$366,ROUNDDOWN($C4161/24,0)+1,1))-1)+IF('Standard Profiles'!$G$20=$B$10,7,0)+IF('Standard Profiles'!$G$20=$B$17,14,0)+IF('Standard Profiles'!$G$20=$B$24,21,0),0)),0)</f>
        <v>0</v>
      </c>
      <c r="G4161" cm="1">
        <f t="array" ref="G4161">IFERROR(INDEX(Jesper!AK$2:AK$366,ROUNDDOWN($C4161/24,0)+1,1)*INDEX($D$3:$AA$30,INDEX(Jesper!$R$2:$R$366,ROW(INDEX(Jesper!AK$2:AK$366,ROUNDDOWN($C4161/24,0)+1,1))-1)+IF('Standard Profiles'!$G$21=$B$10,7,0)+IF('Standard Profiles'!$G$21=$B$17,14,0)+IF('Standard Profiles'!$G$21=$B$24,21,0),MOD($C4161,24)+1)/SUM(INDEX($D$3:$AA$30,INDEX(Jesper!$R$2:$R$366,ROW(INDEX(Jesper!AK$2:AK$366,ROUNDDOWN($C4161/24,0)+1,1))-1)+IF('Standard Profiles'!$G$21=$B$10,7,0)+IF('Standard Profiles'!$G$21=$B$17,14,0)+IF('Standard Profiles'!$G$21=$B$24,21,0),0)),0)</f>
        <v>0</v>
      </c>
      <c r="H4161" cm="1">
        <f t="array" ref="H4161">IFERROR(INDEX(Jesper!AL$2:AL$366,ROUNDDOWN($C4161/24,0)+1,1)*INDEX($D$3:$AA$30,INDEX(Jesper!$R$2:$R$366,ROW(INDEX(Jesper!AL$2:AL$366,ROUNDDOWN($C4161/24,0)+1,1))-1)+IF('Standard Profiles'!$G$22=$B$10,7,0)+IF('Standard Profiles'!$G$22=$B$17,14,0)+IF('Standard Profiles'!$G$22=$B$24,21,0),MOD($C4161,24)+1)/SUM(INDEX($D$3:$AA$30,INDEX(Jesper!$R$2:$R$366,ROW(INDEX(Jesper!AL$2:AL$366,ROUNDDOWN($C4161/24,0)+1,1))-1)+IF('Standard Profiles'!$G$22=$B$10,7,0)+IF('Standard Profiles'!$G$22=$B$17,14,0)+IF('Standard Profiles'!$G$22=$B$24,21,0),0)),0)</f>
        <v>0</v>
      </c>
      <c r="I4161">
        <f t="shared" si="468"/>
        <v>0</v>
      </c>
      <c r="J4161">
        <f t="shared" si="469"/>
        <v>6.0216018039773251</v>
      </c>
      <c r="K4161">
        <f t="shared" si="470"/>
        <v>0.54125004226714357</v>
      </c>
      <c r="L4161">
        <f t="shared" si="471"/>
        <v>0.27062502113357179</v>
      </c>
      <c r="M4161">
        <f t="shared" si="472"/>
        <v>0</v>
      </c>
      <c r="N4161" s="45">
        <f t="shared" si="473"/>
        <v>45098.958333323324</v>
      </c>
    </row>
    <row r="4162" spans="2:14" x14ac:dyDescent="0.25">
      <c r="B4162">
        <f t="shared" si="467"/>
        <v>4</v>
      </c>
      <c r="C4162" s="16">
        <v>4128</v>
      </c>
      <c r="D4162" cm="1">
        <f t="array" ref="D4162">IFERROR(INDEX(Jesper!AH$2:AH$366,ROUNDDOWN($C4162/24,0)+1,1)*INDEX($D$3:$AA$30,INDEX(Jesper!$R$2:$R$366,ROW(INDEX(Jesper!AH$2:AH$366,ROUNDDOWN($C4162/24,0)+1,1))-1)+IF('Standard Profiles'!$G$18=$B$10,7,0)+IF('Standard Profiles'!$G$18=$B$17,14,0)+IF('Standard Profiles'!$G$18=$B$24,21,0),MOD($C4162,24)+1)/SUM(INDEX($D$3:$AA$30,INDEX(Jesper!$R$2:$R$366,ROW(INDEX(Jesper!AH$2:AH$366,ROUNDDOWN($C4162/24,0)+1,1))-1)+IF('Standard Profiles'!$G$18=$B$10,7,0)+IF('Standard Profiles'!$G$18=$B$17,14,0)+IF('Standard Profiles'!$G$18=$B$24,21,0),0)),0)</f>
        <v>5.1624058129032928</v>
      </c>
      <c r="E4162" cm="1">
        <f t="array" ref="E4162">IFERROR(INDEX(Jesper!AI$2:AI$366,ROUNDDOWN($C4162/24,0)+1,1)*INDEX($D$3:$AA$30,INDEX(Jesper!$R$2:$R$366,ROW(INDEX(Jesper!AI$2:AI$366,ROUNDDOWN($C4162/24,0)+1,1))-1)+IF('Standard Profiles'!$G$19=$B$10,7,0)+IF('Standard Profiles'!$G$19=$B$17,14,0)+IF('Standard Profiles'!$G$19=$B$24,21,0),MOD($C4162,24)+1)/SUM(INDEX($D$3:$AA$30,INDEX(Jesper!$R$2:$R$366,ROW(INDEX(Jesper!AI$2:AI$366,ROUNDDOWN($C4162/24,0)+1,1))-1)+IF('Standard Profiles'!$G$19=$B$10,7,0)+IF('Standard Profiles'!$G$19=$B$17,14,0)+IF('Standard Profiles'!$G$19=$B$24,21,0),0)),0)</f>
        <v>1.9241065285959209</v>
      </c>
      <c r="F4162" cm="1">
        <f t="array" ref="F4162">IFERROR(INDEX(Jesper!AJ$2:AJ$366,ROUNDDOWN($C4162/24,0)+1,1)*INDEX($D$3:$AA$30,INDEX(Jesper!$R$2:$R$366,ROW(INDEX(Jesper!AJ$2:AJ$366,ROUNDDOWN($C4162/24,0)+1,1))-1)+IF('Standard Profiles'!$G$20=$B$10,7,0)+IF('Standard Profiles'!$G$20=$B$17,14,0)+IF('Standard Profiles'!$G$20=$B$24,21,0),MOD($C4162,24)+1)/SUM(INDEX($D$3:$AA$30,INDEX(Jesper!$R$2:$R$366,ROW(INDEX(Jesper!AJ$2:AJ$366,ROUNDDOWN($C4162/24,0)+1,1))-1)+IF('Standard Profiles'!$G$20=$B$10,7,0)+IF('Standard Profiles'!$G$20=$B$17,14,0)+IF('Standard Profiles'!$G$20=$B$24,21,0),0)),0)</f>
        <v>0</v>
      </c>
      <c r="G4162" cm="1">
        <f t="array" ref="G4162">IFERROR(INDEX(Jesper!AK$2:AK$366,ROUNDDOWN($C4162/24,0)+1,1)*INDEX($D$3:$AA$30,INDEX(Jesper!$R$2:$R$366,ROW(INDEX(Jesper!AK$2:AK$366,ROUNDDOWN($C4162/24,0)+1,1))-1)+IF('Standard Profiles'!$G$21=$B$10,7,0)+IF('Standard Profiles'!$G$21=$B$17,14,0)+IF('Standard Profiles'!$G$21=$B$24,21,0),MOD($C4162,24)+1)/SUM(INDEX($D$3:$AA$30,INDEX(Jesper!$R$2:$R$366,ROW(INDEX(Jesper!AK$2:AK$366,ROUNDDOWN($C4162/24,0)+1,1))-1)+IF('Standard Profiles'!$G$21=$B$10,7,0)+IF('Standard Profiles'!$G$21=$B$17,14,0)+IF('Standard Profiles'!$G$21=$B$24,21,0),0)),0)</f>
        <v>0</v>
      </c>
      <c r="H4162" cm="1">
        <f t="array" ref="H4162">IFERROR(INDEX(Jesper!AL$2:AL$366,ROUNDDOWN($C4162/24,0)+1,1)*INDEX($D$3:$AA$30,INDEX(Jesper!$R$2:$R$366,ROW(INDEX(Jesper!AL$2:AL$366,ROUNDDOWN($C4162/24,0)+1,1))-1)+IF('Standard Profiles'!$G$22=$B$10,7,0)+IF('Standard Profiles'!$G$22=$B$17,14,0)+IF('Standard Profiles'!$G$22=$B$24,21,0),MOD($C4162,24)+1)/SUM(INDEX($D$3:$AA$30,INDEX(Jesper!$R$2:$R$366,ROW(INDEX(Jesper!AL$2:AL$366,ROUNDDOWN($C4162/24,0)+1,1))-1)+IF('Standard Profiles'!$G$22=$B$10,7,0)+IF('Standard Profiles'!$G$22=$B$17,14,0)+IF('Standard Profiles'!$G$22=$B$24,21,0),0)),0)</f>
        <v>0</v>
      </c>
      <c r="I4162">
        <f t="shared" si="468"/>
        <v>0</v>
      </c>
      <c r="J4162">
        <f t="shared" si="469"/>
        <v>6.2605274114346869</v>
      </c>
      <c r="K4162">
        <f t="shared" si="470"/>
        <v>0.55065662004301796</v>
      </c>
      <c r="L4162">
        <f t="shared" si="471"/>
        <v>0.27532831002150898</v>
      </c>
      <c r="M4162">
        <f t="shared" si="472"/>
        <v>0</v>
      </c>
      <c r="N4162" s="45">
        <f t="shared" si="473"/>
        <v>45098.999999989988</v>
      </c>
    </row>
    <row r="4163" spans="2:14" x14ac:dyDescent="0.25">
      <c r="B4163">
        <f t="shared" si="467"/>
        <v>4</v>
      </c>
      <c r="C4163" s="16">
        <v>4129</v>
      </c>
      <c r="D4163" cm="1">
        <f t="array" ref="D4163">IFERROR(INDEX(Jesper!AH$2:AH$366,ROUNDDOWN($C4163/24,0)+1,1)*INDEX($D$3:$AA$30,INDEX(Jesper!$R$2:$R$366,ROW(INDEX(Jesper!AH$2:AH$366,ROUNDDOWN($C4163/24,0)+1,1))-1)+IF('Standard Profiles'!$G$18=$B$10,7,0)+IF('Standard Profiles'!$G$18=$B$17,14,0)+IF('Standard Profiles'!$G$18=$B$24,21,0),MOD($C4163,24)+1)/SUM(INDEX($D$3:$AA$30,INDEX(Jesper!$R$2:$R$366,ROW(INDEX(Jesper!AH$2:AH$366,ROUNDDOWN($C4163/24,0)+1,1))-1)+IF('Standard Profiles'!$G$18=$B$10,7,0)+IF('Standard Profiles'!$G$18=$B$17,14,0)+IF('Standard Profiles'!$G$18=$B$24,21,0),0)),0)</f>
        <v>5.1624058129032928</v>
      </c>
      <c r="E4163" cm="1">
        <f t="array" ref="E4163">IFERROR(INDEX(Jesper!AI$2:AI$366,ROUNDDOWN($C4163/24,0)+1,1)*INDEX($D$3:$AA$30,INDEX(Jesper!$R$2:$R$366,ROW(INDEX(Jesper!AI$2:AI$366,ROUNDDOWN($C4163/24,0)+1,1))-1)+IF('Standard Profiles'!$G$19=$B$10,7,0)+IF('Standard Profiles'!$G$19=$B$17,14,0)+IF('Standard Profiles'!$G$19=$B$24,21,0),MOD($C4163,24)+1)/SUM(INDEX($D$3:$AA$30,INDEX(Jesper!$R$2:$R$366,ROW(INDEX(Jesper!AI$2:AI$366,ROUNDDOWN($C4163/24,0)+1,1))-1)+IF('Standard Profiles'!$G$19=$B$10,7,0)+IF('Standard Profiles'!$G$19=$B$17,14,0)+IF('Standard Profiles'!$G$19=$B$24,21,0),0)),0)</f>
        <v>1.9241065285959209</v>
      </c>
      <c r="F4163" cm="1">
        <f t="array" ref="F4163">IFERROR(INDEX(Jesper!AJ$2:AJ$366,ROUNDDOWN($C4163/24,0)+1,1)*INDEX($D$3:$AA$30,INDEX(Jesper!$R$2:$R$366,ROW(INDEX(Jesper!AJ$2:AJ$366,ROUNDDOWN($C4163/24,0)+1,1))-1)+IF('Standard Profiles'!$G$20=$B$10,7,0)+IF('Standard Profiles'!$G$20=$B$17,14,0)+IF('Standard Profiles'!$G$20=$B$24,21,0),MOD($C4163,24)+1)/SUM(INDEX($D$3:$AA$30,INDEX(Jesper!$R$2:$R$366,ROW(INDEX(Jesper!AJ$2:AJ$366,ROUNDDOWN($C4163/24,0)+1,1))-1)+IF('Standard Profiles'!$G$20=$B$10,7,0)+IF('Standard Profiles'!$G$20=$B$17,14,0)+IF('Standard Profiles'!$G$20=$B$24,21,0),0)),0)</f>
        <v>0</v>
      </c>
      <c r="G4163" cm="1">
        <f t="array" ref="G4163">IFERROR(INDEX(Jesper!AK$2:AK$366,ROUNDDOWN($C4163/24,0)+1,1)*INDEX($D$3:$AA$30,INDEX(Jesper!$R$2:$R$366,ROW(INDEX(Jesper!AK$2:AK$366,ROUNDDOWN($C4163/24,0)+1,1))-1)+IF('Standard Profiles'!$G$21=$B$10,7,0)+IF('Standard Profiles'!$G$21=$B$17,14,0)+IF('Standard Profiles'!$G$21=$B$24,21,0),MOD($C4163,24)+1)/SUM(INDEX($D$3:$AA$30,INDEX(Jesper!$R$2:$R$366,ROW(INDEX(Jesper!AK$2:AK$366,ROUNDDOWN($C4163/24,0)+1,1))-1)+IF('Standard Profiles'!$G$21=$B$10,7,0)+IF('Standard Profiles'!$G$21=$B$17,14,0)+IF('Standard Profiles'!$G$21=$B$24,21,0),0)),0)</f>
        <v>0</v>
      </c>
      <c r="H4163" cm="1">
        <f t="array" ref="H4163">IFERROR(INDEX(Jesper!AL$2:AL$366,ROUNDDOWN($C4163/24,0)+1,1)*INDEX($D$3:$AA$30,INDEX(Jesper!$R$2:$R$366,ROW(INDEX(Jesper!AL$2:AL$366,ROUNDDOWN($C4163/24,0)+1,1))-1)+IF('Standard Profiles'!$G$22=$B$10,7,0)+IF('Standard Profiles'!$G$22=$B$17,14,0)+IF('Standard Profiles'!$G$22=$B$24,21,0),MOD($C4163,24)+1)/SUM(INDEX($D$3:$AA$30,INDEX(Jesper!$R$2:$R$366,ROW(INDEX(Jesper!AL$2:AL$366,ROUNDDOWN($C4163/24,0)+1,1))-1)+IF('Standard Profiles'!$G$22=$B$10,7,0)+IF('Standard Profiles'!$G$22=$B$17,14,0)+IF('Standard Profiles'!$G$22=$B$24,21,0),0)),0)</f>
        <v>0</v>
      </c>
      <c r="I4163">
        <f t="shared" si="468"/>
        <v>0</v>
      </c>
      <c r="J4163">
        <f t="shared" si="469"/>
        <v>6.2605274114346869</v>
      </c>
      <c r="K4163">
        <f t="shared" si="470"/>
        <v>0.55065662004301796</v>
      </c>
      <c r="L4163">
        <f t="shared" si="471"/>
        <v>0.27532831002150898</v>
      </c>
      <c r="M4163">
        <f t="shared" si="472"/>
        <v>0</v>
      </c>
      <c r="N4163" s="45">
        <f t="shared" si="473"/>
        <v>45099.041666656653</v>
      </c>
    </row>
    <row r="4164" spans="2:14" x14ac:dyDescent="0.25">
      <c r="B4164">
        <f t="shared" si="467"/>
        <v>4</v>
      </c>
      <c r="C4164" s="16">
        <v>4130</v>
      </c>
      <c r="D4164" cm="1">
        <f t="array" ref="D4164">IFERROR(INDEX(Jesper!AH$2:AH$366,ROUNDDOWN($C4164/24,0)+1,1)*INDEX($D$3:$AA$30,INDEX(Jesper!$R$2:$R$366,ROW(INDEX(Jesper!AH$2:AH$366,ROUNDDOWN($C4164/24,0)+1,1))-1)+IF('Standard Profiles'!$G$18=$B$10,7,0)+IF('Standard Profiles'!$G$18=$B$17,14,0)+IF('Standard Profiles'!$G$18=$B$24,21,0),MOD($C4164,24)+1)/SUM(INDEX($D$3:$AA$30,INDEX(Jesper!$R$2:$R$366,ROW(INDEX(Jesper!AH$2:AH$366,ROUNDDOWN($C4164/24,0)+1,1))-1)+IF('Standard Profiles'!$G$18=$B$10,7,0)+IF('Standard Profiles'!$G$18=$B$17,14,0)+IF('Standard Profiles'!$G$18=$B$24,21,0),0)),0)</f>
        <v>5.1624058129032928</v>
      </c>
      <c r="E4164" cm="1">
        <f t="array" ref="E4164">IFERROR(INDEX(Jesper!AI$2:AI$366,ROUNDDOWN($C4164/24,0)+1,1)*INDEX($D$3:$AA$30,INDEX(Jesper!$R$2:$R$366,ROW(INDEX(Jesper!AI$2:AI$366,ROUNDDOWN($C4164/24,0)+1,1))-1)+IF('Standard Profiles'!$G$19=$B$10,7,0)+IF('Standard Profiles'!$G$19=$B$17,14,0)+IF('Standard Profiles'!$G$19=$B$24,21,0),MOD($C4164,24)+1)/SUM(INDEX($D$3:$AA$30,INDEX(Jesper!$R$2:$R$366,ROW(INDEX(Jesper!AI$2:AI$366,ROUNDDOWN($C4164/24,0)+1,1))-1)+IF('Standard Profiles'!$G$19=$B$10,7,0)+IF('Standard Profiles'!$G$19=$B$17,14,0)+IF('Standard Profiles'!$G$19=$B$24,21,0),0)),0)</f>
        <v>1.9241065285959209</v>
      </c>
      <c r="F4164" cm="1">
        <f t="array" ref="F4164">IFERROR(INDEX(Jesper!AJ$2:AJ$366,ROUNDDOWN($C4164/24,0)+1,1)*INDEX($D$3:$AA$30,INDEX(Jesper!$R$2:$R$366,ROW(INDEX(Jesper!AJ$2:AJ$366,ROUNDDOWN($C4164/24,0)+1,1))-1)+IF('Standard Profiles'!$G$20=$B$10,7,0)+IF('Standard Profiles'!$G$20=$B$17,14,0)+IF('Standard Profiles'!$G$20=$B$24,21,0),MOD($C4164,24)+1)/SUM(INDEX($D$3:$AA$30,INDEX(Jesper!$R$2:$R$366,ROW(INDEX(Jesper!AJ$2:AJ$366,ROUNDDOWN($C4164/24,0)+1,1))-1)+IF('Standard Profiles'!$G$20=$B$10,7,0)+IF('Standard Profiles'!$G$20=$B$17,14,0)+IF('Standard Profiles'!$G$20=$B$24,21,0),0)),0)</f>
        <v>0</v>
      </c>
      <c r="G4164" cm="1">
        <f t="array" ref="G4164">IFERROR(INDEX(Jesper!AK$2:AK$366,ROUNDDOWN($C4164/24,0)+1,1)*INDEX($D$3:$AA$30,INDEX(Jesper!$R$2:$R$366,ROW(INDEX(Jesper!AK$2:AK$366,ROUNDDOWN($C4164/24,0)+1,1))-1)+IF('Standard Profiles'!$G$21=$B$10,7,0)+IF('Standard Profiles'!$G$21=$B$17,14,0)+IF('Standard Profiles'!$G$21=$B$24,21,0),MOD($C4164,24)+1)/SUM(INDEX($D$3:$AA$30,INDEX(Jesper!$R$2:$R$366,ROW(INDEX(Jesper!AK$2:AK$366,ROUNDDOWN($C4164/24,0)+1,1))-1)+IF('Standard Profiles'!$G$21=$B$10,7,0)+IF('Standard Profiles'!$G$21=$B$17,14,0)+IF('Standard Profiles'!$G$21=$B$24,21,0),0)),0)</f>
        <v>0</v>
      </c>
      <c r="H4164" cm="1">
        <f t="array" ref="H4164">IFERROR(INDEX(Jesper!AL$2:AL$366,ROUNDDOWN($C4164/24,0)+1,1)*INDEX($D$3:$AA$30,INDEX(Jesper!$R$2:$R$366,ROW(INDEX(Jesper!AL$2:AL$366,ROUNDDOWN($C4164/24,0)+1,1))-1)+IF('Standard Profiles'!$G$22=$B$10,7,0)+IF('Standard Profiles'!$G$22=$B$17,14,0)+IF('Standard Profiles'!$G$22=$B$24,21,0),MOD($C4164,24)+1)/SUM(INDEX($D$3:$AA$30,INDEX(Jesper!$R$2:$R$366,ROW(INDEX(Jesper!AL$2:AL$366,ROUNDDOWN($C4164/24,0)+1,1))-1)+IF('Standard Profiles'!$G$22=$B$10,7,0)+IF('Standard Profiles'!$G$22=$B$17,14,0)+IF('Standard Profiles'!$G$22=$B$24,21,0),0)),0)</f>
        <v>0</v>
      </c>
      <c r="I4164">
        <f t="shared" si="468"/>
        <v>0</v>
      </c>
      <c r="J4164">
        <f t="shared" si="469"/>
        <v>6.2605274114346869</v>
      </c>
      <c r="K4164">
        <f t="shared" si="470"/>
        <v>0.55065662004301796</v>
      </c>
      <c r="L4164">
        <f t="shared" si="471"/>
        <v>0.27532831002150898</v>
      </c>
      <c r="M4164">
        <f t="shared" si="472"/>
        <v>0</v>
      </c>
      <c r="N4164" s="45">
        <f t="shared" si="473"/>
        <v>45099.083333323317</v>
      </c>
    </row>
    <row r="4165" spans="2:14" x14ac:dyDescent="0.25">
      <c r="B4165">
        <f t="shared" si="467"/>
        <v>4</v>
      </c>
      <c r="C4165" s="16">
        <v>4131</v>
      </c>
      <c r="D4165" cm="1">
        <f t="array" ref="D4165">IFERROR(INDEX(Jesper!AH$2:AH$366,ROUNDDOWN($C4165/24,0)+1,1)*INDEX($D$3:$AA$30,INDEX(Jesper!$R$2:$R$366,ROW(INDEX(Jesper!AH$2:AH$366,ROUNDDOWN($C4165/24,0)+1,1))-1)+IF('Standard Profiles'!$G$18=$B$10,7,0)+IF('Standard Profiles'!$G$18=$B$17,14,0)+IF('Standard Profiles'!$G$18=$B$24,21,0),MOD($C4165,24)+1)/SUM(INDEX($D$3:$AA$30,INDEX(Jesper!$R$2:$R$366,ROW(INDEX(Jesper!AH$2:AH$366,ROUNDDOWN($C4165/24,0)+1,1))-1)+IF('Standard Profiles'!$G$18=$B$10,7,0)+IF('Standard Profiles'!$G$18=$B$17,14,0)+IF('Standard Profiles'!$G$18=$B$24,21,0),0)),0)</f>
        <v>5.1624058129032928</v>
      </c>
      <c r="E4165" cm="1">
        <f t="array" ref="E4165">IFERROR(INDEX(Jesper!AI$2:AI$366,ROUNDDOWN($C4165/24,0)+1,1)*INDEX($D$3:$AA$30,INDEX(Jesper!$R$2:$R$366,ROW(INDEX(Jesper!AI$2:AI$366,ROUNDDOWN($C4165/24,0)+1,1))-1)+IF('Standard Profiles'!$G$19=$B$10,7,0)+IF('Standard Profiles'!$G$19=$B$17,14,0)+IF('Standard Profiles'!$G$19=$B$24,21,0),MOD($C4165,24)+1)/SUM(INDEX($D$3:$AA$30,INDEX(Jesper!$R$2:$R$366,ROW(INDEX(Jesper!AI$2:AI$366,ROUNDDOWN($C4165/24,0)+1,1))-1)+IF('Standard Profiles'!$G$19=$B$10,7,0)+IF('Standard Profiles'!$G$19=$B$17,14,0)+IF('Standard Profiles'!$G$19=$B$24,21,0),0)),0)</f>
        <v>1.9241065285959209</v>
      </c>
      <c r="F4165" cm="1">
        <f t="array" ref="F4165">IFERROR(INDEX(Jesper!AJ$2:AJ$366,ROUNDDOWN($C4165/24,0)+1,1)*INDEX($D$3:$AA$30,INDEX(Jesper!$R$2:$R$366,ROW(INDEX(Jesper!AJ$2:AJ$366,ROUNDDOWN($C4165/24,0)+1,1))-1)+IF('Standard Profiles'!$G$20=$B$10,7,0)+IF('Standard Profiles'!$G$20=$B$17,14,0)+IF('Standard Profiles'!$G$20=$B$24,21,0),MOD($C4165,24)+1)/SUM(INDEX($D$3:$AA$30,INDEX(Jesper!$R$2:$R$366,ROW(INDEX(Jesper!AJ$2:AJ$366,ROUNDDOWN($C4165/24,0)+1,1))-1)+IF('Standard Profiles'!$G$20=$B$10,7,0)+IF('Standard Profiles'!$G$20=$B$17,14,0)+IF('Standard Profiles'!$G$20=$B$24,21,0),0)),0)</f>
        <v>0</v>
      </c>
      <c r="G4165" cm="1">
        <f t="array" ref="G4165">IFERROR(INDEX(Jesper!AK$2:AK$366,ROUNDDOWN($C4165/24,0)+1,1)*INDEX($D$3:$AA$30,INDEX(Jesper!$R$2:$R$366,ROW(INDEX(Jesper!AK$2:AK$366,ROUNDDOWN($C4165/24,0)+1,1))-1)+IF('Standard Profiles'!$G$21=$B$10,7,0)+IF('Standard Profiles'!$G$21=$B$17,14,0)+IF('Standard Profiles'!$G$21=$B$24,21,0),MOD($C4165,24)+1)/SUM(INDEX($D$3:$AA$30,INDEX(Jesper!$R$2:$R$366,ROW(INDEX(Jesper!AK$2:AK$366,ROUNDDOWN($C4165/24,0)+1,1))-1)+IF('Standard Profiles'!$G$21=$B$10,7,0)+IF('Standard Profiles'!$G$21=$B$17,14,0)+IF('Standard Profiles'!$G$21=$B$24,21,0),0)),0)</f>
        <v>0</v>
      </c>
      <c r="H4165" cm="1">
        <f t="array" ref="H4165">IFERROR(INDEX(Jesper!AL$2:AL$366,ROUNDDOWN($C4165/24,0)+1,1)*INDEX($D$3:$AA$30,INDEX(Jesper!$R$2:$R$366,ROW(INDEX(Jesper!AL$2:AL$366,ROUNDDOWN($C4165/24,0)+1,1))-1)+IF('Standard Profiles'!$G$22=$B$10,7,0)+IF('Standard Profiles'!$G$22=$B$17,14,0)+IF('Standard Profiles'!$G$22=$B$24,21,0),MOD($C4165,24)+1)/SUM(INDEX($D$3:$AA$30,INDEX(Jesper!$R$2:$R$366,ROW(INDEX(Jesper!AL$2:AL$366,ROUNDDOWN($C4165/24,0)+1,1))-1)+IF('Standard Profiles'!$G$22=$B$10,7,0)+IF('Standard Profiles'!$G$22=$B$17,14,0)+IF('Standard Profiles'!$G$22=$B$24,21,0),0)),0)</f>
        <v>0</v>
      </c>
      <c r="I4165">
        <f t="shared" si="468"/>
        <v>0</v>
      </c>
      <c r="J4165">
        <f t="shared" si="469"/>
        <v>6.2605274114346869</v>
      </c>
      <c r="K4165">
        <f t="shared" si="470"/>
        <v>0.55065662004301796</v>
      </c>
      <c r="L4165">
        <f t="shared" si="471"/>
        <v>0.27532831002150898</v>
      </c>
      <c r="M4165">
        <f t="shared" si="472"/>
        <v>0</v>
      </c>
      <c r="N4165" s="45">
        <f t="shared" si="473"/>
        <v>45099.124999989981</v>
      </c>
    </row>
    <row r="4166" spans="2:14" x14ac:dyDescent="0.25">
      <c r="B4166">
        <f t="shared" si="467"/>
        <v>4</v>
      </c>
      <c r="C4166" s="16">
        <v>4132</v>
      </c>
      <c r="D4166" cm="1">
        <f t="array" ref="D4166">IFERROR(INDEX(Jesper!AH$2:AH$366,ROUNDDOWN($C4166/24,0)+1,1)*INDEX($D$3:$AA$30,INDEX(Jesper!$R$2:$R$366,ROW(INDEX(Jesper!AH$2:AH$366,ROUNDDOWN($C4166/24,0)+1,1))-1)+IF('Standard Profiles'!$G$18=$B$10,7,0)+IF('Standard Profiles'!$G$18=$B$17,14,0)+IF('Standard Profiles'!$G$18=$B$24,21,0),MOD($C4166,24)+1)/SUM(INDEX($D$3:$AA$30,INDEX(Jesper!$R$2:$R$366,ROW(INDEX(Jesper!AH$2:AH$366,ROUNDDOWN($C4166/24,0)+1,1))-1)+IF('Standard Profiles'!$G$18=$B$10,7,0)+IF('Standard Profiles'!$G$18=$B$17,14,0)+IF('Standard Profiles'!$G$18=$B$24,21,0),0)),0)</f>
        <v>5.1624058129032928</v>
      </c>
      <c r="E4166" cm="1">
        <f t="array" ref="E4166">IFERROR(INDEX(Jesper!AI$2:AI$366,ROUNDDOWN($C4166/24,0)+1,1)*INDEX($D$3:$AA$30,INDEX(Jesper!$R$2:$R$366,ROW(INDEX(Jesper!AI$2:AI$366,ROUNDDOWN($C4166/24,0)+1,1))-1)+IF('Standard Profiles'!$G$19=$B$10,7,0)+IF('Standard Profiles'!$G$19=$B$17,14,0)+IF('Standard Profiles'!$G$19=$B$24,21,0),MOD($C4166,24)+1)/SUM(INDEX($D$3:$AA$30,INDEX(Jesper!$R$2:$R$366,ROW(INDEX(Jesper!AI$2:AI$366,ROUNDDOWN($C4166/24,0)+1,1))-1)+IF('Standard Profiles'!$G$19=$B$10,7,0)+IF('Standard Profiles'!$G$19=$B$17,14,0)+IF('Standard Profiles'!$G$19=$B$24,21,0),0)),0)</f>
        <v>1.9241065285959209</v>
      </c>
      <c r="F4166" cm="1">
        <f t="array" ref="F4166">IFERROR(INDEX(Jesper!AJ$2:AJ$366,ROUNDDOWN($C4166/24,0)+1,1)*INDEX($D$3:$AA$30,INDEX(Jesper!$R$2:$R$366,ROW(INDEX(Jesper!AJ$2:AJ$366,ROUNDDOWN($C4166/24,0)+1,1))-1)+IF('Standard Profiles'!$G$20=$B$10,7,0)+IF('Standard Profiles'!$G$20=$B$17,14,0)+IF('Standard Profiles'!$G$20=$B$24,21,0),MOD($C4166,24)+1)/SUM(INDEX($D$3:$AA$30,INDEX(Jesper!$R$2:$R$366,ROW(INDEX(Jesper!AJ$2:AJ$366,ROUNDDOWN($C4166/24,0)+1,1))-1)+IF('Standard Profiles'!$G$20=$B$10,7,0)+IF('Standard Profiles'!$G$20=$B$17,14,0)+IF('Standard Profiles'!$G$20=$B$24,21,0),0)),0)</f>
        <v>0</v>
      </c>
      <c r="G4166" cm="1">
        <f t="array" ref="G4166">IFERROR(INDEX(Jesper!AK$2:AK$366,ROUNDDOWN($C4166/24,0)+1,1)*INDEX($D$3:$AA$30,INDEX(Jesper!$R$2:$R$366,ROW(INDEX(Jesper!AK$2:AK$366,ROUNDDOWN($C4166/24,0)+1,1))-1)+IF('Standard Profiles'!$G$21=$B$10,7,0)+IF('Standard Profiles'!$G$21=$B$17,14,0)+IF('Standard Profiles'!$G$21=$B$24,21,0),MOD($C4166,24)+1)/SUM(INDEX($D$3:$AA$30,INDEX(Jesper!$R$2:$R$366,ROW(INDEX(Jesper!AK$2:AK$366,ROUNDDOWN($C4166/24,0)+1,1))-1)+IF('Standard Profiles'!$G$21=$B$10,7,0)+IF('Standard Profiles'!$G$21=$B$17,14,0)+IF('Standard Profiles'!$G$21=$B$24,21,0),0)),0)</f>
        <v>0</v>
      </c>
      <c r="H4166" cm="1">
        <f t="array" ref="H4166">IFERROR(INDEX(Jesper!AL$2:AL$366,ROUNDDOWN($C4166/24,0)+1,1)*INDEX($D$3:$AA$30,INDEX(Jesper!$R$2:$R$366,ROW(INDEX(Jesper!AL$2:AL$366,ROUNDDOWN($C4166/24,0)+1,1))-1)+IF('Standard Profiles'!$G$22=$B$10,7,0)+IF('Standard Profiles'!$G$22=$B$17,14,0)+IF('Standard Profiles'!$G$22=$B$24,21,0),MOD($C4166,24)+1)/SUM(INDEX($D$3:$AA$30,INDEX(Jesper!$R$2:$R$366,ROW(INDEX(Jesper!AL$2:AL$366,ROUNDDOWN($C4166/24,0)+1,1))-1)+IF('Standard Profiles'!$G$22=$B$10,7,0)+IF('Standard Profiles'!$G$22=$B$17,14,0)+IF('Standard Profiles'!$G$22=$B$24,21,0),0)),0)</f>
        <v>0</v>
      </c>
      <c r="I4166">
        <f t="shared" si="468"/>
        <v>0</v>
      </c>
      <c r="J4166">
        <f t="shared" si="469"/>
        <v>6.2605274114346869</v>
      </c>
      <c r="K4166">
        <f t="shared" si="470"/>
        <v>0.55065662004301796</v>
      </c>
      <c r="L4166">
        <f t="shared" si="471"/>
        <v>0.27532831002150898</v>
      </c>
      <c r="M4166">
        <f t="shared" si="472"/>
        <v>0</v>
      </c>
      <c r="N4166" s="45">
        <f t="shared" si="473"/>
        <v>45099.166666656645</v>
      </c>
    </row>
    <row r="4167" spans="2:14" x14ac:dyDescent="0.25">
      <c r="B4167">
        <f t="shared" si="467"/>
        <v>4</v>
      </c>
      <c r="C4167" s="16">
        <v>4133</v>
      </c>
      <c r="D4167" cm="1">
        <f t="array" ref="D4167">IFERROR(INDEX(Jesper!AH$2:AH$366,ROUNDDOWN($C4167/24,0)+1,1)*INDEX($D$3:$AA$30,INDEX(Jesper!$R$2:$R$366,ROW(INDEX(Jesper!AH$2:AH$366,ROUNDDOWN($C4167/24,0)+1,1))-1)+IF('Standard Profiles'!$G$18=$B$10,7,0)+IF('Standard Profiles'!$G$18=$B$17,14,0)+IF('Standard Profiles'!$G$18=$B$24,21,0),MOD($C4167,24)+1)/SUM(INDEX($D$3:$AA$30,INDEX(Jesper!$R$2:$R$366,ROW(INDEX(Jesper!AH$2:AH$366,ROUNDDOWN($C4167/24,0)+1,1))-1)+IF('Standard Profiles'!$G$18=$B$10,7,0)+IF('Standard Profiles'!$G$18=$B$17,14,0)+IF('Standard Profiles'!$G$18=$B$24,21,0),0)),0)</f>
        <v>5.1624058129032928</v>
      </c>
      <c r="E4167" cm="1">
        <f t="array" ref="E4167">IFERROR(INDEX(Jesper!AI$2:AI$366,ROUNDDOWN($C4167/24,0)+1,1)*INDEX($D$3:$AA$30,INDEX(Jesper!$R$2:$R$366,ROW(INDEX(Jesper!AI$2:AI$366,ROUNDDOWN($C4167/24,0)+1,1))-1)+IF('Standard Profiles'!$G$19=$B$10,7,0)+IF('Standard Profiles'!$G$19=$B$17,14,0)+IF('Standard Profiles'!$G$19=$B$24,21,0),MOD($C4167,24)+1)/SUM(INDEX($D$3:$AA$30,INDEX(Jesper!$R$2:$R$366,ROW(INDEX(Jesper!AI$2:AI$366,ROUNDDOWN($C4167/24,0)+1,1))-1)+IF('Standard Profiles'!$G$19=$B$10,7,0)+IF('Standard Profiles'!$G$19=$B$17,14,0)+IF('Standard Profiles'!$G$19=$B$24,21,0),0)),0)</f>
        <v>1.9241065285959209</v>
      </c>
      <c r="F4167" cm="1">
        <f t="array" ref="F4167">IFERROR(INDEX(Jesper!AJ$2:AJ$366,ROUNDDOWN($C4167/24,0)+1,1)*INDEX($D$3:$AA$30,INDEX(Jesper!$R$2:$R$366,ROW(INDEX(Jesper!AJ$2:AJ$366,ROUNDDOWN($C4167/24,0)+1,1))-1)+IF('Standard Profiles'!$G$20=$B$10,7,0)+IF('Standard Profiles'!$G$20=$B$17,14,0)+IF('Standard Profiles'!$G$20=$B$24,21,0),MOD($C4167,24)+1)/SUM(INDEX($D$3:$AA$30,INDEX(Jesper!$R$2:$R$366,ROW(INDEX(Jesper!AJ$2:AJ$366,ROUNDDOWN($C4167/24,0)+1,1))-1)+IF('Standard Profiles'!$G$20=$B$10,7,0)+IF('Standard Profiles'!$G$20=$B$17,14,0)+IF('Standard Profiles'!$G$20=$B$24,21,0),0)),0)</f>
        <v>0</v>
      </c>
      <c r="G4167" cm="1">
        <f t="array" ref="G4167">IFERROR(INDEX(Jesper!AK$2:AK$366,ROUNDDOWN($C4167/24,0)+1,1)*INDEX($D$3:$AA$30,INDEX(Jesper!$R$2:$R$366,ROW(INDEX(Jesper!AK$2:AK$366,ROUNDDOWN($C4167/24,0)+1,1))-1)+IF('Standard Profiles'!$G$21=$B$10,7,0)+IF('Standard Profiles'!$G$21=$B$17,14,0)+IF('Standard Profiles'!$G$21=$B$24,21,0),MOD($C4167,24)+1)/SUM(INDEX($D$3:$AA$30,INDEX(Jesper!$R$2:$R$366,ROW(INDEX(Jesper!AK$2:AK$366,ROUNDDOWN($C4167/24,0)+1,1))-1)+IF('Standard Profiles'!$G$21=$B$10,7,0)+IF('Standard Profiles'!$G$21=$B$17,14,0)+IF('Standard Profiles'!$G$21=$B$24,21,0),0)),0)</f>
        <v>0</v>
      </c>
      <c r="H4167" cm="1">
        <f t="array" ref="H4167">IFERROR(INDEX(Jesper!AL$2:AL$366,ROUNDDOWN($C4167/24,0)+1,1)*INDEX($D$3:$AA$30,INDEX(Jesper!$R$2:$R$366,ROW(INDEX(Jesper!AL$2:AL$366,ROUNDDOWN($C4167/24,0)+1,1))-1)+IF('Standard Profiles'!$G$22=$B$10,7,0)+IF('Standard Profiles'!$G$22=$B$17,14,0)+IF('Standard Profiles'!$G$22=$B$24,21,0),MOD($C4167,24)+1)/SUM(INDEX($D$3:$AA$30,INDEX(Jesper!$R$2:$R$366,ROW(INDEX(Jesper!AL$2:AL$366,ROUNDDOWN($C4167/24,0)+1,1))-1)+IF('Standard Profiles'!$G$22=$B$10,7,0)+IF('Standard Profiles'!$G$22=$B$17,14,0)+IF('Standard Profiles'!$G$22=$B$24,21,0),0)),0)</f>
        <v>0</v>
      </c>
      <c r="I4167">
        <f t="shared" si="468"/>
        <v>0</v>
      </c>
      <c r="J4167">
        <f t="shared" si="469"/>
        <v>6.2605274114346869</v>
      </c>
      <c r="K4167">
        <f t="shared" si="470"/>
        <v>0.55065662004301796</v>
      </c>
      <c r="L4167">
        <f t="shared" si="471"/>
        <v>0.27532831002150898</v>
      </c>
      <c r="M4167">
        <f t="shared" si="472"/>
        <v>0</v>
      </c>
      <c r="N4167" s="45">
        <f t="shared" si="473"/>
        <v>45099.208333323309</v>
      </c>
    </row>
    <row r="4168" spans="2:14" x14ac:dyDescent="0.25">
      <c r="B4168">
        <f t="shared" si="467"/>
        <v>4</v>
      </c>
      <c r="C4168" s="16">
        <v>4134</v>
      </c>
      <c r="D4168" cm="1">
        <f t="array" ref="D4168">IFERROR(INDEX(Jesper!AH$2:AH$366,ROUNDDOWN($C4168/24,0)+1,1)*INDEX($D$3:$AA$30,INDEX(Jesper!$R$2:$R$366,ROW(INDEX(Jesper!AH$2:AH$366,ROUNDDOWN($C4168/24,0)+1,1))-1)+IF('Standard Profiles'!$G$18=$B$10,7,0)+IF('Standard Profiles'!$G$18=$B$17,14,0)+IF('Standard Profiles'!$G$18=$B$24,21,0),MOD($C4168,24)+1)/SUM(INDEX($D$3:$AA$30,INDEX(Jesper!$R$2:$R$366,ROW(INDEX(Jesper!AH$2:AH$366,ROUNDDOWN($C4168/24,0)+1,1))-1)+IF('Standard Profiles'!$G$18=$B$10,7,0)+IF('Standard Profiles'!$G$18=$B$17,14,0)+IF('Standard Profiles'!$G$18=$B$24,21,0),0)),0)</f>
        <v>5.1624058129032928</v>
      </c>
      <c r="E4168" cm="1">
        <f t="array" ref="E4168">IFERROR(INDEX(Jesper!AI$2:AI$366,ROUNDDOWN($C4168/24,0)+1,1)*INDEX($D$3:$AA$30,INDEX(Jesper!$R$2:$R$366,ROW(INDEX(Jesper!AI$2:AI$366,ROUNDDOWN($C4168/24,0)+1,1))-1)+IF('Standard Profiles'!$G$19=$B$10,7,0)+IF('Standard Profiles'!$G$19=$B$17,14,0)+IF('Standard Profiles'!$G$19=$B$24,21,0),MOD($C4168,24)+1)/SUM(INDEX($D$3:$AA$30,INDEX(Jesper!$R$2:$R$366,ROW(INDEX(Jesper!AI$2:AI$366,ROUNDDOWN($C4168/24,0)+1,1))-1)+IF('Standard Profiles'!$G$19=$B$10,7,0)+IF('Standard Profiles'!$G$19=$B$17,14,0)+IF('Standard Profiles'!$G$19=$B$24,21,0),0)),0)</f>
        <v>1.9241065285959209</v>
      </c>
      <c r="F4168" cm="1">
        <f t="array" ref="F4168">IFERROR(INDEX(Jesper!AJ$2:AJ$366,ROUNDDOWN($C4168/24,0)+1,1)*INDEX($D$3:$AA$30,INDEX(Jesper!$R$2:$R$366,ROW(INDEX(Jesper!AJ$2:AJ$366,ROUNDDOWN($C4168/24,0)+1,1))-1)+IF('Standard Profiles'!$G$20=$B$10,7,0)+IF('Standard Profiles'!$G$20=$B$17,14,0)+IF('Standard Profiles'!$G$20=$B$24,21,0),MOD($C4168,24)+1)/SUM(INDEX($D$3:$AA$30,INDEX(Jesper!$R$2:$R$366,ROW(INDEX(Jesper!AJ$2:AJ$366,ROUNDDOWN($C4168/24,0)+1,1))-1)+IF('Standard Profiles'!$G$20=$B$10,7,0)+IF('Standard Profiles'!$G$20=$B$17,14,0)+IF('Standard Profiles'!$G$20=$B$24,21,0),0)),0)</f>
        <v>0</v>
      </c>
      <c r="G4168" cm="1">
        <f t="array" ref="G4168">IFERROR(INDEX(Jesper!AK$2:AK$366,ROUNDDOWN($C4168/24,0)+1,1)*INDEX($D$3:$AA$30,INDEX(Jesper!$R$2:$R$366,ROW(INDEX(Jesper!AK$2:AK$366,ROUNDDOWN($C4168/24,0)+1,1))-1)+IF('Standard Profiles'!$G$21=$B$10,7,0)+IF('Standard Profiles'!$G$21=$B$17,14,0)+IF('Standard Profiles'!$G$21=$B$24,21,0),MOD($C4168,24)+1)/SUM(INDEX($D$3:$AA$30,INDEX(Jesper!$R$2:$R$366,ROW(INDEX(Jesper!AK$2:AK$366,ROUNDDOWN($C4168/24,0)+1,1))-1)+IF('Standard Profiles'!$G$21=$B$10,7,0)+IF('Standard Profiles'!$G$21=$B$17,14,0)+IF('Standard Profiles'!$G$21=$B$24,21,0),0)),0)</f>
        <v>0</v>
      </c>
      <c r="H4168" cm="1">
        <f t="array" ref="H4168">IFERROR(INDEX(Jesper!AL$2:AL$366,ROUNDDOWN($C4168/24,0)+1,1)*INDEX($D$3:$AA$30,INDEX(Jesper!$R$2:$R$366,ROW(INDEX(Jesper!AL$2:AL$366,ROUNDDOWN($C4168/24,0)+1,1))-1)+IF('Standard Profiles'!$G$22=$B$10,7,0)+IF('Standard Profiles'!$G$22=$B$17,14,0)+IF('Standard Profiles'!$G$22=$B$24,21,0),MOD($C4168,24)+1)/SUM(INDEX($D$3:$AA$30,INDEX(Jesper!$R$2:$R$366,ROW(INDEX(Jesper!AL$2:AL$366,ROUNDDOWN($C4168/24,0)+1,1))-1)+IF('Standard Profiles'!$G$22=$B$10,7,0)+IF('Standard Profiles'!$G$22=$B$17,14,0)+IF('Standard Profiles'!$G$22=$B$24,21,0),0)),0)</f>
        <v>0</v>
      </c>
      <c r="I4168">
        <f t="shared" si="468"/>
        <v>0</v>
      </c>
      <c r="J4168">
        <f t="shared" si="469"/>
        <v>6.2605274114346869</v>
      </c>
      <c r="K4168">
        <f t="shared" si="470"/>
        <v>0.55065662004301796</v>
      </c>
      <c r="L4168">
        <f t="shared" si="471"/>
        <v>0.27532831002150898</v>
      </c>
      <c r="M4168">
        <f t="shared" si="472"/>
        <v>0</v>
      </c>
      <c r="N4168" s="45">
        <f t="shared" si="473"/>
        <v>45099.249999989974</v>
      </c>
    </row>
    <row r="4169" spans="2:14" x14ac:dyDescent="0.25">
      <c r="B4169">
        <f t="shared" si="467"/>
        <v>4</v>
      </c>
      <c r="C4169" s="16">
        <v>4135</v>
      </c>
      <c r="D4169" cm="1">
        <f t="array" ref="D4169">IFERROR(INDEX(Jesper!AH$2:AH$366,ROUNDDOWN($C4169/24,0)+1,1)*INDEX($D$3:$AA$30,INDEX(Jesper!$R$2:$R$366,ROW(INDEX(Jesper!AH$2:AH$366,ROUNDDOWN($C4169/24,0)+1,1))-1)+IF('Standard Profiles'!$G$18=$B$10,7,0)+IF('Standard Profiles'!$G$18=$B$17,14,0)+IF('Standard Profiles'!$G$18=$B$24,21,0),MOD($C4169,24)+1)/SUM(INDEX($D$3:$AA$30,INDEX(Jesper!$R$2:$R$366,ROW(INDEX(Jesper!AH$2:AH$366,ROUNDDOWN($C4169/24,0)+1,1))-1)+IF('Standard Profiles'!$G$18=$B$10,7,0)+IF('Standard Profiles'!$G$18=$B$17,14,0)+IF('Standard Profiles'!$G$18=$B$24,21,0),0)),0)</f>
        <v>21.10328921698952</v>
      </c>
      <c r="E4169" cm="1">
        <f t="array" ref="E4169">IFERROR(INDEX(Jesper!AI$2:AI$366,ROUNDDOWN($C4169/24,0)+1,1)*INDEX($D$3:$AA$30,INDEX(Jesper!$R$2:$R$366,ROW(INDEX(Jesper!AI$2:AI$366,ROUNDDOWN($C4169/24,0)+1,1))-1)+IF('Standard Profiles'!$G$19=$B$10,7,0)+IF('Standard Profiles'!$G$19=$B$17,14,0)+IF('Standard Profiles'!$G$19=$B$24,21,0),MOD($C4169,24)+1)/SUM(INDEX($D$3:$AA$30,INDEX(Jesper!$R$2:$R$366,ROW(INDEX(Jesper!AI$2:AI$366,ROUNDDOWN($C4169/24,0)+1,1))-1)+IF('Standard Profiles'!$G$19=$B$10,7,0)+IF('Standard Profiles'!$G$19=$B$17,14,0)+IF('Standard Profiles'!$G$19=$B$24,21,0),0)),0)</f>
        <v>7.8655142638663547</v>
      </c>
      <c r="F4169" cm="1">
        <f t="array" ref="F4169">IFERROR(INDEX(Jesper!AJ$2:AJ$366,ROUNDDOWN($C4169/24,0)+1,1)*INDEX($D$3:$AA$30,INDEX(Jesper!$R$2:$R$366,ROW(INDEX(Jesper!AJ$2:AJ$366,ROUNDDOWN($C4169/24,0)+1,1))-1)+IF('Standard Profiles'!$G$20=$B$10,7,0)+IF('Standard Profiles'!$G$20=$B$17,14,0)+IF('Standard Profiles'!$G$20=$B$24,21,0),MOD($C4169,24)+1)/SUM(INDEX($D$3:$AA$30,INDEX(Jesper!$R$2:$R$366,ROW(INDEX(Jesper!AJ$2:AJ$366,ROUNDDOWN($C4169/24,0)+1,1))-1)+IF('Standard Profiles'!$G$20=$B$10,7,0)+IF('Standard Profiles'!$G$20=$B$17,14,0)+IF('Standard Profiles'!$G$20=$B$24,21,0),0)),0)</f>
        <v>0</v>
      </c>
      <c r="G4169" cm="1">
        <f t="array" ref="G4169">IFERROR(INDEX(Jesper!AK$2:AK$366,ROUNDDOWN($C4169/24,0)+1,1)*INDEX($D$3:$AA$30,INDEX(Jesper!$R$2:$R$366,ROW(INDEX(Jesper!AK$2:AK$366,ROUNDDOWN($C4169/24,0)+1,1))-1)+IF('Standard Profiles'!$G$21=$B$10,7,0)+IF('Standard Profiles'!$G$21=$B$17,14,0)+IF('Standard Profiles'!$G$21=$B$24,21,0),MOD($C4169,24)+1)/SUM(INDEX($D$3:$AA$30,INDEX(Jesper!$R$2:$R$366,ROW(INDEX(Jesper!AK$2:AK$366,ROUNDDOWN($C4169/24,0)+1,1))-1)+IF('Standard Profiles'!$G$21=$B$10,7,0)+IF('Standard Profiles'!$G$21=$B$17,14,0)+IF('Standard Profiles'!$G$21=$B$24,21,0),0)),0)</f>
        <v>0</v>
      </c>
      <c r="H4169" cm="1">
        <f t="array" ref="H4169">IFERROR(INDEX(Jesper!AL$2:AL$366,ROUNDDOWN($C4169/24,0)+1,1)*INDEX($D$3:$AA$30,INDEX(Jesper!$R$2:$R$366,ROW(INDEX(Jesper!AL$2:AL$366,ROUNDDOWN($C4169/24,0)+1,1))-1)+IF('Standard Profiles'!$G$22=$B$10,7,0)+IF('Standard Profiles'!$G$22=$B$17,14,0)+IF('Standard Profiles'!$G$22=$B$24,21,0),MOD($C4169,24)+1)/SUM(INDEX($D$3:$AA$30,INDEX(Jesper!$R$2:$R$366,ROW(INDEX(Jesper!AL$2:AL$366,ROUNDDOWN($C4169/24,0)+1,1))-1)+IF('Standard Profiles'!$G$22=$B$10,7,0)+IF('Standard Profiles'!$G$22=$B$17,14,0)+IF('Standard Profiles'!$G$22=$B$24,21,0),0)),0)</f>
        <v>0</v>
      </c>
      <c r="I4169">
        <f t="shared" si="468"/>
        <v>0</v>
      </c>
      <c r="J4169">
        <f t="shared" si="469"/>
        <v>25.592277206137553</v>
      </c>
      <c r="K4169">
        <f t="shared" si="470"/>
        <v>2.2510175164788824</v>
      </c>
      <c r="L4169">
        <f t="shared" si="471"/>
        <v>1.1255087582394412</v>
      </c>
      <c r="M4169">
        <f t="shared" si="472"/>
        <v>0</v>
      </c>
      <c r="N4169" s="45">
        <f t="shared" si="473"/>
        <v>45099.291666656638</v>
      </c>
    </row>
    <row r="4170" spans="2:14" x14ac:dyDescent="0.25">
      <c r="B4170">
        <f t="shared" si="467"/>
        <v>4</v>
      </c>
      <c r="C4170" s="16">
        <v>4136</v>
      </c>
      <c r="D4170" cm="1">
        <f t="array" ref="D4170">IFERROR(INDEX(Jesper!AH$2:AH$366,ROUNDDOWN($C4170/24,0)+1,1)*INDEX($D$3:$AA$30,INDEX(Jesper!$R$2:$R$366,ROW(INDEX(Jesper!AH$2:AH$366,ROUNDDOWN($C4170/24,0)+1,1))-1)+IF('Standard Profiles'!$G$18=$B$10,7,0)+IF('Standard Profiles'!$G$18=$B$17,14,0)+IF('Standard Profiles'!$G$18=$B$24,21,0),MOD($C4170,24)+1)/SUM(INDEX($D$3:$AA$30,INDEX(Jesper!$R$2:$R$366,ROW(INDEX(Jesper!AH$2:AH$366,ROUNDDOWN($C4170/24,0)+1,1))-1)+IF('Standard Profiles'!$G$18=$B$10,7,0)+IF('Standard Profiles'!$G$18=$B$17,14,0)+IF('Standard Profiles'!$G$18=$B$24,21,0),0)),0)</f>
        <v>23.546827968430414</v>
      </c>
      <c r="E4170" cm="1">
        <f t="array" ref="E4170">IFERROR(INDEX(Jesper!AI$2:AI$366,ROUNDDOWN($C4170/24,0)+1,1)*INDEX($D$3:$AA$30,INDEX(Jesper!$R$2:$R$366,ROW(INDEX(Jesper!AI$2:AI$366,ROUNDDOWN($C4170/24,0)+1,1))-1)+IF('Standard Profiles'!$G$19=$B$10,7,0)+IF('Standard Profiles'!$G$19=$B$17,14,0)+IF('Standard Profiles'!$G$19=$B$24,21,0),MOD($C4170,24)+1)/SUM(INDEX($D$3:$AA$30,INDEX(Jesper!$R$2:$R$366,ROW(INDEX(Jesper!AI$2:AI$366,ROUNDDOWN($C4170/24,0)+1,1))-1)+IF('Standard Profiles'!$G$19=$B$10,7,0)+IF('Standard Profiles'!$G$19=$B$17,14,0)+IF('Standard Profiles'!$G$19=$B$24,21,0),0)),0)</f>
        <v>8.7762580207350904</v>
      </c>
      <c r="F4170" cm="1">
        <f t="array" ref="F4170">IFERROR(INDEX(Jesper!AJ$2:AJ$366,ROUNDDOWN($C4170/24,0)+1,1)*INDEX($D$3:$AA$30,INDEX(Jesper!$R$2:$R$366,ROW(INDEX(Jesper!AJ$2:AJ$366,ROUNDDOWN($C4170/24,0)+1,1))-1)+IF('Standard Profiles'!$G$20=$B$10,7,0)+IF('Standard Profiles'!$G$20=$B$17,14,0)+IF('Standard Profiles'!$G$20=$B$24,21,0),MOD($C4170,24)+1)/SUM(INDEX($D$3:$AA$30,INDEX(Jesper!$R$2:$R$366,ROW(INDEX(Jesper!AJ$2:AJ$366,ROUNDDOWN($C4170/24,0)+1,1))-1)+IF('Standard Profiles'!$G$20=$B$10,7,0)+IF('Standard Profiles'!$G$20=$B$17,14,0)+IF('Standard Profiles'!$G$20=$B$24,21,0),0)),0)</f>
        <v>0</v>
      </c>
      <c r="G4170" cm="1">
        <f t="array" ref="G4170">IFERROR(INDEX(Jesper!AK$2:AK$366,ROUNDDOWN($C4170/24,0)+1,1)*INDEX($D$3:$AA$30,INDEX(Jesper!$R$2:$R$366,ROW(INDEX(Jesper!AK$2:AK$366,ROUNDDOWN($C4170/24,0)+1,1))-1)+IF('Standard Profiles'!$G$21=$B$10,7,0)+IF('Standard Profiles'!$G$21=$B$17,14,0)+IF('Standard Profiles'!$G$21=$B$24,21,0),MOD($C4170,24)+1)/SUM(INDEX($D$3:$AA$30,INDEX(Jesper!$R$2:$R$366,ROW(INDEX(Jesper!AK$2:AK$366,ROUNDDOWN($C4170/24,0)+1,1))-1)+IF('Standard Profiles'!$G$21=$B$10,7,0)+IF('Standard Profiles'!$G$21=$B$17,14,0)+IF('Standard Profiles'!$G$21=$B$24,21,0),0)),0)</f>
        <v>0</v>
      </c>
      <c r="H4170" cm="1">
        <f t="array" ref="H4170">IFERROR(INDEX(Jesper!AL$2:AL$366,ROUNDDOWN($C4170/24,0)+1,1)*INDEX($D$3:$AA$30,INDEX(Jesper!$R$2:$R$366,ROW(INDEX(Jesper!AL$2:AL$366,ROUNDDOWN($C4170/24,0)+1,1))-1)+IF('Standard Profiles'!$G$22=$B$10,7,0)+IF('Standard Profiles'!$G$22=$B$17,14,0)+IF('Standard Profiles'!$G$22=$B$24,21,0),MOD($C4170,24)+1)/SUM(INDEX($D$3:$AA$30,INDEX(Jesper!$R$2:$R$366,ROW(INDEX(Jesper!AL$2:AL$366,ROUNDDOWN($C4170/24,0)+1,1))-1)+IF('Standard Profiles'!$G$22=$B$10,7,0)+IF('Standard Profiles'!$G$22=$B$17,14,0)+IF('Standard Profiles'!$G$22=$B$24,21,0),0)),0)</f>
        <v>0</v>
      </c>
      <c r="I4170">
        <f t="shared" si="468"/>
        <v>0</v>
      </c>
      <c r="J4170">
        <f t="shared" si="469"/>
        <v>28.555593514216639</v>
      </c>
      <c r="K4170">
        <f t="shared" si="470"/>
        <v>2.511661649965911</v>
      </c>
      <c r="L4170">
        <f t="shared" si="471"/>
        <v>1.2558308249829555</v>
      </c>
      <c r="M4170">
        <f t="shared" si="472"/>
        <v>0</v>
      </c>
      <c r="N4170" s="45">
        <f t="shared" si="473"/>
        <v>45099.333333323302</v>
      </c>
    </row>
    <row r="4171" spans="2:14" x14ac:dyDescent="0.25">
      <c r="B4171">
        <f t="shared" si="467"/>
        <v>4</v>
      </c>
      <c r="C4171" s="16">
        <v>4137</v>
      </c>
      <c r="D4171" cm="1">
        <f t="array" ref="D4171">IFERROR(INDEX(Jesper!AH$2:AH$366,ROUNDDOWN($C4171/24,0)+1,1)*INDEX($D$3:$AA$30,INDEX(Jesper!$R$2:$R$366,ROW(INDEX(Jesper!AH$2:AH$366,ROUNDDOWN($C4171/24,0)+1,1))-1)+IF('Standard Profiles'!$G$18=$B$10,7,0)+IF('Standard Profiles'!$G$18=$B$17,14,0)+IF('Standard Profiles'!$G$18=$B$24,21,0),MOD($C4171,24)+1)/SUM(INDEX($D$3:$AA$30,INDEX(Jesper!$R$2:$R$366,ROW(INDEX(Jesper!AH$2:AH$366,ROUNDDOWN($C4171/24,0)+1,1))-1)+IF('Standard Profiles'!$G$18=$B$10,7,0)+IF('Standard Profiles'!$G$18=$B$17,14,0)+IF('Standard Profiles'!$G$18=$B$24,21,0),0)),0)</f>
        <v>25.990366719871307</v>
      </c>
      <c r="E4171" cm="1">
        <f t="array" ref="E4171">IFERROR(INDEX(Jesper!AI$2:AI$366,ROUNDDOWN($C4171/24,0)+1,1)*INDEX($D$3:$AA$30,INDEX(Jesper!$R$2:$R$366,ROW(INDEX(Jesper!AI$2:AI$366,ROUNDDOWN($C4171/24,0)+1,1))-1)+IF('Standard Profiles'!$G$19=$B$10,7,0)+IF('Standard Profiles'!$G$19=$B$17,14,0)+IF('Standard Profiles'!$G$19=$B$24,21,0),MOD($C4171,24)+1)/SUM(INDEX($D$3:$AA$30,INDEX(Jesper!$R$2:$R$366,ROW(INDEX(Jesper!AI$2:AI$366,ROUNDDOWN($C4171/24,0)+1,1))-1)+IF('Standard Profiles'!$G$19=$B$10,7,0)+IF('Standard Profiles'!$G$19=$B$17,14,0)+IF('Standard Profiles'!$G$19=$B$24,21,0),0)),0)</f>
        <v>9.6870017776038271</v>
      </c>
      <c r="F4171" cm="1">
        <f t="array" ref="F4171">IFERROR(INDEX(Jesper!AJ$2:AJ$366,ROUNDDOWN($C4171/24,0)+1,1)*INDEX($D$3:$AA$30,INDEX(Jesper!$R$2:$R$366,ROW(INDEX(Jesper!AJ$2:AJ$366,ROUNDDOWN($C4171/24,0)+1,1))-1)+IF('Standard Profiles'!$G$20=$B$10,7,0)+IF('Standard Profiles'!$G$20=$B$17,14,0)+IF('Standard Profiles'!$G$20=$B$24,21,0),MOD($C4171,24)+1)/SUM(INDEX($D$3:$AA$30,INDEX(Jesper!$R$2:$R$366,ROW(INDEX(Jesper!AJ$2:AJ$366,ROUNDDOWN($C4171/24,0)+1,1))-1)+IF('Standard Profiles'!$G$20=$B$10,7,0)+IF('Standard Profiles'!$G$20=$B$17,14,0)+IF('Standard Profiles'!$G$20=$B$24,21,0),0)),0)</f>
        <v>0</v>
      </c>
      <c r="G4171" cm="1">
        <f t="array" ref="G4171">IFERROR(INDEX(Jesper!AK$2:AK$366,ROUNDDOWN($C4171/24,0)+1,1)*INDEX($D$3:$AA$30,INDEX(Jesper!$R$2:$R$366,ROW(INDEX(Jesper!AK$2:AK$366,ROUNDDOWN($C4171/24,0)+1,1))-1)+IF('Standard Profiles'!$G$21=$B$10,7,0)+IF('Standard Profiles'!$G$21=$B$17,14,0)+IF('Standard Profiles'!$G$21=$B$24,21,0),MOD($C4171,24)+1)/SUM(INDEX($D$3:$AA$30,INDEX(Jesper!$R$2:$R$366,ROW(INDEX(Jesper!AK$2:AK$366,ROUNDDOWN($C4171/24,0)+1,1))-1)+IF('Standard Profiles'!$G$21=$B$10,7,0)+IF('Standard Profiles'!$G$21=$B$17,14,0)+IF('Standard Profiles'!$G$21=$B$24,21,0),0)),0)</f>
        <v>0</v>
      </c>
      <c r="H4171" cm="1">
        <f t="array" ref="H4171">IFERROR(INDEX(Jesper!AL$2:AL$366,ROUNDDOWN($C4171/24,0)+1,1)*INDEX($D$3:$AA$30,INDEX(Jesper!$R$2:$R$366,ROW(INDEX(Jesper!AL$2:AL$366,ROUNDDOWN($C4171/24,0)+1,1))-1)+IF('Standard Profiles'!$G$22=$B$10,7,0)+IF('Standard Profiles'!$G$22=$B$17,14,0)+IF('Standard Profiles'!$G$22=$B$24,21,0),MOD($C4171,24)+1)/SUM(INDEX($D$3:$AA$30,INDEX(Jesper!$R$2:$R$366,ROW(INDEX(Jesper!AL$2:AL$366,ROUNDDOWN($C4171/24,0)+1,1))-1)+IF('Standard Profiles'!$G$22=$B$10,7,0)+IF('Standard Profiles'!$G$22=$B$17,14,0)+IF('Standard Profiles'!$G$22=$B$24,21,0),0)),0)</f>
        <v>0</v>
      </c>
      <c r="I4171">
        <f t="shared" si="468"/>
        <v>0</v>
      </c>
      <c r="J4171">
        <f t="shared" si="469"/>
        <v>31.518909822295726</v>
      </c>
      <c r="K4171">
        <f t="shared" si="470"/>
        <v>2.7723057834529397</v>
      </c>
      <c r="L4171">
        <f t="shared" si="471"/>
        <v>1.3861528917264698</v>
      </c>
      <c r="M4171">
        <f t="shared" si="472"/>
        <v>0</v>
      </c>
      <c r="N4171" s="45">
        <f t="shared" si="473"/>
        <v>45099.374999989966</v>
      </c>
    </row>
    <row r="4172" spans="2:14" x14ac:dyDescent="0.25">
      <c r="B4172">
        <f t="shared" si="467"/>
        <v>4</v>
      </c>
      <c r="C4172" s="16">
        <v>4138</v>
      </c>
      <c r="D4172" cm="1">
        <f t="array" ref="D4172">IFERROR(INDEX(Jesper!AH$2:AH$366,ROUNDDOWN($C4172/24,0)+1,1)*INDEX($D$3:$AA$30,INDEX(Jesper!$R$2:$R$366,ROW(INDEX(Jesper!AH$2:AH$366,ROUNDDOWN($C4172/24,0)+1,1))-1)+IF('Standard Profiles'!$G$18=$B$10,7,0)+IF('Standard Profiles'!$G$18=$B$17,14,0)+IF('Standard Profiles'!$G$18=$B$24,21,0),MOD($C4172,24)+1)/SUM(INDEX($D$3:$AA$30,INDEX(Jesper!$R$2:$R$366,ROW(INDEX(Jesper!AH$2:AH$366,ROUNDDOWN($C4172/24,0)+1,1))-1)+IF('Standard Profiles'!$G$18=$B$10,7,0)+IF('Standard Profiles'!$G$18=$B$17,14,0)+IF('Standard Profiles'!$G$18=$B$24,21,0),0)),0)</f>
        <v>25.990366719871307</v>
      </c>
      <c r="E4172" cm="1">
        <f t="array" ref="E4172">IFERROR(INDEX(Jesper!AI$2:AI$366,ROUNDDOWN($C4172/24,0)+1,1)*INDEX($D$3:$AA$30,INDEX(Jesper!$R$2:$R$366,ROW(INDEX(Jesper!AI$2:AI$366,ROUNDDOWN($C4172/24,0)+1,1))-1)+IF('Standard Profiles'!$G$19=$B$10,7,0)+IF('Standard Profiles'!$G$19=$B$17,14,0)+IF('Standard Profiles'!$G$19=$B$24,21,0),MOD($C4172,24)+1)/SUM(INDEX($D$3:$AA$30,INDEX(Jesper!$R$2:$R$366,ROW(INDEX(Jesper!AI$2:AI$366,ROUNDDOWN($C4172/24,0)+1,1))-1)+IF('Standard Profiles'!$G$19=$B$10,7,0)+IF('Standard Profiles'!$G$19=$B$17,14,0)+IF('Standard Profiles'!$G$19=$B$24,21,0),0)),0)</f>
        <v>9.6870017776038271</v>
      </c>
      <c r="F4172" cm="1">
        <f t="array" ref="F4172">IFERROR(INDEX(Jesper!AJ$2:AJ$366,ROUNDDOWN($C4172/24,0)+1,1)*INDEX($D$3:$AA$30,INDEX(Jesper!$R$2:$R$366,ROW(INDEX(Jesper!AJ$2:AJ$366,ROUNDDOWN($C4172/24,0)+1,1))-1)+IF('Standard Profiles'!$G$20=$B$10,7,0)+IF('Standard Profiles'!$G$20=$B$17,14,0)+IF('Standard Profiles'!$G$20=$B$24,21,0),MOD($C4172,24)+1)/SUM(INDEX($D$3:$AA$30,INDEX(Jesper!$R$2:$R$366,ROW(INDEX(Jesper!AJ$2:AJ$366,ROUNDDOWN($C4172/24,0)+1,1))-1)+IF('Standard Profiles'!$G$20=$B$10,7,0)+IF('Standard Profiles'!$G$20=$B$17,14,0)+IF('Standard Profiles'!$G$20=$B$24,21,0),0)),0)</f>
        <v>0</v>
      </c>
      <c r="G4172" cm="1">
        <f t="array" ref="G4172">IFERROR(INDEX(Jesper!AK$2:AK$366,ROUNDDOWN($C4172/24,0)+1,1)*INDEX($D$3:$AA$30,INDEX(Jesper!$R$2:$R$366,ROW(INDEX(Jesper!AK$2:AK$366,ROUNDDOWN($C4172/24,0)+1,1))-1)+IF('Standard Profiles'!$G$21=$B$10,7,0)+IF('Standard Profiles'!$G$21=$B$17,14,0)+IF('Standard Profiles'!$G$21=$B$24,21,0),MOD($C4172,24)+1)/SUM(INDEX($D$3:$AA$30,INDEX(Jesper!$R$2:$R$366,ROW(INDEX(Jesper!AK$2:AK$366,ROUNDDOWN($C4172/24,0)+1,1))-1)+IF('Standard Profiles'!$G$21=$B$10,7,0)+IF('Standard Profiles'!$G$21=$B$17,14,0)+IF('Standard Profiles'!$G$21=$B$24,21,0),0)),0)</f>
        <v>0</v>
      </c>
      <c r="H4172" cm="1">
        <f t="array" ref="H4172">IFERROR(INDEX(Jesper!AL$2:AL$366,ROUNDDOWN($C4172/24,0)+1,1)*INDEX($D$3:$AA$30,INDEX(Jesper!$R$2:$R$366,ROW(INDEX(Jesper!AL$2:AL$366,ROUNDDOWN($C4172/24,0)+1,1))-1)+IF('Standard Profiles'!$G$22=$B$10,7,0)+IF('Standard Profiles'!$G$22=$B$17,14,0)+IF('Standard Profiles'!$G$22=$B$24,21,0),MOD($C4172,24)+1)/SUM(INDEX($D$3:$AA$30,INDEX(Jesper!$R$2:$R$366,ROW(INDEX(Jesper!AL$2:AL$366,ROUNDDOWN($C4172/24,0)+1,1))-1)+IF('Standard Profiles'!$G$22=$B$10,7,0)+IF('Standard Profiles'!$G$22=$B$17,14,0)+IF('Standard Profiles'!$G$22=$B$24,21,0),0)),0)</f>
        <v>0</v>
      </c>
      <c r="I4172">
        <f t="shared" si="468"/>
        <v>0</v>
      </c>
      <c r="J4172">
        <f t="shared" si="469"/>
        <v>31.518909822295726</v>
      </c>
      <c r="K4172">
        <f t="shared" si="470"/>
        <v>2.7723057834529397</v>
      </c>
      <c r="L4172">
        <f t="shared" si="471"/>
        <v>1.3861528917264698</v>
      </c>
      <c r="M4172">
        <f t="shared" si="472"/>
        <v>0</v>
      </c>
      <c r="N4172" s="45">
        <f t="shared" si="473"/>
        <v>45099.416666656631</v>
      </c>
    </row>
    <row r="4173" spans="2:14" x14ac:dyDescent="0.25">
      <c r="B4173">
        <f t="shared" si="467"/>
        <v>4</v>
      </c>
      <c r="C4173" s="16">
        <v>4139</v>
      </c>
      <c r="D4173" cm="1">
        <f t="array" ref="D4173">IFERROR(INDEX(Jesper!AH$2:AH$366,ROUNDDOWN($C4173/24,0)+1,1)*INDEX($D$3:$AA$30,INDEX(Jesper!$R$2:$R$366,ROW(INDEX(Jesper!AH$2:AH$366,ROUNDDOWN($C4173/24,0)+1,1))-1)+IF('Standard Profiles'!$G$18=$B$10,7,0)+IF('Standard Profiles'!$G$18=$B$17,14,0)+IF('Standard Profiles'!$G$18=$B$24,21,0),MOD($C4173,24)+1)/SUM(INDEX($D$3:$AA$30,INDEX(Jesper!$R$2:$R$366,ROW(INDEX(Jesper!AH$2:AH$366,ROUNDDOWN($C4173/24,0)+1,1))-1)+IF('Standard Profiles'!$G$18=$B$10,7,0)+IF('Standard Profiles'!$G$18=$B$17,14,0)+IF('Standard Profiles'!$G$18=$B$24,21,0),0)),0)</f>
        <v>31.099584109247711</v>
      </c>
      <c r="E4173" cm="1">
        <f t="array" ref="E4173">IFERROR(INDEX(Jesper!AI$2:AI$366,ROUNDDOWN($C4173/24,0)+1,1)*INDEX($D$3:$AA$30,INDEX(Jesper!$R$2:$R$366,ROW(INDEX(Jesper!AI$2:AI$366,ROUNDDOWN($C4173/24,0)+1,1))-1)+IF('Standard Profiles'!$G$19=$B$10,7,0)+IF('Standard Profiles'!$G$19=$B$17,14,0)+IF('Standard Profiles'!$G$19=$B$24,21,0),MOD($C4173,24)+1)/SUM(INDEX($D$3:$AA$30,INDEX(Jesper!$R$2:$R$366,ROW(INDEX(Jesper!AI$2:AI$366,ROUNDDOWN($C4173/24,0)+1,1))-1)+IF('Standard Profiles'!$G$19=$B$10,7,0)+IF('Standard Profiles'!$G$19=$B$17,14,0)+IF('Standard Profiles'!$G$19=$B$24,21,0),0)),0)</f>
        <v>11.591284178329365</v>
      </c>
      <c r="F4173" cm="1">
        <f t="array" ref="F4173">IFERROR(INDEX(Jesper!AJ$2:AJ$366,ROUNDDOWN($C4173/24,0)+1,1)*INDEX($D$3:$AA$30,INDEX(Jesper!$R$2:$R$366,ROW(INDEX(Jesper!AJ$2:AJ$366,ROUNDDOWN($C4173/24,0)+1,1))-1)+IF('Standard Profiles'!$G$20=$B$10,7,0)+IF('Standard Profiles'!$G$20=$B$17,14,0)+IF('Standard Profiles'!$G$20=$B$24,21,0),MOD($C4173,24)+1)/SUM(INDEX($D$3:$AA$30,INDEX(Jesper!$R$2:$R$366,ROW(INDEX(Jesper!AJ$2:AJ$366,ROUNDDOWN($C4173/24,0)+1,1))-1)+IF('Standard Profiles'!$G$20=$B$10,7,0)+IF('Standard Profiles'!$G$20=$B$17,14,0)+IF('Standard Profiles'!$G$20=$B$24,21,0),0)),0)</f>
        <v>0</v>
      </c>
      <c r="G4173" cm="1">
        <f t="array" ref="G4173">IFERROR(INDEX(Jesper!AK$2:AK$366,ROUNDDOWN($C4173/24,0)+1,1)*INDEX($D$3:$AA$30,INDEX(Jesper!$R$2:$R$366,ROW(INDEX(Jesper!AK$2:AK$366,ROUNDDOWN($C4173/24,0)+1,1))-1)+IF('Standard Profiles'!$G$21=$B$10,7,0)+IF('Standard Profiles'!$G$21=$B$17,14,0)+IF('Standard Profiles'!$G$21=$B$24,21,0),MOD($C4173,24)+1)/SUM(INDEX($D$3:$AA$30,INDEX(Jesper!$R$2:$R$366,ROW(INDEX(Jesper!AK$2:AK$366,ROUNDDOWN($C4173/24,0)+1,1))-1)+IF('Standard Profiles'!$G$21=$B$10,7,0)+IF('Standard Profiles'!$G$21=$B$17,14,0)+IF('Standard Profiles'!$G$21=$B$24,21,0),0)),0)</f>
        <v>0</v>
      </c>
      <c r="H4173" cm="1">
        <f t="array" ref="H4173">IFERROR(INDEX(Jesper!AL$2:AL$366,ROUNDDOWN($C4173/24,0)+1,1)*INDEX($D$3:$AA$30,INDEX(Jesper!$R$2:$R$366,ROW(INDEX(Jesper!AL$2:AL$366,ROUNDDOWN($C4173/24,0)+1,1))-1)+IF('Standard Profiles'!$G$22=$B$10,7,0)+IF('Standard Profiles'!$G$22=$B$17,14,0)+IF('Standard Profiles'!$G$22=$B$24,21,0),MOD($C4173,24)+1)/SUM(INDEX($D$3:$AA$30,INDEX(Jesper!$R$2:$R$366,ROW(INDEX(Jesper!AL$2:AL$366,ROUNDDOWN($C4173/24,0)+1,1))-1)+IF('Standard Profiles'!$G$22=$B$10,7,0)+IF('Standard Profiles'!$G$22=$B$17,14,0)+IF('Standard Profiles'!$G$22=$B$24,21,0),0)),0)</f>
        <v>0</v>
      </c>
      <c r="I4173">
        <f t="shared" si="468"/>
        <v>0</v>
      </c>
      <c r="J4173">
        <f t="shared" si="469"/>
        <v>37.714934830097441</v>
      </c>
      <c r="K4173">
        <f t="shared" si="470"/>
        <v>3.3172889716530896</v>
      </c>
      <c r="L4173">
        <f t="shared" si="471"/>
        <v>1.6586444858265448</v>
      </c>
      <c r="M4173">
        <f t="shared" si="472"/>
        <v>0</v>
      </c>
      <c r="N4173" s="45">
        <f t="shared" si="473"/>
        <v>45099.458333323295</v>
      </c>
    </row>
    <row r="4174" spans="2:14" x14ac:dyDescent="0.25">
      <c r="B4174">
        <f t="shared" si="467"/>
        <v>4</v>
      </c>
      <c r="C4174" s="16">
        <v>4140</v>
      </c>
      <c r="D4174" cm="1">
        <f t="array" ref="D4174">IFERROR(INDEX(Jesper!AH$2:AH$366,ROUNDDOWN($C4174/24,0)+1,1)*INDEX($D$3:$AA$30,INDEX(Jesper!$R$2:$R$366,ROW(INDEX(Jesper!AH$2:AH$366,ROUNDDOWN($C4174/24,0)+1,1))-1)+IF('Standard Profiles'!$G$18=$B$10,7,0)+IF('Standard Profiles'!$G$18=$B$17,14,0)+IF('Standard Profiles'!$G$18=$B$24,21,0),MOD($C4174,24)+1)/SUM(INDEX($D$3:$AA$30,INDEX(Jesper!$R$2:$R$366,ROW(INDEX(Jesper!AH$2:AH$366,ROUNDDOWN($C4174/24,0)+1,1))-1)+IF('Standard Profiles'!$G$18=$B$10,7,0)+IF('Standard Profiles'!$G$18=$B$17,14,0)+IF('Standard Profiles'!$G$18=$B$24,21,0),0)),0)</f>
        <v>31.099584109247711</v>
      </c>
      <c r="E4174" cm="1">
        <f t="array" ref="E4174">IFERROR(INDEX(Jesper!AI$2:AI$366,ROUNDDOWN($C4174/24,0)+1,1)*INDEX($D$3:$AA$30,INDEX(Jesper!$R$2:$R$366,ROW(INDEX(Jesper!AI$2:AI$366,ROUNDDOWN($C4174/24,0)+1,1))-1)+IF('Standard Profiles'!$G$19=$B$10,7,0)+IF('Standard Profiles'!$G$19=$B$17,14,0)+IF('Standard Profiles'!$G$19=$B$24,21,0),MOD($C4174,24)+1)/SUM(INDEX($D$3:$AA$30,INDEX(Jesper!$R$2:$R$366,ROW(INDEX(Jesper!AI$2:AI$366,ROUNDDOWN($C4174/24,0)+1,1))-1)+IF('Standard Profiles'!$G$19=$B$10,7,0)+IF('Standard Profiles'!$G$19=$B$17,14,0)+IF('Standard Profiles'!$G$19=$B$24,21,0),0)),0)</f>
        <v>11.591284178329365</v>
      </c>
      <c r="F4174" cm="1">
        <f t="array" ref="F4174">IFERROR(INDEX(Jesper!AJ$2:AJ$366,ROUNDDOWN($C4174/24,0)+1,1)*INDEX($D$3:$AA$30,INDEX(Jesper!$R$2:$R$366,ROW(INDEX(Jesper!AJ$2:AJ$366,ROUNDDOWN($C4174/24,0)+1,1))-1)+IF('Standard Profiles'!$G$20=$B$10,7,0)+IF('Standard Profiles'!$G$20=$B$17,14,0)+IF('Standard Profiles'!$G$20=$B$24,21,0),MOD($C4174,24)+1)/SUM(INDEX($D$3:$AA$30,INDEX(Jesper!$R$2:$R$366,ROW(INDEX(Jesper!AJ$2:AJ$366,ROUNDDOWN($C4174/24,0)+1,1))-1)+IF('Standard Profiles'!$G$20=$B$10,7,0)+IF('Standard Profiles'!$G$20=$B$17,14,0)+IF('Standard Profiles'!$G$20=$B$24,21,0),0)),0)</f>
        <v>0</v>
      </c>
      <c r="G4174" cm="1">
        <f t="array" ref="G4174">IFERROR(INDEX(Jesper!AK$2:AK$366,ROUNDDOWN($C4174/24,0)+1,1)*INDEX($D$3:$AA$30,INDEX(Jesper!$R$2:$R$366,ROW(INDEX(Jesper!AK$2:AK$366,ROUNDDOWN($C4174/24,0)+1,1))-1)+IF('Standard Profiles'!$G$21=$B$10,7,0)+IF('Standard Profiles'!$G$21=$B$17,14,0)+IF('Standard Profiles'!$G$21=$B$24,21,0),MOD($C4174,24)+1)/SUM(INDEX($D$3:$AA$30,INDEX(Jesper!$R$2:$R$366,ROW(INDEX(Jesper!AK$2:AK$366,ROUNDDOWN($C4174/24,0)+1,1))-1)+IF('Standard Profiles'!$G$21=$B$10,7,0)+IF('Standard Profiles'!$G$21=$B$17,14,0)+IF('Standard Profiles'!$G$21=$B$24,21,0),0)),0)</f>
        <v>0</v>
      </c>
      <c r="H4174" cm="1">
        <f t="array" ref="H4174">IFERROR(INDEX(Jesper!AL$2:AL$366,ROUNDDOWN($C4174/24,0)+1,1)*INDEX($D$3:$AA$30,INDEX(Jesper!$R$2:$R$366,ROW(INDEX(Jesper!AL$2:AL$366,ROUNDDOWN($C4174/24,0)+1,1))-1)+IF('Standard Profiles'!$G$22=$B$10,7,0)+IF('Standard Profiles'!$G$22=$B$17,14,0)+IF('Standard Profiles'!$G$22=$B$24,21,0),MOD($C4174,24)+1)/SUM(INDEX($D$3:$AA$30,INDEX(Jesper!$R$2:$R$366,ROW(INDEX(Jesper!AL$2:AL$366,ROUNDDOWN($C4174/24,0)+1,1))-1)+IF('Standard Profiles'!$G$22=$B$10,7,0)+IF('Standard Profiles'!$G$22=$B$17,14,0)+IF('Standard Profiles'!$G$22=$B$24,21,0),0)),0)</f>
        <v>0</v>
      </c>
      <c r="I4174">
        <f t="shared" si="468"/>
        <v>0</v>
      </c>
      <c r="J4174">
        <f t="shared" si="469"/>
        <v>37.714934830097441</v>
      </c>
      <c r="K4174">
        <f t="shared" si="470"/>
        <v>3.3172889716530896</v>
      </c>
      <c r="L4174">
        <f t="shared" si="471"/>
        <v>1.6586444858265448</v>
      </c>
      <c r="M4174">
        <f t="shared" si="472"/>
        <v>0</v>
      </c>
      <c r="N4174" s="45">
        <f t="shared" si="473"/>
        <v>45099.499999989959</v>
      </c>
    </row>
    <row r="4175" spans="2:14" x14ac:dyDescent="0.25">
      <c r="B4175">
        <f t="shared" si="467"/>
        <v>4</v>
      </c>
      <c r="C4175" s="16">
        <v>4141</v>
      </c>
      <c r="D4175" cm="1">
        <f t="array" ref="D4175">IFERROR(INDEX(Jesper!AH$2:AH$366,ROUNDDOWN($C4175/24,0)+1,1)*INDEX($D$3:$AA$30,INDEX(Jesper!$R$2:$R$366,ROW(INDEX(Jesper!AH$2:AH$366,ROUNDDOWN($C4175/24,0)+1,1))-1)+IF('Standard Profiles'!$G$18=$B$10,7,0)+IF('Standard Profiles'!$G$18=$B$17,14,0)+IF('Standard Profiles'!$G$18=$B$24,21,0),MOD($C4175,24)+1)/SUM(INDEX($D$3:$AA$30,INDEX(Jesper!$R$2:$R$366,ROW(INDEX(Jesper!AH$2:AH$366,ROUNDDOWN($C4175/24,0)+1,1))-1)+IF('Standard Profiles'!$G$18=$B$10,7,0)+IF('Standard Profiles'!$G$18=$B$17,14,0)+IF('Standard Profiles'!$G$18=$B$24,21,0),0)),0)</f>
        <v>20.659009444000265</v>
      </c>
      <c r="E4175" cm="1">
        <f t="array" ref="E4175">IFERROR(INDEX(Jesper!AI$2:AI$366,ROUNDDOWN($C4175/24,0)+1,1)*INDEX($D$3:$AA$30,INDEX(Jesper!$R$2:$R$366,ROW(INDEX(Jesper!AI$2:AI$366,ROUNDDOWN($C4175/24,0)+1,1))-1)+IF('Standard Profiles'!$G$19=$B$10,7,0)+IF('Standard Profiles'!$G$19=$B$17,14,0)+IF('Standard Profiles'!$G$19=$B$24,21,0),MOD($C4175,24)+1)/SUM(INDEX($D$3:$AA$30,INDEX(Jesper!$R$2:$R$366,ROW(INDEX(Jesper!AI$2:AI$366,ROUNDDOWN($C4175/24,0)+1,1))-1)+IF('Standard Profiles'!$G$19=$B$10,7,0)+IF('Standard Profiles'!$G$19=$B$17,14,0)+IF('Standard Profiles'!$G$19=$B$24,21,0),0)),0)</f>
        <v>7.699924489890221</v>
      </c>
      <c r="F4175" cm="1">
        <f t="array" ref="F4175">IFERROR(INDEX(Jesper!AJ$2:AJ$366,ROUNDDOWN($C4175/24,0)+1,1)*INDEX($D$3:$AA$30,INDEX(Jesper!$R$2:$R$366,ROW(INDEX(Jesper!AJ$2:AJ$366,ROUNDDOWN($C4175/24,0)+1,1))-1)+IF('Standard Profiles'!$G$20=$B$10,7,0)+IF('Standard Profiles'!$G$20=$B$17,14,0)+IF('Standard Profiles'!$G$20=$B$24,21,0),MOD($C4175,24)+1)/SUM(INDEX($D$3:$AA$30,INDEX(Jesper!$R$2:$R$366,ROW(INDEX(Jesper!AJ$2:AJ$366,ROUNDDOWN($C4175/24,0)+1,1))-1)+IF('Standard Profiles'!$G$20=$B$10,7,0)+IF('Standard Profiles'!$G$20=$B$17,14,0)+IF('Standard Profiles'!$G$20=$B$24,21,0),0)),0)</f>
        <v>0</v>
      </c>
      <c r="G4175" cm="1">
        <f t="array" ref="G4175">IFERROR(INDEX(Jesper!AK$2:AK$366,ROUNDDOWN($C4175/24,0)+1,1)*INDEX($D$3:$AA$30,INDEX(Jesper!$R$2:$R$366,ROW(INDEX(Jesper!AK$2:AK$366,ROUNDDOWN($C4175/24,0)+1,1))-1)+IF('Standard Profiles'!$G$21=$B$10,7,0)+IF('Standard Profiles'!$G$21=$B$17,14,0)+IF('Standard Profiles'!$G$21=$B$24,21,0),MOD($C4175,24)+1)/SUM(INDEX($D$3:$AA$30,INDEX(Jesper!$R$2:$R$366,ROW(INDEX(Jesper!AK$2:AK$366,ROUNDDOWN($C4175/24,0)+1,1))-1)+IF('Standard Profiles'!$G$21=$B$10,7,0)+IF('Standard Profiles'!$G$21=$B$17,14,0)+IF('Standard Profiles'!$G$21=$B$24,21,0),0)),0)</f>
        <v>0</v>
      </c>
      <c r="H4175" cm="1">
        <f t="array" ref="H4175">IFERROR(INDEX(Jesper!AL$2:AL$366,ROUNDDOWN($C4175/24,0)+1,1)*INDEX($D$3:$AA$30,INDEX(Jesper!$R$2:$R$366,ROW(INDEX(Jesper!AL$2:AL$366,ROUNDDOWN($C4175/24,0)+1,1))-1)+IF('Standard Profiles'!$G$22=$B$10,7,0)+IF('Standard Profiles'!$G$22=$B$17,14,0)+IF('Standard Profiles'!$G$22=$B$24,21,0),MOD($C4175,24)+1)/SUM(INDEX($D$3:$AA$30,INDEX(Jesper!$R$2:$R$366,ROW(INDEX(Jesper!AL$2:AL$366,ROUNDDOWN($C4175/24,0)+1,1))-1)+IF('Standard Profiles'!$G$22=$B$10,7,0)+IF('Standard Profiles'!$G$22=$B$17,14,0)+IF('Standard Profiles'!$G$22=$B$24,21,0),0)),0)</f>
        <v>0</v>
      </c>
      <c r="I4175">
        <f t="shared" si="468"/>
        <v>0</v>
      </c>
      <c r="J4175">
        <f t="shared" si="469"/>
        <v>25.053492422850443</v>
      </c>
      <c r="K4175">
        <f t="shared" si="470"/>
        <v>2.2036276740266949</v>
      </c>
      <c r="L4175">
        <f t="shared" si="471"/>
        <v>1.1018138370133475</v>
      </c>
      <c r="M4175">
        <f t="shared" si="472"/>
        <v>0</v>
      </c>
      <c r="N4175" s="45">
        <f t="shared" si="473"/>
        <v>45099.541666656623</v>
      </c>
    </row>
    <row r="4176" spans="2:14" x14ac:dyDescent="0.25">
      <c r="B4176">
        <f t="shared" si="467"/>
        <v>4</v>
      </c>
      <c r="C4176" s="16">
        <v>4142</v>
      </c>
      <c r="D4176" cm="1">
        <f t="array" ref="D4176">IFERROR(INDEX(Jesper!AH$2:AH$366,ROUNDDOWN($C4176/24,0)+1,1)*INDEX($D$3:$AA$30,INDEX(Jesper!$R$2:$R$366,ROW(INDEX(Jesper!AH$2:AH$366,ROUNDDOWN($C4176/24,0)+1,1))-1)+IF('Standard Profiles'!$G$18=$B$10,7,0)+IF('Standard Profiles'!$G$18=$B$17,14,0)+IF('Standard Profiles'!$G$18=$B$24,21,0),MOD($C4176,24)+1)/SUM(INDEX($D$3:$AA$30,INDEX(Jesper!$R$2:$R$366,ROW(INDEX(Jesper!AH$2:AH$366,ROUNDDOWN($C4176/24,0)+1,1))-1)+IF('Standard Profiles'!$G$18=$B$10,7,0)+IF('Standard Profiles'!$G$18=$B$17,14,0)+IF('Standard Profiles'!$G$18=$B$24,21,0),0)),0)</f>
        <v>31.099584109247711</v>
      </c>
      <c r="E4176" cm="1">
        <f t="array" ref="E4176">IFERROR(INDEX(Jesper!AI$2:AI$366,ROUNDDOWN($C4176/24,0)+1,1)*INDEX($D$3:$AA$30,INDEX(Jesper!$R$2:$R$366,ROW(INDEX(Jesper!AI$2:AI$366,ROUNDDOWN($C4176/24,0)+1,1))-1)+IF('Standard Profiles'!$G$19=$B$10,7,0)+IF('Standard Profiles'!$G$19=$B$17,14,0)+IF('Standard Profiles'!$G$19=$B$24,21,0),MOD($C4176,24)+1)/SUM(INDEX($D$3:$AA$30,INDEX(Jesper!$R$2:$R$366,ROW(INDEX(Jesper!AI$2:AI$366,ROUNDDOWN($C4176/24,0)+1,1))-1)+IF('Standard Profiles'!$G$19=$B$10,7,0)+IF('Standard Profiles'!$G$19=$B$17,14,0)+IF('Standard Profiles'!$G$19=$B$24,21,0),0)),0)</f>
        <v>11.591284178329365</v>
      </c>
      <c r="F4176" cm="1">
        <f t="array" ref="F4176">IFERROR(INDEX(Jesper!AJ$2:AJ$366,ROUNDDOWN($C4176/24,0)+1,1)*INDEX($D$3:$AA$30,INDEX(Jesper!$R$2:$R$366,ROW(INDEX(Jesper!AJ$2:AJ$366,ROUNDDOWN($C4176/24,0)+1,1))-1)+IF('Standard Profiles'!$G$20=$B$10,7,0)+IF('Standard Profiles'!$G$20=$B$17,14,0)+IF('Standard Profiles'!$G$20=$B$24,21,0),MOD($C4176,24)+1)/SUM(INDEX($D$3:$AA$30,INDEX(Jesper!$R$2:$R$366,ROW(INDEX(Jesper!AJ$2:AJ$366,ROUNDDOWN($C4176/24,0)+1,1))-1)+IF('Standard Profiles'!$G$20=$B$10,7,0)+IF('Standard Profiles'!$G$20=$B$17,14,0)+IF('Standard Profiles'!$G$20=$B$24,21,0),0)),0)</f>
        <v>0</v>
      </c>
      <c r="G4176" cm="1">
        <f t="array" ref="G4176">IFERROR(INDEX(Jesper!AK$2:AK$366,ROUNDDOWN($C4176/24,0)+1,1)*INDEX($D$3:$AA$30,INDEX(Jesper!$R$2:$R$366,ROW(INDEX(Jesper!AK$2:AK$366,ROUNDDOWN($C4176/24,0)+1,1))-1)+IF('Standard Profiles'!$G$21=$B$10,7,0)+IF('Standard Profiles'!$G$21=$B$17,14,0)+IF('Standard Profiles'!$G$21=$B$24,21,0),MOD($C4176,24)+1)/SUM(INDEX($D$3:$AA$30,INDEX(Jesper!$R$2:$R$366,ROW(INDEX(Jesper!AK$2:AK$366,ROUNDDOWN($C4176/24,0)+1,1))-1)+IF('Standard Profiles'!$G$21=$B$10,7,0)+IF('Standard Profiles'!$G$21=$B$17,14,0)+IF('Standard Profiles'!$G$21=$B$24,21,0),0)),0)</f>
        <v>0</v>
      </c>
      <c r="H4176" cm="1">
        <f t="array" ref="H4176">IFERROR(INDEX(Jesper!AL$2:AL$366,ROUNDDOWN($C4176/24,0)+1,1)*INDEX($D$3:$AA$30,INDEX(Jesper!$R$2:$R$366,ROW(INDEX(Jesper!AL$2:AL$366,ROUNDDOWN($C4176/24,0)+1,1))-1)+IF('Standard Profiles'!$G$22=$B$10,7,0)+IF('Standard Profiles'!$G$22=$B$17,14,0)+IF('Standard Profiles'!$G$22=$B$24,21,0),MOD($C4176,24)+1)/SUM(INDEX($D$3:$AA$30,INDEX(Jesper!$R$2:$R$366,ROW(INDEX(Jesper!AL$2:AL$366,ROUNDDOWN($C4176/24,0)+1,1))-1)+IF('Standard Profiles'!$G$22=$B$10,7,0)+IF('Standard Profiles'!$G$22=$B$17,14,0)+IF('Standard Profiles'!$G$22=$B$24,21,0),0)),0)</f>
        <v>0</v>
      </c>
      <c r="I4176">
        <f t="shared" si="468"/>
        <v>0</v>
      </c>
      <c r="J4176">
        <f t="shared" si="469"/>
        <v>37.714934830097441</v>
      </c>
      <c r="K4176">
        <f t="shared" si="470"/>
        <v>3.3172889716530896</v>
      </c>
      <c r="L4176">
        <f t="shared" si="471"/>
        <v>1.6586444858265448</v>
      </c>
      <c r="M4176">
        <f t="shared" si="472"/>
        <v>0</v>
      </c>
      <c r="N4176" s="45">
        <f t="shared" si="473"/>
        <v>45099.583333323288</v>
      </c>
    </row>
    <row r="4177" spans="2:14" x14ac:dyDescent="0.25">
      <c r="B4177">
        <f t="shared" si="467"/>
        <v>4</v>
      </c>
      <c r="C4177" s="16">
        <v>4143</v>
      </c>
      <c r="D4177" cm="1">
        <f t="array" ref="D4177">IFERROR(INDEX(Jesper!AH$2:AH$366,ROUNDDOWN($C4177/24,0)+1,1)*INDEX($D$3:$AA$30,INDEX(Jesper!$R$2:$R$366,ROW(INDEX(Jesper!AH$2:AH$366,ROUNDDOWN($C4177/24,0)+1,1))-1)+IF('Standard Profiles'!$G$18=$B$10,7,0)+IF('Standard Profiles'!$G$18=$B$17,14,0)+IF('Standard Profiles'!$G$18=$B$24,21,0),MOD($C4177,24)+1)/SUM(INDEX($D$3:$AA$30,INDEX(Jesper!$R$2:$R$366,ROW(INDEX(Jesper!AH$2:AH$366,ROUNDDOWN($C4177/24,0)+1,1))-1)+IF('Standard Profiles'!$G$18=$B$10,7,0)+IF('Standard Profiles'!$G$18=$B$17,14,0)+IF('Standard Profiles'!$G$18=$B$24,21,0),0)),0)</f>
        <v>31.099584109247711</v>
      </c>
      <c r="E4177" cm="1">
        <f t="array" ref="E4177">IFERROR(INDEX(Jesper!AI$2:AI$366,ROUNDDOWN($C4177/24,0)+1,1)*INDEX($D$3:$AA$30,INDEX(Jesper!$R$2:$R$366,ROW(INDEX(Jesper!AI$2:AI$366,ROUNDDOWN($C4177/24,0)+1,1))-1)+IF('Standard Profiles'!$G$19=$B$10,7,0)+IF('Standard Profiles'!$G$19=$B$17,14,0)+IF('Standard Profiles'!$G$19=$B$24,21,0),MOD($C4177,24)+1)/SUM(INDEX($D$3:$AA$30,INDEX(Jesper!$R$2:$R$366,ROW(INDEX(Jesper!AI$2:AI$366,ROUNDDOWN($C4177/24,0)+1,1))-1)+IF('Standard Profiles'!$G$19=$B$10,7,0)+IF('Standard Profiles'!$G$19=$B$17,14,0)+IF('Standard Profiles'!$G$19=$B$24,21,0),0)),0)</f>
        <v>11.591284178329365</v>
      </c>
      <c r="F4177" cm="1">
        <f t="array" ref="F4177">IFERROR(INDEX(Jesper!AJ$2:AJ$366,ROUNDDOWN($C4177/24,0)+1,1)*INDEX($D$3:$AA$30,INDEX(Jesper!$R$2:$R$366,ROW(INDEX(Jesper!AJ$2:AJ$366,ROUNDDOWN($C4177/24,0)+1,1))-1)+IF('Standard Profiles'!$G$20=$B$10,7,0)+IF('Standard Profiles'!$G$20=$B$17,14,0)+IF('Standard Profiles'!$G$20=$B$24,21,0),MOD($C4177,24)+1)/SUM(INDEX($D$3:$AA$30,INDEX(Jesper!$R$2:$R$366,ROW(INDEX(Jesper!AJ$2:AJ$366,ROUNDDOWN($C4177/24,0)+1,1))-1)+IF('Standard Profiles'!$G$20=$B$10,7,0)+IF('Standard Profiles'!$G$20=$B$17,14,0)+IF('Standard Profiles'!$G$20=$B$24,21,0),0)),0)</f>
        <v>0</v>
      </c>
      <c r="G4177" cm="1">
        <f t="array" ref="G4177">IFERROR(INDEX(Jesper!AK$2:AK$366,ROUNDDOWN($C4177/24,0)+1,1)*INDEX($D$3:$AA$30,INDEX(Jesper!$R$2:$R$366,ROW(INDEX(Jesper!AK$2:AK$366,ROUNDDOWN($C4177/24,0)+1,1))-1)+IF('Standard Profiles'!$G$21=$B$10,7,0)+IF('Standard Profiles'!$G$21=$B$17,14,0)+IF('Standard Profiles'!$G$21=$B$24,21,0),MOD($C4177,24)+1)/SUM(INDEX($D$3:$AA$30,INDEX(Jesper!$R$2:$R$366,ROW(INDEX(Jesper!AK$2:AK$366,ROUNDDOWN($C4177/24,0)+1,1))-1)+IF('Standard Profiles'!$G$21=$B$10,7,0)+IF('Standard Profiles'!$G$21=$B$17,14,0)+IF('Standard Profiles'!$G$21=$B$24,21,0),0)),0)</f>
        <v>0</v>
      </c>
      <c r="H4177" cm="1">
        <f t="array" ref="H4177">IFERROR(INDEX(Jesper!AL$2:AL$366,ROUNDDOWN($C4177/24,0)+1,1)*INDEX($D$3:$AA$30,INDEX(Jesper!$R$2:$R$366,ROW(INDEX(Jesper!AL$2:AL$366,ROUNDDOWN($C4177/24,0)+1,1))-1)+IF('Standard Profiles'!$G$22=$B$10,7,0)+IF('Standard Profiles'!$G$22=$B$17,14,0)+IF('Standard Profiles'!$G$22=$B$24,21,0),MOD($C4177,24)+1)/SUM(INDEX($D$3:$AA$30,INDEX(Jesper!$R$2:$R$366,ROW(INDEX(Jesper!AL$2:AL$366,ROUNDDOWN($C4177/24,0)+1,1))-1)+IF('Standard Profiles'!$G$22=$B$10,7,0)+IF('Standard Profiles'!$G$22=$B$17,14,0)+IF('Standard Profiles'!$G$22=$B$24,21,0),0)),0)</f>
        <v>0</v>
      </c>
      <c r="I4177">
        <f t="shared" si="468"/>
        <v>0</v>
      </c>
      <c r="J4177">
        <f t="shared" si="469"/>
        <v>37.714934830097441</v>
      </c>
      <c r="K4177">
        <f t="shared" si="470"/>
        <v>3.3172889716530896</v>
      </c>
      <c r="L4177">
        <f t="shared" si="471"/>
        <v>1.6586444858265448</v>
      </c>
      <c r="M4177">
        <f t="shared" si="472"/>
        <v>0</v>
      </c>
      <c r="N4177" s="45">
        <f t="shared" si="473"/>
        <v>45099.624999989952</v>
      </c>
    </row>
    <row r="4178" spans="2:14" x14ac:dyDescent="0.25">
      <c r="B4178">
        <f t="shared" si="467"/>
        <v>4</v>
      </c>
      <c r="C4178" s="16">
        <v>4144</v>
      </c>
      <c r="D4178" cm="1">
        <f t="array" ref="D4178">IFERROR(INDEX(Jesper!AH$2:AH$366,ROUNDDOWN($C4178/24,0)+1,1)*INDEX($D$3:$AA$30,INDEX(Jesper!$R$2:$R$366,ROW(INDEX(Jesper!AH$2:AH$366,ROUNDDOWN($C4178/24,0)+1,1))-1)+IF('Standard Profiles'!$G$18=$B$10,7,0)+IF('Standard Profiles'!$G$18=$B$17,14,0)+IF('Standard Profiles'!$G$18=$B$24,21,0),MOD($C4178,24)+1)/SUM(INDEX($D$3:$AA$30,INDEX(Jesper!$R$2:$R$366,ROW(INDEX(Jesper!AH$2:AH$366,ROUNDDOWN($C4178/24,0)+1,1))-1)+IF('Standard Profiles'!$G$18=$B$10,7,0)+IF('Standard Profiles'!$G$18=$B$17,14,0)+IF('Standard Profiles'!$G$18=$B$24,21,0),0)),0)</f>
        <v>18.32654063580669</v>
      </c>
      <c r="E4178" cm="1">
        <f t="array" ref="E4178">IFERROR(INDEX(Jesper!AI$2:AI$366,ROUNDDOWN($C4178/24,0)+1,1)*INDEX($D$3:$AA$30,INDEX(Jesper!$R$2:$R$366,ROW(INDEX(Jesper!AI$2:AI$366,ROUNDDOWN($C4178/24,0)+1,1))-1)+IF('Standard Profiles'!$G$19=$B$10,7,0)+IF('Standard Profiles'!$G$19=$B$17,14,0)+IF('Standard Profiles'!$G$19=$B$24,21,0),MOD($C4178,24)+1)/SUM(INDEX($D$3:$AA$30,INDEX(Jesper!$R$2:$R$366,ROW(INDEX(Jesper!AI$2:AI$366,ROUNDDOWN($C4178/24,0)+1,1))-1)+IF('Standard Profiles'!$G$19=$B$10,7,0)+IF('Standard Profiles'!$G$19=$B$17,14,0)+IF('Standard Profiles'!$G$19=$B$24,21,0),0)),0)</f>
        <v>6.8305781765155187</v>
      </c>
      <c r="F4178" cm="1">
        <f t="array" ref="F4178">IFERROR(INDEX(Jesper!AJ$2:AJ$366,ROUNDDOWN($C4178/24,0)+1,1)*INDEX($D$3:$AA$30,INDEX(Jesper!$R$2:$R$366,ROW(INDEX(Jesper!AJ$2:AJ$366,ROUNDDOWN($C4178/24,0)+1,1))-1)+IF('Standard Profiles'!$G$20=$B$10,7,0)+IF('Standard Profiles'!$G$20=$B$17,14,0)+IF('Standard Profiles'!$G$20=$B$24,21,0),MOD($C4178,24)+1)/SUM(INDEX($D$3:$AA$30,INDEX(Jesper!$R$2:$R$366,ROW(INDEX(Jesper!AJ$2:AJ$366,ROUNDDOWN($C4178/24,0)+1,1))-1)+IF('Standard Profiles'!$G$20=$B$10,7,0)+IF('Standard Profiles'!$G$20=$B$17,14,0)+IF('Standard Profiles'!$G$20=$B$24,21,0),0)),0)</f>
        <v>0</v>
      </c>
      <c r="G4178" cm="1">
        <f t="array" ref="G4178">IFERROR(INDEX(Jesper!AK$2:AK$366,ROUNDDOWN($C4178/24,0)+1,1)*INDEX($D$3:$AA$30,INDEX(Jesper!$R$2:$R$366,ROW(INDEX(Jesper!AK$2:AK$366,ROUNDDOWN($C4178/24,0)+1,1))-1)+IF('Standard Profiles'!$G$21=$B$10,7,0)+IF('Standard Profiles'!$G$21=$B$17,14,0)+IF('Standard Profiles'!$G$21=$B$24,21,0),MOD($C4178,24)+1)/SUM(INDEX($D$3:$AA$30,INDEX(Jesper!$R$2:$R$366,ROW(INDEX(Jesper!AK$2:AK$366,ROUNDDOWN($C4178/24,0)+1,1))-1)+IF('Standard Profiles'!$G$21=$B$10,7,0)+IF('Standard Profiles'!$G$21=$B$17,14,0)+IF('Standard Profiles'!$G$21=$B$24,21,0),0)),0)</f>
        <v>0</v>
      </c>
      <c r="H4178" cm="1">
        <f t="array" ref="H4178">IFERROR(INDEX(Jesper!AL$2:AL$366,ROUNDDOWN($C4178/24,0)+1,1)*INDEX($D$3:$AA$30,INDEX(Jesper!$R$2:$R$366,ROW(INDEX(Jesper!AL$2:AL$366,ROUNDDOWN($C4178/24,0)+1,1))-1)+IF('Standard Profiles'!$G$22=$B$10,7,0)+IF('Standard Profiles'!$G$22=$B$17,14,0)+IF('Standard Profiles'!$G$22=$B$24,21,0),MOD($C4178,24)+1)/SUM(INDEX($D$3:$AA$30,INDEX(Jesper!$R$2:$R$366,ROW(INDEX(Jesper!AL$2:AL$366,ROUNDDOWN($C4178/24,0)+1,1))-1)+IF('Standard Profiles'!$G$22=$B$10,7,0)+IF('Standard Profiles'!$G$22=$B$17,14,0)+IF('Standard Profiles'!$G$22=$B$24,21,0),0)),0)</f>
        <v>0</v>
      </c>
      <c r="I4178">
        <f t="shared" si="468"/>
        <v>0</v>
      </c>
      <c r="J4178">
        <f t="shared" si="469"/>
        <v>22.224872310593138</v>
      </c>
      <c r="K4178">
        <f t="shared" si="470"/>
        <v>1.9548310011527137</v>
      </c>
      <c r="L4178">
        <f t="shared" si="471"/>
        <v>0.97741550057635684</v>
      </c>
      <c r="M4178">
        <f t="shared" si="472"/>
        <v>0</v>
      </c>
      <c r="N4178" s="45">
        <f t="shared" si="473"/>
        <v>45099.666666656616</v>
      </c>
    </row>
    <row r="4179" spans="2:14" x14ac:dyDescent="0.25">
      <c r="B4179">
        <f t="shared" si="467"/>
        <v>4</v>
      </c>
      <c r="C4179" s="16">
        <v>4145</v>
      </c>
      <c r="D4179" cm="1">
        <f t="array" ref="D4179">IFERROR(INDEX(Jesper!AH$2:AH$366,ROUNDDOWN($C4179/24,0)+1,1)*INDEX($D$3:$AA$30,INDEX(Jesper!$R$2:$R$366,ROW(INDEX(Jesper!AH$2:AH$366,ROUNDDOWN($C4179/24,0)+1,1))-1)+IF('Standard Profiles'!$G$18=$B$10,7,0)+IF('Standard Profiles'!$G$18=$B$17,14,0)+IF('Standard Profiles'!$G$18=$B$24,21,0),MOD($C4179,24)+1)/SUM(INDEX($D$3:$AA$30,INDEX(Jesper!$R$2:$R$366,ROW(INDEX(Jesper!AH$2:AH$366,ROUNDDOWN($C4179/24,0)+1,1))-1)+IF('Standard Profiles'!$G$18=$B$10,7,0)+IF('Standard Profiles'!$G$18=$B$17,14,0)+IF('Standard Profiles'!$G$18=$B$24,21,0),0)),0)</f>
        <v>7.8218269892474144</v>
      </c>
      <c r="E4179" cm="1">
        <f t="array" ref="E4179">IFERROR(INDEX(Jesper!AI$2:AI$366,ROUNDDOWN($C4179/24,0)+1,1)*INDEX($D$3:$AA$30,INDEX(Jesper!$R$2:$R$366,ROW(INDEX(Jesper!AI$2:AI$366,ROUNDDOWN($C4179/24,0)+1,1))-1)+IF('Standard Profiles'!$G$19=$B$10,7,0)+IF('Standard Profiles'!$G$19=$B$17,14,0)+IF('Standard Profiles'!$G$19=$B$24,21,0),MOD($C4179,24)+1)/SUM(INDEX($D$3:$AA$30,INDEX(Jesper!$R$2:$R$366,ROW(INDEX(Jesper!AI$2:AI$366,ROUNDDOWN($C4179/24,0)+1,1))-1)+IF('Standard Profiles'!$G$19=$B$10,7,0)+IF('Standard Profiles'!$G$19=$B$17,14,0)+IF('Standard Profiles'!$G$19=$B$24,21,0),0)),0)</f>
        <v>2.9153129221150316</v>
      </c>
      <c r="F4179" cm="1">
        <f t="array" ref="F4179">IFERROR(INDEX(Jesper!AJ$2:AJ$366,ROUNDDOWN($C4179/24,0)+1,1)*INDEX($D$3:$AA$30,INDEX(Jesper!$R$2:$R$366,ROW(INDEX(Jesper!AJ$2:AJ$366,ROUNDDOWN($C4179/24,0)+1,1))-1)+IF('Standard Profiles'!$G$20=$B$10,7,0)+IF('Standard Profiles'!$G$20=$B$17,14,0)+IF('Standard Profiles'!$G$20=$B$24,21,0),MOD($C4179,24)+1)/SUM(INDEX($D$3:$AA$30,INDEX(Jesper!$R$2:$R$366,ROW(INDEX(Jesper!AJ$2:AJ$366,ROUNDDOWN($C4179/24,0)+1,1))-1)+IF('Standard Profiles'!$G$20=$B$10,7,0)+IF('Standard Profiles'!$G$20=$B$17,14,0)+IF('Standard Profiles'!$G$20=$B$24,21,0),0)),0)</f>
        <v>0</v>
      </c>
      <c r="G4179" cm="1">
        <f t="array" ref="G4179">IFERROR(INDEX(Jesper!AK$2:AK$366,ROUNDDOWN($C4179/24,0)+1,1)*INDEX($D$3:$AA$30,INDEX(Jesper!$R$2:$R$366,ROW(INDEX(Jesper!AK$2:AK$366,ROUNDDOWN($C4179/24,0)+1,1))-1)+IF('Standard Profiles'!$G$21=$B$10,7,0)+IF('Standard Profiles'!$G$21=$B$17,14,0)+IF('Standard Profiles'!$G$21=$B$24,21,0),MOD($C4179,24)+1)/SUM(INDEX($D$3:$AA$30,INDEX(Jesper!$R$2:$R$366,ROW(INDEX(Jesper!AK$2:AK$366,ROUNDDOWN($C4179/24,0)+1,1))-1)+IF('Standard Profiles'!$G$21=$B$10,7,0)+IF('Standard Profiles'!$G$21=$B$17,14,0)+IF('Standard Profiles'!$G$21=$B$24,21,0),0)),0)</f>
        <v>0</v>
      </c>
      <c r="H4179" cm="1">
        <f t="array" ref="H4179">IFERROR(INDEX(Jesper!AL$2:AL$366,ROUNDDOWN($C4179/24,0)+1,1)*INDEX($D$3:$AA$30,INDEX(Jesper!$R$2:$R$366,ROW(INDEX(Jesper!AL$2:AL$366,ROUNDDOWN($C4179/24,0)+1,1))-1)+IF('Standard Profiles'!$G$22=$B$10,7,0)+IF('Standard Profiles'!$G$22=$B$17,14,0)+IF('Standard Profiles'!$G$22=$B$24,21,0),MOD($C4179,24)+1)/SUM(INDEX($D$3:$AA$30,INDEX(Jesper!$R$2:$R$366,ROW(INDEX(Jesper!AL$2:AL$366,ROUNDDOWN($C4179/24,0)+1,1))-1)+IF('Standard Profiles'!$G$22=$B$10,7,0)+IF('Standard Profiles'!$G$22=$B$17,14,0)+IF('Standard Profiles'!$G$22=$B$24,21,0),0)),0)</f>
        <v>0</v>
      </c>
      <c r="I4179">
        <f t="shared" si="468"/>
        <v>0</v>
      </c>
      <c r="J4179">
        <f t="shared" si="469"/>
        <v>9.4856475930828594</v>
      </c>
      <c r="K4179">
        <f t="shared" si="470"/>
        <v>0.83432821218639097</v>
      </c>
      <c r="L4179">
        <f t="shared" si="471"/>
        <v>0.41716410609319549</v>
      </c>
      <c r="M4179">
        <f t="shared" si="472"/>
        <v>0</v>
      </c>
      <c r="N4179" s="45">
        <f t="shared" si="473"/>
        <v>45099.70833332328</v>
      </c>
    </row>
    <row r="4180" spans="2:14" x14ac:dyDescent="0.25">
      <c r="B4180">
        <f t="shared" si="467"/>
        <v>4</v>
      </c>
      <c r="C4180" s="16">
        <v>4146</v>
      </c>
      <c r="D4180" cm="1">
        <f t="array" ref="D4180">IFERROR(INDEX(Jesper!AH$2:AH$366,ROUNDDOWN($C4180/24,0)+1,1)*INDEX($D$3:$AA$30,INDEX(Jesper!$R$2:$R$366,ROW(INDEX(Jesper!AH$2:AH$366,ROUNDDOWN($C4180/24,0)+1,1))-1)+IF('Standard Profiles'!$G$18=$B$10,7,0)+IF('Standard Profiles'!$G$18=$B$17,14,0)+IF('Standard Profiles'!$G$18=$B$24,21,0),MOD($C4180,24)+1)/SUM(INDEX($D$3:$AA$30,INDEX(Jesper!$R$2:$R$366,ROW(INDEX(Jesper!AH$2:AH$366,ROUNDDOWN($C4180/24,0)+1,1))-1)+IF('Standard Profiles'!$G$18=$B$10,7,0)+IF('Standard Profiles'!$G$18=$B$17,14,0)+IF('Standard Profiles'!$G$18=$B$24,21,0),0)),0)</f>
        <v>5.1624058129032928</v>
      </c>
      <c r="E4180" cm="1">
        <f t="array" ref="E4180">IFERROR(INDEX(Jesper!AI$2:AI$366,ROUNDDOWN($C4180/24,0)+1,1)*INDEX($D$3:$AA$30,INDEX(Jesper!$R$2:$R$366,ROW(INDEX(Jesper!AI$2:AI$366,ROUNDDOWN($C4180/24,0)+1,1))-1)+IF('Standard Profiles'!$G$19=$B$10,7,0)+IF('Standard Profiles'!$G$19=$B$17,14,0)+IF('Standard Profiles'!$G$19=$B$24,21,0),MOD($C4180,24)+1)/SUM(INDEX($D$3:$AA$30,INDEX(Jesper!$R$2:$R$366,ROW(INDEX(Jesper!AI$2:AI$366,ROUNDDOWN($C4180/24,0)+1,1))-1)+IF('Standard Profiles'!$G$19=$B$10,7,0)+IF('Standard Profiles'!$G$19=$B$17,14,0)+IF('Standard Profiles'!$G$19=$B$24,21,0),0)),0)</f>
        <v>1.9241065285959209</v>
      </c>
      <c r="F4180" cm="1">
        <f t="array" ref="F4180">IFERROR(INDEX(Jesper!AJ$2:AJ$366,ROUNDDOWN($C4180/24,0)+1,1)*INDEX($D$3:$AA$30,INDEX(Jesper!$R$2:$R$366,ROW(INDEX(Jesper!AJ$2:AJ$366,ROUNDDOWN($C4180/24,0)+1,1))-1)+IF('Standard Profiles'!$G$20=$B$10,7,0)+IF('Standard Profiles'!$G$20=$B$17,14,0)+IF('Standard Profiles'!$G$20=$B$24,21,0),MOD($C4180,24)+1)/SUM(INDEX($D$3:$AA$30,INDEX(Jesper!$R$2:$R$366,ROW(INDEX(Jesper!AJ$2:AJ$366,ROUNDDOWN($C4180/24,0)+1,1))-1)+IF('Standard Profiles'!$G$20=$B$10,7,0)+IF('Standard Profiles'!$G$20=$B$17,14,0)+IF('Standard Profiles'!$G$20=$B$24,21,0),0)),0)</f>
        <v>0</v>
      </c>
      <c r="G4180" cm="1">
        <f t="array" ref="G4180">IFERROR(INDEX(Jesper!AK$2:AK$366,ROUNDDOWN($C4180/24,0)+1,1)*INDEX($D$3:$AA$30,INDEX(Jesper!$R$2:$R$366,ROW(INDEX(Jesper!AK$2:AK$366,ROUNDDOWN($C4180/24,0)+1,1))-1)+IF('Standard Profiles'!$G$21=$B$10,7,0)+IF('Standard Profiles'!$G$21=$B$17,14,0)+IF('Standard Profiles'!$G$21=$B$24,21,0),MOD($C4180,24)+1)/SUM(INDEX($D$3:$AA$30,INDEX(Jesper!$R$2:$R$366,ROW(INDEX(Jesper!AK$2:AK$366,ROUNDDOWN($C4180/24,0)+1,1))-1)+IF('Standard Profiles'!$G$21=$B$10,7,0)+IF('Standard Profiles'!$G$21=$B$17,14,0)+IF('Standard Profiles'!$G$21=$B$24,21,0),0)),0)</f>
        <v>0</v>
      </c>
      <c r="H4180" cm="1">
        <f t="array" ref="H4180">IFERROR(INDEX(Jesper!AL$2:AL$366,ROUNDDOWN($C4180/24,0)+1,1)*INDEX($D$3:$AA$30,INDEX(Jesper!$R$2:$R$366,ROW(INDEX(Jesper!AL$2:AL$366,ROUNDDOWN($C4180/24,0)+1,1))-1)+IF('Standard Profiles'!$G$22=$B$10,7,0)+IF('Standard Profiles'!$G$22=$B$17,14,0)+IF('Standard Profiles'!$G$22=$B$24,21,0),MOD($C4180,24)+1)/SUM(INDEX($D$3:$AA$30,INDEX(Jesper!$R$2:$R$366,ROW(INDEX(Jesper!AL$2:AL$366,ROUNDDOWN($C4180/24,0)+1,1))-1)+IF('Standard Profiles'!$G$22=$B$10,7,0)+IF('Standard Profiles'!$G$22=$B$17,14,0)+IF('Standard Profiles'!$G$22=$B$24,21,0),0)),0)</f>
        <v>0</v>
      </c>
      <c r="I4180">
        <f t="shared" si="468"/>
        <v>0</v>
      </c>
      <c r="J4180">
        <f t="shared" si="469"/>
        <v>6.2605274114346869</v>
      </c>
      <c r="K4180">
        <f t="shared" si="470"/>
        <v>0.55065662004301796</v>
      </c>
      <c r="L4180">
        <f t="shared" si="471"/>
        <v>0.27532831002150898</v>
      </c>
      <c r="M4180">
        <f t="shared" si="472"/>
        <v>0</v>
      </c>
      <c r="N4180" s="45">
        <f t="shared" si="473"/>
        <v>45099.749999989945</v>
      </c>
    </row>
    <row r="4181" spans="2:14" x14ac:dyDescent="0.25">
      <c r="B4181">
        <f t="shared" si="467"/>
        <v>4</v>
      </c>
      <c r="C4181" s="16">
        <v>4147</v>
      </c>
      <c r="D4181" cm="1">
        <f t="array" ref="D4181">IFERROR(INDEX(Jesper!AH$2:AH$366,ROUNDDOWN($C4181/24,0)+1,1)*INDEX($D$3:$AA$30,INDEX(Jesper!$R$2:$R$366,ROW(INDEX(Jesper!AH$2:AH$366,ROUNDDOWN($C4181/24,0)+1,1))-1)+IF('Standard Profiles'!$G$18=$B$10,7,0)+IF('Standard Profiles'!$G$18=$B$17,14,0)+IF('Standard Profiles'!$G$18=$B$24,21,0),MOD($C4181,24)+1)/SUM(INDEX($D$3:$AA$30,INDEX(Jesper!$R$2:$R$366,ROW(INDEX(Jesper!AH$2:AH$366,ROUNDDOWN($C4181/24,0)+1,1))-1)+IF('Standard Profiles'!$G$18=$B$10,7,0)+IF('Standard Profiles'!$G$18=$B$17,14,0)+IF('Standard Profiles'!$G$18=$B$24,21,0),0)),0)</f>
        <v>5.1624058129032928</v>
      </c>
      <c r="E4181" cm="1">
        <f t="array" ref="E4181">IFERROR(INDEX(Jesper!AI$2:AI$366,ROUNDDOWN($C4181/24,0)+1,1)*INDEX($D$3:$AA$30,INDEX(Jesper!$R$2:$R$366,ROW(INDEX(Jesper!AI$2:AI$366,ROUNDDOWN($C4181/24,0)+1,1))-1)+IF('Standard Profiles'!$G$19=$B$10,7,0)+IF('Standard Profiles'!$G$19=$B$17,14,0)+IF('Standard Profiles'!$G$19=$B$24,21,0),MOD($C4181,24)+1)/SUM(INDEX($D$3:$AA$30,INDEX(Jesper!$R$2:$R$366,ROW(INDEX(Jesper!AI$2:AI$366,ROUNDDOWN($C4181/24,0)+1,1))-1)+IF('Standard Profiles'!$G$19=$B$10,7,0)+IF('Standard Profiles'!$G$19=$B$17,14,0)+IF('Standard Profiles'!$G$19=$B$24,21,0),0)),0)</f>
        <v>1.9241065285959209</v>
      </c>
      <c r="F4181" cm="1">
        <f t="array" ref="F4181">IFERROR(INDEX(Jesper!AJ$2:AJ$366,ROUNDDOWN($C4181/24,0)+1,1)*INDEX($D$3:$AA$30,INDEX(Jesper!$R$2:$R$366,ROW(INDEX(Jesper!AJ$2:AJ$366,ROUNDDOWN($C4181/24,0)+1,1))-1)+IF('Standard Profiles'!$G$20=$B$10,7,0)+IF('Standard Profiles'!$G$20=$B$17,14,0)+IF('Standard Profiles'!$G$20=$B$24,21,0),MOD($C4181,24)+1)/SUM(INDEX($D$3:$AA$30,INDEX(Jesper!$R$2:$R$366,ROW(INDEX(Jesper!AJ$2:AJ$366,ROUNDDOWN($C4181/24,0)+1,1))-1)+IF('Standard Profiles'!$G$20=$B$10,7,0)+IF('Standard Profiles'!$G$20=$B$17,14,0)+IF('Standard Profiles'!$G$20=$B$24,21,0),0)),0)</f>
        <v>0</v>
      </c>
      <c r="G4181" cm="1">
        <f t="array" ref="G4181">IFERROR(INDEX(Jesper!AK$2:AK$366,ROUNDDOWN($C4181/24,0)+1,1)*INDEX($D$3:$AA$30,INDEX(Jesper!$R$2:$R$366,ROW(INDEX(Jesper!AK$2:AK$366,ROUNDDOWN($C4181/24,0)+1,1))-1)+IF('Standard Profiles'!$G$21=$B$10,7,0)+IF('Standard Profiles'!$G$21=$B$17,14,0)+IF('Standard Profiles'!$G$21=$B$24,21,0),MOD($C4181,24)+1)/SUM(INDEX($D$3:$AA$30,INDEX(Jesper!$R$2:$R$366,ROW(INDEX(Jesper!AK$2:AK$366,ROUNDDOWN($C4181/24,0)+1,1))-1)+IF('Standard Profiles'!$G$21=$B$10,7,0)+IF('Standard Profiles'!$G$21=$B$17,14,0)+IF('Standard Profiles'!$G$21=$B$24,21,0),0)),0)</f>
        <v>0</v>
      </c>
      <c r="H4181" cm="1">
        <f t="array" ref="H4181">IFERROR(INDEX(Jesper!AL$2:AL$366,ROUNDDOWN($C4181/24,0)+1,1)*INDEX($D$3:$AA$30,INDEX(Jesper!$R$2:$R$366,ROW(INDEX(Jesper!AL$2:AL$366,ROUNDDOWN($C4181/24,0)+1,1))-1)+IF('Standard Profiles'!$G$22=$B$10,7,0)+IF('Standard Profiles'!$G$22=$B$17,14,0)+IF('Standard Profiles'!$G$22=$B$24,21,0),MOD($C4181,24)+1)/SUM(INDEX($D$3:$AA$30,INDEX(Jesper!$R$2:$R$366,ROW(INDEX(Jesper!AL$2:AL$366,ROUNDDOWN($C4181/24,0)+1,1))-1)+IF('Standard Profiles'!$G$22=$B$10,7,0)+IF('Standard Profiles'!$G$22=$B$17,14,0)+IF('Standard Profiles'!$G$22=$B$24,21,0),0)),0)</f>
        <v>0</v>
      </c>
      <c r="I4181">
        <f t="shared" si="468"/>
        <v>0</v>
      </c>
      <c r="J4181">
        <f t="shared" si="469"/>
        <v>6.2605274114346869</v>
      </c>
      <c r="K4181">
        <f t="shared" si="470"/>
        <v>0.55065662004301796</v>
      </c>
      <c r="L4181">
        <f t="shared" si="471"/>
        <v>0.27532831002150898</v>
      </c>
      <c r="M4181">
        <f t="shared" si="472"/>
        <v>0</v>
      </c>
      <c r="N4181" s="45">
        <f t="shared" si="473"/>
        <v>45099.791666656609</v>
      </c>
    </row>
    <row r="4182" spans="2:14" x14ac:dyDescent="0.25">
      <c r="B4182">
        <f t="shared" si="467"/>
        <v>4</v>
      </c>
      <c r="C4182" s="16">
        <v>4148</v>
      </c>
      <c r="D4182" cm="1">
        <f t="array" ref="D4182">IFERROR(INDEX(Jesper!AH$2:AH$366,ROUNDDOWN($C4182/24,0)+1,1)*INDEX($D$3:$AA$30,INDEX(Jesper!$R$2:$R$366,ROW(INDEX(Jesper!AH$2:AH$366,ROUNDDOWN($C4182/24,0)+1,1))-1)+IF('Standard Profiles'!$G$18=$B$10,7,0)+IF('Standard Profiles'!$G$18=$B$17,14,0)+IF('Standard Profiles'!$G$18=$B$24,21,0),MOD($C4182,24)+1)/SUM(INDEX($D$3:$AA$30,INDEX(Jesper!$R$2:$R$366,ROW(INDEX(Jesper!AH$2:AH$366,ROUNDDOWN($C4182/24,0)+1,1))-1)+IF('Standard Profiles'!$G$18=$B$10,7,0)+IF('Standard Profiles'!$G$18=$B$17,14,0)+IF('Standard Profiles'!$G$18=$B$24,21,0),0)),0)</f>
        <v>5.1624058129032928</v>
      </c>
      <c r="E4182" cm="1">
        <f t="array" ref="E4182">IFERROR(INDEX(Jesper!AI$2:AI$366,ROUNDDOWN($C4182/24,0)+1,1)*INDEX($D$3:$AA$30,INDEX(Jesper!$R$2:$R$366,ROW(INDEX(Jesper!AI$2:AI$366,ROUNDDOWN($C4182/24,0)+1,1))-1)+IF('Standard Profiles'!$G$19=$B$10,7,0)+IF('Standard Profiles'!$G$19=$B$17,14,0)+IF('Standard Profiles'!$G$19=$B$24,21,0),MOD($C4182,24)+1)/SUM(INDEX($D$3:$AA$30,INDEX(Jesper!$R$2:$R$366,ROW(INDEX(Jesper!AI$2:AI$366,ROUNDDOWN($C4182/24,0)+1,1))-1)+IF('Standard Profiles'!$G$19=$B$10,7,0)+IF('Standard Profiles'!$G$19=$B$17,14,0)+IF('Standard Profiles'!$G$19=$B$24,21,0),0)),0)</f>
        <v>1.9241065285959209</v>
      </c>
      <c r="F4182" cm="1">
        <f t="array" ref="F4182">IFERROR(INDEX(Jesper!AJ$2:AJ$366,ROUNDDOWN($C4182/24,0)+1,1)*INDEX($D$3:$AA$30,INDEX(Jesper!$R$2:$R$366,ROW(INDEX(Jesper!AJ$2:AJ$366,ROUNDDOWN($C4182/24,0)+1,1))-1)+IF('Standard Profiles'!$G$20=$B$10,7,0)+IF('Standard Profiles'!$G$20=$B$17,14,0)+IF('Standard Profiles'!$G$20=$B$24,21,0),MOD($C4182,24)+1)/SUM(INDEX($D$3:$AA$30,INDEX(Jesper!$R$2:$R$366,ROW(INDEX(Jesper!AJ$2:AJ$366,ROUNDDOWN($C4182/24,0)+1,1))-1)+IF('Standard Profiles'!$G$20=$B$10,7,0)+IF('Standard Profiles'!$G$20=$B$17,14,0)+IF('Standard Profiles'!$G$20=$B$24,21,0),0)),0)</f>
        <v>0</v>
      </c>
      <c r="G4182" cm="1">
        <f t="array" ref="G4182">IFERROR(INDEX(Jesper!AK$2:AK$366,ROUNDDOWN($C4182/24,0)+1,1)*INDEX($D$3:$AA$30,INDEX(Jesper!$R$2:$R$366,ROW(INDEX(Jesper!AK$2:AK$366,ROUNDDOWN($C4182/24,0)+1,1))-1)+IF('Standard Profiles'!$G$21=$B$10,7,0)+IF('Standard Profiles'!$G$21=$B$17,14,0)+IF('Standard Profiles'!$G$21=$B$24,21,0),MOD($C4182,24)+1)/SUM(INDEX($D$3:$AA$30,INDEX(Jesper!$R$2:$R$366,ROW(INDEX(Jesper!AK$2:AK$366,ROUNDDOWN($C4182/24,0)+1,1))-1)+IF('Standard Profiles'!$G$21=$B$10,7,0)+IF('Standard Profiles'!$G$21=$B$17,14,0)+IF('Standard Profiles'!$G$21=$B$24,21,0),0)),0)</f>
        <v>0</v>
      </c>
      <c r="H4182" cm="1">
        <f t="array" ref="H4182">IFERROR(INDEX(Jesper!AL$2:AL$366,ROUNDDOWN($C4182/24,0)+1,1)*INDEX($D$3:$AA$30,INDEX(Jesper!$R$2:$R$366,ROW(INDEX(Jesper!AL$2:AL$366,ROUNDDOWN($C4182/24,0)+1,1))-1)+IF('Standard Profiles'!$G$22=$B$10,7,0)+IF('Standard Profiles'!$G$22=$B$17,14,0)+IF('Standard Profiles'!$G$22=$B$24,21,0),MOD($C4182,24)+1)/SUM(INDEX($D$3:$AA$30,INDEX(Jesper!$R$2:$R$366,ROW(INDEX(Jesper!AL$2:AL$366,ROUNDDOWN($C4182/24,0)+1,1))-1)+IF('Standard Profiles'!$G$22=$B$10,7,0)+IF('Standard Profiles'!$G$22=$B$17,14,0)+IF('Standard Profiles'!$G$22=$B$24,21,0),0)),0)</f>
        <v>0</v>
      </c>
      <c r="I4182">
        <f t="shared" si="468"/>
        <v>0</v>
      </c>
      <c r="J4182">
        <f t="shared" si="469"/>
        <v>6.2605274114346869</v>
      </c>
      <c r="K4182">
        <f t="shared" si="470"/>
        <v>0.55065662004301796</v>
      </c>
      <c r="L4182">
        <f t="shared" si="471"/>
        <v>0.27532831002150898</v>
      </c>
      <c r="M4182">
        <f t="shared" si="472"/>
        <v>0</v>
      </c>
      <c r="N4182" s="45">
        <f t="shared" si="473"/>
        <v>45099.833333323273</v>
      </c>
    </row>
    <row r="4183" spans="2:14" x14ac:dyDescent="0.25">
      <c r="B4183">
        <f t="shared" si="467"/>
        <v>4</v>
      </c>
      <c r="C4183" s="16">
        <v>4149</v>
      </c>
      <c r="D4183" cm="1">
        <f t="array" ref="D4183">IFERROR(INDEX(Jesper!AH$2:AH$366,ROUNDDOWN($C4183/24,0)+1,1)*INDEX($D$3:$AA$30,INDEX(Jesper!$R$2:$R$366,ROW(INDEX(Jesper!AH$2:AH$366,ROUNDDOWN($C4183/24,0)+1,1))-1)+IF('Standard Profiles'!$G$18=$B$10,7,0)+IF('Standard Profiles'!$G$18=$B$17,14,0)+IF('Standard Profiles'!$G$18=$B$24,21,0),MOD($C4183,24)+1)/SUM(INDEX($D$3:$AA$30,INDEX(Jesper!$R$2:$R$366,ROW(INDEX(Jesper!AH$2:AH$366,ROUNDDOWN($C4183/24,0)+1,1))-1)+IF('Standard Profiles'!$G$18=$B$10,7,0)+IF('Standard Profiles'!$G$18=$B$17,14,0)+IF('Standard Profiles'!$G$18=$B$24,21,0),0)),0)</f>
        <v>5.1624058129032928</v>
      </c>
      <c r="E4183" cm="1">
        <f t="array" ref="E4183">IFERROR(INDEX(Jesper!AI$2:AI$366,ROUNDDOWN($C4183/24,0)+1,1)*INDEX($D$3:$AA$30,INDEX(Jesper!$R$2:$R$366,ROW(INDEX(Jesper!AI$2:AI$366,ROUNDDOWN($C4183/24,0)+1,1))-1)+IF('Standard Profiles'!$G$19=$B$10,7,0)+IF('Standard Profiles'!$G$19=$B$17,14,0)+IF('Standard Profiles'!$G$19=$B$24,21,0),MOD($C4183,24)+1)/SUM(INDEX($D$3:$AA$30,INDEX(Jesper!$R$2:$R$366,ROW(INDEX(Jesper!AI$2:AI$366,ROUNDDOWN($C4183/24,0)+1,1))-1)+IF('Standard Profiles'!$G$19=$B$10,7,0)+IF('Standard Profiles'!$G$19=$B$17,14,0)+IF('Standard Profiles'!$G$19=$B$24,21,0),0)),0)</f>
        <v>1.9241065285959209</v>
      </c>
      <c r="F4183" cm="1">
        <f t="array" ref="F4183">IFERROR(INDEX(Jesper!AJ$2:AJ$366,ROUNDDOWN($C4183/24,0)+1,1)*INDEX($D$3:$AA$30,INDEX(Jesper!$R$2:$R$366,ROW(INDEX(Jesper!AJ$2:AJ$366,ROUNDDOWN($C4183/24,0)+1,1))-1)+IF('Standard Profiles'!$G$20=$B$10,7,0)+IF('Standard Profiles'!$G$20=$B$17,14,0)+IF('Standard Profiles'!$G$20=$B$24,21,0),MOD($C4183,24)+1)/SUM(INDEX($D$3:$AA$30,INDEX(Jesper!$R$2:$R$366,ROW(INDEX(Jesper!AJ$2:AJ$366,ROUNDDOWN($C4183/24,0)+1,1))-1)+IF('Standard Profiles'!$G$20=$B$10,7,0)+IF('Standard Profiles'!$G$20=$B$17,14,0)+IF('Standard Profiles'!$G$20=$B$24,21,0),0)),0)</f>
        <v>0</v>
      </c>
      <c r="G4183" cm="1">
        <f t="array" ref="G4183">IFERROR(INDEX(Jesper!AK$2:AK$366,ROUNDDOWN($C4183/24,0)+1,1)*INDEX($D$3:$AA$30,INDEX(Jesper!$R$2:$R$366,ROW(INDEX(Jesper!AK$2:AK$366,ROUNDDOWN($C4183/24,0)+1,1))-1)+IF('Standard Profiles'!$G$21=$B$10,7,0)+IF('Standard Profiles'!$G$21=$B$17,14,0)+IF('Standard Profiles'!$G$21=$B$24,21,0),MOD($C4183,24)+1)/SUM(INDEX($D$3:$AA$30,INDEX(Jesper!$R$2:$R$366,ROW(INDEX(Jesper!AK$2:AK$366,ROUNDDOWN($C4183/24,0)+1,1))-1)+IF('Standard Profiles'!$G$21=$B$10,7,0)+IF('Standard Profiles'!$G$21=$B$17,14,0)+IF('Standard Profiles'!$G$21=$B$24,21,0),0)),0)</f>
        <v>0</v>
      </c>
      <c r="H4183" cm="1">
        <f t="array" ref="H4183">IFERROR(INDEX(Jesper!AL$2:AL$366,ROUNDDOWN($C4183/24,0)+1,1)*INDEX($D$3:$AA$30,INDEX(Jesper!$R$2:$R$366,ROW(INDEX(Jesper!AL$2:AL$366,ROUNDDOWN($C4183/24,0)+1,1))-1)+IF('Standard Profiles'!$G$22=$B$10,7,0)+IF('Standard Profiles'!$G$22=$B$17,14,0)+IF('Standard Profiles'!$G$22=$B$24,21,0),MOD($C4183,24)+1)/SUM(INDEX($D$3:$AA$30,INDEX(Jesper!$R$2:$R$366,ROW(INDEX(Jesper!AL$2:AL$366,ROUNDDOWN($C4183/24,0)+1,1))-1)+IF('Standard Profiles'!$G$22=$B$10,7,0)+IF('Standard Profiles'!$G$22=$B$17,14,0)+IF('Standard Profiles'!$G$22=$B$24,21,0),0)),0)</f>
        <v>0</v>
      </c>
      <c r="I4183">
        <f t="shared" si="468"/>
        <v>0</v>
      </c>
      <c r="J4183">
        <f t="shared" si="469"/>
        <v>6.2605274114346869</v>
      </c>
      <c r="K4183">
        <f t="shared" si="470"/>
        <v>0.55065662004301796</v>
      </c>
      <c r="L4183">
        <f t="shared" si="471"/>
        <v>0.27532831002150898</v>
      </c>
      <c r="M4183">
        <f t="shared" si="472"/>
        <v>0</v>
      </c>
      <c r="N4183" s="45">
        <f t="shared" si="473"/>
        <v>45099.874999989937</v>
      </c>
    </row>
    <row r="4184" spans="2:14" x14ac:dyDescent="0.25">
      <c r="B4184">
        <f t="shared" si="467"/>
        <v>4</v>
      </c>
      <c r="C4184" s="16">
        <v>4150</v>
      </c>
      <c r="D4184" cm="1">
        <f t="array" ref="D4184">IFERROR(INDEX(Jesper!AH$2:AH$366,ROUNDDOWN($C4184/24,0)+1,1)*INDEX($D$3:$AA$30,INDEX(Jesper!$R$2:$R$366,ROW(INDEX(Jesper!AH$2:AH$366,ROUNDDOWN($C4184/24,0)+1,1))-1)+IF('Standard Profiles'!$G$18=$B$10,7,0)+IF('Standard Profiles'!$G$18=$B$17,14,0)+IF('Standard Profiles'!$G$18=$B$24,21,0),MOD($C4184,24)+1)/SUM(INDEX($D$3:$AA$30,INDEX(Jesper!$R$2:$R$366,ROW(INDEX(Jesper!AH$2:AH$366,ROUNDDOWN($C4184/24,0)+1,1))-1)+IF('Standard Profiles'!$G$18=$B$10,7,0)+IF('Standard Profiles'!$G$18=$B$17,14,0)+IF('Standard Profiles'!$G$18=$B$24,21,0),0)),0)</f>
        <v>5.1624058129032928</v>
      </c>
      <c r="E4184" cm="1">
        <f t="array" ref="E4184">IFERROR(INDEX(Jesper!AI$2:AI$366,ROUNDDOWN($C4184/24,0)+1,1)*INDEX($D$3:$AA$30,INDEX(Jesper!$R$2:$R$366,ROW(INDEX(Jesper!AI$2:AI$366,ROUNDDOWN($C4184/24,0)+1,1))-1)+IF('Standard Profiles'!$G$19=$B$10,7,0)+IF('Standard Profiles'!$G$19=$B$17,14,0)+IF('Standard Profiles'!$G$19=$B$24,21,0),MOD($C4184,24)+1)/SUM(INDEX($D$3:$AA$30,INDEX(Jesper!$R$2:$R$366,ROW(INDEX(Jesper!AI$2:AI$366,ROUNDDOWN($C4184/24,0)+1,1))-1)+IF('Standard Profiles'!$G$19=$B$10,7,0)+IF('Standard Profiles'!$G$19=$B$17,14,0)+IF('Standard Profiles'!$G$19=$B$24,21,0),0)),0)</f>
        <v>1.9241065285959209</v>
      </c>
      <c r="F4184" cm="1">
        <f t="array" ref="F4184">IFERROR(INDEX(Jesper!AJ$2:AJ$366,ROUNDDOWN($C4184/24,0)+1,1)*INDEX($D$3:$AA$30,INDEX(Jesper!$R$2:$R$366,ROW(INDEX(Jesper!AJ$2:AJ$366,ROUNDDOWN($C4184/24,0)+1,1))-1)+IF('Standard Profiles'!$G$20=$B$10,7,0)+IF('Standard Profiles'!$G$20=$B$17,14,0)+IF('Standard Profiles'!$G$20=$B$24,21,0),MOD($C4184,24)+1)/SUM(INDEX($D$3:$AA$30,INDEX(Jesper!$R$2:$R$366,ROW(INDEX(Jesper!AJ$2:AJ$366,ROUNDDOWN($C4184/24,0)+1,1))-1)+IF('Standard Profiles'!$G$20=$B$10,7,0)+IF('Standard Profiles'!$G$20=$B$17,14,0)+IF('Standard Profiles'!$G$20=$B$24,21,0),0)),0)</f>
        <v>0</v>
      </c>
      <c r="G4184" cm="1">
        <f t="array" ref="G4184">IFERROR(INDEX(Jesper!AK$2:AK$366,ROUNDDOWN($C4184/24,0)+1,1)*INDEX($D$3:$AA$30,INDEX(Jesper!$R$2:$R$366,ROW(INDEX(Jesper!AK$2:AK$366,ROUNDDOWN($C4184/24,0)+1,1))-1)+IF('Standard Profiles'!$G$21=$B$10,7,0)+IF('Standard Profiles'!$G$21=$B$17,14,0)+IF('Standard Profiles'!$G$21=$B$24,21,0),MOD($C4184,24)+1)/SUM(INDEX($D$3:$AA$30,INDEX(Jesper!$R$2:$R$366,ROW(INDEX(Jesper!AK$2:AK$366,ROUNDDOWN($C4184/24,0)+1,1))-1)+IF('Standard Profiles'!$G$21=$B$10,7,0)+IF('Standard Profiles'!$G$21=$B$17,14,0)+IF('Standard Profiles'!$G$21=$B$24,21,0),0)),0)</f>
        <v>0</v>
      </c>
      <c r="H4184" cm="1">
        <f t="array" ref="H4184">IFERROR(INDEX(Jesper!AL$2:AL$366,ROUNDDOWN($C4184/24,0)+1,1)*INDEX($D$3:$AA$30,INDEX(Jesper!$R$2:$R$366,ROW(INDEX(Jesper!AL$2:AL$366,ROUNDDOWN($C4184/24,0)+1,1))-1)+IF('Standard Profiles'!$G$22=$B$10,7,0)+IF('Standard Profiles'!$G$22=$B$17,14,0)+IF('Standard Profiles'!$G$22=$B$24,21,0),MOD($C4184,24)+1)/SUM(INDEX($D$3:$AA$30,INDEX(Jesper!$R$2:$R$366,ROW(INDEX(Jesper!AL$2:AL$366,ROUNDDOWN($C4184/24,0)+1,1))-1)+IF('Standard Profiles'!$G$22=$B$10,7,0)+IF('Standard Profiles'!$G$22=$B$17,14,0)+IF('Standard Profiles'!$G$22=$B$24,21,0),0)),0)</f>
        <v>0</v>
      </c>
      <c r="I4184">
        <f t="shared" si="468"/>
        <v>0</v>
      </c>
      <c r="J4184">
        <f t="shared" si="469"/>
        <v>6.2605274114346869</v>
      </c>
      <c r="K4184">
        <f t="shared" si="470"/>
        <v>0.55065662004301796</v>
      </c>
      <c r="L4184">
        <f t="shared" si="471"/>
        <v>0.27532831002150898</v>
      </c>
      <c r="M4184">
        <f t="shared" si="472"/>
        <v>0</v>
      </c>
      <c r="N4184" s="45">
        <f t="shared" si="473"/>
        <v>45099.916666656602</v>
      </c>
    </row>
    <row r="4185" spans="2:14" x14ac:dyDescent="0.25">
      <c r="B4185">
        <f t="shared" si="467"/>
        <v>4</v>
      </c>
      <c r="C4185" s="16">
        <v>4151</v>
      </c>
      <c r="D4185" cm="1">
        <f t="array" ref="D4185">IFERROR(INDEX(Jesper!AH$2:AH$366,ROUNDDOWN($C4185/24,0)+1,1)*INDEX($D$3:$AA$30,INDEX(Jesper!$R$2:$R$366,ROW(INDEX(Jesper!AH$2:AH$366,ROUNDDOWN($C4185/24,0)+1,1))-1)+IF('Standard Profiles'!$G$18=$B$10,7,0)+IF('Standard Profiles'!$G$18=$B$17,14,0)+IF('Standard Profiles'!$G$18=$B$24,21,0),MOD($C4185,24)+1)/SUM(INDEX($D$3:$AA$30,INDEX(Jesper!$R$2:$R$366,ROW(INDEX(Jesper!AH$2:AH$366,ROUNDDOWN($C4185/24,0)+1,1))-1)+IF('Standard Profiles'!$G$18=$B$10,7,0)+IF('Standard Profiles'!$G$18=$B$17,14,0)+IF('Standard Profiles'!$G$18=$B$24,21,0),0)),0)</f>
        <v>5.1624058129032928</v>
      </c>
      <c r="E4185" cm="1">
        <f t="array" ref="E4185">IFERROR(INDEX(Jesper!AI$2:AI$366,ROUNDDOWN($C4185/24,0)+1,1)*INDEX($D$3:$AA$30,INDEX(Jesper!$R$2:$R$366,ROW(INDEX(Jesper!AI$2:AI$366,ROUNDDOWN($C4185/24,0)+1,1))-1)+IF('Standard Profiles'!$G$19=$B$10,7,0)+IF('Standard Profiles'!$G$19=$B$17,14,0)+IF('Standard Profiles'!$G$19=$B$24,21,0),MOD($C4185,24)+1)/SUM(INDEX($D$3:$AA$30,INDEX(Jesper!$R$2:$R$366,ROW(INDEX(Jesper!AI$2:AI$366,ROUNDDOWN($C4185/24,0)+1,1))-1)+IF('Standard Profiles'!$G$19=$B$10,7,0)+IF('Standard Profiles'!$G$19=$B$17,14,0)+IF('Standard Profiles'!$G$19=$B$24,21,0),0)),0)</f>
        <v>1.9241065285959209</v>
      </c>
      <c r="F4185" cm="1">
        <f t="array" ref="F4185">IFERROR(INDEX(Jesper!AJ$2:AJ$366,ROUNDDOWN($C4185/24,0)+1,1)*INDEX($D$3:$AA$30,INDEX(Jesper!$R$2:$R$366,ROW(INDEX(Jesper!AJ$2:AJ$366,ROUNDDOWN($C4185/24,0)+1,1))-1)+IF('Standard Profiles'!$G$20=$B$10,7,0)+IF('Standard Profiles'!$G$20=$B$17,14,0)+IF('Standard Profiles'!$G$20=$B$24,21,0),MOD($C4185,24)+1)/SUM(INDEX($D$3:$AA$30,INDEX(Jesper!$R$2:$R$366,ROW(INDEX(Jesper!AJ$2:AJ$366,ROUNDDOWN($C4185/24,0)+1,1))-1)+IF('Standard Profiles'!$G$20=$B$10,7,0)+IF('Standard Profiles'!$G$20=$B$17,14,0)+IF('Standard Profiles'!$G$20=$B$24,21,0),0)),0)</f>
        <v>0</v>
      </c>
      <c r="G4185" cm="1">
        <f t="array" ref="G4185">IFERROR(INDEX(Jesper!AK$2:AK$366,ROUNDDOWN($C4185/24,0)+1,1)*INDEX($D$3:$AA$30,INDEX(Jesper!$R$2:$R$366,ROW(INDEX(Jesper!AK$2:AK$366,ROUNDDOWN($C4185/24,0)+1,1))-1)+IF('Standard Profiles'!$G$21=$B$10,7,0)+IF('Standard Profiles'!$G$21=$B$17,14,0)+IF('Standard Profiles'!$G$21=$B$24,21,0),MOD($C4185,24)+1)/SUM(INDEX($D$3:$AA$30,INDEX(Jesper!$R$2:$R$366,ROW(INDEX(Jesper!AK$2:AK$366,ROUNDDOWN($C4185/24,0)+1,1))-1)+IF('Standard Profiles'!$G$21=$B$10,7,0)+IF('Standard Profiles'!$G$21=$B$17,14,0)+IF('Standard Profiles'!$G$21=$B$24,21,0),0)),0)</f>
        <v>0</v>
      </c>
      <c r="H4185" cm="1">
        <f t="array" ref="H4185">IFERROR(INDEX(Jesper!AL$2:AL$366,ROUNDDOWN($C4185/24,0)+1,1)*INDEX($D$3:$AA$30,INDEX(Jesper!$R$2:$R$366,ROW(INDEX(Jesper!AL$2:AL$366,ROUNDDOWN($C4185/24,0)+1,1))-1)+IF('Standard Profiles'!$G$22=$B$10,7,0)+IF('Standard Profiles'!$G$22=$B$17,14,0)+IF('Standard Profiles'!$G$22=$B$24,21,0),MOD($C4185,24)+1)/SUM(INDEX($D$3:$AA$30,INDEX(Jesper!$R$2:$R$366,ROW(INDEX(Jesper!AL$2:AL$366,ROUNDDOWN($C4185/24,0)+1,1))-1)+IF('Standard Profiles'!$G$22=$B$10,7,0)+IF('Standard Profiles'!$G$22=$B$17,14,0)+IF('Standard Profiles'!$G$22=$B$24,21,0),0)),0)</f>
        <v>0</v>
      </c>
      <c r="I4185">
        <f t="shared" si="468"/>
        <v>0</v>
      </c>
      <c r="J4185">
        <f t="shared" si="469"/>
        <v>6.2605274114346869</v>
      </c>
      <c r="K4185">
        <f t="shared" si="470"/>
        <v>0.55065662004301796</v>
      </c>
      <c r="L4185">
        <f t="shared" si="471"/>
        <v>0.27532831002150898</v>
      </c>
      <c r="M4185">
        <f t="shared" si="472"/>
        <v>0</v>
      </c>
      <c r="N4185" s="45">
        <f t="shared" si="473"/>
        <v>45099.958333323266</v>
      </c>
    </row>
    <row r="4186" spans="2:14" x14ac:dyDescent="0.25">
      <c r="B4186">
        <f t="shared" si="467"/>
        <v>5</v>
      </c>
      <c r="C4186" s="16">
        <v>4152</v>
      </c>
      <c r="D4186" cm="1">
        <f t="array" ref="D4186">IFERROR(INDEX(Jesper!AH$2:AH$366,ROUNDDOWN($C4186/24,0)+1,1)*INDEX($D$3:$AA$30,INDEX(Jesper!$R$2:$R$366,ROW(INDEX(Jesper!AH$2:AH$366,ROUNDDOWN($C4186/24,0)+1,1))-1)+IF('Standard Profiles'!$G$18=$B$10,7,0)+IF('Standard Profiles'!$G$18=$B$17,14,0)+IF('Standard Profiles'!$G$18=$B$24,21,0),MOD($C4186,24)+1)/SUM(INDEX($D$3:$AA$30,INDEX(Jesper!$R$2:$R$366,ROW(INDEX(Jesper!AH$2:AH$366,ROUNDDOWN($C4186/24,0)+1,1))-1)+IF('Standard Profiles'!$G$18=$B$10,7,0)+IF('Standard Profiles'!$G$18=$B$17,14,0)+IF('Standard Profiles'!$G$18=$B$24,21,0),0)),0)</f>
        <v>8.026055589272385</v>
      </c>
      <c r="E4186" cm="1">
        <f t="array" ref="E4186">IFERROR(INDEX(Jesper!AI$2:AI$366,ROUNDDOWN($C4186/24,0)+1,1)*INDEX($D$3:$AA$30,INDEX(Jesper!$R$2:$R$366,ROW(INDEX(Jesper!AI$2:AI$366,ROUNDDOWN($C4186/24,0)+1,1))-1)+IF('Standard Profiles'!$G$19=$B$10,7,0)+IF('Standard Profiles'!$G$19=$B$17,14,0)+IF('Standard Profiles'!$G$19=$B$24,21,0),MOD($C4186,24)+1)/SUM(INDEX($D$3:$AA$30,INDEX(Jesper!$R$2:$R$366,ROW(INDEX(Jesper!AI$2:AI$366,ROUNDDOWN($C4186/24,0)+1,1))-1)+IF('Standard Profiles'!$G$19=$B$10,7,0)+IF('Standard Profiles'!$G$19=$B$17,14,0)+IF('Standard Profiles'!$G$19=$B$24,21,0),0)),0)</f>
        <v>3.1931770968866555</v>
      </c>
      <c r="F4186" cm="1">
        <f t="array" ref="F4186">IFERROR(INDEX(Jesper!AJ$2:AJ$366,ROUNDDOWN($C4186/24,0)+1,1)*INDEX($D$3:$AA$30,INDEX(Jesper!$R$2:$R$366,ROW(INDEX(Jesper!AJ$2:AJ$366,ROUNDDOWN($C4186/24,0)+1,1))-1)+IF('Standard Profiles'!$G$20=$B$10,7,0)+IF('Standard Profiles'!$G$20=$B$17,14,0)+IF('Standard Profiles'!$G$20=$B$24,21,0),MOD($C4186,24)+1)/SUM(INDEX($D$3:$AA$30,INDEX(Jesper!$R$2:$R$366,ROW(INDEX(Jesper!AJ$2:AJ$366,ROUNDDOWN($C4186/24,0)+1,1))-1)+IF('Standard Profiles'!$G$20=$B$10,7,0)+IF('Standard Profiles'!$G$20=$B$17,14,0)+IF('Standard Profiles'!$G$20=$B$24,21,0),0)),0)</f>
        <v>0</v>
      </c>
      <c r="G4186" cm="1">
        <f t="array" ref="G4186">IFERROR(INDEX(Jesper!AK$2:AK$366,ROUNDDOWN($C4186/24,0)+1,1)*INDEX($D$3:$AA$30,INDEX(Jesper!$R$2:$R$366,ROW(INDEX(Jesper!AK$2:AK$366,ROUNDDOWN($C4186/24,0)+1,1))-1)+IF('Standard Profiles'!$G$21=$B$10,7,0)+IF('Standard Profiles'!$G$21=$B$17,14,0)+IF('Standard Profiles'!$G$21=$B$24,21,0),MOD($C4186,24)+1)/SUM(INDEX($D$3:$AA$30,INDEX(Jesper!$R$2:$R$366,ROW(INDEX(Jesper!AK$2:AK$366,ROUNDDOWN($C4186/24,0)+1,1))-1)+IF('Standard Profiles'!$G$21=$B$10,7,0)+IF('Standard Profiles'!$G$21=$B$17,14,0)+IF('Standard Profiles'!$G$21=$B$24,21,0),0)),0)</f>
        <v>0</v>
      </c>
      <c r="H4186" cm="1">
        <f t="array" ref="H4186">IFERROR(INDEX(Jesper!AL$2:AL$366,ROUNDDOWN($C4186/24,0)+1,1)*INDEX($D$3:$AA$30,INDEX(Jesper!$R$2:$R$366,ROW(INDEX(Jesper!AL$2:AL$366,ROUNDDOWN($C4186/24,0)+1,1))-1)+IF('Standard Profiles'!$G$22=$B$10,7,0)+IF('Standard Profiles'!$G$22=$B$17,14,0)+IF('Standard Profiles'!$G$22=$B$24,21,0),MOD($C4186,24)+1)/SUM(INDEX($D$3:$AA$30,INDEX(Jesper!$R$2:$R$366,ROW(INDEX(Jesper!AL$2:AL$366,ROUNDDOWN($C4186/24,0)+1,1))-1)+IF('Standard Profiles'!$G$22=$B$10,7,0)+IF('Standard Profiles'!$G$22=$B$17,14,0)+IF('Standard Profiles'!$G$22=$B$24,21,0),0)),0)</f>
        <v>0</v>
      </c>
      <c r="I4186">
        <f t="shared" si="468"/>
        <v>0</v>
      </c>
      <c r="J4186">
        <f t="shared" si="469"/>
        <v>9.935063791875459</v>
      </c>
      <c r="K4186">
        <f t="shared" si="470"/>
        <v>0.85611259618905444</v>
      </c>
      <c r="L4186">
        <f t="shared" si="471"/>
        <v>0.42805629809452722</v>
      </c>
      <c r="M4186">
        <f t="shared" si="472"/>
        <v>0</v>
      </c>
      <c r="N4186" s="45">
        <f t="shared" si="473"/>
        <v>45099.99999998993</v>
      </c>
    </row>
    <row r="4187" spans="2:14" x14ac:dyDescent="0.25">
      <c r="B4187">
        <f t="shared" si="467"/>
        <v>5</v>
      </c>
      <c r="C4187" s="16">
        <v>4153</v>
      </c>
      <c r="D4187" cm="1">
        <f t="array" ref="D4187">IFERROR(INDEX(Jesper!AH$2:AH$366,ROUNDDOWN($C4187/24,0)+1,1)*INDEX($D$3:$AA$30,INDEX(Jesper!$R$2:$R$366,ROW(INDEX(Jesper!AH$2:AH$366,ROUNDDOWN($C4187/24,0)+1,1))-1)+IF('Standard Profiles'!$G$18=$B$10,7,0)+IF('Standard Profiles'!$G$18=$B$17,14,0)+IF('Standard Profiles'!$G$18=$B$24,21,0),MOD($C4187,24)+1)/SUM(INDEX($D$3:$AA$30,INDEX(Jesper!$R$2:$R$366,ROW(INDEX(Jesper!AH$2:AH$366,ROUNDDOWN($C4187/24,0)+1,1))-1)+IF('Standard Profiles'!$G$18=$B$10,7,0)+IF('Standard Profiles'!$G$18=$B$17,14,0)+IF('Standard Profiles'!$G$18=$B$24,21,0),0)),0)</f>
        <v>4.8642761147105364</v>
      </c>
      <c r="E4187" cm="1">
        <f t="array" ref="E4187">IFERROR(INDEX(Jesper!AI$2:AI$366,ROUNDDOWN($C4187/24,0)+1,1)*INDEX($D$3:$AA$30,INDEX(Jesper!$R$2:$R$366,ROW(INDEX(Jesper!AI$2:AI$366,ROUNDDOWN($C4187/24,0)+1,1))-1)+IF('Standard Profiles'!$G$19=$B$10,7,0)+IF('Standard Profiles'!$G$19=$B$17,14,0)+IF('Standard Profiles'!$G$19=$B$24,21,0),MOD($C4187,24)+1)/SUM(INDEX($D$3:$AA$30,INDEX(Jesper!$R$2:$R$366,ROW(INDEX(Jesper!AI$2:AI$366,ROUNDDOWN($C4187/24,0)+1,1))-1)+IF('Standard Profiles'!$G$19=$B$10,7,0)+IF('Standard Profiles'!$G$19=$B$17,14,0)+IF('Standard Profiles'!$G$19=$B$24,21,0),0)),0)</f>
        <v>1.935258846597973</v>
      </c>
      <c r="F4187" cm="1">
        <f t="array" ref="F4187">IFERROR(INDEX(Jesper!AJ$2:AJ$366,ROUNDDOWN($C4187/24,0)+1,1)*INDEX($D$3:$AA$30,INDEX(Jesper!$R$2:$R$366,ROW(INDEX(Jesper!AJ$2:AJ$366,ROUNDDOWN($C4187/24,0)+1,1))-1)+IF('Standard Profiles'!$G$20=$B$10,7,0)+IF('Standard Profiles'!$G$20=$B$17,14,0)+IF('Standard Profiles'!$G$20=$B$24,21,0),MOD($C4187,24)+1)/SUM(INDEX($D$3:$AA$30,INDEX(Jesper!$R$2:$R$366,ROW(INDEX(Jesper!AJ$2:AJ$366,ROUNDDOWN($C4187/24,0)+1,1))-1)+IF('Standard Profiles'!$G$20=$B$10,7,0)+IF('Standard Profiles'!$G$20=$B$17,14,0)+IF('Standard Profiles'!$G$20=$B$24,21,0),0)),0)</f>
        <v>0</v>
      </c>
      <c r="G4187" cm="1">
        <f t="array" ref="G4187">IFERROR(INDEX(Jesper!AK$2:AK$366,ROUNDDOWN($C4187/24,0)+1,1)*INDEX($D$3:$AA$30,INDEX(Jesper!$R$2:$R$366,ROW(INDEX(Jesper!AK$2:AK$366,ROUNDDOWN($C4187/24,0)+1,1))-1)+IF('Standard Profiles'!$G$21=$B$10,7,0)+IF('Standard Profiles'!$G$21=$B$17,14,0)+IF('Standard Profiles'!$G$21=$B$24,21,0),MOD($C4187,24)+1)/SUM(INDEX($D$3:$AA$30,INDEX(Jesper!$R$2:$R$366,ROW(INDEX(Jesper!AK$2:AK$366,ROUNDDOWN($C4187/24,0)+1,1))-1)+IF('Standard Profiles'!$G$21=$B$10,7,0)+IF('Standard Profiles'!$G$21=$B$17,14,0)+IF('Standard Profiles'!$G$21=$B$24,21,0),0)),0)</f>
        <v>0</v>
      </c>
      <c r="H4187" cm="1">
        <f t="array" ref="H4187">IFERROR(INDEX(Jesper!AL$2:AL$366,ROUNDDOWN($C4187/24,0)+1,1)*INDEX($D$3:$AA$30,INDEX(Jesper!$R$2:$R$366,ROW(INDEX(Jesper!AL$2:AL$366,ROUNDDOWN($C4187/24,0)+1,1))-1)+IF('Standard Profiles'!$G$22=$B$10,7,0)+IF('Standard Profiles'!$G$22=$B$17,14,0)+IF('Standard Profiles'!$G$22=$B$24,21,0),MOD($C4187,24)+1)/SUM(INDEX($D$3:$AA$30,INDEX(Jesper!$R$2:$R$366,ROW(INDEX(Jesper!AL$2:AL$366,ROUNDDOWN($C4187/24,0)+1,1))-1)+IF('Standard Profiles'!$G$22=$B$10,7,0)+IF('Standard Profiles'!$G$22=$B$17,14,0)+IF('Standard Profiles'!$G$22=$B$24,21,0),0)),0)</f>
        <v>0</v>
      </c>
      <c r="I4187">
        <f t="shared" si="468"/>
        <v>0</v>
      </c>
      <c r="J4187">
        <f t="shared" si="469"/>
        <v>6.0212507829548239</v>
      </c>
      <c r="K4187">
        <f t="shared" si="470"/>
        <v>0.51885611890245731</v>
      </c>
      <c r="L4187">
        <f t="shared" si="471"/>
        <v>0.25942805945122865</v>
      </c>
      <c r="M4187">
        <f t="shared" si="472"/>
        <v>0</v>
      </c>
      <c r="N4187" s="45">
        <f t="shared" si="473"/>
        <v>45100.041666656594</v>
      </c>
    </row>
    <row r="4188" spans="2:14" x14ac:dyDescent="0.25">
      <c r="B4188">
        <f t="shared" si="467"/>
        <v>5</v>
      </c>
      <c r="C4188" s="16">
        <v>4154</v>
      </c>
      <c r="D4188" cm="1">
        <f t="array" ref="D4188">IFERROR(INDEX(Jesper!AH$2:AH$366,ROUNDDOWN($C4188/24,0)+1,1)*INDEX($D$3:$AA$30,INDEX(Jesper!$R$2:$R$366,ROW(INDEX(Jesper!AH$2:AH$366,ROUNDDOWN($C4188/24,0)+1,1))-1)+IF('Standard Profiles'!$G$18=$B$10,7,0)+IF('Standard Profiles'!$G$18=$B$17,14,0)+IF('Standard Profiles'!$G$18=$B$24,21,0),MOD($C4188,24)+1)/SUM(INDEX($D$3:$AA$30,INDEX(Jesper!$R$2:$R$366,ROW(INDEX(Jesper!AH$2:AH$366,ROUNDDOWN($C4188/24,0)+1,1))-1)+IF('Standard Profiles'!$G$18=$B$10,7,0)+IF('Standard Profiles'!$G$18=$B$17,14,0)+IF('Standard Profiles'!$G$18=$B$24,21,0),0)),0)</f>
        <v>4.8642761147105364</v>
      </c>
      <c r="E4188" cm="1">
        <f t="array" ref="E4188">IFERROR(INDEX(Jesper!AI$2:AI$366,ROUNDDOWN($C4188/24,0)+1,1)*INDEX($D$3:$AA$30,INDEX(Jesper!$R$2:$R$366,ROW(INDEX(Jesper!AI$2:AI$366,ROUNDDOWN($C4188/24,0)+1,1))-1)+IF('Standard Profiles'!$G$19=$B$10,7,0)+IF('Standard Profiles'!$G$19=$B$17,14,0)+IF('Standard Profiles'!$G$19=$B$24,21,0),MOD($C4188,24)+1)/SUM(INDEX($D$3:$AA$30,INDEX(Jesper!$R$2:$R$366,ROW(INDEX(Jesper!AI$2:AI$366,ROUNDDOWN($C4188/24,0)+1,1))-1)+IF('Standard Profiles'!$G$19=$B$10,7,0)+IF('Standard Profiles'!$G$19=$B$17,14,0)+IF('Standard Profiles'!$G$19=$B$24,21,0),0)),0)</f>
        <v>1.935258846597973</v>
      </c>
      <c r="F4188" cm="1">
        <f t="array" ref="F4188">IFERROR(INDEX(Jesper!AJ$2:AJ$366,ROUNDDOWN($C4188/24,0)+1,1)*INDEX($D$3:$AA$30,INDEX(Jesper!$R$2:$R$366,ROW(INDEX(Jesper!AJ$2:AJ$366,ROUNDDOWN($C4188/24,0)+1,1))-1)+IF('Standard Profiles'!$G$20=$B$10,7,0)+IF('Standard Profiles'!$G$20=$B$17,14,0)+IF('Standard Profiles'!$G$20=$B$24,21,0),MOD($C4188,24)+1)/SUM(INDEX($D$3:$AA$30,INDEX(Jesper!$R$2:$R$366,ROW(INDEX(Jesper!AJ$2:AJ$366,ROUNDDOWN($C4188/24,0)+1,1))-1)+IF('Standard Profiles'!$G$20=$B$10,7,0)+IF('Standard Profiles'!$G$20=$B$17,14,0)+IF('Standard Profiles'!$G$20=$B$24,21,0),0)),0)</f>
        <v>0</v>
      </c>
      <c r="G4188" cm="1">
        <f t="array" ref="G4188">IFERROR(INDEX(Jesper!AK$2:AK$366,ROUNDDOWN($C4188/24,0)+1,1)*INDEX($D$3:$AA$30,INDEX(Jesper!$R$2:$R$366,ROW(INDEX(Jesper!AK$2:AK$366,ROUNDDOWN($C4188/24,0)+1,1))-1)+IF('Standard Profiles'!$G$21=$B$10,7,0)+IF('Standard Profiles'!$G$21=$B$17,14,0)+IF('Standard Profiles'!$G$21=$B$24,21,0),MOD($C4188,24)+1)/SUM(INDEX($D$3:$AA$30,INDEX(Jesper!$R$2:$R$366,ROW(INDEX(Jesper!AK$2:AK$366,ROUNDDOWN($C4188/24,0)+1,1))-1)+IF('Standard Profiles'!$G$21=$B$10,7,0)+IF('Standard Profiles'!$G$21=$B$17,14,0)+IF('Standard Profiles'!$G$21=$B$24,21,0),0)),0)</f>
        <v>0</v>
      </c>
      <c r="H4188" cm="1">
        <f t="array" ref="H4188">IFERROR(INDEX(Jesper!AL$2:AL$366,ROUNDDOWN($C4188/24,0)+1,1)*INDEX($D$3:$AA$30,INDEX(Jesper!$R$2:$R$366,ROW(INDEX(Jesper!AL$2:AL$366,ROUNDDOWN($C4188/24,0)+1,1))-1)+IF('Standard Profiles'!$G$22=$B$10,7,0)+IF('Standard Profiles'!$G$22=$B$17,14,0)+IF('Standard Profiles'!$G$22=$B$24,21,0),MOD($C4188,24)+1)/SUM(INDEX($D$3:$AA$30,INDEX(Jesper!$R$2:$R$366,ROW(INDEX(Jesper!AL$2:AL$366,ROUNDDOWN($C4188/24,0)+1,1))-1)+IF('Standard Profiles'!$G$22=$B$10,7,0)+IF('Standard Profiles'!$G$22=$B$17,14,0)+IF('Standard Profiles'!$G$22=$B$24,21,0),0)),0)</f>
        <v>0</v>
      </c>
      <c r="I4188">
        <f t="shared" si="468"/>
        <v>0</v>
      </c>
      <c r="J4188">
        <f t="shared" si="469"/>
        <v>6.0212507829548239</v>
      </c>
      <c r="K4188">
        <f t="shared" si="470"/>
        <v>0.51885611890245731</v>
      </c>
      <c r="L4188">
        <f t="shared" si="471"/>
        <v>0.25942805945122865</v>
      </c>
      <c r="M4188">
        <f t="shared" si="472"/>
        <v>0</v>
      </c>
      <c r="N4188" s="45">
        <f t="shared" si="473"/>
        <v>45100.083333323259</v>
      </c>
    </row>
    <row r="4189" spans="2:14" x14ac:dyDescent="0.25">
      <c r="B4189">
        <f t="shared" si="467"/>
        <v>5</v>
      </c>
      <c r="C4189" s="16">
        <v>4155</v>
      </c>
      <c r="D4189" cm="1">
        <f t="array" ref="D4189">IFERROR(INDEX(Jesper!AH$2:AH$366,ROUNDDOWN($C4189/24,0)+1,1)*INDEX($D$3:$AA$30,INDEX(Jesper!$R$2:$R$366,ROW(INDEX(Jesper!AH$2:AH$366,ROUNDDOWN($C4189/24,0)+1,1))-1)+IF('Standard Profiles'!$G$18=$B$10,7,0)+IF('Standard Profiles'!$G$18=$B$17,14,0)+IF('Standard Profiles'!$G$18=$B$24,21,0),MOD($C4189,24)+1)/SUM(INDEX($D$3:$AA$30,INDEX(Jesper!$R$2:$R$366,ROW(INDEX(Jesper!AH$2:AH$366,ROUNDDOWN($C4189/24,0)+1,1))-1)+IF('Standard Profiles'!$G$18=$B$10,7,0)+IF('Standard Profiles'!$G$18=$B$17,14,0)+IF('Standard Profiles'!$G$18=$B$24,21,0),0)),0)</f>
        <v>4.8642761147105364</v>
      </c>
      <c r="E4189" cm="1">
        <f t="array" ref="E4189">IFERROR(INDEX(Jesper!AI$2:AI$366,ROUNDDOWN($C4189/24,0)+1,1)*INDEX($D$3:$AA$30,INDEX(Jesper!$R$2:$R$366,ROW(INDEX(Jesper!AI$2:AI$366,ROUNDDOWN($C4189/24,0)+1,1))-1)+IF('Standard Profiles'!$G$19=$B$10,7,0)+IF('Standard Profiles'!$G$19=$B$17,14,0)+IF('Standard Profiles'!$G$19=$B$24,21,0),MOD($C4189,24)+1)/SUM(INDEX($D$3:$AA$30,INDEX(Jesper!$R$2:$R$366,ROW(INDEX(Jesper!AI$2:AI$366,ROUNDDOWN($C4189/24,0)+1,1))-1)+IF('Standard Profiles'!$G$19=$B$10,7,0)+IF('Standard Profiles'!$G$19=$B$17,14,0)+IF('Standard Profiles'!$G$19=$B$24,21,0),0)),0)</f>
        <v>1.935258846597973</v>
      </c>
      <c r="F4189" cm="1">
        <f t="array" ref="F4189">IFERROR(INDEX(Jesper!AJ$2:AJ$366,ROUNDDOWN($C4189/24,0)+1,1)*INDEX($D$3:$AA$30,INDEX(Jesper!$R$2:$R$366,ROW(INDEX(Jesper!AJ$2:AJ$366,ROUNDDOWN($C4189/24,0)+1,1))-1)+IF('Standard Profiles'!$G$20=$B$10,7,0)+IF('Standard Profiles'!$G$20=$B$17,14,0)+IF('Standard Profiles'!$G$20=$B$24,21,0),MOD($C4189,24)+1)/SUM(INDEX($D$3:$AA$30,INDEX(Jesper!$R$2:$R$366,ROW(INDEX(Jesper!AJ$2:AJ$366,ROUNDDOWN($C4189/24,0)+1,1))-1)+IF('Standard Profiles'!$G$20=$B$10,7,0)+IF('Standard Profiles'!$G$20=$B$17,14,0)+IF('Standard Profiles'!$G$20=$B$24,21,0),0)),0)</f>
        <v>0</v>
      </c>
      <c r="G4189" cm="1">
        <f t="array" ref="G4189">IFERROR(INDEX(Jesper!AK$2:AK$366,ROUNDDOWN($C4189/24,0)+1,1)*INDEX($D$3:$AA$30,INDEX(Jesper!$R$2:$R$366,ROW(INDEX(Jesper!AK$2:AK$366,ROUNDDOWN($C4189/24,0)+1,1))-1)+IF('Standard Profiles'!$G$21=$B$10,7,0)+IF('Standard Profiles'!$G$21=$B$17,14,0)+IF('Standard Profiles'!$G$21=$B$24,21,0),MOD($C4189,24)+1)/SUM(INDEX($D$3:$AA$30,INDEX(Jesper!$R$2:$R$366,ROW(INDEX(Jesper!AK$2:AK$366,ROUNDDOWN($C4189/24,0)+1,1))-1)+IF('Standard Profiles'!$G$21=$B$10,7,0)+IF('Standard Profiles'!$G$21=$B$17,14,0)+IF('Standard Profiles'!$G$21=$B$24,21,0),0)),0)</f>
        <v>0</v>
      </c>
      <c r="H4189" cm="1">
        <f t="array" ref="H4189">IFERROR(INDEX(Jesper!AL$2:AL$366,ROUNDDOWN($C4189/24,0)+1,1)*INDEX($D$3:$AA$30,INDEX(Jesper!$R$2:$R$366,ROW(INDEX(Jesper!AL$2:AL$366,ROUNDDOWN($C4189/24,0)+1,1))-1)+IF('Standard Profiles'!$G$22=$B$10,7,0)+IF('Standard Profiles'!$G$22=$B$17,14,0)+IF('Standard Profiles'!$G$22=$B$24,21,0),MOD($C4189,24)+1)/SUM(INDEX($D$3:$AA$30,INDEX(Jesper!$R$2:$R$366,ROW(INDEX(Jesper!AL$2:AL$366,ROUNDDOWN($C4189/24,0)+1,1))-1)+IF('Standard Profiles'!$G$22=$B$10,7,0)+IF('Standard Profiles'!$G$22=$B$17,14,0)+IF('Standard Profiles'!$G$22=$B$24,21,0),0)),0)</f>
        <v>0</v>
      </c>
      <c r="I4189">
        <f t="shared" si="468"/>
        <v>0</v>
      </c>
      <c r="J4189">
        <f t="shared" si="469"/>
        <v>6.0212507829548239</v>
      </c>
      <c r="K4189">
        <f t="shared" si="470"/>
        <v>0.51885611890245731</v>
      </c>
      <c r="L4189">
        <f t="shared" si="471"/>
        <v>0.25942805945122865</v>
      </c>
      <c r="M4189">
        <f t="shared" si="472"/>
        <v>0</v>
      </c>
      <c r="N4189" s="45">
        <f t="shared" si="473"/>
        <v>45100.124999989923</v>
      </c>
    </row>
    <row r="4190" spans="2:14" x14ac:dyDescent="0.25">
      <c r="B4190">
        <f t="shared" si="467"/>
        <v>5</v>
      </c>
      <c r="C4190" s="16">
        <v>4156</v>
      </c>
      <c r="D4190" cm="1">
        <f t="array" ref="D4190">IFERROR(INDEX(Jesper!AH$2:AH$366,ROUNDDOWN($C4190/24,0)+1,1)*INDEX($D$3:$AA$30,INDEX(Jesper!$R$2:$R$366,ROW(INDEX(Jesper!AH$2:AH$366,ROUNDDOWN($C4190/24,0)+1,1))-1)+IF('Standard Profiles'!$G$18=$B$10,7,0)+IF('Standard Profiles'!$G$18=$B$17,14,0)+IF('Standard Profiles'!$G$18=$B$24,21,0),MOD($C4190,24)+1)/SUM(INDEX($D$3:$AA$30,INDEX(Jesper!$R$2:$R$366,ROW(INDEX(Jesper!AH$2:AH$366,ROUNDDOWN($C4190/24,0)+1,1))-1)+IF('Standard Profiles'!$G$18=$B$10,7,0)+IF('Standard Profiles'!$G$18=$B$17,14,0)+IF('Standard Profiles'!$G$18=$B$24,21,0),0)),0)</f>
        <v>4.8642761147105364</v>
      </c>
      <c r="E4190" cm="1">
        <f t="array" ref="E4190">IFERROR(INDEX(Jesper!AI$2:AI$366,ROUNDDOWN($C4190/24,0)+1,1)*INDEX($D$3:$AA$30,INDEX(Jesper!$R$2:$R$366,ROW(INDEX(Jesper!AI$2:AI$366,ROUNDDOWN($C4190/24,0)+1,1))-1)+IF('Standard Profiles'!$G$19=$B$10,7,0)+IF('Standard Profiles'!$G$19=$B$17,14,0)+IF('Standard Profiles'!$G$19=$B$24,21,0),MOD($C4190,24)+1)/SUM(INDEX($D$3:$AA$30,INDEX(Jesper!$R$2:$R$366,ROW(INDEX(Jesper!AI$2:AI$366,ROUNDDOWN($C4190/24,0)+1,1))-1)+IF('Standard Profiles'!$G$19=$B$10,7,0)+IF('Standard Profiles'!$G$19=$B$17,14,0)+IF('Standard Profiles'!$G$19=$B$24,21,0),0)),0)</f>
        <v>1.935258846597973</v>
      </c>
      <c r="F4190" cm="1">
        <f t="array" ref="F4190">IFERROR(INDEX(Jesper!AJ$2:AJ$366,ROUNDDOWN($C4190/24,0)+1,1)*INDEX($D$3:$AA$30,INDEX(Jesper!$R$2:$R$366,ROW(INDEX(Jesper!AJ$2:AJ$366,ROUNDDOWN($C4190/24,0)+1,1))-1)+IF('Standard Profiles'!$G$20=$B$10,7,0)+IF('Standard Profiles'!$G$20=$B$17,14,0)+IF('Standard Profiles'!$G$20=$B$24,21,0),MOD($C4190,24)+1)/SUM(INDEX($D$3:$AA$30,INDEX(Jesper!$R$2:$R$366,ROW(INDEX(Jesper!AJ$2:AJ$366,ROUNDDOWN($C4190/24,0)+1,1))-1)+IF('Standard Profiles'!$G$20=$B$10,7,0)+IF('Standard Profiles'!$G$20=$B$17,14,0)+IF('Standard Profiles'!$G$20=$B$24,21,0),0)),0)</f>
        <v>0</v>
      </c>
      <c r="G4190" cm="1">
        <f t="array" ref="G4190">IFERROR(INDEX(Jesper!AK$2:AK$366,ROUNDDOWN($C4190/24,0)+1,1)*INDEX($D$3:$AA$30,INDEX(Jesper!$R$2:$R$366,ROW(INDEX(Jesper!AK$2:AK$366,ROUNDDOWN($C4190/24,0)+1,1))-1)+IF('Standard Profiles'!$G$21=$B$10,7,0)+IF('Standard Profiles'!$G$21=$B$17,14,0)+IF('Standard Profiles'!$G$21=$B$24,21,0),MOD($C4190,24)+1)/SUM(INDEX($D$3:$AA$30,INDEX(Jesper!$R$2:$R$366,ROW(INDEX(Jesper!AK$2:AK$366,ROUNDDOWN($C4190/24,0)+1,1))-1)+IF('Standard Profiles'!$G$21=$B$10,7,0)+IF('Standard Profiles'!$G$21=$B$17,14,0)+IF('Standard Profiles'!$G$21=$B$24,21,0),0)),0)</f>
        <v>0</v>
      </c>
      <c r="H4190" cm="1">
        <f t="array" ref="H4190">IFERROR(INDEX(Jesper!AL$2:AL$366,ROUNDDOWN($C4190/24,0)+1,1)*INDEX($D$3:$AA$30,INDEX(Jesper!$R$2:$R$366,ROW(INDEX(Jesper!AL$2:AL$366,ROUNDDOWN($C4190/24,0)+1,1))-1)+IF('Standard Profiles'!$G$22=$B$10,7,0)+IF('Standard Profiles'!$G$22=$B$17,14,0)+IF('Standard Profiles'!$G$22=$B$24,21,0),MOD($C4190,24)+1)/SUM(INDEX($D$3:$AA$30,INDEX(Jesper!$R$2:$R$366,ROW(INDEX(Jesper!AL$2:AL$366,ROUNDDOWN($C4190/24,0)+1,1))-1)+IF('Standard Profiles'!$G$22=$B$10,7,0)+IF('Standard Profiles'!$G$22=$B$17,14,0)+IF('Standard Profiles'!$G$22=$B$24,21,0),0)),0)</f>
        <v>0</v>
      </c>
      <c r="I4190">
        <f t="shared" si="468"/>
        <v>0</v>
      </c>
      <c r="J4190">
        <f t="shared" si="469"/>
        <v>6.0212507829548239</v>
      </c>
      <c r="K4190">
        <f t="shared" si="470"/>
        <v>0.51885611890245731</v>
      </c>
      <c r="L4190">
        <f t="shared" si="471"/>
        <v>0.25942805945122865</v>
      </c>
      <c r="M4190">
        <f t="shared" si="472"/>
        <v>0</v>
      </c>
      <c r="N4190" s="45">
        <f t="shared" si="473"/>
        <v>45100.166666656587</v>
      </c>
    </row>
    <row r="4191" spans="2:14" x14ac:dyDescent="0.25">
      <c r="B4191">
        <f t="shared" si="467"/>
        <v>5</v>
      </c>
      <c r="C4191" s="16">
        <v>4157</v>
      </c>
      <c r="D4191" cm="1">
        <f t="array" ref="D4191">IFERROR(INDEX(Jesper!AH$2:AH$366,ROUNDDOWN($C4191/24,0)+1,1)*INDEX($D$3:$AA$30,INDEX(Jesper!$R$2:$R$366,ROW(INDEX(Jesper!AH$2:AH$366,ROUNDDOWN($C4191/24,0)+1,1))-1)+IF('Standard Profiles'!$G$18=$B$10,7,0)+IF('Standard Profiles'!$G$18=$B$17,14,0)+IF('Standard Profiles'!$G$18=$B$24,21,0),MOD($C4191,24)+1)/SUM(INDEX($D$3:$AA$30,INDEX(Jesper!$R$2:$R$366,ROW(INDEX(Jesper!AH$2:AH$366,ROUNDDOWN($C4191/24,0)+1,1))-1)+IF('Standard Profiles'!$G$18=$B$10,7,0)+IF('Standard Profiles'!$G$18=$B$17,14,0)+IF('Standard Profiles'!$G$18=$B$24,21,0),0)),0)</f>
        <v>4.8642761147105364</v>
      </c>
      <c r="E4191" cm="1">
        <f t="array" ref="E4191">IFERROR(INDEX(Jesper!AI$2:AI$366,ROUNDDOWN($C4191/24,0)+1,1)*INDEX($D$3:$AA$30,INDEX(Jesper!$R$2:$R$366,ROW(INDEX(Jesper!AI$2:AI$366,ROUNDDOWN($C4191/24,0)+1,1))-1)+IF('Standard Profiles'!$G$19=$B$10,7,0)+IF('Standard Profiles'!$G$19=$B$17,14,0)+IF('Standard Profiles'!$G$19=$B$24,21,0),MOD($C4191,24)+1)/SUM(INDEX($D$3:$AA$30,INDEX(Jesper!$R$2:$R$366,ROW(INDEX(Jesper!AI$2:AI$366,ROUNDDOWN($C4191/24,0)+1,1))-1)+IF('Standard Profiles'!$G$19=$B$10,7,0)+IF('Standard Profiles'!$G$19=$B$17,14,0)+IF('Standard Profiles'!$G$19=$B$24,21,0),0)),0)</f>
        <v>1.935258846597973</v>
      </c>
      <c r="F4191" cm="1">
        <f t="array" ref="F4191">IFERROR(INDEX(Jesper!AJ$2:AJ$366,ROUNDDOWN($C4191/24,0)+1,1)*INDEX($D$3:$AA$30,INDEX(Jesper!$R$2:$R$366,ROW(INDEX(Jesper!AJ$2:AJ$366,ROUNDDOWN($C4191/24,0)+1,1))-1)+IF('Standard Profiles'!$G$20=$B$10,7,0)+IF('Standard Profiles'!$G$20=$B$17,14,0)+IF('Standard Profiles'!$G$20=$B$24,21,0),MOD($C4191,24)+1)/SUM(INDEX($D$3:$AA$30,INDEX(Jesper!$R$2:$R$366,ROW(INDEX(Jesper!AJ$2:AJ$366,ROUNDDOWN($C4191/24,0)+1,1))-1)+IF('Standard Profiles'!$G$20=$B$10,7,0)+IF('Standard Profiles'!$G$20=$B$17,14,0)+IF('Standard Profiles'!$G$20=$B$24,21,0),0)),0)</f>
        <v>0</v>
      </c>
      <c r="G4191" cm="1">
        <f t="array" ref="G4191">IFERROR(INDEX(Jesper!AK$2:AK$366,ROUNDDOWN($C4191/24,0)+1,1)*INDEX($D$3:$AA$30,INDEX(Jesper!$R$2:$R$366,ROW(INDEX(Jesper!AK$2:AK$366,ROUNDDOWN($C4191/24,0)+1,1))-1)+IF('Standard Profiles'!$G$21=$B$10,7,0)+IF('Standard Profiles'!$G$21=$B$17,14,0)+IF('Standard Profiles'!$G$21=$B$24,21,0),MOD($C4191,24)+1)/SUM(INDEX($D$3:$AA$30,INDEX(Jesper!$R$2:$R$366,ROW(INDEX(Jesper!AK$2:AK$366,ROUNDDOWN($C4191/24,0)+1,1))-1)+IF('Standard Profiles'!$G$21=$B$10,7,0)+IF('Standard Profiles'!$G$21=$B$17,14,0)+IF('Standard Profiles'!$G$21=$B$24,21,0),0)),0)</f>
        <v>0</v>
      </c>
      <c r="H4191" cm="1">
        <f t="array" ref="H4191">IFERROR(INDEX(Jesper!AL$2:AL$366,ROUNDDOWN($C4191/24,0)+1,1)*INDEX($D$3:$AA$30,INDEX(Jesper!$R$2:$R$366,ROW(INDEX(Jesper!AL$2:AL$366,ROUNDDOWN($C4191/24,0)+1,1))-1)+IF('Standard Profiles'!$G$22=$B$10,7,0)+IF('Standard Profiles'!$G$22=$B$17,14,0)+IF('Standard Profiles'!$G$22=$B$24,21,0),MOD($C4191,24)+1)/SUM(INDEX($D$3:$AA$30,INDEX(Jesper!$R$2:$R$366,ROW(INDEX(Jesper!AL$2:AL$366,ROUNDDOWN($C4191/24,0)+1,1))-1)+IF('Standard Profiles'!$G$22=$B$10,7,0)+IF('Standard Profiles'!$G$22=$B$17,14,0)+IF('Standard Profiles'!$G$22=$B$24,21,0),0)),0)</f>
        <v>0</v>
      </c>
      <c r="I4191">
        <f t="shared" si="468"/>
        <v>0</v>
      </c>
      <c r="J4191">
        <f t="shared" si="469"/>
        <v>6.0212507829548239</v>
      </c>
      <c r="K4191">
        <f t="shared" si="470"/>
        <v>0.51885611890245731</v>
      </c>
      <c r="L4191">
        <f t="shared" si="471"/>
        <v>0.25942805945122865</v>
      </c>
      <c r="M4191">
        <f t="shared" si="472"/>
        <v>0</v>
      </c>
      <c r="N4191" s="45">
        <f t="shared" si="473"/>
        <v>45100.208333323251</v>
      </c>
    </row>
    <row r="4192" spans="2:14" x14ac:dyDescent="0.25">
      <c r="B4192">
        <f t="shared" si="467"/>
        <v>5</v>
      </c>
      <c r="C4192" s="16">
        <v>4158</v>
      </c>
      <c r="D4192" cm="1">
        <f t="array" ref="D4192">IFERROR(INDEX(Jesper!AH$2:AH$366,ROUNDDOWN($C4192/24,0)+1,1)*INDEX($D$3:$AA$30,INDEX(Jesper!$R$2:$R$366,ROW(INDEX(Jesper!AH$2:AH$366,ROUNDDOWN($C4192/24,0)+1,1))-1)+IF('Standard Profiles'!$G$18=$B$10,7,0)+IF('Standard Profiles'!$G$18=$B$17,14,0)+IF('Standard Profiles'!$G$18=$B$24,21,0),MOD($C4192,24)+1)/SUM(INDEX($D$3:$AA$30,INDEX(Jesper!$R$2:$R$366,ROW(INDEX(Jesper!AH$2:AH$366,ROUNDDOWN($C4192/24,0)+1,1))-1)+IF('Standard Profiles'!$G$18=$B$10,7,0)+IF('Standard Profiles'!$G$18=$B$17,14,0)+IF('Standard Profiles'!$G$18=$B$24,21,0),0)),0)</f>
        <v>4.8642761147105364</v>
      </c>
      <c r="E4192" cm="1">
        <f t="array" ref="E4192">IFERROR(INDEX(Jesper!AI$2:AI$366,ROUNDDOWN($C4192/24,0)+1,1)*INDEX($D$3:$AA$30,INDEX(Jesper!$R$2:$R$366,ROW(INDEX(Jesper!AI$2:AI$366,ROUNDDOWN($C4192/24,0)+1,1))-1)+IF('Standard Profiles'!$G$19=$B$10,7,0)+IF('Standard Profiles'!$G$19=$B$17,14,0)+IF('Standard Profiles'!$G$19=$B$24,21,0),MOD($C4192,24)+1)/SUM(INDEX($D$3:$AA$30,INDEX(Jesper!$R$2:$R$366,ROW(INDEX(Jesper!AI$2:AI$366,ROUNDDOWN($C4192/24,0)+1,1))-1)+IF('Standard Profiles'!$G$19=$B$10,7,0)+IF('Standard Profiles'!$G$19=$B$17,14,0)+IF('Standard Profiles'!$G$19=$B$24,21,0),0)),0)</f>
        <v>1.935258846597973</v>
      </c>
      <c r="F4192" cm="1">
        <f t="array" ref="F4192">IFERROR(INDEX(Jesper!AJ$2:AJ$366,ROUNDDOWN($C4192/24,0)+1,1)*INDEX($D$3:$AA$30,INDEX(Jesper!$R$2:$R$366,ROW(INDEX(Jesper!AJ$2:AJ$366,ROUNDDOWN($C4192/24,0)+1,1))-1)+IF('Standard Profiles'!$G$20=$B$10,7,0)+IF('Standard Profiles'!$G$20=$B$17,14,0)+IF('Standard Profiles'!$G$20=$B$24,21,0),MOD($C4192,24)+1)/SUM(INDEX($D$3:$AA$30,INDEX(Jesper!$R$2:$R$366,ROW(INDEX(Jesper!AJ$2:AJ$366,ROUNDDOWN($C4192/24,0)+1,1))-1)+IF('Standard Profiles'!$G$20=$B$10,7,0)+IF('Standard Profiles'!$G$20=$B$17,14,0)+IF('Standard Profiles'!$G$20=$B$24,21,0),0)),0)</f>
        <v>0</v>
      </c>
      <c r="G4192" cm="1">
        <f t="array" ref="G4192">IFERROR(INDEX(Jesper!AK$2:AK$366,ROUNDDOWN($C4192/24,0)+1,1)*INDEX($D$3:$AA$30,INDEX(Jesper!$R$2:$R$366,ROW(INDEX(Jesper!AK$2:AK$366,ROUNDDOWN($C4192/24,0)+1,1))-1)+IF('Standard Profiles'!$G$21=$B$10,7,0)+IF('Standard Profiles'!$G$21=$B$17,14,0)+IF('Standard Profiles'!$G$21=$B$24,21,0),MOD($C4192,24)+1)/SUM(INDEX($D$3:$AA$30,INDEX(Jesper!$R$2:$R$366,ROW(INDEX(Jesper!AK$2:AK$366,ROUNDDOWN($C4192/24,0)+1,1))-1)+IF('Standard Profiles'!$G$21=$B$10,7,0)+IF('Standard Profiles'!$G$21=$B$17,14,0)+IF('Standard Profiles'!$G$21=$B$24,21,0),0)),0)</f>
        <v>0</v>
      </c>
      <c r="H4192" cm="1">
        <f t="array" ref="H4192">IFERROR(INDEX(Jesper!AL$2:AL$366,ROUNDDOWN($C4192/24,0)+1,1)*INDEX($D$3:$AA$30,INDEX(Jesper!$R$2:$R$366,ROW(INDEX(Jesper!AL$2:AL$366,ROUNDDOWN($C4192/24,0)+1,1))-1)+IF('Standard Profiles'!$G$22=$B$10,7,0)+IF('Standard Profiles'!$G$22=$B$17,14,0)+IF('Standard Profiles'!$G$22=$B$24,21,0),MOD($C4192,24)+1)/SUM(INDEX($D$3:$AA$30,INDEX(Jesper!$R$2:$R$366,ROW(INDEX(Jesper!AL$2:AL$366,ROUNDDOWN($C4192/24,0)+1,1))-1)+IF('Standard Profiles'!$G$22=$B$10,7,0)+IF('Standard Profiles'!$G$22=$B$17,14,0)+IF('Standard Profiles'!$G$22=$B$24,21,0),0)),0)</f>
        <v>0</v>
      </c>
      <c r="I4192">
        <f t="shared" si="468"/>
        <v>0</v>
      </c>
      <c r="J4192">
        <f t="shared" si="469"/>
        <v>6.0212507829548239</v>
      </c>
      <c r="K4192">
        <f t="shared" si="470"/>
        <v>0.51885611890245731</v>
      </c>
      <c r="L4192">
        <f t="shared" si="471"/>
        <v>0.25942805945122865</v>
      </c>
      <c r="M4192">
        <f t="shared" si="472"/>
        <v>0</v>
      </c>
      <c r="N4192" s="45">
        <f t="shared" si="473"/>
        <v>45100.249999989916</v>
      </c>
    </row>
    <row r="4193" spans="2:14" x14ac:dyDescent="0.25">
      <c r="B4193">
        <f t="shared" si="467"/>
        <v>5</v>
      </c>
      <c r="C4193" s="16">
        <v>4159</v>
      </c>
      <c r="D4193" cm="1">
        <f t="array" ref="D4193">IFERROR(INDEX(Jesper!AH$2:AH$366,ROUNDDOWN($C4193/24,0)+1,1)*INDEX($D$3:$AA$30,INDEX(Jesper!$R$2:$R$366,ROW(INDEX(Jesper!AH$2:AH$366,ROUNDDOWN($C4193/24,0)+1,1))-1)+IF('Standard Profiles'!$G$18=$B$10,7,0)+IF('Standard Profiles'!$G$18=$B$17,14,0)+IF('Standard Profiles'!$G$18=$B$24,21,0),MOD($C4193,24)+1)/SUM(INDEX($D$3:$AA$30,INDEX(Jesper!$R$2:$R$366,ROW(INDEX(Jesper!AH$2:AH$366,ROUNDDOWN($C4193/24,0)+1,1))-1)+IF('Standard Profiles'!$G$18=$B$10,7,0)+IF('Standard Profiles'!$G$18=$B$17,14,0)+IF('Standard Profiles'!$G$18=$B$24,21,0),0)),0)</f>
        <v>20.721816248666883</v>
      </c>
      <c r="E4193" cm="1">
        <f t="array" ref="E4193">IFERROR(INDEX(Jesper!AI$2:AI$366,ROUNDDOWN($C4193/24,0)+1,1)*INDEX($D$3:$AA$30,INDEX(Jesper!$R$2:$R$366,ROW(INDEX(Jesper!AI$2:AI$366,ROUNDDOWN($C4193/24,0)+1,1))-1)+IF('Standard Profiles'!$G$19=$B$10,7,0)+IF('Standard Profiles'!$G$19=$B$17,14,0)+IF('Standard Profiles'!$G$19=$B$24,21,0),MOD($C4193,24)+1)/SUM(INDEX($D$3:$AA$30,INDEX(Jesper!$R$2:$R$366,ROW(INDEX(Jesper!AI$2:AI$366,ROUNDDOWN($C4193/24,0)+1,1))-1)+IF('Standard Profiles'!$G$19=$B$10,7,0)+IF('Standard Profiles'!$G$19=$B$17,14,0)+IF('Standard Profiles'!$G$19=$B$24,21,0),0)),0)</f>
        <v>8.2442026865073643</v>
      </c>
      <c r="F4193" cm="1">
        <f t="array" ref="F4193">IFERROR(INDEX(Jesper!AJ$2:AJ$366,ROUNDDOWN($C4193/24,0)+1,1)*INDEX($D$3:$AA$30,INDEX(Jesper!$R$2:$R$366,ROW(INDEX(Jesper!AJ$2:AJ$366,ROUNDDOWN($C4193/24,0)+1,1))-1)+IF('Standard Profiles'!$G$20=$B$10,7,0)+IF('Standard Profiles'!$G$20=$B$17,14,0)+IF('Standard Profiles'!$G$20=$B$24,21,0),MOD($C4193,24)+1)/SUM(INDEX($D$3:$AA$30,INDEX(Jesper!$R$2:$R$366,ROW(INDEX(Jesper!AJ$2:AJ$366,ROUNDDOWN($C4193/24,0)+1,1))-1)+IF('Standard Profiles'!$G$20=$B$10,7,0)+IF('Standard Profiles'!$G$20=$B$17,14,0)+IF('Standard Profiles'!$G$20=$B$24,21,0),0)),0)</f>
        <v>0</v>
      </c>
      <c r="G4193" cm="1">
        <f t="array" ref="G4193">IFERROR(INDEX(Jesper!AK$2:AK$366,ROUNDDOWN($C4193/24,0)+1,1)*INDEX($D$3:$AA$30,INDEX(Jesper!$R$2:$R$366,ROW(INDEX(Jesper!AK$2:AK$366,ROUNDDOWN($C4193/24,0)+1,1))-1)+IF('Standard Profiles'!$G$21=$B$10,7,0)+IF('Standard Profiles'!$G$21=$B$17,14,0)+IF('Standard Profiles'!$G$21=$B$24,21,0),MOD($C4193,24)+1)/SUM(INDEX($D$3:$AA$30,INDEX(Jesper!$R$2:$R$366,ROW(INDEX(Jesper!AK$2:AK$366,ROUNDDOWN($C4193/24,0)+1,1))-1)+IF('Standard Profiles'!$G$21=$B$10,7,0)+IF('Standard Profiles'!$G$21=$B$17,14,0)+IF('Standard Profiles'!$G$21=$B$24,21,0),0)),0)</f>
        <v>0</v>
      </c>
      <c r="H4193" cm="1">
        <f t="array" ref="H4193">IFERROR(INDEX(Jesper!AL$2:AL$366,ROUNDDOWN($C4193/24,0)+1,1)*INDEX($D$3:$AA$30,INDEX(Jesper!$R$2:$R$366,ROW(INDEX(Jesper!AL$2:AL$366,ROUNDDOWN($C4193/24,0)+1,1))-1)+IF('Standard Profiles'!$G$22=$B$10,7,0)+IF('Standard Profiles'!$G$22=$B$17,14,0)+IF('Standard Profiles'!$G$22=$B$24,21,0),MOD($C4193,24)+1)/SUM(INDEX($D$3:$AA$30,INDEX(Jesper!$R$2:$R$366,ROW(INDEX(Jesper!AL$2:AL$366,ROUNDDOWN($C4193/24,0)+1,1))-1)+IF('Standard Profiles'!$G$22=$B$10,7,0)+IF('Standard Profiles'!$G$22=$B$17,14,0)+IF('Standard Profiles'!$G$22=$B$24,21,0),0)),0)</f>
        <v>0</v>
      </c>
      <c r="I4193">
        <f t="shared" si="468"/>
        <v>0</v>
      </c>
      <c r="J4193">
        <f t="shared" si="469"/>
        <v>25.650528335387545</v>
      </c>
      <c r="K4193">
        <f t="shared" si="470"/>
        <v>2.2103270665244676</v>
      </c>
      <c r="L4193">
        <f t="shared" si="471"/>
        <v>1.1051635332622338</v>
      </c>
      <c r="M4193">
        <f t="shared" si="472"/>
        <v>0</v>
      </c>
      <c r="N4193" s="45">
        <f t="shared" si="473"/>
        <v>45100.29166665658</v>
      </c>
    </row>
    <row r="4194" spans="2:14" x14ac:dyDescent="0.25">
      <c r="B4194">
        <f t="shared" si="467"/>
        <v>5</v>
      </c>
      <c r="C4194" s="16">
        <v>4160</v>
      </c>
      <c r="D4194" cm="1">
        <f t="array" ref="D4194">IFERROR(INDEX(Jesper!AH$2:AH$366,ROUNDDOWN($C4194/24,0)+1,1)*INDEX($D$3:$AA$30,INDEX(Jesper!$R$2:$R$366,ROW(INDEX(Jesper!AH$2:AH$366,ROUNDDOWN($C4194/24,0)+1,1))-1)+IF('Standard Profiles'!$G$18=$B$10,7,0)+IF('Standard Profiles'!$G$18=$B$17,14,0)+IF('Standard Profiles'!$G$18=$B$24,21,0),MOD($C4194,24)+1)/SUM(INDEX($D$3:$AA$30,INDEX(Jesper!$R$2:$R$366,ROW(INDEX(Jesper!AH$2:AH$366,ROUNDDOWN($C4194/24,0)+1,1))-1)+IF('Standard Profiles'!$G$18=$B$10,7,0)+IF('Standard Profiles'!$G$18=$B$17,14,0)+IF('Standard Profiles'!$G$18=$B$24,21,0),0)),0)</f>
        <v>25.902270310833604</v>
      </c>
      <c r="E4194" cm="1">
        <f t="array" ref="E4194">IFERROR(INDEX(Jesper!AI$2:AI$366,ROUNDDOWN($C4194/24,0)+1,1)*INDEX($D$3:$AA$30,INDEX(Jesper!$R$2:$R$366,ROW(INDEX(Jesper!AI$2:AI$366,ROUNDDOWN($C4194/24,0)+1,1))-1)+IF('Standard Profiles'!$G$19=$B$10,7,0)+IF('Standard Profiles'!$G$19=$B$17,14,0)+IF('Standard Profiles'!$G$19=$B$24,21,0),MOD($C4194,24)+1)/SUM(INDEX($D$3:$AA$30,INDEX(Jesper!$R$2:$R$366,ROW(INDEX(Jesper!AI$2:AI$366,ROUNDDOWN($C4194/24,0)+1,1))-1)+IF('Standard Profiles'!$G$19=$B$10,7,0)+IF('Standard Profiles'!$G$19=$B$17,14,0)+IF('Standard Profiles'!$G$19=$B$24,21,0),0)),0)</f>
        <v>10.305253358134207</v>
      </c>
      <c r="F4194" cm="1">
        <f t="array" ref="F4194">IFERROR(INDEX(Jesper!AJ$2:AJ$366,ROUNDDOWN($C4194/24,0)+1,1)*INDEX($D$3:$AA$30,INDEX(Jesper!$R$2:$R$366,ROW(INDEX(Jesper!AJ$2:AJ$366,ROUNDDOWN($C4194/24,0)+1,1))-1)+IF('Standard Profiles'!$G$20=$B$10,7,0)+IF('Standard Profiles'!$G$20=$B$17,14,0)+IF('Standard Profiles'!$G$20=$B$24,21,0),MOD($C4194,24)+1)/SUM(INDEX($D$3:$AA$30,INDEX(Jesper!$R$2:$R$366,ROW(INDEX(Jesper!AJ$2:AJ$366,ROUNDDOWN($C4194/24,0)+1,1))-1)+IF('Standard Profiles'!$G$20=$B$10,7,0)+IF('Standard Profiles'!$G$20=$B$17,14,0)+IF('Standard Profiles'!$G$20=$B$24,21,0),0)),0)</f>
        <v>0</v>
      </c>
      <c r="G4194" cm="1">
        <f t="array" ref="G4194">IFERROR(INDEX(Jesper!AK$2:AK$366,ROUNDDOWN($C4194/24,0)+1,1)*INDEX($D$3:$AA$30,INDEX(Jesper!$R$2:$R$366,ROW(INDEX(Jesper!AK$2:AK$366,ROUNDDOWN($C4194/24,0)+1,1))-1)+IF('Standard Profiles'!$G$21=$B$10,7,0)+IF('Standard Profiles'!$G$21=$B$17,14,0)+IF('Standard Profiles'!$G$21=$B$24,21,0),MOD($C4194,24)+1)/SUM(INDEX($D$3:$AA$30,INDEX(Jesper!$R$2:$R$366,ROW(INDEX(Jesper!AK$2:AK$366,ROUNDDOWN($C4194/24,0)+1,1))-1)+IF('Standard Profiles'!$G$21=$B$10,7,0)+IF('Standard Profiles'!$G$21=$B$17,14,0)+IF('Standard Profiles'!$G$21=$B$24,21,0),0)),0)</f>
        <v>0</v>
      </c>
      <c r="H4194" cm="1">
        <f t="array" ref="H4194">IFERROR(INDEX(Jesper!AL$2:AL$366,ROUNDDOWN($C4194/24,0)+1,1)*INDEX($D$3:$AA$30,INDEX(Jesper!$R$2:$R$366,ROW(INDEX(Jesper!AL$2:AL$366,ROUNDDOWN($C4194/24,0)+1,1))-1)+IF('Standard Profiles'!$G$22=$B$10,7,0)+IF('Standard Profiles'!$G$22=$B$17,14,0)+IF('Standard Profiles'!$G$22=$B$24,21,0),MOD($C4194,24)+1)/SUM(INDEX($D$3:$AA$30,INDEX(Jesper!$R$2:$R$366,ROW(INDEX(Jesper!AL$2:AL$366,ROUNDDOWN($C4194/24,0)+1,1))-1)+IF('Standard Profiles'!$G$22=$B$10,7,0)+IF('Standard Profiles'!$G$22=$B$17,14,0)+IF('Standard Profiles'!$G$22=$B$24,21,0),0)),0)</f>
        <v>0</v>
      </c>
      <c r="I4194">
        <f t="shared" si="468"/>
        <v>0</v>
      </c>
      <c r="J4194">
        <f t="shared" si="469"/>
        <v>32.063160419234435</v>
      </c>
      <c r="K4194">
        <f t="shared" si="470"/>
        <v>2.7629088331555844</v>
      </c>
      <c r="L4194">
        <f t="shared" si="471"/>
        <v>1.3814544165777922</v>
      </c>
      <c r="M4194">
        <f t="shared" si="472"/>
        <v>0</v>
      </c>
      <c r="N4194" s="45">
        <f t="shared" si="473"/>
        <v>45100.333333323244</v>
      </c>
    </row>
    <row r="4195" spans="2:14" x14ac:dyDescent="0.25">
      <c r="B4195">
        <f t="shared" ref="B4195:B4258" si="474">WEEKDAY(N4195,2)</f>
        <v>5</v>
      </c>
      <c r="C4195" s="16">
        <v>4161</v>
      </c>
      <c r="D4195" cm="1">
        <f t="array" ref="D4195">IFERROR(INDEX(Jesper!AH$2:AH$366,ROUNDDOWN($C4195/24,0)+1,1)*INDEX($D$3:$AA$30,INDEX(Jesper!$R$2:$R$366,ROW(INDEX(Jesper!AH$2:AH$366,ROUNDDOWN($C4195/24,0)+1,1))-1)+IF('Standard Profiles'!$G$18=$B$10,7,0)+IF('Standard Profiles'!$G$18=$B$17,14,0)+IF('Standard Profiles'!$G$18=$B$24,21,0),MOD($C4195,24)+1)/SUM(INDEX($D$3:$AA$30,INDEX(Jesper!$R$2:$R$366,ROW(INDEX(Jesper!AH$2:AH$366,ROUNDDOWN($C4195/24,0)+1,1))-1)+IF('Standard Profiles'!$G$18=$B$10,7,0)+IF('Standard Profiles'!$G$18=$B$17,14,0)+IF('Standard Profiles'!$G$18=$B$24,21,0),0)),0)</f>
        <v>28.492497341916962</v>
      </c>
      <c r="E4195" cm="1">
        <f t="array" ref="E4195">IFERROR(INDEX(Jesper!AI$2:AI$366,ROUNDDOWN($C4195/24,0)+1,1)*INDEX($D$3:$AA$30,INDEX(Jesper!$R$2:$R$366,ROW(INDEX(Jesper!AI$2:AI$366,ROUNDDOWN($C4195/24,0)+1,1))-1)+IF('Standard Profiles'!$G$19=$B$10,7,0)+IF('Standard Profiles'!$G$19=$B$17,14,0)+IF('Standard Profiles'!$G$19=$B$24,21,0),MOD($C4195,24)+1)/SUM(INDEX($D$3:$AA$30,INDEX(Jesper!$R$2:$R$366,ROW(INDEX(Jesper!AI$2:AI$366,ROUNDDOWN($C4195/24,0)+1,1))-1)+IF('Standard Profiles'!$G$19=$B$10,7,0)+IF('Standard Profiles'!$G$19=$B$17,14,0)+IF('Standard Profiles'!$G$19=$B$24,21,0),0)),0)</f>
        <v>11.335778693947628</v>
      </c>
      <c r="F4195" cm="1">
        <f t="array" ref="F4195">IFERROR(INDEX(Jesper!AJ$2:AJ$366,ROUNDDOWN($C4195/24,0)+1,1)*INDEX($D$3:$AA$30,INDEX(Jesper!$R$2:$R$366,ROW(INDEX(Jesper!AJ$2:AJ$366,ROUNDDOWN($C4195/24,0)+1,1))-1)+IF('Standard Profiles'!$G$20=$B$10,7,0)+IF('Standard Profiles'!$G$20=$B$17,14,0)+IF('Standard Profiles'!$G$20=$B$24,21,0),MOD($C4195,24)+1)/SUM(INDEX($D$3:$AA$30,INDEX(Jesper!$R$2:$R$366,ROW(INDEX(Jesper!AJ$2:AJ$366,ROUNDDOWN($C4195/24,0)+1,1))-1)+IF('Standard Profiles'!$G$20=$B$10,7,0)+IF('Standard Profiles'!$G$20=$B$17,14,0)+IF('Standard Profiles'!$G$20=$B$24,21,0),0)),0)</f>
        <v>0</v>
      </c>
      <c r="G4195" cm="1">
        <f t="array" ref="G4195">IFERROR(INDEX(Jesper!AK$2:AK$366,ROUNDDOWN($C4195/24,0)+1,1)*INDEX($D$3:$AA$30,INDEX(Jesper!$R$2:$R$366,ROW(INDEX(Jesper!AK$2:AK$366,ROUNDDOWN($C4195/24,0)+1,1))-1)+IF('Standard Profiles'!$G$21=$B$10,7,0)+IF('Standard Profiles'!$G$21=$B$17,14,0)+IF('Standard Profiles'!$G$21=$B$24,21,0),MOD($C4195,24)+1)/SUM(INDEX($D$3:$AA$30,INDEX(Jesper!$R$2:$R$366,ROW(INDEX(Jesper!AK$2:AK$366,ROUNDDOWN($C4195/24,0)+1,1))-1)+IF('Standard Profiles'!$G$21=$B$10,7,0)+IF('Standard Profiles'!$G$21=$B$17,14,0)+IF('Standard Profiles'!$G$21=$B$24,21,0),0)),0)</f>
        <v>0</v>
      </c>
      <c r="H4195" cm="1">
        <f t="array" ref="H4195">IFERROR(INDEX(Jesper!AL$2:AL$366,ROUNDDOWN($C4195/24,0)+1,1)*INDEX($D$3:$AA$30,INDEX(Jesper!$R$2:$R$366,ROW(INDEX(Jesper!AL$2:AL$366,ROUNDDOWN($C4195/24,0)+1,1))-1)+IF('Standard Profiles'!$G$22=$B$10,7,0)+IF('Standard Profiles'!$G$22=$B$17,14,0)+IF('Standard Profiles'!$G$22=$B$24,21,0),MOD($C4195,24)+1)/SUM(INDEX($D$3:$AA$30,INDEX(Jesper!$R$2:$R$366,ROW(INDEX(Jesper!AL$2:AL$366,ROUNDDOWN($C4195/24,0)+1,1))-1)+IF('Standard Profiles'!$G$22=$B$10,7,0)+IF('Standard Profiles'!$G$22=$B$17,14,0)+IF('Standard Profiles'!$G$22=$B$24,21,0),0)),0)</f>
        <v>0</v>
      </c>
      <c r="I4195">
        <f t="shared" ref="I4195:I4258" si="475">IF($B4195&lt;6,AC$37*$D4195+AC$38*$E4195+AC$39*$F4195+AC$40*$G4195,AC$46*$D4195+AC$47*$E4195+AC$48*$F4195+AC$49*$G4195+AC$50*$H4195)</f>
        <v>0</v>
      </c>
      <c r="J4195">
        <f t="shared" ref="J4195:J4258" si="476">IF($B4195&lt;6,AD$37*$D4195+AD$38*$E4195+AD$39*$F4195+AD$40*$G4195,AD$46*$D4195+AD$47*$E4195+AD$48*$F4195+AD$49*$G4195+AD$50*$H4195)</f>
        <v>35.269476461157879</v>
      </c>
      <c r="K4195">
        <f t="shared" ref="K4195:K4258" si="477">IF($B4195&lt;6,AE$37*$D4195+AE$38*$E4195+AE$39*$F4195+AE$40*$G4195,AE$46*$D4195+AE$47*$E4195+AE$48*$F4195+AE$49*$G4195+AE$50*$H4195)</f>
        <v>3.0391997164711428</v>
      </c>
      <c r="L4195">
        <f t="shared" ref="L4195:L4258" si="478">IF($B4195&lt;6,AF$37*$D4195+AF$38*$E4195+AF$39*$F4195+AF$40*$G4195,AF$46*$D4195+AF$47*$E4195+AF$48*$F4195+AF$49*$G4195+AF$50*$H4195)</f>
        <v>1.5195998582355714</v>
      </c>
      <c r="M4195">
        <f t="shared" ref="M4195:M4258" si="479">IF($B4195&lt;6,AG$37*$D4195+AG$38*$E4195+AG$39*$F4195+AG$40*$G4195,AG$46*$D4195+AG$47*$E4195+AG$48*$F4195+AG$49*$G4195+AG$50*$H4195)</f>
        <v>0</v>
      </c>
      <c r="N4195" s="45">
        <f t="shared" si="473"/>
        <v>45100.374999989908</v>
      </c>
    </row>
    <row r="4196" spans="2:14" x14ac:dyDescent="0.25">
      <c r="B4196">
        <f t="shared" si="474"/>
        <v>5</v>
      </c>
      <c r="C4196" s="16">
        <v>4162</v>
      </c>
      <c r="D4196" cm="1">
        <f t="array" ref="D4196">IFERROR(INDEX(Jesper!AH$2:AH$366,ROUNDDOWN($C4196/24,0)+1,1)*INDEX($D$3:$AA$30,INDEX(Jesper!$R$2:$R$366,ROW(INDEX(Jesper!AH$2:AH$366,ROUNDDOWN($C4196/24,0)+1,1))-1)+IF('Standard Profiles'!$G$18=$B$10,7,0)+IF('Standard Profiles'!$G$18=$B$17,14,0)+IF('Standard Profiles'!$G$18=$B$24,21,0),MOD($C4196,24)+1)/SUM(INDEX($D$3:$AA$30,INDEX(Jesper!$R$2:$R$366,ROW(INDEX(Jesper!AH$2:AH$366,ROUNDDOWN($C4196/24,0)+1,1))-1)+IF('Standard Profiles'!$G$18=$B$10,7,0)+IF('Standard Profiles'!$G$18=$B$17,14,0)+IF('Standard Profiles'!$G$18=$B$24,21,0),0)),0)</f>
        <v>28.492497341916962</v>
      </c>
      <c r="E4196" cm="1">
        <f t="array" ref="E4196">IFERROR(INDEX(Jesper!AI$2:AI$366,ROUNDDOWN($C4196/24,0)+1,1)*INDEX($D$3:$AA$30,INDEX(Jesper!$R$2:$R$366,ROW(INDEX(Jesper!AI$2:AI$366,ROUNDDOWN($C4196/24,0)+1,1))-1)+IF('Standard Profiles'!$G$19=$B$10,7,0)+IF('Standard Profiles'!$G$19=$B$17,14,0)+IF('Standard Profiles'!$G$19=$B$24,21,0),MOD($C4196,24)+1)/SUM(INDEX($D$3:$AA$30,INDEX(Jesper!$R$2:$R$366,ROW(INDEX(Jesper!AI$2:AI$366,ROUNDDOWN($C4196/24,0)+1,1))-1)+IF('Standard Profiles'!$G$19=$B$10,7,0)+IF('Standard Profiles'!$G$19=$B$17,14,0)+IF('Standard Profiles'!$G$19=$B$24,21,0),0)),0)</f>
        <v>11.335778693947628</v>
      </c>
      <c r="F4196" cm="1">
        <f t="array" ref="F4196">IFERROR(INDEX(Jesper!AJ$2:AJ$366,ROUNDDOWN($C4196/24,0)+1,1)*INDEX($D$3:$AA$30,INDEX(Jesper!$R$2:$R$366,ROW(INDEX(Jesper!AJ$2:AJ$366,ROUNDDOWN($C4196/24,0)+1,1))-1)+IF('Standard Profiles'!$G$20=$B$10,7,0)+IF('Standard Profiles'!$G$20=$B$17,14,0)+IF('Standard Profiles'!$G$20=$B$24,21,0),MOD($C4196,24)+1)/SUM(INDEX($D$3:$AA$30,INDEX(Jesper!$R$2:$R$366,ROW(INDEX(Jesper!AJ$2:AJ$366,ROUNDDOWN($C4196/24,0)+1,1))-1)+IF('Standard Profiles'!$G$20=$B$10,7,0)+IF('Standard Profiles'!$G$20=$B$17,14,0)+IF('Standard Profiles'!$G$20=$B$24,21,0),0)),0)</f>
        <v>0</v>
      </c>
      <c r="G4196" cm="1">
        <f t="array" ref="G4196">IFERROR(INDEX(Jesper!AK$2:AK$366,ROUNDDOWN($C4196/24,0)+1,1)*INDEX($D$3:$AA$30,INDEX(Jesper!$R$2:$R$366,ROW(INDEX(Jesper!AK$2:AK$366,ROUNDDOWN($C4196/24,0)+1,1))-1)+IF('Standard Profiles'!$G$21=$B$10,7,0)+IF('Standard Profiles'!$G$21=$B$17,14,0)+IF('Standard Profiles'!$G$21=$B$24,21,0),MOD($C4196,24)+1)/SUM(INDEX($D$3:$AA$30,INDEX(Jesper!$R$2:$R$366,ROW(INDEX(Jesper!AK$2:AK$366,ROUNDDOWN($C4196/24,0)+1,1))-1)+IF('Standard Profiles'!$G$21=$B$10,7,0)+IF('Standard Profiles'!$G$21=$B$17,14,0)+IF('Standard Profiles'!$G$21=$B$24,21,0),0)),0)</f>
        <v>0</v>
      </c>
      <c r="H4196" cm="1">
        <f t="array" ref="H4196">IFERROR(INDEX(Jesper!AL$2:AL$366,ROUNDDOWN($C4196/24,0)+1,1)*INDEX($D$3:$AA$30,INDEX(Jesper!$R$2:$R$366,ROW(INDEX(Jesper!AL$2:AL$366,ROUNDDOWN($C4196/24,0)+1,1))-1)+IF('Standard Profiles'!$G$22=$B$10,7,0)+IF('Standard Profiles'!$G$22=$B$17,14,0)+IF('Standard Profiles'!$G$22=$B$24,21,0),MOD($C4196,24)+1)/SUM(INDEX($D$3:$AA$30,INDEX(Jesper!$R$2:$R$366,ROW(INDEX(Jesper!AL$2:AL$366,ROUNDDOWN($C4196/24,0)+1,1))-1)+IF('Standard Profiles'!$G$22=$B$10,7,0)+IF('Standard Profiles'!$G$22=$B$17,14,0)+IF('Standard Profiles'!$G$22=$B$24,21,0),0)),0)</f>
        <v>0</v>
      </c>
      <c r="I4196">
        <f t="shared" si="475"/>
        <v>0</v>
      </c>
      <c r="J4196">
        <f t="shared" si="476"/>
        <v>35.269476461157879</v>
      </c>
      <c r="K4196">
        <f t="shared" si="477"/>
        <v>3.0391997164711428</v>
      </c>
      <c r="L4196">
        <f t="shared" si="478"/>
        <v>1.5195998582355714</v>
      </c>
      <c r="M4196">
        <f t="shared" si="479"/>
        <v>0</v>
      </c>
      <c r="N4196" s="45">
        <f t="shared" ref="N4196:N4259" si="480">N4195+1/24</f>
        <v>45100.416666656572</v>
      </c>
    </row>
    <row r="4197" spans="2:14" x14ac:dyDescent="0.25">
      <c r="B4197">
        <f t="shared" si="474"/>
        <v>5</v>
      </c>
      <c r="C4197" s="16">
        <v>4163</v>
      </c>
      <c r="D4197" cm="1">
        <f t="array" ref="D4197">IFERROR(INDEX(Jesper!AH$2:AH$366,ROUNDDOWN($C4197/24,0)+1,1)*INDEX($D$3:$AA$30,INDEX(Jesper!$R$2:$R$366,ROW(INDEX(Jesper!AH$2:AH$366,ROUNDDOWN($C4197/24,0)+1,1))-1)+IF('Standard Profiles'!$G$18=$B$10,7,0)+IF('Standard Profiles'!$G$18=$B$17,14,0)+IF('Standard Profiles'!$G$18=$B$24,21,0),MOD($C4197,24)+1)/SUM(INDEX($D$3:$AA$30,INDEX(Jesper!$R$2:$R$366,ROW(INDEX(Jesper!AH$2:AH$366,ROUNDDOWN($C4197/24,0)+1,1))-1)+IF('Standard Profiles'!$G$18=$B$10,7,0)+IF('Standard Profiles'!$G$18=$B$17,14,0)+IF('Standard Profiles'!$G$18=$B$24,21,0),0)),0)</f>
        <v>33.672951404083683</v>
      </c>
      <c r="E4197" cm="1">
        <f t="array" ref="E4197">IFERROR(INDEX(Jesper!AI$2:AI$366,ROUNDDOWN($C4197/24,0)+1,1)*INDEX($D$3:$AA$30,INDEX(Jesper!$R$2:$R$366,ROW(INDEX(Jesper!AI$2:AI$366,ROUNDDOWN($C4197/24,0)+1,1))-1)+IF('Standard Profiles'!$G$19=$B$10,7,0)+IF('Standard Profiles'!$G$19=$B$17,14,0)+IF('Standard Profiles'!$G$19=$B$24,21,0),MOD($C4197,24)+1)/SUM(INDEX($D$3:$AA$30,INDEX(Jesper!$R$2:$R$366,ROW(INDEX(Jesper!AI$2:AI$366,ROUNDDOWN($C4197/24,0)+1,1))-1)+IF('Standard Profiles'!$G$19=$B$10,7,0)+IF('Standard Profiles'!$G$19=$B$17,14,0)+IF('Standard Profiles'!$G$19=$B$24,21,0),0)),0)</f>
        <v>13.396829365574467</v>
      </c>
      <c r="F4197" cm="1">
        <f t="array" ref="F4197">IFERROR(INDEX(Jesper!AJ$2:AJ$366,ROUNDDOWN($C4197/24,0)+1,1)*INDEX($D$3:$AA$30,INDEX(Jesper!$R$2:$R$366,ROW(INDEX(Jesper!AJ$2:AJ$366,ROUNDDOWN($C4197/24,0)+1,1))-1)+IF('Standard Profiles'!$G$20=$B$10,7,0)+IF('Standard Profiles'!$G$20=$B$17,14,0)+IF('Standard Profiles'!$G$20=$B$24,21,0),MOD($C4197,24)+1)/SUM(INDEX($D$3:$AA$30,INDEX(Jesper!$R$2:$R$366,ROW(INDEX(Jesper!AJ$2:AJ$366,ROUNDDOWN($C4197/24,0)+1,1))-1)+IF('Standard Profiles'!$G$20=$B$10,7,0)+IF('Standard Profiles'!$G$20=$B$17,14,0)+IF('Standard Profiles'!$G$20=$B$24,21,0),0)),0)</f>
        <v>0</v>
      </c>
      <c r="G4197" cm="1">
        <f t="array" ref="G4197">IFERROR(INDEX(Jesper!AK$2:AK$366,ROUNDDOWN($C4197/24,0)+1,1)*INDEX($D$3:$AA$30,INDEX(Jesper!$R$2:$R$366,ROW(INDEX(Jesper!AK$2:AK$366,ROUNDDOWN($C4197/24,0)+1,1))-1)+IF('Standard Profiles'!$G$21=$B$10,7,0)+IF('Standard Profiles'!$G$21=$B$17,14,0)+IF('Standard Profiles'!$G$21=$B$24,21,0),MOD($C4197,24)+1)/SUM(INDEX($D$3:$AA$30,INDEX(Jesper!$R$2:$R$366,ROW(INDEX(Jesper!AK$2:AK$366,ROUNDDOWN($C4197/24,0)+1,1))-1)+IF('Standard Profiles'!$G$21=$B$10,7,0)+IF('Standard Profiles'!$G$21=$B$17,14,0)+IF('Standard Profiles'!$G$21=$B$24,21,0),0)),0)</f>
        <v>0</v>
      </c>
      <c r="H4197" cm="1">
        <f t="array" ref="H4197">IFERROR(INDEX(Jesper!AL$2:AL$366,ROUNDDOWN($C4197/24,0)+1,1)*INDEX($D$3:$AA$30,INDEX(Jesper!$R$2:$R$366,ROW(INDEX(Jesper!AL$2:AL$366,ROUNDDOWN($C4197/24,0)+1,1))-1)+IF('Standard Profiles'!$G$22=$B$10,7,0)+IF('Standard Profiles'!$G$22=$B$17,14,0)+IF('Standard Profiles'!$G$22=$B$24,21,0),MOD($C4197,24)+1)/SUM(INDEX($D$3:$AA$30,INDEX(Jesper!$R$2:$R$366,ROW(INDEX(Jesper!AL$2:AL$366,ROUNDDOWN($C4197/24,0)+1,1))-1)+IF('Standard Profiles'!$G$22=$B$10,7,0)+IF('Standard Profiles'!$G$22=$B$17,14,0)+IF('Standard Profiles'!$G$22=$B$24,21,0),0)),0)</f>
        <v>0</v>
      </c>
      <c r="I4197">
        <f t="shared" si="475"/>
        <v>0</v>
      </c>
      <c r="J4197">
        <f t="shared" si="476"/>
        <v>41.682108545004759</v>
      </c>
      <c r="K4197">
        <f t="shared" si="477"/>
        <v>3.5917814831022596</v>
      </c>
      <c r="L4197">
        <f t="shared" si="478"/>
        <v>1.7958907415511298</v>
      </c>
      <c r="M4197">
        <f t="shared" si="479"/>
        <v>0</v>
      </c>
      <c r="N4197" s="45">
        <f t="shared" si="480"/>
        <v>45100.458333323237</v>
      </c>
    </row>
    <row r="4198" spans="2:14" x14ac:dyDescent="0.25">
      <c r="B4198">
        <f t="shared" si="474"/>
        <v>5</v>
      </c>
      <c r="C4198" s="16">
        <v>4164</v>
      </c>
      <c r="D4198" cm="1">
        <f t="array" ref="D4198">IFERROR(INDEX(Jesper!AH$2:AH$366,ROUNDDOWN($C4198/24,0)+1,1)*INDEX($D$3:$AA$30,INDEX(Jesper!$R$2:$R$366,ROW(INDEX(Jesper!AH$2:AH$366,ROUNDDOWN($C4198/24,0)+1,1))-1)+IF('Standard Profiles'!$G$18=$B$10,7,0)+IF('Standard Profiles'!$G$18=$B$17,14,0)+IF('Standard Profiles'!$G$18=$B$24,21,0),MOD($C4198,24)+1)/SUM(INDEX($D$3:$AA$30,INDEX(Jesper!$R$2:$R$366,ROW(INDEX(Jesper!AH$2:AH$366,ROUNDDOWN($C4198/24,0)+1,1))-1)+IF('Standard Profiles'!$G$18=$B$10,7,0)+IF('Standard Profiles'!$G$18=$B$17,14,0)+IF('Standard Profiles'!$G$18=$B$24,21,0),0)),0)</f>
        <v>33.672951404083683</v>
      </c>
      <c r="E4198" cm="1">
        <f t="array" ref="E4198">IFERROR(INDEX(Jesper!AI$2:AI$366,ROUNDDOWN($C4198/24,0)+1,1)*INDEX($D$3:$AA$30,INDEX(Jesper!$R$2:$R$366,ROW(INDEX(Jesper!AI$2:AI$366,ROUNDDOWN($C4198/24,0)+1,1))-1)+IF('Standard Profiles'!$G$19=$B$10,7,0)+IF('Standard Profiles'!$G$19=$B$17,14,0)+IF('Standard Profiles'!$G$19=$B$24,21,0),MOD($C4198,24)+1)/SUM(INDEX($D$3:$AA$30,INDEX(Jesper!$R$2:$R$366,ROW(INDEX(Jesper!AI$2:AI$366,ROUNDDOWN($C4198/24,0)+1,1))-1)+IF('Standard Profiles'!$G$19=$B$10,7,0)+IF('Standard Profiles'!$G$19=$B$17,14,0)+IF('Standard Profiles'!$G$19=$B$24,21,0),0)),0)</f>
        <v>13.396829365574467</v>
      </c>
      <c r="F4198" cm="1">
        <f t="array" ref="F4198">IFERROR(INDEX(Jesper!AJ$2:AJ$366,ROUNDDOWN($C4198/24,0)+1,1)*INDEX($D$3:$AA$30,INDEX(Jesper!$R$2:$R$366,ROW(INDEX(Jesper!AJ$2:AJ$366,ROUNDDOWN($C4198/24,0)+1,1))-1)+IF('Standard Profiles'!$G$20=$B$10,7,0)+IF('Standard Profiles'!$G$20=$B$17,14,0)+IF('Standard Profiles'!$G$20=$B$24,21,0),MOD($C4198,24)+1)/SUM(INDEX($D$3:$AA$30,INDEX(Jesper!$R$2:$R$366,ROW(INDEX(Jesper!AJ$2:AJ$366,ROUNDDOWN($C4198/24,0)+1,1))-1)+IF('Standard Profiles'!$G$20=$B$10,7,0)+IF('Standard Profiles'!$G$20=$B$17,14,0)+IF('Standard Profiles'!$G$20=$B$24,21,0),0)),0)</f>
        <v>0</v>
      </c>
      <c r="G4198" cm="1">
        <f t="array" ref="G4198">IFERROR(INDEX(Jesper!AK$2:AK$366,ROUNDDOWN($C4198/24,0)+1,1)*INDEX($D$3:$AA$30,INDEX(Jesper!$R$2:$R$366,ROW(INDEX(Jesper!AK$2:AK$366,ROUNDDOWN($C4198/24,0)+1,1))-1)+IF('Standard Profiles'!$G$21=$B$10,7,0)+IF('Standard Profiles'!$G$21=$B$17,14,0)+IF('Standard Profiles'!$G$21=$B$24,21,0),MOD($C4198,24)+1)/SUM(INDEX($D$3:$AA$30,INDEX(Jesper!$R$2:$R$366,ROW(INDEX(Jesper!AK$2:AK$366,ROUNDDOWN($C4198/24,0)+1,1))-1)+IF('Standard Profiles'!$G$21=$B$10,7,0)+IF('Standard Profiles'!$G$21=$B$17,14,0)+IF('Standard Profiles'!$G$21=$B$24,21,0),0)),0)</f>
        <v>0</v>
      </c>
      <c r="H4198" cm="1">
        <f t="array" ref="H4198">IFERROR(INDEX(Jesper!AL$2:AL$366,ROUNDDOWN($C4198/24,0)+1,1)*INDEX($D$3:$AA$30,INDEX(Jesper!$R$2:$R$366,ROW(INDEX(Jesper!AL$2:AL$366,ROUNDDOWN($C4198/24,0)+1,1))-1)+IF('Standard Profiles'!$G$22=$B$10,7,0)+IF('Standard Profiles'!$G$22=$B$17,14,0)+IF('Standard Profiles'!$G$22=$B$24,21,0),MOD($C4198,24)+1)/SUM(INDEX($D$3:$AA$30,INDEX(Jesper!$R$2:$R$366,ROW(INDEX(Jesper!AL$2:AL$366,ROUNDDOWN($C4198/24,0)+1,1))-1)+IF('Standard Profiles'!$G$22=$B$10,7,0)+IF('Standard Profiles'!$G$22=$B$17,14,0)+IF('Standard Profiles'!$G$22=$B$24,21,0),0)),0)</f>
        <v>0</v>
      </c>
      <c r="I4198">
        <f t="shared" si="475"/>
        <v>0</v>
      </c>
      <c r="J4198">
        <f t="shared" si="476"/>
        <v>41.682108545004759</v>
      </c>
      <c r="K4198">
        <f t="shared" si="477"/>
        <v>3.5917814831022596</v>
      </c>
      <c r="L4198">
        <f t="shared" si="478"/>
        <v>1.7958907415511298</v>
      </c>
      <c r="M4198">
        <f t="shared" si="479"/>
        <v>0</v>
      </c>
      <c r="N4198" s="45">
        <f t="shared" si="480"/>
        <v>45100.499999989901</v>
      </c>
    </row>
    <row r="4199" spans="2:14" x14ac:dyDescent="0.25">
      <c r="B4199">
        <f t="shared" si="474"/>
        <v>5</v>
      </c>
      <c r="C4199" s="16">
        <v>4165</v>
      </c>
      <c r="D4199" cm="1">
        <f t="array" ref="D4199">IFERROR(INDEX(Jesper!AH$2:AH$366,ROUNDDOWN($C4199/24,0)+1,1)*INDEX($D$3:$AA$30,INDEX(Jesper!$R$2:$R$366,ROW(INDEX(Jesper!AH$2:AH$366,ROUNDDOWN($C4199/24,0)+1,1))-1)+IF('Standard Profiles'!$G$18=$B$10,7,0)+IF('Standard Profiles'!$G$18=$B$17,14,0)+IF('Standard Profiles'!$G$18=$B$24,21,0),MOD($C4199,24)+1)/SUM(INDEX($D$3:$AA$30,INDEX(Jesper!$R$2:$R$366,ROW(INDEX(Jesper!AH$2:AH$366,ROUNDDOWN($C4199/24,0)+1,1))-1)+IF('Standard Profiles'!$G$18=$B$10,7,0)+IF('Standard Profiles'!$G$18=$B$17,14,0)+IF('Standard Profiles'!$G$18=$B$24,21,0),0)),0)</f>
        <v>23.312043279750242</v>
      </c>
      <c r="E4199" cm="1">
        <f t="array" ref="E4199">IFERROR(INDEX(Jesper!AI$2:AI$366,ROUNDDOWN($C4199/24,0)+1,1)*INDEX($D$3:$AA$30,INDEX(Jesper!$R$2:$R$366,ROW(INDEX(Jesper!AI$2:AI$366,ROUNDDOWN($C4199/24,0)+1,1))-1)+IF('Standard Profiles'!$G$19=$B$10,7,0)+IF('Standard Profiles'!$G$19=$B$17,14,0)+IF('Standard Profiles'!$G$19=$B$24,21,0),MOD($C4199,24)+1)/SUM(INDEX($D$3:$AA$30,INDEX(Jesper!$R$2:$R$366,ROW(INDEX(Jesper!AI$2:AI$366,ROUNDDOWN($C4199/24,0)+1,1))-1)+IF('Standard Profiles'!$G$19=$B$10,7,0)+IF('Standard Profiles'!$G$19=$B$17,14,0)+IF('Standard Profiles'!$G$19=$B$24,21,0),0)),0)</f>
        <v>9.2747280223207849</v>
      </c>
      <c r="F4199" cm="1">
        <f t="array" ref="F4199">IFERROR(INDEX(Jesper!AJ$2:AJ$366,ROUNDDOWN($C4199/24,0)+1,1)*INDEX($D$3:$AA$30,INDEX(Jesper!$R$2:$R$366,ROW(INDEX(Jesper!AJ$2:AJ$366,ROUNDDOWN($C4199/24,0)+1,1))-1)+IF('Standard Profiles'!$G$20=$B$10,7,0)+IF('Standard Profiles'!$G$20=$B$17,14,0)+IF('Standard Profiles'!$G$20=$B$24,21,0),MOD($C4199,24)+1)/SUM(INDEX($D$3:$AA$30,INDEX(Jesper!$R$2:$R$366,ROW(INDEX(Jesper!AJ$2:AJ$366,ROUNDDOWN($C4199/24,0)+1,1))-1)+IF('Standard Profiles'!$G$20=$B$10,7,0)+IF('Standard Profiles'!$G$20=$B$17,14,0)+IF('Standard Profiles'!$G$20=$B$24,21,0),0)),0)</f>
        <v>0</v>
      </c>
      <c r="G4199" cm="1">
        <f t="array" ref="G4199">IFERROR(INDEX(Jesper!AK$2:AK$366,ROUNDDOWN($C4199/24,0)+1,1)*INDEX($D$3:$AA$30,INDEX(Jesper!$R$2:$R$366,ROW(INDEX(Jesper!AK$2:AK$366,ROUNDDOWN($C4199/24,0)+1,1))-1)+IF('Standard Profiles'!$G$21=$B$10,7,0)+IF('Standard Profiles'!$G$21=$B$17,14,0)+IF('Standard Profiles'!$G$21=$B$24,21,0),MOD($C4199,24)+1)/SUM(INDEX($D$3:$AA$30,INDEX(Jesper!$R$2:$R$366,ROW(INDEX(Jesper!AK$2:AK$366,ROUNDDOWN($C4199/24,0)+1,1))-1)+IF('Standard Profiles'!$G$21=$B$10,7,0)+IF('Standard Profiles'!$G$21=$B$17,14,0)+IF('Standard Profiles'!$G$21=$B$24,21,0),0)),0)</f>
        <v>0</v>
      </c>
      <c r="H4199" cm="1">
        <f t="array" ref="H4199">IFERROR(INDEX(Jesper!AL$2:AL$366,ROUNDDOWN($C4199/24,0)+1,1)*INDEX($D$3:$AA$30,INDEX(Jesper!$R$2:$R$366,ROW(INDEX(Jesper!AL$2:AL$366,ROUNDDOWN($C4199/24,0)+1,1))-1)+IF('Standard Profiles'!$G$22=$B$10,7,0)+IF('Standard Profiles'!$G$22=$B$17,14,0)+IF('Standard Profiles'!$G$22=$B$24,21,0),MOD($C4199,24)+1)/SUM(INDEX($D$3:$AA$30,INDEX(Jesper!$R$2:$R$366,ROW(INDEX(Jesper!AL$2:AL$366,ROUNDDOWN($C4199/24,0)+1,1))-1)+IF('Standard Profiles'!$G$22=$B$10,7,0)+IF('Standard Profiles'!$G$22=$B$17,14,0)+IF('Standard Profiles'!$G$22=$B$24,21,0),0)),0)</f>
        <v>0</v>
      </c>
      <c r="I4199">
        <f t="shared" si="475"/>
        <v>0</v>
      </c>
      <c r="J4199">
        <f t="shared" si="476"/>
        <v>28.856844377310985</v>
      </c>
      <c r="K4199">
        <f t="shared" si="477"/>
        <v>2.486617949840026</v>
      </c>
      <c r="L4199">
        <f t="shared" si="478"/>
        <v>1.243308974920013</v>
      </c>
      <c r="M4199">
        <f t="shared" si="479"/>
        <v>0</v>
      </c>
      <c r="N4199" s="45">
        <f t="shared" si="480"/>
        <v>45100.541666656565</v>
      </c>
    </row>
    <row r="4200" spans="2:14" x14ac:dyDescent="0.25">
      <c r="B4200">
        <f t="shared" si="474"/>
        <v>5</v>
      </c>
      <c r="C4200" s="16">
        <v>4166</v>
      </c>
      <c r="D4200" cm="1">
        <f t="array" ref="D4200">IFERROR(INDEX(Jesper!AH$2:AH$366,ROUNDDOWN($C4200/24,0)+1,1)*INDEX($D$3:$AA$30,INDEX(Jesper!$R$2:$R$366,ROW(INDEX(Jesper!AH$2:AH$366,ROUNDDOWN($C4200/24,0)+1,1))-1)+IF('Standard Profiles'!$G$18=$B$10,7,0)+IF('Standard Profiles'!$G$18=$B$17,14,0)+IF('Standard Profiles'!$G$18=$B$24,21,0),MOD($C4200,24)+1)/SUM(INDEX($D$3:$AA$30,INDEX(Jesper!$R$2:$R$366,ROW(INDEX(Jesper!AH$2:AH$366,ROUNDDOWN($C4200/24,0)+1,1))-1)+IF('Standard Profiles'!$G$18=$B$10,7,0)+IF('Standard Profiles'!$G$18=$B$17,14,0)+IF('Standard Profiles'!$G$18=$B$24,21,0),0)),0)</f>
        <v>33.672951404083683</v>
      </c>
      <c r="E4200" cm="1">
        <f t="array" ref="E4200">IFERROR(INDEX(Jesper!AI$2:AI$366,ROUNDDOWN($C4200/24,0)+1,1)*INDEX($D$3:$AA$30,INDEX(Jesper!$R$2:$R$366,ROW(INDEX(Jesper!AI$2:AI$366,ROUNDDOWN($C4200/24,0)+1,1))-1)+IF('Standard Profiles'!$G$19=$B$10,7,0)+IF('Standard Profiles'!$G$19=$B$17,14,0)+IF('Standard Profiles'!$G$19=$B$24,21,0),MOD($C4200,24)+1)/SUM(INDEX($D$3:$AA$30,INDEX(Jesper!$R$2:$R$366,ROW(INDEX(Jesper!AI$2:AI$366,ROUNDDOWN($C4200/24,0)+1,1))-1)+IF('Standard Profiles'!$G$19=$B$10,7,0)+IF('Standard Profiles'!$G$19=$B$17,14,0)+IF('Standard Profiles'!$G$19=$B$24,21,0),0)),0)</f>
        <v>13.396829365574467</v>
      </c>
      <c r="F4200" cm="1">
        <f t="array" ref="F4200">IFERROR(INDEX(Jesper!AJ$2:AJ$366,ROUNDDOWN($C4200/24,0)+1,1)*INDEX($D$3:$AA$30,INDEX(Jesper!$R$2:$R$366,ROW(INDEX(Jesper!AJ$2:AJ$366,ROUNDDOWN($C4200/24,0)+1,1))-1)+IF('Standard Profiles'!$G$20=$B$10,7,0)+IF('Standard Profiles'!$G$20=$B$17,14,0)+IF('Standard Profiles'!$G$20=$B$24,21,0),MOD($C4200,24)+1)/SUM(INDEX($D$3:$AA$30,INDEX(Jesper!$R$2:$R$366,ROW(INDEX(Jesper!AJ$2:AJ$366,ROUNDDOWN($C4200/24,0)+1,1))-1)+IF('Standard Profiles'!$G$20=$B$10,7,0)+IF('Standard Profiles'!$G$20=$B$17,14,0)+IF('Standard Profiles'!$G$20=$B$24,21,0),0)),0)</f>
        <v>0</v>
      </c>
      <c r="G4200" cm="1">
        <f t="array" ref="G4200">IFERROR(INDEX(Jesper!AK$2:AK$366,ROUNDDOWN($C4200/24,0)+1,1)*INDEX($D$3:$AA$30,INDEX(Jesper!$R$2:$R$366,ROW(INDEX(Jesper!AK$2:AK$366,ROUNDDOWN($C4200/24,0)+1,1))-1)+IF('Standard Profiles'!$G$21=$B$10,7,0)+IF('Standard Profiles'!$G$21=$B$17,14,0)+IF('Standard Profiles'!$G$21=$B$24,21,0),MOD($C4200,24)+1)/SUM(INDEX($D$3:$AA$30,INDEX(Jesper!$R$2:$R$366,ROW(INDEX(Jesper!AK$2:AK$366,ROUNDDOWN($C4200/24,0)+1,1))-1)+IF('Standard Profiles'!$G$21=$B$10,7,0)+IF('Standard Profiles'!$G$21=$B$17,14,0)+IF('Standard Profiles'!$G$21=$B$24,21,0),0)),0)</f>
        <v>0</v>
      </c>
      <c r="H4200" cm="1">
        <f t="array" ref="H4200">IFERROR(INDEX(Jesper!AL$2:AL$366,ROUNDDOWN($C4200/24,0)+1,1)*INDEX($D$3:$AA$30,INDEX(Jesper!$R$2:$R$366,ROW(INDEX(Jesper!AL$2:AL$366,ROUNDDOWN($C4200/24,0)+1,1))-1)+IF('Standard Profiles'!$G$22=$B$10,7,0)+IF('Standard Profiles'!$G$22=$B$17,14,0)+IF('Standard Profiles'!$G$22=$B$24,21,0),MOD($C4200,24)+1)/SUM(INDEX($D$3:$AA$30,INDEX(Jesper!$R$2:$R$366,ROW(INDEX(Jesper!AL$2:AL$366,ROUNDDOWN($C4200/24,0)+1,1))-1)+IF('Standard Profiles'!$G$22=$B$10,7,0)+IF('Standard Profiles'!$G$22=$B$17,14,0)+IF('Standard Profiles'!$G$22=$B$24,21,0),0)),0)</f>
        <v>0</v>
      </c>
      <c r="I4200">
        <f t="shared" si="475"/>
        <v>0</v>
      </c>
      <c r="J4200">
        <f t="shared" si="476"/>
        <v>41.682108545004759</v>
      </c>
      <c r="K4200">
        <f t="shared" si="477"/>
        <v>3.5917814831022596</v>
      </c>
      <c r="L4200">
        <f t="shared" si="478"/>
        <v>1.7958907415511298</v>
      </c>
      <c r="M4200">
        <f t="shared" si="479"/>
        <v>0</v>
      </c>
      <c r="N4200" s="45">
        <f t="shared" si="480"/>
        <v>45100.583333323229</v>
      </c>
    </row>
    <row r="4201" spans="2:14" x14ac:dyDescent="0.25">
      <c r="B4201">
        <f t="shared" si="474"/>
        <v>5</v>
      </c>
      <c r="C4201" s="16">
        <v>4167</v>
      </c>
      <c r="D4201" cm="1">
        <f t="array" ref="D4201">IFERROR(INDEX(Jesper!AH$2:AH$366,ROUNDDOWN($C4201/24,0)+1,1)*INDEX($D$3:$AA$30,INDEX(Jesper!$R$2:$R$366,ROW(INDEX(Jesper!AH$2:AH$366,ROUNDDOWN($C4201/24,0)+1,1))-1)+IF('Standard Profiles'!$G$18=$B$10,7,0)+IF('Standard Profiles'!$G$18=$B$17,14,0)+IF('Standard Profiles'!$G$18=$B$24,21,0),MOD($C4201,24)+1)/SUM(INDEX($D$3:$AA$30,INDEX(Jesper!$R$2:$R$366,ROW(INDEX(Jesper!AH$2:AH$366,ROUNDDOWN($C4201/24,0)+1,1))-1)+IF('Standard Profiles'!$G$18=$B$10,7,0)+IF('Standard Profiles'!$G$18=$B$17,14,0)+IF('Standard Profiles'!$G$18=$B$24,21,0),0)),0)</f>
        <v>25.902270310833604</v>
      </c>
      <c r="E4201" cm="1">
        <f t="array" ref="E4201">IFERROR(INDEX(Jesper!AI$2:AI$366,ROUNDDOWN($C4201/24,0)+1,1)*INDEX($D$3:$AA$30,INDEX(Jesper!$R$2:$R$366,ROW(INDEX(Jesper!AI$2:AI$366,ROUNDDOWN($C4201/24,0)+1,1))-1)+IF('Standard Profiles'!$G$19=$B$10,7,0)+IF('Standard Profiles'!$G$19=$B$17,14,0)+IF('Standard Profiles'!$G$19=$B$24,21,0),MOD($C4201,24)+1)/SUM(INDEX($D$3:$AA$30,INDEX(Jesper!$R$2:$R$366,ROW(INDEX(Jesper!AI$2:AI$366,ROUNDDOWN($C4201/24,0)+1,1))-1)+IF('Standard Profiles'!$G$19=$B$10,7,0)+IF('Standard Profiles'!$G$19=$B$17,14,0)+IF('Standard Profiles'!$G$19=$B$24,21,0),0)),0)</f>
        <v>10.305253358134207</v>
      </c>
      <c r="F4201" cm="1">
        <f t="array" ref="F4201">IFERROR(INDEX(Jesper!AJ$2:AJ$366,ROUNDDOWN($C4201/24,0)+1,1)*INDEX($D$3:$AA$30,INDEX(Jesper!$R$2:$R$366,ROW(INDEX(Jesper!AJ$2:AJ$366,ROUNDDOWN($C4201/24,0)+1,1))-1)+IF('Standard Profiles'!$G$20=$B$10,7,0)+IF('Standard Profiles'!$G$20=$B$17,14,0)+IF('Standard Profiles'!$G$20=$B$24,21,0),MOD($C4201,24)+1)/SUM(INDEX($D$3:$AA$30,INDEX(Jesper!$R$2:$R$366,ROW(INDEX(Jesper!AJ$2:AJ$366,ROUNDDOWN($C4201/24,0)+1,1))-1)+IF('Standard Profiles'!$G$20=$B$10,7,0)+IF('Standard Profiles'!$G$20=$B$17,14,0)+IF('Standard Profiles'!$G$20=$B$24,21,0),0)),0)</f>
        <v>0</v>
      </c>
      <c r="G4201" cm="1">
        <f t="array" ref="G4201">IFERROR(INDEX(Jesper!AK$2:AK$366,ROUNDDOWN($C4201/24,0)+1,1)*INDEX($D$3:$AA$30,INDEX(Jesper!$R$2:$R$366,ROW(INDEX(Jesper!AK$2:AK$366,ROUNDDOWN($C4201/24,0)+1,1))-1)+IF('Standard Profiles'!$G$21=$B$10,7,0)+IF('Standard Profiles'!$G$21=$B$17,14,0)+IF('Standard Profiles'!$G$21=$B$24,21,0),MOD($C4201,24)+1)/SUM(INDEX($D$3:$AA$30,INDEX(Jesper!$R$2:$R$366,ROW(INDEX(Jesper!AK$2:AK$366,ROUNDDOWN($C4201/24,0)+1,1))-1)+IF('Standard Profiles'!$G$21=$B$10,7,0)+IF('Standard Profiles'!$G$21=$B$17,14,0)+IF('Standard Profiles'!$G$21=$B$24,21,0),0)),0)</f>
        <v>0</v>
      </c>
      <c r="H4201" cm="1">
        <f t="array" ref="H4201">IFERROR(INDEX(Jesper!AL$2:AL$366,ROUNDDOWN($C4201/24,0)+1,1)*INDEX($D$3:$AA$30,INDEX(Jesper!$R$2:$R$366,ROW(INDEX(Jesper!AL$2:AL$366,ROUNDDOWN($C4201/24,0)+1,1))-1)+IF('Standard Profiles'!$G$22=$B$10,7,0)+IF('Standard Profiles'!$G$22=$B$17,14,0)+IF('Standard Profiles'!$G$22=$B$24,21,0),MOD($C4201,24)+1)/SUM(INDEX($D$3:$AA$30,INDEX(Jesper!$R$2:$R$366,ROW(INDEX(Jesper!AL$2:AL$366,ROUNDDOWN($C4201/24,0)+1,1))-1)+IF('Standard Profiles'!$G$22=$B$10,7,0)+IF('Standard Profiles'!$G$22=$B$17,14,0)+IF('Standard Profiles'!$G$22=$B$24,21,0),0)),0)</f>
        <v>0</v>
      </c>
      <c r="I4201">
        <f t="shared" si="475"/>
        <v>0</v>
      </c>
      <c r="J4201">
        <f t="shared" si="476"/>
        <v>32.063160419234435</v>
      </c>
      <c r="K4201">
        <f t="shared" si="477"/>
        <v>2.7629088331555844</v>
      </c>
      <c r="L4201">
        <f t="shared" si="478"/>
        <v>1.3814544165777922</v>
      </c>
      <c r="M4201">
        <f t="shared" si="479"/>
        <v>0</v>
      </c>
      <c r="N4201" s="45">
        <f t="shared" si="480"/>
        <v>45100.624999989894</v>
      </c>
    </row>
    <row r="4202" spans="2:14" x14ac:dyDescent="0.25">
      <c r="B4202">
        <f t="shared" si="474"/>
        <v>5</v>
      </c>
      <c r="C4202" s="16">
        <v>4168</v>
      </c>
      <c r="D4202" cm="1">
        <f t="array" ref="D4202">IFERROR(INDEX(Jesper!AH$2:AH$366,ROUNDDOWN($C4202/24,0)+1,1)*INDEX($D$3:$AA$30,INDEX(Jesper!$R$2:$R$366,ROW(INDEX(Jesper!AH$2:AH$366,ROUNDDOWN($C4202/24,0)+1,1))-1)+IF('Standard Profiles'!$G$18=$B$10,7,0)+IF('Standard Profiles'!$G$18=$B$17,14,0)+IF('Standard Profiles'!$G$18=$B$24,21,0),MOD($C4202,24)+1)/SUM(INDEX($D$3:$AA$30,INDEX(Jesper!$R$2:$R$366,ROW(INDEX(Jesper!AH$2:AH$366,ROUNDDOWN($C4202/24,0)+1,1))-1)+IF('Standard Profiles'!$G$18=$B$10,7,0)+IF('Standard Profiles'!$G$18=$B$17,14,0)+IF('Standard Profiles'!$G$18=$B$24,21,0),0)),0)</f>
        <v>12.16069028677634</v>
      </c>
      <c r="E4202" cm="1">
        <f t="array" ref="E4202">IFERROR(INDEX(Jesper!AI$2:AI$366,ROUNDDOWN($C4202/24,0)+1,1)*INDEX($D$3:$AA$30,INDEX(Jesper!$R$2:$R$366,ROW(INDEX(Jesper!AI$2:AI$366,ROUNDDOWN($C4202/24,0)+1,1))-1)+IF('Standard Profiles'!$G$19=$B$10,7,0)+IF('Standard Profiles'!$G$19=$B$17,14,0)+IF('Standard Profiles'!$G$19=$B$24,21,0),MOD($C4202,24)+1)/SUM(INDEX($D$3:$AA$30,INDEX(Jesper!$R$2:$R$366,ROW(INDEX(Jesper!AI$2:AI$366,ROUNDDOWN($C4202/24,0)+1,1))-1)+IF('Standard Profiles'!$G$19=$B$10,7,0)+IF('Standard Profiles'!$G$19=$B$17,14,0)+IF('Standard Profiles'!$G$19=$B$24,21,0),0)),0)</f>
        <v>4.838147116494933</v>
      </c>
      <c r="F4202" cm="1">
        <f t="array" ref="F4202">IFERROR(INDEX(Jesper!AJ$2:AJ$366,ROUNDDOWN($C4202/24,0)+1,1)*INDEX($D$3:$AA$30,INDEX(Jesper!$R$2:$R$366,ROW(INDEX(Jesper!AJ$2:AJ$366,ROUNDDOWN($C4202/24,0)+1,1))-1)+IF('Standard Profiles'!$G$20=$B$10,7,0)+IF('Standard Profiles'!$G$20=$B$17,14,0)+IF('Standard Profiles'!$G$20=$B$24,21,0),MOD($C4202,24)+1)/SUM(INDEX($D$3:$AA$30,INDEX(Jesper!$R$2:$R$366,ROW(INDEX(Jesper!AJ$2:AJ$366,ROUNDDOWN($C4202/24,0)+1,1))-1)+IF('Standard Profiles'!$G$20=$B$10,7,0)+IF('Standard Profiles'!$G$20=$B$17,14,0)+IF('Standard Profiles'!$G$20=$B$24,21,0),0)),0)</f>
        <v>0</v>
      </c>
      <c r="G4202" cm="1">
        <f t="array" ref="G4202">IFERROR(INDEX(Jesper!AK$2:AK$366,ROUNDDOWN($C4202/24,0)+1,1)*INDEX($D$3:$AA$30,INDEX(Jesper!$R$2:$R$366,ROW(INDEX(Jesper!AK$2:AK$366,ROUNDDOWN($C4202/24,0)+1,1))-1)+IF('Standard Profiles'!$G$21=$B$10,7,0)+IF('Standard Profiles'!$G$21=$B$17,14,0)+IF('Standard Profiles'!$G$21=$B$24,21,0),MOD($C4202,24)+1)/SUM(INDEX($D$3:$AA$30,INDEX(Jesper!$R$2:$R$366,ROW(INDEX(Jesper!AK$2:AK$366,ROUNDDOWN($C4202/24,0)+1,1))-1)+IF('Standard Profiles'!$G$21=$B$10,7,0)+IF('Standard Profiles'!$G$21=$B$17,14,0)+IF('Standard Profiles'!$G$21=$B$24,21,0),0)),0)</f>
        <v>0</v>
      </c>
      <c r="H4202" cm="1">
        <f t="array" ref="H4202">IFERROR(INDEX(Jesper!AL$2:AL$366,ROUNDDOWN($C4202/24,0)+1,1)*INDEX($D$3:$AA$30,INDEX(Jesper!$R$2:$R$366,ROW(INDEX(Jesper!AL$2:AL$366,ROUNDDOWN($C4202/24,0)+1,1))-1)+IF('Standard Profiles'!$G$22=$B$10,7,0)+IF('Standard Profiles'!$G$22=$B$17,14,0)+IF('Standard Profiles'!$G$22=$B$24,21,0),MOD($C4202,24)+1)/SUM(INDEX($D$3:$AA$30,INDEX(Jesper!$R$2:$R$366,ROW(INDEX(Jesper!AL$2:AL$366,ROUNDDOWN($C4202/24,0)+1,1))-1)+IF('Standard Profiles'!$G$22=$B$10,7,0)+IF('Standard Profiles'!$G$22=$B$17,14,0)+IF('Standard Profiles'!$G$22=$B$24,21,0),0)),0)</f>
        <v>0</v>
      </c>
      <c r="I4202">
        <f t="shared" si="475"/>
        <v>0</v>
      </c>
      <c r="J4202">
        <f t="shared" si="476"/>
        <v>15.053126957387057</v>
      </c>
      <c r="K4202">
        <f t="shared" si="477"/>
        <v>1.297140297256143</v>
      </c>
      <c r="L4202">
        <f t="shared" si="478"/>
        <v>0.6485701486280715</v>
      </c>
      <c r="M4202">
        <f t="shared" si="479"/>
        <v>0</v>
      </c>
      <c r="N4202" s="45">
        <f t="shared" si="480"/>
        <v>45100.666666656558</v>
      </c>
    </row>
    <row r="4203" spans="2:14" x14ac:dyDescent="0.25">
      <c r="B4203">
        <f t="shared" si="474"/>
        <v>5</v>
      </c>
      <c r="C4203" s="16">
        <v>4169</v>
      </c>
      <c r="D4203" cm="1">
        <f t="array" ref="D4203">IFERROR(INDEX(Jesper!AH$2:AH$366,ROUNDDOWN($C4203/24,0)+1,1)*INDEX($D$3:$AA$30,INDEX(Jesper!$R$2:$R$366,ROW(INDEX(Jesper!AH$2:AH$366,ROUNDDOWN($C4203/24,0)+1,1))-1)+IF('Standard Profiles'!$G$18=$B$10,7,0)+IF('Standard Profiles'!$G$18=$B$17,14,0)+IF('Standard Profiles'!$G$18=$B$24,21,0),MOD($C4203,24)+1)/SUM(INDEX($D$3:$AA$30,INDEX(Jesper!$R$2:$R$366,ROW(INDEX(Jesper!AH$2:AH$366,ROUNDDOWN($C4203/24,0)+1,1))-1)+IF('Standard Profiles'!$G$18=$B$10,7,0)+IF('Standard Profiles'!$G$18=$B$17,14,0)+IF('Standard Profiles'!$G$18=$B$24,21,0),0)),0)</f>
        <v>8.026055589272385</v>
      </c>
      <c r="E4203" cm="1">
        <f t="array" ref="E4203">IFERROR(INDEX(Jesper!AI$2:AI$366,ROUNDDOWN($C4203/24,0)+1,1)*INDEX($D$3:$AA$30,INDEX(Jesper!$R$2:$R$366,ROW(INDEX(Jesper!AI$2:AI$366,ROUNDDOWN($C4203/24,0)+1,1))-1)+IF('Standard Profiles'!$G$19=$B$10,7,0)+IF('Standard Profiles'!$G$19=$B$17,14,0)+IF('Standard Profiles'!$G$19=$B$24,21,0),MOD($C4203,24)+1)/SUM(INDEX($D$3:$AA$30,INDEX(Jesper!$R$2:$R$366,ROW(INDEX(Jesper!AI$2:AI$366,ROUNDDOWN($C4203/24,0)+1,1))-1)+IF('Standard Profiles'!$G$19=$B$10,7,0)+IF('Standard Profiles'!$G$19=$B$17,14,0)+IF('Standard Profiles'!$G$19=$B$24,21,0),0)),0)</f>
        <v>3.1931770968866555</v>
      </c>
      <c r="F4203" cm="1">
        <f t="array" ref="F4203">IFERROR(INDEX(Jesper!AJ$2:AJ$366,ROUNDDOWN($C4203/24,0)+1,1)*INDEX($D$3:$AA$30,INDEX(Jesper!$R$2:$R$366,ROW(INDEX(Jesper!AJ$2:AJ$366,ROUNDDOWN($C4203/24,0)+1,1))-1)+IF('Standard Profiles'!$G$20=$B$10,7,0)+IF('Standard Profiles'!$G$20=$B$17,14,0)+IF('Standard Profiles'!$G$20=$B$24,21,0),MOD($C4203,24)+1)/SUM(INDEX($D$3:$AA$30,INDEX(Jesper!$R$2:$R$366,ROW(INDEX(Jesper!AJ$2:AJ$366,ROUNDDOWN($C4203/24,0)+1,1))-1)+IF('Standard Profiles'!$G$20=$B$10,7,0)+IF('Standard Profiles'!$G$20=$B$17,14,0)+IF('Standard Profiles'!$G$20=$B$24,21,0),0)),0)</f>
        <v>0</v>
      </c>
      <c r="G4203" cm="1">
        <f t="array" ref="G4203">IFERROR(INDEX(Jesper!AK$2:AK$366,ROUNDDOWN($C4203/24,0)+1,1)*INDEX($D$3:$AA$30,INDEX(Jesper!$R$2:$R$366,ROW(INDEX(Jesper!AK$2:AK$366,ROUNDDOWN($C4203/24,0)+1,1))-1)+IF('Standard Profiles'!$G$21=$B$10,7,0)+IF('Standard Profiles'!$G$21=$B$17,14,0)+IF('Standard Profiles'!$G$21=$B$24,21,0),MOD($C4203,24)+1)/SUM(INDEX($D$3:$AA$30,INDEX(Jesper!$R$2:$R$366,ROW(INDEX(Jesper!AK$2:AK$366,ROUNDDOWN($C4203/24,0)+1,1))-1)+IF('Standard Profiles'!$G$21=$B$10,7,0)+IF('Standard Profiles'!$G$21=$B$17,14,0)+IF('Standard Profiles'!$G$21=$B$24,21,0),0)),0)</f>
        <v>0</v>
      </c>
      <c r="H4203" cm="1">
        <f t="array" ref="H4203">IFERROR(INDEX(Jesper!AL$2:AL$366,ROUNDDOWN($C4203/24,0)+1,1)*INDEX($D$3:$AA$30,INDEX(Jesper!$R$2:$R$366,ROW(INDEX(Jesper!AL$2:AL$366,ROUNDDOWN($C4203/24,0)+1,1))-1)+IF('Standard Profiles'!$G$22=$B$10,7,0)+IF('Standard Profiles'!$G$22=$B$17,14,0)+IF('Standard Profiles'!$G$22=$B$24,21,0),MOD($C4203,24)+1)/SUM(INDEX($D$3:$AA$30,INDEX(Jesper!$R$2:$R$366,ROW(INDEX(Jesper!AL$2:AL$366,ROUNDDOWN($C4203/24,0)+1,1))-1)+IF('Standard Profiles'!$G$22=$B$10,7,0)+IF('Standard Profiles'!$G$22=$B$17,14,0)+IF('Standard Profiles'!$G$22=$B$24,21,0),0)),0)</f>
        <v>0</v>
      </c>
      <c r="I4203">
        <f t="shared" si="475"/>
        <v>0</v>
      </c>
      <c r="J4203">
        <f t="shared" si="476"/>
        <v>9.935063791875459</v>
      </c>
      <c r="K4203">
        <f t="shared" si="477"/>
        <v>0.85611259618905444</v>
      </c>
      <c r="L4203">
        <f t="shared" si="478"/>
        <v>0.42805629809452722</v>
      </c>
      <c r="M4203">
        <f t="shared" si="479"/>
        <v>0</v>
      </c>
      <c r="N4203" s="45">
        <f t="shared" si="480"/>
        <v>45100.708333323222</v>
      </c>
    </row>
    <row r="4204" spans="2:14" x14ac:dyDescent="0.25">
      <c r="B4204">
        <f t="shared" si="474"/>
        <v>5</v>
      </c>
      <c r="C4204" s="16">
        <v>4170</v>
      </c>
      <c r="D4204" cm="1">
        <f t="array" ref="D4204">IFERROR(INDEX(Jesper!AH$2:AH$366,ROUNDDOWN($C4204/24,0)+1,1)*INDEX($D$3:$AA$30,INDEX(Jesper!$R$2:$R$366,ROW(INDEX(Jesper!AH$2:AH$366,ROUNDDOWN($C4204/24,0)+1,1))-1)+IF('Standard Profiles'!$G$18=$B$10,7,0)+IF('Standard Profiles'!$G$18=$B$17,14,0)+IF('Standard Profiles'!$G$18=$B$24,21,0),MOD($C4204,24)+1)/SUM(INDEX($D$3:$AA$30,INDEX(Jesper!$R$2:$R$366,ROW(INDEX(Jesper!AH$2:AH$366,ROUNDDOWN($C4204/24,0)+1,1))-1)+IF('Standard Profiles'!$G$18=$B$10,7,0)+IF('Standard Profiles'!$G$18=$B$17,14,0)+IF('Standard Profiles'!$G$18=$B$24,21,0),0)),0)</f>
        <v>5.1074899204460626</v>
      </c>
      <c r="E4204" cm="1">
        <f t="array" ref="E4204">IFERROR(INDEX(Jesper!AI$2:AI$366,ROUNDDOWN($C4204/24,0)+1,1)*INDEX($D$3:$AA$30,INDEX(Jesper!$R$2:$R$366,ROW(INDEX(Jesper!AI$2:AI$366,ROUNDDOWN($C4204/24,0)+1,1))-1)+IF('Standard Profiles'!$G$19=$B$10,7,0)+IF('Standard Profiles'!$G$19=$B$17,14,0)+IF('Standard Profiles'!$G$19=$B$24,21,0),MOD($C4204,24)+1)/SUM(INDEX($D$3:$AA$30,INDEX(Jesper!$R$2:$R$366,ROW(INDEX(Jesper!AI$2:AI$366,ROUNDDOWN($C4204/24,0)+1,1))-1)+IF('Standard Profiles'!$G$19=$B$10,7,0)+IF('Standard Profiles'!$G$19=$B$17,14,0)+IF('Standard Profiles'!$G$19=$B$24,21,0),0)),0)</f>
        <v>2.0320217889278718</v>
      </c>
      <c r="F4204" cm="1">
        <f t="array" ref="F4204">IFERROR(INDEX(Jesper!AJ$2:AJ$366,ROUNDDOWN($C4204/24,0)+1,1)*INDEX($D$3:$AA$30,INDEX(Jesper!$R$2:$R$366,ROW(INDEX(Jesper!AJ$2:AJ$366,ROUNDDOWN($C4204/24,0)+1,1))-1)+IF('Standard Profiles'!$G$20=$B$10,7,0)+IF('Standard Profiles'!$G$20=$B$17,14,0)+IF('Standard Profiles'!$G$20=$B$24,21,0),MOD($C4204,24)+1)/SUM(INDEX($D$3:$AA$30,INDEX(Jesper!$R$2:$R$366,ROW(INDEX(Jesper!AJ$2:AJ$366,ROUNDDOWN($C4204/24,0)+1,1))-1)+IF('Standard Profiles'!$G$20=$B$10,7,0)+IF('Standard Profiles'!$G$20=$B$17,14,0)+IF('Standard Profiles'!$G$20=$B$24,21,0),0)),0)</f>
        <v>0</v>
      </c>
      <c r="G4204" cm="1">
        <f t="array" ref="G4204">IFERROR(INDEX(Jesper!AK$2:AK$366,ROUNDDOWN($C4204/24,0)+1,1)*INDEX($D$3:$AA$30,INDEX(Jesper!$R$2:$R$366,ROW(INDEX(Jesper!AK$2:AK$366,ROUNDDOWN($C4204/24,0)+1,1))-1)+IF('Standard Profiles'!$G$21=$B$10,7,0)+IF('Standard Profiles'!$G$21=$B$17,14,0)+IF('Standard Profiles'!$G$21=$B$24,21,0),MOD($C4204,24)+1)/SUM(INDEX($D$3:$AA$30,INDEX(Jesper!$R$2:$R$366,ROW(INDEX(Jesper!AK$2:AK$366,ROUNDDOWN($C4204/24,0)+1,1))-1)+IF('Standard Profiles'!$G$21=$B$10,7,0)+IF('Standard Profiles'!$G$21=$B$17,14,0)+IF('Standard Profiles'!$G$21=$B$24,21,0),0)),0)</f>
        <v>0</v>
      </c>
      <c r="H4204" cm="1">
        <f t="array" ref="H4204">IFERROR(INDEX(Jesper!AL$2:AL$366,ROUNDDOWN($C4204/24,0)+1,1)*INDEX($D$3:$AA$30,INDEX(Jesper!$R$2:$R$366,ROW(INDEX(Jesper!AL$2:AL$366,ROUNDDOWN($C4204/24,0)+1,1))-1)+IF('Standard Profiles'!$G$22=$B$10,7,0)+IF('Standard Profiles'!$G$22=$B$17,14,0)+IF('Standard Profiles'!$G$22=$B$24,21,0),MOD($C4204,24)+1)/SUM(INDEX($D$3:$AA$30,INDEX(Jesper!$R$2:$R$366,ROW(INDEX(Jesper!AL$2:AL$366,ROUNDDOWN($C4204/24,0)+1,1))-1)+IF('Standard Profiles'!$G$22=$B$10,7,0)+IF('Standard Profiles'!$G$22=$B$17,14,0)+IF('Standard Profiles'!$G$22=$B$24,21,0),0)),0)</f>
        <v>0</v>
      </c>
      <c r="I4204">
        <f t="shared" si="475"/>
        <v>0</v>
      </c>
      <c r="J4204">
        <f t="shared" si="476"/>
        <v>6.3223133221025645</v>
      </c>
      <c r="K4204">
        <f t="shared" si="477"/>
        <v>0.54479892484758008</v>
      </c>
      <c r="L4204">
        <f t="shared" si="478"/>
        <v>0.27239946242379004</v>
      </c>
      <c r="M4204">
        <f t="shared" si="479"/>
        <v>0</v>
      </c>
      <c r="N4204" s="45">
        <f t="shared" si="480"/>
        <v>45100.749999989886</v>
      </c>
    </row>
    <row r="4205" spans="2:14" x14ac:dyDescent="0.25">
      <c r="B4205">
        <f t="shared" si="474"/>
        <v>5</v>
      </c>
      <c r="C4205" s="16">
        <v>4171</v>
      </c>
      <c r="D4205" cm="1">
        <f t="array" ref="D4205">IFERROR(INDEX(Jesper!AH$2:AH$366,ROUNDDOWN($C4205/24,0)+1,1)*INDEX($D$3:$AA$30,INDEX(Jesper!$R$2:$R$366,ROW(INDEX(Jesper!AH$2:AH$366,ROUNDDOWN($C4205/24,0)+1,1))-1)+IF('Standard Profiles'!$G$18=$B$10,7,0)+IF('Standard Profiles'!$G$18=$B$17,14,0)+IF('Standard Profiles'!$G$18=$B$24,21,0),MOD($C4205,24)+1)/SUM(INDEX($D$3:$AA$30,INDEX(Jesper!$R$2:$R$366,ROW(INDEX(Jesper!AH$2:AH$366,ROUNDDOWN($C4205/24,0)+1,1))-1)+IF('Standard Profiles'!$G$18=$B$10,7,0)+IF('Standard Profiles'!$G$18=$B$17,14,0)+IF('Standard Profiles'!$G$18=$B$24,21,0),0)),0)</f>
        <v>4.8642761147105364</v>
      </c>
      <c r="E4205" cm="1">
        <f t="array" ref="E4205">IFERROR(INDEX(Jesper!AI$2:AI$366,ROUNDDOWN($C4205/24,0)+1,1)*INDEX($D$3:$AA$30,INDEX(Jesper!$R$2:$R$366,ROW(INDEX(Jesper!AI$2:AI$366,ROUNDDOWN($C4205/24,0)+1,1))-1)+IF('Standard Profiles'!$G$19=$B$10,7,0)+IF('Standard Profiles'!$G$19=$B$17,14,0)+IF('Standard Profiles'!$G$19=$B$24,21,0),MOD($C4205,24)+1)/SUM(INDEX($D$3:$AA$30,INDEX(Jesper!$R$2:$R$366,ROW(INDEX(Jesper!AI$2:AI$366,ROUNDDOWN($C4205/24,0)+1,1))-1)+IF('Standard Profiles'!$G$19=$B$10,7,0)+IF('Standard Profiles'!$G$19=$B$17,14,0)+IF('Standard Profiles'!$G$19=$B$24,21,0),0)),0)</f>
        <v>1.935258846597973</v>
      </c>
      <c r="F4205" cm="1">
        <f t="array" ref="F4205">IFERROR(INDEX(Jesper!AJ$2:AJ$366,ROUNDDOWN($C4205/24,0)+1,1)*INDEX($D$3:$AA$30,INDEX(Jesper!$R$2:$R$366,ROW(INDEX(Jesper!AJ$2:AJ$366,ROUNDDOWN($C4205/24,0)+1,1))-1)+IF('Standard Profiles'!$G$20=$B$10,7,0)+IF('Standard Profiles'!$G$20=$B$17,14,0)+IF('Standard Profiles'!$G$20=$B$24,21,0),MOD($C4205,24)+1)/SUM(INDEX($D$3:$AA$30,INDEX(Jesper!$R$2:$R$366,ROW(INDEX(Jesper!AJ$2:AJ$366,ROUNDDOWN($C4205/24,0)+1,1))-1)+IF('Standard Profiles'!$G$20=$B$10,7,0)+IF('Standard Profiles'!$G$20=$B$17,14,0)+IF('Standard Profiles'!$G$20=$B$24,21,0),0)),0)</f>
        <v>0</v>
      </c>
      <c r="G4205" cm="1">
        <f t="array" ref="G4205">IFERROR(INDEX(Jesper!AK$2:AK$366,ROUNDDOWN($C4205/24,0)+1,1)*INDEX($D$3:$AA$30,INDEX(Jesper!$R$2:$R$366,ROW(INDEX(Jesper!AK$2:AK$366,ROUNDDOWN($C4205/24,0)+1,1))-1)+IF('Standard Profiles'!$G$21=$B$10,7,0)+IF('Standard Profiles'!$G$21=$B$17,14,0)+IF('Standard Profiles'!$G$21=$B$24,21,0),MOD($C4205,24)+1)/SUM(INDEX($D$3:$AA$30,INDEX(Jesper!$R$2:$R$366,ROW(INDEX(Jesper!AK$2:AK$366,ROUNDDOWN($C4205/24,0)+1,1))-1)+IF('Standard Profiles'!$G$21=$B$10,7,0)+IF('Standard Profiles'!$G$21=$B$17,14,0)+IF('Standard Profiles'!$G$21=$B$24,21,0),0)),0)</f>
        <v>0</v>
      </c>
      <c r="H4205" cm="1">
        <f t="array" ref="H4205">IFERROR(INDEX(Jesper!AL$2:AL$366,ROUNDDOWN($C4205/24,0)+1,1)*INDEX($D$3:$AA$30,INDEX(Jesper!$R$2:$R$366,ROW(INDEX(Jesper!AL$2:AL$366,ROUNDDOWN($C4205/24,0)+1,1))-1)+IF('Standard Profiles'!$G$22=$B$10,7,0)+IF('Standard Profiles'!$G$22=$B$17,14,0)+IF('Standard Profiles'!$G$22=$B$24,21,0),MOD($C4205,24)+1)/SUM(INDEX($D$3:$AA$30,INDEX(Jesper!$R$2:$R$366,ROW(INDEX(Jesper!AL$2:AL$366,ROUNDDOWN($C4205/24,0)+1,1))-1)+IF('Standard Profiles'!$G$22=$B$10,7,0)+IF('Standard Profiles'!$G$22=$B$17,14,0)+IF('Standard Profiles'!$G$22=$B$24,21,0),0)),0)</f>
        <v>0</v>
      </c>
      <c r="I4205">
        <f t="shared" si="475"/>
        <v>0</v>
      </c>
      <c r="J4205">
        <f t="shared" si="476"/>
        <v>6.0212507829548239</v>
      </c>
      <c r="K4205">
        <f t="shared" si="477"/>
        <v>0.51885611890245731</v>
      </c>
      <c r="L4205">
        <f t="shared" si="478"/>
        <v>0.25942805945122865</v>
      </c>
      <c r="M4205">
        <f t="shared" si="479"/>
        <v>0</v>
      </c>
      <c r="N4205" s="45">
        <f t="shared" si="480"/>
        <v>45100.791666656551</v>
      </c>
    </row>
    <row r="4206" spans="2:14" x14ac:dyDescent="0.25">
      <c r="B4206">
        <f t="shared" si="474"/>
        <v>5</v>
      </c>
      <c r="C4206" s="16">
        <v>4172</v>
      </c>
      <c r="D4206" cm="1">
        <f t="array" ref="D4206">IFERROR(INDEX(Jesper!AH$2:AH$366,ROUNDDOWN($C4206/24,0)+1,1)*INDEX($D$3:$AA$30,INDEX(Jesper!$R$2:$R$366,ROW(INDEX(Jesper!AH$2:AH$366,ROUNDDOWN($C4206/24,0)+1,1))-1)+IF('Standard Profiles'!$G$18=$B$10,7,0)+IF('Standard Profiles'!$G$18=$B$17,14,0)+IF('Standard Profiles'!$G$18=$B$24,21,0),MOD($C4206,24)+1)/SUM(INDEX($D$3:$AA$30,INDEX(Jesper!$R$2:$R$366,ROW(INDEX(Jesper!AH$2:AH$366,ROUNDDOWN($C4206/24,0)+1,1))-1)+IF('Standard Profiles'!$G$18=$B$10,7,0)+IF('Standard Profiles'!$G$18=$B$17,14,0)+IF('Standard Profiles'!$G$18=$B$24,21,0),0)),0)</f>
        <v>4.8642761147105364</v>
      </c>
      <c r="E4206" cm="1">
        <f t="array" ref="E4206">IFERROR(INDEX(Jesper!AI$2:AI$366,ROUNDDOWN($C4206/24,0)+1,1)*INDEX($D$3:$AA$30,INDEX(Jesper!$R$2:$R$366,ROW(INDEX(Jesper!AI$2:AI$366,ROUNDDOWN($C4206/24,0)+1,1))-1)+IF('Standard Profiles'!$G$19=$B$10,7,0)+IF('Standard Profiles'!$G$19=$B$17,14,0)+IF('Standard Profiles'!$G$19=$B$24,21,0),MOD($C4206,24)+1)/SUM(INDEX($D$3:$AA$30,INDEX(Jesper!$R$2:$R$366,ROW(INDEX(Jesper!AI$2:AI$366,ROUNDDOWN($C4206/24,0)+1,1))-1)+IF('Standard Profiles'!$G$19=$B$10,7,0)+IF('Standard Profiles'!$G$19=$B$17,14,0)+IF('Standard Profiles'!$G$19=$B$24,21,0),0)),0)</f>
        <v>1.935258846597973</v>
      </c>
      <c r="F4206" cm="1">
        <f t="array" ref="F4206">IFERROR(INDEX(Jesper!AJ$2:AJ$366,ROUNDDOWN($C4206/24,0)+1,1)*INDEX($D$3:$AA$30,INDEX(Jesper!$R$2:$R$366,ROW(INDEX(Jesper!AJ$2:AJ$366,ROUNDDOWN($C4206/24,0)+1,1))-1)+IF('Standard Profiles'!$G$20=$B$10,7,0)+IF('Standard Profiles'!$G$20=$B$17,14,0)+IF('Standard Profiles'!$G$20=$B$24,21,0),MOD($C4206,24)+1)/SUM(INDEX($D$3:$AA$30,INDEX(Jesper!$R$2:$R$366,ROW(INDEX(Jesper!AJ$2:AJ$366,ROUNDDOWN($C4206/24,0)+1,1))-1)+IF('Standard Profiles'!$G$20=$B$10,7,0)+IF('Standard Profiles'!$G$20=$B$17,14,0)+IF('Standard Profiles'!$G$20=$B$24,21,0),0)),0)</f>
        <v>0</v>
      </c>
      <c r="G4206" cm="1">
        <f t="array" ref="G4206">IFERROR(INDEX(Jesper!AK$2:AK$366,ROUNDDOWN($C4206/24,0)+1,1)*INDEX($D$3:$AA$30,INDEX(Jesper!$R$2:$R$366,ROW(INDEX(Jesper!AK$2:AK$366,ROUNDDOWN($C4206/24,0)+1,1))-1)+IF('Standard Profiles'!$G$21=$B$10,7,0)+IF('Standard Profiles'!$G$21=$B$17,14,0)+IF('Standard Profiles'!$G$21=$B$24,21,0),MOD($C4206,24)+1)/SUM(INDEX($D$3:$AA$30,INDEX(Jesper!$R$2:$R$366,ROW(INDEX(Jesper!AK$2:AK$366,ROUNDDOWN($C4206/24,0)+1,1))-1)+IF('Standard Profiles'!$G$21=$B$10,7,0)+IF('Standard Profiles'!$G$21=$B$17,14,0)+IF('Standard Profiles'!$G$21=$B$24,21,0),0)),0)</f>
        <v>0</v>
      </c>
      <c r="H4206" cm="1">
        <f t="array" ref="H4206">IFERROR(INDEX(Jesper!AL$2:AL$366,ROUNDDOWN($C4206/24,0)+1,1)*INDEX($D$3:$AA$30,INDEX(Jesper!$R$2:$R$366,ROW(INDEX(Jesper!AL$2:AL$366,ROUNDDOWN($C4206/24,0)+1,1))-1)+IF('Standard Profiles'!$G$22=$B$10,7,0)+IF('Standard Profiles'!$G$22=$B$17,14,0)+IF('Standard Profiles'!$G$22=$B$24,21,0),MOD($C4206,24)+1)/SUM(INDEX($D$3:$AA$30,INDEX(Jesper!$R$2:$R$366,ROW(INDEX(Jesper!AL$2:AL$366,ROUNDDOWN($C4206/24,0)+1,1))-1)+IF('Standard Profiles'!$G$22=$B$10,7,0)+IF('Standard Profiles'!$G$22=$B$17,14,0)+IF('Standard Profiles'!$G$22=$B$24,21,0),0)),0)</f>
        <v>0</v>
      </c>
      <c r="I4206">
        <f t="shared" si="475"/>
        <v>0</v>
      </c>
      <c r="J4206">
        <f t="shared" si="476"/>
        <v>6.0212507829548239</v>
      </c>
      <c r="K4206">
        <f t="shared" si="477"/>
        <v>0.51885611890245731</v>
      </c>
      <c r="L4206">
        <f t="shared" si="478"/>
        <v>0.25942805945122865</v>
      </c>
      <c r="M4206">
        <f t="shared" si="479"/>
        <v>0</v>
      </c>
      <c r="N4206" s="45">
        <f t="shared" si="480"/>
        <v>45100.833333323215</v>
      </c>
    </row>
    <row r="4207" spans="2:14" x14ac:dyDescent="0.25">
      <c r="B4207">
        <f t="shared" si="474"/>
        <v>5</v>
      </c>
      <c r="C4207" s="16">
        <v>4173</v>
      </c>
      <c r="D4207" cm="1">
        <f t="array" ref="D4207">IFERROR(INDEX(Jesper!AH$2:AH$366,ROUNDDOWN($C4207/24,0)+1,1)*INDEX($D$3:$AA$30,INDEX(Jesper!$R$2:$R$366,ROW(INDEX(Jesper!AH$2:AH$366,ROUNDDOWN($C4207/24,0)+1,1))-1)+IF('Standard Profiles'!$G$18=$B$10,7,0)+IF('Standard Profiles'!$G$18=$B$17,14,0)+IF('Standard Profiles'!$G$18=$B$24,21,0),MOD($C4207,24)+1)/SUM(INDEX($D$3:$AA$30,INDEX(Jesper!$R$2:$R$366,ROW(INDEX(Jesper!AH$2:AH$366,ROUNDDOWN($C4207/24,0)+1,1))-1)+IF('Standard Profiles'!$G$18=$B$10,7,0)+IF('Standard Profiles'!$G$18=$B$17,14,0)+IF('Standard Profiles'!$G$18=$B$24,21,0),0)),0)</f>
        <v>4.8642761147105364</v>
      </c>
      <c r="E4207" cm="1">
        <f t="array" ref="E4207">IFERROR(INDEX(Jesper!AI$2:AI$366,ROUNDDOWN($C4207/24,0)+1,1)*INDEX($D$3:$AA$30,INDEX(Jesper!$R$2:$R$366,ROW(INDEX(Jesper!AI$2:AI$366,ROUNDDOWN($C4207/24,0)+1,1))-1)+IF('Standard Profiles'!$G$19=$B$10,7,0)+IF('Standard Profiles'!$G$19=$B$17,14,0)+IF('Standard Profiles'!$G$19=$B$24,21,0),MOD($C4207,24)+1)/SUM(INDEX($D$3:$AA$30,INDEX(Jesper!$R$2:$R$366,ROW(INDEX(Jesper!AI$2:AI$366,ROUNDDOWN($C4207/24,0)+1,1))-1)+IF('Standard Profiles'!$G$19=$B$10,7,0)+IF('Standard Profiles'!$G$19=$B$17,14,0)+IF('Standard Profiles'!$G$19=$B$24,21,0),0)),0)</f>
        <v>1.935258846597973</v>
      </c>
      <c r="F4207" cm="1">
        <f t="array" ref="F4207">IFERROR(INDEX(Jesper!AJ$2:AJ$366,ROUNDDOWN($C4207/24,0)+1,1)*INDEX($D$3:$AA$30,INDEX(Jesper!$R$2:$R$366,ROW(INDEX(Jesper!AJ$2:AJ$366,ROUNDDOWN($C4207/24,0)+1,1))-1)+IF('Standard Profiles'!$G$20=$B$10,7,0)+IF('Standard Profiles'!$G$20=$B$17,14,0)+IF('Standard Profiles'!$G$20=$B$24,21,0),MOD($C4207,24)+1)/SUM(INDEX($D$3:$AA$30,INDEX(Jesper!$R$2:$R$366,ROW(INDEX(Jesper!AJ$2:AJ$366,ROUNDDOWN($C4207/24,0)+1,1))-1)+IF('Standard Profiles'!$G$20=$B$10,7,0)+IF('Standard Profiles'!$G$20=$B$17,14,0)+IF('Standard Profiles'!$G$20=$B$24,21,0),0)),0)</f>
        <v>0</v>
      </c>
      <c r="G4207" cm="1">
        <f t="array" ref="G4207">IFERROR(INDEX(Jesper!AK$2:AK$366,ROUNDDOWN($C4207/24,0)+1,1)*INDEX($D$3:$AA$30,INDEX(Jesper!$R$2:$R$366,ROW(INDEX(Jesper!AK$2:AK$366,ROUNDDOWN($C4207/24,0)+1,1))-1)+IF('Standard Profiles'!$G$21=$B$10,7,0)+IF('Standard Profiles'!$G$21=$B$17,14,0)+IF('Standard Profiles'!$G$21=$B$24,21,0),MOD($C4207,24)+1)/SUM(INDEX($D$3:$AA$30,INDEX(Jesper!$R$2:$R$366,ROW(INDEX(Jesper!AK$2:AK$366,ROUNDDOWN($C4207/24,0)+1,1))-1)+IF('Standard Profiles'!$G$21=$B$10,7,0)+IF('Standard Profiles'!$G$21=$B$17,14,0)+IF('Standard Profiles'!$G$21=$B$24,21,0),0)),0)</f>
        <v>0</v>
      </c>
      <c r="H4207" cm="1">
        <f t="array" ref="H4207">IFERROR(INDEX(Jesper!AL$2:AL$366,ROUNDDOWN($C4207/24,0)+1,1)*INDEX($D$3:$AA$30,INDEX(Jesper!$R$2:$R$366,ROW(INDEX(Jesper!AL$2:AL$366,ROUNDDOWN($C4207/24,0)+1,1))-1)+IF('Standard Profiles'!$G$22=$B$10,7,0)+IF('Standard Profiles'!$G$22=$B$17,14,0)+IF('Standard Profiles'!$G$22=$B$24,21,0),MOD($C4207,24)+1)/SUM(INDEX($D$3:$AA$30,INDEX(Jesper!$R$2:$R$366,ROW(INDEX(Jesper!AL$2:AL$366,ROUNDDOWN($C4207/24,0)+1,1))-1)+IF('Standard Profiles'!$G$22=$B$10,7,0)+IF('Standard Profiles'!$G$22=$B$17,14,0)+IF('Standard Profiles'!$G$22=$B$24,21,0),0)),0)</f>
        <v>0</v>
      </c>
      <c r="I4207">
        <f t="shared" si="475"/>
        <v>0</v>
      </c>
      <c r="J4207">
        <f t="shared" si="476"/>
        <v>6.0212507829548239</v>
      </c>
      <c r="K4207">
        <f t="shared" si="477"/>
        <v>0.51885611890245731</v>
      </c>
      <c r="L4207">
        <f t="shared" si="478"/>
        <v>0.25942805945122865</v>
      </c>
      <c r="M4207">
        <f t="shared" si="479"/>
        <v>0</v>
      </c>
      <c r="N4207" s="45">
        <f t="shared" si="480"/>
        <v>45100.874999989879</v>
      </c>
    </row>
    <row r="4208" spans="2:14" x14ac:dyDescent="0.25">
      <c r="B4208">
        <f t="shared" si="474"/>
        <v>5</v>
      </c>
      <c r="C4208" s="16">
        <v>4174</v>
      </c>
      <c r="D4208" cm="1">
        <f t="array" ref="D4208">IFERROR(INDEX(Jesper!AH$2:AH$366,ROUNDDOWN($C4208/24,0)+1,1)*INDEX($D$3:$AA$30,INDEX(Jesper!$R$2:$R$366,ROW(INDEX(Jesper!AH$2:AH$366,ROUNDDOWN($C4208/24,0)+1,1))-1)+IF('Standard Profiles'!$G$18=$B$10,7,0)+IF('Standard Profiles'!$G$18=$B$17,14,0)+IF('Standard Profiles'!$G$18=$B$24,21,0),MOD($C4208,24)+1)/SUM(INDEX($D$3:$AA$30,INDEX(Jesper!$R$2:$R$366,ROW(INDEX(Jesper!AH$2:AH$366,ROUNDDOWN($C4208/24,0)+1,1))-1)+IF('Standard Profiles'!$G$18=$B$10,7,0)+IF('Standard Profiles'!$G$18=$B$17,14,0)+IF('Standard Profiles'!$G$18=$B$24,21,0),0)),0)</f>
        <v>4.8642761147105364</v>
      </c>
      <c r="E4208" cm="1">
        <f t="array" ref="E4208">IFERROR(INDEX(Jesper!AI$2:AI$366,ROUNDDOWN($C4208/24,0)+1,1)*INDEX($D$3:$AA$30,INDEX(Jesper!$R$2:$R$366,ROW(INDEX(Jesper!AI$2:AI$366,ROUNDDOWN($C4208/24,0)+1,1))-1)+IF('Standard Profiles'!$G$19=$B$10,7,0)+IF('Standard Profiles'!$G$19=$B$17,14,0)+IF('Standard Profiles'!$G$19=$B$24,21,0),MOD($C4208,24)+1)/SUM(INDEX($D$3:$AA$30,INDEX(Jesper!$R$2:$R$366,ROW(INDEX(Jesper!AI$2:AI$366,ROUNDDOWN($C4208/24,0)+1,1))-1)+IF('Standard Profiles'!$G$19=$B$10,7,0)+IF('Standard Profiles'!$G$19=$B$17,14,0)+IF('Standard Profiles'!$G$19=$B$24,21,0),0)),0)</f>
        <v>1.935258846597973</v>
      </c>
      <c r="F4208" cm="1">
        <f t="array" ref="F4208">IFERROR(INDEX(Jesper!AJ$2:AJ$366,ROUNDDOWN($C4208/24,0)+1,1)*INDEX($D$3:$AA$30,INDEX(Jesper!$R$2:$R$366,ROW(INDEX(Jesper!AJ$2:AJ$366,ROUNDDOWN($C4208/24,0)+1,1))-1)+IF('Standard Profiles'!$G$20=$B$10,7,0)+IF('Standard Profiles'!$G$20=$B$17,14,0)+IF('Standard Profiles'!$G$20=$B$24,21,0),MOD($C4208,24)+1)/SUM(INDEX($D$3:$AA$30,INDEX(Jesper!$R$2:$R$366,ROW(INDEX(Jesper!AJ$2:AJ$366,ROUNDDOWN($C4208/24,0)+1,1))-1)+IF('Standard Profiles'!$G$20=$B$10,7,0)+IF('Standard Profiles'!$G$20=$B$17,14,0)+IF('Standard Profiles'!$G$20=$B$24,21,0),0)),0)</f>
        <v>0</v>
      </c>
      <c r="G4208" cm="1">
        <f t="array" ref="G4208">IFERROR(INDEX(Jesper!AK$2:AK$366,ROUNDDOWN($C4208/24,0)+1,1)*INDEX($D$3:$AA$30,INDEX(Jesper!$R$2:$R$366,ROW(INDEX(Jesper!AK$2:AK$366,ROUNDDOWN($C4208/24,0)+1,1))-1)+IF('Standard Profiles'!$G$21=$B$10,7,0)+IF('Standard Profiles'!$G$21=$B$17,14,0)+IF('Standard Profiles'!$G$21=$B$24,21,0),MOD($C4208,24)+1)/SUM(INDEX($D$3:$AA$30,INDEX(Jesper!$R$2:$R$366,ROW(INDEX(Jesper!AK$2:AK$366,ROUNDDOWN($C4208/24,0)+1,1))-1)+IF('Standard Profiles'!$G$21=$B$10,7,0)+IF('Standard Profiles'!$G$21=$B$17,14,0)+IF('Standard Profiles'!$G$21=$B$24,21,0),0)),0)</f>
        <v>0</v>
      </c>
      <c r="H4208" cm="1">
        <f t="array" ref="H4208">IFERROR(INDEX(Jesper!AL$2:AL$366,ROUNDDOWN($C4208/24,0)+1,1)*INDEX($D$3:$AA$30,INDEX(Jesper!$R$2:$R$366,ROW(INDEX(Jesper!AL$2:AL$366,ROUNDDOWN($C4208/24,0)+1,1))-1)+IF('Standard Profiles'!$G$22=$B$10,7,0)+IF('Standard Profiles'!$G$22=$B$17,14,0)+IF('Standard Profiles'!$G$22=$B$24,21,0),MOD($C4208,24)+1)/SUM(INDEX($D$3:$AA$30,INDEX(Jesper!$R$2:$R$366,ROW(INDEX(Jesper!AL$2:AL$366,ROUNDDOWN($C4208/24,0)+1,1))-1)+IF('Standard Profiles'!$G$22=$B$10,7,0)+IF('Standard Profiles'!$G$22=$B$17,14,0)+IF('Standard Profiles'!$G$22=$B$24,21,0),0)),0)</f>
        <v>0</v>
      </c>
      <c r="I4208">
        <f t="shared" si="475"/>
        <v>0</v>
      </c>
      <c r="J4208">
        <f t="shared" si="476"/>
        <v>6.0212507829548239</v>
      </c>
      <c r="K4208">
        <f t="shared" si="477"/>
        <v>0.51885611890245731</v>
      </c>
      <c r="L4208">
        <f t="shared" si="478"/>
        <v>0.25942805945122865</v>
      </c>
      <c r="M4208">
        <f t="shared" si="479"/>
        <v>0</v>
      </c>
      <c r="N4208" s="45">
        <f t="shared" si="480"/>
        <v>45100.916666656543</v>
      </c>
    </row>
    <row r="4209" spans="2:14" x14ac:dyDescent="0.25">
      <c r="B4209">
        <f t="shared" si="474"/>
        <v>5</v>
      </c>
      <c r="C4209" s="16">
        <v>4175</v>
      </c>
      <c r="D4209" cm="1">
        <f t="array" ref="D4209">IFERROR(INDEX(Jesper!AH$2:AH$366,ROUNDDOWN($C4209/24,0)+1,1)*INDEX($D$3:$AA$30,INDEX(Jesper!$R$2:$R$366,ROW(INDEX(Jesper!AH$2:AH$366,ROUNDDOWN($C4209/24,0)+1,1))-1)+IF('Standard Profiles'!$G$18=$B$10,7,0)+IF('Standard Profiles'!$G$18=$B$17,14,0)+IF('Standard Profiles'!$G$18=$B$24,21,0),MOD($C4209,24)+1)/SUM(INDEX($D$3:$AA$30,INDEX(Jesper!$R$2:$R$366,ROW(INDEX(Jesper!AH$2:AH$366,ROUNDDOWN($C4209/24,0)+1,1))-1)+IF('Standard Profiles'!$G$18=$B$10,7,0)+IF('Standard Profiles'!$G$18=$B$17,14,0)+IF('Standard Profiles'!$G$18=$B$24,21,0),0)),0)</f>
        <v>4.8642761147105364</v>
      </c>
      <c r="E4209" cm="1">
        <f t="array" ref="E4209">IFERROR(INDEX(Jesper!AI$2:AI$366,ROUNDDOWN($C4209/24,0)+1,1)*INDEX($D$3:$AA$30,INDEX(Jesper!$R$2:$R$366,ROW(INDEX(Jesper!AI$2:AI$366,ROUNDDOWN($C4209/24,0)+1,1))-1)+IF('Standard Profiles'!$G$19=$B$10,7,0)+IF('Standard Profiles'!$G$19=$B$17,14,0)+IF('Standard Profiles'!$G$19=$B$24,21,0),MOD($C4209,24)+1)/SUM(INDEX($D$3:$AA$30,INDEX(Jesper!$R$2:$R$366,ROW(INDEX(Jesper!AI$2:AI$366,ROUNDDOWN($C4209/24,0)+1,1))-1)+IF('Standard Profiles'!$G$19=$B$10,7,0)+IF('Standard Profiles'!$G$19=$B$17,14,0)+IF('Standard Profiles'!$G$19=$B$24,21,0),0)),0)</f>
        <v>1.935258846597973</v>
      </c>
      <c r="F4209" cm="1">
        <f t="array" ref="F4209">IFERROR(INDEX(Jesper!AJ$2:AJ$366,ROUNDDOWN($C4209/24,0)+1,1)*INDEX($D$3:$AA$30,INDEX(Jesper!$R$2:$R$366,ROW(INDEX(Jesper!AJ$2:AJ$366,ROUNDDOWN($C4209/24,0)+1,1))-1)+IF('Standard Profiles'!$G$20=$B$10,7,0)+IF('Standard Profiles'!$G$20=$B$17,14,0)+IF('Standard Profiles'!$G$20=$B$24,21,0),MOD($C4209,24)+1)/SUM(INDEX($D$3:$AA$30,INDEX(Jesper!$R$2:$R$366,ROW(INDEX(Jesper!AJ$2:AJ$366,ROUNDDOWN($C4209/24,0)+1,1))-1)+IF('Standard Profiles'!$G$20=$B$10,7,0)+IF('Standard Profiles'!$G$20=$B$17,14,0)+IF('Standard Profiles'!$G$20=$B$24,21,0),0)),0)</f>
        <v>0</v>
      </c>
      <c r="G4209" cm="1">
        <f t="array" ref="G4209">IFERROR(INDEX(Jesper!AK$2:AK$366,ROUNDDOWN($C4209/24,0)+1,1)*INDEX($D$3:$AA$30,INDEX(Jesper!$R$2:$R$366,ROW(INDEX(Jesper!AK$2:AK$366,ROUNDDOWN($C4209/24,0)+1,1))-1)+IF('Standard Profiles'!$G$21=$B$10,7,0)+IF('Standard Profiles'!$G$21=$B$17,14,0)+IF('Standard Profiles'!$G$21=$B$24,21,0),MOD($C4209,24)+1)/SUM(INDEX($D$3:$AA$30,INDEX(Jesper!$R$2:$R$366,ROW(INDEX(Jesper!AK$2:AK$366,ROUNDDOWN($C4209/24,0)+1,1))-1)+IF('Standard Profiles'!$G$21=$B$10,7,0)+IF('Standard Profiles'!$G$21=$B$17,14,0)+IF('Standard Profiles'!$G$21=$B$24,21,0),0)),0)</f>
        <v>0</v>
      </c>
      <c r="H4209" cm="1">
        <f t="array" ref="H4209">IFERROR(INDEX(Jesper!AL$2:AL$366,ROUNDDOWN($C4209/24,0)+1,1)*INDEX($D$3:$AA$30,INDEX(Jesper!$R$2:$R$366,ROW(INDEX(Jesper!AL$2:AL$366,ROUNDDOWN($C4209/24,0)+1,1))-1)+IF('Standard Profiles'!$G$22=$B$10,7,0)+IF('Standard Profiles'!$G$22=$B$17,14,0)+IF('Standard Profiles'!$G$22=$B$24,21,0),MOD($C4209,24)+1)/SUM(INDEX($D$3:$AA$30,INDEX(Jesper!$R$2:$R$366,ROW(INDEX(Jesper!AL$2:AL$366,ROUNDDOWN($C4209/24,0)+1,1))-1)+IF('Standard Profiles'!$G$22=$B$10,7,0)+IF('Standard Profiles'!$G$22=$B$17,14,0)+IF('Standard Profiles'!$G$22=$B$24,21,0),0)),0)</f>
        <v>0</v>
      </c>
      <c r="I4209">
        <f t="shared" si="475"/>
        <v>0</v>
      </c>
      <c r="J4209">
        <f t="shared" si="476"/>
        <v>6.0212507829548239</v>
      </c>
      <c r="K4209">
        <f t="shared" si="477"/>
        <v>0.51885611890245731</v>
      </c>
      <c r="L4209">
        <f t="shared" si="478"/>
        <v>0.25942805945122865</v>
      </c>
      <c r="M4209">
        <f t="shared" si="479"/>
        <v>0</v>
      </c>
      <c r="N4209" s="45">
        <f t="shared" si="480"/>
        <v>45100.958333323208</v>
      </c>
    </row>
    <row r="4210" spans="2:14" x14ac:dyDescent="0.25">
      <c r="B4210">
        <f t="shared" si="474"/>
        <v>6</v>
      </c>
      <c r="C4210" s="16">
        <v>4176</v>
      </c>
      <c r="D4210" cm="1">
        <f t="array" ref="D4210">IFERROR(INDEX(Jesper!AH$2:AH$366,ROUNDDOWN($C4210/24,0)+1,1)*INDEX($D$3:$AA$30,INDEX(Jesper!$R$2:$R$366,ROW(INDEX(Jesper!AH$2:AH$366,ROUNDDOWN($C4210/24,0)+1,1))-1)+IF('Standard Profiles'!$G$18=$B$10,7,0)+IF('Standard Profiles'!$G$18=$B$17,14,0)+IF('Standard Profiles'!$G$18=$B$24,21,0),MOD($C4210,24)+1)/SUM(INDEX($D$3:$AA$30,INDEX(Jesper!$R$2:$R$366,ROW(INDEX(Jesper!AH$2:AH$366,ROUNDDOWN($C4210/24,0)+1,1))-1)+IF('Standard Profiles'!$G$18=$B$10,7,0)+IF('Standard Profiles'!$G$18=$B$17,14,0)+IF('Standard Profiles'!$G$18=$B$24,21,0),0)),0)</f>
        <v>0</v>
      </c>
      <c r="E4210" cm="1">
        <f t="array" ref="E4210">IFERROR(INDEX(Jesper!AI$2:AI$366,ROUNDDOWN($C4210/24,0)+1,1)*INDEX($D$3:$AA$30,INDEX(Jesper!$R$2:$R$366,ROW(INDEX(Jesper!AI$2:AI$366,ROUNDDOWN($C4210/24,0)+1,1))-1)+IF('Standard Profiles'!$G$19=$B$10,7,0)+IF('Standard Profiles'!$G$19=$B$17,14,0)+IF('Standard Profiles'!$G$19=$B$24,21,0),MOD($C4210,24)+1)/SUM(INDEX($D$3:$AA$30,INDEX(Jesper!$R$2:$R$366,ROW(INDEX(Jesper!AI$2:AI$366,ROUNDDOWN($C4210/24,0)+1,1))-1)+IF('Standard Profiles'!$G$19=$B$10,7,0)+IF('Standard Profiles'!$G$19=$B$17,14,0)+IF('Standard Profiles'!$G$19=$B$24,21,0),0)),0)</f>
        <v>3.0491278511366136</v>
      </c>
      <c r="F4210" cm="1">
        <f t="array" ref="F4210">IFERROR(INDEX(Jesper!AJ$2:AJ$366,ROUNDDOWN($C4210/24,0)+1,1)*INDEX($D$3:$AA$30,INDEX(Jesper!$R$2:$R$366,ROW(INDEX(Jesper!AJ$2:AJ$366,ROUNDDOWN($C4210/24,0)+1,1))-1)+IF('Standard Profiles'!$G$20=$B$10,7,0)+IF('Standard Profiles'!$G$20=$B$17,14,0)+IF('Standard Profiles'!$G$20=$B$24,21,0),MOD($C4210,24)+1)/SUM(INDEX($D$3:$AA$30,INDEX(Jesper!$R$2:$R$366,ROW(INDEX(Jesper!AJ$2:AJ$366,ROUNDDOWN($C4210/24,0)+1,1))-1)+IF('Standard Profiles'!$G$20=$B$10,7,0)+IF('Standard Profiles'!$G$20=$B$17,14,0)+IF('Standard Profiles'!$G$20=$B$24,21,0),0)),0)</f>
        <v>1.4770252185290951</v>
      </c>
      <c r="G4210" cm="1">
        <f t="array" ref="G4210">IFERROR(INDEX(Jesper!AK$2:AK$366,ROUNDDOWN($C4210/24,0)+1,1)*INDEX($D$3:$AA$30,INDEX(Jesper!$R$2:$R$366,ROW(INDEX(Jesper!AK$2:AK$366,ROUNDDOWN($C4210/24,0)+1,1))-1)+IF('Standard Profiles'!$G$21=$B$10,7,0)+IF('Standard Profiles'!$G$21=$B$17,14,0)+IF('Standard Profiles'!$G$21=$B$24,21,0),MOD($C4210,24)+1)/SUM(INDEX($D$3:$AA$30,INDEX(Jesper!$R$2:$R$366,ROW(INDEX(Jesper!AK$2:AK$366,ROUNDDOWN($C4210/24,0)+1,1))-1)+IF('Standard Profiles'!$G$21=$B$10,7,0)+IF('Standard Profiles'!$G$21=$B$17,14,0)+IF('Standard Profiles'!$G$21=$B$24,21,0),0)),0)</f>
        <v>0.86330755008633064</v>
      </c>
      <c r="H4210" cm="1">
        <f t="array" ref="H4210">IFERROR(INDEX(Jesper!AL$2:AL$366,ROUNDDOWN($C4210/24,0)+1,1)*INDEX($D$3:$AA$30,INDEX(Jesper!$R$2:$R$366,ROW(INDEX(Jesper!AL$2:AL$366,ROUNDDOWN($C4210/24,0)+1,1))-1)+IF('Standard Profiles'!$G$22=$B$10,7,0)+IF('Standard Profiles'!$G$22=$B$17,14,0)+IF('Standard Profiles'!$G$22=$B$24,21,0),MOD($C4210,24)+1)/SUM(INDEX($D$3:$AA$30,INDEX(Jesper!$R$2:$R$366,ROW(INDEX(Jesper!AL$2:AL$366,ROUNDDOWN($C4210/24,0)+1,1))-1)+IF('Standard Profiles'!$G$22=$B$10,7,0)+IF('Standard Profiles'!$G$22=$B$17,14,0)+IF('Standard Profiles'!$G$22=$B$24,21,0),0)),0)</f>
        <v>0.18080904179797741</v>
      </c>
      <c r="I4210">
        <f t="shared" si="475"/>
        <v>0.1735766801260584</v>
      </c>
      <c r="J4210">
        <f t="shared" si="476"/>
        <v>5.0307976392875648</v>
      </c>
      <c r="K4210">
        <f t="shared" si="477"/>
        <v>0.2439302280909291</v>
      </c>
      <c r="L4210">
        <f t="shared" si="478"/>
        <v>0.12196511404546455</v>
      </c>
      <c r="M4210">
        <f t="shared" si="479"/>
        <v>0</v>
      </c>
      <c r="N4210" s="45">
        <f t="shared" si="480"/>
        <v>45100.999999989872</v>
      </c>
    </row>
    <row r="4211" spans="2:14" x14ac:dyDescent="0.25">
      <c r="B4211">
        <f t="shared" si="474"/>
        <v>6</v>
      </c>
      <c r="C4211" s="16">
        <v>4177</v>
      </c>
      <c r="D4211" cm="1">
        <f t="array" ref="D4211">IFERROR(INDEX(Jesper!AH$2:AH$366,ROUNDDOWN($C4211/24,0)+1,1)*INDEX($D$3:$AA$30,INDEX(Jesper!$R$2:$R$366,ROW(INDEX(Jesper!AH$2:AH$366,ROUNDDOWN($C4211/24,0)+1,1))-1)+IF('Standard Profiles'!$G$18=$B$10,7,0)+IF('Standard Profiles'!$G$18=$B$17,14,0)+IF('Standard Profiles'!$G$18=$B$24,21,0),MOD($C4211,24)+1)/SUM(INDEX($D$3:$AA$30,INDEX(Jesper!$R$2:$R$366,ROW(INDEX(Jesper!AH$2:AH$366,ROUNDDOWN($C4211/24,0)+1,1))-1)+IF('Standard Profiles'!$G$18=$B$10,7,0)+IF('Standard Profiles'!$G$18=$B$17,14,0)+IF('Standard Profiles'!$G$18=$B$24,21,0),0)),0)</f>
        <v>0</v>
      </c>
      <c r="E4211" cm="1">
        <f t="array" ref="E4211">IFERROR(INDEX(Jesper!AI$2:AI$366,ROUNDDOWN($C4211/24,0)+1,1)*INDEX($D$3:$AA$30,INDEX(Jesper!$R$2:$R$366,ROW(INDEX(Jesper!AI$2:AI$366,ROUNDDOWN($C4211/24,0)+1,1))-1)+IF('Standard Profiles'!$G$19=$B$10,7,0)+IF('Standard Profiles'!$G$19=$B$17,14,0)+IF('Standard Profiles'!$G$19=$B$24,21,0),MOD($C4211,24)+1)/SUM(INDEX($D$3:$AA$30,INDEX(Jesper!$R$2:$R$366,ROW(INDEX(Jesper!AI$2:AI$366,ROUNDDOWN($C4211/24,0)+1,1))-1)+IF('Standard Profiles'!$G$19=$B$10,7,0)+IF('Standard Profiles'!$G$19=$B$17,14,0)+IF('Standard Profiles'!$G$19=$B$24,21,0),0)),0)</f>
        <v>2.7442150660229525</v>
      </c>
      <c r="F4211" cm="1">
        <f t="array" ref="F4211">IFERROR(INDEX(Jesper!AJ$2:AJ$366,ROUNDDOWN($C4211/24,0)+1,1)*INDEX($D$3:$AA$30,INDEX(Jesper!$R$2:$R$366,ROW(INDEX(Jesper!AJ$2:AJ$366,ROUNDDOWN($C4211/24,0)+1,1))-1)+IF('Standard Profiles'!$G$20=$B$10,7,0)+IF('Standard Profiles'!$G$20=$B$17,14,0)+IF('Standard Profiles'!$G$20=$B$24,21,0),MOD($C4211,24)+1)/SUM(INDEX($D$3:$AA$30,INDEX(Jesper!$R$2:$R$366,ROW(INDEX(Jesper!AJ$2:AJ$366,ROUNDDOWN($C4211/24,0)+1,1))-1)+IF('Standard Profiles'!$G$20=$B$10,7,0)+IF('Standard Profiles'!$G$20=$B$17,14,0)+IF('Standard Profiles'!$G$20=$B$24,21,0),0)),0)</f>
        <v>1.3293226966761855</v>
      </c>
      <c r="G4211" cm="1">
        <f t="array" ref="G4211">IFERROR(INDEX(Jesper!AK$2:AK$366,ROUNDDOWN($C4211/24,0)+1,1)*INDEX($D$3:$AA$30,INDEX(Jesper!$R$2:$R$366,ROW(INDEX(Jesper!AK$2:AK$366,ROUNDDOWN($C4211/24,0)+1,1))-1)+IF('Standard Profiles'!$G$21=$B$10,7,0)+IF('Standard Profiles'!$G$21=$B$17,14,0)+IF('Standard Profiles'!$G$21=$B$24,21,0),MOD($C4211,24)+1)/SUM(INDEX($D$3:$AA$30,INDEX(Jesper!$R$2:$R$366,ROW(INDEX(Jesper!AK$2:AK$366,ROUNDDOWN($C4211/24,0)+1,1))-1)+IF('Standard Profiles'!$G$21=$B$10,7,0)+IF('Standard Profiles'!$G$21=$B$17,14,0)+IF('Standard Profiles'!$G$21=$B$24,21,0),0)),0)</f>
        <v>0.86330755008633064</v>
      </c>
      <c r="H4211" cm="1">
        <f t="array" ref="H4211">IFERROR(INDEX(Jesper!AL$2:AL$366,ROUNDDOWN($C4211/24,0)+1,1)*INDEX($D$3:$AA$30,INDEX(Jesper!$R$2:$R$366,ROW(INDEX(Jesper!AL$2:AL$366,ROUNDDOWN($C4211/24,0)+1,1))-1)+IF('Standard Profiles'!$G$22=$B$10,7,0)+IF('Standard Profiles'!$G$22=$B$17,14,0)+IF('Standard Profiles'!$G$22=$B$24,21,0),MOD($C4211,24)+1)/SUM(INDEX($D$3:$AA$30,INDEX(Jesper!$R$2:$R$366,ROW(INDEX(Jesper!AL$2:AL$366,ROUNDDOWN($C4211/24,0)+1,1))-1)+IF('Standard Profiles'!$G$22=$B$10,7,0)+IF('Standard Profiles'!$G$22=$B$17,14,0)+IF('Standard Profiles'!$G$22=$B$24,21,0),0)),0)</f>
        <v>0.3530081292246226</v>
      </c>
      <c r="I4211">
        <f t="shared" si="475"/>
        <v>0.3388878040556379</v>
      </c>
      <c r="J4211">
        <f t="shared" si="476"/>
        <v>4.6216598300316987</v>
      </c>
      <c r="K4211">
        <f t="shared" si="477"/>
        <v>0.21953720528183621</v>
      </c>
      <c r="L4211">
        <f t="shared" si="478"/>
        <v>0.1097686026409181</v>
      </c>
      <c r="M4211">
        <f t="shared" si="479"/>
        <v>0</v>
      </c>
      <c r="N4211" s="45">
        <f t="shared" si="480"/>
        <v>45101.041666656536</v>
      </c>
    </row>
    <row r="4212" spans="2:14" x14ac:dyDescent="0.25">
      <c r="B4212">
        <f t="shared" si="474"/>
        <v>6</v>
      </c>
      <c r="C4212" s="16">
        <v>4178</v>
      </c>
      <c r="D4212" cm="1">
        <f t="array" ref="D4212">IFERROR(INDEX(Jesper!AH$2:AH$366,ROUNDDOWN($C4212/24,0)+1,1)*INDEX($D$3:$AA$30,INDEX(Jesper!$R$2:$R$366,ROW(INDEX(Jesper!AH$2:AH$366,ROUNDDOWN($C4212/24,0)+1,1))-1)+IF('Standard Profiles'!$G$18=$B$10,7,0)+IF('Standard Profiles'!$G$18=$B$17,14,0)+IF('Standard Profiles'!$G$18=$B$24,21,0),MOD($C4212,24)+1)/SUM(INDEX($D$3:$AA$30,INDEX(Jesper!$R$2:$R$366,ROW(INDEX(Jesper!AH$2:AH$366,ROUNDDOWN($C4212/24,0)+1,1))-1)+IF('Standard Profiles'!$G$18=$B$10,7,0)+IF('Standard Profiles'!$G$18=$B$17,14,0)+IF('Standard Profiles'!$G$18=$B$24,21,0),0)),0)</f>
        <v>0</v>
      </c>
      <c r="E4212" cm="1">
        <f t="array" ref="E4212">IFERROR(INDEX(Jesper!AI$2:AI$366,ROUNDDOWN($C4212/24,0)+1,1)*INDEX($D$3:$AA$30,INDEX(Jesper!$R$2:$R$366,ROW(INDEX(Jesper!AI$2:AI$366,ROUNDDOWN($C4212/24,0)+1,1))-1)+IF('Standard Profiles'!$G$19=$B$10,7,0)+IF('Standard Profiles'!$G$19=$B$17,14,0)+IF('Standard Profiles'!$G$19=$B$24,21,0),MOD($C4212,24)+1)/SUM(INDEX($D$3:$AA$30,INDEX(Jesper!$R$2:$R$366,ROW(INDEX(Jesper!AI$2:AI$366,ROUNDDOWN($C4212/24,0)+1,1))-1)+IF('Standard Profiles'!$G$19=$B$10,7,0)+IF('Standard Profiles'!$G$19=$B$17,14,0)+IF('Standard Profiles'!$G$19=$B$24,21,0),0)),0)</f>
        <v>2.7442150660229525</v>
      </c>
      <c r="F4212" cm="1">
        <f t="array" ref="F4212">IFERROR(INDEX(Jesper!AJ$2:AJ$366,ROUNDDOWN($C4212/24,0)+1,1)*INDEX($D$3:$AA$30,INDEX(Jesper!$R$2:$R$366,ROW(INDEX(Jesper!AJ$2:AJ$366,ROUNDDOWN($C4212/24,0)+1,1))-1)+IF('Standard Profiles'!$G$20=$B$10,7,0)+IF('Standard Profiles'!$G$20=$B$17,14,0)+IF('Standard Profiles'!$G$20=$B$24,21,0),MOD($C4212,24)+1)/SUM(INDEX($D$3:$AA$30,INDEX(Jesper!$R$2:$R$366,ROW(INDEX(Jesper!AJ$2:AJ$366,ROUNDDOWN($C4212/24,0)+1,1))-1)+IF('Standard Profiles'!$G$20=$B$10,7,0)+IF('Standard Profiles'!$G$20=$B$17,14,0)+IF('Standard Profiles'!$G$20=$B$24,21,0),0)),0)</f>
        <v>1.3293226966761855</v>
      </c>
      <c r="G4212" cm="1">
        <f t="array" ref="G4212">IFERROR(INDEX(Jesper!AK$2:AK$366,ROUNDDOWN($C4212/24,0)+1,1)*INDEX($D$3:$AA$30,INDEX(Jesper!$R$2:$R$366,ROW(INDEX(Jesper!AK$2:AK$366,ROUNDDOWN($C4212/24,0)+1,1))-1)+IF('Standard Profiles'!$G$21=$B$10,7,0)+IF('Standard Profiles'!$G$21=$B$17,14,0)+IF('Standard Profiles'!$G$21=$B$24,21,0),MOD($C4212,24)+1)/SUM(INDEX($D$3:$AA$30,INDEX(Jesper!$R$2:$R$366,ROW(INDEX(Jesper!AK$2:AK$366,ROUNDDOWN($C4212/24,0)+1,1))-1)+IF('Standard Profiles'!$G$21=$B$10,7,0)+IF('Standard Profiles'!$G$21=$B$17,14,0)+IF('Standard Profiles'!$G$21=$B$24,21,0),0)),0)</f>
        <v>0.86330755008633064</v>
      </c>
      <c r="H4212" cm="1">
        <f t="array" ref="H4212">IFERROR(INDEX(Jesper!AL$2:AL$366,ROUNDDOWN($C4212/24,0)+1,1)*INDEX($D$3:$AA$30,INDEX(Jesper!$R$2:$R$366,ROW(INDEX(Jesper!AL$2:AL$366,ROUNDDOWN($C4212/24,0)+1,1))-1)+IF('Standard Profiles'!$G$22=$B$10,7,0)+IF('Standard Profiles'!$G$22=$B$17,14,0)+IF('Standard Profiles'!$G$22=$B$24,21,0),MOD($C4212,24)+1)/SUM(INDEX($D$3:$AA$30,INDEX(Jesper!$R$2:$R$366,ROW(INDEX(Jesper!AL$2:AL$366,ROUNDDOWN($C4212/24,0)+1,1))-1)+IF('Standard Profiles'!$G$22=$B$10,7,0)+IF('Standard Profiles'!$G$22=$B$17,14,0)+IF('Standard Profiles'!$G$22=$B$24,21,0),0)),0)</f>
        <v>0.3530081292246226</v>
      </c>
      <c r="I4212">
        <f t="shared" si="475"/>
        <v>0.3388878040556379</v>
      </c>
      <c r="J4212">
        <f t="shared" si="476"/>
        <v>4.6216598300316987</v>
      </c>
      <c r="K4212">
        <f t="shared" si="477"/>
        <v>0.21953720528183621</v>
      </c>
      <c r="L4212">
        <f t="shared" si="478"/>
        <v>0.1097686026409181</v>
      </c>
      <c r="M4212">
        <f t="shared" si="479"/>
        <v>0</v>
      </c>
      <c r="N4212" s="45">
        <f t="shared" si="480"/>
        <v>45101.0833333232</v>
      </c>
    </row>
    <row r="4213" spans="2:14" x14ac:dyDescent="0.25">
      <c r="B4213">
        <f t="shared" si="474"/>
        <v>6</v>
      </c>
      <c r="C4213" s="16">
        <v>4179</v>
      </c>
      <c r="D4213" cm="1">
        <f t="array" ref="D4213">IFERROR(INDEX(Jesper!AH$2:AH$366,ROUNDDOWN($C4213/24,0)+1,1)*INDEX($D$3:$AA$30,INDEX(Jesper!$R$2:$R$366,ROW(INDEX(Jesper!AH$2:AH$366,ROUNDDOWN($C4213/24,0)+1,1))-1)+IF('Standard Profiles'!$G$18=$B$10,7,0)+IF('Standard Profiles'!$G$18=$B$17,14,0)+IF('Standard Profiles'!$G$18=$B$24,21,0),MOD($C4213,24)+1)/SUM(INDEX($D$3:$AA$30,INDEX(Jesper!$R$2:$R$366,ROW(INDEX(Jesper!AH$2:AH$366,ROUNDDOWN($C4213/24,0)+1,1))-1)+IF('Standard Profiles'!$G$18=$B$10,7,0)+IF('Standard Profiles'!$G$18=$B$17,14,0)+IF('Standard Profiles'!$G$18=$B$24,21,0),0)),0)</f>
        <v>0</v>
      </c>
      <c r="E4213" cm="1">
        <f t="array" ref="E4213">IFERROR(INDEX(Jesper!AI$2:AI$366,ROUNDDOWN($C4213/24,0)+1,1)*INDEX($D$3:$AA$30,INDEX(Jesper!$R$2:$R$366,ROW(INDEX(Jesper!AI$2:AI$366,ROUNDDOWN($C4213/24,0)+1,1))-1)+IF('Standard Profiles'!$G$19=$B$10,7,0)+IF('Standard Profiles'!$G$19=$B$17,14,0)+IF('Standard Profiles'!$G$19=$B$24,21,0),MOD($C4213,24)+1)/SUM(INDEX($D$3:$AA$30,INDEX(Jesper!$R$2:$R$366,ROW(INDEX(Jesper!AI$2:AI$366,ROUNDDOWN($C4213/24,0)+1,1))-1)+IF('Standard Profiles'!$G$19=$B$10,7,0)+IF('Standard Profiles'!$G$19=$B$17,14,0)+IF('Standard Profiles'!$G$19=$B$24,21,0),0)),0)</f>
        <v>2.7442150660229525</v>
      </c>
      <c r="F4213" cm="1">
        <f t="array" ref="F4213">IFERROR(INDEX(Jesper!AJ$2:AJ$366,ROUNDDOWN($C4213/24,0)+1,1)*INDEX($D$3:$AA$30,INDEX(Jesper!$R$2:$R$366,ROW(INDEX(Jesper!AJ$2:AJ$366,ROUNDDOWN($C4213/24,0)+1,1))-1)+IF('Standard Profiles'!$G$20=$B$10,7,0)+IF('Standard Profiles'!$G$20=$B$17,14,0)+IF('Standard Profiles'!$G$20=$B$24,21,0),MOD($C4213,24)+1)/SUM(INDEX($D$3:$AA$30,INDEX(Jesper!$R$2:$R$366,ROW(INDEX(Jesper!AJ$2:AJ$366,ROUNDDOWN($C4213/24,0)+1,1))-1)+IF('Standard Profiles'!$G$20=$B$10,7,0)+IF('Standard Profiles'!$G$20=$B$17,14,0)+IF('Standard Profiles'!$G$20=$B$24,21,0),0)),0)</f>
        <v>1.3293226966761855</v>
      </c>
      <c r="G4213" cm="1">
        <f t="array" ref="G4213">IFERROR(INDEX(Jesper!AK$2:AK$366,ROUNDDOWN($C4213/24,0)+1,1)*INDEX($D$3:$AA$30,INDEX(Jesper!$R$2:$R$366,ROW(INDEX(Jesper!AK$2:AK$366,ROUNDDOWN($C4213/24,0)+1,1))-1)+IF('Standard Profiles'!$G$21=$B$10,7,0)+IF('Standard Profiles'!$G$21=$B$17,14,0)+IF('Standard Profiles'!$G$21=$B$24,21,0),MOD($C4213,24)+1)/SUM(INDEX($D$3:$AA$30,INDEX(Jesper!$R$2:$R$366,ROW(INDEX(Jesper!AK$2:AK$366,ROUNDDOWN($C4213/24,0)+1,1))-1)+IF('Standard Profiles'!$G$21=$B$10,7,0)+IF('Standard Profiles'!$G$21=$B$17,14,0)+IF('Standard Profiles'!$G$21=$B$24,21,0),0)),0)</f>
        <v>0.86330755008633064</v>
      </c>
      <c r="H4213" cm="1">
        <f t="array" ref="H4213">IFERROR(INDEX(Jesper!AL$2:AL$366,ROUNDDOWN($C4213/24,0)+1,1)*INDEX($D$3:$AA$30,INDEX(Jesper!$R$2:$R$366,ROW(INDEX(Jesper!AL$2:AL$366,ROUNDDOWN($C4213/24,0)+1,1))-1)+IF('Standard Profiles'!$G$22=$B$10,7,0)+IF('Standard Profiles'!$G$22=$B$17,14,0)+IF('Standard Profiles'!$G$22=$B$24,21,0),MOD($C4213,24)+1)/SUM(INDEX($D$3:$AA$30,INDEX(Jesper!$R$2:$R$366,ROW(INDEX(Jesper!AL$2:AL$366,ROUNDDOWN($C4213/24,0)+1,1))-1)+IF('Standard Profiles'!$G$22=$B$10,7,0)+IF('Standard Profiles'!$G$22=$B$17,14,0)+IF('Standard Profiles'!$G$22=$B$24,21,0),0)),0)</f>
        <v>0.3530081292246226</v>
      </c>
      <c r="I4213">
        <f t="shared" si="475"/>
        <v>0.3388878040556379</v>
      </c>
      <c r="J4213">
        <f t="shared" si="476"/>
        <v>4.6216598300316987</v>
      </c>
      <c r="K4213">
        <f t="shared" si="477"/>
        <v>0.21953720528183621</v>
      </c>
      <c r="L4213">
        <f t="shared" si="478"/>
        <v>0.1097686026409181</v>
      </c>
      <c r="M4213">
        <f t="shared" si="479"/>
        <v>0</v>
      </c>
      <c r="N4213" s="45">
        <f t="shared" si="480"/>
        <v>45101.124999989865</v>
      </c>
    </row>
    <row r="4214" spans="2:14" x14ac:dyDescent="0.25">
      <c r="B4214">
        <f t="shared" si="474"/>
        <v>6</v>
      </c>
      <c r="C4214" s="16">
        <v>4180</v>
      </c>
      <c r="D4214" cm="1">
        <f t="array" ref="D4214">IFERROR(INDEX(Jesper!AH$2:AH$366,ROUNDDOWN($C4214/24,0)+1,1)*INDEX($D$3:$AA$30,INDEX(Jesper!$R$2:$R$366,ROW(INDEX(Jesper!AH$2:AH$366,ROUNDDOWN($C4214/24,0)+1,1))-1)+IF('Standard Profiles'!$G$18=$B$10,7,0)+IF('Standard Profiles'!$G$18=$B$17,14,0)+IF('Standard Profiles'!$G$18=$B$24,21,0),MOD($C4214,24)+1)/SUM(INDEX($D$3:$AA$30,INDEX(Jesper!$R$2:$R$366,ROW(INDEX(Jesper!AH$2:AH$366,ROUNDDOWN($C4214/24,0)+1,1))-1)+IF('Standard Profiles'!$G$18=$B$10,7,0)+IF('Standard Profiles'!$G$18=$B$17,14,0)+IF('Standard Profiles'!$G$18=$B$24,21,0),0)),0)</f>
        <v>0</v>
      </c>
      <c r="E4214" cm="1">
        <f t="array" ref="E4214">IFERROR(INDEX(Jesper!AI$2:AI$366,ROUNDDOWN($C4214/24,0)+1,1)*INDEX($D$3:$AA$30,INDEX(Jesper!$R$2:$R$366,ROW(INDEX(Jesper!AI$2:AI$366,ROUNDDOWN($C4214/24,0)+1,1))-1)+IF('Standard Profiles'!$G$19=$B$10,7,0)+IF('Standard Profiles'!$G$19=$B$17,14,0)+IF('Standard Profiles'!$G$19=$B$24,21,0),MOD($C4214,24)+1)/SUM(INDEX($D$3:$AA$30,INDEX(Jesper!$R$2:$R$366,ROW(INDEX(Jesper!AI$2:AI$366,ROUNDDOWN($C4214/24,0)+1,1))-1)+IF('Standard Profiles'!$G$19=$B$10,7,0)+IF('Standard Profiles'!$G$19=$B$17,14,0)+IF('Standard Profiles'!$G$19=$B$24,21,0),0)),0)</f>
        <v>2.7442150660229525</v>
      </c>
      <c r="F4214" cm="1">
        <f t="array" ref="F4214">IFERROR(INDEX(Jesper!AJ$2:AJ$366,ROUNDDOWN($C4214/24,0)+1,1)*INDEX($D$3:$AA$30,INDEX(Jesper!$R$2:$R$366,ROW(INDEX(Jesper!AJ$2:AJ$366,ROUNDDOWN($C4214/24,0)+1,1))-1)+IF('Standard Profiles'!$G$20=$B$10,7,0)+IF('Standard Profiles'!$G$20=$B$17,14,0)+IF('Standard Profiles'!$G$20=$B$24,21,0),MOD($C4214,24)+1)/SUM(INDEX($D$3:$AA$30,INDEX(Jesper!$R$2:$R$366,ROW(INDEX(Jesper!AJ$2:AJ$366,ROUNDDOWN($C4214/24,0)+1,1))-1)+IF('Standard Profiles'!$G$20=$B$10,7,0)+IF('Standard Profiles'!$G$20=$B$17,14,0)+IF('Standard Profiles'!$G$20=$B$24,21,0),0)),0)</f>
        <v>1.3293226966761855</v>
      </c>
      <c r="G4214" cm="1">
        <f t="array" ref="G4214">IFERROR(INDEX(Jesper!AK$2:AK$366,ROUNDDOWN($C4214/24,0)+1,1)*INDEX($D$3:$AA$30,INDEX(Jesper!$R$2:$R$366,ROW(INDEX(Jesper!AK$2:AK$366,ROUNDDOWN($C4214/24,0)+1,1))-1)+IF('Standard Profiles'!$G$21=$B$10,7,0)+IF('Standard Profiles'!$G$21=$B$17,14,0)+IF('Standard Profiles'!$G$21=$B$24,21,0),MOD($C4214,24)+1)/SUM(INDEX($D$3:$AA$30,INDEX(Jesper!$R$2:$R$366,ROW(INDEX(Jesper!AK$2:AK$366,ROUNDDOWN($C4214/24,0)+1,1))-1)+IF('Standard Profiles'!$G$21=$B$10,7,0)+IF('Standard Profiles'!$G$21=$B$17,14,0)+IF('Standard Profiles'!$G$21=$B$24,21,0),0)),0)</f>
        <v>0.86330755008633064</v>
      </c>
      <c r="H4214" cm="1">
        <f t="array" ref="H4214">IFERROR(INDEX(Jesper!AL$2:AL$366,ROUNDDOWN($C4214/24,0)+1,1)*INDEX($D$3:$AA$30,INDEX(Jesper!$R$2:$R$366,ROW(INDEX(Jesper!AL$2:AL$366,ROUNDDOWN($C4214/24,0)+1,1))-1)+IF('Standard Profiles'!$G$22=$B$10,7,0)+IF('Standard Profiles'!$G$22=$B$17,14,0)+IF('Standard Profiles'!$G$22=$B$24,21,0),MOD($C4214,24)+1)/SUM(INDEX($D$3:$AA$30,INDEX(Jesper!$R$2:$R$366,ROW(INDEX(Jesper!AL$2:AL$366,ROUNDDOWN($C4214/24,0)+1,1))-1)+IF('Standard Profiles'!$G$22=$B$10,7,0)+IF('Standard Profiles'!$G$22=$B$17,14,0)+IF('Standard Profiles'!$G$22=$B$24,21,0),0)),0)</f>
        <v>0.3530081292246226</v>
      </c>
      <c r="I4214">
        <f t="shared" si="475"/>
        <v>0.3388878040556379</v>
      </c>
      <c r="J4214">
        <f t="shared" si="476"/>
        <v>4.6216598300316987</v>
      </c>
      <c r="K4214">
        <f t="shared" si="477"/>
        <v>0.21953720528183621</v>
      </c>
      <c r="L4214">
        <f t="shared" si="478"/>
        <v>0.1097686026409181</v>
      </c>
      <c r="M4214">
        <f t="shared" si="479"/>
        <v>0</v>
      </c>
      <c r="N4214" s="45">
        <f t="shared" si="480"/>
        <v>45101.166666656529</v>
      </c>
    </row>
    <row r="4215" spans="2:14" x14ac:dyDescent="0.25">
      <c r="B4215">
        <f t="shared" si="474"/>
        <v>6</v>
      </c>
      <c r="C4215" s="16">
        <v>4181</v>
      </c>
      <c r="D4215" cm="1">
        <f t="array" ref="D4215">IFERROR(INDEX(Jesper!AH$2:AH$366,ROUNDDOWN($C4215/24,0)+1,1)*INDEX($D$3:$AA$30,INDEX(Jesper!$R$2:$R$366,ROW(INDEX(Jesper!AH$2:AH$366,ROUNDDOWN($C4215/24,0)+1,1))-1)+IF('Standard Profiles'!$G$18=$B$10,7,0)+IF('Standard Profiles'!$G$18=$B$17,14,0)+IF('Standard Profiles'!$G$18=$B$24,21,0),MOD($C4215,24)+1)/SUM(INDEX($D$3:$AA$30,INDEX(Jesper!$R$2:$R$366,ROW(INDEX(Jesper!AH$2:AH$366,ROUNDDOWN($C4215/24,0)+1,1))-1)+IF('Standard Profiles'!$G$18=$B$10,7,0)+IF('Standard Profiles'!$G$18=$B$17,14,0)+IF('Standard Profiles'!$G$18=$B$24,21,0),0)),0)</f>
        <v>0</v>
      </c>
      <c r="E4215" cm="1">
        <f t="array" ref="E4215">IFERROR(INDEX(Jesper!AI$2:AI$366,ROUNDDOWN($C4215/24,0)+1,1)*INDEX($D$3:$AA$30,INDEX(Jesper!$R$2:$R$366,ROW(INDEX(Jesper!AI$2:AI$366,ROUNDDOWN($C4215/24,0)+1,1))-1)+IF('Standard Profiles'!$G$19=$B$10,7,0)+IF('Standard Profiles'!$G$19=$B$17,14,0)+IF('Standard Profiles'!$G$19=$B$24,21,0),MOD($C4215,24)+1)/SUM(INDEX($D$3:$AA$30,INDEX(Jesper!$R$2:$R$366,ROW(INDEX(Jesper!AI$2:AI$366,ROUNDDOWN($C4215/24,0)+1,1))-1)+IF('Standard Profiles'!$G$19=$B$10,7,0)+IF('Standard Profiles'!$G$19=$B$17,14,0)+IF('Standard Profiles'!$G$19=$B$24,21,0),0)),0)</f>
        <v>2.7442150660229525</v>
      </c>
      <c r="F4215" cm="1">
        <f t="array" ref="F4215">IFERROR(INDEX(Jesper!AJ$2:AJ$366,ROUNDDOWN($C4215/24,0)+1,1)*INDEX($D$3:$AA$30,INDEX(Jesper!$R$2:$R$366,ROW(INDEX(Jesper!AJ$2:AJ$366,ROUNDDOWN($C4215/24,0)+1,1))-1)+IF('Standard Profiles'!$G$20=$B$10,7,0)+IF('Standard Profiles'!$G$20=$B$17,14,0)+IF('Standard Profiles'!$G$20=$B$24,21,0),MOD($C4215,24)+1)/SUM(INDEX($D$3:$AA$30,INDEX(Jesper!$R$2:$R$366,ROW(INDEX(Jesper!AJ$2:AJ$366,ROUNDDOWN($C4215/24,0)+1,1))-1)+IF('Standard Profiles'!$G$20=$B$10,7,0)+IF('Standard Profiles'!$G$20=$B$17,14,0)+IF('Standard Profiles'!$G$20=$B$24,21,0),0)),0)</f>
        <v>1.3293226966761855</v>
      </c>
      <c r="G4215" cm="1">
        <f t="array" ref="G4215">IFERROR(INDEX(Jesper!AK$2:AK$366,ROUNDDOWN($C4215/24,0)+1,1)*INDEX($D$3:$AA$30,INDEX(Jesper!$R$2:$R$366,ROW(INDEX(Jesper!AK$2:AK$366,ROUNDDOWN($C4215/24,0)+1,1))-1)+IF('Standard Profiles'!$G$21=$B$10,7,0)+IF('Standard Profiles'!$G$21=$B$17,14,0)+IF('Standard Profiles'!$G$21=$B$24,21,0),MOD($C4215,24)+1)/SUM(INDEX($D$3:$AA$30,INDEX(Jesper!$R$2:$R$366,ROW(INDEX(Jesper!AK$2:AK$366,ROUNDDOWN($C4215/24,0)+1,1))-1)+IF('Standard Profiles'!$G$21=$B$10,7,0)+IF('Standard Profiles'!$G$21=$B$17,14,0)+IF('Standard Profiles'!$G$21=$B$24,21,0),0)),0)</f>
        <v>0.86330755008633064</v>
      </c>
      <c r="H4215" cm="1">
        <f t="array" ref="H4215">IFERROR(INDEX(Jesper!AL$2:AL$366,ROUNDDOWN($C4215/24,0)+1,1)*INDEX($D$3:$AA$30,INDEX(Jesper!$R$2:$R$366,ROW(INDEX(Jesper!AL$2:AL$366,ROUNDDOWN($C4215/24,0)+1,1))-1)+IF('Standard Profiles'!$G$22=$B$10,7,0)+IF('Standard Profiles'!$G$22=$B$17,14,0)+IF('Standard Profiles'!$G$22=$B$24,21,0),MOD($C4215,24)+1)/SUM(INDEX($D$3:$AA$30,INDEX(Jesper!$R$2:$R$366,ROW(INDEX(Jesper!AL$2:AL$366,ROUNDDOWN($C4215/24,0)+1,1))-1)+IF('Standard Profiles'!$G$22=$B$10,7,0)+IF('Standard Profiles'!$G$22=$B$17,14,0)+IF('Standard Profiles'!$G$22=$B$24,21,0),0)),0)</f>
        <v>0.43910767293794523</v>
      </c>
      <c r="I4215">
        <f t="shared" si="475"/>
        <v>0.42154336602042763</v>
      </c>
      <c r="J4215">
        <f t="shared" si="476"/>
        <v>4.6251038117802317</v>
      </c>
      <c r="K4215">
        <f t="shared" si="477"/>
        <v>0.21953720528183621</v>
      </c>
      <c r="L4215">
        <f t="shared" si="478"/>
        <v>0.1097686026409181</v>
      </c>
      <c r="M4215">
        <f t="shared" si="479"/>
        <v>0</v>
      </c>
      <c r="N4215" s="45">
        <f t="shared" si="480"/>
        <v>45101.208333323193</v>
      </c>
    </row>
    <row r="4216" spans="2:14" x14ac:dyDescent="0.25">
      <c r="B4216">
        <f t="shared" si="474"/>
        <v>6</v>
      </c>
      <c r="C4216" s="16">
        <v>4182</v>
      </c>
      <c r="D4216" cm="1">
        <f t="array" ref="D4216">IFERROR(INDEX(Jesper!AH$2:AH$366,ROUNDDOWN($C4216/24,0)+1,1)*INDEX($D$3:$AA$30,INDEX(Jesper!$R$2:$R$366,ROW(INDEX(Jesper!AH$2:AH$366,ROUNDDOWN($C4216/24,0)+1,1))-1)+IF('Standard Profiles'!$G$18=$B$10,7,0)+IF('Standard Profiles'!$G$18=$B$17,14,0)+IF('Standard Profiles'!$G$18=$B$24,21,0),MOD($C4216,24)+1)/SUM(INDEX($D$3:$AA$30,INDEX(Jesper!$R$2:$R$366,ROW(INDEX(Jesper!AH$2:AH$366,ROUNDDOWN($C4216/24,0)+1,1))-1)+IF('Standard Profiles'!$G$18=$B$10,7,0)+IF('Standard Profiles'!$G$18=$B$17,14,0)+IF('Standard Profiles'!$G$18=$B$24,21,0),0)),0)</f>
        <v>0</v>
      </c>
      <c r="E4216" cm="1">
        <f t="array" ref="E4216">IFERROR(INDEX(Jesper!AI$2:AI$366,ROUNDDOWN($C4216/24,0)+1,1)*INDEX($D$3:$AA$30,INDEX(Jesper!$R$2:$R$366,ROW(INDEX(Jesper!AI$2:AI$366,ROUNDDOWN($C4216/24,0)+1,1))-1)+IF('Standard Profiles'!$G$19=$B$10,7,0)+IF('Standard Profiles'!$G$19=$B$17,14,0)+IF('Standard Profiles'!$G$19=$B$24,21,0),MOD($C4216,24)+1)/SUM(INDEX($D$3:$AA$30,INDEX(Jesper!$R$2:$R$366,ROW(INDEX(Jesper!AI$2:AI$366,ROUNDDOWN($C4216/24,0)+1,1))-1)+IF('Standard Profiles'!$G$19=$B$10,7,0)+IF('Standard Profiles'!$G$19=$B$17,14,0)+IF('Standard Profiles'!$G$19=$B$24,21,0),0)),0)</f>
        <v>2.7442150660229525</v>
      </c>
      <c r="F4216" cm="1">
        <f t="array" ref="F4216">IFERROR(INDEX(Jesper!AJ$2:AJ$366,ROUNDDOWN($C4216/24,0)+1,1)*INDEX($D$3:$AA$30,INDEX(Jesper!$R$2:$R$366,ROW(INDEX(Jesper!AJ$2:AJ$366,ROUNDDOWN($C4216/24,0)+1,1))-1)+IF('Standard Profiles'!$G$20=$B$10,7,0)+IF('Standard Profiles'!$G$20=$B$17,14,0)+IF('Standard Profiles'!$G$20=$B$24,21,0),MOD($C4216,24)+1)/SUM(INDEX($D$3:$AA$30,INDEX(Jesper!$R$2:$R$366,ROW(INDEX(Jesper!AJ$2:AJ$366,ROUNDDOWN($C4216/24,0)+1,1))-1)+IF('Standard Profiles'!$G$20=$B$10,7,0)+IF('Standard Profiles'!$G$20=$B$17,14,0)+IF('Standard Profiles'!$G$20=$B$24,21,0),0)),0)</f>
        <v>1.3293226966761855</v>
      </c>
      <c r="G4216" cm="1">
        <f t="array" ref="G4216">IFERROR(INDEX(Jesper!AK$2:AK$366,ROUNDDOWN($C4216/24,0)+1,1)*INDEX($D$3:$AA$30,INDEX(Jesper!$R$2:$R$366,ROW(INDEX(Jesper!AK$2:AK$366,ROUNDDOWN($C4216/24,0)+1,1))-1)+IF('Standard Profiles'!$G$21=$B$10,7,0)+IF('Standard Profiles'!$G$21=$B$17,14,0)+IF('Standard Profiles'!$G$21=$B$24,21,0),MOD($C4216,24)+1)/SUM(INDEX($D$3:$AA$30,INDEX(Jesper!$R$2:$R$366,ROW(INDEX(Jesper!AK$2:AK$366,ROUNDDOWN($C4216/24,0)+1,1))-1)+IF('Standard Profiles'!$G$21=$B$10,7,0)+IF('Standard Profiles'!$G$21=$B$17,14,0)+IF('Standard Profiles'!$G$21=$B$24,21,0),0)),0)</f>
        <v>0.86330755008633064</v>
      </c>
      <c r="H4216" cm="1">
        <f t="array" ref="H4216">IFERROR(INDEX(Jesper!AL$2:AL$366,ROUNDDOWN($C4216/24,0)+1,1)*INDEX($D$3:$AA$30,INDEX(Jesper!$R$2:$R$366,ROW(INDEX(Jesper!AL$2:AL$366,ROUNDDOWN($C4216/24,0)+1,1))-1)+IF('Standard Profiles'!$G$22=$B$10,7,0)+IF('Standard Profiles'!$G$22=$B$17,14,0)+IF('Standard Profiles'!$G$22=$B$24,21,0),MOD($C4216,24)+1)/SUM(INDEX($D$3:$AA$30,INDEX(Jesper!$R$2:$R$366,ROW(INDEX(Jesper!AL$2:AL$366,ROUNDDOWN($C4216/24,0)+1,1))-1)+IF('Standard Profiles'!$G$22=$B$10,7,0)+IF('Standard Profiles'!$G$22=$B$17,14,0)+IF('Standard Profiles'!$G$22=$B$24,21,0),0)),0)</f>
        <v>0.5510370797652645</v>
      </c>
      <c r="I4216">
        <f t="shared" si="475"/>
        <v>0.52899559657465423</v>
      </c>
      <c r="J4216">
        <f t="shared" si="476"/>
        <v>4.6295809880533243</v>
      </c>
      <c r="K4216">
        <f t="shared" si="477"/>
        <v>0.21953720528183621</v>
      </c>
      <c r="L4216">
        <f t="shared" si="478"/>
        <v>0.1097686026409181</v>
      </c>
      <c r="M4216">
        <f t="shared" si="479"/>
        <v>0</v>
      </c>
      <c r="N4216" s="45">
        <f t="shared" si="480"/>
        <v>45101.249999989857</v>
      </c>
    </row>
    <row r="4217" spans="2:14" x14ac:dyDescent="0.25">
      <c r="B4217">
        <f t="shared" si="474"/>
        <v>6</v>
      </c>
      <c r="C4217" s="16">
        <v>4183</v>
      </c>
      <c r="D4217" cm="1">
        <f t="array" ref="D4217">IFERROR(INDEX(Jesper!AH$2:AH$366,ROUNDDOWN($C4217/24,0)+1,1)*INDEX($D$3:$AA$30,INDEX(Jesper!$R$2:$R$366,ROW(INDEX(Jesper!AH$2:AH$366,ROUNDDOWN($C4217/24,0)+1,1))-1)+IF('Standard Profiles'!$G$18=$B$10,7,0)+IF('Standard Profiles'!$G$18=$B$17,14,0)+IF('Standard Profiles'!$G$18=$B$24,21,0),MOD($C4217,24)+1)/SUM(INDEX($D$3:$AA$30,INDEX(Jesper!$R$2:$R$366,ROW(INDEX(Jesper!AH$2:AH$366,ROUNDDOWN($C4217/24,0)+1,1))-1)+IF('Standard Profiles'!$G$18=$B$10,7,0)+IF('Standard Profiles'!$G$18=$B$17,14,0)+IF('Standard Profiles'!$G$18=$B$24,21,0),0)),0)</f>
        <v>0</v>
      </c>
      <c r="E4217" cm="1">
        <f t="array" ref="E4217">IFERROR(INDEX(Jesper!AI$2:AI$366,ROUNDDOWN($C4217/24,0)+1,1)*INDEX($D$3:$AA$30,INDEX(Jesper!$R$2:$R$366,ROW(INDEX(Jesper!AI$2:AI$366,ROUNDDOWN($C4217/24,0)+1,1))-1)+IF('Standard Profiles'!$G$19=$B$10,7,0)+IF('Standard Profiles'!$G$19=$B$17,14,0)+IF('Standard Profiles'!$G$19=$B$24,21,0),MOD($C4217,24)+1)/SUM(INDEX($D$3:$AA$30,INDEX(Jesper!$R$2:$R$366,ROW(INDEX(Jesper!AI$2:AI$366,ROUNDDOWN($C4217/24,0)+1,1))-1)+IF('Standard Profiles'!$G$19=$B$10,7,0)+IF('Standard Profiles'!$G$19=$B$17,14,0)+IF('Standard Profiles'!$G$19=$B$24,21,0),0)),0)</f>
        <v>2.7442150660229525</v>
      </c>
      <c r="F4217" cm="1">
        <f t="array" ref="F4217">IFERROR(INDEX(Jesper!AJ$2:AJ$366,ROUNDDOWN($C4217/24,0)+1,1)*INDEX($D$3:$AA$30,INDEX(Jesper!$R$2:$R$366,ROW(INDEX(Jesper!AJ$2:AJ$366,ROUNDDOWN($C4217/24,0)+1,1))-1)+IF('Standard Profiles'!$G$20=$B$10,7,0)+IF('Standard Profiles'!$G$20=$B$17,14,0)+IF('Standard Profiles'!$G$20=$B$24,21,0),MOD($C4217,24)+1)/SUM(INDEX($D$3:$AA$30,INDEX(Jesper!$R$2:$R$366,ROW(INDEX(Jesper!AJ$2:AJ$366,ROUNDDOWN($C4217/24,0)+1,1))-1)+IF('Standard Profiles'!$G$20=$B$10,7,0)+IF('Standard Profiles'!$G$20=$B$17,14,0)+IF('Standard Profiles'!$G$20=$B$24,21,0),0)),0)</f>
        <v>1.3293226966761855</v>
      </c>
      <c r="G4217" cm="1">
        <f t="array" ref="G4217">IFERROR(INDEX(Jesper!AK$2:AK$366,ROUNDDOWN($C4217/24,0)+1,1)*INDEX($D$3:$AA$30,INDEX(Jesper!$R$2:$R$366,ROW(INDEX(Jesper!AK$2:AK$366,ROUNDDOWN($C4217/24,0)+1,1))-1)+IF('Standard Profiles'!$G$21=$B$10,7,0)+IF('Standard Profiles'!$G$21=$B$17,14,0)+IF('Standard Profiles'!$G$21=$B$24,21,0),MOD($C4217,24)+1)/SUM(INDEX($D$3:$AA$30,INDEX(Jesper!$R$2:$R$366,ROW(INDEX(Jesper!AK$2:AK$366,ROUNDDOWN($C4217/24,0)+1,1))-1)+IF('Standard Profiles'!$G$21=$B$10,7,0)+IF('Standard Profiles'!$G$21=$B$17,14,0)+IF('Standard Profiles'!$G$21=$B$24,21,0),0)),0)</f>
        <v>0.86330755008633064</v>
      </c>
      <c r="H4217" cm="1">
        <f t="array" ref="H4217">IFERROR(INDEX(Jesper!AL$2:AL$366,ROUNDDOWN($C4217/24,0)+1,1)*INDEX($D$3:$AA$30,INDEX(Jesper!$R$2:$R$366,ROW(INDEX(Jesper!AL$2:AL$366,ROUNDDOWN($C4217/24,0)+1,1))-1)+IF('Standard Profiles'!$G$22=$B$10,7,0)+IF('Standard Profiles'!$G$22=$B$17,14,0)+IF('Standard Profiles'!$G$22=$B$24,21,0),MOD($C4217,24)+1)/SUM(INDEX($D$3:$AA$30,INDEX(Jesper!$R$2:$R$366,ROW(INDEX(Jesper!AL$2:AL$366,ROUNDDOWN($C4217/24,0)+1,1))-1)+IF('Standard Profiles'!$G$22=$B$10,7,0)+IF('Standard Profiles'!$G$22=$B$17,14,0)+IF('Standard Profiles'!$G$22=$B$24,21,0),0)),0)</f>
        <v>0.62852666910725485</v>
      </c>
      <c r="I4217">
        <f t="shared" si="475"/>
        <v>0.60338560234296501</v>
      </c>
      <c r="J4217">
        <f t="shared" si="476"/>
        <v>4.6326805716270041</v>
      </c>
      <c r="K4217">
        <f t="shared" si="477"/>
        <v>0.21953720528183621</v>
      </c>
      <c r="L4217">
        <f t="shared" si="478"/>
        <v>0.1097686026409181</v>
      </c>
      <c r="M4217">
        <f t="shared" si="479"/>
        <v>0</v>
      </c>
      <c r="N4217" s="45">
        <f t="shared" si="480"/>
        <v>45101.291666656522</v>
      </c>
    </row>
    <row r="4218" spans="2:14" x14ac:dyDescent="0.25">
      <c r="B4218">
        <f t="shared" si="474"/>
        <v>6</v>
      </c>
      <c r="C4218" s="16">
        <v>4184</v>
      </c>
      <c r="D4218" cm="1">
        <f t="array" ref="D4218">IFERROR(INDEX(Jesper!AH$2:AH$366,ROUNDDOWN($C4218/24,0)+1,1)*INDEX($D$3:$AA$30,INDEX(Jesper!$R$2:$R$366,ROW(INDEX(Jesper!AH$2:AH$366,ROUNDDOWN($C4218/24,0)+1,1))-1)+IF('Standard Profiles'!$G$18=$B$10,7,0)+IF('Standard Profiles'!$G$18=$B$17,14,0)+IF('Standard Profiles'!$G$18=$B$24,21,0),MOD($C4218,24)+1)/SUM(INDEX($D$3:$AA$30,INDEX(Jesper!$R$2:$R$366,ROW(INDEX(Jesper!AH$2:AH$366,ROUNDDOWN($C4218/24,0)+1,1))-1)+IF('Standard Profiles'!$G$18=$B$10,7,0)+IF('Standard Profiles'!$G$18=$B$17,14,0)+IF('Standard Profiles'!$G$18=$B$24,21,0),0)),0)</f>
        <v>0</v>
      </c>
      <c r="E4218" cm="1">
        <f t="array" ref="E4218">IFERROR(INDEX(Jesper!AI$2:AI$366,ROUNDDOWN($C4218/24,0)+1,1)*INDEX($D$3:$AA$30,INDEX(Jesper!$R$2:$R$366,ROW(INDEX(Jesper!AI$2:AI$366,ROUNDDOWN($C4218/24,0)+1,1))-1)+IF('Standard Profiles'!$G$19=$B$10,7,0)+IF('Standard Profiles'!$G$19=$B$17,14,0)+IF('Standard Profiles'!$G$19=$B$24,21,0),MOD($C4218,24)+1)/SUM(INDEX($D$3:$AA$30,INDEX(Jesper!$R$2:$R$366,ROW(INDEX(Jesper!AI$2:AI$366,ROUNDDOWN($C4218/24,0)+1,1))-1)+IF('Standard Profiles'!$G$19=$B$10,7,0)+IF('Standard Profiles'!$G$19=$B$17,14,0)+IF('Standard Profiles'!$G$19=$B$24,21,0),0)),0)</f>
        <v>2.7442150660229525</v>
      </c>
      <c r="F4218" cm="1">
        <f t="array" ref="F4218">IFERROR(INDEX(Jesper!AJ$2:AJ$366,ROUNDDOWN($C4218/24,0)+1,1)*INDEX($D$3:$AA$30,INDEX(Jesper!$R$2:$R$366,ROW(INDEX(Jesper!AJ$2:AJ$366,ROUNDDOWN($C4218/24,0)+1,1))-1)+IF('Standard Profiles'!$G$20=$B$10,7,0)+IF('Standard Profiles'!$G$20=$B$17,14,0)+IF('Standard Profiles'!$G$20=$B$24,21,0),MOD($C4218,24)+1)/SUM(INDEX($D$3:$AA$30,INDEX(Jesper!$R$2:$R$366,ROW(INDEX(Jesper!AJ$2:AJ$366,ROUNDDOWN($C4218/24,0)+1,1))-1)+IF('Standard Profiles'!$G$20=$B$10,7,0)+IF('Standard Profiles'!$G$20=$B$17,14,0)+IF('Standard Profiles'!$G$20=$B$24,21,0),0)),0)</f>
        <v>1.3293226966761855</v>
      </c>
      <c r="G4218" cm="1">
        <f t="array" ref="G4218">IFERROR(INDEX(Jesper!AK$2:AK$366,ROUNDDOWN($C4218/24,0)+1,1)*INDEX($D$3:$AA$30,INDEX(Jesper!$R$2:$R$366,ROW(INDEX(Jesper!AK$2:AK$366,ROUNDDOWN($C4218/24,0)+1,1))-1)+IF('Standard Profiles'!$G$21=$B$10,7,0)+IF('Standard Profiles'!$G$21=$B$17,14,0)+IF('Standard Profiles'!$G$21=$B$24,21,0),MOD($C4218,24)+1)/SUM(INDEX($D$3:$AA$30,INDEX(Jesper!$R$2:$R$366,ROW(INDEX(Jesper!AK$2:AK$366,ROUNDDOWN($C4218/24,0)+1,1))-1)+IF('Standard Profiles'!$G$21=$B$10,7,0)+IF('Standard Profiles'!$G$21=$B$17,14,0)+IF('Standard Profiles'!$G$21=$B$24,21,0),0)),0)</f>
        <v>0.86330755008633064</v>
      </c>
      <c r="H4218" cm="1">
        <f t="array" ref="H4218">IFERROR(INDEX(Jesper!AL$2:AL$366,ROUNDDOWN($C4218/24,0)+1,1)*INDEX($D$3:$AA$30,INDEX(Jesper!$R$2:$R$366,ROW(INDEX(Jesper!AL$2:AL$366,ROUNDDOWN($C4218/24,0)+1,1))-1)+IF('Standard Profiles'!$G$22=$B$10,7,0)+IF('Standard Profiles'!$G$22=$B$17,14,0)+IF('Standard Profiles'!$G$22=$B$24,21,0),MOD($C4218,24)+1)/SUM(INDEX($D$3:$AA$30,INDEX(Jesper!$R$2:$R$366,ROW(INDEX(Jesper!AL$2:AL$366,ROUNDDOWN($C4218/24,0)+1,1))-1)+IF('Standard Profiles'!$G$22=$B$10,7,0)+IF('Standard Profiles'!$G$22=$B$17,14,0)+IF('Standard Profiles'!$G$22=$B$24,21,0),0)),0)</f>
        <v>0.62852666910725485</v>
      </c>
      <c r="I4218">
        <f t="shared" si="475"/>
        <v>0.60338560234296501</v>
      </c>
      <c r="J4218">
        <f t="shared" si="476"/>
        <v>4.6326805716270041</v>
      </c>
      <c r="K4218">
        <f t="shared" si="477"/>
        <v>0.21953720528183621</v>
      </c>
      <c r="L4218">
        <f t="shared" si="478"/>
        <v>0.1097686026409181</v>
      </c>
      <c r="M4218">
        <f t="shared" si="479"/>
        <v>0</v>
      </c>
      <c r="N4218" s="45">
        <f t="shared" si="480"/>
        <v>45101.333333323186</v>
      </c>
    </row>
    <row r="4219" spans="2:14" x14ac:dyDescent="0.25">
      <c r="B4219">
        <f t="shared" si="474"/>
        <v>6</v>
      </c>
      <c r="C4219" s="16">
        <v>4185</v>
      </c>
      <c r="D4219" cm="1">
        <f t="array" ref="D4219">IFERROR(INDEX(Jesper!AH$2:AH$366,ROUNDDOWN($C4219/24,0)+1,1)*INDEX($D$3:$AA$30,INDEX(Jesper!$R$2:$R$366,ROW(INDEX(Jesper!AH$2:AH$366,ROUNDDOWN($C4219/24,0)+1,1))-1)+IF('Standard Profiles'!$G$18=$B$10,7,0)+IF('Standard Profiles'!$G$18=$B$17,14,0)+IF('Standard Profiles'!$G$18=$B$24,21,0),MOD($C4219,24)+1)/SUM(INDEX($D$3:$AA$30,INDEX(Jesper!$R$2:$R$366,ROW(INDEX(Jesper!AH$2:AH$366,ROUNDDOWN($C4219/24,0)+1,1))-1)+IF('Standard Profiles'!$G$18=$B$10,7,0)+IF('Standard Profiles'!$G$18=$B$17,14,0)+IF('Standard Profiles'!$G$18=$B$24,21,0),0)),0)</f>
        <v>0</v>
      </c>
      <c r="E4219" cm="1">
        <f t="array" ref="E4219">IFERROR(INDEX(Jesper!AI$2:AI$366,ROUNDDOWN($C4219/24,0)+1,1)*INDEX($D$3:$AA$30,INDEX(Jesper!$R$2:$R$366,ROW(INDEX(Jesper!AI$2:AI$366,ROUNDDOWN($C4219/24,0)+1,1))-1)+IF('Standard Profiles'!$G$19=$B$10,7,0)+IF('Standard Profiles'!$G$19=$B$17,14,0)+IF('Standard Profiles'!$G$19=$B$24,21,0),MOD($C4219,24)+1)/SUM(INDEX($D$3:$AA$30,INDEX(Jesper!$R$2:$R$366,ROW(INDEX(Jesper!AI$2:AI$366,ROUNDDOWN($C4219/24,0)+1,1))-1)+IF('Standard Profiles'!$G$19=$B$10,7,0)+IF('Standard Profiles'!$G$19=$B$17,14,0)+IF('Standard Profiles'!$G$19=$B$24,21,0),0)),0)</f>
        <v>2.7442150660229525</v>
      </c>
      <c r="F4219" cm="1">
        <f t="array" ref="F4219">IFERROR(INDEX(Jesper!AJ$2:AJ$366,ROUNDDOWN($C4219/24,0)+1,1)*INDEX($D$3:$AA$30,INDEX(Jesper!$R$2:$R$366,ROW(INDEX(Jesper!AJ$2:AJ$366,ROUNDDOWN($C4219/24,0)+1,1))-1)+IF('Standard Profiles'!$G$20=$B$10,7,0)+IF('Standard Profiles'!$G$20=$B$17,14,0)+IF('Standard Profiles'!$G$20=$B$24,21,0),MOD($C4219,24)+1)/SUM(INDEX($D$3:$AA$30,INDEX(Jesper!$R$2:$R$366,ROW(INDEX(Jesper!AJ$2:AJ$366,ROUNDDOWN($C4219/24,0)+1,1))-1)+IF('Standard Profiles'!$G$20=$B$10,7,0)+IF('Standard Profiles'!$G$20=$B$17,14,0)+IF('Standard Profiles'!$G$20=$B$24,21,0),0)),0)</f>
        <v>1.3293226966761855</v>
      </c>
      <c r="G4219" cm="1">
        <f t="array" ref="G4219">IFERROR(INDEX(Jesper!AK$2:AK$366,ROUNDDOWN($C4219/24,0)+1,1)*INDEX($D$3:$AA$30,INDEX(Jesper!$R$2:$R$366,ROW(INDEX(Jesper!AK$2:AK$366,ROUNDDOWN($C4219/24,0)+1,1))-1)+IF('Standard Profiles'!$G$21=$B$10,7,0)+IF('Standard Profiles'!$G$21=$B$17,14,0)+IF('Standard Profiles'!$G$21=$B$24,21,0),MOD($C4219,24)+1)/SUM(INDEX($D$3:$AA$30,INDEX(Jesper!$R$2:$R$366,ROW(INDEX(Jesper!AK$2:AK$366,ROUNDDOWN($C4219/24,0)+1,1))-1)+IF('Standard Profiles'!$G$21=$B$10,7,0)+IF('Standard Profiles'!$G$21=$B$17,14,0)+IF('Standard Profiles'!$G$21=$B$24,21,0),0)),0)</f>
        <v>0.86330755008633064</v>
      </c>
      <c r="H4219" cm="1">
        <f t="array" ref="H4219">IFERROR(INDEX(Jesper!AL$2:AL$366,ROUNDDOWN($C4219/24,0)+1,1)*INDEX($D$3:$AA$30,INDEX(Jesper!$R$2:$R$366,ROW(INDEX(Jesper!AL$2:AL$366,ROUNDDOWN($C4219/24,0)+1,1))-1)+IF('Standard Profiles'!$G$22=$B$10,7,0)+IF('Standard Profiles'!$G$22=$B$17,14,0)+IF('Standard Profiles'!$G$22=$B$24,21,0),MOD($C4219,24)+1)/SUM(INDEX($D$3:$AA$30,INDEX(Jesper!$R$2:$R$366,ROW(INDEX(Jesper!AL$2:AL$366,ROUNDDOWN($C4219/24,0)+1,1))-1)+IF('Standard Profiles'!$G$22=$B$10,7,0)+IF('Standard Profiles'!$G$22=$B$17,14,0)+IF('Standard Profiles'!$G$22=$B$24,21,0),0)),0)</f>
        <v>0.62852666910725485</v>
      </c>
      <c r="I4219">
        <f t="shared" si="475"/>
        <v>0.60338560234296501</v>
      </c>
      <c r="J4219">
        <f t="shared" si="476"/>
        <v>4.6326805716270041</v>
      </c>
      <c r="K4219">
        <f t="shared" si="477"/>
        <v>0.21953720528183621</v>
      </c>
      <c r="L4219">
        <f t="shared" si="478"/>
        <v>0.1097686026409181</v>
      </c>
      <c r="M4219">
        <f t="shared" si="479"/>
        <v>0</v>
      </c>
      <c r="N4219" s="45">
        <f t="shared" si="480"/>
        <v>45101.37499998985</v>
      </c>
    </row>
    <row r="4220" spans="2:14" x14ac:dyDescent="0.25">
      <c r="B4220">
        <f t="shared" si="474"/>
        <v>6</v>
      </c>
      <c r="C4220" s="16">
        <v>4186</v>
      </c>
      <c r="D4220" cm="1">
        <f t="array" ref="D4220">IFERROR(INDEX(Jesper!AH$2:AH$366,ROUNDDOWN($C4220/24,0)+1,1)*INDEX($D$3:$AA$30,INDEX(Jesper!$R$2:$R$366,ROW(INDEX(Jesper!AH$2:AH$366,ROUNDDOWN($C4220/24,0)+1,1))-1)+IF('Standard Profiles'!$G$18=$B$10,7,0)+IF('Standard Profiles'!$G$18=$B$17,14,0)+IF('Standard Profiles'!$G$18=$B$24,21,0),MOD($C4220,24)+1)/SUM(INDEX($D$3:$AA$30,INDEX(Jesper!$R$2:$R$366,ROW(INDEX(Jesper!AH$2:AH$366,ROUNDDOWN($C4220/24,0)+1,1))-1)+IF('Standard Profiles'!$G$18=$B$10,7,0)+IF('Standard Profiles'!$G$18=$B$17,14,0)+IF('Standard Profiles'!$G$18=$B$24,21,0),0)),0)</f>
        <v>0</v>
      </c>
      <c r="E4220" cm="1">
        <f t="array" ref="E4220">IFERROR(INDEX(Jesper!AI$2:AI$366,ROUNDDOWN($C4220/24,0)+1,1)*INDEX($D$3:$AA$30,INDEX(Jesper!$R$2:$R$366,ROW(INDEX(Jesper!AI$2:AI$366,ROUNDDOWN($C4220/24,0)+1,1))-1)+IF('Standard Profiles'!$G$19=$B$10,7,0)+IF('Standard Profiles'!$G$19=$B$17,14,0)+IF('Standard Profiles'!$G$19=$B$24,21,0),MOD($C4220,24)+1)/SUM(INDEX($D$3:$AA$30,INDEX(Jesper!$R$2:$R$366,ROW(INDEX(Jesper!AI$2:AI$366,ROUNDDOWN($C4220/24,0)+1,1))-1)+IF('Standard Profiles'!$G$19=$B$10,7,0)+IF('Standard Profiles'!$G$19=$B$17,14,0)+IF('Standard Profiles'!$G$19=$B$24,21,0),0)),0)</f>
        <v>2.7442150660229525</v>
      </c>
      <c r="F4220" cm="1">
        <f t="array" ref="F4220">IFERROR(INDEX(Jesper!AJ$2:AJ$366,ROUNDDOWN($C4220/24,0)+1,1)*INDEX($D$3:$AA$30,INDEX(Jesper!$R$2:$R$366,ROW(INDEX(Jesper!AJ$2:AJ$366,ROUNDDOWN($C4220/24,0)+1,1))-1)+IF('Standard Profiles'!$G$20=$B$10,7,0)+IF('Standard Profiles'!$G$20=$B$17,14,0)+IF('Standard Profiles'!$G$20=$B$24,21,0),MOD($C4220,24)+1)/SUM(INDEX($D$3:$AA$30,INDEX(Jesper!$R$2:$R$366,ROW(INDEX(Jesper!AJ$2:AJ$366,ROUNDDOWN($C4220/24,0)+1,1))-1)+IF('Standard Profiles'!$G$20=$B$10,7,0)+IF('Standard Profiles'!$G$20=$B$17,14,0)+IF('Standard Profiles'!$G$20=$B$24,21,0),0)),0)</f>
        <v>1.3293226966761855</v>
      </c>
      <c r="G4220" cm="1">
        <f t="array" ref="G4220">IFERROR(INDEX(Jesper!AK$2:AK$366,ROUNDDOWN($C4220/24,0)+1,1)*INDEX($D$3:$AA$30,INDEX(Jesper!$R$2:$R$366,ROW(INDEX(Jesper!AK$2:AK$366,ROUNDDOWN($C4220/24,0)+1,1))-1)+IF('Standard Profiles'!$G$21=$B$10,7,0)+IF('Standard Profiles'!$G$21=$B$17,14,0)+IF('Standard Profiles'!$G$21=$B$24,21,0),MOD($C4220,24)+1)/SUM(INDEX($D$3:$AA$30,INDEX(Jesper!$R$2:$R$366,ROW(INDEX(Jesper!AK$2:AK$366,ROUNDDOWN($C4220/24,0)+1,1))-1)+IF('Standard Profiles'!$G$21=$B$10,7,0)+IF('Standard Profiles'!$G$21=$B$17,14,0)+IF('Standard Profiles'!$G$21=$B$24,21,0),0)),0)</f>
        <v>0.86330755008633064</v>
      </c>
      <c r="H4220" cm="1">
        <f t="array" ref="H4220">IFERROR(INDEX(Jesper!AL$2:AL$366,ROUNDDOWN($C4220/24,0)+1,1)*INDEX($D$3:$AA$30,INDEX(Jesper!$R$2:$R$366,ROW(INDEX(Jesper!AL$2:AL$366,ROUNDDOWN($C4220/24,0)+1,1))-1)+IF('Standard Profiles'!$G$22=$B$10,7,0)+IF('Standard Profiles'!$G$22=$B$17,14,0)+IF('Standard Profiles'!$G$22=$B$24,21,0),MOD($C4220,24)+1)/SUM(INDEX($D$3:$AA$30,INDEX(Jesper!$R$2:$R$366,ROW(INDEX(Jesper!AL$2:AL$366,ROUNDDOWN($C4220/24,0)+1,1))-1)+IF('Standard Profiles'!$G$22=$B$10,7,0)+IF('Standard Profiles'!$G$22=$B$17,14,0)+IF('Standard Profiles'!$G$22=$B$24,21,0),0)),0)</f>
        <v>0.62852666910725485</v>
      </c>
      <c r="I4220">
        <f t="shared" si="475"/>
        <v>0.60338560234296501</v>
      </c>
      <c r="J4220">
        <f t="shared" si="476"/>
        <v>4.6326805716270041</v>
      </c>
      <c r="K4220">
        <f t="shared" si="477"/>
        <v>0.21953720528183621</v>
      </c>
      <c r="L4220">
        <f t="shared" si="478"/>
        <v>0.1097686026409181</v>
      </c>
      <c r="M4220">
        <f t="shared" si="479"/>
        <v>0</v>
      </c>
      <c r="N4220" s="45">
        <f t="shared" si="480"/>
        <v>45101.416666656514</v>
      </c>
    </row>
    <row r="4221" spans="2:14" x14ac:dyDescent="0.25">
      <c r="B4221">
        <f t="shared" si="474"/>
        <v>6</v>
      </c>
      <c r="C4221" s="16">
        <v>4187</v>
      </c>
      <c r="D4221" cm="1">
        <f t="array" ref="D4221">IFERROR(INDEX(Jesper!AH$2:AH$366,ROUNDDOWN($C4221/24,0)+1,1)*INDEX($D$3:$AA$30,INDEX(Jesper!$R$2:$R$366,ROW(INDEX(Jesper!AH$2:AH$366,ROUNDDOWN($C4221/24,0)+1,1))-1)+IF('Standard Profiles'!$G$18=$B$10,7,0)+IF('Standard Profiles'!$G$18=$B$17,14,0)+IF('Standard Profiles'!$G$18=$B$24,21,0),MOD($C4221,24)+1)/SUM(INDEX($D$3:$AA$30,INDEX(Jesper!$R$2:$R$366,ROW(INDEX(Jesper!AH$2:AH$366,ROUNDDOWN($C4221/24,0)+1,1))-1)+IF('Standard Profiles'!$G$18=$B$10,7,0)+IF('Standard Profiles'!$G$18=$B$17,14,0)+IF('Standard Profiles'!$G$18=$B$24,21,0),0)),0)</f>
        <v>0</v>
      </c>
      <c r="E4221" cm="1">
        <f t="array" ref="E4221">IFERROR(INDEX(Jesper!AI$2:AI$366,ROUNDDOWN($C4221/24,0)+1,1)*INDEX($D$3:$AA$30,INDEX(Jesper!$R$2:$R$366,ROW(INDEX(Jesper!AI$2:AI$366,ROUNDDOWN($C4221/24,0)+1,1))-1)+IF('Standard Profiles'!$G$19=$B$10,7,0)+IF('Standard Profiles'!$G$19=$B$17,14,0)+IF('Standard Profiles'!$G$19=$B$24,21,0),MOD($C4221,24)+1)/SUM(INDEX($D$3:$AA$30,INDEX(Jesper!$R$2:$R$366,ROW(INDEX(Jesper!AI$2:AI$366,ROUNDDOWN($C4221/24,0)+1,1))-1)+IF('Standard Profiles'!$G$19=$B$10,7,0)+IF('Standard Profiles'!$G$19=$B$17,14,0)+IF('Standard Profiles'!$G$19=$B$24,21,0),0)),0)</f>
        <v>2.7442150660229525</v>
      </c>
      <c r="F4221" cm="1">
        <f t="array" ref="F4221">IFERROR(INDEX(Jesper!AJ$2:AJ$366,ROUNDDOWN($C4221/24,0)+1,1)*INDEX($D$3:$AA$30,INDEX(Jesper!$R$2:$R$366,ROW(INDEX(Jesper!AJ$2:AJ$366,ROUNDDOWN($C4221/24,0)+1,1))-1)+IF('Standard Profiles'!$G$20=$B$10,7,0)+IF('Standard Profiles'!$G$20=$B$17,14,0)+IF('Standard Profiles'!$G$20=$B$24,21,0),MOD($C4221,24)+1)/SUM(INDEX($D$3:$AA$30,INDEX(Jesper!$R$2:$R$366,ROW(INDEX(Jesper!AJ$2:AJ$366,ROUNDDOWN($C4221/24,0)+1,1))-1)+IF('Standard Profiles'!$G$20=$B$10,7,0)+IF('Standard Profiles'!$G$20=$B$17,14,0)+IF('Standard Profiles'!$G$20=$B$24,21,0),0)),0)</f>
        <v>1.3293226966761855</v>
      </c>
      <c r="G4221" cm="1">
        <f t="array" ref="G4221">IFERROR(INDEX(Jesper!AK$2:AK$366,ROUNDDOWN($C4221/24,0)+1,1)*INDEX($D$3:$AA$30,INDEX(Jesper!$R$2:$R$366,ROW(INDEX(Jesper!AK$2:AK$366,ROUNDDOWN($C4221/24,0)+1,1))-1)+IF('Standard Profiles'!$G$21=$B$10,7,0)+IF('Standard Profiles'!$G$21=$B$17,14,0)+IF('Standard Profiles'!$G$21=$B$24,21,0),MOD($C4221,24)+1)/SUM(INDEX($D$3:$AA$30,INDEX(Jesper!$R$2:$R$366,ROW(INDEX(Jesper!AK$2:AK$366,ROUNDDOWN($C4221/24,0)+1,1))-1)+IF('Standard Profiles'!$G$21=$B$10,7,0)+IF('Standard Profiles'!$G$21=$B$17,14,0)+IF('Standard Profiles'!$G$21=$B$24,21,0),0)),0)</f>
        <v>0.86330755008633064</v>
      </c>
      <c r="H4221" cm="1">
        <f t="array" ref="H4221">IFERROR(INDEX(Jesper!AL$2:AL$366,ROUNDDOWN($C4221/24,0)+1,1)*INDEX($D$3:$AA$30,INDEX(Jesper!$R$2:$R$366,ROW(INDEX(Jesper!AL$2:AL$366,ROUNDDOWN($C4221/24,0)+1,1))-1)+IF('Standard Profiles'!$G$22=$B$10,7,0)+IF('Standard Profiles'!$G$22=$B$17,14,0)+IF('Standard Profiles'!$G$22=$B$24,21,0),MOD($C4221,24)+1)/SUM(INDEX($D$3:$AA$30,INDEX(Jesper!$R$2:$R$366,ROW(INDEX(Jesper!AL$2:AL$366,ROUNDDOWN($C4221/24,0)+1,1))-1)+IF('Standard Profiles'!$G$22=$B$10,7,0)+IF('Standard Profiles'!$G$22=$B$17,14,0)+IF('Standard Profiles'!$G$22=$B$24,21,0),0)),0)</f>
        <v>0.62852666910725485</v>
      </c>
      <c r="I4221">
        <f t="shared" si="475"/>
        <v>0.60338560234296501</v>
      </c>
      <c r="J4221">
        <f t="shared" si="476"/>
        <v>4.6326805716270041</v>
      </c>
      <c r="K4221">
        <f t="shared" si="477"/>
        <v>0.21953720528183621</v>
      </c>
      <c r="L4221">
        <f t="shared" si="478"/>
        <v>0.1097686026409181</v>
      </c>
      <c r="M4221">
        <f t="shared" si="479"/>
        <v>0</v>
      </c>
      <c r="N4221" s="45">
        <f t="shared" si="480"/>
        <v>45101.458333323179</v>
      </c>
    </row>
    <row r="4222" spans="2:14" x14ac:dyDescent="0.25">
      <c r="B4222">
        <f t="shared" si="474"/>
        <v>6</v>
      </c>
      <c r="C4222" s="16">
        <v>4188</v>
      </c>
      <c r="D4222" cm="1">
        <f t="array" ref="D4222">IFERROR(INDEX(Jesper!AH$2:AH$366,ROUNDDOWN($C4222/24,0)+1,1)*INDEX($D$3:$AA$30,INDEX(Jesper!$R$2:$R$366,ROW(INDEX(Jesper!AH$2:AH$366,ROUNDDOWN($C4222/24,0)+1,1))-1)+IF('Standard Profiles'!$G$18=$B$10,7,0)+IF('Standard Profiles'!$G$18=$B$17,14,0)+IF('Standard Profiles'!$G$18=$B$24,21,0),MOD($C4222,24)+1)/SUM(INDEX($D$3:$AA$30,INDEX(Jesper!$R$2:$R$366,ROW(INDEX(Jesper!AH$2:AH$366,ROUNDDOWN($C4222/24,0)+1,1))-1)+IF('Standard Profiles'!$G$18=$B$10,7,0)+IF('Standard Profiles'!$G$18=$B$17,14,0)+IF('Standard Profiles'!$G$18=$B$24,21,0),0)),0)</f>
        <v>0</v>
      </c>
      <c r="E4222" cm="1">
        <f t="array" ref="E4222">IFERROR(INDEX(Jesper!AI$2:AI$366,ROUNDDOWN($C4222/24,0)+1,1)*INDEX($D$3:$AA$30,INDEX(Jesper!$R$2:$R$366,ROW(INDEX(Jesper!AI$2:AI$366,ROUNDDOWN($C4222/24,0)+1,1))-1)+IF('Standard Profiles'!$G$19=$B$10,7,0)+IF('Standard Profiles'!$G$19=$B$17,14,0)+IF('Standard Profiles'!$G$19=$B$24,21,0),MOD($C4222,24)+1)/SUM(INDEX($D$3:$AA$30,INDEX(Jesper!$R$2:$R$366,ROW(INDEX(Jesper!AI$2:AI$366,ROUNDDOWN($C4222/24,0)+1,1))-1)+IF('Standard Profiles'!$G$19=$B$10,7,0)+IF('Standard Profiles'!$G$19=$B$17,14,0)+IF('Standard Profiles'!$G$19=$B$24,21,0),0)),0)</f>
        <v>2.7442150660229525</v>
      </c>
      <c r="F4222" cm="1">
        <f t="array" ref="F4222">IFERROR(INDEX(Jesper!AJ$2:AJ$366,ROUNDDOWN($C4222/24,0)+1,1)*INDEX($D$3:$AA$30,INDEX(Jesper!$R$2:$R$366,ROW(INDEX(Jesper!AJ$2:AJ$366,ROUNDDOWN($C4222/24,0)+1,1))-1)+IF('Standard Profiles'!$G$20=$B$10,7,0)+IF('Standard Profiles'!$G$20=$B$17,14,0)+IF('Standard Profiles'!$G$20=$B$24,21,0),MOD($C4222,24)+1)/SUM(INDEX($D$3:$AA$30,INDEX(Jesper!$R$2:$R$366,ROW(INDEX(Jesper!AJ$2:AJ$366,ROUNDDOWN($C4222/24,0)+1,1))-1)+IF('Standard Profiles'!$G$20=$B$10,7,0)+IF('Standard Profiles'!$G$20=$B$17,14,0)+IF('Standard Profiles'!$G$20=$B$24,21,0),0)),0)</f>
        <v>1.3293226966761855</v>
      </c>
      <c r="G4222" cm="1">
        <f t="array" ref="G4222">IFERROR(INDEX(Jesper!AK$2:AK$366,ROUNDDOWN($C4222/24,0)+1,1)*INDEX($D$3:$AA$30,INDEX(Jesper!$R$2:$R$366,ROW(INDEX(Jesper!AK$2:AK$366,ROUNDDOWN($C4222/24,0)+1,1))-1)+IF('Standard Profiles'!$G$21=$B$10,7,0)+IF('Standard Profiles'!$G$21=$B$17,14,0)+IF('Standard Profiles'!$G$21=$B$24,21,0),MOD($C4222,24)+1)/SUM(INDEX($D$3:$AA$30,INDEX(Jesper!$R$2:$R$366,ROW(INDEX(Jesper!AK$2:AK$366,ROUNDDOWN($C4222/24,0)+1,1))-1)+IF('Standard Profiles'!$G$21=$B$10,7,0)+IF('Standard Profiles'!$G$21=$B$17,14,0)+IF('Standard Profiles'!$G$21=$B$24,21,0),0)),0)</f>
        <v>0.86330755008633064</v>
      </c>
      <c r="H4222" cm="1">
        <f t="array" ref="H4222">IFERROR(INDEX(Jesper!AL$2:AL$366,ROUNDDOWN($C4222/24,0)+1,1)*INDEX($D$3:$AA$30,INDEX(Jesper!$R$2:$R$366,ROW(INDEX(Jesper!AL$2:AL$366,ROUNDDOWN($C4222/24,0)+1,1))-1)+IF('Standard Profiles'!$G$22=$B$10,7,0)+IF('Standard Profiles'!$G$22=$B$17,14,0)+IF('Standard Profiles'!$G$22=$B$24,21,0),MOD($C4222,24)+1)/SUM(INDEX($D$3:$AA$30,INDEX(Jesper!$R$2:$R$366,ROW(INDEX(Jesper!AL$2:AL$366,ROUNDDOWN($C4222/24,0)+1,1))-1)+IF('Standard Profiles'!$G$22=$B$10,7,0)+IF('Standard Profiles'!$G$22=$B$17,14,0)+IF('Standard Profiles'!$G$22=$B$24,21,0),0)),0)</f>
        <v>0.62852666910725485</v>
      </c>
      <c r="I4222">
        <f t="shared" si="475"/>
        <v>0.60338560234296501</v>
      </c>
      <c r="J4222">
        <f t="shared" si="476"/>
        <v>4.6326805716270041</v>
      </c>
      <c r="K4222">
        <f t="shared" si="477"/>
        <v>0.21953720528183621</v>
      </c>
      <c r="L4222">
        <f t="shared" si="478"/>
        <v>0.1097686026409181</v>
      </c>
      <c r="M4222">
        <f t="shared" si="479"/>
        <v>0</v>
      </c>
      <c r="N4222" s="45">
        <f t="shared" si="480"/>
        <v>45101.499999989843</v>
      </c>
    </row>
    <row r="4223" spans="2:14" x14ac:dyDescent="0.25">
      <c r="B4223">
        <f t="shared" si="474"/>
        <v>6</v>
      </c>
      <c r="C4223" s="16">
        <v>4189</v>
      </c>
      <c r="D4223" cm="1">
        <f t="array" ref="D4223">IFERROR(INDEX(Jesper!AH$2:AH$366,ROUNDDOWN($C4223/24,0)+1,1)*INDEX($D$3:$AA$30,INDEX(Jesper!$R$2:$R$366,ROW(INDEX(Jesper!AH$2:AH$366,ROUNDDOWN($C4223/24,0)+1,1))-1)+IF('Standard Profiles'!$G$18=$B$10,7,0)+IF('Standard Profiles'!$G$18=$B$17,14,0)+IF('Standard Profiles'!$G$18=$B$24,21,0),MOD($C4223,24)+1)/SUM(INDEX($D$3:$AA$30,INDEX(Jesper!$R$2:$R$366,ROW(INDEX(Jesper!AH$2:AH$366,ROUNDDOWN($C4223/24,0)+1,1))-1)+IF('Standard Profiles'!$G$18=$B$10,7,0)+IF('Standard Profiles'!$G$18=$B$17,14,0)+IF('Standard Profiles'!$G$18=$B$24,21,0),0)),0)</f>
        <v>0</v>
      </c>
      <c r="E4223" cm="1">
        <f t="array" ref="E4223">IFERROR(INDEX(Jesper!AI$2:AI$366,ROUNDDOWN($C4223/24,0)+1,1)*INDEX($D$3:$AA$30,INDEX(Jesper!$R$2:$R$366,ROW(INDEX(Jesper!AI$2:AI$366,ROUNDDOWN($C4223/24,0)+1,1))-1)+IF('Standard Profiles'!$G$19=$B$10,7,0)+IF('Standard Profiles'!$G$19=$B$17,14,0)+IF('Standard Profiles'!$G$19=$B$24,21,0),MOD($C4223,24)+1)/SUM(INDEX($D$3:$AA$30,INDEX(Jesper!$R$2:$R$366,ROW(INDEX(Jesper!AI$2:AI$366,ROUNDDOWN($C4223/24,0)+1,1))-1)+IF('Standard Profiles'!$G$19=$B$10,7,0)+IF('Standard Profiles'!$G$19=$B$17,14,0)+IF('Standard Profiles'!$G$19=$B$24,21,0),0)),0)</f>
        <v>2.7442150660229525</v>
      </c>
      <c r="F4223" cm="1">
        <f t="array" ref="F4223">IFERROR(INDEX(Jesper!AJ$2:AJ$366,ROUNDDOWN($C4223/24,0)+1,1)*INDEX($D$3:$AA$30,INDEX(Jesper!$R$2:$R$366,ROW(INDEX(Jesper!AJ$2:AJ$366,ROUNDDOWN($C4223/24,0)+1,1))-1)+IF('Standard Profiles'!$G$20=$B$10,7,0)+IF('Standard Profiles'!$G$20=$B$17,14,0)+IF('Standard Profiles'!$G$20=$B$24,21,0),MOD($C4223,24)+1)/SUM(INDEX($D$3:$AA$30,INDEX(Jesper!$R$2:$R$366,ROW(INDEX(Jesper!AJ$2:AJ$366,ROUNDDOWN($C4223/24,0)+1,1))-1)+IF('Standard Profiles'!$G$20=$B$10,7,0)+IF('Standard Profiles'!$G$20=$B$17,14,0)+IF('Standard Profiles'!$G$20=$B$24,21,0),0)),0)</f>
        <v>1.3293226966761855</v>
      </c>
      <c r="G4223" cm="1">
        <f t="array" ref="G4223">IFERROR(INDEX(Jesper!AK$2:AK$366,ROUNDDOWN($C4223/24,0)+1,1)*INDEX($D$3:$AA$30,INDEX(Jesper!$R$2:$R$366,ROW(INDEX(Jesper!AK$2:AK$366,ROUNDDOWN($C4223/24,0)+1,1))-1)+IF('Standard Profiles'!$G$21=$B$10,7,0)+IF('Standard Profiles'!$G$21=$B$17,14,0)+IF('Standard Profiles'!$G$21=$B$24,21,0),MOD($C4223,24)+1)/SUM(INDEX($D$3:$AA$30,INDEX(Jesper!$R$2:$R$366,ROW(INDEX(Jesper!AK$2:AK$366,ROUNDDOWN($C4223/24,0)+1,1))-1)+IF('Standard Profiles'!$G$21=$B$10,7,0)+IF('Standard Profiles'!$G$21=$B$17,14,0)+IF('Standard Profiles'!$G$21=$B$24,21,0),0)),0)</f>
        <v>0.86330755008633064</v>
      </c>
      <c r="H4223" cm="1">
        <f t="array" ref="H4223">IFERROR(INDEX(Jesper!AL$2:AL$366,ROUNDDOWN($C4223/24,0)+1,1)*INDEX($D$3:$AA$30,INDEX(Jesper!$R$2:$R$366,ROW(INDEX(Jesper!AL$2:AL$366,ROUNDDOWN($C4223/24,0)+1,1))-1)+IF('Standard Profiles'!$G$22=$B$10,7,0)+IF('Standard Profiles'!$G$22=$B$17,14,0)+IF('Standard Profiles'!$G$22=$B$24,21,0),MOD($C4223,24)+1)/SUM(INDEX($D$3:$AA$30,INDEX(Jesper!$R$2:$R$366,ROW(INDEX(Jesper!AL$2:AL$366,ROUNDDOWN($C4223/24,0)+1,1))-1)+IF('Standard Profiles'!$G$22=$B$10,7,0)+IF('Standard Profiles'!$G$22=$B$17,14,0)+IF('Standard Profiles'!$G$22=$B$24,21,0),0)),0)</f>
        <v>0.62852666910725485</v>
      </c>
      <c r="I4223">
        <f t="shared" si="475"/>
        <v>0.60338560234296501</v>
      </c>
      <c r="J4223">
        <f t="shared" si="476"/>
        <v>4.6326805716270041</v>
      </c>
      <c r="K4223">
        <f t="shared" si="477"/>
        <v>0.21953720528183621</v>
      </c>
      <c r="L4223">
        <f t="shared" si="478"/>
        <v>0.1097686026409181</v>
      </c>
      <c r="M4223">
        <f t="shared" si="479"/>
        <v>0</v>
      </c>
      <c r="N4223" s="45">
        <f t="shared" si="480"/>
        <v>45101.541666656507</v>
      </c>
    </row>
    <row r="4224" spans="2:14" x14ac:dyDescent="0.25">
      <c r="B4224">
        <f t="shared" si="474"/>
        <v>6</v>
      </c>
      <c r="C4224" s="16">
        <v>4190</v>
      </c>
      <c r="D4224" cm="1">
        <f t="array" ref="D4224">IFERROR(INDEX(Jesper!AH$2:AH$366,ROUNDDOWN($C4224/24,0)+1,1)*INDEX($D$3:$AA$30,INDEX(Jesper!$R$2:$R$366,ROW(INDEX(Jesper!AH$2:AH$366,ROUNDDOWN($C4224/24,0)+1,1))-1)+IF('Standard Profiles'!$G$18=$B$10,7,0)+IF('Standard Profiles'!$G$18=$B$17,14,0)+IF('Standard Profiles'!$G$18=$B$24,21,0),MOD($C4224,24)+1)/SUM(INDEX($D$3:$AA$30,INDEX(Jesper!$R$2:$R$366,ROW(INDEX(Jesper!AH$2:AH$366,ROUNDDOWN($C4224/24,0)+1,1))-1)+IF('Standard Profiles'!$G$18=$B$10,7,0)+IF('Standard Profiles'!$G$18=$B$17,14,0)+IF('Standard Profiles'!$G$18=$B$24,21,0),0)),0)</f>
        <v>0</v>
      </c>
      <c r="E4224" cm="1">
        <f t="array" ref="E4224">IFERROR(INDEX(Jesper!AI$2:AI$366,ROUNDDOWN($C4224/24,0)+1,1)*INDEX($D$3:$AA$30,INDEX(Jesper!$R$2:$R$366,ROW(INDEX(Jesper!AI$2:AI$366,ROUNDDOWN($C4224/24,0)+1,1))-1)+IF('Standard Profiles'!$G$19=$B$10,7,0)+IF('Standard Profiles'!$G$19=$B$17,14,0)+IF('Standard Profiles'!$G$19=$B$24,21,0),MOD($C4224,24)+1)/SUM(INDEX($D$3:$AA$30,INDEX(Jesper!$R$2:$R$366,ROW(INDEX(Jesper!AI$2:AI$366,ROUNDDOWN($C4224/24,0)+1,1))-1)+IF('Standard Profiles'!$G$19=$B$10,7,0)+IF('Standard Profiles'!$G$19=$B$17,14,0)+IF('Standard Profiles'!$G$19=$B$24,21,0),0)),0)</f>
        <v>2.7442150660229525</v>
      </c>
      <c r="F4224" cm="1">
        <f t="array" ref="F4224">IFERROR(INDEX(Jesper!AJ$2:AJ$366,ROUNDDOWN($C4224/24,0)+1,1)*INDEX($D$3:$AA$30,INDEX(Jesper!$R$2:$R$366,ROW(INDEX(Jesper!AJ$2:AJ$366,ROUNDDOWN($C4224/24,0)+1,1))-1)+IF('Standard Profiles'!$G$20=$B$10,7,0)+IF('Standard Profiles'!$G$20=$B$17,14,0)+IF('Standard Profiles'!$G$20=$B$24,21,0),MOD($C4224,24)+1)/SUM(INDEX($D$3:$AA$30,INDEX(Jesper!$R$2:$R$366,ROW(INDEX(Jesper!AJ$2:AJ$366,ROUNDDOWN($C4224/24,0)+1,1))-1)+IF('Standard Profiles'!$G$20=$B$10,7,0)+IF('Standard Profiles'!$G$20=$B$17,14,0)+IF('Standard Profiles'!$G$20=$B$24,21,0),0)),0)</f>
        <v>1.3293226966761855</v>
      </c>
      <c r="G4224" cm="1">
        <f t="array" ref="G4224">IFERROR(INDEX(Jesper!AK$2:AK$366,ROUNDDOWN($C4224/24,0)+1,1)*INDEX($D$3:$AA$30,INDEX(Jesper!$R$2:$R$366,ROW(INDEX(Jesper!AK$2:AK$366,ROUNDDOWN($C4224/24,0)+1,1))-1)+IF('Standard Profiles'!$G$21=$B$10,7,0)+IF('Standard Profiles'!$G$21=$B$17,14,0)+IF('Standard Profiles'!$G$21=$B$24,21,0),MOD($C4224,24)+1)/SUM(INDEX($D$3:$AA$30,INDEX(Jesper!$R$2:$R$366,ROW(INDEX(Jesper!AK$2:AK$366,ROUNDDOWN($C4224/24,0)+1,1))-1)+IF('Standard Profiles'!$G$21=$B$10,7,0)+IF('Standard Profiles'!$G$21=$B$17,14,0)+IF('Standard Profiles'!$G$21=$B$24,21,0),0)),0)</f>
        <v>0.86330755008633064</v>
      </c>
      <c r="H4224" cm="1">
        <f t="array" ref="H4224">IFERROR(INDEX(Jesper!AL$2:AL$366,ROUNDDOWN($C4224/24,0)+1,1)*INDEX($D$3:$AA$30,INDEX(Jesper!$R$2:$R$366,ROW(INDEX(Jesper!AL$2:AL$366,ROUNDDOWN($C4224/24,0)+1,1))-1)+IF('Standard Profiles'!$G$22=$B$10,7,0)+IF('Standard Profiles'!$G$22=$B$17,14,0)+IF('Standard Profiles'!$G$22=$B$24,21,0),MOD($C4224,24)+1)/SUM(INDEX($D$3:$AA$30,INDEX(Jesper!$R$2:$R$366,ROW(INDEX(Jesper!AL$2:AL$366,ROUNDDOWN($C4224/24,0)+1,1))-1)+IF('Standard Profiles'!$G$22=$B$10,7,0)+IF('Standard Profiles'!$G$22=$B$17,14,0)+IF('Standard Profiles'!$G$22=$B$24,21,0),0)),0)</f>
        <v>0.62852666910725485</v>
      </c>
      <c r="I4224">
        <f t="shared" si="475"/>
        <v>0.60338560234296501</v>
      </c>
      <c r="J4224">
        <f t="shared" si="476"/>
        <v>4.6326805716270041</v>
      </c>
      <c r="K4224">
        <f t="shared" si="477"/>
        <v>0.21953720528183621</v>
      </c>
      <c r="L4224">
        <f t="shared" si="478"/>
        <v>0.1097686026409181</v>
      </c>
      <c r="M4224">
        <f t="shared" si="479"/>
        <v>0</v>
      </c>
      <c r="N4224" s="45">
        <f t="shared" si="480"/>
        <v>45101.583333323171</v>
      </c>
    </row>
    <row r="4225" spans="2:14" x14ac:dyDescent="0.25">
      <c r="B4225">
        <f t="shared" si="474"/>
        <v>6</v>
      </c>
      <c r="C4225" s="16">
        <v>4191</v>
      </c>
      <c r="D4225" cm="1">
        <f t="array" ref="D4225">IFERROR(INDEX(Jesper!AH$2:AH$366,ROUNDDOWN($C4225/24,0)+1,1)*INDEX($D$3:$AA$30,INDEX(Jesper!$R$2:$R$366,ROW(INDEX(Jesper!AH$2:AH$366,ROUNDDOWN($C4225/24,0)+1,1))-1)+IF('Standard Profiles'!$G$18=$B$10,7,0)+IF('Standard Profiles'!$G$18=$B$17,14,0)+IF('Standard Profiles'!$G$18=$B$24,21,0),MOD($C4225,24)+1)/SUM(INDEX($D$3:$AA$30,INDEX(Jesper!$R$2:$R$366,ROW(INDEX(Jesper!AH$2:AH$366,ROUNDDOWN($C4225/24,0)+1,1))-1)+IF('Standard Profiles'!$G$18=$B$10,7,0)+IF('Standard Profiles'!$G$18=$B$17,14,0)+IF('Standard Profiles'!$G$18=$B$24,21,0),0)),0)</f>
        <v>0</v>
      </c>
      <c r="E4225" cm="1">
        <f t="array" ref="E4225">IFERROR(INDEX(Jesper!AI$2:AI$366,ROUNDDOWN($C4225/24,0)+1,1)*INDEX($D$3:$AA$30,INDEX(Jesper!$R$2:$R$366,ROW(INDEX(Jesper!AI$2:AI$366,ROUNDDOWN($C4225/24,0)+1,1))-1)+IF('Standard Profiles'!$G$19=$B$10,7,0)+IF('Standard Profiles'!$G$19=$B$17,14,0)+IF('Standard Profiles'!$G$19=$B$24,21,0),MOD($C4225,24)+1)/SUM(INDEX($D$3:$AA$30,INDEX(Jesper!$R$2:$R$366,ROW(INDEX(Jesper!AI$2:AI$366,ROUNDDOWN($C4225/24,0)+1,1))-1)+IF('Standard Profiles'!$G$19=$B$10,7,0)+IF('Standard Profiles'!$G$19=$B$17,14,0)+IF('Standard Profiles'!$G$19=$B$24,21,0),0)),0)</f>
        <v>2.7442150660229525</v>
      </c>
      <c r="F4225" cm="1">
        <f t="array" ref="F4225">IFERROR(INDEX(Jesper!AJ$2:AJ$366,ROUNDDOWN($C4225/24,0)+1,1)*INDEX($D$3:$AA$30,INDEX(Jesper!$R$2:$R$366,ROW(INDEX(Jesper!AJ$2:AJ$366,ROUNDDOWN($C4225/24,0)+1,1))-1)+IF('Standard Profiles'!$G$20=$B$10,7,0)+IF('Standard Profiles'!$G$20=$B$17,14,0)+IF('Standard Profiles'!$G$20=$B$24,21,0),MOD($C4225,24)+1)/SUM(INDEX($D$3:$AA$30,INDEX(Jesper!$R$2:$R$366,ROW(INDEX(Jesper!AJ$2:AJ$366,ROUNDDOWN($C4225/24,0)+1,1))-1)+IF('Standard Profiles'!$G$20=$B$10,7,0)+IF('Standard Profiles'!$G$20=$B$17,14,0)+IF('Standard Profiles'!$G$20=$B$24,21,0),0)),0)</f>
        <v>1.3293226966761855</v>
      </c>
      <c r="G4225" cm="1">
        <f t="array" ref="G4225">IFERROR(INDEX(Jesper!AK$2:AK$366,ROUNDDOWN($C4225/24,0)+1,1)*INDEX($D$3:$AA$30,INDEX(Jesper!$R$2:$R$366,ROW(INDEX(Jesper!AK$2:AK$366,ROUNDDOWN($C4225/24,0)+1,1))-1)+IF('Standard Profiles'!$G$21=$B$10,7,0)+IF('Standard Profiles'!$G$21=$B$17,14,0)+IF('Standard Profiles'!$G$21=$B$24,21,0),MOD($C4225,24)+1)/SUM(INDEX($D$3:$AA$30,INDEX(Jesper!$R$2:$R$366,ROW(INDEX(Jesper!AK$2:AK$366,ROUNDDOWN($C4225/24,0)+1,1))-1)+IF('Standard Profiles'!$G$21=$B$10,7,0)+IF('Standard Profiles'!$G$21=$B$17,14,0)+IF('Standard Profiles'!$G$21=$B$24,21,0),0)),0)</f>
        <v>0.86330755008633064</v>
      </c>
      <c r="H4225" cm="1">
        <f t="array" ref="H4225">IFERROR(INDEX(Jesper!AL$2:AL$366,ROUNDDOWN($C4225/24,0)+1,1)*INDEX($D$3:$AA$30,INDEX(Jesper!$R$2:$R$366,ROW(INDEX(Jesper!AL$2:AL$366,ROUNDDOWN($C4225/24,0)+1,1))-1)+IF('Standard Profiles'!$G$22=$B$10,7,0)+IF('Standard Profiles'!$G$22=$B$17,14,0)+IF('Standard Profiles'!$G$22=$B$24,21,0),MOD($C4225,24)+1)/SUM(INDEX($D$3:$AA$30,INDEX(Jesper!$R$2:$R$366,ROW(INDEX(Jesper!AL$2:AL$366,ROUNDDOWN($C4225/24,0)+1,1))-1)+IF('Standard Profiles'!$G$22=$B$10,7,0)+IF('Standard Profiles'!$G$22=$B$17,14,0)+IF('Standard Profiles'!$G$22=$B$24,21,0),0)),0)</f>
        <v>0.56825698850792905</v>
      </c>
      <c r="I4225">
        <f t="shared" si="475"/>
        <v>0.54552670896761213</v>
      </c>
      <c r="J4225">
        <f t="shared" si="476"/>
        <v>4.6302697844030316</v>
      </c>
      <c r="K4225">
        <f t="shared" si="477"/>
        <v>0.21953720528183621</v>
      </c>
      <c r="L4225">
        <f t="shared" si="478"/>
        <v>0.1097686026409181</v>
      </c>
      <c r="M4225">
        <f t="shared" si="479"/>
        <v>0</v>
      </c>
      <c r="N4225" s="45">
        <f t="shared" si="480"/>
        <v>45101.624999989835</v>
      </c>
    </row>
    <row r="4226" spans="2:14" x14ac:dyDescent="0.25">
      <c r="B4226">
        <f t="shared" si="474"/>
        <v>6</v>
      </c>
      <c r="C4226" s="16">
        <v>4192</v>
      </c>
      <c r="D4226" cm="1">
        <f t="array" ref="D4226">IFERROR(INDEX(Jesper!AH$2:AH$366,ROUNDDOWN($C4226/24,0)+1,1)*INDEX($D$3:$AA$30,INDEX(Jesper!$R$2:$R$366,ROW(INDEX(Jesper!AH$2:AH$366,ROUNDDOWN($C4226/24,0)+1,1))-1)+IF('Standard Profiles'!$G$18=$B$10,7,0)+IF('Standard Profiles'!$G$18=$B$17,14,0)+IF('Standard Profiles'!$G$18=$B$24,21,0),MOD($C4226,24)+1)/SUM(INDEX($D$3:$AA$30,INDEX(Jesper!$R$2:$R$366,ROW(INDEX(Jesper!AH$2:AH$366,ROUNDDOWN($C4226/24,0)+1,1))-1)+IF('Standard Profiles'!$G$18=$B$10,7,0)+IF('Standard Profiles'!$G$18=$B$17,14,0)+IF('Standard Profiles'!$G$18=$B$24,21,0),0)),0)</f>
        <v>0</v>
      </c>
      <c r="E4226" cm="1">
        <f t="array" ref="E4226">IFERROR(INDEX(Jesper!AI$2:AI$366,ROUNDDOWN($C4226/24,0)+1,1)*INDEX($D$3:$AA$30,INDEX(Jesper!$R$2:$R$366,ROW(INDEX(Jesper!AI$2:AI$366,ROUNDDOWN($C4226/24,0)+1,1))-1)+IF('Standard Profiles'!$G$19=$B$10,7,0)+IF('Standard Profiles'!$G$19=$B$17,14,0)+IF('Standard Profiles'!$G$19=$B$24,21,0),MOD($C4226,24)+1)/SUM(INDEX($D$3:$AA$30,INDEX(Jesper!$R$2:$R$366,ROW(INDEX(Jesper!AI$2:AI$366,ROUNDDOWN($C4226/24,0)+1,1))-1)+IF('Standard Profiles'!$G$19=$B$10,7,0)+IF('Standard Profiles'!$G$19=$B$17,14,0)+IF('Standard Profiles'!$G$19=$B$24,21,0),0)),0)</f>
        <v>2.7442150660229525</v>
      </c>
      <c r="F4226" cm="1">
        <f t="array" ref="F4226">IFERROR(INDEX(Jesper!AJ$2:AJ$366,ROUNDDOWN($C4226/24,0)+1,1)*INDEX($D$3:$AA$30,INDEX(Jesper!$R$2:$R$366,ROW(INDEX(Jesper!AJ$2:AJ$366,ROUNDDOWN($C4226/24,0)+1,1))-1)+IF('Standard Profiles'!$G$20=$B$10,7,0)+IF('Standard Profiles'!$G$20=$B$17,14,0)+IF('Standard Profiles'!$G$20=$B$24,21,0),MOD($C4226,24)+1)/SUM(INDEX($D$3:$AA$30,INDEX(Jesper!$R$2:$R$366,ROW(INDEX(Jesper!AJ$2:AJ$366,ROUNDDOWN($C4226/24,0)+1,1))-1)+IF('Standard Profiles'!$G$20=$B$10,7,0)+IF('Standard Profiles'!$G$20=$B$17,14,0)+IF('Standard Profiles'!$G$20=$B$24,21,0),0)),0)</f>
        <v>1.3293226966761855</v>
      </c>
      <c r="G4226" cm="1">
        <f t="array" ref="G4226">IFERROR(INDEX(Jesper!AK$2:AK$366,ROUNDDOWN($C4226/24,0)+1,1)*INDEX($D$3:$AA$30,INDEX(Jesper!$R$2:$R$366,ROW(INDEX(Jesper!AK$2:AK$366,ROUNDDOWN($C4226/24,0)+1,1))-1)+IF('Standard Profiles'!$G$21=$B$10,7,0)+IF('Standard Profiles'!$G$21=$B$17,14,0)+IF('Standard Profiles'!$G$21=$B$24,21,0),MOD($C4226,24)+1)/SUM(INDEX($D$3:$AA$30,INDEX(Jesper!$R$2:$R$366,ROW(INDEX(Jesper!AK$2:AK$366,ROUNDDOWN($C4226/24,0)+1,1))-1)+IF('Standard Profiles'!$G$21=$B$10,7,0)+IF('Standard Profiles'!$G$21=$B$17,14,0)+IF('Standard Profiles'!$G$21=$B$24,21,0),0)),0)</f>
        <v>0.86330755008633064</v>
      </c>
      <c r="H4226" cm="1">
        <f t="array" ref="H4226">IFERROR(INDEX(Jesper!AL$2:AL$366,ROUNDDOWN($C4226/24,0)+1,1)*INDEX($D$3:$AA$30,INDEX(Jesper!$R$2:$R$366,ROW(INDEX(Jesper!AL$2:AL$366,ROUNDDOWN($C4226/24,0)+1,1))-1)+IF('Standard Profiles'!$G$22=$B$10,7,0)+IF('Standard Profiles'!$G$22=$B$17,14,0)+IF('Standard Profiles'!$G$22=$B$24,21,0),MOD($C4226,24)+1)/SUM(INDEX($D$3:$AA$30,INDEX(Jesper!$R$2:$R$366,ROW(INDEX(Jesper!AL$2:AL$366,ROUNDDOWN($C4226/24,0)+1,1))-1)+IF('Standard Profiles'!$G$22=$B$10,7,0)+IF('Standard Profiles'!$G$22=$B$17,14,0)+IF('Standard Profiles'!$G$22=$B$24,21,0),0)),0)</f>
        <v>0.51659726227993552</v>
      </c>
      <c r="I4226">
        <f t="shared" si="475"/>
        <v>0.49593337178873836</v>
      </c>
      <c r="J4226">
        <f t="shared" si="476"/>
        <v>4.6282033953539115</v>
      </c>
      <c r="K4226">
        <f t="shared" si="477"/>
        <v>0.21953720528183621</v>
      </c>
      <c r="L4226">
        <f t="shared" si="478"/>
        <v>0.1097686026409181</v>
      </c>
      <c r="M4226">
        <f t="shared" si="479"/>
        <v>0</v>
      </c>
      <c r="N4226" s="45">
        <f t="shared" si="480"/>
        <v>45101.6666666565</v>
      </c>
    </row>
    <row r="4227" spans="2:14" x14ac:dyDescent="0.25">
      <c r="B4227">
        <f t="shared" si="474"/>
        <v>6</v>
      </c>
      <c r="C4227" s="16">
        <v>4193</v>
      </c>
      <c r="D4227" cm="1">
        <f t="array" ref="D4227">IFERROR(INDEX(Jesper!AH$2:AH$366,ROUNDDOWN($C4227/24,0)+1,1)*INDEX($D$3:$AA$30,INDEX(Jesper!$R$2:$R$366,ROW(INDEX(Jesper!AH$2:AH$366,ROUNDDOWN($C4227/24,0)+1,1))-1)+IF('Standard Profiles'!$G$18=$B$10,7,0)+IF('Standard Profiles'!$G$18=$B$17,14,0)+IF('Standard Profiles'!$G$18=$B$24,21,0),MOD($C4227,24)+1)/SUM(INDEX($D$3:$AA$30,INDEX(Jesper!$R$2:$R$366,ROW(INDEX(Jesper!AH$2:AH$366,ROUNDDOWN($C4227/24,0)+1,1))-1)+IF('Standard Profiles'!$G$18=$B$10,7,0)+IF('Standard Profiles'!$G$18=$B$17,14,0)+IF('Standard Profiles'!$G$18=$B$24,21,0),0)),0)</f>
        <v>0</v>
      </c>
      <c r="E4227" cm="1">
        <f t="array" ref="E4227">IFERROR(INDEX(Jesper!AI$2:AI$366,ROUNDDOWN($C4227/24,0)+1,1)*INDEX($D$3:$AA$30,INDEX(Jesper!$R$2:$R$366,ROW(INDEX(Jesper!AI$2:AI$366,ROUNDDOWN($C4227/24,0)+1,1))-1)+IF('Standard Profiles'!$G$19=$B$10,7,0)+IF('Standard Profiles'!$G$19=$B$17,14,0)+IF('Standard Profiles'!$G$19=$B$24,21,0),MOD($C4227,24)+1)/SUM(INDEX($D$3:$AA$30,INDEX(Jesper!$R$2:$R$366,ROW(INDEX(Jesper!AI$2:AI$366,ROUNDDOWN($C4227/24,0)+1,1))-1)+IF('Standard Profiles'!$G$19=$B$10,7,0)+IF('Standard Profiles'!$G$19=$B$17,14,0)+IF('Standard Profiles'!$G$19=$B$24,21,0),0)),0)</f>
        <v>2.7442150660229525</v>
      </c>
      <c r="F4227" cm="1">
        <f t="array" ref="F4227">IFERROR(INDEX(Jesper!AJ$2:AJ$366,ROUNDDOWN($C4227/24,0)+1,1)*INDEX($D$3:$AA$30,INDEX(Jesper!$R$2:$R$366,ROW(INDEX(Jesper!AJ$2:AJ$366,ROUNDDOWN($C4227/24,0)+1,1))-1)+IF('Standard Profiles'!$G$20=$B$10,7,0)+IF('Standard Profiles'!$G$20=$B$17,14,0)+IF('Standard Profiles'!$G$20=$B$24,21,0),MOD($C4227,24)+1)/SUM(INDEX($D$3:$AA$30,INDEX(Jesper!$R$2:$R$366,ROW(INDEX(Jesper!AJ$2:AJ$366,ROUNDDOWN($C4227/24,0)+1,1))-1)+IF('Standard Profiles'!$G$20=$B$10,7,0)+IF('Standard Profiles'!$G$20=$B$17,14,0)+IF('Standard Profiles'!$G$20=$B$24,21,0),0)),0)</f>
        <v>1.3293226966761855</v>
      </c>
      <c r="G4227" cm="1">
        <f t="array" ref="G4227">IFERROR(INDEX(Jesper!AK$2:AK$366,ROUNDDOWN($C4227/24,0)+1,1)*INDEX($D$3:$AA$30,INDEX(Jesper!$R$2:$R$366,ROW(INDEX(Jesper!AK$2:AK$366,ROUNDDOWN($C4227/24,0)+1,1))-1)+IF('Standard Profiles'!$G$21=$B$10,7,0)+IF('Standard Profiles'!$G$21=$B$17,14,0)+IF('Standard Profiles'!$G$21=$B$24,21,0),MOD($C4227,24)+1)/SUM(INDEX($D$3:$AA$30,INDEX(Jesper!$R$2:$R$366,ROW(INDEX(Jesper!AK$2:AK$366,ROUNDDOWN($C4227/24,0)+1,1))-1)+IF('Standard Profiles'!$G$21=$B$10,7,0)+IF('Standard Profiles'!$G$21=$B$17,14,0)+IF('Standard Profiles'!$G$21=$B$24,21,0),0)),0)</f>
        <v>0.86330755008633064</v>
      </c>
      <c r="H4227" cm="1">
        <f t="array" ref="H4227">IFERROR(INDEX(Jesper!AL$2:AL$366,ROUNDDOWN($C4227/24,0)+1,1)*INDEX($D$3:$AA$30,INDEX(Jesper!$R$2:$R$366,ROW(INDEX(Jesper!AL$2:AL$366,ROUNDDOWN($C4227/24,0)+1,1))-1)+IF('Standard Profiles'!$G$22=$B$10,7,0)+IF('Standard Profiles'!$G$22=$B$17,14,0)+IF('Standard Profiles'!$G$22=$B$24,21,0),MOD($C4227,24)+1)/SUM(INDEX($D$3:$AA$30,INDEX(Jesper!$R$2:$R$366,ROW(INDEX(Jesper!AL$2:AL$366,ROUNDDOWN($C4227/24,0)+1,1))-1)+IF('Standard Profiles'!$G$22=$B$10,7,0)+IF('Standard Profiles'!$G$22=$B$17,14,0)+IF('Standard Profiles'!$G$22=$B$24,21,0),0)),0)</f>
        <v>0.46493753605194199</v>
      </c>
      <c r="I4227">
        <f t="shared" si="475"/>
        <v>0.44634003460986454</v>
      </c>
      <c r="J4227">
        <f t="shared" si="476"/>
        <v>4.6261370063047922</v>
      </c>
      <c r="K4227">
        <f t="shared" si="477"/>
        <v>0.21953720528183621</v>
      </c>
      <c r="L4227">
        <f t="shared" si="478"/>
        <v>0.1097686026409181</v>
      </c>
      <c r="M4227">
        <f t="shared" si="479"/>
        <v>0</v>
      </c>
      <c r="N4227" s="45">
        <f t="shared" si="480"/>
        <v>45101.708333323164</v>
      </c>
    </row>
    <row r="4228" spans="2:14" x14ac:dyDescent="0.25">
      <c r="B4228">
        <f t="shared" si="474"/>
        <v>6</v>
      </c>
      <c r="C4228" s="16">
        <v>4194</v>
      </c>
      <c r="D4228" cm="1">
        <f t="array" ref="D4228">IFERROR(INDEX(Jesper!AH$2:AH$366,ROUNDDOWN($C4228/24,0)+1,1)*INDEX($D$3:$AA$30,INDEX(Jesper!$R$2:$R$366,ROW(INDEX(Jesper!AH$2:AH$366,ROUNDDOWN($C4228/24,0)+1,1))-1)+IF('Standard Profiles'!$G$18=$B$10,7,0)+IF('Standard Profiles'!$G$18=$B$17,14,0)+IF('Standard Profiles'!$G$18=$B$24,21,0),MOD($C4228,24)+1)/SUM(INDEX($D$3:$AA$30,INDEX(Jesper!$R$2:$R$366,ROW(INDEX(Jesper!AH$2:AH$366,ROUNDDOWN($C4228/24,0)+1,1))-1)+IF('Standard Profiles'!$G$18=$B$10,7,0)+IF('Standard Profiles'!$G$18=$B$17,14,0)+IF('Standard Profiles'!$G$18=$B$24,21,0),0)),0)</f>
        <v>0</v>
      </c>
      <c r="E4228" cm="1">
        <f t="array" ref="E4228">IFERROR(INDEX(Jesper!AI$2:AI$366,ROUNDDOWN($C4228/24,0)+1,1)*INDEX($D$3:$AA$30,INDEX(Jesper!$R$2:$R$366,ROW(INDEX(Jesper!AI$2:AI$366,ROUNDDOWN($C4228/24,0)+1,1))-1)+IF('Standard Profiles'!$G$19=$B$10,7,0)+IF('Standard Profiles'!$G$19=$B$17,14,0)+IF('Standard Profiles'!$G$19=$B$24,21,0),MOD($C4228,24)+1)/SUM(INDEX($D$3:$AA$30,INDEX(Jesper!$R$2:$R$366,ROW(INDEX(Jesper!AI$2:AI$366,ROUNDDOWN($C4228/24,0)+1,1))-1)+IF('Standard Profiles'!$G$19=$B$10,7,0)+IF('Standard Profiles'!$G$19=$B$17,14,0)+IF('Standard Profiles'!$G$19=$B$24,21,0),0)),0)</f>
        <v>2.7442150660229525</v>
      </c>
      <c r="F4228" cm="1">
        <f t="array" ref="F4228">IFERROR(INDEX(Jesper!AJ$2:AJ$366,ROUNDDOWN($C4228/24,0)+1,1)*INDEX($D$3:$AA$30,INDEX(Jesper!$R$2:$R$366,ROW(INDEX(Jesper!AJ$2:AJ$366,ROUNDDOWN($C4228/24,0)+1,1))-1)+IF('Standard Profiles'!$G$20=$B$10,7,0)+IF('Standard Profiles'!$G$20=$B$17,14,0)+IF('Standard Profiles'!$G$20=$B$24,21,0),MOD($C4228,24)+1)/SUM(INDEX($D$3:$AA$30,INDEX(Jesper!$R$2:$R$366,ROW(INDEX(Jesper!AJ$2:AJ$366,ROUNDDOWN($C4228/24,0)+1,1))-1)+IF('Standard Profiles'!$G$20=$B$10,7,0)+IF('Standard Profiles'!$G$20=$B$17,14,0)+IF('Standard Profiles'!$G$20=$B$24,21,0),0)),0)</f>
        <v>1.3293226966761855</v>
      </c>
      <c r="G4228" cm="1">
        <f t="array" ref="G4228">IFERROR(INDEX(Jesper!AK$2:AK$366,ROUNDDOWN($C4228/24,0)+1,1)*INDEX($D$3:$AA$30,INDEX(Jesper!$R$2:$R$366,ROW(INDEX(Jesper!AK$2:AK$366,ROUNDDOWN($C4228/24,0)+1,1))-1)+IF('Standard Profiles'!$G$21=$B$10,7,0)+IF('Standard Profiles'!$G$21=$B$17,14,0)+IF('Standard Profiles'!$G$21=$B$24,21,0),MOD($C4228,24)+1)/SUM(INDEX($D$3:$AA$30,INDEX(Jesper!$R$2:$R$366,ROW(INDEX(Jesper!AK$2:AK$366,ROUNDDOWN($C4228/24,0)+1,1))-1)+IF('Standard Profiles'!$G$21=$B$10,7,0)+IF('Standard Profiles'!$G$21=$B$17,14,0)+IF('Standard Profiles'!$G$21=$B$24,21,0),0)),0)</f>
        <v>0.86330755008633064</v>
      </c>
      <c r="H4228" cm="1">
        <f t="array" ref="H4228">IFERROR(INDEX(Jesper!AL$2:AL$366,ROUNDDOWN($C4228/24,0)+1,1)*INDEX($D$3:$AA$30,INDEX(Jesper!$R$2:$R$366,ROW(INDEX(Jesper!AL$2:AL$366,ROUNDDOWN($C4228/24,0)+1,1))-1)+IF('Standard Profiles'!$G$22=$B$10,7,0)+IF('Standard Profiles'!$G$22=$B$17,14,0)+IF('Standard Profiles'!$G$22=$B$24,21,0),MOD($C4228,24)+1)/SUM(INDEX($D$3:$AA$30,INDEX(Jesper!$R$2:$R$366,ROW(INDEX(Jesper!AL$2:AL$366,ROUNDDOWN($C4228/24,0)+1,1))-1)+IF('Standard Profiles'!$G$22=$B$10,7,0)+IF('Standard Profiles'!$G$22=$B$17,14,0)+IF('Standard Profiles'!$G$22=$B$24,21,0),0)),0)</f>
        <v>0.44771762730927744</v>
      </c>
      <c r="I4228">
        <f t="shared" si="475"/>
        <v>0.42980892221690659</v>
      </c>
      <c r="J4228">
        <f t="shared" si="476"/>
        <v>4.6254482099550849</v>
      </c>
      <c r="K4228">
        <f t="shared" si="477"/>
        <v>0.21953720528183621</v>
      </c>
      <c r="L4228">
        <f t="shared" si="478"/>
        <v>0.1097686026409181</v>
      </c>
      <c r="M4228">
        <f t="shared" si="479"/>
        <v>0</v>
      </c>
      <c r="N4228" s="45">
        <f t="shared" si="480"/>
        <v>45101.749999989828</v>
      </c>
    </row>
    <row r="4229" spans="2:14" x14ac:dyDescent="0.25">
      <c r="B4229">
        <f t="shared" si="474"/>
        <v>6</v>
      </c>
      <c r="C4229" s="16">
        <v>4195</v>
      </c>
      <c r="D4229" cm="1">
        <f t="array" ref="D4229">IFERROR(INDEX(Jesper!AH$2:AH$366,ROUNDDOWN($C4229/24,0)+1,1)*INDEX($D$3:$AA$30,INDEX(Jesper!$R$2:$R$366,ROW(INDEX(Jesper!AH$2:AH$366,ROUNDDOWN($C4229/24,0)+1,1))-1)+IF('Standard Profiles'!$G$18=$B$10,7,0)+IF('Standard Profiles'!$G$18=$B$17,14,0)+IF('Standard Profiles'!$G$18=$B$24,21,0),MOD($C4229,24)+1)/SUM(INDEX($D$3:$AA$30,INDEX(Jesper!$R$2:$R$366,ROW(INDEX(Jesper!AH$2:AH$366,ROUNDDOWN($C4229/24,0)+1,1))-1)+IF('Standard Profiles'!$G$18=$B$10,7,0)+IF('Standard Profiles'!$G$18=$B$17,14,0)+IF('Standard Profiles'!$G$18=$B$24,21,0),0)),0)</f>
        <v>0</v>
      </c>
      <c r="E4229" cm="1">
        <f t="array" ref="E4229">IFERROR(INDEX(Jesper!AI$2:AI$366,ROUNDDOWN($C4229/24,0)+1,1)*INDEX($D$3:$AA$30,INDEX(Jesper!$R$2:$R$366,ROW(INDEX(Jesper!AI$2:AI$366,ROUNDDOWN($C4229/24,0)+1,1))-1)+IF('Standard Profiles'!$G$19=$B$10,7,0)+IF('Standard Profiles'!$G$19=$B$17,14,0)+IF('Standard Profiles'!$G$19=$B$24,21,0),MOD($C4229,24)+1)/SUM(INDEX($D$3:$AA$30,INDEX(Jesper!$R$2:$R$366,ROW(INDEX(Jesper!AI$2:AI$366,ROUNDDOWN($C4229/24,0)+1,1))-1)+IF('Standard Profiles'!$G$19=$B$10,7,0)+IF('Standard Profiles'!$G$19=$B$17,14,0)+IF('Standard Profiles'!$G$19=$B$24,21,0),0)),0)</f>
        <v>2.7442150660229525</v>
      </c>
      <c r="F4229" cm="1">
        <f t="array" ref="F4229">IFERROR(INDEX(Jesper!AJ$2:AJ$366,ROUNDDOWN($C4229/24,0)+1,1)*INDEX($D$3:$AA$30,INDEX(Jesper!$R$2:$R$366,ROW(INDEX(Jesper!AJ$2:AJ$366,ROUNDDOWN($C4229/24,0)+1,1))-1)+IF('Standard Profiles'!$G$20=$B$10,7,0)+IF('Standard Profiles'!$G$20=$B$17,14,0)+IF('Standard Profiles'!$G$20=$B$24,21,0),MOD($C4229,24)+1)/SUM(INDEX($D$3:$AA$30,INDEX(Jesper!$R$2:$R$366,ROW(INDEX(Jesper!AJ$2:AJ$366,ROUNDDOWN($C4229/24,0)+1,1))-1)+IF('Standard Profiles'!$G$20=$B$10,7,0)+IF('Standard Profiles'!$G$20=$B$17,14,0)+IF('Standard Profiles'!$G$20=$B$24,21,0),0)),0)</f>
        <v>1.3293226966761855</v>
      </c>
      <c r="G4229" cm="1">
        <f t="array" ref="G4229">IFERROR(INDEX(Jesper!AK$2:AK$366,ROUNDDOWN($C4229/24,0)+1,1)*INDEX($D$3:$AA$30,INDEX(Jesper!$R$2:$R$366,ROW(INDEX(Jesper!AK$2:AK$366,ROUNDDOWN($C4229/24,0)+1,1))-1)+IF('Standard Profiles'!$G$21=$B$10,7,0)+IF('Standard Profiles'!$G$21=$B$17,14,0)+IF('Standard Profiles'!$G$21=$B$24,21,0),MOD($C4229,24)+1)/SUM(INDEX($D$3:$AA$30,INDEX(Jesper!$R$2:$R$366,ROW(INDEX(Jesper!AK$2:AK$366,ROUNDDOWN($C4229/24,0)+1,1))-1)+IF('Standard Profiles'!$G$21=$B$10,7,0)+IF('Standard Profiles'!$G$21=$B$17,14,0)+IF('Standard Profiles'!$G$21=$B$24,21,0),0)),0)</f>
        <v>0.86330755008633064</v>
      </c>
      <c r="H4229" cm="1">
        <f t="array" ref="H4229">IFERROR(INDEX(Jesper!AL$2:AL$366,ROUNDDOWN($C4229/24,0)+1,1)*INDEX($D$3:$AA$30,INDEX(Jesper!$R$2:$R$366,ROW(INDEX(Jesper!AL$2:AL$366,ROUNDDOWN($C4229/24,0)+1,1))-1)+IF('Standard Profiles'!$G$22=$B$10,7,0)+IF('Standard Profiles'!$G$22=$B$17,14,0)+IF('Standard Profiles'!$G$22=$B$24,21,0),MOD($C4229,24)+1)/SUM(INDEX($D$3:$AA$30,INDEX(Jesper!$R$2:$R$366,ROW(INDEX(Jesper!AL$2:AL$366,ROUNDDOWN($C4229/24,0)+1,1))-1)+IF('Standard Profiles'!$G$22=$B$10,7,0)+IF('Standard Profiles'!$G$22=$B$17,14,0)+IF('Standard Profiles'!$G$22=$B$24,21,0),0)),0)</f>
        <v>0.36161808359595482</v>
      </c>
      <c r="I4229">
        <f t="shared" si="475"/>
        <v>0.34715336025211679</v>
      </c>
      <c r="J4229">
        <f t="shared" si="476"/>
        <v>4.6220042282065528</v>
      </c>
      <c r="K4229">
        <f t="shared" si="477"/>
        <v>0.21953720528183621</v>
      </c>
      <c r="L4229">
        <f t="shared" si="478"/>
        <v>0.1097686026409181</v>
      </c>
      <c r="M4229">
        <f t="shared" si="479"/>
        <v>0</v>
      </c>
      <c r="N4229" s="45">
        <f t="shared" si="480"/>
        <v>45101.791666656492</v>
      </c>
    </row>
    <row r="4230" spans="2:14" x14ac:dyDescent="0.25">
      <c r="B4230">
        <f t="shared" si="474"/>
        <v>6</v>
      </c>
      <c r="C4230" s="16">
        <v>4196</v>
      </c>
      <c r="D4230" cm="1">
        <f t="array" ref="D4230">IFERROR(INDEX(Jesper!AH$2:AH$366,ROUNDDOWN($C4230/24,0)+1,1)*INDEX($D$3:$AA$30,INDEX(Jesper!$R$2:$R$366,ROW(INDEX(Jesper!AH$2:AH$366,ROUNDDOWN($C4230/24,0)+1,1))-1)+IF('Standard Profiles'!$G$18=$B$10,7,0)+IF('Standard Profiles'!$G$18=$B$17,14,0)+IF('Standard Profiles'!$G$18=$B$24,21,0),MOD($C4230,24)+1)/SUM(INDEX($D$3:$AA$30,INDEX(Jesper!$R$2:$R$366,ROW(INDEX(Jesper!AH$2:AH$366,ROUNDDOWN($C4230/24,0)+1,1))-1)+IF('Standard Profiles'!$G$18=$B$10,7,0)+IF('Standard Profiles'!$G$18=$B$17,14,0)+IF('Standard Profiles'!$G$18=$B$24,21,0),0)),0)</f>
        <v>0</v>
      </c>
      <c r="E4230" cm="1">
        <f t="array" ref="E4230">IFERROR(INDEX(Jesper!AI$2:AI$366,ROUNDDOWN($C4230/24,0)+1,1)*INDEX($D$3:$AA$30,INDEX(Jesper!$R$2:$R$366,ROW(INDEX(Jesper!AI$2:AI$366,ROUNDDOWN($C4230/24,0)+1,1))-1)+IF('Standard Profiles'!$G$19=$B$10,7,0)+IF('Standard Profiles'!$G$19=$B$17,14,0)+IF('Standard Profiles'!$G$19=$B$24,21,0),MOD($C4230,24)+1)/SUM(INDEX($D$3:$AA$30,INDEX(Jesper!$R$2:$R$366,ROW(INDEX(Jesper!AI$2:AI$366,ROUNDDOWN($C4230/24,0)+1,1))-1)+IF('Standard Profiles'!$G$19=$B$10,7,0)+IF('Standard Profiles'!$G$19=$B$17,14,0)+IF('Standard Profiles'!$G$19=$B$24,21,0),0)),0)</f>
        <v>2.7442150660229525</v>
      </c>
      <c r="F4230" cm="1">
        <f t="array" ref="F4230">IFERROR(INDEX(Jesper!AJ$2:AJ$366,ROUNDDOWN($C4230/24,0)+1,1)*INDEX($D$3:$AA$30,INDEX(Jesper!$R$2:$R$366,ROW(INDEX(Jesper!AJ$2:AJ$366,ROUNDDOWN($C4230/24,0)+1,1))-1)+IF('Standard Profiles'!$G$20=$B$10,7,0)+IF('Standard Profiles'!$G$20=$B$17,14,0)+IF('Standard Profiles'!$G$20=$B$24,21,0),MOD($C4230,24)+1)/SUM(INDEX($D$3:$AA$30,INDEX(Jesper!$R$2:$R$366,ROW(INDEX(Jesper!AJ$2:AJ$366,ROUNDDOWN($C4230/24,0)+1,1))-1)+IF('Standard Profiles'!$G$20=$B$10,7,0)+IF('Standard Profiles'!$G$20=$B$17,14,0)+IF('Standard Profiles'!$G$20=$B$24,21,0),0)),0)</f>
        <v>1.3293226966761855</v>
      </c>
      <c r="G4230" cm="1">
        <f t="array" ref="G4230">IFERROR(INDEX(Jesper!AK$2:AK$366,ROUNDDOWN($C4230/24,0)+1,1)*INDEX($D$3:$AA$30,INDEX(Jesper!$R$2:$R$366,ROW(INDEX(Jesper!AK$2:AK$366,ROUNDDOWN($C4230/24,0)+1,1))-1)+IF('Standard Profiles'!$G$21=$B$10,7,0)+IF('Standard Profiles'!$G$21=$B$17,14,0)+IF('Standard Profiles'!$G$21=$B$24,21,0),MOD($C4230,24)+1)/SUM(INDEX($D$3:$AA$30,INDEX(Jesper!$R$2:$R$366,ROW(INDEX(Jesper!AK$2:AK$366,ROUNDDOWN($C4230/24,0)+1,1))-1)+IF('Standard Profiles'!$G$21=$B$10,7,0)+IF('Standard Profiles'!$G$21=$B$17,14,0)+IF('Standard Profiles'!$G$21=$B$24,21,0),0)),0)</f>
        <v>0.86330755008633064</v>
      </c>
      <c r="H4230" cm="1">
        <f t="array" ref="H4230">IFERROR(INDEX(Jesper!AL$2:AL$366,ROUNDDOWN($C4230/24,0)+1,1)*INDEX($D$3:$AA$30,INDEX(Jesper!$R$2:$R$366,ROW(INDEX(Jesper!AL$2:AL$366,ROUNDDOWN($C4230/24,0)+1,1))-1)+IF('Standard Profiles'!$G$22=$B$10,7,0)+IF('Standard Profiles'!$G$22=$B$17,14,0)+IF('Standard Profiles'!$G$22=$B$24,21,0),MOD($C4230,24)+1)/SUM(INDEX($D$3:$AA$30,INDEX(Jesper!$R$2:$R$366,ROW(INDEX(Jesper!AL$2:AL$366,ROUNDDOWN($C4230/24,0)+1,1))-1)+IF('Standard Profiles'!$G$22=$B$10,7,0)+IF('Standard Profiles'!$G$22=$B$17,14,0)+IF('Standard Profiles'!$G$22=$B$24,21,0),0)),0)</f>
        <v>0.26690858551129998</v>
      </c>
      <c r="I4230">
        <f t="shared" si="475"/>
        <v>0.25623224209084811</v>
      </c>
      <c r="J4230">
        <f t="shared" si="476"/>
        <v>4.6182158482831666</v>
      </c>
      <c r="K4230">
        <f t="shared" si="477"/>
        <v>0.21953720528183621</v>
      </c>
      <c r="L4230">
        <f t="shared" si="478"/>
        <v>0.1097686026409181</v>
      </c>
      <c r="M4230">
        <f t="shared" si="479"/>
        <v>0</v>
      </c>
      <c r="N4230" s="45">
        <f t="shared" si="480"/>
        <v>45101.833333323157</v>
      </c>
    </row>
    <row r="4231" spans="2:14" x14ac:dyDescent="0.25">
      <c r="B4231">
        <f t="shared" si="474"/>
        <v>6</v>
      </c>
      <c r="C4231" s="16">
        <v>4197</v>
      </c>
      <c r="D4231" cm="1">
        <f t="array" ref="D4231">IFERROR(INDEX(Jesper!AH$2:AH$366,ROUNDDOWN($C4231/24,0)+1,1)*INDEX($D$3:$AA$30,INDEX(Jesper!$R$2:$R$366,ROW(INDEX(Jesper!AH$2:AH$366,ROUNDDOWN($C4231/24,0)+1,1))-1)+IF('Standard Profiles'!$G$18=$B$10,7,0)+IF('Standard Profiles'!$G$18=$B$17,14,0)+IF('Standard Profiles'!$G$18=$B$24,21,0),MOD($C4231,24)+1)/SUM(INDEX($D$3:$AA$30,INDEX(Jesper!$R$2:$R$366,ROW(INDEX(Jesper!AH$2:AH$366,ROUNDDOWN($C4231/24,0)+1,1))-1)+IF('Standard Profiles'!$G$18=$B$10,7,0)+IF('Standard Profiles'!$G$18=$B$17,14,0)+IF('Standard Profiles'!$G$18=$B$24,21,0),0)),0)</f>
        <v>0</v>
      </c>
      <c r="E4231" cm="1">
        <f t="array" ref="E4231">IFERROR(INDEX(Jesper!AI$2:AI$366,ROUNDDOWN($C4231/24,0)+1,1)*INDEX($D$3:$AA$30,INDEX(Jesper!$R$2:$R$366,ROW(INDEX(Jesper!AI$2:AI$366,ROUNDDOWN($C4231/24,0)+1,1))-1)+IF('Standard Profiles'!$G$19=$B$10,7,0)+IF('Standard Profiles'!$G$19=$B$17,14,0)+IF('Standard Profiles'!$G$19=$B$24,21,0),MOD($C4231,24)+1)/SUM(INDEX($D$3:$AA$30,INDEX(Jesper!$R$2:$R$366,ROW(INDEX(Jesper!AI$2:AI$366,ROUNDDOWN($C4231/24,0)+1,1))-1)+IF('Standard Profiles'!$G$19=$B$10,7,0)+IF('Standard Profiles'!$G$19=$B$17,14,0)+IF('Standard Profiles'!$G$19=$B$24,21,0),0)),0)</f>
        <v>2.7442150660229525</v>
      </c>
      <c r="F4231" cm="1">
        <f t="array" ref="F4231">IFERROR(INDEX(Jesper!AJ$2:AJ$366,ROUNDDOWN($C4231/24,0)+1,1)*INDEX($D$3:$AA$30,INDEX(Jesper!$R$2:$R$366,ROW(INDEX(Jesper!AJ$2:AJ$366,ROUNDDOWN($C4231/24,0)+1,1))-1)+IF('Standard Profiles'!$G$20=$B$10,7,0)+IF('Standard Profiles'!$G$20=$B$17,14,0)+IF('Standard Profiles'!$G$20=$B$24,21,0),MOD($C4231,24)+1)/SUM(INDEX($D$3:$AA$30,INDEX(Jesper!$R$2:$R$366,ROW(INDEX(Jesper!AJ$2:AJ$366,ROUNDDOWN($C4231/24,0)+1,1))-1)+IF('Standard Profiles'!$G$20=$B$10,7,0)+IF('Standard Profiles'!$G$20=$B$17,14,0)+IF('Standard Profiles'!$G$20=$B$24,21,0),0)),0)</f>
        <v>1.3293226966761855</v>
      </c>
      <c r="G4231" cm="1">
        <f t="array" ref="G4231">IFERROR(INDEX(Jesper!AK$2:AK$366,ROUNDDOWN($C4231/24,0)+1,1)*INDEX($D$3:$AA$30,INDEX(Jesper!$R$2:$R$366,ROW(INDEX(Jesper!AK$2:AK$366,ROUNDDOWN($C4231/24,0)+1,1))-1)+IF('Standard Profiles'!$G$21=$B$10,7,0)+IF('Standard Profiles'!$G$21=$B$17,14,0)+IF('Standard Profiles'!$G$21=$B$24,21,0),MOD($C4231,24)+1)/SUM(INDEX($D$3:$AA$30,INDEX(Jesper!$R$2:$R$366,ROW(INDEX(Jesper!AK$2:AK$366,ROUNDDOWN($C4231/24,0)+1,1))-1)+IF('Standard Profiles'!$G$21=$B$10,7,0)+IF('Standard Profiles'!$G$21=$B$17,14,0)+IF('Standard Profiles'!$G$21=$B$24,21,0),0)),0)</f>
        <v>0.86330755008633064</v>
      </c>
      <c r="H4231" cm="1">
        <f t="array" ref="H4231">IFERROR(INDEX(Jesper!AL$2:AL$366,ROUNDDOWN($C4231/24,0)+1,1)*INDEX($D$3:$AA$30,INDEX(Jesper!$R$2:$R$366,ROW(INDEX(Jesper!AL$2:AL$366,ROUNDDOWN($C4231/24,0)+1,1))-1)+IF('Standard Profiles'!$G$22=$B$10,7,0)+IF('Standard Profiles'!$G$22=$B$17,14,0)+IF('Standard Profiles'!$G$22=$B$24,21,0),MOD($C4231,24)+1)/SUM(INDEX($D$3:$AA$30,INDEX(Jesper!$R$2:$R$366,ROW(INDEX(Jesper!AL$2:AL$366,ROUNDDOWN($C4231/24,0)+1,1))-1)+IF('Standard Profiles'!$G$22=$B$10,7,0)+IF('Standard Profiles'!$G$22=$B$17,14,0)+IF('Standard Profiles'!$G$22=$B$24,21,0),0)),0)</f>
        <v>0.26690858551129998</v>
      </c>
      <c r="I4231">
        <f t="shared" si="475"/>
        <v>0.25623224209084811</v>
      </c>
      <c r="J4231">
        <f t="shared" si="476"/>
        <v>4.6182158482831666</v>
      </c>
      <c r="K4231">
        <f t="shared" si="477"/>
        <v>0.21953720528183621</v>
      </c>
      <c r="L4231">
        <f t="shared" si="478"/>
        <v>0.1097686026409181</v>
      </c>
      <c r="M4231">
        <f t="shared" si="479"/>
        <v>0</v>
      </c>
      <c r="N4231" s="45">
        <f t="shared" si="480"/>
        <v>45101.874999989821</v>
      </c>
    </row>
    <row r="4232" spans="2:14" x14ac:dyDescent="0.25">
      <c r="B4232">
        <f t="shared" si="474"/>
        <v>6</v>
      </c>
      <c r="C4232" s="16">
        <v>4198</v>
      </c>
      <c r="D4232" cm="1">
        <f t="array" ref="D4232">IFERROR(INDEX(Jesper!AH$2:AH$366,ROUNDDOWN($C4232/24,0)+1,1)*INDEX($D$3:$AA$30,INDEX(Jesper!$R$2:$R$366,ROW(INDEX(Jesper!AH$2:AH$366,ROUNDDOWN($C4232/24,0)+1,1))-1)+IF('Standard Profiles'!$G$18=$B$10,7,0)+IF('Standard Profiles'!$G$18=$B$17,14,0)+IF('Standard Profiles'!$G$18=$B$24,21,0),MOD($C4232,24)+1)/SUM(INDEX($D$3:$AA$30,INDEX(Jesper!$R$2:$R$366,ROW(INDEX(Jesper!AH$2:AH$366,ROUNDDOWN($C4232/24,0)+1,1))-1)+IF('Standard Profiles'!$G$18=$B$10,7,0)+IF('Standard Profiles'!$G$18=$B$17,14,0)+IF('Standard Profiles'!$G$18=$B$24,21,0),0)),0)</f>
        <v>0</v>
      </c>
      <c r="E4232" cm="1">
        <f t="array" ref="E4232">IFERROR(INDEX(Jesper!AI$2:AI$366,ROUNDDOWN($C4232/24,0)+1,1)*INDEX($D$3:$AA$30,INDEX(Jesper!$R$2:$R$366,ROW(INDEX(Jesper!AI$2:AI$366,ROUNDDOWN($C4232/24,0)+1,1))-1)+IF('Standard Profiles'!$G$19=$B$10,7,0)+IF('Standard Profiles'!$G$19=$B$17,14,0)+IF('Standard Profiles'!$G$19=$B$24,21,0),MOD($C4232,24)+1)/SUM(INDEX($D$3:$AA$30,INDEX(Jesper!$R$2:$R$366,ROW(INDEX(Jesper!AI$2:AI$366,ROUNDDOWN($C4232/24,0)+1,1))-1)+IF('Standard Profiles'!$G$19=$B$10,7,0)+IF('Standard Profiles'!$G$19=$B$17,14,0)+IF('Standard Profiles'!$G$19=$B$24,21,0),0)),0)</f>
        <v>2.7442150660229525</v>
      </c>
      <c r="F4232" cm="1">
        <f t="array" ref="F4232">IFERROR(INDEX(Jesper!AJ$2:AJ$366,ROUNDDOWN($C4232/24,0)+1,1)*INDEX($D$3:$AA$30,INDEX(Jesper!$R$2:$R$366,ROW(INDEX(Jesper!AJ$2:AJ$366,ROUNDDOWN($C4232/24,0)+1,1))-1)+IF('Standard Profiles'!$G$20=$B$10,7,0)+IF('Standard Profiles'!$G$20=$B$17,14,0)+IF('Standard Profiles'!$G$20=$B$24,21,0),MOD($C4232,24)+1)/SUM(INDEX($D$3:$AA$30,INDEX(Jesper!$R$2:$R$366,ROW(INDEX(Jesper!AJ$2:AJ$366,ROUNDDOWN($C4232/24,0)+1,1))-1)+IF('Standard Profiles'!$G$20=$B$10,7,0)+IF('Standard Profiles'!$G$20=$B$17,14,0)+IF('Standard Profiles'!$G$20=$B$24,21,0),0)),0)</f>
        <v>1.3293226966761855</v>
      </c>
      <c r="G4232" cm="1">
        <f t="array" ref="G4232">IFERROR(INDEX(Jesper!AK$2:AK$366,ROUNDDOWN($C4232/24,0)+1,1)*INDEX($D$3:$AA$30,INDEX(Jesper!$R$2:$R$366,ROW(INDEX(Jesper!AK$2:AK$366,ROUNDDOWN($C4232/24,0)+1,1))-1)+IF('Standard Profiles'!$G$21=$B$10,7,0)+IF('Standard Profiles'!$G$21=$B$17,14,0)+IF('Standard Profiles'!$G$21=$B$24,21,0),MOD($C4232,24)+1)/SUM(INDEX($D$3:$AA$30,INDEX(Jesper!$R$2:$R$366,ROW(INDEX(Jesper!AK$2:AK$366,ROUNDDOWN($C4232/24,0)+1,1))-1)+IF('Standard Profiles'!$G$21=$B$10,7,0)+IF('Standard Profiles'!$G$21=$B$17,14,0)+IF('Standard Profiles'!$G$21=$B$24,21,0),0)),0)</f>
        <v>0.86330755008633064</v>
      </c>
      <c r="H4232" cm="1">
        <f t="array" ref="H4232">IFERROR(INDEX(Jesper!AL$2:AL$366,ROUNDDOWN($C4232/24,0)+1,1)*INDEX($D$3:$AA$30,INDEX(Jesper!$R$2:$R$366,ROW(INDEX(Jesper!AL$2:AL$366,ROUNDDOWN($C4232/24,0)+1,1))-1)+IF('Standard Profiles'!$G$22=$B$10,7,0)+IF('Standard Profiles'!$G$22=$B$17,14,0)+IF('Standard Profiles'!$G$22=$B$24,21,0),MOD($C4232,24)+1)/SUM(INDEX($D$3:$AA$30,INDEX(Jesper!$R$2:$R$366,ROW(INDEX(Jesper!AL$2:AL$366,ROUNDDOWN($C4232/24,0)+1,1))-1)+IF('Standard Profiles'!$G$22=$B$10,7,0)+IF('Standard Profiles'!$G$22=$B$17,14,0)+IF('Standard Profiles'!$G$22=$B$24,21,0),0)),0)</f>
        <v>0.26690858551129998</v>
      </c>
      <c r="I4232">
        <f t="shared" si="475"/>
        <v>0.25623224209084811</v>
      </c>
      <c r="J4232">
        <f t="shared" si="476"/>
        <v>4.6182158482831666</v>
      </c>
      <c r="K4232">
        <f t="shared" si="477"/>
        <v>0.21953720528183621</v>
      </c>
      <c r="L4232">
        <f t="shared" si="478"/>
        <v>0.1097686026409181</v>
      </c>
      <c r="M4232">
        <f t="shared" si="479"/>
        <v>0</v>
      </c>
      <c r="N4232" s="45">
        <f t="shared" si="480"/>
        <v>45101.916666656485</v>
      </c>
    </row>
    <row r="4233" spans="2:14" x14ac:dyDescent="0.25">
      <c r="B4233">
        <f t="shared" si="474"/>
        <v>6</v>
      </c>
      <c r="C4233" s="16">
        <v>4199</v>
      </c>
      <c r="D4233" cm="1">
        <f t="array" ref="D4233">IFERROR(INDEX(Jesper!AH$2:AH$366,ROUNDDOWN($C4233/24,0)+1,1)*INDEX($D$3:$AA$30,INDEX(Jesper!$R$2:$R$366,ROW(INDEX(Jesper!AH$2:AH$366,ROUNDDOWN($C4233/24,0)+1,1))-1)+IF('Standard Profiles'!$G$18=$B$10,7,0)+IF('Standard Profiles'!$G$18=$B$17,14,0)+IF('Standard Profiles'!$G$18=$B$24,21,0),MOD($C4233,24)+1)/SUM(INDEX($D$3:$AA$30,INDEX(Jesper!$R$2:$R$366,ROW(INDEX(Jesper!AH$2:AH$366,ROUNDDOWN($C4233/24,0)+1,1))-1)+IF('Standard Profiles'!$G$18=$B$10,7,0)+IF('Standard Profiles'!$G$18=$B$17,14,0)+IF('Standard Profiles'!$G$18=$B$24,21,0),0)),0)</f>
        <v>0</v>
      </c>
      <c r="E4233" cm="1">
        <f t="array" ref="E4233">IFERROR(INDEX(Jesper!AI$2:AI$366,ROUNDDOWN($C4233/24,0)+1,1)*INDEX($D$3:$AA$30,INDEX(Jesper!$R$2:$R$366,ROW(INDEX(Jesper!AI$2:AI$366,ROUNDDOWN($C4233/24,0)+1,1))-1)+IF('Standard Profiles'!$G$19=$B$10,7,0)+IF('Standard Profiles'!$G$19=$B$17,14,0)+IF('Standard Profiles'!$G$19=$B$24,21,0),MOD($C4233,24)+1)/SUM(INDEX($D$3:$AA$30,INDEX(Jesper!$R$2:$R$366,ROW(INDEX(Jesper!AI$2:AI$366,ROUNDDOWN($C4233/24,0)+1,1))-1)+IF('Standard Profiles'!$G$19=$B$10,7,0)+IF('Standard Profiles'!$G$19=$B$17,14,0)+IF('Standard Profiles'!$G$19=$B$24,21,0),0)),0)</f>
        <v>2.7442150660229525</v>
      </c>
      <c r="F4233" cm="1">
        <f t="array" ref="F4233">IFERROR(INDEX(Jesper!AJ$2:AJ$366,ROUNDDOWN($C4233/24,0)+1,1)*INDEX($D$3:$AA$30,INDEX(Jesper!$R$2:$R$366,ROW(INDEX(Jesper!AJ$2:AJ$366,ROUNDDOWN($C4233/24,0)+1,1))-1)+IF('Standard Profiles'!$G$20=$B$10,7,0)+IF('Standard Profiles'!$G$20=$B$17,14,0)+IF('Standard Profiles'!$G$20=$B$24,21,0),MOD($C4233,24)+1)/SUM(INDEX($D$3:$AA$30,INDEX(Jesper!$R$2:$R$366,ROW(INDEX(Jesper!AJ$2:AJ$366,ROUNDDOWN($C4233/24,0)+1,1))-1)+IF('Standard Profiles'!$G$20=$B$10,7,0)+IF('Standard Profiles'!$G$20=$B$17,14,0)+IF('Standard Profiles'!$G$20=$B$24,21,0),0)),0)</f>
        <v>1.3293226966761855</v>
      </c>
      <c r="G4233" cm="1">
        <f t="array" ref="G4233">IFERROR(INDEX(Jesper!AK$2:AK$366,ROUNDDOWN($C4233/24,0)+1,1)*INDEX($D$3:$AA$30,INDEX(Jesper!$R$2:$R$366,ROW(INDEX(Jesper!AK$2:AK$366,ROUNDDOWN($C4233/24,0)+1,1))-1)+IF('Standard Profiles'!$G$21=$B$10,7,0)+IF('Standard Profiles'!$G$21=$B$17,14,0)+IF('Standard Profiles'!$G$21=$B$24,21,0),MOD($C4233,24)+1)/SUM(INDEX($D$3:$AA$30,INDEX(Jesper!$R$2:$R$366,ROW(INDEX(Jesper!AK$2:AK$366,ROUNDDOWN($C4233/24,0)+1,1))-1)+IF('Standard Profiles'!$G$21=$B$10,7,0)+IF('Standard Profiles'!$G$21=$B$17,14,0)+IF('Standard Profiles'!$G$21=$B$24,21,0),0)),0)</f>
        <v>0.86330755008633064</v>
      </c>
      <c r="H4233" cm="1">
        <f t="array" ref="H4233">IFERROR(INDEX(Jesper!AL$2:AL$366,ROUNDDOWN($C4233/24,0)+1,1)*INDEX($D$3:$AA$30,INDEX(Jesper!$R$2:$R$366,ROW(INDEX(Jesper!AL$2:AL$366,ROUNDDOWN($C4233/24,0)+1,1))-1)+IF('Standard Profiles'!$G$22=$B$10,7,0)+IF('Standard Profiles'!$G$22=$B$17,14,0)+IF('Standard Profiles'!$G$22=$B$24,21,0),MOD($C4233,24)+1)/SUM(INDEX($D$3:$AA$30,INDEX(Jesper!$R$2:$R$366,ROW(INDEX(Jesper!AL$2:AL$366,ROUNDDOWN($C4233/24,0)+1,1))-1)+IF('Standard Profiles'!$G$22=$B$10,7,0)+IF('Standard Profiles'!$G$22=$B$17,14,0)+IF('Standard Profiles'!$G$22=$B$24,21,0),0)),0)</f>
        <v>0.26690858551129998</v>
      </c>
      <c r="I4233">
        <f t="shared" si="475"/>
        <v>0.25623224209084811</v>
      </c>
      <c r="J4233">
        <f t="shared" si="476"/>
        <v>4.6182158482831666</v>
      </c>
      <c r="K4233">
        <f t="shared" si="477"/>
        <v>0.21953720528183621</v>
      </c>
      <c r="L4233">
        <f t="shared" si="478"/>
        <v>0.1097686026409181</v>
      </c>
      <c r="M4233">
        <f t="shared" si="479"/>
        <v>0</v>
      </c>
      <c r="N4233" s="45">
        <f t="shared" si="480"/>
        <v>45101.958333323149</v>
      </c>
    </row>
    <row r="4234" spans="2:14" x14ac:dyDescent="0.25">
      <c r="B4234">
        <f t="shared" si="474"/>
        <v>7</v>
      </c>
      <c r="C4234" s="16">
        <v>4200</v>
      </c>
      <c r="D4234" cm="1">
        <f t="array" ref="D4234">IFERROR(INDEX(Jesper!AH$2:AH$366,ROUNDDOWN($C4234/24,0)+1,1)*INDEX($D$3:$AA$30,INDEX(Jesper!$R$2:$R$366,ROW(INDEX(Jesper!AH$2:AH$366,ROUNDDOWN($C4234/24,0)+1,1))-1)+IF('Standard Profiles'!$G$18=$B$10,7,0)+IF('Standard Profiles'!$G$18=$B$17,14,0)+IF('Standard Profiles'!$G$18=$B$24,21,0),MOD($C4234,24)+1)/SUM(INDEX($D$3:$AA$30,INDEX(Jesper!$R$2:$R$366,ROW(INDEX(Jesper!AH$2:AH$366,ROUNDDOWN($C4234/24,0)+1,1))-1)+IF('Standard Profiles'!$G$18=$B$10,7,0)+IF('Standard Profiles'!$G$18=$B$17,14,0)+IF('Standard Profiles'!$G$18=$B$24,21,0),0)),0)</f>
        <v>0</v>
      </c>
      <c r="E4234" cm="1">
        <f t="array" ref="E4234">IFERROR(INDEX(Jesper!AI$2:AI$366,ROUNDDOWN($C4234/24,0)+1,1)*INDEX($D$3:$AA$30,INDEX(Jesper!$R$2:$R$366,ROW(INDEX(Jesper!AI$2:AI$366,ROUNDDOWN($C4234/24,0)+1,1))-1)+IF('Standard Profiles'!$G$19=$B$10,7,0)+IF('Standard Profiles'!$G$19=$B$17,14,0)+IF('Standard Profiles'!$G$19=$B$24,21,0),MOD($C4234,24)+1)/SUM(INDEX($D$3:$AA$30,INDEX(Jesper!$R$2:$R$366,ROW(INDEX(Jesper!AI$2:AI$366,ROUNDDOWN($C4234/24,0)+1,1))-1)+IF('Standard Profiles'!$G$19=$B$10,7,0)+IF('Standard Profiles'!$G$19=$B$17,14,0)+IF('Standard Profiles'!$G$19=$B$24,21,0),0)),0)</f>
        <v>2.7197177470952592</v>
      </c>
      <c r="F4234" cm="1">
        <f t="array" ref="F4234">IFERROR(INDEX(Jesper!AJ$2:AJ$366,ROUNDDOWN($C4234/24,0)+1,1)*INDEX($D$3:$AA$30,INDEX(Jesper!$R$2:$R$366,ROW(INDEX(Jesper!AJ$2:AJ$366,ROUNDDOWN($C4234/24,0)+1,1))-1)+IF('Standard Profiles'!$G$20=$B$10,7,0)+IF('Standard Profiles'!$G$20=$B$17,14,0)+IF('Standard Profiles'!$G$20=$B$24,21,0),MOD($C4234,24)+1)/SUM(INDEX($D$3:$AA$30,INDEX(Jesper!$R$2:$R$366,ROW(INDEX(Jesper!AJ$2:AJ$366,ROUNDDOWN($C4234/24,0)+1,1))-1)+IF('Standard Profiles'!$G$20=$B$10,7,0)+IF('Standard Profiles'!$G$20=$B$17,14,0)+IF('Standard Profiles'!$G$20=$B$24,21,0),0)),0)</f>
        <v>1.0960287708440239</v>
      </c>
      <c r="G4234" cm="1">
        <f t="array" ref="G4234">IFERROR(INDEX(Jesper!AK$2:AK$366,ROUNDDOWN($C4234/24,0)+1,1)*INDEX($D$3:$AA$30,INDEX(Jesper!$R$2:$R$366,ROW(INDEX(Jesper!AK$2:AK$366,ROUNDDOWN($C4234/24,0)+1,1))-1)+IF('Standard Profiles'!$G$21=$B$10,7,0)+IF('Standard Profiles'!$G$21=$B$17,14,0)+IF('Standard Profiles'!$G$21=$B$24,21,0),MOD($C4234,24)+1)/SUM(INDEX($D$3:$AA$30,INDEX(Jesper!$R$2:$R$366,ROW(INDEX(Jesper!AK$2:AK$366,ROUNDDOWN($C4234/24,0)+1,1))-1)+IF('Standard Profiles'!$G$21=$B$10,7,0)+IF('Standard Profiles'!$G$21=$B$17,14,0)+IF('Standard Profiles'!$G$21=$B$24,21,0),0)),0)</f>
        <v>0.57173998801207526</v>
      </c>
      <c r="H4234" cm="1">
        <f t="array" ref="H4234">IFERROR(INDEX(Jesper!AL$2:AL$366,ROUNDDOWN($C4234/24,0)+1,1)*INDEX($D$3:$AA$30,INDEX(Jesper!$R$2:$R$366,ROW(INDEX(Jesper!AL$2:AL$366,ROUNDDOWN($C4234/24,0)+1,1))-1)+IF('Standard Profiles'!$G$22=$B$10,7,0)+IF('Standard Profiles'!$G$22=$B$17,14,0)+IF('Standard Profiles'!$G$22=$B$24,21,0),MOD($C4234,24)+1)/SUM(INDEX($D$3:$AA$30,INDEX(Jesper!$R$2:$R$366,ROW(INDEX(Jesper!AL$2:AL$366,ROUNDDOWN($C4234/24,0)+1,1))-1)+IF('Standard Profiles'!$G$22=$B$10,7,0)+IF('Standard Profiles'!$G$22=$B$17,14,0)+IF('Standard Profiles'!$G$22=$B$24,21,0),0)),0)</f>
        <v>0.13114531064001092</v>
      </c>
      <c r="I4234">
        <f t="shared" si="475"/>
        <v>0.12589949821441054</v>
      </c>
      <c r="J4234">
        <f t="shared" si="476"/>
        <v>4.0663661887255271</v>
      </c>
      <c r="K4234">
        <f t="shared" si="477"/>
        <v>0.21757741976762074</v>
      </c>
      <c r="L4234">
        <f t="shared" si="478"/>
        <v>0.10878870988381037</v>
      </c>
      <c r="M4234">
        <f t="shared" si="479"/>
        <v>0</v>
      </c>
      <c r="N4234" s="45">
        <f t="shared" si="480"/>
        <v>45101.999999989814</v>
      </c>
    </row>
    <row r="4235" spans="2:14" x14ac:dyDescent="0.25">
      <c r="B4235">
        <f t="shared" si="474"/>
        <v>7</v>
      </c>
      <c r="C4235" s="16">
        <v>4201</v>
      </c>
      <c r="D4235" cm="1">
        <f t="array" ref="D4235">IFERROR(INDEX(Jesper!AH$2:AH$366,ROUNDDOWN($C4235/24,0)+1,1)*INDEX($D$3:$AA$30,INDEX(Jesper!$R$2:$R$366,ROW(INDEX(Jesper!AH$2:AH$366,ROUNDDOWN($C4235/24,0)+1,1))-1)+IF('Standard Profiles'!$G$18=$B$10,7,0)+IF('Standard Profiles'!$G$18=$B$17,14,0)+IF('Standard Profiles'!$G$18=$B$24,21,0),MOD($C4235,24)+1)/SUM(INDEX($D$3:$AA$30,INDEX(Jesper!$R$2:$R$366,ROW(INDEX(Jesper!AH$2:AH$366,ROUNDDOWN($C4235/24,0)+1,1))-1)+IF('Standard Profiles'!$G$18=$B$10,7,0)+IF('Standard Profiles'!$G$18=$B$17,14,0)+IF('Standard Profiles'!$G$18=$B$24,21,0),0)),0)</f>
        <v>0</v>
      </c>
      <c r="E4235" cm="1">
        <f t="array" ref="E4235">IFERROR(INDEX(Jesper!AI$2:AI$366,ROUNDDOWN($C4235/24,0)+1,1)*INDEX($D$3:$AA$30,INDEX(Jesper!$R$2:$R$366,ROW(INDEX(Jesper!AI$2:AI$366,ROUNDDOWN($C4235/24,0)+1,1))-1)+IF('Standard Profiles'!$G$19=$B$10,7,0)+IF('Standard Profiles'!$G$19=$B$17,14,0)+IF('Standard Profiles'!$G$19=$B$24,21,0),MOD($C4235,24)+1)/SUM(INDEX($D$3:$AA$30,INDEX(Jesper!$R$2:$R$366,ROW(INDEX(Jesper!AI$2:AI$366,ROUNDDOWN($C4235/24,0)+1,1))-1)+IF('Standard Profiles'!$G$19=$B$10,7,0)+IF('Standard Profiles'!$G$19=$B$17,14,0)+IF('Standard Profiles'!$G$19=$B$24,21,0),0)),0)</f>
        <v>2.7197177470952592</v>
      </c>
      <c r="F4235" cm="1">
        <f t="array" ref="F4235">IFERROR(INDEX(Jesper!AJ$2:AJ$366,ROUNDDOWN($C4235/24,0)+1,1)*INDEX($D$3:$AA$30,INDEX(Jesper!$R$2:$R$366,ROW(INDEX(Jesper!AJ$2:AJ$366,ROUNDDOWN($C4235/24,0)+1,1))-1)+IF('Standard Profiles'!$G$20=$B$10,7,0)+IF('Standard Profiles'!$G$20=$B$17,14,0)+IF('Standard Profiles'!$G$20=$B$24,21,0),MOD($C4235,24)+1)/SUM(INDEX($D$3:$AA$30,INDEX(Jesper!$R$2:$R$366,ROW(INDEX(Jesper!AJ$2:AJ$366,ROUNDDOWN($C4235/24,0)+1,1))-1)+IF('Standard Profiles'!$G$20=$B$10,7,0)+IF('Standard Profiles'!$G$20=$B$17,14,0)+IF('Standard Profiles'!$G$20=$B$24,21,0),0)),0)</f>
        <v>1.0960287708440239</v>
      </c>
      <c r="G4235" cm="1">
        <f t="array" ref="G4235">IFERROR(INDEX(Jesper!AK$2:AK$366,ROUNDDOWN($C4235/24,0)+1,1)*INDEX($D$3:$AA$30,INDEX(Jesper!$R$2:$R$366,ROW(INDEX(Jesper!AK$2:AK$366,ROUNDDOWN($C4235/24,0)+1,1))-1)+IF('Standard Profiles'!$G$21=$B$10,7,0)+IF('Standard Profiles'!$G$21=$B$17,14,0)+IF('Standard Profiles'!$G$21=$B$24,21,0),MOD($C4235,24)+1)/SUM(INDEX($D$3:$AA$30,INDEX(Jesper!$R$2:$R$366,ROW(INDEX(Jesper!AK$2:AK$366,ROUNDDOWN($C4235/24,0)+1,1))-1)+IF('Standard Profiles'!$G$21=$B$10,7,0)+IF('Standard Profiles'!$G$21=$B$17,14,0)+IF('Standard Profiles'!$G$21=$B$24,21,0),0)),0)</f>
        <v>0.57173998801207526</v>
      </c>
      <c r="H4235" cm="1">
        <f t="array" ref="H4235">IFERROR(INDEX(Jesper!AL$2:AL$366,ROUNDDOWN($C4235/24,0)+1,1)*INDEX($D$3:$AA$30,INDEX(Jesper!$R$2:$R$366,ROW(INDEX(Jesper!AL$2:AL$366,ROUNDDOWN($C4235/24,0)+1,1))-1)+IF('Standard Profiles'!$G$22=$B$10,7,0)+IF('Standard Profiles'!$G$22=$B$17,14,0)+IF('Standard Profiles'!$G$22=$B$24,21,0),MOD($C4235,24)+1)/SUM(INDEX($D$3:$AA$30,INDEX(Jesper!$R$2:$R$366,ROW(INDEX(Jesper!AL$2:AL$366,ROUNDDOWN($C4235/24,0)+1,1))-1)+IF('Standard Profiles'!$G$22=$B$10,7,0)+IF('Standard Profiles'!$G$22=$B$17,14,0)+IF('Standard Profiles'!$G$22=$B$24,21,0),0)),0)</f>
        <v>0.15229778009807721</v>
      </c>
      <c r="I4235">
        <f t="shared" si="475"/>
        <v>0.14620586889415418</v>
      </c>
      <c r="J4235">
        <f t="shared" si="476"/>
        <v>4.0672122875038497</v>
      </c>
      <c r="K4235">
        <f t="shared" si="477"/>
        <v>0.21757741976762074</v>
      </c>
      <c r="L4235">
        <f t="shared" si="478"/>
        <v>0.10878870988381037</v>
      </c>
      <c r="M4235">
        <f t="shared" si="479"/>
        <v>0</v>
      </c>
      <c r="N4235" s="45">
        <f t="shared" si="480"/>
        <v>45102.041666656478</v>
      </c>
    </row>
    <row r="4236" spans="2:14" x14ac:dyDescent="0.25">
      <c r="B4236">
        <f t="shared" si="474"/>
        <v>7</v>
      </c>
      <c r="C4236" s="16">
        <v>4202</v>
      </c>
      <c r="D4236" cm="1">
        <f t="array" ref="D4236">IFERROR(INDEX(Jesper!AH$2:AH$366,ROUNDDOWN($C4236/24,0)+1,1)*INDEX($D$3:$AA$30,INDEX(Jesper!$R$2:$R$366,ROW(INDEX(Jesper!AH$2:AH$366,ROUNDDOWN($C4236/24,0)+1,1))-1)+IF('Standard Profiles'!$G$18=$B$10,7,0)+IF('Standard Profiles'!$G$18=$B$17,14,0)+IF('Standard Profiles'!$G$18=$B$24,21,0),MOD($C4236,24)+1)/SUM(INDEX($D$3:$AA$30,INDEX(Jesper!$R$2:$R$366,ROW(INDEX(Jesper!AH$2:AH$366,ROUNDDOWN($C4236/24,0)+1,1))-1)+IF('Standard Profiles'!$G$18=$B$10,7,0)+IF('Standard Profiles'!$G$18=$B$17,14,0)+IF('Standard Profiles'!$G$18=$B$24,21,0),0)),0)</f>
        <v>0</v>
      </c>
      <c r="E4236" cm="1">
        <f t="array" ref="E4236">IFERROR(INDEX(Jesper!AI$2:AI$366,ROUNDDOWN($C4236/24,0)+1,1)*INDEX($D$3:$AA$30,INDEX(Jesper!$R$2:$R$366,ROW(INDEX(Jesper!AI$2:AI$366,ROUNDDOWN($C4236/24,0)+1,1))-1)+IF('Standard Profiles'!$G$19=$B$10,7,0)+IF('Standard Profiles'!$G$19=$B$17,14,0)+IF('Standard Profiles'!$G$19=$B$24,21,0),MOD($C4236,24)+1)/SUM(INDEX($D$3:$AA$30,INDEX(Jesper!$R$2:$R$366,ROW(INDEX(Jesper!AI$2:AI$366,ROUNDDOWN($C4236/24,0)+1,1))-1)+IF('Standard Profiles'!$G$19=$B$10,7,0)+IF('Standard Profiles'!$G$19=$B$17,14,0)+IF('Standard Profiles'!$G$19=$B$24,21,0),0)),0)</f>
        <v>2.7197177470952592</v>
      </c>
      <c r="F4236" cm="1">
        <f t="array" ref="F4236">IFERROR(INDEX(Jesper!AJ$2:AJ$366,ROUNDDOWN($C4236/24,0)+1,1)*INDEX($D$3:$AA$30,INDEX(Jesper!$R$2:$R$366,ROW(INDEX(Jesper!AJ$2:AJ$366,ROUNDDOWN($C4236/24,0)+1,1))-1)+IF('Standard Profiles'!$G$20=$B$10,7,0)+IF('Standard Profiles'!$G$20=$B$17,14,0)+IF('Standard Profiles'!$G$20=$B$24,21,0),MOD($C4236,24)+1)/SUM(INDEX($D$3:$AA$30,INDEX(Jesper!$R$2:$R$366,ROW(INDEX(Jesper!AJ$2:AJ$366,ROUNDDOWN($C4236/24,0)+1,1))-1)+IF('Standard Profiles'!$G$20=$B$10,7,0)+IF('Standard Profiles'!$G$20=$B$17,14,0)+IF('Standard Profiles'!$G$20=$B$24,21,0),0)),0)</f>
        <v>1.0960287708440239</v>
      </c>
      <c r="G4236" cm="1">
        <f t="array" ref="G4236">IFERROR(INDEX(Jesper!AK$2:AK$366,ROUNDDOWN($C4236/24,0)+1,1)*INDEX($D$3:$AA$30,INDEX(Jesper!$R$2:$R$366,ROW(INDEX(Jesper!AK$2:AK$366,ROUNDDOWN($C4236/24,0)+1,1))-1)+IF('Standard Profiles'!$G$21=$B$10,7,0)+IF('Standard Profiles'!$G$21=$B$17,14,0)+IF('Standard Profiles'!$G$21=$B$24,21,0),MOD($C4236,24)+1)/SUM(INDEX($D$3:$AA$30,INDEX(Jesper!$R$2:$R$366,ROW(INDEX(Jesper!AK$2:AK$366,ROUNDDOWN($C4236/24,0)+1,1))-1)+IF('Standard Profiles'!$G$21=$B$10,7,0)+IF('Standard Profiles'!$G$21=$B$17,14,0)+IF('Standard Profiles'!$G$21=$B$24,21,0),0)),0)</f>
        <v>0.57173998801207526</v>
      </c>
      <c r="H4236" cm="1">
        <f t="array" ref="H4236">IFERROR(INDEX(Jesper!AL$2:AL$366,ROUNDDOWN($C4236/24,0)+1,1)*INDEX($D$3:$AA$30,INDEX(Jesper!$R$2:$R$366,ROW(INDEX(Jesper!AL$2:AL$366,ROUNDDOWN($C4236/24,0)+1,1))-1)+IF('Standard Profiles'!$G$22=$B$10,7,0)+IF('Standard Profiles'!$G$22=$B$17,14,0)+IF('Standard Profiles'!$G$22=$B$24,21,0),MOD($C4236,24)+1)/SUM(INDEX($D$3:$AA$30,INDEX(Jesper!$R$2:$R$366,ROW(INDEX(Jesper!AL$2:AL$366,ROUNDDOWN($C4236/24,0)+1,1))-1)+IF('Standard Profiles'!$G$22=$B$10,7,0)+IF('Standard Profiles'!$G$22=$B$17,14,0)+IF('Standard Profiles'!$G$22=$B$24,21,0),0)),0)</f>
        <v>0.15229778009807721</v>
      </c>
      <c r="I4236">
        <f t="shared" si="475"/>
        <v>0.14620586889415418</v>
      </c>
      <c r="J4236">
        <f t="shared" si="476"/>
        <v>4.0672122875038497</v>
      </c>
      <c r="K4236">
        <f t="shared" si="477"/>
        <v>0.21757741976762074</v>
      </c>
      <c r="L4236">
        <f t="shared" si="478"/>
        <v>0.10878870988381037</v>
      </c>
      <c r="M4236">
        <f t="shared" si="479"/>
        <v>0</v>
      </c>
      <c r="N4236" s="45">
        <f t="shared" si="480"/>
        <v>45102.083333323142</v>
      </c>
    </row>
    <row r="4237" spans="2:14" x14ac:dyDescent="0.25">
      <c r="B4237">
        <f t="shared" si="474"/>
        <v>7</v>
      </c>
      <c r="C4237" s="16">
        <v>4203</v>
      </c>
      <c r="D4237" cm="1">
        <f t="array" ref="D4237">IFERROR(INDEX(Jesper!AH$2:AH$366,ROUNDDOWN($C4237/24,0)+1,1)*INDEX($D$3:$AA$30,INDEX(Jesper!$R$2:$R$366,ROW(INDEX(Jesper!AH$2:AH$366,ROUNDDOWN($C4237/24,0)+1,1))-1)+IF('Standard Profiles'!$G$18=$B$10,7,0)+IF('Standard Profiles'!$G$18=$B$17,14,0)+IF('Standard Profiles'!$G$18=$B$24,21,0),MOD($C4237,24)+1)/SUM(INDEX($D$3:$AA$30,INDEX(Jesper!$R$2:$R$366,ROW(INDEX(Jesper!AH$2:AH$366,ROUNDDOWN($C4237/24,0)+1,1))-1)+IF('Standard Profiles'!$G$18=$B$10,7,0)+IF('Standard Profiles'!$G$18=$B$17,14,0)+IF('Standard Profiles'!$G$18=$B$24,21,0),0)),0)</f>
        <v>0</v>
      </c>
      <c r="E4237" cm="1">
        <f t="array" ref="E4237">IFERROR(INDEX(Jesper!AI$2:AI$366,ROUNDDOWN($C4237/24,0)+1,1)*INDEX($D$3:$AA$30,INDEX(Jesper!$R$2:$R$366,ROW(INDEX(Jesper!AI$2:AI$366,ROUNDDOWN($C4237/24,0)+1,1))-1)+IF('Standard Profiles'!$G$19=$B$10,7,0)+IF('Standard Profiles'!$G$19=$B$17,14,0)+IF('Standard Profiles'!$G$19=$B$24,21,0),MOD($C4237,24)+1)/SUM(INDEX($D$3:$AA$30,INDEX(Jesper!$R$2:$R$366,ROW(INDEX(Jesper!AI$2:AI$366,ROUNDDOWN($C4237/24,0)+1,1))-1)+IF('Standard Profiles'!$G$19=$B$10,7,0)+IF('Standard Profiles'!$G$19=$B$17,14,0)+IF('Standard Profiles'!$G$19=$B$24,21,0),0)),0)</f>
        <v>2.7197177470952592</v>
      </c>
      <c r="F4237" cm="1">
        <f t="array" ref="F4237">IFERROR(INDEX(Jesper!AJ$2:AJ$366,ROUNDDOWN($C4237/24,0)+1,1)*INDEX($D$3:$AA$30,INDEX(Jesper!$R$2:$R$366,ROW(INDEX(Jesper!AJ$2:AJ$366,ROUNDDOWN($C4237/24,0)+1,1))-1)+IF('Standard Profiles'!$G$20=$B$10,7,0)+IF('Standard Profiles'!$G$20=$B$17,14,0)+IF('Standard Profiles'!$G$20=$B$24,21,0),MOD($C4237,24)+1)/SUM(INDEX($D$3:$AA$30,INDEX(Jesper!$R$2:$R$366,ROW(INDEX(Jesper!AJ$2:AJ$366,ROUNDDOWN($C4237/24,0)+1,1))-1)+IF('Standard Profiles'!$G$20=$B$10,7,0)+IF('Standard Profiles'!$G$20=$B$17,14,0)+IF('Standard Profiles'!$G$20=$B$24,21,0),0)),0)</f>
        <v>1.0960287708440239</v>
      </c>
      <c r="G4237" cm="1">
        <f t="array" ref="G4237">IFERROR(INDEX(Jesper!AK$2:AK$366,ROUNDDOWN($C4237/24,0)+1,1)*INDEX($D$3:$AA$30,INDEX(Jesper!$R$2:$R$366,ROW(INDEX(Jesper!AK$2:AK$366,ROUNDDOWN($C4237/24,0)+1,1))-1)+IF('Standard Profiles'!$G$21=$B$10,7,0)+IF('Standard Profiles'!$G$21=$B$17,14,0)+IF('Standard Profiles'!$G$21=$B$24,21,0),MOD($C4237,24)+1)/SUM(INDEX($D$3:$AA$30,INDEX(Jesper!$R$2:$R$366,ROW(INDEX(Jesper!AK$2:AK$366,ROUNDDOWN($C4237/24,0)+1,1))-1)+IF('Standard Profiles'!$G$21=$B$10,7,0)+IF('Standard Profiles'!$G$21=$B$17,14,0)+IF('Standard Profiles'!$G$21=$B$24,21,0),0)),0)</f>
        <v>0.57173998801207526</v>
      </c>
      <c r="H4237" cm="1">
        <f t="array" ref="H4237">IFERROR(INDEX(Jesper!AL$2:AL$366,ROUNDDOWN($C4237/24,0)+1,1)*INDEX($D$3:$AA$30,INDEX(Jesper!$R$2:$R$366,ROW(INDEX(Jesper!AL$2:AL$366,ROUNDDOWN($C4237/24,0)+1,1))-1)+IF('Standard Profiles'!$G$22=$B$10,7,0)+IF('Standard Profiles'!$G$22=$B$17,14,0)+IF('Standard Profiles'!$G$22=$B$24,21,0),MOD($C4237,24)+1)/SUM(INDEX($D$3:$AA$30,INDEX(Jesper!$R$2:$R$366,ROW(INDEX(Jesper!AL$2:AL$366,ROUNDDOWN($C4237/24,0)+1,1))-1)+IF('Standard Profiles'!$G$22=$B$10,7,0)+IF('Standard Profiles'!$G$22=$B$17,14,0)+IF('Standard Profiles'!$G$22=$B$24,21,0),0)),0)</f>
        <v>0.15229778009807721</v>
      </c>
      <c r="I4237">
        <f t="shared" si="475"/>
        <v>0.14620586889415418</v>
      </c>
      <c r="J4237">
        <f t="shared" si="476"/>
        <v>4.0672122875038497</v>
      </c>
      <c r="K4237">
        <f t="shared" si="477"/>
        <v>0.21757741976762074</v>
      </c>
      <c r="L4237">
        <f t="shared" si="478"/>
        <v>0.10878870988381037</v>
      </c>
      <c r="M4237">
        <f t="shared" si="479"/>
        <v>0</v>
      </c>
      <c r="N4237" s="45">
        <f t="shared" si="480"/>
        <v>45102.124999989806</v>
      </c>
    </row>
    <row r="4238" spans="2:14" x14ac:dyDescent="0.25">
      <c r="B4238">
        <f t="shared" si="474"/>
        <v>7</v>
      </c>
      <c r="C4238" s="16">
        <v>4204</v>
      </c>
      <c r="D4238" cm="1">
        <f t="array" ref="D4238">IFERROR(INDEX(Jesper!AH$2:AH$366,ROUNDDOWN($C4238/24,0)+1,1)*INDEX($D$3:$AA$30,INDEX(Jesper!$R$2:$R$366,ROW(INDEX(Jesper!AH$2:AH$366,ROUNDDOWN($C4238/24,0)+1,1))-1)+IF('Standard Profiles'!$G$18=$B$10,7,0)+IF('Standard Profiles'!$G$18=$B$17,14,0)+IF('Standard Profiles'!$G$18=$B$24,21,0),MOD($C4238,24)+1)/SUM(INDEX($D$3:$AA$30,INDEX(Jesper!$R$2:$R$366,ROW(INDEX(Jesper!AH$2:AH$366,ROUNDDOWN($C4238/24,0)+1,1))-1)+IF('Standard Profiles'!$G$18=$B$10,7,0)+IF('Standard Profiles'!$G$18=$B$17,14,0)+IF('Standard Profiles'!$G$18=$B$24,21,0),0)),0)</f>
        <v>0</v>
      </c>
      <c r="E4238" cm="1">
        <f t="array" ref="E4238">IFERROR(INDEX(Jesper!AI$2:AI$366,ROUNDDOWN($C4238/24,0)+1,1)*INDEX($D$3:$AA$30,INDEX(Jesper!$R$2:$R$366,ROW(INDEX(Jesper!AI$2:AI$366,ROUNDDOWN($C4238/24,0)+1,1))-1)+IF('Standard Profiles'!$G$19=$B$10,7,0)+IF('Standard Profiles'!$G$19=$B$17,14,0)+IF('Standard Profiles'!$G$19=$B$24,21,0),MOD($C4238,24)+1)/SUM(INDEX($D$3:$AA$30,INDEX(Jesper!$R$2:$R$366,ROW(INDEX(Jesper!AI$2:AI$366,ROUNDDOWN($C4238/24,0)+1,1))-1)+IF('Standard Profiles'!$G$19=$B$10,7,0)+IF('Standard Profiles'!$G$19=$B$17,14,0)+IF('Standard Profiles'!$G$19=$B$24,21,0),0)),0)</f>
        <v>2.7197177470952592</v>
      </c>
      <c r="F4238" cm="1">
        <f t="array" ref="F4238">IFERROR(INDEX(Jesper!AJ$2:AJ$366,ROUNDDOWN($C4238/24,0)+1,1)*INDEX($D$3:$AA$30,INDEX(Jesper!$R$2:$R$366,ROW(INDEX(Jesper!AJ$2:AJ$366,ROUNDDOWN($C4238/24,0)+1,1))-1)+IF('Standard Profiles'!$G$20=$B$10,7,0)+IF('Standard Profiles'!$G$20=$B$17,14,0)+IF('Standard Profiles'!$G$20=$B$24,21,0),MOD($C4238,24)+1)/SUM(INDEX($D$3:$AA$30,INDEX(Jesper!$R$2:$R$366,ROW(INDEX(Jesper!AJ$2:AJ$366,ROUNDDOWN($C4238/24,0)+1,1))-1)+IF('Standard Profiles'!$G$20=$B$10,7,0)+IF('Standard Profiles'!$G$20=$B$17,14,0)+IF('Standard Profiles'!$G$20=$B$24,21,0),0)),0)</f>
        <v>1.0960287708440239</v>
      </c>
      <c r="G4238" cm="1">
        <f t="array" ref="G4238">IFERROR(INDEX(Jesper!AK$2:AK$366,ROUNDDOWN($C4238/24,0)+1,1)*INDEX($D$3:$AA$30,INDEX(Jesper!$R$2:$R$366,ROW(INDEX(Jesper!AK$2:AK$366,ROUNDDOWN($C4238/24,0)+1,1))-1)+IF('Standard Profiles'!$G$21=$B$10,7,0)+IF('Standard Profiles'!$G$21=$B$17,14,0)+IF('Standard Profiles'!$G$21=$B$24,21,0),MOD($C4238,24)+1)/SUM(INDEX($D$3:$AA$30,INDEX(Jesper!$R$2:$R$366,ROW(INDEX(Jesper!AK$2:AK$366,ROUNDDOWN($C4238/24,0)+1,1))-1)+IF('Standard Profiles'!$G$21=$B$10,7,0)+IF('Standard Profiles'!$G$21=$B$17,14,0)+IF('Standard Profiles'!$G$21=$B$24,21,0),0)),0)</f>
        <v>0.57173998801207526</v>
      </c>
      <c r="H4238" cm="1">
        <f t="array" ref="H4238">IFERROR(INDEX(Jesper!AL$2:AL$366,ROUNDDOWN($C4238/24,0)+1,1)*INDEX($D$3:$AA$30,INDEX(Jesper!$R$2:$R$366,ROW(INDEX(Jesper!AL$2:AL$366,ROUNDDOWN($C4238/24,0)+1,1))-1)+IF('Standard Profiles'!$G$22=$B$10,7,0)+IF('Standard Profiles'!$G$22=$B$17,14,0)+IF('Standard Profiles'!$G$22=$B$24,21,0),MOD($C4238,24)+1)/SUM(INDEX($D$3:$AA$30,INDEX(Jesper!$R$2:$R$366,ROW(INDEX(Jesper!AL$2:AL$366,ROUNDDOWN($C4238/24,0)+1,1))-1)+IF('Standard Profiles'!$G$22=$B$10,7,0)+IF('Standard Profiles'!$G$22=$B$17,14,0)+IF('Standard Profiles'!$G$22=$B$24,21,0),0)),0)</f>
        <v>0.15229778009807721</v>
      </c>
      <c r="I4238">
        <f t="shared" si="475"/>
        <v>0.14620586889415418</v>
      </c>
      <c r="J4238">
        <f t="shared" si="476"/>
        <v>4.0672122875038497</v>
      </c>
      <c r="K4238">
        <f t="shared" si="477"/>
        <v>0.21757741976762074</v>
      </c>
      <c r="L4238">
        <f t="shared" si="478"/>
        <v>0.10878870988381037</v>
      </c>
      <c r="M4238">
        <f t="shared" si="479"/>
        <v>0</v>
      </c>
      <c r="N4238" s="45">
        <f t="shared" si="480"/>
        <v>45102.166666656471</v>
      </c>
    </row>
    <row r="4239" spans="2:14" x14ac:dyDescent="0.25">
      <c r="B4239">
        <f t="shared" si="474"/>
        <v>7</v>
      </c>
      <c r="C4239" s="16">
        <v>4205</v>
      </c>
      <c r="D4239" cm="1">
        <f t="array" ref="D4239">IFERROR(INDEX(Jesper!AH$2:AH$366,ROUNDDOWN($C4239/24,0)+1,1)*INDEX($D$3:$AA$30,INDEX(Jesper!$R$2:$R$366,ROW(INDEX(Jesper!AH$2:AH$366,ROUNDDOWN($C4239/24,0)+1,1))-1)+IF('Standard Profiles'!$G$18=$B$10,7,0)+IF('Standard Profiles'!$G$18=$B$17,14,0)+IF('Standard Profiles'!$G$18=$B$24,21,0),MOD($C4239,24)+1)/SUM(INDEX($D$3:$AA$30,INDEX(Jesper!$R$2:$R$366,ROW(INDEX(Jesper!AH$2:AH$366,ROUNDDOWN($C4239/24,0)+1,1))-1)+IF('Standard Profiles'!$G$18=$B$10,7,0)+IF('Standard Profiles'!$G$18=$B$17,14,0)+IF('Standard Profiles'!$G$18=$B$24,21,0),0)),0)</f>
        <v>0</v>
      </c>
      <c r="E4239" cm="1">
        <f t="array" ref="E4239">IFERROR(INDEX(Jesper!AI$2:AI$366,ROUNDDOWN($C4239/24,0)+1,1)*INDEX($D$3:$AA$30,INDEX(Jesper!$R$2:$R$366,ROW(INDEX(Jesper!AI$2:AI$366,ROUNDDOWN($C4239/24,0)+1,1))-1)+IF('Standard Profiles'!$G$19=$B$10,7,0)+IF('Standard Profiles'!$G$19=$B$17,14,0)+IF('Standard Profiles'!$G$19=$B$24,21,0),MOD($C4239,24)+1)/SUM(INDEX($D$3:$AA$30,INDEX(Jesper!$R$2:$R$366,ROW(INDEX(Jesper!AI$2:AI$366,ROUNDDOWN($C4239/24,0)+1,1))-1)+IF('Standard Profiles'!$G$19=$B$10,7,0)+IF('Standard Profiles'!$G$19=$B$17,14,0)+IF('Standard Profiles'!$G$19=$B$24,21,0),0)),0)</f>
        <v>2.7197177470952592</v>
      </c>
      <c r="F4239" cm="1">
        <f t="array" ref="F4239">IFERROR(INDEX(Jesper!AJ$2:AJ$366,ROUNDDOWN($C4239/24,0)+1,1)*INDEX($D$3:$AA$30,INDEX(Jesper!$R$2:$R$366,ROW(INDEX(Jesper!AJ$2:AJ$366,ROUNDDOWN($C4239/24,0)+1,1))-1)+IF('Standard Profiles'!$G$20=$B$10,7,0)+IF('Standard Profiles'!$G$20=$B$17,14,0)+IF('Standard Profiles'!$G$20=$B$24,21,0),MOD($C4239,24)+1)/SUM(INDEX($D$3:$AA$30,INDEX(Jesper!$R$2:$R$366,ROW(INDEX(Jesper!AJ$2:AJ$366,ROUNDDOWN($C4239/24,0)+1,1))-1)+IF('Standard Profiles'!$G$20=$B$10,7,0)+IF('Standard Profiles'!$G$20=$B$17,14,0)+IF('Standard Profiles'!$G$20=$B$24,21,0),0)),0)</f>
        <v>1.0960287708440239</v>
      </c>
      <c r="G4239" cm="1">
        <f t="array" ref="G4239">IFERROR(INDEX(Jesper!AK$2:AK$366,ROUNDDOWN($C4239/24,0)+1,1)*INDEX($D$3:$AA$30,INDEX(Jesper!$R$2:$R$366,ROW(INDEX(Jesper!AK$2:AK$366,ROUNDDOWN($C4239/24,0)+1,1))-1)+IF('Standard Profiles'!$G$21=$B$10,7,0)+IF('Standard Profiles'!$G$21=$B$17,14,0)+IF('Standard Profiles'!$G$21=$B$24,21,0),MOD($C4239,24)+1)/SUM(INDEX($D$3:$AA$30,INDEX(Jesper!$R$2:$R$366,ROW(INDEX(Jesper!AK$2:AK$366,ROUNDDOWN($C4239/24,0)+1,1))-1)+IF('Standard Profiles'!$G$21=$B$10,7,0)+IF('Standard Profiles'!$G$21=$B$17,14,0)+IF('Standard Profiles'!$G$21=$B$24,21,0),0)),0)</f>
        <v>0.57173998801207526</v>
      </c>
      <c r="H4239" cm="1">
        <f t="array" ref="H4239">IFERROR(INDEX(Jesper!AL$2:AL$366,ROUNDDOWN($C4239/24,0)+1,1)*INDEX($D$3:$AA$30,INDEX(Jesper!$R$2:$R$366,ROW(INDEX(Jesper!AL$2:AL$366,ROUNDDOWN($C4239/24,0)+1,1))-1)+IF('Standard Profiles'!$G$22=$B$10,7,0)+IF('Standard Profiles'!$G$22=$B$17,14,0)+IF('Standard Profiles'!$G$22=$B$24,21,0),MOD($C4239,24)+1)/SUM(INDEX($D$3:$AA$30,INDEX(Jesper!$R$2:$R$366,ROW(INDEX(Jesper!AL$2:AL$366,ROUNDDOWN($C4239/24,0)+1,1))-1)+IF('Standard Profiles'!$G$22=$B$10,7,0)+IF('Standard Profiles'!$G$22=$B$17,14,0)+IF('Standard Profiles'!$G$22=$B$24,21,0),0)),0)</f>
        <v>0.19037222512259652</v>
      </c>
      <c r="I4239">
        <f t="shared" si="475"/>
        <v>0.18275733611769276</v>
      </c>
      <c r="J4239">
        <f t="shared" si="476"/>
        <v>4.0687352653048308</v>
      </c>
      <c r="K4239">
        <f t="shared" si="477"/>
        <v>0.21757741976762074</v>
      </c>
      <c r="L4239">
        <f t="shared" si="478"/>
        <v>0.10878870988381037</v>
      </c>
      <c r="M4239">
        <f t="shared" si="479"/>
        <v>0</v>
      </c>
      <c r="N4239" s="45">
        <f t="shared" si="480"/>
        <v>45102.208333323135</v>
      </c>
    </row>
    <row r="4240" spans="2:14" x14ac:dyDescent="0.25">
      <c r="B4240">
        <f t="shared" si="474"/>
        <v>7</v>
      </c>
      <c r="C4240" s="16">
        <v>4206</v>
      </c>
      <c r="D4240" cm="1">
        <f t="array" ref="D4240">IFERROR(INDEX(Jesper!AH$2:AH$366,ROUNDDOWN($C4240/24,0)+1,1)*INDEX($D$3:$AA$30,INDEX(Jesper!$R$2:$R$366,ROW(INDEX(Jesper!AH$2:AH$366,ROUNDDOWN($C4240/24,0)+1,1))-1)+IF('Standard Profiles'!$G$18=$B$10,7,0)+IF('Standard Profiles'!$G$18=$B$17,14,0)+IF('Standard Profiles'!$G$18=$B$24,21,0),MOD($C4240,24)+1)/SUM(INDEX($D$3:$AA$30,INDEX(Jesper!$R$2:$R$366,ROW(INDEX(Jesper!AH$2:AH$366,ROUNDDOWN($C4240/24,0)+1,1))-1)+IF('Standard Profiles'!$G$18=$B$10,7,0)+IF('Standard Profiles'!$G$18=$B$17,14,0)+IF('Standard Profiles'!$G$18=$B$24,21,0),0)),0)</f>
        <v>0</v>
      </c>
      <c r="E4240" cm="1">
        <f t="array" ref="E4240">IFERROR(INDEX(Jesper!AI$2:AI$366,ROUNDDOWN($C4240/24,0)+1,1)*INDEX($D$3:$AA$30,INDEX(Jesper!$R$2:$R$366,ROW(INDEX(Jesper!AI$2:AI$366,ROUNDDOWN($C4240/24,0)+1,1))-1)+IF('Standard Profiles'!$G$19=$B$10,7,0)+IF('Standard Profiles'!$G$19=$B$17,14,0)+IF('Standard Profiles'!$G$19=$B$24,21,0),MOD($C4240,24)+1)/SUM(INDEX($D$3:$AA$30,INDEX(Jesper!$R$2:$R$366,ROW(INDEX(Jesper!AI$2:AI$366,ROUNDDOWN($C4240/24,0)+1,1))-1)+IF('Standard Profiles'!$G$19=$B$10,7,0)+IF('Standard Profiles'!$G$19=$B$17,14,0)+IF('Standard Profiles'!$G$19=$B$24,21,0),0)),0)</f>
        <v>2.7197177470952592</v>
      </c>
      <c r="F4240" cm="1">
        <f t="array" ref="F4240">IFERROR(INDEX(Jesper!AJ$2:AJ$366,ROUNDDOWN($C4240/24,0)+1,1)*INDEX($D$3:$AA$30,INDEX(Jesper!$R$2:$R$366,ROW(INDEX(Jesper!AJ$2:AJ$366,ROUNDDOWN($C4240/24,0)+1,1))-1)+IF('Standard Profiles'!$G$20=$B$10,7,0)+IF('Standard Profiles'!$G$20=$B$17,14,0)+IF('Standard Profiles'!$G$20=$B$24,21,0),MOD($C4240,24)+1)/SUM(INDEX($D$3:$AA$30,INDEX(Jesper!$R$2:$R$366,ROW(INDEX(Jesper!AJ$2:AJ$366,ROUNDDOWN($C4240/24,0)+1,1))-1)+IF('Standard Profiles'!$G$20=$B$10,7,0)+IF('Standard Profiles'!$G$20=$B$17,14,0)+IF('Standard Profiles'!$G$20=$B$24,21,0),0)),0)</f>
        <v>1.0960287708440239</v>
      </c>
      <c r="G4240" cm="1">
        <f t="array" ref="G4240">IFERROR(INDEX(Jesper!AK$2:AK$366,ROUNDDOWN($C4240/24,0)+1,1)*INDEX($D$3:$AA$30,INDEX(Jesper!$R$2:$R$366,ROW(INDEX(Jesper!AK$2:AK$366,ROUNDDOWN($C4240/24,0)+1,1))-1)+IF('Standard Profiles'!$G$21=$B$10,7,0)+IF('Standard Profiles'!$G$21=$B$17,14,0)+IF('Standard Profiles'!$G$21=$B$24,21,0),MOD($C4240,24)+1)/SUM(INDEX($D$3:$AA$30,INDEX(Jesper!$R$2:$R$366,ROW(INDEX(Jesper!AK$2:AK$366,ROUNDDOWN($C4240/24,0)+1,1))-1)+IF('Standard Profiles'!$G$21=$B$10,7,0)+IF('Standard Profiles'!$G$21=$B$17,14,0)+IF('Standard Profiles'!$G$21=$B$24,21,0),0)),0)</f>
        <v>0.57173998801207526</v>
      </c>
      <c r="H4240" cm="1">
        <f t="array" ref="H4240">IFERROR(INDEX(Jesper!AL$2:AL$366,ROUNDDOWN($C4240/24,0)+1,1)*INDEX($D$3:$AA$30,INDEX(Jesper!$R$2:$R$366,ROW(INDEX(Jesper!AL$2:AL$366,ROUNDDOWN($C4240/24,0)+1,1))-1)+IF('Standard Profiles'!$G$22=$B$10,7,0)+IF('Standard Profiles'!$G$22=$B$17,14,0)+IF('Standard Profiles'!$G$22=$B$24,21,0),MOD($C4240,24)+1)/SUM(INDEX($D$3:$AA$30,INDEX(Jesper!$R$2:$R$366,ROW(INDEX(Jesper!AL$2:AL$366,ROUNDDOWN($C4240/24,0)+1,1))-1)+IF('Standard Profiles'!$G$22=$B$10,7,0)+IF('Standard Profiles'!$G$22=$B$17,14,0)+IF('Standard Profiles'!$G$22=$B$24,21,0),0)),0)</f>
        <v>0.22421617625550255</v>
      </c>
      <c r="I4240">
        <f t="shared" si="475"/>
        <v>0.21524752920528256</v>
      </c>
      <c r="J4240">
        <f t="shared" si="476"/>
        <v>4.070089023350147</v>
      </c>
      <c r="K4240">
        <f t="shared" si="477"/>
        <v>0.21757741976762074</v>
      </c>
      <c r="L4240">
        <f t="shared" si="478"/>
        <v>0.10878870988381037</v>
      </c>
      <c r="M4240">
        <f t="shared" si="479"/>
        <v>0</v>
      </c>
      <c r="N4240" s="45">
        <f t="shared" si="480"/>
        <v>45102.249999989799</v>
      </c>
    </row>
    <row r="4241" spans="2:14" x14ac:dyDescent="0.25">
      <c r="B4241">
        <f t="shared" si="474"/>
        <v>7</v>
      </c>
      <c r="C4241" s="16">
        <v>4207</v>
      </c>
      <c r="D4241" cm="1">
        <f t="array" ref="D4241">IFERROR(INDEX(Jesper!AH$2:AH$366,ROUNDDOWN($C4241/24,0)+1,1)*INDEX($D$3:$AA$30,INDEX(Jesper!$R$2:$R$366,ROW(INDEX(Jesper!AH$2:AH$366,ROUNDDOWN($C4241/24,0)+1,1))-1)+IF('Standard Profiles'!$G$18=$B$10,7,0)+IF('Standard Profiles'!$G$18=$B$17,14,0)+IF('Standard Profiles'!$G$18=$B$24,21,0),MOD($C4241,24)+1)/SUM(INDEX($D$3:$AA$30,INDEX(Jesper!$R$2:$R$366,ROW(INDEX(Jesper!AH$2:AH$366,ROUNDDOWN($C4241/24,0)+1,1))-1)+IF('Standard Profiles'!$G$18=$B$10,7,0)+IF('Standard Profiles'!$G$18=$B$17,14,0)+IF('Standard Profiles'!$G$18=$B$24,21,0),0)),0)</f>
        <v>0</v>
      </c>
      <c r="E4241" cm="1">
        <f t="array" ref="E4241">IFERROR(INDEX(Jesper!AI$2:AI$366,ROUNDDOWN($C4241/24,0)+1,1)*INDEX($D$3:$AA$30,INDEX(Jesper!$R$2:$R$366,ROW(INDEX(Jesper!AI$2:AI$366,ROUNDDOWN($C4241/24,0)+1,1))-1)+IF('Standard Profiles'!$G$19=$B$10,7,0)+IF('Standard Profiles'!$G$19=$B$17,14,0)+IF('Standard Profiles'!$G$19=$B$24,21,0),MOD($C4241,24)+1)/SUM(INDEX($D$3:$AA$30,INDEX(Jesper!$R$2:$R$366,ROW(INDEX(Jesper!AI$2:AI$366,ROUNDDOWN($C4241/24,0)+1,1))-1)+IF('Standard Profiles'!$G$19=$B$10,7,0)+IF('Standard Profiles'!$G$19=$B$17,14,0)+IF('Standard Profiles'!$G$19=$B$24,21,0),0)),0)</f>
        <v>2.7197177470952592</v>
      </c>
      <c r="F4241" cm="1">
        <f t="array" ref="F4241">IFERROR(INDEX(Jesper!AJ$2:AJ$366,ROUNDDOWN($C4241/24,0)+1,1)*INDEX($D$3:$AA$30,INDEX(Jesper!$R$2:$R$366,ROW(INDEX(Jesper!AJ$2:AJ$366,ROUNDDOWN($C4241/24,0)+1,1))-1)+IF('Standard Profiles'!$G$20=$B$10,7,0)+IF('Standard Profiles'!$G$20=$B$17,14,0)+IF('Standard Profiles'!$G$20=$B$24,21,0),MOD($C4241,24)+1)/SUM(INDEX($D$3:$AA$30,INDEX(Jesper!$R$2:$R$366,ROW(INDEX(Jesper!AJ$2:AJ$366,ROUNDDOWN($C4241/24,0)+1,1))-1)+IF('Standard Profiles'!$G$20=$B$10,7,0)+IF('Standard Profiles'!$G$20=$B$17,14,0)+IF('Standard Profiles'!$G$20=$B$24,21,0),0)),0)</f>
        <v>1.0960287708440239</v>
      </c>
      <c r="G4241" cm="1">
        <f t="array" ref="G4241">IFERROR(INDEX(Jesper!AK$2:AK$366,ROUNDDOWN($C4241/24,0)+1,1)*INDEX($D$3:$AA$30,INDEX(Jesper!$R$2:$R$366,ROW(INDEX(Jesper!AK$2:AK$366,ROUNDDOWN($C4241/24,0)+1,1))-1)+IF('Standard Profiles'!$G$21=$B$10,7,0)+IF('Standard Profiles'!$G$21=$B$17,14,0)+IF('Standard Profiles'!$G$21=$B$24,21,0),MOD($C4241,24)+1)/SUM(INDEX($D$3:$AA$30,INDEX(Jesper!$R$2:$R$366,ROW(INDEX(Jesper!AK$2:AK$366,ROUNDDOWN($C4241/24,0)+1,1))-1)+IF('Standard Profiles'!$G$21=$B$10,7,0)+IF('Standard Profiles'!$G$21=$B$17,14,0)+IF('Standard Profiles'!$G$21=$B$24,21,0),0)),0)</f>
        <v>0.57173998801207526</v>
      </c>
      <c r="H4241" cm="1">
        <f t="array" ref="H4241">IFERROR(INDEX(Jesper!AL$2:AL$366,ROUNDDOWN($C4241/24,0)+1,1)*INDEX($D$3:$AA$30,INDEX(Jesper!$R$2:$R$366,ROW(INDEX(Jesper!AL$2:AL$366,ROUNDDOWN($C4241/24,0)+1,1))-1)+IF('Standard Profiles'!$G$22=$B$10,7,0)+IF('Standard Profiles'!$G$22=$B$17,14,0)+IF('Standard Profiles'!$G$22=$B$24,21,0),MOD($C4241,24)+1)/SUM(INDEX($D$3:$AA$30,INDEX(Jesper!$R$2:$R$366,ROW(INDEX(Jesper!AL$2:AL$366,ROUNDDOWN($C4241/24,0)+1,1))-1)+IF('Standard Profiles'!$G$22=$B$10,7,0)+IF('Standard Profiles'!$G$22=$B$17,14,0)+IF('Standard Profiles'!$G$22=$B$24,21,0),0)),0)</f>
        <v>0.26652111517163513</v>
      </c>
      <c r="I4241">
        <f t="shared" si="475"/>
        <v>0.25586027056476984</v>
      </c>
      <c r="J4241">
        <f t="shared" si="476"/>
        <v>4.0717812209067921</v>
      </c>
      <c r="K4241">
        <f t="shared" si="477"/>
        <v>0.21757741976762074</v>
      </c>
      <c r="L4241">
        <f t="shared" si="478"/>
        <v>0.10878870988381037</v>
      </c>
      <c r="M4241">
        <f t="shared" si="479"/>
        <v>0</v>
      </c>
      <c r="N4241" s="45">
        <f t="shared" si="480"/>
        <v>45102.291666656463</v>
      </c>
    </row>
    <row r="4242" spans="2:14" x14ac:dyDescent="0.25">
      <c r="B4242">
        <f t="shared" si="474"/>
        <v>7</v>
      </c>
      <c r="C4242" s="16">
        <v>4208</v>
      </c>
      <c r="D4242" cm="1">
        <f t="array" ref="D4242">IFERROR(INDEX(Jesper!AH$2:AH$366,ROUNDDOWN($C4242/24,0)+1,1)*INDEX($D$3:$AA$30,INDEX(Jesper!$R$2:$R$366,ROW(INDEX(Jesper!AH$2:AH$366,ROUNDDOWN($C4242/24,0)+1,1))-1)+IF('Standard Profiles'!$G$18=$B$10,7,0)+IF('Standard Profiles'!$G$18=$B$17,14,0)+IF('Standard Profiles'!$G$18=$B$24,21,0),MOD($C4242,24)+1)/SUM(INDEX($D$3:$AA$30,INDEX(Jesper!$R$2:$R$366,ROW(INDEX(Jesper!AH$2:AH$366,ROUNDDOWN($C4242/24,0)+1,1))-1)+IF('Standard Profiles'!$G$18=$B$10,7,0)+IF('Standard Profiles'!$G$18=$B$17,14,0)+IF('Standard Profiles'!$G$18=$B$24,21,0),0)),0)</f>
        <v>0</v>
      </c>
      <c r="E4242" cm="1">
        <f t="array" ref="E4242">IFERROR(INDEX(Jesper!AI$2:AI$366,ROUNDDOWN($C4242/24,0)+1,1)*INDEX($D$3:$AA$30,INDEX(Jesper!$R$2:$R$366,ROW(INDEX(Jesper!AI$2:AI$366,ROUNDDOWN($C4242/24,0)+1,1))-1)+IF('Standard Profiles'!$G$19=$B$10,7,0)+IF('Standard Profiles'!$G$19=$B$17,14,0)+IF('Standard Profiles'!$G$19=$B$24,21,0),MOD($C4242,24)+1)/SUM(INDEX($D$3:$AA$30,INDEX(Jesper!$R$2:$R$366,ROW(INDEX(Jesper!AI$2:AI$366,ROUNDDOWN($C4242/24,0)+1,1))-1)+IF('Standard Profiles'!$G$19=$B$10,7,0)+IF('Standard Profiles'!$G$19=$B$17,14,0)+IF('Standard Profiles'!$G$19=$B$24,21,0),0)),0)</f>
        <v>2.7197177470952592</v>
      </c>
      <c r="F4242" cm="1">
        <f t="array" ref="F4242">IFERROR(INDEX(Jesper!AJ$2:AJ$366,ROUNDDOWN($C4242/24,0)+1,1)*INDEX($D$3:$AA$30,INDEX(Jesper!$R$2:$R$366,ROW(INDEX(Jesper!AJ$2:AJ$366,ROUNDDOWN($C4242/24,0)+1,1))-1)+IF('Standard Profiles'!$G$20=$B$10,7,0)+IF('Standard Profiles'!$G$20=$B$17,14,0)+IF('Standard Profiles'!$G$20=$B$24,21,0),MOD($C4242,24)+1)/SUM(INDEX($D$3:$AA$30,INDEX(Jesper!$R$2:$R$366,ROW(INDEX(Jesper!AJ$2:AJ$366,ROUNDDOWN($C4242/24,0)+1,1))-1)+IF('Standard Profiles'!$G$20=$B$10,7,0)+IF('Standard Profiles'!$G$20=$B$17,14,0)+IF('Standard Profiles'!$G$20=$B$24,21,0),0)),0)</f>
        <v>1.0960287708440239</v>
      </c>
      <c r="G4242" cm="1">
        <f t="array" ref="G4242">IFERROR(INDEX(Jesper!AK$2:AK$366,ROUNDDOWN($C4242/24,0)+1,1)*INDEX($D$3:$AA$30,INDEX(Jesper!$R$2:$R$366,ROW(INDEX(Jesper!AK$2:AK$366,ROUNDDOWN($C4242/24,0)+1,1))-1)+IF('Standard Profiles'!$G$21=$B$10,7,0)+IF('Standard Profiles'!$G$21=$B$17,14,0)+IF('Standard Profiles'!$G$21=$B$24,21,0),MOD($C4242,24)+1)/SUM(INDEX($D$3:$AA$30,INDEX(Jesper!$R$2:$R$366,ROW(INDEX(Jesper!AK$2:AK$366,ROUNDDOWN($C4242/24,0)+1,1))-1)+IF('Standard Profiles'!$G$21=$B$10,7,0)+IF('Standard Profiles'!$G$21=$B$17,14,0)+IF('Standard Profiles'!$G$21=$B$24,21,0),0)),0)</f>
        <v>0.57173998801207526</v>
      </c>
      <c r="H4242" cm="1">
        <f t="array" ref="H4242">IFERROR(INDEX(Jesper!AL$2:AL$366,ROUNDDOWN($C4242/24,0)+1,1)*INDEX($D$3:$AA$30,INDEX(Jesper!$R$2:$R$366,ROW(INDEX(Jesper!AL$2:AL$366,ROUNDDOWN($C4242/24,0)+1,1))-1)+IF('Standard Profiles'!$G$22=$B$10,7,0)+IF('Standard Profiles'!$G$22=$B$17,14,0)+IF('Standard Profiles'!$G$22=$B$24,21,0),MOD($C4242,24)+1)/SUM(INDEX($D$3:$AA$30,INDEX(Jesper!$R$2:$R$366,ROW(INDEX(Jesper!AL$2:AL$366,ROUNDDOWN($C4242/24,0)+1,1))-1)+IF('Standard Profiles'!$G$22=$B$10,7,0)+IF('Standard Profiles'!$G$22=$B$17,14,0)+IF('Standard Profiles'!$G$22=$B$24,21,0),0)),0)</f>
        <v>0.26652111517163513</v>
      </c>
      <c r="I4242">
        <f t="shared" si="475"/>
        <v>0.25586027056476984</v>
      </c>
      <c r="J4242">
        <f t="shared" si="476"/>
        <v>4.0717812209067921</v>
      </c>
      <c r="K4242">
        <f t="shared" si="477"/>
        <v>0.21757741976762074</v>
      </c>
      <c r="L4242">
        <f t="shared" si="478"/>
        <v>0.10878870988381037</v>
      </c>
      <c r="M4242">
        <f t="shared" si="479"/>
        <v>0</v>
      </c>
      <c r="N4242" s="45">
        <f t="shared" si="480"/>
        <v>45102.333333323128</v>
      </c>
    </row>
    <row r="4243" spans="2:14" x14ac:dyDescent="0.25">
      <c r="B4243">
        <f t="shared" si="474"/>
        <v>7</v>
      </c>
      <c r="C4243" s="16">
        <v>4209</v>
      </c>
      <c r="D4243" cm="1">
        <f t="array" ref="D4243">IFERROR(INDEX(Jesper!AH$2:AH$366,ROUNDDOWN($C4243/24,0)+1,1)*INDEX($D$3:$AA$30,INDEX(Jesper!$R$2:$R$366,ROW(INDEX(Jesper!AH$2:AH$366,ROUNDDOWN($C4243/24,0)+1,1))-1)+IF('Standard Profiles'!$G$18=$B$10,7,0)+IF('Standard Profiles'!$G$18=$B$17,14,0)+IF('Standard Profiles'!$G$18=$B$24,21,0),MOD($C4243,24)+1)/SUM(INDEX($D$3:$AA$30,INDEX(Jesper!$R$2:$R$366,ROW(INDEX(Jesper!AH$2:AH$366,ROUNDDOWN($C4243/24,0)+1,1))-1)+IF('Standard Profiles'!$G$18=$B$10,7,0)+IF('Standard Profiles'!$G$18=$B$17,14,0)+IF('Standard Profiles'!$G$18=$B$24,21,0),0)),0)</f>
        <v>0</v>
      </c>
      <c r="E4243" cm="1">
        <f t="array" ref="E4243">IFERROR(INDEX(Jesper!AI$2:AI$366,ROUNDDOWN($C4243/24,0)+1,1)*INDEX($D$3:$AA$30,INDEX(Jesper!$R$2:$R$366,ROW(INDEX(Jesper!AI$2:AI$366,ROUNDDOWN($C4243/24,0)+1,1))-1)+IF('Standard Profiles'!$G$19=$B$10,7,0)+IF('Standard Profiles'!$G$19=$B$17,14,0)+IF('Standard Profiles'!$G$19=$B$24,21,0),MOD($C4243,24)+1)/SUM(INDEX($D$3:$AA$30,INDEX(Jesper!$R$2:$R$366,ROW(INDEX(Jesper!AI$2:AI$366,ROUNDDOWN($C4243/24,0)+1,1))-1)+IF('Standard Profiles'!$G$19=$B$10,7,0)+IF('Standard Profiles'!$G$19=$B$17,14,0)+IF('Standard Profiles'!$G$19=$B$24,21,0),0)),0)</f>
        <v>2.7197177470952592</v>
      </c>
      <c r="F4243" cm="1">
        <f t="array" ref="F4243">IFERROR(INDEX(Jesper!AJ$2:AJ$366,ROUNDDOWN($C4243/24,0)+1,1)*INDEX($D$3:$AA$30,INDEX(Jesper!$R$2:$R$366,ROW(INDEX(Jesper!AJ$2:AJ$366,ROUNDDOWN($C4243/24,0)+1,1))-1)+IF('Standard Profiles'!$G$20=$B$10,7,0)+IF('Standard Profiles'!$G$20=$B$17,14,0)+IF('Standard Profiles'!$G$20=$B$24,21,0),MOD($C4243,24)+1)/SUM(INDEX($D$3:$AA$30,INDEX(Jesper!$R$2:$R$366,ROW(INDEX(Jesper!AJ$2:AJ$366,ROUNDDOWN($C4243/24,0)+1,1))-1)+IF('Standard Profiles'!$G$20=$B$10,7,0)+IF('Standard Profiles'!$G$20=$B$17,14,0)+IF('Standard Profiles'!$G$20=$B$24,21,0),0)),0)</f>
        <v>1.0960287708440239</v>
      </c>
      <c r="G4243" cm="1">
        <f t="array" ref="G4243">IFERROR(INDEX(Jesper!AK$2:AK$366,ROUNDDOWN($C4243/24,0)+1,1)*INDEX($D$3:$AA$30,INDEX(Jesper!$R$2:$R$366,ROW(INDEX(Jesper!AK$2:AK$366,ROUNDDOWN($C4243/24,0)+1,1))-1)+IF('Standard Profiles'!$G$21=$B$10,7,0)+IF('Standard Profiles'!$G$21=$B$17,14,0)+IF('Standard Profiles'!$G$21=$B$24,21,0),MOD($C4243,24)+1)/SUM(INDEX($D$3:$AA$30,INDEX(Jesper!$R$2:$R$366,ROW(INDEX(Jesper!AK$2:AK$366,ROUNDDOWN($C4243/24,0)+1,1))-1)+IF('Standard Profiles'!$G$21=$B$10,7,0)+IF('Standard Profiles'!$G$21=$B$17,14,0)+IF('Standard Profiles'!$G$21=$B$24,21,0),0)),0)</f>
        <v>0.57173998801207526</v>
      </c>
      <c r="H4243" cm="1">
        <f t="array" ref="H4243">IFERROR(INDEX(Jesper!AL$2:AL$366,ROUNDDOWN($C4243/24,0)+1,1)*INDEX($D$3:$AA$30,INDEX(Jesper!$R$2:$R$366,ROW(INDEX(Jesper!AL$2:AL$366,ROUNDDOWN($C4243/24,0)+1,1))-1)+IF('Standard Profiles'!$G$22=$B$10,7,0)+IF('Standard Profiles'!$G$22=$B$17,14,0)+IF('Standard Profiles'!$G$22=$B$24,21,0),MOD($C4243,24)+1)/SUM(INDEX($D$3:$AA$30,INDEX(Jesper!$R$2:$R$366,ROW(INDEX(Jesper!AL$2:AL$366,ROUNDDOWN($C4243/24,0)+1,1))-1)+IF('Standard Profiles'!$G$22=$B$10,7,0)+IF('Standard Profiles'!$G$22=$B$17,14,0)+IF('Standard Profiles'!$G$22=$B$24,21,0),0)),0)</f>
        <v>0.26652111517163513</v>
      </c>
      <c r="I4243">
        <f t="shared" si="475"/>
        <v>0.25586027056476984</v>
      </c>
      <c r="J4243">
        <f t="shared" si="476"/>
        <v>4.0717812209067921</v>
      </c>
      <c r="K4243">
        <f t="shared" si="477"/>
        <v>0.21757741976762074</v>
      </c>
      <c r="L4243">
        <f t="shared" si="478"/>
        <v>0.10878870988381037</v>
      </c>
      <c r="M4243">
        <f t="shared" si="479"/>
        <v>0</v>
      </c>
      <c r="N4243" s="45">
        <f t="shared" si="480"/>
        <v>45102.374999989792</v>
      </c>
    </row>
    <row r="4244" spans="2:14" x14ac:dyDescent="0.25">
      <c r="B4244">
        <f t="shared" si="474"/>
        <v>7</v>
      </c>
      <c r="C4244" s="16">
        <v>4210</v>
      </c>
      <c r="D4244" cm="1">
        <f t="array" ref="D4244">IFERROR(INDEX(Jesper!AH$2:AH$366,ROUNDDOWN($C4244/24,0)+1,1)*INDEX($D$3:$AA$30,INDEX(Jesper!$R$2:$R$366,ROW(INDEX(Jesper!AH$2:AH$366,ROUNDDOWN($C4244/24,0)+1,1))-1)+IF('Standard Profiles'!$G$18=$B$10,7,0)+IF('Standard Profiles'!$G$18=$B$17,14,0)+IF('Standard Profiles'!$G$18=$B$24,21,0),MOD($C4244,24)+1)/SUM(INDEX($D$3:$AA$30,INDEX(Jesper!$R$2:$R$366,ROW(INDEX(Jesper!AH$2:AH$366,ROUNDDOWN($C4244/24,0)+1,1))-1)+IF('Standard Profiles'!$G$18=$B$10,7,0)+IF('Standard Profiles'!$G$18=$B$17,14,0)+IF('Standard Profiles'!$G$18=$B$24,21,0),0)),0)</f>
        <v>0</v>
      </c>
      <c r="E4244" cm="1">
        <f t="array" ref="E4244">IFERROR(INDEX(Jesper!AI$2:AI$366,ROUNDDOWN($C4244/24,0)+1,1)*INDEX($D$3:$AA$30,INDEX(Jesper!$R$2:$R$366,ROW(INDEX(Jesper!AI$2:AI$366,ROUNDDOWN($C4244/24,0)+1,1))-1)+IF('Standard Profiles'!$G$19=$B$10,7,0)+IF('Standard Profiles'!$G$19=$B$17,14,0)+IF('Standard Profiles'!$G$19=$B$24,21,0),MOD($C4244,24)+1)/SUM(INDEX($D$3:$AA$30,INDEX(Jesper!$R$2:$R$366,ROW(INDEX(Jesper!AI$2:AI$366,ROUNDDOWN($C4244/24,0)+1,1))-1)+IF('Standard Profiles'!$G$19=$B$10,7,0)+IF('Standard Profiles'!$G$19=$B$17,14,0)+IF('Standard Profiles'!$G$19=$B$24,21,0),0)),0)</f>
        <v>2.7197177470952592</v>
      </c>
      <c r="F4244" cm="1">
        <f t="array" ref="F4244">IFERROR(INDEX(Jesper!AJ$2:AJ$366,ROUNDDOWN($C4244/24,0)+1,1)*INDEX($D$3:$AA$30,INDEX(Jesper!$R$2:$R$366,ROW(INDEX(Jesper!AJ$2:AJ$366,ROUNDDOWN($C4244/24,0)+1,1))-1)+IF('Standard Profiles'!$G$20=$B$10,7,0)+IF('Standard Profiles'!$G$20=$B$17,14,0)+IF('Standard Profiles'!$G$20=$B$24,21,0),MOD($C4244,24)+1)/SUM(INDEX($D$3:$AA$30,INDEX(Jesper!$R$2:$R$366,ROW(INDEX(Jesper!AJ$2:AJ$366,ROUNDDOWN($C4244/24,0)+1,1))-1)+IF('Standard Profiles'!$G$20=$B$10,7,0)+IF('Standard Profiles'!$G$20=$B$17,14,0)+IF('Standard Profiles'!$G$20=$B$24,21,0),0)),0)</f>
        <v>1.0960287708440239</v>
      </c>
      <c r="G4244" cm="1">
        <f t="array" ref="G4244">IFERROR(INDEX(Jesper!AK$2:AK$366,ROUNDDOWN($C4244/24,0)+1,1)*INDEX($D$3:$AA$30,INDEX(Jesper!$R$2:$R$366,ROW(INDEX(Jesper!AK$2:AK$366,ROUNDDOWN($C4244/24,0)+1,1))-1)+IF('Standard Profiles'!$G$21=$B$10,7,0)+IF('Standard Profiles'!$G$21=$B$17,14,0)+IF('Standard Profiles'!$G$21=$B$24,21,0),MOD($C4244,24)+1)/SUM(INDEX($D$3:$AA$30,INDEX(Jesper!$R$2:$R$366,ROW(INDEX(Jesper!AK$2:AK$366,ROUNDDOWN($C4244/24,0)+1,1))-1)+IF('Standard Profiles'!$G$21=$B$10,7,0)+IF('Standard Profiles'!$G$21=$B$17,14,0)+IF('Standard Profiles'!$G$21=$B$24,21,0),0)),0)</f>
        <v>0.57173998801207526</v>
      </c>
      <c r="H4244" cm="1">
        <f t="array" ref="H4244">IFERROR(INDEX(Jesper!AL$2:AL$366,ROUNDDOWN($C4244/24,0)+1,1)*INDEX($D$3:$AA$30,INDEX(Jesper!$R$2:$R$366,ROW(INDEX(Jesper!AL$2:AL$366,ROUNDDOWN($C4244/24,0)+1,1))-1)+IF('Standard Profiles'!$G$22=$B$10,7,0)+IF('Standard Profiles'!$G$22=$B$17,14,0)+IF('Standard Profiles'!$G$22=$B$24,21,0),MOD($C4244,24)+1)/SUM(INDEX($D$3:$AA$30,INDEX(Jesper!$R$2:$R$366,ROW(INDEX(Jesper!AL$2:AL$366,ROUNDDOWN($C4244/24,0)+1,1))-1)+IF('Standard Profiles'!$G$22=$B$10,7,0)+IF('Standard Profiles'!$G$22=$B$17,14,0)+IF('Standard Profiles'!$G$22=$B$24,21,0),0)),0)</f>
        <v>0.26652111517163513</v>
      </c>
      <c r="I4244">
        <f t="shared" si="475"/>
        <v>0.25586027056476984</v>
      </c>
      <c r="J4244">
        <f t="shared" si="476"/>
        <v>4.0717812209067921</v>
      </c>
      <c r="K4244">
        <f t="shared" si="477"/>
        <v>0.21757741976762074</v>
      </c>
      <c r="L4244">
        <f t="shared" si="478"/>
        <v>0.10878870988381037</v>
      </c>
      <c r="M4244">
        <f t="shared" si="479"/>
        <v>0</v>
      </c>
      <c r="N4244" s="45">
        <f t="shared" si="480"/>
        <v>45102.416666656456</v>
      </c>
    </row>
    <row r="4245" spans="2:14" x14ac:dyDescent="0.25">
      <c r="B4245">
        <f t="shared" si="474"/>
        <v>7</v>
      </c>
      <c r="C4245" s="16">
        <v>4211</v>
      </c>
      <c r="D4245" cm="1">
        <f t="array" ref="D4245">IFERROR(INDEX(Jesper!AH$2:AH$366,ROUNDDOWN($C4245/24,0)+1,1)*INDEX($D$3:$AA$30,INDEX(Jesper!$R$2:$R$366,ROW(INDEX(Jesper!AH$2:AH$366,ROUNDDOWN($C4245/24,0)+1,1))-1)+IF('Standard Profiles'!$G$18=$B$10,7,0)+IF('Standard Profiles'!$G$18=$B$17,14,0)+IF('Standard Profiles'!$G$18=$B$24,21,0),MOD($C4245,24)+1)/SUM(INDEX($D$3:$AA$30,INDEX(Jesper!$R$2:$R$366,ROW(INDEX(Jesper!AH$2:AH$366,ROUNDDOWN($C4245/24,0)+1,1))-1)+IF('Standard Profiles'!$G$18=$B$10,7,0)+IF('Standard Profiles'!$G$18=$B$17,14,0)+IF('Standard Profiles'!$G$18=$B$24,21,0),0)),0)</f>
        <v>0</v>
      </c>
      <c r="E4245" cm="1">
        <f t="array" ref="E4245">IFERROR(INDEX(Jesper!AI$2:AI$366,ROUNDDOWN($C4245/24,0)+1,1)*INDEX($D$3:$AA$30,INDEX(Jesper!$R$2:$R$366,ROW(INDEX(Jesper!AI$2:AI$366,ROUNDDOWN($C4245/24,0)+1,1))-1)+IF('Standard Profiles'!$G$19=$B$10,7,0)+IF('Standard Profiles'!$G$19=$B$17,14,0)+IF('Standard Profiles'!$G$19=$B$24,21,0),MOD($C4245,24)+1)/SUM(INDEX($D$3:$AA$30,INDEX(Jesper!$R$2:$R$366,ROW(INDEX(Jesper!AI$2:AI$366,ROUNDDOWN($C4245/24,0)+1,1))-1)+IF('Standard Profiles'!$G$19=$B$10,7,0)+IF('Standard Profiles'!$G$19=$B$17,14,0)+IF('Standard Profiles'!$G$19=$B$24,21,0),0)),0)</f>
        <v>2.7197177470952592</v>
      </c>
      <c r="F4245" cm="1">
        <f t="array" ref="F4245">IFERROR(INDEX(Jesper!AJ$2:AJ$366,ROUNDDOWN($C4245/24,0)+1,1)*INDEX($D$3:$AA$30,INDEX(Jesper!$R$2:$R$366,ROW(INDEX(Jesper!AJ$2:AJ$366,ROUNDDOWN($C4245/24,0)+1,1))-1)+IF('Standard Profiles'!$G$20=$B$10,7,0)+IF('Standard Profiles'!$G$20=$B$17,14,0)+IF('Standard Profiles'!$G$20=$B$24,21,0),MOD($C4245,24)+1)/SUM(INDEX($D$3:$AA$30,INDEX(Jesper!$R$2:$R$366,ROW(INDEX(Jesper!AJ$2:AJ$366,ROUNDDOWN($C4245/24,0)+1,1))-1)+IF('Standard Profiles'!$G$20=$B$10,7,0)+IF('Standard Profiles'!$G$20=$B$17,14,0)+IF('Standard Profiles'!$G$20=$B$24,21,0),0)),0)</f>
        <v>1.0960287708440239</v>
      </c>
      <c r="G4245" cm="1">
        <f t="array" ref="G4245">IFERROR(INDEX(Jesper!AK$2:AK$366,ROUNDDOWN($C4245/24,0)+1,1)*INDEX($D$3:$AA$30,INDEX(Jesper!$R$2:$R$366,ROW(INDEX(Jesper!AK$2:AK$366,ROUNDDOWN($C4245/24,0)+1,1))-1)+IF('Standard Profiles'!$G$21=$B$10,7,0)+IF('Standard Profiles'!$G$21=$B$17,14,0)+IF('Standard Profiles'!$G$21=$B$24,21,0),MOD($C4245,24)+1)/SUM(INDEX($D$3:$AA$30,INDEX(Jesper!$R$2:$R$366,ROW(INDEX(Jesper!AK$2:AK$366,ROUNDDOWN($C4245/24,0)+1,1))-1)+IF('Standard Profiles'!$G$21=$B$10,7,0)+IF('Standard Profiles'!$G$21=$B$17,14,0)+IF('Standard Profiles'!$G$21=$B$24,21,0),0)),0)</f>
        <v>0.57173998801207526</v>
      </c>
      <c r="H4245" cm="1">
        <f t="array" ref="H4245">IFERROR(INDEX(Jesper!AL$2:AL$366,ROUNDDOWN($C4245/24,0)+1,1)*INDEX($D$3:$AA$30,INDEX(Jesper!$R$2:$R$366,ROW(INDEX(Jesper!AL$2:AL$366,ROUNDDOWN($C4245/24,0)+1,1))-1)+IF('Standard Profiles'!$G$22=$B$10,7,0)+IF('Standard Profiles'!$G$22=$B$17,14,0)+IF('Standard Profiles'!$G$22=$B$24,21,0),MOD($C4245,24)+1)/SUM(INDEX($D$3:$AA$30,INDEX(Jesper!$R$2:$R$366,ROW(INDEX(Jesper!AL$2:AL$366,ROUNDDOWN($C4245/24,0)+1,1))-1)+IF('Standard Profiles'!$G$22=$B$10,7,0)+IF('Standard Profiles'!$G$22=$B$17,14,0)+IF('Standard Profiles'!$G$22=$B$24,21,0),0)),0)</f>
        <v>0.26652111517163513</v>
      </c>
      <c r="I4245">
        <f t="shared" si="475"/>
        <v>0.25586027056476984</v>
      </c>
      <c r="J4245">
        <f t="shared" si="476"/>
        <v>4.0717812209067921</v>
      </c>
      <c r="K4245">
        <f t="shared" si="477"/>
        <v>0.21757741976762074</v>
      </c>
      <c r="L4245">
        <f t="shared" si="478"/>
        <v>0.10878870988381037</v>
      </c>
      <c r="M4245">
        <f t="shared" si="479"/>
        <v>0</v>
      </c>
      <c r="N4245" s="45">
        <f t="shared" si="480"/>
        <v>45102.45833332312</v>
      </c>
    </row>
    <row r="4246" spans="2:14" x14ac:dyDescent="0.25">
      <c r="B4246">
        <f t="shared" si="474"/>
        <v>7</v>
      </c>
      <c r="C4246" s="16">
        <v>4212</v>
      </c>
      <c r="D4246" cm="1">
        <f t="array" ref="D4246">IFERROR(INDEX(Jesper!AH$2:AH$366,ROUNDDOWN($C4246/24,0)+1,1)*INDEX($D$3:$AA$30,INDEX(Jesper!$R$2:$R$366,ROW(INDEX(Jesper!AH$2:AH$366,ROUNDDOWN($C4246/24,0)+1,1))-1)+IF('Standard Profiles'!$G$18=$B$10,7,0)+IF('Standard Profiles'!$G$18=$B$17,14,0)+IF('Standard Profiles'!$G$18=$B$24,21,0),MOD($C4246,24)+1)/SUM(INDEX($D$3:$AA$30,INDEX(Jesper!$R$2:$R$366,ROW(INDEX(Jesper!AH$2:AH$366,ROUNDDOWN($C4246/24,0)+1,1))-1)+IF('Standard Profiles'!$G$18=$B$10,7,0)+IF('Standard Profiles'!$G$18=$B$17,14,0)+IF('Standard Profiles'!$G$18=$B$24,21,0),0)),0)</f>
        <v>0</v>
      </c>
      <c r="E4246" cm="1">
        <f t="array" ref="E4246">IFERROR(INDEX(Jesper!AI$2:AI$366,ROUNDDOWN($C4246/24,0)+1,1)*INDEX($D$3:$AA$30,INDEX(Jesper!$R$2:$R$366,ROW(INDEX(Jesper!AI$2:AI$366,ROUNDDOWN($C4246/24,0)+1,1))-1)+IF('Standard Profiles'!$G$19=$B$10,7,0)+IF('Standard Profiles'!$G$19=$B$17,14,0)+IF('Standard Profiles'!$G$19=$B$24,21,0),MOD($C4246,24)+1)/SUM(INDEX($D$3:$AA$30,INDEX(Jesper!$R$2:$R$366,ROW(INDEX(Jesper!AI$2:AI$366,ROUNDDOWN($C4246/24,0)+1,1))-1)+IF('Standard Profiles'!$G$19=$B$10,7,0)+IF('Standard Profiles'!$G$19=$B$17,14,0)+IF('Standard Profiles'!$G$19=$B$24,21,0),0)),0)</f>
        <v>2.7197177470952592</v>
      </c>
      <c r="F4246" cm="1">
        <f t="array" ref="F4246">IFERROR(INDEX(Jesper!AJ$2:AJ$366,ROUNDDOWN($C4246/24,0)+1,1)*INDEX($D$3:$AA$30,INDEX(Jesper!$R$2:$R$366,ROW(INDEX(Jesper!AJ$2:AJ$366,ROUNDDOWN($C4246/24,0)+1,1))-1)+IF('Standard Profiles'!$G$20=$B$10,7,0)+IF('Standard Profiles'!$G$20=$B$17,14,0)+IF('Standard Profiles'!$G$20=$B$24,21,0),MOD($C4246,24)+1)/SUM(INDEX($D$3:$AA$30,INDEX(Jesper!$R$2:$R$366,ROW(INDEX(Jesper!AJ$2:AJ$366,ROUNDDOWN($C4246/24,0)+1,1))-1)+IF('Standard Profiles'!$G$20=$B$10,7,0)+IF('Standard Profiles'!$G$20=$B$17,14,0)+IF('Standard Profiles'!$G$20=$B$24,21,0),0)),0)</f>
        <v>1.0960287708440239</v>
      </c>
      <c r="G4246" cm="1">
        <f t="array" ref="G4246">IFERROR(INDEX(Jesper!AK$2:AK$366,ROUNDDOWN($C4246/24,0)+1,1)*INDEX($D$3:$AA$30,INDEX(Jesper!$R$2:$R$366,ROW(INDEX(Jesper!AK$2:AK$366,ROUNDDOWN($C4246/24,0)+1,1))-1)+IF('Standard Profiles'!$G$21=$B$10,7,0)+IF('Standard Profiles'!$G$21=$B$17,14,0)+IF('Standard Profiles'!$G$21=$B$24,21,0),MOD($C4246,24)+1)/SUM(INDEX($D$3:$AA$30,INDEX(Jesper!$R$2:$R$366,ROW(INDEX(Jesper!AK$2:AK$366,ROUNDDOWN($C4246/24,0)+1,1))-1)+IF('Standard Profiles'!$G$21=$B$10,7,0)+IF('Standard Profiles'!$G$21=$B$17,14,0)+IF('Standard Profiles'!$G$21=$B$24,21,0),0)),0)</f>
        <v>0.57173998801207526</v>
      </c>
      <c r="H4246" cm="1">
        <f t="array" ref="H4246">IFERROR(INDEX(Jesper!AL$2:AL$366,ROUNDDOWN($C4246/24,0)+1,1)*INDEX($D$3:$AA$30,INDEX(Jesper!$R$2:$R$366,ROW(INDEX(Jesper!AL$2:AL$366,ROUNDDOWN($C4246/24,0)+1,1))-1)+IF('Standard Profiles'!$G$22=$B$10,7,0)+IF('Standard Profiles'!$G$22=$B$17,14,0)+IF('Standard Profiles'!$G$22=$B$24,21,0),MOD($C4246,24)+1)/SUM(INDEX($D$3:$AA$30,INDEX(Jesper!$R$2:$R$366,ROW(INDEX(Jesper!AL$2:AL$366,ROUNDDOWN($C4246/24,0)+1,1))-1)+IF('Standard Profiles'!$G$22=$B$10,7,0)+IF('Standard Profiles'!$G$22=$B$17,14,0)+IF('Standard Profiles'!$G$22=$B$24,21,0),0)),0)</f>
        <v>0.26652111517163513</v>
      </c>
      <c r="I4246">
        <f t="shared" si="475"/>
        <v>0.25586027056476984</v>
      </c>
      <c r="J4246">
        <f t="shared" si="476"/>
        <v>4.0717812209067921</v>
      </c>
      <c r="K4246">
        <f t="shared" si="477"/>
        <v>0.21757741976762074</v>
      </c>
      <c r="L4246">
        <f t="shared" si="478"/>
        <v>0.10878870988381037</v>
      </c>
      <c r="M4246">
        <f t="shared" si="479"/>
        <v>0</v>
      </c>
      <c r="N4246" s="45">
        <f t="shared" si="480"/>
        <v>45102.499999989785</v>
      </c>
    </row>
    <row r="4247" spans="2:14" x14ac:dyDescent="0.25">
      <c r="B4247">
        <f t="shared" si="474"/>
        <v>7</v>
      </c>
      <c r="C4247" s="16">
        <v>4213</v>
      </c>
      <c r="D4247" cm="1">
        <f t="array" ref="D4247">IFERROR(INDEX(Jesper!AH$2:AH$366,ROUNDDOWN($C4247/24,0)+1,1)*INDEX($D$3:$AA$30,INDEX(Jesper!$R$2:$R$366,ROW(INDEX(Jesper!AH$2:AH$366,ROUNDDOWN($C4247/24,0)+1,1))-1)+IF('Standard Profiles'!$G$18=$B$10,7,0)+IF('Standard Profiles'!$G$18=$B$17,14,0)+IF('Standard Profiles'!$G$18=$B$24,21,0),MOD($C4247,24)+1)/SUM(INDEX($D$3:$AA$30,INDEX(Jesper!$R$2:$R$366,ROW(INDEX(Jesper!AH$2:AH$366,ROUNDDOWN($C4247/24,0)+1,1))-1)+IF('Standard Profiles'!$G$18=$B$10,7,0)+IF('Standard Profiles'!$G$18=$B$17,14,0)+IF('Standard Profiles'!$G$18=$B$24,21,0),0)),0)</f>
        <v>0</v>
      </c>
      <c r="E4247" cm="1">
        <f t="array" ref="E4247">IFERROR(INDEX(Jesper!AI$2:AI$366,ROUNDDOWN($C4247/24,0)+1,1)*INDEX($D$3:$AA$30,INDEX(Jesper!$R$2:$R$366,ROW(INDEX(Jesper!AI$2:AI$366,ROUNDDOWN($C4247/24,0)+1,1))-1)+IF('Standard Profiles'!$G$19=$B$10,7,0)+IF('Standard Profiles'!$G$19=$B$17,14,0)+IF('Standard Profiles'!$G$19=$B$24,21,0),MOD($C4247,24)+1)/SUM(INDEX($D$3:$AA$30,INDEX(Jesper!$R$2:$R$366,ROW(INDEX(Jesper!AI$2:AI$366,ROUNDDOWN($C4247/24,0)+1,1))-1)+IF('Standard Profiles'!$G$19=$B$10,7,0)+IF('Standard Profiles'!$G$19=$B$17,14,0)+IF('Standard Profiles'!$G$19=$B$24,21,0),0)),0)</f>
        <v>2.7197177470952592</v>
      </c>
      <c r="F4247" cm="1">
        <f t="array" ref="F4247">IFERROR(INDEX(Jesper!AJ$2:AJ$366,ROUNDDOWN($C4247/24,0)+1,1)*INDEX($D$3:$AA$30,INDEX(Jesper!$R$2:$R$366,ROW(INDEX(Jesper!AJ$2:AJ$366,ROUNDDOWN($C4247/24,0)+1,1))-1)+IF('Standard Profiles'!$G$20=$B$10,7,0)+IF('Standard Profiles'!$G$20=$B$17,14,0)+IF('Standard Profiles'!$G$20=$B$24,21,0),MOD($C4247,24)+1)/SUM(INDEX($D$3:$AA$30,INDEX(Jesper!$R$2:$R$366,ROW(INDEX(Jesper!AJ$2:AJ$366,ROUNDDOWN($C4247/24,0)+1,1))-1)+IF('Standard Profiles'!$G$20=$B$10,7,0)+IF('Standard Profiles'!$G$20=$B$17,14,0)+IF('Standard Profiles'!$G$20=$B$24,21,0),0)),0)</f>
        <v>1.0960287708440239</v>
      </c>
      <c r="G4247" cm="1">
        <f t="array" ref="G4247">IFERROR(INDEX(Jesper!AK$2:AK$366,ROUNDDOWN($C4247/24,0)+1,1)*INDEX($D$3:$AA$30,INDEX(Jesper!$R$2:$R$366,ROW(INDEX(Jesper!AK$2:AK$366,ROUNDDOWN($C4247/24,0)+1,1))-1)+IF('Standard Profiles'!$G$21=$B$10,7,0)+IF('Standard Profiles'!$G$21=$B$17,14,0)+IF('Standard Profiles'!$G$21=$B$24,21,0),MOD($C4247,24)+1)/SUM(INDEX($D$3:$AA$30,INDEX(Jesper!$R$2:$R$366,ROW(INDEX(Jesper!AK$2:AK$366,ROUNDDOWN($C4247/24,0)+1,1))-1)+IF('Standard Profiles'!$G$21=$B$10,7,0)+IF('Standard Profiles'!$G$21=$B$17,14,0)+IF('Standard Profiles'!$G$21=$B$24,21,0),0)),0)</f>
        <v>0.57173998801207526</v>
      </c>
      <c r="H4247" cm="1">
        <f t="array" ref="H4247">IFERROR(INDEX(Jesper!AL$2:AL$366,ROUNDDOWN($C4247/24,0)+1,1)*INDEX($D$3:$AA$30,INDEX(Jesper!$R$2:$R$366,ROW(INDEX(Jesper!AL$2:AL$366,ROUNDDOWN($C4247/24,0)+1,1))-1)+IF('Standard Profiles'!$G$22=$B$10,7,0)+IF('Standard Profiles'!$G$22=$B$17,14,0)+IF('Standard Profiles'!$G$22=$B$24,21,0),MOD($C4247,24)+1)/SUM(INDEX($D$3:$AA$30,INDEX(Jesper!$R$2:$R$366,ROW(INDEX(Jesper!AL$2:AL$366,ROUNDDOWN($C4247/24,0)+1,1))-1)+IF('Standard Profiles'!$G$22=$B$10,7,0)+IF('Standard Profiles'!$G$22=$B$17,14,0)+IF('Standard Profiles'!$G$22=$B$24,21,0),0)),0)</f>
        <v>0.26652111517163513</v>
      </c>
      <c r="I4247">
        <f t="shared" si="475"/>
        <v>0.25586027056476984</v>
      </c>
      <c r="J4247">
        <f t="shared" si="476"/>
        <v>4.0717812209067921</v>
      </c>
      <c r="K4247">
        <f t="shared" si="477"/>
        <v>0.21757741976762074</v>
      </c>
      <c r="L4247">
        <f t="shared" si="478"/>
        <v>0.10878870988381037</v>
      </c>
      <c r="M4247">
        <f t="shared" si="479"/>
        <v>0</v>
      </c>
      <c r="N4247" s="45">
        <f t="shared" si="480"/>
        <v>45102.541666656449</v>
      </c>
    </row>
    <row r="4248" spans="2:14" x14ac:dyDescent="0.25">
      <c r="B4248">
        <f t="shared" si="474"/>
        <v>7</v>
      </c>
      <c r="C4248" s="16">
        <v>4214</v>
      </c>
      <c r="D4248" cm="1">
        <f t="array" ref="D4248">IFERROR(INDEX(Jesper!AH$2:AH$366,ROUNDDOWN($C4248/24,0)+1,1)*INDEX($D$3:$AA$30,INDEX(Jesper!$R$2:$R$366,ROW(INDEX(Jesper!AH$2:AH$366,ROUNDDOWN($C4248/24,0)+1,1))-1)+IF('Standard Profiles'!$G$18=$B$10,7,0)+IF('Standard Profiles'!$G$18=$B$17,14,0)+IF('Standard Profiles'!$G$18=$B$24,21,0),MOD($C4248,24)+1)/SUM(INDEX($D$3:$AA$30,INDEX(Jesper!$R$2:$R$366,ROW(INDEX(Jesper!AH$2:AH$366,ROUNDDOWN($C4248/24,0)+1,1))-1)+IF('Standard Profiles'!$G$18=$B$10,7,0)+IF('Standard Profiles'!$G$18=$B$17,14,0)+IF('Standard Profiles'!$G$18=$B$24,21,0),0)),0)</f>
        <v>0</v>
      </c>
      <c r="E4248" cm="1">
        <f t="array" ref="E4248">IFERROR(INDEX(Jesper!AI$2:AI$366,ROUNDDOWN($C4248/24,0)+1,1)*INDEX($D$3:$AA$30,INDEX(Jesper!$R$2:$R$366,ROW(INDEX(Jesper!AI$2:AI$366,ROUNDDOWN($C4248/24,0)+1,1))-1)+IF('Standard Profiles'!$G$19=$B$10,7,0)+IF('Standard Profiles'!$G$19=$B$17,14,0)+IF('Standard Profiles'!$G$19=$B$24,21,0),MOD($C4248,24)+1)/SUM(INDEX($D$3:$AA$30,INDEX(Jesper!$R$2:$R$366,ROW(INDEX(Jesper!AI$2:AI$366,ROUNDDOWN($C4248/24,0)+1,1))-1)+IF('Standard Profiles'!$G$19=$B$10,7,0)+IF('Standard Profiles'!$G$19=$B$17,14,0)+IF('Standard Profiles'!$G$19=$B$24,21,0),0)),0)</f>
        <v>2.7197177470952592</v>
      </c>
      <c r="F4248" cm="1">
        <f t="array" ref="F4248">IFERROR(INDEX(Jesper!AJ$2:AJ$366,ROUNDDOWN($C4248/24,0)+1,1)*INDEX($D$3:$AA$30,INDEX(Jesper!$R$2:$R$366,ROW(INDEX(Jesper!AJ$2:AJ$366,ROUNDDOWN($C4248/24,0)+1,1))-1)+IF('Standard Profiles'!$G$20=$B$10,7,0)+IF('Standard Profiles'!$G$20=$B$17,14,0)+IF('Standard Profiles'!$G$20=$B$24,21,0),MOD($C4248,24)+1)/SUM(INDEX($D$3:$AA$30,INDEX(Jesper!$R$2:$R$366,ROW(INDEX(Jesper!AJ$2:AJ$366,ROUNDDOWN($C4248/24,0)+1,1))-1)+IF('Standard Profiles'!$G$20=$B$10,7,0)+IF('Standard Profiles'!$G$20=$B$17,14,0)+IF('Standard Profiles'!$G$20=$B$24,21,0),0)),0)</f>
        <v>1.0960287708440239</v>
      </c>
      <c r="G4248" cm="1">
        <f t="array" ref="G4248">IFERROR(INDEX(Jesper!AK$2:AK$366,ROUNDDOWN($C4248/24,0)+1,1)*INDEX($D$3:$AA$30,INDEX(Jesper!$R$2:$R$366,ROW(INDEX(Jesper!AK$2:AK$366,ROUNDDOWN($C4248/24,0)+1,1))-1)+IF('Standard Profiles'!$G$21=$B$10,7,0)+IF('Standard Profiles'!$G$21=$B$17,14,0)+IF('Standard Profiles'!$G$21=$B$24,21,0),MOD($C4248,24)+1)/SUM(INDEX($D$3:$AA$30,INDEX(Jesper!$R$2:$R$366,ROW(INDEX(Jesper!AK$2:AK$366,ROUNDDOWN($C4248/24,0)+1,1))-1)+IF('Standard Profiles'!$G$21=$B$10,7,0)+IF('Standard Profiles'!$G$21=$B$17,14,0)+IF('Standard Profiles'!$G$21=$B$24,21,0),0)),0)</f>
        <v>0.57173998801207526</v>
      </c>
      <c r="H4248" cm="1">
        <f t="array" ref="H4248">IFERROR(INDEX(Jesper!AL$2:AL$366,ROUNDDOWN($C4248/24,0)+1,1)*INDEX($D$3:$AA$30,INDEX(Jesper!$R$2:$R$366,ROW(INDEX(Jesper!AL$2:AL$366,ROUNDDOWN($C4248/24,0)+1,1))-1)+IF('Standard Profiles'!$G$22=$B$10,7,0)+IF('Standard Profiles'!$G$22=$B$17,14,0)+IF('Standard Profiles'!$G$22=$B$24,21,0),MOD($C4248,24)+1)/SUM(INDEX($D$3:$AA$30,INDEX(Jesper!$R$2:$R$366,ROW(INDEX(Jesper!AL$2:AL$366,ROUNDDOWN($C4248/24,0)+1,1))-1)+IF('Standard Profiles'!$G$22=$B$10,7,0)+IF('Standard Profiles'!$G$22=$B$17,14,0)+IF('Standard Profiles'!$G$22=$B$24,21,0),0)),0)</f>
        <v>0.26652111517163513</v>
      </c>
      <c r="I4248">
        <f t="shared" si="475"/>
        <v>0.25586027056476984</v>
      </c>
      <c r="J4248">
        <f t="shared" si="476"/>
        <v>4.0717812209067921</v>
      </c>
      <c r="K4248">
        <f t="shared" si="477"/>
        <v>0.21757741976762074</v>
      </c>
      <c r="L4248">
        <f t="shared" si="478"/>
        <v>0.10878870988381037</v>
      </c>
      <c r="M4248">
        <f t="shared" si="479"/>
        <v>0</v>
      </c>
      <c r="N4248" s="45">
        <f t="shared" si="480"/>
        <v>45102.583333323113</v>
      </c>
    </row>
    <row r="4249" spans="2:14" x14ac:dyDescent="0.25">
      <c r="B4249">
        <f t="shared" si="474"/>
        <v>7</v>
      </c>
      <c r="C4249" s="16">
        <v>4215</v>
      </c>
      <c r="D4249" cm="1">
        <f t="array" ref="D4249">IFERROR(INDEX(Jesper!AH$2:AH$366,ROUNDDOWN($C4249/24,0)+1,1)*INDEX($D$3:$AA$30,INDEX(Jesper!$R$2:$R$366,ROW(INDEX(Jesper!AH$2:AH$366,ROUNDDOWN($C4249/24,0)+1,1))-1)+IF('Standard Profiles'!$G$18=$B$10,7,0)+IF('Standard Profiles'!$G$18=$B$17,14,0)+IF('Standard Profiles'!$G$18=$B$24,21,0),MOD($C4249,24)+1)/SUM(INDEX($D$3:$AA$30,INDEX(Jesper!$R$2:$R$366,ROW(INDEX(Jesper!AH$2:AH$366,ROUNDDOWN($C4249/24,0)+1,1))-1)+IF('Standard Profiles'!$G$18=$B$10,7,0)+IF('Standard Profiles'!$G$18=$B$17,14,0)+IF('Standard Profiles'!$G$18=$B$24,21,0),0)),0)</f>
        <v>0</v>
      </c>
      <c r="E4249" cm="1">
        <f t="array" ref="E4249">IFERROR(INDEX(Jesper!AI$2:AI$366,ROUNDDOWN($C4249/24,0)+1,1)*INDEX($D$3:$AA$30,INDEX(Jesper!$R$2:$R$366,ROW(INDEX(Jesper!AI$2:AI$366,ROUNDDOWN($C4249/24,0)+1,1))-1)+IF('Standard Profiles'!$G$19=$B$10,7,0)+IF('Standard Profiles'!$G$19=$B$17,14,0)+IF('Standard Profiles'!$G$19=$B$24,21,0),MOD($C4249,24)+1)/SUM(INDEX($D$3:$AA$30,INDEX(Jesper!$R$2:$R$366,ROW(INDEX(Jesper!AI$2:AI$366,ROUNDDOWN($C4249/24,0)+1,1))-1)+IF('Standard Profiles'!$G$19=$B$10,7,0)+IF('Standard Profiles'!$G$19=$B$17,14,0)+IF('Standard Profiles'!$G$19=$B$24,21,0),0)),0)</f>
        <v>2.7197177470952592</v>
      </c>
      <c r="F4249" cm="1">
        <f t="array" ref="F4249">IFERROR(INDEX(Jesper!AJ$2:AJ$366,ROUNDDOWN($C4249/24,0)+1,1)*INDEX($D$3:$AA$30,INDEX(Jesper!$R$2:$R$366,ROW(INDEX(Jesper!AJ$2:AJ$366,ROUNDDOWN($C4249/24,0)+1,1))-1)+IF('Standard Profiles'!$G$20=$B$10,7,0)+IF('Standard Profiles'!$G$20=$B$17,14,0)+IF('Standard Profiles'!$G$20=$B$24,21,0),MOD($C4249,24)+1)/SUM(INDEX($D$3:$AA$30,INDEX(Jesper!$R$2:$R$366,ROW(INDEX(Jesper!AJ$2:AJ$366,ROUNDDOWN($C4249/24,0)+1,1))-1)+IF('Standard Profiles'!$G$20=$B$10,7,0)+IF('Standard Profiles'!$G$20=$B$17,14,0)+IF('Standard Profiles'!$G$20=$B$24,21,0),0)),0)</f>
        <v>1.0960287708440239</v>
      </c>
      <c r="G4249" cm="1">
        <f t="array" ref="G4249">IFERROR(INDEX(Jesper!AK$2:AK$366,ROUNDDOWN($C4249/24,0)+1,1)*INDEX($D$3:$AA$30,INDEX(Jesper!$R$2:$R$366,ROW(INDEX(Jesper!AK$2:AK$366,ROUNDDOWN($C4249/24,0)+1,1))-1)+IF('Standard Profiles'!$G$21=$B$10,7,0)+IF('Standard Profiles'!$G$21=$B$17,14,0)+IF('Standard Profiles'!$G$21=$B$24,21,0),MOD($C4249,24)+1)/SUM(INDEX($D$3:$AA$30,INDEX(Jesper!$R$2:$R$366,ROW(INDEX(Jesper!AK$2:AK$366,ROUNDDOWN($C4249/24,0)+1,1))-1)+IF('Standard Profiles'!$G$21=$B$10,7,0)+IF('Standard Profiles'!$G$21=$B$17,14,0)+IF('Standard Profiles'!$G$21=$B$24,21,0),0)),0)</f>
        <v>0.57173998801207526</v>
      </c>
      <c r="H4249" cm="1">
        <f t="array" ref="H4249">IFERROR(INDEX(Jesper!AL$2:AL$366,ROUNDDOWN($C4249/24,0)+1,1)*INDEX($D$3:$AA$30,INDEX(Jesper!$R$2:$R$366,ROW(INDEX(Jesper!AL$2:AL$366,ROUNDDOWN($C4249/24,0)+1,1))-1)+IF('Standard Profiles'!$G$22=$B$10,7,0)+IF('Standard Profiles'!$G$22=$B$17,14,0)+IF('Standard Profiles'!$G$22=$B$24,21,0),MOD($C4249,24)+1)/SUM(INDEX($D$3:$AA$30,INDEX(Jesper!$R$2:$R$366,ROW(INDEX(Jesper!AL$2:AL$366,ROUNDDOWN($C4249/24,0)+1,1))-1)+IF('Standard Profiles'!$G$22=$B$10,7,0)+IF('Standard Profiles'!$G$22=$B$17,14,0)+IF('Standard Profiles'!$G$22=$B$24,21,0),0)),0)</f>
        <v>0.23690765793034232</v>
      </c>
      <c r="I4249">
        <f t="shared" si="475"/>
        <v>0.22743135161312875</v>
      </c>
      <c r="J4249">
        <f t="shared" si="476"/>
        <v>4.0705966826171407</v>
      </c>
      <c r="K4249">
        <f t="shared" si="477"/>
        <v>0.21757741976762074</v>
      </c>
      <c r="L4249">
        <f t="shared" si="478"/>
        <v>0.10878870988381037</v>
      </c>
      <c r="M4249">
        <f t="shared" si="479"/>
        <v>0</v>
      </c>
      <c r="N4249" s="45">
        <f t="shared" si="480"/>
        <v>45102.624999989777</v>
      </c>
    </row>
    <row r="4250" spans="2:14" x14ac:dyDescent="0.25">
      <c r="B4250">
        <f t="shared" si="474"/>
        <v>7</v>
      </c>
      <c r="C4250" s="16">
        <v>4216</v>
      </c>
      <c r="D4250" cm="1">
        <f t="array" ref="D4250">IFERROR(INDEX(Jesper!AH$2:AH$366,ROUNDDOWN($C4250/24,0)+1,1)*INDEX($D$3:$AA$30,INDEX(Jesper!$R$2:$R$366,ROW(INDEX(Jesper!AH$2:AH$366,ROUNDDOWN($C4250/24,0)+1,1))-1)+IF('Standard Profiles'!$G$18=$B$10,7,0)+IF('Standard Profiles'!$G$18=$B$17,14,0)+IF('Standard Profiles'!$G$18=$B$24,21,0),MOD($C4250,24)+1)/SUM(INDEX($D$3:$AA$30,INDEX(Jesper!$R$2:$R$366,ROW(INDEX(Jesper!AH$2:AH$366,ROUNDDOWN($C4250/24,0)+1,1))-1)+IF('Standard Profiles'!$G$18=$B$10,7,0)+IF('Standard Profiles'!$G$18=$B$17,14,0)+IF('Standard Profiles'!$G$18=$B$24,21,0),0)),0)</f>
        <v>0</v>
      </c>
      <c r="E4250" cm="1">
        <f t="array" ref="E4250">IFERROR(INDEX(Jesper!AI$2:AI$366,ROUNDDOWN($C4250/24,0)+1,1)*INDEX($D$3:$AA$30,INDEX(Jesper!$R$2:$R$366,ROW(INDEX(Jesper!AI$2:AI$366,ROUNDDOWN($C4250/24,0)+1,1))-1)+IF('Standard Profiles'!$G$19=$B$10,7,0)+IF('Standard Profiles'!$G$19=$B$17,14,0)+IF('Standard Profiles'!$G$19=$B$24,21,0),MOD($C4250,24)+1)/SUM(INDEX($D$3:$AA$30,INDEX(Jesper!$R$2:$R$366,ROW(INDEX(Jesper!AI$2:AI$366,ROUNDDOWN($C4250/24,0)+1,1))-1)+IF('Standard Profiles'!$G$19=$B$10,7,0)+IF('Standard Profiles'!$G$19=$B$17,14,0)+IF('Standard Profiles'!$G$19=$B$24,21,0),0)),0)</f>
        <v>2.7197177470952592</v>
      </c>
      <c r="F4250" cm="1">
        <f t="array" ref="F4250">IFERROR(INDEX(Jesper!AJ$2:AJ$366,ROUNDDOWN($C4250/24,0)+1,1)*INDEX($D$3:$AA$30,INDEX(Jesper!$R$2:$R$366,ROW(INDEX(Jesper!AJ$2:AJ$366,ROUNDDOWN($C4250/24,0)+1,1))-1)+IF('Standard Profiles'!$G$20=$B$10,7,0)+IF('Standard Profiles'!$G$20=$B$17,14,0)+IF('Standard Profiles'!$G$20=$B$24,21,0),MOD($C4250,24)+1)/SUM(INDEX($D$3:$AA$30,INDEX(Jesper!$R$2:$R$366,ROW(INDEX(Jesper!AJ$2:AJ$366,ROUNDDOWN($C4250/24,0)+1,1))-1)+IF('Standard Profiles'!$G$20=$B$10,7,0)+IF('Standard Profiles'!$G$20=$B$17,14,0)+IF('Standard Profiles'!$G$20=$B$24,21,0),0)),0)</f>
        <v>1.0960287708440239</v>
      </c>
      <c r="G4250" cm="1">
        <f t="array" ref="G4250">IFERROR(INDEX(Jesper!AK$2:AK$366,ROUNDDOWN($C4250/24,0)+1,1)*INDEX($D$3:$AA$30,INDEX(Jesper!$R$2:$R$366,ROW(INDEX(Jesper!AK$2:AK$366,ROUNDDOWN($C4250/24,0)+1,1))-1)+IF('Standard Profiles'!$G$21=$B$10,7,0)+IF('Standard Profiles'!$G$21=$B$17,14,0)+IF('Standard Profiles'!$G$21=$B$24,21,0),MOD($C4250,24)+1)/SUM(INDEX($D$3:$AA$30,INDEX(Jesper!$R$2:$R$366,ROW(INDEX(Jesper!AK$2:AK$366,ROUNDDOWN($C4250/24,0)+1,1))-1)+IF('Standard Profiles'!$G$21=$B$10,7,0)+IF('Standard Profiles'!$G$21=$B$17,14,0)+IF('Standard Profiles'!$G$21=$B$24,21,0),0)),0)</f>
        <v>0.57173998801207526</v>
      </c>
      <c r="H4250" cm="1">
        <f t="array" ref="H4250">IFERROR(INDEX(Jesper!AL$2:AL$366,ROUNDDOWN($C4250/24,0)+1,1)*INDEX($D$3:$AA$30,INDEX(Jesper!$R$2:$R$366,ROW(INDEX(Jesper!AL$2:AL$366,ROUNDDOWN($C4250/24,0)+1,1))-1)+IF('Standard Profiles'!$G$22=$B$10,7,0)+IF('Standard Profiles'!$G$22=$B$17,14,0)+IF('Standard Profiles'!$G$22=$B$24,21,0),MOD($C4250,24)+1)/SUM(INDEX($D$3:$AA$30,INDEX(Jesper!$R$2:$R$366,ROW(INDEX(Jesper!AL$2:AL$366,ROUNDDOWN($C4250/24,0)+1,1))-1)+IF('Standard Profiles'!$G$22=$B$10,7,0)+IF('Standard Profiles'!$G$22=$B$17,14,0)+IF('Standard Profiles'!$G$22=$B$24,21,0),0)),0)</f>
        <v>0.23267716403872904</v>
      </c>
      <c r="I4250">
        <f t="shared" si="475"/>
        <v>0.22337007747717999</v>
      </c>
      <c r="J4250">
        <f t="shared" si="476"/>
        <v>4.0704274628614758</v>
      </c>
      <c r="K4250">
        <f t="shared" si="477"/>
        <v>0.21757741976762074</v>
      </c>
      <c r="L4250">
        <f t="shared" si="478"/>
        <v>0.10878870988381037</v>
      </c>
      <c r="M4250">
        <f t="shared" si="479"/>
        <v>0</v>
      </c>
      <c r="N4250" s="45">
        <f t="shared" si="480"/>
        <v>45102.666666656442</v>
      </c>
    </row>
    <row r="4251" spans="2:14" x14ac:dyDescent="0.25">
      <c r="B4251">
        <f t="shared" si="474"/>
        <v>7</v>
      </c>
      <c r="C4251" s="16">
        <v>4217</v>
      </c>
      <c r="D4251" cm="1">
        <f t="array" ref="D4251">IFERROR(INDEX(Jesper!AH$2:AH$366,ROUNDDOWN($C4251/24,0)+1,1)*INDEX($D$3:$AA$30,INDEX(Jesper!$R$2:$R$366,ROW(INDEX(Jesper!AH$2:AH$366,ROUNDDOWN($C4251/24,0)+1,1))-1)+IF('Standard Profiles'!$G$18=$B$10,7,0)+IF('Standard Profiles'!$G$18=$B$17,14,0)+IF('Standard Profiles'!$G$18=$B$24,21,0),MOD($C4251,24)+1)/SUM(INDEX($D$3:$AA$30,INDEX(Jesper!$R$2:$R$366,ROW(INDEX(Jesper!AH$2:AH$366,ROUNDDOWN($C4251/24,0)+1,1))-1)+IF('Standard Profiles'!$G$18=$B$10,7,0)+IF('Standard Profiles'!$G$18=$B$17,14,0)+IF('Standard Profiles'!$G$18=$B$24,21,0),0)),0)</f>
        <v>0</v>
      </c>
      <c r="E4251" cm="1">
        <f t="array" ref="E4251">IFERROR(INDEX(Jesper!AI$2:AI$366,ROUNDDOWN($C4251/24,0)+1,1)*INDEX($D$3:$AA$30,INDEX(Jesper!$R$2:$R$366,ROW(INDEX(Jesper!AI$2:AI$366,ROUNDDOWN($C4251/24,0)+1,1))-1)+IF('Standard Profiles'!$G$19=$B$10,7,0)+IF('Standard Profiles'!$G$19=$B$17,14,0)+IF('Standard Profiles'!$G$19=$B$24,21,0),MOD($C4251,24)+1)/SUM(INDEX($D$3:$AA$30,INDEX(Jesper!$R$2:$R$366,ROW(INDEX(Jesper!AI$2:AI$366,ROUNDDOWN($C4251/24,0)+1,1))-1)+IF('Standard Profiles'!$G$19=$B$10,7,0)+IF('Standard Profiles'!$G$19=$B$17,14,0)+IF('Standard Profiles'!$G$19=$B$24,21,0),0)),0)</f>
        <v>2.7197177470952592</v>
      </c>
      <c r="F4251" cm="1">
        <f t="array" ref="F4251">IFERROR(INDEX(Jesper!AJ$2:AJ$366,ROUNDDOWN($C4251/24,0)+1,1)*INDEX($D$3:$AA$30,INDEX(Jesper!$R$2:$R$366,ROW(INDEX(Jesper!AJ$2:AJ$366,ROUNDDOWN($C4251/24,0)+1,1))-1)+IF('Standard Profiles'!$G$20=$B$10,7,0)+IF('Standard Profiles'!$G$20=$B$17,14,0)+IF('Standard Profiles'!$G$20=$B$24,21,0),MOD($C4251,24)+1)/SUM(INDEX($D$3:$AA$30,INDEX(Jesper!$R$2:$R$366,ROW(INDEX(Jesper!AJ$2:AJ$366,ROUNDDOWN($C4251/24,0)+1,1))-1)+IF('Standard Profiles'!$G$20=$B$10,7,0)+IF('Standard Profiles'!$G$20=$B$17,14,0)+IF('Standard Profiles'!$G$20=$B$24,21,0),0)),0)</f>
        <v>1.0960287708440239</v>
      </c>
      <c r="G4251" cm="1">
        <f t="array" ref="G4251">IFERROR(INDEX(Jesper!AK$2:AK$366,ROUNDDOWN($C4251/24,0)+1,1)*INDEX($D$3:$AA$30,INDEX(Jesper!$R$2:$R$366,ROW(INDEX(Jesper!AK$2:AK$366,ROUNDDOWN($C4251/24,0)+1,1))-1)+IF('Standard Profiles'!$G$21=$B$10,7,0)+IF('Standard Profiles'!$G$21=$B$17,14,0)+IF('Standard Profiles'!$G$21=$B$24,21,0),MOD($C4251,24)+1)/SUM(INDEX($D$3:$AA$30,INDEX(Jesper!$R$2:$R$366,ROW(INDEX(Jesper!AK$2:AK$366,ROUNDDOWN($C4251/24,0)+1,1))-1)+IF('Standard Profiles'!$G$21=$B$10,7,0)+IF('Standard Profiles'!$G$21=$B$17,14,0)+IF('Standard Profiles'!$G$21=$B$24,21,0),0)),0)</f>
        <v>0.57173998801207526</v>
      </c>
      <c r="H4251" cm="1">
        <f t="array" ref="H4251">IFERROR(INDEX(Jesper!AL$2:AL$366,ROUNDDOWN($C4251/24,0)+1,1)*INDEX($D$3:$AA$30,INDEX(Jesper!$R$2:$R$366,ROW(INDEX(Jesper!AL$2:AL$366,ROUNDDOWN($C4251/24,0)+1,1))-1)+IF('Standard Profiles'!$G$22=$B$10,7,0)+IF('Standard Profiles'!$G$22=$B$17,14,0)+IF('Standard Profiles'!$G$22=$B$24,21,0),MOD($C4251,24)+1)/SUM(INDEX($D$3:$AA$30,INDEX(Jesper!$R$2:$R$366,ROW(INDEX(Jesper!AL$2:AL$366,ROUNDDOWN($C4251/24,0)+1,1))-1)+IF('Standard Profiles'!$G$22=$B$10,7,0)+IF('Standard Profiles'!$G$22=$B$17,14,0)+IF('Standard Profiles'!$G$22=$B$24,21,0),0)),0)</f>
        <v>0.19883321290582304</v>
      </c>
      <c r="I4251">
        <f t="shared" si="475"/>
        <v>0.19087988438959022</v>
      </c>
      <c r="J4251">
        <f t="shared" si="476"/>
        <v>4.0690737048161596</v>
      </c>
      <c r="K4251">
        <f t="shared" si="477"/>
        <v>0.21757741976762074</v>
      </c>
      <c r="L4251">
        <f t="shared" si="478"/>
        <v>0.10878870988381037</v>
      </c>
      <c r="M4251">
        <f t="shared" si="479"/>
        <v>0</v>
      </c>
      <c r="N4251" s="45">
        <f t="shared" si="480"/>
        <v>45102.708333323106</v>
      </c>
    </row>
    <row r="4252" spans="2:14" x14ac:dyDescent="0.25">
      <c r="B4252">
        <f t="shared" si="474"/>
        <v>7</v>
      </c>
      <c r="C4252" s="16">
        <v>4218</v>
      </c>
      <c r="D4252" cm="1">
        <f t="array" ref="D4252">IFERROR(INDEX(Jesper!AH$2:AH$366,ROUNDDOWN($C4252/24,0)+1,1)*INDEX($D$3:$AA$30,INDEX(Jesper!$R$2:$R$366,ROW(INDEX(Jesper!AH$2:AH$366,ROUNDDOWN($C4252/24,0)+1,1))-1)+IF('Standard Profiles'!$G$18=$B$10,7,0)+IF('Standard Profiles'!$G$18=$B$17,14,0)+IF('Standard Profiles'!$G$18=$B$24,21,0),MOD($C4252,24)+1)/SUM(INDEX($D$3:$AA$30,INDEX(Jesper!$R$2:$R$366,ROW(INDEX(Jesper!AH$2:AH$366,ROUNDDOWN($C4252/24,0)+1,1))-1)+IF('Standard Profiles'!$G$18=$B$10,7,0)+IF('Standard Profiles'!$G$18=$B$17,14,0)+IF('Standard Profiles'!$G$18=$B$24,21,0),0)),0)</f>
        <v>0</v>
      </c>
      <c r="E4252" cm="1">
        <f t="array" ref="E4252">IFERROR(INDEX(Jesper!AI$2:AI$366,ROUNDDOWN($C4252/24,0)+1,1)*INDEX($D$3:$AA$30,INDEX(Jesper!$R$2:$R$366,ROW(INDEX(Jesper!AI$2:AI$366,ROUNDDOWN($C4252/24,0)+1,1))-1)+IF('Standard Profiles'!$G$19=$B$10,7,0)+IF('Standard Profiles'!$G$19=$B$17,14,0)+IF('Standard Profiles'!$G$19=$B$24,21,0),MOD($C4252,24)+1)/SUM(INDEX($D$3:$AA$30,INDEX(Jesper!$R$2:$R$366,ROW(INDEX(Jesper!AI$2:AI$366,ROUNDDOWN($C4252/24,0)+1,1))-1)+IF('Standard Profiles'!$G$19=$B$10,7,0)+IF('Standard Profiles'!$G$19=$B$17,14,0)+IF('Standard Profiles'!$G$19=$B$24,21,0),0)),0)</f>
        <v>2.7197177470952592</v>
      </c>
      <c r="F4252" cm="1">
        <f t="array" ref="F4252">IFERROR(INDEX(Jesper!AJ$2:AJ$366,ROUNDDOWN($C4252/24,0)+1,1)*INDEX($D$3:$AA$30,INDEX(Jesper!$R$2:$R$366,ROW(INDEX(Jesper!AJ$2:AJ$366,ROUNDDOWN($C4252/24,0)+1,1))-1)+IF('Standard Profiles'!$G$20=$B$10,7,0)+IF('Standard Profiles'!$G$20=$B$17,14,0)+IF('Standard Profiles'!$G$20=$B$24,21,0),MOD($C4252,24)+1)/SUM(INDEX($D$3:$AA$30,INDEX(Jesper!$R$2:$R$366,ROW(INDEX(Jesper!AJ$2:AJ$366,ROUNDDOWN($C4252/24,0)+1,1))-1)+IF('Standard Profiles'!$G$20=$B$10,7,0)+IF('Standard Profiles'!$G$20=$B$17,14,0)+IF('Standard Profiles'!$G$20=$B$24,21,0),0)),0)</f>
        <v>1.0960287708440239</v>
      </c>
      <c r="G4252" cm="1">
        <f t="array" ref="G4252">IFERROR(INDEX(Jesper!AK$2:AK$366,ROUNDDOWN($C4252/24,0)+1,1)*INDEX($D$3:$AA$30,INDEX(Jesper!$R$2:$R$366,ROW(INDEX(Jesper!AK$2:AK$366,ROUNDDOWN($C4252/24,0)+1,1))-1)+IF('Standard Profiles'!$G$21=$B$10,7,0)+IF('Standard Profiles'!$G$21=$B$17,14,0)+IF('Standard Profiles'!$G$21=$B$24,21,0),MOD($C4252,24)+1)/SUM(INDEX($D$3:$AA$30,INDEX(Jesper!$R$2:$R$366,ROW(INDEX(Jesper!AK$2:AK$366,ROUNDDOWN($C4252/24,0)+1,1))-1)+IF('Standard Profiles'!$G$21=$B$10,7,0)+IF('Standard Profiles'!$G$21=$B$17,14,0)+IF('Standard Profiles'!$G$21=$B$24,21,0),0)),0)</f>
        <v>0.57173998801207526</v>
      </c>
      <c r="H4252" cm="1">
        <f t="array" ref="H4252">IFERROR(INDEX(Jesper!AL$2:AL$366,ROUNDDOWN($C4252/24,0)+1,1)*INDEX($D$3:$AA$30,INDEX(Jesper!$R$2:$R$366,ROW(INDEX(Jesper!AL$2:AL$366,ROUNDDOWN($C4252/24,0)+1,1))-1)+IF('Standard Profiles'!$G$22=$B$10,7,0)+IF('Standard Profiles'!$G$22=$B$17,14,0)+IF('Standard Profiles'!$G$22=$B$24,21,0),MOD($C4252,24)+1)/SUM(INDEX($D$3:$AA$30,INDEX(Jesper!$R$2:$R$366,ROW(INDEX(Jesper!AL$2:AL$366,ROUNDDOWN($C4252/24,0)+1,1))-1)+IF('Standard Profiles'!$G$22=$B$10,7,0)+IF('Standard Profiles'!$G$22=$B$17,14,0)+IF('Standard Profiles'!$G$22=$B$24,21,0),0)),0)</f>
        <v>0.18614173123098327</v>
      </c>
      <c r="I4252">
        <f t="shared" si="475"/>
        <v>0.17869606198174404</v>
      </c>
      <c r="J4252">
        <f t="shared" si="476"/>
        <v>4.0685660455491659</v>
      </c>
      <c r="K4252">
        <f t="shared" si="477"/>
        <v>0.21757741976762074</v>
      </c>
      <c r="L4252">
        <f t="shared" si="478"/>
        <v>0.10878870988381037</v>
      </c>
      <c r="M4252">
        <f t="shared" si="479"/>
        <v>0</v>
      </c>
      <c r="N4252" s="45">
        <f t="shared" si="480"/>
        <v>45102.74999998977</v>
      </c>
    </row>
    <row r="4253" spans="2:14" x14ac:dyDescent="0.25">
      <c r="B4253">
        <f t="shared" si="474"/>
        <v>7</v>
      </c>
      <c r="C4253" s="16">
        <v>4219</v>
      </c>
      <c r="D4253" cm="1">
        <f t="array" ref="D4253">IFERROR(INDEX(Jesper!AH$2:AH$366,ROUNDDOWN($C4253/24,0)+1,1)*INDEX($D$3:$AA$30,INDEX(Jesper!$R$2:$R$366,ROW(INDEX(Jesper!AH$2:AH$366,ROUNDDOWN($C4253/24,0)+1,1))-1)+IF('Standard Profiles'!$G$18=$B$10,7,0)+IF('Standard Profiles'!$G$18=$B$17,14,0)+IF('Standard Profiles'!$G$18=$B$24,21,0),MOD($C4253,24)+1)/SUM(INDEX($D$3:$AA$30,INDEX(Jesper!$R$2:$R$366,ROW(INDEX(Jesper!AH$2:AH$366,ROUNDDOWN($C4253/24,0)+1,1))-1)+IF('Standard Profiles'!$G$18=$B$10,7,0)+IF('Standard Profiles'!$G$18=$B$17,14,0)+IF('Standard Profiles'!$G$18=$B$24,21,0),0)),0)</f>
        <v>0</v>
      </c>
      <c r="E4253" cm="1">
        <f t="array" ref="E4253">IFERROR(INDEX(Jesper!AI$2:AI$366,ROUNDDOWN($C4253/24,0)+1,1)*INDEX($D$3:$AA$30,INDEX(Jesper!$R$2:$R$366,ROW(INDEX(Jesper!AI$2:AI$366,ROUNDDOWN($C4253/24,0)+1,1))-1)+IF('Standard Profiles'!$G$19=$B$10,7,0)+IF('Standard Profiles'!$G$19=$B$17,14,0)+IF('Standard Profiles'!$G$19=$B$24,21,0),MOD($C4253,24)+1)/SUM(INDEX($D$3:$AA$30,INDEX(Jesper!$R$2:$R$366,ROW(INDEX(Jesper!AI$2:AI$366,ROUNDDOWN($C4253/24,0)+1,1))-1)+IF('Standard Profiles'!$G$19=$B$10,7,0)+IF('Standard Profiles'!$G$19=$B$17,14,0)+IF('Standard Profiles'!$G$19=$B$24,21,0),0)),0)</f>
        <v>2.7197177470952592</v>
      </c>
      <c r="F4253" cm="1">
        <f t="array" ref="F4253">IFERROR(INDEX(Jesper!AJ$2:AJ$366,ROUNDDOWN($C4253/24,0)+1,1)*INDEX($D$3:$AA$30,INDEX(Jesper!$R$2:$R$366,ROW(INDEX(Jesper!AJ$2:AJ$366,ROUNDDOWN($C4253/24,0)+1,1))-1)+IF('Standard Profiles'!$G$20=$B$10,7,0)+IF('Standard Profiles'!$G$20=$B$17,14,0)+IF('Standard Profiles'!$G$20=$B$24,21,0),MOD($C4253,24)+1)/SUM(INDEX($D$3:$AA$30,INDEX(Jesper!$R$2:$R$366,ROW(INDEX(Jesper!AJ$2:AJ$366,ROUNDDOWN($C4253/24,0)+1,1))-1)+IF('Standard Profiles'!$G$20=$B$10,7,0)+IF('Standard Profiles'!$G$20=$B$17,14,0)+IF('Standard Profiles'!$G$20=$B$24,21,0),0)),0)</f>
        <v>1.0960287708440239</v>
      </c>
      <c r="G4253" cm="1">
        <f t="array" ref="G4253">IFERROR(INDEX(Jesper!AK$2:AK$366,ROUNDDOWN($C4253/24,0)+1,1)*INDEX($D$3:$AA$30,INDEX(Jesper!$R$2:$R$366,ROW(INDEX(Jesper!AK$2:AK$366,ROUNDDOWN($C4253/24,0)+1,1))-1)+IF('Standard Profiles'!$G$21=$B$10,7,0)+IF('Standard Profiles'!$G$21=$B$17,14,0)+IF('Standard Profiles'!$G$21=$B$24,21,0),MOD($C4253,24)+1)/SUM(INDEX($D$3:$AA$30,INDEX(Jesper!$R$2:$R$366,ROW(INDEX(Jesper!AK$2:AK$366,ROUNDDOWN($C4253/24,0)+1,1))-1)+IF('Standard Profiles'!$G$21=$B$10,7,0)+IF('Standard Profiles'!$G$21=$B$17,14,0)+IF('Standard Profiles'!$G$21=$B$24,21,0),0)),0)</f>
        <v>0.57173998801207526</v>
      </c>
      <c r="H4253" cm="1">
        <f t="array" ref="H4253">IFERROR(INDEX(Jesper!AL$2:AL$366,ROUNDDOWN($C4253/24,0)+1,1)*INDEX($D$3:$AA$30,INDEX(Jesper!$R$2:$R$366,ROW(INDEX(Jesper!AL$2:AL$366,ROUNDDOWN($C4253/24,0)+1,1))-1)+IF('Standard Profiles'!$G$22=$B$10,7,0)+IF('Standard Profiles'!$G$22=$B$17,14,0)+IF('Standard Profiles'!$G$22=$B$24,21,0),MOD($C4253,24)+1)/SUM(INDEX($D$3:$AA$30,INDEX(Jesper!$R$2:$R$366,ROW(INDEX(Jesper!AL$2:AL$366,ROUNDDOWN($C4253/24,0)+1,1))-1)+IF('Standard Profiles'!$G$22=$B$10,7,0)+IF('Standard Profiles'!$G$22=$B$17,14,0)+IF('Standard Profiles'!$G$22=$B$24,21,0),0)),0)</f>
        <v>0.15652827398969046</v>
      </c>
      <c r="I4253">
        <f t="shared" si="475"/>
        <v>0.15026714303010294</v>
      </c>
      <c r="J4253">
        <f t="shared" si="476"/>
        <v>4.0673815072595145</v>
      </c>
      <c r="K4253">
        <f t="shared" si="477"/>
        <v>0.21757741976762074</v>
      </c>
      <c r="L4253">
        <f t="shared" si="478"/>
        <v>0.10878870988381037</v>
      </c>
      <c r="M4253">
        <f t="shared" si="479"/>
        <v>0</v>
      </c>
      <c r="N4253" s="45">
        <f t="shared" si="480"/>
        <v>45102.791666656434</v>
      </c>
    </row>
    <row r="4254" spans="2:14" x14ac:dyDescent="0.25">
      <c r="B4254">
        <f t="shared" si="474"/>
        <v>7</v>
      </c>
      <c r="C4254" s="16">
        <v>4220</v>
      </c>
      <c r="D4254" cm="1">
        <f t="array" ref="D4254">IFERROR(INDEX(Jesper!AH$2:AH$366,ROUNDDOWN($C4254/24,0)+1,1)*INDEX($D$3:$AA$30,INDEX(Jesper!$R$2:$R$366,ROW(INDEX(Jesper!AH$2:AH$366,ROUNDDOWN($C4254/24,0)+1,1))-1)+IF('Standard Profiles'!$G$18=$B$10,7,0)+IF('Standard Profiles'!$G$18=$B$17,14,0)+IF('Standard Profiles'!$G$18=$B$24,21,0),MOD($C4254,24)+1)/SUM(INDEX($D$3:$AA$30,INDEX(Jesper!$R$2:$R$366,ROW(INDEX(Jesper!AH$2:AH$366,ROUNDDOWN($C4254/24,0)+1,1))-1)+IF('Standard Profiles'!$G$18=$B$10,7,0)+IF('Standard Profiles'!$G$18=$B$17,14,0)+IF('Standard Profiles'!$G$18=$B$24,21,0),0)),0)</f>
        <v>0</v>
      </c>
      <c r="E4254" cm="1">
        <f t="array" ref="E4254">IFERROR(INDEX(Jesper!AI$2:AI$366,ROUNDDOWN($C4254/24,0)+1,1)*INDEX($D$3:$AA$30,INDEX(Jesper!$R$2:$R$366,ROW(INDEX(Jesper!AI$2:AI$366,ROUNDDOWN($C4254/24,0)+1,1))-1)+IF('Standard Profiles'!$G$19=$B$10,7,0)+IF('Standard Profiles'!$G$19=$B$17,14,0)+IF('Standard Profiles'!$G$19=$B$24,21,0),MOD($C4254,24)+1)/SUM(INDEX($D$3:$AA$30,INDEX(Jesper!$R$2:$R$366,ROW(INDEX(Jesper!AI$2:AI$366,ROUNDDOWN($C4254/24,0)+1,1))-1)+IF('Standard Profiles'!$G$19=$B$10,7,0)+IF('Standard Profiles'!$G$19=$B$17,14,0)+IF('Standard Profiles'!$G$19=$B$24,21,0),0)),0)</f>
        <v>2.7197177470952592</v>
      </c>
      <c r="F4254" cm="1">
        <f t="array" ref="F4254">IFERROR(INDEX(Jesper!AJ$2:AJ$366,ROUNDDOWN($C4254/24,0)+1,1)*INDEX($D$3:$AA$30,INDEX(Jesper!$R$2:$R$366,ROW(INDEX(Jesper!AJ$2:AJ$366,ROUNDDOWN($C4254/24,0)+1,1))-1)+IF('Standard Profiles'!$G$20=$B$10,7,0)+IF('Standard Profiles'!$G$20=$B$17,14,0)+IF('Standard Profiles'!$G$20=$B$24,21,0),MOD($C4254,24)+1)/SUM(INDEX($D$3:$AA$30,INDEX(Jesper!$R$2:$R$366,ROW(INDEX(Jesper!AJ$2:AJ$366,ROUNDDOWN($C4254/24,0)+1,1))-1)+IF('Standard Profiles'!$G$20=$B$10,7,0)+IF('Standard Profiles'!$G$20=$B$17,14,0)+IF('Standard Profiles'!$G$20=$B$24,21,0),0)),0)</f>
        <v>1.0960287708440239</v>
      </c>
      <c r="G4254" cm="1">
        <f t="array" ref="G4254">IFERROR(INDEX(Jesper!AK$2:AK$366,ROUNDDOWN($C4254/24,0)+1,1)*INDEX($D$3:$AA$30,INDEX(Jesper!$R$2:$R$366,ROW(INDEX(Jesper!AK$2:AK$366,ROUNDDOWN($C4254/24,0)+1,1))-1)+IF('Standard Profiles'!$G$21=$B$10,7,0)+IF('Standard Profiles'!$G$21=$B$17,14,0)+IF('Standard Profiles'!$G$21=$B$24,21,0),MOD($C4254,24)+1)/SUM(INDEX($D$3:$AA$30,INDEX(Jesper!$R$2:$R$366,ROW(INDEX(Jesper!AK$2:AK$366,ROUNDDOWN($C4254/24,0)+1,1))-1)+IF('Standard Profiles'!$G$21=$B$10,7,0)+IF('Standard Profiles'!$G$21=$B$17,14,0)+IF('Standard Profiles'!$G$21=$B$24,21,0),0)),0)</f>
        <v>0.57173998801207526</v>
      </c>
      <c r="H4254" cm="1">
        <f t="array" ref="H4254">IFERROR(INDEX(Jesper!AL$2:AL$366,ROUNDDOWN($C4254/24,0)+1,1)*INDEX($D$3:$AA$30,INDEX(Jesper!$R$2:$R$366,ROW(INDEX(Jesper!AL$2:AL$366,ROUNDDOWN($C4254/24,0)+1,1))-1)+IF('Standard Profiles'!$G$22=$B$10,7,0)+IF('Standard Profiles'!$G$22=$B$17,14,0)+IF('Standard Profiles'!$G$22=$B$24,21,0),MOD($C4254,24)+1)/SUM(INDEX($D$3:$AA$30,INDEX(Jesper!$R$2:$R$366,ROW(INDEX(Jesper!AL$2:AL$366,ROUNDDOWN($C4254/24,0)+1,1))-1)+IF('Standard Profiles'!$G$22=$B$10,7,0)+IF('Standard Profiles'!$G$22=$B$17,14,0)+IF('Standard Profiles'!$G$22=$B$24,21,0),0)),0)</f>
        <v>0.13114531064001092</v>
      </c>
      <c r="I4254">
        <f t="shared" si="475"/>
        <v>0.12589949821441054</v>
      </c>
      <c r="J4254">
        <f t="shared" si="476"/>
        <v>4.0663661887255271</v>
      </c>
      <c r="K4254">
        <f t="shared" si="477"/>
        <v>0.21757741976762074</v>
      </c>
      <c r="L4254">
        <f t="shared" si="478"/>
        <v>0.10878870988381037</v>
      </c>
      <c r="M4254">
        <f t="shared" si="479"/>
        <v>0</v>
      </c>
      <c r="N4254" s="45">
        <f t="shared" si="480"/>
        <v>45102.833333323098</v>
      </c>
    </row>
    <row r="4255" spans="2:14" x14ac:dyDescent="0.25">
      <c r="B4255">
        <f t="shared" si="474"/>
        <v>7</v>
      </c>
      <c r="C4255" s="16">
        <v>4221</v>
      </c>
      <c r="D4255" cm="1">
        <f t="array" ref="D4255">IFERROR(INDEX(Jesper!AH$2:AH$366,ROUNDDOWN($C4255/24,0)+1,1)*INDEX($D$3:$AA$30,INDEX(Jesper!$R$2:$R$366,ROW(INDEX(Jesper!AH$2:AH$366,ROUNDDOWN($C4255/24,0)+1,1))-1)+IF('Standard Profiles'!$G$18=$B$10,7,0)+IF('Standard Profiles'!$G$18=$B$17,14,0)+IF('Standard Profiles'!$G$18=$B$24,21,0),MOD($C4255,24)+1)/SUM(INDEX($D$3:$AA$30,INDEX(Jesper!$R$2:$R$366,ROW(INDEX(Jesper!AH$2:AH$366,ROUNDDOWN($C4255/24,0)+1,1))-1)+IF('Standard Profiles'!$G$18=$B$10,7,0)+IF('Standard Profiles'!$G$18=$B$17,14,0)+IF('Standard Profiles'!$G$18=$B$24,21,0),0)),0)</f>
        <v>0</v>
      </c>
      <c r="E4255" cm="1">
        <f t="array" ref="E4255">IFERROR(INDEX(Jesper!AI$2:AI$366,ROUNDDOWN($C4255/24,0)+1,1)*INDEX($D$3:$AA$30,INDEX(Jesper!$R$2:$R$366,ROW(INDEX(Jesper!AI$2:AI$366,ROUNDDOWN($C4255/24,0)+1,1))-1)+IF('Standard Profiles'!$G$19=$B$10,7,0)+IF('Standard Profiles'!$G$19=$B$17,14,0)+IF('Standard Profiles'!$G$19=$B$24,21,0),MOD($C4255,24)+1)/SUM(INDEX($D$3:$AA$30,INDEX(Jesper!$R$2:$R$366,ROW(INDEX(Jesper!AI$2:AI$366,ROUNDDOWN($C4255/24,0)+1,1))-1)+IF('Standard Profiles'!$G$19=$B$10,7,0)+IF('Standard Profiles'!$G$19=$B$17,14,0)+IF('Standard Profiles'!$G$19=$B$24,21,0),0)),0)</f>
        <v>2.7197177470952592</v>
      </c>
      <c r="F4255" cm="1">
        <f t="array" ref="F4255">IFERROR(INDEX(Jesper!AJ$2:AJ$366,ROUNDDOWN($C4255/24,0)+1,1)*INDEX($D$3:$AA$30,INDEX(Jesper!$R$2:$R$366,ROW(INDEX(Jesper!AJ$2:AJ$366,ROUNDDOWN($C4255/24,0)+1,1))-1)+IF('Standard Profiles'!$G$20=$B$10,7,0)+IF('Standard Profiles'!$G$20=$B$17,14,0)+IF('Standard Profiles'!$G$20=$B$24,21,0),MOD($C4255,24)+1)/SUM(INDEX($D$3:$AA$30,INDEX(Jesper!$R$2:$R$366,ROW(INDEX(Jesper!AJ$2:AJ$366,ROUNDDOWN($C4255/24,0)+1,1))-1)+IF('Standard Profiles'!$G$20=$B$10,7,0)+IF('Standard Profiles'!$G$20=$B$17,14,0)+IF('Standard Profiles'!$G$20=$B$24,21,0),0)),0)</f>
        <v>1.0960287708440239</v>
      </c>
      <c r="G4255" cm="1">
        <f t="array" ref="G4255">IFERROR(INDEX(Jesper!AK$2:AK$366,ROUNDDOWN($C4255/24,0)+1,1)*INDEX($D$3:$AA$30,INDEX(Jesper!$R$2:$R$366,ROW(INDEX(Jesper!AK$2:AK$366,ROUNDDOWN($C4255/24,0)+1,1))-1)+IF('Standard Profiles'!$G$21=$B$10,7,0)+IF('Standard Profiles'!$G$21=$B$17,14,0)+IF('Standard Profiles'!$G$21=$B$24,21,0),MOD($C4255,24)+1)/SUM(INDEX($D$3:$AA$30,INDEX(Jesper!$R$2:$R$366,ROW(INDEX(Jesper!AK$2:AK$366,ROUNDDOWN($C4255/24,0)+1,1))-1)+IF('Standard Profiles'!$G$21=$B$10,7,0)+IF('Standard Profiles'!$G$21=$B$17,14,0)+IF('Standard Profiles'!$G$21=$B$24,21,0),0)),0)</f>
        <v>0.57173998801207526</v>
      </c>
      <c r="H4255" cm="1">
        <f t="array" ref="H4255">IFERROR(INDEX(Jesper!AL$2:AL$366,ROUNDDOWN($C4255/24,0)+1,1)*INDEX($D$3:$AA$30,INDEX(Jesper!$R$2:$R$366,ROW(INDEX(Jesper!AL$2:AL$366,ROUNDDOWN($C4255/24,0)+1,1))-1)+IF('Standard Profiles'!$G$22=$B$10,7,0)+IF('Standard Profiles'!$G$22=$B$17,14,0)+IF('Standard Profiles'!$G$22=$B$24,21,0),MOD($C4255,24)+1)/SUM(INDEX($D$3:$AA$30,INDEX(Jesper!$R$2:$R$366,ROW(INDEX(Jesper!AL$2:AL$366,ROUNDDOWN($C4255/24,0)+1,1))-1)+IF('Standard Profiles'!$G$22=$B$10,7,0)+IF('Standard Profiles'!$G$22=$B$17,14,0)+IF('Standard Profiles'!$G$22=$B$24,21,0),0)),0)</f>
        <v>0.11422333507355791</v>
      </c>
      <c r="I4255">
        <f t="shared" si="475"/>
        <v>0.10965440167061564</v>
      </c>
      <c r="J4255">
        <f t="shared" si="476"/>
        <v>4.0656893097028695</v>
      </c>
      <c r="K4255">
        <f t="shared" si="477"/>
        <v>0.21757741976762074</v>
      </c>
      <c r="L4255">
        <f t="shared" si="478"/>
        <v>0.10878870988381037</v>
      </c>
      <c r="M4255">
        <f t="shared" si="479"/>
        <v>0</v>
      </c>
      <c r="N4255" s="45">
        <f t="shared" si="480"/>
        <v>45102.874999989763</v>
      </c>
    </row>
    <row r="4256" spans="2:14" x14ac:dyDescent="0.25">
      <c r="B4256">
        <f t="shared" si="474"/>
        <v>7</v>
      </c>
      <c r="C4256" s="16">
        <v>4222</v>
      </c>
      <c r="D4256" cm="1">
        <f t="array" ref="D4256">IFERROR(INDEX(Jesper!AH$2:AH$366,ROUNDDOWN($C4256/24,0)+1,1)*INDEX($D$3:$AA$30,INDEX(Jesper!$R$2:$R$366,ROW(INDEX(Jesper!AH$2:AH$366,ROUNDDOWN($C4256/24,0)+1,1))-1)+IF('Standard Profiles'!$G$18=$B$10,7,0)+IF('Standard Profiles'!$G$18=$B$17,14,0)+IF('Standard Profiles'!$G$18=$B$24,21,0),MOD($C4256,24)+1)/SUM(INDEX($D$3:$AA$30,INDEX(Jesper!$R$2:$R$366,ROW(INDEX(Jesper!AH$2:AH$366,ROUNDDOWN($C4256/24,0)+1,1))-1)+IF('Standard Profiles'!$G$18=$B$10,7,0)+IF('Standard Profiles'!$G$18=$B$17,14,0)+IF('Standard Profiles'!$G$18=$B$24,21,0),0)),0)</f>
        <v>0</v>
      </c>
      <c r="E4256" cm="1">
        <f t="array" ref="E4256">IFERROR(INDEX(Jesper!AI$2:AI$366,ROUNDDOWN($C4256/24,0)+1,1)*INDEX($D$3:$AA$30,INDEX(Jesper!$R$2:$R$366,ROW(INDEX(Jesper!AI$2:AI$366,ROUNDDOWN($C4256/24,0)+1,1))-1)+IF('Standard Profiles'!$G$19=$B$10,7,0)+IF('Standard Profiles'!$G$19=$B$17,14,0)+IF('Standard Profiles'!$G$19=$B$24,21,0),MOD($C4256,24)+1)/SUM(INDEX($D$3:$AA$30,INDEX(Jesper!$R$2:$R$366,ROW(INDEX(Jesper!AI$2:AI$366,ROUNDDOWN($C4256/24,0)+1,1))-1)+IF('Standard Profiles'!$G$19=$B$10,7,0)+IF('Standard Profiles'!$G$19=$B$17,14,0)+IF('Standard Profiles'!$G$19=$B$24,21,0),0)),0)</f>
        <v>2.7197177470952592</v>
      </c>
      <c r="F4256" cm="1">
        <f t="array" ref="F4256">IFERROR(INDEX(Jesper!AJ$2:AJ$366,ROUNDDOWN($C4256/24,0)+1,1)*INDEX($D$3:$AA$30,INDEX(Jesper!$R$2:$R$366,ROW(INDEX(Jesper!AJ$2:AJ$366,ROUNDDOWN($C4256/24,0)+1,1))-1)+IF('Standard Profiles'!$G$20=$B$10,7,0)+IF('Standard Profiles'!$G$20=$B$17,14,0)+IF('Standard Profiles'!$G$20=$B$24,21,0),MOD($C4256,24)+1)/SUM(INDEX($D$3:$AA$30,INDEX(Jesper!$R$2:$R$366,ROW(INDEX(Jesper!AJ$2:AJ$366,ROUNDDOWN($C4256/24,0)+1,1))-1)+IF('Standard Profiles'!$G$20=$B$10,7,0)+IF('Standard Profiles'!$G$20=$B$17,14,0)+IF('Standard Profiles'!$G$20=$B$24,21,0),0)),0)</f>
        <v>1.0960287708440239</v>
      </c>
      <c r="G4256" cm="1">
        <f t="array" ref="G4256">IFERROR(INDEX(Jesper!AK$2:AK$366,ROUNDDOWN($C4256/24,0)+1,1)*INDEX($D$3:$AA$30,INDEX(Jesper!$R$2:$R$366,ROW(INDEX(Jesper!AK$2:AK$366,ROUNDDOWN($C4256/24,0)+1,1))-1)+IF('Standard Profiles'!$G$21=$B$10,7,0)+IF('Standard Profiles'!$G$21=$B$17,14,0)+IF('Standard Profiles'!$G$21=$B$24,21,0),MOD($C4256,24)+1)/SUM(INDEX($D$3:$AA$30,INDEX(Jesper!$R$2:$R$366,ROW(INDEX(Jesper!AK$2:AK$366,ROUNDDOWN($C4256/24,0)+1,1))-1)+IF('Standard Profiles'!$G$21=$B$10,7,0)+IF('Standard Profiles'!$G$21=$B$17,14,0)+IF('Standard Profiles'!$G$21=$B$24,21,0),0)),0)</f>
        <v>0.57173998801207526</v>
      </c>
      <c r="H4256" cm="1">
        <f t="array" ref="H4256">IFERROR(INDEX(Jesper!AL$2:AL$366,ROUNDDOWN($C4256/24,0)+1,1)*INDEX($D$3:$AA$30,INDEX(Jesper!$R$2:$R$366,ROW(INDEX(Jesper!AL$2:AL$366,ROUNDDOWN($C4256/24,0)+1,1))-1)+IF('Standard Profiles'!$G$22=$B$10,7,0)+IF('Standard Profiles'!$G$22=$B$17,14,0)+IF('Standard Profiles'!$G$22=$B$24,21,0),MOD($C4256,24)+1)/SUM(INDEX($D$3:$AA$30,INDEX(Jesper!$R$2:$R$366,ROW(INDEX(Jesper!AL$2:AL$366,ROUNDDOWN($C4256/24,0)+1,1))-1)+IF('Standard Profiles'!$G$22=$B$10,7,0)+IF('Standard Profiles'!$G$22=$B$17,14,0)+IF('Standard Profiles'!$G$22=$B$24,21,0),0)),0)</f>
        <v>0.11422333507355791</v>
      </c>
      <c r="I4256">
        <f t="shared" si="475"/>
        <v>0.10965440167061564</v>
      </c>
      <c r="J4256">
        <f t="shared" si="476"/>
        <v>4.0656893097028695</v>
      </c>
      <c r="K4256">
        <f t="shared" si="477"/>
        <v>0.21757741976762074</v>
      </c>
      <c r="L4256">
        <f t="shared" si="478"/>
        <v>0.10878870988381037</v>
      </c>
      <c r="M4256">
        <f t="shared" si="479"/>
        <v>0</v>
      </c>
      <c r="N4256" s="45">
        <f t="shared" si="480"/>
        <v>45102.916666656427</v>
      </c>
    </row>
    <row r="4257" spans="2:14" x14ac:dyDescent="0.25">
      <c r="B4257">
        <f t="shared" si="474"/>
        <v>7</v>
      </c>
      <c r="C4257" s="16">
        <v>4223</v>
      </c>
      <c r="D4257" cm="1">
        <f t="array" ref="D4257">IFERROR(INDEX(Jesper!AH$2:AH$366,ROUNDDOWN($C4257/24,0)+1,1)*INDEX($D$3:$AA$30,INDEX(Jesper!$R$2:$R$366,ROW(INDEX(Jesper!AH$2:AH$366,ROUNDDOWN($C4257/24,0)+1,1))-1)+IF('Standard Profiles'!$G$18=$B$10,7,0)+IF('Standard Profiles'!$G$18=$B$17,14,0)+IF('Standard Profiles'!$G$18=$B$24,21,0),MOD($C4257,24)+1)/SUM(INDEX($D$3:$AA$30,INDEX(Jesper!$R$2:$R$366,ROW(INDEX(Jesper!AH$2:AH$366,ROUNDDOWN($C4257/24,0)+1,1))-1)+IF('Standard Profiles'!$G$18=$B$10,7,0)+IF('Standard Profiles'!$G$18=$B$17,14,0)+IF('Standard Profiles'!$G$18=$B$24,21,0),0)),0)</f>
        <v>0</v>
      </c>
      <c r="E4257" cm="1">
        <f t="array" ref="E4257">IFERROR(INDEX(Jesper!AI$2:AI$366,ROUNDDOWN($C4257/24,0)+1,1)*INDEX($D$3:$AA$30,INDEX(Jesper!$R$2:$R$366,ROW(INDEX(Jesper!AI$2:AI$366,ROUNDDOWN($C4257/24,0)+1,1))-1)+IF('Standard Profiles'!$G$19=$B$10,7,0)+IF('Standard Profiles'!$G$19=$B$17,14,0)+IF('Standard Profiles'!$G$19=$B$24,21,0),MOD($C4257,24)+1)/SUM(INDEX($D$3:$AA$30,INDEX(Jesper!$R$2:$R$366,ROW(INDEX(Jesper!AI$2:AI$366,ROUNDDOWN($C4257/24,0)+1,1))-1)+IF('Standard Profiles'!$G$19=$B$10,7,0)+IF('Standard Profiles'!$G$19=$B$17,14,0)+IF('Standard Profiles'!$G$19=$B$24,21,0),0)),0)</f>
        <v>2.7197177470952592</v>
      </c>
      <c r="F4257" cm="1">
        <f t="array" ref="F4257">IFERROR(INDEX(Jesper!AJ$2:AJ$366,ROUNDDOWN($C4257/24,0)+1,1)*INDEX($D$3:$AA$30,INDEX(Jesper!$R$2:$R$366,ROW(INDEX(Jesper!AJ$2:AJ$366,ROUNDDOWN($C4257/24,0)+1,1))-1)+IF('Standard Profiles'!$G$20=$B$10,7,0)+IF('Standard Profiles'!$G$20=$B$17,14,0)+IF('Standard Profiles'!$G$20=$B$24,21,0),MOD($C4257,24)+1)/SUM(INDEX($D$3:$AA$30,INDEX(Jesper!$R$2:$R$366,ROW(INDEX(Jesper!AJ$2:AJ$366,ROUNDDOWN($C4257/24,0)+1,1))-1)+IF('Standard Profiles'!$G$20=$B$10,7,0)+IF('Standard Profiles'!$G$20=$B$17,14,0)+IF('Standard Profiles'!$G$20=$B$24,21,0),0)),0)</f>
        <v>1.0960287708440239</v>
      </c>
      <c r="G4257" cm="1">
        <f t="array" ref="G4257">IFERROR(INDEX(Jesper!AK$2:AK$366,ROUNDDOWN($C4257/24,0)+1,1)*INDEX($D$3:$AA$30,INDEX(Jesper!$R$2:$R$366,ROW(INDEX(Jesper!AK$2:AK$366,ROUNDDOWN($C4257/24,0)+1,1))-1)+IF('Standard Profiles'!$G$21=$B$10,7,0)+IF('Standard Profiles'!$G$21=$B$17,14,0)+IF('Standard Profiles'!$G$21=$B$24,21,0),MOD($C4257,24)+1)/SUM(INDEX($D$3:$AA$30,INDEX(Jesper!$R$2:$R$366,ROW(INDEX(Jesper!AK$2:AK$366,ROUNDDOWN($C4257/24,0)+1,1))-1)+IF('Standard Profiles'!$G$21=$B$10,7,0)+IF('Standard Profiles'!$G$21=$B$17,14,0)+IF('Standard Profiles'!$G$21=$B$24,21,0),0)),0)</f>
        <v>0.57173998801207526</v>
      </c>
      <c r="H4257" cm="1">
        <f t="array" ref="H4257">IFERROR(INDEX(Jesper!AL$2:AL$366,ROUNDDOWN($C4257/24,0)+1,1)*INDEX($D$3:$AA$30,INDEX(Jesper!$R$2:$R$366,ROW(INDEX(Jesper!AL$2:AL$366,ROUNDDOWN($C4257/24,0)+1,1))-1)+IF('Standard Profiles'!$G$22=$B$10,7,0)+IF('Standard Profiles'!$G$22=$B$17,14,0)+IF('Standard Profiles'!$G$22=$B$24,21,0),MOD($C4257,24)+1)/SUM(INDEX($D$3:$AA$30,INDEX(Jesper!$R$2:$R$366,ROW(INDEX(Jesper!AL$2:AL$366,ROUNDDOWN($C4257/24,0)+1,1))-1)+IF('Standard Profiles'!$G$22=$B$10,7,0)+IF('Standard Profiles'!$G$22=$B$17,14,0)+IF('Standard Profiles'!$G$22=$B$24,21,0),0)),0)</f>
        <v>0.11422333507355791</v>
      </c>
      <c r="I4257">
        <f t="shared" si="475"/>
        <v>0.10965440167061564</v>
      </c>
      <c r="J4257">
        <f t="shared" si="476"/>
        <v>4.0656893097028695</v>
      </c>
      <c r="K4257">
        <f t="shared" si="477"/>
        <v>0.21757741976762074</v>
      </c>
      <c r="L4257">
        <f t="shared" si="478"/>
        <v>0.10878870988381037</v>
      </c>
      <c r="M4257">
        <f t="shared" si="479"/>
        <v>0</v>
      </c>
      <c r="N4257" s="45">
        <f t="shared" si="480"/>
        <v>45102.958333323091</v>
      </c>
    </row>
    <row r="4258" spans="2:14" x14ac:dyDescent="0.25">
      <c r="B4258">
        <f t="shared" si="474"/>
        <v>1</v>
      </c>
      <c r="C4258" s="16">
        <v>4224</v>
      </c>
      <c r="D4258" cm="1">
        <f t="array" ref="D4258">IFERROR(INDEX(Jesper!AH$2:AH$366,ROUNDDOWN($C4258/24,0)+1,1)*INDEX($D$3:$AA$30,INDEX(Jesper!$R$2:$R$366,ROW(INDEX(Jesper!AH$2:AH$366,ROUNDDOWN($C4258/24,0)+1,1))-1)+IF('Standard Profiles'!$G$18=$B$10,7,0)+IF('Standard Profiles'!$G$18=$B$17,14,0)+IF('Standard Profiles'!$G$18=$B$24,21,0),MOD($C4258,24)+1)/SUM(INDEX($D$3:$AA$30,INDEX(Jesper!$R$2:$R$366,ROW(INDEX(Jesper!AH$2:AH$366,ROUNDDOWN($C4258/24,0)+1,1))-1)+IF('Standard Profiles'!$G$18=$B$10,7,0)+IF('Standard Profiles'!$G$18=$B$17,14,0)+IF('Standard Profiles'!$G$18=$B$24,21,0),0)),0)</f>
        <v>5.0383728121534048</v>
      </c>
      <c r="E4258" cm="1">
        <f t="array" ref="E4258">IFERROR(INDEX(Jesper!AI$2:AI$366,ROUNDDOWN($C4258/24,0)+1,1)*INDEX($D$3:$AA$30,INDEX(Jesper!$R$2:$R$366,ROW(INDEX(Jesper!AI$2:AI$366,ROUNDDOWN($C4258/24,0)+1,1))-1)+IF('Standard Profiles'!$G$19=$B$10,7,0)+IF('Standard Profiles'!$G$19=$B$17,14,0)+IF('Standard Profiles'!$G$19=$B$24,21,0),MOD($C4258,24)+1)/SUM(INDEX($D$3:$AA$30,INDEX(Jesper!$R$2:$R$366,ROW(INDEX(Jesper!AI$2:AI$366,ROUNDDOWN($C4258/24,0)+1,1))-1)+IF('Standard Profiles'!$G$19=$B$10,7,0)+IF('Standard Profiles'!$G$19=$B$17,14,0)+IF('Standard Profiles'!$G$19=$B$24,21,0),0)),0)</f>
        <v>2.0045234536935457</v>
      </c>
      <c r="F4258" cm="1">
        <f t="array" ref="F4258">IFERROR(INDEX(Jesper!AJ$2:AJ$366,ROUNDDOWN($C4258/24,0)+1,1)*INDEX($D$3:$AA$30,INDEX(Jesper!$R$2:$R$366,ROW(INDEX(Jesper!AJ$2:AJ$366,ROUNDDOWN($C4258/24,0)+1,1))-1)+IF('Standard Profiles'!$G$20=$B$10,7,0)+IF('Standard Profiles'!$G$20=$B$17,14,0)+IF('Standard Profiles'!$G$20=$B$24,21,0),MOD($C4258,24)+1)/SUM(INDEX($D$3:$AA$30,INDEX(Jesper!$R$2:$R$366,ROW(INDEX(Jesper!AJ$2:AJ$366,ROUNDDOWN($C4258/24,0)+1,1))-1)+IF('Standard Profiles'!$G$20=$B$10,7,0)+IF('Standard Profiles'!$G$20=$B$17,14,0)+IF('Standard Profiles'!$G$20=$B$24,21,0),0)),0)</f>
        <v>0</v>
      </c>
      <c r="G4258" cm="1">
        <f t="array" ref="G4258">IFERROR(INDEX(Jesper!AK$2:AK$366,ROUNDDOWN($C4258/24,0)+1,1)*INDEX($D$3:$AA$30,INDEX(Jesper!$R$2:$R$366,ROW(INDEX(Jesper!AK$2:AK$366,ROUNDDOWN($C4258/24,0)+1,1))-1)+IF('Standard Profiles'!$G$21=$B$10,7,0)+IF('Standard Profiles'!$G$21=$B$17,14,0)+IF('Standard Profiles'!$G$21=$B$24,21,0),MOD($C4258,24)+1)/SUM(INDEX($D$3:$AA$30,INDEX(Jesper!$R$2:$R$366,ROW(INDEX(Jesper!AK$2:AK$366,ROUNDDOWN($C4258/24,0)+1,1))-1)+IF('Standard Profiles'!$G$21=$B$10,7,0)+IF('Standard Profiles'!$G$21=$B$17,14,0)+IF('Standard Profiles'!$G$21=$B$24,21,0),0)),0)</f>
        <v>0</v>
      </c>
      <c r="H4258" cm="1">
        <f t="array" ref="H4258">IFERROR(INDEX(Jesper!AL$2:AL$366,ROUNDDOWN($C4258/24,0)+1,1)*INDEX($D$3:$AA$30,INDEX(Jesper!$R$2:$R$366,ROW(INDEX(Jesper!AL$2:AL$366,ROUNDDOWN($C4258/24,0)+1,1))-1)+IF('Standard Profiles'!$G$22=$B$10,7,0)+IF('Standard Profiles'!$G$22=$B$17,14,0)+IF('Standard Profiles'!$G$22=$B$24,21,0),MOD($C4258,24)+1)/SUM(INDEX($D$3:$AA$30,INDEX(Jesper!$R$2:$R$366,ROW(INDEX(Jesper!AL$2:AL$366,ROUNDDOWN($C4258/24,0)+1,1))-1)+IF('Standard Profiles'!$G$22=$B$10,7,0)+IF('Standard Profiles'!$G$22=$B$17,14,0)+IF('Standard Profiles'!$G$22=$B$24,21,0),0)),0)</f>
        <v>0</v>
      </c>
      <c r="I4258">
        <f t="shared" si="475"/>
        <v>0</v>
      </c>
      <c r="J4258">
        <f t="shared" si="476"/>
        <v>6.2367566159024053</v>
      </c>
      <c r="K4258">
        <f t="shared" si="477"/>
        <v>0.53742643329636319</v>
      </c>
      <c r="L4258">
        <f t="shared" si="478"/>
        <v>0.2687132166481816</v>
      </c>
      <c r="M4258">
        <f t="shared" si="479"/>
        <v>0</v>
      </c>
      <c r="N4258" s="45">
        <f t="shared" si="480"/>
        <v>45102.999999989755</v>
      </c>
    </row>
    <row r="4259" spans="2:14" x14ac:dyDescent="0.25">
      <c r="B4259">
        <f t="shared" ref="B4259:B4322" si="481">WEEKDAY(N4259,2)</f>
        <v>1</v>
      </c>
      <c r="C4259" s="16">
        <v>4225</v>
      </c>
      <c r="D4259" cm="1">
        <f t="array" ref="D4259">IFERROR(INDEX(Jesper!AH$2:AH$366,ROUNDDOWN($C4259/24,0)+1,1)*INDEX($D$3:$AA$30,INDEX(Jesper!$R$2:$R$366,ROW(INDEX(Jesper!AH$2:AH$366,ROUNDDOWN($C4259/24,0)+1,1))-1)+IF('Standard Profiles'!$G$18=$B$10,7,0)+IF('Standard Profiles'!$G$18=$B$17,14,0)+IF('Standard Profiles'!$G$18=$B$24,21,0),MOD($C4259,24)+1)/SUM(INDEX($D$3:$AA$30,INDEX(Jesper!$R$2:$R$366,ROW(INDEX(Jesper!AH$2:AH$366,ROUNDDOWN($C4259/24,0)+1,1))-1)+IF('Standard Profiles'!$G$18=$B$10,7,0)+IF('Standard Profiles'!$G$18=$B$17,14,0)+IF('Standard Profiles'!$G$18=$B$24,21,0),0)),0)</f>
        <v>5.0383728121534048</v>
      </c>
      <c r="E4259" cm="1">
        <f t="array" ref="E4259">IFERROR(INDEX(Jesper!AI$2:AI$366,ROUNDDOWN($C4259/24,0)+1,1)*INDEX($D$3:$AA$30,INDEX(Jesper!$R$2:$R$366,ROW(INDEX(Jesper!AI$2:AI$366,ROUNDDOWN($C4259/24,0)+1,1))-1)+IF('Standard Profiles'!$G$19=$B$10,7,0)+IF('Standard Profiles'!$G$19=$B$17,14,0)+IF('Standard Profiles'!$G$19=$B$24,21,0),MOD($C4259,24)+1)/SUM(INDEX($D$3:$AA$30,INDEX(Jesper!$R$2:$R$366,ROW(INDEX(Jesper!AI$2:AI$366,ROUNDDOWN($C4259/24,0)+1,1))-1)+IF('Standard Profiles'!$G$19=$B$10,7,0)+IF('Standard Profiles'!$G$19=$B$17,14,0)+IF('Standard Profiles'!$G$19=$B$24,21,0),0)),0)</f>
        <v>2.0045234536935457</v>
      </c>
      <c r="F4259" cm="1">
        <f t="array" ref="F4259">IFERROR(INDEX(Jesper!AJ$2:AJ$366,ROUNDDOWN($C4259/24,0)+1,1)*INDEX($D$3:$AA$30,INDEX(Jesper!$R$2:$R$366,ROW(INDEX(Jesper!AJ$2:AJ$366,ROUNDDOWN($C4259/24,0)+1,1))-1)+IF('Standard Profiles'!$G$20=$B$10,7,0)+IF('Standard Profiles'!$G$20=$B$17,14,0)+IF('Standard Profiles'!$G$20=$B$24,21,0),MOD($C4259,24)+1)/SUM(INDEX($D$3:$AA$30,INDEX(Jesper!$R$2:$R$366,ROW(INDEX(Jesper!AJ$2:AJ$366,ROUNDDOWN($C4259/24,0)+1,1))-1)+IF('Standard Profiles'!$G$20=$B$10,7,0)+IF('Standard Profiles'!$G$20=$B$17,14,0)+IF('Standard Profiles'!$G$20=$B$24,21,0),0)),0)</f>
        <v>0</v>
      </c>
      <c r="G4259" cm="1">
        <f t="array" ref="G4259">IFERROR(INDEX(Jesper!AK$2:AK$366,ROUNDDOWN($C4259/24,0)+1,1)*INDEX($D$3:$AA$30,INDEX(Jesper!$R$2:$R$366,ROW(INDEX(Jesper!AK$2:AK$366,ROUNDDOWN($C4259/24,0)+1,1))-1)+IF('Standard Profiles'!$G$21=$B$10,7,0)+IF('Standard Profiles'!$G$21=$B$17,14,0)+IF('Standard Profiles'!$G$21=$B$24,21,0),MOD($C4259,24)+1)/SUM(INDEX($D$3:$AA$30,INDEX(Jesper!$R$2:$R$366,ROW(INDEX(Jesper!AK$2:AK$366,ROUNDDOWN($C4259/24,0)+1,1))-1)+IF('Standard Profiles'!$G$21=$B$10,7,0)+IF('Standard Profiles'!$G$21=$B$17,14,0)+IF('Standard Profiles'!$G$21=$B$24,21,0),0)),0)</f>
        <v>0</v>
      </c>
      <c r="H4259" cm="1">
        <f t="array" ref="H4259">IFERROR(INDEX(Jesper!AL$2:AL$366,ROUNDDOWN($C4259/24,0)+1,1)*INDEX($D$3:$AA$30,INDEX(Jesper!$R$2:$R$366,ROW(INDEX(Jesper!AL$2:AL$366,ROUNDDOWN($C4259/24,0)+1,1))-1)+IF('Standard Profiles'!$G$22=$B$10,7,0)+IF('Standard Profiles'!$G$22=$B$17,14,0)+IF('Standard Profiles'!$G$22=$B$24,21,0),MOD($C4259,24)+1)/SUM(INDEX($D$3:$AA$30,INDEX(Jesper!$R$2:$R$366,ROW(INDEX(Jesper!AL$2:AL$366,ROUNDDOWN($C4259/24,0)+1,1))-1)+IF('Standard Profiles'!$G$22=$B$10,7,0)+IF('Standard Profiles'!$G$22=$B$17,14,0)+IF('Standard Profiles'!$G$22=$B$24,21,0),0)),0)</f>
        <v>0</v>
      </c>
      <c r="I4259">
        <f t="shared" ref="I4259:I4322" si="482">IF($B4259&lt;6,AC$37*$D4259+AC$38*$E4259+AC$39*$F4259+AC$40*$G4259,AC$46*$D4259+AC$47*$E4259+AC$48*$F4259+AC$49*$G4259+AC$50*$H4259)</f>
        <v>0</v>
      </c>
      <c r="J4259">
        <f t="shared" ref="J4259:J4322" si="483">IF($B4259&lt;6,AD$37*$D4259+AD$38*$E4259+AD$39*$F4259+AD$40*$G4259,AD$46*$D4259+AD$47*$E4259+AD$48*$F4259+AD$49*$G4259+AD$50*$H4259)</f>
        <v>6.2367566159024053</v>
      </c>
      <c r="K4259">
        <f t="shared" ref="K4259:K4322" si="484">IF($B4259&lt;6,AE$37*$D4259+AE$38*$E4259+AE$39*$F4259+AE$40*$G4259,AE$46*$D4259+AE$47*$E4259+AE$48*$F4259+AE$49*$G4259+AE$50*$H4259)</f>
        <v>0.53742643329636319</v>
      </c>
      <c r="L4259">
        <f t="shared" ref="L4259:L4322" si="485">IF($B4259&lt;6,AF$37*$D4259+AF$38*$E4259+AF$39*$F4259+AF$40*$G4259,AF$46*$D4259+AF$47*$E4259+AF$48*$F4259+AF$49*$G4259+AF$50*$H4259)</f>
        <v>0.2687132166481816</v>
      </c>
      <c r="M4259">
        <f t="shared" ref="M4259:M4322" si="486">IF($B4259&lt;6,AG$37*$D4259+AG$38*$E4259+AG$39*$F4259+AG$40*$G4259,AG$46*$D4259+AG$47*$E4259+AG$48*$F4259+AG$49*$G4259+AG$50*$H4259)</f>
        <v>0</v>
      </c>
      <c r="N4259" s="45">
        <f t="shared" si="480"/>
        <v>45103.04166665642</v>
      </c>
    </row>
    <row r="4260" spans="2:14" x14ac:dyDescent="0.25">
      <c r="B4260">
        <f t="shared" si="481"/>
        <v>1</v>
      </c>
      <c r="C4260" s="16">
        <v>4226</v>
      </c>
      <c r="D4260" cm="1">
        <f t="array" ref="D4260">IFERROR(INDEX(Jesper!AH$2:AH$366,ROUNDDOWN($C4260/24,0)+1,1)*INDEX($D$3:$AA$30,INDEX(Jesper!$R$2:$R$366,ROW(INDEX(Jesper!AH$2:AH$366,ROUNDDOWN($C4260/24,0)+1,1))-1)+IF('Standard Profiles'!$G$18=$B$10,7,0)+IF('Standard Profiles'!$G$18=$B$17,14,0)+IF('Standard Profiles'!$G$18=$B$24,21,0),MOD($C4260,24)+1)/SUM(INDEX($D$3:$AA$30,INDEX(Jesper!$R$2:$R$366,ROW(INDEX(Jesper!AH$2:AH$366,ROUNDDOWN($C4260/24,0)+1,1))-1)+IF('Standard Profiles'!$G$18=$B$10,7,0)+IF('Standard Profiles'!$G$18=$B$17,14,0)+IF('Standard Profiles'!$G$18=$B$24,21,0),0)),0)</f>
        <v>5.0383728121534048</v>
      </c>
      <c r="E4260" cm="1">
        <f t="array" ref="E4260">IFERROR(INDEX(Jesper!AI$2:AI$366,ROUNDDOWN($C4260/24,0)+1,1)*INDEX($D$3:$AA$30,INDEX(Jesper!$R$2:$R$366,ROW(INDEX(Jesper!AI$2:AI$366,ROUNDDOWN($C4260/24,0)+1,1))-1)+IF('Standard Profiles'!$G$19=$B$10,7,0)+IF('Standard Profiles'!$G$19=$B$17,14,0)+IF('Standard Profiles'!$G$19=$B$24,21,0),MOD($C4260,24)+1)/SUM(INDEX($D$3:$AA$30,INDEX(Jesper!$R$2:$R$366,ROW(INDEX(Jesper!AI$2:AI$366,ROUNDDOWN($C4260/24,0)+1,1))-1)+IF('Standard Profiles'!$G$19=$B$10,7,0)+IF('Standard Profiles'!$G$19=$B$17,14,0)+IF('Standard Profiles'!$G$19=$B$24,21,0),0)),0)</f>
        <v>2.0045234536935457</v>
      </c>
      <c r="F4260" cm="1">
        <f t="array" ref="F4260">IFERROR(INDEX(Jesper!AJ$2:AJ$366,ROUNDDOWN($C4260/24,0)+1,1)*INDEX($D$3:$AA$30,INDEX(Jesper!$R$2:$R$366,ROW(INDEX(Jesper!AJ$2:AJ$366,ROUNDDOWN($C4260/24,0)+1,1))-1)+IF('Standard Profiles'!$G$20=$B$10,7,0)+IF('Standard Profiles'!$G$20=$B$17,14,0)+IF('Standard Profiles'!$G$20=$B$24,21,0),MOD($C4260,24)+1)/SUM(INDEX($D$3:$AA$30,INDEX(Jesper!$R$2:$R$366,ROW(INDEX(Jesper!AJ$2:AJ$366,ROUNDDOWN($C4260/24,0)+1,1))-1)+IF('Standard Profiles'!$G$20=$B$10,7,0)+IF('Standard Profiles'!$G$20=$B$17,14,0)+IF('Standard Profiles'!$G$20=$B$24,21,0),0)),0)</f>
        <v>0</v>
      </c>
      <c r="G4260" cm="1">
        <f t="array" ref="G4260">IFERROR(INDEX(Jesper!AK$2:AK$366,ROUNDDOWN($C4260/24,0)+1,1)*INDEX($D$3:$AA$30,INDEX(Jesper!$R$2:$R$366,ROW(INDEX(Jesper!AK$2:AK$366,ROUNDDOWN($C4260/24,0)+1,1))-1)+IF('Standard Profiles'!$G$21=$B$10,7,0)+IF('Standard Profiles'!$G$21=$B$17,14,0)+IF('Standard Profiles'!$G$21=$B$24,21,0),MOD($C4260,24)+1)/SUM(INDEX($D$3:$AA$30,INDEX(Jesper!$R$2:$R$366,ROW(INDEX(Jesper!AK$2:AK$366,ROUNDDOWN($C4260/24,0)+1,1))-1)+IF('Standard Profiles'!$G$21=$B$10,7,0)+IF('Standard Profiles'!$G$21=$B$17,14,0)+IF('Standard Profiles'!$G$21=$B$24,21,0),0)),0)</f>
        <v>0</v>
      </c>
      <c r="H4260" cm="1">
        <f t="array" ref="H4260">IFERROR(INDEX(Jesper!AL$2:AL$366,ROUNDDOWN($C4260/24,0)+1,1)*INDEX($D$3:$AA$30,INDEX(Jesper!$R$2:$R$366,ROW(INDEX(Jesper!AL$2:AL$366,ROUNDDOWN($C4260/24,0)+1,1))-1)+IF('Standard Profiles'!$G$22=$B$10,7,0)+IF('Standard Profiles'!$G$22=$B$17,14,0)+IF('Standard Profiles'!$G$22=$B$24,21,0),MOD($C4260,24)+1)/SUM(INDEX($D$3:$AA$30,INDEX(Jesper!$R$2:$R$366,ROW(INDEX(Jesper!AL$2:AL$366,ROUNDDOWN($C4260/24,0)+1,1))-1)+IF('Standard Profiles'!$G$22=$B$10,7,0)+IF('Standard Profiles'!$G$22=$B$17,14,0)+IF('Standard Profiles'!$G$22=$B$24,21,0),0)),0)</f>
        <v>0</v>
      </c>
      <c r="I4260">
        <f t="shared" si="482"/>
        <v>0</v>
      </c>
      <c r="J4260">
        <f t="shared" si="483"/>
        <v>6.2367566159024053</v>
      </c>
      <c r="K4260">
        <f t="shared" si="484"/>
        <v>0.53742643329636319</v>
      </c>
      <c r="L4260">
        <f t="shared" si="485"/>
        <v>0.2687132166481816</v>
      </c>
      <c r="M4260">
        <f t="shared" si="486"/>
        <v>0</v>
      </c>
      <c r="N4260" s="45">
        <f t="shared" ref="N4260:N4323" si="487">N4259+1/24</f>
        <v>45103.083333323084</v>
      </c>
    </row>
    <row r="4261" spans="2:14" x14ac:dyDescent="0.25">
      <c r="B4261">
        <f t="shared" si="481"/>
        <v>1</v>
      </c>
      <c r="C4261" s="16">
        <v>4227</v>
      </c>
      <c r="D4261" cm="1">
        <f t="array" ref="D4261">IFERROR(INDEX(Jesper!AH$2:AH$366,ROUNDDOWN($C4261/24,0)+1,1)*INDEX($D$3:$AA$30,INDEX(Jesper!$R$2:$R$366,ROW(INDEX(Jesper!AH$2:AH$366,ROUNDDOWN($C4261/24,0)+1,1))-1)+IF('Standard Profiles'!$G$18=$B$10,7,0)+IF('Standard Profiles'!$G$18=$B$17,14,0)+IF('Standard Profiles'!$G$18=$B$24,21,0),MOD($C4261,24)+1)/SUM(INDEX($D$3:$AA$30,INDEX(Jesper!$R$2:$R$366,ROW(INDEX(Jesper!AH$2:AH$366,ROUNDDOWN($C4261/24,0)+1,1))-1)+IF('Standard Profiles'!$G$18=$B$10,7,0)+IF('Standard Profiles'!$G$18=$B$17,14,0)+IF('Standard Profiles'!$G$18=$B$24,21,0),0)),0)</f>
        <v>5.0383728121534048</v>
      </c>
      <c r="E4261" cm="1">
        <f t="array" ref="E4261">IFERROR(INDEX(Jesper!AI$2:AI$366,ROUNDDOWN($C4261/24,0)+1,1)*INDEX($D$3:$AA$30,INDEX(Jesper!$R$2:$R$366,ROW(INDEX(Jesper!AI$2:AI$366,ROUNDDOWN($C4261/24,0)+1,1))-1)+IF('Standard Profiles'!$G$19=$B$10,7,0)+IF('Standard Profiles'!$G$19=$B$17,14,0)+IF('Standard Profiles'!$G$19=$B$24,21,0),MOD($C4261,24)+1)/SUM(INDEX($D$3:$AA$30,INDEX(Jesper!$R$2:$R$366,ROW(INDEX(Jesper!AI$2:AI$366,ROUNDDOWN($C4261/24,0)+1,1))-1)+IF('Standard Profiles'!$G$19=$B$10,7,0)+IF('Standard Profiles'!$G$19=$B$17,14,0)+IF('Standard Profiles'!$G$19=$B$24,21,0),0)),0)</f>
        <v>2.0045234536935457</v>
      </c>
      <c r="F4261" cm="1">
        <f t="array" ref="F4261">IFERROR(INDEX(Jesper!AJ$2:AJ$366,ROUNDDOWN($C4261/24,0)+1,1)*INDEX($D$3:$AA$30,INDEX(Jesper!$R$2:$R$366,ROW(INDEX(Jesper!AJ$2:AJ$366,ROUNDDOWN($C4261/24,0)+1,1))-1)+IF('Standard Profiles'!$G$20=$B$10,7,0)+IF('Standard Profiles'!$G$20=$B$17,14,0)+IF('Standard Profiles'!$G$20=$B$24,21,0),MOD($C4261,24)+1)/SUM(INDEX($D$3:$AA$30,INDEX(Jesper!$R$2:$R$366,ROW(INDEX(Jesper!AJ$2:AJ$366,ROUNDDOWN($C4261/24,0)+1,1))-1)+IF('Standard Profiles'!$G$20=$B$10,7,0)+IF('Standard Profiles'!$G$20=$B$17,14,0)+IF('Standard Profiles'!$G$20=$B$24,21,0),0)),0)</f>
        <v>0</v>
      </c>
      <c r="G4261" cm="1">
        <f t="array" ref="G4261">IFERROR(INDEX(Jesper!AK$2:AK$366,ROUNDDOWN($C4261/24,0)+1,1)*INDEX($D$3:$AA$30,INDEX(Jesper!$R$2:$R$366,ROW(INDEX(Jesper!AK$2:AK$366,ROUNDDOWN($C4261/24,0)+1,1))-1)+IF('Standard Profiles'!$G$21=$B$10,7,0)+IF('Standard Profiles'!$G$21=$B$17,14,0)+IF('Standard Profiles'!$G$21=$B$24,21,0),MOD($C4261,24)+1)/SUM(INDEX($D$3:$AA$30,INDEX(Jesper!$R$2:$R$366,ROW(INDEX(Jesper!AK$2:AK$366,ROUNDDOWN($C4261/24,0)+1,1))-1)+IF('Standard Profiles'!$G$21=$B$10,7,0)+IF('Standard Profiles'!$G$21=$B$17,14,0)+IF('Standard Profiles'!$G$21=$B$24,21,0),0)),0)</f>
        <v>0</v>
      </c>
      <c r="H4261" cm="1">
        <f t="array" ref="H4261">IFERROR(INDEX(Jesper!AL$2:AL$366,ROUNDDOWN($C4261/24,0)+1,1)*INDEX($D$3:$AA$30,INDEX(Jesper!$R$2:$R$366,ROW(INDEX(Jesper!AL$2:AL$366,ROUNDDOWN($C4261/24,0)+1,1))-1)+IF('Standard Profiles'!$G$22=$B$10,7,0)+IF('Standard Profiles'!$G$22=$B$17,14,0)+IF('Standard Profiles'!$G$22=$B$24,21,0),MOD($C4261,24)+1)/SUM(INDEX($D$3:$AA$30,INDEX(Jesper!$R$2:$R$366,ROW(INDEX(Jesper!AL$2:AL$366,ROUNDDOWN($C4261/24,0)+1,1))-1)+IF('Standard Profiles'!$G$22=$B$10,7,0)+IF('Standard Profiles'!$G$22=$B$17,14,0)+IF('Standard Profiles'!$G$22=$B$24,21,0),0)),0)</f>
        <v>0</v>
      </c>
      <c r="I4261">
        <f t="shared" si="482"/>
        <v>0</v>
      </c>
      <c r="J4261">
        <f t="shared" si="483"/>
        <v>6.2367566159024053</v>
      </c>
      <c r="K4261">
        <f t="shared" si="484"/>
        <v>0.53742643329636319</v>
      </c>
      <c r="L4261">
        <f t="shared" si="485"/>
        <v>0.2687132166481816</v>
      </c>
      <c r="M4261">
        <f t="shared" si="486"/>
        <v>0</v>
      </c>
      <c r="N4261" s="45">
        <f t="shared" si="487"/>
        <v>45103.124999989748</v>
      </c>
    </row>
    <row r="4262" spans="2:14" x14ac:dyDescent="0.25">
      <c r="B4262">
        <f t="shared" si="481"/>
        <v>1</v>
      </c>
      <c r="C4262" s="16">
        <v>4228</v>
      </c>
      <c r="D4262" cm="1">
        <f t="array" ref="D4262">IFERROR(INDEX(Jesper!AH$2:AH$366,ROUNDDOWN($C4262/24,0)+1,1)*INDEX($D$3:$AA$30,INDEX(Jesper!$R$2:$R$366,ROW(INDEX(Jesper!AH$2:AH$366,ROUNDDOWN($C4262/24,0)+1,1))-1)+IF('Standard Profiles'!$G$18=$B$10,7,0)+IF('Standard Profiles'!$G$18=$B$17,14,0)+IF('Standard Profiles'!$G$18=$B$24,21,0),MOD($C4262,24)+1)/SUM(INDEX($D$3:$AA$30,INDEX(Jesper!$R$2:$R$366,ROW(INDEX(Jesper!AH$2:AH$366,ROUNDDOWN($C4262/24,0)+1,1))-1)+IF('Standard Profiles'!$G$18=$B$10,7,0)+IF('Standard Profiles'!$G$18=$B$17,14,0)+IF('Standard Profiles'!$G$18=$B$24,21,0),0)),0)</f>
        <v>5.0383728121534048</v>
      </c>
      <c r="E4262" cm="1">
        <f t="array" ref="E4262">IFERROR(INDEX(Jesper!AI$2:AI$366,ROUNDDOWN($C4262/24,0)+1,1)*INDEX($D$3:$AA$30,INDEX(Jesper!$R$2:$R$366,ROW(INDEX(Jesper!AI$2:AI$366,ROUNDDOWN($C4262/24,0)+1,1))-1)+IF('Standard Profiles'!$G$19=$B$10,7,0)+IF('Standard Profiles'!$G$19=$B$17,14,0)+IF('Standard Profiles'!$G$19=$B$24,21,0),MOD($C4262,24)+1)/SUM(INDEX($D$3:$AA$30,INDEX(Jesper!$R$2:$R$366,ROW(INDEX(Jesper!AI$2:AI$366,ROUNDDOWN($C4262/24,0)+1,1))-1)+IF('Standard Profiles'!$G$19=$B$10,7,0)+IF('Standard Profiles'!$G$19=$B$17,14,0)+IF('Standard Profiles'!$G$19=$B$24,21,0),0)),0)</f>
        <v>2.0045234536935457</v>
      </c>
      <c r="F4262" cm="1">
        <f t="array" ref="F4262">IFERROR(INDEX(Jesper!AJ$2:AJ$366,ROUNDDOWN($C4262/24,0)+1,1)*INDEX($D$3:$AA$30,INDEX(Jesper!$R$2:$R$366,ROW(INDEX(Jesper!AJ$2:AJ$366,ROUNDDOWN($C4262/24,0)+1,1))-1)+IF('Standard Profiles'!$G$20=$B$10,7,0)+IF('Standard Profiles'!$G$20=$B$17,14,0)+IF('Standard Profiles'!$G$20=$B$24,21,0),MOD($C4262,24)+1)/SUM(INDEX($D$3:$AA$30,INDEX(Jesper!$R$2:$R$366,ROW(INDEX(Jesper!AJ$2:AJ$366,ROUNDDOWN($C4262/24,0)+1,1))-1)+IF('Standard Profiles'!$G$20=$B$10,7,0)+IF('Standard Profiles'!$G$20=$B$17,14,0)+IF('Standard Profiles'!$G$20=$B$24,21,0),0)),0)</f>
        <v>0</v>
      </c>
      <c r="G4262" cm="1">
        <f t="array" ref="G4262">IFERROR(INDEX(Jesper!AK$2:AK$366,ROUNDDOWN($C4262/24,0)+1,1)*INDEX($D$3:$AA$30,INDEX(Jesper!$R$2:$R$366,ROW(INDEX(Jesper!AK$2:AK$366,ROUNDDOWN($C4262/24,0)+1,1))-1)+IF('Standard Profiles'!$G$21=$B$10,7,0)+IF('Standard Profiles'!$G$21=$B$17,14,0)+IF('Standard Profiles'!$G$21=$B$24,21,0),MOD($C4262,24)+1)/SUM(INDEX($D$3:$AA$30,INDEX(Jesper!$R$2:$R$366,ROW(INDEX(Jesper!AK$2:AK$366,ROUNDDOWN($C4262/24,0)+1,1))-1)+IF('Standard Profiles'!$G$21=$B$10,7,0)+IF('Standard Profiles'!$G$21=$B$17,14,0)+IF('Standard Profiles'!$G$21=$B$24,21,0),0)),0)</f>
        <v>0</v>
      </c>
      <c r="H4262" cm="1">
        <f t="array" ref="H4262">IFERROR(INDEX(Jesper!AL$2:AL$366,ROUNDDOWN($C4262/24,0)+1,1)*INDEX($D$3:$AA$30,INDEX(Jesper!$R$2:$R$366,ROW(INDEX(Jesper!AL$2:AL$366,ROUNDDOWN($C4262/24,0)+1,1))-1)+IF('Standard Profiles'!$G$22=$B$10,7,0)+IF('Standard Profiles'!$G$22=$B$17,14,0)+IF('Standard Profiles'!$G$22=$B$24,21,0),MOD($C4262,24)+1)/SUM(INDEX($D$3:$AA$30,INDEX(Jesper!$R$2:$R$366,ROW(INDEX(Jesper!AL$2:AL$366,ROUNDDOWN($C4262/24,0)+1,1))-1)+IF('Standard Profiles'!$G$22=$B$10,7,0)+IF('Standard Profiles'!$G$22=$B$17,14,0)+IF('Standard Profiles'!$G$22=$B$24,21,0),0)),0)</f>
        <v>0</v>
      </c>
      <c r="I4262">
        <f t="shared" si="482"/>
        <v>0</v>
      </c>
      <c r="J4262">
        <f t="shared" si="483"/>
        <v>6.2367566159024053</v>
      </c>
      <c r="K4262">
        <f t="shared" si="484"/>
        <v>0.53742643329636319</v>
      </c>
      <c r="L4262">
        <f t="shared" si="485"/>
        <v>0.2687132166481816</v>
      </c>
      <c r="M4262">
        <f t="shared" si="486"/>
        <v>0</v>
      </c>
      <c r="N4262" s="45">
        <f t="shared" si="487"/>
        <v>45103.166666656412</v>
      </c>
    </row>
    <row r="4263" spans="2:14" x14ac:dyDescent="0.25">
      <c r="B4263">
        <f t="shared" si="481"/>
        <v>1</v>
      </c>
      <c r="C4263" s="16">
        <v>4229</v>
      </c>
      <c r="D4263" cm="1">
        <f t="array" ref="D4263">IFERROR(INDEX(Jesper!AH$2:AH$366,ROUNDDOWN($C4263/24,0)+1,1)*INDEX($D$3:$AA$30,INDEX(Jesper!$R$2:$R$366,ROW(INDEX(Jesper!AH$2:AH$366,ROUNDDOWN($C4263/24,0)+1,1))-1)+IF('Standard Profiles'!$G$18=$B$10,7,0)+IF('Standard Profiles'!$G$18=$B$17,14,0)+IF('Standard Profiles'!$G$18=$B$24,21,0),MOD($C4263,24)+1)/SUM(INDEX($D$3:$AA$30,INDEX(Jesper!$R$2:$R$366,ROW(INDEX(Jesper!AH$2:AH$366,ROUNDDOWN($C4263/24,0)+1,1))-1)+IF('Standard Profiles'!$G$18=$B$10,7,0)+IF('Standard Profiles'!$G$18=$B$17,14,0)+IF('Standard Profiles'!$G$18=$B$24,21,0),0)),0)</f>
        <v>5.0383728121534048</v>
      </c>
      <c r="E4263" cm="1">
        <f t="array" ref="E4263">IFERROR(INDEX(Jesper!AI$2:AI$366,ROUNDDOWN($C4263/24,0)+1,1)*INDEX($D$3:$AA$30,INDEX(Jesper!$R$2:$R$366,ROW(INDEX(Jesper!AI$2:AI$366,ROUNDDOWN($C4263/24,0)+1,1))-1)+IF('Standard Profiles'!$G$19=$B$10,7,0)+IF('Standard Profiles'!$G$19=$B$17,14,0)+IF('Standard Profiles'!$G$19=$B$24,21,0),MOD($C4263,24)+1)/SUM(INDEX($D$3:$AA$30,INDEX(Jesper!$R$2:$R$366,ROW(INDEX(Jesper!AI$2:AI$366,ROUNDDOWN($C4263/24,0)+1,1))-1)+IF('Standard Profiles'!$G$19=$B$10,7,0)+IF('Standard Profiles'!$G$19=$B$17,14,0)+IF('Standard Profiles'!$G$19=$B$24,21,0),0)),0)</f>
        <v>2.0045234536935457</v>
      </c>
      <c r="F4263" cm="1">
        <f t="array" ref="F4263">IFERROR(INDEX(Jesper!AJ$2:AJ$366,ROUNDDOWN($C4263/24,0)+1,1)*INDEX($D$3:$AA$30,INDEX(Jesper!$R$2:$R$366,ROW(INDEX(Jesper!AJ$2:AJ$366,ROUNDDOWN($C4263/24,0)+1,1))-1)+IF('Standard Profiles'!$G$20=$B$10,7,0)+IF('Standard Profiles'!$G$20=$B$17,14,0)+IF('Standard Profiles'!$G$20=$B$24,21,0),MOD($C4263,24)+1)/SUM(INDEX($D$3:$AA$30,INDEX(Jesper!$R$2:$R$366,ROW(INDEX(Jesper!AJ$2:AJ$366,ROUNDDOWN($C4263/24,0)+1,1))-1)+IF('Standard Profiles'!$G$20=$B$10,7,0)+IF('Standard Profiles'!$G$20=$B$17,14,0)+IF('Standard Profiles'!$G$20=$B$24,21,0),0)),0)</f>
        <v>0</v>
      </c>
      <c r="G4263" cm="1">
        <f t="array" ref="G4263">IFERROR(INDEX(Jesper!AK$2:AK$366,ROUNDDOWN($C4263/24,0)+1,1)*INDEX($D$3:$AA$30,INDEX(Jesper!$R$2:$R$366,ROW(INDEX(Jesper!AK$2:AK$366,ROUNDDOWN($C4263/24,0)+1,1))-1)+IF('Standard Profiles'!$G$21=$B$10,7,0)+IF('Standard Profiles'!$G$21=$B$17,14,0)+IF('Standard Profiles'!$G$21=$B$24,21,0),MOD($C4263,24)+1)/SUM(INDEX($D$3:$AA$30,INDEX(Jesper!$R$2:$R$366,ROW(INDEX(Jesper!AK$2:AK$366,ROUNDDOWN($C4263/24,0)+1,1))-1)+IF('Standard Profiles'!$G$21=$B$10,7,0)+IF('Standard Profiles'!$G$21=$B$17,14,0)+IF('Standard Profiles'!$G$21=$B$24,21,0),0)),0)</f>
        <v>0</v>
      </c>
      <c r="H4263" cm="1">
        <f t="array" ref="H4263">IFERROR(INDEX(Jesper!AL$2:AL$366,ROUNDDOWN($C4263/24,0)+1,1)*INDEX($D$3:$AA$30,INDEX(Jesper!$R$2:$R$366,ROW(INDEX(Jesper!AL$2:AL$366,ROUNDDOWN($C4263/24,0)+1,1))-1)+IF('Standard Profiles'!$G$22=$B$10,7,0)+IF('Standard Profiles'!$G$22=$B$17,14,0)+IF('Standard Profiles'!$G$22=$B$24,21,0),MOD($C4263,24)+1)/SUM(INDEX($D$3:$AA$30,INDEX(Jesper!$R$2:$R$366,ROW(INDEX(Jesper!AL$2:AL$366,ROUNDDOWN($C4263/24,0)+1,1))-1)+IF('Standard Profiles'!$G$22=$B$10,7,0)+IF('Standard Profiles'!$G$22=$B$17,14,0)+IF('Standard Profiles'!$G$22=$B$24,21,0),0)),0)</f>
        <v>0</v>
      </c>
      <c r="I4263">
        <f t="shared" si="482"/>
        <v>0</v>
      </c>
      <c r="J4263">
        <f t="shared" si="483"/>
        <v>6.2367566159024053</v>
      </c>
      <c r="K4263">
        <f t="shared" si="484"/>
        <v>0.53742643329636319</v>
      </c>
      <c r="L4263">
        <f t="shared" si="485"/>
        <v>0.2687132166481816</v>
      </c>
      <c r="M4263">
        <f t="shared" si="486"/>
        <v>0</v>
      </c>
      <c r="N4263" s="45">
        <f t="shared" si="487"/>
        <v>45103.208333323077</v>
      </c>
    </row>
    <row r="4264" spans="2:14" x14ac:dyDescent="0.25">
      <c r="B4264">
        <f t="shared" si="481"/>
        <v>1</v>
      </c>
      <c r="C4264" s="16">
        <v>4230</v>
      </c>
      <c r="D4264" cm="1">
        <f t="array" ref="D4264">IFERROR(INDEX(Jesper!AH$2:AH$366,ROUNDDOWN($C4264/24,0)+1,1)*INDEX($D$3:$AA$30,INDEX(Jesper!$R$2:$R$366,ROW(INDEX(Jesper!AH$2:AH$366,ROUNDDOWN($C4264/24,0)+1,1))-1)+IF('Standard Profiles'!$G$18=$B$10,7,0)+IF('Standard Profiles'!$G$18=$B$17,14,0)+IF('Standard Profiles'!$G$18=$B$24,21,0),MOD($C4264,24)+1)/SUM(INDEX($D$3:$AA$30,INDEX(Jesper!$R$2:$R$366,ROW(INDEX(Jesper!AH$2:AH$366,ROUNDDOWN($C4264/24,0)+1,1))-1)+IF('Standard Profiles'!$G$18=$B$10,7,0)+IF('Standard Profiles'!$G$18=$B$17,14,0)+IF('Standard Profiles'!$G$18=$B$24,21,0),0)),0)</f>
        <v>5.0383728121534048</v>
      </c>
      <c r="E4264" cm="1">
        <f t="array" ref="E4264">IFERROR(INDEX(Jesper!AI$2:AI$366,ROUNDDOWN($C4264/24,0)+1,1)*INDEX($D$3:$AA$30,INDEX(Jesper!$R$2:$R$366,ROW(INDEX(Jesper!AI$2:AI$366,ROUNDDOWN($C4264/24,0)+1,1))-1)+IF('Standard Profiles'!$G$19=$B$10,7,0)+IF('Standard Profiles'!$G$19=$B$17,14,0)+IF('Standard Profiles'!$G$19=$B$24,21,0),MOD($C4264,24)+1)/SUM(INDEX($D$3:$AA$30,INDEX(Jesper!$R$2:$R$366,ROW(INDEX(Jesper!AI$2:AI$366,ROUNDDOWN($C4264/24,0)+1,1))-1)+IF('Standard Profiles'!$G$19=$B$10,7,0)+IF('Standard Profiles'!$G$19=$B$17,14,0)+IF('Standard Profiles'!$G$19=$B$24,21,0),0)),0)</f>
        <v>2.0045234536935457</v>
      </c>
      <c r="F4264" cm="1">
        <f t="array" ref="F4264">IFERROR(INDEX(Jesper!AJ$2:AJ$366,ROUNDDOWN($C4264/24,0)+1,1)*INDEX($D$3:$AA$30,INDEX(Jesper!$R$2:$R$366,ROW(INDEX(Jesper!AJ$2:AJ$366,ROUNDDOWN($C4264/24,0)+1,1))-1)+IF('Standard Profiles'!$G$20=$B$10,7,0)+IF('Standard Profiles'!$G$20=$B$17,14,0)+IF('Standard Profiles'!$G$20=$B$24,21,0),MOD($C4264,24)+1)/SUM(INDEX($D$3:$AA$30,INDEX(Jesper!$R$2:$R$366,ROW(INDEX(Jesper!AJ$2:AJ$366,ROUNDDOWN($C4264/24,0)+1,1))-1)+IF('Standard Profiles'!$G$20=$B$10,7,0)+IF('Standard Profiles'!$G$20=$B$17,14,0)+IF('Standard Profiles'!$G$20=$B$24,21,0),0)),0)</f>
        <v>0</v>
      </c>
      <c r="G4264" cm="1">
        <f t="array" ref="G4264">IFERROR(INDEX(Jesper!AK$2:AK$366,ROUNDDOWN($C4264/24,0)+1,1)*INDEX($D$3:$AA$30,INDEX(Jesper!$R$2:$R$366,ROW(INDEX(Jesper!AK$2:AK$366,ROUNDDOWN($C4264/24,0)+1,1))-1)+IF('Standard Profiles'!$G$21=$B$10,7,0)+IF('Standard Profiles'!$G$21=$B$17,14,0)+IF('Standard Profiles'!$G$21=$B$24,21,0),MOD($C4264,24)+1)/SUM(INDEX($D$3:$AA$30,INDEX(Jesper!$R$2:$R$366,ROW(INDEX(Jesper!AK$2:AK$366,ROUNDDOWN($C4264/24,0)+1,1))-1)+IF('Standard Profiles'!$G$21=$B$10,7,0)+IF('Standard Profiles'!$G$21=$B$17,14,0)+IF('Standard Profiles'!$G$21=$B$24,21,0),0)),0)</f>
        <v>0</v>
      </c>
      <c r="H4264" cm="1">
        <f t="array" ref="H4264">IFERROR(INDEX(Jesper!AL$2:AL$366,ROUNDDOWN($C4264/24,0)+1,1)*INDEX($D$3:$AA$30,INDEX(Jesper!$R$2:$R$366,ROW(INDEX(Jesper!AL$2:AL$366,ROUNDDOWN($C4264/24,0)+1,1))-1)+IF('Standard Profiles'!$G$22=$B$10,7,0)+IF('Standard Profiles'!$G$22=$B$17,14,0)+IF('Standard Profiles'!$G$22=$B$24,21,0),MOD($C4264,24)+1)/SUM(INDEX($D$3:$AA$30,INDEX(Jesper!$R$2:$R$366,ROW(INDEX(Jesper!AL$2:AL$366,ROUNDDOWN($C4264/24,0)+1,1))-1)+IF('Standard Profiles'!$G$22=$B$10,7,0)+IF('Standard Profiles'!$G$22=$B$17,14,0)+IF('Standard Profiles'!$G$22=$B$24,21,0),0)),0)</f>
        <v>0</v>
      </c>
      <c r="I4264">
        <f t="shared" si="482"/>
        <v>0</v>
      </c>
      <c r="J4264">
        <f t="shared" si="483"/>
        <v>6.2367566159024053</v>
      </c>
      <c r="K4264">
        <f t="shared" si="484"/>
        <v>0.53742643329636319</v>
      </c>
      <c r="L4264">
        <f t="shared" si="485"/>
        <v>0.2687132166481816</v>
      </c>
      <c r="M4264">
        <f t="shared" si="486"/>
        <v>0</v>
      </c>
      <c r="N4264" s="45">
        <f t="shared" si="487"/>
        <v>45103.249999989741</v>
      </c>
    </row>
    <row r="4265" spans="2:14" x14ac:dyDescent="0.25">
      <c r="B4265">
        <f t="shared" si="481"/>
        <v>1</v>
      </c>
      <c r="C4265" s="16">
        <v>4231</v>
      </c>
      <c r="D4265" cm="1">
        <f t="array" ref="D4265">IFERROR(INDEX(Jesper!AH$2:AH$366,ROUNDDOWN($C4265/24,0)+1,1)*INDEX($D$3:$AA$30,INDEX(Jesper!$R$2:$R$366,ROW(INDEX(Jesper!AH$2:AH$366,ROUNDDOWN($C4265/24,0)+1,1))-1)+IF('Standard Profiles'!$G$18=$B$10,7,0)+IF('Standard Profiles'!$G$18=$B$17,14,0)+IF('Standard Profiles'!$G$18=$B$24,21,0),MOD($C4265,24)+1)/SUM(INDEX($D$3:$AA$30,INDEX(Jesper!$R$2:$R$366,ROW(INDEX(Jesper!AH$2:AH$366,ROUNDDOWN($C4265/24,0)+1,1))-1)+IF('Standard Profiles'!$G$18=$B$10,7,0)+IF('Standard Profiles'!$G$18=$B$17,14,0)+IF('Standard Profiles'!$G$18=$B$24,21,0),0)),0)</f>
        <v>21.463468179773503</v>
      </c>
      <c r="E4265" cm="1">
        <f t="array" ref="E4265">IFERROR(INDEX(Jesper!AI$2:AI$366,ROUNDDOWN($C4265/24,0)+1,1)*INDEX($D$3:$AA$30,INDEX(Jesper!$R$2:$R$366,ROW(INDEX(Jesper!AI$2:AI$366,ROUNDDOWN($C4265/24,0)+1,1))-1)+IF('Standard Profiles'!$G$19=$B$10,7,0)+IF('Standard Profiles'!$G$19=$B$17,14,0)+IF('Standard Profiles'!$G$19=$B$24,21,0),MOD($C4265,24)+1)/SUM(INDEX($D$3:$AA$30,INDEX(Jesper!$R$2:$R$366,ROW(INDEX(Jesper!AI$2:AI$366,ROUNDDOWN($C4265/24,0)+1,1))-1)+IF('Standard Profiles'!$G$19=$B$10,7,0)+IF('Standard Profiles'!$G$19=$B$17,14,0)+IF('Standard Profiles'!$G$19=$B$24,21,0),0)),0)</f>
        <v>8.539269912734504</v>
      </c>
      <c r="F4265" cm="1">
        <f t="array" ref="F4265">IFERROR(INDEX(Jesper!AJ$2:AJ$366,ROUNDDOWN($C4265/24,0)+1,1)*INDEX($D$3:$AA$30,INDEX(Jesper!$R$2:$R$366,ROW(INDEX(Jesper!AJ$2:AJ$366,ROUNDDOWN($C4265/24,0)+1,1))-1)+IF('Standard Profiles'!$G$20=$B$10,7,0)+IF('Standard Profiles'!$G$20=$B$17,14,0)+IF('Standard Profiles'!$G$20=$B$24,21,0),MOD($C4265,24)+1)/SUM(INDEX($D$3:$AA$30,INDEX(Jesper!$R$2:$R$366,ROW(INDEX(Jesper!AJ$2:AJ$366,ROUNDDOWN($C4265/24,0)+1,1))-1)+IF('Standard Profiles'!$G$20=$B$10,7,0)+IF('Standard Profiles'!$G$20=$B$17,14,0)+IF('Standard Profiles'!$G$20=$B$24,21,0),0)),0)</f>
        <v>0</v>
      </c>
      <c r="G4265" cm="1">
        <f t="array" ref="G4265">IFERROR(INDEX(Jesper!AK$2:AK$366,ROUNDDOWN($C4265/24,0)+1,1)*INDEX($D$3:$AA$30,INDEX(Jesper!$R$2:$R$366,ROW(INDEX(Jesper!AK$2:AK$366,ROUNDDOWN($C4265/24,0)+1,1))-1)+IF('Standard Profiles'!$G$21=$B$10,7,0)+IF('Standard Profiles'!$G$21=$B$17,14,0)+IF('Standard Profiles'!$G$21=$B$24,21,0),MOD($C4265,24)+1)/SUM(INDEX($D$3:$AA$30,INDEX(Jesper!$R$2:$R$366,ROW(INDEX(Jesper!AK$2:AK$366,ROUNDDOWN($C4265/24,0)+1,1))-1)+IF('Standard Profiles'!$G$21=$B$10,7,0)+IF('Standard Profiles'!$G$21=$B$17,14,0)+IF('Standard Profiles'!$G$21=$B$24,21,0),0)),0)</f>
        <v>0</v>
      </c>
      <c r="H4265" cm="1">
        <f t="array" ref="H4265">IFERROR(INDEX(Jesper!AL$2:AL$366,ROUNDDOWN($C4265/24,0)+1,1)*INDEX($D$3:$AA$30,INDEX(Jesper!$R$2:$R$366,ROW(INDEX(Jesper!AL$2:AL$366,ROUNDDOWN($C4265/24,0)+1,1))-1)+IF('Standard Profiles'!$G$22=$B$10,7,0)+IF('Standard Profiles'!$G$22=$B$17,14,0)+IF('Standard Profiles'!$G$22=$B$24,21,0),MOD($C4265,24)+1)/SUM(INDEX($D$3:$AA$30,INDEX(Jesper!$R$2:$R$366,ROW(INDEX(Jesper!AL$2:AL$366,ROUNDDOWN($C4265/24,0)+1,1))-1)+IF('Standard Profiles'!$G$22=$B$10,7,0)+IF('Standard Profiles'!$G$22=$B$17,14,0)+IF('Standard Profiles'!$G$22=$B$24,21,0),0)),0)</f>
        <v>0</v>
      </c>
      <c r="I4265">
        <f t="shared" si="482"/>
        <v>0</v>
      </c>
      <c r="J4265">
        <f t="shared" si="483"/>
        <v>26.568583183744245</v>
      </c>
      <c r="K4265">
        <f t="shared" si="484"/>
        <v>2.2894366058425071</v>
      </c>
      <c r="L4265">
        <f t="shared" si="485"/>
        <v>1.1447183029212535</v>
      </c>
      <c r="M4265">
        <f t="shared" si="486"/>
        <v>0</v>
      </c>
      <c r="N4265" s="45">
        <f t="shared" si="487"/>
        <v>45103.291666656405</v>
      </c>
    </row>
    <row r="4266" spans="2:14" x14ac:dyDescent="0.25">
      <c r="B4266">
        <f t="shared" si="481"/>
        <v>1</v>
      </c>
      <c r="C4266" s="16">
        <v>4232</v>
      </c>
      <c r="D4266" cm="1">
        <f t="array" ref="D4266">IFERROR(INDEX(Jesper!AH$2:AH$366,ROUNDDOWN($C4266/24,0)+1,1)*INDEX($D$3:$AA$30,INDEX(Jesper!$R$2:$R$366,ROW(INDEX(Jesper!AH$2:AH$366,ROUNDDOWN($C4266/24,0)+1,1))-1)+IF('Standard Profiles'!$G$18=$B$10,7,0)+IF('Standard Profiles'!$G$18=$B$17,14,0)+IF('Standard Profiles'!$G$18=$B$24,21,0),MOD($C4266,24)+1)/SUM(INDEX($D$3:$AA$30,INDEX(Jesper!$R$2:$R$366,ROW(INDEX(Jesper!AH$2:AH$366,ROUNDDOWN($C4266/24,0)+1,1))-1)+IF('Standard Profiles'!$G$18=$B$10,7,0)+IF('Standard Profiles'!$G$18=$B$17,14,0)+IF('Standard Profiles'!$G$18=$B$24,21,0),0)),0)</f>
        <v>24.146401702245193</v>
      </c>
      <c r="E4266" cm="1">
        <f t="array" ref="E4266">IFERROR(INDEX(Jesper!AI$2:AI$366,ROUNDDOWN($C4266/24,0)+1,1)*INDEX($D$3:$AA$30,INDEX(Jesper!$R$2:$R$366,ROW(INDEX(Jesper!AI$2:AI$366,ROUNDDOWN($C4266/24,0)+1,1))-1)+IF('Standard Profiles'!$G$19=$B$10,7,0)+IF('Standard Profiles'!$G$19=$B$17,14,0)+IF('Standard Profiles'!$G$19=$B$24,21,0),MOD($C4266,24)+1)/SUM(INDEX($D$3:$AA$30,INDEX(Jesper!$R$2:$R$366,ROW(INDEX(Jesper!AI$2:AI$366,ROUNDDOWN($C4266/24,0)+1,1))-1)+IF('Standard Profiles'!$G$19=$B$10,7,0)+IF('Standard Profiles'!$G$19=$B$17,14,0)+IF('Standard Profiles'!$G$19=$B$24,21,0),0)),0)</f>
        <v>9.6066786518263161</v>
      </c>
      <c r="F4266" cm="1">
        <f t="array" ref="F4266">IFERROR(INDEX(Jesper!AJ$2:AJ$366,ROUNDDOWN($C4266/24,0)+1,1)*INDEX($D$3:$AA$30,INDEX(Jesper!$R$2:$R$366,ROW(INDEX(Jesper!AJ$2:AJ$366,ROUNDDOWN($C4266/24,0)+1,1))-1)+IF('Standard Profiles'!$G$20=$B$10,7,0)+IF('Standard Profiles'!$G$20=$B$17,14,0)+IF('Standard Profiles'!$G$20=$B$24,21,0),MOD($C4266,24)+1)/SUM(INDEX($D$3:$AA$30,INDEX(Jesper!$R$2:$R$366,ROW(INDEX(Jesper!AJ$2:AJ$366,ROUNDDOWN($C4266/24,0)+1,1))-1)+IF('Standard Profiles'!$G$20=$B$10,7,0)+IF('Standard Profiles'!$G$20=$B$17,14,0)+IF('Standard Profiles'!$G$20=$B$24,21,0),0)),0)</f>
        <v>0</v>
      </c>
      <c r="G4266" cm="1">
        <f t="array" ref="G4266">IFERROR(INDEX(Jesper!AK$2:AK$366,ROUNDDOWN($C4266/24,0)+1,1)*INDEX($D$3:$AA$30,INDEX(Jesper!$R$2:$R$366,ROW(INDEX(Jesper!AK$2:AK$366,ROUNDDOWN($C4266/24,0)+1,1))-1)+IF('Standard Profiles'!$G$21=$B$10,7,0)+IF('Standard Profiles'!$G$21=$B$17,14,0)+IF('Standard Profiles'!$G$21=$B$24,21,0),MOD($C4266,24)+1)/SUM(INDEX($D$3:$AA$30,INDEX(Jesper!$R$2:$R$366,ROW(INDEX(Jesper!AK$2:AK$366,ROUNDDOWN($C4266/24,0)+1,1))-1)+IF('Standard Profiles'!$G$21=$B$10,7,0)+IF('Standard Profiles'!$G$21=$B$17,14,0)+IF('Standard Profiles'!$G$21=$B$24,21,0),0)),0)</f>
        <v>0</v>
      </c>
      <c r="H4266" cm="1">
        <f t="array" ref="H4266">IFERROR(INDEX(Jesper!AL$2:AL$366,ROUNDDOWN($C4266/24,0)+1,1)*INDEX($D$3:$AA$30,INDEX(Jesper!$R$2:$R$366,ROW(INDEX(Jesper!AL$2:AL$366,ROUNDDOWN($C4266/24,0)+1,1))-1)+IF('Standard Profiles'!$G$22=$B$10,7,0)+IF('Standard Profiles'!$G$22=$B$17,14,0)+IF('Standard Profiles'!$G$22=$B$24,21,0),MOD($C4266,24)+1)/SUM(INDEX($D$3:$AA$30,INDEX(Jesper!$R$2:$R$366,ROW(INDEX(Jesper!AL$2:AL$366,ROUNDDOWN($C4266/24,0)+1,1))-1)+IF('Standard Profiles'!$G$22=$B$10,7,0)+IF('Standard Profiles'!$G$22=$B$17,14,0)+IF('Standard Profiles'!$G$22=$B$24,21,0),0)),0)</f>
        <v>0</v>
      </c>
      <c r="I4266">
        <f t="shared" si="482"/>
        <v>0</v>
      </c>
      <c r="J4266">
        <f t="shared" si="483"/>
        <v>29.889656081712275</v>
      </c>
      <c r="K4266">
        <f t="shared" si="484"/>
        <v>2.5756161815728209</v>
      </c>
      <c r="L4266">
        <f t="shared" si="485"/>
        <v>1.2878080907864105</v>
      </c>
      <c r="M4266">
        <f t="shared" si="486"/>
        <v>0</v>
      </c>
      <c r="N4266" s="45">
        <f t="shared" si="487"/>
        <v>45103.333333323069</v>
      </c>
    </row>
    <row r="4267" spans="2:14" x14ac:dyDescent="0.25">
      <c r="B4267">
        <f t="shared" si="481"/>
        <v>1</v>
      </c>
      <c r="C4267" s="16">
        <v>4233</v>
      </c>
      <c r="D4267" cm="1">
        <f t="array" ref="D4267">IFERROR(INDEX(Jesper!AH$2:AH$366,ROUNDDOWN($C4267/24,0)+1,1)*INDEX($D$3:$AA$30,INDEX(Jesper!$R$2:$R$366,ROW(INDEX(Jesper!AH$2:AH$366,ROUNDDOWN($C4267/24,0)+1,1))-1)+IF('Standard Profiles'!$G$18=$B$10,7,0)+IF('Standard Profiles'!$G$18=$B$17,14,0)+IF('Standard Profiles'!$G$18=$B$24,21,0),MOD($C4267,24)+1)/SUM(INDEX($D$3:$AA$30,INDEX(Jesper!$R$2:$R$366,ROW(INDEX(Jesper!AH$2:AH$366,ROUNDDOWN($C4267/24,0)+1,1))-1)+IF('Standard Profiles'!$G$18=$B$10,7,0)+IF('Standard Profiles'!$G$18=$B$17,14,0)+IF('Standard Profiles'!$G$18=$B$24,21,0),0)),0)</f>
        <v>26.829335224716882</v>
      </c>
      <c r="E4267" cm="1">
        <f t="array" ref="E4267">IFERROR(INDEX(Jesper!AI$2:AI$366,ROUNDDOWN($C4267/24,0)+1,1)*INDEX($D$3:$AA$30,INDEX(Jesper!$R$2:$R$366,ROW(INDEX(Jesper!AI$2:AI$366,ROUNDDOWN($C4267/24,0)+1,1))-1)+IF('Standard Profiles'!$G$19=$B$10,7,0)+IF('Standard Profiles'!$G$19=$B$17,14,0)+IF('Standard Profiles'!$G$19=$B$24,21,0),MOD($C4267,24)+1)/SUM(INDEX($D$3:$AA$30,INDEX(Jesper!$R$2:$R$366,ROW(INDEX(Jesper!AI$2:AI$366,ROUNDDOWN($C4267/24,0)+1,1))-1)+IF('Standard Profiles'!$G$19=$B$10,7,0)+IF('Standard Profiles'!$G$19=$B$17,14,0)+IF('Standard Profiles'!$G$19=$B$24,21,0),0)),0)</f>
        <v>10.67408739091813</v>
      </c>
      <c r="F4267" cm="1">
        <f t="array" ref="F4267">IFERROR(INDEX(Jesper!AJ$2:AJ$366,ROUNDDOWN($C4267/24,0)+1,1)*INDEX($D$3:$AA$30,INDEX(Jesper!$R$2:$R$366,ROW(INDEX(Jesper!AJ$2:AJ$366,ROUNDDOWN($C4267/24,0)+1,1))-1)+IF('Standard Profiles'!$G$20=$B$10,7,0)+IF('Standard Profiles'!$G$20=$B$17,14,0)+IF('Standard Profiles'!$G$20=$B$24,21,0),MOD($C4267,24)+1)/SUM(INDEX($D$3:$AA$30,INDEX(Jesper!$R$2:$R$366,ROW(INDEX(Jesper!AJ$2:AJ$366,ROUNDDOWN($C4267/24,0)+1,1))-1)+IF('Standard Profiles'!$G$20=$B$10,7,0)+IF('Standard Profiles'!$G$20=$B$17,14,0)+IF('Standard Profiles'!$G$20=$B$24,21,0),0)),0)</f>
        <v>0</v>
      </c>
      <c r="G4267" cm="1">
        <f t="array" ref="G4267">IFERROR(INDEX(Jesper!AK$2:AK$366,ROUNDDOWN($C4267/24,0)+1,1)*INDEX($D$3:$AA$30,INDEX(Jesper!$R$2:$R$366,ROW(INDEX(Jesper!AK$2:AK$366,ROUNDDOWN($C4267/24,0)+1,1))-1)+IF('Standard Profiles'!$G$21=$B$10,7,0)+IF('Standard Profiles'!$G$21=$B$17,14,0)+IF('Standard Profiles'!$G$21=$B$24,21,0),MOD($C4267,24)+1)/SUM(INDEX($D$3:$AA$30,INDEX(Jesper!$R$2:$R$366,ROW(INDEX(Jesper!AK$2:AK$366,ROUNDDOWN($C4267/24,0)+1,1))-1)+IF('Standard Profiles'!$G$21=$B$10,7,0)+IF('Standard Profiles'!$G$21=$B$17,14,0)+IF('Standard Profiles'!$G$21=$B$24,21,0),0)),0)</f>
        <v>0</v>
      </c>
      <c r="H4267" cm="1">
        <f t="array" ref="H4267">IFERROR(INDEX(Jesper!AL$2:AL$366,ROUNDDOWN($C4267/24,0)+1,1)*INDEX($D$3:$AA$30,INDEX(Jesper!$R$2:$R$366,ROW(INDEX(Jesper!AL$2:AL$366,ROUNDDOWN($C4267/24,0)+1,1))-1)+IF('Standard Profiles'!$G$22=$B$10,7,0)+IF('Standard Profiles'!$G$22=$B$17,14,0)+IF('Standard Profiles'!$G$22=$B$24,21,0),MOD($C4267,24)+1)/SUM(INDEX($D$3:$AA$30,INDEX(Jesper!$R$2:$R$366,ROW(INDEX(Jesper!AL$2:AL$366,ROUNDDOWN($C4267/24,0)+1,1))-1)+IF('Standard Profiles'!$G$22=$B$10,7,0)+IF('Standard Profiles'!$G$22=$B$17,14,0)+IF('Standard Profiles'!$G$22=$B$24,21,0),0)),0)</f>
        <v>0</v>
      </c>
      <c r="I4267">
        <f t="shared" si="482"/>
        <v>0</v>
      </c>
      <c r="J4267">
        <f t="shared" si="483"/>
        <v>33.210728979680312</v>
      </c>
      <c r="K4267">
        <f t="shared" si="484"/>
        <v>2.8617957573031343</v>
      </c>
      <c r="L4267">
        <f t="shared" si="485"/>
        <v>1.4308978786515671</v>
      </c>
      <c r="M4267">
        <f t="shared" si="486"/>
        <v>0</v>
      </c>
      <c r="N4267" s="45">
        <f t="shared" si="487"/>
        <v>45103.374999989734</v>
      </c>
    </row>
    <row r="4268" spans="2:14" x14ac:dyDescent="0.25">
      <c r="B4268">
        <f t="shared" si="481"/>
        <v>1</v>
      </c>
      <c r="C4268" s="16">
        <v>4234</v>
      </c>
      <c r="D4268" cm="1">
        <f t="array" ref="D4268">IFERROR(INDEX(Jesper!AH$2:AH$366,ROUNDDOWN($C4268/24,0)+1,1)*INDEX($D$3:$AA$30,INDEX(Jesper!$R$2:$R$366,ROW(INDEX(Jesper!AH$2:AH$366,ROUNDDOWN($C4268/24,0)+1,1))-1)+IF('Standard Profiles'!$G$18=$B$10,7,0)+IF('Standard Profiles'!$G$18=$B$17,14,0)+IF('Standard Profiles'!$G$18=$B$24,21,0),MOD($C4268,24)+1)/SUM(INDEX($D$3:$AA$30,INDEX(Jesper!$R$2:$R$366,ROW(INDEX(Jesper!AH$2:AH$366,ROUNDDOWN($C4268/24,0)+1,1))-1)+IF('Standard Profiles'!$G$18=$B$10,7,0)+IF('Standard Profiles'!$G$18=$B$17,14,0)+IF('Standard Profiles'!$G$18=$B$24,21,0),0)),0)</f>
        <v>26.829335224716882</v>
      </c>
      <c r="E4268" cm="1">
        <f t="array" ref="E4268">IFERROR(INDEX(Jesper!AI$2:AI$366,ROUNDDOWN($C4268/24,0)+1,1)*INDEX($D$3:$AA$30,INDEX(Jesper!$R$2:$R$366,ROW(INDEX(Jesper!AI$2:AI$366,ROUNDDOWN($C4268/24,0)+1,1))-1)+IF('Standard Profiles'!$G$19=$B$10,7,0)+IF('Standard Profiles'!$G$19=$B$17,14,0)+IF('Standard Profiles'!$G$19=$B$24,21,0),MOD($C4268,24)+1)/SUM(INDEX($D$3:$AA$30,INDEX(Jesper!$R$2:$R$366,ROW(INDEX(Jesper!AI$2:AI$366,ROUNDDOWN($C4268/24,0)+1,1))-1)+IF('Standard Profiles'!$G$19=$B$10,7,0)+IF('Standard Profiles'!$G$19=$B$17,14,0)+IF('Standard Profiles'!$G$19=$B$24,21,0),0)),0)</f>
        <v>10.67408739091813</v>
      </c>
      <c r="F4268" cm="1">
        <f t="array" ref="F4268">IFERROR(INDEX(Jesper!AJ$2:AJ$366,ROUNDDOWN($C4268/24,0)+1,1)*INDEX($D$3:$AA$30,INDEX(Jesper!$R$2:$R$366,ROW(INDEX(Jesper!AJ$2:AJ$366,ROUNDDOWN($C4268/24,0)+1,1))-1)+IF('Standard Profiles'!$G$20=$B$10,7,0)+IF('Standard Profiles'!$G$20=$B$17,14,0)+IF('Standard Profiles'!$G$20=$B$24,21,0),MOD($C4268,24)+1)/SUM(INDEX($D$3:$AA$30,INDEX(Jesper!$R$2:$R$366,ROW(INDEX(Jesper!AJ$2:AJ$366,ROUNDDOWN($C4268/24,0)+1,1))-1)+IF('Standard Profiles'!$G$20=$B$10,7,0)+IF('Standard Profiles'!$G$20=$B$17,14,0)+IF('Standard Profiles'!$G$20=$B$24,21,0),0)),0)</f>
        <v>0</v>
      </c>
      <c r="G4268" cm="1">
        <f t="array" ref="G4268">IFERROR(INDEX(Jesper!AK$2:AK$366,ROUNDDOWN($C4268/24,0)+1,1)*INDEX($D$3:$AA$30,INDEX(Jesper!$R$2:$R$366,ROW(INDEX(Jesper!AK$2:AK$366,ROUNDDOWN($C4268/24,0)+1,1))-1)+IF('Standard Profiles'!$G$21=$B$10,7,0)+IF('Standard Profiles'!$G$21=$B$17,14,0)+IF('Standard Profiles'!$G$21=$B$24,21,0),MOD($C4268,24)+1)/SUM(INDEX($D$3:$AA$30,INDEX(Jesper!$R$2:$R$366,ROW(INDEX(Jesper!AK$2:AK$366,ROUNDDOWN($C4268/24,0)+1,1))-1)+IF('Standard Profiles'!$G$21=$B$10,7,0)+IF('Standard Profiles'!$G$21=$B$17,14,0)+IF('Standard Profiles'!$G$21=$B$24,21,0),0)),0)</f>
        <v>0</v>
      </c>
      <c r="H4268" cm="1">
        <f t="array" ref="H4268">IFERROR(INDEX(Jesper!AL$2:AL$366,ROUNDDOWN($C4268/24,0)+1,1)*INDEX($D$3:$AA$30,INDEX(Jesper!$R$2:$R$366,ROW(INDEX(Jesper!AL$2:AL$366,ROUNDDOWN($C4268/24,0)+1,1))-1)+IF('Standard Profiles'!$G$22=$B$10,7,0)+IF('Standard Profiles'!$G$22=$B$17,14,0)+IF('Standard Profiles'!$G$22=$B$24,21,0),MOD($C4268,24)+1)/SUM(INDEX($D$3:$AA$30,INDEX(Jesper!$R$2:$R$366,ROW(INDEX(Jesper!AL$2:AL$366,ROUNDDOWN($C4268/24,0)+1,1))-1)+IF('Standard Profiles'!$G$22=$B$10,7,0)+IF('Standard Profiles'!$G$22=$B$17,14,0)+IF('Standard Profiles'!$G$22=$B$24,21,0),0)),0)</f>
        <v>0</v>
      </c>
      <c r="I4268">
        <f t="shared" si="482"/>
        <v>0</v>
      </c>
      <c r="J4268">
        <f t="shared" si="483"/>
        <v>33.210728979680312</v>
      </c>
      <c r="K4268">
        <f t="shared" si="484"/>
        <v>2.8617957573031343</v>
      </c>
      <c r="L4268">
        <f t="shared" si="485"/>
        <v>1.4308978786515671</v>
      </c>
      <c r="M4268">
        <f t="shared" si="486"/>
        <v>0</v>
      </c>
      <c r="N4268" s="45">
        <f t="shared" si="487"/>
        <v>45103.416666656398</v>
      </c>
    </row>
    <row r="4269" spans="2:14" x14ac:dyDescent="0.25">
      <c r="B4269">
        <f t="shared" si="481"/>
        <v>1</v>
      </c>
      <c r="C4269" s="16">
        <v>4235</v>
      </c>
      <c r="D4269" cm="1">
        <f t="array" ref="D4269">IFERROR(INDEX(Jesper!AH$2:AH$366,ROUNDDOWN($C4269/24,0)+1,1)*INDEX($D$3:$AA$30,INDEX(Jesper!$R$2:$R$366,ROW(INDEX(Jesper!AH$2:AH$366,ROUNDDOWN($C4269/24,0)+1,1))-1)+IF('Standard Profiles'!$G$18=$B$10,7,0)+IF('Standard Profiles'!$G$18=$B$17,14,0)+IF('Standard Profiles'!$G$18=$B$24,21,0),MOD($C4269,24)+1)/SUM(INDEX($D$3:$AA$30,INDEX(Jesper!$R$2:$R$366,ROW(INDEX(Jesper!AH$2:AH$366,ROUNDDOWN($C4269/24,0)+1,1))-1)+IF('Standard Profiles'!$G$18=$B$10,7,0)+IF('Standard Profiles'!$G$18=$B$17,14,0)+IF('Standard Profiles'!$G$18=$B$24,21,0),0)),0)</f>
        <v>32.195202269660257</v>
      </c>
      <c r="E4269" cm="1">
        <f t="array" ref="E4269">IFERROR(INDEX(Jesper!AI$2:AI$366,ROUNDDOWN($C4269/24,0)+1,1)*INDEX($D$3:$AA$30,INDEX(Jesper!$R$2:$R$366,ROW(INDEX(Jesper!AI$2:AI$366,ROUNDDOWN($C4269/24,0)+1,1))-1)+IF('Standard Profiles'!$G$19=$B$10,7,0)+IF('Standard Profiles'!$G$19=$B$17,14,0)+IF('Standard Profiles'!$G$19=$B$24,21,0),MOD($C4269,24)+1)/SUM(INDEX($D$3:$AA$30,INDEX(Jesper!$R$2:$R$366,ROW(INDEX(Jesper!AI$2:AI$366,ROUNDDOWN($C4269/24,0)+1,1))-1)+IF('Standard Profiles'!$G$19=$B$10,7,0)+IF('Standard Profiles'!$G$19=$B$17,14,0)+IF('Standard Profiles'!$G$19=$B$24,21,0),0)),0)</f>
        <v>12.808904869101754</v>
      </c>
      <c r="F4269" cm="1">
        <f t="array" ref="F4269">IFERROR(INDEX(Jesper!AJ$2:AJ$366,ROUNDDOWN($C4269/24,0)+1,1)*INDEX($D$3:$AA$30,INDEX(Jesper!$R$2:$R$366,ROW(INDEX(Jesper!AJ$2:AJ$366,ROUNDDOWN($C4269/24,0)+1,1))-1)+IF('Standard Profiles'!$G$20=$B$10,7,0)+IF('Standard Profiles'!$G$20=$B$17,14,0)+IF('Standard Profiles'!$G$20=$B$24,21,0),MOD($C4269,24)+1)/SUM(INDEX($D$3:$AA$30,INDEX(Jesper!$R$2:$R$366,ROW(INDEX(Jesper!AJ$2:AJ$366,ROUNDDOWN($C4269/24,0)+1,1))-1)+IF('Standard Profiles'!$G$20=$B$10,7,0)+IF('Standard Profiles'!$G$20=$B$17,14,0)+IF('Standard Profiles'!$G$20=$B$24,21,0),0)),0)</f>
        <v>0</v>
      </c>
      <c r="G4269" cm="1">
        <f t="array" ref="G4269">IFERROR(INDEX(Jesper!AK$2:AK$366,ROUNDDOWN($C4269/24,0)+1,1)*INDEX($D$3:$AA$30,INDEX(Jesper!$R$2:$R$366,ROW(INDEX(Jesper!AK$2:AK$366,ROUNDDOWN($C4269/24,0)+1,1))-1)+IF('Standard Profiles'!$G$21=$B$10,7,0)+IF('Standard Profiles'!$G$21=$B$17,14,0)+IF('Standard Profiles'!$G$21=$B$24,21,0),MOD($C4269,24)+1)/SUM(INDEX($D$3:$AA$30,INDEX(Jesper!$R$2:$R$366,ROW(INDEX(Jesper!AK$2:AK$366,ROUNDDOWN($C4269/24,0)+1,1))-1)+IF('Standard Profiles'!$G$21=$B$10,7,0)+IF('Standard Profiles'!$G$21=$B$17,14,0)+IF('Standard Profiles'!$G$21=$B$24,21,0),0)),0)</f>
        <v>0</v>
      </c>
      <c r="H4269" cm="1">
        <f t="array" ref="H4269">IFERROR(INDEX(Jesper!AL$2:AL$366,ROUNDDOWN($C4269/24,0)+1,1)*INDEX($D$3:$AA$30,INDEX(Jesper!$R$2:$R$366,ROW(INDEX(Jesper!AL$2:AL$366,ROUNDDOWN($C4269/24,0)+1,1))-1)+IF('Standard Profiles'!$G$22=$B$10,7,0)+IF('Standard Profiles'!$G$22=$B$17,14,0)+IF('Standard Profiles'!$G$22=$B$24,21,0),MOD($C4269,24)+1)/SUM(INDEX($D$3:$AA$30,INDEX(Jesper!$R$2:$R$366,ROW(INDEX(Jesper!AL$2:AL$366,ROUNDDOWN($C4269/24,0)+1,1))-1)+IF('Standard Profiles'!$G$22=$B$10,7,0)+IF('Standard Profiles'!$G$22=$B$17,14,0)+IF('Standard Profiles'!$G$22=$B$24,21,0),0)),0)</f>
        <v>0</v>
      </c>
      <c r="I4269">
        <f t="shared" si="482"/>
        <v>0</v>
      </c>
      <c r="J4269">
        <f t="shared" si="483"/>
        <v>39.852874775616371</v>
      </c>
      <c r="K4269">
        <f t="shared" si="484"/>
        <v>3.4341549087637611</v>
      </c>
      <c r="L4269">
        <f t="shared" si="485"/>
        <v>1.7170774543818805</v>
      </c>
      <c r="M4269">
        <f t="shared" si="486"/>
        <v>0</v>
      </c>
      <c r="N4269" s="45">
        <f t="shared" si="487"/>
        <v>45103.458333323062</v>
      </c>
    </row>
    <row r="4270" spans="2:14" x14ac:dyDescent="0.25">
      <c r="B4270">
        <f t="shared" si="481"/>
        <v>1</v>
      </c>
      <c r="C4270" s="16">
        <v>4236</v>
      </c>
      <c r="D4270" cm="1">
        <f t="array" ref="D4270">IFERROR(INDEX(Jesper!AH$2:AH$366,ROUNDDOWN($C4270/24,0)+1,1)*INDEX($D$3:$AA$30,INDEX(Jesper!$R$2:$R$366,ROW(INDEX(Jesper!AH$2:AH$366,ROUNDDOWN($C4270/24,0)+1,1))-1)+IF('Standard Profiles'!$G$18=$B$10,7,0)+IF('Standard Profiles'!$G$18=$B$17,14,0)+IF('Standard Profiles'!$G$18=$B$24,21,0),MOD($C4270,24)+1)/SUM(INDEX($D$3:$AA$30,INDEX(Jesper!$R$2:$R$366,ROW(INDEX(Jesper!AH$2:AH$366,ROUNDDOWN($C4270/24,0)+1,1))-1)+IF('Standard Profiles'!$G$18=$B$10,7,0)+IF('Standard Profiles'!$G$18=$B$17,14,0)+IF('Standard Profiles'!$G$18=$B$24,21,0),0)),0)</f>
        <v>32.195202269660257</v>
      </c>
      <c r="E4270" cm="1">
        <f t="array" ref="E4270">IFERROR(INDEX(Jesper!AI$2:AI$366,ROUNDDOWN($C4270/24,0)+1,1)*INDEX($D$3:$AA$30,INDEX(Jesper!$R$2:$R$366,ROW(INDEX(Jesper!AI$2:AI$366,ROUNDDOWN($C4270/24,0)+1,1))-1)+IF('Standard Profiles'!$G$19=$B$10,7,0)+IF('Standard Profiles'!$G$19=$B$17,14,0)+IF('Standard Profiles'!$G$19=$B$24,21,0),MOD($C4270,24)+1)/SUM(INDEX($D$3:$AA$30,INDEX(Jesper!$R$2:$R$366,ROW(INDEX(Jesper!AI$2:AI$366,ROUNDDOWN($C4270/24,0)+1,1))-1)+IF('Standard Profiles'!$G$19=$B$10,7,0)+IF('Standard Profiles'!$G$19=$B$17,14,0)+IF('Standard Profiles'!$G$19=$B$24,21,0),0)),0)</f>
        <v>12.808904869101754</v>
      </c>
      <c r="F4270" cm="1">
        <f t="array" ref="F4270">IFERROR(INDEX(Jesper!AJ$2:AJ$366,ROUNDDOWN($C4270/24,0)+1,1)*INDEX($D$3:$AA$30,INDEX(Jesper!$R$2:$R$366,ROW(INDEX(Jesper!AJ$2:AJ$366,ROUNDDOWN($C4270/24,0)+1,1))-1)+IF('Standard Profiles'!$G$20=$B$10,7,0)+IF('Standard Profiles'!$G$20=$B$17,14,0)+IF('Standard Profiles'!$G$20=$B$24,21,0),MOD($C4270,24)+1)/SUM(INDEX($D$3:$AA$30,INDEX(Jesper!$R$2:$R$366,ROW(INDEX(Jesper!AJ$2:AJ$366,ROUNDDOWN($C4270/24,0)+1,1))-1)+IF('Standard Profiles'!$G$20=$B$10,7,0)+IF('Standard Profiles'!$G$20=$B$17,14,0)+IF('Standard Profiles'!$G$20=$B$24,21,0),0)),0)</f>
        <v>0</v>
      </c>
      <c r="G4270" cm="1">
        <f t="array" ref="G4270">IFERROR(INDEX(Jesper!AK$2:AK$366,ROUNDDOWN($C4270/24,0)+1,1)*INDEX($D$3:$AA$30,INDEX(Jesper!$R$2:$R$366,ROW(INDEX(Jesper!AK$2:AK$366,ROUNDDOWN($C4270/24,0)+1,1))-1)+IF('Standard Profiles'!$G$21=$B$10,7,0)+IF('Standard Profiles'!$G$21=$B$17,14,0)+IF('Standard Profiles'!$G$21=$B$24,21,0),MOD($C4270,24)+1)/SUM(INDEX($D$3:$AA$30,INDEX(Jesper!$R$2:$R$366,ROW(INDEX(Jesper!AK$2:AK$366,ROUNDDOWN($C4270/24,0)+1,1))-1)+IF('Standard Profiles'!$G$21=$B$10,7,0)+IF('Standard Profiles'!$G$21=$B$17,14,0)+IF('Standard Profiles'!$G$21=$B$24,21,0),0)),0)</f>
        <v>0</v>
      </c>
      <c r="H4270" cm="1">
        <f t="array" ref="H4270">IFERROR(INDEX(Jesper!AL$2:AL$366,ROUNDDOWN($C4270/24,0)+1,1)*INDEX($D$3:$AA$30,INDEX(Jesper!$R$2:$R$366,ROW(INDEX(Jesper!AL$2:AL$366,ROUNDDOWN($C4270/24,0)+1,1))-1)+IF('Standard Profiles'!$G$22=$B$10,7,0)+IF('Standard Profiles'!$G$22=$B$17,14,0)+IF('Standard Profiles'!$G$22=$B$24,21,0),MOD($C4270,24)+1)/SUM(INDEX($D$3:$AA$30,INDEX(Jesper!$R$2:$R$366,ROW(INDEX(Jesper!AL$2:AL$366,ROUNDDOWN($C4270/24,0)+1,1))-1)+IF('Standard Profiles'!$G$22=$B$10,7,0)+IF('Standard Profiles'!$G$22=$B$17,14,0)+IF('Standard Profiles'!$G$22=$B$24,21,0),0)),0)</f>
        <v>0</v>
      </c>
      <c r="I4270">
        <f t="shared" si="482"/>
        <v>0</v>
      </c>
      <c r="J4270">
        <f t="shared" si="483"/>
        <v>39.852874775616371</v>
      </c>
      <c r="K4270">
        <f t="shared" si="484"/>
        <v>3.4341549087637611</v>
      </c>
      <c r="L4270">
        <f t="shared" si="485"/>
        <v>1.7170774543818805</v>
      </c>
      <c r="M4270">
        <f t="shared" si="486"/>
        <v>0</v>
      </c>
      <c r="N4270" s="45">
        <f t="shared" si="487"/>
        <v>45103.499999989726</v>
      </c>
    </row>
    <row r="4271" spans="2:14" x14ac:dyDescent="0.25">
      <c r="B4271">
        <f t="shared" si="481"/>
        <v>1</v>
      </c>
      <c r="C4271" s="16">
        <v>4237</v>
      </c>
      <c r="D4271" cm="1">
        <f t="array" ref="D4271">IFERROR(INDEX(Jesper!AH$2:AH$366,ROUNDDOWN($C4271/24,0)+1,1)*INDEX($D$3:$AA$30,INDEX(Jesper!$R$2:$R$366,ROW(INDEX(Jesper!AH$2:AH$366,ROUNDDOWN($C4271/24,0)+1,1))-1)+IF('Standard Profiles'!$G$18=$B$10,7,0)+IF('Standard Profiles'!$G$18=$B$17,14,0)+IF('Standard Profiles'!$G$18=$B$24,21,0),MOD($C4271,24)+1)/SUM(INDEX($D$3:$AA$30,INDEX(Jesper!$R$2:$R$366,ROW(INDEX(Jesper!AH$2:AH$366,ROUNDDOWN($C4271/24,0)+1,1))-1)+IF('Standard Profiles'!$G$18=$B$10,7,0)+IF('Standard Profiles'!$G$18=$B$17,14,0)+IF('Standard Profiles'!$G$18=$B$24,21,0),0)),0)</f>
        <v>21.463468179773503</v>
      </c>
      <c r="E4271" cm="1">
        <f t="array" ref="E4271">IFERROR(INDEX(Jesper!AI$2:AI$366,ROUNDDOWN($C4271/24,0)+1,1)*INDEX($D$3:$AA$30,INDEX(Jesper!$R$2:$R$366,ROW(INDEX(Jesper!AI$2:AI$366,ROUNDDOWN($C4271/24,0)+1,1))-1)+IF('Standard Profiles'!$G$19=$B$10,7,0)+IF('Standard Profiles'!$G$19=$B$17,14,0)+IF('Standard Profiles'!$G$19=$B$24,21,0),MOD($C4271,24)+1)/SUM(INDEX($D$3:$AA$30,INDEX(Jesper!$R$2:$R$366,ROW(INDEX(Jesper!AI$2:AI$366,ROUNDDOWN($C4271/24,0)+1,1))-1)+IF('Standard Profiles'!$G$19=$B$10,7,0)+IF('Standard Profiles'!$G$19=$B$17,14,0)+IF('Standard Profiles'!$G$19=$B$24,21,0),0)),0)</f>
        <v>8.539269912734504</v>
      </c>
      <c r="F4271" cm="1">
        <f t="array" ref="F4271">IFERROR(INDEX(Jesper!AJ$2:AJ$366,ROUNDDOWN($C4271/24,0)+1,1)*INDEX($D$3:$AA$30,INDEX(Jesper!$R$2:$R$366,ROW(INDEX(Jesper!AJ$2:AJ$366,ROUNDDOWN($C4271/24,0)+1,1))-1)+IF('Standard Profiles'!$G$20=$B$10,7,0)+IF('Standard Profiles'!$G$20=$B$17,14,0)+IF('Standard Profiles'!$G$20=$B$24,21,0),MOD($C4271,24)+1)/SUM(INDEX($D$3:$AA$30,INDEX(Jesper!$R$2:$R$366,ROW(INDEX(Jesper!AJ$2:AJ$366,ROUNDDOWN($C4271/24,0)+1,1))-1)+IF('Standard Profiles'!$G$20=$B$10,7,0)+IF('Standard Profiles'!$G$20=$B$17,14,0)+IF('Standard Profiles'!$G$20=$B$24,21,0),0)),0)</f>
        <v>0</v>
      </c>
      <c r="G4271" cm="1">
        <f t="array" ref="G4271">IFERROR(INDEX(Jesper!AK$2:AK$366,ROUNDDOWN($C4271/24,0)+1,1)*INDEX($D$3:$AA$30,INDEX(Jesper!$R$2:$R$366,ROW(INDEX(Jesper!AK$2:AK$366,ROUNDDOWN($C4271/24,0)+1,1))-1)+IF('Standard Profiles'!$G$21=$B$10,7,0)+IF('Standard Profiles'!$G$21=$B$17,14,0)+IF('Standard Profiles'!$G$21=$B$24,21,0),MOD($C4271,24)+1)/SUM(INDEX($D$3:$AA$30,INDEX(Jesper!$R$2:$R$366,ROW(INDEX(Jesper!AK$2:AK$366,ROUNDDOWN($C4271/24,0)+1,1))-1)+IF('Standard Profiles'!$G$21=$B$10,7,0)+IF('Standard Profiles'!$G$21=$B$17,14,0)+IF('Standard Profiles'!$G$21=$B$24,21,0),0)),0)</f>
        <v>0</v>
      </c>
      <c r="H4271" cm="1">
        <f t="array" ref="H4271">IFERROR(INDEX(Jesper!AL$2:AL$366,ROUNDDOWN($C4271/24,0)+1,1)*INDEX($D$3:$AA$30,INDEX(Jesper!$R$2:$R$366,ROW(INDEX(Jesper!AL$2:AL$366,ROUNDDOWN($C4271/24,0)+1,1))-1)+IF('Standard Profiles'!$G$22=$B$10,7,0)+IF('Standard Profiles'!$G$22=$B$17,14,0)+IF('Standard Profiles'!$G$22=$B$24,21,0),MOD($C4271,24)+1)/SUM(INDEX($D$3:$AA$30,INDEX(Jesper!$R$2:$R$366,ROW(INDEX(Jesper!AL$2:AL$366,ROUNDDOWN($C4271/24,0)+1,1))-1)+IF('Standard Profiles'!$G$22=$B$10,7,0)+IF('Standard Profiles'!$G$22=$B$17,14,0)+IF('Standard Profiles'!$G$22=$B$24,21,0),0)),0)</f>
        <v>0</v>
      </c>
      <c r="I4271">
        <f t="shared" si="482"/>
        <v>0</v>
      </c>
      <c r="J4271">
        <f t="shared" si="483"/>
        <v>26.568583183744245</v>
      </c>
      <c r="K4271">
        <f t="shared" si="484"/>
        <v>2.2894366058425071</v>
      </c>
      <c r="L4271">
        <f t="shared" si="485"/>
        <v>1.1447183029212535</v>
      </c>
      <c r="M4271">
        <f t="shared" si="486"/>
        <v>0</v>
      </c>
      <c r="N4271" s="45">
        <f t="shared" si="487"/>
        <v>45103.541666656391</v>
      </c>
    </row>
    <row r="4272" spans="2:14" x14ac:dyDescent="0.25">
      <c r="B4272">
        <f t="shared" si="481"/>
        <v>1</v>
      </c>
      <c r="C4272" s="16">
        <v>4238</v>
      </c>
      <c r="D4272" cm="1">
        <f t="array" ref="D4272">IFERROR(INDEX(Jesper!AH$2:AH$366,ROUNDDOWN($C4272/24,0)+1,1)*INDEX($D$3:$AA$30,INDEX(Jesper!$R$2:$R$366,ROW(INDEX(Jesper!AH$2:AH$366,ROUNDDOWN($C4272/24,0)+1,1))-1)+IF('Standard Profiles'!$G$18=$B$10,7,0)+IF('Standard Profiles'!$G$18=$B$17,14,0)+IF('Standard Profiles'!$G$18=$B$24,21,0),MOD($C4272,24)+1)/SUM(INDEX($D$3:$AA$30,INDEX(Jesper!$R$2:$R$366,ROW(INDEX(Jesper!AH$2:AH$366,ROUNDDOWN($C4272/24,0)+1,1))-1)+IF('Standard Profiles'!$G$18=$B$10,7,0)+IF('Standard Profiles'!$G$18=$B$17,14,0)+IF('Standard Profiles'!$G$18=$B$24,21,0),0)),0)</f>
        <v>32.195202269660257</v>
      </c>
      <c r="E4272" cm="1">
        <f t="array" ref="E4272">IFERROR(INDEX(Jesper!AI$2:AI$366,ROUNDDOWN($C4272/24,0)+1,1)*INDEX($D$3:$AA$30,INDEX(Jesper!$R$2:$R$366,ROW(INDEX(Jesper!AI$2:AI$366,ROUNDDOWN($C4272/24,0)+1,1))-1)+IF('Standard Profiles'!$G$19=$B$10,7,0)+IF('Standard Profiles'!$G$19=$B$17,14,0)+IF('Standard Profiles'!$G$19=$B$24,21,0),MOD($C4272,24)+1)/SUM(INDEX($D$3:$AA$30,INDEX(Jesper!$R$2:$R$366,ROW(INDEX(Jesper!AI$2:AI$366,ROUNDDOWN($C4272/24,0)+1,1))-1)+IF('Standard Profiles'!$G$19=$B$10,7,0)+IF('Standard Profiles'!$G$19=$B$17,14,0)+IF('Standard Profiles'!$G$19=$B$24,21,0),0)),0)</f>
        <v>12.808904869101754</v>
      </c>
      <c r="F4272" cm="1">
        <f t="array" ref="F4272">IFERROR(INDEX(Jesper!AJ$2:AJ$366,ROUNDDOWN($C4272/24,0)+1,1)*INDEX($D$3:$AA$30,INDEX(Jesper!$R$2:$R$366,ROW(INDEX(Jesper!AJ$2:AJ$366,ROUNDDOWN($C4272/24,0)+1,1))-1)+IF('Standard Profiles'!$G$20=$B$10,7,0)+IF('Standard Profiles'!$G$20=$B$17,14,0)+IF('Standard Profiles'!$G$20=$B$24,21,0),MOD($C4272,24)+1)/SUM(INDEX($D$3:$AA$30,INDEX(Jesper!$R$2:$R$366,ROW(INDEX(Jesper!AJ$2:AJ$366,ROUNDDOWN($C4272/24,0)+1,1))-1)+IF('Standard Profiles'!$G$20=$B$10,7,0)+IF('Standard Profiles'!$G$20=$B$17,14,0)+IF('Standard Profiles'!$G$20=$B$24,21,0),0)),0)</f>
        <v>0</v>
      </c>
      <c r="G4272" cm="1">
        <f t="array" ref="G4272">IFERROR(INDEX(Jesper!AK$2:AK$366,ROUNDDOWN($C4272/24,0)+1,1)*INDEX($D$3:$AA$30,INDEX(Jesper!$R$2:$R$366,ROW(INDEX(Jesper!AK$2:AK$366,ROUNDDOWN($C4272/24,0)+1,1))-1)+IF('Standard Profiles'!$G$21=$B$10,7,0)+IF('Standard Profiles'!$G$21=$B$17,14,0)+IF('Standard Profiles'!$G$21=$B$24,21,0),MOD($C4272,24)+1)/SUM(INDEX($D$3:$AA$30,INDEX(Jesper!$R$2:$R$366,ROW(INDEX(Jesper!AK$2:AK$366,ROUNDDOWN($C4272/24,0)+1,1))-1)+IF('Standard Profiles'!$G$21=$B$10,7,0)+IF('Standard Profiles'!$G$21=$B$17,14,0)+IF('Standard Profiles'!$G$21=$B$24,21,0),0)),0)</f>
        <v>0</v>
      </c>
      <c r="H4272" cm="1">
        <f t="array" ref="H4272">IFERROR(INDEX(Jesper!AL$2:AL$366,ROUNDDOWN($C4272/24,0)+1,1)*INDEX($D$3:$AA$30,INDEX(Jesper!$R$2:$R$366,ROW(INDEX(Jesper!AL$2:AL$366,ROUNDDOWN($C4272/24,0)+1,1))-1)+IF('Standard Profiles'!$G$22=$B$10,7,0)+IF('Standard Profiles'!$G$22=$B$17,14,0)+IF('Standard Profiles'!$G$22=$B$24,21,0),MOD($C4272,24)+1)/SUM(INDEX($D$3:$AA$30,INDEX(Jesper!$R$2:$R$366,ROW(INDEX(Jesper!AL$2:AL$366,ROUNDDOWN($C4272/24,0)+1,1))-1)+IF('Standard Profiles'!$G$22=$B$10,7,0)+IF('Standard Profiles'!$G$22=$B$17,14,0)+IF('Standard Profiles'!$G$22=$B$24,21,0),0)),0)</f>
        <v>0</v>
      </c>
      <c r="I4272">
        <f t="shared" si="482"/>
        <v>0</v>
      </c>
      <c r="J4272">
        <f t="shared" si="483"/>
        <v>39.852874775616371</v>
      </c>
      <c r="K4272">
        <f t="shared" si="484"/>
        <v>3.4341549087637611</v>
      </c>
      <c r="L4272">
        <f t="shared" si="485"/>
        <v>1.7170774543818805</v>
      </c>
      <c r="M4272">
        <f t="shared" si="486"/>
        <v>0</v>
      </c>
      <c r="N4272" s="45">
        <f t="shared" si="487"/>
        <v>45103.583333323055</v>
      </c>
    </row>
    <row r="4273" spans="2:14" x14ac:dyDescent="0.25">
      <c r="B4273">
        <f t="shared" si="481"/>
        <v>1</v>
      </c>
      <c r="C4273" s="16">
        <v>4239</v>
      </c>
      <c r="D4273" cm="1">
        <f t="array" ref="D4273">IFERROR(INDEX(Jesper!AH$2:AH$366,ROUNDDOWN($C4273/24,0)+1,1)*INDEX($D$3:$AA$30,INDEX(Jesper!$R$2:$R$366,ROW(INDEX(Jesper!AH$2:AH$366,ROUNDDOWN($C4273/24,0)+1,1))-1)+IF('Standard Profiles'!$G$18=$B$10,7,0)+IF('Standard Profiles'!$G$18=$B$17,14,0)+IF('Standard Profiles'!$G$18=$B$24,21,0),MOD($C4273,24)+1)/SUM(INDEX($D$3:$AA$30,INDEX(Jesper!$R$2:$R$366,ROW(INDEX(Jesper!AH$2:AH$366,ROUNDDOWN($C4273/24,0)+1,1))-1)+IF('Standard Profiles'!$G$18=$B$10,7,0)+IF('Standard Profiles'!$G$18=$B$17,14,0)+IF('Standard Profiles'!$G$18=$B$24,21,0),0)),0)</f>
        <v>32.195202269660257</v>
      </c>
      <c r="E4273" cm="1">
        <f t="array" ref="E4273">IFERROR(INDEX(Jesper!AI$2:AI$366,ROUNDDOWN($C4273/24,0)+1,1)*INDEX($D$3:$AA$30,INDEX(Jesper!$R$2:$R$366,ROW(INDEX(Jesper!AI$2:AI$366,ROUNDDOWN($C4273/24,0)+1,1))-1)+IF('Standard Profiles'!$G$19=$B$10,7,0)+IF('Standard Profiles'!$G$19=$B$17,14,0)+IF('Standard Profiles'!$G$19=$B$24,21,0),MOD($C4273,24)+1)/SUM(INDEX($D$3:$AA$30,INDEX(Jesper!$R$2:$R$366,ROW(INDEX(Jesper!AI$2:AI$366,ROUNDDOWN($C4273/24,0)+1,1))-1)+IF('Standard Profiles'!$G$19=$B$10,7,0)+IF('Standard Profiles'!$G$19=$B$17,14,0)+IF('Standard Profiles'!$G$19=$B$24,21,0),0)),0)</f>
        <v>12.808904869101754</v>
      </c>
      <c r="F4273" cm="1">
        <f t="array" ref="F4273">IFERROR(INDEX(Jesper!AJ$2:AJ$366,ROUNDDOWN($C4273/24,0)+1,1)*INDEX($D$3:$AA$30,INDEX(Jesper!$R$2:$R$366,ROW(INDEX(Jesper!AJ$2:AJ$366,ROUNDDOWN($C4273/24,0)+1,1))-1)+IF('Standard Profiles'!$G$20=$B$10,7,0)+IF('Standard Profiles'!$G$20=$B$17,14,0)+IF('Standard Profiles'!$G$20=$B$24,21,0),MOD($C4273,24)+1)/SUM(INDEX($D$3:$AA$30,INDEX(Jesper!$R$2:$R$366,ROW(INDEX(Jesper!AJ$2:AJ$366,ROUNDDOWN($C4273/24,0)+1,1))-1)+IF('Standard Profiles'!$G$20=$B$10,7,0)+IF('Standard Profiles'!$G$20=$B$17,14,0)+IF('Standard Profiles'!$G$20=$B$24,21,0),0)),0)</f>
        <v>0</v>
      </c>
      <c r="G4273" cm="1">
        <f t="array" ref="G4273">IFERROR(INDEX(Jesper!AK$2:AK$366,ROUNDDOWN($C4273/24,0)+1,1)*INDEX($D$3:$AA$30,INDEX(Jesper!$R$2:$R$366,ROW(INDEX(Jesper!AK$2:AK$366,ROUNDDOWN($C4273/24,0)+1,1))-1)+IF('Standard Profiles'!$G$21=$B$10,7,0)+IF('Standard Profiles'!$G$21=$B$17,14,0)+IF('Standard Profiles'!$G$21=$B$24,21,0),MOD($C4273,24)+1)/SUM(INDEX($D$3:$AA$30,INDEX(Jesper!$R$2:$R$366,ROW(INDEX(Jesper!AK$2:AK$366,ROUNDDOWN($C4273/24,0)+1,1))-1)+IF('Standard Profiles'!$G$21=$B$10,7,0)+IF('Standard Profiles'!$G$21=$B$17,14,0)+IF('Standard Profiles'!$G$21=$B$24,21,0),0)),0)</f>
        <v>0</v>
      </c>
      <c r="H4273" cm="1">
        <f t="array" ref="H4273">IFERROR(INDEX(Jesper!AL$2:AL$366,ROUNDDOWN($C4273/24,0)+1,1)*INDEX($D$3:$AA$30,INDEX(Jesper!$R$2:$R$366,ROW(INDEX(Jesper!AL$2:AL$366,ROUNDDOWN($C4273/24,0)+1,1))-1)+IF('Standard Profiles'!$G$22=$B$10,7,0)+IF('Standard Profiles'!$G$22=$B$17,14,0)+IF('Standard Profiles'!$G$22=$B$24,21,0),MOD($C4273,24)+1)/SUM(INDEX($D$3:$AA$30,INDEX(Jesper!$R$2:$R$366,ROW(INDEX(Jesper!AL$2:AL$366,ROUNDDOWN($C4273/24,0)+1,1))-1)+IF('Standard Profiles'!$G$22=$B$10,7,0)+IF('Standard Profiles'!$G$22=$B$17,14,0)+IF('Standard Profiles'!$G$22=$B$24,21,0),0)),0)</f>
        <v>0</v>
      </c>
      <c r="I4273">
        <f t="shared" si="482"/>
        <v>0</v>
      </c>
      <c r="J4273">
        <f t="shared" si="483"/>
        <v>39.852874775616371</v>
      </c>
      <c r="K4273">
        <f t="shared" si="484"/>
        <v>3.4341549087637611</v>
      </c>
      <c r="L4273">
        <f t="shared" si="485"/>
        <v>1.7170774543818805</v>
      </c>
      <c r="M4273">
        <f t="shared" si="486"/>
        <v>0</v>
      </c>
      <c r="N4273" s="45">
        <f t="shared" si="487"/>
        <v>45103.624999989719</v>
      </c>
    </row>
    <row r="4274" spans="2:14" x14ac:dyDescent="0.25">
      <c r="B4274">
        <f t="shared" si="481"/>
        <v>1</v>
      </c>
      <c r="C4274" s="16">
        <v>4240</v>
      </c>
      <c r="D4274" cm="1">
        <f t="array" ref="D4274">IFERROR(INDEX(Jesper!AH$2:AH$366,ROUNDDOWN($C4274/24,0)+1,1)*INDEX($D$3:$AA$30,INDEX(Jesper!$R$2:$R$366,ROW(INDEX(Jesper!AH$2:AH$366,ROUNDDOWN($C4274/24,0)+1,1))-1)+IF('Standard Profiles'!$G$18=$B$10,7,0)+IF('Standard Profiles'!$G$18=$B$17,14,0)+IF('Standard Profiles'!$G$18=$B$24,21,0),MOD($C4274,24)+1)/SUM(INDEX($D$3:$AA$30,INDEX(Jesper!$R$2:$R$366,ROW(INDEX(Jesper!AH$2:AH$366,ROUNDDOWN($C4274/24,0)+1,1))-1)+IF('Standard Profiles'!$G$18=$B$10,7,0)+IF('Standard Profiles'!$G$18=$B$17,14,0)+IF('Standard Profiles'!$G$18=$B$24,21,0),0)),0)</f>
        <v>18.780534657301814</v>
      </c>
      <c r="E4274" cm="1">
        <f t="array" ref="E4274">IFERROR(INDEX(Jesper!AI$2:AI$366,ROUNDDOWN($C4274/24,0)+1,1)*INDEX($D$3:$AA$30,INDEX(Jesper!$R$2:$R$366,ROW(INDEX(Jesper!AI$2:AI$366,ROUNDDOWN($C4274/24,0)+1,1))-1)+IF('Standard Profiles'!$G$19=$B$10,7,0)+IF('Standard Profiles'!$G$19=$B$17,14,0)+IF('Standard Profiles'!$G$19=$B$24,21,0),MOD($C4274,24)+1)/SUM(INDEX($D$3:$AA$30,INDEX(Jesper!$R$2:$R$366,ROW(INDEX(Jesper!AI$2:AI$366,ROUNDDOWN($C4274/24,0)+1,1))-1)+IF('Standard Profiles'!$G$19=$B$10,7,0)+IF('Standard Profiles'!$G$19=$B$17,14,0)+IF('Standard Profiles'!$G$19=$B$24,21,0),0)),0)</f>
        <v>7.4718611736426892</v>
      </c>
      <c r="F4274" cm="1">
        <f t="array" ref="F4274">IFERROR(INDEX(Jesper!AJ$2:AJ$366,ROUNDDOWN($C4274/24,0)+1,1)*INDEX($D$3:$AA$30,INDEX(Jesper!$R$2:$R$366,ROW(INDEX(Jesper!AJ$2:AJ$366,ROUNDDOWN($C4274/24,0)+1,1))-1)+IF('Standard Profiles'!$G$20=$B$10,7,0)+IF('Standard Profiles'!$G$20=$B$17,14,0)+IF('Standard Profiles'!$G$20=$B$24,21,0),MOD($C4274,24)+1)/SUM(INDEX($D$3:$AA$30,INDEX(Jesper!$R$2:$R$366,ROW(INDEX(Jesper!AJ$2:AJ$366,ROUNDDOWN($C4274/24,0)+1,1))-1)+IF('Standard Profiles'!$G$20=$B$10,7,0)+IF('Standard Profiles'!$G$20=$B$17,14,0)+IF('Standard Profiles'!$G$20=$B$24,21,0),0)),0)</f>
        <v>0</v>
      </c>
      <c r="G4274" cm="1">
        <f t="array" ref="G4274">IFERROR(INDEX(Jesper!AK$2:AK$366,ROUNDDOWN($C4274/24,0)+1,1)*INDEX($D$3:$AA$30,INDEX(Jesper!$R$2:$R$366,ROW(INDEX(Jesper!AK$2:AK$366,ROUNDDOWN($C4274/24,0)+1,1))-1)+IF('Standard Profiles'!$G$21=$B$10,7,0)+IF('Standard Profiles'!$G$21=$B$17,14,0)+IF('Standard Profiles'!$G$21=$B$24,21,0),MOD($C4274,24)+1)/SUM(INDEX($D$3:$AA$30,INDEX(Jesper!$R$2:$R$366,ROW(INDEX(Jesper!AK$2:AK$366,ROUNDDOWN($C4274/24,0)+1,1))-1)+IF('Standard Profiles'!$G$21=$B$10,7,0)+IF('Standard Profiles'!$G$21=$B$17,14,0)+IF('Standard Profiles'!$G$21=$B$24,21,0),0)),0)</f>
        <v>0</v>
      </c>
      <c r="H4274" cm="1">
        <f t="array" ref="H4274">IFERROR(INDEX(Jesper!AL$2:AL$366,ROUNDDOWN($C4274/24,0)+1,1)*INDEX($D$3:$AA$30,INDEX(Jesper!$R$2:$R$366,ROW(INDEX(Jesper!AL$2:AL$366,ROUNDDOWN($C4274/24,0)+1,1))-1)+IF('Standard Profiles'!$G$22=$B$10,7,0)+IF('Standard Profiles'!$G$22=$B$17,14,0)+IF('Standard Profiles'!$G$22=$B$24,21,0),MOD($C4274,24)+1)/SUM(INDEX($D$3:$AA$30,INDEX(Jesper!$R$2:$R$366,ROW(INDEX(Jesper!AL$2:AL$366,ROUNDDOWN($C4274/24,0)+1,1))-1)+IF('Standard Profiles'!$G$22=$B$10,7,0)+IF('Standard Profiles'!$G$22=$B$17,14,0)+IF('Standard Profiles'!$G$22=$B$24,21,0),0)),0)</f>
        <v>0</v>
      </c>
      <c r="I4274">
        <f t="shared" si="482"/>
        <v>0</v>
      </c>
      <c r="J4274">
        <f t="shared" si="483"/>
        <v>23.247510285776212</v>
      </c>
      <c r="K4274">
        <f t="shared" si="484"/>
        <v>2.0032570301121937</v>
      </c>
      <c r="L4274">
        <f t="shared" si="485"/>
        <v>1.0016285150560968</v>
      </c>
      <c r="M4274">
        <f t="shared" si="486"/>
        <v>0</v>
      </c>
      <c r="N4274" s="45">
        <f t="shared" si="487"/>
        <v>45103.666666656383</v>
      </c>
    </row>
    <row r="4275" spans="2:14" x14ac:dyDescent="0.25">
      <c r="B4275">
        <f t="shared" si="481"/>
        <v>1</v>
      </c>
      <c r="C4275" s="16">
        <v>4241</v>
      </c>
      <c r="D4275" cm="1">
        <f t="array" ref="D4275">IFERROR(INDEX(Jesper!AH$2:AH$366,ROUNDDOWN($C4275/24,0)+1,1)*INDEX($D$3:$AA$30,INDEX(Jesper!$R$2:$R$366,ROW(INDEX(Jesper!AH$2:AH$366,ROUNDDOWN($C4275/24,0)+1,1))-1)+IF('Standard Profiles'!$G$18=$B$10,7,0)+IF('Standard Profiles'!$G$18=$B$17,14,0)+IF('Standard Profiles'!$G$18=$B$24,21,0),MOD($C4275,24)+1)/SUM(INDEX($D$3:$AA$30,INDEX(Jesper!$R$2:$R$366,ROW(INDEX(Jesper!AH$2:AH$366,ROUNDDOWN($C4275/24,0)+1,1))-1)+IF('Standard Profiles'!$G$18=$B$10,7,0)+IF('Standard Profiles'!$G$18=$B$17,14,0)+IF('Standard Profiles'!$G$18=$B$24,21,0),0)),0)</f>
        <v>5.3658670449433759</v>
      </c>
      <c r="E4275" cm="1">
        <f t="array" ref="E4275">IFERROR(INDEX(Jesper!AI$2:AI$366,ROUNDDOWN($C4275/24,0)+1,1)*INDEX($D$3:$AA$30,INDEX(Jesper!$R$2:$R$366,ROW(INDEX(Jesper!AI$2:AI$366,ROUNDDOWN($C4275/24,0)+1,1))-1)+IF('Standard Profiles'!$G$19=$B$10,7,0)+IF('Standard Profiles'!$G$19=$B$17,14,0)+IF('Standard Profiles'!$G$19=$B$24,21,0),MOD($C4275,24)+1)/SUM(INDEX($D$3:$AA$30,INDEX(Jesper!$R$2:$R$366,ROW(INDEX(Jesper!AI$2:AI$366,ROUNDDOWN($C4275/24,0)+1,1))-1)+IF('Standard Profiles'!$G$19=$B$10,7,0)+IF('Standard Profiles'!$G$19=$B$17,14,0)+IF('Standard Profiles'!$G$19=$B$24,21,0),0)),0)</f>
        <v>2.134817478183626</v>
      </c>
      <c r="F4275" cm="1">
        <f t="array" ref="F4275">IFERROR(INDEX(Jesper!AJ$2:AJ$366,ROUNDDOWN($C4275/24,0)+1,1)*INDEX($D$3:$AA$30,INDEX(Jesper!$R$2:$R$366,ROW(INDEX(Jesper!AJ$2:AJ$366,ROUNDDOWN($C4275/24,0)+1,1))-1)+IF('Standard Profiles'!$G$20=$B$10,7,0)+IF('Standard Profiles'!$G$20=$B$17,14,0)+IF('Standard Profiles'!$G$20=$B$24,21,0),MOD($C4275,24)+1)/SUM(INDEX($D$3:$AA$30,INDEX(Jesper!$R$2:$R$366,ROW(INDEX(Jesper!AJ$2:AJ$366,ROUNDDOWN($C4275/24,0)+1,1))-1)+IF('Standard Profiles'!$G$20=$B$10,7,0)+IF('Standard Profiles'!$G$20=$B$17,14,0)+IF('Standard Profiles'!$G$20=$B$24,21,0),0)),0)</f>
        <v>0</v>
      </c>
      <c r="G4275" cm="1">
        <f t="array" ref="G4275">IFERROR(INDEX(Jesper!AK$2:AK$366,ROUNDDOWN($C4275/24,0)+1,1)*INDEX($D$3:$AA$30,INDEX(Jesper!$R$2:$R$366,ROW(INDEX(Jesper!AK$2:AK$366,ROUNDDOWN($C4275/24,0)+1,1))-1)+IF('Standard Profiles'!$G$21=$B$10,7,0)+IF('Standard Profiles'!$G$21=$B$17,14,0)+IF('Standard Profiles'!$G$21=$B$24,21,0),MOD($C4275,24)+1)/SUM(INDEX($D$3:$AA$30,INDEX(Jesper!$R$2:$R$366,ROW(INDEX(Jesper!AK$2:AK$366,ROUNDDOWN($C4275/24,0)+1,1))-1)+IF('Standard Profiles'!$G$21=$B$10,7,0)+IF('Standard Profiles'!$G$21=$B$17,14,0)+IF('Standard Profiles'!$G$21=$B$24,21,0),0)),0)</f>
        <v>0</v>
      </c>
      <c r="H4275" cm="1">
        <f t="array" ref="H4275">IFERROR(INDEX(Jesper!AL$2:AL$366,ROUNDDOWN($C4275/24,0)+1,1)*INDEX($D$3:$AA$30,INDEX(Jesper!$R$2:$R$366,ROW(INDEX(Jesper!AL$2:AL$366,ROUNDDOWN($C4275/24,0)+1,1))-1)+IF('Standard Profiles'!$G$22=$B$10,7,0)+IF('Standard Profiles'!$G$22=$B$17,14,0)+IF('Standard Profiles'!$G$22=$B$24,21,0),MOD($C4275,24)+1)/SUM(INDEX($D$3:$AA$30,INDEX(Jesper!$R$2:$R$366,ROW(INDEX(Jesper!AL$2:AL$366,ROUNDDOWN($C4275/24,0)+1,1))-1)+IF('Standard Profiles'!$G$22=$B$10,7,0)+IF('Standard Profiles'!$G$22=$B$17,14,0)+IF('Standard Profiles'!$G$22=$B$24,21,0),0)),0)</f>
        <v>0</v>
      </c>
      <c r="I4275">
        <f t="shared" si="482"/>
        <v>0</v>
      </c>
      <c r="J4275">
        <f t="shared" si="483"/>
        <v>6.6421457959360612</v>
      </c>
      <c r="K4275">
        <f t="shared" si="484"/>
        <v>0.57235915146062677</v>
      </c>
      <c r="L4275">
        <f t="shared" si="485"/>
        <v>0.28617957573031338</v>
      </c>
      <c r="M4275">
        <f t="shared" si="486"/>
        <v>0</v>
      </c>
      <c r="N4275" s="45">
        <f t="shared" si="487"/>
        <v>45103.708333323048</v>
      </c>
    </row>
    <row r="4276" spans="2:14" x14ac:dyDescent="0.25">
      <c r="B4276">
        <f t="shared" si="481"/>
        <v>1</v>
      </c>
      <c r="C4276" s="16">
        <v>4242</v>
      </c>
      <c r="D4276" cm="1">
        <f t="array" ref="D4276">IFERROR(INDEX(Jesper!AH$2:AH$366,ROUNDDOWN($C4276/24,0)+1,1)*INDEX($D$3:$AA$30,INDEX(Jesper!$R$2:$R$366,ROW(INDEX(Jesper!AH$2:AH$366,ROUNDDOWN($C4276/24,0)+1,1))-1)+IF('Standard Profiles'!$G$18=$B$10,7,0)+IF('Standard Profiles'!$G$18=$B$17,14,0)+IF('Standard Profiles'!$G$18=$B$24,21,0),MOD($C4276,24)+1)/SUM(INDEX($D$3:$AA$30,INDEX(Jesper!$R$2:$R$366,ROW(INDEX(Jesper!AH$2:AH$366,ROUNDDOWN($C4276/24,0)+1,1))-1)+IF('Standard Profiles'!$G$18=$B$10,7,0)+IF('Standard Profiles'!$G$18=$B$17,14,0)+IF('Standard Profiles'!$G$18=$B$24,21,0),0)),0)</f>
        <v>5.2902914527610747</v>
      </c>
      <c r="E4276" cm="1">
        <f t="array" ref="E4276">IFERROR(INDEX(Jesper!AI$2:AI$366,ROUNDDOWN($C4276/24,0)+1,1)*INDEX($D$3:$AA$30,INDEX(Jesper!$R$2:$R$366,ROW(INDEX(Jesper!AI$2:AI$366,ROUNDDOWN($C4276/24,0)+1,1))-1)+IF('Standard Profiles'!$G$19=$B$10,7,0)+IF('Standard Profiles'!$G$19=$B$17,14,0)+IF('Standard Profiles'!$G$19=$B$24,21,0),MOD($C4276,24)+1)/SUM(INDEX($D$3:$AA$30,INDEX(Jesper!$R$2:$R$366,ROW(INDEX(Jesper!AI$2:AI$366,ROUNDDOWN($C4276/24,0)+1,1))-1)+IF('Standard Profiles'!$G$19=$B$10,7,0)+IF('Standard Profiles'!$G$19=$B$17,14,0)+IF('Standard Profiles'!$G$19=$B$24,21,0),0)),0)</f>
        <v>2.1047496263782226</v>
      </c>
      <c r="F4276" cm="1">
        <f t="array" ref="F4276">IFERROR(INDEX(Jesper!AJ$2:AJ$366,ROUNDDOWN($C4276/24,0)+1,1)*INDEX($D$3:$AA$30,INDEX(Jesper!$R$2:$R$366,ROW(INDEX(Jesper!AJ$2:AJ$366,ROUNDDOWN($C4276/24,0)+1,1))-1)+IF('Standard Profiles'!$G$20=$B$10,7,0)+IF('Standard Profiles'!$G$20=$B$17,14,0)+IF('Standard Profiles'!$G$20=$B$24,21,0),MOD($C4276,24)+1)/SUM(INDEX($D$3:$AA$30,INDEX(Jesper!$R$2:$R$366,ROW(INDEX(Jesper!AJ$2:AJ$366,ROUNDDOWN($C4276/24,0)+1,1))-1)+IF('Standard Profiles'!$G$20=$B$10,7,0)+IF('Standard Profiles'!$G$20=$B$17,14,0)+IF('Standard Profiles'!$G$20=$B$24,21,0),0)),0)</f>
        <v>0</v>
      </c>
      <c r="G4276" cm="1">
        <f t="array" ref="G4276">IFERROR(INDEX(Jesper!AK$2:AK$366,ROUNDDOWN($C4276/24,0)+1,1)*INDEX($D$3:$AA$30,INDEX(Jesper!$R$2:$R$366,ROW(INDEX(Jesper!AK$2:AK$366,ROUNDDOWN($C4276/24,0)+1,1))-1)+IF('Standard Profiles'!$G$21=$B$10,7,0)+IF('Standard Profiles'!$G$21=$B$17,14,0)+IF('Standard Profiles'!$G$21=$B$24,21,0),MOD($C4276,24)+1)/SUM(INDEX($D$3:$AA$30,INDEX(Jesper!$R$2:$R$366,ROW(INDEX(Jesper!AK$2:AK$366,ROUNDDOWN($C4276/24,0)+1,1))-1)+IF('Standard Profiles'!$G$21=$B$10,7,0)+IF('Standard Profiles'!$G$21=$B$17,14,0)+IF('Standard Profiles'!$G$21=$B$24,21,0),0)),0)</f>
        <v>0</v>
      </c>
      <c r="H4276" cm="1">
        <f t="array" ref="H4276">IFERROR(INDEX(Jesper!AL$2:AL$366,ROUNDDOWN($C4276/24,0)+1,1)*INDEX($D$3:$AA$30,INDEX(Jesper!$R$2:$R$366,ROW(INDEX(Jesper!AL$2:AL$366,ROUNDDOWN($C4276/24,0)+1,1))-1)+IF('Standard Profiles'!$G$22=$B$10,7,0)+IF('Standard Profiles'!$G$22=$B$17,14,0)+IF('Standard Profiles'!$G$22=$B$24,21,0),MOD($C4276,24)+1)/SUM(INDEX($D$3:$AA$30,INDEX(Jesper!$R$2:$R$366,ROW(INDEX(Jesper!AL$2:AL$366,ROUNDDOWN($C4276/24,0)+1,1))-1)+IF('Standard Profiles'!$G$22=$B$10,7,0)+IF('Standard Profiles'!$G$22=$B$17,14,0)+IF('Standard Profiles'!$G$22=$B$24,21,0),0)),0)</f>
        <v>0</v>
      </c>
      <c r="I4276">
        <f t="shared" si="482"/>
        <v>0</v>
      </c>
      <c r="J4276">
        <f t="shared" si="483"/>
        <v>6.5485944466975248</v>
      </c>
      <c r="K4276">
        <f t="shared" si="484"/>
        <v>0.56429775496118129</v>
      </c>
      <c r="L4276">
        <f t="shared" si="485"/>
        <v>0.28214887748059064</v>
      </c>
      <c r="M4276">
        <f t="shared" si="486"/>
        <v>0</v>
      </c>
      <c r="N4276" s="45">
        <f t="shared" si="487"/>
        <v>45103.749999989712</v>
      </c>
    </row>
    <row r="4277" spans="2:14" x14ac:dyDescent="0.25">
      <c r="B4277">
        <f t="shared" si="481"/>
        <v>1</v>
      </c>
      <c r="C4277" s="16">
        <v>4243</v>
      </c>
      <c r="D4277" cm="1">
        <f t="array" ref="D4277">IFERROR(INDEX(Jesper!AH$2:AH$366,ROUNDDOWN($C4277/24,0)+1,1)*INDEX($D$3:$AA$30,INDEX(Jesper!$R$2:$R$366,ROW(INDEX(Jesper!AH$2:AH$366,ROUNDDOWN($C4277/24,0)+1,1))-1)+IF('Standard Profiles'!$G$18=$B$10,7,0)+IF('Standard Profiles'!$G$18=$B$17,14,0)+IF('Standard Profiles'!$G$18=$B$24,21,0),MOD($C4277,24)+1)/SUM(INDEX($D$3:$AA$30,INDEX(Jesper!$R$2:$R$366,ROW(INDEX(Jesper!AH$2:AH$366,ROUNDDOWN($C4277/24,0)+1,1))-1)+IF('Standard Profiles'!$G$18=$B$10,7,0)+IF('Standard Profiles'!$G$18=$B$17,14,0)+IF('Standard Profiles'!$G$18=$B$24,21,0),0)),0)</f>
        <v>5.2902914527610747</v>
      </c>
      <c r="E4277" cm="1">
        <f t="array" ref="E4277">IFERROR(INDEX(Jesper!AI$2:AI$366,ROUNDDOWN($C4277/24,0)+1,1)*INDEX($D$3:$AA$30,INDEX(Jesper!$R$2:$R$366,ROW(INDEX(Jesper!AI$2:AI$366,ROUNDDOWN($C4277/24,0)+1,1))-1)+IF('Standard Profiles'!$G$19=$B$10,7,0)+IF('Standard Profiles'!$G$19=$B$17,14,0)+IF('Standard Profiles'!$G$19=$B$24,21,0),MOD($C4277,24)+1)/SUM(INDEX($D$3:$AA$30,INDEX(Jesper!$R$2:$R$366,ROW(INDEX(Jesper!AI$2:AI$366,ROUNDDOWN($C4277/24,0)+1,1))-1)+IF('Standard Profiles'!$G$19=$B$10,7,0)+IF('Standard Profiles'!$G$19=$B$17,14,0)+IF('Standard Profiles'!$G$19=$B$24,21,0),0)),0)</f>
        <v>2.1047496263782226</v>
      </c>
      <c r="F4277" cm="1">
        <f t="array" ref="F4277">IFERROR(INDEX(Jesper!AJ$2:AJ$366,ROUNDDOWN($C4277/24,0)+1,1)*INDEX($D$3:$AA$30,INDEX(Jesper!$R$2:$R$366,ROW(INDEX(Jesper!AJ$2:AJ$366,ROUNDDOWN($C4277/24,0)+1,1))-1)+IF('Standard Profiles'!$G$20=$B$10,7,0)+IF('Standard Profiles'!$G$20=$B$17,14,0)+IF('Standard Profiles'!$G$20=$B$24,21,0),MOD($C4277,24)+1)/SUM(INDEX($D$3:$AA$30,INDEX(Jesper!$R$2:$R$366,ROW(INDEX(Jesper!AJ$2:AJ$366,ROUNDDOWN($C4277/24,0)+1,1))-1)+IF('Standard Profiles'!$G$20=$B$10,7,0)+IF('Standard Profiles'!$G$20=$B$17,14,0)+IF('Standard Profiles'!$G$20=$B$24,21,0),0)),0)</f>
        <v>0</v>
      </c>
      <c r="G4277" cm="1">
        <f t="array" ref="G4277">IFERROR(INDEX(Jesper!AK$2:AK$366,ROUNDDOWN($C4277/24,0)+1,1)*INDEX($D$3:$AA$30,INDEX(Jesper!$R$2:$R$366,ROW(INDEX(Jesper!AK$2:AK$366,ROUNDDOWN($C4277/24,0)+1,1))-1)+IF('Standard Profiles'!$G$21=$B$10,7,0)+IF('Standard Profiles'!$G$21=$B$17,14,0)+IF('Standard Profiles'!$G$21=$B$24,21,0),MOD($C4277,24)+1)/SUM(INDEX($D$3:$AA$30,INDEX(Jesper!$R$2:$R$366,ROW(INDEX(Jesper!AK$2:AK$366,ROUNDDOWN($C4277/24,0)+1,1))-1)+IF('Standard Profiles'!$G$21=$B$10,7,0)+IF('Standard Profiles'!$G$21=$B$17,14,0)+IF('Standard Profiles'!$G$21=$B$24,21,0),0)),0)</f>
        <v>0</v>
      </c>
      <c r="H4277" cm="1">
        <f t="array" ref="H4277">IFERROR(INDEX(Jesper!AL$2:AL$366,ROUNDDOWN($C4277/24,0)+1,1)*INDEX($D$3:$AA$30,INDEX(Jesper!$R$2:$R$366,ROW(INDEX(Jesper!AL$2:AL$366,ROUNDDOWN($C4277/24,0)+1,1))-1)+IF('Standard Profiles'!$G$22=$B$10,7,0)+IF('Standard Profiles'!$G$22=$B$17,14,0)+IF('Standard Profiles'!$G$22=$B$24,21,0),MOD($C4277,24)+1)/SUM(INDEX($D$3:$AA$30,INDEX(Jesper!$R$2:$R$366,ROW(INDEX(Jesper!AL$2:AL$366,ROUNDDOWN($C4277/24,0)+1,1))-1)+IF('Standard Profiles'!$G$22=$B$10,7,0)+IF('Standard Profiles'!$G$22=$B$17,14,0)+IF('Standard Profiles'!$G$22=$B$24,21,0),0)),0)</f>
        <v>0</v>
      </c>
      <c r="I4277">
        <f t="shared" si="482"/>
        <v>0</v>
      </c>
      <c r="J4277">
        <f t="shared" si="483"/>
        <v>6.5485944466975248</v>
      </c>
      <c r="K4277">
        <f t="shared" si="484"/>
        <v>0.56429775496118129</v>
      </c>
      <c r="L4277">
        <f t="shared" si="485"/>
        <v>0.28214887748059064</v>
      </c>
      <c r="M4277">
        <f t="shared" si="486"/>
        <v>0</v>
      </c>
      <c r="N4277" s="45">
        <f t="shared" si="487"/>
        <v>45103.791666656376</v>
      </c>
    </row>
    <row r="4278" spans="2:14" x14ac:dyDescent="0.25">
      <c r="B4278">
        <f t="shared" si="481"/>
        <v>1</v>
      </c>
      <c r="C4278" s="16">
        <v>4244</v>
      </c>
      <c r="D4278" cm="1">
        <f t="array" ref="D4278">IFERROR(INDEX(Jesper!AH$2:AH$366,ROUNDDOWN($C4278/24,0)+1,1)*INDEX($D$3:$AA$30,INDEX(Jesper!$R$2:$R$366,ROW(INDEX(Jesper!AH$2:AH$366,ROUNDDOWN($C4278/24,0)+1,1))-1)+IF('Standard Profiles'!$G$18=$B$10,7,0)+IF('Standard Profiles'!$G$18=$B$17,14,0)+IF('Standard Profiles'!$G$18=$B$24,21,0),MOD($C4278,24)+1)/SUM(INDEX($D$3:$AA$30,INDEX(Jesper!$R$2:$R$366,ROW(INDEX(Jesper!AH$2:AH$366,ROUNDDOWN($C4278/24,0)+1,1))-1)+IF('Standard Profiles'!$G$18=$B$10,7,0)+IF('Standard Profiles'!$G$18=$B$17,14,0)+IF('Standard Profiles'!$G$18=$B$24,21,0),0)),0)</f>
        <v>5.2902914527610747</v>
      </c>
      <c r="E4278" cm="1">
        <f t="array" ref="E4278">IFERROR(INDEX(Jesper!AI$2:AI$366,ROUNDDOWN($C4278/24,0)+1,1)*INDEX($D$3:$AA$30,INDEX(Jesper!$R$2:$R$366,ROW(INDEX(Jesper!AI$2:AI$366,ROUNDDOWN($C4278/24,0)+1,1))-1)+IF('Standard Profiles'!$G$19=$B$10,7,0)+IF('Standard Profiles'!$G$19=$B$17,14,0)+IF('Standard Profiles'!$G$19=$B$24,21,0),MOD($C4278,24)+1)/SUM(INDEX($D$3:$AA$30,INDEX(Jesper!$R$2:$R$366,ROW(INDEX(Jesper!AI$2:AI$366,ROUNDDOWN($C4278/24,0)+1,1))-1)+IF('Standard Profiles'!$G$19=$B$10,7,0)+IF('Standard Profiles'!$G$19=$B$17,14,0)+IF('Standard Profiles'!$G$19=$B$24,21,0),0)),0)</f>
        <v>2.1047496263782226</v>
      </c>
      <c r="F4278" cm="1">
        <f t="array" ref="F4278">IFERROR(INDEX(Jesper!AJ$2:AJ$366,ROUNDDOWN($C4278/24,0)+1,1)*INDEX($D$3:$AA$30,INDEX(Jesper!$R$2:$R$366,ROW(INDEX(Jesper!AJ$2:AJ$366,ROUNDDOWN($C4278/24,0)+1,1))-1)+IF('Standard Profiles'!$G$20=$B$10,7,0)+IF('Standard Profiles'!$G$20=$B$17,14,0)+IF('Standard Profiles'!$G$20=$B$24,21,0),MOD($C4278,24)+1)/SUM(INDEX($D$3:$AA$30,INDEX(Jesper!$R$2:$R$366,ROW(INDEX(Jesper!AJ$2:AJ$366,ROUNDDOWN($C4278/24,0)+1,1))-1)+IF('Standard Profiles'!$G$20=$B$10,7,0)+IF('Standard Profiles'!$G$20=$B$17,14,0)+IF('Standard Profiles'!$G$20=$B$24,21,0),0)),0)</f>
        <v>0</v>
      </c>
      <c r="G4278" cm="1">
        <f t="array" ref="G4278">IFERROR(INDEX(Jesper!AK$2:AK$366,ROUNDDOWN($C4278/24,0)+1,1)*INDEX($D$3:$AA$30,INDEX(Jesper!$R$2:$R$366,ROW(INDEX(Jesper!AK$2:AK$366,ROUNDDOWN($C4278/24,0)+1,1))-1)+IF('Standard Profiles'!$G$21=$B$10,7,0)+IF('Standard Profiles'!$G$21=$B$17,14,0)+IF('Standard Profiles'!$G$21=$B$24,21,0),MOD($C4278,24)+1)/SUM(INDEX($D$3:$AA$30,INDEX(Jesper!$R$2:$R$366,ROW(INDEX(Jesper!AK$2:AK$366,ROUNDDOWN($C4278/24,0)+1,1))-1)+IF('Standard Profiles'!$G$21=$B$10,7,0)+IF('Standard Profiles'!$G$21=$B$17,14,0)+IF('Standard Profiles'!$G$21=$B$24,21,0),0)),0)</f>
        <v>0</v>
      </c>
      <c r="H4278" cm="1">
        <f t="array" ref="H4278">IFERROR(INDEX(Jesper!AL$2:AL$366,ROUNDDOWN($C4278/24,0)+1,1)*INDEX($D$3:$AA$30,INDEX(Jesper!$R$2:$R$366,ROW(INDEX(Jesper!AL$2:AL$366,ROUNDDOWN($C4278/24,0)+1,1))-1)+IF('Standard Profiles'!$G$22=$B$10,7,0)+IF('Standard Profiles'!$G$22=$B$17,14,0)+IF('Standard Profiles'!$G$22=$B$24,21,0),MOD($C4278,24)+1)/SUM(INDEX($D$3:$AA$30,INDEX(Jesper!$R$2:$R$366,ROW(INDEX(Jesper!AL$2:AL$366,ROUNDDOWN($C4278/24,0)+1,1))-1)+IF('Standard Profiles'!$G$22=$B$10,7,0)+IF('Standard Profiles'!$G$22=$B$17,14,0)+IF('Standard Profiles'!$G$22=$B$24,21,0),0)),0)</f>
        <v>0</v>
      </c>
      <c r="I4278">
        <f t="shared" si="482"/>
        <v>0</v>
      </c>
      <c r="J4278">
        <f t="shared" si="483"/>
        <v>6.5485944466975248</v>
      </c>
      <c r="K4278">
        <f t="shared" si="484"/>
        <v>0.56429775496118129</v>
      </c>
      <c r="L4278">
        <f t="shared" si="485"/>
        <v>0.28214887748059064</v>
      </c>
      <c r="M4278">
        <f t="shared" si="486"/>
        <v>0</v>
      </c>
      <c r="N4278" s="45">
        <f t="shared" si="487"/>
        <v>45103.83333332304</v>
      </c>
    </row>
    <row r="4279" spans="2:14" x14ac:dyDescent="0.25">
      <c r="B4279">
        <f t="shared" si="481"/>
        <v>1</v>
      </c>
      <c r="C4279" s="16">
        <v>4245</v>
      </c>
      <c r="D4279" cm="1">
        <f t="array" ref="D4279">IFERROR(INDEX(Jesper!AH$2:AH$366,ROUNDDOWN($C4279/24,0)+1,1)*INDEX($D$3:$AA$30,INDEX(Jesper!$R$2:$R$366,ROW(INDEX(Jesper!AH$2:AH$366,ROUNDDOWN($C4279/24,0)+1,1))-1)+IF('Standard Profiles'!$G$18=$B$10,7,0)+IF('Standard Profiles'!$G$18=$B$17,14,0)+IF('Standard Profiles'!$G$18=$B$24,21,0),MOD($C4279,24)+1)/SUM(INDEX($D$3:$AA$30,INDEX(Jesper!$R$2:$R$366,ROW(INDEX(Jesper!AH$2:AH$366,ROUNDDOWN($C4279/24,0)+1,1))-1)+IF('Standard Profiles'!$G$18=$B$10,7,0)+IF('Standard Profiles'!$G$18=$B$17,14,0)+IF('Standard Profiles'!$G$18=$B$24,21,0),0)),0)</f>
        <v>5.2902914527610747</v>
      </c>
      <c r="E4279" cm="1">
        <f t="array" ref="E4279">IFERROR(INDEX(Jesper!AI$2:AI$366,ROUNDDOWN($C4279/24,0)+1,1)*INDEX($D$3:$AA$30,INDEX(Jesper!$R$2:$R$366,ROW(INDEX(Jesper!AI$2:AI$366,ROUNDDOWN($C4279/24,0)+1,1))-1)+IF('Standard Profiles'!$G$19=$B$10,7,0)+IF('Standard Profiles'!$G$19=$B$17,14,0)+IF('Standard Profiles'!$G$19=$B$24,21,0),MOD($C4279,24)+1)/SUM(INDEX($D$3:$AA$30,INDEX(Jesper!$R$2:$R$366,ROW(INDEX(Jesper!AI$2:AI$366,ROUNDDOWN($C4279/24,0)+1,1))-1)+IF('Standard Profiles'!$G$19=$B$10,7,0)+IF('Standard Profiles'!$G$19=$B$17,14,0)+IF('Standard Profiles'!$G$19=$B$24,21,0),0)),0)</f>
        <v>2.1047496263782226</v>
      </c>
      <c r="F4279" cm="1">
        <f t="array" ref="F4279">IFERROR(INDEX(Jesper!AJ$2:AJ$366,ROUNDDOWN($C4279/24,0)+1,1)*INDEX($D$3:$AA$30,INDEX(Jesper!$R$2:$R$366,ROW(INDEX(Jesper!AJ$2:AJ$366,ROUNDDOWN($C4279/24,0)+1,1))-1)+IF('Standard Profiles'!$G$20=$B$10,7,0)+IF('Standard Profiles'!$G$20=$B$17,14,0)+IF('Standard Profiles'!$G$20=$B$24,21,0),MOD($C4279,24)+1)/SUM(INDEX($D$3:$AA$30,INDEX(Jesper!$R$2:$R$366,ROW(INDEX(Jesper!AJ$2:AJ$366,ROUNDDOWN($C4279/24,0)+1,1))-1)+IF('Standard Profiles'!$G$20=$B$10,7,0)+IF('Standard Profiles'!$G$20=$B$17,14,0)+IF('Standard Profiles'!$G$20=$B$24,21,0),0)),0)</f>
        <v>0</v>
      </c>
      <c r="G4279" cm="1">
        <f t="array" ref="G4279">IFERROR(INDEX(Jesper!AK$2:AK$366,ROUNDDOWN($C4279/24,0)+1,1)*INDEX($D$3:$AA$30,INDEX(Jesper!$R$2:$R$366,ROW(INDEX(Jesper!AK$2:AK$366,ROUNDDOWN($C4279/24,0)+1,1))-1)+IF('Standard Profiles'!$G$21=$B$10,7,0)+IF('Standard Profiles'!$G$21=$B$17,14,0)+IF('Standard Profiles'!$G$21=$B$24,21,0),MOD($C4279,24)+1)/SUM(INDEX($D$3:$AA$30,INDEX(Jesper!$R$2:$R$366,ROW(INDEX(Jesper!AK$2:AK$366,ROUNDDOWN($C4279/24,0)+1,1))-1)+IF('Standard Profiles'!$G$21=$B$10,7,0)+IF('Standard Profiles'!$G$21=$B$17,14,0)+IF('Standard Profiles'!$G$21=$B$24,21,0),0)),0)</f>
        <v>0</v>
      </c>
      <c r="H4279" cm="1">
        <f t="array" ref="H4279">IFERROR(INDEX(Jesper!AL$2:AL$366,ROUNDDOWN($C4279/24,0)+1,1)*INDEX($D$3:$AA$30,INDEX(Jesper!$R$2:$R$366,ROW(INDEX(Jesper!AL$2:AL$366,ROUNDDOWN($C4279/24,0)+1,1))-1)+IF('Standard Profiles'!$G$22=$B$10,7,0)+IF('Standard Profiles'!$G$22=$B$17,14,0)+IF('Standard Profiles'!$G$22=$B$24,21,0),MOD($C4279,24)+1)/SUM(INDEX($D$3:$AA$30,INDEX(Jesper!$R$2:$R$366,ROW(INDEX(Jesper!AL$2:AL$366,ROUNDDOWN($C4279/24,0)+1,1))-1)+IF('Standard Profiles'!$G$22=$B$10,7,0)+IF('Standard Profiles'!$G$22=$B$17,14,0)+IF('Standard Profiles'!$G$22=$B$24,21,0),0)),0)</f>
        <v>0</v>
      </c>
      <c r="I4279">
        <f t="shared" si="482"/>
        <v>0</v>
      </c>
      <c r="J4279">
        <f t="shared" si="483"/>
        <v>6.5485944466975248</v>
      </c>
      <c r="K4279">
        <f t="shared" si="484"/>
        <v>0.56429775496118129</v>
      </c>
      <c r="L4279">
        <f t="shared" si="485"/>
        <v>0.28214887748059064</v>
      </c>
      <c r="M4279">
        <f t="shared" si="486"/>
        <v>0</v>
      </c>
      <c r="N4279" s="45">
        <f t="shared" si="487"/>
        <v>45103.874999989705</v>
      </c>
    </row>
    <row r="4280" spans="2:14" x14ac:dyDescent="0.25">
      <c r="B4280">
        <f t="shared" si="481"/>
        <v>1</v>
      </c>
      <c r="C4280" s="16">
        <v>4246</v>
      </c>
      <c r="D4280" cm="1">
        <f t="array" ref="D4280">IFERROR(INDEX(Jesper!AH$2:AH$366,ROUNDDOWN($C4280/24,0)+1,1)*INDEX($D$3:$AA$30,INDEX(Jesper!$R$2:$R$366,ROW(INDEX(Jesper!AH$2:AH$366,ROUNDDOWN($C4280/24,0)+1,1))-1)+IF('Standard Profiles'!$G$18=$B$10,7,0)+IF('Standard Profiles'!$G$18=$B$17,14,0)+IF('Standard Profiles'!$G$18=$B$24,21,0),MOD($C4280,24)+1)/SUM(INDEX($D$3:$AA$30,INDEX(Jesper!$R$2:$R$366,ROW(INDEX(Jesper!AH$2:AH$366,ROUNDDOWN($C4280/24,0)+1,1))-1)+IF('Standard Profiles'!$G$18=$B$10,7,0)+IF('Standard Profiles'!$G$18=$B$17,14,0)+IF('Standard Profiles'!$G$18=$B$24,21,0),0)),0)</f>
        <v>5.2902914527610747</v>
      </c>
      <c r="E4280" cm="1">
        <f t="array" ref="E4280">IFERROR(INDEX(Jesper!AI$2:AI$366,ROUNDDOWN($C4280/24,0)+1,1)*INDEX($D$3:$AA$30,INDEX(Jesper!$R$2:$R$366,ROW(INDEX(Jesper!AI$2:AI$366,ROUNDDOWN($C4280/24,0)+1,1))-1)+IF('Standard Profiles'!$G$19=$B$10,7,0)+IF('Standard Profiles'!$G$19=$B$17,14,0)+IF('Standard Profiles'!$G$19=$B$24,21,0),MOD($C4280,24)+1)/SUM(INDEX($D$3:$AA$30,INDEX(Jesper!$R$2:$R$366,ROW(INDEX(Jesper!AI$2:AI$366,ROUNDDOWN($C4280/24,0)+1,1))-1)+IF('Standard Profiles'!$G$19=$B$10,7,0)+IF('Standard Profiles'!$G$19=$B$17,14,0)+IF('Standard Profiles'!$G$19=$B$24,21,0),0)),0)</f>
        <v>2.1047496263782226</v>
      </c>
      <c r="F4280" cm="1">
        <f t="array" ref="F4280">IFERROR(INDEX(Jesper!AJ$2:AJ$366,ROUNDDOWN($C4280/24,0)+1,1)*INDEX($D$3:$AA$30,INDEX(Jesper!$R$2:$R$366,ROW(INDEX(Jesper!AJ$2:AJ$366,ROUNDDOWN($C4280/24,0)+1,1))-1)+IF('Standard Profiles'!$G$20=$B$10,7,0)+IF('Standard Profiles'!$G$20=$B$17,14,0)+IF('Standard Profiles'!$G$20=$B$24,21,0),MOD($C4280,24)+1)/SUM(INDEX($D$3:$AA$30,INDEX(Jesper!$R$2:$R$366,ROW(INDEX(Jesper!AJ$2:AJ$366,ROUNDDOWN($C4280/24,0)+1,1))-1)+IF('Standard Profiles'!$G$20=$B$10,7,0)+IF('Standard Profiles'!$G$20=$B$17,14,0)+IF('Standard Profiles'!$G$20=$B$24,21,0),0)),0)</f>
        <v>0</v>
      </c>
      <c r="G4280" cm="1">
        <f t="array" ref="G4280">IFERROR(INDEX(Jesper!AK$2:AK$366,ROUNDDOWN($C4280/24,0)+1,1)*INDEX($D$3:$AA$30,INDEX(Jesper!$R$2:$R$366,ROW(INDEX(Jesper!AK$2:AK$366,ROUNDDOWN($C4280/24,0)+1,1))-1)+IF('Standard Profiles'!$G$21=$B$10,7,0)+IF('Standard Profiles'!$G$21=$B$17,14,0)+IF('Standard Profiles'!$G$21=$B$24,21,0),MOD($C4280,24)+1)/SUM(INDEX($D$3:$AA$30,INDEX(Jesper!$R$2:$R$366,ROW(INDEX(Jesper!AK$2:AK$366,ROUNDDOWN($C4280/24,0)+1,1))-1)+IF('Standard Profiles'!$G$21=$B$10,7,0)+IF('Standard Profiles'!$G$21=$B$17,14,0)+IF('Standard Profiles'!$G$21=$B$24,21,0),0)),0)</f>
        <v>0</v>
      </c>
      <c r="H4280" cm="1">
        <f t="array" ref="H4280">IFERROR(INDEX(Jesper!AL$2:AL$366,ROUNDDOWN($C4280/24,0)+1,1)*INDEX($D$3:$AA$30,INDEX(Jesper!$R$2:$R$366,ROW(INDEX(Jesper!AL$2:AL$366,ROUNDDOWN($C4280/24,0)+1,1))-1)+IF('Standard Profiles'!$G$22=$B$10,7,0)+IF('Standard Profiles'!$G$22=$B$17,14,0)+IF('Standard Profiles'!$G$22=$B$24,21,0),MOD($C4280,24)+1)/SUM(INDEX($D$3:$AA$30,INDEX(Jesper!$R$2:$R$366,ROW(INDEX(Jesper!AL$2:AL$366,ROUNDDOWN($C4280/24,0)+1,1))-1)+IF('Standard Profiles'!$G$22=$B$10,7,0)+IF('Standard Profiles'!$G$22=$B$17,14,0)+IF('Standard Profiles'!$G$22=$B$24,21,0),0)),0)</f>
        <v>0</v>
      </c>
      <c r="I4280">
        <f t="shared" si="482"/>
        <v>0</v>
      </c>
      <c r="J4280">
        <f t="shared" si="483"/>
        <v>6.5485944466975248</v>
      </c>
      <c r="K4280">
        <f t="shared" si="484"/>
        <v>0.56429775496118129</v>
      </c>
      <c r="L4280">
        <f t="shared" si="485"/>
        <v>0.28214887748059064</v>
      </c>
      <c r="M4280">
        <f t="shared" si="486"/>
        <v>0</v>
      </c>
      <c r="N4280" s="45">
        <f t="shared" si="487"/>
        <v>45103.916666656369</v>
      </c>
    </row>
    <row r="4281" spans="2:14" x14ac:dyDescent="0.25">
      <c r="B4281">
        <f t="shared" si="481"/>
        <v>1</v>
      </c>
      <c r="C4281" s="16">
        <v>4247</v>
      </c>
      <c r="D4281" cm="1">
        <f t="array" ref="D4281">IFERROR(INDEX(Jesper!AH$2:AH$366,ROUNDDOWN($C4281/24,0)+1,1)*INDEX($D$3:$AA$30,INDEX(Jesper!$R$2:$R$366,ROW(INDEX(Jesper!AH$2:AH$366,ROUNDDOWN($C4281/24,0)+1,1))-1)+IF('Standard Profiles'!$G$18=$B$10,7,0)+IF('Standard Profiles'!$G$18=$B$17,14,0)+IF('Standard Profiles'!$G$18=$B$24,21,0),MOD($C4281,24)+1)/SUM(INDEX($D$3:$AA$30,INDEX(Jesper!$R$2:$R$366,ROW(INDEX(Jesper!AH$2:AH$366,ROUNDDOWN($C4281/24,0)+1,1))-1)+IF('Standard Profiles'!$G$18=$B$10,7,0)+IF('Standard Profiles'!$G$18=$B$17,14,0)+IF('Standard Profiles'!$G$18=$B$24,21,0),0)),0)</f>
        <v>5.2902914527610747</v>
      </c>
      <c r="E4281" cm="1">
        <f t="array" ref="E4281">IFERROR(INDEX(Jesper!AI$2:AI$366,ROUNDDOWN($C4281/24,0)+1,1)*INDEX($D$3:$AA$30,INDEX(Jesper!$R$2:$R$366,ROW(INDEX(Jesper!AI$2:AI$366,ROUNDDOWN($C4281/24,0)+1,1))-1)+IF('Standard Profiles'!$G$19=$B$10,7,0)+IF('Standard Profiles'!$G$19=$B$17,14,0)+IF('Standard Profiles'!$G$19=$B$24,21,0),MOD($C4281,24)+1)/SUM(INDEX($D$3:$AA$30,INDEX(Jesper!$R$2:$R$366,ROW(INDEX(Jesper!AI$2:AI$366,ROUNDDOWN($C4281/24,0)+1,1))-1)+IF('Standard Profiles'!$G$19=$B$10,7,0)+IF('Standard Profiles'!$G$19=$B$17,14,0)+IF('Standard Profiles'!$G$19=$B$24,21,0),0)),0)</f>
        <v>2.1047496263782226</v>
      </c>
      <c r="F4281" cm="1">
        <f t="array" ref="F4281">IFERROR(INDEX(Jesper!AJ$2:AJ$366,ROUNDDOWN($C4281/24,0)+1,1)*INDEX($D$3:$AA$30,INDEX(Jesper!$R$2:$R$366,ROW(INDEX(Jesper!AJ$2:AJ$366,ROUNDDOWN($C4281/24,0)+1,1))-1)+IF('Standard Profiles'!$G$20=$B$10,7,0)+IF('Standard Profiles'!$G$20=$B$17,14,0)+IF('Standard Profiles'!$G$20=$B$24,21,0),MOD($C4281,24)+1)/SUM(INDEX($D$3:$AA$30,INDEX(Jesper!$R$2:$R$366,ROW(INDEX(Jesper!AJ$2:AJ$366,ROUNDDOWN($C4281/24,0)+1,1))-1)+IF('Standard Profiles'!$G$20=$B$10,7,0)+IF('Standard Profiles'!$G$20=$B$17,14,0)+IF('Standard Profiles'!$G$20=$B$24,21,0),0)),0)</f>
        <v>0</v>
      </c>
      <c r="G4281" cm="1">
        <f t="array" ref="G4281">IFERROR(INDEX(Jesper!AK$2:AK$366,ROUNDDOWN($C4281/24,0)+1,1)*INDEX($D$3:$AA$30,INDEX(Jesper!$R$2:$R$366,ROW(INDEX(Jesper!AK$2:AK$366,ROUNDDOWN($C4281/24,0)+1,1))-1)+IF('Standard Profiles'!$G$21=$B$10,7,0)+IF('Standard Profiles'!$G$21=$B$17,14,0)+IF('Standard Profiles'!$G$21=$B$24,21,0),MOD($C4281,24)+1)/SUM(INDEX($D$3:$AA$30,INDEX(Jesper!$R$2:$R$366,ROW(INDEX(Jesper!AK$2:AK$366,ROUNDDOWN($C4281/24,0)+1,1))-1)+IF('Standard Profiles'!$G$21=$B$10,7,0)+IF('Standard Profiles'!$G$21=$B$17,14,0)+IF('Standard Profiles'!$G$21=$B$24,21,0),0)),0)</f>
        <v>0</v>
      </c>
      <c r="H4281" cm="1">
        <f t="array" ref="H4281">IFERROR(INDEX(Jesper!AL$2:AL$366,ROUNDDOWN($C4281/24,0)+1,1)*INDEX($D$3:$AA$30,INDEX(Jesper!$R$2:$R$366,ROW(INDEX(Jesper!AL$2:AL$366,ROUNDDOWN($C4281/24,0)+1,1))-1)+IF('Standard Profiles'!$G$22=$B$10,7,0)+IF('Standard Profiles'!$G$22=$B$17,14,0)+IF('Standard Profiles'!$G$22=$B$24,21,0),MOD($C4281,24)+1)/SUM(INDEX($D$3:$AA$30,INDEX(Jesper!$R$2:$R$366,ROW(INDEX(Jesper!AL$2:AL$366,ROUNDDOWN($C4281/24,0)+1,1))-1)+IF('Standard Profiles'!$G$22=$B$10,7,0)+IF('Standard Profiles'!$G$22=$B$17,14,0)+IF('Standard Profiles'!$G$22=$B$24,21,0),0)),0)</f>
        <v>0</v>
      </c>
      <c r="I4281">
        <f t="shared" si="482"/>
        <v>0</v>
      </c>
      <c r="J4281">
        <f t="shared" si="483"/>
        <v>6.5485944466975248</v>
      </c>
      <c r="K4281">
        <f t="shared" si="484"/>
        <v>0.56429775496118129</v>
      </c>
      <c r="L4281">
        <f t="shared" si="485"/>
        <v>0.28214887748059064</v>
      </c>
      <c r="M4281">
        <f t="shared" si="486"/>
        <v>0</v>
      </c>
      <c r="N4281" s="45">
        <f t="shared" si="487"/>
        <v>45103.958333323033</v>
      </c>
    </row>
    <row r="4282" spans="2:14" x14ac:dyDescent="0.25">
      <c r="B4282">
        <f t="shared" si="481"/>
        <v>2</v>
      </c>
      <c r="C4282" s="16">
        <v>4248</v>
      </c>
      <c r="D4282" cm="1">
        <f t="array" ref="D4282">IFERROR(INDEX(Jesper!AH$2:AH$366,ROUNDDOWN($C4282/24,0)+1,1)*INDEX($D$3:$AA$30,INDEX(Jesper!$R$2:$R$366,ROW(INDEX(Jesper!AH$2:AH$366,ROUNDDOWN($C4282/24,0)+1,1))-1)+IF('Standard Profiles'!$G$18=$B$10,7,0)+IF('Standard Profiles'!$G$18=$B$17,14,0)+IF('Standard Profiles'!$G$18=$B$24,21,0),MOD($C4282,24)+1)/SUM(INDEX($D$3:$AA$30,INDEX(Jesper!$R$2:$R$366,ROW(INDEX(Jesper!AH$2:AH$366,ROUNDDOWN($C4282/24,0)+1,1))-1)+IF('Standard Profiles'!$G$18=$B$10,7,0)+IF('Standard Profiles'!$G$18=$B$17,14,0)+IF('Standard Profiles'!$G$18=$B$24,21,0),0)),0)</f>
        <v>3.3803938955343851</v>
      </c>
      <c r="E4282" cm="1">
        <f t="array" ref="E4282">IFERROR(INDEX(Jesper!AI$2:AI$366,ROUNDDOWN($C4282/24,0)+1,1)*INDEX($D$3:$AA$30,INDEX(Jesper!$R$2:$R$366,ROW(INDEX(Jesper!AI$2:AI$366,ROUNDDOWN($C4282/24,0)+1,1))-1)+IF('Standard Profiles'!$G$19=$B$10,7,0)+IF('Standard Profiles'!$G$19=$B$17,14,0)+IF('Standard Profiles'!$G$19=$B$24,21,0),MOD($C4282,24)+1)/SUM(INDEX($D$3:$AA$30,INDEX(Jesper!$R$2:$R$366,ROW(INDEX(Jesper!AI$2:AI$366,ROUNDDOWN($C4282/24,0)+1,1))-1)+IF('Standard Profiles'!$G$19=$B$10,7,0)+IF('Standard Profiles'!$G$19=$B$17,14,0)+IF('Standard Profiles'!$G$19=$B$24,21,0),0)),0)</f>
        <v>1.3607565698355937</v>
      </c>
      <c r="F4282" cm="1">
        <f t="array" ref="F4282">IFERROR(INDEX(Jesper!AJ$2:AJ$366,ROUNDDOWN($C4282/24,0)+1,1)*INDEX($D$3:$AA$30,INDEX(Jesper!$R$2:$R$366,ROW(INDEX(Jesper!AJ$2:AJ$366,ROUNDDOWN($C4282/24,0)+1,1))-1)+IF('Standard Profiles'!$G$20=$B$10,7,0)+IF('Standard Profiles'!$G$20=$B$17,14,0)+IF('Standard Profiles'!$G$20=$B$24,21,0),MOD($C4282,24)+1)/SUM(INDEX($D$3:$AA$30,INDEX(Jesper!$R$2:$R$366,ROW(INDEX(Jesper!AJ$2:AJ$366,ROUNDDOWN($C4282/24,0)+1,1))-1)+IF('Standard Profiles'!$G$20=$B$10,7,0)+IF('Standard Profiles'!$G$20=$B$17,14,0)+IF('Standard Profiles'!$G$20=$B$24,21,0),0)),0)</f>
        <v>0</v>
      </c>
      <c r="G4282" cm="1">
        <f t="array" ref="G4282">IFERROR(INDEX(Jesper!AK$2:AK$366,ROUNDDOWN($C4282/24,0)+1,1)*INDEX($D$3:$AA$30,INDEX(Jesper!$R$2:$R$366,ROW(INDEX(Jesper!AK$2:AK$366,ROUNDDOWN($C4282/24,0)+1,1))-1)+IF('Standard Profiles'!$G$21=$B$10,7,0)+IF('Standard Profiles'!$G$21=$B$17,14,0)+IF('Standard Profiles'!$G$21=$B$24,21,0),MOD($C4282,24)+1)/SUM(INDEX($D$3:$AA$30,INDEX(Jesper!$R$2:$R$366,ROW(INDEX(Jesper!AK$2:AK$366,ROUNDDOWN($C4282/24,0)+1,1))-1)+IF('Standard Profiles'!$G$21=$B$10,7,0)+IF('Standard Profiles'!$G$21=$B$17,14,0)+IF('Standard Profiles'!$G$21=$B$24,21,0),0)),0)</f>
        <v>1.689272814281784E-2</v>
      </c>
      <c r="H4282" cm="1">
        <f t="array" ref="H4282">IFERROR(INDEX(Jesper!AL$2:AL$366,ROUNDDOWN($C4282/24,0)+1,1)*INDEX($D$3:$AA$30,INDEX(Jesper!$R$2:$R$366,ROW(INDEX(Jesper!AL$2:AL$366,ROUNDDOWN($C4282/24,0)+1,1))-1)+IF('Standard Profiles'!$G$22=$B$10,7,0)+IF('Standard Profiles'!$G$22=$B$17,14,0)+IF('Standard Profiles'!$G$22=$B$24,21,0),MOD($C4282,24)+1)/SUM(INDEX($D$3:$AA$30,INDEX(Jesper!$R$2:$R$366,ROW(INDEX(Jesper!AL$2:AL$366,ROUNDDOWN($C4282/24,0)+1,1))-1)+IF('Standard Profiles'!$G$22=$B$10,7,0)+IF('Standard Profiles'!$G$22=$B$17,14,0)+IF('Standard Profiles'!$G$22=$B$24,21,0),0)),0)</f>
        <v>0</v>
      </c>
      <c r="I4282">
        <f t="shared" si="482"/>
        <v>8.1085095085525593E-3</v>
      </c>
      <c r="J4282">
        <f t="shared" si="483"/>
        <v>4.2090716607187426</v>
      </c>
      <c r="K4282">
        <f t="shared" si="484"/>
        <v>0.3605753488570011</v>
      </c>
      <c r="L4282">
        <f t="shared" si="485"/>
        <v>0.18028767442850055</v>
      </c>
      <c r="M4282">
        <f t="shared" si="486"/>
        <v>0</v>
      </c>
      <c r="N4282" s="45">
        <f t="shared" si="487"/>
        <v>45103.999999989697</v>
      </c>
    </row>
    <row r="4283" spans="2:14" x14ac:dyDescent="0.25">
      <c r="B4283">
        <f t="shared" si="481"/>
        <v>2</v>
      </c>
      <c r="C4283" s="16">
        <v>4249</v>
      </c>
      <c r="D4283" cm="1">
        <f t="array" ref="D4283">IFERROR(INDEX(Jesper!AH$2:AH$366,ROUNDDOWN($C4283/24,0)+1,1)*INDEX($D$3:$AA$30,INDEX(Jesper!$R$2:$R$366,ROW(INDEX(Jesper!AH$2:AH$366,ROUNDDOWN($C4283/24,0)+1,1))-1)+IF('Standard Profiles'!$G$18=$B$10,7,0)+IF('Standard Profiles'!$G$18=$B$17,14,0)+IF('Standard Profiles'!$G$18=$B$24,21,0),MOD($C4283,24)+1)/SUM(INDEX($D$3:$AA$30,INDEX(Jesper!$R$2:$R$366,ROW(INDEX(Jesper!AH$2:AH$366,ROUNDDOWN($C4283/24,0)+1,1))-1)+IF('Standard Profiles'!$G$18=$B$10,7,0)+IF('Standard Profiles'!$G$18=$B$17,14,0)+IF('Standard Profiles'!$G$18=$B$24,21,0),0)),0)</f>
        <v>5.1510764122428734</v>
      </c>
      <c r="E4283" cm="1">
        <f t="array" ref="E4283">IFERROR(INDEX(Jesper!AI$2:AI$366,ROUNDDOWN($C4283/24,0)+1,1)*INDEX($D$3:$AA$30,INDEX(Jesper!$R$2:$R$366,ROW(INDEX(Jesper!AI$2:AI$366,ROUNDDOWN($C4283/24,0)+1,1))-1)+IF('Standard Profiles'!$G$19=$B$10,7,0)+IF('Standard Profiles'!$G$19=$B$17,14,0)+IF('Standard Profiles'!$G$19=$B$24,21,0),MOD($C4283,24)+1)/SUM(INDEX($D$3:$AA$30,INDEX(Jesper!$R$2:$R$366,ROW(INDEX(Jesper!AI$2:AI$366,ROUNDDOWN($C4283/24,0)+1,1))-1)+IF('Standard Profiles'!$G$19=$B$10,7,0)+IF('Standard Profiles'!$G$19=$B$17,14,0)+IF('Standard Profiles'!$G$19=$B$24,21,0),0)),0)</f>
        <v>2.0735338207018574</v>
      </c>
      <c r="F4283" cm="1">
        <f t="array" ref="F4283">IFERROR(INDEX(Jesper!AJ$2:AJ$366,ROUNDDOWN($C4283/24,0)+1,1)*INDEX($D$3:$AA$30,INDEX(Jesper!$R$2:$R$366,ROW(INDEX(Jesper!AJ$2:AJ$366,ROUNDDOWN($C4283/24,0)+1,1))-1)+IF('Standard Profiles'!$G$20=$B$10,7,0)+IF('Standard Profiles'!$G$20=$B$17,14,0)+IF('Standard Profiles'!$G$20=$B$24,21,0),MOD($C4283,24)+1)/SUM(INDEX($D$3:$AA$30,INDEX(Jesper!$R$2:$R$366,ROW(INDEX(Jesper!AJ$2:AJ$366,ROUNDDOWN($C4283/24,0)+1,1))-1)+IF('Standard Profiles'!$G$20=$B$10,7,0)+IF('Standard Profiles'!$G$20=$B$17,14,0)+IF('Standard Profiles'!$G$20=$B$24,21,0),0)),0)</f>
        <v>0</v>
      </c>
      <c r="G4283" cm="1">
        <f t="array" ref="G4283">IFERROR(INDEX(Jesper!AK$2:AK$366,ROUNDDOWN($C4283/24,0)+1,1)*INDEX($D$3:$AA$30,INDEX(Jesper!$R$2:$R$366,ROW(INDEX(Jesper!AK$2:AK$366,ROUNDDOWN($C4283/24,0)+1,1))-1)+IF('Standard Profiles'!$G$21=$B$10,7,0)+IF('Standard Profiles'!$G$21=$B$17,14,0)+IF('Standard Profiles'!$G$21=$B$24,21,0),MOD($C4283,24)+1)/SUM(INDEX($D$3:$AA$30,INDEX(Jesper!$R$2:$R$366,ROW(INDEX(Jesper!AK$2:AK$366,ROUNDDOWN($C4283/24,0)+1,1))-1)+IF('Standard Profiles'!$G$21=$B$10,7,0)+IF('Standard Profiles'!$G$21=$B$17,14,0)+IF('Standard Profiles'!$G$21=$B$24,21,0),0)),0)</f>
        <v>1.689272814281784E-2</v>
      </c>
      <c r="H4283" cm="1">
        <f t="array" ref="H4283">IFERROR(INDEX(Jesper!AL$2:AL$366,ROUNDDOWN($C4283/24,0)+1,1)*INDEX($D$3:$AA$30,INDEX(Jesper!$R$2:$R$366,ROW(INDEX(Jesper!AL$2:AL$366,ROUNDDOWN($C4283/24,0)+1,1))-1)+IF('Standard Profiles'!$G$22=$B$10,7,0)+IF('Standard Profiles'!$G$22=$B$17,14,0)+IF('Standard Profiles'!$G$22=$B$24,21,0),MOD($C4283,24)+1)/SUM(INDEX($D$3:$AA$30,INDEX(Jesper!$R$2:$R$366,ROW(INDEX(Jesper!AL$2:AL$366,ROUNDDOWN($C4283/24,0)+1,1))-1)+IF('Standard Profiles'!$G$22=$B$10,7,0)+IF('Standard Profiles'!$G$22=$B$17,14,0)+IF('Standard Profiles'!$G$22=$B$24,21,0),0)),0)</f>
        <v>0</v>
      </c>
      <c r="I4283">
        <f t="shared" si="482"/>
        <v>8.1085095085525593E-3</v>
      </c>
      <c r="J4283">
        <f t="shared" si="483"/>
        <v>6.4092222256201365</v>
      </c>
      <c r="K4283">
        <f t="shared" si="484"/>
        <v>0.54944815063923991</v>
      </c>
      <c r="L4283">
        <f t="shared" si="485"/>
        <v>0.27472407531961995</v>
      </c>
      <c r="M4283">
        <f t="shared" si="486"/>
        <v>0</v>
      </c>
      <c r="N4283" s="45">
        <f t="shared" si="487"/>
        <v>45104.041666656361</v>
      </c>
    </row>
    <row r="4284" spans="2:14" x14ac:dyDescent="0.25">
      <c r="B4284">
        <f t="shared" si="481"/>
        <v>2</v>
      </c>
      <c r="C4284" s="16">
        <v>4250</v>
      </c>
      <c r="D4284" cm="1">
        <f t="array" ref="D4284">IFERROR(INDEX(Jesper!AH$2:AH$366,ROUNDDOWN($C4284/24,0)+1,1)*INDEX($D$3:$AA$30,INDEX(Jesper!$R$2:$R$366,ROW(INDEX(Jesper!AH$2:AH$366,ROUNDDOWN($C4284/24,0)+1,1))-1)+IF('Standard Profiles'!$G$18=$B$10,7,0)+IF('Standard Profiles'!$G$18=$B$17,14,0)+IF('Standard Profiles'!$G$18=$B$24,21,0),MOD($C4284,24)+1)/SUM(INDEX($D$3:$AA$30,INDEX(Jesper!$R$2:$R$366,ROW(INDEX(Jesper!AH$2:AH$366,ROUNDDOWN($C4284/24,0)+1,1))-1)+IF('Standard Profiles'!$G$18=$B$10,7,0)+IF('Standard Profiles'!$G$18=$B$17,14,0)+IF('Standard Profiles'!$G$18=$B$24,21,0),0)),0)</f>
        <v>5.1510764122428734</v>
      </c>
      <c r="E4284" cm="1">
        <f t="array" ref="E4284">IFERROR(INDEX(Jesper!AI$2:AI$366,ROUNDDOWN($C4284/24,0)+1,1)*INDEX($D$3:$AA$30,INDEX(Jesper!$R$2:$R$366,ROW(INDEX(Jesper!AI$2:AI$366,ROUNDDOWN($C4284/24,0)+1,1))-1)+IF('Standard Profiles'!$G$19=$B$10,7,0)+IF('Standard Profiles'!$G$19=$B$17,14,0)+IF('Standard Profiles'!$G$19=$B$24,21,0),MOD($C4284,24)+1)/SUM(INDEX($D$3:$AA$30,INDEX(Jesper!$R$2:$R$366,ROW(INDEX(Jesper!AI$2:AI$366,ROUNDDOWN($C4284/24,0)+1,1))-1)+IF('Standard Profiles'!$G$19=$B$10,7,0)+IF('Standard Profiles'!$G$19=$B$17,14,0)+IF('Standard Profiles'!$G$19=$B$24,21,0),0)),0)</f>
        <v>2.0735338207018574</v>
      </c>
      <c r="F4284" cm="1">
        <f t="array" ref="F4284">IFERROR(INDEX(Jesper!AJ$2:AJ$366,ROUNDDOWN($C4284/24,0)+1,1)*INDEX($D$3:$AA$30,INDEX(Jesper!$R$2:$R$366,ROW(INDEX(Jesper!AJ$2:AJ$366,ROUNDDOWN($C4284/24,0)+1,1))-1)+IF('Standard Profiles'!$G$20=$B$10,7,0)+IF('Standard Profiles'!$G$20=$B$17,14,0)+IF('Standard Profiles'!$G$20=$B$24,21,0),MOD($C4284,24)+1)/SUM(INDEX($D$3:$AA$30,INDEX(Jesper!$R$2:$R$366,ROW(INDEX(Jesper!AJ$2:AJ$366,ROUNDDOWN($C4284/24,0)+1,1))-1)+IF('Standard Profiles'!$G$20=$B$10,7,0)+IF('Standard Profiles'!$G$20=$B$17,14,0)+IF('Standard Profiles'!$G$20=$B$24,21,0),0)),0)</f>
        <v>0</v>
      </c>
      <c r="G4284" cm="1">
        <f t="array" ref="G4284">IFERROR(INDEX(Jesper!AK$2:AK$366,ROUNDDOWN($C4284/24,0)+1,1)*INDEX($D$3:$AA$30,INDEX(Jesper!$R$2:$R$366,ROW(INDEX(Jesper!AK$2:AK$366,ROUNDDOWN($C4284/24,0)+1,1))-1)+IF('Standard Profiles'!$G$21=$B$10,7,0)+IF('Standard Profiles'!$G$21=$B$17,14,0)+IF('Standard Profiles'!$G$21=$B$24,21,0),MOD($C4284,24)+1)/SUM(INDEX($D$3:$AA$30,INDEX(Jesper!$R$2:$R$366,ROW(INDEX(Jesper!AK$2:AK$366,ROUNDDOWN($C4284/24,0)+1,1))-1)+IF('Standard Profiles'!$G$21=$B$10,7,0)+IF('Standard Profiles'!$G$21=$B$17,14,0)+IF('Standard Profiles'!$G$21=$B$24,21,0),0)),0)</f>
        <v>1.689272814281784E-2</v>
      </c>
      <c r="H4284" cm="1">
        <f t="array" ref="H4284">IFERROR(INDEX(Jesper!AL$2:AL$366,ROUNDDOWN($C4284/24,0)+1,1)*INDEX($D$3:$AA$30,INDEX(Jesper!$R$2:$R$366,ROW(INDEX(Jesper!AL$2:AL$366,ROUNDDOWN($C4284/24,0)+1,1))-1)+IF('Standard Profiles'!$G$22=$B$10,7,0)+IF('Standard Profiles'!$G$22=$B$17,14,0)+IF('Standard Profiles'!$G$22=$B$24,21,0),MOD($C4284,24)+1)/SUM(INDEX($D$3:$AA$30,INDEX(Jesper!$R$2:$R$366,ROW(INDEX(Jesper!AL$2:AL$366,ROUNDDOWN($C4284/24,0)+1,1))-1)+IF('Standard Profiles'!$G$22=$B$10,7,0)+IF('Standard Profiles'!$G$22=$B$17,14,0)+IF('Standard Profiles'!$G$22=$B$24,21,0),0)),0)</f>
        <v>0</v>
      </c>
      <c r="I4284">
        <f t="shared" si="482"/>
        <v>8.1085095085525593E-3</v>
      </c>
      <c r="J4284">
        <f t="shared" si="483"/>
        <v>6.4092222256201365</v>
      </c>
      <c r="K4284">
        <f t="shared" si="484"/>
        <v>0.54944815063923991</v>
      </c>
      <c r="L4284">
        <f t="shared" si="485"/>
        <v>0.27472407531961995</v>
      </c>
      <c r="M4284">
        <f t="shared" si="486"/>
        <v>0</v>
      </c>
      <c r="N4284" s="45">
        <f t="shared" si="487"/>
        <v>45104.083333323026</v>
      </c>
    </row>
    <row r="4285" spans="2:14" x14ac:dyDescent="0.25">
      <c r="B4285">
        <f t="shared" si="481"/>
        <v>2</v>
      </c>
      <c r="C4285" s="16">
        <v>4251</v>
      </c>
      <c r="D4285" cm="1">
        <f t="array" ref="D4285">IFERROR(INDEX(Jesper!AH$2:AH$366,ROUNDDOWN($C4285/24,0)+1,1)*INDEX($D$3:$AA$30,INDEX(Jesper!$R$2:$R$366,ROW(INDEX(Jesper!AH$2:AH$366,ROUNDDOWN($C4285/24,0)+1,1))-1)+IF('Standard Profiles'!$G$18=$B$10,7,0)+IF('Standard Profiles'!$G$18=$B$17,14,0)+IF('Standard Profiles'!$G$18=$B$24,21,0),MOD($C4285,24)+1)/SUM(INDEX($D$3:$AA$30,INDEX(Jesper!$R$2:$R$366,ROW(INDEX(Jesper!AH$2:AH$366,ROUNDDOWN($C4285/24,0)+1,1))-1)+IF('Standard Profiles'!$G$18=$B$10,7,0)+IF('Standard Profiles'!$G$18=$B$17,14,0)+IF('Standard Profiles'!$G$18=$B$24,21,0),0)),0)</f>
        <v>5.1510764122428734</v>
      </c>
      <c r="E4285" cm="1">
        <f t="array" ref="E4285">IFERROR(INDEX(Jesper!AI$2:AI$366,ROUNDDOWN($C4285/24,0)+1,1)*INDEX($D$3:$AA$30,INDEX(Jesper!$R$2:$R$366,ROW(INDEX(Jesper!AI$2:AI$366,ROUNDDOWN($C4285/24,0)+1,1))-1)+IF('Standard Profiles'!$G$19=$B$10,7,0)+IF('Standard Profiles'!$G$19=$B$17,14,0)+IF('Standard Profiles'!$G$19=$B$24,21,0),MOD($C4285,24)+1)/SUM(INDEX($D$3:$AA$30,INDEX(Jesper!$R$2:$R$366,ROW(INDEX(Jesper!AI$2:AI$366,ROUNDDOWN($C4285/24,0)+1,1))-1)+IF('Standard Profiles'!$G$19=$B$10,7,0)+IF('Standard Profiles'!$G$19=$B$17,14,0)+IF('Standard Profiles'!$G$19=$B$24,21,0),0)),0)</f>
        <v>2.0735338207018574</v>
      </c>
      <c r="F4285" cm="1">
        <f t="array" ref="F4285">IFERROR(INDEX(Jesper!AJ$2:AJ$366,ROUNDDOWN($C4285/24,0)+1,1)*INDEX($D$3:$AA$30,INDEX(Jesper!$R$2:$R$366,ROW(INDEX(Jesper!AJ$2:AJ$366,ROUNDDOWN($C4285/24,0)+1,1))-1)+IF('Standard Profiles'!$G$20=$B$10,7,0)+IF('Standard Profiles'!$G$20=$B$17,14,0)+IF('Standard Profiles'!$G$20=$B$24,21,0),MOD($C4285,24)+1)/SUM(INDEX($D$3:$AA$30,INDEX(Jesper!$R$2:$R$366,ROW(INDEX(Jesper!AJ$2:AJ$366,ROUNDDOWN($C4285/24,0)+1,1))-1)+IF('Standard Profiles'!$G$20=$B$10,7,0)+IF('Standard Profiles'!$G$20=$B$17,14,0)+IF('Standard Profiles'!$G$20=$B$24,21,0),0)),0)</f>
        <v>0</v>
      </c>
      <c r="G4285" cm="1">
        <f t="array" ref="G4285">IFERROR(INDEX(Jesper!AK$2:AK$366,ROUNDDOWN($C4285/24,0)+1,1)*INDEX($D$3:$AA$30,INDEX(Jesper!$R$2:$R$366,ROW(INDEX(Jesper!AK$2:AK$366,ROUNDDOWN($C4285/24,0)+1,1))-1)+IF('Standard Profiles'!$G$21=$B$10,7,0)+IF('Standard Profiles'!$G$21=$B$17,14,0)+IF('Standard Profiles'!$G$21=$B$24,21,0),MOD($C4285,24)+1)/SUM(INDEX($D$3:$AA$30,INDEX(Jesper!$R$2:$R$366,ROW(INDEX(Jesper!AK$2:AK$366,ROUNDDOWN($C4285/24,0)+1,1))-1)+IF('Standard Profiles'!$G$21=$B$10,7,0)+IF('Standard Profiles'!$G$21=$B$17,14,0)+IF('Standard Profiles'!$G$21=$B$24,21,0),0)),0)</f>
        <v>1.689272814281784E-2</v>
      </c>
      <c r="H4285" cm="1">
        <f t="array" ref="H4285">IFERROR(INDEX(Jesper!AL$2:AL$366,ROUNDDOWN($C4285/24,0)+1,1)*INDEX($D$3:$AA$30,INDEX(Jesper!$R$2:$R$366,ROW(INDEX(Jesper!AL$2:AL$366,ROUNDDOWN($C4285/24,0)+1,1))-1)+IF('Standard Profiles'!$G$22=$B$10,7,0)+IF('Standard Profiles'!$G$22=$B$17,14,0)+IF('Standard Profiles'!$G$22=$B$24,21,0),MOD($C4285,24)+1)/SUM(INDEX($D$3:$AA$30,INDEX(Jesper!$R$2:$R$366,ROW(INDEX(Jesper!AL$2:AL$366,ROUNDDOWN($C4285/24,0)+1,1))-1)+IF('Standard Profiles'!$G$22=$B$10,7,0)+IF('Standard Profiles'!$G$22=$B$17,14,0)+IF('Standard Profiles'!$G$22=$B$24,21,0),0)),0)</f>
        <v>0</v>
      </c>
      <c r="I4285">
        <f t="shared" si="482"/>
        <v>8.1085095085525593E-3</v>
      </c>
      <c r="J4285">
        <f t="shared" si="483"/>
        <v>6.4092222256201365</v>
      </c>
      <c r="K4285">
        <f t="shared" si="484"/>
        <v>0.54944815063923991</v>
      </c>
      <c r="L4285">
        <f t="shared" si="485"/>
        <v>0.27472407531961995</v>
      </c>
      <c r="M4285">
        <f t="shared" si="486"/>
        <v>0</v>
      </c>
      <c r="N4285" s="45">
        <f t="shared" si="487"/>
        <v>45104.12499998969</v>
      </c>
    </row>
    <row r="4286" spans="2:14" x14ac:dyDescent="0.25">
      <c r="B4286">
        <f t="shared" si="481"/>
        <v>2</v>
      </c>
      <c r="C4286" s="16">
        <v>4252</v>
      </c>
      <c r="D4286" cm="1">
        <f t="array" ref="D4286">IFERROR(INDEX(Jesper!AH$2:AH$366,ROUNDDOWN($C4286/24,0)+1,1)*INDEX($D$3:$AA$30,INDEX(Jesper!$R$2:$R$366,ROW(INDEX(Jesper!AH$2:AH$366,ROUNDDOWN($C4286/24,0)+1,1))-1)+IF('Standard Profiles'!$G$18=$B$10,7,0)+IF('Standard Profiles'!$G$18=$B$17,14,0)+IF('Standard Profiles'!$G$18=$B$24,21,0),MOD($C4286,24)+1)/SUM(INDEX($D$3:$AA$30,INDEX(Jesper!$R$2:$R$366,ROW(INDEX(Jesper!AH$2:AH$366,ROUNDDOWN($C4286/24,0)+1,1))-1)+IF('Standard Profiles'!$G$18=$B$10,7,0)+IF('Standard Profiles'!$G$18=$B$17,14,0)+IF('Standard Profiles'!$G$18=$B$24,21,0),0)),0)</f>
        <v>5.1510764122428734</v>
      </c>
      <c r="E4286" cm="1">
        <f t="array" ref="E4286">IFERROR(INDEX(Jesper!AI$2:AI$366,ROUNDDOWN($C4286/24,0)+1,1)*INDEX($D$3:$AA$30,INDEX(Jesper!$R$2:$R$366,ROW(INDEX(Jesper!AI$2:AI$366,ROUNDDOWN($C4286/24,0)+1,1))-1)+IF('Standard Profiles'!$G$19=$B$10,7,0)+IF('Standard Profiles'!$G$19=$B$17,14,0)+IF('Standard Profiles'!$G$19=$B$24,21,0),MOD($C4286,24)+1)/SUM(INDEX($D$3:$AA$30,INDEX(Jesper!$R$2:$R$366,ROW(INDEX(Jesper!AI$2:AI$366,ROUNDDOWN($C4286/24,0)+1,1))-1)+IF('Standard Profiles'!$G$19=$B$10,7,0)+IF('Standard Profiles'!$G$19=$B$17,14,0)+IF('Standard Profiles'!$G$19=$B$24,21,0),0)),0)</f>
        <v>2.0735338207018574</v>
      </c>
      <c r="F4286" cm="1">
        <f t="array" ref="F4286">IFERROR(INDEX(Jesper!AJ$2:AJ$366,ROUNDDOWN($C4286/24,0)+1,1)*INDEX($D$3:$AA$30,INDEX(Jesper!$R$2:$R$366,ROW(INDEX(Jesper!AJ$2:AJ$366,ROUNDDOWN($C4286/24,0)+1,1))-1)+IF('Standard Profiles'!$G$20=$B$10,7,0)+IF('Standard Profiles'!$G$20=$B$17,14,0)+IF('Standard Profiles'!$G$20=$B$24,21,0),MOD($C4286,24)+1)/SUM(INDEX($D$3:$AA$30,INDEX(Jesper!$R$2:$R$366,ROW(INDEX(Jesper!AJ$2:AJ$366,ROUNDDOWN($C4286/24,0)+1,1))-1)+IF('Standard Profiles'!$G$20=$B$10,7,0)+IF('Standard Profiles'!$G$20=$B$17,14,0)+IF('Standard Profiles'!$G$20=$B$24,21,0),0)),0)</f>
        <v>0</v>
      </c>
      <c r="G4286" cm="1">
        <f t="array" ref="G4286">IFERROR(INDEX(Jesper!AK$2:AK$366,ROUNDDOWN($C4286/24,0)+1,1)*INDEX($D$3:$AA$30,INDEX(Jesper!$R$2:$R$366,ROW(INDEX(Jesper!AK$2:AK$366,ROUNDDOWN($C4286/24,0)+1,1))-1)+IF('Standard Profiles'!$G$21=$B$10,7,0)+IF('Standard Profiles'!$G$21=$B$17,14,0)+IF('Standard Profiles'!$G$21=$B$24,21,0),MOD($C4286,24)+1)/SUM(INDEX($D$3:$AA$30,INDEX(Jesper!$R$2:$R$366,ROW(INDEX(Jesper!AK$2:AK$366,ROUNDDOWN($C4286/24,0)+1,1))-1)+IF('Standard Profiles'!$G$21=$B$10,7,0)+IF('Standard Profiles'!$G$21=$B$17,14,0)+IF('Standard Profiles'!$G$21=$B$24,21,0),0)),0)</f>
        <v>1.689272814281784E-2</v>
      </c>
      <c r="H4286" cm="1">
        <f t="array" ref="H4286">IFERROR(INDEX(Jesper!AL$2:AL$366,ROUNDDOWN($C4286/24,0)+1,1)*INDEX($D$3:$AA$30,INDEX(Jesper!$R$2:$R$366,ROW(INDEX(Jesper!AL$2:AL$366,ROUNDDOWN($C4286/24,0)+1,1))-1)+IF('Standard Profiles'!$G$22=$B$10,7,0)+IF('Standard Profiles'!$G$22=$B$17,14,0)+IF('Standard Profiles'!$G$22=$B$24,21,0),MOD($C4286,24)+1)/SUM(INDEX($D$3:$AA$30,INDEX(Jesper!$R$2:$R$366,ROW(INDEX(Jesper!AL$2:AL$366,ROUNDDOWN($C4286/24,0)+1,1))-1)+IF('Standard Profiles'!$G$22=$B$10,7,0)+IF('Standard Profiles'!$G$22=$B$17,14,0)+IF('Standard Profiles'!$G$22=$B$24,21,0),0)),0)</f>
        <v>0</v>
      </c>
      <c r="I4286">
        <f t="shared" si="482"/>
        <v>8.1085095085525593E-3</v>
      </c>
      <c r="J4286">
        <f t="shared" si="483"/>
        <v>6.4092222256201365</v>
      </c>
      <c r="K4286">
        <f t="shared" si="484"/>
        <v>0.54944815063923991</v>
      </c>
      <c r="L4286">
        <f t="shared" si="485"/>
        <v>0.27472407531961995</v>
      </c>
      <c r="M4286">
        <f t="shared" si="486"/>
        <v>0</v>
      </c>
      <c r="N4286" s="45">
        <f t="shared" si="487"/>
        <v>45104.166666656354</v>
      </c>
    </row>
    <row r="4287" spans="2:14" x14ac:dyDescent="0.25">
      <c r="B4287">
        <f t="shared" si="481"/>
        <v>2</v>
      </c>
      <c r="C4287" s="16">
        <v>4253</v>
      </c>
      <c r="D4287" cm="1">
        <f t="array" ref="D4287">IFERROR(INDEX(Jesper!AH$2:AH$366,ROUNDDOWN($C4287/24,0)+1,1)*INDEX($D$3:$AA$30,INDEX(Jesper!$R$2:$R$366,ROW(INDEX(Jesper!AH$2:AH$366,ROUNDDOWN($C4287/24,0)+1,1))-1)+IF('Standard Profiles'!$G$18=$B$10,7,0)+IF('Standard Profiles'!$G$18=$B$17,14,0)+IF('Standard Profiles'!$G$18=$B$24,21,0),MOD($C4287,24)+1)/SUM(INDEX($D$3:$AA$30,INDEX(Jesper!$R$2:$R$366,ROW(INDEX(Jesper!AH$2:AH$366,ROUNDDOWN($C4287/24,0)+1,1))-1)+IF('Standard Profiles'!$G$18=$B$10,7,0)+IF('Standard Profiles'!$G$18=$B$17,14,0)+IF('Standard Profiles'!$G$18=$B$24,21,0),0)),0)</f>
        <v>5.1510764122428734</v>
      </c>
      <c r="E4287" cm="1">
        <f t="array" ref="E4287">IFERROR(INDEX(Jesper!AI$2:AI$366,ROUNDDOWN($C4287/24,0)+1,1)*INDEX($D$3:$AA$30,INDEX(Jesper!$R$2:$R$366,ROW(INDEX(Jesper!AI$2:AI$366,ROUNDDOWN($C4287/24,0)+1,1))-1)+IF('Standard Profiles'!$G$19=$B$10,7,0)+IF('Standard Profiles'!$G$19=$B$17,14,0)+IF('Standard Profiles'!$G$19=$B$24,21,0),MOD($C4287,24)+1)/SUM(INDEX($D$3:$AA$30,INDEX(Jesper!$R$2:$R$366,ROW(INDEX(Jesper!AI$2:AI$366,ROUNDDOWN($C4287/24,0)+1,1))-1)+IF('Standard Profiles'!$G$19=$B$10,7,0)+IF('Standard Profiles'!$G$19=$B$17,14,0)+IF('Standard Profiles'!$G$19=$B$24,21,0),0)),0)</f>
        <v>2.0735338207018574</v>
      </c>
      <c r="F4287" cm="1">
        <f t="array" ref="F4287">IFERROR(INDEX(Jesper!AJ$2:AJ$366,ROUNDDOWN($C4287/24,0)+1,1)*INDEX($D$3:$AA$30,INDEX(Jesper!$R$2:$R$366,ROW(INDEX(Jesper!AJ$2:AJ$366,ROUNDDOWN($C4287/24,0)+1,1))-1)+IF('Standard Profiles'!$G$20=$B$10,7,0)+IF('Standard Profiles'!$G$20=$B$17,14,0)+IF('Standard Profiles'!$G$20=$B$24,21,0),MOD($C4287,24)+1)/SUM(INDEX($D$3:$AA$30,INDEX(Jesper!$R$2:$R$366,ROW(INDEX(Jesper!AJ$2:AJ$366,ROUNDDOWN($C4287/24,0)+1,1))-1)+IF('Standard Profiles'!$G$20=$B$10,7,0)+IF('Standard Profiles'!$G$20=$B$17,14,0)+IF('Standard Profiles'!$G$20=$B$24,21,0),0)),0)</f>
        <v>0</v>
      </c>
      <c r="G4287" cm="1">
        <f t="array" ref="G4287">IFERROR(INDEX(Jesper!AK$2:AK$366,ROUNDDOWN($C4287/24,0)+1,1)*INDEX($D$3:$AA$30,INDEX(Jesper!$R$2:$R$366,ROW(INDEX(Jesper!AK$2:AK$366,ROUNDDOWN($C4287/24,0)+1,1))-1)+IF('Standard Profiles'!$G$21=$B$10,7,0)+IF('Standard Profiles'!$G$21=$B$17,14,0)+IF('Standard Profiles'!$G$21=$B$24,21,0),MOD($C4287,24)+1)/SUM(INDEX($D$3:$AA$30,INDEX(Jesper!$R$2:$R$366,ROW(INDEX(Jesper!AK$2:AK$366,ROUNDDOWN($C4287/24,0)+1,1))-1)+IF('Standard Profiles'!$G$21=$B$10,7,0)+IF('Standard Profiles'!$G$21=$B$17,14,0)+IF('Standard Profiles'!$G$21=$B$24,21,0),0)),0)</f>
        <v>1.689272814281784E-2</v>
      </c>
      <c r="H4287" cm="1">
        <f t="array" ref="H4287">IFERROR(INDEX(Jesper!AL$2:AL$366,ROUNDDOWN($C4287/24,0)+1,1)*INDEX($D$3:$AA$30,INDEX(Jesper!$R$2:$R$366,ROW(INDEX(Jesper!AL$2:AL$366,ROUNDDOWN($C4287/24,0)+1,1))-1)+IF('Standard Profiles'!$G$22=$B$10,7,0)+IF('Standard Profiles'!$G$22=$B$17,14,0)+IF('Standard Profiles'!$G$22=$B$24,21,0),MOD($C4287,24)+1)/SUM(INDEX($D$3:$AA$30,INDEX(Jesper!$R$2:$R$366,ROW(INDEX(Jesper!AL$2:AL$366,ROUNDDOWN($C4287/24,0)+1,1))-1)+IF('Standard Profiles'!$G$22=$B$10,7,0)+IF('Standard Profiles'!$G$22=$B$17,14,0)+IF('Standard Profiles'!$G$22=$B$24,21,0),0)),0)</f>
        <v>0</v>
      </c>
      <c r="I4287">
        <f t="shared" si="482"/>
        <v>8.1085095085525593E-3</v>
      </c>
      <c r="J4287">
        <f t="shared" si="483"/>
        <v>6.4092222256201365</v>
      </c>
      <c r="K4287">
        <f t="shared" si="484"/>
        <v>0.54944815063923991</v>
      </c>
      <c r="L4287">
        <f t="shared" si="485"/>
        <v>0.27472407531961995</v>
      </c>
      <c r="M4287">
        <f t="shared" si="486"/>
        <v>0</v>
      </c>
      <c r="N4287" s="45">
        <f t="shared" si="487"/>
        <v>45104.208333323018</v>
      </c>
    </row>
    <row r="4288" spans="2:14" x14ac:dyDescent="0.25">
      <c r="B4288">
        <f t="shared" si="481"/>
        <v>2</v>
      </c>
      <c r="C4288" s="16">
        <v>4254</v>
      </c>
      <c r="D4288" cm="1">
        <f t="array" ref="D4288">IFERROR(INDEX(Jesper!AH$2:AH$366,ROUNDDOWN($C4288/24,0)+1,1)*INDEX($D$3:$AA$30,INDEX(Jesper!$R$2:$R$366,ROW(INDEX(Jesper!AH$2:AH$366,ROUNDDOWN($C4288/24,0)+1,1))-1)+IF('Standard Profiles'!$G$18=$B$10,7,0)+IF('Standard Profiles'!$G$18=$B$17,14,0)+IF('Standard Profiles'!$G$18=$B$24,21,0),MOD($C4288,24)+1)/SUM(INDEX($D$3:$AA$30,INDEX(Jesper!$R$2:$R$366,ROW(INDEX(Jesper!AH$2:AH$366,ROUNDDOWN($C4288/24,0)+1,1))-1)+IF('Standard Profiles'!$G$18=$B$10,7,0)+IF('Standard Profiles'!$G$18=$B$17,14,0)+IF('Standard Profiles'!$G$18=$B$24,21,0),0)),0)</f>
        <v>5.1510764122428734</v>
      </c>
      <c r="E4288" cm="1">
        <f t="array" ref="E4288">IFERROR(INDEX(Jesper!AI$2:AI$366,ROUNDDOWN($C4288/24,0)+1,1)*INDEX($D$3:$AA$30,INDEX(Jesper!$R$2:$R$366,ROW(INDEX(Jesper!AI$2:AI$366,ROUNDDOWN($C4288/24,0)+1,1))-1)+IF('Standard Profiles'!$G$19=$B$10,7,0)+IF('Standard Profiles'!$G$19=$B$17,14,0)+IF('Standard Profiles'!$G$19=$B$24,21,0),MOD($C4288,24)+1)/SUM(INDEX($D$3:$AA$30,INDEX(Jesper!$R$2:$R$366,ROW(INDEX(Jesper!AI$2:AI$366,ROUNDDOWN($C4288/24,0)+1,1))-1)+IF('Standard Profiles'!$G$19=$B$10,7,0)+IF('Standard Profiles'!$G$19=$B$17,14,0)+IF('Standard Profiles'!$G$19=$B$24,21,0),0)),0)</f>
        <v>2.0735338207018574</v>
      </c>
      <c r="F4288" cm="1">
        <f t="array" ref="F4288">IFERROR(INDEX(Jesper!AJ$2:AJ$366,ROUNDDOWN($C4288/24,0)+1,1)*INDEX($D$3:$AA$30,INDEX(Jesper!$R$2:$R$366,ROW(INDEX(Jesper!AJ$2:AJ$366,ROUNDDOWN($C4288/24,0)+1,1))-1)+IF('Standard Profiles'!$G$20=$B$10,7,0)+IF('Standard Profiles'!$G$20=$B$17,14,0)+IF('Standard Profiles'!$G$20=$B$24,21,0),MOD($C4288,24)+1)/SUM(INDEX($D$3:$AA$30,INDEX(Jesper!$R$2:$R$366,ROW(INDEX(Jesper!AJ$2:AJ$366,ROUNDDOWN($C4288/24,0)+1,1))-1)+IF('Standard Profiles'!$G$20=$B$10,7,0)+IF('Standard Profiles'!$G$20=$B$17,14,0)+IF('Standard Profiles'!$G$20=$B$24,21,0),0)),0)</f>
        <v>0</v>
      </c>
      <c r="G4288" cm="1">
        <f t="array" ref="G4288">IFERROR(INDEX(Jesper!AK$2:AK$366,ROUNDDOWN($C4288/24,0)+1,1)*INDEX($D$3:$AA$30,INDEX(Jesper!$R$2:$R$366,ROW(INDEX(Jesper!AK$2:AK$366,ROUNDDOWN($C4288/24,0)+1,1))-1)+IF('Standard Profiles'!$G$21=$B$10,7,0)+IF('Standard Profiles'!$G$21=$B$17,14,0)+IF('Standard Profiles'!$G$21=$B$24,21,0),MOD($C4288,24)+1)/SUM(INDEX($D$3:$AA$30,INDEX(Jesper!$R$2:$R$366,ROW(INDEX(Jesper!AK$2:AK$366,ROUNDDOWN($C4288/24,0)+1,1))-1)+IF('Standard Profiles'!$G$21=$B$10,7,0)+IF('Standard Profiles'!$G$21=$B$17,14,0)+IF('Standard Profiles'!$G$21=$B$24,21,0),0)),0)</f>
        <v>1.689272814281784E-2</v>
      </c>
      <c r="H4288" cm="1">
        <f t="array" ref="H4288">IFERROR(INDEX(Jesper!AL$2:AL$366,ROUNDDOWN($C4288/24,0)+1,1)*INDEX($D$3:$AA$30,INDEX(Jesper!$R$2:$R$366,ROW(INDEX(Jesper!AL$2:AL$366,ROUNDDOWN($C4288/24,0)+1,1))-1)+IF('Standard Profiles'!$G$22=$B$10,7,0)+IF('Standard Profiles'!$G$22=$B$17,14,0)+IF('Standard Profiles'!$G$22=$B$24,21,0),MOD($C4288,24)+1)/SUM(INDEX($D$3:$AA$30,INDEX(Jesper!$R$2:$R$366,ROW(INDEX(Jesper!AL$2:AL$366,ROUNDDOWN($C4288/24,0)+1,1))-1)+IF('Standard Profiles'!$G$22=$B$10,7,0)+IF('Standard Profiles'!$G$22=$B$17,14,0)+IF('Standard Profiles'!$G$22=$B$24,21,0),0)),0)</f>
        <v>0</v>
      </c>
      <c r="I4288">
        <f t="shared" si="482"/>
        <v>8.1085095085525593E-3</v>
      </c>
      <c r="J4288">
        <f t="shared" si="483"/>
        <v>6.4092222256201365</v>
      </c>
      <c r="K4288">
        <f t="shared" si="484"/>
        <v>0.54944815063923991</v>
      </c>
      <c r="L4288">
        <f t="shared" si="485"/>
        <v>0.27472407531961995</v>
      </c>
      <c r="M4288">
        <f t="shared" si="486"/>
        <v>0</v>
      </c>
      <c r="N4288" s="45">
        <f t="shared" si="487"/>
        <v>45104.249999989683</v>
      </c>
    </row>
    <row r="4289" spans="2:14" x14ac:dyDescent="0.25">
      <c r="B4289">
        <f t="shared" si="481"/>
        <v>2</v>
      </c>
      <c r="C4289" s="16">
        <v>4255</v>
      </c>
      <c r="D4289" cm="1">
        <f t="array" ref="D4289">IFERROR(INDEX(Jesper!AH$2:AH$366,ROUNDDOWN($C4289/24,0)+1,1)*INDEX($D$3:$AA$30,INDEX(Jesper!$R$2:$R$366,ROW(INDEX(Jesper!AH$2:AH$366,ROUNDDOWN($C4289/24,0)+1,1))-1)+IF('Standard Profiles'!$G$18=$B$10,7,0)+IF('Standard Profiles'!$G$18=$B$17,14,0)+IF('Standard Profiles'!$G$18=$B$24,21,0),MOD($C4289,24)+1)/SUM(INDEX($D$3:$AA$30,INDEX(Jesper!$R$2:$R$366,ROW(INDEX(Jesper!AH$2:AH$366,ROUNDDOWN($C4289/24,0)+1,1))-1)+IF('Standard Profiles'!$G$18=$B$10,7,0)+IF('Standard Profiles'!$G$18=$B$17,14,0)+IF('Standard Profiles'!$G$18=$B$24,21,0),0)),0)</f>
        <v>21.715006500361358</v>
      </c>
      <c r="E4289" cm="1">
        <f t="array" ref="E4289">IFERROR(INDEX(Jesper!AI$2:AI$366,ROUNDDOWN($C4289/24,0)+1,1)*INDEX($D$3:$AA$30,INDEX(Jesper!$R$2:$R$366,ROW(INDEX(Jesper!AI$2:AI$366,ROUNDDOWN($C4289/24,0)+1,1))-1)+IF('Standard Profiles'!$G$19=$B$10,7,0)+IF('Standard Profiles'!$G$19=$B$17,14,0)+IF('Standard Profiles'!$G$19=$B$24,21,0),MOD($C4289,24)+1)/SUM(INDEX($D$3:$AA$30,INDEX(Jesper!$R$2:$R$366,ROW(INDEX(Jesper!AI$2:AI$366,ROUNDDOWN($C4289/24,0)+1,1))-1)+IF('Standard Profiles'!$G$19=$B$10,7,0)+IF('Standard Profiles'!$G$19=$B$17,14,0)+IF('Standard Profiles'!$G$19=$B$24,21,0),0)),0)</f>
        <v>8.7412410128962659</v>
      </c>
      <c r="F4289" cm="1">
        <f t="array" ref="F4289">IFERROR(INDEX(Jesper!AJ$2:AJ$366,ROUNDDOWN($C4289/24,0)+1,1)*INDEX($D$3:$AA$30,INDEX(Jesper!$R$2:$R$366,ROW(INDEX(Jesper!AJ$2:AJ$366,ROUNDDOWN($C4289/24,0)+1,1))-1)+IF('Standard Profiles'!$G$20=$B$10,7,0)+IF('Standard Profiles'!$G$20=$B$17,14,0)+IF('Standard Profiles'!$G$20=$B$24,21,0),MOD($C4289,24)+1)/SUM(INDEX($D$3:$AA$30,INDEX(Jesper!$R$2:$R$366,ROW(INDEX(Jesper!AJ$2:AJ$366,ROUNDDOWN($C4289/24,0)+1,1))-1)+IF('Standard Profiles'!$G$20=$B$10,7,0)+IF('Standard Profiles'!$G$20=$B$17,14,0)+IF('Standard Profiles'!$G$20=$B$24,21,0),0)),0)</f>
        <v>0</v>
      </c>
      <c r="G4289" cm="1">
        <f t="array" ref="G4289">IFERROR(INDEX(Jesper!AK$2:AK$366,ROUNDDOWN($C4289/24,0)+1,1)*INDEX($D$3:$AA$30,INDEX(Jesper!$R$2:$R$366,ROW(INDEX(Jesper!AK$2:AK$366,ROUNDDOWN($C4289/24,0)+1,1))-1)+IF('Standard Profiles'!$G$21=$B$10,7,0)+IF('Standard Profiles'!$G$21=$B$17,14,0)+IF('Standard Profiles'!$G$21=$B$24,21,0),MOD($C4289,24)+1)/SUM(INDEX($D$3:$AA$30,INDEX(Jesper!$R$2:$R$366,ROW(INDEX(Jesper!AK$2:AK$366,ROUNDDOWN($C4289/24,0)+1,1))-1)+IF('Standard Profiles'!$G$21=$B$10,7,0)+IF('Standard Profiles'!$G$21=$B$17,14,0)+IF('Standard Profiles'!$G$21=$B$24,21,0),0)),0)</f>
        <v>4.866195558560106E-2</v>
      </c>
      <c r="H4289" cm="1">
        <f t="array" ref="H4289">IFERROR(INDEX(Jesper!AL$2:AL$366,ROUNDDOWN($C4289/24,0)+1,1)*INDEX($D$3:$AA$30,INDEX(Jesper!$R$2:$R$366,ROW(INDEX(Jesper!AL$2:AL$366,ROUNDDOWN($C4289/24,0)+1,1))-1)+IF('Standard Profiles'!$G$22=$B$10,7,0)+IF('Standard Profiles'!$G$22=$B$17,14,0)+IF('Standard Profiles'!$G$22=$B$24,21,0),MOD($C4289,24)+1)/SUM(INDEX($D$3:$AA$30,INDEX(Jesper!$R$2:$R$366,ROW(INDEX(Jesper!AL$2:AL$366,ROUNDDOWN($C4289/24,0)+1,1))-1)+IF('Standard Profiles'!$G$22=$B$10,7,0)+IF('Standard Profiles'!$G$22=$B$17,14,0)+IF('Standard Profiles'!$G$22=$B$24,21,0),0)),0)</f>
        <v>0</v>
      </c>
      <c r="I4289">
        <f t="shared" si="482"/>
        <v>2.3357738681088498E-2</v>
      </c>
      <c r="J4289">
        <f t="shared" si="483"/>
        <v>27.007150690104321</v>
      </c>
      <c r="K4289">
        <f t="shared" si="484"/>
        <v>2.3162673600385451</v>
      </c>
      <c r="L4289">
        <f t="shared" si="485"/>
        <v>1.1581336800192725</v>
      </c>
      <c r="M4289">
        <f t="shared" si="486"/>
        <v>0</v>
      </c>
      <c r="N4289" s="45">
        <f t="shared" si="487"/>
        <v>45104.291666656347</v>
      </c>
    </row>
    <row r="4290" spans="2:14" x14ac:dyDescent="0.25">
      <c r="B4290">
        <f t="shared" si="481"/>
        <v>2</v>
      </c>
      <c r="C4290" s="16">
        <v>4256</v>
      </c>
      <c r="D4290" cm="1">
        <f t="array" ref="D4290">IFERROR(INDEX(Jesper!AH$2:AH$366,ROUNDDOWN($C4290/24,0)+1,1)*INDEX($D$3:$AA$30,INDEX(Jesper!$R$2:$R$366,ROW(INDEX(Jesper!AH$2:AH$366,ROUNDDOWN($C4290/24,0)+1,1))-1)+IF('Standard Profiles'!$G$18=$B$10,7,0)+IF('Standard Profiles'!$G$18=$B$17,14,0)+IF('Standard Profiles'!$G$18=$B$24,21,0),MOD($C4290,24)+1)/SUM(INDEX($D$3:$AA$30,INDEX(Jesper!$R$2:$R$366,ROW(INDEX(Jesper!AH$2:AH$366,ROUNDDOWN($C4290/24,0)+1,1))-1)+IF('Standard Profiles'!$G$18=$B$10,7,0)+IF('Standard Profiles'!$G$18=$B$17,14,0)+IF('Standard Profiles'!$G$18=$B$24,21,0),0)),0)</f>
        <v>24.229375674087411</v>
      </c>
      <c r="E4290" cm="1">
        <f t="array" ref="E4290">IFERROR(INDEX(Jesper!AI$2:AI$366,ROUNDDOWN($C4290/24,0)+1,1)*INDEX($D$3:$AA$30,INDEX(Jesper!$R$2:$R$366,ROW(INDEX(Jesper!AI$2:AI$366,ROUNDDOWN($C4290/24,0)+1,1))-1)+IF('Standard Profiles'!$G$19=$B$10,7,0)+IF('Standard Profiles'!$G$19=$B$17,14,0)+IF('Standard Profiles'!$G$19=$B$24,21,0),MOD($C4290,24)+1)/SUM(INDEX($D$3:$AA$30,INDEX(Jesper!$R$2:$R$366,ROW(INDEX(Jesper!AI$2:AI$366,ROUNDDOWN($C4290/24,0)+1,1))-1)+IF('Standard Profiles'!$G$19=$B$10,7,0)+IF('Standard Profiles'!$G$19=$B$17,14,0)+IF('Standard Profiles'!$G$19=$B$24,21,0),0)),0)</f>
        <v>9.7533847091263617</v>
      </c>
      <c r="F4290" cm="1">
        <f t="array" ref="F4290">IFERROR(INDEX(Jesper!AJ$2:AJ$366,ROUNDDOWN($C4290/24,0)+1,1)*INDEX($D$3:$AA$30,INDEX(Jesper!$R$2:$R$366,ROW(INDEX(Jesper!AJ$2:AJ$366,ROUNDDOWN($C4290/24,0)+1,1))-1)+IF('Standard Profiles'!$G$20=$B$10,7,0)+IF('Standard Profiles'!$G$20=$B$17,14,0)+IF('Standard Profiles'!$G$20=$B$24,21,0),MOD($C4290,24)+1)/SUM(INDEX($D$3:$AA$30,INDEX(Jesper!$R$2:$R$366,ROW(INDEX(Jesper!AJ$2:AJ$366,ROUNDDOWN($C4290/24,0)+1,1))-1)+IF('Standard Profiles'!$G$20=$B$10,7,0)+IF('Standard Profiles'!$G$20=$B$17,14,0)+IF('Standard Profiles'!$G$20=$B$24,21,0),0)),0)</f>
        <v>0</v>
      </c>
      <c r="G4290" cm="1">
        <f t="array" ref="G4290">IFERROR(INDEX(Jesper!AK$2:AK$366,ROUNDDOWN($C4290/24,0)+1,1)*INDEX($D$3:$AA$30,INDEX(Jesper!$R$2:$R$366,ROW(INDEX(Jesper!AK$2:AK$366,ROUNDDOWN($C4290/24,0)+1,1))-1)+IF('Standard Profiles'!$G$21=$B$10,7,0)+IF('Standard Profiles'!$G$21=$B$17,14,0)+IF('Standard Profiles'!$G$21=$B$24,21,0),MOD($C4290,24)+1)/SUM(INDEX($D$3:$AA$30,INDEX(Jesper!$R$2:$R$366,ROW(INDEX(Jesper!AK$2:AK$366,ROUNDDOWN($C4290/24,0)+1,1))-1)+IF('Standard Profiles'!$G$21=$B$10,7,0)+IF('Standard Profiles'!$G$21=$B$17,14,0)+IF('Standard Profiles'!$G$21=$B$24,21,0),0)),0)</f>
        <v>5.429649781130224E-2</v>
      </c>
      <c r="H4290" cm="1">
        <f t="array" ref="H4290">IFERROR(INDEX(Jesper!AL$2:AL$366,ROUNDDOWN($C4290/24,0)+1,1)*INDEX($D$3:$AA$30,INDEX(Jesper!$R$2:$R$366,ROW(INDEX(Jesper!AL$2:AL$366,ROUNDDOWN($C4290/24,0)+1,1))-1)+IF('Standard Profiles'!$G$22=$B$10,7,0)+IF('Standard Profiles'!$G$22=$B$17,14,0)+IF('Standard Profiles'!$G$22=$B$24,21,0),MOD($C4290,24)+1)/SUM(INDEX($D$3:$AA$30,INDEX(Jesper!$R$2:$R$366,ROW(INDEX(Jesper!AL$2:AL$366,ROUNDDOWN($C4290/24,0)+1,1))-1)+IF('Standard Profiles'!$G$22=$B$10,7,0)+IF('Standard Profiles'!$G$22=$B$17,14,0)+IF('Standard Profiles'!$G$22=$B$24,21,0),0)),0)</f>
        <v>0</v>
      </c>
      <c r="I4290">
        <f t="shared" si="482"/>
        <v>2.606231894942506E-2</v>
      </c>
      <c r="J4290">
        <f t="shared" si="483"/>
        <v>30.134294454221664</v>
      </c>
      <c r="K4290">
        <f t="shared" si="484"/>
        <v>2.5844667385693239</v>
      </c>
      <c r="L4290">
        <f t="shared" si="485"/>
        <v>1.2922333692846619</v>
      </c>
      <c r="M4290">
        <f t="shared" si="486"/>
        <v>0</v>
      </c>
      <c r="N4290" s="45">
        <f t="shared" si="487"/>
        <v>45104.333333323011</v>
      </c>
    </row>
    <row r="4291" spans="2:14" x14ac:dyDescent="0.25">
      <c r="B4291">
        <f t="shared" si="481"/>
        <v>2</v>
      </c>
      <c r="C4291" s="16">
        <v>4257</v>
      </c>
      <c r="D4291" cm="1">
        <f t="array" ref="D4291">IFERROR(INDEX(Jesper!AH$2:AH$366,ROUNDDOWN($C4291/24,0)+1,1)*INDEX($D$3:$AA$30,INDEX(Jesper!$R$2:$R$366,ROW(INDEX(Jesper!AH$2:AH$366,ROUNDDOWN($C4291/24,0)+1,1))-1)+IF('Standard Profiles'!$G$18=$B$10,7,0)+IF('Standard Profiles'!$G$18=$B$17,14,0)+IF('Standard Profiles'!$G$18=$B$24,21,0),MOD($C4291,24)+1)/SUM(INDEX($D$3:$AA$30,INDEX(Jesper!$R$2:$R$366,ROW(INDEX(Jesper!AH$2:AH$366,ROUNDDOWN($C4291/24,0)+1,1))-1)+IF('Standard Profiles'!$G$18=$B$10,7,0)+IF('Standard Profiles'!$G$18=$B$17,14,0)+IF('Standard Profiles'!$G$18=$B$24,21,0),0)),0)</f>
        <v>26.743744847813467</v>
      </c>
      <c r="E4291" cm="1">
        <f t="array" ref="E4291">IFERROR(INDEX(Jesper!AI$2:AI$366,ROUNDDOWN($C4291/24,0)+1,1)*INDEX($D$3:$AA$30,INDEX(Jesper!$R$2:$R$366,ROW(INDEX(Jesper!AI$2:AI$366,ROUNDDOWN($C4291/24,0)+1,1))-1)+IF('Standard Profiles'!$G$19=$B$10,7,0)+IF('Standard Profiles'!$G$19=$B$17,14,0)+IF('Standard Profiles'!$G$19=$B$24,21,0),MOD($C4291,24)+1)/SUM(INDEX($D$3:$AA$30,INDEX(Jesper!$R$2:$R$366,ROW(INDEX(Jesper!AI$2:AI$366,ROUNDDOWN($C4291/24,0)+1,1))-1)+IF('Standard Profiles'!$G$19=$B$10,7,0)+IF('Standard Profiles'!$G$19=$B$17,14,0)+IF('Standard Profiles'!$G$19=$B$24,21,0),0)),0)</f>
        <v>10.765528405356457</v>
      </c>
      <c r="F4291" cm="1">
        <f t="array" ref="F4291">IFERROR(INDEX(Jesper!AJ$2:AJ$366,ROUNDDOWN($C4291/24,0)+1,1)*INDEX($D$3:$AA$30,INDEX(Jesper!$R$2:$R$366,ROW(INDEX(Jesper!AJ$2:AJ$366,ROUNDDOWN($C4291/24,0)+1,1))-1)+IF('Standard Profiles'!$G$20=$B$10,7,0)+IF('Standard Profiles'!$G$20=$B$17,14,0)+IF('Standard Profiles'!$G$20=$B$24,21,0),MOD($C4291,24)+1)/SUM(INDEX($D$3:$AA$30,INDEX(Jesper!$R$2:$R$366,ROW(INDEX(Jesper!AJ$2:AJ$366,ROUNDDOWN($C4291/24,0)+1,1))-1)+IF('Standard Profiles'!$G$20=$B$10,7,0)+IF('Standard Profiles'!$G$20=$B$17,14,0)+IF('Standard Profiles'!$G$20=$B$24,21,0),0)),0)</f>
        <v>0</v>
      </c>
      <c r="G4291" cm="1">
        <f t="array" ref="G4291">IFERROR(INDEX(Jesper!AK$2:AK$366,ROUNDDOWN($C4291/24,0)+1,1)*INDEX($D$3:$AA$30,INDEX(Jesper!$R$2:$R$366,ROW(INDEX(Jesper!AK$2:AK$366,ROUNDDOWN($C4291/24,0)+1,1))-1)+IF('Standard Profiles'!$G$21=$B$10,7,0)+IF('Standard Profiles'!$G$21=$B$17,14,0)+IF('Standard Profiles'!$G$21=$B$24,21,0),MOD($C4291,24)+1)/SUM(INDEX($D$3:$AA$30,INDEX(Jesper!$R$2:$R$366,ROW(INDEX(Jesper!AK$2:AK$366,ROUNDDOWN($C4291/24,0)+1,1))-1)+IF('Standard Profiles'!$G$21=$B$10,7,0)+IF('Standard Profiles'!$G$21=$B$17,14,0)+IF('Standard Profiles'!$G$21=$B$24,21,0),0)),0)</f>
        <v>5.9931040037003419E-2</v>
      </c>
      <c r="H4291" cm="1">
        <f t="array" ref="H4291">IFERROR(INDEX(Jesper!AL$2:AL$366,ROUNDDOWN($C4291/24,0)+1,1)*INDEX($D$3:$AA$30,INDEX(Jesper!$R$2:$R$366,ROW(INDEX(Jesper!AL$2:AL$366,ROUNDDOWN($C4291/24,0)+1,1))-1)+IF('Standard Profiles'!$G$22=$B$10,7,0)+IF('Standard Profiles'!$G$22=$B$17,14,0)+IF('Standard Profiles'!$G$22=$B$24,21,0),MOD($C4291,24)+1)/SUM(INDEX($D$3:$AA$30,INDEX(Jesper!$R$2:$R$366,ROW(INDEX(Jesper!AL$2:AL$366,ROUNDDOWN($C4291/24,0)+1,1))-1)+IF('Standard Profiles'!$G$22=$B$10,7,0)+IF('Standard Profiles'!$G$22=$B$17,14,0)+IF('Standard Profiles'!$G$22=$B$24,21,0),0)),0)</f>
        <v>0</v>
      </c>
      <c r="I4291">
        <f t="shared" si="482"/>
        <v>2.8766899217761627E-2</v>
      </c>
      <c r="J4291">
        <f t="shared" si="483"/>
        <v>33.261438218339009</v>
      </c>
      <c r="K4291">
        <f t="shared" si="484"/>
        <v>2.8526661171001035</v>
      </c>
      <c r="L4291">
        <f t="shared" si="485"/>
        <v>1.4263330585500518</v>
      </c>
      <c r="M4291">
        <f t="shared" si="486"/>
        <v>0</v>
      </c>
      <c r="N4291" s="45">
        <f t="shared" si="487"/>
        <v>45104.374999989675</v>
      </c>
    </row>
    <row r="4292" spans="2:14" x14ac:dyDescent="0.25">
      <c r="B4292">
        <f t="shared" si="481"/>
        <v>2</v>
      </c>
      <c r="C4292" s="16">
        <v>4258</v>
      </c>
      <c r="D4292" cm="1">
        <f t="array" ref="D4292">IFERROR(INDEX(Jesper!AH$2:AH$366,ROUNDDOWN($C4292/24,0)+1,1)*INDEX($D$3:$AA$30,INDEX(Jesper!$R$2:$R$366,ROW(INDEX(Jesper!AH$2:AH$366,ROUNDDOWN($C4292/24,0)+1,1))-1)+IF('Standard Profiles'!$G$18=$B$10,7,0)+IF('Standard Profiles'!$G$18=$B$17,14,0)+IF('Standard Profiles'!$G$18=$B$24,21,0),MOD($C4292,24)+1)/SUM(INDEX($D$3:$AA$30,INDEX(Jesper!$R$2:$R$366,ROW(INDEX(Jesper!AH$2:AH$366,ROUNDDOWN($C4292/24,0)+1,1))-1)+IF('Standard Profiles'!$G$18=$B$10,7,0)+IF('Standard Profiles'!$G$18=$B$17,14,0)+IF('Standard Profiles'!$G$18=$B$24,21,0),0)),0)</f>
        <v>26.743744847813467</v>
      </c>
      <c r="E4292" cm="1">
        <f t="array" ref="E4292">IFERROR(INDEX(Jesper!AI$2:AI$366,ROUNDDOWN($C4292/24,0)+1,1)*INDEX($D$3:$AA$30,INDEX(Jesper!$R$2:$R$366,ROW(INDEX(Jesper!AI$2:AI$366,ROUNDDOWN($C4292/24,0)+1,1))-1)+IF('Standard Profiles'!$G$19=$B$10,7,0)+IF('Standard Profiles'!$G$19=$B$17,14,0)+IF('Standard Profiles'!$G$19=$B$24,21,0),MOD($C4292,24)+1)/SUM(INDEX($D$3:$AA$30,INDEX(Jesper!$R$2:$R$366,ROW(INDEX(Jesper!AI$2:AI$366,ROUNDDOWN($C4292/24,0)+1,1))-1)+IF('Standard Profiles'!$G$19=$B$10,7,0)+IF('Standard Profiles'!$G$19=$B$17,14,0)+IF('Standard Profiles'!$G$19=$B$24,21,0),0)),0)</f>
        <v>10.765528405356457</v>
      </c>
      <c r="F4292" cm="1">
        <f t="array" ref="F4292">IFERROR(INDEX(Jesper!AJ$2:AJ$366,ROUNDDOWN($C4292/24,0)+1,1)*INDEX($D$3:$AA$30,INDEX(Jesper!$R$2:$R$366,ROW(INDEX(Jesper!AJ$2:AJ$366,ROUNDDOWN($C4292/24,0)+1,1))-1)+IF('Standard Profiles'!$G$20=$B$10,7,0)+IF('Standard Profiles'!$G$20=$B$17,14,0)+IF('Standard Profiles'!$G$20=$B$24,21,0),MOD($C4292,24)+1)/SUM(INDEX($D$3:$AA$30,INDEX(Jesper!$R$2:$R$366,ROW(INDEX(Jesper!AJ$2:AJ$366,ROUNDDOWN($C4292/24,0)+1,1))-1)+IF('Standard Profiles'!$G$20=$B$10,7,0)+IF('Standard Profiles'!$G$20=$B$17,14,0)+IF('Standard Profiles'!$G$20=$B$24,21,0),0)),0)</f>
        <v>0</v>
      </c>
      <c r="G4292" cm="1">
        <f t="array" ref="G4292">IFERROR(INDEX(Jesper!AK$2:AK$366,ROUNDDOWN($C4292/24,0)+1,1)*INDEX($D$3:$AA$30,INDEX(Jesper!$R$2:$R$366,ROW(INDEX(Jesper!AK$2:AK$366,ROUNDDOWN($C4292/24,0)+1,1))-1)+IF('Standard Profiles'!$G$21=$B$10,7,0)+IF('Standard Profiles'!$G$21=$B$17,14,0)+IF('Standard Profiles'!$G$21=$B$24,21,0),MOD($C4292,24)+1)/SUM(INDEX($D$3:$AA$30,INDEX(Jesper!$R$2:$R$366,ROW(INDEX(Jesper!AK$2:AK$366,ROUNDDOWN($C4292/24,0)+1,1))-1)+IF('Standard Profiles'!$G$21=$B$10,7,0)+IF('Standard Profiles'!$G$21=$B$17,14,0)+IF('Standard Profiles'!$G$21=$B$24,21,0),0)),0)</f>
        <v>5.9931040037003419E-2</v>
      </c>
      <c r="H4292" cm="1">
        <f t="array" ref="H4292">IFERROR(INDEX(Jesper!AL$2:AL$366,ROUNDDOWN($C4292/24,0)+1,1)*INDEX($D$3:$AA$30,INDEX(Jesper!$R$2:$R$366,ROW(INDEX(Jesper!AL$2:AL$366,ROUNDDOWN($C4292/24,0)+1,1))-1)+IF('Standard Profiles'!$G$22=$B$10,7,0)+IF('Standard Profiles'!$G$22=$B$17,14,0)+IF('Standard Profiles'!$G$22=$B$24,21,0),MOD($C4292,24)+1)/SUM(INDEX($D$3:$AA$30,INDEX(Jesper!$R$2:$R$366,ROW(INDEX(Jesper!AL$2:AL$366,ROUNDDOWN($C4292/24,0)+1,1))-1)+IF('Standard Profiles'!$G$22=$B$10,7,0)+IF('Standard Profiles'!$G$22=$B$17,14,0)+IF('Standard Profiles'!$G$22=$B$24,21,0),0)),0)</f>
        <v>0</v>
      </c>
      <c r="I4292">
        <f t="shared" si="482"/>
        <v>2.8766899217761627E-2</v>
      </c>
      <c r="J4292">
        <f t="shared" si="483"/>
        <v>33.261438218339009</v>
      </c>
      <c r="K4292">
        <f t="shared" si="484"/>
        <v>2.8526661171001035</v>
      </c>
      <c r="L4292">
        <f t="shared" si="485"/>
        <v>1.4263330585500518</v>
      </c>
      <c r="M4292">
        <f t="shared" si="486"/>
        <v>0</v>
      </c>
      <c r="N4292" s="45">
        <f t="shared" si="487"/>
        <v>45104.41666665634</v>
      </c>
    </row>
    <row r="4293" spans="2:14" x14ac:dyDescent="0.25">
      <c r="B4293">
        <f t="shared" si="481"/>
        <v>2</v>
      </c>
      <c r="C4293" s="16">
        <v>4259</v>
      </c>
      <c r="D4293" cm="1">
        <f t="array" ref="D4293">IFERROR(INDEX(Jesper!AH$2:AH$366,ROUNDDOWN($C4293/24,0)+1,1)*INDEX($D$3:$AA$30,INDEX(Jesper!$R$2:$R$366,ROW(INDEX(Jesper!AH$2:AH$366,ROUNDDOWN($C4293/24,0)+1,1))-1)+IF('Standard Profiles'!$G$18=$B$10,7,0)+IF('Standard Profiles'!$G$18=$B$17,14,0)+IF('Standard Profiles'!$G$18=$B$24,21,0),MOD($C4293,24)+1)/SUM(INDEX($D$3:$AA$30,INDEX(Jesper!$R$2:$R$366,ROW(INDEX(Jesper!AH$2:AH$366,ROUNDDOWN($C4293/24,0)+1,1))-1)+IF('Standard Profiles'!$G$18=$B$10,7,0)+IF('Standard Profiles'!$G$18=$B$17,14,0)+IF('Standard Profiles'!$G$18=$B$24,21,0),0)),0)</f>
        <v>32.001062211058844</v>
      </c>
      <c r="E4293" cm="1">
        <f t="array" ref="E4293">IFERROR(INDEX(Jesper!AI$2:AI$366,ROUNDDOWN($C4293/24,0)+1,1)*INDEX($D$3:$AA$30,INDEX(Jesper!$R$2:$R$366,ROW(INDEX(Jesper!AI$2:AI$366,ROUNDDOWN($C4293/24,0)+1,1))-1)+IF('Standard Profiles'!$G$19=$B$10,7,0)+IF('Standard Profiles'!$G$19=$B$17,14,0)+IF('Standard Profiles'!$G$19=$B$24,21,0),MOD($C4293,24)+1)/SUM(INDEX($D$3:$AA$30,INDEX(Jesper!$R$2:$R$366,ROW(INDEX(Jesper!AI$2:AI$366,ROUNDDOWN($C4293/24,0)+1,1))-1)+IF('Standard Profiles'!$G$19=$B$10,7,0)+IF('Standard Profiles'!$G$19=$B$17,14,0)+IF('Standard Profiles'!$G$19=$B$24,21,0),0)),0)</f>
        <v>12.881828861110289</v>
      </c>
      <c r="F4293" cm="1">
        <f t="array" ref="F4293">IFERROR(INDEX(Jesper!AJ$2:AJ$366,ROUNDDOWN($C4293/24,0)+1,1)*INDEX($D$3:$AA$30,INDEX(Jesper!$R$2:$R$366,ROW(INDEX(Jesper!AJ$2:AJ$366,ROUNDDOWN($C4293/24,0)+1,1))-1)+IF('Standard Profiles'!$G$20=$B$10,7,0)+IF('Standard Profiles'!$G$20=$B$17,14,0)+IF('Standard Profiles'!$G$20=$B$24,21,0),MOD($C4293,24)+1)/SUM(INDEX($D$3:$AA$30,INDEX(Jesper!$R$2:$R$366,ROW(INDEX(Jesper!AJ$2:AJ$366,ROUNDDOWN($C4293/24,0)+1,1))-1)+IF('Standard Profiles'!$G$20=$B$10,7,0)+IF('Standard Profiles'!$G$20=$B$17,14,0)+IF('Standard Profiles'!$G$20=$B$24,21,0),0)),0)</f>
        <v>0</v>
      </c>
      <c r="G4293" cm="1">
        <f t="array" ref="G4293">IFERROR(INDEX(Jesper!AK$2:AK$366,ROUNDDOWN($C4293/24,0)+1,1)*INDEX($D$3:$AA$30,INDEX(Jesper!$R$2:$R$366,ROW(INDEX(Jesper!AK$2:AK$366,ROUNDDOWN($C4293/24,0)+1,1))-1)+IF('Standard Profiles'!$G$21=$B$10,7,0)+IF('Standard Profiles'!$G$21=$B$17,14,0)+IF('Standard Profiles'!$G$21=$B$24,21,0),MOD($C4293,24)+1)/SUM(INDEX($D$3:$AA$30,INDEX(Jesper!$R$2:$R$366,ROW(INDEX(Jesper!AK$2:AK$366,ROUNDDOWN($C4293/24,0)+1,1))-1)+IF('Standard Profiles'!$G$21=$B$10,7,0)+IF('Standard Profiles'!$G$21=$B$17,14,0)+IF('Standard Profiles'!$G$21=$B$24,21,0),0)),0)</f>
        <v>7.1712355599833147E-2</v>
      </c>
      <c r="H4293" cm="1">
        <f t="array" ref="H4293">IFERROR(INDEX(Jesper!AL$2:AL$366,ROUNDDOWN($C4293/24,0)+1,1)*INDEX($D$3:$AA$30,INDEX(Jesper!$R$2:$R$366,ROW(INDEX(Jesper!AL$2:AL$366,ROUNDDOWN($C4293/24,0)+1,1))-1)+IF('Standard Profiles'!$G$22=$B$10,7,0)+IF('Standard Profiles'!$G$22=$B$17,14,0)+IF('Standard Profiles'!$G$22=$B$24,21,0),MOD($C4293,24)+1)/SUM(INDEX($D$3:$AA$30,INDEX(Jesper!$R$2:$R$366,ROW(INDEX(Jesper!AL$2:AL$366,ROUNDDOWN($C4293/24,0)+1,1))-1)+IF('Standard Profiles'!$G$22=$B$10,7,0)+IF('Standard Profiles'!$G$22=$B$17,14,0)+IF('Standard Profiles'!$G$22=$B$24,21,0),0)),0)</f>
        <v>0</v>
      </c>
      <c r="I4293">
        <f t="shared" si="482"/>
        <v>3.4421930687919891E-2</v>
      </c>
      <c r="J4293">
        <f t="shared" si="483"/>
        <v>39.800011543311633</v>
      </c>
      <c r="K4293">
        <f t="shared" si="484"/>
        <v>3.4134466358462769</v>
      </c>
      <c r="L4293">
        <f t="shared" si="485"/>
        <v>1.7067233179231385</v>
      </c>
      <c r="M4293">
        <f t="shared" si="486"/>
        <v>0</v>
      </c>
      <c r="N4293" s="45">
        <f t="shared" si="487"/>
        <v>45104.458333323004</v>
      </c>
    </row>
    <row r="4294" spans="2:14" x14ac:dyDescent="0.25">
      <c r="B4294">
        <f t="shared" si="481"/>
        <v>2</v>
      </c>
      <c r="C4294" s="16">
        <v>4260</v>
      </c>
      <c r="D4294" cm="1">
        <f t="array" ref="D4294">IFERROR(INDEX(Jesper!AH$2:AH$366,ROUNDDOWN($C4294/24,0)+1,1)*INDEX($D$3:$AA$30,INDEX(Jesper!$R$2:$R$366,ROW(INDEX(Jesper!AH$2:AH$366,ROUNDDOWN($C4294/24,0)+1,1))-1)+IF('Standard Profiles'!$G$18=$B$10,7,0)+IF('Standard Profiles'!$G$18=$B$17,14,0)+IF('Standard Profiles'!$G$18=$B$24,21,0),MOD($C4294,24)+1)/SUM(INDEX($D$3:$AA$30,INDEX(Jesper!$R$2:$R$366,ROW(INDEX(Jesper!AH$2:AH$366,ROUNDDOWN($C4294/24,0)+1,1))-1)+IF('Standard Profiles'!$G$18=$B$10,7,0)+IF('Standard Profiles'!$G$18=$B$17,14,0)+IF('Standard Profiles'!$G$18=$B$24,21,0),0)),0)</f>
        <v>32.001062211058844</v>
      </c>
      <c r="E4294" cm="1">
        <f t="array" ref="E4294">IFERROR(INDEX(Jesper!AI$2:AI$366,ROUNDDOWN($C4294/24,0)+1,1)*INDEX($D$3:$AA$30,INDEX(Jesper!$R$2:$R$366,ROW(INDEX(Jesper!AI$2:AI$366,ROUNDDOWN($C4294/24,0)+1,1))-1)+IF('Standard Profiles'!$G$19=$B$10,7,0)+IF('Standard Profiles'!$G$19=$B$17,14,0)+IF('Standard Profiles'!$G$19=$B$24,21,0),MOD($C4294,24)+1)/SUM(INDEX($D$3:$AA$30,INDEX(Jesper!$R$2:$R$366,ROW(INDEX(Jesper!AI$2:AI$366,ROUNDDOWN($C4294/24,0)+1,1))-1)+IF('Standard Profiles'!$G$19=$B$10,7,0)+IF('Standard Profiles'!$G$19=$B$17,14,0)+IF('Standard Profiles'!$G$19=$B$24,21,0),0)),0)</f>
        <v>12.881828861110289</v>
      </c>
      <c r="F4294" cm="1">
        <f t="array" ref="F4294">IFERROR(INDEX(Jesper!AJ$2:AJ$366,ROUNDDOWN($C4294/24,0)+1,1)*INDEX($D$3:$AA$30,INDEX(Jesper!$R$2:$R$366,ROW(INDEX(Jesper!AJ$2:AJ$366,ROUNDDOWN($C4294/24,0)+1,1))-1)+IF('Standard Profiles'!$G$20=$B$10,7,0)+IF('Standard Profiles'!$G$20=$B$17,14,0)+IF('Standard Profiles'!$G$20=$B$24,21,0),MOD($C4294,24)+1)/SUM(INDEX($D$3:$AA$30,INDEX(Jesper!$R$2:$R$366,ROW(INDEX(Jesper!AJ$2:AJ$366,ROUNDDOWN($C4294/24,0)+1,1))-1)+IF('Standard Profiles'!$G$20=$B$10,7,0)+IF('Standard Profiles'!$G$20=$B$17,14,0)+IF('Standard Profiles'!$G$20=$B$24,21,0),0)),0)</f>
        <v>0</v>
      </c>
      <c r="G4294" cm="1">
        <f t="array" ref="G4294">IFERROR(INDEX(Jesper!AK$2:AK$366,ROUNDDOWN($C4294/24,0)+1,1)*INDEX($D$3:$AA$30,INDEX(Jesper!$R$2:$R$366,ROW(INDEX(Jesper!AK$2:AK$366,ROUNDDOWN($C4294/24,0)+1,1))-1)+IF('Standard Profiles'!$G$21=$B$10,7,0)+IF('Standard Profiles'!$G$21=$B$17,14,0)+IF('Standard Profiles'!$G$21=$B$24,21,0),MOD($C4294,24)+1)/SUM(INDEX($D$3:$AA$30,INDEX(Jesper!$R$2:$R$366,ROW(INDEX(Jesper!AK$2:AK$366,ROUNDDOWN($C4294/24,0)+1,1))-1)+IF('Standard Profiles'!$G$21=$B$10,7,0)+IF('Standard Profiles'!$G$21=$B$17,14,0)+IF('Standard Profiles'!$G$21=$B$24,21,0),0)),0)</f>
        <v>7.1712355599833147E-2</v>
      </c>
      <c r="H4294" cm="1">
        <f t="array" ref="H4294">IFERROR(INDEX(Jesper!AL$2:AL$366,ROUNDDOWN($C4294/24,0)+1,1)*INDEX($D$3:$AA$30,INDEX(Jesper!$R$2:$R$366,ROW(INDEX(Jesper!AL$2:AL$366,ROUNDDOWN($C4294/24,0)+1,1))-1)+IF('Standard Profiles'!$G$22=$B$10,7,0)+IF('Standard Profiles'!$G$22=$B$17,14,0)+IF('Standard Profiles'!$G$22=$B$24,21,0),MOD($C4294,24)+1)/SUM(INDEX($D$3:$AA$30,INDEX(Jesper!$R$2:$R$366,ROW(INDEX(Jesper!AL$2:AL$366,ROUNDDOWN($C4294/24,0)+1,1))-1)+IF('Standard Profiles'!$G$22=$B$10,7,0)+IF('Standard Profiles'!$G$22=$B$17,14,0)+IF('Standard Profiles'!$G$22=$B$24,21,0),0)),0)</f>
        <v>0</v>
      </c>
      <c r="I4294">
        <f t="shared" si="482"/>
        <v>3.4421930687919891E-2</v>
      </c>
      <c r="J4294">
        <f t="shared" si="483"/>
        <v>39.800011543311633</v>
      </c>
      <c r="K4294">
        <f t="shared" si="484"/>
        <v>3.4134466358462769</v>
      </c>
      <c r="L4294">
        <f t="shared" si="485"/>
        <v>1.7067233179231385</v>
      </c>
      <c r="M4294">
        <f t="shared" si="486"/>
        <v>0</v>
      </c>
      <c r="N4294" s="45">
        <f t="shared" si="487"/>
        <v>45104.499999989668</v>
      </c>
    </row>
    <row r="4295" spans="2:14" x14ac:dyDescent="0.25">
      <c r="B4295">
        <f t="shared" si="481"/>
        <v>2</v>
      </c>
      <c r="C4295" s="16">
        <v>4261</v>
      </c>
      <c r="D4295" cm="1">
        <f t="array" ref="D4295">IFERROR(INDEX(Jesper!AH$2:AH$366,ROUNDDOWN($C4295/24,0)+1,1)*INDEX($D$3:$AA$30,INDEX(Jesper!$R$2:$R$366,ROW(INDEX(Jesper!AH$2:AH$366,ROUNDDOWN($C4295/24,0)+1,1))-1)+IF('Standard Profiles'!$G$18=$B$10,7,0)+IF('Standard Profiles'!$G$18=$B$17,14,0)+IF('Standard Profiles'!$G$18=$B$24,21,0),MOD($C4295,24)+1)/SUM(INDEX($D$3:$AA$30,INDEX(Jesper!$R$2:$R$366,ROW(INDEX(Jesper!AH$2:AH$366,ROUNDDOWN($C4295/24,0)+1,1))-1)+IF('Standard Profiles'!$G$18=$B$10,7,0)+IF('Standard Profiles'!$G$18=$B$17,14,0)+IF('Standard Profiles'!$G$18=$B$24,21,0),0)),0)</f>
        <v>21.257848468774807</v>
      </c>
      <c r="E4295" cm="1">
        <f t="array" ref="E4295">IFERROR(INDEX(Jesper!AI$2:AI$366,ROUNDDOWN($C4295/24,0)+1,1)*INDEX($D$3:$AA$30,INDEX(Jesper!$R$2:$R$366,ROW(INDEX(Jesper!AI$2:AI$366,ROUNDDOWN($C4295/24,0)+1,1))-1)+IF('Standard Profiles'!$G$19=$B$10,7,0)+IF('Standard Profiles'!$G$19=$B$17,14,0)+IF('Standard Profiles'!$G$19=$B$24,21,0),MOD($C4295,24)+1)/SUM(INDEX($D$3:$AA$30,INDEX(Jesper!$R$2:$R$366,ROW(INDEX(Jesper!AI$2:AI$366,ROUNDDOWN($C4295/24,0)+1,1))-1)+IF('Standard Profiles'!$G$19=$B$10,7,0)+IF('Standard Profiles'!$G$19=$B$17,14,0)+IF('Standard Profiles'!$G$19=$B$24,21,0),0)),0)</f>
        <v>8.5572148863089765</v>
      </c>
      <c r="F4295" cm="1">
        <f t="array" ref="F4295">IFERROR(INDEX(Jesper!AJ$2:AJ$366,ROUNDDOWN($C4295/24,0)+1,1)*INDEX($D$3:$AA$30,INDEX(Jesper!$R$2:$R$366,ROW(INDEX(Jesper!AJ$2:AJ$366,ROUNDDOWN($C4295/24,0)+1,1))-1)+IF('Standard Profiles'!$G$20=$B$10,7,0)+IF('Standard Profiles'!$G$20=$B$17,14,0)+IF('Standard Profiles'!$G$20=$B$24,21,0),MOD($C4295,24)+1)/SUM(INDEX($D$3:$AA$30,INDEX(Jesper!$R$2:$R$366,ROW(INDEX(Jesper!AJ$2:AJ$366,ROUNDDOWN($C4295/24,0)+1,1))-1)+IF('Standard Profiles'!$G$20=$B$10,7,0)+IF('Standard Profiles'!$G$20=$B$17,14,0)+IF('Standard Profiles'!$G$20=$B$24,21,0),0)),0)</f>
        <v>0</v>
      </c>
      <c r="G4295" cm="1">
        <f t="array" ref="G4295">IFERROR(INDEX(Jesper!AK$2:AK$366,ROUNDDOWN($C4295/24,0)+1,1)*INDEX($D$3:$AA$30,INDEX(Jesper!$R$2:$R$366,ROW(INDEX(Jesper!AK$2:AK$366,ROUNDDOWN($C4295/24,0)+1,1))-1)+IF('Standard Profiles'!$G$21=$B$10,7,0)+IF('Standard Profiles'!$G$21=$B$17,14,0)+IF('Standard Profiles'!$G$21=$B$24,21,0),MOD($C4295,24)+1)/SUM(INDEX($D$3:$AA$30,INDEX(Jesper!$R$2:$R$366,ROW(INDEX(Jesper!AK$2:AK$366,ROUNDDOWN($C4295/24,0)+1,1))-1)+IF('Standard Profiles'!$G$21=$B$10,7,0)+IF('Standard Profiles'!$G$21=$B$17,14,0)+IF('Standard Profiles'!$G$21=$B$24,21,0),0)),0)</f>
        <v>4.7637493362746294E-2</v>
      </c>
      <c r="H4295" cm="1">
        <f t="array" ref="H4295">IFERROR(INDEX(Jesper!AL$2:AL$366,ROUNDDOWN($C4295/24,0)+1,1)*INDEX($D$3:$AA$30,INDEX(Jesper!$R$2:$R$366,ROW(INDEX(Jesper!AL$2:AL$366,ROUNDDOWN($C4295/24,0)+1,1))-1)+IF('Standard Profiles'!$G$22=$B$10,7,0)+IF('Standard Profiles'!$G$22=$B$17,14,0)+IF('Standard Profiles'!$G$22=$B$24,21,0),MOD($C4295,24)+1)/SUM(INDEX($D$3:$AA$30,INDEX(Jesper!$R$2:$R$366,ROW(INDEX(Jesper!AL$2:AL$366,ROUNDDOWN($C4295/24,0)+1,1))-1)+IF('Standard Profiles'!$G$22=$B$10,7,0)+IF('Standard Profiles'!$G$22=$B$17,14,0)+IF('Standard Profiles'!$G$22=$B$24,21,0),0)),0)</f>
        <v>0</v>
      </c>
      <c r="I4295">
        <f t="shared" si="482"/>
        <v>2.286599681411821E-2</v>
      </c>
      <c r="J4295">
        <f t="shared" si="483"/>
        <v>26.438579096628441</v>
      </c>
      <c r="K4295">
        <f t="shared" si="484"/>
        <v>2.267503836669313</v>
      </c>
      <c r="L4295">
        <f t="shared" si="485"/>
        <v>1.1337519183346565</v>
      </c>
      <c r="M4295">
        <f t="shared" si="486"/>
        <v>0</v>
      </c>
      <c r="N4295" s="45">
        <f t="shared" si="487"/>
        <v>45104.541666656332</v>
      </c>
    </row>
    <row r="4296" spans="2:14" x14ac:dyDescent="0.25">
      <c r="B4296">
        <f t="shared" si="481"/>
        <v>2</v>
      </c>
      <c r="C4296" s="16">
        <v>4262</v>
      </c>
      <c r="D4296" cm="1">
        <f t="array" ref="D4296">IFERROR(INDEX(Jesper!AH$2:AH$366,ROUNDDOWN($C4296/24,0)+1,1)*INDEX($D$3:$AA$30,INDEX(Jesper!$R$2:$R$366,ROW(INDEX(Jesper!AH$2:AH$366,ROUNDDOWN($C4296/24,0)+1,1))-1)+IF('Standard Profiles'!$G$18=$B$10,7,0)+IF('Standard Profiles'!$G$18=$B$17,14,0)+IF('Standard Profiles'!$G$18=$B$24,21,0),MOD($C4296,24)+1)/SUM(INDEX($D$3:$AA$30,INDEX(Jesper!$R$2:$R$366,ROW(INDEX(Jesper!AH$2:AH$366,ROUNDDOWN($C4296/24,0)+1,1))-1)+IF('Standard Profiles'!$G$18=$B$10,7,0)+IF('Standard Profiles'!$G$18=$B$17,14,0)+IF('Standard Profiles'!$G$18=$B$24,21,0),0)),0)</f>
        <v>32.001062211058844</v>
      </c>
      <c r="E4296" cm="1">
        <f t="array" ref="E4296">IFERROR(INDEX(Jesper!AI$2:AI$366,ROUNDDOWN($C4296/24,0)+1,1)*INDEX($D$3:$AA$30,INDEX(Jesper!$R$2:$R$366,ROW(INDEX(Jesper!AI$2:AI$366,ROUNDDOWN($C4296/24,0)+1,1))-1)+IF('Standard Profiles'!$G$19=$B$10,7,0)+IF('Standard Profiles'!$G$19=$B$17,14,0)+IF('Standard Profiles'!$G$19=$B$24,21,0),MOD($C4296,24)+1)/SUM(INDEX($D$3:$AA$30,INDEX(Jesper!$R$2:$R$366,ROW(INDEX(Jesper!AI$2:AI$366,ROUNDDOWN($C4296/24,0)+1,1))-1)+IF('Standard Profiles'!$G$19=$B$10,7,0)+IF('Standard Profiles'!$G$19=$B$17,14,0)+IF('Standard Profiles'!$G$19=$B$24,21,0),0)),0)</f>
        <v>12.881828861110289</v>
      </c>
      <c r="F4296" cm="1">
        <f t="array" ref="F4296">IFERROR(INDEX(Jesper!AJ$2:AJ$366,ROUNDDOWN($C4296/24,0)+1,1)*INDEX($D$3:$AA$30,INDEX(Jesper!$R$2:$R$366,ROW(INDEX(Jesper!AJ$2:AJ$366,ROUNDDOWN($C4296/24,0)+1,1))-1)+IF('Standard Profiles'!$G$20=$B$10,7,0)+IF('Standard Profiles'!$G$20=$B$17,14,0)+IF('Standard Profiles'!$G$20=$B$24,21,0),MOD($C4296,24)+1)/SUM(INDEX($D$3:$AA$30,INDEX(Jesper!$R$2:$R$366,ROW(INDEX(Jesper!AJ$2:AJ$366,ROUNDDOWN($C4296/24,0)+1,1))-1)+IF('Standard Profiles'!$G$20=$B$10,7,0)+IF('Standard Profiles'!$G$20=$B$17,14,0)+IF('Standard Profiles'!$G$20=$B$24,21,0),0)),0)</f>
        <v>0</v>
      </c>
      <c r="G4296" cm="1">
        <f t="array" ref="G4296">IFERROR(INDEX(Jesper!AK$2:AK$366,ROUNDDOWN($C4296/24,0)+1,1)*INDEX($D$3:$AA$30,INDEX(Jesper!$R$2:$R$366,ROW(INDEX(Jesper!AK$2:AK$366,ROUNDDOWN($C4296/24,0)+1,1))-1)+IF('Standard Profiles'!$G$21=$B$10,7,0)+IF('Standard Profiles'!$G$21=$B$17,14,0)+IF('Standard Profiles'!$G$21=$B$24,21,0),MOD($C4296,24)+1)/SUM(INDEX($D$3:$AA$30,INDEX(Jesper!$R$2:$R$366,ROW(INDEX(Jesper!AK$2:AK$366,ROUNDDOWN($C4296/24,0)+1,1))-1)+IF('Standard Profiles'!$G$21=$B$10,7,0)+IF('Standard Profiles'!$G$21=$B$17,14,0)+IF('Standard Profiles'!$G$21=$B$24,21,0),0)),0)</f>
        <v>7.1712355599833147E-2</v>
      </c>
      <c r="H4296" cm="1">
        <f t="array" ref="H4296">IFERROR(INDEX(Jesper!AL$2:AL$366,ROUNDDOWN($C4296/24,0)+1,1)*INDEX($D$3:$AA$30,INDEX(Jesper!$R$2:$R$366,ROW(INDEX(Jesper!AL$2:AL$366,ROUNDDOWN($C4296/24,0)+1,1))-1)+IF('Standard Profiles'!$G$22=$B$10,7,0)+IF('Standard Profiles'!$G$22=$B$17,14,0)+IF('Standard Profiles'!$G$22=$B$24,21,0),MOD($C4296,24)+1)/SUM(INDEX($D$3:$AA$30,INDEX(Jesper!$R$2:$R$366,ROW(INDEX(Jesper!AL$2:AL$366,ROUNDDOWN($C4296/24,0)+1,1))-1)+IF('Standard Profiles'!$G$22=$B$10,7,0)+IF('Standard Profiles'!$G$22=$B$17,14,0)+IF('Standard Profiles'!$G$22=$B$24,21,0),0)),0)</f>
        <v>0</v>
      </c>
      <c r="I4296">
        <f t="shared" si="482"/>
        <v>3.4421930687919891E-2</v>
      </c>
      <c r="J4296">
        <f t="shared" si="483"/>
        <v>39.800011543311633</v>
      </c>
      <c r="K4296">
        <f t="shared" si="484"/>
        <v>3.4134466358462769</v>
      </c>
      <c r="L4296">
        <f t="shared" si="485"/>
        <v>1.7067233179231385</v>
      </c>
      <c r="M4296">
        <f t="shared" si="486"/>
        <v>0</v>
      </c>
      <c r="N4296" s="45">
        <f t="shared" si="487"/>
        <v>45104.583333322997</v>
      </c>
    </row>
    <row r="4297" spans="2:14" x14ac:dyDescent="0.25">
      <c r="B4297">
        <f t="shared" si="481"/>
        <v>2</v>
      </c>
      <c r="C4297" s="16">
        <v>4263</v>
      </c>
      <c r="D4297" cm="1">
        <f t="array" ref="D4297">IFERROR(INDEX(Jesper!AH$2:AH$366,ROUNDDOWN($C4297/24,0)+1,1)*INDEX($D$3:$AA$30,INDEX(Jesper!$R$2:$R$366,ROW(INDEX(Jesper!AH$2:AH$366,ROUNDDOWN($C4297/24,0)+1,1))-1)+IF('Standard Profiles'!$G$18=$B$10,7,0)+IF('Standard Profiles'!$G$18=$B$17,14,0)+IF('Standard Profiles'!$G$18=$B$24,21,0),MOD($C4297,24)+1)/SUM(INDEX($D$3:$AA$30,INDEX(Jesper!$R$2:$R$366,ROW(INDEX(Jesper!AH$2:AH$366,ROUNDDOWN($C4297/24,0)+1,1))-1)+IF('Standard Profiles'!$G$18=$B$10,7,0)+IF('Standard Profiles'!$G$18=$B$17,14,0)+IF('Standard Profiles'!$G$18=$B$24,21,0),0)),0)</f>
        <v>32.001062211058844</v>
      </c>
      <c r="E4297" cm="1">
        <f t="array" ref="E4297">IFERROR(INDEX(Jesper!AI$2:AI$366,ROUNDDOWN($C4297/24,0)+1,1)*INDEX($D$3:$AA$30,INDEX(Jesper!$R$2:$R$366,ROW(INDEX(Jesper!AI$2:AI$366,ROUNDDOWN($C4297/24,0)+1,1))-1)+IF('Standard Profiles'!$G$19=$B$10,7,0)+IF('Standard Profiles'!$G$19=$B$17,14,0)+IF('Standard Profiles'!$G$19=$B$24,21,0),MOD($C4297,24)+1)/SUM(INDEX($D$3:$AA$30,INDEX(Jesper!$R$2:$R$366,ROW(INDEX(Jesper!AI$2:AI$366,ROUNDDOWN($C4297/24,0)+1,1))-1)+IF('Standard Profiles'!$G$19=$B$10,7,0)+IF('Standard Profiles'!$G$19=$B$17,14,0)+IF('Standard Profiles'!$G$19=$B$24,21,0),0)),0)</f>
        <v>12.881828861110289</v>
      </c>
      <c r="F4297" cm="1">
        <f t="array" ref="F4297">IFERROR(INDEX(Jesper!AJ$2:AJ$366,ROUNDDOWN($C4297/24,0)+1,1)*INDEX($D$3:$AA$30,INDEX(Jesper!$R$2:$R$366,ROW(INDEX(Jesper!AJ$2:AJ$366,ROUNDDOWN($C4297/24,0)+1,1))-1)+IF('Standard Profiles'!$G$20=$B$10,7,0)+IF('Standard Profiles'!$G$20=$B$17,14,0)+IF('Standard Profiles'!$G$20=$B$24,21,0),MOD($C4297,24)+1)/SUM(INDEX($D$3:$AA$30,INDEX(Jesper!$R$2:$R$366,ROW(INDEX(Jesper!AJ$2:AJ$366,ROUNDDOWN($C4297/24,0)+1,1))-1)+IF('Standard Profiles'!$G$20=$B$10,7,0)+IF('Standard Profiles'!$G$20=$B$17,14,0)+IF('Standard Profiles'!$G$20=$B$24,21,0),0)),0)</f>
        <v>0</v>
      </c>
      <c r="G4297" cm="1">
        <f t="array" ref="G4297">IFERROR(INDEX(Jesper!AK$2:AK$366,ROUNDDOWN($C4297/24,0)+1,1)*INDEX($D$3:$AA$30,INDEX(Jesper!$R$2:$R$366,ROW(INDEX(Jesper!AK$2:AK$366,ROUNDDOWN($C4297/24,0)+1,1))-1)+IF('Standard Profiles'!$G$21=$B$10,7,0)+IF('Standard Profiles'!$G$21=$B$17,14,0)+IF('Standard Profiles'!$G$21=$B$24,21,0),MOD($C4297,24)+1)/SUM(INDEX($D$3:$AA$30,INDEX(Jesper!$R$2:$R$366,ROW(INDEX(Jesper!AK$2:AK$366,ROUNDDOWN($C4297/24,0)+1,1))-1)+IF('Standard Profiles'!$G$21=$B$10,7,0)+IF('Standard Profiles'!$G$21=$B$17,14,0)+IF('Standard Profiles'!$G$21=$B$24,21,0),0)),0)</f>
        <v>7.1712355599833147E-2</v>
      </c>
      <c r="H4297" cm="1">
        <f t="array" ref="H4297">IFERROR(INDEX(Jesper!AL$2:AL$366,ROUNDDOWN($C4297/24,0)+1,1)*INDEX($D$3:$AA$30,INDEX(Jesper!$R$2:$R$366,ROW(INDEX(Jesper!AL$2:AL$366,ROUNDDOWN($C4297/24,0)+1,1))-1)+IF('Standard Profiles'!$G$22=$B$10,7,0)+IF('Standard Profiles'!$G$22=$B$17,14,0)+IF('Standard Profiles'!$G$22=$B$24,21,0),MOD($C4297,24)+1)/SUM(INDEX($D$3:$AA$30,INDEX(Jesper!$R$2:$R$366,ROW(INDEX(Jesper!AL$2:AL$366,ROUNDDOWN($C4297/24,0)+1,1))-1)+IF('Standard Profiles'!$G$22=$B$10,7,0)+IF('Standard Profiles'!$G$22=$B$17,14,0)+IF('Standard Profiles'!$G$22=$B$24,21,0),0)),0)</f>
        <v>0</v>
      </c>
      <c r="I4297">
        <f t="shared" si="482"/>
        <v>3.4421930687919891E-2</v>
      </c>
      <c r="J4297">
        <f t="shared" si="483"/>
        <v>39.800011543311633</v>
      </c>
      <c r="K4297">
        <f t="shared" si="484"/>
        <v>3.4134466358462769</v>
      </c>
      <c r="L4297">
        <f t="shared" si="485"/>
        <v>1.7067233179231385</v>
      </c>
      <c r="M4297">
        <f t="shared" si="486"/>
        <v>0</v>
      </c>
      <c r="N4297" s="45">
        <f t="shared" si="487"/>
        <v>45104.624999989661</v>
      </c>
    </row>
    <row r="4298" spans="2:14" x14ac:dyDescent="0.25">
      <c r="B4298">
        <f t="shared" si="481"/>
        <v>2</v>
      </c>
      <c r="C4298" s="16">
        <v>4264</v>
      </c>
      <c r="D4298" cm="1">
        <f t="array" ref="D4298">IFERROR(INDEX(Jesper!AH$2:AH$366,ROUNDDOWN($C4298/24,0)+1,1)*INDEX($D$3:$AA$30,INDEX(Jesper!$R$2:$R$366,ROW(INDEX(Jesper!AH$2:AH$366,ROUNDDOWN($C4298/24,0)+1,1))-1)+IF('Standard Profiles'!$G$18=$B$10,7,0)+IF('Standard Profiles'!$G$18=$B$17,14,0)+IF('Standard Profiles'!$G$18=$B$24,21,0),MOD($C4298,24)+1)/SUM(INDEX($D$3:$AA$30,INDEX(Jesper!$R$2:$R$366,ROW(INDEX(Jesper!AH$2:AH$366,ROUNDDOWN($C4298/24,0)+1,1))-1)+IF('Standard Profiles'!$G$18=$B$10,7,0)+IF('Standard Profiles'!$G$18=$B$17,14,0)+IF('Standard Profiles'!$G$18=$B$24,21,0),0)),0)</f>
        <v>18.85776880294539</v>
      </c>
      <c r="E4298" cm="1">
        <f t="array" ref="E4298">IFERROR(INDEX(Jesper!AI$2:AI$366,ROUNDDOWN($C4298/24,0)+1,1)*INDEX($D$3:$AA$30,INDEX(Jesper!$R$2:$R$366,ROW(INDEX(Jesper!AI$2:AI$366,ROUNDDOWN($C4298/24,0)+1,1))-1)+IF('Standard Profiles'!$G$19=$B$10,7,0)+IF('Standard Profiles'!$G$19=$B$17,14,0)+IF('Standard Profiles'!$G$19=$B$24,21,0),MOD($C4298,24)+1)/SUM(INDEX($D$3:$AA$30,INDEX(Jesper!$R$2:$R$366,ROW(INDEX(Jesper!AI$2:AI$366,ROUNDDOWN($C4298/24,0)+1,1))-1)+IF('Standard Profiles'!$G$19=$B$10,7,0)+IF('Standard Profiles'!$G$19=$B$17,14,0)+IF('Standard Profiles'!$G$19=$B$24,21,0),0)),0)</f>
        <v>7.5910777217257062</v>
      </c>
      <c r="F4298" cm="1">
        <f t="array" ref="F4298">IFERROR(INDEX(Jesper!AJ$2:AJ$366,ROUNDDOWN($C4298/24,0)+1,1)*INDEX($D$3:$AA$30,INDEX(Jesper!$R$2:$R$366,ROW(INDEX(Jesper!AJ$2:AJ$366,ROUNDDOWN($C4298/24,0)+1,1))-1)+IF('Standard Profiles'!$G$20=$B$10,7,0)+IF('Standard Profiles'!$G$20=$B$17,14,0)+IF('Standard Profiles'!$G$20=$B$24,21,0),MOD($C4298,24)+1)/SUM(INDEX($D$3:$AA$30,INDEX(Jesper!$R$2:$R$366,ROW(INDEX(Jesper!AJ$2:AJ$366,ROUNDDOWN($C4298/24,0)+1,1))-1)+IF('Standard Profiles'!$G$20=$B$10,7,0)+IF('Standard Profiles'!$G$20=$B$17,14,0)+IF('Standard Profiles'!$G$20=$B$24,21,0),0)),0)</f>
        <v>0</v>
      </c>
      <c r="G4298" cm="1">
        <f t="array" ref="G4298">IFERROR(INDEX(Jesper!AK$2:AK$366,ROUNDDOWN($C4298/24,0)+1,1)*INDEX($D$3:$AA$30,INDEX(Jesper!$R$2:$R$366,ROW(INDEX(Jesper!AK$2:AK$366,ROUNDDOWN($C4298/24,0)+1,1))-1)+IF('Standard Profiles'!$G$21=$B$10,7,0)+IF('Standard Profiles'!$G$21=$B$17,14,0)+IF('Standard Profiles'!$G$21=$B$24,21,0),MOD($C4298,24)+1)/SUM(INDEX($D$3:$AA$30,INDEX(Jesper!$R$2:$R$366,ROW(INDEX(Jesper!AK$2:AK$366,ROUNDDOWN($C4298/24,0)+1,1))-1)+IF('Standard Profiles'!$G$21=$B$10,7,0)+IF('Standard Profiles'!$G$21=$B$17,14,0)+IF('Standard Profiles'!$G$21=$B$24,21,0),0)),0)</f>
        <v>5.9941938571289106E-2</v>
      </c>
      <c r="H4298" cm="1">
        <f t="array" ref="H4298">IFERROR(INDEX(Jesper!AL$2:AL$366,ROUNDDOWN($C4298/24,0)+1,1)*INDEX($D$3:$AA$30,INDEX(Jesper!$R$2:$R$366,ROW(INDEX(Jesper!AL$2:AL$366,ROUNDDOWN($C4298/24,0)+1,1))-1)+IF('Standard Profiles'!$G$22=$B$10,7,0)+IF('Standard Profiles'!$G$22=$B$17,14,0)+IF('Standard Profiles'!$G$22=$B$24,21,0),MOD($C4298,24)+1)/SUM(INDEX($D$3:$AA$30,INDEX(Jesper!$R$2:$R$366,ROW(INDEX(Jesper!AL$2:AL$366,ROUNDDOWN($C4298/24,0)+1,1))-1)+IF('Standard Profiles'!$G$22=$B$10,7,0)+IF('Standard Profiles'!$G$22=$B$17,14,0)+IF('Standard Profiles'!$G$22=$B$24,21,0),0)),0)</f>
        <v>0</v>
      </c>
      <c r="I4298">
        <f t="shared" si="482"/>
        <v>2.8772130514218758E-2</v>
      </c>
      <c r="J4298">
        <f t="shared" si="483"/>
        <v>23.462773324256901</v>
      </c>
      <c r="K4298">
        <f t="shared" si="484"/>
        <v>2.0114953389808417</v>
      </c>
      <c r="L4298">
        <f t="shared" si="485"/>
        <v>1.0057476694904208</v>
      </c>
      <c r="M4298">
        <f t="shared" si="486"/>
        <v>0</v>
      </c>
      <c r="N4298" s="45">
        <f t="shared" si="487"/>
        <v>45104.666666656325</v>
      </c>
    </row>
    <row r="4299" spans="2:14" x14ac:dyDescent="0.25">
      <c r="B4299">
        <f t="shared" si="481"/>
        <v>2</v>
      </c>
      <c r="C4299" s="16">
        <v>4265</v>
      </c>
      <c r="D4299" cm="1">
        <f t="array" ref="D4299">IFERROR(INDEX(Jesper!AH$2:AH$366,ROUNDDOWN($C4299/24,0)+1,1)*INDEX($D$3:$AA$30,INDEX(Jesper!$R$2:$R$366,ROW(INDEX(Jesper!AH$2:AH$366,ROUNDDOWN($C4299/24,0)+1,1))-1)+IF('Standard Profiles'!$G$18=$B$10,7,0)+IF('Standard Profiles'!$G$18=$B$17,14,0)+IF('Standard Profiles'!$G$18=$B$24,21,0),MOD($C4299,24)+1)/SUM(INDEX($D$3:$AA$30,INDEX(Jesper!$R$2:$R$366,ROW(INDEX(Jesper!AH$2:AH$366,ROUNDDOWN($C4299/24,0)+1,1))-1)+IF('Standard Profiles'!$G$18=$B$10,7,0)+IF('Standard Profiles'!$G$18=$B$17,14,0)+IF('Standard Profiles'!$G$18=$B$24,21,0),0)),0)</f>
        <v>8.04855689412949</v>
      </c>
      <c r="E4299" cm="1">
        <f t="array" ref="E4299">IFERROR(INDEX(Jesper!AI$2:AI$366,ROUNDDOWN($C4299/24,0)+1,1)*INDEX($D$3:$AA$30,INDEX(Jesper!$R$2:$R$366,ROW(INDEX(Jesper!AI$2:AI$366,ROUNDDOWN($C4299/24,0)+1,1))-1)+IF('Standard Profiles'!$G$19=$B$10,7,0)+IF('Standard Profiles'!$G$19=$B$17,14,0)+IF('Standard Profiles'!$G$19=$B$24,21,0),MOD($C4299,24)+1)/SUM(INDEX($D$3:$AA$30,INDEX(Jesper!$R$2:$R$366,ROW(INDEX(Jesper!AI$2:AI$366,ROUNDDOWN($C4299/24,0)+1,1))-1)+IF('Standard Profiles'!$G$19=$B$10,7,0)+IF('Standard Profiles'!$G$19=$B$17,14,0)+IF('Standard Profiles'!$G$19=$B$24,21,0),0)),0)</f>
        <v>3.2398965948466523</v>
      </c>
      <c r="F4299" cm="1">
        <f t="array" ref="F4299">IFERROR(INDEX(Jesper!AJ$2:AJ$366,ROUNDDOWN($C4299/24,0)+1,1)*INDEX($D$3:$AA$30,INDEX(Jesper!$R$2:$R$366,ROW(INDEX(Jesper!AJ$2:AJ$366,ROUNDDOWN($C4299/24,0)+1,1))-1)+IF('Standard Profiles'!$G$20=$B$10,7,0)+IF('Standard Profiles'!$G$20=$B$17,14,0)+IF('Standard Profiles'!$G$20=$B$24,21,0),MOD($C4299,24)+1)/SUM(INDEX($D$3:$AA$30,INDEX(Jesper!$R$2:$R$366,ROW(INDEX(Jesper!AJ$2:AJ$366,ROUNDDOWN($C4299/24,0)+1,1))-1)+IF('Standard Profiles'!$G$20=$B$10,7,0)+IF('Standard Profiles'!$G$20=$B$17,14,0)+IF('Standard Profiles'!$G$20=$B$24,21,0),0)),0)</f>
        <v>0</v>
      </c>
      <c r="G4299" cm="1">
        <f t="array" ref="G4299">IFERROR(INDEX(Jesper!AK$2:AK$366,ROUNDDOWN($C4299/24,0)+1,1)*INDEX($D$3:$AA$30,INDEX(Jesper!$R$2:$R$366,ROW(INDEX(Jesper!AK$2:AK$366,ROUNDDOWN($C4299/24,0)+1,1))-1)+IF('Standard Profiles'!$G$21=$B$10,7,0)+IF('Standard Profiles'!$G$21=$B$17,14,0)+IF('Standard Profiles'!$G$21=$B$24,21,0),MOD($C4299,24)+1)/SUM(INDEX($D$3:$AA$30,INDEX(Jesper!$R$2:$R$366,ROW(INDEX(Jesper!AK$2:AK$366,ROUNDDOWN($C4299/24,0)+1,1))-1)+IF('Standard Profiles'!$G$21=$B$10,7,0)+IF('Standard Profiles'!$G$21=$B$17,14,0)+IF('Standard Profiles'!$G$21=$B$24,21,0),0)),0)</f>
        <v>4.7626594828460614E-2</v>
      </c>
      <c r="H4299" cm="1">
        <f t="array" ref="H4299">IFERROR(INDEX(Jesper!AL$2:AL$366,ROUNDDOWN($C4299/24,0)+1,1)*INDEX($D$3:$AA$30,INDEX(Jesper!$R$2:$R$366,ROW(INDEX(Jesper!AL$2:AL$366,ROUNDDOWN($C4299/24,0)+1,1))-1)+IF('Standard Profiles'!$G$22=$B$10,7,0)+IF('Standard Profiles'!$G$22=$B$17,14,0)+IF('Standard Profiles'!$G$22=$B$24,21,0),MOD($C4299,24)+1)/SUM(INDEX($D$3:$AA$30,INDEX(Jesper!$R$2:$R$366,ROW(INDEX(Jesper!AL$2:AL$366,ROUNDDOWN($C4299/24,0)+1,1))-1)+IF('Standard Profiles'!$G$22=$B$10,7,0)+IF('Standard Profiles'!$G$22=$B$17,14,0)+IF('Standard Profiles'!$G$22=$B$24,21,0),0)),0)</f>
        <v>0</v>
      </c>
      <c r="I4299">
        <f t="shared" si="482"/>
        <v>2.2860765517661082E-2</v>
      </c>
      <c r="J4299">
        <f t="shared" si="483"/>
        <v>10.025450215226224</v>
      </c>
      <c r="K4299">
        <f t="shared" si="484"/>
        <v>0.85851273537381234</v>
      </c>
      <c r="L4299">
        <f t="shared" si="485"/>
        <v>0.42925636768690617</v>
      </c>
      <c r="M4299">
        <f t="shared" si="486"/>
        <v>0</v>
      </c>
      <c r="N4299" s="45">
        <f t="shared" si="487"/>
        <v>45104.708333322989</v>
      </c>
    </row>
    <row r="4300" spans="2:14" x14ac:dyDescent="0.25">
      <c r="B4300">
        <f t="shared" si="481"/>
        <v>2</v>
      </c>
      <c r="C4300" s="16">
        <v>4266</v>
      </c>
      <c r="D4300" cm="1">
        <f t="array" ref="D4300">IFERROR(INDEX(Jesper!AH$2:AH$366,ROUNDDOWN($C4300/24,0)+1,1)*INDEX($D$3:$AA$30,INDEX(Jesper!$R$2:$R$366,ROW(INDEX(Jesper!AH$2:AH$366,ROUNDDOWN($C4300/24,0)+1,1))-1)+IF('Standard Profiles'!$G$18=$B$10,7,0)+IF('Standard Profiles'!$G$18=$B$17,14,0)+IF('Standard Profiles'!$G$18=$B$24,21,0),MOD($C4300,24)+1)/SUM(INDEX($D$3:$AA$30,INDEX(Jesper!$R$2:$R$366,ROW(INDEX(Jesper!AH$2:AH$366,ROUNDDOWN($C4300/24,0)+1,1))-1)+IF('Standard Profiles'!$G$18=$B$10,7,0)+IF('Standard Profiles'!$G$18=$B$17,14,0)+IF('Standard Profiles'!$G$18=$B$24,21,0),0)),0)</f>
        <v>5.3120475501254623</v>
      </c>
      <c r="E4300" cm="1">
        <f t="array" ref="E4300">IFERROR(INDEX(Jesper!AI$2:AI$366,ROUNDDOWN($C4300/24,0)+1,1)*INDEX($D$3:$AA$30,INDEX(Jesper!$R$2:$R$366,ROW(INDEX(Jesper!AI$2:AI$366,ROUNDDOWN($C4300/24,0)+1,1))-1)+IF('Standard Profiles'!$G$19=$B$10,7,0)+IF('Standard Profiles'!$G$19=$B$17,14,0)+IF('Standard Profiles'!$G$19=$B$24,21,0),MOD($C4300,24)+1)/SUM(INDEX($D$3:$AA$30,INDEX(Jesper!$R$2:$R$366,ROW(INDEX(Jesper!AI$2:AI$366,ROUNDDOWN($C4300/24,0)+1,1))-1)+IF('Standard Profiles'!$G$19=$B$10,7,0)+IF('Standard Profiles'!$G$19=$B$17,14,0)+IF('Standard Profiles'!$G$19=$B$24,21,0),0)),0)</f>
        <v>2.1383317525987904</v>
      </c>
      <c r="F4300" cm="1">
        <f t="array" ref="F4300">IFERROR(INDEX(Jesper!AJ$2:AJ$366,ROUNDDOWN($C4300/24,0)+1,1)*INDEX($D$3:$AA$30,INDEX(Jesper!$R$2:$R$366,ROW(INDEX(Jesper!AJ$2:AJ$366,ROUNDDOWN($C4300/24,0)+1,1))-1)+IF('Standard Profiles'!$G$20=$B$10,7,0)+IF('Standard Profiles'!$G$20=$B$17,14,0)+IF('Standard Profiles'!$G$20=$B$24,21,0),MOD($C4300,24)+1)/SUM(INDEX($D$3:$AA$30,INDEX(Jesper!$R$2:$R$366,ROW(INDEX(Jesper!AJ$2:AJ$366,ROUNDDOWN($C4300/24,0)+1,1))-1)+IF('Standard Profiles'!$G$20=$B$10,7,0)+IF('Standard Profiles'!$G$20=$B$17,14,0)+IF('Standard Profiles'!$G$20=$B$24,21,0),0)),0)</f>
        <v>0</v>
      </c>
      <c r="G4300" cm="1">
        <f t="array" ref="G4300">IFERROR(INDEX(Jesper!AK$2:AK$366,ROUNDDOWN($C4300/24,0)+1,1)*INDEX($D$3:$AA$30,INDEX(Jesper!$R$2:$R$366,ROW(INDEX(Jesper!AK$2:AK$366,ROUNDDOWN($C4300/24,0)+1,1))-1)+IF('Standard Profiles'!$G$21=$B$10,7,0)+IF('Standard Profiles'!$G$21=$B$17,14,0)+IF('Standard Profiles'!$G$21=$B$24,21,0),MOD($C4300,24)+1)/SUM(INDEX($D$3:$AA$30,INDEX(Jesper!$R$2:$R$366,ROW(INDEX(Jesper!AK$2:AK$366,ROUNDDOWN($C4300/24,0)+1,1))-1)+IF('Standard Profiles'!$G$21=$B$10,7,0)+IF('Standard Profiles'!$G$21=$B$17,14,0)+IF('Standard Profiles'!$G$21=$B$24,21,0),0)),0)</f>
        <v>1.689272814281784E-2</v>
      </c>
      <c r="H4300" cm="1">
        <f t="array" ref="H4300">IFERROR(INDEX(Jesper!AL$2:AL$366,ROUNDDOWN($C4300/24,0)+1,1)*INDEX($D$3:$AA$30,INDEX(Jesper!$R$2:$R$366,ROW(INDEX(Jesper!AL$2:AL$366,ROUNDDOWN($C4300/24,0)+1,1))-1)+IF('Standard Profiles'!$G$22=$B$10,7,0)+IF('Standard Profiles'!$G$22=$B$17,14,0)+IF('Standard Profiles'!$G$22=$B$24,21,0),MOD($C4300,24)+1)/SUM(INDEX($D$3:$AA$30,INDEX(Jesper!$R$2:$R$366,ROW(INDEX(Jesper!AL$2:AL$366,ROUNDDOWN($C4300/24,0)+1,1))-1)+IF('Standard Profiles'!$G$22=$B$10,7,0)+IF('Standard Profiles'!$G$22=$B$17,14,0)+IF('Standard Profiles'!$G$22=$B$24,21,0),0)),0)</f>
        <v>0</v>
      </c>
      <c r="I4300">
        <f t="shared" si="482"/>
        <v>8.1085095085525593E-3</v>
      </c>
      <c r="J4300">
        <f t="shared" si="483"/>
        <v>6.609235913338444</v>
      </c>
      <c r="K4300">
        <f t="shared" si="484"/>
        <v>0.56661840534671604</v>
      </c>
      <c r="L4300">
        <f t="shared" si="485"/>
        <v>0.28330920267335802</v>
      </c>
      <c r="M4300">
        <f t="shared" si="486"/>
        <v>0</v>
      </c>
      <c r="N4300" s="45">
        <f t="shared" si="487"/>
        <v>45104.749999989654</v>
      </c>
    </row>
    <row r="4301" spans="2:14" x14ac:dyDescent="0.25">
      <c r="B4301">
        <f t="shared" si="481"/>
        <v>2</v>
      </c>
      <c r="C4301" s="16">
        <v>4267</v>
      </c>
      <c r="D4301" cm="1">
        <f t="array" ref="D4301">IFERROR(INDEX(Jesper!AH$2:AH$366,ROUNDDOWN($C4301/24,0)+1,1)*INDEX($D$3:$AA$30,INDEX(Jesper!$R$2:$R$366,ROW(INDEX(Jesper!AH$2:AH$366,ROUNDDOWN($C4301/24,0)+1,1))-1)+IF('Standard Profiles'!$G$18=$B$10,7,0)+IF('Standard Profiles'!$G$18=$B$17,14,0)+IF('Standard Profiles'!$G$18=$B$24,21,0),MOD($C4301,24)+1)/SUM(INDEX($D$3:$AA$30,INDEX(Jesper!$R$2:$R$366,ROW(INDEX(Jesper!AH$2:AH$366,ROUNDDOWN($C4301/24,0)+1,1))-1)+IF('Standard Profiles'!$G$18=$B$10,7,0)+IF('Standard Profiles'!$G$18=$B$17,14,0)+IF('Standard Profiles'!$G$18=$B$24,21,0),0)),0)</f>
        <v>5.3120475501254623</v>
      </c>
      <c r="E4301" cm="1">
        <f t="array" ref="E4301">IFERROR(INDEX(Jesper!AI$2:AI$366,ROUNDDOWN($C4301/24,0)+1,1)*INDEX($D$3:$AA$30,INDEX(Jesper!$R$2:$R$366,ROW(INDEX(Jesper!AI$2:AI$366,ROUNDDOWN($C4301/24,0)+1,1))-1)+IF('Standard Profiles'!$G$19=$B$10,7,0)+IF('Standard Profiles'!$G$19=$B$17,14,0)+IF('Standard Profiles'!$G$19=$B$24,21,0),MOD($C4301,24)+1)/SUM(INDEX($D$3:$AA$30,INDEX(Jesper!$R$2:$R$366,ROW(INDEX(Jesper!AI$2:AI$366,ROUNDDOWN($C4301/24,0)+1,1))-1)+IF('Standard Profiles'!$G$19=$B$10,7,0)+IF('Standard Profiles'!$G$19=$B$17,14,0)+IF('Standard Profiles'!$G$19=$B$24,21,0),0)),0)</f>
        <v>2.1383317525987904</v>
      </c>
      <c r="F4301" cm="1">
        <f t="array" ref="F4301">IFERROR(INDEX(Jesper!AJ$2:AJ$366,ROUNDDOWN($C4301/24,0)+1,1)*INDEX($D$3:$AA$30,INDEX(Jesper!$R$2:$R$366,ROW(INDEX(Jesper!AJ$2:AJ$366,ROUNDDOWN($C4301/24,0)+1,1))-1)+IF('Standard Profiles'!$G$20=$B$10,7,0)+IF('Standard Profiles'!$G$20=$B$17,14,0)+IF('Standard Profiles'!$G$20=$B$24,21,0),MOD($C4301,24)+1)/SUM(INDEX($D$3:$AA$30,INDEX(Jesper!$R$2:$R$366,ROW(INDEX(Jesper!AJ$2:AJ$366,ROUNDDOWN($C4301/24,0)+1,1))-1)+IF('Standard Profiles'!$G$20=$B$10,7,0)+IF('Standard Profiles'!$G$20=$B$17,14,0)+IF('Standard Profiles'!$G$20=$B$24,21,0),0)),0)</f>
        <v>0</v>
      </c>
      <c r="G4301" cm="1">
        <f t="array" ref="G4301">IFERROR(INDEX(Jesper!AK$2:AK$366,ROUNDDOWN($C4301/24,0)+1,1)*INDEX($D$3:$AA$30,INDEX(Jesper!$R$2:$R$366,ROW(INDEX(Jesper!AK$2:AK$366,ROUNDDOWN($C4301/24,0)+1,1))-1)+IF('Standard Profiles'!$G$21=$B$10,7,0)+IF('Standard Profiles'!$G$21=$B$17,14,0)+IF('Standard Profiles'!$G$21=$B$24,21,0),MOD($C4301,24)+1)/SUM(INDEX($D$3:$AA$30,INDEX(Jesper!$R$2:$R$366,ROW(INDEX(Jesper!AK$2:AK$366,ROUNDDOWN($C4301/24,0)+1,1))-1)+IF('Standard Profiles'!$G$21=$B$10,7,0)+IF('Standard Profiles'!$G$21=$B$17,14,0)+IF('Standard Profiles'!$G$21=$B$24,21,0),0)),0)</f>
        <v>1.689272814281784E-2</v>
      </c>
      <c r="H4301" cm="1">
        <f t="array" ref="H4301">IFERROR(INDEX(Jesper!AL$2:AL$366,ROUNDDOWN($C4301/24,0)+1,1)*INDEX($D$3:$AA$30,INDEX(Jesper!$R$2:$R$366,ROW(INDEX(Jesper!AL$2:AL$366,ROUNDDOWN($C4301/24,0)+1,1))-1)+IF('Standard Profiles'!$G$22=$B$10,7,0)+IF('Standard Profiles'!$G$22=$B$17,14,0)+IF('Standard Profiles'!$G$22=$B$24,21,0),MOD($C4301,24)+1)/SUM(INDEX($D$3:$AA$30,INDEX(Jesper!$R$2:$R$366,ROW(INDEX(Jesper!AL$2:AL$366,ROUNDDOWN($C4301/24,0)+1,1))-1)+IF('Standard Profiles'!$G$22=$B$10,7,0)+IF('Standard Profiles'!$G$22=$B$17,14,0)+IF('Standard Profiles'!$G$22=$B$24,21,0),0)),0)</f>
        <v>0</v>
      </c>
      <c r="I4301">
        <f t="shared" si="482"/>
        <v>8.1085095085525593E-3</v>
      </c>
      <c r="J4301">
        <f t="shared" si="483"/>
        <v>6.609235913338444</v>
      </c>
      <c r="K4301">
        <f t="shared" si="484"/>
        <v>0.56661840534671604</v>
      </c>
      <c r="L4301">
        <f t="shared" si="485"/>
        <v>0.28330920267335802</v>
      </c>
      <c r="M4301">
        <f t="shared" si="486"/>
        <v>0</v>
      </c>
      <c r="N4301" s="45">
        <f t="shared" si="487"/>
        <v>45104.791666656318</v>
      </c>
    </row>
    <row r="4302" spans="2:14" x14ac:dyDescent="0.25">
      <c r="B4302">
        <f t="shared" si="481"/>
        <v>2</v>
      </c>
      <c r="C4302" s="16">
        <v>4268</v>
      </c>
      <c r="D4302" cm="1">
        <f t="array" ref="D4302">IFERROR(INDEX(Jesper!AH$2:AH$366,ROUNDDOWN($C4302/24,0)+1,1)*INDEX($D$3:$AA$30,INDEX(Jesper!$R$2:$R$366,ROW(INDEX(Jesper!AH$2:AH$366,ROUNDDOWN($C4302/24,0)+1,1))-1)+IF('Standard Profiles'!$G$18=$B$10,7,0)+IF('Standard Profiles'!$G$18=$B$17,14,0)+IF('Standard Profiles'!$G$18=$B$24,21,0),MOD($C4302,24)+1)/SUM(INDEX($D$3:$AA$30,INDEX(Jesper!$R$2:$R$366,ROW(INDEX(Jesper!AH$2:AH$366,ROUNDDOWN($C4302/24,0)+1,1))-1)+IF('Standard Profiles'!$G$18=$B$10,7,0)+IF('Standard Profiles'!$G$18=$B$17,14,0)+IF('Standard Profiles'!$G$18=$B$24,21,0),0)),0)</f>
        <v>5.3120475501254623</v>
      </c>
      <c r="E4302" cm="1">
        <f t="array" ref="E4302">IFERROR(INDEX(Jesper!AI$2:AI$366,ROUNDDOWN($C4302/24,0)+1,1)*INDEX($D$3:$AA$30,INDEX(Jesper!$R$2:$R$366,ROW(INDEX(Jesper!AI$2:AI$366,ROUNDDOWN($C4302/24,0)+1,1))-1)+IF('Standard Profiles'!$G$19=$B$10,7,0)+IF('Standard Profiles'!$G$19=$B$17,14,0)+IF('Standard Profiles'!$G$19=$B$24,21,0),MOD($C4302,24)+1)/SUM(INDEX($D$3:$AA$30,INDEX(Jesper!$R$2:$R$366,ROW(INDEX(Jesper!AI$2:AI$366,ROUNDDOWN($C4302/24,0)+1,1))-1)+IF('Standard Profiles'!$G$19=$B$10,7,0)+IF('Standard Profiles'!$G$19=$B$17,14,0)+IF('Standard Profiles'!$G$19=$B$24,21,0),0)),0)</f>
        <v>2.1383317525987904</v>
      </c>
      <c r="F4302" cm="1">
        <f t="array" ref="F4302">IFERROR(INDEX(Jesper!AJ$2:AJ$366,ROUNDDOWN($C4302/24,0)+1,1)*INDEX($D$3:$AA$30,INDEX(Jesper!$R$2:$R$366,ROW(INDEX(Jesper!AJ$2:AJ$366,ROUNDDOWN($C4302/24,0)+1,1))-1)+IF('Standard Profiles'!$G$20=$B$10,7,0)+IF('Standard Profiles'!$G$20=$B$17,14,0)+IF('Standard Profiles'!$G$20=$B$24,21,0),MOD($C4302,24)+1)/SUM(INDEX($D$3:$AA$30,INDEX(Jesper!$R$2:$R$366,ROW(INDEX(Jesper!AJ$2:AJ$366,ROUNDDOWN($C4302/24,0)+1,1))-1)+IF('Standard Profiles'!$G$20=$B$10,7,0)+IF('Standard Profiles'!$G$20=$B$17,14,0)+IF('Standard Profiles'!$G$20=$B$24,21,0),0)),0)</f>
        <v>0</v>
      </c>
      <c r="G4302" cm="1">
        <f t="array" ref="G4302">IFERROR(INDEX(Jesper!AK$2:AK$366,ROUNDDOWN($C4302/24,0)+1,1)*INDEX($D$3:$AA$30,INDEX(Jesper!$R$2:$R$366,ROW(INDEX(Jesper!AK$2:AK$366,ROUNDDOWN($C4302/24,0)+1,1))-1)+IF('Standard Profiles'!$G$21=$B$10,7,0)+IF('Standard Profiles'!$G$21=$B$17,14,0)+IF('Standard Profiles'!$G$21=$B$24,21,0),MOD($C4302,24)+1)/SUM(INDEX($D$3:$AA$30,INDEX(Jesper!$R$2:$R$366,ROW(INDEX(Jesper!AK$2:AK$366,ROUNDDOWN($C4302/24,0)+1,1))-1)+IF('Standard Profiles'!$G$21=$B$10,7,0)+IF('Standard Profiles'!$G$21=$B$17,14,0)+IF('Standard Profiles'!$G$21=$B$24,21,0),0)),0)</f>
        <v>1.689272814281784E-2</v>
      </c>
      <c r="H4302" cm="1">
        <f t="array" ref="H4302">IFERROR(INDEX(Jesper!AL$2:AL$366,ROUNDDOWN($C4302/24,0)+1,1)*INDEX($D$3:$AA$30,INDEX(Jesper!$R$2:$R$366,ROW(INDEX(Jesper!AL$2:AL$366,ROUNDDOWN($C4302/24,0)+1,1))-1)+IF('Standard Profiles'!$G$22=$B$10,7,0)+IF('Standard Profiles'!$G$22=$B$17,14,0)+IF('Standard Profiles'!$G$22=$B$24,21,0),MOD($C4302,24)+1)/SUM(INDEX($D$3:$AA$30,INDEX(Jesper!$R$2:$R$366,ROW(INDEX(Jesper!AL$2:AL$366,ROUNDDOWN($C4302/24,0)+1,1))-1)+IF('Standard Profiles'!$G$22=$B$10,7,0)+IF('Standard Profiles'!$G$22=$B$17,14,0)+IF('Standard Profiles'!$G$22=$B$24,21,0),0)),0)</f>
        <v>0</v>
      </c>
      <c r="I4302">
        <f t="shared" si="482"/>
        <v>8.1085095085525593E-3</v>
      </c>
      <c r="J4302">
        <f t="shared" si="483"/>
        <v>6.609235913338444</v>
      </c>
      <c r="K4302">
        <f t="shared" si="484"/>
        <v>0.56661840534671604</v>
      </c>
      <c r="L4302">
        <f t="shared" si="485"/>
        <v>0.28330920267335802</v>
      </c>
      <c r="M4302">
        <f t="shared" si="486"/>
        <v>0</v>
      </c>
      <c r="N4302" s="45">
        <f t="shared" si="487"/>
        <v>45104.833333322982</v>
      </c>
    </row>
    <row r="4303" spans="2:14" x14ac:dyDescent="0.25">
      <c r="B4303">
        <f t="shared" si="481"/>
        <v>2</v>
      </c>
      <c r="C4303" s="16">
        <v>4269</v>
      </c>
      <c r="D4303" cm="1">
        <f t="array" ref="D4303">IFERROR(INDEX(Jesper!AH$2:AH$366,ROUNDDOWN($C4303/24,0)+1,1)*INDEX($D$3:$AA$30,INDEX(Jesper!$R$2:$R$366,ROW(INDEX(Jesper!AH$2:AH$366,ROUNDDOWN($C4303/24,0)+1,1))-1)+IF('Standard Profiles'!$G$18=$B$10,7,0)+IF('Standard Profiles'!$G$18=$B$17,14,0)+IF('Standard Profiles'!$G$18=$B$24,21,0),MOD($C4303,24)+1)/SUM(INDEX($D$3:$AA$30,INDEX(Jesper!$R$2:$R$366,ROW(INDEX(Jesper!AH$2:AH$366,ROUNDDOWN($C4303/24,0)+1,1))-1)+IF('Standard Profiles'!$G$18=$B$10,7,0)+IF('Standard Profiles'!$G$18=$B$17,14,0)+IF('Standard Profiles'!$G$18=$B$24,21,0),0)),0)</f>
        <v>5.3120475501254623</v>
      </c>
      <c r="E4303" cm="1">
        <f t="array" ref="E4303">IFERROR(INDEX(Jesper!AI$2:AI$366,ROUNDDOWN($C4303/24,0)+1,1)*INDEX($D$3:$AA$30,INDEX(Jesper!$R$2:$R$366,ROW(INDEX(Jesper!AI$2:AI$366,ROUNDDOWN($C4303/24,0)+1,1))-1)+IF('Standard Profiles'!$G$19=$B$10,7,0)+IF('Standard Profiles'!$G$19=$B$17,14,0)+IF('Standard Profiles'!$G$19=$B$24,21,0),MOD($C4303,24)+1)/SUM(INDEX($D$3:$AA$30,INDEX(Jesper!$R$2:$R$366,ROW(INDEX(Jesper!AI$2:AI$366,ROUNDDOWN($C4303/24,0)+1,1))-1)+IF('Standard Profiles'!$G$19=$B$10,7,0)+IF('Standard Profiles'!$G$19=$B$17,14,0)+IF('Standard Profiles'!$G$19=$B$24,21,0),0)),0)</f>
        <v>2.1383317525987904</v>
      </c>
      <c r="F4303" cm="1">
        <f t="array" ref="F4303">IFERROR(INDEX(Jesper!AJ$2:AJ$366,ROUNDDOWN($C4303/24,0)+1,1)*INDEX($D$3:$AA$30,INDEX(Jesper!$R$2:$R$366,ROW(INDEX(Jesper!AJ$2:AJ$366,ROUNDDOWN($C4303/24,0)+1,1))-1)+IF('Standard Profiles'!$G$20=$B$10,7,0)+IF('Standard Profiles'!$G$20=$B$17,14,0)+IF('Standard Profiles'!$G$20=$B$24,21,0),MOD($C4303,24)+1)/SUM(INDEX($D$3:$AA$30,INDEX(Jesper!$R$2:$R$366,ROW(INDEX(Jesper!AJ$2:AJ$366,ROUNDDOWN($C4303/24,0)+1,1))-1)+IF('Standard Profiles'!$G$20=$B$10,7,0)+IF('Standard Profiles'!$G$20=$B$17,14,0)+IF('Standard Profiles'!$G$20=$B$24,21,0),0)),0)</f>
        <v>0</v>
      </c>
      <c r="G4303" cm="1">
        <f t="array" ref="G4303">IFERROR(INDEX(Jesper!AK$2:AK$366,ROUNDDOWN($C4303/24,0)+1,1)*INDEX($D$3:$AA$30,INDEX(Jesper!$R$2:$R$366,ROW(INDEX(Jesper!AK$2:AK$366,ROUNDDOWN($C4303/24,0)+1,1))-1)+IF('Standard Profiles'!$G$21=$B$10,7,0)+IF('Standard Profiles'!$G$21=$B$17,14,0)+IF('Standard Profiles'!$G$21=$B$24,21,0),MOD($C4303,24)+1)/SUM(INDEX($D$3:$AA$30,INDEX(Jesper!$R$2:$R$366,ROW(INDEX(Jesper!AK$2:AK$366,ROUNDDOWN($C4303/24,0)+1,1))-1)+IF('Standard Profiles'!$G$21=$B$10,7,0)+IF('Standard Profiles'!$G$21=$B$17,14,0)+IF('Standard Profiles'!$G$21=$B$24,21,0),0)),0)</f>
        <v>1.689272814281784E-2</v>
      </c>
      <c r="H4303" cm="1">
        <f t="array" ref="H4303">IFERROR(INDEX(Jesper!AL$2:AL$366,ROUNDDOWN($C4303/24,0)+1,1)*INDEX($D$3:$AA$30,INDEX(Jesper!$R$2:$R$366,ROW(INDEX(Jesper!AL$2:AL$366,ROUNDDOWN($C4303/24,0)+1,1))-1)+IF('Standard Profiles'!$G$22=$B$10,7,0)+IF('Standard Profiles'!$G$22=$B$17,14,0)+IF('Standard Profiles'!$G$22=$B$24,21,0),MOD($C4303,24)+1)/SUM(INDEX($D$3:$AA$30,INDEX(Jesper!$R$2:$R$366,ROW(INDEX(Jesper!AL$2:AL$366,ROUNDDOWN($C4303/24,0)+1,1))-1)+IF('Standard Profiles'!$G$22=$B$10,7,0)+IF('Standard Profiles'!$G$22=$B$17,14,0)+IF('Standard Profiles'!$G$22=$B$24,21,0),0)),0)</f>
        <v>0</v>
      </c>
      <c r="I4303">
        <f t="shared" si="482"/>
        <v>8.1085095085525593E-3</v>
      </c>
      <c r="J4303">
        <f t="shared" si="483"/>
        <v>6.609235913338444</v>
      </c>
      <c r="K4303">
        <f t="shared" si="484"/>
        <v>0.56661840534671604</v>
      </c>
      <c r="L4303">
        <f t="shared" si="485"/>
        <v>0.28330920267335802</v>
      </c>
      <c r="M4303">
        <f t="shared" si="486"/>
        <v>0</v>
      </c>
      <c r="N4303" s="45">
        <f t="shared" si="487"/>
        <v>45104.874999989646</v>
      </c>
    </row>
    <row r="4304" spans="2:14" x14ac:dyDescent="0.25">
      <c r="B4304">
        <f t="shared" si="481"/>
        <v>2</v>
      </c>
      <c r="C4304" s="16">
        <v>4270</v>
      </c>
      <c r="D4304" cm="1">
        <f t="array" ref="D4304">IFERROR(INDEX(Jesper!AH$2:AH$366,ROUNDDOWN($C4304/24,0)+1,1)*INDEX($D$3:$AA$30,INDEX(Jesper!$R$2:$R$366,ROW(INDEX(Jesper!AH$2:AH$366,ROUNDDOWN($C4304/24,0)+1,1))-1)+IF('Standard Profiles'!$G$18=$B$10,7,0)+IF('Standard Profiles'!$G$18=$B$17,14,0)+IF('Standard Profiles'!$G$18=$B$24,21,0),MOD($C4304,24)+1)/SUM(INDEX($D$3:$AA$30,INDEX(Jesper!$R$2:$R$366,ROW(INDEX(Jesper!AH$2:AH$366,ROUNDDOWN($C4304/24,0)+1,1))-1)+IF('Standard Profiles'!$G$18=$B$10,7,0)+IF('Standard Profiles'!$G$18=$B$17,14,0)+IF('Standard Profiles'!$G$18=$B$24,21,0),0)),0)</f>
        <v>5.3120475501254623</v>
      </c>
      <c r="E4304" cm="1">
        <f t="array" ref="E4304">IFERROR(INDEX(Jesper!AI$2:AI$366,ROUNDDOWN($C4304/24,0)+1,1)*INDEX($D$3:$AA$30,INDEX(Jesper!$R$2:$R$366,ROW(INDEX(Jesper!AI$2:AI$366,ROUNDDOWN($C4304/24,0)+1,1))-1)+IF('Standard Profiles'!$G$19=$B$10,7,0)+IF('Standard Profiles'!$G$19=$B$17,14,0)+IF('Standard Profiles'!$G$19=$B$24,21,0),MOD($C4304,24)+1)/SUM(INDEX($D$3:$AA$30,INDEX(Jesper!$R$2:$R$366,ROW(INDEX(Jesper!AI$2:AI$366,ROUNDDOWN($C4304/24,0)+1,1))-1)+IF('Standard Profiles'!$G$19=$B$10,7,0)+IF('Standard Profiles'!$G$19=$B$17,14,0)+IF('Standard Profiles'!$G$19=$B$24,21,0),0)),0)</f>
        <v>2.1383317525987904</v>
      </c>
      <c r="F4304" cm="1">
        <f t="array" ref="F4304">IFERROR(INDEX(Jesper!AJ$2:AJ$366,ROUNDDOWN($C4304/24,0)+1,1)*INDEX($D$3:$AA$30,INDEX(Jesper!$R$2:$R$366,ROW(INDEX(Jesper!AJ$2:AJ$366,ROUNDDOWN($C4304/24,0)+1,1))-1)+IF('Standard Profiles'!$G$20=$B$10,7,0)+IF('Standard Profiles'!$G$20=$B$17,14,0)+IF('Standard Profiles'!$G$20=$B$24,21,0),MOD($C4304,24)+1)/SUM(INDEX($D$3:$AA$30,INDEX(Jesper!$R$2:$R$366,ROW(INDEX(Jesper!AJ$2:AJ$366,ROUNDDOWN($C4304/24,0)+1,1))-1)+IF('Standard Profiles'!$G$20=$B$10,7,0)+IF('Standard Profiles'!$G$20=$B$17,14,0)+IF('Standard Profiles'!$G$20=$B$24,21,0),0)),0)</f>
        <v>0</v>
      </c>
      <c r="G4304" cm="1">
        <f t="array" ref="G4304">IFERROR(INDEX(Jesper!AK$2:AK$366,ROUNDDOWN($C4304/24,0)+1,1)*INDEX($D$3:$AA$30,INDEX(Jesper!$R$2:$R$366,ROW(INDEX(Jesper!AK$2:AK$366,ROUNDDOWN($C4304/24,0)+1,1))-1)+IF('Standard Profiles'!$G$21=$B$10,7,0)+IF('Standard Profiles'!$G$21=$B$17,14,0)+IF('Standard Profiles'!$G$21=$B$24,21,0),MOD($C4304,24)+1)/SUM(INDEX($D$3:$AA$30,INDEX(Jesper!$R$2:$R$366,ROW(INDEX(Jesper!AK$2:AK$366,ROUNDDOWN($C4304/24,0)+1,1))-1)+IF('Standard Profiles'!$G$21=$B$10,7,0)+IF('Standard Profiles'!$G$21=$B$17,14,0)+IF('Standard Profiles'!$G$21=$B$24,21,0),0)),0)</f>
        <v>1.689272814281784E-2</v>
      </c>
      <c r="H4304" cm="1">
        <f t="array" ref="H4304">IFERROR(INDEX(Jesper!AL$2:AL$366,ROUNDDOWN($C4304/24,0)+1,1)*INDEX($D$3:$AA$30,INDEX(Jesper!$R$2:$R$366,ROW(INDEX(Jesper!AL$2:AL$366,ROUNDDOWN($C4304/24,0)+1,1))-1)+IF('Standard Profiles'!$G$22=$B$10,7,0)+IF('Standard Profiles'!$G$22=$B$17,14,0)+IF('Standard Profiles'!$G$22=$B$24,21,0),MOD($C4304,24)+1)/SUM(INDEX($D$3:$AA$30,INDEX(Jesper!$R$2:$R$366,ROW(INDEX(Jesper!AL$2:AL$366,ROUNDDOWN($C4304/24,0)+1,1))-1)+IF('Standard Profiles'!$G$22=$B$10,7,0)+IF('Standard Profiles'!$G$22=$B$17,14,0)+IF('Standard Profiles'!$G$22=$B$24,21,0),0)),0)</f>
        <v>0</v>
      </c>
      <c r="I4304">
        <f t="shared" si="482"/>
        <v>8.1085095085525593E-3</v>
      </c>
      <c r="J4304">
        <f t="shared" si="483"/>
        <v>6.609235913338444</v>
      </c>
      <c r="K4304">
        <f t="shared" si="484"/>
        <v>0.56661840534671604</v>
      </c>
      <c r="L4304">
        <f t="shared" si="485"/>
        <v>0.28330920267335802</v>
      </c>
      <c r="M4304">
        <f t="shared" si="486"/>
        <v>0</v>
      </c>
      <c r="N4304" s="45">
        <f t="shared" si="487"/>
        <v>45104.916666656311</v>
      </c>
    </row>
    <row r="4305" spans="2:14" x14ac:dyDescent="0.25">
      <c r="B4305">
        <f t="shared" si="481"/>
        <v>2</v>
      </c>
      <c r="C4305" s="16">
        <v>4271</v>
      </c>
      <c r="D4305" cm="1">
        <f t="array" ref="D4305">IFERROR(INDEX(Jesper!AH$2:AH$366,ROUNDDOWN($C4305/24,0)+1,1)*INDEX($D$3:$AA$30,INDEX(Jesper!$R$2:$R$366,ROW(INDEX(Jesper!AH$2:AH$366,ROUNDDOWN($C4305/24,0)+1,1))-1)+IF('Standard Profiles'!$G$18=$B$10,7,0)+IF('Standard Profiles'!$G$18=$B$17,14,0)+IF('Standard Profiles'!$G$18=$B$24,21,0),MOD($C4305,24)+1)/SUM(INDEX($D$3:$AA$30,INDEX(Jesper!$R$2:$R$366,ROW(INDEX(Jesper!AH$2:AH$366,ROUNDDOWN($C4305/24,0)+1,1))-1)+IF('Standard Profiles'!$G$18=$B$10,7,0)+IF('Standard Profiles'!$G$18=$B$17,14,0)+IF('Standard Profiles'!$G$18=$B$24,21,0),0)),0)</f>
        <v>5.3120475501254623</v>
      </c>
      <c r="E4305" cm="1">
        <f t="array" ref="E4305">IFERROR(INDEX(Jesper!AI$2:AI$366,ROUNDDOWN($C4305/24,0)+1,1)*INDEX($D$3:$AA$30,INDEX(Jesper!$R$2:$R$366,ROW(INDEX(Jesper!AI$2:AI$366,ROUNDDOWN($C4305/24,0)+1,1))-1)+IF('Standard Profiles'!$G$19=$B$10,7,0)+IF('Standard Profiles'!$G$19=$B$17,14,0)+IF('Standard Profiles'!$G$19=$B$24,21,0),MOD($C4305,24)+1)/SUM(INDEX($D$3:$AA$30,INDEX(Jesper!$R$2:$R$366,ROW(INDEX(Jesper!AI$2:AI$366,ROUNDDOWN($C4305/24,0)+1,1))-1)+IF('Standard Profiles'!$G$19=$B$10,7,0)+IF('Standard Profiles'!$G$19=$B$17,14,0)+IF('Standard Profiles'!$G$19=$B$24,21,0),0)),0)</f>
        <v>2.1383317525987904</v>
      </c>
      <c r="F4305" cm="1">
        <f t="array" ref="F4305">IFERROR(INDEX(Jesper!AJ$2:AJ$366,ROUNDDOWN($C4305/24,0)+1,1)*INDEX($D$3:$AA$30,INDEX(Jesper!$R$2:$R$366,ROW(INDEX(Jesper!AJ$2:AJ$366,ROUNDDOWN($C4305/24,0)+1,1))-1)+IF('Standard Profiles'!$G$20=$B$10,7,0)+IF('Standard Profiles'!$G$20=$B$17,14,0)+IF('Standard Profiles'!$G$20=$B$24,21,0),MOD($C4305,24)+1)/SUM(INDEX($D$3:$AA$30,INDEX(Jesper!$R$2:$R$366,ROW(INDEX(Jesper!AJ$2:AJ$366,ROUNDDOWN($C4305/24,0)+1,1))-1)+IF('Standard Profiles'!$G$20=$B$10,7,0)+IF('Standard Profiles'!$G$20=$B$17,14,0)+IF('Standard Profiles'!$G$20=$B$24,21,0),0)),0)</f>
        <v>0</v>
      </c>
      <c r="G4305" cm="1">
        <f t="array" ref="G4305">IFERROR(INDEX(Jesper!AK$2:AK$366,ROUNDDOWN($C4305/24,0)+1,1)*INDEX($D$3:$AA$30,INDEX(Jesper!$R$2:$R$366,ROW(INDEX(Jesper!AK$2:AK$366,ROUNDDOWN($C4305/24,0)+1,1))-1)+IF('Standard Profiles'!$G$21=$B$10,7,0)+IF('Standard Profiles'!$G$21=$B$17,14,0)+IF('Standard Profiles'!$G$21=$B$24,21,0),MOD($C4305,24)+1)/SUM(INDEX($D$3:$AA$30,INDEX(Jesper!$R$2:$R$366,ROW(INDEX(Jesper!AK$2:AK$366,ROUNDDOWN($C4305/24,0)+1,1))-1)+IF('Standard Profiles'!$G$21=$B$10,7,0)+IF('Standard Profiles'!$G$21=$B$17,14,0)+IF('Standard Profiles'!$G$21=$B$24,21,0),0)),0)</f>
        <v>1.689272814281784E-2</v>
      </c>
      <c r="H4305" cm="1">
        <f t="array" ref="H4305">IFERROR(INDEX(Jesper!AL$2:AL$366,ROUNDDOWN($C4305/24,0)+1,1)*INDEX($D$3:$AA$30,INDEX(Jesper!$R$2:$R$366,ROW(INDEX(Jesper!AL$2:AL$366,ROUNDDOWN($C4305/24,0)+1,1))-1)+IF('Standard Profiles'!$G$22=$B$10,7,0)+IF('Standard Profiles'!$G$22=$B$17,14,0)+IF('Standard Profiles'!$G$22=$B$24,21,0),MOD($C4305,24)+1)/SUM(INDEX($D$3:$AA$30,INDEX(Jesper!$R$2:$R$366,ROW(INDEX(Jesper!AL$2:AL$366,ROUNDDOWN($C4305/24,0)+1,1))-1)+IF('Standard Profiles'!$G$22=$B$10,7,0)+IF('Standard Profiles'!$G$22=$B$17,14,0)+IF('Standard Profiles'!$G$22=$B$24,21,0),0)),0)</f>
        <v>0</v>
      </c>
      <c r="I4305">
        <f t="shared" si="482"/>
        <v>8.1085095085525593E-3</v>
      </c>
      <c r="J4305">
        <f t="shared" si="483"/>
        <v>6.609235913338444</v>
      </c>
      <c r="K4305">
        <f t="shared" si="484"/>
        <v>0.56661840534671604</v>
      </c>
      <c r="L4305">
        <f t="shared" si="485"/>
        <v>0.28330920267335802</v>
      </c>
      <c r="M4305">
        <f t="shared" si="486"/>
        <v>0</v>
      </c>
      <c r="N4305" s="45">
        <f t="shared" si="487"/>
        <v>45104.958333322975</v>
      </c>
    </row>
    <row r="4306" spans="2:14" x14ac:dyDescent="0.25">
      <c r="B4306">
        <f t="shared" si="481"/>
        <v>3</v>
      </c>
      <c r="C4306" s="16">
        <v>4272</v>
      </c>
      <c r="D4306" cm="1">
        <f t="array" ref="D4306">IFERROR(INDEX(Jesper!AH$2:AH$366,ROUNDDOWN($C4306/24,0)+1,1)*INDEX($D$3:$AA$30,INDEX(Jesper!$R$2:$R$366,ROW(INDEX(Jesper!AH$2:AH$366,ROUNDDOWN($C4306/24,0)+1,1))-1)+IF('Standard Profiles'!$G$18=$B$10,7,0)+IF('Standard Profiles'!$G$18=$B$17,14,0)+IF('Standard Profiles'!$G$18=$B$24,21,0),MOD($C4306,24)+1)/SUM(INDEX($D$3:$AA$30,INDEX(Jesper!$R$2:$R$366,ROW(INDEX(Jesper!AH$2:AH$366,ROUNDDOWN($C4306/24,0)+1,1))-1)+IF('Standard Profiles'!$G$18=$B$10,7,0)+IF('Standard Profiles'!$G$18=$B$17,14,0)+IF('Standard Profiles'!$G$18=$B$24,21,0),0)),0)</f>
        <v>5.4563613683993681</v>
      </c>
      <c r="E4306" cm="1">
        <f t="array" ref="E4306">IFERROR(INDEX(Jesper!AI$2:AI$366,ROUNDDOWN($C4306/24,0)+1,1)*INDEX($D$3:$AA$30,INDEX(Jesper!$R$2:$R$366,ROW(INDEX(Jesper!AI$2:AI$366,ROUNDDOWN($C4306/24,0)+1,1))-1)+IF('Standard Profiles'!$G$19=$B$10,7,0)+IF('Standard Profiles'!$G$19=$B$17,14,0)+IF('Standard Profiles'!$G$19=$B$24,21,0),MOD($C4306,24)+1)/SUM(INDEX($D$3:$AA$30,INDEX(Jesper!$R$2:$R$366,ROW(INDEX(Jesper!AI$2:AI$366,ROUNDDOWN($C4306/24,0)+1,1))-1)+IF('Standard Profiles'!$G$19=$B$10,7,0)+IF('Standard Profiles'!$G$19=$B$17,14,0)+IF('Standard Profiles'!$G$19=$B$24,21,0),0)),0)</f>
        <v>2.4736025535037585</v>
      </c>
      <c r="F4306" cm="1">
        <f t="array" ref="F4306">IFERROR(INDEX(Jesper!AJ$2:AJ$366,ROUNDDOWN($C4306/24,0)+1,1)*INDEX($D$3:$AA$30,INDEX(Jesper!$R$2:$R$366,ROW(INDEX(Jesper!AJ$2:AJ$366,ROUNDDOWN($C4306/24,0)+1,1))-1)+IF('Standard Profiles'!$G$20=$B$10,7,0)+IF('Standard Profiles'!$G$20=$B$17,14,0)+IF('Standard Profiles'!$G$20=$B$24,21,0),MOD($C4306,24)+1)/SUM(INDEX($D$3:$AA$30,INDEX(Jesper!$R$2:$R$366,ROW(INDEX(Jesper!AJ$2:AJ$366,ROUNDDOWN($C4306/24,0)+1,1))-1)+IF('Standard Profiles'!$G$20=$B$10,7,0)+IF('Standard Profiles'!$G$20=$B$17,14,0)+IF('Standard Profiles'!$G$20=$B$24,21,0),0)),0)</f>
        <v>0</v>
      </c>
      <c r="G4306" cm="1">
        <f t="array" ref="G4306">IFERROR(INDEX(Jesper!AK$2:AK$366,ROUNDDOWN($C4306/24,0)+1,1)*INDEX($D$3:$AA$30,INDEX(Jesper!$R$2:$R$366,ROW(INDEX(Jesper!AK$2:AK$366,ROUNDDOWN($C4306/24,0)+1,1))-1)+IF('Standard Profiles'!$G$21=$B$10,7,0)+IF('Standard Profiles'!$G$21=$B$17,14,0)+IF('Standard Profiles'!$G$21=$B$24,21,0),MOD($C4306,24)+1)/SUM(INDEX($D$3:$AA$30,INDEX(Jesper!$R$2:$R$366,ROW(INDEX(Jesper!AK$2:AK$366,ROUNDDOWN($C4306/24,0)+1,1))-1)+IF('Standard Profiles'!$G$21=$B$10,7,0)+IF('Standard Profiles'!$G$21=$B$17,14,0)+IF('Standard Profiles'!$G$21=$B$24,21,0),0)),0)</f>
        <v>0.50601867003019063</v>
      </c>
      <c r="H4306" cm="1">
        <f t="array" ref="H4306">IFERROR(INDEX(Jesper!AL$2:AL$366,ROUNDDOWN($C4306/24,0)+1,1)*INDEX($D$3:$AA$30,INDEX(Jesper!$R$2:$R$366,ROW(INDEX(Jesper!AL$2:AL$366,ROUNDDOWN($C4306/24,0)+1,1))-1)+IF('Standard Profiles'!$G$22=$B$10,7,0)+IF('Standard Profiles'!$G$22=$B$17,14,0)+IF('Standard Profiles'!$G$22=$B$24,21,0),MOD($C4306,24)+1)/SUM(INDEX($D$3:$AA$30,INDEX(Jesper!$R$2:$R$366,ROW(INDEX(Jesper!AL$2:AL$366,ROUNDDOWN($C4306/24,0)+1,1))-1)+IF('Standard Profiles'!$G$22=$B$10,7,0)+IF('Standard Profiles'!$G$22=$B$17,14,0)+IF('Standard Profiles'!$G$22=$B$24,21,0),0)),0)</f>
        <v>0</v>
      </c>
      <c r="I4306">
        <f t="shared" si="482"/>
        <v>0.24288896161449139</v>
      </c>
      <c r="J4306">
        <f t="shared" si="483"/>
        <v>7.3200758113749265</v>
      </c>
      <c r="K4306">
        <f t="shared" si="484"/>
        <v>0.58201187929593268</v>
      </c>
      <c r="L4306">
        <f t="shared" si="485"/>
        <v>0.29100593964796634</v>
      </c>
      <c r="M4306">
        <f t="shared" si="486"/>
        <v>0</v>
      </c>
      <c r="N4306" s="45">
        <f t="shared" si="487"/>
        <v>45104.999999989639</v>
      </c>
    </row>
    <row r="4307" spans="2:14" x14ac:dyDescent="0.25">
      <c r="B4307">
        <f t="shared" si="481"/>
        <v>3</v>
      </c>
      <c r="C4307" s="16">
        <v>4273</v>
      </c>
      <c r="D4307" cm="1">
        <f t="array" ref="D4307">IFERROR(INDEX(Jesper!AH$2:AH$366,ROUNDDOWN($C4307/24,0)+1,1)*INDEX($D$3:$AA$30,INDEX(Jesper!$R$2:$R$366,ROW(INDEX(Jesper!AH$2:AH$366,ROUNDDOWN($C4307/24,0)+1,1))-1)+IF('Standard Profiles'!$G$18=$B$10,7,0)+IF('Standard Profiles'!$G$18=$B$17,14,0)+IF('Standard Profiles'!$G$18=$B$24,21,0),MOD($C4307,24)+1)/SUM(INDEX($D$3:$AA$30,INDEX(Jesper!$R$2:$R$366,ROW(INDEX(Jesper!AH$2:AH$366,ROUNDDOWN($C4307/24,0)+1,1))-1)+IF('Standard Profiles'!$G$18=$B$10,7,0)+IF('Standard Profiles'!$G$18=$B$17,14,0)+IF('Standard Profiles'!$G$18=$B$24,21,0),0)),0)</f>
        <v>5.4563613683993681</v>
      </c>
      <c r="E4307" cm="1">
        <f t="array" ref="E4307">IFERROR(INDEX(Jesper!AI$2:AI$366,ROUNDDOWN($C4307/24,0)+1,1)*INDEX($D$3:$AA$30,INDEX(Jesper!$R$2:$R$366,ROW(INDEX(Jesper!AI$2:AI$366,ROUNDDOWN($C4307/24,0)+1,1))-1)+IF('Standard Profiles'!$G$19=$B$10,7,0)+IF('Standard Profiles'!$G$19=$B$17,14,0)+IF('Standard Profiles'!$G$19=$B$24,21,0),MOD($C4307,24)+1)/SUM(INDEX($D$3:$AA$30,INDEX(Jesper!$R$2:$R$366,ROW(INDEX(Jesper!AI$2:AI$366,ROUNDDOWN($C4307/24,0)+1,1))-1)+IF('Standard Profiles'!$G$19=$B$10,7,0)+IF('Standard Profiles'!$G$19=$B$17,14,0)+IF('Standard Profiles'!$G$19=$B$24,21,0),0)),0)</f>
        <v>2.4736025535037585</v>
      </c>
      <c r="F4307" cm="1">
        <f t="array" ref="F4307">IFERROR(INDEX(Jesper!AJ$2:AJ$366,ROUNDDOWN($C4307/24,0)+1,1)*INDEX($D$3:$AA$30,INDEX(Jesper!$R$2:$R$366,ROW(INDEX(Jesper!AJ$2:AJ$366,ROUNDDOWN($C4307/24,0)+1,1))-1)+IF('Standard Profiles'!$G$20=$B$10,7,0)+IF('Standard Profiles'!$G$20=$B$17,14,0)+IF('Standard Profiles'!$G$20=$B$24,21,0),MOD($C4307,24)+1)/SUM(INDEX($D$3:$AA$30,INDEX(Jesper!$R$2:$R$366,ROW(INDEX(Jesper!AJ$2:AJ$366,ROUNDDOWN($C4307/24,0)+1,1))-1)+IF('Standard Profiles'!$G$20=$B$10,7,0)+IF('Standard Profiles'!$G$20=$B$17,14,0)+IF('Standard Profiles'!$G$20=$B$24,21,0),0)),0)</f>
        <v>0</v>
      </c>
      <c r="G4307" cm="1">
        <f t="array" ref="G4307">IFERROR(INDEX(Jesper!AK$2:AK$366,ROUNDDOWN($C4307/24,0)+1,1)*INDEX($D$3:$AA$30,INDEX(Jesper!$R$2:$R$366,ROW(INDEX(Jesper!AK$2:AK$366,ROUNDDOWN($C4307/24,0)+1,1))-1)+IF('Standard Profiles'!$G$21=$B$10,7,0)+IF('Standard Profiles'!$G$21=$B$17,14,0)+IF('Standard Profiles'!$G$21=$B$24,21,0),MOD($C4307,24)+1)/SUM(INDEX($D$3:$AA$30,INDEX(Jesper!$R$2:$R$366,ROW(INDEX(Jesper!AK$2:AK$366,ROUNDDOWN($C4307/24,0)+1,1))-1)+IF('Standard Profiles'!$G$21=$B$10,7,0)+IF('Standard Profiles'!$G$21=$B$17,14,0)+IF('Standard Profiles'!$G$21=$B$24,21,0),0)),0)</f>
        <v>0.50601867003019063</v>
      </c>
      <c r="H4307" cm="1">
        <f t="array" ref="H4307">IFERROR(INDEX(Jesper!AL$2:AL$366,ROUNDDOWN($C4307/24,0)+1,1)*INDEX($D$3:$AA$30,INDEX(Jesper!$R$2:$R$366,ROW(INDEX(Jesper!AL$2:AL$366,ROUNDDOWN($C4307/24,0)+1,1))-1)+IF('Standard Profiles'!$G$22=$B$10,7,0)+IF('Standard Profiles'!$G$22=$B$17,14,0)+IF('Standard Profiles'!$G$22=$B$24,21,0),MOD($C4307,24)+1)/SUM(INDEX($D$3:$AA$30,INDEX(Jesper!$R$2:$R$366,ROW(INDEX(Jesper!AL$2:AL$366,ROUNDDOWN($C4307/24,0)+1,1))-1)+IF('Standard Profiles'!$G$22=$B$10,7,0)+IF('Standard Profiles'!$G$22=$B$17,14,0)+IF('Standard Profiles'!$G$22=$B$24,21,0),0)),0)</f>
        <v>0</v>
      </c>
      <c r="I4307">
        <f t="shared" si="482"/>
        <v>0.24288896161449139</v>
      </c>
      <c r="J4307">
        <f t="shared" si="483"/>
        <v>7.3200758113749265</v>
      </c>
      <c r="K4307">
        <f t="shared" si="484"/>
        <v>0.58201187929593268</v>
      </c>
      <c r="L4307">
        <f t="shared" si="485"/>
        <v>0.29100593964796634</v>
      </c>
      <c r="M4307">
        <f t="shared" si="486"/>
        <v>0</v>
      </c>
      <c r="N4307" s="45">
        <f t="shared" si="487"/>
        <v>45105.041666656303</v>
      </c>
    </row>
    <row r="4308" spans="2:14" x14ac:dyDescent="0.25">
      <c r="B4308">
        <f t="shared" si="481"/>
        <v>3</v>
      </c>
      <c r="C4308" s="16">
        <v>4274</v>
      </c>
      <c r="D4308" cm="1">
        <f t="array" ref="D4308">IFERROR(INDEX(Jesper!AH$2:AH$366,ROUNDDOWN($C4308/24,0)+1,1)*INDEX($D$3:$AA$30,INDEX(Jesper!$R$2:$R$366,ROW(INDEX(Jesper!AH$2:AH$366,ROUNDDOWN($C4308/24,0)+1,1))-1)+IF('Standard Profiles'!$G$18=$B$10,7,0)+IF('Standard Profiles'!$G$18=$B$17,14,0)+IF('Standard Profiles'!$G$18=$B$24,21,0),MOD($C4308,24)+1)/SUM(INDEX($D$3:$AA$30,INDEX(Jesper!$R$2:$R$366,ROW(INDEX(Jesper!AH$2:AH$366,ROUNDDOWN($C4308/24,0)+1,1))-1)+IF('Standard Profiles'!$G$18=$B$10,7,0)+IF('Standard Profiles'!$G$18=$B$17,14,0)+IF('Standard Profiles'!$G$18=$B$24,21,0),0)),0)</f>
        <v>5.4563613683993681</v>
      </c>
      <c r="E4308" cm="1">
        <f t="array" ref="E4308">IFERROR(INDEX(Jesper!AI$2:AI$366,ROUNDDOWN($C4308/24,0)+1,1)*INDEX($D$3:$AA$30,INDEX(Jesper!$R$2:$R$366,ROW(INDEX(Jesper!AI$2:AI$366,ROUNDDOWN($C4308/24,0)+1,1))-1)+IF('Standard Profiles'!$G$19=$B$10,7,0)+IF('Standard Profiles'!$G$19=$B$17,14,0)+IF('Standard Profiles'!$G$19=$B$24,21,0),MOD($C4308,24)+1)/SUM(INDEX($D$3:$AA$30,INDEX(Jesper!$R$2:$R$366,ROW(INDEX(Jesper!AI$2:AI$366,ROUNDDOWN($C4308/24,0)+1,1))-1)+IF('Standard Profiles'!$G$19=$B$10,7,0)+IF('Standard Profiles'!$G$19=$B$17,14,0)+IF('Standard Profiles'!$G$19=$B$24,21,0),0)),0)</f>
        <v>2.4736025535037585</v>
      </c>
      <c r="F4308" cm="1">
        <f t="array" ref="F4308">IFERROR(INDEX(Jesper!AJ$2:AJ$366,ROUNDDOWN($C4308/24,0)+1,1)*INDEX($D$3:$AA$30,INDEX(Jesper!$R$2:$R$366,ROW(INDEX(Jesper!AJ$2:AJ$366,ROUNDDOWN($C4308/24,0)+1,1))-1)+IF('Standard Profiles'!$G$20=$B$10,7,0)+IF('Standard Profiles'!$G$20=$B$17,14,0)+IF('Standard Profiles'!$G$20=$B$24,21,0),MOD($C4308,24)+1)/SUM(INDEX($D$3:$AA$30,INDEX(Jesper!$R$2:$R$366,ROW(INDEX(Jesper!AJ$2:AJ$366,ROUNDDOWN($C4308/24,0)+1,1))-1)+IF('Standard Profiles'!$G$20=$B$10,7,0)+IF('Standard Profiles'!$G$20=$B$17,14,0)+IF('Standard Profiles'!$G$20=$B$24,21,0),0)),0)</f>
        <v>0</v>
      </c>
      <c r="G4308" cm="1">
        <f t="array" ref="G4308">IFERROR(INDEX(Jesper!AK$2:AK$366,ROUNDDOWN($C4308/24,0)+1,1)*INDEX($D$3:$AA$30,INDEX(Jesper!$R$2:$R$366,ROW(INDEX(Jesper!AK$2:AK$366,ROUNDDOWN($C4308/24,0)+1,1))-1)+IF('Standard Profiles'!$G$21=$B$10,7,0)+IF('Standard Profiles'!$G$21=$B$17,14,0)+IF('Standard Profiles'!$G$21=$B$24,21,0),MOD($C4308,24)+1)/SUM(INDEX($D$3:$AA$30,INDEX(Jesper!$R$2:$R$366,ROW(INDEX(Jesper!AK$2:AK$366,ROUNDDOWN($C4308/24,0)+1,1))-1)+IF('Standard Profiles'!$G$21=$B$10,7,0)+IF('Standard Profiles'!$G$21=$B$17,14,0)+IF('Standard Profiles'!$G$21=$B$24,21,0),0)),0)</f>
        <v>0.50601867003019063</v>
      </c>
      <c r="H4308" cm="1">
        <f t="array" ref="H4308">IFERROR(INDEX(Jesper!AL$2:AL$366,ROUNDDOWN($C4308/24,0)+1,1)*INDEX($D$3:$AA$30,INDEX(Jesper!$R$2:$R$366,ROW(INDEX(Jesper!AL$2:AL$366,ROUNDDOWN($C4308/24,0)+1,1))-1)+IF('Standard Profiles'!$G$22=$B$10,7,0)+IF('Standard Profiles'!$G$22=$B$17,14,0)+IF('Standard Profiles'!$G$22=$B$24,21,0),MOD($C4308,24)+1)/SUM(INDEX($D$3:$AA$30,INDEX(Jesper!$R$2:$R$366,ROW(INDEX(Jesper!AL$2:AL$366,ROUNDDOWN($C4308/24,0)+1,1))-1)+IF('Standard Profiles'!$G$22=$B$10,7,0)+IF('Standard Profiles'!$G$22=$B$17,14,0)+IF('Standard Profiles'!$G$22=$B$24,21,0),0)),0)</f>
        <v>0</v>
      </c>
      <c r="I4308">
        <f t="shared" si="482"/>
        <v>0.24288896161449139</v>
      </c>
      <c r="J4308">
        <f t="shared" si="483"/>
        <v>7.3200758113749265</v>
      </c>
      <c r="K4308">
        <f t="shared" si="484"/>
        <v>0.58201187929593268</v>
      </c>
      <c r="L4308">
        <f t="shared" si="485"/>
        <v>0.29100593964796634</v>
      </c>
      <c r="M4308">
        <f t="shared" si="486"/>
        <v>0</v>
      </c>
      <c r="N4308" s="45">
        <f t="shared" si="487"/>
        <v>45105.083333322968</v>
      </c>
    </row>
    <row r="4309" spans="2:14" x14ac:dyDescent="0.25">
      <c r="B4309">
        <f t="shared" si="481"/>
        <v>3</v>
      </c>
      <c r="C4309" s="16">
        <v>4275</v>
      </c>
      <c r="D4309" cm="1">
        <f t="array" ref="D4309">IFERROR(INDEX(Jesper!AH$2:AH$366,ROUNDDOWN($C4309/24,0)+1,1)*INDEX($D$3:$AA$30,INDEX(Jesper!$R$2:$R$366,ROW(INDEX(Jesper!AH$2:AH$366,ROUNDDOWN($C4309/24,0)+1,1))-1)+IF('Standard Profiles'!$G$18=$B$10,7,0)+IF('Standard Profiles'!$G$18=$B$17,14,0)+IF('Standard Profiles'!$G$18=$B$24,21,0),MOD($C4309,24)+1)/SUM(INDEX($D$3:$AA$30,INDEX(Jesper!$R$2:$R$366,ROW(INDEX(Jesper!AH$2:AH$366,ROUNDDOWN($C4309/24,0)+1,1))-1)+IF('Standard Profiles'!$G$18=$B$10,7,0)+IF('Standard Profiles'!$G$18=$B$17,14,0)+IF('Standard Profiles'!$G$18=$B$24,21,0),0)),0)</f>
        <v>5.4563613683993681</v>
      </c>
      <c r="E4309" cm="1">
        <f t="array" ref="E4309">IFERROR(INDEX(Jesper!AI$2:AI$366,ROUNDDOWN($C4309/24,0)+1,1)*INDEX($D$3:$AA$30,INDEX(Jesper!$R$2:$R$366,ROW(INDEX(Jesper!AI$2:AI$366,ROUNDDOWN($C4309/24,0)+1,1))-1)+IF('Standard Profiles'!$G$19=$B$10,7,0)+IF('Standard Profiles'!$G$19=$B$17,14,0)+IF('Standard Profiles'!$G$19=$B$24,21,0),MOD($C4309,24)+1)/SUM(INDEX($D$3:$AA$30,INDEX(Jesper!$R$2:$R$366,ROW(INDEX(Jesper!AI$2:AI$366,ROUNDDOWN($C4309/24,0)+1,1))-1)+IF('Standard Profiles'!$G$19=$B$10,7,0)+IF('Standard Profiles'!$G$19=$B$17,14,0)+IF('Standard Profiles'!$G$19=$B$24,21,0),0)),0)</f>
        <v>2.4736025535037585</v>
      </c>
      <c r="F4309" cm="1">
        <f t="array" ref="F4309">IFERROR(INDEX(Jesper!AJ$2:AJ$366,ROUNDDOWN($C4309/24,0)+1,1)*INDEX($D$3:$AA$30,INDEX(Jesper!$R$2:$R$366,ROW(INDEX(Jesper!AJ$2:AJ$366,ROUNDDOWN($C4309/24,0)+1,1))-1)+IF('Standard Profiles'!$G$20=$B$10,7,0)+IF('Standard Profiles'!$G$20=$B$17,14,0)+IF('Standard Profiles'!$G$20=$B$24,21,0),MOD($C4309,24)+1)/SUM(INDEX($D$3:$AA$30,INDEX(Jesper!$R$2:$R$366,ROW(INDEX(Jesper!AJ$2:AJ$366,ROUNDDOWN($C4309/24,0)+1,1))-1)+IF('Standard Profiles'!$G$20=$B$10,7,0)+IF('Standard Profiles'!$G$20=$B$17,14,0)+IF('Standard Profiles'!$G$20=$B$24,21,0),0)),0)</f>
        <v>0</v>
      </c>
      <c r="G4309" cm="1">
        <f t="array" ref="G4309">IFERROR(INDEX(Jesper!AK$2:AK$366,ROUNDDOWN($C4309/24,0)+1,1)*INDEX($D$3:$AA$30,INDEX(Jesper!$R$2:$R$366,ROW(INDEX(Jesper!AK$2:AK$366,ROUNDDOWN($C4309/24,0)+1,1))-1)+IF('Standard Profiles'!$G$21=$B$10,7,0)+IF('Standard Profiles'!$G$21=$B$17,14,0)+IF('Standard Profiles'!$G$21=$B$24,21,0),MOD($C4309,24)+1)/SUM(INDEX($D$3:$AA$30,INDEX(Jesper!$R$2:$R$366,ROW(INDEX(Jesper!AK$2:AK$366,ROUNDDOWN($C4309/24,0)+1,1))-1)+IF('Standard Profiles'!$G$21=$B$10,7,0)+IF('Standard Profiles'!$G$21=$B$17,14,0)+IF('Standard Profiles'!$G$21=$B$24,21,0),0)),0)</f>
        <v>0.50601867003019063</v>
      </c>
      <c r="H4309" cm="1">
        <f t="array" ref="H4309">IFERROR(INDEX(Jesper!AL$2:AL$366,ROUNDDOWN($C4309/24,0)+1,1)*INDEX($D$3:$AA$30,INDEX(Jesper!$R$2:$R$366,ROW(INDEX(Jesper!AL$2:AL$366,ROUNDDOWN($C4309/24,0)+1,1))-1)+IF('Standard Profiles'!$G$22=$B$10,7,0)+IF('Standard Profiles'!$G$22=$B$17,14,0)+IF('Standard Profiles'!$G$22=$B$24,21,0),MOD($C4309,24)+1)/SUM(INDEX($D$3:$AA$30,INDEX(Jesper!$R$2:$R$366,ROW(INDEX(Jesper!AL$2:AL$366,ROUNDDOWN($C4309/24,0)+1,1))-1)+IF('Standard Profiles'!$G$22=$B$10,7,0)+IF('Standard Profiles'!$G$22=$B$17,14,0)+IF('Standard Profiles'!$G$22=$B$24,21,0),0)),0)</f>
        <v>0</v>
      </c>
      <c r="I4309">
        <f t="shared" si="482"/>
        <v>0.24288896161449139</v>
      </c>
      <c r="J4309">
        <f t="shared" si="483"/>
        <v>7.3200758113749265</v>
      </c>
      <c r="K4309">
        <f t="shared" si="484"/>
        <v>0.58201187929593268</v>
      </c>
      <c r="L4309">
        <f t="shared" si="485"/>
        <v>0.29100593964796634</v>
      </c>
      <c r="M4309">
        <f t="shared" si="486"/>
        <v>0</v>
      </c>
      <c r="N4309" s="45">
        <f t="shared" si="487"/>
        <v>45105.124999989632</v>
      </c>
    </row>
    <row r="4310" spans="2:14" x14ac:dyDescent="0.25">
      <c r="B4310">
        <f t="shared" si="481"/>
        <v>3</v>
      </c>
      <c r="C4310" s="16">
        <v>4276</v>
      </c>
      <c r="D4310" cm="1">
        <f t="array" ref="D4310">IFERROR(INDEX(Jesper!AH$2:AH$366,ROUNDDOWN($C4310/24,0)+1,1)*INDEX($D$3:$AA$30,INDEX(Jesper!$R$2:$R$366,ROW(INDEX(Jesper!AH$2:AH$366,ROUNDDOWN($C4310/24,0)+1,1))-1)+IF('Standard Profiles'!$G$18=$B$10,7,0)+IF('Standard Profiles'!$G$18=$B$17,14,0)+IF('Standard Profiles'!$G$18=$B$24,21,0),MOD($C4310,24)+1)/SUM(INDEX($D$3:$AA$30,INDEX(Jesper!$R$2:$R$366,ROW(INDEX(Jesper!AH$2:AH$366,ROUNDDOWN($C4310/24,0)+1,1))-1)+IF('Standard Profiles'!$G$18=$B$10,7,0)+IF('Standard Profiles'!$G$18=$B$17,14,0)+IF('Standard Profiles'!$G$18=$B$24,21,0),0)),0)</f>
        <v>5.4563613683993681</v>
      </c>
      <c r="E4310" cm="1">
        <f t="array" ref="E4310">IFERROR(INDEX(Jesper!AI$2:AI$366,ROUNDDOWN($C4310/24,0)+1,1)*INDEX($D$3:$AA$30,INDEX(Jesper!$R$2:$R$366,ROW(INDEX(Jesper!AI$2:AI$366,ROUNDDOWN($C4310/24,0)+1,1))-1)+IF('Standard Profiles'!$G$19=$B$10,7,0)+IF('Standard Profiles'!$G$19=$B$17,14,0)+IF('Standard Profiles'!$G$19=$B$24,21,0),MOD($C4310,24)+1)/SUM(INDEX($D$3:$AA$30,INDEX(Jesper!$R$2:$R$366,ROW(INDEX(Jesper!AI$2:AI$366,ROUNDDOWN($C4310/24,0)+1,1))-1)+IF('Standard Profiles'!$G$19=$B$10,7,0)+IF('Standard Profiles'!$G$19=$B$17,14,0)+IF('Standard Profiles'!$G$19=$B$24,21,0),0)),0)</f>
        <v>2.4736025535037585</v>
      </c>
      <c r="F4310" cm="1">
        <f t="array" ref="F4310">IFERROR(INDEX(Jesper!AJ$2:AJ$366,ROUNDDOWN($C4310/24,0)+1,1)*INDEX($D$3:$AA$30,INDEX(Jesper!$R$2:$R$366,ROW(INDEX(Jesper!AJ$2:AJ$366,ROUNDDOWN($C4310/24,0)+1,1))-1)+IF('Standard Profiles'!$G$20=$B$10,7,0)+IF('Standard Profiles'!$G$20=$B$17,14,0)+IF('Standard Profiles'!$G$20=$B$24,21,0),MOD($C4310,24)+1)/SUM(INDEX($D$3:$AA$30,INDEX(Jesper!$R$2:$R$366,ROW(INDEX(Jesper!AJ$2:AJ$366,ROUNDDOWN($C4310/24,0)+1,1))-1)+IF('Standard Profiles'!$G$20=$B$10,7,0)+IF('Standard Profiles'!$G$20=$B$17,14,0)+IF('Standard Profiles'!$G$20=$B$24,21,0),0)),0)</f>
        <v>0</v>
      </c>
      <c r="G4310" cm="1">
        <f t="array" ref="G4310">IFERROR(INDEX(Jesper!AK$2:AK$366,ROUNDDOWN($C4310/24,0)+1,1)*INDEX($D$3:$AA$30,INDEX(Jesper!$R$2:$R$366,ROW(INDEX(Jesper!AK$2:AK$366,ROUNDDOWN($C4310/24,0)+1,1))-1)+IF('Standard Profiles'!$G$21=$B$10,7,0)+IF('Standard Profiles'!$G$21=$B$17,14,0)+IF('Standard Profiles'!$G$21=$B$24,21,0),MOD($C4310,24)+1)/SUM(INDEX($D$3:$AA$30,INDEX(Jesper!$R$2:$R$366,ROW(INDEX(Jesper!AK$2:AK$366,ROUNDDOWN($C4310/24,0)+1,1))-1)+IF('Standard Profiles'!$G$21=$B$10,7,0)+IF('Standard Profiles'!$G$21=$B$17,14,0)+IF('Standard Profiles'!$G$21=$B$24,21,0),0)),0)</f>
        <v>0.50601867003019063</v>
      </c>
      <c r="H4310" cm="1">
        <f t="array" ref="H4310">IFERROR(INDEX(Jesper!AL$2:AL$366,ROUNDDOWN($C4310/24,0)+1,1)*INDEX($D$3:$AA$30,INDEX(Jesper!$R$2:$R$366,ROW(INDEX(Jesper!AL$2:AL$366,ROUNDDOWN($C4310/24,0)+1,1))-1)+IF('Standard Profiles'!$G$22=$B$10,7,0)+IF('Standard Profiles'!$G$22=$B$17,14,0)+IF('Standard Profiles'!$G$22=$B$24,21,0),MOD($C4310,24)+1)/SUM(INDEX($D$3:$AA$30,INDEX(Jesper!$R$2:$R$366,ROW(INDEX(Jesper!AL$2:AL$366,ROUNDDOWN($C4310/24,0)+1,1))-1)+IF('Standard Profiles'!$G$22=$B$10,7,0)+IF('Standard Profiles'!$G$22=$B$17,14,0)+IF('Standard Profiles'!$G$22=$B$24,21,0),0)),0)</f>
        <v>0</v>
      </c>
      <c r="I4310">
        <f t="shared" si="482"/>
        <v>0.24288896161449139</v>
      </c>
      <c r="J4310">
        <f t="shared" si="483"/>
        <v>7.3200758113749265</v>
      </c>
      <c r="K4310">
        <f t="shared" si="484"/>
        <v>0.58201187929593268</v>
      </c>
      <c r="L4310">
        <f t="shared" si="485"/>
        <v>0.29100593964796634</v>
      </c>
      <c r="M4310">
        <f t="shared" si="486"/>
        <v>0</v>
      </c>
      <c r="N4310" s="45">
        <f t="shared" si="487"/>
        <v>45105.166666656296</v>
      </c>
    </row>
    <row r="4311" spans="2:14" x14ac:dyDescent="0.25">
      <c r="B4311">
        <f t="shared" si="481"/>
        <v>3</v>
      </c>
      <c r="C4311" s="16">
        <v>4277</v>
      </c>
      <c r="D4311" cm="1">
        <f t="array" ref="D4311">IFERROR(INDEX(Jesper!AH$2:AH$366,ROUNDDOWN($C4311/24,0)+1,1)*INDEX($D$3:$AA$30,INDEX(Jesper!$R$2:$R$366,ROW(INDEX(Jesper!AH$2:AH$366,ROUNDDOWN($C4311/24,0)+1,1))-1)+IF('Standard Profiles'!$G$18=$B$10,7,0)+IF('Standard Profiles'!$G$18=$B$17,14,0)+IF('Standard Profiles'!$G$18=$B$24,21,0),MOD($C4311,24)+1)/SUM(INDEX($D$3:$AA$30,INDEX(Jesper!$R$2:$R$366,ROW(INDEX(Jesper!AH$2:AH$366,ROUNDDOWN($C4311/24,0)+1,1))-1)+IF('Standard Profiles'!$G$18=$B$10,7,0)+IF('Standard Profiles'!$G$18=$B$17,14,0)+IF('Standard Profiles'!$G$18=$B$24,21,0),0)),0)</f>
        <v>5.4563613683993681</v>
      </c>
      <c r="E4311" cm="1">
        <f t="array" ref="E4311">IFERROR(INDEX(Jesper!AI$2:AI$366,ROUNDDOWN($C4311/24,0)+1,1)*INDEX($D$3:$AA$30,INDEX(Jesper!$R$2:$R$366,ROW(INDEX(Jesper!AI$2:AI$366,ROUNDDOWN($C4311/24,0)+1,1))-1)+IF('Standard Profiles'!$G$19=$B$10,7,0)+IF('Standard Profiles'!$G$19=$B$17,14,0)+IF('Standard Profiles'!$G$19=$B$24,21,0),MOD($C4311,24)+1)/SUM(INDEX($D$3:$AA$30,INDEX(Jesper!$R$2:$R$366,ROW(INDEX(Jesper!AI$2:AI$366,ROUNDDOWN($C4311/24,0)+1,1))-1)+IF('Standard Profiles'!$G$19=$B$10,7,0)+IF('Standard Profiles'!$G$19=$B$17,14,0)+IF('Standard Profiles'!$G$19=$B$24,21,0),0)),0)</f>
        <v>2.4736025535037585</v>
      </c>
      <c r="F4311" cm="1">
        <f t="array" ref="F4311">IFERROR(INDEX(Jesper!AJ$2:AJ$366,ROUNDDOWN($C4311/24,0)+1,1)*INDEX($D$3:$AA$30,INDEX(Jesper!$R$2:$R$366,ROW(INDEX(Jesper!AJ$2:AJ$366,ROUNDDOWN($C4311/24,0)+1,1))-1)+IF('Standard Profiles'!$G$20=$B$10,7,0)+IF('Standard Profiles'!$G$20=$B$17,14,0)+IF('Standard Profiles'!$G$20=$B$24,21,0),MOD($C4311,24)+1)/SUM(INDEX($D$3:$AA$30,INDEX(Jesper!$R$2:$R$366,ROW(INDEX(Jesper!AJ$2:AJ$366,ROUNDDOWN($C4311/24,0)+1,1))-1)+IF('Standard Profiles'!$G$20=$B$10,7,0)+IF('Standard Profiles'!$G$20=$B$17,14,0)+IF('Standard Profiles'!$G$20=$B$24,21,0),0)),0)</f>
        <v>0</v>
      </c>
      <c r="G4311" cm="1">
        <f t="array" ref="G4311">IFERROR(INDEX(Jesper!AK$2:AK$366,ROUNDDOWN($C4311/24,0)+1,1)*INDEX($D$3:$AA$30,INDEX(Jesper!$R$2:$R$366,ROW(INDEX(Jesper!AK$2:AK$366,ROUNDDOWN($C4311/24,0)+1,1))-1)+IF('Standard Profiles'!$G$21=$B$10,7,0)+IF('Standard Profiles'!$G$21=$B$17,14,0)+IF('Standard Profiles'!$G$21=$B$24,21,0),MOD($C4311,24)+1)/SUM(INDEX($D$3:$AA$30,INDEX(Jesper!$R$2:$R$366,ROW(INDEX(Jesper!AK$2:AK$366,ROUNDDOWN($C4311/24,0)+1,1))-1)+IF('Standard Profiles'!$G$21=$B$10,7,0)+IF('Standard Profiles'!$G$21=$B$17,14,0)+IF('Standard Profiles'!$G$21=$B$24,21,0),0)),0)</f>
        <v>0.50601867003019063</v>
      </c>
      <c r="H4311" cm="1">
        <f t="array" ref="H4311">IFERROR(INDEX(Jesper!AL$2:AL$366,ROUNDDOWN($C4311/24,0)+1,1)*INDEX($D$3:$AA$30,INDEX(Jesper!$R$2:$R$366,ROW(INDEX(Jesper!AL$2:AL$366,ROUNDDOWN($C4311/24,0)+1,1))-1)+IF('Standard Profiles'!$G$22=$B$10,7,0)+IF('Standard Profiles'!$G$22=$B$17,14,0)+IF('Standard Profiles'!$G$22=$B$24,21,0),MOD($C4311,24)+1)/SUM(INDEX($D$3:$AA$30,INDEX(Jesper!$R$2:$R$366,ROW(INDEX(Jesper!AL$2:AL$366,ROUNDDOWN($C4311/24,0)+1,1))-1)+IF('Standard Profiles'!$G$22=$B$10,7,0)+IF('Standard Profiles'!$G$22=$B$17,14,0)+IF('Standard Profiles'!$G$22=$B$24,21,0),0)),0)</f>
        <v>0</v>
      </c>
      <c r="I4311">
        <f t="shared" si="482"/>
        <v>0.24288896161449139</v>
      </c>
      <c r="J4311">
        <f t="shared" si="483"/>
        <v>7.3200758113749265</v>
      </c>
      <c r="K4311">
        <f t="shared" si="484"/>
        <v>0.58201187929593268</v>
      </c>
      <c r="L4311">
        <f t="shared" si="485"/>
        <v>0.29100593964796634</v>
      </c>
      <c r="M4311">
        <f t="shared" si="486"/>
        <v>0</v>
      </c>
      <c r="N4311" s="45">
        <f t="shared" si="487"/>
        <v>45105.20833332296</v>
      </c>
    </row>
    <row r="4312" spans="2:14" x14ac:dyDescent="0.25">
      <c r="B4312">
        <f t="shared" si="481"/>
        <v>3</v>
      </c>
      <c r="C4312" s="16">
        <v>4278</v>
      </c>
      <c r="D4312" cm="1">
        <f t="array" ref="D4312">IFERROR(INDEX(Jesper!AH$2:AH$366,ROUNDDOWN($C4312/24,0)+1,1)*INDEX($D$3:$AA$30,INDEX(Jesper!$R$2:$R$366,ROW(INDEX(Jesper!AH$2:AH$366,ROUNDDOWN($C4312/24,0)+1,1))-1)+IF('Standard Profiles'!$G$18=$B$10,7,0)+IF('Standard Profiles'!$G$18=$B$17,14,0)+IF('Standard Profiles'!$G$18=$B$24,21,0),MOD($C4312,24)+1)/SUM(INDEX($D$3:$AA$30,INDEX(Jesper!$R$2:$R$366,ROW(INDEX(Jesper!AH$2:AH$366,ROUNDDOWN($C4312/24,0)+1,1))-1)+IF('Standard Profiles'!$G$18=$B$10,7,0)+IF('Standard Profiles'!$G$18=$B$17,14,0)+IF('Standard Profiles'!$G$18=$B$24,21,0),0)),0)</f>
        <v>5.4563613683993681</v>
      </c>
      <c r="E4312" cm="1">
        <f t="array" ref="E4312">IFERROR(INDEX(Jesper!AI$2:AI$366,ROUNDDOWN($C4312/24,0)+1,1)*INDEX($D$3:$AA$30,INDEX(Jesper!$R$2:$R$366,ROW(INDEX(Jesper!AI$2:AI$366,ROUNDDOWN($C4312/24,0)+1,1))-1)+IF('Standard Profiles'!$G$19=$B$10,7,0)+IF('Standard Profiles'!$G$19=$B$17,14,0)+IF('Standard Profiles'!$G$19=$B$24,21,0),MOD($C4312,24)+1)/SUM(INDEX($D$3:$AA$30,INDEX(Jesper!$R$2:$R$366,ROW(INDEX(Jesper!AI$2:AI$366,ROUNDDOWN($C4312/24,0)+1,1))-1)+IF('Standard Profiles'!$G$19=$B$10,7,0)+IF('Standard Profiles'!$G$19=$B$17,14,0)+IF('Standard Profiles'!$G$19=$B$24,21,0),0)),0)</f>
        <v>2.4736025535037585</v>
      </c>
      <c r="F4312" cm="1">
        <f t="array" ref="F4312">IFERROR(INDEX(Jesper!AJ$2:AJ$366,ROUNDDOWN($C4312/24,0)+1,1)*INDEX($D$3:$AA$30,INDEX(Jesper!$R$2:$R$366,ROW(INDEX(Jesper!AJ$2:AJ$366,ROUNDDOWN($C4312/24,0)+1,1))-1)+IF('Standard Profiles'!$G$20=$B$10,7,0)+IF('Standard Profiles'!$G$20=$B$17,14,0)+IF('Standard Profiles'!$G$20=$B$24,21,0),MOD($C4312,24)+1)/SUM(INDEX($D$3:$AA$30,INDEX(Jesper!$R$2:$R$366,ROW(INDEX(Jesper!AJ$2:AJ$366,ROUNDDOWN($C4312/24,0)+1,1))-1)+IF('Standard Profiles'!$G$20=$B$10,7,0)+IF('Standard Profiles'!$G$20=$B$17,14,0)+IF('Standard Profiles'!$G$20=$B$24,21,0),0)),0)</f>
        <v>0</v>
      </c>
      <c r="G4312" cm="1">
        <f t="array" ref="G4312">IFERROR(INDEX(Jesper!AK$2:AK$366,ROUNDDOWN($C4312/24,0)+1,1)*INDEX($D$3:$AA$30,INDEX(Jesper!$R$2:$R$366,ROW(INDEX(Jesper!AK$2:AK$366,ROUNDDOWN($C4312/24,0)+1,1))-1)+IF('Standard Profiles'!$G$21=$B$10,7,0)+IF('Standard Profiles'!$G$21=$B$17,14,0)+IF('Standard Profiles'!$G$21=$B$24,21,0),MOD($C4312,24)+1)/SUM(INDEX($D$3:$AA$30,INDEX(Jesper!$R$2:$R$366,ROW(INDEX(Jesper!AK$2:AK$366,ROUNDDOWN($C4312/24,0)+1,1))-1)+IF('Standard Profiles'!$G$21=$B$10,7,0)+IF('Standard Profiles'!$G$21=$B$17,14,0)+IF('Standard Profiles'!$G$21=$B$24,21,0),0)),0)</f>
        <v>0.50601867003019063</v>
      </c>
      <c r="H4312" cm="1">
        <f t="array" ref="H4312">IFERROR(INDEX(Jesper!AL$2:AL$366,ROUNDDOWN($C4312/24,0)+1,1)*INDEX($D$3:$AA$30,INDEX(Jesper!$R$2:$R$366,ROW(INDEX(Jesper!AL$2:AL$366,ROUNDDOWN($C4312/24,0)+1,1))-1)+IF('Standard Profiles'!$G$22=$B$10,7,0)+IF('Standard Profiles'!$G$22=$B$17,14,0)+IF('Standard Profiles'!$G$22=$B$24,21,0),MOD($C4312,24)+1)/SUM(INDEX($D$3:$AA$30,INDEX(Jesper!$R$2:$R$366,ROW(INDEX(Jesper!AL$2:AL$366,ROUNDDOWN($C4312/24,0)+1,1))-1)+IF('Standard Profiles'!$G$22=$B$10,7,0)+IF('Standard Profiles'!$G$22=$B$17,14,0)+IF('Standard Profiles'!$G$22=$B$24,21,0),0)),0)</f>
        <v>0</v>
      </c>
      <c r="I4312">
        <f t="shared" si="482"/>
        <v>0.24288896161449139</v>
      </c>
      <c r="J4312">
        <f t="shared" si="483"/>
        <v>7.3200758113749265</v>
      </c>
      <c r="K4312">
        <f t="shared" si="484"/>
        <v>0.58201187929593268</v>
      </c>
      <c r="L4312">
        <f t="shared" si="485"/>
        <v>0.29100593964796634</v>
      </c>
      <c r="M4312">
        <f t="shared" si="486"/>
        <v>0</v>
      </c>
      <c r="N4312" s="45">
        <f t="shared" si="487"/>
        <v>45105.249999989624</v>
      </c>
    </row>
    <row r="4313" spans="2:14" x14ac:dyDescent="0.25">
      <c r="B4313">
        <f t="shared" si="481"/>
        <v>3</v>
      </c>
      <c r="C4313" s="16">
        <v>4279</v>
      </c>
      <c r="D4313" cm="1">
        <f t="array" ref="D4313">IFERROR(INDEX(Jesper!AH$2:AH$366,ROUNDDOWN($C4313/24,0)+1,1)*INDEX($D$3:$AA$30,INDEX(Jesper!$R$2:$R$366,ROW(INDEX(Jesper!AH$2:AH$366,ROUNDDOWN($C4313/24,0)+1,1))-1)+IF('Standard Profiles'!$G$18=$B$10,7,0)+IF('Standard Profiles'!$G$18=$B$17,14,0)+IF('Standard Profiles'!$G$18=$B$24,21,0),MOD($C4313,24)+1)/SUM(INDEX($D$3:$AA$30,INDEX(Jesper!$R$2:$R$366,ROW(INDEX(Jesper!AH$2:AH$366,ROUNDDOWN($C4313/24,0)+1,1))-1)+IF('Standard Profiles'!$G$18=$B$10,7,0)+IF('Standard Profiles'!$G$18=$B$17,14,0)+IF('Standard Profiles'!$G$18=$B$24,21,0),0)),0)</f>
        <v>22.304943896881053</v>
      </c>
      <c r="E4313" cm="1">
        <f t="array" ref="E4313">IFERROR(INDEX(Jesper!AI$2:AI$366,ROUNDDOWN($C4313/24,0)+1,1)*INDEX($D$3:$AA$30,INDEX(Jesper!$R$2:$R$366,ROW(INDEX(Jesper!AI$2:AI$366,ROUNDDOWN($C4313/24,0)+1,1))-1)+IF('Standard Profiles'!$G$19=$B$10,7,0)+IF('Standard Profiles'!$G$19=$B$17,14,0)+IF('Standard Profiles'!$G$19=$B$24,21,0),MOD($C4313,24)+1)/SUM(INDEX($D$3:$AA$30,INDEX(Jesper!$R$2:$R$366,ROW(INDEX(Jesper!AI$2:AI$366,ROUNDDOWN($C4313/24,0)+1,1))-1)+IF('Standard Profiles'!$G$19=$B$10,7,0)+IF('Standard Profiles'!$G$19=$B$17,14,0)+IF('Standard Profiles'!$G$19=$B$24,21,0),0)),0)</f>
        <v>10.111787408110816</v>
      </c>
      <c r="F4313" cm="1">
        <f t="array" ref="F4313">IFERROR(INDEX(Jesper!AJ$2:AJ$366,ROUNDDOWN($C4313/24,0)+1,1)*INDEX($D$3:$AA$30,INDEX(Jesper!$R$2:$R$366,ROW(INDEX(Jesper!AJ$2:AJ$366,ROUNDDOWN($C4313/24,0)+1,1))-1)+IF('Standard Profiles'!$G$20=$B$10,7,0)+IF('Standard Profiles'!$G$20=$B$17,14,0)+IF('Standard Profiles'!$G$20=$B$24,21,0),MOD($C4313,24)+1)/SUM(INDEX($D$3:$AA$30,INDEX(Jesper!$R$2:$R$366,ROW(INDEX(Jesper!AJ$2:AJ$366,ROUNDDOWN($C4313/24,0)+1,1))-1)+IF('Standard Profiles'!$G$20=$B$10,7,0)+IF('Standard Profiles'!$G$20=$B$17,14,0)+IF('Standard Profiles'!$G$20=$B$24,21,0),0)),0)</f>
        <v>0</v>
      </c>
      <c r="G4313" cm="1">
        <f t="array" ref="G4313">IFERROR(INDEX(Jesper!AK$2:AK$366,ROUNDDOWN($C4313/24,0)+1,1)*INDEX($D$3:$AA$30,INDEX(Jesper!$R$2:$R$366,ROW(INDEX(Jesper!AK$2:AK$366,ROUNDDOWN($C4313/24,0)+1,1))-1)+IF('Standard Profiles'!$G$21=$B$10,7,0)+IF('Standard Profiles'!$G$21=$B$17,14,0)+IF('Standard Profiles'!$G$21=$B$24,21,0),MOD($C4313,24)+1)/SUM(INDEX($D$3:$AA$30,INDEX(Jesper!$R$2:$R$366,ROW(INDEX(Jesper!AK$2:AK$366,ROUNDDOWN($C4313/24,0)+1,1))-1)+IF('Standard Profiles'!$G$21=$B$10,7,0)+IF('Standard Profiles'!$G$21=$B$17,14,0)+IF('Standard Profiles'!$G$21=$B$24,21,0),0)),0)</f>
        <v>1.3940814359331748</v>
      </c>
      <c r="H4313" cm="1">
        <f t="array" ref="H4313">IFERROR(INDEX(Jesper!AL$2:AL$366,ROUNDDOWN($C4313/24,0)+1,1)*INDEX($D$3:$AA$30,INDEX(Jesper!$R$2:$R$366,ROW(INDEX(Jesper!AL$2:AL$366,ROUNDDOWN($C4313/24,0)+1,1))-1)+IF('Standard Profiles'!$G$22=$B$10,7,0)+IF('Standard Profiles'!$G$22=$B$17,14,0)+IF('Standard Profiles'!$G$22=$B$24,21,0),MOD($C4313,24)+1)/SUM(INDEX($D$3:$AA$30,INDEX(Jesper!$R$2:$R$366,ROW(INDEX(Jesper!AL$2:AL$366,ROUNDDOWN($C4313/24,0)+1,1))-1)+IF('Standard Profiles'!$G$22=$B$10,7,0)+IF('Standard Profiles'!$G$22=$B$17,14,0)+IF('Standard Profiles'!$G$22=$B$24,21,0),0)),0)</f>
        <v>0</v>
      </c>
      <c r="I4313">
        <f t="shared" si="482"/>
        <v>0.66915908924792356</v>
      </c>
      <c r="J4313">
        <f t="shared" si="483"/>
        <v>29.57286262817615</v>
      </c>
      <c r="K4313">
        <f t="shared" si="484"/>
        <v>2.3791940156673124</v>
      </c>
      <c r="L4313">
        <f t="shared" si="485"/>
        <v>1.1895970078336562</v>
      </c>
      <c r="M4313">
        <f t="shared" si="486"/>
        <v>0</v>
      </c>
      <c r="N4313" s="45">
        <f t="shared" si="487"/>
        <v>45105.291666656289</v>
      </c>
    </row>
    <row r="4314" spans="2:14" x14ac:dyDescent="0.25">
      <c r="B4314">
        <f t="shared" si="481"/>
        <v>3</v>
      </c>
      <c r="C4314" s="16">
        <v>4280</v>
      </c>
      <c r="D4314" cm="1">
        <f t="array" ref="D4314">IFERROR(INDEX(Jesper!AH$2:AH$366,ROUNDDOWN($C4314/24,0)+1,1)*INDEX($D$3:$AA$30,INDEX(Jesper!$R$2:$R$366,ROW(INDEX(Jesper!AH$2:AH$366,ROUNDDOWN($C4314/24,0)+1,1))-1)+IF('Standard Profiles'!$G$18=$B$10,7,0)+IF('Standard Profiles'!$G$18=$B$17,14,0)+IF('Standard Profiles'!$G$18=$B$24,21,0),MOD($C4314,24)+1)/SUM(INDEX($D$3:$AA$30,INDEX(Jesper!$R$2:$R$366,ROW(INDEX(Jesper!AH$2:AH$366,ROUNDDOWN($C4314/24,0)+1,1))-1)+IF('Standard Profiles'!$G$18=$B$10,7,0)+IF('Standard Profiles'!$G$18=$B$17,14,0)+IF('Standard Profiles'!$G$18=$B$24,21,0),0)),0)</f>
        <v>24.887621611256758</v>
      </c>
      <c r="E4314" cm="1">
        <f t="array" ref="E4314">IFERROR(INDEX(Jesper!AI$2:AI$366,ROUNDDOWN($C4314/24,0)+1,1)*INDEX($D$3:$AA$30,INDEX(Jesper!$R$2:$R$366,ROW(INDEX(Jesper!AI$2:AI$366,ROUNDDOWN($C4314/24,0)+1,1))-1)+IF('Standard Profiles'!$G$19=$B$10,7,0)+IF('Standard Profiles'!$G$19=$B$17,14,0)+IF('Standard Profiles'!$G$19=$B$24,21,0),MOD($C4314,24)+1)/SUM(INDEX($D$3:$AA$30,INDEX(Jesper!$R$2:$R$366,ROW(INDEX(Jesper!AI$2:AI$366,ROUNDDOWN($C4314/24,0)+1,1))-1)+IF('Standard Profiles'!$G$19=$B$10,7,0)+IF('Standard Profiles'!$G$19=$B$17,14,0)+IF('Standard Profiles'!$G$19=$B$24,21,0),0)),0)</f>
        <v>11.282625950102595</v>
      </c>
      <c r="F4314" cm="1">
        <f t="array" ref="F4314">IFERROR(INDEX(Jesper!AJ$2:AJ$366,ROUNDDOWN($C4314/24,0)+1,1)*INDEX($D$3:$AA$30,INDEX(Jesper!$R$2:$R$366,ROW(INDEX(Jesper!AJ$2:AJ$366,ROUNDDOWN($C4314/24,0)+1,1))-1)+IF('Standard Profiles'!$G$20=$B$10,7,0)+IF('Standard Profiles'!$G$20=$B$17,14,0)+IF('Standard Profiles'!$G$20=$B$24,21,0),MOD($C4314,24)+1)/SUM(INDEX($D$3:$AA$30,INDEX(Jesper!$R$2:$R$366,ROW(INDEX(Jesper!AJ$2:AJ$366,ROUNDDOWN($C4314/24,0)+1,1))-1)+IF('Standard Profiles'!$G$20=$B$10,7,0)+IF('Standard Profiles'!$G$20=$B$17,14,0)+IF('Standard Profiles'!$G$20=$B$24,21,0),0)),0)</f>
        <v>0</v>
      </c>
      <c r="G4314" cm="1">
        <f t="array" ref="G4314">IFERROR(INDEX(Jesper!AK$2:AK$366,ROUNDDOWN($C4314/24,0)+1,1)*INDEX($D$3:$AA$30,INDEX(Jesper!$R$2:$R$366,ROW(INDEX(Jesper!AK$2:AK$366,ROUNDDOWN($C4314/24,0)+1,1))-1)+IF('Standard Profiles'!$G$21=$B$10,7,0)+IF('Standard Profiles'!$G$21=$B$17,14,0)+IF('Standard Profiles'!$G$21=$B$24,21,0),MOD($C4314,24)+1)/SUM(INDEX($D$3:$AA$30,INDEX(Jesper!$R$2:$R$366,ROW(INDEX(Jesper!AK$2:AK$366,ROUNDDOWN($C4314/24,0)+1,1))-1)+IF('Standard Profiles'!$G$21=$B$10,7,0)+IF('Standard Profiles'!$G$21=$B$17,14,0)+IF('Standard Profiles'!$G$21=$B$24,21,0),0)),0)</f>
        <v>1.5555013916728058</v>
      </c>
      <c r="H4314" cm="1">
        <f t="array" ref="H4314">IFERROR(INDEX(Jesper!AL$2:AL$366,ROUNDDOWN($C4314/24,0)+1,1)*INDEX($D$3:$AA$30,INDEX(Jesper!$R$2:$R$366,ROW(INDEX(Jesper!AL$2:AL$366,ROUNDDOWN($C4314/24,0)+1,1))-1)+IF('Standard Profiles'!$G$22=$B$10,7,0)+IF('Standard Profiles'!$G$22=$B$17,14,0)+IF('Standard Profiles'!$G$22=$B$24,21,0),MOD($C4314,24)+1)/SUM(INDEX($D$3:$AA$30,INDEX(Jesper!$R$2:$R$366,ROW(INDEX(Jesper!AL$2:AL$366,ROUNDDOWN($C4314/24,0)+1,1))-1)+IF('Standard Profiles'!$G$22=$B$10,7,0)+IF('Standard Profiles'!$G$22=$B$17,14,0)+IF('Standard Profiles'!$G$22=$B$24,21,0),0)),0)</f>
        <v>0</v>
      </c>
      <c r="I4314">
        <f t="shared" si="482"/>
        <v>0.74664066800294637</v>
      </c>
      <c r="J4314">
        <f t="shared" si="483"/>
        <v>32.997088827228133</v>
      </c>
      <c r="K4314">
        <f t="shared" si="484"/>
        <v>2.6546796385340543</v>
      </c>
      <c r="L4314">
        <f t="shared" si="485"/>
        <v>1.3273398192670272</v>
      </c>
      <c r="M4314">
        <f t="shared" si="486"/>
        <v>0</v>
      </c>
      <c r="N4314" s="45">
        <f t="shared" si="487"/>
        <v>45105.333333322953</v>
      </c>
    </row>
    <row r="4315" spans="2:14" x14ac:dyDescent="0.25">
      <c r="B4315">
        <f t="shared" si="481"/>
        <v>3</v>
      </c>
      <c r="C4315" s="16">
        <v>4281</v>
      </c>
      <c r="D4315" cm="1">
        <f t="array" ref="D4315">IFERROR(INDEX(Jesper!AH$2:AH$366,ROUNDDOWN($C4315/24,0)+1,1)*INDEX($D$3:$AA$30,INDEX(Jesper!$R$2:$R$366,ROW(INDEX(Jesper!AH$2:AH$366,ROUNDDOWN($C4315/24,0)+1,1))-1)+IF('Standard Profiles'!$G$18=$B$10,7,0)+IF('Standard Profiles'!$G$18=$B$17,14,0)+IF('Standard Profiles'!$G$18=$B$24,21,0),MOD($C4315,24)+1)/SUM(INDEX($D$3:$AA$30,INDEX(Jesper!$R$2:$R$366,ROW(INDEX(Jesper!AH$2:AH$366,ROUNDDOWN($C4315/24,0)+1,1))-1)+IF('Standard Profiles'!$G$18=$B$10,7,0)+IF('Standard Profiles'!$G$18=$B$17,14,0)+IF('Standard Profiles'!$G$18=$B$24,21,0),0)),0)</f>
        <v>27.470299325632457</v>
      </c>
      <c r="E4315" cm="1">
        <f t="array" ref="E4315">IFERROR(INDEX(Jesper!AI$2:AI$366,ROUNDDOWN($C4315/24,0)+1,1)*INDEX($D$3:$AA$30,INDEX(Jesper!$R$2:$R$366,ROW(INDEX(Jesper!AI$2:AI$366,ROUNDDOWN($C4315/24,0)+1,1))-1)+IF('Standard Profiles'!$G$19=$B$10,7,0)+IF('Standard Profiles'!$G$19=$B$17,14,0)+IF('Standard Profiles'!$G$19=$B$24,21,0),MOD($C4315,24)+1)/SUM(INDEX($D$3:$AA$30,INDEX(Jesper!$R$2:$R$366,ROW(INDEX(Jesper!AI$2:AI$366,ROUNDDOWN($C4315/24,0)+1,1))-1)+IF('Standard Profiles'!$G$19=$B$10,7,0)+IF('Standard Profiles'!$G$19=$B$17,14,0)+IF('Standard Profiles'!$G$19=$B$24,21,0),0)),0)</f>
        <v>12.453464492094374</v>
      </c>
      <c r="F4315" cm="1">
        <f t="array" ref="F4315">IFERROR(INDEX(Jesper!AJ$2:AJ$366,ROUNDDOWN($C4315/24,0)+1,1)*INDEX($D$3:$AA$30,INDEX(Jesper!$R$2:$R$366,ROW(INDEX(Jesper!AJ$2:AJ$366,ROUNDDOWN($C4315/24,0)+1,1))-1)+IF('Standard Profiles'!$G$20=$B$10,7,0)+IF('Standard Profiles'!$G$20=$B$17,14,0)+IF('Standard Profiles'!$G$20=$B$24,21,0),MOD($C4315,24)+1)/SUM(INDEX($D$3:$AA$30,INDEX(Jesper!$R$2:$R$366,ROW(INDEX(Jesper!AJ$2:AJ$366,ROUNDDOWN($C4315/24,0)+1,1))-1)+IF('Standard Profiles'!$G$20=$B$10,7,0)+IF('Standard Profiles'!$G$20=$B$17,14,0)+IF('Standard Profiles'!$G$20=$B$24,21,0),0)),0)</f>
        <v>0</v>
      </c>
      <c r="G4315" cm="1">
        <f t="array" ref="G4315">IFERROR(INDEX(Jesper!AK$2:AK$366,ROUNDDOWN($C4315/24,0)+1,1)*INDEX($D$3:$AA$30,INDEX(Jesper!$R$2:$R$366,ROW(INDEX(Jesper!AK$2:AK$366,ROUNDDOWN($C4315/24,0)+1,1))-1)+IF('Standard Profiles'!$G$21=$B$10,7,0)+IF('Standard Profiles'!$G$21=$B$17,14,0)+IF('Standard Profiles'!$G$21=$B$24,21,0),MOD($C4315,24)+1)/SUM(INDEX($D$3:$AA$30,INDEX(Jesper!$R$2:$R$366,ROW(INDEX(Jesper!AK$2:AK$366,ROUNDDOWN($C4315/24,0)+1,1))-1)+IF('Standard Profiles'!$G$21=$B$10,7,0)+IF('Standard Profiles'!$G$21=$B$17,14,0)+IF('Standard Profiles'!$G$21=$B$24,21,0),0)),0)</f>
        <v>1.7169213474124365</v>
      </c>
      <c r="H4315" cm="1">
        <f t="array" ref="H4315">IFERROR(INDEX(Jesper!AL$2:AL$366,ROUNDDOWN($C4315/24,0)+1,1)*INDEX($D$3:$AA$30,INDEX(Jesper!$R$2:$R$366,ROW(INDEX(Jesper!AL$2:AL$366,ROUNDDOWN($C4315/24,0)+1,1))-1)+IF('Standard Profiles'!$G$22=$B$10,7,0)+IF('Standard Profiles'!$G$22=$B$17,14,0)+IF('Standard Profiles'!$G$22=$B$24,21,0),MOD($C4315,24)+1)/SUM(INDEX($D$3:$AA$30,INDEX(Jesper!$R$2:$R$366,ROW(INDEX(Jesper!AL$2:AL$366,ROUNDDOWN($C4315/24,0)+1,1))-1)+IF('Standard Profiles'!$G$22=$B$10,7,0)+IF('Standard Profiles'!$G$22=$B$17,14,0)+IF('Standard Profiles'!$G$22=$B$24,21,0),0)),0)</f>
        <v>0</v>
      </c>
      <c r="I4315">
        <f t="shared" si="482"/>
        <v>0.82412224675796908</v>
      </c>
      <c r="J4315">
        <f t="shared" si="483"/>
        <v>36.421315026280105</v>
      </c>
      <c r="K4315">
        <f t="shared" si="484"/>
        <v>2.9301652614007954</v>
      </c>
      <c r="L4315">
        <f t="shared" si="485"/>
        <v>1.4650826307003977</v>
      </c>
      <c r="M4315">
        <f t="shared" si="486"/>
        <v>0</v>
      </c>
      <c r="N4315" s="45">
        <f t="shared" si="487"/>
        <v>45105.374999989617</v>
      </c>
    </row>
    <row r="4316" spans="2:14" x14ac:dyDescent="0.25">
      <c r="B4316">
        <f t="shared" si="481"/>
        <v>3</v>
      </c>
      <c r="C4316" s="16">
        <v>4282</v>
      </c>
      <c r="D4316" cm="1">
        <f t="array" ref="D4316">IFERROR(INDEX(Jesper!AH$2:AH$366,ROUNDDOWN($C4316/24,0)+1,1)*INDEX($D$3:$AA$30,INDEX(Jesper!$R$2:$R$366,ROW(INDEX(Jesper!AH$2:AH$366,ROUNDDOWN($C4316/24,0)+1,1))-1)+IF('Standard Profiles'!$G$18=$B$10,7,0)+IF('Standard Profiles'!$G$18=$B$17,14,0)+IF('Standard Profiles'!$G$18=$B$24,21,0),MOD($C4316,24)+1)/SUM(INDEX($D$3:$AA$30,INDEX(Jesper!$R$2:$R$366,ROW(INDEX(Jesper!AH$2:AH$366,ROUNDDOWN($C4316/24,0)+1,1))-1)+IF('Standard Profiles'!$G$18=$B$10,7,0)+IF('Standard Profiles'!$G$18=$B$17,14,0)+IF('Standard Profiles'!$G$18=$B$24,21,0),0)),0)</f>
        <v>27.470299325632457</v>
      </c>
      <c r="E4316" cm="1">
        <f t="array" ref="E4316">IFERROR(INDEX(Jesper!AI$2:AI$366,ROUNDDOWN($C4316/24,0)+1,1)*INDEX($D$3:$AA$30,INDEX(Jesper!$R$2:$R$366,ROW(INDEX(Jesper!AI$2:AI$366,ROUNDDOWN($C4316/24,0)+1,1))-1)+IF('Standard Profiles'!$G$19=$B$10,7,0)+IF('Standard Profiles'!$G$19=$B$17,14,0)+IF('Standard Profiles'!$G$19=$B$24,21,0),MOD($C4316,24)+1)/SUM(INDEX($D$3:$AA$30,INDEX(Jesper!$R$2:$R$366,ROW(INDEX(Jesper!AI$2:AI$366,ROUNDDOWN($C4316/24,0)+1,1))-1)+IF('Standard Profiles'!$G$19=$B$10,7,0)+IF('Standard Profiles'!$G$19=$B$17,14,0)+IF('Standard Profiles'!$G$19=$B$24,21,0),0)),0)</f>
        <v>12.453464492094374</v>
      </c>
      <c r="F4316" cm="1">
        <f t="array" ref="F4316">IFERROR(INDEX(Jesper!AJ$2:AJ$366,ROUNDDOWN($C4316/24,0)+1,1)*INDEX($D$3:$AA$30,INDEX(Jesper!$R$2:$R$366,ROW(INDEX(Jesper!AJ$2:AJ$366,ROUNDDOWN($C4316/24,0)+1,1))-1)+IF('Standard Profiles'!$G$20=$B$10,7,0)+IF('Standard Profiles'!$G$20=$B$17,14,0)+IF('Standard Profiles'!$G$20=$B$24,21,0),MOD($C4316,24)+1)/SUM(INDEX($D$3:$AA$30,INDEX(Jesper!$R$2:$R$366,ROW(INDEX(Jesper!AJ$2:AJ$366,ROUNDDOWN($C4316/24,0)+1,1))-1)+IF('Standard Profiles'!$G$20=$B$10,7,0)+IF('Standard Profiles'!$G$20=$B$17,14,0)+IF('Standard Profiles'!$G$20=$B$24,21,0),0)),0)</f>
        <v>0</v>
      </c>
      <c r="G4316" cm="1">
        <f t="array" ref="G4316">IFERROR(INDEX(Jesper!AK$2:AK$366,ROUNDDOWN($C4316/24,0)+1,1)*INDEX($D$3:$AA$30,INDEX(Jesper!$R$2:$R$366,ROW(INDEX(Jesper!AK$2:AK$366,ROUNDDOWN($C4316/24,0)+1,1))-1)+IF('Standard Profiles'!$G$21=$B$10,7,0)+IF('Standard Profiles'!$G$21=$B$17,14,0)+IF('Standard Profiles'!$G$21=$B$24,21,0),MOD($C4316,24)+1)/SUM(INDEX($D$3:$AA$30,INDEX(Jesper!$R$2:$R$366,ROW(INDEX(Jesper!AK$2:AK$366,ROUNDDOWN($C4316/24,0)+1,1))-1)+IF('Standard Profiles'!$G$21=$B$10,7,0)+IF('Standard Profiles'!$G$21=$B$17,14,0)+IF('Standard Profiles'!$G$21=$B$24,21,0),0)),0)</f>
        <v>1.7169213474124365</v>
      </c>
      <c r="H4316" cm="1">
        <f t="array" ref="H4316">IFERROR(INDEX(Jesper!AL$2:AL$366,ROUNDDOWN($C4316/24,0)+1,1)*INDEX($D$3:$AA$30,INDEX(Jesper!$R$2:$R$366,ROW(INDEX(Jesper!AL$2:AL$366,ROUNDDOWN($C4316/24,0)+1,1))-1)+IF('Standard Profiles'!$G$22=$B$10,7,0)+IF('Standard Profiles'!$G$22=$B$17,14,0)+IF('Standard Profiles'!$G$22=$B$24,21,0),MOD($C4316,24)+1)/SUM(INDEX($D$3:$AA$30,INDEX(Jesper!$R$2:$R$366,ROW(INDEX(Jesper!AL$2:AL$366,ROUNDDOWN($C4316/24,0)+1,1))-1)+IF('Standard Profiles'!$G$22=$B$10,7,0)+IF('Standard Profiles'!$G$22=$B$17,14,0)+IF('Standard Profiles'!$G$22=$B$24,21,0),0)),0)</f>
        <v>0</v>
      </c>
      <c r="I4316">
        <f t="shared" si="482"/>
        <v>0.82412224675796908</v>
      </c>
      <c r="J4316">
        <f t="shared" si="483"/>
        <v>36.421315026280105</v>
      </c>
      <c r="K4316">
        <f t="shared" si="484"/>
        <v>2.9301652614007954</v>
      </c>
      <c r="L4316">
        <f t="shared" si="485"/>
        <v>1.4650826307003977</v>
      </c>
      <c r="M4316">
        <f t="shared" si="486"/>
        <v>0</v>
      </c>
      <c r="N4316" s="45">
        <f t="shared" si="487"/>
        <v>45105.416666656281</v>
      </c>
    </row>
    <row r="4317" spans="2:14" x14ac:dyDescent="0.25">
      <c r="B4317">
        <f t="shared" si="481"/>
        <v>3</v>
      </c>
      <c r="C4317" s="16">
        <v>4283</v>
      </c>
      <c r="D4317" cm="1">
        <f t="array" ref="D4317">IFERROR(INDEX(Jesper!AH$2:AH$366,ROUNDDOWN($C4317/24,0)+1,1)*INDEX($D$3:$AA$30,INDEX(Jesper!$R$2:$R$366,ROW(INDEX(Jesper!AH$2:AH$366,ROUNDDOWN($C4317/24,0)+1,1))-1)+IF('Standard Profiles'!$G$18=$B$10,7,0)+IF('Standard Profiles'!$G$18=$B$17,14,0)+IF('Standard Profiles'!$G$18=$B$24,21,0),MOD($C4317,24)+1)/SUM(INDEX($D$3:$AA$30,INDEX(Jesper!$R$2:$R$366,ROW(INDEX(Jesper!AH$2:AH$366,ROUNDDOWN($C4317/24,0)+1,1))-1)+IF('Standard Profiles'!$G$18=$B$10,7,0)+IF('Standard Profiles'!$G$18=$B$17,14,0)+IF('Standard Profiles'!$G$18=$B$24,21,0),0)),0)</f>
        <v>32.87044363750892</v>
      </c>
      <c r="E4317" cm="1">
        <f t="array" ref="E4317">IFERROR(INDEX(Jesper!AI$2:AI$366,ROUNDDOWN($C4317/24,0)+1,1)*INDEX($D$3:$AA$30,INDEX(Jesper!$R$2:$R$366,ROW(INDEX(Jesper!AI$2:AI$366,ROUNDDOWN($C4317/24,0)+1,1))-1)+IF('Standard Profiles'!$G$19=$B$10,7,0)+IF('Standard Profiles'!$G$19=$B$17,14,0)+IF('Standard Profiles'!$G$19=$B$24,21,0),MOD($C4317,24)+1)/SUM(INDEX($D$3:$AA$30,INDEX(Jesper!$R$2:$R$366,ROW(INDEX(Jesper!AI$2:AI$366,ROUNDDOWN($C4317/24,0)+1,1))-1)+IF('Standard Profiles'!$G$19=$B$10,7,0)+IF('Standard Profiles'!$G$19=$B$17,14,0)+IF('Standard Profiles'!$G$19=$B$24,21,0),0)),0)</f>
        <v>14.901581443531729</v>
      </c>
      <c r="F4317" cm="1">
        <f t="array" ref="F4317">IFERROR(INDEX(Jesper!AJ$2:AJ$366,ROUNDDOWN($C4317/24,0)+1,1)*INDEX($D$3:$AA$30,INDEX(Jesper!$R$2:$R$366,ROW(INDEX(Jesper!AJ$2:AJ$366,ROUNDDOWN($C4317/24,0)+1,1))-1)+IF('Standard Profiles'!$G$20=$B$10,7,0)+IF('Standard Profiles'!$G$20=$B$17,14,0)+IF('Standard Profiles'!$G$20=$B$24,21,0),MOD($C4317,24)+1)/SUM(INDEX($D$3:$AA$30,INDEX(Jesper!$R$2:$R$366,ROW(INDEX(Jesper!AJ$2:AJ$366,ROUNDDOWN($C4317/24,0)+1,1))-1)+IF('Standard Profiles'!$G$20=$B$10,7,0)+IF('Standard Profiles'!$G$20=$B$17,14,0)+IF('Standard Profiles'!$G$20=$B$24,21,0),0)),0)</f>
        <v>0</v>
      </c>
      <c r="G4317" cm="1">
        <f t="array" ref="G4317">IFERROR(INDEX(Jesper!AK$2:AK$366,ROUNDDOWN($C4317/24,0)+1,1)*INDEX($D$3:$AA$30,INDEX(Jesper!$R$2:$R$366,ROW(INDEX(Jesper!AK$2:AK$366,ROUNDDOWN($C4317/24,0)+1,1))-1)+IF('Standard Profiles'!$G$21=$B$10,7,0)+IF('Standard Profiles'!$G$21=$B$17,14,0)+IF('Standard Profiles'!$G$21=$B$24,21,0),MOD($C4317,24)+1)/SUM(INDEX($D$3:$AA$30,INDEX(Jesper!$R$2:$R$366,ROW(INDEX(Jesper!AK$2:AK$366,ROUNDDOWN($C4317/24,0)+1,1))-1)+IF('Standard Profiles'!$G$21=$B$10,7,0)+IF('Standard Profiles'!$G$21=$B$17,14,0)+IF('Standard Profiles'!$G$21=$B$24,21,0),0)),0)</f>
        <v>2.0544358003225733</v>
      </c>
      <c r="H4317" cm="1">
        <f t="array" ref="H4317">IFERROR(INDEX(Jesper!AL$2:AL$366,ROUNDDOWN($C4317/24,0)+1,1)*INDEX($D$3:$AA$30,INDEX(Jesper!$R$2:$R$366,ROW(INDEX(Jesper!AL$2:AL$366,ROUNDDOWN($C4317/24,0)+1,1))-1)+IF('Standard Profiles'!$G$22=$B$10,7,0)+IF('Standard Profiles'!$G$22=$B$17,14,0)+IF('Standard Profiles'!$G$22=$B$24,21,0),MOD($C4317,24)+1)/SUM(INDEX($D$3:$AA$30,INDEX(Jesper!$R$2:$R$366,ROW(INDEX(Jesper!AL$2:AL$366,ROUNDDOWN($C4317/24,0)+1,1))-1)+IF('Standard Profiles'!$G$22=$B$10,7,0)+IF('Standard Profiles'!$G$22=$B$17,14,0)+IF('Standard Profiles'!$G$22=$B$24,21,0),0)),0)</f>
        <v>0</v>
      </c>
      <c r="I4317">
        <f t="shared" si="482"/>
        <v>0.98612918415483475</v>
      </c>
      <c r="J4317">
        <f t="shared" si="483"/>
        <v>43.581060715206959</v>
      </c>
      <c r="K4317">
        <f t="shared" si="484"/>
        <v>3.5061806546676184</v>
      </c>
      <c r="L4317">
        <f t="shared" si="485"/>
        <v>1.7530903273338092</v>
      </c>
      <c r="M4317">
        <f t="shared" si="486"/>
        <v>0</v>
      </c>
      <c r="N4317" s="45">
        <f t="shared" si="487"/>
        <v>45105.458333322946</v>
      </c>
    </row>
    <row r="4318" spans="2:14" x14ac:dyDescent="0.25">
      <c r="B4318">
        <f t="shared" si="481"/>
        <v>3</v>
      </c>
      <c r="C4318" s="16">
        <v>4284</v>
      </c>
      <c r="D4318" cm="1">
        <f t="array" ref="D4318">IFERROR(INDEX(Jesper!AH$2:AH$366,ROUNDDOWN($C4318/24,0)+1,1)*INDEX($D$3:$AA$30,INDEX(Jesper!$R$2:$R$366,ROW(INDEX(Jesper!AH$2:AH$366,ROUNDDOWN($C4318/24,0)+1,1))-1)+IF('Standard Profiles'!$G$18=$B$10,7,0)+IF('Standard Profiles'!$G$18=$B$17,14,0)+IF('Standard Profiles'!$G$18=$B$24,21,0),MOD($C4318,24)+1)/SUM(INDEX($D$3:$AA$30,INDEX(Jesper!$R$2:$R$366,ROW(INDEX(Jesper!AH$2:AH$366,ROUNDDOWN($C4318/24,0)+1,1))-1)+IF('Standard Profiles'!$G$18=$B$10,7,0)+IF('Standard Profiles'!$G$18=$B$17,14,0)+IF('Standard Profiles'!$G$18=$B$24,21,0),0)),0)</f>
        <v>32.87044363750892</v>
      </c>
      <c r="E4318" cm="1">
        <f t="array" ref="E4318">IFERROR(INDEX(Jesper!AI$2:AI$366,ROUNDDOWN($C4318/24,0)+1,1)*INDEX($D$3:$AA$30,INDEX(Jesper!$R$2:$R$366,ROW(INDEX(Jesper!AI$2:AI$366,ROUNDDOWN($C4318/24,0)+1,1))-1)+IF('Standard Profiles'!$G$19=$B$10,7,0)+IF('Standard Profiles'!$G$19=$B$17,14,0)+IF('Standard Profiles'!$G$19=$B$24,21,0),MOD($C4318,24)+1)/SUM(INDEX($D$3:$AA$30,INDEX(Jesper!$R$2:$R$366,ROW(INDEX(Jesper!AI$2:AI$366,ROUNDDOWN($C4318/24,0)+1,1))-1)+IF('Standard Profiles'!$G$19=$B$10,7,0)+IF('Standard Profiles'!$G$19=$B$17,14,0)+IF('Standard Profiles'!$G$19=$B$24,21,0),0)),0)</f>
        <v>14.901581443531729</v>
      </c>
      <c r="F4318" cm="1">
        <f t="array" ref="F4318">IFERROR(INDEX(Jesper!AJ$2:AJ$366,ROUNDDOWN($C4318/24,0)+1,1)*INDEX($D$3:$AA$30,INDEX(Jesper!$R$2:$R$366,ROW(INDEX(Jesper!AJ$2:AJ$366,ROUNDDOWN($C4318/24,0)+1,1))-1)+IF('Standard Profiles'!$G$20=$B$10,7,0)+IF('Standard Profiles'!$G$20=$B$17,14,0)+IF('Standard Profiles'!$G$20=$B$24,21,0),MOD($C4318,24)+1)/SUM(INDEX($D$3:$AA$30,INDEX(Jesper!$R$2:$R$366,ROW(INDEX(Jesper!AJ$2:AJ$366,ROUNDDOWN($C4318/24,0)+1,1))-1)+IF('Standard Profiles'!$G$20=$B$10,7,0)+IF('Standard Profiles'!$G$20=$B$17,14,0)+IF('Standard Profiles'!$G$20=$B$24,21,0),0)),0)</f>
        <v>0</v>
      </c>
      <c r="G4318" cm="1">
        <f t="array" ref="G4318">IFERROR(INDEX(Jesper!AK$2:AK$366,ROUNDDOWN($C4318/24,0)+1,1)*INDEX($D$3:$AA$30,INDEX(Jesper!$R$2:$R$366,ROW(INDEX(Jesper!AK$2:AK$366,ROUNDDOWN($C4318/24,0)+1,1))-1)+IF('Standard Profiles'!$G$21=$B$10,7,0)+IF('Standard Profiles'!$G$21=$B$17,14,0)+IF('Standard Profiles'!$G$21=$B$24,21,0),MOD($C4318,24)+1)/SUM(INDEX($D$3:$AA$30,INDEX(Jesper!$R$2:$R$366,ROW(INDEX(Jesper!AK$2:AK$366,ROUNDDOWN($C4318/24,0)+1,1))-1)+IF('Standard Profiles'!$G$21=$B$10,7,0)+IF('Standard Profiles'!$G$21=$B$17,14,0)+IF('Standard Profiles'!$G$21=$B$24,21,0),0)),0)</f>
        <v>2.0544358003225733</v>
      </c>
      <c r="H4318" cm="1">
        <f t="array" ref="H4318">IFERROR(INDEX(Jesper!AL$2:AL$366,ROUNDDOWN($C4318/24,0)+1,1)*INDEX($D$3:$AA$30,INDEX(Jesper!$R$2:$R$366,ROW(INDEX(Jesper!AL$2:AL$366,ROUNDDOWN($C4318/24,0)+1,1))-1)+IF('Standard Profiles'!$G$22=$B$10,7,0)+IF('Standard Profiles'!$G$22=$B$17,14,0)+IF('Standard Profiles'!$G$22=$B$24,21,0),MOD($C4318,24)+1)/SUM(INDEX($D$3:$AA$30,INDEX(Jesper!$R$2:$R$366,ROW(INDEX(Jesper!AL$2:AL$366,ROUNDDOWN($C4318/24,0)+1,1))-1)+IF('Standard Profiles'!$G$22=$B$10,7,0)+IF('Standard Profiles'!$G$22=$B$17,14,0)+IF('Standard Profiles'!$G$22=$B$24,21,0),0)),0)</f>
        <v>0</v>
      </c>
      <c r="I4318">
        <f t="shared" si="482"/>
        <v>0.98612918415483475</v>
      </c>
      <c r="J4318">
        <f t="shared" si="483"/>
        <v>43.581060715206959</v>
      </c>
      <c r="K4318">
        <f t="shared" si="484"/>
        <v>3.5061806546676184</v>
      </c>
      <c r="L4318">
        <f t="shared" si="485"/>
        <v>1.7530903273338092</v>
      </c>
      <c r="M4318">
        <f t="shared" si="486"/>
        <v>0</v>
      </c>
      <c r="N4318" s="45">
        <f t="shared" si="487"/>
        <v>45105.49999998961</v>
      </c>
    </row>
    <row r="4319" spans="2:14" x14ac:dyDescent="0.25">
      <c r="B4319">
        <f t="shared" si="481"/>
        <v>3</v>
      </c>
      <c r="C4319" s="16">
        <v>4285</v>
      </c>
      <c r="D4319" cm="1">
        <f t="array" ref="D4319">IFERROR(INDEX(Jesper!AH$2:AH$366,ROUNDDOWN($C4319/24,0)+1,1)*INDEX($D$3:$AA$30,INDEX(Jesper!$R$2:$R$366,ROW(INDEX(Jesper!AH$2:AH$366,ROUNDDOWN($C4319/24,0)+1,1))-1)+IF('Standard Profiles'!$G$18=$B$10,7,0)+IF('Standard Profiles'!$G$18=$B$17,14,0)+IF('Standard Profiles'!$G$18=$B$24,21,0),MOD($C4319,24)+1)/SUM(INDEX($D$3:$AA$30,INDEX(Jesper!$R$2:$R$366,ROW(INDEX(Jesper!AH$2:AH$366,ROUNDDOWN($C4319/24,0)+1,1))-1)+IF('Standard Profiles'!$G$18=$B$10,7,0)+IF('Standard Profiles'!$G$18=$B$17,14,0)+IF('Standard Profiles'!$G$18=$B$24,21,0),0)),0)</f>
        <v>21.835366130630927</v>
      </c>
      <c r="E4319" cm="1">
        <f t="array" ref="E4319">IFERROR(INDEX(Jesper!AI$2:AI$366,ROUNDDOWN($C4319/24,0)+1,1)*INDEX($D$3:$AA$30,INDEX(Jesper!$R$2:$R$366,ROW(INDEX(Jesper!AI$2:AI$366,ROUNDDOWN($C4319/24,0)+1,1))-1)+IF('Standard Profiles'!$G$19=$B$10,7,0)+IF('Standard Profiles'!$G$19=$B$17,14,0)+IF('Standard Profiles'!$G$19=$B$24,21,0),MOD($C4319,24)+1)/SUM(INDEX($D$3:$AA$30,INDEX(Jesper!$R$2:$R$366,ROW(INDEX(Jesper!AI$2:AI$366,ROUNDDOWN($C4319/24,0)+1,1))-1)+IF('Standard Profiles'!$G$19=$B$10,7,0)+IF('Standard Profiles'!$G$19=$B$17,14,0)+IF('Standard Profiles'!$G$19=$B$24,21,0),0)),0)</f>
        <v>9.8989076732032206</v>
      </c>
      <c r="F4319" cm="1">
        <f t="array" ref="F4319">IFERROR(INDEX(Jesper!AJ$2:AJ$366,ROUNDDOWN($C4319/24,0)+1,1)*INDEX($D$3:$AA$30,INDEX(Jesper!$R$2:$R$366,ROW(INDEX(Jesper!AJ$2:AJ$366,ROUNDDOWN($C4319/24,0)+1,1))-1)+IF('Standard Profiles'!$G$20=$B$10,7,0)+IF('Standard Profiles'!$G$20=$B$17,14,0)+IF('Standard Profiles'!$G$20=$B$24,21,0),MOD($C4319,24)+1)/SUM(INDEX($D$3:$AA$30,INDEX(Jesper!$R$2:$R$366,ROW(INDEX(Jesper!AJ$2:AJ$366,ROUNDDOWN($C4319/24,0)+1,1))-1)+IF('Standard Profiles'!$G$20=$B$10,7,0)+IF('Standard Profiles'!$G$20=$B$17,14,0)+IF('Standard Profiles'!$G$20=$B$24,21,0),0)),0)</f>
        <v>0</v>
      </c>
      <c r="G4319" cm="1">
        <f t="array" ref="G4319">IFERROR(INDEX(Jesper!AK$2:AK$366,ROUNDDOWN($C4319/24,0)+1,1)*INDEX($D$3:$AA$30,INDEX(Jesper!$R$2:$R$366,ROW(INDEX(Jesper!AK$2:AK$366,ROUNDDOWN($C4319/24,0)+1,1))-1)+IF('Standard Profiles'!$G$21=$B$10,7,0)+IF('Standard Profiles'!$G$21=$B$17,14,0)+IF('Standard Profiles'!$G$21=$B$24,21,0),MOD($C4319,24)+1)/SUM(INDEX($D$3:$AA$30,INDEX(Jesper!$R$2:$R$366,ROW(INDEX(Jesper!AK$2:AK$366,ROUNDDOWN($C4319/24,0)+1,1))-1)+IF('Standard Profiles'!$G$21=$B$10,7,0)+IF('Standard Profiles'!$G$21=$B$17,14,0)+IF('Standard Profiles'!$G$21=$B$24,21,0),0)),0)</f>
        <v>1.3647323530714239</v>
      </c>
      <c r="H4319" cm="1">
        <f t="array" ref="H4319">IFERROR(INDEX(Jesper!AL$2:AL$366,ROUNDDOWN($C4319/24,0)+1,1)*INDEX($D$3:$AA$30,INDEX(Jesper!$R$2:$R$366,ROW(INDEX(Jesper!AL$2:AL$366,ROUNDDOWN($C4319/24,0)+1,1))-1)+IF('Standard Profiles'!$G$22=$B$10,7,0)+IF('Standard Profiles'!$G$22=$B$17,14,0)+IF('Standard Profiles'!$G$22=$B$24,21,0),MOD($C4319,24)+1)/SUM(INDEX($D$3:$AA$30,INDEX(Jesper!$R$2:$R$366,ROW(INDEX(Jesper!AL$2:AL$366,ROUNDDOWN($C4319/24,0)+1,1))-1)+IF('Standard Profiles'!$G$22=$B$10,7,0)+IF('Standard Profiles'!$G$22=$B$17,14,0)+IF('Standard Profiles'!$G$22=$B$24,21,0),0)),0)</f>
        <v>0</v>
      </c>
      <c r="I4319">
        <f t="shared" si="482"/>
        <v>0.65507152947428315</v>
      </c>
      <c r="J4319">
        <f t="shared" si="483"/>
        <v>28.950276046530341</v>
      </c>
      <c r="K4319">
        <f t="shared" si="484"/>
        <v>2.3291057206006323</v>
      </c>
      <c r="L4319">
        <f t="shared" si="485"/>
        <v>1.1645528603003161</v>
      </c>
      <c r="M4319">
        <f t="shared" si="486"/>
        <v>0</v>
      </c>
      <c r="N4319" s="45">
        <f t="shared" si="487"/>
        <v>45105.541666656274</v>
      </c>
    </row>
    <row r="4320" spans="2:14" x14ac:dyDescent="0.25">
      <c r="B4320">
        <f t="shared" si="481"/>
        <v>3</v>
      </c>
      <c r="C4320" s="16">
        <v>4286</v>
      </c>
      <c r="D4320" cm="1">
        <f t="array" ref="D4320">IFERROR(INDEX(Jesper!AH$2:AH$366,ROUNDDOWN($C4320/24,0)+1,1)*INDEX($D$3:$AA$30,INDEX(Jesper!$R$2:$R$366,ROW(INDEX(Jesper!AH$2:AH$366,ROUNDDOWN($C4320/24,0)+1,1))-1)+IF('Standard Profiles'!$G$18=$B$10,7,0)+IF('Standard Profiles'!$G$18=$B$17,14,0)+IF('Standard Profiles'!$G$18=$B$24,21,0),MOD($C4320,24)+1)/SUM(INDEX($D$3:$AA$30,INDEX(Jesper!$R$2:$R$366,ROW(INDEX(Jesper!AH$2:AH$366,ROUNDDOWN($C4320/24,0)+1,1))-1)+IF('Standard Profiles'!$G$18=$B$10,7,0)+IF('Standard Profiles'!$G$18=$B$17,14,0)+IF('Standard Profiles'!$G$18=$B$24,21,0),0)),0)</f>
        <v>32.87044363750892</v>
      </c>
      <c r="E4320" cm="1">
        <f t="array" ref="E4320">IFERROR(INDEX(Jesper!AI$2:AI$366,ROUNDDOWN($C4320/24,0)+1,1)*INDEX($D$3:$AA$30,INDEX(Jesper!$R$2:$R$366,ROW(INDEX(Jesper!AI$2:AI$366,ROUNDDOWN($C4320/24,0)+1,1))-1)+IF('Standard Profiles'!$G$19=$B$10,7,0)+IF('Standard Profiles'!$G$19=$B$17,14,0)+IF('Standard Profiles'!$G$19=$B$24,21,0),MOD($C4320,24)+1)/SUM(INDEX($D$3:$AA$30,INDEX(Jesper!$R$2:$R$366,ROW(INDEX(Jesper!AI$2:AI$366,ROUNDDOWN($C4320/24,0)+1,1))-1)+IF('Standard Profiles'!$G$19=$B$10,7,0)+IF('Standard Profiles'!$G$19=$B$17,14,0)+IF('Standard Profiles'!$G$19=$B$24,21,0),0)),0)</f>
        <v>14.901581443531729</v>
      </c>
      <c r="F4320" cm="1">
        <f t="array" ref="F4320">IFERROR(INDEX(Jesper!AJ$2:AJ$366,ROUNDDOWN($C4320/24,0)+1,1)*INDEX($D$3:$AA$30,INDEX(Jesper!$R$2:$R$366,ROW(INDEX(Jesper!AJ$2:AJ$366,ROUNDDOWN($C4320/24,0)+1,1))-1)+IF('Standard Profiles'!$G$20=$B$10,7,0)+IF('Standard Profiles'!$G$20=$B$17,14,0)+IF('Standard Profiles'!$G$20=$B$24,21,0),MOD($C4320,24)+1)/SUM(INDEX($D$3:$AA$30,INDEX(Jesper!$R$2:$R$366,ROW(INDEX(Jesper!AJ$2:AJ$366,ROUNDDOWN($C4320/24,0)+1,1))-1)+IF('Standard Profiles'!$G$20=$B$10,7,0)+IF('Standard Profiles'!$G$20=$B$17,14,0)+IF('Standard Profiles'!$G$20=$B$24,21,0),0)),0)</f>
        <v>0</v>
      </c>
      <c r="G4320" cm="1">
        <f t="array" ref="G4320">IFERROR(INDEX(Jesper!AK$2:AK$366,ROUNDDOWN($C4320/24,0)+1,1)*INDEX($D$3:$AA$30,INDEX(Jesper!$R$2:$R$366,ROW(INDEX(Jesper!AK$2:AK$366,ROUNDDOWN($C4320/24,0)+1,1))-1)+IF('Standard Profiles'!$G$21=$B$10,7,0)+IF('Standard Profiles'!$G$21=$B$17,14,0)+IF('Standard Profiles'!$G$21=$B$24,21,0),MOD($C4320,24)+1)/SUM(INDEX($D$3:$AA$30,INDEX(Jesper!$R$2:$R$366,ROW(INDEX(Jesper!AK$2:AK$366,ROUNDDOWN($C4320/24,0)+1,1))-1)+IF('Standard Profiles'!$G$21=$B$10,7,0)+IF('Standard Profiles'!$G$21=$B$17,14,0)+IF('Standard Profiles'!$G$21=$B$24,21,0),0)),0)</f>
        <v>2.0544358003225733</v>
      </c>
      <c r="H4320" cm="1">
        <f t="array" ref="H4320">IFERROR(INDEX(Jesper!AL$2:AL$366,ROUNDDOWN($C4320/24,0)+1,1)*INDEX($D$3:$AA$30,INDEX(Jesper!$R$2:$R$366,ROW(INDEX(Jesper!AL$2:AL$366,ROUNDDOWN($C4320/24,0)+1,1))-1)+IF('Standard Profiles'!$G$22=$B$10,7,0)+IF('Standard Profiles'!$G$22=$B$17,14,0)+IF('Standard Profiles'!$G$22=$B$24,21,0),MOD($C4320,24)+1)/SUM(INDEX($D$3:$AA$30,INDEX(Jesper!$R$2:$R$366,ROW(INDEX(Jesper!AL$2:AL$366,ROUNDDOWN($C4320/24,0)+1,1))-1)+IF('Standard Profiles'!$G$22=$B$10,7,0)+IF('Standard Profiles'!$G$22=$B$17,14,0)+IF('Standard Profiles'!$G$22=$B$24,21,0),0)),0)</f>
        <v>0</v>
      </c>
      <c r="I4320">
        <f t="shared" si="482"/>
        <v>0.98612918415483475</v>
      </c>
      <c r="J4320">
        <f t="shared" si="483"/>
        <v>43.581060715206959</v>
      </c>
      <c r="K4320">
        <f t="shared" si="484"/>
        <v>3.5061806546676184</v>
      </c>
      <c r="L4320">
        <f t="shared" si="485"/>
        <v>1.7530903273338092</v>
      </c>
      <c r="M4320">
        <f t="shared" si="486"/>
        <v>0</v>
      </c>
      <c r="N4320" s="45">
        <f t="shared" si="487"/>
        <v>45105.583333322938</v>
      </c>
    </row>
    <row r="4321" spans="2:14" x14ac:dyDescent="0.25">
      <c r="B4321">
        <f t="shared" si="481"/>
        <v>3</v>
      </c>
      <c r="C4321" s="16">
        <v>4287</v>
      </c>
      <c r="D4321" cm="1">
        <f t="array" ref="D4321">IFERROR(INDEX(Jesper!AH$2:AH$366,ROUNDDOWN($C4321/24,0)+1,1)*INDEX($D$3:$AA$30,INDEX(Jesper!$R$2:$R$366,ROW(INDEX(Jesper!AH$2:AH$366,ROUNDDOWN($C4321/24,0)+1,1))-1)+IF('Standard Profiles'!$G$18=$B$10,7,0)+IF('Standard Profiles'!$G$18=$B$17,14,0)+IF('Standard Profiles'!$G$18=$B$24,21,0),MOD($C4321,24)+1)/SUM(INDEX($D$3:$AA$30,INDEX(Jesper!$R$2:$R$366,ROW(INDEX(Jesper!AH$2:AH$366,ROUNDDOWN($C4321/24,0)+1,1))-1)+IF('Standard Profiles'!$G$18=$B$10,7,0)+IF('Standard Profiles'!$G$18=$B$17,14,0)+IF('Standard Profiles'!$G$18=$B$24,21,0),0)),0)</f>
        <v>32.87044363750892</v>
      </c>
      <c r="E4321" cm="1">
        <f t="array" ref="E4321">IFERROR(INDEX(Jesper!AI$2:AI$366,ROUNDDOWN($C4321/24,0)+1,1)*INDEX($D$3:$AA$30,INDEX(Jesper!$R$2:$R$366,ROW(INDEX(Jesper!AI$2:AI$366,ROUNDDOWN($C4321/24,0)+1,1))-1)+IF('Standard Profiles'!$G$19=$B$10,7,0)+IF('Standard Profiles'!$G$19=$B$17,14,0)+IF('Standard Profiles'!$G$19=$B$24,21,0),MOD($C4321,24)+1)/SUM(INDEX($D$3:$AA$30,INDEX(Jesper!$R$2:$R$366,ROW(INDEX(Jesper!AI$2:AI$366,ROUNDDOWN($C4321/24,0)+1,1))-1)+IF('Standard Profiles'!$G$19=$B$10,7,0)+IF('Standard Profiles'!$G$19=$B$17,14,0)+IF('Standard Profiles'!$G$19=$B$24,21,0),0)),0)</f>
        <v>14.901581443531729</v>
      </c>
      <c r="F4321" cm="1">
        <f t="array" ref="F4321">IFERROR(INDEX(Jesper!AJ$2:AJ$366,ROUNDDOWN($C4321/24,0)+1,1)*INDEX($D$3:$AA$30,INDEX(Jesper!$R$2:$R$366,ROW(INDEX(Jesper!AJ$2:AJ$366,ROUNDDOWN($C4321/24,0)+1,1))-1)+IF('Standard Profiles'!$G$20=$B$10,7,0)+IF('Standard Profiles'!$G$20=$B$17,14,0)+IF('Standard Profiles'!$G$20=$B$24,21,0),MOD($C4321,24)+1)/SUM(INDEX($D$3:$AA$30,INDEX(Jesper!$R$2:$R$366,ROW(INDEX(Jesper!AJ$2:AJ$366,ROUNDDOWN($C4321/24,0)+1,1))-1)+IF('Standard Profiles'!$G$20=$B$10,7,0)+IF('Standard Profiles'!$G$20=$B$17,14,0)+IF('Standard Profiles'!$G$20=$B$24,21,0),0)),0)</f>
        <v>0</v>
      </c>
      <c r="G4321" cm="1">
        <f t="array" ref="G4321">IFERROR(INDEX(Jesper!AK$2:AK$366,ROUNDDOWN($C4321/24,0)+1,1)*INDEX($D$3:$AA$30,INDEX(Jesper!$R$2:$R$366,ROW(INDEX(Jesper!AK$2:AK$366,ROUNDDOWN($C4321/24,0)+1,1))-1)+IF('Standard Profiles'!$G$21=$B$10,7,0)+IF('Standard Profiles'!$G$21=$B$17,14,0)+IF('Standard Profiles'!$G$21=$B$24,21,0),MOD($C4321,24)+1)/SUM(INDEX($D$3:$AA$30,INDEX(Jesper!$R$2:$R$366,ROW(INDEX(Jesper!AK$2:AK$366,ROUNDDOWN($C4321/24,0)+1,1))-1)+IF('Standard Profiles'!$G$21=$B$10,7,0)+IF('Standard Profiles'!$G$21=$B$17,14,0)+IF('Standard Profiles'!$G$21=$B$24,21,0),0)),0)</f>
        <v>2.0544358003225733</v>
      </c>
      <c r="H4321" cm="1">
        <f t="array" ref="H4321">IFERROR(INDEX(Jesper!AL$2:AL$366,ROUNDDOWN($C4321/24,0)+1,1)*INDEX($D$3:$AA$30,INDEX(Jesper!$R$2:$R$366,ROW(INDEX(Jesper!AL$2:AL$366,ROUNDDOWN($C4321/24,0)+1,1))-1)+IF('Standard Profiles'!$G$22=$B$10,7,0)+IF('Standard Profiles'!$G$22=$B$17,14,0)+IF('Standard Profiles'!$G$22=$B$24,21,0),MOD($C4321,24)+1)/SUM(INDEX($D$3:$AA$30,INDEX(Jesper!$R$2:$R$366,ROW(INDEX(Jesper!AL$2:AL$366,ROUNDDOWN($C4321/24,0)+1,1))-1)+IF('Standard Profiles'!$G$22=$B$10,7,0)+IF('Standard Profiles'!$G$22=$B$17,14,0)+IF('Standard Profiles'!$G$22=$B$24,21,0),0)),0)</f>
        <v>0</v>
      </c>
      <c r="I4321">
        <f t="shared" si="482"/>
        <v>0.98612918415483475</v>
      </c>
      <c r="J4321">
        <f t="shared" si="483"/>
        <v>43.581060715206959</v>
      </c>
      <c r="K4321">
        <f t="shared" si="484"/>
        <v>3.5061806546676184</v>
      </c>
      <c r="L4321">
        <f t="shared" si="485"/>
        <v>1.7530903273338092</v>
      </c>
      <c r="M4321">
        <f t="shared" si="486"/>
        <v>0</v>
      </c>
      <c r="N4321" s="45">
        <f t="shared" si="487"/>
        <v>45105.624999989603</v>
      </c>
    </row>
    <row r="4322" spans="2:14" x14ac:dyDescent="0.25">
      <c r="B4322">
        <f t="shared" si="481"/>
        <v>3</v>
      </c>
      <c r="C4322" s="16">
        <v>4288</v>
      </c>
      <c r="D4322" cm="1">
        <f t="array" ref="D4322">IFERROR(INDEX(Jesper!AH$2:AH$366,ROUNDDOWN($C4322/24,0)+1,1)*INDEX($D$3:$AA$30,INDEX(Jesper!$R$2:$R$366,ROW(INDEX(Jesper!AH$2:AH$366,ROUNDDOWN($C4322/24,0)+1,1))-1)+IF('Standard Profiles'!$G$18=$B$10,7,0)+IF('Standard Profiles'!$G$18=$B$17,14,0)+IF('Standard Profiles'!$G$18=$B$24,21,0),MOD($C4322,24)+1)/SUM(INDEX($D$3:$AA$30,INDEX(Jesper!$R$2:$R$366,ROW(INDEX(Jesper!AH$2:AH$366,ROUNDDOWN($C4322/24,0)+1,1))-1)+IF('Standard Profiles'!$G$18=$B$10,7,0)+IF('Standard Profiles'!$G$18=$B$17,14,0)+IF('Standard Profiles'!$G$18=$B$24,21,0),0)),0)</f>
        <v>19.37008285781776</v>
      </c>
      <c r="E4322" cm="1">
        <f t="array" ref="E4322">IFERROR(INDEX(Jesper!AI$2:AI$366,ROUNDDOWN($C4322/24,0)+1,1)*INDEX($D$3:$AA$30,INDEX(Jesper!$R$2:$R$366,ROW(INDEX(Jesper!AI$2:AI$366,ROUNDDOWN($C4322/24,0)+1,1))-1)+IF('Standard Profiles'!$G$19=$B$10,7,0)+IF('Standard Profiles'!$G$19=$B$17,14,0)+IF('Standard Profiles'!$G$19=$B$24,21,0),MOD($C4322,24)+1)/SUM(INDEX($D$3:$AA$30,INDEX(Jesper!$R$2:$R$366,ROW(INDEX(Jesper!AI$2:AI$366,ROUNDDOWN($C4322/24,0)+1,1))-1)+IF('Standard Profiles'!$G$19=$B$10,7,0)+IF('Standard Profiles'!$G$19=$B$17,14,0)+IF('Standard Profiles'!$G$19=$B$24,21,0),0)),0)</f>
        <v>8.7812890649383402</v>
      </c>
      <c r="F4322" cm="1">
        <f t="array" ref="F4322">IFERROR(INDEX(Jesper!AJ$2:AJ$366,ROUNDDOWN($C4322/24,0)+1,1)*INDEX($D$3:$AA$30,INDEX(Jesper!$R$2:$R$366,ROW(INDEX(Jesper!AJ$2:AJ$366,ROUNDDOWN($C4322/24,0)+1,1))-1)+IF('Standard Profiles'!$G$20=$B$10,7,0)+IF('Standard Profiles'!$G$20=$B$17,14,0)+IF('Standard Profiles'!$G$20=$B$24,21,0),MOD($C4322,24)+1)/SUM(INDEX($D$3:$AA$30,INDEX(Jesper!$R$2:$R$366,ROW(INDEX(Jesper!AJ$2:AJ$366,ROUNDDOWN($C4322/24,0)+1,1))-1)+IF('Standard Profiles'!$G$20=$B$10,7,0)+IF('Standard Profiles'!$G$20=$B$17,14,0)+IF('Standard Profiles'!$G$20=$B$24,21,0),0)),0)</f>
        <v>0</v>
      </c>
      <c r="G4322" cm="1">
        <f t="array" ref="G4322">IFERROR(INDEX(Jesper!AK$2:AK$366,ROUNDDOWN($C4322/24,0)+1,1)*INDEX($D$3:$AA$30,INDEX(Jesper!$R$2:$R$366,ROW(INDEX(Jesper!AK$2:AK$366,ROUNDDOWN($C4322/24,0)+1,1))-1)+IF('Standard Profiles'!$G$21=$B$10,7,0)+IF('Standard Profiles'!$G$21=$B$17,14,0)+IF('Standard Profiles'!$G$21=$B$24,21,0),MOD($C4322,24)+1)/SUM(INDEX($D$3:$AA$30,INDEX(Jesper!$R$2:$R$366,ROW(INDEX(Jesper!AK$2:AK$366,ROUNDDOWN($C4322/24,0)+1,1))-1)+IF('Standard Profiles'!$G$21=$B$10,7,0)+IF('Standard Profiles'!$G$21=$B$17,14,0)+IF('Standard Profiles'!$G$21=$B$24,21,0),0)),0)</f>
        <v>1.7166683380774217</v>
      </c>
      <c r="H4322" cm="1">
        <f t="array" ref="H4322">IFERROR(INDEX(Jesper!AL$2:AL$366,ROUNDDOWN($C4322/24,0)+1,1)*INDEX($D$3:$AA$30,INDEX(Jesper!$R$2:$R$366,ROW(INDEX(Jesper!AL$2:AL$366,ROUNDDOWN($C4322/24,0)+1,1))-1)+IF('Standard Profiles'!$G$22=$B$10,7,0)+IF('Standard Profiles'!$G$22=$B$17,14,0)+IF('Standard Profiles'!$G$22=$B$24,21,0),MOD($C4322,24)+1)/SUM(INDEX($D$3:$AA$30,INDEX(Jesper!$R$2:$R$366,ROW(INDEX(Jesper!AL$2:AL$366,ROUNDDOWN($C4322/24,0)+1,1))-1)+IF('Standard Profiles'!$G$22=$B$10,7,0)+IF('Standard Profiles'!$G$22=$B$17,14,0)+IF('Standard Profiles'!$G$22=$B$24,21,0),0)),0)</f>
        <v>0</v>
      </c>
      <c r="I4322">
        <f t="shared" si="482"/>
        <v>0.82400080227716199</v>
      </c>
      <c r="J4322">
        <f t="shared" si="483"/>
        <v>25.944826201305521</v>
      </c>
      <c r="K4322">
        <f t="shared" si="484"/>
        <v>2.066142171500561</v>
      </c>
      <c r="L4322">
        <f t="shared" si="485"/>
        <v>1.0330710857502805</v>
      </c>
      <c r="M4322">
        <f t="shared" si="486"/>
        <v>0</v>
      </c>
      <c r="N4322" s="45">
        <f t="shared" si="487"/>
        <v>45105.666666656267</v>
      </c>
    </row>
    <row r="4323" spans="2:14" x14ac:dyDescent="0.25">
      <c r="B4323">
        <f t="shared" ref="B4323:B4386" si="488">WEEKDAY(N4323,2)</f>
        <v>3</v>
      </c>
      <c r="C4323" s="16">
        <v>4289</v>
      </c>
      <c r="D4323" cm="1">
        <f t="array" ref="D4323">IFERROR(INDEX(Jesper!AH$2:AH$366,ROUNDDOWN($C4323/24,0)+1,1)*INDEX($D$3:$AA$30,INDEX(Jesper!$R$2:$R$366,ROW(INDEX(Jesper!AH$2:AH$366,ROUNDDOWN($C4323/24,0)+1,1))-1)+IF('Standard Profiles'!$G$18=$B$10,7,0)+IF('Standard Profiles'!$G$18=$B$17,14,0)+IF('Standard Profiles'!$G$18=$B$24,21,0),MOD($C4323,24)+1)/SUM(INDEX($D$3:$AA$30,INDEX(Jesper!$R$2:$R$366,ROW(INDEX(Jesper!AH$2:AH$366,ROUNDDOWN($C4323/24,0)+1,1))-1)+IF('Standard Profiles'!$G$18=$B$10,7,0)+IF('Standard Profiles'!$G$18=$B$17,14,0)+IF('Standard Profiles'!$G$18=$B$24,21,0),0)),0)</f>
        <v>8.267214194544497</v>
      </c>
      <c r="E4323" cm="1">
        <f t="array" ref="E4323">IFERROR(INDEX(Jesper!AI$2:AI$366,ROUNDDOWN($C4323/24,0)+1,1)*INDEX($D$3:$AA$30,INDEX(Jesper!$R$2:$R$366,ROW(INDEX(Jesper!AI$2:AI$366,ROUNDDOWN($C4323/24,0)+1,1))-1)+IF('Standard Profiles'!$G$19=$B$10,7,0)+IF('Standard Profiles'!$G$19=$B$17,14,0)+IF('Standard Profiles'!$G$19=$B$24,21,0),MOD($C4323,24)+1)/SUM(INDEX($D$3:$AA$30,INDEX(Jesper!$R$2:$R$366,ROW(INDEX(Jesper!AI$2:AI$366,ROUNDDOWN($C4323/24,0)+1,1))-1)+IF('Standard Profiles'!$G$19=$B$10,7,0)+IF('Standard Profiles'!$G$19=$B$17,14,0)+IF('Standard Profiles'!$G$19=$B$24,21,0),0)),0)</f>
        <v>3.7478826568238759</v>
      </c>
      <c r="F4323" cm="1">
        <f t="array" ref="F4323">IFERROR(INDEX(Jesper!AJ$2:AJ$366,ROUNDDOWN($C4323/24,0)+1,1)*INDEX($D$3:$AA$30,INDEX(Jesper!$R$2:$R$366,ROW(INDEX(Jesper!AJ$2:AJ$366,ROUNDDOWN($C4323/24,0)+1,1))-1)+IF('Standard Profiles'!$G$20=$B$10,7,0)+IF('Standard Profiles'!$G$20=$B$17,14,0)+IF('Standard Profiles'!$G$20=$B$24,21,0),MOD($C4323,24)+1)/SUM(INDEX($D$3:$AA$30,INDEX(Jesper!$R$2:$R$366,ROW(INDEX(Jesper!AJ$2:AJ$366,ROUNDDOWN($C4323/24,0)+1,1))-1)+IF('Standard Profiles'!$G$20=$B$10,7,0)+IF('Standard Profiles'!$G$20=$B$17,14,0)+IF('Standard Profiles'!$G$20=$B$24,21,0),0)),0)</f>
        <v>0</v>
      </c>
      <c r="G4323" cm="1">
        <f t="array" ref="G4323">IFERROR(INDEX(Jesper!AK$2:AK$366,ROUNDDOWN($C4323/24,0)+1,1)*INDEX($D$3:$AA$30,INDEX(Jesper!$R$2:$R$366,ROW(INDEX(Jesper!AK$2:AK$366,ROUNDDOWN($C4323/24,0)+1,1))-1)+IF('Standard Profiles'!$G$21=$B$10,7,0)+IF('Standard Profiles'!$G$21=$B$17,14,0)+IF('Standard Profiles'!$G$21=$B$24,21,0),MOD($C4323,24)+1)/SUM(INDEX($D$3:$AA$30,INDEX(Jesper!$R$2:$R$366,ROW(INDEX(Jesper!AK$2:AK$366,ROUNDDOWN($C4323/24,0)+1,1))-1)+IF('Standard Profiles'!$G$21=$B$10,7,0)+IF('Standard Profiles'!$G$21=$B$17,14,0)+IF('Standard Profiles'!$G$21=$B$24,21,0),0)),0)</f>
        <v>1.364985362406439</v>
      </c>
      <c r="H4323" cm="1">
        <f t="array" ref="H4323">IFERROR(INDEX(Jesper!AL$2:AL$366,ROUNDDOWN($C4323/24,0)+1,1)*INDEX($D$3:$AA$30,INDEX(Jesper!$R$2:$R$366,ROW(INDEX(Jesper!AL$2:AL$366,ROUNDDOWN($C4323/24,0)+1,1))-1)+IF('Standard Profiles'!$G$22=$B$10,7,0)+IF('Standard Profiles'!$G$22=$B$17,14,0)+IF('Standard Profiles'!$G$22=$B$24,21,0),MOD($C4323,24)+1)/SUM(INDEX($D$3:$AA$30,INDEX(Jesper!$R$2:$R$366,ROW(INDEX(Jesper!AL$2:AL$366,ROUNDDOWN($C4323/24,0)+1,1))-1)+IF('Standard Profiles'!$G$22=$B$10,7,0)+IF('Standard Profiles'!$G$22=$B$17,14,0)+IF('Standard Profiles'!$G$22=$B$24,21,0),0)),0)</f>
        <v>0</v>
      </c>
      <c r="I4323">
        <f t="shared" ref="I4323:I4386" si="489">IF($B4323&lt;6,AC$37*$D4323+AC$38*$E4323+AC$39*$F4323+AC$40*$G4323,AC$46*$D4323+AC$47*$E4323+AC$48*$F4323+AC$49*$G4323+AC$50*$H4323)</f>
        <v>0.65519297395509035</v>
      </c>
      <c r="J4323">
        <f t="shared" ref="J4323:J4386" si="490">IF($B4323&lt;6,AD$37*$D4323+AD$38*$E4323+AD$39*$F4323+AD$40*$G4323,AD$46*$D4323+AD$47*$E4323+AD$48*$F4323+AD$49*$G4323+AD$50*$H4323)</f>
        <v>11.4021349686926</v>
      </c>
      <c r="K4323">
        <f t="shared" ref="K4323:K4386" si="491">IF($B4323&lt;6,AE$37*$D4323+AE$38*$E4323+AE$39*$F4323+AE$40*$G4323,AE$46*$D4323+AE$47*$E4323+AE$48*$F4323+AE$49*$G4323+AE$50*$H4323)</f>
        <v>0.88183618075141312</v>
      </c>
      <c r="L4323">
        <f t="shared" ref="L4323:L4386" si="492">IF($B4323&lt;6,AF$37*$D4323+AF$38*$E4323+AF$39*$F4323+AF$40*$G4323,AF$46*$D4323+AF$47*$E4323+AF$48*$F4323+AF$49*$G4323+AF$50*$H4323)</f>
        <v>0.44091809037570656</v>
      </c>
      <c r="M4323">
        <f t="shared" ref="M4323:M4386" si="493">IF($B4323&lt;6,AG$37*$D4323+AG$38*$E4323+AG$39*$F4323+AG$40*$G4323,AG$46*$D4323+AG$47*$E4323+AG$48*$F4323+AG$49*$G4323+AG$50*$H4323)</f>
        <v>0</v>
      </c>
      <c r="N4323" s="45">
        <f t="shared" si="487"/>
        <v>45105.708333322931</v>
      </c>
    </row>
    <row r="4324" spans="2:14" x14ac:dyDescent="0.25">
      <c r="B4324">
        <f t="shared" si="488"/>
        <v>3</v>
      </c>
      <c r="C4324" s="16">
        <v>4290</v>
      </c>
      <c r="D4324" cm="1">
        <f t="array" ref="D4324">IFERROR(INDEX(Jesper!AH$2:AH$366,ROUNDDOWN($C4324/24,0)+1,1)*INDEX($D$3:$AA$30,INDEX(Jesper!$R$2:$R$366,ROW(INDEX(Jesper!AH$2:AH$366,ROUNDDOWN($C4324/24,0)+1,1))-1)+IF('Standard Profiles'!$G$18=$B$10,7,0)+IF('Standard Profiles'!$G$18=$B$17,14,0)+IF('Standard Profiles'!$G$18=$B$24,21,0),MOD($C4324,24)+1)/SUM(INDEX($D$3:$AA$30,INDEX(Jesper!$R$2:$R$366,ROW(INDEX(Jesper!AH$2:AH$366,ROUNDDOWN($C4324/24,0)+1,1))-1)+IF('Standard Profiles'!$G$18=$B$10,7,0)+IF('Standard Profiles'!$G$18=$B$17,14,0)+IF('Standard Profiles'!$G$18=$B$24,21,0),0)),0)</f>
        <v>5.4563613683993681</v>
      </c>
      <c r="E4324" cm="1">
        <f t="array" ref="E4324">IFERROR(INDEX(Jesper!AI$2:AI$366,ROUNDDOWN($C4324/24,0)+1,1)*INDEX($D$3:$AA$30,INDEX(Jesper!$R$2:$R$366,ROW(INDEX(Jesper!AI$2:AI$366,ROUNDDOWN($C4324/24,0)+1,1))-1)+IF('Standard Profiles'!$G$19=$B$10,7,0)+IF('Standard Profiles'!$G$19=$B$17,14,0)+IF('Standard Profiles'!$G$19=$B$24,21,0),MOD($C4324,24)+1)/SUM(INDEX($D$3:$AA$30,INDEX(Jesper!$R$2:$R$366,ROW(INDEX(Jesper!AI$2:AI$366,ROUNDDOWN($C4324/24,0)+1,1))-1)+IF('Standard Profiles'!$G$19=$B$10,7,0)+IF('Standard Profiles'!$G$19=$B$17,14,0)+IF('Standard Profiles'!$G$19=$B$24,21,0),0)),0)</f>
        <v>2.4736025535037585</v>
      </c>
      <c r="F4324" cm="1">
        <f t="array" ref="F4324">IFERROR(INDEX(Jesper!AJ$2:AJ$366,ROUNDDOWN($C4324/24,0)+1,1)*INDEX($D$3:$AA$30,INDEX(Jesper!$R$2:$R$366,ROW(INDEX(Jesper!AJ$2:AJ$366,ROUNDDOWN($C4324/24,0)+1,1))-1)+IF('Standard Profiles'!$G$20=$B$10,7,0)+IF('Standard Profiles'!$G$20=$B$17,14,0)+IF('Standard Profiles'!$G$20=$B$24,21,0),MOD($C4324,24)+1)/SUM(INDEX($D$3:$AA$30,INDEX(Jesper!$R$2:$R$366,ROW(INDEX(Jesper!AJ$2:AJ$366,ROUNDDOWN($C4324/24,0)+1,1))-1)+IF('Standard Profiles'!$G$20=$B$10,7,0)+IF('Standard Profiles'!$G$20=$B$17,14,0)+IF('Standard Profiles'!$G$20=$B$24,21,0),0)),0)</f>
        <v>0</v>
      </c>
      <c r="G4324" cm="1">
        <f t="array" ref="G4324">IFERROR(INDEX(Jesper!AK$2:AK$366,ROUNDDOWN($C4324/24,0)+1,1)*INDEX($D$3:$AA$30,INDEX(Jesper!$R$2:$R$366,ROW(INDEX(Jesper!AK$2:AK$366,ROUNDDOWN($C4324/24,0)+1,1))-1)+IF('Standard Profiles'!$G$21=$B$10,7,0)+IF('Standard Profiles'!$G$21=$B$17,14,0)+IF('Standard Profiles'!$G$21=$B$24,21,0),MOD($C4324,24)+1)/SUM(INDEX($D$3:$AA$30,INDEX(Jesper!$R$2:$R$366,ROW(INDEX(Jesper!AK$2:AK$366,ROUNDDOWN($C4324/24,0)+1,1))-1)+IF('Standard Profiles'!$G$21=$B$10,7,0)+IF('Standard Profiles'!$G$21=$B$17,14,0)+IF('Standard Profiles'!$G$21=$B$24,21,0),0)),0)</f>
        <v>0.50601867003019063</v>
      </c>
      <c r="H4324" cm="1">
        <f t="array" ref="H4324">IFERROR(INDEX(Jesper!AL$2:AL$366,ROUNDDOWN($C4324/24,0)+1,1)*INDEX($D$3:$AA$30,INDEX(Jesper!$R$2:$R$366,ROW(INDEX(Jesper!AL$2:AL$366,ROUNDDOWN($C4324/24,0)+1,1))-1)+IF('Standard Profiles'!$G$22=$B$10,7,0)+IF('Standard Profiles'!$G$22=$B$17,14,0)+IF('Standard Profiles'!$G$22=$B$24,21,0),MOD($C4324,24)+1)/SUM(INDEX($D$3:$AA$30,INDEX(Jesper!$R$2:$R$366,ROW(INDEX(Jesper!AL$2:AL$366,ROUNDDOWN($C4324/24,0)+1,1))-1)+IF('Standard Profiles'!$G$22=$B$10,7,0)+IF('Standard Profiles'!$G$22=$B$17,14,0)+IF('Standard Profiles'!$G$22=$B$24,21,0),0)),0)</f>
        <v>0</v>
      </c>
      <c r="I4324">
        <f t="shared" si="489"/>
        <v>0.24288896161449139</v>
      </c>
      <c r="J4324">
        <f t="shared" si="490"/>
        <v>7.3200758113749265</v>
      </c>
      <c r="K4324">
        <f t="shared" si="491"/>
        <v>0.58201187929593268</v>
      </c>
      <c r="L4324">
        <f t="shared" si="492"/>
        <v>0.29100593964796634</v>
      </c>
      <c r="M4324">
        <f t="shared" si="493"/>
        <v>0</v>
      </c>
      <c r="N4324" s="45">
        <f t="shared" ref="N4324:N4387" si="494">N4323+1/24</f>
        <v>45105.749999989595</v>
      </c>
    </row>
    <row r="4325" spans="2:14" x14ac:dyDescent="0.25">
      <c r="B4325">
        <f t="shared" si="488"/>
        <v>3</v>
      </c>
      <c r="C4325" s="16">
        <v>4291</v>
      </c>
      <c r="D4325" cm="1">
        <f t="array" ref="D4325">IFERROR(INDEX(Jesper!AH$2:AH$366,ROUNDDOWN($C4325/24,0)+1,1)*INDEX($D$3:$AA$30,INDEX(Jesper!$R$2:$R$366,ROW(INDEX(Jesper!AH$2:AH$366,ROUNDDOWN($C4325/24,0)+1,1))-1)+IF('Standard Profiles'!$G$18=$B$10,7,0)+IF('Standard Profiles'!$G$18=$B$17,14,0)+IF('Standard Profiles'!$G$18=$B$24,21,0),MOD($C4325,24)+1)/SUM(INDEX($D$3:$AA$30,INDEX(Jesper!$R$2:$R$366,ROW(INDEX(Jesper!AH$2:AH$366,ROUNDDOWN($C4325/24,0)+1,1))-1)+IF('Standard Profiles'!$G$18=$B$10,7,0)+IF('Standard Profiles'!$G$18=$B$17,14,0)+IF('Standard Profiles'!$G$18=$B$24,21,0),0)),0)</f>
        <v>5.4563613683993681</v>
      </c>
      <c r="E4325" cm="1">
        <f t="array" ref="E4325">IFERROR(INDEX(Jesper!AI$2:AI$366,ROUNDDOWN($C4325/24,0)+1,1)*INDEX($D$3:$AA$30,INDEX(Jesper!$R$2:$R$366,ROW(INDEX(Jesper!AI$2:AI$366,ROUNDDOWN($C4325/24,0)+1,1))-1)+IF('Standard Profiles'!$G$19=$B$10,7,0)+IF('Standard Profiles'!$G$19=$B$17,14,0)+IF('Standard Profiles'!$G$19=$B$24,21,0),MOD($C4325,24)+1)/SUM(INDEX($D$3:$AA$30,INDEX(Jesper!$R$2:$R$366,ROW(INDEX(Jesper!AI$2:AI$366,ROUNDDOWN($C4325/24,0)+1,1))-1)+IF('Standard Profiles'!$G$19=$B$10,7,0)+IF('Standard Profiles'!$G$19=$B$17,14,0)+IF('Standard Profiles'!$G$19=$B$24,21,0),0)),0)</f>
        <v>2.4736025535037585</v>
      </c>
      <c r="F4325" cm="1">
        <f t="array" ref="F4325">IFERROR(INDEX(Jesper!AJ$2:AJ$366,ROUNDDOWN($C4325/24,0)+1,1)*INDEX($D$3:$AA$30,INDEX(Jesper!$R$2:$R$366,ROW(INDEX(Jesper!AJ$2:AJ$366,ROUNDDOWN($C4325/24,0)+1,1))-1)+IF('Standard Profiles'!$G$20=$B$10,7,0)+IF('Standard Profiles'!$G$20=$B$17,14,0)+IF('Standard Profiles'!$G$20=$B$24,21,0),MOD($C4325,24)+1)/SUM(INDEX($D$3:$AA$30,INDEX(Jesper!$R$2:$R$366,ROW(INDEX(Jesper!AJ$2:AJ$366,ROUNDDOWN($C4325/24,0)+1,1))-1)+IF('Standard Profiles'!$G$20=$B$10,7,0)+IF('Standard Profiles'!$G$20=$B$17,14,0)+IF('Standard Profiles'!$G$20=$B$24,21,0),0)),0)</f>
        <v>0</v>
      </c>
      <c r="G4325" cm="1">
        <f t="array" ref="G4325">IFERROR(INDEX(Jesper!AK$2:AK$366,ROUNDDOWN($C4325/24,0)+1,1)*INDEX($D$3:$AA$30,INDEX(Jesper!$R$2:$R$366,ROW(INDEX(Jesper!AK$2:AK$366,ROUNDDOWN($C4325/24,0)+1,1))-1)+IF('Standard Profiles'!$G$21=$B$10,7,0)+IF('Standard Profiles'!$G$21=$B$17,14,0)+IF('Standard Profiles'!$G$21=$B$24,21,0),MOD($C4325,24)+1)/SUM(INDEX($D$3:$AA$30,INDEX(Jesper!$R$2:$R$366,ROW(INDEX(Jesper!AK$2:AK$366,ROUNDDOWN($C4325/24,0)+1,1))-1)+IF('Standard Profiles'!$G$21=$B$10,7,0)+IF('Standard Profiles'!$G$21=$B$17,14,0)+IF('Standard Profiles'!$G$21=$B$24,21,0),0)),0)</f>
        <v>0.50601867003019063</v>
      </c>
      <c r="H4325" cm="1">
        <f t="array" ref="H4325">IFERROR(INDEX(Jesper!AL$2:AL$366,ROUNDDOWN($C4325/24,0)+1,1)*INDEX($D$3:$AA$30,INDEX(Jesper!$R$2:$R$366,ROW(INDEX(Jesper!AL$2:AL$366,ROUNDDOWN($C4325/24,0)+1,1))-1)+IF('Standard Profiles'!$G$22=$B$10,7,0)+IF('Standard Profiles'!$G$22=$B$17,14,0)+IF('Standard Profiles'!$G$22=$B$24,21,0),MOD($C4325,24)+1)/SUM(INDEX($D$3:$AA$30,INDEX(Jesper!$R$2:$R$366,ROW(INDEX(Jesper!AL$2:AL$366,ROUNDDOWN($C4325/24,0)+1,1))-1)+IF('Standard Profiles'!$G$22=$B$10,7,0)+IF('Standard Profiles'!$G$22=$B$17,14,0)+IF('Standard Profiles'!$G$22=$B$24,21,0),0)),0)</f>
        <v>0</v>
      </c>
      <c r="I4325">
        <f t="shared" si="489"/>
        <v>0.24288896161449139</v>
      </c>
      <c r="J4325">
        <f t="shared" si="490"/>
        <v>7.3200758113749265</v>
      </c>
      <c r="K4325">
        <f t="shared" si="491"/>
        <v>0.58201187929593268</v>
      </c>
      <c r="L4325">
        <f t="shared" si="492"/>
        <v>0.29100593964796634</v>
      </c>
      <c r="M4325">
        <f t="shared" si="493"/>
        <v>0</v>
      </c>
      <c r="N4325" s="45">
        <f t="shared" si="494"/>
        <v>45105.79166665626</v>
      </c>
    </row>
    <row r="4326" spans="2:14" x14ac:dyDescent="0.25">
      <c r="B4326">
        <f t="shared" si="488"/>
        <v>3</v>
      </c>
      <c r="C4326" s="16">
        <v>4292</v>
      </c>
      <c r="D4326" cm="1">
        <f t="array" ref="D4326">IFERROR(INDEX(Jesper!AH$2:AH$366,ROUNDDOWN($C4326/24,0)+1,1)*INDEX($D$3:$AA$30,INDEX(Jesper!$R$2:$R$366,ROW(INDEX(Jesper!AH$2:AH$366,ROUNDDOWN($C4326/24,0)+1,1))-1)+IF('Standard Profiles'!$G$18=$B$10,7,0)+IF('Standard Profiles'!$G$18=$B$17,14,0)+IF('Standard Profiles'!$G$18=$B$24,21,0),MOD($C4326,24)+1)/SUM(INDEX($D$3:$AA$30,INDEX(Jesper!$R$2:$R$366,ROW(INDEX(Jesper!AH$2:AH$366,ROUNDDOWN($C4326/24,0)+1,1))-1)+IF('Standard Profiles'!$G$18=$B$10,7,0)+IF('Standard Profiles'!$G$18=$B$17,14,0)+IF('Standard Profiles'!$G$18=$B$24,21,0),0)),0)</f>
        <v>5.4563613683993681</v>
      </c>
      <c r="E4326" cm="1">
        <f t="array" ref="E4326">IFERROR(INDEX(Jesper!AI$2:AI$366,ROUNDDOWN($C4326/24,0)+1,1)*INDEX($D$3:$AA$30,INDEX(Jesper!$R$2:$R$366,ROW(INDEX(Jesper!AI$2:AI$366,ROUNDDOWN($C4326/24,0)+1,1))-1)+IF('Standard Profiles'!$G$19=$B$10,7,0)+IF('Standard Profiles'!$G$19=$B$17,14,0)+IF('Standard Profiles'!$G$19=$B$24,21,0),MOD($C4326,24)+1)/SUM(INDEX($D$3:$AA$30,INDEX(Jesper!$R$2:$R$366,ROW(INDEX(Jesper!AI$2:AI$366,ROUNDDOWN($C4326/24,0)+1,1))-1)+IF('Standard Profiles'!$G$19=$B$10,7,0)+IF('Standard Profiles'!$G$19=$B$17,14,0)+IF('Standard Profiles'!$G$19=$B$24,21,0),0)),0)</f>
        <v>2.4736025535037585</v>
      </c>
      <c r="F4326" cm="1">
        <f t="array" ref="F4326">IFERROR(INDEX(Jesper!AJ$2:AJ$366,ROUNDDOWN($C4326/24,0)+1,1)*INDEX($D$3:$AA$30,INDEX(Jesper!$R$2:$R$366,ROW(INDEX(Jesper!AJ$2:AJ$366,ROUNDDOWN($C4326/24,0)+1,1))-1)+IF('Standard Profiles'!$G$20=$B$10,7,0)+IF('Standard Profiles'!$G$20=$B$17,14,0)+IF('Standard Profiles'!$G$20=$B$24,21,0),MOD($C4326,24)+1)/SUM(INDEX($D$3:$AA$30,INDEX(Jesper!$R$2:$R$366,ROW(INDEX(Jesper!AJ$2:AJ$366,ROUNDDOWN($C4326/24,0)+1,1))-1)+IF('Standard Profiles'!$G$20=$B$10,7,0)+IF('Standard Profiles'!$G$20=$B$17,14,0)+IF('Standard Profiles'!$G$20=$B$24,21,0),0)),0)</f>
        <v>0</v>
      </c>
      <c r="G4326" cm="1">
        <f t="array" ref="G4326">IFERROR(INDEX(Jesper!AK$2:AK$366,ROUNDDOWN($C4326/24,0)+1,1)*INDEX($D$3:$AA$30,INDEX(Jesper!$R$2:$R$366,ROW(INDEX(Jesper!AK$2:AK$366,ROUNDDOWN($C4326/24,0)+1,1))-1)+IF('Standard Profiles'!$G$21=$B$10,7,0)+IF('Standard Profiles'!$G$21=$B$17,14,0)+IF('Standard Profiles'!$G$21=$B$24,21,0),MOD($C4326,24)+1)/SUM(INDEX($D$3:$AA$30,INDEX(Jesper!$R$2:$R$366,ROW(INDEX(Jesper!AK$2:AK$366,ROUNDDOWN($C4326/24,0)+1,1))-1)+IF('Standard Profiles'!$G$21=$B$10,7,0)+IF('Standard Profiles'!$G$21=$B$17,14,0)+IF('Standard Profiles'!$G$21=$B$24,21,0),0)),0)</f>
        <v>0.50601867003019063</v>
      </c>
      <c r="H4326" cm="1">
        <f t="array" ref="H4326">IFERROR(INDEX(Jesper!AL$2:AL$366,ROUNDDOWN($C4326/24,0)+1,1)*INDEX($D$3:$AA$30,INDEX(Jesper!$R$2:$R$366,ROW(INDEX(Jesper!AL$2:AL$366,ROUNDDOWN($C4326/24,0)+1,1))-1)+IF('Standard Profiles'!$G$22=$B$10,7,0)+IF('Standard Profiles'!$G$22=$B$17,14,0)+IF('Standard Profiles'!$G$22=$B$24,21,0),MOD($C4326,24)+1)/SUM(INDEX($D$3:$AA$30,INDEX(Jesper!$R$2:$R$366,ROW(INDEX(Jesper!AL$2:AL$366,ROUNDDOWN($C4326/24,0)+1,1))-1)+IF('Standard Profiles'!$G$22=$B$10,7,0)+IF('Standard Profiles'!$G$22=$B$17,14,0)+IF('Standard Profiles'!$G$22=$B$24,21,0),0)),0)</f>
        <v>0</v>
      </c>
      <c r="I4326">
        <f t="shared" si="489"/>
        <v>0.24288896161449139</v>
      </c>
      <c r="J4326">
        <f t="shared" si="490"/>
        <v>7.3200758113749265</v>
      </c>
      <c r="K4326">
        <f t="shared" si="491"/>
        <v>0.58201187929593268</v>
      </c>
      <c r="L4326">
        <f t="shared" si="492"/>
        <v>0.29100593964796634</v>
      </c>
      <c r="M4326">
        <f t="shared" si="493"/>
        <v>0</v>
      </c>
      <c r="N4326" s="45">
        <f t="shared" si="494"/>
        <v>45105.833333322924</v>
      </c>
    </row>
    <row r="4327" spans="2:14" x14ac:dyDescent="0.25">
      <c r="B4327">
        <f t="shared" si="488"/>
        <v>3</v>
      </c>
      <c r="C4327" s="16">
        <v>4293</v>
      </c>
      <c r="D4327" cm="1">
        <f t="array" ref="D4327">IFERROR(INDEX(Jesper!AH$2:AH$366,ROUNDDOWN($C4327/24,0)+1,1)*INDEX($D$3:$AA$30,INDEX(Jesper!$R$2:$R$366,ROW(INDEX(Jesper!AH$2:AH$366,ROUNDDOWN($C4327/24,0)+1,1))-1)+IF('Standard Profiles'!$G$18=$B$10,7,0)+IF('Standard Profiles'!$G$18=$B$17,14,0)+IF('Standard Profiles'!$G$18=$B$24,21,0),MOD($C4327,24)+1)/SUM(INDEX($D$3:$AA$30,INDEX(Jesper!$R$2:$R$366,ROW(INDEX(Jesper!AH$2:AH$366,ROUNDDOWN($C4327/24,0)+1,1))-1)+IF('Standard Profiles'!$G$18=$B$10,7,0)+IF('Standard Profiles'!$G$18=$B$17,14,0)+IF('Standard Profiles'!$G$18=$B$24,21,0),0)),0)</f>
        <v>5.4563613683993681</v>
      </c>
      <c r="E4327" cm="1">
        <f t="array" ref="E4327">IFERROR(INDEX(Jesper!AI$2:AI$366,ROUNDDOWN($C4327/24,0)+1,1)*INDEX($D$3:$AA$30,INDEX(Jesper!$R$2:$R$366,ROW(INDEX(Jesper!AI$2:AI$366,ROUNDDOWN($C4327/24,0)+1,1))-1)+IF('Standard Profiles'!$G$19=$B$10,7,0)+IF('Standard Profiles'!$G$19=$B$17,14,0)+IF('Standard Profiles'!$G$19=$B$24,21,0),MOD($C4327,24)+1)/SUM(INDEX($D$3:$AA$30,INDEX(Jesper!$R$2:$R$366,ROW(INDEX(Jesper!AI$2:AI$366,ROUNDDOWN($C4327/24,0)+1,1))-1)+IF('Standard Profiles'!$G$19=$B$10,7,0)+IF('Standard Profiles'!$G$19=$B$17,14,0)+IF('Standard Profiles'!$G$19=$B$24,21,0),0)),0)</f>
        <v>2.4736025535037585</v>
      </c>
      <c r="F4327" cm="1">
        <f t="array" ref="F4327">IFERROR(INDEX(Jesper!AJ$2:AJ$366,ROUNDDOWN($C4327/24,0)+1,1)*INDEX($D$3:$AA$30,INDEX(Jesper!$R$2:$R$366,ROW(INDEX(Jesper!AJ$2:AJ$366,ROUNDDOWN($C4327/24,0)+1,1))-1)+IF('Standard Profiles'!$G$20=$B$10,7,0)+IF('Standard Profiles'!$G$20=$B$17,14,0)+IF('Standard Profiles'!$G$20=$B$24,21,0),MOD($C4327,24)+1)/SUM(INDEX($D$3:$AA$30,INDEX(Jesper!$R$2:$R$366,ROW(INDEX(Jesper!AJ$2:AJ$366,ROUNDDOWN($C4327/24,0)+1,1))-1)+IF('Standard Profiles'!$G$20=$B$10,7,0)+IF('Standard Profiles'!$G$20=$B$17,14,0)+IF('Standard Profiles'!$G$20=$B$24,21,0),0)),0)</f>
        <v>0</v>
      </c>
      <c r="G4327" cm="1">
        <f t="array" ref="G4327">IFERROR(INDEX(Jesper!AK$2:AK$366,ROUNDDOWN($C4327/24,0)+1,1)*INDEX($D$3:$AA$30,INDEX(Jesper!$R$2:$R$366,ROW(INDEX(Jesper!AK$2:AK$366,ROUNDDOWN($C4327/24,0)+1,1))-1)+IF('Standard Profiles'!$G$21=$B$10,7,0)+IF('Standard Profiles'!$G$21=$B$17,14,0)+IF('Standard Profiles'!$G$21=$B$24,21,0),MOD($C4327,24)+1)/SUM(INDEX($D$3:$AA$30,INDEX(Jesper!$R$2:$R$366,ROW(INDEX(Jesper!AK$2:AK$366,ROUNDDOWN($C4327/24,0)+1,1))-1)+IF('Standard Profiles'!$G$21=$B$10,7,0)+IF('Standard Profiles'!$G$21=$B$17,14,0)+IF('Standard Profiles'!$G$21=$B$24,21,0),0)),0)</f>
        <v>0.50601867003019063</v>
      </c>
      <c r="H4327" cm="1">
        <f t="array" ref="H4327">IFERROR(INDEX(Jesper!AL$2:AL$366,ROUNDDOWN($C4327/24,0)+1,1)*INDEX($D$3:$AA$30,INDEX(Jesper!$R$2:$R$366,ROW(INDEX(Jesper!AL$2:AL$366,ROUNDDOWN($C4327/24,0)+1,1))-1)+IF('Standard Profiles'!$G$22=$B$10,7,0)+IF('Standard Profiles'!$G$22=$B$17,14,0)+IF('Standard Profiles'!$G$22=$B$24,21,0),MOD($C4327,24)+1)/SUM(INDEX($D$3:$AA$30,INDEX(Jesper!$R$2:$R$366,ROW(INDEX(Jesper!AL$2:AL$366,ROUNDDOWN($C4327/24,0)+1,1))-1)+IF('Standard Profiles'!$G$22=$B$10,7,0)+IF('Standard Profiles'!$G$22=$B$17,14,0)+IF('Standard Profiles'!$G$22=$B$24,21,0),0)),0)</f>
        <v>0</v>
      </c>
      <c r="I4327">
        <f t="shared" si="489"/>
        <v>0.24288896161449139</v>
      </c>
      <c r="J4327">
        <f t="shared" si="490"/>
        <v>7.3200758113749265</v>
      </c>
      <c r="K4327">
        <f t="shared" si="491"/>
        <v>0.58201187929593268</v>
      </c>
      <c r="L4327">
        <f t="shared" si="492"/>
        <v>0.29100593964796634</v>
      </c>
      <c r="M4327">
        <f t="shared" si="493"/>
        <v>0</v>
      </c>
      <c r="N4327" s="45">
        <f t="shared" si="494"/>
        <v>45105.874999989588</v>
      </c>
    </row>
    <row r="4328" spans="2:14" x14ac:dyDescent="0.25">
      <c r="B4328">
        <f t="shared" si="488"/>
        <v>3</v>
      </c>
      <c r="C4328" s="16">
        <v>4294</v>
      </c>
      <c r="D4328" cm="1">
        <f t="array" ref="D4328">IFERROR(INDEX(Jesper!AH$2:AH$366,ROUNDDOWN($C4328/24,0)+1,1)*INDEX($D$3:$AA$30,INDEX(Jesper!$R$2:$R$366,ROW(INDEX(Jesper!AH$2:AH$366,ROUNDDOWN($C4328/24,0)+1,1))-1)+IF('Standard Profiles'!$G$18=$B$10,7,0)+IF('Standard Profiles'!$G$18=$B$17,14,0)+IF('Standard Profiles'!$G$18=$B$24,21,0),MOD($C4328,24)+1)/SUM(INDEX($D$3:$AA$30,INDEX(Jesper!$R$2:$R$366,ROW(INDEX(Jesper!AH$2:AH$366,ROUNDDOWN($C4328/24,0)+1,1))-1)+IF('Standard Profiles'!$G$18=$B$10,7,0)+IF('Standard Profiles'!$G$18=$B$17,14,0)+IF('Standard Profiles'!$G$18=$B$24,21,0),0)),0)</f>
        <v>5.4563613683993681</v>
      </c>
      <c r="E4328" cm="1">
        <f t="array" ref="E4328">IFERROR(INDEX(Jesper!AI$2:AI$366,ROUNDDOWN($C4328/24,0)+1,1)*INDEX($D$3:$AA$30,INDEX(Jesper!$R$2:$R$366,ROW(INDEX(Jesper!AI$2:AI$366,ROUNDDOWN($C4328/24,0)+1,1))-1)+IF('Standard Profiles'!$G$19=$B$10,7,0)+IF('Standard Profiles'!$G$19=$B$17,14,0)+IF('Standard Profiles'!$G$19=$B$24,21,0),MOD($C4328,24)+1)/SUM(INDEX($D$3:$AA$30,INDEX(Jesper!$R$2:$R$366,ROW(INDEX(Jesper!AI$2:AI$366,ROUNDDOWN($C4328/24,0)+1,1))-1)+IF('Standard Profiles'!$G$19=$B$10,7,0)+IF('Standard Profiles'!$G$19=$B$17,14,0)+IF('Standard Profiles'!$G$19=$B$24,21,0),0)),0)</f>
        <v>2.4736025535037585</v>
      </c>
      <c r="F4328" cm="1">
        <f t="array" ref="F4328">IFERROR(INDEX(Jesper!AJ$2:AJ$366,ROUNDDOWN($C4328/24,0)+1,1)*INDEX($D$3:$AA$30,INDEX(Jesper!$R$2:$R$366,ROW(INDEX(Jesper!AJ$2:AJ$366,ROUNDDOWN($C4328/24,0)+1,1))-1)+IF('Standard Profiles'!$G$20=$B$10,7,0)+IF('Standard Profiles'!$G$20=$B$17,14,0)+IF('Standard Profiles'!$G$20=$B$24,21,0),MOD($C4328,24)+1)/SUM(INDEX($D$3:$AA$30,INDEX(Jesper!$R$2:$R$366,ROW(INDEX(Jesper!AJ$2:AJ$366,ROUNDDOWN($C4328/24,0)+1,1))-1)+IF('Standard Profiles'!$G$20=$B$10,7,0)+IF('Standard Profiles'!$G$20=$B$17,14,0)+IF('Standard Profiles'!$G$20=$B$24,21,0),0)),0)</f>
        <v>0</v>
      </c>
      <c r="G4328" cm="1">
        <f t="array" ref="G4328">IFERROR(INDEX(Jesper!AK$2:AK$366,ROUNDDOWN($C4328/24,0)+1,1)*INDEX($D$3:$AA$30,INDEX(Jesper!$R$2:$R$366,ROW(INDEX(Jesper!AK$2:AK$366,ROUNDDOWN($C4328/24,0)+1,1))-1)+IF('Standard Profiles'!$G$21=$B$10,7,0)+IF('Standard Profiles'!$G$21=$B$17,14,0)+IF('Standard Profiles'!$G$21=$B$24,21,0),MOD($C4328,24)+1)/SUM(INDEX($D$3:$AA$30,INDEX(Jesper!$R$2:$R$366,ROW(INDEX(Jesper!AK$2:AK$366,ROUNDDOWN($C4328/24,0)+1,1))-1)+IF('Standard Profiles'!$G$21=$B$10,7,0)+IF('Standard Profiles'!$G$21=$B$17,14,0)+IF('Standard Profiles'!$G$21=$B$24,21,0),0)),0)</f>
        <v>0.50601867003019063</v>
      </c>
      <c r="H4328" cm="1">
        <f t="array" ref="H4328">IFERROR(INDEX(Jesper!AL$2:AL$366,ROUNDDOWN($C4328/24,0)+1,1)*INDEX($D$3:$AA$30,INDEX(Jesper!$R$2:$R$366,ROW(INDEX(Jesper!AL$2:AL$366,ROUNDDOWN($C4328/24,0)+1,1))-1)+IF('Standard Profiles'!$G$22=$B$10,7,0)+IF('Standard Profiles'!$G$22=$B$17,14,0)+IF('Standard Profiles'!$G$22=$B$24,21,0),MOD($C4328,24)+1)/SUM(INDEX($D$3:$AA$30,INDEX(Jesper!$R$2:$R$366,ROW(INDEX(Jesper!AL$2:AL$366,ROUNDDOWN($C4328/24,0)+1,1))-1)+IF('Standard Profiles'!$G$22=$B$10,7,0)+IF('Standard Profiles'!$G$22=$B$17,14,0)+IF('Standard Profiles'!$G$22=$B$24,21,0),0)),0)</f>
        <v>0</v>
      </c>
      <c r="I4328">
        <f t="shared" si="489"/>
        <v>0.24288896161449139</v>
      </c>
      <c r="J4328">
        <f t="shared" si="490"/>
        <v>7.3200758113749265</v>
      </c>
      <c r="K4328">
        <f t="shared" si="491"/>
        <v>0.58201187929593268</v>
      </c>
      <c r="L4328">
        <f t="shared" si="492"/>
        <v>0.29100593964796634</v>
      </c>
      <c r="M4328">
        <f t="shared" si="493"/>
        <v>0</v>
      </c>
      <c r="N4328" s="45">
        <f t="shared" si="494"/>
        <v>45105.916666656252</v>
      </c>
    </row>
    <row r="4329" spans="2:14" x14ac:dyDescent="0.25">
      <c r="B4329">
        <f t="shared" si="488"/>
        <v>3</v>
      </c>
      <c r="C4329" s="16">
        <v>4295</v>
      </c>
      <c r="D4329" cm="1">
        <f t="array" ref="D4329">IFERROR(INDEX(Jesper!AH$2:AH$366,ROUNDDOWN($C4329/24,0)+1,1)*INDEX($D$3:$AA$30,INDEX(Jesper!$R$2:$R$366,ROW(INDEX(Jesper!AH$2:AH$366,ROUNDDOWN($C4329/24,0)+1,1))-1)+IF('Standard Profiles'!$G$18=$B$10,7,0)+IF('Standard Profiles'!$G$18=$B$17,14,0)+IF('Standard Profiles'!$G$18=$B$24,21,0),MOD($C4329,24)+1)/SUM(INDEX($D$3:$AA$30,INDEX(Jesper!$R$2:$R$366,ROW(INDEX(Jesper!AH$2:AH$366,ROUNDDOWN($C4329/24,0)+1,1))-1)+IF('Standard Profiles'!$G$18=$B$10,7,0)+IF('Standard Profiles'!$G$18=$B$17,14,0)+IF('Standard Profiles'!$G$18=$B$24,21,0),0)),0)</f>
        <v>5.4563613683993681</v>
      </c>
      <c r="E4329" cm="1">
        <f t="array" ref="E4329">IFERROR(INDEX(Jesper!AI$2:AI$366,ROUNDDOWN($C4329/24,0)+1,1)*INDEX($D$3:$AA$30,INDEX(Jesper!$R$2:$R$366,ROW(INDEX(Jesper!AI$2:AI$366,ROUNDDOWN($C4329/24,0)+1,1))-1)+IF('Standard Profiles'!$G$19=$B$10,7,0)+IF('Standard Profiles'!$G$19=$B$17,14,0)+IF('Standard Profiles'!$G$19=$B$24,21,0),MOD($C4329,24)+1)/SUM(INDEX($D$3:$AA$30,INDEX(Jesper!$R$2:$R$366,ROW(INDEX(Jesper!AI$2:AI$366,ROUNDDOWN($C4329/24,0)+1,1))-1)+IF('Standard Profiles'!$G$19=$B$10,7,0)+IF('Standard Profiles'!$G$19=$B$17,14,0)+IF('Standard Profiles'!$G$19=$B$24,21,0),0)),0)</f>
        <v>2.4736025535037585</v>
      </c>
      <c r="F4329" cm="1">
        <f t="array" ref="F4329">IFERROR(INDEX(Jesper!AJ$2:AJ$366,ROUNDDOWN($C4329/24,0)+1,1)*INDEX($D$3:$AA$30,INDEX(Jesper!$R$2:$R$366,ROW(INDEX(Jesper!AJ$2:AJ$366,ROUNDDOWN($C4329/24,0)+1,1))-1)+IF('Standard Profiles'!$G$20=$B$10,7,0)+IF('Standard Profiles'!$G$20=$B$17,14,0)+IF('Standard Profiles'!$G$20=$B$24,21,0),MOD($C4329,24)+1)/SUM(INDEX($D$3:$AA$30,INDEX(Jesper!$R$2:$R$366,ROW(INDEX(Jesper!AJ$2:AJ$366,ROUNDDOWN($C4329/24,0)+1,1))-1)+IF('Standard Profiles'!$G$20=$B$10,7,0)+IF('Standard Profiles'!$G$20=$B$17,14,0)+IF('Standard Profiles'!$G$20=$B$24,21,0),0)),0)</f>
        <v>0</v>
      </c>
      <c r="G4329" cm="1">
        <f t="array" ref="G4329">IFERROR(INDEX(Jesper!AK$2:AK$366,ROUNDDOWN($C4329/24,0)+1,1)*INDEX($D$3:$AA$30,INDEX(Jesper!$R$2:$R$366,ROW(INDEX(Jesper!AK$2:AK$366,ROUNDDOWN($C4329/24,0)+1,1))-1)+IF('Standard Profiles'!$G$21=$B$10,7,0)+IF('Standard Profiles'!$G$21=$B$17,14,0)+IF('Standard Profiles'!$G$21=$B$24,21,0),MOD($C4329,24)+1)/SUM(INDEX($D$3:$AA$30,INDEX(Jesper!$R$2:$R$366,ROW(INDEX(Jesper!AK$2:AK$366,ROUNDDOWN($C4329/24,0)+1,1))-1)+IF('Standard Profiles'!$G$21=$B$10,7,0)+IF('Standard Profiles'!$G$21=$B$17,14,0)+IF('Standard Profiles'!$G$21=$B$24,21,0),0)),0)</f>
        <v>0.50601867003019063</v>
      </c>
      <c r="H4329" cm="1">
        <f t="array" ref="H4329">IFERROR(INDEX(Jesper!AL$2:AL$366,ROUNDDOWN($C4329/24,0)+1,1)*INDEX($D$3:$AA$30,INDEX(Jesper!$R$2:$R$366,ROW(INDEX(Jesper!AL$2:AL$366,ROUNDDOWN($C4329/24,0)+1,1))-1)+IF('Standard Profiles'!$G$22=$B$10,7,0)+IF('Standard Profiles'!$G$22=$B$17,14,0)+IF('Standard Profiles'!$G$22=$B$24,21,0),MOD($C4329,24)+1)/SUM(INDEX($D$3:$AA$30,INDEX(Jesper!$R$2:$R$366,ROW(INDEX(Jesper!AL$2:AL$366,ROUNDDOWN($C4329/24,0)+1,1))-1)+IF('Standard Profiles'!$G$22=$B$10,7,0)+IF('Standard Profiles'!$G$22=$B$17,14,0)+IF('Standard Profiles'!$G$22=$B$24,21,0),0)),0)</f>
        <v>0</v>
      </c>
      <c r="I4329">
        <f t="shared" si="489"/>
        <v>0.24288896161449139</v>
      </c>
      <c r="J4329">
        <f t="shared" si="490"/>
        <v>7.3200758113749265</v>
      </c>
      <c r="K4329">
        <f t="shared" si="491"/>
        <v>0.58201187929593268</v>
      </c>
      <c r="L4329">
        <f t="shared" si="492"/>
        <v>0.29100593964796634</v>
      </c>
      <c r="M4329">
        <f t="shared" si="493"/>
        <v>0</v>
      </c>
      <c r="N4329" s="45">
        <f t="shared" si="494"/>
        <v>45105.958333322917</v>
      </c>
    </row>
    <row r="4330" spans="2:14" x14ac:dyDescent="0.25">
      <c r="B4330">
        <f t="shared" si="488"/>
        <v>4</v>
      </c>
      <c r="C4330" s="16">
        <v>4296</v>
      </c>
      <c r="D4330" cm="1">
        <f t="array" ref="D4330">IFERROR(INDEX(Jesper!AH$2:AH$366,ROUNDDOWN($C4330/24,0)+1,1)*INDEX($D$3:$AA$30,INDEX(Jesper!$R$2:$R$366,ROW(INDEX(Jesper!AH$2:AH$366,ROUNDDOWN($C4330/24,0)+1,1))-1)+IF('Standard Profiles'!$G$18=$B$10,7,0)+IF('Standard Profiles'!$G$18=$B$17,14,0)+IF('Standard Profiles'!$G$18=$B$24,21,0),MOD($C4330,24)+1)/SUM(INDEX($D$3:$AA$30,INDEX(Jesper!$R$2:$R$366,ROW(INDEX(Jesper!AH$2:AH$366,ROUNDDOWN($C4330/24,0)+1,1))-1)+IF('Standard Profiles'!$G$18=$B$10,7,0)+IF('Standard Profiles'!$G$18=$B$17,14,0)+IF('Standard Profiles'!$G$18=$B$24,21,0),0)),0)</f>
        <v>5.3387791462009391</v>
      </c>
      <c r="E4330" cm="1">
        <f t="array" ref="E4330">IFERROR(INDEX(Jesper!AI$2:AI$366,ROUNDDOWN($C4330/24,0)+1,1)*INDEX($D$3:$AA$30,INDEX(Jesper!$R$2:$R$366,ROW(INDEX(Jesper!AI$2:AI$366,ROUNDDOWN($C4330/24,0)+1,1))-1)+IF('Standard Profiles'!$G$19=$B$10,7,0)+IF('Standard Profiles'!$G$19=$B$17,14,0)+IF('Standard Profiles'!$G$19=$B$24,21,0),MOD($C4330,24)+1)/SUM(INDEX($D$3:$AA$30,INDEX(Jesper!$R$2:$R$366,ROW(INDEX(Jesper!AI$2:AI$366,ROUNDDOWN($C4330/24,0)+1,1))-1)+IF('Standard Profiles'!$G$19=$B$10,7,0)+IF('Standard Profiles'!$G$19=$B$17,14,0)+IF('Standard Profiles'!$G$19=$B$24,21,0),0)),0)</f>
        <v>2.2538041435406235</v>
      </c>
      <c r="F4330" cm="1">
        <f t="array" ref="F4330">IFERROR(INDEX(Jesper!AJ$2:AJ$366,ROUNDDOWN($C4330/24,0)+1,1)*INDEX($D$3:$AA$30,INDEX(Jesper!$R$2:$R$366,ROW(INDEX(Jesper!AJ$2:AJ$366,ROUNDDOWN($C4330/24,0)+1,1))-1)+IF('Standard Profiles'!$G$20=$B$10,7,0)+IF('Standard Profiles'!$G$20=$B$17,14,0)+IF('Standard Profiles'!$G$20=$B$24,21,0),MOD($C4330,24)+1)/SUM(INDEX($D$3:$AA$30,INDEX(Jesper!$R$2:$R$366,ROW(INDEX(Jesper!AJ$2:AJ$366,ROUNDDOWN($C4330/24,0)+1,1))-1)+IF('Standard Profiles'!$G$20=$B$10,7,0)+IF('Standard Profiles'!$G$20=$B$17,14,0)+IF('Standard Profiles'!$G$20=$B$24,21,0),0)),0)</f>
        <v>0</v>
      </c>
      <c r="G4330" cm="1">
        <f t="array" ref="G4330">IFERROR(INDEX(Jesper!AK$2:AK$366,ROUNDDOWN($C4330/24,0)+1,1)*INDEX($D$3:$AA$30,INDEX(Jesper!$R$2:$R$366,ROW(INDEX(Jesper!AK$2:AK$366,ROUNDDOWN($C4330/24,0)+1,1))-1)+IF('Standard Profiles'!$G$21=$B$10,7,0)+IF('Standard Profiles'!$G$21=$B$17,14,0)+IF('Standard Profiles'!$G$21=$B$24,21,0),MOD($C4330,24)+1)/SUM(INDEX($D$3:$AA$30,INDEX(Jesper!$R$2:$R$366,ROW(INDEX(Jesper!AK$2:AK$366,ROUNDDOWN($C4330/24,0)+1,1))-1)+IF('Standard Profiles'!$G$21=$B$10,7,0)+IF('Standard Profiles'!$G$21=$B$17,14,0)+IF('Standard Profiles'!$G$21=$B$24,21,0),0)),0)</f>
        <v>0.20202995223467346</v>
      </c>
      <c r="H4330" cm="1">
        <f t="array" ref="H4330">IFERROR(INDEX(Jesper!AL$2:AL$366,ROUNDDOWN($C4330/24,0)+1,1)*INDEX($D$3:$AA$30,INDEX(Jesper!$R$2:$R$366,ROW(INDEX(Jesper!AL$2:AL$366,ROUNDDOWN($C4330/24,0)+1,1))-1)+IF('Standard Profiles'!$G$22=$B$10,7,0)+IF('Standard Profiles'!$G$22=$B$17,14,0)+IF('Standard Profiles'!$G$22=$B$24,21,0),MOD($C4330,24)+1)/SUM(INDEX($D$3:$AA$30,INDEX(Jesper!$R$2:$R$366,ROW(INDEX(Jesper!AL$2:AL$366,ROUNDDOWN($C4330/24,0)+1,1))-1)+IF('Standard Profiles'!$G$22=$B$10,7,0)+IF('Standard Profiles'!$G$22=$B$17,14,0)+IF('Standard Profiles'!$G$22=$B$24,21,0),0)),0)</f>
        <v>0</v>
      </c>
      <c r="I4330">
        <f t="shared" si="489"/>
        <v>9.6974377072643211E-2</v>
      </c>
      <c r="J4330">
        <f t="shared" si="490"/>
        <v>6.8434342015114424</v>
      </c>
      <c r="K4330">
        <f t="shared" si="491"/>
        <v>0.56946977559476686</v>
      </c>
      <c r="L4330">
        <f t="shared" si="492"/>
        <v>0.28473488779738343</v>
      </c>
      <c r="M4330">
        <f t="shared" si="493"/>
        <v>0</v>
      </c>
      <c r="N4330" s="45">
        <f t="shared" si="494"/>
        <v>45105.999999989581</v>
      </c>
    </row>
    <row r="4331" spans="2:14" x14ac:dyDescent="0.25">
      <c r="B4331">
        <f t="shared" si="488"/>
        <v>4</v>
      </c>
      <c r="C4331" s="16">
        <v>4297</v>
      </c>
      <c r="D4331" cm="1">
        <f t="array" ref="D4331">IFERROR(INDEX(Jesper!AH$2:AH$366,ROUNDDOWN($C4331/24,0)+1,1)*INDEX($D$3:$AA$30,INDEX(Jesper!$R$2:$R$366,ROW(INDEX(Jesper!AH$2:AH$366,ROUNDDOWN($C4331/24,0)+1,1))-1)+IF('Standard Profiles'!$G$18=$B$10,7,0)+IF('Standard Profiles'!$G$18=$B$17,14,0)+IF('Standard Profiles'!$G$18=$B$24,21,0),MOD($C4331,24)+1)/SUM(INDEX($D$3:$AA$30,INDEX(Jesper!$R$2:$R$366,ROW(INDEX(Jesper!AH$2:AH$366,ROUNDDOWN($C4331/24,0)+1,1))-1)+IF('Standard Profiles'!$G$18=$B$10,7,0)+IF('Standard Profiles'!$G$18=$B$17,14,0)+IF('Standard Profiles'!$G$18=$B$24,21,0),0)),0)</f>
        <v>5.3387791462009391</v>
      </c>
      <c r="E4331" cm="1">
        <f t="array" ref="E4331">IFERROR(INDEX(Jesper!AI$2:AI$366,ROUNDDOWN($C4331/24,0)+1,1)*INDEX($D$3:$AA$30,INDEX(Jesper!$R$2:$R$366,ROW(INDEX(Jesper!AI$2:AI$366,ROUNDDOWN($C4331/24,0)+1,1))-1)+IF('Standard Profiles'!$G$19=$B$10,7,0)+IF('Standard Profiles'!$G$19=$B$17,14,0)+IF('Standard Profiles'!$G$19=$B$24,21,0),MOD($C4331,24)+1)/SUM(INDEX($D$3:$AA$30,INDEX(Jesper!$R$2:$R$366,ROW(INDEX(Jesper!AI$2:AI$366,ROUNDDOWN($C4331/24,0)+1,1))-1)+IF('Standard Profiles'!$G$19=$B$10,7,0)+IF('Standard Profiles'!$G$19=$B$17,14,0)+IF('Standard Profiles'!$G$19=$B$24,21,0),0)),0)</f>
        <v>2.2538041435406235</v>
      </c>
      <c r="F4331" cm="1">
        <f t="array" ref="F4331">IFERROR(INDEX(Jesper!AJ$2:AJ$366,ROUNDDOWN($C4331/24,0)+1,1)*INDEX($D$3:$AA$30,INDEX(Jesper!$R$2:$R$366,ROW(INDEX(Jesper!AJ$2:AJ$366,ROUNDDOWN($C4331/24,0)+1,1))-1)+IF('Standard Profiles'!$G$20=$B$10,7,0)+IF('Standard Profiles'!$G$20=$B$17,14,0)+IF('Standard Profiles'!$G$20=$B$24,21,0),MOD($C4331,24)+1)/SUM(INDEX($D$3:$AA$30,INDEX(Jesper!$R$2:$R$366,ROW(INDEX(Jesper!AJ$2:AJ$366,ROUNDDOWN($C4331/24,0)+1,1))-1)+IF('Standard Profiles'!$G$20=$B$10,7,0)+IF('Standard Profiles'!$G$20=$B$17,14,0)+IF('Standard Profiles'!$G$20=$B$24,21,0),0)),0)</f>
        <v>0</v>
      </c>
      <c r="G4331" cm="1">
        <f t="array" ref="G4331">IFERROR(INDEX(Jesper!AK$2:AK$366,ROUNDDOWN($C4331/24,0)+1,1)*INDEX($D$3:$AA$30,INDEX(Jesper!$R$2:$R$366,ROW(INDEX(Jesper!AK$2:AK$366,ROUNDDOWN($C4331/24,0)+1,1))-1)+IF('Standard Profiles'!$G$21=$B$10,7,0)+IF('Standard Profiles'!$G$21=$B$17,14,0)+IF('Standard Profiles'!$G$21=$B$24,21,0),MOD($C4331,24)+1)/SUM(INDEX($D$3:$AA$30,INDEX(Jesper!$R$2:$R$366,ROW(INDEX(Jesper!AK$2:AK$366,ROUNDDOWN($C4331/24,0)+1,1))-1)+IF('Standard Profiles'!$G$21=$B$10,7,0)+IF('Standard Profiles'!$G$21=$B$17,14,0)+IF('Standard Profiles'!$G$21=$B$24,21,0),0)),0)</f>
        <v>0.20202995223467346</v>
      </c>
      <c r="H4331" cm="1">
        <f t="array" ref="H4331">IFERROR(INDEX(Jesper!AL$2:AL$366,ROUNDDOWN($C4331/24,0)+1,1)*INDEX($D$3:$AA$30,INDEX(Jesper!$R$2:$R$366,ROW(INDEX(Jesper!AL$2:AL$366,ROUNDDOWN($C4331/24,0)+1,1))-1)+IF('Standard Profiles'!$G$22=$B$10,7,0)+IF('Standard Profiles'!$G$22=$B$17,14,0)+IF('Standard Profiles'!$G$22=$B$24,21,0),MOD($C4331,24)+1)/SUM(INDEX($D$3:$AA$30,INDEX(Jesper!$R$2:$R$366,ROW(INDEX(Jesper!AL$2:AL$366,ROUNDDOWN($C4331/24,0)+1,1))-1)+IF('Standard Profiles'!$G$22=$B$10,7,0)+IF('Standard Profiles'!$G$22=$B$17,14,0)+IF('Standard Profiles'!$G$22=$B$24,21,0),0)),0)</f>
        <v>0</v>
      </c>
      <c r="I4331">
        <f t="shared" si="489"/>
        <v>9.6974377072643211E-2</v>
      </c>
      <c r="J4331">
        <f t="shared" si="490"/>
        <v>6.8434342015114424</v>
      </c>
      <c r="K4331">
        <f t="shared" si="491"/>
        <v>0.56946977559476686</v>
      </c>
      <c r="L4331">
        <f t="shared" si="492"/>
        <v>0.28473488779738343</v>
      </c>
      <c r="M4331">
        <f t="shared" si="493"/>
        <v>0</v>
      </c>
      <c r="N4331" s="45">
        <f t="shared" si="494"/>
        <v>45106.041666656245</v>
      </c>
    </row>
    <row r="4332" spans="2:14" x14ac:dyDescent="0.25">
      <c r="B4332">
        <f t="shared" si="488"/>
        <v>4</v>
      </c>
      <c r="C4332" s="16">
        <v>4298</v>
      </c>
      <c r="D4332" cm="1">
        <f t="array" ref="D4332">IFERROR(INDEX(Jesper!AH$2:AH$366,ROUNDDOWN($C4332/24,0)+1,1)*INDEX($D$3:$AA$30,INDEX(Jesper!$R$2:$R$366,ROW(INDEX(Jesper!AH$2:AH$366,ROUNDDOWN($C4332/24,0)+1,1))-1)+IF('Standard Profiles'!$G$18=$B$10,7,0)+IF('Standard Profiles'!$G$18=$B$17,14,0)+IF('Standard Profiles'!$G$18=$B$24,21,0),MOD($C4332,24)+1)/SUM(INDEX($D$3:$AA$30,INDEX(Jesper!$R$2:$R$366,ROW(INDEX(Jesper!AH$2:AH$366,ROUNDDOWN($C4332/24,0)+1,1))-1)+IF('Standard Profiles'!$G$18=$B$10,7,0)+IF('Standard Profiles'!$G$18=$B$17,14,0)+IF('Standard Profiles'!$G$18=$B$24,21,0),0)),0)</f>
        <v>5.3387791462009391</v>
      </c>
      <c r="E4332" cm="1">
        <f t="array" ref="E4332">IFERROR(INDEX(Jesper!AI$2:AI$366,ROUNDDOWN($C4332/24,0)+1,1)*INDEX($D$3:$AA$30,INDEX(Jesper!$R$2:$R$366,ROW(INDEX(Jesper!AI$2:AI$366,ROUNDDOWN($C4332/24,0)+1,1))-1)+IF('Standard Profiles'!$G$19=$B$10,7,0)+IF('Standard Profiles'!$G$19=$B$17,14,0)+IF('Standard Profiles'!$G$19=$B$24,21,0),MOD($C4332,24)+1)/SUM(INDEX($D$3:$AA$30,INDEX(Jesper!$R$2:$R$366,ROW(INDEX(Jesper!AI$2:AI$366,ROUNDDOWN($C4332/24,0)+1,1))-1)+IF('Standard Profiles'!$G$19=$B$10,7,0)+IF('Standard Profiles'!$G$19=$B$17,14,0)+IF('Standard Profiles'!$G$19=$B$24,21,0),0)),0)</f>
        <v>2.2538041435406235</v>
      </c>
      <c r="F4332" cm="1">
        <f t="array" ref="F4332">IFERROR(INDEX(Jesper!AJ$2:AJ$366,ROUNDDOWN($C4332/24,0)+1,1)*INDEX($D$3:$AA$30,INDEX(Jesper!$R$2:$R$366,ROW(INDEX(Jesper!AJ$2:AJ$366,ROUNDDOWN($C4332/24,0)+1,1))-1)+IF('Standard Profiles'!$G$20=$B$10,7,0)+IF('Standard Profiles'!$G$20=$B$17,14,0)+IF('Standard Profiles'!$G$20=$B$24,21,0),MOD($C4332,24)+1)/SUM(INDEX($D$3:$AA$30,INDEX(Jesper!$R$2:$R$366,ROW(INDEX(Jesper!AJ$2:AJ$366,ROUNDDOWN($C4332/24,0)+1,1))-1)+IF('Standard Profiles'!$G$20=$B$10,7,0)+IF('Standard Profiles'!$G$20=$B$17,14,0)+IF('Standard Profiles'!$G$20=$B$24,21,0),0)),0)</f>
        <v>0</v>
      </c>
      <c r="G4332" cm="1">
        <f t="array" ref="G4332">IFERROR(INDEX(Jesper!AK$2:AK$366,ROUNDDOWN($C4332/24,0)+1,1)*INDEX($D$3:$AA$30,INDEX(Jesper!$R$2:$R$366,ROW(INDEX(Jesper!AK$2:AK$366,ROUNDDOWN($C4332/24,0)+1,1))-1)+IF('Standard Profiles'!$G$21=$B$10,7,0)+IF('Standard Profiles'!$G$21=$B$17,14,0)+IF('Standard Profiles'!$G$21=$B$24,21,0),MOD($C4332,24)+1)/SUM(INDEX($D$3:$AA$30,INDEX(Jesper!$R$2:$R$366,ROW(INDEX(Jesper!AK$2:AK$366,ROUNDDOWN($C4332/24,0)+1,1))-1)+IF('Standard Profiles'!$G$21=$B$10,7,0)+IF('Standard Profiles'!$G$21=$B$17,14,0)+IF('Standard Profiles'!$G$21=$B$24,21,0),0)),0)</f>
        <v>0.20202995223467346</v>
      </c>
      <c r="H4332" cm="1">
        <f t="array" ref="H4332">IFERROR(INDEX(Jesper!AL$2:AL$366,ROUNDDOWN($C4332/24,0)+1,1)*INDEX($D$3:$AA$30,INDEX(Jesper!$R$2:$R$366,ROW(INDEX(Jesper!AL$2:AL$366,ROUNDDOWN($C4332/24,0)+1,1))-1)+IF('Standard Profiles'!$G$22=$B$10,7,0)+IF('Standard Profiles'!$G$22=$B$17,14,0)+IF('Standard Profiles'!$G$22=$B$24,21,0),MOD($C4332,24)+1)/SUM(INDEX($D$3:$AA$30,INDEX(Jesper!$R$2:$R$366,ROW(INDEX(Jesper!AL$2:AL$366,ROUNDDOWN($C4332/24,0)+1,1))-1)+IF('Standard Profiles'!$G$22=$B$10,7,0)+IF('Standard Profiles'!$G$22=$B$17,14,0)+IF('Standard Profiles'!$G$22=$B$24,21,0),0)),0)</f>
        <v>0</v>
      </c>
      <c r="I4332">
        <f t="shared" si="489"/>
        <v>9.6974377072643211E-2</v>
      </c>
      <c r="J4332">
        <f t="shared" si="490"/>
        <v>6.8434342015114424</v>
      </c>
      <c r="K4332">
        <f t="shared" si="491"/>
        <v>0.56946977559476686</v>
      </c>
      <c r="L4332">
        <f t="shared" si="492"/>
        <v>0.28473488779738343</v>
      </c>
      <c r="M4332">
        <f t="shared" si="493"/>
        <v>0</v>
      </c>
      <c r="N4332" s="45">
        <f t="shared" si="494"/>
        <v>45106.083333322909</v>
      </c>
    </row>
    <row r="4333" spans="2:14" x14ac:dyDescent="0.25">
      <c r="B4333">
        <f t="shared" si="488"/>
        <v>4</v>
      </c>
      <c r="C4333" s="16">
        <v>4299</v>
      </c>
      <c r="D4333" cm="1">
        <f t="array" ref="D4333">IFERROR(INDEX(Jesper!AH$2:AH$366,ROUNDDOWN($C4333/24,0)+1,1)*INDEX($D$3:$AA$30,INDEX(Jesper!$R$2:$R$366,ROW(INDEX(Jesper!AH$2:AH$366,ROUNDDOWN($C4333/24,0)+1,1))-1)+IF('Standard Profiles'!$G$18=$B$10,7,0)+IF('Standard Profiles'!$G$18=$B$17,14,0)+IF('Standard Profiles'!$G$18=$B$24,21,0),MOD($C4333,24)+1)/SUM(INDEX($D$3:$AA$30,INDEX(Jesper!$R$2:$R$366,ROW(INDEX(Jesper!AH$2:AH$366,ROUNDDOWN($C4333/24,0)+1,1))-1)+IF('Standard Profiles'!$G$18=$B$10,7,0)+IF('Standard Profiles'!$G$18=$B$17,14,0)+IF('Standard Profiles'!$G$18=$B$24,21,0),0)),0)</f>
        <v>5.3387791462009391</v>
      </c>
      <c r="E4333" cm="1">
        <f t="array" ref="E4333">IFERROR(INDEX(Jesper!AI$2:AI$366,ROUNDDOWN($C4333/24,0)+1,1)*INDEX($D$3:$AA$30,INDEX(Jesper!$R$2:$R$366,ROW(INDEX(Jesper!AI$2:AI$366,ROUNDDOWN($C4333/24,0)+1,1))-1)+IF('Standard Profiles'!$G$19=$B$10,7,0)+IF('Standard Profiles'!$G$19=$B$17,14,0)+IF('Standard Profiles'!$G$19=$B$24,21,0),MOD($C4333,24)+1)/SUM(INDEX($D$3:$AA$30,INDEX(Jesper!$R$2:$R$366,ROW(INDEX(Jesper!AI$2:AI$366,ROUNDDOWN($C4333/24,0)+1,1))-1)+IF('Standard Profiles'!$G$19=$B$10,7,0)+IF('Standard Profiles'!$G$19=$B$17,14,0)+IF('Standard Profiles'!$G$19=$B$24,21,0),0)),0)</f>
        <v>2.2538041435406235</v>
      </c>
      <c r="F4333" cm="1">
        <f t="array" ref="F4333">IFERROR(INDEX(Jesper!AJ$2:AJ$366,ROUNDDOWN($C4333/24,0)+1,1)*INDEX($D$3:$AA$30,INDEX(Jesper!$R$2:$R$366,ROW(INDEX(Jesper!AJ$2:AJ$366,ROUNDDOWN($C4333/24,0)+1,1))-1)+IF('Standard Profiles'!$G$20=$B$10,7,0)+IF('Standard Profiles'!$G$20=$B$17,14,0)+IF('Standard Profiles'!$G$20=$B$24,21,0),MOD($C4333,24)+1)/SUM(INDEX($D$3:$AA$30,INDEX(Jesper!$R$2:$R$366,ROW(INDEX(Jesper!AJ$2:AJ$366,ROUNDDOWN($C4333/24,0)+1,1))-1)+IF('Standard Profiles'!$G$20=$B$10,7,0)+IF('Standard Profiles'!$G$20=$B$17,14,0)+IF('Standard Profiles'!$G$20=$B$24,21,0),0)),0)</f>
        <v>0</v>
      </c>
      <c r="G4333" cm="1">
        <f t="array" ref="G4333">IFERROR(INDEX(Jesper!AK$2:AK$366,ROUNDDOWN($C4333/24,0)+1,1)*INDEX($D$3:$AA$30,INDEX(Jesper!$R$2:$R$366,ROW(INDEX(Jesper!AK$2:AK$366,ROUNDDOWN($C4333/24,0)+1,1))-1)+IF('Standard Profiles'!$G$21=$B$10,7,0)+IF('Standard Profiles'!$G$21=$B$17,14,0)+IF('Standard Profiles'!$G$21=$B$24,21,0),MOD($C4333,24)+1)/SUM(INDEX($D$3:$AA$30,INDEX(Jesper!$R$2:$R$366,ROW(INDEX(Jesper!AK$2:AK$366,ROUNDDOWN($C4333/24,0)+1,1))-1)+IF('Standard Profiles'!$G$21=$B$10,7,0)+IF('Standard Profiles'!$G$21=$B$17,14,0)+IF('Standard Profiles'!$G$21=$B$24,21,0),0)),0)</f>
        <v>0.20202995223467346</v>
      </c>
      <c r="H4333" cm="1">
        <f t="array" ref="H4333">IFERROR(INDEX(Jesper!AL$2:AL$366,ROUNDDOWN($C4333/24,0)+1,1)*INDEX($D$3:$AA$30,INDEX(Jesper!$R$2:$R$366,ROW(INDEX(Jesper!AL$2:AL$366,ROUNDDOWN($C4333/24,0)+1,1))-1)+IF('Standard Profiles'!$G$22=$B$10,7,0)+IF('Standard Profiles'!$G$22=$B$17,14,0)+IF('Standard Profiles'!$G$22=$B$24,21,0),MOD($C4333,24)+1)/SUM(INDEX($D$3:$AA$30,INDEX(Jesper!$R$2:$R$366,ROW(INDEX(Jesper!AL$2:AL$366,ROUNDDOWN($C4333/24,0)+1,1))-1)+IF('Standard Profiles'!$G$22=$B$10,7,0)+IF('Standard Profiles'!$G$22=$B$17,14,0)+IF('Standard Profiles'!$G$22=$B$24,21,0),0)),0)</f>
        <v>0</v>
      </c>
      <c r="I4333">
        <f t="shared" si="489"/>
        <v>9.6974377072643211E-2</v>
      </c>
      <c r="J4333">
        <f t="shared" si="490"/>
        <v>6.8434342015114424</v>
      </c>
      <c r="K4333">
        <f t="shared" si="491"/>
        <v>0.56946977559476686</v>
      </c>
      <c r="L4333">
        <f t="shared" si="492"/>
        <v>0.28473488779738343</v>
      </c>
      <c r="M4333">
        <f t="shared" si="493"/>
        <v>0</v>
      </c>
      <c r="N4333" s="45">
        <f t="shared" si="494"/>
        <v>45106.124999989574</v>
      </c>
    </row>
    <row r="4334" spans="2:14" x14ac:dyDescent="0.25">
      <c r="B4334">
        <f t="shared" si="488"/>
        <v>4</v>
      </c>
      <c r="C4334" s="16">
        <v>4300</v>
      </c>
      <c r="D4334" cm="1">
        <f t="array" ref="D4334">IFERROR(INDEX(Jesper!AH$2:AH$366,ROUNDDOWN($C4334/24,0)+1,1)*INDEX($D$3:$AA$30,INDEX(Jesper!$R$2:$R$366,ROW(INDEX(Jesper!AH$2:AH$366,ROUNDDOWN($C4334/24,0)+1,1))-1)+IF('Standard Profiles'!$G$18=$B$10,7,0)+IF('Standard Profiles'!$G$18=$B$17,14,0)+IF('Standard Profiles'!$G$18=$B$24,21,0),MOD($C4334,24)+1)/SUM(INDEX($D$3:$AA$30,INDEX(Jesper!$R$2:$R$366,ROW(INDEX(Jesper!AH$2:AH$366,ROUNDDOWN($C4334/24,0)+1,1))-1)+IF('Standard Profiles'!$G$18=$B$10,7,0)+IF('Standard Profiles'!$G$18=$B$17,14,0)+IF('Standard Profiles'!$G$18=$B$24,21,0),0)),0)</f>
        <v>5.3387791462009391</v>
      </c>
      <c r="E4334" cm="1">
        <f t="array" ref="E4334">IFERROR(INDEX(Jesper!AI$2:AI$366,ROUNDDOWN($C4334/24,0)+1,1)*INDEX($D$3:$AA$30,INDEX(Jesper!$R$2:$R$366,ROW(INDEX(Jesper!AI$2:AI$366,ROUNDDOWN($C4334/24,0)+1,1))-1)+IF('Standard Profiles'!$G$19=$B$10,7,0)+IF('Standard Profiles'!$G$19=$B$17,14,0)+IF('Standard Profiles'!$G$19=$B$24,21,0),MOD($C4334,24)+1)/SUM(INDEX($D$3:$AA$30,INDEX(Jesper!$R$2:$R$366,ROW(INDEX(Jesper!AI$2:AI$366,ROUNDDOWN($C4334/24,0)+1,1))-1)+IF('Standard Profiles'!$G$19=$B$10,7,0)+IF('Standard Profiles'!$G$19=$B$17,14,0)+IF('Standard Profiles'!$G$19=$B$24,21,0),0)),0)</f>
        <v>2.2538041435406235</v>
      </c>
      <c r="F4334" cm="1">
        <f t="array" ref="F4334">IFERROR(INDEX(Jesper!AJ$2:AJ$366,ROUNDDOWN($C4334/24,0)+1,1)*INDEX($D$3:$AA$30,INDEX(Jesper!$R$2:$R$366,ROW(INDEX(Jesper!AJ$2:AJ$366,ROUNDDOWN($C4334/24,0)+1,1))-1)+IF('Standard Profiles'!$G$20=$B$10,7,0)+IF('Standard Profiles'!$G$20=$B$17,14,0)+IF('Standard Profiles'!$G$20=$B$24,21,0),MOD($C4334,24)+1)/SUM(INDEX($D$3:$AA$30,INDEX(Jesper!$R$2:$R$366,ROW(INDEX(Jesper!AJ$2:AJ$366,ROUNDDOWN($C4334/24,0)+1,1))-1)+IF('Standard Profiles'!$G$20=$B$10,7,0)+IF('Standard Profiles'!$G$20=$B$17,14,0)+IF('Standard Profiles'!$G$20=$B$24,21,0),0)),0)</f>
        <v>0</v>
      </c>
      <c r="G4334" cm="1">
        <f t="array" ref="G4334">IFERROR(INDEX(Jesper!AK$2:AK$366,ROUNDDOWN($C4334/24,0)+1,1)*INDEX($D$3:$AA$30,INDEX(Jesper!$R$2:$R$366,ROW(INDEX(Jesper!AK$2:AK$366,ROUNDDOWN($C4334/24,0)+1,1))-1)+IF('Standard Profiles'!$G$21=$B$10,7,0)+IF('Standard Profiles'!$G$21=$B$17,14,0)+IF('Standard Profiles'!$G$21=$B$24,21,0),MOD($C4334,24)+1)/SUM(INDEX($D$3:$AA$30,INDEX(Jesper!$R$2:$R$366,ROW(INDEX(Jesper!AK$2:AK$366,ROUNDDOWN($C4334/24,0)+1,1))-1)+IF('Standard Profiles'!$G$21=$B$10,7,0)+IF('Standard Profiles'!$G$21=$B$17,14,0)+IF('Standard Profiles'!$G$21=$B$24,21,0),0)),0)</f>
        <v>0.20202995223467346</v>
      </c>
      <c r="H4334" cm="1">
        <f t="array" ref="H4334">IFERROR(INDEX(Jesper!AL$2:AL$366,ROUNDDOWN($C4334/24,0)+1,1)*INDEX($D$3:$AA$30,INDEX(Jesper!$R$2:$R$366,ROW(INDEX(Jesper!AL$2:AL$366,ROUNDDOWN($C4334/24,0)+1,1))-1)+IF('Standard Profiles'!$G$22=$B$10,7,0)+IF('Standard Profiles'!$G$22=$B$17,14,0)+IF('Standard Profiles'!$G$22=$B$24,21,0),MOD($C4334,24)+1)/SUM(INDEX($D$3:$AA$30,INDEX(Jesper!$R$2:$R$366,ROW(INDEX(Jesper!AL$2:AL$366,ROUNDDOWN($C4334/24,0)+1,1))-1)+IF('Standard Profiles'!$G$22=$B$10,7,0)+IF('Standard Profiles'!$G$22=$B$17,14,0)+IF('Standard Profiles'!$G$22=$B$24,21,0),0)),0)</f>
        <v>0</v>
      </c>
      <c r="I4334">
        <f t="shared" si="489"/>
        <v>9.6974377072643211E-2</v>
      </c>
      <c r="J4334">
        <f t="shared" si="490"/>
        <v>6.8434342015114424</v>
      </c>
      <c r="K4334">
        <f t="shared" si="491"/>
        <v>0.56946977559476686</v>
      </c>
      <c r="L4334">
        <f t="shared" si="492"/>
        <v>0.28473488779738343</v>
      </c>
      <c r="M4334">
        <f t="shared" si="493"/>
        <v>0</v>
      </c>
      <c r="N4334" s="45">
        <f t="shared" si="494"/>
        <v>45106.166666656238</v>
      </c>
    </row>
    <row r="4335" spans="2:14" x14ac:dyDescent="0.25">
      <c r="B4335">
        <f t="shared" si="488"/>
        <v>4</v>
      </c>
      <c r="C4335" s="16">
        <v>4301</v>
      </c>
      <c r="D4335" cm="1">
        <f t="array" ref="D4335">IFERROR(INDEX(Jesper!AH$2:AH$366,ROUNDDOWN($C4335/24,0)+1,1)*INDEX($D$3:$AA$30,INDEX(Jesper!$R$2:$R$366,ROW(INDEX(Jesper!AH$2:AH$366,ROUNDDOWN($C4335/24,0)+1,1))-1)+IF('Standard Profiles'!$G$18=$B$10,7,0)+IF('Standard Profiles'!$G$18=$B$17,14,0)+IF('Standard Profiles'!$G$18=$B$24,21,0),MOD($C4335,24)+1)/SUM(INDEX($D$3:$AA$30,INDEX(Jesper!$R$2:$R$366,ROW(INDEX(Jesper!AH$2:AH$366,ROUNDDOWN($C4335/24,0)+1,1))-1)+IF('Standard Profiles'!$G$18=$B$10,7,0)+IF('Standard Profiles'!$G$18=$B$17,14,0)+IF('Standard Profiles'!$G$18=$B$24,21,0),0)),0)</f>
        <v>5.3387791462009391</v>
      </c>
      <c r="E4335" cm="1">
        <f t="array" ref="E4335">IFERROR(INDEX(Jesper!AI$2:AI$366,ROUNDDOWN($C4335/24,0)+1,1)*INDEX($D$3:$AA$30,INDEX(Jesper!$R$2:$R$366,ROW(INDEX(Jesper!AI$2:AI$366,ROUNDDOWN($C4335/24,0)+1,1))-1)+IF('Standard Profiles'!$G$19=$B$10,7,0)+IF('Standard Profiles'!$G$19=$B$17,14,0)+IF('Standard Profiles'!$G$19=$B$24,21,0),MOD($C4335,24)+1)/SUM(INDEX($D$3:$AA$30,INDEX(Jesper!$R$2:$R$366,ROW(INDEX(Jesper!AI$2:AI$366,ROUNDDOWN($C4335/24,0)+1,1))-1)+IF('Standard Profiles'!$G$19=$B$10,7,0)+IF('Standard Profiles'!$G$19=$B$17,14,0)+IF('Standard Profiles'!$G$19=$B$24,21,0),0)),0)</f>
        <v>2.2538041435406235</v>
      </c>
      <c r="F4335" cm="1">
        <f t="array" ref="F4335">IFERROR(INDEX(Jesper!AJ$2:AJ$366,ROUNDDOWN($C4335/24,0)+1,1)*INDEX($D$3:$AA$30,INDEX(Jesper!$R$2:$R$366,ROW(INDEX(Jesper!AJ$2:AJ$366,ROUNDDOWN($C4335/24,0)+1,1))-1)+IF('Standard Profiles'!$G$20=$B$10,7,0)+IF('Standard Profiles'!$G$20=$B$17,14,0)+IF('Standard Profiles'!$G$20=$B$24,21,0),MOD($C4335,24)+1)/SUM(INDEX($D$3:$AA$30,INDEX(Jesper!$R$2:$R$366,ROW(INDEX(Jesper!AJ$2:AJ$366,ROUNDDOWN($C4335/24,0)+1,1))-1)+IF('Standard Profiles'!$G$20=$B$10,7,0)+IF('Standard Profiles'!$G$20=$B$17,14,0)+IF('Standard Profiles'!$G$20=$B$24,21,0),0)),0)</f>
        <v>0</v>
      </c>
      <c r="G4335" cm="1">
        <f t="array" ref="G4335">IFERROR(INDEX(Jesper!AK$2:AK$366,ROUNDDOWN($C4335/24,0)+1,1)*INDEX($D$3:$AA$30,INDEX(Jesper!$R$2:$R$366,ROW(INDEX(Jesper!AK$2:AK$366,ROUNDDOWN($C4335/24,0)+1,1))-1)+IF('Standard Profiles'!$G$21=$B$10,7,0)+IF('Standard Profiles'!$G$21=$B$17,14,0)+IF('Standard Profiles'!$G$21=$B$24,21,0),MOD($C4335,24)+1)/SUM(INDEX($D$3:$AA$30,INDEX(Jesper!$R$2:$R$366,ROW(INDEX(Jesper!AK$2:AK$366,ROUNDDOWN($C4335/24,0)+1,1))-1)+IF('Standard Profiles'!$G$21=$B$10,7,0)+IF('Standard Profiles'!$G$21=$B$17,14,0)+IF('Standard Profiles'!$G$21=$B$24,21,0),0)),0)</f>
        <v>0.20202995223467346</v>
      </c>
      <c r="H4335" cm="1">
        <f t="array" ref="H4335">IFERROR(INDEX(Jesper!AL$2:AL$366,ROUNDDOWN($C4335/24,0)+1,1)*INDEX($D$3:$AA$30,INDEX(Jesper!$R$2:$R$366,ROW(INDEX(Jesper!AL$2:AL$366,ROUNDDOWN($C4335/24,0)+1,1))-1)+IF('Standard Profiles'!$G$22=$B$10,7,0)+IF('Standard Profiles'!$G$22=$B$17,14,0)+IF('Standard Profiles'!$G$22=$B$24,21,0),MOD($C4335,24)+1)/SUM(INDEX($D$3:$AA$30,INDEX(Jesper!$R$2:$R$366,ROW(INDEX(Jesper!AL$2:AL$366,ROUNDDOWN($C4335/24,0)+1,1))-1)+IF('Standard Profiles'!$G$22=$B$10,7,0)+IF('Standard Profiles'!$G$22=$B$17,14,0)+IF('Standard Profiles'!$G$22=$B$24,21,0),0)),0)</f>
        <v>0</v>
      </c>
      <c r="I4335">
        <f t="shared" si="489"/>
        <v>9.6974377072643211E-2</v>
      </c>
      <c r="J4335">
        <f t="shared" si="490"/>
        <v>6.8434342015114424</v>
      </c>
      <c r="K4335">
        <f t="shared" si="491"/>
        <v>0.56946977559476686</v>
      </c>
      <c r="L4335">
        <f t="shared" si="492"/>
        <v>0.28473488779738343</v>
      </c>
      <c r="M4335">
        <f t="shared" si="493"/>
        <v>0</v>
      </c>
      <c r="N4335" s="45">
        <f t="shared" si="494"/>
        <v>45106.208333322902</v>
      </c>
    </row>
    <row r="4336" spans="2:14" x14ac:dyDescent="0.25">
      <c r="B4336">
        <f t="shared" si="488"/>
        <v>4</v>
      </c>
      <c r="C4336" s="16">
        <v>4302</v>
      </c>
      <c r="D4336" cm="1">
        <f t="array" ref="D4336">IFERROR(INDEX(Jesper!AH$2:AH$366,ROUNDDOWN($C4336/24,0)+1,1)*INDEX($D$3:$AA$30,INDEX(Jesper!$R$2:$R$366,ROW(INDEX(Jesper!AH$2:AH$366,ROUNDDOWN($C4336/24,0)+1,1))-1)+IF('Standard Profiles'!$G$18=$B$10,7,0)+IF('Standard Profiles'!$G$18=$B$17,14,0)+IF('Standard Profiles'!$G$18=$B$24,21,0),MOD($C4336,24)+1)/SUM(INDEX($D$3:$AA$30,INDEX(Jesper!$R$2:$R$366,ROW(INDEX(Jesper!AH$2:AH$366,ROUNDDOWN($C4336/24,0)+1,1))-1)+IF('Standard Profiles'!$G$18=$B$10,7,0)+IF('Standard Profiles'!$G$18=$B$17,14,0)+IF('Standard Profiles'!$G$18=$B$24,21,0),0)),0)</f>
        <v>5.3387791462009391</v>
      </c>
      <c r="E4336" cm="1">
        <f t="array" ref="E4336">IFERROR(INDEX(Jesper!AI$2:AI$366,ROUNDDOWN($C4336/24,0)+1,1)*INDEX($D$3:$AA$30,INDEX(Jesper!$R$2:$R$366,ROW(INDEX(Jesper!AI$2:AI$366,ROUNDDOWN($C4336/24,0)+1,1))-1)+IF('Standard Profiles'!$G$19=$B$10,7,0)+IF('Standard Profiles'!$G$19=$B$17,14,0)+IF('Standard Profiles'!$G$19=$B$24,21,0),MOD($C4336,24)+1)/SUM(INDEX($D$3:$AA$30,INDEX(Jesper!$R$2:$R$366,ROW(INDEX(Jesper!AI$2:AI$366,ROUNDDOWN($C4336/24,0)+1,1))-1)+IF('Standard Profiles'!$G$19=$B$10,7,0)+IF('Standard Profiles'!$G$19=$B$17,14,0)+IF('Standard Profiles'!$G$19=$B$24,21,0),0)),0)</f>
        <v>2.2538041435406235</v>
      </c>
      <c r="F4336" cm="1">
        <f t="array" ref="F4336">IFERROR(INDEX(Jesper!AJ$2:AJ$366,ROUNDDOWN($C4336/24,0)+1,1)*INDEX($D$3:$AA$30,INDEX(Jesper!$R$2:$R$366,ROW(INDEX(Jesper!AJ$2:AJ$366,ROUNDDOWN($C4336/24,0)+1,1))-1)+IF('Standard Profiles'!$G$20=$B$10,7,0)+IF('Standard Profiles'!$G$20=$B$17,14,0)+IF('Standard Profiles'!$G$20=$B$24,21,0),MOD($C4336,24)+1)/SUM(INDEX($D$3:$AA$30,INDEX(Jesper!$R$2:$R$366,ROW(INDEX(Jesper!AJ$2:AJ$366,ROUNDDOWN($C4336/24,0)+1,1))-1)+IF('Standard Profiles'!$G$20=$B$10,7,0)+IF('Standard Profiles'!$G$20=$B$17,14,0)+IF('Standard Profiles'!$G$20=$B$24,21,0),0)),0)</f>
        <v>0</v>
      </c>
      <c r="G4336" cm="1">
        <f t="array" ref="G4336">IFERROR(INDEX(Jesper!AK$2:AK$366,ROUNDDOWN($C4336/24,0)+1,1)*INDEX($D$3:$AA$30,INDEX(Jesper!$R$2:$R$366,ROW(INDEX(Jesper!AK$2:AK$366,ROUNDDOWN($C4336/24,0)+1,1))-1)+IF('Standard Profiles'!$G$21=$B$10,7,0)+IF('Standard Profiles'!$G$21=$B$17,14,0)+IF('Standard Profiles'!$G$21=$B$24,21,0),MOD($C4336,24)+1)/SUM(INDEX($D$3:$AA$30,INDEX(Jesper!$R$2:$R$366,ROW(INDEX(Jesper!AK$2:AK$366,ROUNDDOWN($C4336/24,0)+1,1))-1)+IF('Standard Profiles'!$G$21=$B$10,7,0)+IF('Standard Profiles'!$G$21=$B$17,14,0)+IF('Standard Profiles'!$G$21=$B$24,21,0),0)),0)</f>
        <v>0.20202995223467346</v>
      </c>
      <c r="H4336" cm="1">
        <f t="array" ref="H4336">IFERROR(INDEX(Jesper!AL$2:AL$366,ROUNDDOWN($C4336/24,0)+1,1)*INDEX($D$3:$AA$30,INDEX(Jesper!$R$2:$R$366,ROW(INDEX(Jesper!AL$2:AL$366,ROUNDDOWN($C4336/24,0)+1,1))-1)+IF('Standard Profiles'!$G$22=$B$10,7,0)+IF('Standard Profiles'!$G$22=$B$17,14,0)+IF('Standard Profiles'!$G$22=$B$24,21,0),MOD($C4336,24)+1)/SUM(INDEX($D$3:$AA$30,INDEX(Jesper!$R$2:$R$366,ROW(INDEX(Jesper!AL$2:AL$366,ROUNDDOWN($C4336/24,0)+1,1))-1)+IF('Standard Profiles'!$G$22=$B$10,7,0)+IF('Standard Profiles'!$G$22=$B$17,14,0)+IF('Standard Profiles'!$G$22=$B$24,21,0),0)),0)</f>
        <v>0</v>
      </c>
      <c r="I4336">
        <f t="shared" si="489"/>
        <v>9.6974377072643211E-2</v>
      </c>
      <c r="J4336">
        <f t="shared" si="490"/>
        <v>6.8434342015114424</v>
      </c>
      <c r="K4336">
        <f t="shared" si="491"/>
        <v>0.56946977559476686</v>
      </c>
      <c r="L4336">
        <f t="shared" si="492"/>
        <v>0.28473488779738343</v>
      </c>
      <c r="M4336">
        <f t="shared" si="493"/>
        <v>0</v>
      </c>
      <c r="N4336" s="45">
        <f t="shared" si="494"/>
        <v>45106.249999989566</v>
      </c>
    </row>
    <row r="4337" spans="2:14" x14ac:dyDescent="0.25">
      <c r="B4337">
        <f t="shared" si="488"/>
        <v>4</v>
      </c>
      <c r="C4337" s="16">
        <v>4303</v>
      </c>
      <c r="D4337" cm="1">
        <f t="array" ref="D4337">IFERROR(INDEX(Jesper!AH$2:AH$366,ROUNDDOWN($C4337/24,0)+1,1)*INDEX($D$3:$AA$30,INDEX(Jesper!$R$2:$R$366,ROW(INDEX(Jesper!AH$2:AH$366,ROUNDDOWN($C4337/24,0)+1,1))-1)+IF('Standard Profiles'!$G$18=$B$10,7,0)+IF('Standard Profiles'!$G$18=$B$17,14,0)+IF('Standard Profiles'!$G$18=$B$24,21,0),MOD($C4337,24)+1)/SUM(INDEX($D$3:$AA$30,INDEX(Jesper!$R$2:$R$366,ROW(INDEX(Jesper!AH$2:AH$366,ROUNDDOWN($C4337/24,0)+1,1))-1)+IF('Standard Profiles'!$G$18=$B$10,7,0)+IF('Standard Profiles'!$G$18=$B$17,14,0)+IF('Standard Profiles'!$G$18=$B$24,21,0),0)),0)</f>
        <v>21.824282024924443</v>
      </c>
      <c r="E4337" cm="1">
        <f t="array" ref="E4337">IFERROR(INDEX(Jesper!AI$2:AI$366,ROUNDDOWN($C4337/24,0)+1,1)*INDEX($D$3:$AA$30,INDEX(Jesper!$R$2:$R$366,ROW(INDEX(Jesper!AI$2:AI$366,ROUNDDOWN($C4337/24,0)+1,1))-1)+IF('Standard Profiles'!$G$19=$B$10,7,0)+IF('Standard Profiles'!$G$19=$B$17,14,0)+IF('Standard Profiles'!$G$19=$B$24,21,0),MOD($C4337,24)+1)/SUM(INDEX($D$3:$AA$30,INDEX(Jesper!$R$2:$R$366,ROW(INDEX(Jesper!AI$2:AI$366,ROUNDDOWN($C4337/24,0)+1,1))-1)+IF('Standard Profiles'!$G$19=$B$10,7,0)+IF('Standard Profiles'!$G$19=$B$17,14,0)+IF('Standard Profiles'!$G$19=$B$24,21,0),0)),0)</f>
        <v>9.2132781504130321</v>
      </c>
      <c r="F4337" cm="1">
        <f t="array" ref="F4337">IFERROR(INDEX(Jesper!AJ$2:AJ$366,ROUNDDOWN($C4337/24,0)+1,1)*INDEX($D$3:$AA$30,INDEX(Jesper!$R$2:$R$366,ROW(INDEX(Jesper!AJ$2:AJ$366,ROUNDDOWN($C4337/24,0)+1,1))-1)+IF('Standard Profiles'!$G$20=$B$10,7,0)+IF('Standard Profiles'!$G$20=$B$17,14,0)+IF('Standard Profiles'!$G$20=$B$24,21,0),MOD($C4337,24)+1)/SUM(INDEX($D$3:$AA$30,INDEX(Jesper!$R$2:$R$366,ROW(INDEX(Jesper!AJ$2:AJ$366,ROUNDDOWN($C4337/24,0)+1,1))-1)+IF('Standard Profiles'!$G$20=$B$10,7,0)+IF('Standard Profiles'!$G$20=$B$17,14,0)+IF('Standard Profiles'!$G$20=$B$24,21,0),0)),0)</f>
        <v>0</v>
      </c>
      <c r="G4337" cm="1">
        <f t="array" ref="G4337">IFERROR(INDEX(Jesper!AK$2:AK$366,ROUNDDOWN($C4337/24,0)+1,1)*INDEX($D$3:$AA$30,INDEX(Jesper!$R$2:$R$366,ROW(INDEX(Jesper!AK$2:AK$366,ROUNDDOWN($C4337/24,0)+1,1))-1)+IF('Standard Profiles'!$G$21=$B$10,7,0)+IF('Standard Profiles'!$G$21=$B$17,14,0)+IF('Standard Profiles'!$G$21=$B$24,21,0),MOD($C4337,24)+1)/SUM(INDEX($D$3:$AA$30,INDEX(Jesper!$R$2:$R$366,ROW(INDEX(Jesper!AK$2:AK$366,ROUNDDOWN($C4337/24,0)+1,1))-1)+IF('Standard Profiles'!$G$21=$B$10,7,0)+IF('Standard Profiles'!$G$21=$B$17,14,0)+IF('Standard Profiles'!$G$21=$B$24,21,0),0)),0)</f>
        <v>0.55659251840652535</v>
      </c>
      <c r="H4337" cm="1">
        <f t="array" ref="H4337">IFERROR(INDEX(Jesper!AL$2:AL$366,ROUNDDOWN($C4337/24,0)+1,1)*INDEX($D$3:$AA$30,INDEX(Jesper!$R$2:$R$366,ROW(INDEX(Jesper!AL$2:AL$366,ROUNDDOWN($C4337/24,0)+1,1))-1)+IF('Standard Profiles'!$G$22=$B$10,7,0)+IF('Standard Profiles'!$G$22=$B$17,14,0)+IF('Standard Profiles'!$G$22=$B$24,21,0),MOD($C4337,24)+1)/SUM(INDEX($D$3:$AA$30,INDEX(Jesper!$R$2:$R$366,ROW(INDEX(Jesper!AL$2:AL$366,ROUNDDOWN($C4337/24,0)+1,1))-1)+IF('Standard Profiles'!$G$22=$B$10,7,0)+IF('Standard Profiles'!$G$22=$B$17,14,0)+IF('Standard Profiles'!$G$22=$B$24,21,0),0)),0)</f>
        <v>0</v>
      </c>
      <c r="I4337">
        <f t="shared" si="489"/>
        <v>0.26716440883513204</v>
      </c>
      <c r="J4337">
        <f t="shared" si="490"/>
        <v>27.835103160920955</v>
      </c>
      <c r="K4337">
        <f t="shared" si="491"/>
        <v>2.3279234159919406</v>
      </c>
      <c r="L4337">
        <f t="shared" si="492"/>
        <v>1.1639617079959703</v>
      </c>
      <c r="M4337">
        <f t="shared" si="493"/>
        <v>0</v>
      </c>
      <c r="N4337" s="45">
        <f t="shared" si="494"/>
        <v>45106.291666656231</v>
      </c>
    </row>
    <row r="4338" spans="2:14" x14ac:dyDescent="0.25">
      <c r="B4338">
        <f t="shared" si="488"/>
        <v>4</v>
      </c>
      <c r="C4338" s="16">
        <v>4304</v>
      </c>
      <c r="D4338" cm="1">
        <f t="array" ref="D4338">IFERROR(INDEX(Jesper!AH$2:AH$366,ROUNDDOWN($C4338/24,0)+1,1)*INDEX($D$3:$AA$30,INDEX(Jesper!$R$2:$R$366,ROW(INDEX(Jesper!AH$2:AH$366,ROUNDDOWN($C4338/24,0)+1,1))-1)+IF('Standard Profiles'!$G$18=$B$10,7,0)+IF('Standard Profiles'!$G$18=$B$17,14,0)+IF('Standard Profiles'!$G$18=$B$24,21,0),MOD($C4338,24)+1)/SUM(INDEX($D$3:$AA$30,INDEX(Jesper!$R$2:$R$366,ROW(INDEX(Jesper!AH$2:AH$366,ROUNDDOWN($C4338/24,0)+1,1))-1)+IF('Standard Profiles'!$G$18=$B$10,7,0)+IF('Standard Profiles'!$G$18=$B$17,14,0)+IF('Standard Profiles'!$G$18=$B$24,21,0),0)),0)</f>
        <v>24.351304154126222</v>
      </c>
      <c r="E4338" cm="1">
        <f t="array" ref="E4338">IFERROR(INDEX(Jesper!AI$2:AI$366,ROUNDDOWN($C4338/24,0)+1,1)*INDEX($D$3:$AA$30,INDEX(Jesper!$R$2:$R$366,ROW(INDEX(Jesper!AI$2:AI$366,ROUNDDOWN($C4338/24,0)+1,1))-1)+IF('Standard Profiles'!$G$19=$B$10,7,0)+IF('Standard Profiles'!$G$19=$B$17,14,0)+IF('Standard Profiles'!$G$19=$B$24,21,0),MOD($C4338,24)+1)/SUM(INDEX($D$3:$AA$30,INDEX(Jesper!$R$2:$R$366,ROW(INDEX(Jesper!AI$2:AI$366,ROUNDDOWN($C4338/24,0)+1,1))-1)+IF('Standard Profiles'!$G$19=$B$10,7,0)+IF('Standard Profiles'!$G$19=$B$17,14,0)+IF('Standard Profiles'!$G$19=$B$24,21,0),0)),0)</f>
        <v>10.280078778355593</v>
      </c>
      <c r="F4338" cm="1">
        <f t="array" ref="F4338">IFERROR(INDEX(Jesper!AJ$2:AJ$366,ROUNDDOWN($C4338/24,0)+1,1)*INDEX($D$3:$AA$30,INDEX(Jesper!$R$2:$R$366,ROW(INDEX(Jesper!AJ$2:AJ$366,ROUNDDOWN($C4338/24,0)+1,1))-1)+IF('Standard Profiles'!$G$20=$B$10,7,0)+IF('Standard Profiles'!$G$20=$B$17,14,0)+IF('Standard Profiles'!$G$20=$B$24,21,0),MOD($C4338,24)+1)/SUM(INDEX($D$3:$AA$30,INDEX(Jesper!$R$2:$R$366,ROW(INDEX(Jesper!AJ$2:AJ$366,ROUNDDOWN($C4338/24,0)+1,1))-1)+IF('Standard Profiles'!$G$20=$B$10,7,0)+IF('Standard Profiles'!$G$20=$B$17,14,0)+IF('Standard Profiles'!$G$20=$B$24,21,0),0)),0)</f>
        <v>0</v>
      </c>
      <c r="G4338" cm="1">
        <f t="array" ref="G4338">IFERROR(INDEX(Jesper!AK$2:AK$366,ROUNDDOWN($C4338/24,0)+1,1)*INDEX($D$3:$AA$30,INDEX(Jesper!$R$2:$R$366,ROW(INDEX(Jesper!AK$2:AK$366,ROUNDDOWN($C4338/24,0)+1,1))-1)+IF('Standard Profiles'!$G$21=$B$10,7,0)+IF('Standard Profiles'!$G$21=$B$17,14,0)+IF('Standard Profiles'!$G$21=$B$24,21,0),MOD($C4338,24)+1)/SUM(INDEX($D$3:$AA$30,INDEX(Jesper!$R$2:$R$366,ROW(INDEX(Jesper!AK$2:AK$366,ROUNDDOWN($C4338/24,0)+1,1))-1)+IF('Standard Profiles'!$G$21=$B$10,7,0)+IF('Standard Profiles'!$G$21=$B$17,14,0)+IF('Standard Profiles'!$G$21=$B$24,21,0),0)),0)</f>
        <v>0.62104007316938614</v>
      </c>
      <c r="H4338" cm="1">
        <f t="array" ref="H4338">IFERROR(INDEX(Jesper!AL$2:AL$366,ROUNDDOWN($C4338/24,0)+1,1)*INDEX($D$3:$AA$30,INDEX(Jesper!$R$2:$R$366,ROW(INDEX(Jesper!AL$2:AL$366,ROUNDDOWN($C4338/24,0)+1,1))-1)+IF('Standard Profiles'!$G$22=$B$10,7,0)+IF('Standard Profiles'!$G$22=$B$17,14,0)+IF('Standard Profiles'!$G$22=$B$24,21,0),MOD($C4338,24)+1)/SUM(INDEX($D$3:$AA$30,INDEX(Jesper!$R$2:$R$366,ROW(INDEX(Jesper!AL$2:AL$366,ROUNDDOWN($C4338/24,0)+1,1))-1)+IF('Standard Profiles'!$G$22=$B$10,7,0)+IF('Standard Profiles'!$G$22=$B$17,14,0)+IF('Standard Profiles'!$G$22=$B$24,21,0),0)),0)</f>
        <v>0</v>
      </c>
      <c r="I4338">
        <f t="shared" si="489"/>
        <v>0.29809923512130521</v>
      </c>
      <c r="J4338">
        <f t="shared" si="490"/>
        <v>31.0581151058697</v>
      </c>
      <c r="K4338">
        <f t="shared" si="491"/>
        <v>2.5974724431067973</v>
      </c>
      <c r="L4338">
        <f t="shared" si="492"/>
        <v>1.2987362215533986</v>
      </c>
      <c r="M4338">
        <f t="shared" si="493"/>
        <v>0</v>
      </c>
      <c r="N4338" s="45">
        <f t="shared" si="494"/>
        <v>45106.333333322895</v>
      </c>
    </row>
    <row r="4339" spans="2:14" x14ac:dyDescent="0.25">
      <c r="B4339">
        <f t="shared" si="488"/>
        <v>4</v>
      </c>
      <c r="C4339" s="16">
        <v>4305</v>
      </c>
      <c r="D4339" cm="1">
        <f t="array" ref="D4339">IFERROR(INDEX(Jesper!AH$2:AH$366,ROUNDDOWN($C4339/24,0)+1,1)*INDEX($D$3:$AA$30,INDEX(Jesper!$R$2:$R$366,ROW(INDEX(Jesper!AH$2:AH$366,ROUNDDOWN($C4339/24,0)+1,1))-1)+IF('Standard Profiles'!$G$18=$B$10,7,0)+IF('Standard Profiles'!$G$18=$B$17,14,0)+IF('Standard Profiles'!$G$18=$B$24,21,0),MOD($C4339,24)+1)/SUM(INDEX($D$3:$AA$30,INDEX(Jesper!$R$2:$R$366,ROW(INDEX(Jesper!AH$2:AH$366,ROUNDDOWN($C4339/24,0)+1,1))-1)+IF('Standard Profiles'!$G$18=$B$10,7,0)+IF('Standard Profiles'!$G$18=$B$17,14,0)+IF('Standard Profiles'!$G$18=$B$24,21,0),0)),0)</f>
        <v>26.878326283328001</v>
      </c>
      <c r="E4339" cm="1">
        <f t="array" ref="E4339">IFERROR(INDEX(Jesper!AI$2:AI$366,ROUNDDOWN($C4339/24,0)+1,1)*INDEX($D$3:$AA$30,INDEX(Jesper!$R$2:$R$366,ROW(INDEX(Jesper!AI$2:AI$366,ROUNDDOWN($C4339/24,0)+1,1))-1)+IF('Standard Profiles'!$G$19=$B$10,7,0)+IF('Standard Profiles'!$G$19=$B$17,14,0)+IF('Standard Profiles'!$G$19=$B$24,21,0),MOD($C4339,24)+1)/SUM(INDEX($D$3:$AA$30,INDEX(Jesper!$R$2:$R$366,ROW(INDEX(Jesper!AI$2:AI$366,ROUNDDOWN($C4339/24,0)+1,1))-1)+IF('Standard Profiles'!$G$19=$B$10,7,0)+IF('Standard Profiles'!$G$19=$B$17,14,0)+IF('Standard Profiles'!$G$19=$B$24,21,0),0)),0)</f>
        <v>11.346879406298157</v>
      </c>
      <c r="F4339" cm="1">
        <f t="array" ref="F4339">IFERROR(INDEX(Jesper!AJ$2:AJ$366,ROUNDDOWN($C4339/24,0)+1,1)*INDEX($D$3:$AA$30,INDEX(Jesper!$R$2:$R$366,ROW(INDEX(Jesper!AJ$2:AJ$366,ROUNDDOWN($C4339/24,0)+1,1))-1)+IF('Standard Profiles'!$G$20=$B$10,7,0)+IF('Standard Profiles'!$G$20=$B$17,14,0)+IF('Standard Profiles'!$G$20=$B$24,21,0),MOD($C4339,24)+1)/SUM(INDEX($D$3:$AA$30,INDEX(Jesper!$R$2:$R$366,ROW(INDEX(Jesper!AJ$2:AJ$366,ROUNDDOWN($C4339/24,0)+1,1))-1)+IF('Standard Profiles'!$G$20=$B$10,7,0)+IF('Standard Profiles'!$G$20=$B$17,14,0)+IF('Standard Profiles'!$G$20=$B$24,21,0),0)),0)</f>
        <v>0</v>
      </c>
      <c r="G4339" cm="1">
        <f t="array" ref="G4339">IFERROR(INDEX(Jesper!AK$2:AK$366,ROUNDDOWN($C4339/24,0)+1,1)*INDEX($D$3:$AA$30,INDEX(Jesper!$R$2:$R$366,ROW(INDEX(Jesper!AK$2:AK$366,ROUNDDOWN($C4339/24,0)+1,1))-1)+IF('Standard Profiles'!$G$21=$B$10,7,0)+IF('Standard Profiles'!$G$21=$B$17,14,0)+IF('Standard Profiles'!$G$21=$B$24,21,0),MOD($C4339,24)+1)/SUM(INDEX($D$3:$AA$30,INDEX(Jesper!$R$2:$R$366,ROW(INDEX(Jesper!AK$2:AK$366,ROUNDDOWN($C4339/24,0)+1,1))-1)+IF('Standard Profiles'!$G$21=$B$10,7,0)+IF('Standard Profiles'!$G$21=$B$17,14,0)+IF('Standard Profiles'!$G$21=$B$24,21,0),0)),0)</f>
        <v>0.68548762793224693</v>
      </c>
      <c r="H4339" cm="1">
        <f t="array" ref="H4339">IFERROR(INDEX(Jesper!AL$2:AL$366,ROUNDDOWN($C4339/24,0)+1,1)*INDEX($D$3:$AA$30,INDEX(Jesper!$R$2:$R$366,ROW(INDEX(Jesper!AL$2:AL$366,ROUNDDOWN($C4339/24,0)+1,1))-1)+IF('Standard Profiles'!$G$22=$B$10,7,0)+IF('Standard Profiles'!$G$22=$B$17,14,0)+IF('Standard Profiles'!$G$22=$B$24,21,0),MOD($C4339,24)+1)/SUM(INDEX($D$3:$AA$30,INDEX(Jesper!$R$2:$R$366,ROW(INDEX(Jesper!AL$2:AL$366,ROUNDDOWN($C4339/24,0)+1,1))-1)+IF('Standard Profiles'!$G$22=$B$10,7,0)+IF('Standard Profiles'!$G$22=$B$17,14,0)+IF('Standard Profiles'!$G$22=$B$24,21,0),0)),0)</f>
        <v>0</v>
      </c>
      <c r="I4339">
        <f t="shared" si="489"/>
        <v>0.32903406140747837</v>
      </c>
      <c r="J4339">
        <f t="shared" si="490"/>
        <v>34.281127050818448</v>
      </c>
      <c r="K4339">
        <f t="shared" si="491"/>
        <v>2.8670214702216534</v>
      </c>
      <c r="L4339">
        <f t="shared" si="492"/>
        <v>1.4335107351108267</v>
      </c>
      <c r="M4339">
        <f t="shared" si="493"/>
        <v>0</v>
      </c>
      <c r="N4339" s="45">
        <f t="shared" si="494"/>
        <v>45106.374999989559</v>
      </c>
    </row>
    <row r="4340" spans="2:14" x14ac:dyDescent="0.25">
      <c r="B4340">
        <f t="shared" si="488"/>
        <v>4</v>
      </c>
      <c r="C4340" s="16">
        <v>4306</v>
      </c>
      <c r="D4340" cm="1">
        <f t="array" ref="D4340">IFERROR(INDEX(Jesper!AH$2:AH$366,ROUNDDOWN($C4340/24,0)+1,1)*INDEX($D$3:$AA$30,INDEX(Jesper!$R$2:$R$366,ROW(INDEX(Jesper!AH$2:AH$366,ROUNDDOWN($C4340/24,0)+1,1))-1)+IF('Standard Profiles'!$G$18=$B$10,7,0)+IF('Standard Profiles'!$G$18=$B$17,14,0)+IF('Standard Profiles'!$G$18=$B$24,21,0),MOD($C4340,24)+1)/SUM(INDEX($D$3:$AA$30,INDEX(Jesper!$R$2:$R$366,ROW(INDEX(Jesper!AH$2:AH$366,ROUNDDOWN($C4340/24,0)+1,1))-1)+IF('Standard Profiles'!$G$18=$B$10,7,0)+IF('Standard Profiles'!$G$18=$B$17,14,0)+IF('Standard Profiles'!$G$18=$B$24,21,0),0)),0)</f>
        <v>26.878326283328001</v>
      </c>
      <c r="E4340" cm="1">
        <f t="array" ref="E4340">IFERROR(INDEX(Jesper!AI$2:AI$366,ROUNDDOWN($C4340/24,0)+1,1)*INDEX($D$3:$AA$30,INDEX(Jesper!$R$2:$R$366,ROW(INDEX(Jesper!AI$2:AI$366,ROUNDDOWN($C4340/24,0)+1,1))-1)+IF('Standard Profiles'!$G$19=$B$10,7,0)+IF('Standard Profiles'!$G$19=$B$17,14,0)+IF('Standard Profiles'!$G$19=$B$24,21,0),MOD($C4340,24)+1)/SUM(INDEX($D$3:$AA$30,INDEX(Jesper!$R$2:$R$366,ROW(INDEX(Jesper!AI$2:AI$366,ROUNDDOWN($C4340/24,0)+1,1))-1)+IF('Standard Profiles'!$G$19=$B$10,7,0)+IF('Standard Profiles'!$G$19=$B$17,14,0)+IF('Standard Profiles'!$G$19=$B$24,21,0),0)),0)</f>
        <v>11.346879406298157</v>
      </c>
      <c r="F4340" cm="1">
        <f t="array" ref="F4340">IFERROR(INDEX(Jesper!AJ$2:AJ$366,ROUNDDOWN($C4340/24,0)+1,1)*INDEX($D$3:$AA$30,INDEX(Jesper!$R$2:$R$366,ROW(INDEX(Jesper!AJ$2:AJ$366,ROUNDDOWN($C4340/24,0)+1,1))-1)+IF('Standard Profiles'!$G$20=$B$10,7,0)+IF('Standard Profiles'!$G$20=$B$17,14,0)+IF('Standard Profiles'!$G$20=$B$24,21,0),MOD($C4340,24)+1)/SUM(INDEX($D$3:$AA$30,INDEX(Jesper!$R$2:$R$366,ROW(INDEX(Jesper!AJ$2:AJ$366,ROUNDDOWN($C4340/24,0)+1,1))-1)+IF('Standard Profiles'!$G$20=$B$10,7,0)+IF('Standard Profiles'!$G$20=$B$17,14,0)+IF('Standard Profiles'!$G$20=$B$24,21,0),0)),0)</f>
        <v>0</v>
      </c>
      <c r="G4340" cm="1">
        <f t="array" ref="G4340">IFERROR(INDEX(Jesper!AK$2:AK$366,ROUNDDOWN($C4340/24,0)+1,1)*INDEX($D$3:$AA$30,INDEX(Jesper!$R$2:$R$366,ROW(INDEX(Jesper!AK$2:AK$366,ROUNDDOWN($C4340/24,0)+1,1))-1)+IF('Standard Profiles'!$G$21=$B$10,7,0)+IF('Standard Profiles'!$G$21=$B$17,14,0)+IF('Standard Profiles'!$G$21=$B$24,21,0),MOD($C4340,24)+1)/SUM(INDEX($D$3:$AA$30,INDEX(Jesper!$R$2:$R$366,ROW(INDEX(Jesper!AK$2:AK$366,ROUNDDOWN($C4340/24,0)+1,1))-1)+IF('Standard Profiles'!$G$21=$B$10,7,0)+IF('Standard Profiles'!$G$21=$B$17,14,0)+IF('Standard Profiles'!$G$21=$B$24,21,0),0)),0)</f>
        <v>0.68548762793224693</v>
      </c>
      <c r="H4340" cm="1">
        <f t="array" ref="H4340">IFERROR(INDEX(Jesper!AL$2:AL$366,ROUNDDOWN($C4340/24,0)+1,1)*INDEX($D$3:$AA$30,INDEX(Jesper!$R$2:$R$366,ROW(INDEX(Jesper!AL$2:AL$366,ROUNDDOWN($C4340/24,0)+1,1))-1)+IF('Standard Profiles'!$G$22=$B$10,7,0)+IF('Standard Profiles'!$G$22=$B$17,14,0)+IF('Standard Profiles'!$G$22=$B$24,21,0),MOD($C4340,24)+1)/SUM(INDEX($D$3:$AA$30,INDEX(Jesper!$R$2:$R$366,ROW(INDEX(Jesper!AL$2:AL$366,ROUNDDOWN($C4340/24,0)+1,1))-1)+IF('Standard Profiles'!$G$22=$B$10,7,0)+IF('Standard Profiles'!$G$22=$B$17,14,0)+IF('Standard Profiles'!$G$22=$B$24,21,0),0)),0)</f>
        <v>0</v>
      </c>
      <c r="I4340">
        <f t="shared" si="489"/>
        <v>0.32903406140747837</v>
      </c>
      <c r="J4340">
        <f t="shared" si="490"/>
        <v>34.281127050818448</v>
      </c>
      <c r="K4340">
        <f t="shared" si="491"/>
        <v>2.8670214702216534</v>
      </c>
      <c r="L4340">
        <f t="shared" si="492"/>
        <v>1.4335107351108267</v>
      </c>
      <c r="M4340">
        <f t="shared" si="493"/>
        <v>0</v>
      </c>
      <c r="N4340" s="45">
        <f t="shared" si="494"/>
        <v>45106.416666656223</v>
      </c>
    </row>
    <row r="4341" spans="2:14" x14ac:dyDescent="0.25">
      <c r="B4341">
        <f t="shared" si="488"/>
        <v>4</v>
      </c>
      <c r="C4341" s="16">
        <v>4307</v>
      </c>
      <c r="D4341" cm="1">
        <f t="array" ref="D4341">IFERROR(INDEX(Jesper!AH$2:AH$366,ROUNDDOWN($C4341/24,0)+1,1)*INDEX($D$3:$AA$30,INDEX(Jesper!$R$2:$R$366,ROW(INDEX(Jesper!AH$2:AH$366,ROUNDDOWN($C4341/24,0)+1,1))-1)+IF('Standard Profiles'!$G$18=$B$10,7,0)+IF('Standard Profiles'!$G$18=$B$17,14,0)+IF('Standard Profiles'!$G$18=$B$24,21,0),MOD($C4341,24)+1)/SUM(INDEX($D$3:$AA$30,INDEX(Jesper!$R$2:$R$366,ROW(INDEX(Jesper!AH$2:AH$366,ROUNDDOWN($C4341/24,0)+1,1))-1)+IF('Standard Profiles'!$G$18=$B$10,7,0)+IF('Standard Profiles'!$G$18=$B$17,14,0)+IF('Standard Profiles'!$G$18=$B$24,21,0),0)),0)</f>
        <v>32.16209982620444</v>
      </c>
      <c r="E4341" cm="1">
        <f t="array" ref="E4341">IFERROR(INDEX(Jesper!AI$2:AI$366,ROUNDDOWN($C4341/24,0)+1,1)*INDEX($D$3:$AA$30,INDEX(Jesper!$R$2:$R$366,ROW(INDEX(Jesper!AI$2:AI$366,ROUNDDOWN($C4341/24,0)+1,1))-1)+IF('Standard Profiles'!$G$19=$B$10,7,0)+IF('Standard Profiles'!$G$19=$B$17,14,0)+IF('Standard Profiles'!$G$19=$B$24,21,0),MOD($C4341,24)+1)/SUM(INDEX($D$3:$AA$30,INDEX(Jesper!$R$2:$R$366,ROW(INDEX(Jesper!AI$2:AI$366,ROUNDDOWN($C4341/24,0)+1,1))-1)+IF('Standard Profiles'!$G$19=$B$10,7,0)+IF('Standard Profiles'!$G$19=$B$17,14,0)+IF('Standard Profiles'!$G$19=$B$24,21,0),0)),0)</f>
        <v>13.577462537450783</v>
      </c>
      <c r="F4341" cm="1">
        <f t="array" ref="F4341">IFERROR(INDEX(Jesper!AJ$2:AJ$366,ROUNDDOWN($C4341/24,0)+1,1)*INDEX($D$3:$AA$30,INDEX(Jesper!$R$2:$R$366,ROW(INDEX(Jesper!AJ$2:AJ$366,ROUNDDOWN($C4341/24,0)+1,1))-1)+IF('Standard Profiles'!$G$20=$B$10,7,0)+IF('Standard Profiles'!$G$20=$B$17,14,0)+IF('Standard Profiles'!$G$20=$B$24,21,0),MOD($C4341,24)+1)/SUM(INDEX($D$3:$AA$30,INDEX(Jesper!$R$2:$R$366,ROW(INDEX(Jesper!AJ$2:AJ$366,ROUNDDOWN($C4341/24,0)+1,1))-1)+IF('Standard Profiles'!$G$20=$B$10,7,0)+IF('Standard Profiles'!$G$20=$B$17,14,0)+IF('Standard Profiles'!$G$20=$B$24,21,0),0)),0)</f>
        <v>0</v>
      </c>
      <c r="G4341" cm="1">
        <f t="array" ref="G4341">IFERROR(INDEX(Jesper!AK$2:AK$366,ROUNDDOWN($C4341/24,0)+1,1)*INDEX($D$3:$AA$30,INDEX(Jesper!$R$2:$R$366,ROW(INDEX(Jesper!AK$2:AK$366,ROUNDDOWN($C4341/24,0)+1,1))-1)+IF('Standard Profiles'!$G$21=$B$10,7,0)+IF('Standard Profiles'!$G$21=$B$17,14,0)+IF('Standard Profiles'!$G$21=$B$24,21,0),MOD($C4341,24)+1)/SUM(INDEX($D$3:$AA$30,INDEX(Jesper!$R$2:$R$366,ROW(INDEX(Jesper!AK$2:AK$366,ROUNDDOWN($C4341/24,0)+1,1))-1)+IF('Standard Profiles'!$G$21=$B$10,7,0)+IF('Standard Profiles'!$G$21=$B$17,14,0)+IF('Standard Profiles'!$G$21=$B$24,21,0),0)),0)</f>
        <v>0.82024160607277408</v>
      </c>
      <c r="H4341" cm="1">
        <f t="array" ref="H4341">IFERROR(INDEX(Jesper!AL$2:AL$366,ROUNDDOWN($C4341/24,0)+1,1)*INDEX($D$3:$AA$30,INDEX(Jesper!$R$2:$R$366,ROW(INDEX(Jesper!AL$2:AL$366,ROUNDDOWN($C4341/24,0)+1,1))-1)+IF('Standard Profiles'!$G$22=$B$10,7,0)+IF('Standard Profiles'!$G$22=$B$17,14,0)+IF('Standard Profiles'!$G$22=$B$24,21,0),MOD($C4341,24)+1)/SUM(INDEX($D$3:$AA$30,INDEX(Jesper!$R$2:$R$366,ROW(INDEX(Jesper!AL$2:AL$366,ROUNDDOWN($C4341/24,0)+1,1))-1)+IF('Standard Profiles'!$G$22=$B$10,7,0)+IF('Standard Profiles'!$G$22=$B$17,14,0)+IF('Standard Profiles'!$G$22=$B$24,21,0),0)),0)</f>
        <v>0</v>
      </c>
      <c r="I4341">
        <f t="shared" si="489"/>
        <v>0.39371597091493138</v>
      </c>
      <c r="J4341">
        <f t="shared" si="490"/>
        <v>41.020152026620359</v>
      </c>
      <c r="K4341">
        <f t="shared" si="491"/>
        <v>3.4306239814618071</v>
      </c>
      <c r="L4341">
        <f t="shared" si="492"/>
        <v>1.7153119907309036</v>
      </c>
      <c r="M4341">
        <f t="shared" si="493"/>
        <v>0</v>
      </c>
      <c r="N4341" s="45">
        <f t="shared" si="494"/>
        <v>45106.458333322887</v>
      </c>
    </row>
    <row r="4342" spans="2:14" x14ac:dyDescent="0.25">
      <c r="B4342">
        <f t="shared" si="488"/>
        <v>4</v>
      </c>
      <c r="C4342" s="16">
        <v>4308</v>
      </c>
      <c r="D4342" cm="1">
        <f t="array" ref="D4342">IFERROR(INDEX(Jesper!AH$2:AH$366,ROUNDDOWN($C4342/24,0)+1,1)*INDEX($D$3:$AA$30,INDEX(Jesper!$R$2:$R$366,ROW(INDEX(Jesper!AH$2:AH$366,ROUNDDOWN($C4342/24,0)+1,1))-1)+IF('Standard Profiles'!$G$18=$B$10,7,0)+IF('Standard Profiles'!$G$18=$B$17,14,0)+IF('Standard Profiles'!$G$18=$B$24,21,0),MOD($C4342,24)+1)/SUM(INDEX($D$3:$AA$30,INDEX(Jesper!$R$2:$R$366,ROW(INDEX(Jesper!AH$2:AH$366,ROUNDDOWN($C4342/24,0)+1,1))-1)+IF('Standard Profiles'!$G$18=$B$10,7,0)+IF('Standard Profiles'!$G$18=$B$17,14,0)+IF('Standard Profiles'!$G$18=$B$24,21,0),0)),0)</f>
        <v>32.16209982620444</v>
      </c>
      <c r="E4342" cm="1">
        <f t="array" ref="E4342">IFERROR(INDEX(Jesper!AI$2:AI$366,ROUNDDOWN($C4342/24,0)+1,1)*INDEX($D$3:$AA$30,INDEX(Jesper!$R$2:$R$366,ROW(INDEX(Jesper!AI$2:AI$366,ROUNDDOWN($C4342/24,0)+1,1))-1)+IF('Standard Profiles'!$G$19=$B$10,7,0)+IF('Standard Profiles'!$G$19=$B$17,14,0)+IF('Standard Profiles'!$G$19=$B$24,21,0),MOD($C4342,24)+1)/SUM(INDEX($D$3:$AA$30,INDEX(Jesper!$R$2:$R$366,ROW(INDEX(Jesper!AI$2:AI$366,ROUNDDOWN($C4342/24,0)+1,1))-1)+IF('Standard Profiles'!$G$19=$B$10,7,0)+IF('Standard Profiles'!$G$19=$B$17,14,0)+IF('Standard Profiles'!$G$19=$B$24,21,0),0)),0)</f>
        <v>13.577462537450783</v>
      </c>
      <c r="F4342" cm="1">
        <f t="array" ref="F4342">IFERROR(INDEX(Jesper!AJ$2:AJ$366,ROUNDDOWN($C4342/24,0)+1,1)*INDEX($D$3:$AA$30,INDEX(Jesper!$R$2:$R$366,ROW(INDEX(Jesper!AJ$2:AJ$366,ROUNDDOWN($C4342/24,0)+1,1))-1)+IF('Standard Profiles'!$G$20=$B$10,7,0)+IF('Standard Profiles'!$G$20=$B$17,14,0)+IF('Standard Profiles'!$G$20=$B$24,21,0),MOD($C4342,24)+1)/SUM(INDEX($D$3:$AA$30,INDEX(Jesper!$R$2:$R$366,ROW(INDEX(Jesper!AJ$2:AJ$366,ROUNDDOWN($C4342/24,0)+1,1))-1)+IF('Standard Profiles'!$G$20=$B$10,7,0)+IF('Standard Profiles'!$G$20=$B$17,14,0)+IF('Standard Profiles'!$G$20=$B$24,21,0),0)),0)</f>
        <v>0</v>
      </c>
      <c r="G4342" cm="1">
        <f t="array" ref="G4342">IFERROR(INDEX(Jesper!AK$2:AK$366,ROUNDDOWN($C4342/24,0)+1,1)*INDEX($D$3:$AA$30,INDEX(Jesper!$R$2:$R$366,ROW(INDEX(Jesper!AK$2:AK$366,ROUNDDOWN($C4342/24,0)+1,1))-1)+IF('Standard Profiles'!$G$21=$B$10,7,0)+IF('Standard Profiles'!$G$21=$B$17,14,0)+IF('Standard Profiles'!$G$21=$B$24,21,0),MOD($C4342,24)+1)/SUM(INDEX($D$3:$AA$30,INDEX(Jesper!$R$2:$R$366,ROW(INDEX(Jesper!AK$2:AK$366,ROUNDDOWN($C4342/24,0)+1,1))-1)+IF('Standard Profiles'!$G$21=$B$10,7,0)+IF('Standard Profiles'!$G$21=$B$17,14,0)+IF('Standard Profiles'!$G$21=$B$24,21,0),0)),0)</f>
        <v>0.82024160607277408</v>
      </c>
      <c r="H4342" cm="1">
        <f t="array" ref="H4342">IFERROR(INDEX(Jesper!AL$2:AL$366,ROUNDDOWN($C4342/24,0)+1,1)*INDEX($D$3:$AA$30,INDEX(Jesper!$R$2:$R$366,ROW(INDEX(Jesper!AL$2:AL$366,ROUNDDOWN($C4342/24,0)+1,1))-1)+IF('Standard Profiles'!$G$22=$B$10,7,0)+IF('Standard Profiles'!$G$22=$B$17,14,0)+IF('Standard Profiles'!$G$22=$B$24,21,0),MOD($C4342,24)+1)/SUM(INDEX($D$3:$AA$30,INDEX(Jesper!$R$2:$R$366,ROW(INDEX(Jesper!AL$2:AL$366,ROUNDDOWN($C4342/24,0)+1,1))-1)+IF('Standard Profiles'!$G$22=$B$10,7,0)+IF('Standard Profiles'!$G$22=$B$17,14,0)+IF('Standard Profiles'!$G$22=$B$24,21,0),0)),0)</f>
        <v>0</v>
      </c>
      <c r="I4342">
        <f t="shared" si="489"/>
        <v>0.39371597091493138</v>
      </c>
      <c r="J4342">
        <f t="shared" si="490"/>
        <v>41.020152026620359</v>
      </c>
      <c r="K4342">
        <f t="shared" si="491"/>
        <v>3.4306239814618071</v>
      </c>
      <c r="L4342">
        <f t="shared" si="492"/>
        <v>1.7153119907309036</v>
      </c>
      <c r="M4342">
        <f t="shared" si="493"/>
        <v>0</v>
      </c>
      <c r="N4342" s="45">
        <f t="shared" si="494"/>
        <v>45106.499999989552</v>
      </c>
    </row>
    <row r="4343" spans="2:14" x14ac:dyDescent="0.25">
      <c r="B4343">
        <f t="shared" si="488"/>
        <v>4</v>
      </c>
      <c r="C4343" s="16">
        <v>4309</v>
      </c>
      <c r="D4343" cm="1">
        <f t="array" ref="D4343">IFERROR(INDEX(Jesper!AH$2:AH$366,ROUNDDOWN($C4343/24,0)+1,1)*INDEX($D$3:$AA$30,INDEX(Jesper!$R$2:$R$366,ROW(INDEX(Jesper!AH$2:AH$366,ROUNDDOWN($C4343/24,0)+1,1))-1)+IF('Standard Profiles'!$G$18=$B$10,7,0)+IF('Standard Profiles'!$G$18=$B$17,14,0)+IF('Standard Profiles'!$G$18=$B$24,21,0),MOD($C4343,24)+1)/SUM(INDEX($D$3:$AA$30,INDEX(Jesper!$R$2:$R$366,ROW(INDEX(Jesper!AH$2:AH$366,ROUNDDOWN($C4343/24,0)+1,1))-1)+IF('Standard Profiles'!$G$18=$B$10,7,0)+IF('Standard Profiles'!$G$18=$B$17,14,0)+IF('Standard Profiles'!$G$18=$B$24,21,0),0)),0)</f>
        <v>21.364823455978662</v>
      </c>
      <c r="E4343" cm="1">
        <f t="array" ref="E4343">IFERROR(INDEX(Jesper!AI$2:AI$366,ROUNDDOWN($C4343/24,0)+1,1)*INDEX($D$3:$AA$30,INDEX(Jesper!$R$2:$R$366,ROW(INDEX(Jesper!AI$2:AI$366,ROUNDDOWN($C4343/24,0)+1,1))-1)+IF('Standard Profiles'!$G$19=$B$10,7,0)+IF('Standard Profiles'!$G$19=$B$17,14,0)+IF('Standard Profiles'!$G$19=$B$24,21,0),MOD($C4343,24)+1)/SUM(INDEX($D$3:$AA$30,INDEX(Jesper!$R$2:$R$366,ROW(INDEX(Jesper!AI$2:AI$366,ROUNDDOWN($C4343/24,0)+1,1))-1)+IF('Standard Profiles'!$G$19=$B$10,7,0)+IF('Standard Profiles'!$G$19=$B$17,14,0)+IF('Standard Profiles'!$G$19=$B$24,21,0),0)),0)</f>
        <v>9.0193143998780201</v>
      </c>
      <c r="F4343" cm="1">
        <f t="array" ref="F4343">IFERROR(INDEX(Jesper!AJ$2:AJ$366,ROUNDDOWN($C4343/24,0)+1,1)*INDEX($D$3:$AA$30,INDEX(Jesper!$R$2:$R$366,ROW(INDEX(Jesper!AJ$2:AJ$366,ROUNDDOWN($C4343/24,0)+1,1))-1)+IF('Standard Profiles'!$G$20=$B$10,7,0)+IF('Standard Profiles'!$G$20=$B$17,14,0)+IF('Standard Profiles'!$G$20=$B$24,21,0),MOD($C4343,24)+1)/SUM(INDEX($D$3:$AA$30,INDEX(Jesper!$R$2:$R$366,ROW(INDEX(Jesper!AJ$2:AJ$366,ROUNDDOWN($C4343/24,0)+1,1))-1)+IF('Standard Profiles'!$G$20=$B$10,7,0)+IF('Standard Profiles'!$G$20=$B$17,14,0)+IF('Standard Profiles'!$G$20=$B$24,21,0),0)),0)</f>
        <v>0</v>
      </c>
      <c r="G4343" cm="1">
        <f t="array" ref="G4343">IFERROR(INDEX(Jesper!AK$2:AK$366,ROUNDDOWN($C4343/24,0)+1,1)*INDEX($D$3:$AA$30,INDEX(Jesper!$R$2:$R$366,ROW(INDEX(Jesper!AK$2:AK$366,ROUNDDOWN($C4343/24,0)+1,1))-1)+IF('Standard Profiles'!$G$21=$B$10,7,0)+IF('Standard Profiles'!$G$21=$B$17,14,0)+IF('Standard Profiles'!$G$21=$B$24,21,0),MOD($C4343,24)+1)/SUM(INDEX($D$3:$AA$30,INDEX(Jesper!$R$2:$R$366,ROW(INDEX(Jesper!AK$2:AK$366,ROUNDDOWN($C4343/24,0)+1,1))-1)+IF('Standard Profiles'!$G$21=$B$10,7,0)+IF('Standard Profiles'!$G$21=$B$17,14,0)+IF('Standard Profiles'!$G$21=$B$24,21,0),0)),0)</f>
        <v>0.54487478117691424</v>
      </c>
      <c r="H4343" cm="1">
        <f t="array" ref="H4343">IFERROR(INDEX(Jesper!AL$2:AL$366,ROUNDDOWN($C4343/24,0)+1,1)*INDEX($D$3:$AA$30,INDEX(Jesper!$R$2:$R$366,ROW(INDEX(Jesper!AL$2:AL$366,ROUNDDOWN($C4343/24,0)+1,1))-1)+IF('Standard Profiles'!$G$22=$B$10,7,0)+IF('Standard Profiles'!$G$22=$B$17,14,0)+IF('Standard Profiles'!$G$22=$B$24,21,0),MOD($C4343,24)+1)/SUM(INDEX($D$3:$AA$30,INDEX(Jesper!$R$2:$R$366,ROW(INDEX(Jesper!AL$2:AL$366,ROUNDDOWN($C4343/24,0)+1,1))-1)+IF('Standard Profiles'!$G$22=$B$10,7,0)+IF('Standard Profiles'!$G$22=$B$17,14,0)+IF('Standard Profiles'!$G$22=$B$24,21,0),0)),0)</f>
        <v>0</v>
      </c>
      <c r="I4343">
        <f t="shared" si="489"/>
        <v>0.2615398949649187</v>
      </c>
      <c r="J4343">
        <f t="shared" si="490"/>
        <v>27.24910098911209</v>
      </c>
      <c r="K4343">
        <f t="shared" si="491"/>
        <v>2.2789145019710575</v>
      </c>
      <c r="L4343">
        <f t="shared" si="492"/>
        <v>1.1394572509855287</v>
      </c>
      <c r="M4343">
        <f t="shared" si="493"/>
        <v>0</v>
      </c>
      <c r="N4343" s="45">
        <f t="shared" si="494"/>
        <v>45106.541666656216</v>
      </c>
    </row>
    <row r="4344" spans="2:14" x14ac:dyDescent="0.25">
      <c r="B4344">
        <f t="shared" si="488"/>
        <v>4</v>
      </c>
      <c r="C4344" s="16">
        <v>4310</v>
      </c>
      <c r="D4344" cm="1">
        <f t="array" ref="D4344">IFERROR(INDEX(Jesper!AH$2:AH$366,ROUNDDOWN($C4344/24,0)+1,1)*INDEX($D$3:$AA$30,INDEX(Jesper!$R$2:$R$366,ROW(INDEX(Jesper!AH$2:AH$366,ROUNDDOWN($C4344/24,0)+1,1))-1)+IF('Standard Profiles'!$G$18=$B$10,7,0)+IF('Standard Profiles'!$G$18=$B$17,14,0)+IF('Standard Profiles'!$G$18=$B$24,21,0),MOD($C4344,24)+1)/SUM(INDEX($D$3:$AA$30,INDEX(Jesper!$R$2:$R$366,ROW(INDEX(Jesper!AH$2:AH$366,ROUNDDOWN($C4344/24,0)+1,1))-1)+IF('Standard Profiles'!$G$18=$B$10,7,0)+IF('Standard Profiles'!$G$18=$B$17,14,0)+IF('Standard Profiles'!$G$18=$B$24,21,0),0)),0)</f>
        <v>32.16209982620444</v>
      </c>
      <c r="E4344" cm="1">
        <f t="array" ref="E4344">IFERROR(INDEX(Jesper!AI$2:AI$366,ROUNDDOWN($C4344/24,0)+1,1)*INDEX($D$3:$AA$30,INDEX(Jesper!$R$2:$R$366,ROW(INDEX(Jesper!AI$2:AI$366,ROUNDDOWN($C4344/24,0)+1,1))-1)+IF('Standard Profiles'!$G$19=$B$10,7,0)+IF('Standard Profiles'!$G$19=$B$17,14,0)+IF('Standard Profiles'!$G$19=$B$24,21,0),MOD($C4344,24)+1)/SUM(INDEX($D$3:$AA$30,INDEX(Jesper!$R$2:$R$366,ROW(INDEX(Jesper!AI$2:AI$366,ROUNDDOWN($C4344/24,0)+1,1))-1)+IF('Standard Profiles'!$G$19=$B$10,7,0)+IF('Standard Profiles'!$G$19=$B$17,14,0)+IF('Standard Profiles'!$G$19=$B$24,21,0),0)),0)</f>
        <v>13.577462537450783</v>
      </c>
      <c r="F4344" cm="1">
        <f t="array" ref="F4344">IFERROR(INDEX(Jesper!AJ$2:AJ$366,ROUNDDOWN($C4344/24,0)+1,1)*INDEX($D$3:$AA$30,INDEX(Jesper!$R$2:$R$366,ROW(INDEX(Jesper!AJ$2:AJ$366,ROUNDDOWN($C4344/24,0)+1,1))-1)+IF('Standard Profiles'!$G$20=$B$10,7,0)+IF('Standard Profiles'!$G$20=$B$17,14,0)+IF('Standard Profiles'!$G$20=$B$24,21,0),MOD($C4344,24)+1)/SUM(INDEX($D$3:$AA$30,INDEX(Jesper!$R$2:$R$366,ROW(INDEX(Jesper!AJ$2:AJ$366,ROUNDDOWN($C4344/24,0)+1,1))-1)+IF('Standard Profiles'!$G$20=$B$10,7,0)+IF('Standard Profiles'!$G$20=$B$17,14,0)+IF('Standard Profiles'!$G$20=$B$24,21,0),0)),0)</f>
        <v>0</v>
      </c>
      <c r="G4344" cm="1">
        <f t="array" ref="G4344">IFERROR(INDEX(Jesper!AK$2:AK$366,ROUNDDOWN($C4344/24,0)+1,1)*INDEX($D$3:$AA$30,INDEX(Jesper!$R$2:$R$366,ROW(INDEX(Jesper!AK$2:AK$366,ROUNDDOWN($C4344/24,0)+1,1))-1)+IF('Standard Profiles'!$G$21=$B$10,7,0)+IF('Standard Profiles'!$G$21=$B$17,14,0)+IF('Standard Profiles'!$G$21=$B$24,21,0),MOD($C4344,24)+1)/SUM(INDEX($D$3:$AA$30,INDEX(Jesper!$R$2:$R$366,ROW(INDEX(Jesper!AK$2:AK$366,ROUNDDOWN($C4344/24,0)+1,1))-1)+IF('Standard Profiles'!$G$21=$B$10,7,0)+IF('Standard Profiles'!$G$21=$B$17,14,0)+IF('Standard Profiles'!$G$21=$B$24,21,0),0)),0)</f>
        <v>0.82024160607277408</v>
      </c>
      <c r="H4344" cm="1">
        <f t="array" ref="H4344">IFERROR(INDEX(Jesper!AL$2:AL$366,ROUNDDOWN($C4344/24,0)+1,1)*INDEX($D$3:$AA$30,INDEX(Jesper!$R$2:$R$366,ROW(INDEX(Jesper!AL$2:AL$366,ROUNDDOWN($C4344/24,0)+1,1))-1)+IF('Standard Profiles'!$G$22=$B$10,7,0)+IF('Standard Profiles'!$G$22=$B$17,14,0)+IF('Standard Profiles'!$G$22=$B$24,21,0),MOD($C4344,24)+1)/SUM(INDEX($D$3:$AA$30,INDEX(Jesper!$R$2:$R$366,ROW(INDEX(Jesper!AL$2:AL$366,ROUNDDOWN($C4344/24,0)+1,1))-1)+IF('Standard Profiles'!$G$22=$B$10,7,0)+IF('Standard Profiles'!$G$22=$B$17,14,0)+IF('Standard Profiles'!$G$22=$B$24,21,0),0)),0)</f>
        <v>0</v>
      </c>
      <c r="I4344">
        <f t="shared" si="489"/>
        <v>0.39371597091493138</v>
      </c>
      <c r="J4344">
        <f t="shared" si="490"/>
        <v>41.020152026620359</v>
      </c>
      <c r="K4344">
        <f t="shared" si="491"/>
        <v>3.4306239814618071</v>
      </c>
      <c r="L4344">
        <f t="shared" si="492"/>
        <v>1.7153119907309036</v>
      </c>
      <c r="M4344">
        <f t="shared" si="493"/>
        <v>0</v>
      </c>
      <c r="N4344" s="45">
        <f t="shared" si="494"/>
        <v>45106.58333332288</v>
      </c>
    </row>
    <row r="4345" spans="2:14" x14ac:dyDescent="0.25">
      <c r="B4345">
        <f t="shared" si="488"/>
        <v>4</v>
      </c>
      <c r="C4345" s="16">
        <v>4311</v>
      </c>
      <c r="D4345" cm="1">
        <f t="array" ref="D4345">IFERROR(INDEX(Jesper!AH$2:AH$366,ROUNDDOWN($C4345/24,0)+1,1)*INDEX($D$3:$AA$30,INDEX(Jesper!$R$2:$R$366,ROW(INDEX(Jesper!AH$2:AH$366,ROUNDDOWN($C4345/24,0)+1,1))-1)+IF('Standard Profiles'!$G$18=$B$10,7,0)+IF('Standard Profiles'!$G$18=$B$17,14,0)+IF('Standard Profiles'!$G$18=$B$24,21,0),MOD($C4345,24)+1)/SUM(INDEX($D$3:$AA$30,INDEX(Jesper!$R$2:$R$366,ROW(INDEX(Jesper!AH$2:AH$366,ROUNDDOWN($C4345/24,0)+1,1))-1)+IF('Standard Profiles'!$G$18=$B$10,7,0)+IF('Standard Profiles'!$G$18=$B$17,14,0)+IF('Standard Profiles'!$G$18=$B$24,21,0),0)),0)</f>
        <v>32.16209982620444</v>
      </c>
      <c r="E4345" cm="1">
        <f t="array" ref="E4345">IFERROR(INDEX(Jesper!AI$2:AI$366,ROUNDDOWN($C4345/24,0)+1,1)*INDEX($D$3:$AA$30,INDEX(Jesper!$R$2:$R$366,ROW(INDEX(Jesper!AI$2:AI$366,ROUNDDOWN($C4345/24,0)+1,1))-1)+IF('Standard Profiles'!$G$19=$B$10,7,0)+IF('Standard Profiles'!$G$19=$B$17,14,0)+IF('Standard Profiles'!$G$19=$B$24,21,0),MOD($C4345,24)+1)/SUM(INDEX($D$3:$AA$30,INDEX(Jesper!$R$2:$R$366,ROW(INDEX(Jesper!AI$2:AI$366,ROUNDDOWN($C4345/24,0)+1,1))-1)+IF('Standard Profiles'!$G$19=$B$10,7,0)+IF('Standard Profiles'!$G$19=$B$17,14,0)+IF('Standard Profiles'!$G$19=$B$24,21,0),0)),0)</f>
        <v>13.577462537450783</v>
      </c>
      <c r="F4345" cm="1">
        <f t="array" ref="F4345">IFERROR(INDEX(Jesper!AJ$2:AJ$366,ROUNDDOWN($C4345/24,0)+1,1)*INDEX($D$3:$AA$30,INDEX(Jesper!$R$2:$R$366,ROW(INDEX(Jesper!AJ$2:AJ$366,ROUNDDOWN($C4345/24,0)+1,1))-1)+IF('Standard Profiles'!$G$20=$B$10,7,0)+IF('Standard Profiles'!$G$20=$B$17,14,0)+IF('Standard Profiles'!$G$20=$B$24,21,0),MOD($C4345,24)+1)/SUM(INDEX($D$3:$AA$30,INDEX(Jesper!$R$2:$R$366,ROW(INDEX(Jesper!AJ$2:AJ$366,ROUNDDOWN($C4345/24,0)+1,1))-1)+IF('Standard Profiles'!$G$20=$B$10,7,0)+IF('Standard Profiles'!$G$20=$B$17,14,0)+IF('Standard Profiles'!$G$20=$B$24,21,0),0)),0)</f>
        <v>0</v>
      </c>
      <c r="G4345" cm="1">
        <f t="array" ref="G4345">IFERROR(INDEX(Jesper!AK$2:AK$366,ROUNDDOWN($C4345/24,0)+1,1)*INDEX($D$3:$AA$30,INDEX(Jesper!$R$2:$R$366,ROW(INDEX(Jesper!AK$2:AK$366,ROUNDDOWN($C4345/24,0)+1,1))-1)+IF('Standard Profiles'!$G$21=$B$10,7,0)+IF('Standard Profiles'!$G$21=$B$17,14,0)+IF('Standard Profiles'!$G$21=$B$24,21,0),MOD($C4345,24)+1)/SUM(INDEX($D$3:$AA$30,INDEX(Jesper!$R$2:$R$366,ROW(INDEX(Jesper!AK$2:AK$366,ROUNDDOWN($C4345/24,0)+1,1))-1)+IF('Standard Profiles'!$G$21=$B$10,7,0)+IF('Standard Profiles'!$G$21=$B$17,14,0)+IF('Standard Profiles'!$G$21=$B$24,21,0),0)),0)</f>
        <v>0.82024160607277408</v>
      </c>
      <c r="H4345" cm="1">
        <f t="array" ref="H4345">IFERROR(INDEX(Jesper!AL$2:AL$366,ROUNDDOWN($C4345/24,0)+1,1)*INDEX($D$3:$AA$30,INDEX(Jesper!$R$2:$R$366,ROW(INDEX(Jesper!AL$2:AL$366,ROUNDDOWN($C4345/24,0)+1,1))-1)+IF('Standard Profiles'!$G$22=$B$10,7,0)+IF('Standard Profiles'!$G$22=$B$17,14,0)+IF('Standard Profiles'!$G$22=$B$24,21,0),MOD($C4345,24)+1)/SUM(INDEX($D$3:$AA$30,INDEX(Jesper!$R$2:$R$366,ROW(INDEX(Jesper!AL$2:AL$366,ROUNDDOWN($C4345/24,0)+1,1))-1)+IF('Standard Profiles'!$G$22=$B$10,7,0)+IF('Standard Profiles'!$G$22=$B$17,14,0)+IF('Standard Profiles'!$G$22=$B$24,21,0),0)),0)</f>
        <v>0</v>
      </c>
      <c r="I4345">
        <f t="shared" si="489"/>
        <v>0.39371597091493138</v>
      </c>
      <c r="J4345">
        <f t="shared" si="490"/>
        <v>41.020152026620359</v>
      </c>
      <c r="K4345">
        <f t="shared" si="491"/>
        <v>3.4306239814618071</v>
      </c>
      <c r="L4345">
        <f t="shared" si="492"/>
        <v>1.7153119907309036</v>
      </c>
      <c r="M4345">
        <f t="shared" si="493"/>
        <v>0</v>
      </c>
      <c r="N4345" s="45">
        <f t="shared" si="494"/>
        <v>45106.624999989544</v>
      </c>
    </row>
    <row r="4346" spans="2:14" x14ac:dyDescent="0.25">
      <c r="B4346">
        <f t="shared" si="488"/>
        <v>4</v>
      </c>
      <c r="C4346" s="16">
        <v>4312</v>
      </c>
      <c r="D4346" cm="1">
        <f t="array" ref="D4346">IFERROR(INDEX(Jesper!AH$2:AH$366,ROUNDDOWN($C4346/24,0)+1,1)*INDEX($D$3:$AA$30,INDEX(Jesper!$R$2:$R$366,ROW(INDEX(Jesper!AH$2:AH$366,ROUNDDOWN($C4346/24,0)+1,1))-1)+IF('Standard Profiles'!$G$18=$B$10,7,0)+IF('Standard Profiles'!$G$18=$B$17,14,0)+IF('Standard Profiles'!$G$18=$B$24,21,0),MOD($C4346,24)+1)/SUM(INDEX($D$3:$AA$30,INDEX(Jesper!$R$2:$R$366,ROW(INDEX(Jesper!AH$2:AH$366,ROUNDDOWN($C4346/24,0)+1,1))-1)+IF('Standard Profiles'!$G$18=$B$10,7,0)+IF('Standard Profiles'!$G$18=$B$17,14,0)+IF('Standard Profiles'!$G$18=$B$24,21,0),0)),0)</f>
        <v>18.952665969013331</v>
      </c>
      <c r="E4346" cm="1">
        <f t="array" ref="E4346">IFERROR(INDEX(Jesper!AI$2:AI$366,ROUNDDOWN($C4346/24,0)+1,1)*INDEX($D$3:$AA$30,INDEX(Jesper!$R$2:$R$366,ROW(INDEX(Jesper!AI$2:AI$366,ROUNDDOWN($C4346/24,0)+1,1))-1)+IF('Standard Profiles'!$G$19=$B$10,7,0)+IF('Standard Profiles'!$G$19=$B$17,14,0)+IF('Standard Profiles'!$G$19=$B$24,21,0),MOD($C4346,24)+1)/SUM(INDEX($D$3:$AA$30,INDEX(Jesper!$R$2:$R$366,ROW(INDEX(Jesper!AI$2:AI$366,ROUNDDOWN($C4346/24,0)+1,1))-1)+IF('Standard Profiles'!$G$19=$B$10,7,0)+IF('Standard Profiles'!$G$19=$B$17,14,0)+IF('Standard Profiles'!$G$19=$B$24,21,0),0)),0)</f>
        <v>8.0010047095692123</v>
      </c>
      <c r="F4346" cm="1">
        <f t="array" ref="F4346">IFERROR(INDEX(Jesper!AJ$2:AJ$366,ROUNDDOWN($C4346/24,0)+1,1)*INDEX($D$3:$AA$30,INDEX(Jesper!$R$2:$R$366,ROW(INDEX(Jesper!AJ$2:AJ$366,ROUNDDOWN($C4346/24,0)+1,1))-1)+IF('Standard Profiles'!$G$20=$B$10,7,0)+IF('Standard Profiles'!$G$20=$B$17,14,0)+IF('Standard Profiles'!$G$20=$B$24,21,0),MOD($C4346,24)+1)/SUM(INDEX($D$3:$AA$30,INDEX(Jesper!$R$2:$R$366,ROW(INDEX(Jesper!AJ$2:AJ$366,ROUNDDOWN($C4346/24,0)+1,1))-1)+IF('Standard Profiles'!$G$20=$B$10,7,0)+IF('Standard Profiles'!$G$20=$B$17,14,0)+IF('Standard Profiles'!$G$20=$B$24,21,0),0)),0)</f>
        <v>0</v>
      </c>
      <c r="G4346" cm="1">
        <f t="array" ref="G4346">IFERROR(INDEX(Jesper!AK$2:AK$366,ROUNDDOWN($C4346/24,0)+1,1)*INDEX($D$3:$AA$30,INDEX(Jesper!$R$2:$R$366,ROW(INDEX(Jesper!AK$2:AK$366,ROUNDDOWN($C4346/24,0)+1,1))-1)+IF('Standard Profiles'!$G$21=$B$10,7,0)+IF('Standard Profiles'!$G$21=$B$17,14,0)+IF('Standard Profiles'!$G$21=$B$24,21,0),MOD($C4346,24)+1)/SUM(INDEX($D$3:$AA$30,INDEX(Jesper!$R$2:$R$366,ROW(INDEX(Jesper!AK$2:AK$366,ROUNDDOWN($C4346/24,0)+1,1))-1)+IF('Standard Profiles'!$G$21=$B$10,7,0)+IF('Standard Profiles'!$G$21=$B$17,14,0)+IF('Standard Profiles'!$G$21=$B$24,21,0),0)),0)</f>
        <v>0.68538661295612979</v>
      </c>
      <c r="H4346" cm="1">
        <f t="array" ref="H4346">IFERROR(INDEX(Jesper!AL$2:AL$366,ROUNDDOWN($C4346/24,0)+1,1)*INDEX($D$3:$AA$30,INDEX(Jesper!$R$2:$R$366,ROW(INDEX(Jesper!AL$2:AL$366,ROUNDDOWN($C4346/24,0)+1,1))-1)+IF('Standard Profiles'!$G$22=$B$10,7,0)+IF('Standard Profiles'!$G$22=$B$17,14,0)+IF('Standard Profiles'!$G$22=$B$24,21,0),MOD($C4346,24)+1)/SUM(INDEX($D$3:$AA$30,INDEX(Jesper!$R$2:$R$366,ROW(INDEX(Jesper!AL$2:AL$366,ROUNDDOWN($C4346/24,0)+1,1))-1)+IF('Standard Profiles'!$G$22=$B$10,7,0)+IF('Standard Profiles'!$G$22=$B$17,14,0)+IF('Standard Profiles'!$G$22=$B$24,21,0),0)),0)</f>
        <v>0</v>
      </c>
      <c r="I4346">
        <f t="shared" si="489"/>
        <v>0.32898557421894215</v>
      </c>
      <c r="J4346">
        <f t="shared" si="490"/>
        <v>24.277645162277601</v>
      </c>
      <c r="K4346">
        <f t="shared" si="491"/>
        <v>2.021617703361422</v>
      </c>
      <c r="L4346">
        <f t="shared" si="492"/>
        <v>1.010808851680711</v>
      </c>
      <c r="M4346">
        <f t="shared" si="493"/>
        <v>0</v>
      </c>
      <c r="N4346" s="45">
        <f t="shared" si="494"/>
        <v>45106.666666656209</v>
      </c>
    </row>
    <row r="4347" spans="2:14" x14ac:dyDescent="0.25">
      <c r="B4347">
        <f t="shared" si="488"/>
        <v>4</v>
      </c>
      <c r="C4347" s="16">
        <v>4313</v>
      </c>
      <c r="D4347" cm="1">
        <f t="array" ref="D4347">IFERROR(INDEX(Jesper!AH$2:AH$366,ROUNDDOWN($C4347/24,0)+1,1)*INDEX($D$3:$AA$30,INDEX(Jesper!$R$2:$R$366,ROW(INDEX(Jesper!AH$2:AH$366,ROUNDDOWN($C4347/24,0)+1,1))-1)+IF('Standard Profiles'!$G$18=$B$10,7,0)+IF('Standard Profiles'!$G$18=$B$17,14,0)+IF('Standard Profiles'!$G$18=$B$24,21,0),MOD($C4347,24)+1)/SUM(INDEX($D$3:$AA$30,INDEX(Jesper!$R$2:$R$366,ROW(INDEX(Jesper!AH$2:AH$366,ROUNDDOWN($C4347/24,0)+1,1))-1)+IF('Standard Profiles'!$G$18=$B$10,7,0)+IF('Standard Profiles'!$G$18=$B$17,14,0)+IF('Standard Profiles'!$G$18=$B$24,21,0),0)),0)</f>
        <v>8.0890593124256647</v>
      </c>
      <c r="E4347" cm="1">
        <f t="array" ref="E4347">IFERROR(INDEX(Jesper!AI$2:AI$366,ROUNDDOWN($C4347/24,0)+1,1)*INDEX($D$3:$AA$30,INDEX(Jesper!$R$2:$R$366,ROW(INDEX(Jesper!AI$2:AI$366,ROUNDDOWN($C4347/24,0)+1,1))-1)+IF('Standard Profiles'!$G$19=$B$10,7,0)+IF('Standard Profiles'!$G$19=$B$17,14,0)+IF('Standard Profiles'!$G$19=$B$24,21,0),MOD($C4347,24)+1)/SUM(INDEX($D$3:$AA$30,INDEX(Jesper!$R$2:$R$366,ROW(INDEX(Jesper!AI$2:AI$366,ROUNDDOWN($C4347/24,0)+1,1))-1)+IF('Standard Profiles'!$G$19=$B$10,7,0)+IF('Standard Profiles'!$G$19=$B$17,14,0)+IF('Standard Profiles'!$G$19=$B$24,21,0),0)),0)</f>
        <v>3.4148547629403385</v>
      </c>
      <c r="F4347" cm="1">
        <f t="array" ref="F4347">IFERROR(INDEX(Jesper!AJ$2:AJ$366,ROUNDDOWN($C4347/24,0)+1,1)*INDEX($D$3:$AA$30,INDEX(Jesper!$R$2:$R$366,ROW(INDEX(Jesper!AJ$2:AJ$366,ROUNDDOWN($C4347/24,0)+1,1))-1)+IF('Standard Profiles'!$G$20=$B$10,7,0)+IF('Standard Profiles'!$G$20=$B$17,14,0)+IF('Standard Profiles'!$G$20=$B$24,21,0),MOD($C4347,24)+1)/SUM(INDEX($D$3:$AA$30,INDEX(Jesper!$R$2:$R$366,ROW(INDEX(Jesper!AJ$2:AJ$366,ROUNDDOWN($C4347/24,0)+1,1))-1)+IF('Standard Profiles'!$G$20=$B$10,7,0)+IF('Standard Profiles'!$G$20=$B$17,14,0)+IF('Standard Profiles'!$G$20=$B$24,21,0),0)),0)</f>
        <v>0</v>
      </c>
      <c r="G4347" cm="1">
        <f t="array" ref="G4347">IFERROR(INDEX(Jesper!AK$2:AK$366,ROUNDDOWN($C4347/24,0)+1,1)*INDEX($D$3:$AA$30,INDEX(Jesper!$R$2:$R$366,ROW(INDEX(Jesper!AK$2:AK$366,ROUNDDOWN($C4347/24,0)+1,1))-1)+IF('Standard Profiles'!$G$21=$B$10,7,0)+IF('Standard Profiles'!$G$21=$B$17,14,0)+IF('Standard Profiles'!$G$21=$B$24,21,0),MOD($C4347,24)+1)/SUM(INDEX($D$3:$AA$30,INDEX(Jesper!$R$2:$R$366,ROW(INDEX(Jesper!AK$2:AK$366,ROUNDDOWN($C4347/24,0)+1,1))-1)+IF('Standard Profiles'!$G$21=$B$10,7,0)+IF('Standard Profiles'!$G$21=$B$17,14,0)+IF('Standard Profiles'!$G$21=$B$24,21,0),0)),0)</f>
        <v>0.5449757961530316</v>
      </c>
      <c r="H4347" cm="1">
        <f t="array" ref="H4347">IFERROR(INDEX(Jesper!AL$2:AL$366,ROUNDDOWN($C4347/24,0)+1,1)*INDEX($D$3:$AA$30,INDEX(Jesper!$R$2:$R$366,ROW(INDEX(Jesper!AL$2:AL$366,ROUNDDOWN($C4347/24,0)+1,1))-1)+IF('Standard Profiles'!$G$22=$B$10,7,0)+IF('Standard Profiles'!$G$22=$B$17,14,0)+IF('Standard Profiles'!$G$22=$B$24,21,0),MOD($C4347,24)+1)/SUM(INDEX($D$3:$AA$30,INDEX(Jesper!$R$2:$R$366,ROW(INDEX(Jesper!AL$2:AL$366,ROUNDDOWN($C4347/24,0)+1,1))-1)+IF('Standard Profiles'!$G$22=$B$10,7,0)+IF('Standard Profiles'!$G$22=$B$17,14,0)+IF('Standard Profiles'!$G$22=$B$24,21,0),0)),0)</f>
        <v>0</v>
      </c>
      <c r="I4347">
        <f t="shared" si="489"/>
        <v>0.26158838215345503</v>
      </c>
      <c r="J4347">
        <f t="shared" si="490"/>
        <v>10.493051999377474</v>
      </c>
      <c r="K4347">
        <f t="shared" si="491"/>
        <v>0.86283299332540431</v>
      </c>
      <c r="L4347">
        <f t="shared" si="492"/>
        <v>0.43141649666270215</v>
      </c>
      <c r="M4347">
        <f t="shared" si="493"/>
        <v>0</v>
      </c>
      <c r="N4347" s="45">
        <f t="shared" si="494"/>
        <v>45106.708333322873</v>
      </c>
    </row>
    <row r="4348" spans="2:14" x14ac:dyDescent="0.25">
      <c r="B4348">
        <f t="shared" si="488"/>
        <v>4</v>
      </c>
      <c r="C4348" s="16">
        <v>4314</v>
      </c>
      <c r="D4348" cm="1">
        <f t="array" ref="D4348">IFERROR(INDEX(Jesper!AH$2:AH$366,ROUNDDOWN($C4348/24,0)+1,1)*INDEX($D$3:$AA$30,INDEX(Jesper!$R$2:$R$366,ROW(INDEX(Jesper!AH$2:AH$366,ROUNDDOWN($C4348/24,0)+1,1))-1)+IF('Standard Profiles'!$G$18=$B$10,7,0)+IF('Standard Profiles'!$G$18=$B$17,14,0)+IF('Standard Profiles'!$G$18=$B$24,21,0),MOD($C4348,24)+1)/SUM(INDEX($D$3:$AA$30,INDEX(Jesper!$R$2:$R$366,ROW(INDEX(Jesper!AH$2:AH$366,ROUNDDOWN($C4348/24,0)+1,1))-1)+IF('Standard Profiles'!$G$18=$B$10,7,0)+IF('Standard Profiles'!$G$18=$B$17,14,0)+IF('Standard Profiles'!$G$18=$B$24,21,0),0)),0)</f>
        <v>5.3387791462009391</v>
      </c>
      <c r="E4348" cm="1">
        <f t="array" ref="E4348">IFERROR(INDEX(Jesper!AI$2:AI$366,ROUNDDOWN($C4348/24,0)+1,1)*INDEX($D$3:$AA$30,INDEX(Jesper!$R$2:$R$366,ROW(INDEX(Jesper!AI$2:AI$366,ROUNDDOWN($C4348/24,0)+1,1))-1)+IF('Standard Profiles'!$G$19=$B$10,7,0)+IF('Standard Profiles'!$G$19=$B$17,14,0)+IF('Standard Profiles'!$G$19=$B$24,21,0),MOD($C4348,24)+1)/SUM(INDEX($D$3:$AA$30,INDEX(Jesper!$R$2:$R$366,ROW(INDEX(Jesper!AI$2:AI$366,ROUNDDOWN($C4348/24,0)+1,1))-1)+IF('Standard Profiles'!$G$19=$B$10,7,0)+IF('Standard Profiles'!$G$19=$B$17,14,0)+IF('Standard Profiles'!$G$19=$B$24,21,0),0)),0)</f>
        <v>2.2538041435406235</v>
      </c>
      <c r="F4348" cm="1">
        <f t="array" ref="F4348">IFERROR(INDEX(Jesper!AJ$2:AJ$366,ROUNDDOWN($C4348/24,0)+1,1)*INDEX($D$3:$AA$30,INDEX(Jesper!$R$2:$R$366,ROW(INDEX(Jesper!AJ$2:AJ$366,ROUNDDOWN($C4348/24,0)+1,1))-1)+IF('Standard Profiles'!$G$20=$B$10,7,0)+IF('Standard Profiles'!$G$20=$B$17,14,0)+IF('Standard Profiles'!$G$20=$B$24,21,0),MOD($C4348,24)+1)/SUM(INDEX($D$3:$AA$30,INDEX(Jesper!$R$2:$R$366,ROW(INDEX(Jesper!AJ$2:AJ$366,ROUNDDOWN($C4348/24,0)+1,1))-1)+IF('Standard Profiles'!$G$20=$B$10,7,0)+IF('Standard Profiles'!$G$20=$B$17,14,0)+IF('Standard Profiles'!$G$20=$B$24,21,0),0)),0)</f>
        <v>0</v>
      </c>
      <c r="G4348" cm="1">
        <f t="array" ref="G4348">IFERROR(INDEX(Jesper!AK$2:AK$366,ROUNDDOWN($C4348/24,0)+1,1)*INDEX($D$3:$AA$30,INDEX(Jesper!$R$2:$R$366,ROW(INDEX(Jesper!AK$2:AK$366,ROUNDDOWN($C4348/24,0)+1,1))-1)+IF('Standard Profiles'!$G$21=$B$10,7,0)+IF('Standard Profiles'!$G$21=$B$17,14,0)+IF('Standard Profiles'!$G$21=$B$24,21,0),MOD($C4348,24)+1)/SUM(INDEX($D$3:$AA$30,INDEX(Jesper!$R$2:$R$366,ROW(INDEX(Jesper!AK$2:AK$366,ROUNDDOWN($C4348/24,0)+1,1))-1)+IF('Standard Profiles'!$G$21=$B$10,7,0)+IF('Standard Profiles'!$G$21=$B$17,14,0)+IF('Standard Profiles'!$G$21=$B$24,21,0),0)),0)</f>
        <v>0.20202995223467346</v>
      </c>
      <c r="H4348" cm="1">
        <f t="array" ref="H4348">IFERROR(INDEX(Jesper!AL$2:AL$366,ROUNDDOWN($C4348/24,0)+1,1)*INDEX($D$3:$AA$30,INDEX(Jesper!$R$2:$R$366,ROW(INDEX(Jesper!AL$2:AL$366,ROUNDDOWN($C4348/24,0)+1,1))-1)+IF('Standard Profiles'!$G$22=$B$10,7,0)+IF('Standard Profiles'!$G$22=$B$17,14,0)+IF('Standard Profiles'!$G$22=$B$24,21,0),MOD($C4348,24)+1)/SUM(INDEX($D$3:$AA$30,INDEX(Jesper!$R$2:$R$366,ROW(INDEX(Jesper!AL$2:AL$366,ROUNDDOWN($C4348/24,0)+1,1))-1)+IF('Standard Profiles'!$G$22=$B$10,7,0)+IF('Standard Profiles'!$G$22=$B$17,14,0)+IF('Standard Profiles'!$G$22=$B$24,21,0),0)),0)</f>
        <v>0</v>
      </c>
      <c r="I4348">
        <f t="shared" si="489"/>
        <v>9.6974377072643211E-2</v>
      </c>
      <c r="J4348">
        <f t="shared" si="490"/>
        <v>6.8434342015114424</v>
      </c>
      <c r="K4348">
        <f t="shared" si="491"/>
        <v>0.56946977559476686</v>
      </c>
      <c r="L4348">
        <f t="shared" si="492"/>
        <v>0.28473488779738343</v>
      </c>
      <c r="M4348">
        <f t="shared" si="493"/>
        <v>0</v>
      </c>
      <c r="N4348" s="45">
        <f t="shared" si="494"/>
        <v>45106.749999989537</v>
      </c>
    </row>
    <row r="4349" spans="2:14" x14ac:dyDescent="0.25">
      <c r="B4349">
        <f t="shared" si="488"/>
        <v>4</v>
      </c>
      <c r="C4349" s="16">
        <v>4315</v>
      </c>
      <c r="D4349" cm="1">
        <f t="array" ref="D4349">IFERROR(INDEX(Jesper!AH$2:AH$366,ROUNDDOWN($C4349/24,0)+1,1)*INDEX($D$3:$AA$30,INDEX(Jesper!$R$2:$R$366,ROW(INDEX(Jesper!AH$2:AH$366,ROUNDDOWN($C4349/24,0)+1,1))-1)+IF('Standard Profiles'!$G$18=$B$10,7,0)+IF('Standard Profiles'!$G$18=$B$17,14,0)+IF('Standard Profiles'!$G$18=$B$24,21,0),MOD($C4349,24)+1)/SUM(INDEX($D$3:$AA$30,INDEX(Jesper!$R$2:$R$366,ROW(INDEX(Jesper!AH$2:AH$366,ROUNDDOWN($C4349/24,0)+1,1))-1)+IF('Standard Profiles'!$G$18=$B$10,7,0)+IF('Standard Profiles'!$G$18=$B$17,14,0)+IF('Standard Profiles'!$G$18=$B$24,21,0),0)),0)</f>
        <v>5.3387791462009391</v>
      </c>
      <c r="E4349" cm="1">
        <f t="array" ref="E4349">IFERROR(INDEX(Jesper!AI$2:AI$366,ROUNDDOWN($C4349/24,0)+1,1)*INDEX($D$3:$AA$30,INDEX(Jesper!$R$2:$R$366,ROW(INDEX(Jesper!AI$2:AI$366,ROUNDDOWN($C4349/24,0)+1,1))-1)+IF('Standard Profiles'!$G$19=$B$10,7,0)+IF('Standard Profiles'!$G$19=$B$17,14,0)+IF('Standard Profiles'!$G$19=$B$24,21,0),MOD($C4349,24)+1)/SUM(INDEX($D$3:$AA$30,INDEX(Jesper!$R$2:$R$366,ROW(INDEX(Jesper!AI$2:AI$366,ROUNDDOWN($C4349/24,0)+1,1))-1)+IF('Standard Profiles'!$G$19=$B$10,7,0)+IF('Standard Profiles'!$G$19=$B$17,14,0)+IF('Standard Profiles'!$G$19=$B$24,21,0),0)),0)</f>
        <v>2.2538041435406235</v>
      </c>
      <c r="F4349" cm="1">
        <f t="array" ref="F4349">IFERROR(INDEX(Jesper!AJ$2:AJ$366,ROUNDDOWN($C4349/24,0)+1,1)*INDEX($D$3:$AA$30,INDEX(Jesper!$R$2:$R$366,ROW(INDEX(Jesper!AJ$2:AJ$366,ROUNDDOWN($C4349/24,0)+1,1))-1)+IF('Standard Profiles'!$G$20=$B$10,7,0)+IF('Standard Profiles'!$G$20=$B$17,14,0)+IF('Standard Profiles'!$G$20=$B$24,21,0),MOD($C4349,24)+1)/SUM(INDEX($D$3:$AA$30,INDEX(Jesper!$R$2:$R$366,ROW(INDEX(Jesper!AJ$2:AJ$366,ROUNDDOWN($C4349/24,0)+1,1))-1)+IF('Standard Profiles'!$G$20=$B$10,7,0)+IF('Standard Profiles'!$G$20=$B$17,14,0)+IF('Standard Profiles'!$G$20=$B$24,21,0),0)),0)</f>
        <v>0</v>
      </c>
      <c r="G4349" cm="1">
        <f t="array" ref="G4349">IFERROR(INDEX(Jesper!AK$2:AK$366,ROUNDDOWN($C4349/24,0)+1,1)*INDEX($D$3:$AA$30,INDEX(Jesper!$R$2:$R$366,ROW(INDEX(Jesper!AK$2:AK$366,ROUNDDOWN($C4349/24,0)+1,1))-1)+IF('Standard Profiles'!$G$21=$B$10,7,0)+IF('Standard Profiles'!$G$21=$B$17,14,0)+IF('Standard Profiles'!$G$21=$B$24,21,0),MOD($C4349,24)+1)/SUM(INDEX($D$3:$AA$30,INDEX(Jesper!$R$2:$R$366,ROW(INDEX(Jesper!AK$2:AK$366,ROUNDDOWN($C4349/24,0)+1,1))-1)+IF('Standard Profiles'!$G$21=$B$10,7,0)+IF('Standard Profiles'!$G$21=$B$17,14,0)+IF('Standard Profiles'!$G$21=$B$24,21,0),0)),0)</f>
        <v>0.20202995223467346</v>
      </c>
      <c r="H4349" cm="1">
        <f t="array" ref="H4349">IFERROR(INDEX(Jesper!AL$2:AL$366,ROUNDDOWN($C4349/24,0)+1,1)*INDEX($D$3:$AA$30,INDEX(Jesper!$R$2:$R$366,ROW(INDEX(Jesper!AL$2:AL$366,ROUNDDOWN($C4349/24,0)+1,1))-1)+IF('Standard Profiles'!$G$22=$B$10,7,0)+IF('Standard Profiles'!$G$22=$B$17,14,0)+IF('Standard Profiles'!$G$22=$B$24,21,0),MOD($C4349,24)+1)/SUM(INDEX($D$3:$AA$30,INDEX(Jesper!$R$2:$R$366,ROW(INDEX(Jesper!AL$2:AL$366,ROUNDDOWN($C4349/24,0)+1,1))-1)+IF('Standard Profiles'!$G$22=$B$10,7,0)+IF('Standard Profiles'!$G$22=$B$17,14,0)+IF('Standard Profiles'!$G$22=$B$24,21,0),0)),0)</f>
        <v>0</v>
      </c>
      <c r="I4349">
        <f t="shared" si="489"/>
        <v>9.6974377072643211E-2</v>
      </c>
      <c r="J4349">
        <f t="shared" si="490"/>
        <v>6.8434342015114424</v>
      </c>
      <c r="K4349">
        <f t="shared" si="491"/>
        <v>0.56946977559476686</v>
      </c>
      <c r="L4349">
        <f t="shared" si="492"/>
        <v>0.28473488779738343</v>
      </c>
      <c r="M4349">
        <f t="shared" si="493"/>
        <v>0</v>
      </c>
      <c r="N4349" s="45">
        <f t="shared" si="494"/>
        <v>45106.791666656201</v>
      </c>
    </row>
    <row r="4350" spans="2:14" x14ac:dyDescent="0.25">
      <c r="B4350">
        <f t="shared" si="488"/>
        <v>4</v>
      </c>
      <c r="C4350" s="16">
        <v>4316</v>
      </c>
      <c r="D4350" cm="1">
        <f t="array" ref="D4350">IFERROR(INDEX(Jesper!AH$2:AH$366,ROUNDDOWN($C4350/24,0)+1,1)*INDEX($D$3:$AA$30,INDEX(Jesper!$R$2:$R$366,ROW(INDEX(Jesper!AH$2:AH$366,ROUNDDOWN($C4350/24,0)+1,1))-1)+IF('Standard Profiles'!$G$18=$B$10,7,0)+IF('Standard Profiles'!$G$18=$B$17,14,0)+IF('Standard Profiles'!$G$18=$B$24,21,0),MOD($C4350,24)+1)/SUM(INDEX($D$3:$AA$30,INDEX(Jesper!$R$2:$R$366,ROW(INDEX(Jesper!AH$2:AH$366,ROUNDDOWN($C4350/24,0)+1,1))-1)+IF('Standard Profiles'!$G$18=$B$10,7,0)+IF('Standard Profiles'!$G$18=$B$17,14,0)+IF('Standard Profiles'!$G$18=$B$24,21,0),0)),0)</f>
        <v>5.3387791462009391</v>
      </c>
      <c r="E4350" cm="1">
        <f t="array" ref="E4350">IFERROR(INDEX(Jesper!AI$2:AI$366,ROUNDDOWN($C4350/24,0)+1,1)*INDEX($D$3:$AA$30,INDEX(Jesper!$R$2:$R$366,ROW(INDEX(Jesper!AI$2:AI$366,ROUNDDOWN($C4350/24,0)+1,1))-1)+IF('Standard Profiles'!$G$19=$B$10,7,0)+IF('Standard Profiles'!$G$19=$B$17,14,0)+IF('Standard Profiles'!$G$19=$B$24,21,0),MOD($C4350,24)+1)/SUM(INDEX($D$3:$AA$30,INDEX(Jesper!$R$2:$R$366,ROW(INDEX(Jesper!AI$2:AI$366,ROUNDDOWN($C4350/24,0)+1,1))-1)+IF('Standard Profiles'!$G$19=$B$10,7,0)+IF('Standard Profiles'!$G$19=$B$17,14,0)+IF('Standard Profiles'!$G$19=$B$24,21,0),0)),0)</f>
        <v>2.2538041435406235</v>
      </c>
      <c r="F4350" cm="1">
        <f t="array" ref="F4350">IFERROR(INDEX(Jesper!AJ$2:AJ$366,ROUNDDOWN($C4350/24,0)+1,1)*INDEX($D$3:$AA$30,INDEX(Jesper!$R$2:$R$366,ROW(INDEX(Jesper!AJ$2:AJ$366,ROUNDDOWN($C4350/24,0)+1,1))-1)+IF('Standard Profiles'!$G$20=$B$10,7,0)+IF('Standard Profiles'!$G$20=$B$17,14,0)+IF('Standard Profiles'!$G$20=$B$24,21,0),MOD($C4350,24)+1)/SUM(INDEX($D$3:$AA$30,INDEX(Jesper!$R$2:$R$366,ROW(INDEX(Jesper!AJ$2:AJ$366,ROUNDDOWN($C4350/24,0)+1,1))-1)+IF('Standard Profiles'!$G$20=$B$10,7,0)+IF('Standard Profiles'!$G$20=$B$17,14,0)+IF('Standard Profiles'!$G$20=$B$24,21,0),0)),0)</f>
        <v>0</v>
      </c>
      <c r="G4350" cm="1">
        <f t="array" ref="G4350">IFERROR(INDEX(Jesper!AK$2:AK$366,ROUNDDOWN($C4350/24,0)+1,1)*INDEX($D$3:$AA$30,INDEX(Jesper!$R$2:$R$366,ROW(INDEX(Jesper!AK$2:AK$366,ROUNDDOWN($C4350/24,0)+1,1))-1)+IF('Standard Profiles'!$G$21=$B$10,7,0)+IF('Standard Profiles'!$G$21=$B$17,14,0)+IF('Standard Profiles'!$G$21=$B$24,21,0),MOD($C4350,24)+1)/SUM(INDEX($D$3:$AA$30,INDEX(Jesper!$R$2:$R$366,ROW(INDEX(Jesper!AK$2:AK$366,ROUNDDOWN($C4350/24,0)+1,1))-1)+IF('Standard Profiles'!$G$21=$B$10,7,0)+IF('Standard Profiles'!$G$21=$B$17,14,0)+IF('Standard Profiles'!$G$21=$B$24,21,0),0)),0)</f>
        <v>0.20202995223467346</v>
      </c>
      <c r="H4350" cm="1">
        <f t="array" ref="H4350">IFERROR(INDEX(Jesper!AL$2:AL$366,ROUNDDOWN($C4350/24,0)+1,1)*INDEX($D$3:$AA$30,INDEX(Jesper!$R$2:$R$366,ROW(INDEX(Jesper!AL$2:AL$366,ROUNDDOWN($C4350/24,0)+1,1))-1)+IF('Standard Profiles'!$G$22=$B$10,7,0)+IF('Standard Profiles'!$G$22=$B$17,14,0)+IF('Standard Profiles'!$G$22=$B$24,21,0),MOD($C4350,24)+1)/SUM(INDEX($D$3:$AA$30,INDEX(Jesper!$R$2:$R$366,ROW(INDEX(Jesper!AL$2:AL$366,ROUNDDOWN($C4350/24,0)+1,1))-1)+IF('Standard Profiles'!$G$22=$B$10,7,0)+IF('Standard Profiles'!$G$22=$B$17,14,0)+IF('Standard Profiles'!$G$22=$B$24,21,0),0)),0)</f>
        <v>0</v>
      </c>
      <c r="I4350">
        <f t="shared" si="489"/>
        <v>9.6974377072643211E-2</v>
      </c>
      <c r="J4350">
        <f t="shared" si="490"/>
        <v>6.8434342015114424</v>
      </c>
      <c r="K4350">
        <f t="shared" si="491"/>
        <v>0.56946977559476686</v>
      </c>
      <c r="L4350">
        <f t="shared" si="492"/>
        <v>0.28473488779738343</v>
      </c>
      <c r="M4350">
        <f t="shared" si="493"/>
        <v>0</v>
      </c>
      <c r="N4350" s="45">
        <f t="shared" si="494"/>
        <v>45106.833333322866</v>
      </c>
    </row>
    <row r="4351" spans="2:14" x14ac:dyDescent="0.25">
      <c r="B4351">
        <f t="shared" si="488"/>
        <v>4</v>
      </c>
      <c r="C4351" s="16">
        <v>4317</v>
      </c>
      <c r="D4351" cm="1">
        <f t="array" ref="D4351">IFERROR(INDEX(Jesper!AH$2:AH$366,ROUNDDOWN($C4351/24,0)+1,1)*INDEX($D$3:$AA$30,INDEX(Jesper!$R$2:$R$366,ROW(INDEX(Jesper!AH$2:AH$366,ROUNDDOWN($C4351/24,0)+1,1))-1)+IF('Standard Profiles'!$G$18=$B$10,7,0)+IF('Standard Profiles'!$G$18=$B$17,14,0)+IF('Standard Profiles'!$G$18=$B$24,21,0),MOD($C4351,24)+1)/SUM(INDEX($D$3:$AA$30,INDEX(Jesper!$R$2:$R$366,ROW(INDEX(Jesper!AH$2:AH$366,ROUNDDOWN($C4351/24,0)+1,1))-1)+IF('Standard Profiles'!$G$18=$B$10,7,0)+IF('Standard Profiles'!$G$18=$B$17,14,0)+IF('Standard Profiles'!$G$18=$B$24,21,0),0)),0)</f>
        <v>5.3387791462009391</v>
      </c>
      <c r="E4351" cm="1">
        <f t="array" ref="E4351">IFERROR(INDEX(Jesper!AI$2:AI$366,ROUNDDOWN($C4351/24,0)+1,1)*INDEX($D$3:$AA$30,INDEX(Jesper!$R$2:$R$366,ROW(INDEX(Jesper!AI$2:AI$366,ROUNDDOWN($C4351/24,0)+1,1))-1)+IF('Standard Profiles'!$G$19=$B$10,7,0)+IF('Standard Profiles'!$G$19=$B$17,14,0)+IF('Standard Profiles'!$G$19=$B$24,21,0),MOD($C4351,24)+1)/SUM(INDEX($D$3:$AA$30,INDEX(Jesper!$R$2:$R$366,ROW(INDEX(Jesper!AI$2:AI$366,ROUNDDOWN($C4351/24,0)+1,1))-1)+IF('Standard Profiles'!$G$19=$B$10,7,0)+IF('Standard Profiles'!$G$19=$B$17,14,0)+IF('Standard Profiles'!$G$19=$B$24,21,0),0)),0)</f>
        <v>2.2538041435406235</v>
      </c>
      <c r="F4351" cm="1">
        <f t="array" ref="F4351">IFERROR(INDEX(Jesper!AJ$2:AJ$366,ROUNDDOWN($C4351/24,0)+1,1)*INDEX($D$3:$AA$30,INDEX(Jesper!$R$2:$R$366,ROW(INDEX(Jesper!AJ$2:AJ$366,ROUNDDOWN($C4351/24,0)+1,1))-1)+IF('Standard Profiles'!$G$20=$B$10,7,0)+IF('Standard Profiles'!$G$20=$B$17,14,0)+IF('Standard Profiles'!$G$20=$B$24,21,0),MOD($C4351,24)+1)/SUM(INDEX($D$3:$AA$30,INDEX(Jesper!$R$2:$R$366,ROW(INDEX(Jesper!AJ$2:AJ$366,ROUNDDOWN($C4351/24,0)+1,1))-1)+IF('Standard Profiles'!$G$20=$B$10,7,0)+IF('Standard Profiles'!$G$20=$B$17,14,0)+IF('Standard Profiles'!$G$20=$B$24,21,0),0)),0)</f>
        <v>0</v>
      </c>
      <c r="G4351" cm="1">
        <f t="array" ref="G4351">IFERROR(INDEX(Jesper!AK$2:AK$366,ROUNDDOWN($C4351/24,0)+1,1)*INDEX($D$3:$AA$30,INDEX(Jesper!$R$2:$R$366,ROW(INDEX(Jesper!AK$2:AK$366,ROUNDDOWN($C4351/24,0)+1,1))-1)+IF('Standard Profiles'!$G$21=$B$10,7,0)+IF('Standard Profiles'!$G$21=$B$17,14,0)+IF('Standard Profiles'!$G$21=$B$24,21,0),MOD($C4351,24)+1)/SUM(INDEX($D$3:$AA$30,INDEX(Jesper!$R$2:$R$366,ROW(INDEX(Jesper!AK$2:AK$366,ROUNDDOWN($C4351/24,0)+1,1))-1)+IF('Standard Profiles'!$G$21=$B$10,7,0)+IF('Standard Profiles'!$G$21=$B$17,14,0)+IF('Standard Profiles'!$G$21=$B$24,21,0),0)),0)</f>
        <v>0.20202995223467346</v>
      </c>
      <c r="H4351" cm="1">
        <f t="array" ref="H4351">IFERROR(INDEX(Jesper!AL$2:AL$366,ROUNDDOWN($C4351/24,0)+1,1)*INDEX($D$3:$AA$30,INDEX(Jesper!$R$2:$R$366,ROW(INDEX(Jesper!AL$2:AL$366,ROUNDDOWN($C4351/24,0)+1,1))-1)+IF('Standard Profiles'!$G$22=$B$10,7,0)+IF('Standard Profiles'!$G$22=$B$17,14,0)+IF('Standard Profiles'!$G$22=$B$24,21,0),MOD($C4351,24)+1)/SUM(INDEX($D$3:$AA$30,INDEX(Jesper!$R$2:$R$366,ROW(INDEX(Jesper!AL$2:AL$366,ROUNDDOWN($C4351/24,0)+1,1))-1)+IF('Standard Profiles'!$G$22=$B$10,7,0)+IF('Standard Profiles'!$G$22=$B$17,14,0)+IF('Standard Profiles'!$G$22=$B$24,21,0),0)),0)</f>
        <v>0</v>
      </c>
      <c r="I4351">
        <f t="shared" si="489"/>
        <v>9.6974377072643211E-2</v>
      </c>
      <c r="J4351">
        <f t="shared" si="490"/>
        <v>6.8434342015114424</v>
      </c>
      <c r="K4351">
        <f t="shared" si="491"/>
        <v>0.56946977559476686</v>
      </c>
      <c r="L4351">
        <f t="shared" si="492"/>
        <v>0.28473488779738343</v>
      </c>
      <c r="M4351">
        <f t="shared" si="493"/>
        <v>0</v>
      </c>
      <c r="N4351" s="45">
        <f t="shared" si="494"/>
        <v>45106.87499998953</v>
      </c>
    </row>
    <row r="4352" spans="2:14" x14ac:dyDescent="0.25">
      <c r="B4352">
        <f t="shared" si="488"/>
        <v>4</v>
      </c>
      <c r="C4352" s="16">
        <v>4318</v>
      </c>
      <c r="D4352" cm="1">
        <f t="array" ref="D4352">IFERROR(INDEX(Jesper!AH$2:AH$366,ROUNDDOWN($C4352/24,0)+1,1)*INDEX($D$3:$AA$30,INDEX(Jesper!$R$2:$R$366,ROW(INDEX(Jesper!AH$2:AH$366,ROUNDDOWN($C4352/24,0)+1,1))-1)+IF('Standard Profiles'!$G$18=$B$10,7,0)+IF('Standard Profiles'!$G$18=$B$17,14,0)+IF('Standard Profiles'!$G$18=$B$24,21,0),MOD($C4352,24)+1)/SUM(INDEX($D$3:$AA$30,INDEX(Jesper!$R$2:$R$366,ROW(INDEX(Jesper!AH$2:AH$366,ROUNDDOWN($C4352/24,0)+1,1))-1)+IF('Standard Profiles'!$G$18=$B$10,7,0)+IF('Standard Profiles'!$G$18=$B$17,14,0)+IF('Standard Profiles'!$G$18=$B$24,21,0),0)),0)</f>
        <v>5.3387791462009391</v>
      </c>
      <c r="E4352" cm="1">
        <f t="array" ref="E4352">IFERROR(INDEX(Jesper!AI$2:AI$366,ROUNDDOWN($C4352/24,0)+1,1)*INDEX($D$3:$AA$30,INDEX(Jesper!$R$2:$R$366,ROW(INDEX(Jesper!AI$2:AI$366,ROUNDDOWN($C4352/24,0)+1,1))-1)+IF('Standard Profiles'!$G$19=$B$10,7,0)+IF('Standard Profiles'!$G$19=$B$17,14,0)+IF('Standard Profiles'!$G$19=$B$24,21,0),MOD($C4352,24)+1)/SUM(INDEX($D$3:$AA$30,INDEX(Jesper!$R$2:$R$366,ROW(INDEX(Jesper!AI$2:AI$366,ROUNDDOWN($C4352/24,0)+1,1))-1)+IF('Standard Profiles'!$G$19=$B$10,7,0)+IF('Standard Profiles'!$G$19=$B$17,14,0)+IF('Standard Profiles'!$G$19=$B$24,21,0),0)),0)</f>
        <v>2.2538041435406235</v>
      </c>
      <c r="F4352" cm="1">
        <f t="array" ref="F4352">IFERROR(INDEX(Jesper!AJ$2:AJ$366,ROUNDDOWN($C4352/24,0)+1,1)*INDEX($D$3:$AA$30,INDEX(Jesper!$R$2:$R$366,ROW(INDEX(Jesper!AJ$2:AJ$366,ROUNDDOWN($C4352/24,0)+1,1))-1)+IF('Standard Profiles'!$G$20=$B$10,7,0)+IF('Standard Profiles'!$G$20=$B$17,14,0)+IF('Standard Profiles'!$G$20=$B$24,21,0),MOD($C4352,24)+1)/SUM(INDEX($D$3:$AA$30,INDEX(Jesper!$R$2:$R$366,ROW(INDEX(Jesper!AJ$2:AJ$366,ROUNDDOWN($C4352/24,0)+1,1))-1)+IF('Standard Profiles'!$G$20=$B$10,7,0)+IF('Standard Profiles'!$G$20=$B$17,14,0)+IF('Standard Profiles'!$G$20=$B$24,21,0),0)),0)</f>
        <v>0</v>
      </c>
      <c r="G4352" cm="1">
        <f t="array" ref="G4352">IFERROR(INDEX(Jesper!AK$2:AK$366,ROUNDDOWN($C4352/24,0)+1,1)*INDEX($D$3:$AA$30,INDEX(Jesper!$R$2:$R$366,ROW(INDEX(Jesper!AK$2:AK$366,ROUNDDOWN($C4352/24,0)+1,1))-1)+IF('Standard Profiles'!$G$21=$B$10,7,0)+IF('Standard Profiles'!$G$21=$B$17,14,0)+IF('Standard Profiles'!$G$21=$B$24,21,0),MOD($C4352,24)+1)/SUM(INDEX($D$3:$AA$30,INDEX(Jesper!$R$2:$R$366,ROW(INDEX(Jesper!AK$2:AK$366,ROUNDDOWN($C4352/24,0)+1,1))-1)+IF('Standard Profiles'!$G$21=$B$10,7,0)+IF('Standard Profiles'!$G$21=$B$17,14,0)+IF('Standard Profiles'!$G$21=$B$24,21,0),0)),0)</f>
        <v>0.20202995223467346</v>
      </c>
      <c r="H4352" cm="1">
        <f t="array" ref="H4352">IFERROR(INDEX(Jesper!AL$2:AL$366,ROUNDDOWN($C4352/24,0)+1,1)*INDEX($D$3:$AA$30,INDEX(Jesper!$R$2:$R$366,ROW(INDEX(Jesper!AL$2:AL$366,ROUNDDOWN($C4352/24,0)+1,1))-1)+IF('Standard Profiles'!$G$22=$B$10,7,0)+IF('Standard Profiles'!$G$22=$B$17,14,0)+IF('Standard Profiles'!$G$22=$B$24,21,0),MOD($C4352,24)+1)/SUM(INDEX($D$3:$AA$30,INDEX(Jesper!$R$2:$R$366,ROW(INDEX(Jesper!AL$2:AL$366,ROUNDDOWN($C4352/24,0)+1,1))-1)+IF('Standard Profiles'!$G$22=$B$10,7,0)+IF('Standard Profiles'!$G$22=$B$17,14,0)+IF('Standard Profiles'!$G$22=$B$24,21,0),0)),0)</f>
        <v>0</v>
      </c>
      <c r="I4352">
        <f t="shared" si="489"/>
        <v>9.6974377072643211E-2</v>
      </c>
      <c r="J4352">
        <f t="shared" si="490"/>
        <v>6.8434342015114424</v>
      </c>
      <c r="K4352">
        <f t="shared" si="491"/>
        <v>0.56946977559476686</v>
      </c>
      <c r="L4352">
        <f t="shared" si="492"/>
        <v>0.28473488779738343</v>
      </c>
      <c r="M4352">
        <f t="shared" si="493"/>
        <v>0</v>
      </c>
      <c r="N4352" s="45">
        <f t="shared" si="494"/>
        <v>45106.916666656194</v>
      </c>
    </row>
    <row r="4353" spans="2:14" x14ac:dyDescent="0.25">
      <c r="B4353">
        <f t="shared" si="488"/>
        <v>4</v>
      </c>
      <c r="C4353" s="16">
        <v>4319</v>
      </c>
      <c r="D4353" cm="1">
        <f t="array" ref="D4353">IFERROR(INDEX(Jesper!AH$2:AH$366,ROUNDDOWN($C4353/24,0)+1,1)*INDEX($D$3:$AA$30,INDEX(Jesper!$R$2:$R$366,ROW(INDEX(Jesper!AH$2:AH$366,ROUNDDOWN($C4353/24,0)+1,1))-1)+IF('Standard Profiles'!$G$18=$B$10,7,0)+IF('Standard Profiles'!$G$18=$B$17,14,0)+IF('Standard Profiles'!$G$18=$B$24,21,0),MOD($C4353,24)+1)/SUM(INDEX($D$3:$AA$30,INDEX(Jesper!$R$2:$R$366,ROW(INDEX(Jesper!AH$2:AH$366,ROUNDDOWN($C4353/24,0)+1,1))-1)+IF('Standard Profiles'!$G$18=$B$10,7,0)+IF('Standard Profiles'!$G$18=$B$17,14,0)+IF('Standard Profiles'!$G$18=$B$24,21,0),0)),0)</f>
        <v>5.3387791462009391</v>
      </c>
      <c r="E4353" cm="1">
        <f t="array" ref="E4353">IFERROR(INDEX(Jesper!AI$2:AI$366,ROUNDDOWN($C4353/24,0)+1,1)*INDEX($D$3:$AA$30,INDEX(Jesper!$R$2:$R$366,ROW(INDEX(Jesper!AI$2:AI$366,ROUNDDOWN($C4353/24,0)+1,1))-1)+IF('Standard Profiles'!$G$19=$B$10,7,0)+IF('Standard Profiles'!$G$19=$B$17,14,0)+IF('Standard Profiles'!$G$19=$B$24,21,0),MOD($C4353,24)+1)/SUM(INDEX($D$3:$AA$30,INDEX(Jesper!$R$2:$R$366,ROW(INDEX(Jesper!AI$2:AI$366,ROUNDDOWN($C4353/24,0)+1,1))-1)+IF('Standard Profiles'!$G$19=$B$10,7,0)+IF('Standard Profiles'!$G$19=$B$17,14,0)+IF('Standard Profiles'!$G$19=$B$24,21,0),0)),0)</f>
        <v>2.2538041435406235</v>
      </c>
      <c r="F4353" cm="1">
        <f t="array" ref="F4353">IFERROR(INDEX(Jesper!AJ$2:AJ$366,ROUNDDOWN($C4353/24,0)+1,1)*INDEX($D$3:$AA$30,INDEX(Jesper!$R$2:$R$366,ROW(INDEX(Jesper!AJ$2:AJ$366,ROUNDDOWN($C4353/24,0)+1,1))-1)+IF('Standard Profiles'!$G$20=$B$10,7,0)+IF('Standard Profiles'!$G$20=$B$17,14,0)+IF('Standard Profiles'!$G$20=$B$24,21,0),MOD($C4353,24)+1)/SUM(INDEX($D$3:$AA$30,INDEX(Jesper!$R$2:$R$366,ROW(INDEX(Jesper!AJ$2:AJ$366,ROUNDDOWN($C4353/24,0)+1,1))-1)+IF('Standard Profiles'!$G$20=$B$10,7,0)+IF('Standard Profiles'!$G$20=$B$17,14,0)+IF('Standard Profiles'!$G$20=$B$24,21,0),0)),0)</f>
        <v>0</v>
      </c>
      <c r="G4353" cm="1">
        <f t="array" ref="G4353">IFERROR(INDEX(Jesper!AK$2:AK$366,ROUNDDOWN($C4353/24,0)+1,1)*INDEX($D$3:$AA$30,INDEX(Jesper!$R$2:$R$366,ROW(INDEX(Jesper!AK$2:AK$366,ROUNDDOWN($C4353/24,0)+1,1))-1)+IF('Standard Profiles'!$G$21=$B$10,7,0)+IF('Standard Profiles'!$G$21=$B$17,14,0)+IF('Standard Profiles'!$G$21=$B$24,21,0),MOD($C4353,24)+1)/SUM(INDEX($D$3:$AA$30,INDEX(Jesper!$R$2:$R$366,ROW(INDEX(Jesper!AK$2:AK$366,ROUNDDOWN($C4353/24,0)+1,1))-1)+IF('Standard Profiles'!$G$21=$B$10,7,0)+IF('Standard Profiles'!$G$21=$B$17,14,0)+IF('Standard Profiles'!$G$21=$B$24,21,0),0)),0)</f>
        <v>0.20202995223467346</v>
      </c>
      <c r="H4353" cm="1">
        <f t="array" ref="H4353">IFERROR(INDEX(Jesper!AL$2:AL$366,ROUNDDOWN($C4353/24,0)+1,1)*INDEX($D$3:$AA$30,INDEX(Jesper!$R$2:$R$366,ROW(INDEX(Jesper!AL$2:AL$366,ROUNDDOWN($C4353/24,0)+1,1))-1)+IF('Standard Profiles'!$G$22=$B$10,7,0)+IF('Standard Profiles'!$G$22=$B$17,14,0)+IF('Standard Profiles'!$G$22=$B$24,21,0),MOD($C4353,24)+1)/SUM(INDEX($D$3:$AA$30,INDEX(Jesper!$R$2:$R$366,ROW(INDEX(Jesper!AL$2:AL$366,ROUNDDOWN($C4353/24,0)+1,1))-1)+IF('Standard Profiles'!$G$22=$B$10,7,0)+IF('Standard Profiles'!$G$22=$B$17,14,0)+IF('Standard Profiles'!$G$22=$B$24,21,0),0)),0)</f>
        <v>0</v>
      </c>
      <c r="I4353">
        <f t="shared" si="489"/>
        <v>9.6974377072643211E-2</v>
      </c>
      <c r="J4353">
        <f t="shared" si="490"/>
        <v>6.8434342015114424</v>
      </c>
      <c r="K4353">
        <f t="shared" si="491"/>
        <v>0.56946977559476686</v>
      </c>
      <c r="L4353">
        <f t="shared" si="492"/>
        <v>0.28473488779738343</v>
      </c>
      <c r="M4353">
        <f t="shared" si="493"/>
        <v>0</v>
      </c>
      <c r="N4353" s="45">
        <f t="shared" si="494"/>
        <v>45106.958333322858</v>
      </c>
    </row>
    <row r="4354" spans="2:14" x14ac:dyDescent="0.25">
      <c r="B4354">
        <f t="shared" si="488"/>
        <v>5</v>
      </c>
      <c r="C4354" s="16">
        <v>4320</v>
      </c>
      <c r="D4354" cm="1">
        <f t="array" ref="D4354">IFERROR(INDEX(Jesper!AH$2:AH$366,ROUNDDOWN($C4354/24,0)+1,1)*INDEX($D$3:$AA$30,INDEX(Jesper!$R$2:$R$366,ROW(INDEX(Jesper!AH$2:AH$366,ROUNDDOWN($C4354/24,0)+1,1))-1)+IF('Standard Profiles'!$G$18=$B$10,7,0)+IF('Standard Profiles'!$G$18=$B$17,14,0)+IF('Standard Profiles'!$G$18=$B$24,21,0),MOD($C4354,24)+1)/SUM(INDEX($D$3:$AA$30,INDEX(Jesper!$R$2:$R$366,ROW(INDEX(Jesper!AH$2:AH$366,ROUNDDOWN($C4354/24,0)+1,1))-1)+IF('Standard Profiles'!$G$18=$B$10,7,0)+IF('Standard Profiles'!$G$18=$B$17,14,0)+IF('Standard Profiles'!$G$18=$B$24,21,0),0)),0)</f>
        <v>8.0196364398733273</v>
      </c>
      <c r="E4354" cm="1">
        <f t="array" ref="E4354">IFERROR(INDEX(Jesper!AI$2:AI$366,ROUNDDOWN($C4354/24,0)+1,1)*INDEX($D$3:$AA$30,INDEX(Jesper!$R$2:$R$366,ROW(INDEX(Jesper!AI$2:AI$366,ROUNDDOWN($C4354/24,0)+1,1))-1)+IF('Standard Profiles'!$G$19=$B$10,7,0)+IF('Standard Profiles'!$G$19=$B$17,14,0)+IF('Standard Profiles'!$G$19=$B$24,21,0),MOD($C4354,24)+1)/SUM(INDEX($D$3:$AA$30,INDEX(Jesper!$R$2:$R$366,ROW(INDEX(Jesper!AI$2:AI$366,ROUNDDOWN($C4354/24,0)+1,1))-1)+IF('Standard Profiles'!$G$19=$B$10,7,0)+IF('Standard Profiles'!$G$19=$B$17,14,0)+IF('Standard Profiles'!$G$19=$B$24,21,0),0)),0)</f>
        <v>3.1811776738033961</v>
      </c>
      <c r="F4354" cm="1">
        <f t="array" ref="F4354">IFERROR(INDEX(Jesper!AJ$2:AJ$366,ROUNDDOWN($C4354/24,0)+1,1)*INDEX($D$3:$AA$30,INDEX(Jesper!$R$2:$R$366,ROW(INDEX(Jesper!AJ$2:AJ$366,ROUNDDOWN($C4354/24,0)+1,1))-1)+IF('Standard Profiles'!$G$20=$B$10,7,0)+IF('Standard Profiles'!$G$20=$B$17,14,0)+IF('Standard Profiles'!$G$20=$B$24,21,0),MOD($C4354,24)+1)/SUM(INDEX($D$3:$AA$30,INDEX(Jesper!$R$2:$R$366,ROW(INDEX(Jesper!AJ$2:AJ$366,ROUNDDOWN($C4354/24,0)+1,1))-1)+IF('Standard Profiles'!$G$20=$B$10,7,0)+IF('Standard Profiles'!$G$20=$B$17,14,0)+IF('Standard Profiles'!$G$20=$B$24,21,0),0)),0)</f>
        <v>0</v>
      </c>
      <c r="G4354" cm="1">
        <f t="array" ref="G4354">IFERROR(INDEX(Jesper!AK$2:AK$366,ROUNDDOWN($C4354/24,0)+1,1)*INDEX($D$3:$AA$30,INDEX(Jesper!$R$2:$R$366,ROW(INDEX(Jesper!AK$2:AK$366,ROUNDDOWN($C4354/24,0)+1,1))-1)+IF('Standard Profiles'!$G$21=$B$10,7,0)+IF('Standard Profiles'!$G$21=$B$17,14,0)+IF('Standard Profiles'!$G$21=$B$24,21,0),MOD($C4354,24)+1)/SUM(INDEX($D$3:$AA$30,INDEX(Jesper!$R$2:$R$366,ROW(INDEX(Jesper!AK$2:AK$366,ROUNDDOWN($C4354/24,0)+1,1))-1)+IF('Standard Profiles'!$G$21=$B$10,7,0)+IF('Standard Profiles'!$G$21=$B$17,14,0)+IF('Standard Profiles'!$G$21=$B$24,21,0),0)),0)</f>
        <v>0</v>
      </c>
      <c r="H4354" cm="1">
        <f t="array" ref="H4354">IFERROR(INDEX(Jesper!AL$2:AL$366,ROUNDDOWN($C4354/24,0)+1,1)*INDEX($D$3:$AA$30,INDEX(Jesper!$R$2:$R$366,ROW(INDEX(Jesper!AL$2:AL$366,ROUNDDOWN($C4354/24,0)+1,1))-1)+IF('Standard Profiles'!$G$22=$B$10,7,0)+IF('Standard Profiles'!$G$22=$B$17,14,0)+IF('Standard Profiles'!$G$22=$B$24,21,0),MOD($C4354,24)+1)/SUM(INDEX($D$3:$AA$30,INDEX(Jesper!$R$2:$R$366,ROW(INDEX(Jesper!AL$2:AL$366,ROUNDDOWN($C4354/24,0)+1,1))-1)+IF('Standard Profiles'!$G$22=$B$10,7,0)+IF('Standard Profiles'!$G$22=$B$17,14,0)+IF('Standard Profiles'!$G$22=$B$24,21,0),0)),0)</f>
        <v>0</v>
      </c>
      <c r="I4354">
        <f t="shared" si="489"/>
        <v>0</v>
      </c>
      <c r="J4354">
        <f t="shared" si="490"/>
        <v>9.9176722832969908</v>
      </c>
      <c r="K4354">
        <f t="shared" si="491"/>
        <v>0.85542788691982163</v>
      </c>
      <c r="L4354">
        <f t="shared" si="492"/>
        <v>0.42771394345991082</v>
      </c>
      <c r="M4354">
        <f t="shared" si="493"/>
        <v>0</v>
      </c>
      <c r="N4354" s="45">
        <f t="shared" si="494"/>
        <v>45106.999999989523</v>
      </c>
    </row>
    <row r="4355" spans="2:14" x14ac:dyDescent="0.25">
      <c r="B4355">
        <f t="shared" si="488"/>
        <v>5</v>
      </c>
      <c r="C4355" s="16">
        <v>4321</v>
      </c>
      <c r="D4355" cm="1">
        <f t="array" ref="D4355">IFERROR(INDEX(Jesper!AH$2:AH$366,ROUNDDOWN($C4355/24,0)+1,1)*INDEX($D$3:$AA$30,INDEX(Jesper!$R$2:$R$366,ROW(INDEX(Jesper!AH$2:AH$366,ROUNDDOWN($C4355/24,0)+1,1))-1)+IF('Standard Profiles'!$G$18=$B$10,7,0)+IF('Standard Profiles'!$G$18=$B$17,14,0)+IF('Standard Profiles'!$G$18=$B$24,21,0),MOD($C4355,24)+1)/SUM(INDEX($D$3:$AA$30,INDEX(Jesper!$R$2:$R$366,ROW(INDEX(Jesper!AH$2:AH$366,ROUNDDOWN($C4355/24,0)+1,1))-1)+IF('Standard Profiles'!$G$18=$B$10,7,0)+IF('Standard Profiles'!$G$18=$B$17,14,0)+IF('Standard Profiles'!$G$18=$B$24,21,0),0)),0)</f>
        <v>4.8603857211353505</v>
      </c>
      <c r="E4355" cm="1">
        <f t="array" ref="E4355">IFERROR(INDEX(Jesper!AI$2:AI$366,ROUNDDOWN($C4355/24,0)+1,1)*INDEX($D$3:$AA$30,INDEX(Jesper!$R$2:$R$366,ROW(INDEX(Jesper!AI$2:AI$366,ROUNDDOWN($C4355/24,0)+1,1))-1)+IF('Standard Profiles'!$G$19=$B$10,7,0)+IF('Standard Profiles'!$G$19=$B$17,14,0)+IF('Standard Profiles'!$G$19=$B$24,21,0),MOD($C4355,24)+1)/SUM(INDEX($D$3:$AA$30,INDEX(Jesper!$R$2:$R$366,ROW(INDEX(Jesper!AI$2:AI$366,ROUNDDOWN($C4355/24,0)+1,1))-1)+IF('Standard Profiles'!$G$19=$B$10,7,0)+IF('Standard Profiles'!$G$19=$B$17,14,0)+IF('Standard Profiles'!$G$19=$B$24,21,0),0)),0)</f>
        <v>1.9279864689717552</v>
      </c>
      <c r="F4355" cm="1">
        <f t="array" ref="F4355">IFERROR(INDEX(Jesper!AJ$2:AJ$366,ROUNDDOWN($C4355/24,0)+1,1)*INDEX($D$3:$AA$30,INDEX(Jesper!$R$2:$R$366,ROW(INDEX(Jesper!AJ$2:AJ$366,ROUNDDOWN($C4355/24,0)+1,1))-1)+IF('Standard Profiles'!$G$20=$B$10,7,0)+IF('Standard Profiles'!$G$20=$B$17,14,0)+IF('Standard Profiles'!$G$20=$B$24,21,0),MOD($C4355,24)+1)/SUM(INDEX($D$3:$AA$30,INDEX(Jesper!$R$2:$R$366,ROW(INDEX(Jesper!AJ$2:AJ$366,ROUNDDOWN($C4355/24,0)+1,1))-1)+IF('Standard Profiles'!$G$20=$B$10,7,0)+IF('Standard Profiles'!$G$20=$B$17,14,0)+IF('Standard Profiles'!$G$20=$B$24,21,0),0)),0)</f>
        <v>0</v>
      </c>
      <c r="G4355" cm="1">
        <f t="array" ref="G4355">IFERROR(INDEX(Jesper!AK$2:AK$366,ROUNDDOWN($C4355/24,0)+1,1)*INDEX($D$3:$AA$30,INDEX(Jesper!$R$2:$R$366,ROW(INDEX(Jesper!AK$2:AK$366,ROUNDDOWN($C4355/24,0)+1,1))-1)+IF('Standard Profiles'!$G$21=$B$10,7,0)+IF('Standard Profiles'!$G$21=$B$17,14,0)+IF('Standard Profiles'!$G$21=$B$24,21,0),MOD($C4355,24)+1)/SUM(INDEX($D$3:$AA$30,INDEX(Jesper!$R$2:$R$366,ROW(INDEX(Jesper!AK$2:AK$366,ROUNDDOWN($C4355/24,0)+1,1))-1)+IF('Standard Profiles'!$G$21=$B$10,7,0)+IF('Standard Profiles'!$G$21=$B$17,14,0)+IF('Standard Profiles'!$G$21=$B$24,21,0),0)),0)</f>
        <v>0</v>
      </c>
      <c r="H4355" cm="1">
        <f t="array" ref="H4355">IFERROR(INDEX(Jesper!AL$2:AL$366,ROUNDDOWN($C4355/24,0)+1,1)*INDEX($D$3:$AA$30,INDEX(Jesper!$R$2:$R$366,ROW(INDEX(Jesper!AL$2:AL$366,ROUNDDOWN($C4355/24,0)+1,1))-1)+IF('Standard Profiles'!$G$22=$B$10,7,0)+IF('Standard Profiles'!$G$22=$B$17,14,0)+IF('Standard Profiles'!$G$22=$B$24,21,0),MOD($C4355,24)+1)/SUM(INDEX($D$3:$AA$30,INDEX(Jesper!$R$2:$R$366,ROW(INDEX(Jesper!AL$2:AL$366,ROUNDDOWN($C4355/24,0)+1,1))-1)+IF('Standard Profiles'!$G$22=$B$10,7,0)+IF('Standard Profiles'!$G$22=$B$17,14,0)+IF('Standard Profiles'!$G$22=$B$24,21,0),0)),0)</f>
        <v>0</v>
      </c>
      <c r="I4355">
        <f t="shared" si="489"/>
        <v>0</v>
      </c>
      <c r="J4355">
        <f t="shared" si="490"/>
        <v>6.0107104747254496</v>
      </c>
      <c r="K4355">
        <f t="shared" si="491"/>
        <v>0.51844114358777071</v>
      </c>
      <c r="L4355">
        <f t="shared" si="492"/>
        <v>0.25922057179388536</v>
      </c>
      <c r="M4355">
        <f t="shared" si="493"/>
        <v>0</v>
      </c>
      <c r="N4355" s="45">
        <f t="shared" si="494"/>
        <v>45107.041666656187</v>
      </c>
    </row>
    <row r="4356" spans="2:14" x14ac:dyDescent="0.25">
      <c r="B4356">
        <f t="shared" si="488"/>
        <v>5</v>
      </c>
      <c r="C4356" s="16">
        <v>4322</v>
      </c>
      <c r="D4356" cm="1">
        <f t="array" ref="D4356">IFERROR(INDEX(Jesper!AH$2:AH$366,ROUNDDOWN($C4356/24,0)+1,1)*INDEX($D$3:$AA$30,INDEX(Jesper!$R$2:$R$366,ROW(INDEX(Jesper!AH$2:AH$366,ROUNDDOWN($C4356/24,0)+1,1))-1)+IF('Standard Profiles'!$G$18=$B$10,7,0)+IF('Standard Profiles'!$G$18=$B$17,14,0)+IF('Standard Profiles'!$G$18=$B$24,21,0),MOD($C4356,24)+1)/SUM(INDEX($D$3:$AA$30,INDEX(Jesper!$R$2:$R$366,ROW(INDEX(Jesper!AH$2:AH$366,ROUNDDOWN($C4356/24,0)+1,1))-1)+IF('Standard Profiles'!$G$18=$B$10,7,0)+IF('Standard Profiles'!$G$18=$B$17,14,0)+IF('Standard Profiles'!$G$18=$B$24,21,0),0)),0)</f>
        <v>4.8603857211353505</v>
      </c>
      <c r="E4356" cm="1">
        <f t="array" ref="E4356">IFERROR(INDEX(Jesper!AI$2:AI$366,ROUNDDOWN($C4356/24,0)+1,1)*INDEX($D$3:$AA$30,INDEX(Jesper!$R$2:$R$366,ROW(INDEX(Jesper!AI$2:AI$366,ROUNDDOWN($C4356/24,0)+1,1))-1)+IF('Standard Profiles'!$G$19=$B$10,7,0)+IF('Standard Profiles'!$G$19=$B$17,14,0)+IF('Standard Profiles'!$G$19=$B$24,21,0),MOD($C4356,24)+1)/SUM(INDEX($D$3:$AA$30,INDEX(Jesper!$R$2:$R$366,ROW(INDEX(Jesper!AI$2:AI$366,ROUNDDOWN($C4356/24,0)+1,1))-1)+IF('Standard Profiles'!$G$19=$B$10,7,0)+IF('Standard Profiles'!$G$19=$B$17,14,0)+IF('Standard Profiles'!$G$19=$B$24,21,0),0)),0)</f>
        <v>1.9279864689717552</v>
      </c>
      <c r="F4356" cm="1">
        <f t="array" ref="F4356">IFERROR(INDEX(Jesper!AJ$2:AJ$366,ROUNDDOWN($C4356/24,0)+1,1)*INDEX($D$3:$AA$30,INDEX(Jesper!$R$2:$R$366,ROW(INDEX(Jesper!AJ$2:AJ$366,ROUNDDOWN($C4356/24,0)+1,1))-1)+IF('Standard Profiles'!$G$20=$B$10,7,0)+IF('Standard Profiles'!$G$20=$B$17,14,0)+IF('Standard Profiles'!$G$20=$B$24,21,0),MOD($C4356,24)+1)/SUM(INDEX($D$3:$AA$30,INDEX(Jesper!$R$2:$R$366,ROW(INDEX(Jesper!AJ$2:AJ$366,ROUNDDOWN($C4356/24,0)+1,1))-1)+IF('Standard Profiles'!$G$20=$B$10,7,0)+IF('Standard Profiles'!$G$20=$B$17,14,0)+IF('Standard Profiles'!$G$20=$B$24,21,0),0)),0)</f>
        <v>0</v>
      </c>
      <c r="G4356" cm="1">
        <f t="array" ref="G4356">IFERROR(INDEX(Jesper!AK$2:AK$366,ROUNDDOWN($C4356/24,0)+1,1)*INDEX($D$3:$AA$30,INDEX(Jesper!$R$2:$R$366,ROW(INDEX(Jesper!AK$2:AK$366,ROUNDDOWN($C4356/24,0)+1,1))-1)+IF('Standard Profiles'!$G$21=$B$10,7,0)+IF('Standard Profiles'!$G$21=$B$17,14,0)+IF('Standard Profiles'!$G$21=$B$24,21,0),MOD($C4356,24)+1)/SUM(INDEX($D$3:$AA$30,INDEX(Jesper!$R$2:$R$366,ROW(INDEX(Jesper!AK$2:AK$366,ROUNDDOWN($C4356/24,0)+1,1))-1)+IF('Standard Profiles'!$G$21=$B$10,7,0)+IF('Standard Profiles'!$G$21=$B$17,14,0)+IF('Standard Profiles'!$G$21=$B$24,21,0),0)),0)</f>
        <v>0</v>
      </c>
      <c r="H4356" cm="1">
        <f t="array" ref="H4356">IFERROR(INDEX(Jesper!AL$2:AL$366,ROUNDDOWN($C4356/24,0)+1,1)*INDEX($D$3:$AA$30,INDEX(Jesper!$R$2:$R$366,ROW(INDEX(Jesper!AL$2:AL$366,ROUNDDOWN($C4356/24,0)+1,1))-1)+IF('Standard Profiles'!$G$22=$B$10,7,0)+IF('Standard Profiles'!$G$22=$B$17,14,0)+IF('Standard Profiles'!$G$22=$B$24,21,0),MOD($C4356,24)+1)/SUM(INDEX($D$3:$AA$30,INDEX(Jesper!$R$2:$R$366,ROW(INDEX(Jesper!AL$2:AL$366,ROUNDDOWN($C4356/24,0)+1,1))-1)+IF('Standard Profiles'!$G$22=$B$10,7,0)+IF('Standard Profiles'!$G$22=$B$17,14,0)+IF('Standard Profiles'!$G$22=$B$24,21,0),0)),0)</f>
        <v>0</v>
      </c>
      <c r="I4356">
        <f t="shared" si="489"/>
        <v>0</v>
      </c>
      <c r="J4356">
        <f t="shared" si="490"/>
        <v>6.0107104747254496</v>
      </c>
      <c r="K4356">
        <f t="shared" si="491"/>
        <v>0.51844114358777071</v>
      </c>
      <c r="L4356">
        <f t="shared" si="492"/>
        <v>0.25922057179388536</v>
      </c>
      <c r="M4356">
        <f t="shared" si="493"/>
        <v>0</v>
      </c>
      <c r="N4356" s="45">
        <f t="shared" si="494"/>
        <v>45107.083333322851</v>
      </c>
    </row>
    <row r="4357" spans="2:14" x14ac:dyDescent="0.25">
      <c r="B4357">
        <f t="shared" si="488"/>
        <v>5</v>
      </c>
      <c r="C4357" s="16">
        <v>4323</v>
      </c>
      <c r="D4357" cm="1">
        <f t="array" ref="D4357">IFERROR(INDEX(Jesper!AH$2:AH$366,ROUNDDOWN($C4357/24,0)+1,1)*INDEX($D$3:$AA$30,INDEX(Jesper!$R$2:$R$366,ROW(INDEX(Jesper!AH$2:AH$366,ROUNDDOWN($C4357/24,0)+1,1))-1)+IF('Standard Profiles'!$G$18=$B$10,7,0)+IF('Standard Profiles'!$G$18=$B$17,14,0)+IF('Standard Profiles'!$G$18=$B$24,21,0),MOD($C4357,24)+1)/SUM(INDEX($D$3:$AA$30,INDEX(Jesper!$R$2:$R$366,ROW(INDEX(Jesper!AH$2:AH$366,ROUNDDOWN($C4357/24,0)+1,1))-1)+IF('Standard Profiles'!$G$18=$B$10,7,0)+IF('Standard Profiles'!$G$18=$B$17,14,0)+IF('Standard Profiles'!$G$18=$B$24,21,0),0)),0)</f>
        <v>4.8603857211353505</v>
      </c>
      <c r="E4357" cm="1">
        <f t="array" ref="E4357">IFERROR(INDEX(Jesper!AI$2:AI$366,ROUNDDOWN($C4357/24,0)+1,1)*INDEX($D$3:$AA$30,INDEX(Jesper!$R$2:$R$366,ROW(INDEX(Jesper!AI$2:AI$366,ROUNDDOWN($C4357/24,0)+1,1))-1)+IF('Standard Profiles'!$G$19=$B$10,7,0)+IF('Standard Profiles'!$G$19=$B$17,14,0)+IF('Standard Profiles'!$G$19=$B$24,21,0),MOD($C4357,24)+1)/SUM(INDEX($D$3:$AA$30,INDEX(Jesper!$R$2:$R$366,ROW(INDEX(Jesper!AI$2:AI$366,ROUNDDOWN($C4357/24,0)+1,1))-1)+IF('Standard Profiles'!$G$19=$B$10,7,0)+IF('Standard Profiles'!$G$19=$B$17,14,0)+IF('Standard Profiles'!$G$19=$B$24,21,0),0)),0)</f>
        <v>1.9279864689717552</v>
      </c>
      <c r="F4357" cm="1">
        <f t="array" ref="F4357">IFERROR(INDEX(Jesper!AJ$2:AJ$366,ROUNDDOWN($C4357/24,0)+1,1)*INDEX($D$3:$AA$30,INDEX(Jesper!$R$2:$R$366,ROW(INDEX(Jesper!AJ$2:AJ$366,ROUNDDOWN($C4357/24,0)+1,1))-1)+IF('Standard Profiles'!$G$20=$B$10,7,0)+IF('Standard Profiles'!$G$20=$B$17,14,0)+IF('Standard Profiles'!$G$20=$B$24,21,0),MOD($C4357,24)+1)/SUM(INDEX($D$3:$AA$30,INDEX(Jesper!$R$2:$R$366,ROW(INDEX(Jesper!AJ$2:AJ$366,ROUNDDOWN($C4357/24,0)+1,1))-1)+IF('Standard Profiles'!$G$20=$B$10,7,0)+IF('Standard Profiles'!$G$20=$B$17,14,0)+IF('Standard Profiles'!$G$20=$B$24,21,0),0)),0)</f>
        <v>0</v>
      </c>
      <c r="G4357" cm="1">
        <f t="array" ref="G4357">IFERROR(INDEX(Jesper!AK$2:AK$366,ROUNDDOWN($C4357/24,0)+1,1)*INDEX($D$3:$AA$30,INDEX(Jesper!$R$2:$R$366,ROW(INDEX(Jesper!AK$2:AK$366,ROUNDDOWN($C4357/24,0)+1,1))-1)+IF('Standard Profiles'!$G$21=$B$10,7,0)+IF('Standard Profiles'!$G$21=$B$17,14,0)+IF('Standard Profiles'!$G$21=$B$24,21,0),MOD($C4357,24)+1)/SUM(INDEX($D$3:$AA$30,INDEX(Jesper!$R$2:$R$366,ROW(INDEX(Jesper!AK$2:AK$366,ROUNDDOWN($C4357/24,0)+1,1))-1)+IF('Standard Profiles'!$G$21=$B$10,7,0)+IF('Standard Profiles'!$G$21=$B$17,14,0)+IF('Standard Profiles'!$G$21=$B$24,21,0),0)),0)</f>
        <v>0</v>
      </c>
      <c r="H4357" cm="1">
        <f t="array" ref="H4357">IFERROR(INDEX(Jesper!AL$2:AL$366,ROUNDDOWN($C4357/24,0)+1,1)*INDEX($D$3:$AA$30,INDEX(Jesper!$R$2:$R$366,ROW(INDEX(Jesper!AL$2:AL$366,ROUNDDOWN($C4357/24,0)+1,1))-1)+IF('Standard Profiles'!$G$22=$B$10,7,0)+IF('Standard Profiles'!$G$22=$B$17,14,0)+IF('Standard Profiles'!$G$22=$B$24,21,0),MOD($C4357,24)+1)/SUM(INDEX($D$3:$AA$30,INDEX(Jesper!$R$2:$R$366,ROW(INDEX(Jesper!AL$2:AL$366,ROUNDDOWN($C4357/24,0)+1,1))-1)+IF('Standard Profiles'!$G$22=$B$10,7,0)+IF('Standard Profiles'!$G$22=$B$17,14,0)+IF('Standard Profiles'!$G$22=$B$24,21,0),0)),0)</f>
        <v>0</v>
      </c>
      <c r="I4357">
        <f t="shared" si="489"/>
        <v>0</v>
      </c>
      <c r="J4357">
        <f t="shared" si="490"/>
        <v>6.0107104747254496</v>
      </c>
      <c r="K4357">
        <f t="shared" si="491"/>
        <v>0.51844114358777071</v>
      </c>
      <c r="L4357">
        <f t="shared" si="492"/>
        <v>0.25922057179388536</v>
      </c>
      <c r="M4357">
        <f t="shared" si="493"/>
        <v>0</v>
      </c>
      <c r="N4357" s="45">
        <f t="shared" si="494"/>
        <v>45107.124999989515</v>
      </c>
    </row>
    <row r="4358" spans="2:14" x14ac:dyDescent="0.25">
      <c r="B4358">
        <f t="shared" si="488"/>
        <v>5</v>
      </c>
      <c r="C4358" s="16">
        <v>4324</v>
      </c>
      <c r="D4358" cm="1">
        <f t="array" ref="D4358">IFERROR(INDEX(Jesper!AH$2:AH$366,ROUNDDOWN($C4358/24,0)+1,1)*INDEX($D$3:$AA$30,INDEX(Jesper!$R$2:$R$366,ROW(INDEX(Jesper!AH$2:AH$366,ROUNDDOWN($C4358/24,0)+1,1))-1)+IF('Standard Profiles'!$G$18=$B$10,7,0)+IF('Standard Profiles'!$G$18=$B$17,14,0)+IF('Standard Profiles'!$G$18=$B$24,21,0),MOD($C4358,24)+1)/SUM(INDEX($D$3:$AA$30,INDEX(Jesper!$R$2:$R$366,ROW(INDEX(Jesper!AH$2:AH$366,ROUNDDOWN($C4358/24,0)+1,1))-1)+IF('Standard Profiles'!$G$18=$B$10,7,0)+IF('Standard Profiles'!$G$18=$B$17,14,0)+IF('Standard Profiles'!$G$18=$B$24,21,0),0)),0)</f>
        <v>4.8603857211353505</v>
      </c>
      <c r="E4358" cm="1">
        <f t="array" ref="E4358">IFERROR(INDEX(Jesper!AI$2:AI$366,ROUNDDOWN($C4358/24,0)+1,1)*INDEX($D$3:$AA$30,INDEX(Jesper!$R$2:$R$366,ROW(INDEX(Jesper!AI$2:AI$366,ROUNDDOWN($C4358/24,0)+1,1))-1)+IF('Standard Profiles'!$G$19=$B$10,7,0)+IF('Standard Profiles'!$G$19=$B$17,14,0)+IF('Standard Profiles'!$G$19=$B$24,21,0),MOD($C4358,24)+1)/SUM(INDEX($D$3:$AA$30,INDEX(Jesper!$R$2:$R$366,ROW(INDEX(Jesper!AI$2:AI$366,ROUNDDOWN($C4358/24,0)+1,1))-1)+IF('Standard Profiles'!$G$19=$B$10,7,0)+IF('Standard Profiles'!$G$19=$B$17,14,0)+IF('Standard Profiles'!$G$19=$B$24,21,0),0)),0)</f>
        <v>1.9279864689717552</v>
      </c>
      <c r="F4358" cm="1">
        <f t="array" ref="F4358">IFERROR(INDEX(Jesper!AJ$2:AJ$366,ROUNDDOWN($C4358/24,0)+1,1)*INDEX($D$3:$AA$30,INDEX(Jesper!$R$2:$R$366,ROW(INDEX(Jesper!AJ$2:AJ$366,ROUNDDOWN($C4358/24,0)+1,1))-1)+IF('Standard Profiles'!$G$20=$B$10,7,0)+IF('Standard Profiles'!$G$20=$B$17,14,0)+IF('Standard Profiles'!$G$20=$B$24,21,0),MOD($C4358,24)+1)/SUM(INDEX($D$3:$AA$30,INDEX(Jesper!$R$2:$R$366,ROW(INDEX(Jesper!AJ$2:AJ$366,ROUNDDOWN($C4358/24,0)+1,1))-1)+IF('Standard Profiles'!$G$20=$B$10,7,0)+IF('Standard Profiles'!$G$20=$B$17,14,0)+IF('Standard Profiles'!$G$20=$B$24,21,0),0)),0)</f>
        <v>0</v>
      </c>
      <c r="G4358" cm="1">
        <f t="array" ref="G4358">IFERROR(INDEX(Jesper!AK$2:AK$366,ROUNDDOWN($C4358/24,0)+1,1)*INDEX($D$3:$AA$30,INDEX(Jesper!$R$2:$R$366,ROW(INDEX(Jesper!AK$2:AK$366,ROUNDDOWN($C4358/24,0)+1,1))-1)+IF('Standard Profiles'!$G$21=$B$10,7,0)+IF('Standard Profiles'!$G$21=$B$17,14,0)+IF('Standard Profiles'!$G$21=$B$24,21,0),MOD($C4358,24)+1)/SUM(INDEX($D$3:$AA$30,INDEX(Jesper!$R$2:$R$366,ROW(INDEX(Jesper!AK$2:AK$366,ROUNDDOWN($C4358/24,0)+1,1))-1)+IF('Standard Profiles'!$G$21=$B$10,7,0)+IF('Standard Profiles'!$G$21=$B$17,14,0)+IF('Standard Profiles'!$G$21=$B$24,21,0),0)),0)</f>
        <v>0</v>
      </c>
      <c r="H4358" cm="1">
        <f t="array" ref="H4358">IFERROR(INDEX(Jesper!AL$2:AL$366,ROUNDDOWN($C4358/24,0)+1,1)*INDEX($D$3:$AA$30,INDEX(Jesper!$R$2:$R$366,ROW(INDEX(Jesper!AL$2:AL$366,ROUNDDOWN($C4358/24,0)+1,1))-1)+IF('Standard Profiles'!$G$22=$B$10,7,0)+IF('Standard Profiles'!$G$22=$B$17,14,0)+IF('Standard Profiles'!$G$22=$B$24,21,0),MOD($C4358,24)+1)/SUM(INDEX($D$3:$AA$30,INDEX(Jesper!$R$2:$R$366,ROW(INDEX(Jesper!AL$2:AL$366,ROUNDDOWN($C4358/24,0)+1,1))-1)+IF('Standard Profiles'!$G$22=$B$10,7,0)+IF('Standard Profiles'!$G$22=$B$17,14,0)+IF('Standard Profiles'!$G$22=$B$24,21,0),0)),0)</f>
        <v>0</v>
      </c>
      <c r="I4358">
        <f t="shared" si="489"/>
        <v>0</v>
      </c>
      <c r="J4358">
        <f t="shared" si="490"/>
        <v>6.0107104747254496</v>
      </c>
      <c r="K4358">
        <f t="shared" si="491"/>
        <v>0.51844114358777071</v>
      </c>
      <c r="L4358">
        <f t="shared" si="492"/>
        <v>0.25922057179388536</v>
      </c>
      <c r="M4358">
        <f t="shared" si="493"/>
        <v>0</v>
      </c>
      <c r="N4358" s="45">
        <f t="shared" si="494"/>
        <v>45107.16666665618</v>
      </c>
    </row>
    <row r="4359" spans="2:14" x14ac:dyDescent="0.25">
      <c r="B4359">
        <f t="shared" si="488"/>
        <v>5</v>
      </c>
      <c r="C4359" s="16">
        <v>4325</v>
      </c>
      <c r="D4359" cm="1">
        <f t="array" ref="D4359">IFERROR(INDEX(Jesper!AH$2:AH$366,ROUNDDOWN($C4359/24,0)+1,1)*INDEX($D$3:$AA$30,INDEX(Jesper!$R$2:$R$366,ROW(INDEX(Jesper!AH$2:AH$366,ROUNDDOWN($C4359/24,0)+1,1))-1)+IF('Standard Profiles'!$G$18=$B$10,7,0)+IF('Standard Profiles'!$G$18=$B$17,14,0)+IF('Standard Profiles'!$G$18=$B$24,21,0),MOD($C4359,24)+1)/SUM(INDEX($D$3:$AA$30,INDEX(Jesper!$R$2:$R$366,ROW(INDEX(Jesper!AH$2:AH$366,ROUNDDOWN($C4359/24,0)+1,1))-1)+IF('Standard Profiles'!$G$18=$B$10,7,0)+IF('Standard Profiles'!$G$18=$B$17,14,0)+IF('Standard Profiles'!$G$18=$B$24,21,0),0)),0)</f>
        <v>4.8603857211353505</v>
      </c>
      <c r="E4359" cm="1">
        <f t="array" ref="E4359">IFERROR(INDEX(Jesper!AI$2:AI$366,ROUNDDOWN($C4359/24,0)+1,1)*INDEX($D$3:$AA$30,INDEX(Jesper!$R$2:$R$366,ROW(INDEX(Jesper!AI$2:AI$366,ROUNDDOWN($C4359/24,0)+1,1))-1)+IF('Standard Profiles'!$G$19=$B$10,7,0)+IF('Standard Profiles'!$G$19=$B$17,14,0)+IF('Standard Profiles'!$G$19=$B$24,21,0),MOD($C4359,24)+1)/SUM(INDEX($D$3:$AA$30,INDEX(Jesper!$R$2:$R$366,ROW(INDEX(Jesper!AI$2:AI$366,ROUNDDOWN($C4359/24,0)+1,1))-1)+IF('Standard Profiles'!$G$19=$B$10,7,0)+IF('Standard Profiles'!$G$19=$B$17,14,0)+IF('Standard Profiles'!$G$19=$B$24,21,0),0)),0)</f>
        <v>1.9279864689717552</v>
      </c>
      <c r="F4359" cm="1">
        <f t="array" ref="F4359">IFERROR(INDEX(Jesper!AJ$2:AJ$366,ROUNDDOWN($C4359/24,0)+1,1)*INDEX($D$3:$AA$30,INDEX(Jesper!$R$2:$R$366,ROW(INDEX(Jesper!AJ$2:AJ$366,ROUNDDOWN($C4359/24,0)+1,1))-1)+IF('Standard Profiles'!$G$20=$B$10,7,0)+IF('Standard Profiles'!$G$20=$B$17,14,0)+IF('Standard Profiles'!$G$20=$B$24,21,0),MOD($C4359,24)+1)/SUM(INDEX($D$3:$AA$30,INDEX(Jesper!$R$2:$R$366,ROW(INDEX(Jesper!AJ$2:AJ$366,ROUNDDOWN($C4359/24,0)+1,1))-1)+IF('Standard Profiles'!$G$20=$B$10,7,0)+IF('Standard Profiles'!$G$20=$B$17,14,0)+IF('Standard Profiles'!$G$20=$B$24,21,0),0)),0)</f>
        <v>0</v>
      </c>
      <c r="G4359" cm="1">
        <f t="array" ref="G4359">IFERROR(INDEX(Jesper!AK$2:AK$366,ROUNDDOWN($C4359/24,0)+1,1)*INDEX($D$3:$AA$30,INDEX(Jesper!$R$2:$R$366,ROW(INDEX(Jesper!AK$2:AK$366,ROUNDDOWN($C4359/24,0)+1,1))-1)+IF('Standard Profiles'!$G$21=$B$10,7,0)+IF('Standard Profiles'!$G$21=$B$17,14,0)+IF('Standard Profiles'!$G$21=$B$24,21,0),MOD($C4359,24)+1)/SUM(INDEX($D$3:$AA$30,INDEX(Jesper!$R$2:$R$366,ROW(INDEX(Jesper!AK$2:AK$366,ROUNDDOWN($C4359/24,0)+1,1))-1)+IF('Standard Profiles'!$G$21=$B$10,7,0)+IF('Standard Profiles'!$G$21=$B$17,14,0)+IF('Standard Profiles'!$G$21=$B$24,21,0),0)),0)</f>
        <v>0</v>
      </c>
      <c r="H4359" cm="1">
        <f t="array" ref="H4359">IFERROR(INDEX(Jesper!AL$2:AL$366,ROUNDDOWN($C4359/24,0)+1,1)*INDEX($D$3:$AA$30,INDEX(Jesper!$R$2:$R$366,ROW(INDEX(Jesper!AL$2:AL$366,ROUNDDOWN($C4359/24,0)+1,1))-1)+IF('Standard Profiles'!$G$22=$B$10,7,0)+IF('Standard Profiles'!$G$22=$B$17,14,0)+IF('Standard Profiles'!$G$22=$B$24,21,0),MOD($C4359,24)+1)/SUM(INDEX($D$3:$AA$30,INDEX(Jesper!$R$2:$R$366,ROW(INDEX(Jesper!AL$2:AL$366,ROUNDDOWN($C4359/24,0)+1,1))-1)+IF('Standard Profiles'!$G$22=$B$10,7,0)+IF('Standard Profiles'!$G$22=$B$17,14,0)+IF('Standard Profiles'!$G$22=$B$24,21,0),0)),0)</f>
        <v>0</v>
      </c>
      <c r="I4359">
        <f t="shared" si="489"/>
        <v>0</v>
      </c>
      <c r="J4359">
        <f t="shared" si="490"/>
        <v>6.0107104747254496</v>
      </c>
      <c r="K4359">
        <f t="shared" si="491"/>
        <v>0.51844114358777071</v>
      </c>
      <c r="L4359">
        <f t="shared" si="492"/>
        <v>0.25922057179388536</v>
      </c>
      <c r="M4359">
        <f t="shared" si="493"/>
        <v>0</v>
      </c>
      <c r="N4359" s="45">
        <f t="shared" si="494"/>
        <v>45107.208333322844</v>
      </c>
    </row>
    <row r="4360" spans="2:14" x14ac:dyDescent="0.25">
      <c r="B4360">
        <f t="shared" si="488"/>
        <v>5</v>
      </c>
      <c r="C4360" s="16">
        <v>4326</v>
      </c>
      <c r="D4360" cm="1">
        <f t="array" ref="D4360">IFERROR(INDEX(Jesper!AH$2:AH$366,ROUNDDOWN($C4360/24,0)+1,1)*INDEX($D$3:$AA$30,INDEX(Jesper!$R$2:$R$366,ROW(INDEX(Jesper!AH$2:AH$366,ROUNDDOWN($C4360/24,0)+1,1))-1)+IF('Standard Profiles'!$G$18=$B$10,7,0)+IF('Standard Profiles'!$G$18=$B$17,14,0)+IF('Standard Profiles'!$G$18=$B$24,21,0),MOD($C4360,24)+1)/SUM(INDEX($D$3:$AA$30,INDEX(Jesper!$R$2:$R$366,ROW(INDEX(Jesper!AH$2:AH$366,ROUNDDOWN($C4360/24,0)+1,1))-1)+IF('Standard Profiles'!$G$18=$B$10,7,0)+IF('Standard Profiles'!$G$18=$B$17,14,0)+IF('Standard Profiles'!$G$18=$B$24,21,0),0)),0)</f>
        <v>4.8603857211353505</v>
      </c>
      <c r="E4360" cm="1">
        <f t="array" ref="E4360">IFERROR(INDEX(Jesper!AI$2:AI$366,ROUNDDOWN($C4360/24,0)+1,1)*INDEX($D$3:$AA$30,INDEX(Jesper!$R$2:$R$366,ROW(INDEX(Jesper!AI$2:AI$366,ROUNDDOWN($C4360/24,0)+1,1))-1)+IF('Standard Profiles'!$G$19=$B$10,7,0)+IF('Standard Profiles'!$G$19=$B$17,14,0)+IF('Standard Profiles'!$G$19=$B$24,21,0),MOD($C4360,24)+1)/SUM(INDEX($D$3:$AA$30,INDEX(Jesper!$R$2:$R$366,ROW(INDEX(Jesper!AI$2:AI$366,ROUNDDOWN($C4360/24,0)+1,1))-1)+IF('Standard Profiles'!$G$19=$B$10,7,0)+IF('Standard Profiles'!$G$19=$B$17,14,0)+IF('Standard Profiles'!$G$19=$B$24,21,0),0)),0)</f>
        <v>1.9279864689717552</v>
      </c>
      <c r="F4360" cm="1">
        <f t="array" ref="F4360">IFERROR(INDEX(Jesper!AJ$2:AJ$366,ROUNDDOWN($C4360/24,0)+1,1)*INDEX($D$3:$AA$30,INDEX(Jesper!$R$2:$R$366,ROW(INDEX(Jesper!AJ$2:AJ$366,ROUNDDOWN($C4360/24,0)+1,1))-1)+IF('Standard Profiles'!$G$20=$B$10,7,0)+IF('Standard Profiles'!$G$20=$B$17,14,0)+IF('Standard Profiles'!$G$20=$B$24,21,0),MOD($C4360,24)+1)/SUM(INDEX($D$3:$AA$30,INDEX(Jesper!$R$2:$R$366,ROW(INDEX(Jesper!AJ$2:AJ$366,ROUNDDOWN($C4360/24,0)+1,1))-1)+IF('Standard Profiles'!$G$20=$B$10,7,0)+IF('Standard Profiles'!$G$20=$B$17,14,0)+IF('Standard Profiles'!$G$20=$B$24,21,0),0)),0)</f>
        <v>0</v>
      </c>
      <c r="G4360" cm="1">
        <f t="array" ref="G4360">IFERROR(INDEX(Jesper!AK$2:AK$366,ROUNDDOWN($C4360/24,0)+1,1)*INDEX($D$3:$AA$30,INDEX(Jesper!$R$2:$R$366,ROW(INDEX(Jesper!AK$2:AK$366,ROUNDDOWN($C4360/24,0)+1,1))-1)+IF('Standard Profiles'!$G$21=$B$10,7,0)+IF('Standard Profiles'!$G$21=$B$17,14,0)+IF('Standard Profiles'!$G$21=$B$24,21,0),MOD($C4360,24)+1)/SUM(INDEX($D$3:$AA$30,INDEX(Jesper!$R$2:$R$366,ROW(INDEX(Jesper!AK$2:AK$366,ROUNDDOWN($C4360/24,0)+1,1))-1)+IF('Standard Profiles'!$G$21=$B$10,7,0)+IF('Standard Profiles'!$G$21=$B$17,14,0)+IF('Standard Profiles'!$G$21=$B$24,21,0),0)),0)</f>
        <v>0</v>
      </c>
      <c r="H4360" cm="1">
        <f t="array" ref="H4360">IFERROR(INDEX(Jesper!AL$2:AL$366,ROUNDDOWN($C4360/24,0)+1,1)*INDEX($D$3:$AA$30,INDEX(Jesper!$R$2:$R$366,ROW(INDEX(Jesper!AL$2:AL$366,ROUNDDOWN($C4360/24,0)+1,1))-1)+IF('Standard Profiles'!$G$22=$B$10,7,0)+IF('Standard Profiles'!$G$22=$B$17,14,0)+IF('Standard Profiles'!$G$22=$B$24,21,0),MOD($C4360,24)+1)/SUM(INDEX($D$3:$AA$30,INDEX(Jesper!$R$2:$R$366,ROW(INDEX(Jesper!AL$2:AL$366,ROUNDDOWN($C4360/24,0)+1,1))-1)+IF('Standard Profiles'!$G$22=$B$10,7,0)+IF('Standard Profiles'!$G$22=$B$17,14,0)+IF('Standard Profiles'!$G$22=$B$24,21,0),0)),0)</f>
        <v>0</v>
      </c>
      <c r="I4360">
        <f t="shared" si="489"/>
        <v>0</v>
      </c>
      <c r="J4360">
        <f t="shared" si="490"/>
        <v>6.0107104747254496</v>
      </c>
      <c r="K4360">
        <f t="shared" si="491"/>
        <v>0.51844114358777071</v>
      </c>
      <c r="L4360">
        <f t="shared" si="492"/>
        <v>0.25922057179388536</v>
      </c>
      <c r="M4360">
        <f t="shared" si="493"/>
        <v>0</v>
      </c>
      <c r="N4360" s="45">
        <f t="shared" si="494"/>
        <v>45107.249999989508</v>
      </c>
    </row>
    <row r="4361" spans="2:14" x14ac:dyDescent="0.25">
      <c r="B4361">
        <f t="shared" si="488"/>
        <v>5</v>
      </c>
      <c r="C4361" s="16">
        <v>4327</v>
      </c>
      <c r="D4361" cm="1">
        <f t="array" ref="D4361">IFERROR(INDEX(Jesper!AH$2:AH$366,ROUNDDOWN($C4361/24,0)+1,1)*INDEX($D$3:$AA$30,INDEX(Jesper!$R$2:$R$366,ROW(INDEX(Jesper!AH$2:AH$366,ROUNDDOWN($C4361/24,0)+1,1))-1)+IF('Standard Profiles'!$G$18=$B$10,7,0)+IF('Standard Profiles'!$G$18=$B$17,14,0)+IF('Standard Profiles'!$G$18=$B$24,21,0),MOD($C4361,24)+1)/SUM(INDEX($D$3:$AA$30,INDEX(Jesper!$R$2:$R$366,ROW(INDEX(Jesper!AH$2:AH$366,ROUNDDOWN($C4361/24,0)+1,1))-1)+IF('Standard Profiles'!$G$18=$B$10,7,0)+IF('Standard Profiles'!$G$18=$B$17,14,0)+IF('Standard Profiles'!$G$18=$B$24,21,0),0)),0)</f>
        <v>20.705243172036592</v>
      </c>
      <c r="E4361" cm="1">
        <f t="array" ref="E4361">IFERROR(INDEX(Jesper!AI$2:AI$366,ROUNDDOWN($C4361/24,0)+1,1)*INDEX($D$3:$AA$30,INDEX(Jesper!$R$2:$R$366,ROW(INDEX(Jesper!AI$2:AI$366,ROUNDDOWN($C4361/24,0)+1,1))-1)+IF('Standard Profiles'!$G$19=$B$10,7,0)+IF('Standard Profiles'!$G$19=$B$17,14,0)+IF('Standard Profiles'!$G$19=$B$24,21,0),MOD($C4361,24)+1)/SUM(INDEX($D$3:$AA$30,INDEX(Jesper!$R$2:$R$366,ROW(INDEX(Jesper!AI$2:AI$366,ROUNDDOWN($C4361/24,0)+1,1))-1)+IF('Standard Profiles'!$G$19=$B$10,7,0)+IF('Standard Profiles'!$G$19=$B$17,14,0)+IF('Standard Profiles'!$G$19=$B$24,21,0),0)),0)</f>
        <v>8.2132223578196779</v>
      </c>
      <c r="F4361" cm="1">
        <f t="array" ref="F4361">IFERROR(INDEX(Jesper!AJ$2:AJ$366,ROUNDDOWN($C4361/24,0)+1,1)*INDEX($D$3:$AA$30,INDEX(Jesper!$R$2:$R$366,ROW(INDEX(Jesper!AJ$2:AJ$366,ROUNDDOWN($C4361/24,0)+1,1))-1)+IF('Standard Profiles'!$G$20=$B$10,7,0)+IF('Standard Profiles'!$G$20=$B$17,14,0)+IF('Standard Profiles'!$G$20=$B$24,21,0),MOD($C4361,24)+1)/SUM(INDEX($D$3:$AA$30,INDEX(Jesper!$R$2:$R$366,ROW(INDEX(Jesper!AJ$2:AJ$366,ROUNDDOWN($C4361/24,0)+1,1))-1)+IF('Standard Profiles'!$G$20=$B$10,7,0)+IF('Standard Profiles'!$G$20=$B$17,14,0)+IF('Standard Profiles'!$G$20=$B$24,21,0),0)),0)</f>
        <v>0</v>
      </c>
      <c r="G4361" cm="1">
        <f t="array" ref="G4361">IFERROR(INDEX(Jesper!AK$2:AK$366,ROUNDDOWN($C4361/24,0)+1,1)*INDEX($D$3:$AA$30,INDEX(Jesper!$R$2:$R$366,ROW(INDEX(Jesper!AK$2:AK$366,ROUNDDOWN($C4361/24,0)+1,1))-1)+IF('Standard Profiles'!$G$21=$B$10,7,0)+IF('Standard Profiles'!$G$21=$B$17,14,0)+IF('Standard Profiles'!$G$21=$B$24,21,0),MOD($C4361,24)+1)/SUM(INDEX($D$3:$AA$30,INDEX(Jesper!$R$2:$R$366,ROW(INDEX(Jesper!AK$2:AK$366,ROUNDDOWN($C4361/24,0)+1,1))-1)+IF('Standard Profiles'!$G$21=$B$10,7,0)+IF('Standard Profiles'!$G$21=$B$17,14,0)+IF('Standard Profiles'!$G$21=$B$24,21,0),0)),0)</f>
        <v>0</v>
      </c>
      <c r="H4361" cm="1">
        <f t="array" ref="H4361">IFERROR(INDEX(Jesper!AL$2:AL$366,ROUNDDOWN($C4361/24,0)+1,1)*INDEX($D$3:$AA$30,INDEX(Jesper!$R$2:$R$366,ROW(INDEX(Jesper!AL$2:AL$366,ROUNDDOWN($C4361/24,0)+1,1))-1)+IF('Standard Profiles'!$G$22=$B$10,7,0)+IF('Standard Profiles'!$G$22=$B$17,14,0)+IF('Standard Profiles'!$G$22=$B$24,21,0),MOD($C4361,24)+1)/SUM(INDEX($D$3:$AA$30,INDEX(Jesper!$R$2:$R$366,ROW(INDEX(Jesper!AL$2:AL$366,ROUNDDOWN($C4361/24,0)+1,1))-1)+IF('Standard Profiles'!$G$22=$B$10,7,0)+IF('Standard Profiles'!$G$22=$B$17,14,0)+IF('Standard Profiles'!$G$22=$B$24,21,0),0)),0)</f>
        <v>0</v>
      </c>
      <c r="I4361">
        <f t="shared" si="489"/>
        <v>0</v>
      </c>
      <c r="J4361">
        <f t="shared" si="490"/>
        <v>25.605626622330416</v>
      </c>
      <c r="K4361">
        <f t="shared" si="491"/>
        <v>2.2085592716839035</v>
      </c>
      <c r="L4361">
        <f t="shared" si="492"/>
        <v>1.1042796358419518</v>
      </c>
      <c r="M4361">
        <f t="shared" si="493"/>
        <v>0</v>
      </c>
      <c r="N4361" s="45">
        <f t="shared" si="494"/>
        <v>45107.291666656172</v>
      </c>
    </row>
    <row r="4362" spans="2:14" x14ac:dyDescent="0.25">
      <c r="B4362">
        <f t="shared" si="488"/>
        <v>5</v>
      </c>
      <c r="C4362" s="16">
        <v>4328</v>
      </c>
      <c r="D4362" cm="1">
        <f t="array" ref="D4362">IFERROR(INDEX(Jesper!AH$2:AH$366,ROUNDDOWN($C4362/24,0)+1,1)*INDEX($D$3:$AA$30,INDEX(Jesper!$R$2:$R$366,ROW(INDEX(Jesper!AH$2:AH$366,ROUNDDOWN($C4362/24,0)+1,1))-1)+IF('Standard Profiles'!$G$18=$B$10,7,0)+IF('Standard Profiles'!$G$18=$B$17,14,0)+IF('Standard Profiles'!$G$18=$B$24,21,0),MOD($C4362,24)+1)/SUM(INDEX($D$3:$AA$30,INDEX(Jesper!$R$2:$R$366,ROW(INDEX(Jesper!AH$2:AH$366,ROUNDDOWN($C4362/24,0)+1,1))-1)+IF('Standard Profiles'!$G$18=$B$10,7,0)+IF('Standard Profiles'!$G$18=$B$17,14,0)+IF('Standard Profiles'!$G$18=$B$24,21,0),0)),0)</f>
        <v>25.88155396504574</v>
      </c>
      <c r="E4362" cm="1">
        <f t="array" ref="E4362">IFERROR(INDEX(Jesper!AI$2:AI$366,ROUNDDOWN($C4362/24,0)+1,1)*INDEX($D$3:$AA$30,INDEX(Jesper!$R$2:$R$366,ROW(INDEX(Jesper!AI$2:AI$366,ROUNDDOWN($C4362/24,0)+1,1))-1)+IF('Standard Profiles'!$G$19=$B$10,7,0)+IF('Standard Profiles'!$G$19=$B$17,14,0)+IF('Standard Profiles'!$G$19=$B$24,21,0),MOD($C4362,24)+1)/SUM(INDEX($D$3:$AA$30,INDEX(Jesper!$R$2:$R$366,ROW(INDEX(Jesper!AI$2:AI$366,ROUNDDOWN($C4362/24,0)+1,1))-1)+IF('Standard Profiles'!$G$19=$B$10,7,0)+IF('Standard Profiles'!$G$19=$B$17,14,0)+IF('Standard Profiles'!$G$19=$B$24,21,0),0)),0)</f>
        <v>10.266527947274596</v>
      </c>
      <c r="F4362" cm="1">
        <f t="array" ref="F4362">IFERROR(INDEX(Jesper!AJ$2:AJ$366,ROUNDDOWN($C4362/24,0)+1,1)*INDEX($D$3:$AA$30,INDEX(Jesper!$R$2:$R$366,ROW(INDEX(Jesper!AJ$2:AJ$366,ROUNDDOWN($C4362/24,0)+1,1))-1)+IF('Standard Profiles'!$G$20=$B$10,7,0)+IF('Standard Profiles'!$G$20=$B$17,14,0)+IF('Standard Profiles'!$G$20=$B$24,21,0),MOD($C4362,24)+1)/SUM(INDEX($D$3:$AA$30,INDEX(Jesper!$R$2:$R$366,ROW(INDEX(Jesper!AJ$2:AJ$366,ROUNDDOWN($C4362/24,0)+1,1))-1)+IF('Standard Profiles'!$G$20=$B$10,7,0)+IF('Standard Profiles'!$G$20=$B$17,14,0)+IF('Standard Profiles'!$G$20=$B$24,21,0),0)),0)</f>
        <v>0</v>
      </c>
      <c r="G4362" cm="1">
        <f t="array" ref="G4362">IFERROR(INDEX(Jesper!AK$2:AK$366,ROUNDDOWN($C4362/24,0)+1,1)*INDEX($D$3:$AA$30,INDEX(Jesper!$R$2:$R$366,ROW(INDEX(Jesper!AK$2:AK$366,ROUNDDOWN($C4362/24,0)+1,1))-1)+IF('Standard Profiles'!$G$21=$B$10,7,0)+IF('Standard Profiles'!$G$21=$B$17,14,0)+IF('Standard Profiles'!$G$21=$B$24,21,0),MOD($C4362,24)+1)/SUM(INDEX($D$3:$AA$30,INDEX(Jesper!$R$2:$R$366,ROW(INDEX(Jesper!AK$2:AK$366,ROUNDDOWN($C4362/24,0)+1,1))-1)+IF('Standard Profiles'!$G$21=$B$10,7,0)+IF('Standard Profiles'!$G$21=$B$17,14,0)+IF('Standard Profiles'!$G$21=$B$24,21,0),0)),0)</f>
        <v>0</v>
      </c>
      <c r="H4362" cm="1">
        <f t="array" ref="H4362">IFERROR(INDEX(Jesper!AL$2:AL$366,ROUNDDOWN($C4362/24,0)+1,1)*INDEX($D$3:$AA$30,INDEX(Jesper!$R$2:$R$366,ROW(INDEX(Jesper!AL$2:AL$366,ROUNDDOWN($C4362/24,0)+1,1))-1)+IF('Standard Profiles'!$G$22=$B$10,7,0)+IF('Standard Profiles'!$G$22=$B$17,14,0)+IF('Standard Profiles'!$G$22=$B$24,21,0),MOD($C4362,24)+1)/SUM(INDEX($D$3:$AA$30,INDEX(Jesper!$R$2:$R$366,ROW(INDEX(Jesper!AL$2:AL$366,ROUNDDOWN($C4362/24,0)+1,1))-1)+IF('Standard Profiles'!$G$22=$B$10,7,0)+IF('Standard Profiles'!$G$22=$B$17,14,0)+IF('Standard Profiles'!$G$22=$B$24,21,0),0)),0)</f>
        <v>0</v>
      </c>
      <c r="I4362">
        <f t="shared" si="489"/>
        <v>0</v>
      </c>
      <c r="J4362">
        <f t="shared" si="490"/>
        <v>32.007033277913017</v>
      </c>
      <c r="K4362">
        <f t="shared" si="491"/>
        <v>2.7606990896048789</v>
      </c>
      <c r="L4362">
        <f t="shared" si="492"/>
        <v>1.3803495448024394</v>
      </c>
      <c r="M4362">
        <f t="shared" si="493"/>
        <v>0</v>
      </c>
      <c r="N4362" s="45">
        <f t="shared" si="494"/>
        <v>45107.333333322837</v>
      </c>
    </row>
    <row r="4363" spans="2:14" x14ac:dyDescent="0.25">
      <c r="B4363">
        <f t="shared" si="488"/>
        <v>5</v>
      </c>
      <c r="C4363" s="16">
        <v>4329</v>
      </c>
      <c r="D4363" cm="1">
        <f t="array" ref="D4363">IFERROR(INDEX(Jesper!AH$2:AH$366,ROUNDDOWN($C4363/24,0)+1,1)*INDEX($D$3:$AA$30,INDEX(Jesper!$R$2:$R$366,ROW(INDEX(Jesper!AH$2:AH$366,ROUNDDOWN($C4363/24,0)+1,1))-1)+IF('Standard Profiles'!$G$18=$B$10,7,0)+IF('Standard Profiles'!$G$18=$B$17,14,0)+IF('Standard Profiles'!$G$18=$B$24,21,0),MOD($C4363,24)+1)/SUM(INDEX($D$3:$AA$30,INDEX(Jesper!$R$2:$R$366,ROW(INDEX(Jesper!AH$2:AH$366,ROUNDDOWN($C4363/24,0)+1,1))-1)+IF('Standard Profiles'!$G$18=$B$10,7,0)+IF('Standard Profiles'!$G$18=$B$17,14,0)+IF('Standard Profiles'!$G$18=$B$24,21,0),0)),0)</f>
        <v>28.469709361550315</v>
      </c>
      <c r="E4363" cm="1">
        <f t="array" ref="E4363">IFERROR(INDEX(Jesper!AI$2:AI$366,ROUNDDOWN($C4363/24,0)+1,1)*INDEX($D$3:$AA$30,INDEX(Jesper!$R$2:$R$366,ROW(INDEX(Jesper!AI$2:AI$366,ROUNDDOWN($C4363/24,0)+1,1))-1)+IF('Standard Profiles'!$G$19=$B$10,7,0)+IF('Standard Profiles'!$G$19=$B$17,14,0)+IF('Standard Profiles'!$G$19=$B$24,21,0),MOD($C4363,24)+1)/SUM(INDEX($D$3:$AA$30,INDEX(Jesper!$R$2:$R$366,ROW(INDEX(Jesper!AI$2:AI$366,ROUNDDOWN($C4363/24,0)+1,1))-1)+IF('Standard Profiles'!$G$19=$B$10,7,0)+IF('Standard Profiles'!$G$19=$B$17,14,0)+IF('Standard Profiles'!$G$19=$B$24,21,0),0)),0)</f>
        <v>11.293180742002058</v>
      </c>
      <c r="F4363" cm="1">
        <f t="array" ref="F4363">IFERROR(INDEX(Jesper!AJ$2:AJ$366,ROUNDDOWN($C4363/24,0)+1,1)*INDEX($D$3:$AA$30,INDEX(Jesper!$R$2:$R$366,ROW(INDEX(Jesper!AJ$2:AJ$366,ROUNDDOWN($C4363/24,0)+1,1))-1)+IF('Standard Profiles'!$G$20=$B$10,7,0)+IF('Standard Profiles'!$G$20=$B$17,14,0)+IF('Standard Profiles'!$G$20=$B$24,21,0),MOD($C4363,24)+1)/SUM(INDEX($D$3:$AA$30,INDEX(Jesper!$R$2:$R$366,ROW(INDEX(Jesper!AJ$2:AJ$366,ROUNDDOWN($C4363/24,0)+1,1))-1)+IF('Standard Profiles'!$G$20=$B$10,7,0)+IF('Standard Profiles'!$G$20=$B$17,14,0)+IF('Standard Profiles'!$G$20=$B$24,21,0),0)),0)</f>
        <v>0</v>
      </c>
      <c r="G4363" cm="1">
        <f t="array" ref="G4363">IFERROR(INDEX(Jesper!AK$2:AK$366,ROUNDDOWN($C4363/24,0)+1,1)*INDEX($D$3:$AA$30,INDEX(Jesper!$R$2:$R$366,ROW(INDEX(Jesper!AK$2:AK$366,ROUNDDOWN($C4363/24,0)+1,1))-1)+IF('Standard Profiles'!$G$21=$B$10,7,0)+IF('Standard Profiles'!$G$21=$B$17,14,0)+IF('Standard Profiles'!$G$21=$B$24,21,0),MOD($C4363,24)+1)/SUM(INDEX($D$3:$AA$30,INDEX(Jesper!$R$2:$R$366,ROW(INDEX(Jesper!AK$2:AK$366,ROUNDDOWN($C4363/24,0)+1,1))-1)+IF('Standard Profiles'!$G$21=$B$10,7,0)+IF('Standard Profiles'!$G$21=$B$17,14,0)+IF('Standard Profiles'!$G$21=$B$24,21,0),0)),0)</f>
        <v>0</v>
      </c>
      <c r="H4363" cm="1">
        <f t="array" ref="H4363">IFERROR(INDEX(Jesper!AL$2:AL$366,ROUNDDOWN($C4363/24,0)+1,1)*INDEX($D$3:$AA$30,INDEX(Jesper!$R$2:$R$366,ROW(INDEX(Jesper!AL$2:AL$366,ROUNDDOWN($C4363/24,0)+1,1))-1)+IF('Standard Profiles'!$G$22=$B$10,7,0)+IF('Standard Profiles'!$G$22=$B$17,14,0)+IF('Standard Profiles'!$G$22=$B$24,21,0),MOD($C4363,24)+1)/SUM(INDEX($D$3:$AA$30,INDEX(Jesper!$R$2:$R$366,ROW(INDEX(Jesper!AL$2:AL$366,ROUNDDOWN($C4363/24,0)+1,1))-1)+IF('Standard Profiles'!$G$22=$B$10,7,0)+IF('Standard Profiles'!$G$22=$B$17,14,0)+IF('Standard Profiles'!$G$22=$B$24,21,0),0)),0)</f>
        <v>0</v>
      </c>
      <c r="I4363">
        <f t="shared" si="489"/>
        <v>0</v>
      </c>
      <c r="J4363">
        <f t="shared" si="490"/>
        <v>35.207736605704326</v>
      </c>
      <c r="K4363">
        <f t="shared" si="491"/>
        <v>3.0367689985653672</v>
      </c>
      <c r="L4363">
        <f t="shared" si="492"/>
        <v>1.5183844992826836</v>
      </c>
      <c r="M4363">
        <f t="shared" si="493"/>
        <v>0</v>
      </c>
      <c r="N4363" s="45">
        <f t="shared" si="494"/>
        <v>45107.374999989501</v>
      </c>
    </row>
    <row r="4364" spans="2:14" x14ac:dyDescent="0.25">
      <c r="B4364">
        <f t="shared" si="488"/>
        <v>5</v>
      </c>
      <c r="C4364" s="16">
        <v>4330</v>
      </c>
      <c r="D4364" cm="1">
        <f t="array" ref="D4364">IFERROR(INDEX(Jesper!AH$2:AH$366,ROUNDDOWN($C4364/24,0)+1,1)*INDEX($D$3:$AA$30,INDEX(Jesper!$R$2:$R$366,ROW(INDEX(Jesper!AH$2:AH$366,ROUNDDOWN($C4364/24,0)+1,1))-1)+IF('Standard Profiles'!$G$18=$B$10,7,0)+IF('Standard Profiles'!$G$18=$B$17,14,0)+IF('Standard Profiles'!$G$18=$B$24,21,0),MOD($C4364,24)+1)/SUM(INDEX($D$3:$AA$30,INDEX(Jesper!$R$2:$R$366,ROW(INDEX(Jesper!AH$2:AH$366,ROUNDDOWN($C4364/24,0)+1,1))-1)+IF('Standard Profiles'!$G$18=$B$10,7,0)+IF('Standard Profiles'!$G$18=$B$17,14,0)+IF('Standard Profiles'!$G$18=$B$24,21,0),0)),0)</f>
        <v>28.469709361550315</v>
      </c>
      <c r="E4364" cm="1">
        <f t="array" ref="E4364">IFERROR(INDEX(Jesper!AI$2:AI$366,ROUNDDOWN($C4364/24,0)+1,1)*INDEX($D$3:$AA$30,INDEX(Jesper!$R$2:$R$366,ROW(INDEX(Jesper!AI$2:AI$366,ROUNDDOWN($C4364/24,0)+1,1))-1)+IF('Standard Profiles'!$G$19=$B$10,7,0)+IF('Standard Profiles'!$G$19=$B$17,14,0)+IF('Standard Profiles'!$G$19=$B$24,21,0),MOD($C4364,24)+1)/SUM(INDEX($D$3:$AA$30,INDEX(Jesper!$R$2:$R$366,ROW(INDEX(Jesper!AI$2:AI$366,ROUNDDOWN($C4364/24,0)+1,1))-1)+IF('Standard Profiles'!$G$19=$B$10,7,0)+IF('Standard Profiles'!$G$19=$B$17,14,0)+IF('Standard Profiles'!$G$19=$B$24,21,0),0)),0)</f>
        <v>11.293180742002058</v>
      </c>
      <c r="F4364" cm="1">
        <f t="array" ref="F4364">IFERROR(INDEX(Jesper!AJ$2:AJ$366,ROUNDDOWN($C4364/24,0)+1,1)*INDEX($D$3:$AA$30,INDEX(Jesper!$R$2:$R$366,ROW(INDEX(Jesper!AJ$2:AJ$366,ROUNDDOWN($C4364/24,0)+1,1))-1)+IF('Standard Profiles'!$G$20=$B$10,7,0)+IF('Standard Profiles'!$G$20=$B$17,14,0)+IF('Standard Profiles'!$G$20=$B$24,21,0),MOD($C4364,24)+1)/SUM(INDEX($D$3:$AA$30,INDEX(Jesper!$R$2:$R$366,ROW(INDEX(Jesper!AJ$2:AJ$366,ROUNDDOWN($C4364/24,0)+1,1))-1)+IF('Standard Profiles'!$G$20=$B$10,7,0)+IF('Standard Profiles'!$G$20=$B$17,14,0)+IF('Standard Profiles'!$G$20=$B$24,21,0),0)),0)</f>
        <v>0</v>
      </c>
      <c r="G4364" cm="1">
        <f t="array" ref="G4364">IFERROR(INDEX(Jesper!AK$2:AK$366,ROUNDDOWN($C4364/24,0)+1,1)*INDEX($D$3:$AA$30,INDEX(Jesper!$R$2:$R$366,ROW(INDEX(Jesper!AK$2:AK$366,ROUNDDOWN($C4364/24,0)+1,1))-1)+IF('Standard Profiles'!$G$21=$B$10,7,0)+IF('Standard Profiles'!$G$21=$B$17,14,0)+IF('Standard Profiles'!$G$21=$B$24,21,0),MOD($C4364,24)+1)/SUM(INDEX($D$3:$AA$30,INDEX(Jesper!$R$2:$R$366,ROW(INDEX(Jesper!AK$2:AK$366,ROUNDDOWN($C4364/24,0)+1,1))-1)+IF('Standard Profiles'!$G$21=$B$10,7,0)+IF('Standard Profiles'!$G$21=$B$17,14,0)+IF('Standard Profiles'!$G$21=$B$24,21,0),0)),0)</f>
        <v>0</v>
      </c>
      <c r="H4364" cm="1">
        <f t="array" ref="H4364">IFERROR(INDEX(Jesper!AL$2:AL$366,ROUNDDOWN($C4364/24,0)+1,1)*INDEX($D$3:$AA$30,INDEX(Jesper!$R$2:$R$366,ROW(INDEX(Jesper!AL$2:AL$366,ROUNDDOWN($C4364/24,0)+1,1))-1)+IF('Standard Profiles'!$G$22=$B$10,7,0)+IF('Standard Profiles'!$G$22=$B$17,14,0)+IF('Standard Profiles'!$G$22=$B$24,21,0),MOD($C4364,24)+1)/SUM(INDEX($D$3:$AA$30,INDEX(Jesper!$R$2:$R$366,ROW(INDEX(Jesper!AL$2:AL$366,ROUNDDOWN($C4364/24,0)+1,1))-1)+IF('Standard Profiles'!$G$22=$B$10,7,0)+IF('Standard Profiles'!$G$22=$B$17,14,0)+IF('Standard Profiles'!$G$22=$B$24,21,0),0)),0)</f>
        <v>0</v>
      </c>
      <c r="I4364">
        <f t="shared" si="489"/>
        <v>0</v>
      </c>
      <c r="J4364">
        <f t="shared" si="490"/>
        <v>35.207736605704326</v>
      </c>
      <c r="K4364">
        <f t="shared" si="491"/>
        <v>3.0367689985653672</v>
      </c>
      <c r="L4364">
        <f t="shared" si="492"/>
        <v>1.5183844992826836</v>
      </c>
      <c r="M4364">
        <f t="shared" si="493"/>
        <v>0</v>
      </c>
      <c r="N4364" s="45">
        <f t="shared" si="494"/>
        <v>45107.416666656165</v>
      </c>
    </row>
    <row r="4365" spans="2:14" x14ac:dyDescent="0.25">
      <c r="B4365">
        <f t="shared" si="488"/>
        <v>5</v>
      </c>
      <c r="C4365" s="16">
        <v>4331</v>
      </c>
      <c r="D4365" cm="1">
        <f t="array" ref="D4365">IFERROR(INDEX(Jesper!AH$2:AH$366,ROUNDDOWN($C4365/24,0)+1,1)*INDEX($D$3:$AA$30,INDEX(Jesper!$R$2:$R$366,ROW(INDEX(Jesper!AH$2:AH$366,ROUNDDOWN($C4365/24,0)+1,1))-1)+IF('Standard Profiles'!$G$18=$B$10,7,0)+IF('Standard Profiles'!$G$18=$B$17,14,0)+IF('Standard Profiles'!$G$18=$B$24,21,0),MOD($C4365,24)+1)/SUM(INDEX($D$3:$AA$30,INDEX(Jesper!$R$2:$R$366,ROW(INDEX(Jesper!AH$2:AH$366,ROUNDDOWN($C4365/24,0)+1,1))-1)+IF('Standard Profiles'!$G$18=$B$10,7,0)+IF('Standard Profiles'!$G$18=$B$17,14,0)+IF('Standard Profiles'!$G$18=$B$24,21,0),0)),0)</f>
        <v>33.646020154559466</v>
      </c>
      <c r="E4365" cm="1">
        <f t="array" ref="E4365">IFERROR(INDEX(Jesper!AI$2:AI$366,ROUNDDOWN($C4365/24,0)+1,1)*INDEX($D$3:$AA$30,INDEX(Jesper!$R$2:$R$366,ROW(INDEX(Jesper!AI$2:AI$366,ROUNDDOWN($C4365/24,0)+1,1))-1)+IF('Standard Profiles'!$G$19=$B$10,7,0)+IF('Standard Profiles'!$G$19=$B$17,14,0)+IF('Standard Profiles'!$G$19=$B$24,21,0),MOD($C4365,24)+1)/SUM(INDEX($D$3:$AA$30,INDEX(Jesper!$R$2:$R$366,ROW(INDEX(Jesper!AI$2:AI$366,ROUNDDOWN($C4365/24,0)+1,1))-1)+IF('Standard Profiles'!$G$19=$B$10,7,0)+IF('Standard Profiles'!$G$19=$B$17,14,0)+IF('Standard Profiles'!$G$19=$B$24,21,0),0)),0)</f>
        <v>13.346486331456974</v>
      </c>
      <c r="F4365" cm="1">
        <f t="array" ref="F4365">IFERROR(INDEX(Jesper!AJ$2:AJ$366,ROUNDDOWN($C4365/24,0)+1,1)*INDEX($D$3:$AA$30,INDEX(Jesper!$R$2:$R$366,ROW(INDEX(Jesper!AJ$2:AJ$366,ROUNDDOWN($C4365/24,0)+1,1))-1)+IF('Standard Profiles'!$G$20=$B$10,7,0)+IF('Standard Profiles'!$G$20=$B$17,14,0)+IF('Standard Profiles'!$G$20=$B$24,21,0),MOD($C4365,24)+1)/SUM(INDEX($D$3:$AA$30,INDEX(Jesper!$R$2:$R$366,ROW(INDEX(Jesper!AJ$2:AJ$366,ROUNDDOWN($C4365/24,0)+1,1))-1)+IF('Standard Profiles'!$G$20=$B$10,7,0)+IF('Standard Profiles'!$G$20=$B$17,14,0)+IF('Standard Profiles'!$G$20=$B$24,21,0),0)),0)</f>
        <v>0</v>
      </c>
      <c r="G4365" cm="1">
        <f t="array" ref="G4365">IFERROR(INDEX(Jesper!AK$2:AK$366,ROUNDDOWN($C4365/24,0)+1,1)*INDEX($D$3:$AA$30,INDEX(Jesper!$R$2:$R$366,ROW(INDEX(Jesper!AK$2:AK$366,ROUNDDOWN($C4365/24,0)+1,1))-1)+IF('Standard Profiles'!$G$21=$B$10,7,0)+IF('Standard Profiles'!$G$21=$B$17,14,0)+IF('Standard Profiles'!$G$21=$B$24,21,0),MOD($C4365,24)+1)/SUM(INDEX($D$3:$AA$30,INDEX(Jesper!$R$2:$R$366,ROW(INDEX(Jesper!AK$2:AK$366,ROUNDDOWN($C4365/24,0)+1,1))-1)+IF('Standard Profiles'!$G$21=$B$10,7,0)+IF('Standard Profiles'!$G$21=$B$17,14,0)+IF('Standard Profiles'!$G$21=$B$24,21,0),0)),0)</f>
        <v>0</v>
      </c>
      <c r="H4365" cm="1">
        <f t="array" ref="H4365">IFERROR(INDEX(Jesper!AL$2:AL$366,ROUNDDOWN($C4365/24,0)+1,1)*INDEX($D$3:$AA$30,INDEX(Jesper!$R$2:$R$366,ROW(INDEX(Jesper!AL$2:AL$366,ROUNDDOWN($C4365/24,0)+1,1))-1)+IF('Standard Profiles'!$G$22=$B$10,7,0)+IF('Standard Profiles'!$G$22=$B$17,14,0)+IF('Standard Profiles'!$G$22=$B$24,21,0),MOD($C4365,24)+1)/SUM(INDEX($D$3:$AA$30,INDEX(Jesper!$R$2:$R$366,ROW(INDEX(Jesper!AL$2:AL$366,ROUNDDOWN($C4365/24,0)+1,1))-1)+IF('Standard Profiles'!$G$22=$B$10,7,0)+IF('Standard Profiles'!$G$22=$B$17,14,0)+IF('Standard Profiles'!$G$22=$B$24,21,0),0)),0)</f>
        <v>0</v>
      </c>
      <c r="I4365">
        <f t="shared" si="489"/>
        <v>0</v>
      </c>
      <c r="J4365">
        <f t="shared" si="490"/>
        <v>41.609143261286924</v>
      </c>
      <c r="K4365">
        <f t="shared" si="491"/>
        <v>3.5889088164863434</v>
      </c>
      <c r="L4365">
        <f t="shared" si="492"/>
        <v>1.7944544082431717</v>
      </c>
      <c r="M4365">
        <f t="shared" si="493"/>
        <v>0</v>
      </c>
      <c r="N4365" s="45">
        <f t="shared" si="494"/>
        <v>45107.458333322829</v>
      </c>
    </row>
    <row r="4366" spans="2:14" x14ac:dyDescent="0.25">
      <c r="B4366">
        <f t="shared" si="488"/>
        <v>5</v>
      </c>
      <c r="C4366" s="16">
        <v>4332</v>
      </c>
      <c r="D4366" cm="1">
        <f t="array" ref="D4366">IFERROR(INDEX(Jesper!AH$2:AH$366,ROUNDDOWN($C4366/24,0)+1,1)*INDEX($D$3:$AA$30,INDEX(Jesper!$R$2:$R$366,ROW(INDEX(Jesper!AH$2:AH$366,ROUNDDOWN($C4366/24,0)+1,1))-1)+IF('Standard Profiles'!$G$18=$B$10,7,0)+IF('Standard Profiles'!$G$18=$B$17,14,0)+IF('Standard Profiles'!$G$18=$B$24,21,0),MOD($C4366,24)+1)/SUM(INDEX($D$3:$AA$30,INDEX(Jesper!$R$2:$R$366,ROW(INDEX(Jesper!AH$2:AH$366,ROUNDDOWN($C4366/24,0)+1,1))-1)+IF('Standard Profiles'!$G$18=$B$10,7,0)+IF('Standard Profiles'!$G$18=$B$17,14,0)+IF('Standard Profiles'!$G$18=$B$24,21,0),0)),0)</f>
        <v>33.646020154559466</v>
      </c>
      <c r="E4366" cm="1">
        <f t="array" ref="E4366">IFERROR(INDEX(Jesper!AI$2:AI$366,ROUNDDOWN($C4366/24,0)+1,1)*INDEX($D$3:$AA$30,INDEX(Jesper!$R$2:$R$366,ROW(INDEX(Jesper!AI$2:AI$366,ROUNDDOWN($C4366/24,0)+1,1))-1)+IF('Standard Profiles'!$G$19=$B$10,7,0)+IF('Standard Profiles'!$G$19=$B$17,14,0)+IF('Standard Profiles'!$G$19=$B$24,21,0),MOD($C4366,24)+1)/SUM(INDEX($D$3:$AA$30,INDEX(Jesper!$R$2:$R$366,ROW(INDEX(Jesper!AI$2:AI$366,ROUNDDOWN($C4366/24,0)+1,1))-1)+IF('Standard Profiles'!$G$19=$B$10,7,0)+IF('Standard Profiles'!$G$19=$B$17,14,0)+IF('Standard Profiles'!$G$19=$B$24,21,0),0)),0)</f>
        <v>13.346486331456974</v>
      </c>
      <c r="F4366" cm="1">
        <f t="array" ref="F4366">IFERROR(INDEX(Jesper!AJ$2:AJ$366,ROUNDDOWN($C4366/24,0)+1,1)*INDEX($D$3:$AA$30,INDEX(Jesper!$R$2:$R$366,ROW(INDEX(Jesper!AJ$2:AJ$366,ROUNDDOWN($C4366/24,0)+1,1))-1)+IF('Standard Profiles'!$G$20=$B$10,7,0)+IF('Standard Profiles'!$G$20=$B$17,14,0)+IF('Standard Profiles'!$G$20=$B$24,21,0),MOD($C4366,24)+1)/SUM(INDEX($D$3:$AA$30,INDEX(Jesper!$R$2:$R$366,ROW(INDEX(Jesper!AJ$2:AJ$366,ROUNDDOWN($C4366/24,0)+1,1))-1)+IF('Standard Profiles'!$G$20=$B$10,7,0)+IF('Standard Profiles'!$G$20=$B$17,14,0)+IF('Standard Profiles'!$G$20=$B$24,21,0),0)),0)</f>
        <v>0</v>
      </c>
      <c r="G4366" cm="1">
        <f t="array" ref="G4366">IFERROR(INDEX(Jesper!AK$2:AK$366,ROUNDDOWN($C4366/24,0)+1,1)*INDEX($D$3:$AA$30,INDEX(Jesper!$R$2:$R$366,ROW(INDEX(Jesper!AK$2:AK$366,ROUNDDOWN($C4366/24,0)+1,1))-1)+IF('Standard Profiles'!$G$21=$B$10,7,0)+IF('Standard Profiles'!$G$21=$B$17,14,0)+IF('Standard Profiles'!$G$21=$B$24,21,0),MOD($C4366,24)+1)/SUM(INDEX($D$3:$AA$30,INDEX(Jesper!$R$2:$R$366,ROW(INDEX(Jesper!AK$2:AK$366,ROUNDDOWN($C4366/24,0)+1,1))-1)+IF('Standard Profiles'!$G$21=$B$10,7,0)+IF('Standard Profiles'!$G$21=$B$17,14,0)+IF('Standard Profiles'!$G$21=$B$24,21,0),0)),0)</f>
        <v>0</v>
      </c>
      <c r="H4366" cm="1">
        <f t="array" ref="H4366">IFERROR(INDEX(Jesper!AL$2:AL$366,ROUNDDOWN($C4366/24,0)+1,1)*INDEX($D$3:$AA$30,INDEX(Jesper!$R$2:$R$366,ROW(INDEX(Jesper!AL$2:AL$366,ROUNDDOWN($C4366/24,0)+1,1))-1)+IF('Standard Profiles'!$G$22=$B$10,7,0)+IF('Standard Profiles'!$G$22=$B$17,14,0)+IF('Standard Profiles'!$G$22=$B$24,21,0),MOD($C4366,24)+1)/SUM(INDEX($D$3:$AA$30,INDEX(Jesper!$R$2:$R$366,ROW(INDEX(Jesper!AL$2:AL$366,ROUNDDOWN($C4366/24,0)+1,1))-1)+IF('Standard Profiles'!$G$22=$B$10,7,0)+IF('Standard Profiles'!$G$22=$B$17,14,0)+IF('Standard Profiles'!$G$22=$B$24,21,0),0)),0)</f>
        <v>0</v>
      </c>
      <c r="I4366">
        <f t="shared" si="489"/>
        <v>0</v>
      </c>
      <c r="J4366">
        <f t="shared" si="490"/>
        <v>41.609143261286924</v>
      </c>
      <c r="K4366">
        <f t="shared" si="491"/>
        <v>3.5889088164863434</v>
      </c>
      <c r="L4366">
        <f t="shared" si="492"/>
        <v>1.7944544082431717</v>
      </c>
      <c r="M4366">
        <f t="shared" si="493"/>
        <v>0</v>
      </c>
      <c r="N4366" s="45">
        <f t="shared" si="494"/>
        <v>45107.499999989494</v>
      </c>
    </row>
    <row r="4367" spans="2:14" x14ac:dyDescent="0.25">
      <c r="B4367">
        <f t="shared" si="488"/>
        <v>5</v>
      </c>
      <c r="C4367" s="16">
        <v>4333</v>
      </c>
      <c r="D4367" cm="1">
        <f t="array" ref="D4367">IFERROR(INDEX(Jesper!AH$2:AH$366,ROUNDDOWN($C4367/24,0)+1,1)*INDEX($D$3:$AA$30,INDEX(Jesper!$R$2:$R$366,ROW(INDEX(Jesper!AH$2:AH$366,ROUNDDOWN($C4367/24,0)+1,1))-1)+IF('Standard Profiles'!$G$18=$B$10,7,0)+IF('Standard Profiles'!$G$18=$B$17,14,0)+IF('Standard Profiles'!$G$18=$B$24,21,0),MOD($C4367,24)+1)/SUM(INDEX($D$3:$AA$30,INDEX(Jesper!$R$2:$R$366,ROW(INDEX(Jesper!AH$2:AH$366,ROUNDDOWN($C4367/24,0)+1,1))-1)+IF('Standard Profiles'!$G$18=$B$10,7,0)+IF('Standard Profiles'!$G$18=$B$17,14,0)+IF('Standard Profiles'!$G$18=$B$24,21,0),0)),0)</f>
        <v>23.293398568541168</v>
      </c>
      <c r="E4367" cm="1">
        <f t="array" ref="E4367">IFERROR(INDEX(Jesper!AI$2:AI$366,ROUNDDOWN($C4367/24,0)+1,1)*INDEX($D$3:$AA$30,INDEX(Jesper!$R$2:$R$366,ROW(INDEX(Jesper!AI$2:AI$366,ROUNDDOWN($C4367/24,0)+1,1))-1)+IF('Standard Profiles'!$G$19=$B$10,7,0)+IF('Standard Profiles'!$G$19=$B$17,14,0)+IF('Standard Profiles'!$G$19=$B$24,21,0),MOD($C4367,24)+1)/SUM(INDEX($D$3:$AA$30,INDEX(Jesper!$R$2:$R$366,ROW(INDEX(Jesper!AI$2:AI$366,ROUNDDOWN($C4367/24,0)+1,1))-1)+IF('Standard Profiles'!$G$19=$B$10,7,0)+IF('Standard Profiles'!$G$19=$B$17,14,0)+IF('Standard Profiles'!$G$19=$B$24,21,0),0)),0)</f>
        <v>9.2398751525471372</v>
      </c>
      <c r="F4367" cm="1">
        <f t="array" ref="F4367">IFERROR(INDEX(Jesper!AJ$2:AJ$366,ROUNDDOWN($C4367/24,0)+1,1)*INDEX($D$3:$AA$30,INDEX(Jesper!$R$2:$R$366,ROW(INDEX(Jesper!AJ$2:AJ$366,ROUNDDOWN($C4367/24,0)+1,1))-1)+IF('Standard Profiles'!$G$20=$B$10,7,0)+IF('Standard Profiles'!$G$20=$B$17,14,0)+IF('Standard Profiles'!$G$20=$B$24,21,0),MOD($C4367,24)+1)/SUM(INDEX($D$3:$AA$30,INDEX(Jesper!$R$2:$R$366,ROW(INDEX(Jesper!AJ$2:AJ$366,ROUNDDOWN($C4367/24,0)+1,1))-1)+IF('Standard Profiles'!$G$20=$B$10,7,0)+IF('Standard Profiles'!$G$20=$B$17,14,0)+IF('Standard Profiles'!$G$20=$B$24,21,0),0)),0)</f>
        <v>0</v>
      </c>
      <c r="G4367" cm="1">
        <f t="array" ref="G4367">IFERROR(INDEX(Jesper!AK$2:AK$366,ROUNDDOWN($C4367/24,0)+1,1)*INDEX($D$3:$AA$30,INDEX(Jesper!$R$2:$R$366,ROW(INDEX(Jesper!AK$2:AK$366,ROUNDDOWN($C4367/24,0)+1,1))-1)+IF('Standard Profiles'!$G$21=$B$10,7,0)+IF('Standard Profiles'!$G$21=$B$17,14,0)+IF('Standard Profiles'!$G$21=$B$24,21,0),MOD($C4367,24)+1)/SUM(INDEX($D$3:$AA$30,INDEX(Jesper!$R$2:$R$366,ROW(INDEX(Jesper!AK$2:AK$366,ROUNDDOWN($C4367/24,0)+1,1))-1)+IF('Standard Profiles'!$G$21=$B$10,7,0)+IF('Standard Profiles'!$G$21=$B$17,14,0)+IF('Standard Profiles'!$G$21=$B$24,21,0),0)),0)</f>
        <v>0</v>
      </c>
      <c r="H4367" cm="1">
        <f t="array" ref="H4367">IFERROR(INDEX(Jesper!AL$2:AL$366,ROUNDDOWN($C4367/24,0)+1,1)*INDEX($D$3:$AA$30,INDEX(Jesper!$R$2:$R$366,ROW(INDEX(Jesper!AL$2:AL$366,ROUNDDOWN($C4367/24,0)+1,1))-1)+IF('Standard Profiles'!$G$22=$B$10,7,0)+IF('Standard Profiles'!$G$22=$B$17,14,0)+IF('Standard Profiles'!$G$22=$B$24,21,0),MOD($C4367,24)+1)/SUM(INDEX($D$3:$AA$30,INDEX(Jesper!$R$2:$R$366,ROW(INDEX(Jesper!AL$2:AL$366,ROUNDDOWN($C4367/24,0)+1,1))-1)+IF('Standard Profiles'!$G$22=$B$10,7,0)+IF('Standard Profiles'!$G$22=$B$17,14,0)+IF('Standard Profiles'!$G$22=$B$24,21,0),0)),0)</f>
        <v>0</v>
      </c>
      <c r="I4367">
        <f t="shared" si="489"/>
        <v>0</v>
      </c>
      <c r="J4367">
        <f t="shared" si="490"/>
        <v>28.806329950121714</v>
      </c>
      <c r="K4367">
        <f t="shared" si="491"/>
        <v>2.4846291806443914</v>
      </c>
      <c r="L4367">
        <f t="shared" si="492"/>
        <v>1.2423145903221957</v>
      </c>
      <c r="M4367">
        <f t="shared" si="493"/>
        <v>0</v>
      </c>
      <c r="N4367" s="45">
        <f t="shared" si="494"/>
        <v>45107.541666656158</v>
      </c>
    </row>
    <row r="4368" spans="2:14" x14ac:dyDescent="0.25">
      <c r="B4368">
        <f t="shared" si="488"/>
        <v>5</v>
      </c>
      <c r="C4368" s="16">
        <v>4334</v>
      </c>
      <c r="D4368" cm="1">
        <f t="array" ref="D4368">IFERROR(INDEX(Jesper!AH$2:AH$366,ROUNDDOWN($C4368/24,0)+1,1)*INDEX($D$3:$AA$30,INDEX(Jesper!$R$2:$R$366,ROW(INDEX(Jesper!AH$2:AH$366,ROUNDDOWN($C4368/24,0)+1,1))-1)+IF('Standard Profiles'!$G$18=$B$10,7,0)+IF('Standard Profiles'!$G$18=$B$17,14,0)+IF('Standard Profiles'!$G$18=$B$24,21,0),MOD($C4368,24)+1)/SUM(INDEX($D$3:$AA$30,INDEX(Jesper!$R$2:$R$366,ROW(INDEX(Jesper!AH$2:AH$366,ROUNDDOWN($C4368/24,0)+1,1))-1)+IF('Standard Profiles'!$G$18=$B$10,7,0)+IF('Standard Profiles'!$G$18=$B$17,14,0)+IF('Standard Profiles'!$G$18=$B$24,21,0),0)),0)</f>
        <v>33.646020154559466</v>
      </c>
      <c r="E4368" cm="1">
        <f t="array" ref="E4368">IFERROR(INDEX(Jesper!AI$2:AI$366,ROUNDDOWN($C4368/24,0)+1,1)*INDEX($D$3:$AA$30,INDEX(Jesper!$R$2:$R$366,ROW(INDEX(Jesper!AI$2:AI$366,ROUNDDOWN($C4368/24,0)+1,1))-1)+IF('Standard Profiles'!$G$19=$B$10,7,0)+IF('Standard Profiles'!$G$19=$B$17,14,0)+IF('Standard Profiles'!$G$19=$B$24,21,0),MOD($C4368,24)+1)/SUM(INDEX($D$3:$AA$30,INDEX(Jesper!$R$2:$R$366,ROW(INDEX(Jesper!AI$2:AI$366,ROUNDDOWN($C4368/24,0)+1,1))-1)+IF('Standard Profiles'!$G$19=$B$10,7,0)+IF('Standard Profiles'!$G$19=$B$17,14,0)+IF('Standard Profiles'!$G$19=$B$24,21,0),0)),0)</f>
        <v>13.346486331456974</v>
      </c>
      <c r="F4368" cm="1">
        <f t="array" ref="F4368">IFERROR(INDEX(Jesper!AJ$2:AJ$366,ROUNDDOWN($C4368/24,0)+1,1)*INDEX($D$3:$AA$30,INDEX(Jesper!$R$2:$R$366,ROW(INDEX(Jesper!AJ$2:AJ$366,ROUNDDOWN($C4368/24,0)+1,1))-1)+IF('Standard Profiles'!$G$20=$B$10,7,0)+IF('Standard Profiles'!$G$20=$B$17,14,0)+IF('Standard Profiles'!$G$20=$B$24,21,0),MOD($C4368,24)+1)/SUM(INDEX($D$3:$AA$30,INDEX(Jesper!$R$2:$R$366,ROW(INDEX(Jesper!AJ$2:AJ$366,ROUNDDOWN($C4368/24,0)+1,1))-1)+IF('Standard Profiles'!$G$20=$B$10,7,0)+IF('Standard Profiles'!$G$20=$B$17,14,0)+IF('Standard Profiles'!$G$20=$B$24,21,0),0)),0)</f>
        <v>0</v>
      </c>
      <c r="G4368" cm="1">
        <f t="array" ref="G4368">IFERROR(INDEX(Jesper!AK$2:AK$366,ROUNDDOWN($C4368/24,0)+1,1)*INDEX($D$3:$AA$30,INDEX(Jesper!$R$2:$R$366,ROW(INDEX(Jesper!AK$2:AK$366,ROUNDDOWN($C4368/24,0)+1,1))-1)+IF('Standard Profiles'!$G$21=$B$10,7,0)+IF('Standard Profiles'!$G$21=$B$17,14,0)+IF('Standard Profiles'!$G$21=$B$24,21,0),MOD($C4368,24)+1)/SUM(INDEX($D$3:$AA$30,INDEX(Jesper!$R$2:$R$366,ROW(INDEX(Jesper!AK$2:AK$366,ROUNDDOWN($C4368/24,0)+1,1))-1)+IF('Standard Profiles'!$G$21=$B$10,7,0)+IF('Standard Profiles'!$G$21=$B$17,14,0)+IF('Standard Profiles'!$G$21=$B$24,21,0),0)),0)</f>
        <v>0</v>
      </c>
      <c r="H4368" cm="1">
        <f t="array" ref="H4368">IFERROR(INDEX(Jesper!AL$2:AL$366,ROUNDDOWN($C4368/24,0)+1,1)*INDEX($D$3:$AA$30,INDEX(Jesper!$R$2:$R$366,ROW(INDEX(Jesper!AL$2:AL$366,ROUNDDOWN($C4368/24,0)+1,1))-1)+IF('Standard Profiles'!$G$22=$B$10,7,0)+IF('Standard Profiles'!$G$22=$B$17,14,0)+IF('Standard Profiles'!$G$22=$B$24,21,0),MOD($C4368,24)+1)/SUM(INDEX($D$3:$AA$30,INDEX(Jesper!$R$2:$R$366,ROW(INDEX(Jesper!AL$2:AL$366,ROUNDDOWN($C4368/24,0)+1,1))-1)+IF('Standard Profiles'!$G$22=$B$10,7,0)+IF('Standard Profiles'!$G$22=$B$17,14,0)+IF('Standard Profiles'!$G$22=$B$24,21,0),0)),0)</f>
        <v>0</v>
      </c>
      <c r="I4368">
        <f t="shared" si="489"/>
        <v>0</v>
      </c>
      <c r="J4368">
        <f t="shared" si="490"/>
        <v>41.609143261286924</v>
      </c>
      <c r="K4368">
        <f t="shared" si="491"/>
        <v>3.5889088164863434</v>
      </c>
      <c r="L4368">
        <f t="shared" si="492"/>
        <v>1.7944544082431717</v>
      </c>
      <c r="M4368">
        <f t="shared" si="493"/>
        <v>0</v>
      </c>
      <c r="N4368" s="45">
        <f t="shared" si="494"/>
        <v>45107.583333322822</v>
      </c>
    </row>
    <row r="4369" spans="2:14" x14ac:dyDescent="0.25">
      <c r="B4369">
        <f t="shared" si="488"/>
        <v>5</v>
      </c>
      <c r="C4369" s="16">
        <v>4335</v>
      </c>
      <c r="D4369" cm="1">
        <f t="array" ref="D4369">IFERROR(INDEX(Jesper!AH$2:AH$366,ROUNDDOWN($C4369/24,0)+1,1)*INDEX($D$3:$AA$30,INDEX(Jesper!$R$2:$R$366,ROW(INDEX(Jesper!AH$2:AH$366,ROUNDDOWN($C4369/24,0)+1,1))-1)+IF('Standard Profiles'!$G$18=$B$10,7,0)+IF('Standard Profiles'!$G$18=$B$17,14,0)+IF('Standard Profiles'!$G$18=$B$24,21,0),MOD($C4369,24)+1)/SUM(INDEX($D$3:$AA$30,INDEX(Jesper!$R$2:$R$366,ROW(INDEX(Jesper!AH$2:AH$366,ROUNDDOWN($C4369/24,0)+1,1))-1)+IF('Standard Profiles'!$G$18=$B$10,7,0)+IF('Standard Profiles'!$G$18=$B$17,14,0)+IF('Standard Profiles'!$G$18=$B$24,21,0),0)),0)</f>
        <v>25.88155396504574</v>
      </c>
      <c r="E4369" cm="1">
        <f t="array" ref="E4369">IFERROR(INDEX(Jesper!AI$2:AI$366,ROUNDDOWN($C4369/24,0)+1,1)*INDEX($D$3:$AA$30,INDEX(Jesper!$R$2:$R$366,ROW(INDEX(Jesper!AI$2:AI$366,ROUNDDOWN($C4369/24,0)+1,1))-1)+IF('Standard Profiles'!$G$19=$B$10,7,0)+IF('Standard Profiles'!$G$19=$B$17,14,0)+IF('Standard Profiles'!$G$19=$B$24,21,0),MOD($C4369,24)+1)/SUM(INDEX($D$3:$AA$30,INDEX(Jesper!$R$2:$R$366,ROW(INDEX(Jesper!AI$2:AI$366,ROUNDDOWN($C4369/24,0)+1,1))-1)+IF('Standard Profiles'!$G$19=$B$10,7,0)+IF('Standard Profiles'!$G$19=$B$17,14,0)+IF('Standard Profiles'!$G$19=$B$24,21,0),0)),0)</f>
        <v>10.266527947274596</v>
      </c>
      <c r="F4369" cm="1">
        <f t="array" ref="F4369">IFERROR(INDEX(Jesper!AJ$2:AJ$366,ROUNDDOWN($C4369/24,0)+1,1)*INDEX($D$3:$AA$30,INDEX(Jesper!$R$2:$R$366,ROW(INDEX(Jesper!AJ$2:AJ$366,ROUNDDOWN($C4369/24,0)+1,1))-1)+IF('Standard Profiles'!$G$20=$B$10,7,0)+IF('Standard Profiles'!$G$20=$B$17,14,0)+IF('Standard Profiles'!$G$20=$B$24,21,0),MOD($C4369,24)+1)/SUM(INDEX($D$3:$AA$30,INDEX(Jesper!$R$2:$R$366,ROW(INDEX(Jesper!AJ$2:AJ$366,ROUNDDOWN($C4369/24,0)+1,1))-1)+IF('Standard Profiles'!$G$20=$B$10,7,0)+IF('Standard Profiles'!$G$20=$B$17,14,0)+IF('Standard Profiles'!$G$20=$B$24,21,0),0)),0)</f>
        <v>0</v>
      </c>
      <c r="G4369" cm="1">
        <f t="array" ref="G4369">IFERROR(INDEX(Jesper!AK$2:AK$366,ROUNDDOWN($C4369/24,0)+1,1)*INDEX($D$3:$AA$30,INDEX(Jesper!$R$2:$R$366,ROW(INDEX(Jesper!AK$2:AK$366,ROUNDDOWN($C4369/24,0)+1,1))-1)+IF('Standard Profiles'!$G$21=$B$10,7,0)+IF('Standard Profiles'!$G$21=$B$17,14,0)+IF('Standard Profiles'!$G$21=$B$24,21,0),MOD($C4369,24)+1)/SUM(INDEX($D$3:$AA$30,INDEX(Jesper!$R$2:$R$366,ROW(INDEX(Jesper!AK$2:AK$366,ROUNDDOWN($C4369/24,0)+1,1))-1)+IF('Standard Profiles'!$G$21=$B$10,7,0)+IF('Standard Profiles'!$G$21=$B$17,14,0)+IF('Standard Profiles'!$G$21=$B$24,21,0),0)),0)</f>
        <v>0</v>
      </c>
      <c r="H4369" cm="1">
        <f t="array" ref="H4369">IFERROR(INDEX(Jesper!AL$2:AL$366,ROUNDDOWN($C4369/24,0)+1,1)*INDEX($D$3:$AA$30,INDEX(Jesper!$R$2:$R$366,ROW(INDEX(Jesper!AL$2:AL$366,ROUNDDOWN($C4369/24,0)+1,1))-1)+IF('Standard Profiles'!$G$22=$B$10,7,0)+IF('Standard Profiles'!$G$22=$B$17,14,0)+IF('Standard Profiles'!$G$22=$B$24,21,0),MOD($C4369,24)+1)/SUM(INDEX($D$3:$AA$30,INDEX(Jesper!$R$2:$R$366,ROW(INDEX(Jesper!AL$2:AL$366,ROUNDDOWN($C4369/24,0)+1,1))-1)+IF('Standard Profiles'!$G$22=$B$10,7,0)+IF('Standard Profiles'!$G$22=$B$17,14,0)+IF('Standard Profiles'!$G$22=$B$24,21,0),0)),0)</f>
        <v>0</v>
      </c>
      <c r="I4369">
        <f t="shared" si="489"/>
        <v>0</v>
      </c>
      <c r="J4369">
        <f t="shared" si="490"/>
        <v>32.007033277913017</v>
      </c>
      <c r="K4369">
        <f t="shared" si="491"/>
        <v>2.7606990896048789</v>
      </c>
      <c r="L4369">
        <f t="shared" si="492"/>
        <v>1.3803495448024394</v>
      </c>
      <c r="M4369">
        <f t="shared" si="493"/>
        <v>0</v>
      </c>
      <c r="N4369" s="45">
        <f t="shared" si="494"/>
        <v>45107.624999989486</v>
      </c>
    </row>
    <row r="4370" spans="2:14" x14ac:dyDescent="0.25">
      <c r="B4370">
        <f t="shared" si="488"/>
        <v>5</v>
      </c>
      <c r="C4370" s="16">
        <v>4336</v>
      </c>
      <c r="D4370" cm="1">
        <f t="array" ref="D4370">IFERROR(INDEX(Jesper!AH$2:AH$366,ROUNDDOWN($C4370/24,0)+1,1)*INDEX($D$3:$AA$30,INDEX(Jesper!$R$2:$R$366,ROW(INDEX(Jesper!AH$2:AH$366,ROUNDDOWN($C4370/24,0)+1,1))-1)+IF('Standard Profiles'!$G$18=$B$10,7,0)+IF('Standard Profiles'!$G$18=$B$17,14,0)+IF('Standard Profiles'!$G$18=$B$24,21,0),MOD($C4370,24)+1)/SUM(INDEX($D$3:$AA$30,INDEX(Jesper!$R$2:$R$366,ROW(INDEX(Jesper!AH$2:AH$366,ROUNDDOWN($C4370/24,0)+1,1))-1)+IF('Standard Profiles'!$G$18=$B$10,7,0)+IF('Standard Profiles'!$G$18=$B$17,14,0)+IF('Standard Profiles'!$G$18=$B$24,21,0),0)),0)</f>
        <v>12.150964302838377</v>
      </c>
      <c r="E4370" cm="1">
        <f t="array" ref="E4370">IFERROR(INDEX(Jesper!AI$2:AI$366,ROUNDDOWN($C4370/24,0)+1,1)*INDEX($D$3:$AA$30,INDEX(Jesper!$R$2:$R$366,ROW(INDEX(Jesper!AI$2:AI$366,ROUNDDOWN($C4370/24,0)+1,1))-1)+IF('Standard Profiles'!$G$19=$B$10,7,0)+IF('Standard Profiles'!$G$19=$B$17,14,0)+IF('Standard Profiles'!$G$19=$B$24,21,0),MOD($C4370,24)+1)/SUM(INDEX($D$3:$AA$30,INDEX(Jesper!$R$2:$R$366,ROW(INDEX(Jesper!AI$2:AI$366,ROUNDDOWN($C4370/24,0)+1,1))-1)+IF('Standard Profiles'!$G$19=$B$10,7,0)+IF('Standard Profiles'!$G$19=$B$17,14,0)+IF('Standard Profiles'!$G$19=$B$24,21,0),0)),0)</f>
        <v>4.819966172429389</v>
      </c>
      <c r="F4370" cm="1">
        <f t="array" ref="F4370">IFERROR(INDEX(Jesper!AJ$2:AJ$366,ROUNDDOWN($C4370/24,0)+1,1)*INDEX($D$3:$AA$30,INDEX(Jesper!$R$2:$R$366,ROW(INDEX(Jesper!AJ$2:AJ$366,ROUNDDOWN($C4370/24,0)+1,1))-1)+IF('Standard Profiles'!$G$20=$B$10,7,0)+IF('Standard Profiles'!$G$20=$B$17,14,0)+IF('Standard Profiles'!$G$20=$B$24,21,0),MOD($C4370,24)+1)/SUM(INDEX($D$3:$AA$30,INDEX(Jesper!$R$2:$R$366,ROW(INDEX(Jesper!AJ$2:AJ$366,ROUNDDOWN($C4370/24,0)+1,1))-1)+IF('Standard Profiles'!$G$20=$B$10,7,0)+IF('Standard Profiles'!$G$20=$B$17,14,0)+IF('Standard Profiles'!$G$20=$B$24,21,0),0)),0)</f>
        <v>0</v>
      </c>
      <c r="G4370" cm="1">
        <f t="array" ref="G4370">IFERROR(INDEX(Jesper!AK$2:AK$366,ROUNDDOWN($C4370/24,0)+1,1)*INDEX($D$3:$AA$30,INDEX(Jesper!$R$2:$R$366,ROW(INDEX(Jesper!AK$2:AK$366,ROUNDDOWN($C4370/24,0)+1,1))-1)+IF('Standard Profiles'!$G$21=$B$10,7,0)+IF('Standard Profiles'!$G$21=$B$17,14,0)+IF('Standard Profiles'!$G$21=$B$24,21,0),MOD($C4370,24)+1)/SUM(INDEX($D$3:$AA$30,INDEX(Jesper!$R$2:$R$366,ROW(INDEX(Jesper!AK$2:AK$366,ROUNDDOWN($C4370/24,0)+1,1))-1)+IF('Standard Profiles'!$G$21=$B$10,7,0)+IF('Standard Profiles'!$G$21=$B$17,14,0)+IF('Standard Profiles'!$G$21=$B$24,21,0),0)),0)</f>
        <v>0</v>
      </c>
      <c r="H4370" cm="1">
        <f t="array" ref="H4370">IFERROR(INDEX(Jesper!AL$2:AL$366,ROUNDDOWN($C4370/24,0)+1,1)*INDEX($D$3:$AA$30,INDEX(Jesper!$R$2:$R$366,ROW(INDEX(Jesper!AL$2:AL$366,ROUNDDOWN($C4370/24,0)+1,1))-1)+IF('Standard Profiles'!$G$22=$B$10,7,0)+IF('Standard Profiles'!$G$22=$B$17,14,0)+IF('Standard Profiles'!$G$22=$B$24,21,0),MOD($C4370,24)+1)/SUM(INDEX($D$3:$AA$30,INDEX(Jesper!$R$2:$R$366,ROW(INDEX(Jesper!AL$2:AL$366,ROUNDDOWN($C4370/24,0)+1,1))-1)+IF('Standard Profiles'!$G$22=$B$10,7,0)+IF('Standard Profiles'!$G$22=$B$17,14,0)+IF('Standard Profiles'!$G$22=$B$24,21,0),0)),0)</f>
        <v>0</v>
      </c>
      <c r="I4370">
        <f t="shared" si="489"/>
        <v>0</v>
      </c>
      <c r="J4370">
        <f t="shared" si="490"/>
        <v>15.026776186813626</v>
      </c>
      <c r="K4370">
        <f t="shared" si="491"/>
        <v>1.296102858969427</v>
      </c>
      <c r="L4370">
        <f t="shared" si="492"/>
        <v>0.6480514294847135</v>
      </c>
      <c r="M4370">
        <f t="shared" si="493"/>
        <v>0</v>
      </c>
      <c r="N4370" s="45">
        <f t="shared" si="494"/>
        <v>45107.66666665615</v>
      </c>
    </row>
    <row r="4371" spans="2:14" x14ac:dyDescent="0.25">
      <c r="B4371">
        <f t="shared" si="488"/>
        <v>5</v>
      </c>
      <c r="C4371" s="16">
        <v>4337</v>
      </c>
      <c r="D4371" cm="1">
        <f t="array" ref="D4371">IFERROR(INDEX(Jesper!AH$2:AH$366,ROUNDDOWN($C4371/24,0)+1,1)*INDEX($D$3:$AA$30,INDEX(Jesper!$R$2:$R$366,ROW(INDEX(Jesper!AH$2:AH$366,ROUNDDOWN($C4371/24,0)+1,1))-1)+IF('Standard Profiles'!$G$18=$B$10,7,0)+IF('Standard Profiles'!$G$18=$B$17,14,0)+IF('Standard Profiles'!$G$18=$B$24,21,0),MOD($C4371,24)+1)/SUM(INDEX($D$3:$AA$30,INDEX(Jesper!$R$2:$R$366,ROW(INDEX(Jesper!AH$2:AH$366,ROUNDDOWN($C4371/24,0)+1,1))-1)+IF('Standard Profiles'!$G$18=$B$10,7,0)+IF('Standard Profiles'!$G$18=$B$17,14,0)+IF('Standard Profiles'!$G$18=$B$24,21,0),0)),0)</f>
        <v>8.0196364398733273</v>
      </c>
      <c r="E4371" cm="1">
        <f t="array" ref="E4371">IFERROR(INDEX(Jesper!AI$2:AI$366,ROUNDDOWN($C4371/24,0)+1,1)*INDEX($D$3:$AA$30,INDEX(Jesper!$R$2:$R$366,ROW(INDEX(Jesper!AI$2:AI$366,ROUNDDOWN($C4371/24,0)+1,1))-1)+IF('Standard Profiles'!$G$19=$B$10,7,0)+IF('Standard Profiles'!$G$19=$B$17,14,0)+IF('Standard Profiles'!$G$19=$B$24,21,0),MOD($C4371,24)+1)/SUM(INDEX($D$3:$AA$30,INDEX(Jesper!$R$2:$R$366,ROW(INDEX(Jesper!AI$2:AI$366,ROUNDDOWN($C4371/24,0)+1,1))-1)+IF('Standard Profiles'!$G$19=$B$10,7,0)+IF('Standard Profiles'!$G$19=$B$17,14,0)+IF('Standard Profiles'!$G$19=$B$24,21,0),0)),0)</f>
        <v>3.1811776738033961</v>
      </c>
      <c r="F4371" cm="1">
        <f t="array" ref="F4371">IFERROR(INDEX(Jesper!AJ$2:AJ$366,ROUNDDOWN($C4371/24,0)+1,1)*INDEX($D$3:$AA$30,INDEX(Jesper!$R$2:$R$366,ROW(INDEX(Jesper!AJ$2:AJ$366,ROUNDDOWN($C4371/24,0)+1,1))-1)+IF('Standard Profiles'!$G$20=$B$10,7,0)+IF('Standard Profiles'!$G$20=$B$17,14,0)+IF('Standard Profiles'!$G$20=$B$24,21,0),MOD($C4371,24)+1)/SUM(INDEX($D$3:$AA$30,INDEX(Jesper!$R$2:$R$366,ROW(INDEX(Jesper!AJ$2:AJ$366,ROUNDDOWN($C4371/24,0)+1,1))-1)+IF('Standard Profiles'!$G$20=$B$10,7,0)+IF('Standard Profiles'!$G$20=$B$17,14,0)+IF('Standard Profiles'!$G$20=$B$24,21,0),0)),0)</f>
        <v>0</v>
      </c>
      <c r="G4371" cm="1">
        <f t="array" ref="G4371">IFERROR(INDEX(Jesper!AK$2:AK$366,ROUNDDOWN($C4371/24,0)+1,1)*INDEX($D$3:$AA$30,INDEX(Jesper!$R$2:$R$366,ROW(INDEX(Jesper!AK$2:AK$366,ROUNDDOWN($C4371/24,0)+1,1))-1)+IF('Standard Profiles'!$G$21=$B$10,7,0)+IF('Standard Profiles'!$G$21=$B$17,14,0)+IF('Standard Profiles'!$G$21=$B$24,21,0),MOD($C4371,24)+1)/SUM(INDEX($D$3:$AA$30,INDEX(Jesper!$R$2:$R$366,ROW(INDEX(Jesper!AK$2:AK$366,ROUNDDOWN($C4371/24,0)+1,1))-1)+IF('Standard Profiles'!$G$21=$B$10,7,0)+IF('Standard Profiles'!$G$21=$B$17,14,0)+IF('Standard Profiles'!$G$21=$B$24,21,0),0)),0)</f>
        <v>0</v>
      </c>
      <c r="H4371" cm="1">
        <f t="array" ref="H4371">IFERROR(INDEX(Jesper!AL$2:AL$366,ROUNDDOWN($C4371/24,0)+1,1)*INDEX($D$3:$AA$30,INDEX(Jesper!$R$2:$R$366,ROW(INDEX(Jesper!AL$2:AL$366,ROUNDDOWN($C4371/24,0)+1,1))-1)+IF('Standard Profiles'!$G$22=$B$10,7,0)+IF('Standard Profiles'!$G$22=$B$17,14,0)+IF('Standard Profiles'!$G$22=$B$24,21,0),MOD($C4371,24)+1)/SUM(INDEX($D$3:$AA$30,INDEX(Jesper!$R$2:$R$366,ROW(INDEX(Jesper!AL$2:AL$366,ROUNDDOWN($C4371/24,0)+1,1))-1)+IF('Standard Profiles'!$G$22=$B$10,7,0)+IF('Standard Profiles'!$G$22=$B$17,14,0)+IF('Standard Profiles'!$G$22=$B$24,21,0),0)),0)</f>
        <v>0</v>
      </c>
      <c r="I4371">
        <f t="shared" si="489"/>
        <v>0</v>
      </c>
      <c r="J4371">
        <f t="shared" si="490"/>
        <v>9.9176722832969908</v>
      </c>
      <c r="K4371">
        <f t="shared" si="491"/>
        <v>0.85542788691982163</v>
      </c>
      <c r="L4371">
        <f t="shared" si="492"/>
        <v>0.42771394345991082</v>
      </c>
      <c r="M4371">
        <f t="shared" si="493"/>
        <v>0</v>
      </c>
      <c r="N4371" s="45">
        <f t="shared" si="494"/>
        <v>45107.708333322815</v>
      </c>
    </row>
    <row r="4372" spans="2:14" x14ac:dyDescent="0.25">
      <c r="B4372">
        <f t="shared" si="488"/>
        <v>5</v>
      </c>
      <c r="C4372" s="16">
        <v>4338</v>
      </c>
      <c r="D4372" cm="1">
        <f t="array" ref="D4372">IFERROR(INDEX(Jesper!AH$2:AH$366,ROUNDDOWN($C4372/24,0)+1,1)*INDEX($D$3:$AA$30,INDEX(Jesper!$R$2:$R$366,ROW(INDEX(Jesper!AH$2:AH$366,ROUNDDOWN($C4372/24,0)+1,1))-1)+IF('Standard Profiles'!$G$18=$B$10,7,0)+IF('Standard Profiles'!$G$18=$B$17,14,0)+IF('Standard Profiles'!$G$18=$B$24,21,0),MOD($C4372,24)+1)/SUM(INDEX($D$3:$AA$30,INDEX(Jesper!$R$2:$R$366,ROW(INDEX(Jesper!AH$2:AH$366,ROUNDDOWN($C4372/24,0)+1,1))-1)+IF('Standard Profiles'!$G$18=$B$10,7,0)+IF('Standard Profiles'!$G$18=$B$17,14,0)+IF('Standard Profiles'!$G$18=$B$24,21,0),0)),0)</f>
        <v>5.1034050071921175</v>
      </c>
      <c r="E4372" cm="1">
        <f t="array" ref="E4372">IFERROR(INDEX(Jesper!AI$2:AI$366,ROUNDDOWN($C4372/24,0)+1,1)*INDEX($D$3:$AA$30,INDEX(Jesper!$R$2:$R$366,ROW(INDEX(Jesper!AI$2:AI$366,ROUNDDOWN($C4372/24,0)+1,1))-1)+IF('Standard Profiles'!$G$19=$B$10,7,0)+IF('Standard Profiles'!$G$19=$B$17,14,0)+IF('Standard Profiles'!$G$19=$B$24,21,0),MOD($C4372,24)+1)/SUM(INDEX($D$3:$AA$30,INDEX(Jesper!$R$2:$R$366,ROW(INDEX(Jesper!AI$2:AI$366,ROUNDDOWN($C4372/24,0)+1,1))-1)+IF('Standard Profiles'!$G$19=$B$10,7,0)+IF('Standard Profiles'!$G$19=$B$17,14,0)+IF('Standard Profiles'!$G$19=$B$24,21,0),0)),0)</f>
        <v>2.0243857924203428</v>
      </c>
      <c r="F4372" cm="1">
        <f t="array" ref="F4372">IFERROR(INDEX(Jesper!AJ$2:AJ$366,ROUNDDOWN($C4372/24,0)+1,1)*INDEX($D$3:$AA$30,INDEX(Jesper!$R$2:$R$366,ROW(INDEX(Jesper!AJ$2:AJ$366,ROUNDDOWN($C4372/24,0)+1,1))-1)+IF('Standard Profiles'!$G$20=$B$10,7,0)+IF('Standard Profiles'!$G$20=$B$17,14,0)+IF('Standard Profiles'!$G$20=$B$24,21,0),MOD($C4372,24)+1)/SUM(INDEX($D$3:$AA$30,INDEX(Jesper!$R$2:$R$366,ROW(INDEX(Jesper!AJ$2:AJ$366,ROUNDDOWN($C4372/24,0)+1,1))-1)+IF('Standard Profiles'!$G$20=$B$10,7,0)+IF('Standard Profiles'!$G$20=$B$17,14,0)+IF('Standard Profiles'!$G$20=$B$24,21,0),0)),0)</f>
        <v>0</v>
      </c>
      <c r="G4372" cm="1">
        <f t="array" ref="G4372">IFERROR(INDEX(Jesper!AK$2:AK$366,ROUNDDOWN($C4372/24,0)+1,1)*INDEX($D$3:$AA$30,INDEX(Jesper!$R$2:$R$366,ROW(INDEX(Jesper!AK$2:AK$366,ROUNDDOWN($C4372/24,0)+1,1))-1)+IF('Standard Profiles'!$G$21=$B$10,7,0)+IF('Standard Profiles'!$G$21=$B$17,14,0)+IF('Standard Profiles'!$G$21=$B$24,21,0),MOD($C4372,24)+1)/SUM(INDEX($D$3:$AA$30,INDEX(Jesper!$R$2:$R$366,ROW(INDEX(Jesper!AK$2:AK$366,ROUNDDOWN($C4372/24,0)+1,1))-1)+IF('Standard Profiles'!$G$21=$B$10,7,0)+IF('Standard Profiles'!$G$21=$B$17,14,0)+IF('Standard Profiles'!$G$21=$B$24,21,0),0)),0)</f>
        <v>0</v>
      </c>
      <c r="H4372" cm="1">
        <f t="array" ref="H4372">IFERROR(INDEX(Jesper!AL$2:AL$366,ROUNDDOWN($C4372/24,0)+1,1)*INDEX($D$3:$AA$30,INDEX(Jesper!$R$2:$R$366,ROW(INDEX(Jesper!AL$2:AL$366,ROUNDDOWN($C4372/24,0)+1,1))-1)+IF('Standard Profiles'!$G$22=$B$10,7,0)+IF('Standard Profiles'!$G$22=$B$17,14,0)+IF('Standard Profiles'!$G$22=$B$24,21,0),MOD($C4372,24)+1)/SUM(INDEX($D$3:$AA$30,INDEX(Jesper!$R$2:$R$366,ROW(INDEX(Jesper!AL$2:AL$366,ROUNDDOWN($C4372/24,0)+1,1))-1)+IF('Standard Profiles'!$G$22=$B$10,7,0)+IF('Standard Profiles'!$G$22=$B$17,14,0)+IF('Standard Profiles'!$G$22=$B$24,21,0),0)),0)</f>
        <v>0</v>
      </c>
      <c r="I4372">
        <f t="shared" si="489"/>
        <v>0</v>
      </c>
      <c r="J4372">
        <f t="shared" si="490"/>
        <v>6.3112459984617217</v>
      </c>
      <c r="K4372">
        <f t="shared" si="491"/>
        <v>0.54436320076715927</v>
      </c>
      <c r="L4372">
        <f t="shared" si="492"/>
        <v>0.27218160038357964</v>
      </c>
      <c r="M4372">
        <f t="shared" si="493"/>
        <v>0</v>
      </c>
      <c r="N4372" s="45">
        <f t="shared" si="494"/>
        <v>45107.749999989479</v>
      </c>
    </row>
    <row r="4373" spans="2:14" x14ac:dyDescent="0.25">
      <c r="B4373">
        <f t="shared" si="488"/>
        <v>5</v>
      </c>
      <c r="C4373" s="16">
        <v>4339</v>
      </c>
      <c r="D4373" cm="1">
        <f t="array" ref="D4373">IFERROR(INDEX(Jesper!AH$2:AH$366,ROUNDDOWN($C4373/24,0)+1,1)*INDEX($D$3:$AA$30,INDEX(Jesper!$R$2:$R$366,ROW(INDEX(Jesper!AH$2:AH$366,ROUNDDOWN($C4373/24,0)+1,1))-1)+IF('Standard Profiles'!$G$18=$B$10,7,0)+IF('Standard Profiles'!$G$18=$B$17,14,0)+IF('Standard Profiles'!$G$18=$B$24,21,0),MOD($C4373,24)+1)/SUM(INDEX($D$3:$AA$30,INDEX(Jesper!$R$2:$R$366,ROW(INDEX(Jesper!AH$2:AH$366,ROUNDDOWN($C4373/24,0)+1,1))-1)+IF('Standard Profiles'!$G$18=$B$10,7,0)+IF('Standard Profiles'!$G$18=$B$17,14,0)+IF('Standard Profiles'!$G$18=$B$24,21,0),0)),0)</f>
        <v>4.8603857211353505</v>
      </c>
      <c r="E4373" cm="1">
        <f t="array" ref="E4373">IFERROR(INDEX(Jesper!AI$2:AI$366,ROUNDDOWN($C4373/24,0)+1,1)*INDEX($D$3:$AA$30,INDEX(Jesper!$R$2:$R$366,ROW(INDEX(Jesper!AI$2:AI$366,ROUNDDOWN($C4373/24,0)+1,1))-1)+IF('Standard Profiles'!$G$19=$B$10,7,0)+IF('Standard Profiles'!$G$19=$B$17,14,0)+IF('Standard Profiles'!$G$19=$B$24,21,0),MOD($C4373,24)+1)/SUM(INDEX($D$3:$AA$30,INDEX(Jesper!$R$2:$R$366,ROW(INDEX(Jesper!AI$2:AI$366,ROUNDDOWN($C4373/24,0)+1,1))-1)+IF('Standard Profiles'!$G$19=$B$10,7,0)+IF('Standard Profiles'!$G$19=$B$17,14,0)+IF('Standard Profiles'!$G$19=$B$24,21,0),0)),0)</f>
        <v>1.9279864689717552</v>
      </c>
      <c r="F4373" cm="1">
        <f t="array" ref="F4373">IFERROR(INDEX(Jesper!AJ$2:AJ$366,ROUNDDOWN($C4373/24,0)+1,1)*INDEX($D$3:$AA$30,INDEX(Jesper!$R$2:$R$366,ROW(INDEX(Jesper!AJ$2:AJ$366,ROUNDDOWN($C4373/24,0)+1,1))-1)+IF('Standard Profiles'!$G$20=$B$10,7,0)+IF('Standard Profiles'!$G$20=$B$17,14,0)+IF('Standard Profiles'!$G$20=$B$24,21,0),MOD($C4373,24)+1)/SUM(INDEX($D$3:$AA$30,INDEX(Jesper!$R$2:$R$366,ROW(INDEX(Jesper!AJ$2:AJ$366,ROUNDDOWN($C4373/24,0)+1,1))-1)+IF('Standard Profiles'!$G$20=$B$10,7,0)+IF('Standard Profiles'!$G$20=$B$17,14,0)+IF('Standard Profiles'!$G$20=$B$24,21,0),0)),0)</f>
        <v>0</v>
      </c>
      <c r="G4373" cm="1">
        <f t="array" ref="G4373">IFERROR(INDEX(Jesper!AK$2:AK$366,ROUNDDOWN($C4373/24,0)+1,1)*INDEX($D$3:$AA$30,INDEX(Jesper!$R$2:$R$366,ROW(INDEX(Jesper!AK$2:AK$366,ROUNDDOWN($C4373/24,0)+1,1))-1)+IF('Standard Profiles'!$G$21=$B$10,7,0)+IF('Standard Profiles'!$G$21=$B$17,14,0)+IF('Standard Profiles'!$G$21=$B$24,21,0),MOD($C4373,24)+1)/SUM(INDEX($D$3:$AA$30,INDEX(Jesper!$R$2:$R$366,ROW(INDEX(Jesper!AK$2:AK$366,ROUNDDOWN($C4373/24,0)+1,1))-1)+IF('Standard Profiles'!$G$21=$B$10,7,0)+IF('Standard Profiles'!$G$21=$B$17,14,0)+IF('Standard Profiles'!$G$21=$B$24,21,0),0)),0)</f>
        <v>0</v>
      </c>
      <c r="H4373" cm="1">
        <f t="array" ref="H4373">IFERROR(INDEX(Jesper!AL$2:AL$366,ROUNDDOWN($C4373/24,0)+1,1)*INDEX($D$3:$AA$30,INDEX(Jesper!$R$2:$R$366,ROW(INDEX(Jesper!AL$2:AL$366,ROUNDDOWN($C4373/24,0)+1,1))-1)+IF('Standard Profiles'!$G$22=$B$10,7,0)+IF('Standard Profiles'!$G$22=$B$17,14,0)+IF('Standard Profiles'!$G$22=$B$24,21,0),MOD($C4373,24)+1)/SUM(INDEX($D$3:$AA$30,INDEX(Jesper!$R$2:$R$366,ROW(INDEX(Jesper!AL$2:AL$366,ROUNDDOWN($C4373/24,0)+1,1))-1)+IF('Standard Profiles'!$G$22=$B$10,7,0)+IF('Standard Profiles'!$G$22=$B$17,14,0)+IF('Standard Profiles'!$G$22=$B$24,21,0),0)),0)</f>
        <v>0</v>
      </c>
      <c r="I4373">
        <f t="shared" si="489"/>
        <v>0</v>
      </c>
      <c r="J4373">
        <f t="shared" si="490"/>
        <v>6.0107104747254496</v>
      </c>
      <c r="K4373">
        <f t="shared" si="491"/>
        <v>0.51844114358777071</v>
      </c>
      <c r="L4373">
        <f t="shared" si="492"/>
        <v>0.25922057179388536</v>
      </c>
      <c r="M4373">
        <f t="shared" si="493"/>
        <v>0</v>
      </c>
      <c r="N4373" s="45">
        <f t="shared" si="494"/>
        <v>45107.791666656143</v>
      </c>
    </row>
    <row r="4374" spans="2:14" x14ac:dyDescent="0.25">
      <c r="B4374">
        <f t="shared" si="488"/>
        <v>5</v>
      </c>
      <c r="C4374" s="16">
        <v>4340</v>
      </c>
      <c r="D4374" cm="1">
        <f t="array" ref="D4374">IFERROR(INDEX(Jesper!AH$2:AH$366,ROUNDDOWN($C4374/24,0)+1,1)*INDEX($D$3:$AA$30,INDEX(Jesper!$R$2:$R$366,ROW(INDEX(Jesper!AH$2:AH$366,ROUNDDOWN($C4374/24,0)+1,1))-1)+IF('Standard Profiles'!$G$18=$B$10,7,0)+IF('Standard Profiles'!$G$18=$B$17,14,0)+IF('Standard Profiles'!$G$18=$B$24,21,0),MOD($C4374,24)+1)/SUM(INDEX($D$3:$AA$30,INDEX(Jesper!$R$2:$R$366,ROW(INDEX(Jesper!AH$2:AH$366,ROUNDDOWN($C4374/24,0)+1,1))-1)+IF('Standard Profiles'!$G$18=$B$10,7,0)+IF('Standard Profiles'!$G$18=$B$17,14,0)+IF('Standard Profiles'!$G$18=$B$24,21,0),0)),0)</f>
        <v>4.8603857211353505</v>
      </c>
      <c r="E4374" cm="1">
        <f t="array" ref="E4374">IFERROR(INDEX(Jesper!AI$2:AI$366,ROUNDDOWN($C4374/24,0)+1,1)*INDEX($D$3:$AA$30,INDEX(Jesper!$R$2:$R$366,ROW(INDEX(Jesper!AI$2:AI$366,ROUNDDOWN($C4374/24,0)+1,1))-1)+IF('Standard Profiles'!$G$19=$B$10,7,0)+IF('Standard Profiles'!$G$19=$B$17,14,0)+IF('Standard Profiles'!$G$19=$B$24,21,0),MOD($C4374,24)+1)/SUM(INDEX($D$3:$AA$30,INDEX(Jesper!$R$2:$R$366,ROW(INDEX(Jesper!AI$2:AI$366,ROUNDDOWN($C4374/24,0)+1,1))-1)+IF('Standard Profiles'!$G$19=$B$10,7,0)+IF('Standard Profiles'!$G$19=$B$17,14,0)+IF('Standard Profiles'!$G$19=$B$24,21,0),0)),0)</f>
        <v>1.9279864689717552</v>
      </c>
      <c r="F4374" cm="1">
        <f t="array" ref="F4374">IFERROR(INDEX(Jesper!AJ$2:AJ$366,ROUNDDOWN($C4374/24,0)+1,1)*INDEX($D$3:$AA$30,INDEX(Jesper!$R$2:$R$366,ROW(INDEX(Jesper!AJ$2:AJ$366,ROUNDDOWN($C4374/24,0)+1,1))-1)+IF('Standard Profiles'!$G$20=$B$10,7,0)+IF('Standard Profiles'!$G$20=$B$17,14,0)+IF('Standard Profiles'!$G$20=$B$24,21,0),MOD($C4374,24)+1)/SUM(INDEX($D$3:$AA$30,INDEX(Jesper!$R$2:$R$366,ROW(INDEX(Jesper!AJ$2:AJ$366,ROUNDDOWN($C4374/24,0)+1,1))-1)+IF('Standard Profiles'!$G$20=$B$10,7,0)+IF('Standard Profiles'!$G$20=$B$17,14,0)+IF('Standard Profiles'!$G$20=$B$24,21,0),0)),0)</f>
        <v>0</v>
      </c>
      <c r="G4374" cm="1">
        <f t="array" ref="G4374">IFERROR(INDEX(Jesper!AK$2:AK$366,ROUNDDOWN($C4374/24,0)+1,1)*INDEX($D$3:$AA$30,INDEX(Jesper!$R$2:$R$366,ROW(INDEX(Jesper!AK$2:AK$366,ROUNDDOWN($C4374/24,0)+1,1))-1)+IF('Standard Profiles'!$G$21=$B$10,7,0)+IF('Standard Profiles'!$G$21=$B$17,14,0)+IF('Standard Profiles'!$G$21=$B$24,21,0),MOD($C4374,24)+1)/SUM(INDEX($D$3:$AA$30,INDEX(Jesper!$R$2:$R$366,ROW(INDEX(Jesper!AK$2:AK$366,ROUNDDOWN($C4374/24,0)+1,1))-1)+IF('Standard Profiles'!$G$21=$B$10,7,0)+IF('Standard Profiles'!$G$21=$B$17,14,0)+IF('Standard Profiles'!$G$21=$B$24,21,0),0)),0)</f>
        <v>0</v>
      </c>
      <c r="H4374" cm="1">
        <f t="array" ref="H4374">IFERROR(INDEX(Jesper!AL$2:AL$366,ROUNDDOWN($C4374/24,0)+1,1)*INDEX($D$3:$AA$30,INDEX(Jesper!$R$2:$R$366,ROW(INDEX(Jesper!AL$2:AL$366,ROUNDDOWN($C4374/24,0)+1,1))-1)+IF('Standard Profiles'!$G$22=$B$10,7,0)+IF('Standard Profiles'!$G$22=$B$17,14,0)+IF('Standard Profiles'!$G$22=$B$24,21,0),MOD($C4374,24)+1)/SUM(INDEX($D$3:$AA$30,INDEX(Jesper!$R$2:$R$366,ROW(INDEX(Jesper!AL$2:AL$366,ROUNDDOWN($C4374/24,0)+1,1))-1)+IF('Standard Profiles'!$G$22=$B$10,7,0)+IF('Standard Profiles'!$G$22=$B$17,14,0)+IF('Standard Profiles'!$G$22=$B$24,21,0),0)),0)</f>
        <v>0</v>
      </c>
      <c r="I4374">
        <f t="shared" si="489"/>
        <v>0</v>
      </c>
      <c r="J4374">
        <f t="shared" si="490"/>
        <v>6.0107104747254496</v>
      </c>
      <c r="K4374">
        <f t="shared" si="491"/>
        <v>0.51844114358777071</v>
      </c>
      <c r="L4374">
        <f t="shared" si="492"/>
        <v>0.25922057179388536</v>
      </c>
      <c r="M4374">
        <f t="shared" si="493"/>
        <v>0</v>
      </c>
      <c r="N4374" s="45">
        <f t="shared" si="494"/>
        <v>45107.833333322807</v>
      </c>
    </row>
    <row r="4375" spans="2:14" x14ac:dyDescent="0.25">
      <c r="B4375">
        <f t="shared" si="488"/>
        <v>5</v>
      </c>
      <c r="C4375" s="16">
        <v>4341</v>
      </c>
      <c r="D4375" cm="1">
        <f t="array" ref="D4375">IFERROR(INDEX(Jesper!AH$2:AH$366,ROUNDDOWN($C4375/24,0)+1,1)*INDEX($D$3:$AA$30,INDEX(Jesper!$R$2:$R$366,ROW(INDEX(Jesper!AH$2:AH$366,ROUNDDOWN($C4375/24,0)+1,1))-1)+IF('Standard Profiles'!$G$18=$B$10,7,0)+IF('Standard Profiles'!$G$18=$B$17,14,0)+IF('Standard Profiles'!$G$18=$B$24,21,0),MOD($C4375,24)+1)/SUM(INDEX($D$3:$AA$30,INDEX(Jesper!$R$2:$R$366,ROW(INDEX(Jesper!AH$2:AH$366,ROUNDDOWN($C4375/24,0)+1,1))-1)+IF('Standard Profiles'!$G$18=$B$10,7,0)+IF('Standard Profiles'!$G$18=$B$17,14,0)+IF('Standard Profiles'!$G$18=$B$24,21,0),0)),0)</f>
        <v>4.8603857211353505</v>
      </c>
      <c r="E4375" cm="1">
        <f t="array" ref="E4375">IFERROR(INDEX(Jesper!AI$2:AI$366,ROUNDDOWN($C4375/24,0)+1,1)*INDEX($D$3:$AA$30,INDEX(Jesper!$R$2:$R$366,ROW(INDEX(Jesper!AI$2:AI$366,ROUNDDOWN($C4375/24,0)+1,1))-1)+IF('Standard Profiles'!$G$19=$B$10,7,0)+IF('Standard Profiles'!$G$19=$B$17,14,0)+IF('Standard Profiles'!$G$19=$B$24,21,0),MOD($C4375,24)+1)/SUM(INDEX($D$3:$AA$30,INDEX(Jesper!$R$2:$R$366,ROW(INDEX(Jesper!AI$2:AI$366,ROUNDDOWN($C4375/24,0)+1,1))-1)+IF('Standard Profiles'!$G$19=$B$10,7,0)+IF('Standard Profiles'!$G$19=$B$17,14,0)+IF('Standard Profiles'!$G$19=$B$24,21,0),0)),0)</f>
        <v>1.9279864689717552</v>
      </c>
      <c r="F4375" cm="1">
        <f t="array" ref="F4375">IFERROR(INDEX(Jesper!AJ$2:AJ$366,ROUNDDOWN($C4375/24,0)+1,1)*INDEX($D$3:$AA$30,INDEX(Jesper!$R$2:$R$366,ROW(INDEX(Jesper!AJ$2:AJ$366,ROUNDDOWN($C4375/24,0)+1,1))-1)+IF('Standard Profiles'!$G$20=$B$10,7,0)+IF('Standard Profiles'!$G$20=$B$17,14,0)+IF('Standard Profiles'!$G$20=$B$24,21,0),MOD($C4375,24)+1)/SUM(INDEX($D$3:$AA$30,INDEX(Jesper!$R$2:$R$366,ROW(INDEX(Jesper!AJ$2:AJ$366,ROUNDDOWN($C4375/24,0)+1,1))-1)+IF('Standard Profiles'!$G$20=$B$10,7,0)+IF('Standard Profiles'!$G$20=$B$17,14,0)+IF('Standard Profiles'!$G$20=$B$24,21,0),0)),0)</f>
        <v>0</v>
      </c>
      <c r="G4375" cm="1">
        <f t="array" ref="G4375">IFERROR(INDEX(Jesper!AK$2:AK$366,ROUNDDOWN($C4375/24,0)+1,1)*INDEX($D$3:$AA$30,INDEX(Jesper!$R$2:$R$366,ROW(INDEX(Jesper!AK$2:AK$366,ROUNDDOWN($C4375/24,0)+1,1))-1)+IF('Standard Profiles'!$G$21=$B$10,7,0)+IF('Standard Profiles'!$G$21=$B$17,14,0)+IF('Standard Profiles'!$G$21=$B$24,21,0),MOD($C4375,24)+1)/SUM(INDEX($D$3:$AA$30,INDEX(Jesper!$R$2:$R$366,ROW(INDEX(Jesper!AK$2:AK$366,ROUNDDOWN($C4375/24,0)+1,1))-1)+IF('Standard Profiles'!$G$21=$B$10,7,0)+IF('Standard Profiles'!$G$21=$B$17,14,0)+IF('Standard Profiles'!$G$21=$B$24,21,0),0)),0)</f>
        <v>0</v>
      </c>
      <c r="H4375" cm="1">
        <f t="array" ref="H4375">IFERROR(INDEX(Jesper!AL$2:AL$366,ROUNDDOWN($C4375/24,0)+1,1)*INDEX($D$3:$AA$30,INDEX(Jesper!$R$2:$R$366,ROW(INDEX(Jesper!AL$2:AL$366,ROUNDDOWN($C4375/24,0)+1,1))-1)+IF('Standard Profiles'!$G$22=$B$10,7,0)+IF('Standard Profiles'!$G$22=$B$17,14,0)+IF('Standard Profiles'!$G$22=$B$24,21,0),MOD($C4375,24)+1)/SUM(INDEX($D$3:$AA$30,INDEX(Jesper!$R$2:$R$366,ROW(INDEX(Jesper!AL$2:AL$366,ROUNDDOWN($C4375/24,0)+1,1))-1)+IF('Standard Profiles'!$G$22=$B$10,7,0)+IF('Standard Profiles'!$G$22=$B$17,14,0)+IF('Standard Profiles'!$G$22=$B$24,21,0),0)),0)</f>
        <v>0</v>
      </c>
      <c r="I4375">
        <f t="shared" si="489"/>
        <v>0</v>
      </c>
      <c r="J4375">
        <f t="shared" si="490"/>
        <v>6.0107104747254496</v>
      </c>
      <c r="K4375">
        <f t="shared" si="491"/>
        <v>0.51844114358777071</v>
      </c>
      <c r="L4375">
        <f t="shared" si="492"/>
        <v>0.25922057179388536</v>
      </c>
      <c r="M4375">
        <f t="shared" si="493"/>
        <v>0</v>
      </c>
      <c r="N4375" s="45">
        <f t="shared" si="494"/>
        <v>45107.874999989472</v>
      </c>
    </row>
    <row r="4376" spans="2:14" x14ac:dyDescent="0.25">
      <c r="B4376">
        <f t="shared" si="488"/>
        <v>5</v>
      </c>
      <c r="C4376" s="16">
        <v>4342</v>
      </c>
      <c r="D4376" cm="1">
        <f t="array" ref="D4376">IFERROR(INDEX(Jesper!AH$2:AH$366,ROUNDDOWN($C4376/24,0)+1,1)*INDEX($D$3:$AA$30,INDEX(Jesper!$R$2:$R$366,ROW(INDEX(Jesper!AH$2:AH$366,ROUNDDOWN($C4376/24,0)+1,1))-1)+IF('Standard Profiles'!$G$18=$B$10,7,0)+IF('Standard Profiles'!$G$18=$B$17,14,0)+IF('Standard Profiles'!$G$18=$B$24,21,0),MOD($C4376,24)+1)/SUM(INDEX($D$3:$AA$30,INDEX(Jesper!$R$2:$R$366,ROW(INDEX(Jesper!AH$2:AH$366,ROUNDDOWN($C4376/24,0)+1,1))-1)+IF('Standard Profiles'!$G$18=$B$10,7,0)+IF('Standard Profiles'!$G$18=$B$17,14,0)+IF('Standard Profiles'!$G$18=$B$24,21,0),0)),0)</f>
        <v>4.8603857211353505</v>
      </c>
      <c r="E4376" cm="1">
        <f t="array" ref="E4376">IFERROR(INDEX(Jesper!AI$2:AI$366,ROUNDDOWN($C4376/24,0)+1,1)*INDEX($D$3:$AA$30,INDEX(Jesper!$R$2:$R$366,ROW(INDEX(Jesper!AI$2:AI$366,ROUNDDOWN($C4376/24,0)+1,1))-1)+IF('Standard Profiles'!$G$19=$B$10,7,0)+IF('Standard Profiles'!$G$19=$B$17,14,0)+IF('Standard Profiles'!$G$19=$B$24,21,0),MOD($C4376,24)+1)/SUM(INDEX($D$3:$AA$30,INDEX(Jesper!$R$2:$R$366,ROW(INDEX(Jesper!AI$2:AI$366,ROUNDDOWN($C4376/24,0)+1,1))-1)+IF('Standard Profiles'!$G$19=$B$10,7,0)+IF('Standard Profiles'!$G$19=$B$17,14,0)+IF('Standard Profiles'!$G$19=$B$24,21,0),0)),0)</f>
        <v>1.9279864689717552</v>
      </c>
      <c r="F4376" cm="1">
        <f t="array" ref="F4376">IFERROR(INDEX(Jesper!AJ$2:AJ$366,ROUNDDOWN($C4376/24,0)+1,1)*INDEX($D$3:$AA$30,INDEX(Jesper!$R$2:$R$366,ROW(INDEX(Jesper!AJ$2:AJ$366,ROUNDDOWN($C4376/24,0)+1,1))-1)+IF('Standard Profiles'!$G$20=$B$10,7,0)+IF('Standard Profiles'!$G$20=$B$17,14,0)+IF('Standard Profiles'!$G$20=$B$24,21,0),MOD($C4376,24)+1)/SUM(INDEX($D$3:$AA$30,INDEX(Jesper!$R$2:$R$366,ROW(INDEX(Jesper!AJ$2:AJ$366,ROUNDDOWN($C4376/24,0)+1,1))-1)+IF('Standard Profiles'!$G$20=$B$10,7,0)+IF('Standard Profiles'!$G$20=$B$17,14,0)+IF('Standard Profiles'!$G$20=$B$24,21,0),0)),0)</f>
        <v>0</v>
      </c>
      <c r="G4376" cm="1">
        <f t="array" ref="G4376">IFERROR(INDEX(Jesper!AK$2:AK$366,ROUNDDOWN($C4376/24,0)+1,1)*INDEX($D$3:$AA$30,INDEX(Jesper!$R$2:$R$366,ROW(INDEX(Jesper!AK$2:AK$366,ROUNDDOWN($C4376/24,0)+1,1))-1)+IF('Standard Profiles'!$G$21=$B$10,7,0)+IF('Standard Profiles'!$G$21=$B$17,14,0)+IF('Standard Profiles'!$G$21=$B$24,21,0),MOD($C4376,24)+1)/SUM(INDEX($D$3:$AA$30,INDEX(Jesper!$R$2:$R$366,ROW(INDEX(Jesper!AK$2:AK$366,ROUNDDOWN($C4376/24,0)+1,1))-1)+IF('Standard Profiles'!$G$21=$B$10,7,0)+IF('Standard Profiles'!$G$21=$B$17,14,0)+IF('Standard Profiles'!$G$21=$B$24,21,0),0)),0)</f>
        <v>0</v>
      </c>
      <c r="H4376" cm="1">
        <f t="array" ref="H4376">IFERROR(INDEX(Jesper!AL$2:AL$366,ROUNDDOWN($C4376/24,0)+1,1)*INDEX($D$3:$AA$30,INDEX(Jesper!$R$2:$R$366,ROW(INDEX(Jesper!AL$2:AL$366,ROUNDDOWN($C4376/24,0)+1,1))-1)+IF('Standard Profiles'!$G$22=$B$10,7,0)+IF('Standard Profiles'!$G$22=$B$17,14,0)+IF('Standard Profiles'!$G$22=$B$24,21,0),MOD($C4376,24)+1)/SUM(INDEX($D$3:$AA$30,INDEX(Jesper!$R$2:$R$366,ROW(INDEX(Jesper!AL$2:AL$366,ROUNDDOWN($C4376/24,0)+1,1))-1)+IF('Standard Profiles'!$G$22=$B$10,7,0)+IF('Standard Profiles'!$G$22=$B$17,14,0)+IF('Standard Profiles'!$G$22=$B$24,21,0),0)),0)</f>
        <v>0</v>
      </c>
      <c r="I4376">
        <f t="shared" si="489"/>
        <v>0</v>
      </c>
      <c r="J4376">
        <f t="shared" si="490"/>
        <v>6.0107104747254496</v>
      </c>
      <c r="K4376">
        <f t="shared" si="491"/>
        <v>0.51844114358777071</v>
      </c>
      <c r="L4376">
        <f t="shared" si="492"/>
        <v>0.25922057179388536</v>
      </c>
      <c r="M4376">
        <f t="shared" si="493"/>
        <v>0</v>
      </c>
      <c r="N4376" s="45">
        <f t="shared" si="494"/>
        <v>45107.916666656136</v>
      </c>
    </row>
    <row r="4377" spans="2:14" x14ac:dyDescent="0.25">
      <c r="B4377">
        <f t="shared" si="488"/>
        <v>5</v>
      </c>
      <c r="C4377" s="16">
        <v>4343</v>
      </c>
      <c r="D4377" cm="1">
        <f t="array" ref="D4377">IFERROR(INDEX(Jesper!AH$2:AH$366,ROUNDDOWN($C4377/24,0)+1,1)*INDEX($D$3:$AA$30,INDEX(Jesper!$R$2:$R$366,ROW(INDEX(Jesper!AH$2:AH$366,ROUNDDOWN($C4377/24,0)+1,1))-1)+IF('Standard Profiles'!$G$18=$B$10,7,0)+IF('Standard Profiles'!$G$18=$B$17,14,0)+IF('Standard Profiles'!$G$18=$B$24,21,0),MOD($C4377,24)+1)/SUM(INDEX($D$3:$AA$30,INDEX(Jesper!$R$2:$R$366,ROW(INDEX(Jesper!AH$2:AH$366,ROUNDDOWN($C4377/24,0)+1,1))-1)+IF('Standard Profiles'!$G$18=$B$10,7,0)+IF('Standard Profiles'!$G$18=$B$17,14,0)+IF('Standard Profiles'!$G$18=$B$24,21,0),0)),0)</f>
        <v>4.8603857211353505</v>
      </c>
      <c r="E4377" cm="1">
        <f t="array" ref="E4377">IFERROR(INDEX(Jesper!AI$2:AI$366,ROUNDDOWN($C4377/24,0)+1,1)*INDEX($D$3:$AA$30,INDEX(Jesper!$R$2:$R$366,ROW(INDEX(Jesper!AI$2:AI$366,ROUNDDOWN($C4377/24,0)+1,1))-1)+IF('Standard Profiles'!$G$19=$B$10,7,0)+IF('Standard Profiles'!$G$19=$B$17,14,0)+IF('Standard Profiles'!$G$19=$B$24,21,0),MOD($C4377,24)+1)/SUM(INDEX($D$3:$AA$30,INDEX(Jesper!$R$2:$R$366,ROW(INDEX(Jesper!AI$2:AI$366,ROUNDDOWN($C4377/24,0)+1,1))-1)+IF('Standard Profiles'!$G$19=$B$10,7,0)+IF('Standard Profiles'!$G$19=$B$17,14,0)+IF('Standard Profiles'!$G$19=$B$24,21,0),0)),0)</f>
        <v>1.9279864689717552</v>
      </c>
      <c r="F4377" cm="1">
        <f t="array" ref="F4377">IFERROR(INDEX(Jesper!AJ$2:AJ$366,ROUNDDOWN($C4377/24,0)+1,1)*INDEX($D$3:$AA$30,INDEX(Jesper!$R$2:$R$366,ROW(INDEX(Jesper!AJ$2:AJ$366,ROUNDDOWN($C4377/24,0)+1,1))-1)+IF('Standard Profiles'!$G$20=$B$10,7,0)+IF('Standard Profiles'!$G$20=$B$17,14,0)+IF('Standard Profiles'!$G$20=$B$24,21,0),MOD($C4377,24)+1)/SUM(INDEX($D$3:$AA$30,INDEX(Jesper!$R$2:$R$366,ROW(INDEX(Jesper!AJ$2:AJ$366,ROUNDDOWN($C4377/24,0)+1,1))-1)+IF('Standard Profiles'!$G$20=$B$10,7,0)+IF('Standard Profiles'!$G$20=$B$17,14,0)+IF('Standard Profiles'!$G$20=$B$24,21,0),0)),0)</f>
        <v>0</v>
      </c>
      <c r="G4377" cm="1">
        <f t="array" ref="G4377">IFERROR(INDEX(Jesper!AK$2:AK$366,ROUNDDOWN($C4377/24,0)+1,1)*INDEX($D$3:$AA$30,INDEX(Jesper!$R$2:$R$366,ROW(INDEX(Jesper!AK$2:AK$366,ROUNDDOWN($C4377/24,0)+1,1))-1)+IF('Standard Profiles'!$G$21=$B$10,7,0)+IF('Standard Profiles'!$G$21=$B$17,14,0)+IF('Standard Profiles'!$G$21=$B$24,21,0),MOD($C4377,24)+1)/SUM(INDEX($D$3:$AA$30,INDEX(Jesper!$R$2:$R$366,ROW(INDEX(Jesper!AK$2:AK$366,ROUNDDOWN($C4377/24,0)+1,1))-1)+IF('Standard Profiles'!$G$21=$B$10,7,0)+IF('Standard Profiles'!$G$21=$B$17,14,0)+IF('Standard Profiles'!$G$21=$B$24,21,0),0)),0)</f>
        <v>0</v>
      </c>
      <c r="H4377" cm="1">
        <f t="array" ref="H4377">IFERROR(INDEX(Jesper!AL$2:AL$366,ROUNDDOWN($C4377/24,0)+1,1)*INDEX($D$3:$AA$30,INDEX(Jesper!$R$2:$R$366,ROW(INDEX(Jesper!AL$2:AL$366,ROUNDDOWN($C4377/24,0)+1,1))-1)+IF('Standard Profiles'!$G$22=$B$10,7,0)+IF('Standard Profiles'!$G$22=$B$17,14,0)+IF('Standard Profiles'!$G$22=$B$24,21,0),MOD($C4377,24)+1)/SUM(INDEX($D$3:$AA$30,INDEX(Jesper!$R$2:$R$366,ROW(INDEX(Jesper!AL$2:AL$366,ROUNDDOWN($C4377/24,0)+1,1))-1)+IF('Standard Profiles'!$G$22=$B$10,7,0)+IF('Standard Profiles'!$G$22=$B$17,14,0)+IF('Standard Profiles'!$G$22=$B$24,21,0),0)),0)</f>
        <v>0</v>
      </c>
      <c r="I4377">
        <f t="shared" si="489"/>
        <v>0</v>
      </c>
      <c r="J4377">
        <f t="shared" si="490"/>
        <v>6.0107104747254496</v>
      </c>
      <c r="K4377">
        <f t="shared" si="491"/>
        <v>0.51844114358777071</v>
      </c>
      <c r="L4377">
        <f t="shared" si="492"/>
        <v>0.25922057179388536</v>
      </c>
      <c r="M4377">
        <f t="shared" si="493"/>
        <v>0</v>
      </c>
      <c r="N4377" s="45">
        <f t="shared" si="494"/>
        <v>45107.9583333228</v>
      </c>
    </row>
    <row r="4378" spans="2:14" x14ac:dyDescent="0.25">
      <c r="B4378">
        <f t="shared" si="488"/>
        <v>6</v>
      </c>
      <c r="C4378" s="16">
        <v>4344</v>
      </c>
      <c r="D4378" cm="1">
        <f t="array" ref="D4378">IFERROR(INDEX(Jesper!AH$2:AH$366,ROUNDDOWN($C4378/24,0)+1,1)*INDEX($D$3:$AA$30,INDEX(Jesper!$R$2:$R$366,ROW(INDEX(Jesper!AH$2:AH$366,ROUNDDOWN($C4378/24,0)+1,1))-1)+IF('Standard Profiles'!$G$18=$B$10,7,0)+IF('Standard Profiles'!$G$18=$B$17,14,0)+IF('Standard Profiles'!$G$18=$B$24,21,0),MOD($C4378,24)+1)/SUM(INDEX($D$3:$AA$30,INDEX(Jesper!$R$2:$R$366,ROW(INDEX(Jesper!AH$2:AH$366,ROUNDDOWN($C4378/24,0)+1,1))-1)+IF('Standard Profiles'!$G$18=$B$10,7,0)+IF('Standard Profiles'!$G$18=$B$17,14,0)+IF('Standard Profiles'!$G$18=$B$24,21,0),0)),0)</f>
        <v>0</v>
      </c>
      <c r="E4378" cm="1">
        <f t="array" ref="E4378">IFERROR(INDEX(Jesper!AI$2:AI$366,ROUNDDOWN($C4378/24,0)+1,1)*INDEX($D$3:$AA$30,INDEX(Jesper!$R$2:$R$366,ROW(INDEX(Jesper!AI$2:AI$366,ROUNDDOWN($C4378/24,0)+1,1))-1)+IF('Standard Profiles'!$G$19=$B$10,7,0)+IF('Standard Profiles'!$G$19=$B$17,14,0)+IF('Standard Profiles'!$G$19=$B$24,21,0),MOD($C4378,24)+1)/SUM(INDEX($D$3:$AA$30,INDEX(Jesper!$R$2:$R$366,ROW(INDEX(Jesper!AI$2:AI$366,ROUNDDOWN($C4378/24,0)+1,1))-1)+IF('Standard Profiles'!$G$19=$B$10,7,0)+IF('Standard Profiles'!$G$19=$B$17,14,0)+IF('Standard Profiles'!$G$19=$B$24,21,0),0)),0)</f>
        <v>3.015183152404489</v>
      </c>
      <c r="F4378" cm="1">
        <f t="array" ref="F4378">IFERROR(INDEX(Jesper!AJ$2:AJ$366,ROUNDDOWN($C4378/24,0)+1,1)*INDEX($D$3:$AA$30,INDEX(Jesper!$R$2:$R$366,ROW(INDEX(Jesper!AJ$2:AJ$366,ROUNDDOWN($C4378/24,0)+1,1))-1)+IF('Standard Profiles'!$G$20=$B$10,7,0)+IF('Standard Profiles'!$G$20=$B$17,14,0)+IF('Standard Profiles'!$G$20=$B$24,21,0),MOD($C4378,24)+1)/SUM(INDEX($D$3:$AA$30,INDEX(Jesper!$R$2:$R$366,ROW(INDEX(Jesper!AJ$2:AJ$366,ROUNDDOWN($C4378/24,0)+1,1))-1)+IF('Standard Profiles'!$G$20=$B$10,7,0)+IF('Standard Profiles'!$G$20=$B$17,14,0)+IF('Standard Profiles'!$G$20=$B$24,21,0),0)),0)</f>
        <v>1.2585425313399043</v>
      </c>
      <c r="G4378" cm="1">
        <f t="array" ref="G4378">IFERROR(INDEX(Jesper!AK$2:AK$366,ROUNDDOWN($C4378/24,0)+1,1)*INDEX($D$3:$AA$30,INDEX(Jesper!$R$2:$R$366,ROW(INDEX(Jesper!AK$2:AK$366,ROUNDDOWN($C4378/24,0)+1,1))-1)+IF('Standard Profiles'!$G$21=$B$10,7,0)+IF('Standard Profiles'!$G$21=$B$17,14,0)+IF('Standard Profiles'!$G$21=$B$24,21,0),MOD($C4378,24)+1)/SUM(INDEX($D$3:$AA$30,INDEX(Jesper!$R$2:$R$366,ROW(INDEX(Jesper!AK$2:AK$366,ROUNDDOWN($C4378/24,0)+1,1))-1)+IF('Standard Profiles'!$G$21=$B$10,7,0)+IF('Standard Profiles'!$G$21=$B$17,14,0)+IF('Standard Profiles'!$G$21=$B$24,21,0),0)),0)</f>
        <v>0.62276431137507005</v>
      </c>
      <c r="H4378" cm="1">
        <f t="array" ref="H4378">IFERROR(INDEX(Jesper!AL$2:AL$366,ROUNDDOWN($C4378/24,0)+1,1)*INDEX($D$3:$AA$30,INDEX(Jesper!$R$2:$R$366,ROW(INDEX(Jesper!AL$2:AL$366,ROUNDDOWN($C4378/24,0)+1,1))-1)+IF('Standard Profiles'!$G$22=$B$10,7,0)+IF('Standard Profiles'!$G$22=$B$17,14,0)+IF('Standard Profiles'!$G$22=$B$24,21,0),MOD($C4378,24)+1)/SUM(INDEX($D$3:$AA$30,INDEX(Jesper!$R$2:$R$366,ROW(INDEX(Jesper!AL$2:AL$366,ROUNDDOWN($C4378/24,0)+1,1))-1)+IF('Standard Profiles'!$G$22=$B$10,7,0)+IF('Standard Profiles'!$G$22=$B$17,14,0)+IF('Standard Profiles'!$G$22=$B$24,21,0),0)),0)</f>
        <v>9.6130544815614227E-2</v>
      </c>
      <c r="I4378">
        <f t="shared" si="489"/>
        <v>9.228532302298971E-2</v>
      </c>
      <c r="J4378">
        <f t="shared" si="490"/>
        <v>4.5385132386235494</v>
      </c>
      <c r="K4378">
        <f t="shared" si="491"/>
        <v>0.24121465219235913</v>
      </c>
      <c r="L4378">
        <f t="shared" si="492"/>
        <v>0.12060732609617957</v>
      </c>
      <c r="M4378">
        <f t="shared" si="493"/>
        <v>0</v>
      </c>
      <c r="N4378" s="45">
        <f t="shared" si="494"/>
        <v>45107.999999989464</v>
      </c>
    </row>
    <row r="4379" spans="2:14" x14ac:dyDescent="0.25">
      <c r="B4379">
        <f t="shared" si="488"/>
        <v>6</v>
      </c>
      <c r="C4379" s="16">
        <v>4345</v>
      </c>
      <c r="D4379" cm="1">
        <f t="array" ref="D4379">IFERROR(INDEX(Jesper!AH$2:AH$366,ROUNDDOWN($C4379/24,0)+1,1)*INDEX($D$3:$AA$30,INDEX(Jesper!$R$2:$R$366,ROW(INDEX(Jesper!AH$2:AH$366,ROUNDDOWN($C4379/24,0)+1,1))-1)+IF('Standard Profiles'!$G$18=$B$10,7,0)+IF('Standard Profiles'!$G$18=$B$17,14,0)+IF('Standard Profiles'!$G$18=$B$24,21,0),MOD($C4379,24)+1)/SUM(INDEX($D$3:$AA$30,INDEX(Jesper!$R$2:$R$366,ROW(INDEX(Jesper!AH$2:AH$366,ROUNDDOWN($C4379/24,0)+1,1))-1)+IF('Standard Profiles'!$G$18=$B$10,7,0)+IF('Standard Profiles'!$G$18=$B$17,14,0)+IF('Standard Profiles'!$G$18=$B$24,21,0),0)),0)</f>
        <v>0</v>
      </c>
      <c r="E4379" cm="1">
        <f t="array" ref="E4379">IFERROR(INDEX(Jesper!AI$2:AI$366,ROUNDDOWN($C4379/24,0)+1,1)*INDEX($D$3:$AA$30,INDEX(Jesper!$R$2:$R$366,ROW(INDEX(Jesper!AI$2:AI$366,ROUNDDOWN($C4379/24,0)+1,1))-1)+IF('Standard Profiles'!$G$19=$B$10,7,0)+IF('Standard Profiles'!$G$19=$B$17,14,0)+IF('Standard Profiles'!$G$19=$B$24,21,0),MOD($C4379,24)+1)/SUM(INDEX($D$3:$AA$30,INDEX(Jesper!$R$2:$R$366,ROW(INDEX(Jesper!AI$2:AI$366,ROUNDDOWN($C4379/24,0)+1,1))-1)+IF('Standard Profiles'!$G$19=$B$10,7,0)+IF('Standard Profiles'!$G$19=$B$17,14,0)+IF('Standard Profiles'!$G$19=$B$24,21,0),0)),0)</f>
        <v>2.7136648371640399</v>
      </c>
      <c r="F4379" cm="1">
        <f t="array" ref="F4379">IFERROR(INDEX(Jesper!AJ$2:AJ$366,ROUNDDOWN($C4379/24,0)+1,1)*INDEX($D$3:$AA$30,INDEX(Jesper!$R$2:$R$366,ROW(INDEX(Jesper!AJ$2:AJ$366,ROUNDDOWN($C4379/24,0)+1,1))-1)+IF('Standard Profiles'!$G$20=$B$10,7,0)+IF('Standard Profiles'!$G$20=$B$17,14,0)+IF('Standard Profiles'!$G$20=$B$24,21,0),MOD($C4379,24)+1)/SUM(INDEX($D$3:$AA$30,INDEX(Jesper!$R$2:$R$366,ROW(INDEX(Jesper!AJ$2:AJ$366,ROUNDDOWN($C4379/24,0)+1,1))-1)+IF('Standard Profiles'!$G$20=$B$10,7,0)+IF('Standard Profiles'!$G$20=$B$17,14,0)+IF('Standard Profiles'!$G$20=$B$24,21,0),0)),0)</f>
        <v>1.1326882782059138</v>
      </c>
      <c r="G4379" cm="1">
        <f t="array" ref="G4379">IFERROR(INDEX(Jesper!AK$2:AK$366,ROUNDDOWN($C4379/24,0)+1,1)*INDEX($D$3:$AA$30,INDEX(Jesper!$R$2:$R$366,ROW(INDEX(Jesper!AK$2:AK$366,ROUNDDOWN($C4379/24,0)+1,1))-1)+IF('Standard Profiles'!$G$21=$B$10,7,0)+IF('Standard Profiles'!$G$21=$B$17,14,0)+IF('Standard Profiles'!$G$21=$B$24,21,0),MOD($C4379,24)+1)/SUM(INDEX($D$3:$AA$30,INDEX(Jesper!$R$2:$R$366,ROW(INDEX(Jesper!AK$2:AK$366,ROUNDDOWN($C4379/24,0)+1,1))-1)+IF('Standard Profiles'!$G$21=$B$10,7,0)+IF('Standard Profiles'!$G$21=$B$17,14,0)+IF('Standard Profiles'!$G$21=$B$24,21,0),0)),0)</f>
        <v>0.62276431137507005</v>
      </c>
      <c r="H4379" cm="1">
        <f t="array" ref="H4379">IFERROR(INDEX(Jesper!AL$2:AL$366,ROUNDDOWN($C4379/24,0)+1,1)*INDEX($D$3:$AA$30,INDEX(Jesper!$R$2:$R$366,ROW(INDEX(Jesper!AL$2:AL$366,ROUNDDOWN($C4379/24,0)+1,1))-1)+IF('Standard Profiles'!$G$22=$B$10,7,0)+IF('Standard Profiles'!$G$22=$B$17,14,0)+IF('Standard Profiles'!$G$22=$B$24,21,0),MOD($C4379,24)+1)/SUM(INDEX($D$3:$AA$30,INDEX(Jesper!$R$2:$R$366,ROW(INDEX(Jesper!AL$2:AL$366,ROUNDDOWN($C4379/24,0)+1,1))-1)+IF('Standard Profiles'!$G$22=$B$10,7,0)+IF('Standard Profiles'!$G$22=$B$17,14,0)+IF('Standard Profiles'!$G$22=$B$24,21,0),0)),0)</f>
        <v>0.18768344464000877</v>
      </c>
      <c r="I4379">
        <f t="shared" si="489"/>
        <v>0.18017610685440852</v>
      </c>
      <c r="J4379">
        <f t="shared" si="490"/>
        <v>4.1509849840709387</v>
      </c>
      <c r="K4379">
        <f t="shared" si="491"/>
        <v>0.21709318697312319</v>
      </c>
      <c r="L4379">
        <f t="shared" si="492"/>
        <v>0.10854659348656159</v>
      </c>
      <c r="M4379">
        <f t="shared" si="493"/>
        <v>0</v>
      </c>
      <c r="N4379" s="45">
        <f t="shared" si="494"/>
        <v>45108.041666656129</v>
      </c>
    </row>
    <row r="4380" spans="2:14" x14ac:dyDescent="0.25">
      <c r="B4380">
        <f t="shared" si="488"/>
        <v>6</v>
      </c>
      <c r="C4380" s="16">
        <v>4346</v>
      </c>
      <c r="D4380" cm="1">
        <f t="array" ref="D4380">IFERROR(INDEX(Jesper!AH$2:AH$366,ROUNDDOWN($C4380/24,0)+1,1)*INDEX($D$3:$AA$30,INDEX(Jesper!$R$2:$R$366,ROW(INDEX(Jesper!AH$2:AH$366,ROUNDDOWN($C4380/24,0)+1,1))-1)+IF('Standard Profiles'!$G$18=$B$10,7,0)+IF('Standard Profiles'!$G$18=$B$17,14,0)+IF('Standard Profiles'!$G$18=$B$24,21,0),MOD($C4380,24)+1)/SUM(INDEX($D$3:$AA$30,INDEX(Jesper!$R$2:$R$366,ROW(INDEX(Jesper!AH$2:AH$366,ROUNDDOWN($C4380/24,0)+1,1))-1)+IF('Standard Profiles'!$G$18=$B$10,7,0)+IF('Standard Profiles'!$G$18=$B$17,14,0)+IF('Standard Profiles'!$G$18=$B$24,21,0),0)),0)</f>
        <v>0</v>
      </c>
      <c r="E4380" cm="1">
        <f t="array" ref="E4380">IFERROR(INDEX(Jesper!AI$2:AI$366,ROUNDDOWN($C4380/24,0)+1,1)*INDEX($D$3:$AA$30,INDEX(Jesper!$R$2:$R$366,ROW(INDEX(Jesper!AI$2:AI$366,ROUNDDOWN($C4380/24,0)+1,1))-1)+IF('Standard Profiles'!$G$19=$B$10,7,0)+IF('Standard Profiles'!$G$19=$B$17,14,0)+IF('Standard Profiles'!$G$19=$B$24,21,0),MOD($C4380,24)+1)/SUM(INDEX($D$3:$AA$30,INDEX(Jesper!$R$2:$R$366,ROW(INDEX(Jesper!AI$2:AI$366,ROUNDDOWN($C4380/24,0)+1,1))-1)+IF('Standard Profiles'!$G$19=$B$10,7,0)+IF('Standard Profiles'!$G$19=$B$17,14,0)+IF('Standard Profiles'!$G$19=$B$24,21,0),0)),0)</f>
        <v>2.7136648371640399</v>
      </c>
      <c r="F4380" cm="1">
        <f t="array" ref="F4380">IFERROR(INDEX(Jesper!AJ$2:AJ$366,ROUNDDOWN($C4380/24,0)+1,1)*INDEX($D$3:$AA$30,INDEX(Jesper!$R$2:$R$366,ROW(INDEX(Jesper!AJ$2:AJ$366,ROUNDDOWN($C4380/24,0)+1,1))-1)+IF('Standard Profiles'!$G$20=$B$10,7,0)+IF('Standard Profiles'!$G$20=$B$17,14,0)+IF('Standard Profiles'!$G$20=$B$24,21,0),MOD($C4380,24)+1)/SUM(INDEX($D$3:$AA$30,INDEX(Jesper!$R$2:$R$366,ROW(INDEX(Jesper!AJ$2:AJ$366,ROUNDDOWN($C4380/24,0)+1,1))-1)+IF('Standard Profiles'!$G$20=$B$10,7,0)+IF('Standard Profiles'!$G$20=$B$17,14,0)+IF('Standard Profiles'!$G$20=$B$24,21,0),0)),0)</f>
        <v>1.1326882782059138</v>
      </c>
      <c r="G4380" cm="1">
        <f t="array" ref="G4380">IFERROR(INDEX(Jesper!AK$2:AK$366,ROUNDDOWN($C4380/24,0)+1,1)*INDEX($D$3:$AA$30,INDEX(Jesper!$R$2:$R$366,ROW(INDEX(Jesper!AK$2:AK$366,ROUNDDOWN($C4380/24,0)+1,1))-1)+IF('Standard Profiles'!$G$21=$B$10,7,0)+IF('Standard Profiles'!$G$21=$B$17,14,0)+IF('Standard Profiles'!$G$21=$B$24,21,0),MOD($C4380,24)+1)/SUM(INDEX($D$3:$AA$30,INDEX(Jesper!$R$2:$R$366,ROW(INDEX(Jesper!AK$2:AK$366,ROUNDDOWN($C4380/24,0)+1,1))-1)+IF('Standard Profiles'!$G$21=$B$10,7,0)+IF('Standard Profiles'!$G$21=$B$17,14,0)+IF('Standard Profiles'!$G$21=$B$24,21,0),0)),0)</f>
        <v>0.62276431137507005</v>
      </c>
      <c r="H4380" cm="1">
        <f t="array" ref="H4380">IFERROR(INDEX(Jesper!AL$2:AL$366,ROUNDDOWN($C4380/24,0)+1,1)*INDEX($D$3:$AA$30,INDEX(Jesper!$R$2:$R$366,ROW(INDEX(Jesper!AL$2:AL$366,ROUNDDOWN($C4380/24,0)+1,1))-1)+IF('Standard Profiles'!$G$22=$B$10,7,0)+IF('Standard Profiles'!$G$22=$B$17,14,0)+IF('Standard Profiles'!$G$22=$B$24,21,0),MOD($C4380,24)+1)/SUM(INDEX($D$3:$AA$30,INDEX(Jesper!$R$2:$R$366,ROW(INDEX(Jesper!AL$2:AL$366,ROUNDDOWN($C4380/24,0)+1,1))-1)+IF('Standard Profiles'!$G$22=$B$10,7,0)+IF('Standard Profiles'!$G$22=$B$17,14,0)+IF('Standard Profiles'!$G$22=$B$24,21,0),0)),0)</f>
        <v>0.18768344464000877</v>
      </c>
      <c r="I4380">
        <f t="shared" si="489"/>
        <v>0.18017610685440852</v>
      </c>
      <c r="J4380">
        <f t="shared" si="490"/>
        <v>4.1509849840709387</v>
      </c>
      <c r="K4380">
        <f t="shared" si="491"/>
        <v>0.21709318697312319</v>
      </c>
      <c r="L4380">
        <f t="shared" si="492"/>
        <v>0.10854659348656159</v>
      </c>
      <c r="M4380">
        <f t="shared" si="493"/>
        <v>0</v>
      </c>
      <c r="N4380" s="45">
        <f t="shared" si="494"/>
        <v>45108.083333322793</v>
      </c>
    </row>
    <row r="4381" spans="2:14" x14ac:dyDescent="0.25">
      <c r="B4381">
        <f t="shared" si="488"/>
        <v>6</v>
      </c>
      <c r="C4381" s="16">
        <v>4347</v>
      </c>
      <c r="D4381" cm="1">
        <f t="array" ref="D4381">IFERROR(INDEX(Jesper!AH$2:AH$366,ROUNDDOWN($C4381/24,0)+1,1)*INDEX($D$3:$AA$30,INDEX(Jesper!$R$2:$R$366,ROW(INDEX(Jesper!AH$2:AH$366,ROUNDDOWN($C4381/24,0)+1,1))-1)+IF('Standard Profiles'!$G$18=$B$10,7,0)+IF('Standard Profiles'!$G$18=$B$17,14,0)+IF('Standard Profiles'!$G$18=$B$24,21,0),MOD($C4381,24)+1)/SUM(INDEX($D$3:$AA$30,INDEX(Jesper!$R$2:$R$366,ROW(INDEX(Jesper!AH$2:AH$366,ROUNDDOWN($C4381/24,0)+1,1))-1)+IF('Standard Profiles'!$G$18=$B$10,7,0)+IF('Standard Profiles'!$G$18=$B$17,14,0)+IF('Standard Profiles'!$G$18=$B$24,21,0),0)),0)</f>
        <v>0</v>
      </c>
      <c r="E4381" cm="1">
        <f t="array" ref="E4381">IFERROR(INDEX(Jesper!AI$2:AI$366,ROUNDDOWN($C4381/24,0)+1,1)*INDEX($D$3:$AA$30,INDEX(Jesper!$R$2:$R$366,ROW(INDEX(Jesper!AI$2:AI$366,ROUNDDOWN($C4381/24,0)+1,1))-1)+IF('Standard Profiles'!$G$19=$B$10,7,0)+IF('Standard Profiles'!$G$19=$B$17,14,0)+IF('Standard Profiles'!$G$19=$B$24,21,0),MOD($C4381,24)+1)/SUM(INDEX($D$3:$AA$30,INDEX(Jesper!$R$2:$R$366,ROW(INDEX(Jesper!AI$2:AI$366,ROUNDDOWN($C4381/24,0)+1,1))-1)+IF('Standard Profiles'!$G$19=$B$10,7,0)+IF('Standard Profiles'!$G$19=$B$17,14,0)+IF('Standard Profiles'!$G$19=$B$24,21,0),0)),0)</f>
        <v>2.7136648371640399</v>
      </c>
      <c r="F4381" cm="1">
        <f t="array" ref="F4381">IFERROR(INDEX(Jesper!AJ$2:AJ$366,ROUNDDOWN($C4381/24,0)+1,1)*INDEX($D$3:$AA$30,INDEX(Jesper!$R$2:$R$366,ROW(INDEX(Jesper!AJ$2:AJ$366,ROUNDDOWN($C4381/24,0)+1,1))-1)+IF('Standard Profiles'!$G$20=$B$10,7,0)+IF('Standard Profiles'!$G$20=$B$17,14,0)+IF('Standard Profiles'!$G$20=$B$24,21,0),MOD($C4381,24)+1)/SUM(INDEX($D$3:$AA$30,INDEX(Jesper!$R$2:$R$366,ROW(INDEX(Jesper!AJ$2:AJ$366,ROUNDDOWN($C4381/24,0)+1,1))-1)+IF('Standard Profiles'!$G$20=$B$10,7,0)+IF('Standard Profiles'!$G$20=$B$17,14,0)+IF('Standard Profiles'!$G$20=$B$24,21,0),0)),0)</f>
        <v>1.1326882782059138</v>
      </c>
      <c r="G4381" cm="1">
        <f t="array" ref="G4381">IFERROR(INDEX(Jesper!AK$2:AK$366,ROUNDDOWN($C4381/24,0)+1,1)*INDEX($D$3:$AA$30,INDEX(Jesper!$R$2:$R$366,ROW(INDEX(Jesper!AK$2:AK$366,ROUNDDOWN($C4381/24,0)+1,1))-1)+IF('Standard Profiles'!$G$21=$B$10,7,0)+IF('Standard Profiles'!$G$21=$B$17,14,0)+IF('Standard Profiles'!$G$21=$B$24,21,0),MOD($C4381,24)+1)/SUM(INDEX($D$3:$AA$30,INDEX(Jesper!$R$2:$R$366,ROW(INDEX(Jesper!AK$2:AK$366,ROUNDDOWN($C4381/24,0)+1,1))-1)+IF('Standard Profiles'!$G$21=$B$10,7,0)+IF('Standard Profiles'!$G$21=$B$17,14,0)+IF('Standard Profiles'!$G$21=$B$24,21,0),0)),0)</f>
        <v>0.62276431137507005</v>
      </c>
      <c r="H4381" cm="1">
        <f t="array" ref="H4381">IFERROR(INDEX(Jesper!AL$2:AL$366,ROUNDDOWN($C4381/24,0)+1,1)*INDEX($D$3:$AA$30,INDEX(Jesper!$R$2:$R$366,ROW(INDEX(Jesper!AL$2:AL$366,ROUNDDOWN($C4381/24,0)+1,1))-1)+IF('Standard Profiles'!$G$22=$B$10,7,0)+IF('Standard Profiles'!$G$22=$B$17,14,0)+IF('Standard Profiles'!$G$22=$B$24,21,0),MOD($C4381,24)+1)/SUM(INDEX($D$3:$AA$30,INDEX(Jesper!$R$2:$R$366,ROW(INDEX(Jesper!AL$2:AL$366,ROUNDDOWN($C4381/24,0)+1,1))-1)+IF('Standard Profiles'!$G$22=$B$10,7,0)+IF('Standard Profiles'!$G$22=$B$17,14,0)+IF('Standard Profiles'!$G$22=$B$24,21,0),0)),0)</f>
        <v>0.18768344464000877</v>
      </c>
      <c r="I4381">
        <f t="shared" si="489"/>
        <v>0.18017610685440852</v>
      </c>
      <c r="J4381">
        <f t="shared" si="490"/>
        <v>4.1509849840709387</v>
      </c>
      <c r="K4381">
        <f t="shared" si="491"/>
        <v>0.21709318697312319</v>
      </c>
      <c r="L4381">
        <f t="shared" si="492"/>
        <v>0.10854659348656159</v>
      </c>
      <c r="M4381">
        <f t="shared" si="493"/>
        <v>0</v>
      </c>
      <c r="N4381" s="45">
        <f t="shared" si="494"/>
        <v>45108.124999989457</v>
      </c>
    </row>
    <row r="4382" spans="2:14" x14ac:dyDescent="0.25">
      <c r="B4382">
        <f t="shared" si="488"/>
        <v>6</v>
      </c>
      <c r="C4382" s="16">
        <v>4348</v>
      </c>
      <c r="D4382" cm="1">
        <f t="array" ref="D4382">IFERROR(INDEX(Jesper!AH$2:AH$366,ROUNDDOWN($C4382/24,0)+1,1)*INDEX($D$3:$AA$30,INDEX(Jesper!$R$2:$R$366,ROW(INDEX(Jesper!AH$2:AH$366,ROUNDDOWN($C4382/24,0)+1,1))-1)+IF('Standard Profiles'!$G$18=$B$10,7,0)+IF('Standard Profiles'!$G$18=$B$17,14,0)+IF('Standard Profiles'!$G$18=$B$24,21,0),MOD($C4382,24)+1)/SUM(INDEX($D$3:$AA$30,INDEX(Jesper!$R$2:$R$366,ROW(INDEX(Jesper!AH$2:AH$366,ROUNDDOWN($C4382/24,0)+1,1))-1)+IF('Standard Profiles'!$G$18=$B$10,7,0)+IF('Standard Profiles'!$G$18=$B$17,14,0)+IF('Standard Profiles'!$G$18=$B$24,21,0),0)),0)</f>
        <v>0</v>
      </c>
      <c r="E4382" cm="1">
        <f t="array" ref="E4382">IFERROR(INDEX(Jesper!AI$2:AI$366,ROUNDDOWN($C4382/24,0)+1,1)*INDEX($D$3:$AA$30,INDEX(Jesper!$R$2:$R$366,ROW(INDEX(Jesper!AI$2:AI$366,ROUNDDOWN($C4382/24,0)+1,1))-1)+IF('Standard Profiles'!$G$19=$B$10,7,0)+IF('Standard Profiles'!$G$19=$B$17,14,0)+IF('Standard Profiles'!$G$19=$B$24,21,0),MOD($C4382,24)+1)/SUM(INDEX($D$3:$AA$30,INDEX(Jesper!$R$2:$R$366,ROW(INDEX(Jesper!AI$2:AI$366,ROUNDDOWN($C4382/24,0)+1,1))-1)+IF('Standard Profiles'!$G$19=$B$10,7,0)+IF('Standard Profiles'!$G$19=$B$17,14,0)+IF('Standard Profiles'!$G$19=$B$24,21,0),0)),0)</f>
        <v>2.7136648371640399</v>
      </c>
      <c r="F4382" cm="1">
        <f t="array" ref="F4382">IFERROR(INDEX(Jesper!AJ$2:AJ$366,ROUNDDOWN($C4382/24,0)+1,1)*INDEX($D$3:$AA$30,INDEX(Jesper!$R$2:$R$366,ROW(INDEX(Jesper!AJ$2:AJ$366,ROUNDDOWN($C4382/24,0)+1,1))-1)+IF('Standard Profiles'!$G$20=$B$10,7,0)+IF('Standard Profiles'!$G$20=$B$17,14,0)+IF('Standard Profiles'!$G$20=$B$24,21,0),MOD($C4382,24)+1)/SUM(INDEX($D$3:$AA$30,INDEX(Jesper!$R$2:$R$366,ROW(INDEX(Jesper!AJ$2:AJ$366,ROUNDDOWN($C4382/24,0)+1,1))-1)+IF('Standard Profiles'!$G$20=$B$10,7,0)+IF('Standard Profiles'!$G$20=$B$17,14,0)+IF('Standard Profiles'!$G$20=$B$24,21,0),0)),0)</f>
        <v>1.1326882782059138</v>
      </c>
      <c r="G4382" cm="1">
        <f t="array" ref="G4382">IFERROR(INDEX(Jesper!AK$2:AK$366,ROUNDDOWN($C4382/24,0)+1,1)*INDEX($D$3:$AA$30,INDEX(Jesper!$R$2:$R$366,ROW(INDEX(Jesper!AK$2:AK$366,ROUNDDOWN($C4382/24,0)+1,1))-1)+IF('Standard Profiles'!$G$21=$B$10,7,0)+IF('Standard Profiles'!$G$21=$B$17,14,0)+IF('Standard Profiles'!$G$21=$B$24,21,0),MOD($C4382,24)+1)/SUM(INDEX($D$3:$AA$30,INDEX(Jesper!$R$2:$R$366,ROW(INDEX(Jesper!AK$2:AK$366,ROUNDDOWN($C4382/24,0)+1,1))-1)+IF('Standard Profiles'!$G$21=$B$10,7,0)+IF('Standard Profiles'!$G$21=$B$17,14,0)+IF('Standard Profiles'!$G$21=$B$24,21,0),0)),0)</f>
        <v>0.62276431137507005</v>
      </c>
      <c r="H4382" cm="1">
        <f t="array" ref="H4382">IFERROR(INDEX(Jesper!AL$2:AL$366,ROUNDDOWN($C4382/24,0)+1,1)*INDEX($D$3:$AA$30,INDEX(Jesper!$R$2:$R$366,ROW(INDEX(Jesper!AL$2:AL$366,ROUNDDOWN($C4382/24,0)+1,1))-1)+IF('Standard Profiles'!$G$22=$B$10,7,0)+IF('Standard Profiles'!$G$22=$B$17,14,0)+IF('Standard Profiles'!$G$22=$B$24,21,0),MOD($C4382,24)+1)/SUM(INDEX($D$3:$AA$30,INDEX(Jesper!$R$2:$R$366,ROW(INDEX(Jesper!AL$2:AL$366,ROUNDDOWN($C4382/24,0)+1,1))-1)+IF('Standard Profiles'!$G$22=$B$10,7,0)+IF('Standard Profiles'!$G$22=$B$17,14,0)+IF('Standard Profiles'!$G$22=$B$24,21,0),0)),0)</f>
        <v>0.18768344464000877</v>
      </c>
      <c r="I4382">
        <f t="shared" si="489"/>
        <v>0.18017610685440852</v>
      </c>
      <c r="J4382">
        <f t="shared" si="490"/>
        <v>4.1509849840709387</v>
      </c>
      <c r="K4382">
        <f t="shared" si="491"/>
        <v>0.21709318697312319</v>
      </c>
      <c r="L4382">
        <f t="shared" si="492"/>
        <v>0.10854659348656159</v>
      </c>
      <c r="M4382">
        <f t="shared" si="493"/>
        <v>0</v>
      </c>
      <c r="N4382" s="45">
        <f t="shared" si="494"/>
        <v>45108.166666656121</v>
      </c>
    </row>
    <row r="4383" spans="2:14" x14ac:dyDescent="0.25">
      <c r="B4383">
        <f t="shared" si="488"/>
        <v>6</v>
      </c>
      <c r="C4383" s="16">
        <v>4349</v>
      </c>
      <c r="D4383" cm="1">
        <f t="array" ref="D4383">IFERROR(INDEX(Jesper!AH$2:AH$366,ROUNDDOWN($C4383/24,0)+1,1)*INDEX($D$3:$AA$30,INDEX(Jesper!$R$2:$R$366,ROW(INDEX(Jesper!AH$2:AH$366,ROUNDDOWN($C4383/24,0)+1,1))-1)+IF('Standard Profiles'!$G$18=$B$10,7,0)+IF('Standard Profiles'!$G$18=$B$17,14,0)+IF('Standard Profiles'!$G$18=$B$24,21,0),MOD($C4383,24)+1)/SUM(INDEX($D$3:$AA$30,INDEX(Jesper!$R$2:$R$366,ROW(INDEX(Jesper!AH$2:AH$366,ROUNDDOWN($C4383/24,0)+1,1))-1)+IF('Standard Profiles'!$G$18=$B$10,7,0)+IF('Standard Profiles'!$G$18=$B$17,14,0)+IF('Standard Profiles'!$G$18=$B$24,21,0),0)),0)</f>
        <v>0</v>
      </c>
      <c r="E4383" cm="1">
        <f t="array" ref="E4383">IFERROR(INDEX(Jesper!AI$2:AI$366,ROUNDDOWN($C4383/24,0)+1,1)*INDEX($D$3:$AA$30,INDEX(Jesper!$R$2:$R$366,ROW(INDEX(Jesper!AI$2:AI$366,ROUNDDOWN($C4383/24,0)+1,1))-1)+IF('Standard Profiles'!$G$19=$B$10,7,0)+IF('Standard Profiles'!$G$19=$B$17,14,0)+IF('Standard Profiles'!$G$19=$B$24,21,0),MOD($C4383,24)+1)/SUM(INDEX($D$3:$AA$30,INDEX(Jesper!$R$2:$R$366,ROW(INDEX(Jesper!AI$2:AI$366,ROUNDDOWN($C4383/24,0)+1,1))-1)+IF('Standard Profiles'!$G$19=$B$10,7,0)+IF('Standard Profiles'!$G$19=$B$17,14,0)+IF('Standard Profiles'!$G$19=$B$24,21,0),0)),0)</f>
        <v>2.7136648371640399</v>
      </c>
      <c r="F4383" cm="1">
        <f t="array" ref="F4383">IFERROR(INDEX(Jesper!AJ$2:AJ$366,ROUNDDOWN($C4383/24,0)+1,1)*INDEX($D$3:$AA$30,INDEX(Jesper!$R$2:$R$366,ROW(INDEX(Jesper!AJ$2:AJ$366,ROUNDDOWN($C4383/24,0)+1,1))-1)+IF('Standard Profiles'!$G$20=$B$10,7,0)+IF('Standard Profiles'!$G$20=$B$17,14,0)+IF('Standard Profiles'!$G$20=$B$24,21,0),MOD($C4383,24)+1)/SUM(INDEX($D$3:$AA$30,INDEX(Jesper!$R$2:$R$366,ROW(INDEX(Jesper!AJ$2:AJ$366,ROUNDDOWN($C4383/24,0)+1,1))-1)+IF('Standard Profiles'!$G$20=$B$10,7,0)+IF('Standard Profiles'!$G$20=$B$17,14,0)+IF('Standard Profiles'!$G$20=$B$24,21,0),0)),0)</f>
        <v>1.1326882782059138</v>
      </c>
      <c r="G4383" cm="1">
        <f t="array" ref="G4383">IFERROR(INDEX(Jesper!AK$2:AK$366,ROUNDDOWN($C4383/24,0)+1,1)*INDEX($D$3:$AA$30,INDEX(Jesper!$R$2:$R$366,ROW(INDEX(Jesper!AK$2:AK$366,ROUNDDOWN($C4383/24,0)+1,1))-1)+IF('Standard Profiles'!$G$21=$B$10,7,0)+IF('Standard Profiles'!$G$21=$B$17,14,0)+IF('Standard Profiles'!$G$21=$B$24,21,0),MOD($C4383,24)+1)/SUM(INDEX($D$3:$AA$30,INDEX(Jesper!$R$2:$R$366,ROW(INDEX(Jesper!AK$2:AK$366,ROUNDDOWN($C4383/24,0)+1,1))-1)+IF('Standard Profiles'!$G$21=$B$10,7,0)+IF('Standard Profiles'!$G$21=$B$17,14,0)+IF('Standard Profiles'!$G$21=$B$24,21,0),0)),0)</f>
        <v>0.62276431137507005</v>
      </c>
      <c r="H4383" cm="1">
        <f t="array" ref="H4383">IFERROR(INDEX(Jesper!AL$2:AL$366,ROUNDDOWN($C4383/24,0)+1,1)*INDEX($D$3:$AA$30,INDEX(Jesper!$R$2:$R$366,ROW(INDEX(Jesper!AL$2:AL$366,ROUNDDOWN($C4383/24,0)+1,1))-1)+IF('Standard Profiles'!$G$22=$B$10,7,0)+IF('Standard Profiles'!$G$22=$B$17,14,0)+IF('Standard Profiles'!$G$22=$B$24,21,0),MOD($C4383,24)+1)/SUM(INDEX($D$3:$AA$30,INDEX(Jesper!$R$2:$R$366,ROW(INDEX(Jesper!AL$2:AL$366,ROUNDDOWN($C4383/24,0)+1,1))-1)+IF('Standard Profiles'!$G$22=$B$10,7,0)+IF('Standard Profiles'!$G$22=$B$17,14,0)+IF('Standard Profiles'!$G$22=$B$24,21,0),0)),0)</f>
        <v>0.23345989455220603</v>
      </c>
      <c r="I4383">
        <f t="shared" si="489"/>
        <v>0.22412149877011792</v>
      </c>
      <c r="J4383">
        <f t="shared" si="490"/>
        <v>4.1528160420674274</v>
      </c>
      <c r="K4383">
        <f t="shared" si="491"/>
        <v>0.21709318697312319</v>
      </c>
      <c r="L4383">
        <f t="shared" si="492"/>
        <v>0.10854659348656159</v>
      </c>
      <c r="M4383">
        <f t="shared" si="493"/>
        <v>0</v>
      </c>
      <c r="N4383" s="45">
        <f t="shared" si="494"/>
        <v>45108.208333322786</v>
      </c>
    </row>
    <row r="4384" spans="2:14" x14ac:dyDescent="0.25">
      <c r="B4384">
        <f t="shared" si="488"/>
        <v>6</v>
      </c>
      <c r="C4384" s="16">
        <v>4350</v>
      </c>
      <c r="D4384" cm="1">
        <f t="array" ref="D4384">IFERROR(INDEX(Jesper!AH$2:AH$366,ROUNDDOWN($C4384/24,0)+1,1)*INDEX($D$3:$AA$30,INDEX(Jesper!$R$2:$R$366,ROW(INDEX(Jesper!AH$2:AH$366,ROUNDDOWN($C4384/24,0)+1,1))-1)+IF('Standard Profiles'!$G$18=$B$10,7,0)+IF('Standard Profiles'!$G$18=$B$17,14,0)+IF('Standard Profiles'!$G$18=$B$24,21,0),MOD($C4384,24)+1)/SUM(INDEX($D$3:$AA$30,INDEX(Jesper!$R$2:$R$366,ROW(INDEX(Jesper!AH$2:AH$366,ROUNDDOWN($C4384/24,0)+1,1))-1)+IF('Standard Profiles'!$G$18=$B$10,7,0)+IF('Standard Profiles'!$G$18=$B$17,14,0)+IF('Standard Profiles'!$G$18=$B$24,21,0),0)),0)</f>
        <v>0</v>
      </c>
      <c r="E4384" cm="1">
        <f t="array" ref="E4384">IFERROR(INDEX(Jesper!AI$2:AI$366,ROUNDDOWN($C4384/24,0)+1,1)*INDEX($D$3:$AA$30,INDEX(Jesper!$R$2:$R$366,ROW(INDEX(Jesper!AI$2:AI$366,ROUNDDOWN($C4384/24,0)+1,1))-1)+IF('Standard Profiles'!$G$19=$B$10,7,0)+IF('Standard Profiles'!$G$19=$B$17,14,0)+IF('Standard Profiles'!$G$19=$B$24,21,0),MOD($C4384,24)+1)/SUM(INDEX($D$3:$AA$30,INDEX(Jesper!$R$2:$R$366,ROW(INDEX(Jesper!AI$2:AI$366,ROUNDDOWN($C4384/24,0)+1,1))-1)+IF('Standard Profiles'!$G$19=$B$10,7,0)+IF('Standard Profiles'!$G$19=$B$17,14,0)+IF('Standard Profiles'!$G$19=$B$24,21,0),0)),0)</f>
        <v>2.7136648371640399</v>
      </c>
      <c r="F4384" cm="1">
        <f t="array" ref="F4384">IFERROR(INDEX(Jesper!AJ$2:AJ$366,ROUNDDOWN($C4384/24,0)+1,1)*INDEX($D$3:$AA$30,INDEX(Jesper!$R$2:$R$366,ROW(INDEX(Jesper!AJ$2:AJ$366,ROUNDDOWN($C4384/24,0)+1,1))-1)+IF('Standard Profiles'!$G$20=$B$10,7,0)+IF('Standard Profiles'!$G$20=$B$17,14,0)+IF('Standard Profiles'!$G$20=$B$24,21,0),MOD($C4384,24)+1)/SUM(INDEX($D$3:$AA$30,INDEX(Jesper!$R$2:$R$366,ROW(INDEX(Jesper!AJ$2:AJ$366,ROUNDDOWN($C4384/24,0)+1,1))-1)+IF('Standard Profiles'!$G$20=$B$10,7,0)+IF('Standard Profiles'!$G$20=$B$17,14,0)+IF('Standard Profiles'!$G$20=$B$24,21,0),0)),0)</f>
        <v>1.1326882782059138</v>
      </c>
      <c r="G4384" cm="1">
        <f t="array" ref="G4384">IFERROR(INDEX(Jesper!AK$2:AK$366,ROUNDDOWN($C4384/24,0)+1,1)*INDEX($D$3:$AA$30,INDEX(Jesper!$R$2:$R$366,ROW(INDEX(Jesper!AK$2:AK$366,ROUNDDOWN($C4384/24,0)+1,1))-1)+IF('Standard Profiles'!$G$21=$B$10,7,0)+IF('Standard Profiles'!$G$21=$B$17,14,0)+IF('Standard Profiles'!$G$21=$B$24,21,0),MOD($C4384,24)+1)/SUM(INDEX($D$3:$AA$30,INDEX(Jesper!$R$2:$R$366,ROW(INDEX(Jesper!AK$2:AK$366,ROUNDDOWN($C4384/24,0)+1,1))-1)+IF('Standard Profiles'!$G$21=$B$10,7,0)+IF('Standard Profiles'!$G$21=$B$17,14,0)+IF('Standard Profiles'!$G$21=$B$24,21,0),0)),0)</f>
        <v>0.62276431137507005</v>
      </c>
      <c r="H4384" cm="1">
        <f t="array" ref="H4384">IFERROR(INDEX(Jesper!AL$2:AL$366,ROUNDDOWN($C4384/24,0)+1,1)*INDEX($D$3:$AA$30,INDEX(Jesper!$R$2:$R$366,ROW(INDEX(Jesper!AL$2:AL$366,ROUNDDOWN($C4384/24,0)+1,1))-1)+IF('Standard Profiles'!$G$22=$B$10,7,0)+IF('Standard Profiles'!$G$22=$B$17,14,0)+IF('Standard Profiles'!$G$22=$B$24,21,0),MOD($C4384,24)+1)/SUM(INDEX($D$3:$AA$30,INDEX(Jesper!$R$2:$R$366,ROW(INDEX(Jesper!AL$2:AL$366,ROUNDDOWN($C4384/24,0)+1,1))-1)+IF('Standard Profiles'!$G$22=$B$10,7,0)+IF('Standard Profiles'!$G$22=$B$17,14,0)+IF('Standard Profiles'!$G$22=$B$24,21,0),0)),0)</f>
        <v>0.2929692794380625</v>
      </c>
      <c r="I4384">
        <f t="shared" si="489"/>
        <v>0.28125050826054016</v>
      </c>
      <c r="J4384">
        <f t="shared" si="490"/>
        <v>4.1551964174628608</v>
      </c>
      <c r="K4384">
        <f t="shared" si="491"/>
        <v>0.21709318697312319</v>
      </c>
      <c r="L4384">
        <f t="shared" si="492"/>
        <v>0.10854659348656159</v>
      </c>
      <c r="M4384">
        <f t="shared" si="493"/>
        <v>0</v>
      </c>
      <c r="N4384" s="45">
        <f t="shared" si="494"/>
        <v>45108.24999998945</v>
      </c>
    </row>
    <row r="4385" spans="2:14" x14ac:dyDescent="0.25">
      <c r="B4385">
        <f t="shared" si="488"/>
        <v>6</v>
      </c>
      <c r="C4385" s="16">
        <v>4351</v>
      </c>
      <c r="D4385" cm="1">
        <f t="array" ref="D4385">IFERROR(INDEX(Jesper!AH$2:AH$366,ROUNDDOWN($C4385/24,0)+1,1)*INDEX($D$3:$AA$30,INDEX(Jesper!$R$2:$R$366,ROW(INDEX(Jesper!AH$2:AH$366,ROUNDDOWN($C4385/24,0)+1,1))-1)+IF('Standard Profiles'!$G$18=$B$10,7,0)+IF('Standard Profiles'!$G$18=$B$17,14,0)+IF('Standard Profiles'!$G$18=$B$24,21,0),MOD($C4385,24)+1)/SUM(INDEX($D$3:$AA$30,INDEX(Jesper!$R$2:$R$366,ROW(INDEX(Jesper!AH$2:AH$366,ROUNDDOWN($C4385/24,0)+1,1))-1)+IF('Standard Profiles'!$G$18=$B$10,7,0)+IF('Standard Profiles'!$G$18=$B$17,14,0)+IF('Standard Profiles'!$G$18=$B$24,21,0),0)),0)</f>
        <v>0</v>
      </c>
      <c r="E4385" cm="1">
        <f t="array" ref="E4385">IFERROR(INDEX(Jesper!AI$2:AI$366,ROUNDDOWN($C4385/24,0)+1,1)*INDEX($D$3:$AA$30,INDEX(Jesper!$R$2:$R$366,ROW(INDEX(Jesper!AI$2:AI$366,ROUNDDOWN($C4385/24,0)+1,1))-1)+IF('Standard Profiles'!$G$19=$B$10,7,0)+IF('Standard Profiles'!$G$19=$B$17,14,0)+IF('Standard Profiles'!$G$19=$B$24,21,0),MOD($C4385,24)+1)/SUM(INDEX($D$3:$AA$30,INDEX(Jesper!$R$2:$R$366,ROW(INDEX(Jesper!AI$2:AI$366,ROUNDDOWN($C4385/24,0)+1,1))-1)+IF('Standard Profiles'!$G$19=$B$10,7,0)+IF('Standard Profiles'!$G$19=$B$17,14,0)+IF('Standard Profiles'!$G$19=$B$24,21,0),0)),0)</f>
        <v>2.7136648371640399</v>
      </c>
      <c r="F4385" cm="1">
        <f t="array" ref="F4385">IFERROR(INDEX(Jesper!AJ$2:AJ$366,ROUNDDOWN($C4385/24,0)+1,1)*INDEX($D$3:$AA$30,INDEX(Jesper!$R$2:$R$366,ROW(INDEX(Jesper!AJ$2:AJ$366,ROUNDDOWN($C4385/24,0)+1,1))-1)+IF('Standard Profiles'!$G$20=$B$10,7,0)+IF('Standard Profiles'!$G$20=$B$17,14,0)+IF('Standard Profiles'!$G$20=$B$24,21,0),MOD($C4385,24)+1)/SUM(INDEX($D$3:$AA$30,INDEX(Jesper!$R$2:$R$366,ROW(INDEX(Jesper!AJ$2:AJ$366,ROUNDDOWN($C4385/24,0)+1,1))-1)+IF('Standard Profiles'!$G$20=$B$10,7,0)+IF('Standard Profiles'!$G$20=$B$17,14,0)+IF('Standard Profiles'!$G$20=$B$24,21,0),0)),0)</f>
        <v>1.1326882782059138</v>
      </c>
      <c r="G4385" cm="1">
        <f t="array" ref="G4385">IFERROR(INDEX(Jesper!AK$2:AK$366,ROUNDDOWN($C4385/24,0)+1,1)*INDEX($D$3:$AA$30,INDEX(Jesper!$R$2:$R$366,ROW(INDEX(Jesper!AK$2:AK$366,ROUNDDOWN($C4385/24,0)+1,1))-1)+IF('Standard Profiles'!$G$21=$B$10,7,0)+IF('Standard Profiles'!$G$21=$B$17,14,0)+IF('Standard Profiles'!$G$21=$B$24,21,0),MOD($C4385,24)+1)/SUM(INDEX($D$3:$AA$30,INDEX(Jesper!$R$2:$R$366,ROW(INDEX(Jesper!AK$2:AK$366,ROUNDDOWN($C4385/24,0)+1,1))-1)+IF('Standard Profiles'!$G$21=$B$10,7,0)+IF('Standard Profiles'!$G$21=$B$17,14,0)+IF('Standard Profiles'!$G$21=$B$24,21,0),0)),0)</f>
        <v>0.62276431137507005</v>
      </c>
      <c r="H4385" cm="1">
        <f t="array" ref="H4385">IFERROR(INDEX(Jesper!AL$2:AL$366,ROUNDDOWN($C4385/24,0)+1,1)*INDEX($D$3:$AA$30,INDEX(Jesper!$R$2:$R$366,ROW(INDEX(Jesper!AL$2:AL$366,ROUNDDOWN($C4385/24,0)+1,1))-1)+IF('Standard Profiles'!$G$22=$B$10,7,0)+IF('Standard Profiles'!$G$22=$B$17,14,0)+IF('Standard Profiles'!$G$22=$B$24,21,0),MOD($C4385,24)+1)/SUM(INDEX($D$3:$AA$30,INDEX(Jesper!$R$2:$R$366,ROW(INDEX(Jesper!AL$2:AL$366,ROUNDDOWN($C4385/24,0)+1,1))-1)+IF('Standard Profiles'!$G$22=$B$10,7,0)+IF('Standard Profiles'!$G$22=$B$17,14,0)+IF('Standard Profiles'!$G$22=$B$24,21,0),0)),0)</f>
        <v>0.33416808435904</v>
      </c>
      <c r="I4385">
        <f t="shared" si="489"/>
        <v>0.3208013609846786</v>
      </c>
      <c r="J4385">
        <f t="shared" si="490"/>
        <v>4.1568443696597006</v>
      </c>
      <c r="K4385">
        <f t="shared" si="491"/>
        <v>0.21709318697312319</v>
      </c>
      <c r="L4385">
        <f t="shared" si="492"/>
        <v>0.10854659348656159</v>
      </c>
      <c r="M4385">
        <f t="shared" si="493"/>
        <v>0</v>
      </c>
      <c r="N4385" s="45">
        <f t="shared" si="494"/>
        <v>45108.291666656114</v>
      </c>
    </row>
    <row r="4386" spans="2:14" x14ac:dyDescent="0.25">
      <c r="B4386">
        <f t="shared" si="488"/>
        <v>6</v>
      </c>
      <c r="C4386" s="16">
        <v>4352</v>
      </c>
      <c r="D4386" cm="1">
        <f t="array" ref="D4386">IFERROR(INDEX(Jesper!AH$2:AH$366,ROUNDDOWN($C4386/24,0)+1,1)*INDEX($D$3:$AA$30,INDEX(Jesper!$R$2:$R$366,ROW(INDEX(Jesper!AH$2:AH$366,ROUNDDOWN($C4386/24,0)+1,1))-1)+IF('Standard Profiles'!$G$18=$B$10,7,0)+IF('Standard Profiles'!$G$18=$B$17,14,0)+IF('Standard Profiles'!$G$18=$B$24,21,0),MOD($C4386,24)+1)/SUM(INDEX($D$3:$AA$30,INDEX(Jesper!$R$2:$R$366,ROW(INDEX(Jesper!AH$2:AH$366,ROUNDDOWN($C4386/24,0)+1,1))-1)+IF('Standard Profiles'!$G$18=$B$10,7,0)+IF('Standard Profiles'!$G$18=$B$17,14,0)+IF('Standard Profiles'!$G$18=$B$24,21,0),0)),0)</f>
        <v>0</v>
      </c>
      <c r="E4386" cm="1">
        <f t="array" ref="E4386">IFERROR(INDEX(Jesper!AI$2:AI$366,ROUNDDOWN($C4386/24,0)+1,1)*INDEX($D$3:$AA$30,INDEX(Jesper!$R$2:$R$366,ROW(INDEX(Jesper!AI$2:AI$366,ROUNDDOWN($C4386/24,0)+1,1))-1)+IF('Standard Profiles'!$G$19=$B$10,7,0)+IF('Standard Profiles'!$G$19=$B$17,14,0)+IF('Standard Profiles'!$G$19=$B$24,21,0),MOD($C4386,24)+1)/SUM(INDEX($D$3:$AA$30,INDEX(Jesper!$R$2:$R$366,ROW(INDEX(Jesper!AI$2:AI$366,ROUNDDOWN($C4386/24,0)+1,1))-1)+IF('Standard Profiles'!$G$19=$B$10,7,0)+IF('Standard Profiles'!$G$19=$B$17,14,0)+IF('Standard Profiles'!$G$19=$B$24,21,0),0)),0)</f>
        <v>2.7136648371640399</v>
      </c>
      <c r="F4386" cm="1">
        <f t="array" ref="F4386">IFERROR(INDEX(Jesper!AJ$2:AJ$366,ROUNDDOWN($C4386/24,0)+1,1)*INDEX($D$3:$AA$30,INDEX(Jesper!$R$2:$R$366,ROW(INDEX(Jesper!AJ$2:AJ$366,ROUNDDOWN($C4386/24,0)+1,1))-1)+IF('Standard Profiles'!$G$20=$B$10,7,0)+IF('Standard Profiles'!$G$20=$B$17,14,0)+IF('Standard Profiles'!$G$20=$B$24,21,0),MOD($C4386,24)+1)/SUM(INDEX($D$3:$AA$30,INDEX(Jesper!$R$2:$R$366,ROW(INDEX(Jesper!AJ$2:AJ$366,ROUNDDOWN($C4386/24,0)+1,1))-1)+IF('Standard Profiles'!$G$20=$B$10,7,0)+IF('Standard Profiles'!$G$20=$B$17,14,0)+IF('Standard Profiles'!$G$20=$B$24,21,0),0)),0)</f>
        <v>1.1326882782059138</v>
      </c>
      <c r="G4386" cm="1">
        <f t="array" ref="G4386">IFERROR(INDEX(Jesper!AK$2:AK$366,ROUNDDOWN($C4386/24,0)+1,1)*INDEX($D$3:$AA$30,INDEX(Jesper!$R$2:$R$366,ROW(INDEX(Jesper!AK$2:AK$366,ROUNDDOWN($C4386/24,0)+1,1))-1)+IF('Standard Profiles'!$G$21=$B$10,7,0)+IF('Standard Profiles'!$G$21=$B$17,14,0)+IF('Standard Profiles'!$G$21=$B$24,21,0),MOD($C4386,24)+1)/SUM(INDEX($D$3:$AA$30,INDEX(Jesper!$R$2:$R$366,ROW(INDEX(Jesper!AK$2:AK$366,ROUNDDOWN($C4386/24,0)+1,1))-1)+IF('Standard Profiles'!$G$21=$B$10,7,0)+IF('Standard Profiles'!$G$21=$B$17,14,0)+IF('Standard Profiles'!$G$21=$B$24,21,0),0)),0)</f>
        <v>0.62276431137507005</v>
      </c>
      <c r="H4386" cm="1">
        <f t="array" ref="H4386">IFERROR(INDEX(Jesper!AL$2:AL$366,ROUNDDOWN($C4386/24,0)+1,1)*INDEX($D$3:$AA$30,INDEX(Jesper!$R$2:$R$366,ROW(INDEX(Jesper!AL$2:AL$366,ROUNDDOWN($C4386/24,0)+1,1))-1)+IF('Standard Profiles'!$G$22=$B$10,7,0)+IF('Standard Profiles'!$G$22=$B$17,14,0)+IF('Standard Profiles'!$G$22=$B$24,21,0),MOD($C4386,24)+1)/SUM(INDEX($D$3:$AA$30,INDEX(Jesper!$R$2:$R$366,ROW(INDEX(Jesper!AL$2:AL$366,ROUNDDOWN($C4386/24,0)+1,1))-1)+IF('Standard Profiles'!$G$22=$B$10,7,0)+IF('Standard Profiles'!$G$22=$B$17,14,0)+IF('Standard Profiles'!$G$22=$B$24,21,0),0)),0)</f>
        <v>0.33416808435904</v>
      </c>
      <c r="I4386">
        <f t="shared" si="489"/>
        <v>0.3208013609846786</v>
      </c>
      <c r="J4386">
        <f t="shared" si="490"/>
        <v>4.1568443696597006</v>
      </c>
      <c r="K4386">
        <f t="shared" si="491"/>
        <v>0.21709318697312319</v>
      </c>
      <c r="L4386">
        <f t="shared" si="492"/>
        <v>0.10854659348656159</v>
      </c>
      <c r="M4386">
        <f t="shared" si="493"/>
        <v>0</v>
      </c>
      <c r="N4386" s="45">
        <f t="shared" si="494"/>
        <v>45108.333333322778</v>
      </c>
    </row>
    <row r="4387" spans="2:14" x14ac:dyDescent="0.25">
      <c r="B4387">
        <f t="shared" ref="B4387:B4450" si="495">WEEKDAY(N4387,2)</f>
        <v>6</v>
      </c>
      <c r="C4387" s="16">
        <v>4353</v>
      </c>
      <c r="D4387" cm="1">
        <f t="array" ref="D4387">IFERROR(INDEX(Jesper!AH$2:AH$366,ROUNDDOWN($C4387/24,0)+1,1)*INDEX($D$3:$AA$30,INDEX(Jesper!$R$2:$R$366,ROW(INDEX(Jesper!AH$2:AH$366,ROUNDDOWN($C4387/24,0)+1,1))-1)+IF('Standard Profiles'!$G$18=$B$10,7,0)+IF('Standard Profiles'!$G$18=$B$17,14,0)+IF('Standard Profiles'!$G$18=$B$24,21,0),MOD($C4387,24)+1)/SUM(INDEX($D$3:$AA$30,INDEX(Jesper!$R$2:$R$366,ROW(INDEX(Jesper!AH$2:AH$366,ROUNDDOWN($C4387/24,0)+1,1))-1)+IF('Standard Profiles'!$G$18=$B$10,7,0)+IF('Standard Profiles'!$G$18=$B$17,14,0)+IF('Standard Profiles'!$G$18=$B$24,21,0),0)),0)</f>
        <v>0</v>
      </c>
      <c r="E4387" cm="1">
        <f t="array" ref="E4387">IFERROR(INDEX(Jesper!AI$2:AI$366,ROUNDDOWN($C4387/24,0)+1,1)*INDEX($D$3:$AA$30,INDEX(Jesper!$R$2:$R$366,ROW(INDEX(Jesper!AI$2:AI$366,ROUNDDOWN($C4387/24,0)+1,1))-1)+IF('Standard Profiles'!$G$19=$B$10,7,0)+IF('Standard Profiles'!$G$19=$B$17,14,0)+IF('Standard Profiles'!$G$19=$B$24,21,0),MOD($C4387,24)+1)/SUM(INDEX($D$3:$AA$30,INDEX(Jesper!$R$2:$R$366,ROW(INDEX(Jesper!AI$2:AI$366,ROUNDDOWN($C4387/24,0)+1,1))-1)+IF('Standard Profiles'!$G$19=$B$10,7,0)+IF('Standard Profiles'!$G$19=$B$17,14,0)+IF('Standard Profiles'!$G$19=$B$24,21,0),0)),0)</f>
        <v>2.7136648371640399</v>
      </c>
      <c r="F4387" cm="1">
        <f t="array" ref="F4387">IFERROR(INDEX(Jesper!AJ$2:AJ$366,ROUNDDOWN($C4387/24,0)+1,1)*INDEX($D$3:$AA$30,INDEX(Jesper!$R$2:$R$366,ROW(INDEX(Jesper!AJ$2:AJ$366,ROUNDDOWN($C4387/24,0)+1,1))-1)+IF('Standard Profiles'!$G$20=$B$10,7,0)+IF('Standard Profiles'!$G$20=$B$17,14,0)+IF('Standard Profiles'!$G$20=$B$24,21,0),MOD($C4387,24)+1)/SUM(INDEX($D$3:$AA$30,INDEX(Jesper!$R$2:$R$366,ROW(INDEX(Jesper!AJ$2:AJ$366,ROUNDDOWN($C4387/24,0)+1,1))-1)+IF('Standard Profiles'!$G$20=$B$10,7,0)+IF('Standard Profiles'!$G$20=$B$17,14,0)+IF('Standard Profiles'!$G$20=$B$24,21,0),0)),0)</f>
        <v>1.1326882782059138</v>
      </c>
      <c r="G4387" cm="1">
        <f t="array" ref="G4387">IFERROR(INDEX(Jesper!AK$2:AK$366,ROUNDDOWN($C4387/24,0)+1,1)*INDEX($D$3:$AA$30,INDEX(Jesper!$R$2:$R$366,ROW(INDEX(Jesper!AK$2:AK$366,ROUNDDOWN($C4387/24,0)+1,1))-1)+IF('Standard Profiles'!$G$21=$B$10,7,0)+IF('Standard Profiles'!$G$21=$B$17,14,0)+IF('Standard Profiles'!$G$21=$B$24,21,0),MOD($C4387,24)+1)/SUM(INDEX($D$3:$AA$30,INDEX(Jesper!$R$2:$R$366,ROW(INDEX(Jesper!AK$2:AK$366,ROUNDDOWN($C4387/24,0)+1,1))-1)+IF('Standard Profiles'!$G$21=$B$10,7,0)+IF('Standard Profiles'!$G$21=$B$17,14,0)+IF('Standard Profiles'!$G$21=$B$24,21,0),0)),0)</f>
        <v>0.62276431137507005</v>
      </c>
      <c r="H4387" cm="1">
        <f t="array" ref="H4387">IFERROR(INDEX(Jesper!AL$2:AL$366,ROUNDDOWN($C4387/24,0)+1,1)*INDEX($D$3:$AA$30,INDEX(Jesper!$R$2:$R$366,ROW(INDEX(Jesper!AL$2:AL$366,ROUNDDOWN($C4387/24,0)+1,1))-1)+IF('Standard Profiles'!$G$22=$B$10,7,0)+IF('Standard Profiles'!$G$22=$B$17,14,0)+IF('Standard Profiles'!$G$22=$B$24,21,0),MOD($C4387,24)+1)/SUM(INDEX($D$3:$AA$30,INDEX(Jesper!$R$2:$R$366,ROW(INDEX(Jesper!AL$2:AL$366,ROUNDDOWN($C4387/24,0)+1,1))-1)+IF('Standard Profiles'!$G$22=$B$10,7,0)+IF('Standard Profiles'!$G$22=$B$17,14,0)+IF('Standard Profiles'!$G$22=$B$24,21,0),0)),0)</f>
        <v>0.33416808435904</v>
      </c>
      <c r="I4387">
        <f t="shared" ref="I4387:I4450" si="496">IF($B4387&lt;6,AC$37*$D4387+AC$38*$E4387+AC$39*$F4387+AC$40*$G4387,AC$46*$D4387+AC$47*$E4387+AC$48*$F4387+AC$49*$G4387+AC$50*$H4387)</f>
        <v>0.3208013609846786</v>
      </c>
      <c r="J4387">
        <f t="shared" ref="J4387:J4450" si="497">IF($B4387&lt;6,AD$37*$D4387+AD$38*$E4387+AD$39*$F4387+AD$40*$G4387,AD$46*$D4387+AD$47*$E4387+AD$48*$F4387+AD$49*$G4387+AD$50*$H4387)</f>
        <v>4.1568443696597006</v>
      </c>
      <c r="K4387">
        <f t="shared" ref="K4387:K4450" si="498">IF($B4387&lt;6,AE$37*$D4387+AE$38*$E4387+AE$39*$F4387+AE$40*$G4387,AE$46*$D4387+AE$47*$E4387+AE$48*$F4387+AE$49*$G4387+AE$50*$H4387)</f>
        <v>0.21709318697312319</v>
      </c>
      <c r="L4387">
        <f t="shared" ref="L4387:L4450" si="499">IF($B4387&lt;6,AF$37*$D4387+AF$38*$E4387+AF$39*$F4387+AF$40*$G4387,AF$46*$D4387+AF$47*$E4387+AF$48*$F4387+AF$49*$G4387+AF$50*$H4387)</f>
        <v>0.10854659348656159</v>
      </c>
      <c r="M4387">
        <f t="shared" ref="M4387:M4450" si="500">IF($B4387&lt;6,AG$37*$D4387+AG$38*$E4387+AG$39*$F4387+AG$40*$G4387,AG$46*$D4387+AG$47*$E4387+AG$48*$F4387+AG$49*$G4387+AG$50*$H4387)</f>
        <v>0</v>
      </c>
      <c r="N4387" s="45">
        <f t="shared" si="494"/>
        <v>45108.374999989443</v>
      </c>
    </row>
    <row r="4388" spans="2:14" x14ac:dyDescent="0.25">
      <c r="B4388">
        <f t="shared" si="495"/>
        <v>6</v>
      </c>
      <c r="C4388" s="16">
        <v>4354</v>
      </c>
      <c r="D4388" cm="1">
        <f t="array" ref="D4388">IFERROR(INDEX(Jesper!AH$2:AH$366,ROUNDDOWN($C4388/24,0)+1,1)*INDEX($D$3:$AA$30,INDEX(Jesper!$R$2:$R$366,ROW(INDEX(Jesper!AH$2:AH$366,ROUNDDOWN($C4388/24,0)+1,1))-1)+IF('Standard Profiles'!$G$18=$B$10,7,0)+IF('Standard Profiles'!$G$18=$B$17,14,0)+IF('Standard Profiles'!$G$18=$B$24,21,0),MOD($C4388,24)+1)/SUM(INDEX($D$3:$AA$30,INDEX(Jesper!$R$2:$R$366,ROW(INDEX(Jesper!AH$2:AH$366,ROUNDDOWN($C4388/24,0)+1,1))-1)+IF('Standard Profiles'!$G$18=$B$10,7,0)+IF('Standard Profiles'!$G$18=$B$17,14,0)+IF('Standard Profiles'!$G$18=$B$24,21,0),0)),0)</f>
        <v>0</v>
      </c>
      <c r="E4388" cm="1">
        <f t="array" ref="E4388">IFERROR(INDEX(Jesper!AI$2:AI$366,ROUNDDOWN($C4388/24,0)+1,1)*INDEX($D$3:$AA$30,INDEX(Jesper!$R$2:$R$366,ROW(INDEX(Jesper!AI$2:AI$366,ROUNDDOWN($C4388/24,0)+1,1))-1)+IF('Standard Profiles'!$G$19=$B$10,7,0)+IF('Standard Profiles'!$G$19=$B$17,14,0)+IF('Standard Profiles'!$G$19=$B$24,21,0),MOD($C4388,24)+1)/SUM(INDEX($D$3:$AA$30,INDEX(Jesper!$R$2:$R$366,ROW(INDEX(Jesper!AI$2:AI$366,ROUNDDOWN($C4388/24,0)+1,1))-1)+IF('Standard Profiles'!$G$19=$B$10,7,0)+IF('Standard Profiles'!$G$19=$B$17,14,0)+IF('Standard Profiles'!$G$19=$B$24,21,0),0)),0)</f>
        <v>2.7136648371640399</v>
      </c>
      <c r="F4388" cm="1">
        <f t="array" ref="F4388">IFERROR(INDEX(Jesper!AJ$2:AJ$366,ROUNDDOWN($C4388/24,0)+1,1)*INDEX($D$3:$AA$30,INDEX(Jesper!$R$2:$R$366,ROW(INDEX(Jesper!AJ$2:AJ$366,ROUNDDOWN($C4388/24,0)+1,1))-1)+IF('Standard Profiles'!$G$20=$B$10,7,0)+IF('Standard Profiles'!$G$20=$B$17,14,0)+IF('Standard Profiles'!$G$20=$B$24,21,0),MOD($C4388,24)+1)/SUM(INDEX($D$3:$AA$30,INDEX(Jesper!$R$2:$R$366,ROW(INDEX(Jesper!AJ$2:AJ$366,ROUNDDOWN($C4388/24,0)+1,1))-1)+IF('Standard Profiles'!$G$20=$B$10,7,0)+IF('Standard Profiles'!$G$20=$B$17,14,0)+IF('Standard Profiles'!$G$20=$B$24,21,0),0)),0)</f>
        <v>1.1326882782059138</v>
      </c>
      <c r="G4388" cm="1">
        <f t="array" ref="G4388">IFERROR(INDEX(Jesper!AK$2:AK$366,ROUNDDOWN($C4388/24,0)+1,1)*INDEX($D$3:$AA$30,INDEX(Jesper!$R$2:$R$366,ROW(INDEX(Jesper!AK$2:AK$366,ROUNDDOWN($C4388/24,0)+1,1))-1)+IF('Standard Profiles'!$G$21=$B$10,7,0)+IF('Standard Profiles'!$G$21=$B$17,14,0)+IF('Standard Profiles'!$G$21=$B$24,21,0),MOD($C4388,24)+1)/SUM(INDEX($D$3:$AA$30,INDEX(Jesper!$R$2:$R$366,ROW(INDEX(Jesper!AK$2:AK$366,ROUNDDOWN($C4388/24,0)+1,1))-1)+IF('Standard Profiles'!$G$21=$B$10,7,0)+IF('Standard Profiles'!$G$21=$B$17,14,0)+IF('Standard Profiles'!$G$21=$B$24,21,0),0)),0)</f>
        <v>0.62276431137507005</v>
      </c>
      <c r="H4388" cm="1">
        <f t="array" ref="H4388">IFERROR(INDEX(Jesper!AL$2:AL$366,ROUNDDOWN($C4388/24,0)+1,1)*INDEX($D$3:$AA$30,INDEX(Jesper!$R$2:$R$366,ROW(INDEX(Jesper!AL$2:AL$366,ROUNDDOWN($C4388/24,0)+1,1))-1)+IF('Standard Profiles'!$G$22=$B$10,7,0)+IF('Standard Profiles'!$G$22=$B$17,14,0)+IF('Standard Profiles'!$G$22=$B$24,21,0),MOD($C4388,24)+1)/SUM(INDEX($D$3:$AA$30,INDEX(Jesper!$R$2:$R$366,ROW(INDEX(Jesper!AL$2:AL$366,ROUNDDOWN($C4388/24,0)+1,1))-1)+IF('Standard Profiles'!$G$22=$B$10,7,0)+IF('Standard Profiles'!$G$22=$B$17,14,0)+IF('Standard Profiles'!$G$22=$B$24,21,0),0)),0)</f>
        <v>0.33416808435904</v>
      </c>
      <c r="I4388">
        <f t="shared" si="496"/>
        <v>0.3208013609846786</v>
      </c>
      <c r="J4388">
        <f t="shared" si="497"/>
        <v>4.1568443696597006</v>
      </c>
      <c r="K4388">
        <f t="shared" si="498"/>
        <v>0.21709318697312319</v>
      </c>
      <c r="L4388">
        <f t="shared" si="499"/>
        <v>0.10854659348656159</v>
      </c>
      <c r="M4388">
        <f t="shared" si="500"/>
        <v>0</v>
      </c>
      <c r="N4388" s="45">
        <f t="shared" ref="N4388:N4451" si="501">N4387+1/24</f>
        <v>45108.416666656107</v>
      </c>
    </row>
    <row r="4389" spans="2:14" x14ac:dyDescent="0.25">
      <c r="B4389">
        <f t="shared" si="495"/>
        <v>6</v>
      </c>
      <c r="C4389" s="16">
        <v>4355</v>
      </c>
      <c r="D4389" cm="1">
        <f t="array" ref="D4389">IFERROR(INDEX(Jesper!AH$2:AH$366,ROUNDDOWN($C4389/24,0)+1,1)*INDEX($D$3:$AA$30,INDEX(Jesper!$R$2:$R$366,ROW(INDEX(Jesper!AH$2:AH$366,ROUNDDOWN($C4389/24,0)+1,1))-1)+IF('Standard Profiles'!$G$18=$B$10,7,0)+IF('Standard Profiles'!$G$18=$B$17,14,0)+IF('Standard Profiles'!$G$18=$B$24,21,0),MOD($C4389,24)+1)/SUM(INDEX($D$3:$AA$30,INDEX(Jesper!$R$2:$R$366,ROW(INDEX(Jesper!AH$2:AH$366,ROUNDDOWN($C4389/24,0)+1,1))-1)+IF('Standard Profiles'!$G$18=$B$10,7,0)+IF('Standard Profiles'!$G$18=$B$17,14,0)+IF('Standard Profiles'!$G$18=$B$24,21,0),0)),0)</f>
        <v>0</v>
      </c>
      <c r="E4389" cm="1">
        <f t="array" ref="E4389">IFERROR(INDEX(Jesper!AI$2:AI$366,ROUNDDOWN($C4389/24,0)+1,1)*INDEX($D$3:$AA$30,INDEX(Jesper!$R$2:$R$366,ROW(INDEX(Jesper!AI$2:AI$366,ROUNDDOWN($C4389/24,0)+1,1))-1)+IF('Standard Profiles'!$G$19=$B$10,7,0)+IF('Standard Profiles'!$G$19=$B$17,14,0)+IF('Standard Profiles'!$G$19=$B$24,21,0),MOD($C4389,24)+1)/SUM(INDEX($D$3:$AA$30,INDEX(Jesper!$R$2:$R$366,ROW(INDEX(Jesper!AI$2:AI$366,ROUNDDOWN($C4389/24,0)+1,1))-1)+IF('Standard Profiles'!$G$19=$B$10,7,0)+IF('Standard Profiles'!$G$19=$B$17,14,0)+IF('Standard Profiles'!$G$19=$B$24,21,0),0)),0)</f>
        <v>2.7136648371640399</v>
      </c>
      <c r="F4389" cm="1">
        <f t="array" ref="F4389">IFERROR(INDEX(Jesper!AJ$2:AJ$366,ROUNDDOWN($C4389/24,0)+1,1)*INDEX($D$3:$AA$30,INDEX(Jesper!$R$2:$R$366,ROW(INDEX(Jesper!AJ$2:AJ$366,ROUNDDOWN($C4389/24,0)+1,1))-1)+IF('Standard Profiles'!$G$20=$B$10,7,0)+IF('Standard Profiles'!$G$20=$B$17,14,0)+IF('Standard Profiles'!$G$20=$B$24,21,0),MOD($C4389,24)+1)/SUM(INDEX($D$3:$AA$30,INDEX(Jesper!$R$2:$R$366,ROW(INDEX(Jesper!AJ$2:AJ$366,ROUNDDOWN($C4389/24,0)+1,1))-1)+IF('Standard Profiles'!$G$20=$B$10,7,0)+IF('Standard Profiles'!$G$20=$B$17,14,0)+IF('Standard Profiles'!$G$20=$B$24,21,0),0)),0)</f>
        <v>1.1326882782059138</v>
      </c>
      <c r="G4389" cm="1">
        <f t="array" ref="G4389">IFERROR(INDEX(Jesper!AK$2:AK$366,ROUNDDOWN($C4389/24,0)+1,1)*INDEX($D$3:$AA$30,INDEX(Jesper!$R$2:$R$366,ROW(INDEX(Jesper!AK$2:AK$366,ROUNDDOWN($C4389/24,0)+1,1))-1)+IF('Standard Profiles'!$G$21=$B$10,7,0)+IF('Standard Profiles'!$G$21=$B$17,14,0)+IF('Standard Profiles'!$G$21=$B$24,21,0),MOD($C4389,24)+1)/SUM(INDEX($D$3:$AA$30,INDEX(Jesper!$R$2:$R$366,ROW(INDEX(Jesper!AK$2:AK$366,ROUNDDOWN($C4389/24,0)+1,1))-1)+IF('Standard Profiles'!$G$21=$B$10,7,0)+IF('Standard Profiles'!$G$21=$B$17,14,0)+IF('Standard Profiles'!$G$21=$B$24,21,0),0)),0)</f>
        <v>0.62276431137507005</v>
      </c>
      <c r="H4389" cm="1">
        <f t="array" ref="H4389">IFERROR(INDEX(Jesper!AL$2:AL$366,ROUNDDOWN($C4389/24,0)+1,1)*INDEX($D$3:$AA$30,INDEX(Jesper!$R$2:$R$366,ROW(INDEX(Jesper!AL$2:AL$366,ROUNDDOWN($C4389/24,0)+1,1))-1)+IF('Standard Profiles'!$G$22=$B$10,7,0)+IF('Standard Profiles'!$G$22=$B$17,14,0)+IF('Standard Profiles'!$G$22=$B$24,21,0),MOD($C4389,24)+1)/SUM(INDEX($D$3:$AA$30,INDEX(Jesper!$R$2:$R$366,ROW(INDEX(Jesper!AL$2:AL$366,ROUNDDOWN($C4389/24,0)+1,1))-1)+IF('Standard Profiles'!$G$22=$B$10,7,0)+IF('Standard Profiles'!$G$22=$B$17,14,0)+IF('Standard Profiles'!$G$22=$B$24,21,0),0)),0)</f>
        <v>0.33416808435904</v>
      </c>
      <c r="I4389">
        <f t="shared" si="496"/>
        <v>0.3208013609846786</v>
      </c>
      <c r="J4389">
        <f t="shared" si="497"/>
        <v>4.1568443696597006</v>
      </c>
      <c r="K4389">
        <f t="shared" si="498"/>
        <v>0.21709318697312319</v>
      </c>
      <c r="L4389">
        <f t="shared" si="499"/>
        <v>0.10854659348656159</v>
      </c>
      <c r="M4389">
        <f t="shared" si="500"/>
        <v>0</v>
      </c>
      <c r="N4389" s="45">
        <f t="shared" si="501"/>
        <v>45108.458333322771</v>
      </c>
    </row>
    <row r="4390" spans="2:14" x14ac:dyDescent="0.25">
      <c r="B4390">
        <f t="shared" si="495"/>
        <v>6</v>
      </c>
      <c r="C4390" s="16">
        <v>4356</v>
      </c>
      <c r="D4390" cm="1">
        <f t="array" ref="D4390">IFERROR(INDEX(Jesper!AH$2:AH$366,ROUNDDOWN($C4390/24,0)+1,1)*INDEX($D$3:$AA$30,INDEX(Jesper!$R$2:$R$366,ROW(INDEX(Jesper!AH$2:AH$366,ROUNDDOWN($C4390/24,0)+1,1))-1)+IF('Standard Profiles'!$G$18=$B$10,7,0)+IF('Standard Profiles'!$G$18=$B$17,14,0)+IF('Standard Profiles'!$G$18=$B$24,21,0),MOD($C4390,24)+1)/SUM(INDEX($D$3:$AA$30,INDEX(Jesper!$R$2:$R$366,ROW(INDEX(Jesper!AH$2:AH$366,ROUNDDOWN($C4390/24,0)+1,1))-1)+IF('Standard Profiles'!$G$18=$B$10,7,0)+IF('Standard Profiles'!$G$18=$B$17,14,0)+IF('Standard Profiles'!$G$18=$B$24,21,0),0)),0)</f>
        <v>0</v>
      </c>
      <c r="E4390" cm="1">
        <f t="array" ref="E4390">IFERROR(INDEX(Jesper!AI$2:AI$366,ROUNDDOWN($C4390/24,0)+1,1)*INDEX($D$3:$AA$30,INDEX(Jesper!$R$2:$R$366,ROW(INDEX(Jesper!AI$2:AI$366,ROUNDDOWN($C4390/24,0)+1,1))-1)+IF('Standard Profiles'!$G$19=$B$10,7,0)+IF('Standard Profiles'!$G$19=$B$17,14,0)+IF('Standard Profiles'!$G$19=$B$24,21,0),MOD($C4390,24)+1)/SUM(INDEX($D$3:$AA$30,INDEX(Jesper!$R$2:$R$366,ROW(INDEX(Jesper!AI$2:AI$366,ROUNDDOWN($C4390/24,0)+1,1))-1)+IF('Standard Profiles'!$G$19=$B$10,7,0)+IF('Standard Profiles'!$G$19=$B$17,14,0)+IF('Standard Profiles'!$G$19=$B$24,21,0),0)),0)</f>
        <v>2.7136648371640399</v>
      </c>
      <c r="F4390" cm="1">
        <f t="array" ref="F4390">IFERROR(INDEX(Jesper!AJ$2:AJ$366,ROUNDDOWN($C4390/24,0)+1,1)*INDEX($D$3:$AA$30,INDEX(Jesper!$R$2:$R$366,ROW(INDEX(Jesper!AJ$2:AJ$366,ROUNDDOWN($C4390/24,0)+1,1))-1)+IF('Standard Profiles'!$G$20=$B$10,7,0)+IF('Standard Profiles'!$G$20=$B$17,14,0)+IF('Standard Profiles'!$G$20=$B$24,21,0),MOD($C4390,24)+1)/SUM(INDEX($D$3:$AA$30,INDEX(Jesper!$R$2:$R$366,ROW(INDEX(Jesper!AJ$2:AJ$366,ROUNDDOWN($C4390/24,0)+1,1))-1)+IF('Standard Profiles'!$G$20=$B$10,7,0)+IF('Standard Profiles'!$G$20=$B$17,14,0)+IF('Standard Profiles'!$G$20=$B$24,21,0),0)),0)</f>
        <v>1.1326882782059138</v>
      </c>
      <c r="G4390" cm="1">
        <f t="array" ref="G4390">IFERROR(INDEX(Jesper!AK$2:AK$366,ROUNDDOWN($C4390/24,0)+1,1)*INDEX($D$3:$AA$30,INDEX(Jesper!$R$2:$R$366,ROW(INDEX(Jesper!AK$2:AK$366,ROUNDDOWN($C4390/24,0)+1,1))-1)+IF('Standard Profiles'!$G$21=$B$10,7,0)+IF('Standard Profiles'!$G$21=$B$17,14,0)+IF('Standard Profiles'!$G$21=$B$24,21,0),MOD($C4390,24)+1)/SUM(INDEX($D$3:$AA$30,INDEX(Jesper!$R$2:$R$366,ROW(INDEX(Jesper!AK$2:AK$366,ROUNDDOWN($C4390/24,0)+1,1))-1)+IF('Standard Profiles'!$G$21=$B$10,7,0)+IF('Standard Profiles'!$G$21=$B$17,14,0)+IF('Standard Profiles'!$G$21=$B$24,21,0),0)),0)</f>
        <v>0.62276431137507005</v>
      </c>
      <c r="H4390" cm="1">
        <f t="array" ref="H4390">IFERROR(INDEX(Jesper!AL$2:AL$366,ROUNDDOWN($C4390/24,0)+1,1)*INDEX($D$3:$AA$30,INDEX(Jesper!$R$2:$R$366,ROW(INDEX(Jesper!AL$2:AL$366,ROUNDDOWN($C4390/24,0)+1,1))-1)+IF('Standard Profiles'!$G$22=$B$10,7,0)+IF('Standard Profiles'!$G$22=$B$17,14,0)+IF('Standard Profiles'!$G$22=$B$24,21,0),MOD($C4390,24)+1)/SUM(INDEX($D$3:$AA$30,INDEX(Jesper!$R$2:$R$366,ROW(INDEX(Jesper!AL$2:AL$366,ROUNDDOWN($C4390/24,0)+1,1))-1)+IF('Standard Profiles'!$G$22=$B$10,7,0)+IF('Standard Profiles'!$G$22=$B$17,14,0)+IF('Standard Profiles'!$G$22=$B$24,21,0),0)),0)</f>
        <v>0.33416808435904</v>
      </c>
      <c r="I4390">
        <f t="shared" si="496"/>
        <v>0.3208013609846786</v>
      </c>
      <c r="J4390">
        <f t="shared" si="497"/>
        <v>4.1568443696597006</v>
      </c>
      <c r="K4390">
        <f t="shared" si="498"/>
        <v>0.21709318697312319</v>
      </c>
      <c r="L4390">
        <f t="shared" si="499"/>
        <v>0.10854659348656159</v>
      </c>
      <c r="M4390">
        <f t="shared" si="500"/>
        <v>0</v>
      </c>
      <c r="N4390" s="45">
        <f t="shared" si="501"/>
        <v>45108.499999989435</v>
      </c>
    </row>
    <row r="4391" spans="2:14" x14ac:dyDescent="0.25">
      <c r="B4391">
        <f t="shared" si="495"/>
        <v>6</v>
      </c>
      <c r="C4391" s="16">
        <v>4357</v>
      </c>
      <c r="D4391" cm="1">
        <f t="array" ref="D4391">IFERROR(INDEX(Jesper!AH$2:AH$366,ROUNDDOWN($C4391/24,0)+1,1)*INDEX($D$3:$AA$30,INDEX(Jesper!$R$2:$R$366,ROW(INDEX(Jesper!AH$2:AH$366,ROUNDDOWN($C4391/24,0)+1,1))-1)+IF('Standard Profiles'!$G$18=$B$10,7,0)+IF('Standard Profiles'!$G$18=$B$17,14,0)+IF('Standard Profiles'!$G$18=$B$24,21,0),MOD($C4391,24)+1)/SUM(INDEX($D$3:$AA$30,INDEX(Jesper!$R$2:$R$366,ROW(INDEX(Jesper!AH$2:AH$366,ROUNDDOWN($C4391/24,0)+1,1))-1)+IF('Standard Profiles'!$G$18=$B$10,7,0)+IF('Standard Profiles'!$G$18=$B$17,14,0)+IF('Standard Profiles'!$G$18=$B$24,21,0),0)),0)</f>
        <v>0</v>
      </c>
      <c r="E4391" cm="1">
        <f t="array" ref="E4391">IFERROR(INDEX(Jesper!AI$2:AI$366,ROUNDDOWN($C4391/24,0)+1,1)*INDEX($D$3:$AA$30,INDEX(Jesper!$R$2:$R$366,ROW(INDEX(Jesper!AI$2:AI$366,ROUNDDOWN($C4391/24,0)+1,1))-1)+IF('Standard Profiles'!$G$19=$B$10,7,0)+IF('Standard Profiles'!$G$19=$B$17,14,0)+IF('Standard Profiles'!$G$19=$B$24,21,0),MOD($C4391,24)+1)/SUM(INDEX($D$3:$AA$30,INDEX(Jesper!$R$2:$R$366,ROW(INDEX(Jesper!AI$2:AI$366,ROUNDDOWN($C4391/24,0)+1,1))-1)+IF('Standard Profiles'!$G$19=$B$10,7,0)+IF('Standard Profiles'!$G$19=$B$17,14,0)+IF('Standard Profiles'!$G$19=$B$24,21,0),0)),0)</f>
        <v>2.7136648371640399</v>
      </c>
      <c r="F4391" cm="1">
        <f t="array" ref="F4391">IFERROR(INDEX(Jesper!AJ$2:AJ$366,ROUNDDOWN($C4391/24,0)+1,1)*INDEX($D$3:$AA$30,INDEX(Jesper!$R$2:$R$366,ROW(INDEX(Jesper!AJ$2:AJ$366,ROUNDDOWN($C4391/24,0)+1,1))-1)+IF('Standard Profiles'!$G$20=$B$10,7,0)+IF('Standard Profiles'!$G$20=$B$17,14,0)+IF('Standard Profiles'!$G$20=$B$24,21,0),MOD($C4391,24)+1)/SUM(INDEX($D$3:$AA$30,INDEX(Jesper!$R$2:$R$366,ROW(INDEX(Jesper!AJ$2:AJ$366,ROUNDDOWN($C4391/24,0)+1,1))-1)+IF('Standard Profiles'!$G$20=$B$10,7,0)+IF('Standard Profiles'!$G$20=$B$17,14,0)+IF('Standard Profiles'!$G$20=$B$24,21,0),0)),0)</f>
        <v>1.1326882782059138</v>
      </c>
      <c r="G4391" cm="1">
        <f t="array" ref="G4391">IFERROR(INDEX(Jesper!AK$2:AK$366,ROUNDDOWN($C4391/24,0)+1,1)*INDEX($D$3:$AA$30,INDEX(Jesper!$R$2:$R$366,ROW(INDEX(Jesper!AK$2:AK$366,ROUNDDOWN($C4391/24,0)+1,1))-1)+IF('Standard Profiles'!$G$21=$B$10,7,0)+IF('Standard Profiles'!$G$21=$B$17,14,0)+IF('Standard Profiles'!$G$21=$B$24,21,0),MOD($C4391,24)+1)/SUM(INDEX($D$3:$AA$30,INDEX(Jesper!$R$2:$R$366,ROW(INDEX(Jesper!AK$2:AK$366,ROUNDDOWN($C4391/24,0)+1,1))-1)+IF('Standard Profiles'!$G$21=$B$10,7,0)+IF('Standard Profiles'!$G$21=$B$17,14,0)+IF('Standard Profiles'!$G$21=$B$24,21,0),0)),0)</f>
        <v>0.62276431137507005</v>
      </c>
      <c r="H4391" cm="1">
        <f t="array" ref="H4391">IFERROR(INDEX(Jesper!AL$2:AL$366,ROUNDDOWN($C4391/24,0)+1,1)*INDEX($D$3:$AA$30,INDEX(Jesper!$R$2:$R$366,ROW(INDEX(Jesper!AL$2:AL$366,ROUNDDOWN($C4391/24,0)+1,1))-1)+IF('Standard Profiles'!$G$22=$B$10,7,0)+IF('Standard Profiles'!$G$22=$B$17,14,0)+IF('Standard Profiles'!$G$22=$B$24,21,0),MOD($C4391,24)+1)/SUM(INDEX($D$3:$AA$30,INDEX(Jesper!$R$2:$R$366,ROW(INDEX(Jesper!AL$2:AL$366,ROUNDDOWN($C4391/24,0)+1,1))-1)+IF('Standard Profiles'!$G$22=$B$10,7,0)+IF('Standard Profiles'!$G$22=$B$17,14,0)+IF('Standard Profiles'!$G$22=$B$24,21,0),0)),0)</f>
        <v>0.33416808435904</v>
      </c>
      <c r="I4391">
        <f t="shared" si="496"/>
        <v>0.3208013609846786</v>
      </c>
      <c r="J4391">
        <f t="shared" si="497"/>
        <v>4.1568443696597006</v>
      </c>
      <c r="K4391">
        <f t="shared" si="498"/>
        <v>0.21709318697312319</v>
      </c>
      <c r="L4391">
        <f t="shared" si="499"/>
        <v>0.10854659348656159</v>
      </c>
      <c r="M4391">
        <f t="shared" si="500"/>
        <v>0</v>
      </c>
      <c r="N4391" s="45">
        <f t="shared" si="501"/>
        <v>45108.5416666561</v>
      </c>
    </row>
    <row r="4392" spans="2:14" x14ac:dyDescent="0.25">
      <c r="B4392">
        <f t="shared" si="495"/>
        <v>6</v>
      </c>
      <c r="C4392" s="16">
        <v>4358</v>
      </c>
      <c r="D4392" cm="1">
        <f t="array" ref="D4392">IFERROR(INDEX(Jesper!AH$2:AH$366,ROUNDDOWN($C4392/24,0)+1,1)*INDEX($D$3:$AA$30,INDEX(Jesper!$R$2:$R$366,ROW(INDEX(Jesper!AH$2:AH$366,ROUNDDOWN($C4392/24,0)+1,1))-1)+IF('Standard Profiles'!$G$18=$B$10,7,0)+IF('Standard Profiles'!$G$18=$B$17,14,0)+IF('Standard Profiles'!$G$18=$B$24,21,0),MOD($C4392,24)+1)/SUM(INDEX($D$3:$AA$30,INDEX(Jesper!$R$2:$R$366,ROW(INDEX(Jesper!AH$2:AH$366,ROUNDDOWN($C4392/24,0)+1,1))-1)+IF('Standard Profiles'!$G$18=$B$10,7,0)+IF('Standard Profiles'!$G$18=$B$17,14,0)+IF('Standard Profiles'!$G$18=$B$24,21,0),0)),0)</f>
        <v>0</v>
      </c>
      <c r="E4392" cm="1">
        <f t="array" ref="E4392">IFERROR(INDEX(Jesper!AI$2:AI$366,ROUNDDOWN($C4392/24,0)+1,1)*INDEX($D$3:$AA$30,INDEX(Jesper!$R$2:$R$366,ROW(INDEX(Jesper!AI$2:AI$366,ROUNDDOWN($C4392/24,0)+1,1))-1)+IF('Standard Profiles'!$G$19=$B$10,7,0)+IF('Standard Profiles'!$G$19=$B$17,14,0)+IF('Standard Profiles'!$G$19=$B$24,21,0),MOD($C4392,24)+1)/SUM(INDEX($D$3:$AA$30,INDEX(Jesper!$R$2:$R$366,ROW(INDEX(Jesper!AI$2:AI$366,ROUNDDOWN($C4392/24,0)+1,1))-1)+IF('Standard Profiles'!$G$19=$B$10,7,0)+IF('Standard Profiles'!$G$19=$B$17,14,0)+IF('Standard Profiles'!$G$19=$B$24,21,0),0)),0)</f>
        <v>2.7136648371640399</v>
      </c>
      <c r="F4392" cm="1">
        <f t="array" ref="F4392">IFERROR(INDEX(Jesper!AJ$2:AJ$366,ROUNDDOWN($C4392/24,0)+1,1)*INDEX($D$3:$AA$30,INDEX(Jesper!$R$2:$R$366,ROW(INDEX(Jesper!AJ$2:AJ$366,ROUNDDOWN($C4392/24,0)+1,1))-1)+IF('Standard Profiles'!$G$20=$B$10,7,0)+IF('Standard Profiles'!$G$20=$B$17,14,0)+IF('Standard Profiles'!$G$20=$B$24,21,0),MOD($C4392,24)+1)/SUM(INDEX($D$3:$AA$30,INDEX(Jesper!$R$2:$R$366,ROW(INDEX(Jesper!AJ$2:AJ$366,ROUNDDOWN($C4392/24,0)+1,1))-1)+IF('Standard Profiles'!$G$20=$B$10,7,0)+IF('Standard Profiles'!$G$20=$B$17,14,0)+IF('Standard Profiles'!$G$20=$B$24,21,0),0)),0)</f>
        <v>1.1326882782059138</v>
      </c>
      <c r="G4392" cm="1">
        <f t="array" ref="G4392">IFERROR(INDEX(Jesper!AK$2:AK$366,ROUNDDOWN($C4392/24,0)+1,1)*INDEX($D$3:$AA$30,INDEX(Jesper!$R$2:$R$366,ROW(INDEX(Jesper!AK$2:AK$366,ROUNDDOWN($C4392/24,0)+1,1))-1)+IF('Standard Profiles'!$G$21=$B$10,7,0)+IF('Standard Profiles'!$G$21=$B$17,14,0)+IF('Standard Profiles'!$G$21=$B$24,21,0),MOD($C4392,24)+1)/SUM(INDEX($D$3:$AA$30,INDEX(Jesper!$R$2:$R$366,ROW(INDEX(Jesper!AK$2:AK$366,ROUNDDOWN($C4392/24,0)+1,1))-1)+IF('Standard Profiles'!$G$21=$B$10,7,0)+IF('Standard Profiles'!$G$21=$B$17,14,0)+IF('Standard Profiles'!$G$21=$B$24,21,0),0)),0)</f>
        <v>0.62276431137507005</v>
      </c>
      <c r="H4392" cm="1">
        <f t="array" ref="H4392">IFERROR(INDEX(Jesper!AL$2:AL$366,ROUNDDOWN($C4392/24,0)+1,1)*INDEX($D$3:$AA$30,INDEX(Jesper!$R$2:$R$366,ROW(INDEX(Jesper!AL$2:AL$366,ROUNDDOWN($C4392/24,0)+1,1))-1)+IF('Standard Profiles'!$G$22=$B$10,7,0)+IF('Standard Profiles'!$G$22=$B$17,14,0)+IF('Standard Profiles'!$G$22=$B$24,21,0),MOD($C4392,24)+1)/SUM(INDEX($D$3:$AA$30,INDEX(Jesper!$R$2:$R$366,ROW(INDEX(Jesper!AL$2:AL$366,ROUNDDOWN($C4392/24,0)+1,1))-1)+IF('Standard Profiles'!$G$22=$B$10,7,0)+IF('Standard Profiles'!$G$22=$B$17,14,0)+IF('Standard Profiles'!$G$22=$B$24,21,0),0)),0)</f>
        <v>0.33416808435904</v>
      </c>
      <c r="I4392">
        <f t="shared" si="496"/>
        <v>0.3208013609846786</v>
      </c>
      <c r="J4392">
        <f t="shared" si="497"/>
        <v>4.1568443696597006</v>
      </c>
      <c r="K4392">
        <f t="shared" si="498"/>
        <v>0.21709318697312319</v>
      </c>
      <c r="L4392">
        <f t="shared" si="499"/>
        <v>0.10854659348656159</v>
      </c>
      <c r="M4392">
        <f t="shared" si="500"/>
        <v>0</v>
      </c>
      <c r="N4392" s="45">
        <f t="shared" si="501"/>
        <v>45108.583333322764</v>
      </c>
    </row>
    <row r="4393" spans="2:14" x14ac:dyDescent="0.25">
      <c r="B4393">
        <f t="shared" si="495"/>
        <v>6</v>
      </c>
      <c r="C4393" s="16">
        <v>4359</v>
      </c>
      <c r="D4393" cm="1">
        <f t="array" ref="D4393">IFERROR(INDEX(Jesper!AH$2:AH$366,ROUNDDOWN($C4393/24,0)+1,1)*INDEX($D$3:$AA$30,INDEX(Jesper!$R$2:$R$366,ROW(INDEX(Jesper!AH$2:AH$366,ROUNDDOWN($C4393/24,0)+1,1))-1)+IF('Standard Profiles'!$G$18=$B$10,7,0)+IF('Standard Profiles'!$G$18=$B$17,14,0)+IF('Standard Profiles'!$G$18=$B$24,21,0),MOD($C4393,24)+1)/SUM(INDEX($D$3:$AA$30,INDEX(Jesper!$R$2:$R$366,ROW(INDEX(Jesper!AH$2:AH$366,ROUNDDOWN($C4393/24,0)+1,1))-1)+IF('Standard Profiles'!$G$18=$B$10,7,0)+IF('Standard Profiles'!$G$18=$B$17,14,0)+IF('Standard Profiles'!$G$18=$B$24,21,0),0)),0)</f>
        <v>0</v>
      </c>
      <c r="E4393" cm="1">
        <f t="array" ref="E4393">IFERROR(INDEX(Jesper!AI$2:AI$366,ROUNDDOWN($C4393/24,0)+1,1)*INDEX($D$3:$AA$30,INDEX(Jesper!$R$2:$R$366,ROW(INDEX(Jesper!AI$2:AI$366,ROUNDDOWN($C4393/24,0)+1,1))-1)+IF('Standard Profiles'!$G$19=$B$10,7,0)+IF('Standard Profiles'!$G$19=$B$17,14,0)+IF('Standard Profiles'!$G$19=$B$24,21,0),MOD($C4393,24)+1)/SUM(INDEX($D$3:$AA$30,INDEX(Jesper!$R$2:$R$366,ROW(INDEX(Jesper!AI$2:AI$366,ROUNDDOWN($C4393/24,0)+1,1))-1)+IF('Standard Profiles'!$G$19=$B$10,7,0)+IF('Standard Profiles'!$G$19=$B$17,14,0)+IF('Standard Profiles'!$G$19=$B$24,21,0),0)),0)</f>
        <v>2.7136648371640399</v>
      </c>
      <c r="F4393" cm="1">
        <f t="array" ref="F4393">IFERROR(INDEX(Jesper!AJ$2:AJ$366,ROUNDDOWN($C4393/24,0)+1,1)*INDEX($D$3:$AA$30,INDEX(Jesper!$R$2:$R$366,ROW(INDEX(Jesper!AJ$2:AJ$366,ROUNDDOWN($C4393/24,0)+1,1))-1)+IF('Standard Profiles'!$G$20=$B$10,7,0)+IF('Standard Profiles'!$G$20=$B$17,14,0)+IF('Standard Profiles'!$G$20=$B$24,21,0),MOD($C4393,24)+1)/SUM(INDEX($D$3:$AA$30,INDEX(Jesper!$R$2:$R$366,ROW(INDEX(Jesper!AJ$2:AJ$366,ROUNDDOWN($C4393/24,0)+1,1))-1)+IF('Standard Profiles'!$G$20=$B$10,7,0)+IF('Standard Profiles'!$G$20=$B$17,14,0)+IF('Standard Profiles'!$G$20=$B$24,21,0),0)),0)</f>
        <v>1.1326882782059138</v>
      </c>
      <c r="G4393" cm="1">
        <f t="array" ref="G4393">IFERROR(INDEX(Jesper!AK$2:AK$366,ROUNDDOWN($C4393/24,0)+1,1)*INDEX($D$3:$AA$30,INDEX(Jesper!$R$2:$R$366,ROW(INDEX(Jesper!AK$2:AK$366,ROUNDDOWN($C4393/24,0)+1,1))-1)+IF('Standard Profiles'!$G$21=$B$10,7,0)+IF('Standard Profiles'!$G$21=$B$17,14,0)+IF('Standard Profiles'!$G$21=$B$24,21,0),MOD($C4393,24)+1)/SUM(INDEX($D$3:$AA$30,INDEX(Jesper!$R$2:$R$366,ROW(INDEX(Jesper!AK$2:AK$366,ROUNDDOWN($C4393/24,0)+1,1))-1)+IF('Standard Profiles'!$G$21=$B$10,7,0)+IF('Standard Profiles'!$G$21=$B$17,14,0)+IF('Standard Profiles'!$G$21=$B$24,21,0),0)),0)</f>
        <v>0.62276431137507005</v>
      </c>
      <c r="H4393" cm="1">
        <f t="array" ref="H4393">IFERROR(INDEX(Jesper!AL$2:AL$366,ROUNDDOWN($C4393/24,0)+1,1)*INDEX($D$3:$AA$30,INDEX(Jesper!$R$2:$R$366,ROW(INDEX(Jesper!AL$2:AL$366,ROUNDDOWN($C4393/24,0)+1,1))-1)+IF('Standard Profiles'!$G$22=$B$10,7,0)+IF('Standard Profiles'!$G$22=$B$17,14,0)+IF('Standard Profiles'!$G$22=$B$24,21,0),MOD($C4393,24)+1)/SUM(INDEX($D$3:$AA$30,INDEX(Jesper!$R$2:$R$366,ROW(INDEX(Jesper!AL$2:AL$366,ROUNDDOWN($C4393/24,0)+1,1))-1)+IF('Standard Profiles'!$G$22=$B$10,7,0)+IF('Standard Profiles'!$G$22=$B$17,14,0)+IF('Standard Profiles'!$G$22=$B$24,21,0),0)),0)</f>
        <v>0.30212456942050187</v>
      </c>
      <c r="I4393">
        <f t="shared" si="496"/>
        <v>0.29003958664368196</v>
      </c>
      <c r="J4393">
        <f t="shared" si="497"/>
        <v>4.1555626290621586</v>
      </c>
      <c r="K4393">
        <f t="shared" si="498"/>
        <v>0.21709318697312319</v>
      </c>
      <c r="L4393">
        <f t="shared" si="499"/>
        <v>0.10854659348656159</v>
      </c>
      <c r="M4393">
        <f t="shared" si="500"/>
        <v>0</v>
      </c>
      <c r="N4393" s="45">
        <f t="shared" si="501"/>
        <v>45108.624999989428</v>
      </c>
    </row>
    <row r="4394" spans="2:14" x14ac:dyDescent="0.25">
      <c r="B4394">
        <f t="shared" si="495"/>
        <v>6</v>
      </c>
      <c r="C4394" s="16">
        <v>4360</v>
      </c>
      <c r="D4394" cm="1">
        <f t="array" ref="D4394">IFERROR(INDEX(Jesper!AH$2:AH$366,ROUNDDOWN($C4394/24,0)+1,1)*INDEX($D$3:$AA$30,INDEX(Jesper!$R$2:$R$366,ROW(INDEX(Jesper!AH$2:AH$366,ROUNDDOWN($C4394/24,0)+1,1))-1)+IF('Standard Profiles'!$G$18=$B$10,7,0)+IF('Standard Profiles'!$G$18=$B$17,14,0)+IF('Standard Profiles'!$G$18=$B$24,21,0),MOD($C4394,24)+1)/SUM(INDEX($D$3:$AA$30,INDEX(Jesper!$R$2:$R$366,ROW(INDEX(Jesper!AH$2:AH$366,ROUNDDOWN($C4394/24,0)+1,1))-1)+IF('Standard Profiles'!$G$18=$B$10,7,0)+IF('Standard Profiles'!$G$18=$B$17,14,0)+IF('Standard Profiles'!$G$18=$B$24,21,0),0)),0)</f>
        <v>0</v>
      </c>
      <c r="E4394" cm="1">
        <f t="array" ref="E4394">IFERROR(INDEX(Jesper!AI$2:AI$366,ROUNDDOWN($C4394/24,0)+1,1)*INDEX($D$3:$AA$30,INDEX(Jesper!$R$2:$R$366,ROW(INDEX(Jesper!AI$2:AI$366,ROUNDDOWN($C4394/24,0)+1,1))-1)+IF('Standard Profiles'!$G$19=$B$10,7,0)+IF('Standard Profiles'!$G$19=$B$17,14,0)+IF('Standard Profiles'!$G$19=$B$24,21,0),MOD($C4394,24)+1)/SUM(INDEX($D$3:$AA$30,INDEX(Jesper!$R$2:$R$366,ROW(INDEX(Jesper!AI$2:AI$366,ROUNDDOWN($C4394/24,0)+1,1))-1)+IF('Standard Profiles'!$G$19=$B$10,7,0)+IF('Standard Profiles'!$G$19=$B$17,14,0)+IF('Standard Profiles'!$G$19=$B$24,21,0),0)),0)</f>
        <v>2.7136648371640399</v>
      </c>
      <c r="F4394" cm="1">
        <f t="array" ref="F4394">IFERROR(INDEX(Jesper!AJ$2:AJ$366,ROUNDDOWN($C4394/24,0)+1,1)*INDEX($D$3:$AA$30,INDEX(Jesper!$R$2:$R$366,ROW(INDEX(Jesper!AJ$2:AJ$366,ROUNDDOWN($C4394/24,0)+1,1))-1)+IF('Standard Profiles'!$G$20=$B$10,7,0)+IF('Standard Profiles'!$G$20=$B$17,14,0)+IF('Standard Profiles'!$G$20=$B$24,21,0),MOD($C4394,24)+1)/SUM(INDEX($D$3:$AA$30,INDEX(Jesper!$R$2:$R$366,ROW(INDEX(Jesper!AJ$2:AJ$366,ROUNDDOWN($C4394/24,0)+1,1))-1)+IF('Standard Profiles'!$G$20=$B$10,7,0)+IF('Standard Profiles'!$G$20=$B$17,14,0)+IF('Standard Profiles'!$G$20=$B$24,21,0),0)),0)</f>
        <v>1.1326882782059138</v>
      </c>
      <c r="G4394" cm="1">
        <f t="array" ref="G4394">IFERROR(INDEX(Jesper!AK$2:AK$366,ROUNDDOWN($C4394/24,0)+1,1)*INDEX($D$3:$AA$30,INDEX(Jesper!$R$2:$R$366,ROW(INDEX(Jesper!AK$2:AK$366,ROUNDDOWN($C4394/24,0)+1,1))-1)+IF('Standard Profiles'!$G$21=$B$10,7,0)+IF('Standard Profiles'!$G$21=$B$17,14,0)+IF('Standard Profiles'!$G$21=$B$24,21,0),MOD($C4394,24)+1)/SUM(INDEX($D$3:$AA$30,INDEX(Jesper!$R$2:$R$366,ROW(INDEX(Jesper!AK$2:AK$366,ROUNDDOWN($C4394/24,0)+1,1))-1)+IF('Standard Profiles'!$G$21=$B$10,7,0)+IF('Standard Profiles'!$G$21=$B$17,14,0)+IF('Standard Profiles'!$G$21=$B$24,21,0),0)),0)</f>
        <v>0.62276431137507005</v>
      </c>
      <c r="H4394" cm="1">
        <f t="array" ref="H4394">IFERROR(INDEX(Jesper!AL$2:AL$366,ROUNDDOWN($C4394/24,0)+1,1)*INDEX($D$3:$AA$30,INDEX(Jesper!$R$2:$R$366,ROW(INDEX(Jesper!AL$2:AL$366,ROUNDDOWN($C4394/24,0)+1,1))-1)+IF('Standard Profiles'!$G$22=$B$10,7,0)+IF('Standard Profiles'!$G$22=$B$17,14,0)+IF('Standard Profiles'!$G$22=$B$24,21,0),MOD($C4394,24)+1)/SUM(INDEX($D$3:$AA$30,INDEX(Jesper!$R$2:$R$366,ROW(INDEX(Jesper!AL$2:AL$366,ROUNDDOWN($C4394/24,0)+1,1))-1)+IF('Standard Profiles'!$G$22=$B$10,7,0)+IF('Standard Profiles'!$G$22=$B$17,14,0)+IF('Standard Profiles'!$G$22=$B$24,21,0),0)),0)</f>
        <v>0.27465869947318355</v>
      </c>
      <c r="I4394">
        <f t="shared" si="496"/>
        <v>0.26367235149425633</v>
      </c>
      <c r="J4394">
        <f t="shared" si="497"/>
        <v>4.1544639942642663</v>
      </c>
      <c r="K4394">
        <f t="shared" si="498"/>
        <v>0.21709318697312319</v>
      </c>
      <c r="L4394">
        <f t="shared" si="499"/>
        <v>0.10854659348656159</v>
      </c>
      <c r="M4394">
        <f t="shared" si="500"/>
        <v>0</v>
      </c>
      <c r="N4394" s="45">
        <f t="shared" si="501"/>
        <v>45108.666666656092</v>
      </c>
    </row>
    <row r="4395" spans="2:14" x14ac:dyDescent="0.25">
      <c r="B4395">
        <f t="shared" si="495"/>
        <v>6</v>
      </c>
      <c r="C4395" s="16">
        <v>4361</v>
      </c>
      <c r="D4395" cm="1">
        <f t="array" ref="D4395">IFERROR(INDEX(Jesper!AH$2:AH$366,ROUNDDOWN($C4395/24,0)+1,1)*INDEX($D$3:$AA$30,INDEX(Jesper!$R$2:$R$366,ROW(INDEX(Jesper!AH$2:AH$366,ROUNDDOWN($C4395/24,0)+1,1))-1)+IF('Standard Profiles'!$G$18=$B$10,7,0)+IF('Standard Profiles'!$G$18=$B$17,14,0)+IF('Standard Profiles'!$G$18=$B$24,21,0),MOD($C4395,24)+1)/SUM(INDEX($D$3:$AA$30,INDEX(Jesper!$R$2:$R$366,ROW(INDEX(Jesper!AH$2:AH$366,ROUNDDOWN($C4395/24,0)+1,1))-1)+IF('Standard Profiles'!$G$18=$B$10,7,0)+IF('Standard Profiles'!$G$18=$B$17,14,0)+IF('Standard Profiles'!$G$18=$B$24,21,0),0)),0)</f>
        <v>0</v>
      </c>
      <c r="E4395" cm="1">
        <f t="array" ref="E4395">IFERROR(INDEX(Jesper!AI$2:AI$366,ROUNDDOWN($C4395/24,0)+1,1)*INDEX($D$3:$AA$30,INDEX(Jesper!$R$2:$R$366,ROW(INDEX(Jesper!AI$2:AI$366,ROUNDDOWN($C4395/24,0)+1,1))-1)+IF('Standard Profiles'!$G$19=$B$10,7,0)+IF('Standard Profiles'!$G$19=$B$17,14,0)+IF('Standard Profiles'!$G$19=$B$24,21,0),MOD($C4395,24)+1)/SUM(INDEX($D$3:$AA$30,INDEX(Jesper!$R$2:$R$366,ROW(INDEX(Jesper!AI$2:AI$366,ROUNDDOWN($C4395/24,0)+1,1))-1)+IF('Standard Profiles'!$G$19=$B$10,7,0)+IF('Standard Profiles'!$G$19=$B$17,14,0)+IF('Standard Profiles'!$G$19=$B$24,21,0),0)),0)</f>
        <v>2.7136648371640399</v>
      </c>
      <c r="F4395" cm="1">
        <f t="array" ref="F4395">IFERROR(INDEX(Jesper!AJ$2:AJ$366,ROUNDDOWN($C4395/24,0)+1,1)*INDEX($D$3:$AA$30,INDEX(Jesper!$R$2:$R$366,ROW(INDEX(Jesper!AJ$2:AJ$366,ROUNDDOWN($C4395/24,0)+1,1))-1)+IF('Standard Profiles'!$G$20=$B$10,7,0)+IF('Standard Profiles'!$G$20=$B$17,14,0)+IF('Standard Profiles'!$G$20=$B$24,21,0),MOD($C4395,24)+1)/SUM(INDEX($D$3:$AA$30,INDEX(Jesper!$R$2:$R$366,ROW(INDEX(Jesper!AJ$2:AJ$366,ROUNDDOWN($C4395/24,0)+1,1))-1)+IF('Standard Profiles'!$G$20=$B$10,7,0)+IF('Standard Profiles'!$G$20=$B$17,14,0)+IF('Standard Profiles'!$G$20=$B$24,21,0),0)),0)</f>
        <v>1.1326882782059138</v>
      </c>
      <c r="G4395" cm="1">
        <f t="array" ref="G4395">IFERROR(INDEX(Jesper!AK$2:AK$366,ROUNDDOWN($C4395/24,0)+1,1)*INDEX($D$3:$AA$30,INDEX(Jesper!$R$2:$R$366,ROW(INDEX(Jesper!AK$2:AK$366,ROUNDDOWN($C4395/24,0)+1,1))-1)+IF('Standard Profiles'!$G$21=$B$10,7,0)+IF('Standard Profiles'!$G$21=$B$17,14,0)+IF('Standard Profiles'!$G$21=$B$24,21,0),MOD($C4395,24)+1)/SUM(INDEX($D$3:$AA$30,INDEX(Jesper!$R$2:$R$366,ROW(INDEX(Jesper!AK$2:AK$366,ROUNDDOWN($C4395/24,0)+1,1))-1)+IF('Standard Profiles'!$G$21=$B$10,7,0)+IF('Standard Profiles'!$G$21=$B$17,14,0)+IF('Standard Profiles'!$G$21=$B$24,21,0),0)),0)</f>
        <v>0.62276431137507005</v>
      </c>
      <c r="H4395" cm="1">
        <f t="array" ref="H4395">IFERROR(INDEX(Jesper!AL$2:AL$366,ROUNDDOWN($C4395/24,0)+1,1)*INDEX($D$3:$AA$30,INDEX(Jesper!$R$2:$R$366,ROW(INDEX(Jesper!AL$2:AL$366,ROUNDDOWN($C4395/24,0)+1,1))-1)+IF('Standard Profiles'!$G$22=$B$10,7,0)+IF('Standard Profiles'!$G$22=$B$17,14,0)+IF('Standard Profiles'!$G$22=$B$24,21,0),MOD($C4395,24)+1)/SUM(INDEX($D$3:$AA$30,INDEX(Jesper!$R$2:$R$366,ROW(INDEX(Jesper!AL$2:AL$366,ROUNDDOWN($C4395/24,0)+1,1))-1)+IF('Standard Profiles'!$G$22=$B$10,7,0)+IF('Standard Profiles'!$G$22=$B$17,14,0)+IF('Standard Profiles'!$G$22=$B$24,21,0),0)),0)</f>
        <v>0.24719282952586519</v>
      </c>
      <c r="I4395">
        <f t="shared" si="496"/>
        <v>0.2373051163448307</v>
      </c>
      <c r="J4395">
        <f t="shared" si="497"/>
        <v>4.1533653594663731</v>
      </c>
      <c r="K4395">
        <f t="shared" si="498"/>
        <v>0.21709318697312319</v>
      </c>
      <c r="L4395">
        <f t="shared" si="499"/>
        <v>0.10854659348656159</v>
      </c>
      <c r="M4395">
        <f t="shared" si="500"/>
        <v>0</v>
      </c>
      <c r="N4395" s="45">
        <f t="shared" si="501"/>
        <v>45108.708333322757</v>
      </c>
    </row>
    <row r="4396" spans="2:14" x14ac:dyDescent="0.25">
      <c r="B4396">
        <f t="shared" si="495"/>
        <v>6</v>
      </c>
      <c r="C4396" s="16">
        <v>4362</v>
      </c>
      <c r="D4396" cm="1">
        <f t="array" ref="D4396">IFERROR(INDEX(Jesper!AH$2:AH$366,ROUNDDOWN($C4396/24,0)+1,1)*INDEX($D$3:$AA$30,INDEX(Jesper!$R$2:$R$366,ROW(INDEX(Jesper!AH$2:AH$366,ROUNDDOWN($C4396/24,0)+1,1))-1)+IF('Standard Profiles'!$G$18=$B$10,7,0)+IF('Standard Profiles'!$G$18=$B$17,14,0)+IF('Standard Profiles'!$G$18=$B$24,21,0),MOD($C4396,24)+1)/SUM(INDEX($D$3:$AA$30,INDEX(Jesper!$R$2:$R$366,ROW(INDEX(Jesper!AH$2:AH$366,ROUNDDOWN($C4396/24,0)+1,1))-1)+IF('Standard Profiles'!$G$18=$B$10,7,0)+IF('Standard Profiles'!$G$18=$B$17,14,0)+IF('Standard Profiles'!$G$18=$B$24,21,0),0)),0)</f>
        <v>0</v>
      </c>
      <c r="E4396" cm="1">
        <f t="array" ref="E4396">IFERROR(INDEX(Jesper!AI$2:AI$366,ROUNDDOWN($C4396/24,0)+1,1)*INDEX($D$3:$AA$30,INDEX(Jesper!$R$2:$R$366,ROW(INDEX(Jesper!AI$2:AI$366,ROUNDDOWN($C4396/24,0)+1,1))-1)+IF('Standard Profiles'!$G$19=$B$10,7,0)+IF('Standard Profiles'!$G$19=$B$17,14,0)+IF('Standard Profiles'!$G$19=$B$24,21,0),MOD($C4396,24)+1)/SUM(INDEX($D$3:$AA$30,INDEX(Jesper!$R$2:$R$366,ROW(INDEX(Jesper!AI$2:AI$366,ROUNDDOWN($C4396/24,0)+1,1))-1)+IF('Standard Profiles'!$G$19=$B$10,7,0)+IF('Standard Profiles'!$G$19=$B$17,14,0)+IF('Standard Profiles'!$G$19=$B$24,21,0),0)),0)</f>
        <v>2.7136648371640399</v>
      </c>
      <c r="F4396" cm="1">
        <f t="array" ref="F4396">IFERROR(INDEX(Jesper!AJ$2:AJ$366,ROUNDDOWN($C4396/24,0)+1,1)*INDEX($D$3:$AA$30,INDEX(Jesper!$R$2:$R$366,ROW(INDEX(Jesper!AJ$2:AJ$366,ROUNDDOWN($C4396/24,0)+1,1))-1)+IF('Standard Profiles'!$G$20=$B$10,7,0)+IF('Standard Profiles'!$G$20=$B$17,14,0)+IF('Standard Profiles'!$G$20=$B$24,21,0),MOD($C4396,24)+1)/SUM(INDEX($D$3:$AA$30,INDEX(Jesper!$R$2:$R$366,ROW(INDEX(Jesper!AJ$2:AJ$366,ROUNDDOWN($C4396/24,0)+1,1))-1)+IF('Standard Profiles'!$G$20=$B$10,7,0)+IF('Standard Profiles'!$G$20=$B$17,14,0)+IF('Standard Profiles'!$G$20=$B$24,21,0),0)),0)</f>
        <v>1.1326882782059138</v>
      </c>
      <c r="G4396" cm="1">
        <f t="array" ref="G4396">IFERROR(INDEX(Jesper!AK$2:AK$366,ROUNDDOWN($C4396/24,0)+1,1)*INDEX($D$3:$AA$30,INDEX(Jesper!$R$2:$R$366,ROW(INDEX(Jesper!AK$2:AK$366,ROUNDDOWN($C4396/24,0)+1,1))-1)+IF('Standard Profiles'!$G$21=$B$10,7,0)+IF('Standard Profiles'!$G$21=$B$17,14,0)+IF('Standard Profiles'!$G$21=$B$24,21,0),MOD($C4396,24)+1)/SUM(INDEX($D$3:$AA$30,INDEX(Jesper!$R$2:$R$366,ROW(INDEX(Jesper!AK$2:AK$366,ROUNDDOWN($C4396/24,0)+1,1))-1)+IF('Standard Profiles'!$G$21=$B$10,7,0)+IF('Standard Profiles'!$G$21=$B$17,14,0)+IF('Standard Profiles'!$G$21=$B$24,21,0),0)),0)</f>
        <v>0.62276431137507005</v>
      </c>
      <c r="H4396" cm="1">
        <f t="array" ref="H4396">IFERROR(INDEX(Jesper!AL$2:AL$366,ROUNDDOWN($C4396/24,0)+1,1)*INDEX($D$3:$AA$30,INDEX(Jesper!$R$2:$R$366,ROW(INDEX(Jesper!AL$2:AL$366,ROUNDDOWN($C4396/24,0)+1,1))-1)+IF('Standard Profiles'!$G$22=$B$10,7,0)+IF('Standard Profiles'!$G$22=$B$17,14,0)+IF('Standard Profiles'!$G$22=$B$24,21,0),MOD($C4396,24)+1)/SUM(INDEX($D$3:$AA$30,INDEX(Jesper!$R$2:$R$366,ROW(INDEX(Jesper!AL$2:AL$366,ROUNDDOWN($C4396/24,0)+1,1))-1)+IF('Standard Profiles'!$G$22=$B$10,7,0)+IF('Standard Profiles'!$G$22=$B$17,14,0)+IF('Standard Profiles'!$G$22=$B$24,21,0),0)),0)</f>
        <v>0.23803753954342574</v>
      </c>
      <c r="I4396">
        <f t="shared" si="496"/>
        <v>0.22851603796168884</v>
      </c>
      <c r="J4396">
        <f t="shared" si="497"/>
        <v>4.1529991478670754</v>
      </c>
      <c r="K4396">
        <f t="shared" si="498"/>
        <v>0.21709318697312319</v>
      </c>
      <c r="L4396">
        <f t="shared" si="499"/>
        <v>0.10854659348656159</v>
      </c>
      <c r="M4396">
        <f t="shared" si="500"/>
        <v>0</v>
      </c>
      <c r="N4396" s="45">
        <f t="shared" si="501"/>
        <v>45108.749999989421</v>
      </c>
    </row>
    <row r="4397" spans="2:14" x14ac:dyDescent="0.25">
      <c r="B4397">
        <f t="shared" si="495"/>
        <v>6</v>
      </c>
      <c r="C4397" s="16">
        <v>4363</v>
      </c>
      <c r="D4397" cm="1">
        <f t="array" ref="D4397">IFERROR(INDEX(Jesper!AH$2:AH$366,ROUNDDOWN($C4397/24,0)+1,1)*INDEX($D$3:$AA$30,INDEX(Jesper!$R$2:$R$366,ROW(INDEX(Jesper!AH$2:AH$366,ROUNDDOWN($C4397/24,0)+1,1))-1)+IF('Standard Profiles'!$G$18=$B$10,7,0)+IF('Standard Profiles'!$G$18=$B$17,14,0)+IF('Standard Profiles'!$G$18=$B$24,21,0),MOD($C4397,24)+1)/SUM(INDEX($D$3:$AA$30,INDEX(Jesper!$R$2:$R$366,ROW(INDEX(Jesper!AH$2:AH$366,ROUNDDOWN($C4397/24,0)+1,1))-1)+IF('Standard Profiles'!$G$18=$B$10,7,0)+IF('Standard Profiles'!$G$18=$B$17,14,0)+IF('Standard Profiles'!$G$18=$B$24,21,0),0)),0)</f>
        <v>0</v>
      </c>
      <c r="E4397" cm="1">
        <f t="array" ref="E4397">IFERROR(INDEX(Jesper!AI$2:AI$366,ROUNDDOWN($C4397/24,0)+1,1)*INDEX($D$3:$AA$30,INDEX(Jesper!$R$2:$R$366,ROW(INDEX(Jesper!AI$2:AI$366,ROUNDDOWN($C4397/24,0)+1,1))-1)+IF('Standard Profiles'!$G$19=$B$10,7,0)+IF('Standard Profiles'!$G$19=$B$17,14,0)+IF('Standard Profiles'!$G$19=$B$24,21,0),MOD($C4397,24)+1)/SUM(INDEX($D$3:$AA$30,INDEX(Jesper!$R$2:$R$366,ROW(INDEX(Jesper!AI$2:AI$366,ROUNDDOWN($C4397/24,0)+1,1))-1)+IF('Standard Profiles'!$G$19=$B$10,7,0)+IF('Standard Profiles'!$G$19=$B$17,14,0)+IF('Standard Profiles'!$G$19=$B$24,21,0),0)),0)</f>
        <v>2.7136648371640399</v>
      </c>
      <c r="F4397" cm="1">
        <f t="array" ref="F4397">IFERROR(INDEX(Jesper!AJ$2:AJ$366,ROUNDDOWN($C4397/24,0)+1,1)*INDEX($D$3:$AA$30,INDEX(Jesper!$R$2:$R$366,ROW(INDEX(Jesper!AJ$2:AJ$366,ROUNDDOWN($C4397/24,0)+1,1))-1)+IF('Standard Profiles'!$G$20=$B$10,7,0)+IF('Standard Profiles'!$G$20=$B$17,14,0)+IF('Standard Profiles'!$G$20=$B$24,21,0),MOD($C4397,24)+1)/SUM(INDEX($D$3:$AA$30,INDEX(Jesper!$R$2:$R$366,ROW(INDEX(Jesper!AJ$2:AJ$366,ROUNDDOWN($C4397/24,0)+1,1))-1)+IF('Standard Profiles'!$G$20=$B$10,7,0)+IF('Standard Profiles'!$G$20=$B$17,14,0)+IF('Standard Profiles'!$G$20=$B$24,21,0),0)),0)</f>
        <v>1.1326882782059138</v>
      </c>
      <c r="G4397" cm="1">
        <f t="array" ref="G4397">IFERROR(INDEX(Jesper!AK$2:AK$366,ROUNDDOWN($C4397/24,0)+1,1)*INDEX($D$3:$AA$30,INDEX(Jesper!$R$2:$R$366,ROW(INDEX(Jesper!AK$2:AK$366,ROUNDDOWN($C4397/24,0)+1,1))-1)+IF('Standard Profiles'!$G$21=$B$10,7,0)+IF('Standard Profiles'!$G$21=$B$17,14,0)+IF('Standard Profiles'!$G$21=$B$24,21,0),MOD($C4397,24)+1)/SUM(INDEX($D$3:$AA$30,INDEX(Jesper!$R$2:$R$366,ROW(INDEX(Jesper!AK$2:AK$366,ROUNDDOWN($C4397/24,0)+1,1))-1)+IF('Standard Profiles'!$G$21=$B$10,7,0)+IF('Standard Profiles'!$G$21=$B$17,14,0)+IF('Standard Profiles'!$G$21=$B$24,21,0),0)),0)</f>
        <v>0.62276431137507005</v>
      </c>
      <c r="H4397" cm="1">
        <f t="array" ref="H4397">IFERROR(INDEX(Jesper!AL$2:AL$366,ROUNDDOWN($C4397/24,0)+1,1)*INDEX($D$3:$AA$30,INDEX(Jesper!$R$2:$R$366,ROW(INDEX(Jesper!AL$2:AL$366,ROUNDDOWN($C4397/24,0)+1,1))-1)+IF('Standard Profiles'!$G$22=$B$10,7,0)+IF('Standard Profiles'!$G$22=$B$17,14,0)+IF('Standard Profiles'!$G$22=$B$24,21,0),MOD($C4397,24)+1)/SUM(INDEX($D$3:$AA$30,INDEX(Jesper!$R$2:$R$366,ROW(INDEX(Jesper!AL$2:AL$366,ROUNDDOWN($C4397/24,0)+1,1))-1)+IF('Standard Profiles'!$G$22=$B$10,7,0)+IF('Standard Profiles'!$G$22=$B$17,14,0)+IF('Standard Profiles'!$G$22=$B$24,21,0),0)),0)</f>
        <v>0.19226108963122845</v>
      </c>
      <c r="I4397">
        <f t="shared" si="496"/>
        <v>0.18457064604597942</v>
      </c>
      <c r="J4397">
        <f t="shared" si="497"/>
        <v>4.1511680898705876</v>
      </c>
      <c r="K4397">
        <f t="shared" si="498"/>
        <v>0.21709318697312319</v>
      </c>
      <c r="L4397">
        <f t="shared" si="499"/>
        <v>0.10854659348656159</v>
      </c>
      <c r="M4397">
        <f t="shared" si="500"/>
        <v>0</v>
      </c>
      <c r="N4397" s="45">
        <f t="shared" si="501"/>
        <v>45108.791666656085</v>
      </c>
    </row>
    <row r="4398" spans="2:14" x14ac:dyDescent="0.25">
      <c r="B4398">
        <f t="shared" si="495"/>
        <v>6</v>
      </c>
      <c r="C4398" s="16">
        <v>4364</v>
      </c>
      <c r="D4398" cm="1">
        <f t="array" ref="D4398">IFERROR(INDEX(Jesper!AH$2:AH$366,ROUNDDOWN($C4398/24,0)+1,1)*INDEX($D$3:$AA$30,INDEX(Jesper!$R$2:$R$366,ROW(INDEX(Jesper!AH$2:AH$366,ROUNDDOWN($C4398/24,0)+1,1))-1)+IF('Standard Profiles'!$G$18=$B$10,7,0)+IF('Standard Profiles'!$G$18=$B$17,14,0)+IF('Standard Profiles'!$G$18=$B$24,21,0),MOD($C4398,24)+1)/SUM(INDEX($D$3:$AA$30,INDEX(Jesper!$R$2:$R$366,ROW(INDEX(Jesper!AH$2:AH$366,ROUNDDOWN($C4398/24,0)+1,1))-1)+IF('Standard Profiles'!$G$18=$B$10,7,0)+IF('Standard Profiles'!$G$18=$B$17,14,0)+IF('Standard Profiles'!$G$18=$B$24,21,0),0)),0)</f>
        <v>0</v>
      </c>
      <c r="E4398" cm="1">
        <f t="array" ref="E4398">IFERROR(INDEX(Jesper!AI$2:AI$366,ROUNDDOWN($C4398/24,0)+1,1)*INDEX($D$3:$AA$30,INDEX(Jesper!$R$2:$R$366,ROW(INDEX(Jesper!AI$2:AI$366,ROUNDDOWN($C4398/24,0)+1,1))-1)+IF('Standard Profiles'!$G$19=$B$10,7,0)+IF('Standard Profiles'!$G$19=$B$17,14,0)+IF('Standard Profiles'!$G$19=$B$24,21,0),MOD($C4398,24)+1)/SUM(INDEX($D$3:$AA$30,INDEX(Jesper!$R$2:$R$366,ROW(INDEX(Jesper!AI$2:AI$366,ROUNDDOWN($C4398/24,0)+1,1))-1)+IF('Standard Profiles'!$G$19=$B$10,7,0)+IF('Standard Profiles'!$G$19=$B$17,14,0)+IF('Standard Profiles'!$G$19=$B$24,21,0),0)),0)</f>
        <v>2.7136648371640399</v>
      </c>
      <c r="F4398" cm="1">
        <f t="array" ref="F4398">IFERROR(INDEX(Jesper!AJ$2:AJ$366,ROUNDDOWN($C4398/24,0)+1,1)*INDEX($D$3:$AA$30,INDEX(Jesper!$R$2:$R$366,ROW(INDEX(Jesper!AJ$2:AJ$366,ROUNDDOWN($C4398/24,0)+1,1))-1)+IF('Standard Profiles'!$G$20=$B$10,7,0)+IF('Standard Profiles'!$G$20=$B$17,14,0)+IF('Standard Profiles'!$G$20=$B$24,21,0),MOD($C4398,24)+1)/SUM(INDEX($D$3:$AA$30,INDEX(Jesper!$R$2:$R$366,ROW(INDEX(Jesper!AJ$2:AJ$366,ROUNDDOWN($C4398/24,0)+1,1))-1)+IF('Standard Profiles'!$G$20=$B$10,7,0)+IF('Standard Profiles'!$G$20=$B$17,14,0)+IF('Standard Profiles'!$G$20=$B$24,21,0),0)),0)</f>
        <v>1.1326882782059138</v>
      </c>
      <c r="G4398" cm="1">
        <f t="array" ref="G4398">IFERROR(INDEX(Jesper!AK$2:AK$366,ROUNDDOWN($C4398/24,0)+1,1)*INDEX($D$3:$AA$30,INDEX(Jesper!$R$2:$R$366,ROW(INDEX(Jesper!AK$2:AK$366,ROUNDDOWN($C4398/24,0)+1,1))-1)+IF('Standard Profiles'!$G$21=$B$10,7,0)+IF('Standard Profiles'!$G$21=$B$17,14,0)+IF('Standard Profiles'!$G$21=$B$24,21,0),MOD($C4398,24)+1)/SUM(INDEX($D$3:$AA$30,INDEX(Jesper!$R$2:$R$366,ROW(INDEX(Jesper!AK$2:AK$366,ROUNDDOWN($C4398/24,0)+1,1))-1)+IF('Standard Profiles'!$G$21=$B$10,7,0)+IF('Standard Profiles'!$G$21=$B$17,14,0)+IF('Standard Profiles'!$G$21=$B$24,21,0),0)),0)</f>
        <v>0.62276431137507005</v>
      </c>
      <c r="H4398" cm="1">
        <f t="array" ref="H4398">IFERROR(INDEX(Jesper!AL$2:AL$366,ROUNDDOWN($C4398/24,0)+1,1)*INDEX($D$3:$AA$30,INDEX(Jesper!$R$2:$R$366,ROW(INDEX(Jesper!AL$2:AL$366,ROUNDDOWN($C4398/24,0)+1,1))-1)+IF('Standard Profiles'!$G$22=$B$10,7,0)+IF('Standard Profiles'!$G$22=$B$17,14,0)+IF('Standard Profiles'!$G$22=$B$24,21,0),MOD($C4398,24)+1)/SUM(INDEX($D$3:$AA$30,INDEX(Jesper!$R$2:$R$366,ROW(INDEX(Jesper!AL$2:AL$366,ROUNDDOWN($C4398/24,0)+1,1))-1)+IF('Standard Profiles'!$G$22=$B$10,7,0)+IF('Standard Profiles'!$G$22=$B$17,14,0)+IF('Standard Profiles'!$G$22=$B$24,21,0),0)),0)</f>
        <v>0.14190699472781149</v>
      </c>
      <c r="I4398">
        <f t="shared" si="496"/>
        <v>0.13623071493869909</v>
      </c>
      <c r="J4398">
        <f t="shared" si="497"/>
        <v>4.149153926074451</v>
      </c>
      <c r="K4398">
        <f t="shared" si="498"/>
        <v>0.21709318697312319</v>
      </c>
      <c r="L4398">
        <f t="shared" si="499"/>
        <v>0.10854659348656159</v>
      </c>
      <c r="M4398">
        <f t="shared" si="500"/>
        <v>0</v>
      </c>
      <c r="N4398" s="45">
        <f t="shared" si="501"/>
        <v>45108.833333322749</v>
      </c>
    </row>
    <row r="4399" spans="2:14" x14ac:dyDescent="0.25">
      <c r="B4399">
        <f t="shared" si="495"/>
        <v>6</v>
      </c>
      <c r="C4399" s="16">
        <v>4365</v>
      </c>
      <c r="D4399" cm="1">
        <f t="array" ref="D4399">IFERROR(INDEX(Jesper!AH$2:AH$366,ROUNDDOWN($C4399/24,0)+1,1)*INDEX($D$3:$AA$30,INDEX(Jesper!$R$2:$R$366,ROW(INDEX(Jesper!AH$2:AH$366,ROUNDDOWN($C4399/24,0)+1,1))-1)+IF('Standard Profiles'!$G$18=$B$10,7,0)+IF('Standard Profiles'!$G$18=$B$17,14,0)+IF('Standard Profiles'!$G$18=$B$24,21,0),MOD($C4399,24)+1)/SUM(INDEX($D$3:$AA$30,INDEX(Jesper!$R$2:$R$366,ROW(INDEX(Jesper!AH$2:AH$366,ROUNDDOWN($C4399/24,0)+1,1))-1)+IF('Standard Profiles'!$G$18=$B$10,7,0)+IF('Standard Profiles'!$G$18=$B$17,14,0)+IF('Standard Profiles'!$G$18=$B$24,21,0),0)),0)</f>
        <v>0</v>
      </c>
      <c r="E4399" cm="1">
        <f t="array" ref="E4399">IFERROR(INDEX(Jesper!AI$2:AI$366,ROUNDDOWN($C4399/24,0)+1,1)*INDEX($D$3:$AA$30,INDEX(Jesper!$R$2:$R$366,ROW(INDEX(Jesper!AI$2:AI$366,ROUNDDOWN($C4399/24,0)+1,1))-1)+IF('Standard Profiles'!$G$19=$B$10,7,0)+IF('Standard Profiles'!$G$19=$B$17,14,0)+IF('Standard Profiles'!$G$19=$B$24,21,0),MOD($C4399,24)+1)/SUM(INDEX($D$3:$AA$30,INDEX(Jesper!$R$2:$R$366,ROW(INDEX(Jesper!AI$2:AI$366,ROUNDDOWN($C4399/24,0)+1,1))-1)+IF('Standard Profiles'!$G$19=$B$10,7,0)+IF('Standard Profiles'!$G$19=$B$17,14,0)+IF('Standard Profiles'!$G$19=$B$24,21,0),0)),0)</f>
        <v>2.7136648371640399</v>
      </c>
      <c r="F4399" cm="1">
        <f t="array" ref="F4399">IFERROR(INDEX(Jesper!AJ$2:AJ$366,ROUNDDOWN($C4399/24,0)+1,1)*INDEX($D$3:$AA$30,INDEX(Jesper!$R$2:$R$366,ROW(INDEX(Jesper!AJ$2:AJ$366,ROUNDDOWN($C4399/24,0)+1,1))-1)+IF('Standard Profiles'!$G$20=$B$10,7,0)+IF('Standard Profiles'!$G$20=$B$17,14,0)+IF('Standard Profiles'!$G$20=$B$24,21,0),MOD($C4399,24)+1)/SUM(INDEX($D$3:$AA$30,INDEX(Jesper!$R$2:$R$366,ROW(INDEX(Jesper!AJ$2:AJ$366,ROUNDDOWN($C4399/24,0)+1,1))-1)+IF('Standard Profiles'!$G$20=$B$10,7,0)+IF('Standard Profiles'!$G$20=$B$17,14,0)+IF('Standard Profiles'!$G$20=$B$24,21,0),0)),0)</f>
        <v>1.1326882782059138</v>
      </c>
      <c r="G4399" cm="1">
        <f t="array" ref="G4399">IFERROR(INDEX(Jesper!AK$2:AK$366,ROUNDDOWN($C4399/24,0)+1,1)*INDEX($D$3:$AA$30,INDEX(Jesper!$R$2:$R$366,ROW(INDEX(Jesper!AK$2:AK$366,ROUNDDOWN($C4399/24,0)+1,1))-1)+IF('Standard Profiles'!$G$21=$B$10,7,0)+IF('Standard Profiles'!$G$21=$B$17,14,0)+IF('Standard Profiles'!$G$21=$B$24,21,0),MOD($C4399,24)+1)/SUM(INDEX($D$3:$AA$30,INDEX(Jesper!$R$2:$R$366,ROW(INDEX(Jesper!AK$2:AK$366,ROUNDDOWN($C4399/24,0)+1,1))-1)+IF('Standard Profiles'!$G$21=$B$10,7,0)+IF('Standard Profiles'!$G$21=$B$17,14,0)+IF('Standard Profiles'!$G$21=$B$24,21,0),0)),0)</f>
        <v>0.62276431137507005</v>
      </c>
      <c r="H4399" cm="1">
        <f t="array" ref="H4399">IFERROR(INDEX(Jesper!AL$2:AL$366,ROUNDDOWN($C4399/24,0)+1,1)*INDEX($D$3:$AA$30,INDEX(Jesper!$R$2:$R$366,ROW(INDEX(Jesper!AL$2:AL$366,ROUNDDOWN($C4399/24,0)+1,1))-1)+IF('Standard Profiles'!$G$22=$B$10,7,0)+IF('Standard Profiles'!$G$22=$B$17,14,0)+IF('Standard Profiles'!$G$22=$B$24,21,0),MOD($C4399,24)+1)/SUM(INDEX($D$3:$AA$30,INDEX(Jesper!$R$2:$R$366,ROW(INDEX(Jesper!AL$2:AL$366,ROUNDDOWN($C4399/24,0)+1,1))-1)+IF('Standard Profiles'!$G$22=$B$10,7,0)+IF('Standard Profiles'!$G$22=$B$17,14,0)+IF('Standard Profiles'!$G$22=$B$24,21,0),0)),0)</f>
        <v>0.14190699472781149</v>
      </c>
      <c r="I4399">
        <f t="shared" si="496"/>
        <v>0.13623071493869909</v>
      </c>
      <c r="J4399">
        <f t="shared" si="497"/>
        <v>4.149153926074451</v>
      </c>
      <c r="K4399">
        <f t="shared" si="498"/>
        <v>0.21709318697312319</v>
      </c>
      <c r="L4399">
        <f t="shared" si="499"/>
        <v>0.10854659348656159</v>
      </c>
      <c r="M4399">
        <f t="shared" si="500"/>
        <v>0</v>
      </c>
      <c r="N4399" s="45">
        <f t="shared" si="501"/>
        <v>45108.874999989413</v>
      </c>
    </row>
    <row r="4400" spans="2:14" x14ac:dyDescent="0.25">
      <c r="B4400">
        <f t="shared" si="495"/>
        <v>6</v>
      </c>
      <c r="C4400" s="16">
        <v>4366</v>
      </c>
      <c r="D4400" cm="1">
        <f t="array" ref="D4400">IFERROR(INDEX(Jesper!AH$2:AH$366,ROUNDDOWN($C4400/24,0)+1,1)*INDEX($D$3:$AA$30,INDEX(Jesper!$R$2:$R$366,ROW(INDEX(Jesper!AH$2:AH$366,ROUNDDOWN($C4400/24,0)+1,1))-1)+IF('Standard Profiles'!$G$18=$B$10,7,0)+IF('Standard Profiles'!$G$18=$B$17,14,0)+IF('Standard Profiles'!$G$18=$B$24,21,0),MOD($C4400,24)+1)/SUM(INDEX($D$3:$AA$30,INDEX(Jesper!$R$2:$R$366,ROW(INDEX(Jesper!AH$2:AH$366,ROUNDDOWN($C4400/24,0)+1,1))-1)+IF('Standard Profiles'!$G$18=$B$10,7,0)+IF('Standard Profiles'!$G$18=$B$17,14,0)+IF('Standard Profiles'!$G$18=$B$24,21,0),0)),0)</f>
        <v>0</v>
      </c>
      <c r="E4400" cm="1">
        <f t="array" ref="E4400">IFERROR(INDEX(Jesper!AI$2:AI$366,ROUNDDOWN($C4400/24,0)+1,1)*INDEX($D$3:$AA$30,INDEX(Jesper!$R$2:$R$366,ROW(INDEX(Jesper!AI$2:AI$366,ROUNDDOWN($C4400/24,0)+1,1))-1)+IF('Standard Profiles'!$G$19=$B$10,7,0)+IF('Standard Profiles'!$G$19=$B$17,14,0)+IF('Standard Profiles'!$G$19=$B$24,21,0),MOD($C4400,24)+1)/SUM(INDEX($D$3:$AA$30,INDEX(Jesper!$R$2:$R$366,ROW(INDEX(Jesper!AI$2:AI$366,ROUNDDOWN($C4400/24,0)+1,1))-1)+IF('Standard Profiles'!$G$19=$B$10,7,0)+IF('Standard Profiles'!$G$19=$B$17,14,0)+IF('Standard Profiles'!$G$19=$B$24,21,0),0)),0)</f>
        <v>2.7136648371640399</v>
      </c>
      <c r="F4400" cm="1">
        <f t="array" ref="F4400">IFERROR(INDEX(Jesper!AJ$2:AJ$366,ROUNDDOWN($C4400/24,0)+1,1)*INDEX($D$3:$AA$30,INDEX(Jesper!$R$2:$R$366,ROW(INDEX(Jesper!AJ$2:AJ$366,ROUNDDOWN($C4400/24,0)+1,1))-1)+IF('Standard Profiles'!$G$20=$B$10,7,0)+IF('Standard Profiles'!$G$20=$B$17,14,0)+IF('Standard Profiles'!$G$20=$B$24,21,0),MOD($C4400,24)+1)/SUM(INDEX($D$3:$AA$30,INDEX(Jesper!$R$2:$R$366,ROW(INDEX(Jesper!AJ$2:AJ$366,ROUNDDOWN($C4400/24,0)+1,1))-1)+IF('Standard Profiles'!$G$20=$B$10,7,0)+IF('Standard Profiles'!$G$20=$B$17,14,0)+IF('Standard Profiles'!$G$20=$B$24,21,0),0)),0)</f>
        <v>1.1326882782059138</v>
      </c>
      <c r="G4400" cm="1">
        <f t="array" ref="G4400">IFERROR(INDEX(Jesper!AK$2:AK$366,ROUNDDOWN($C4400/24,0)+1,1)*INDEX($D$3:$AA$30,INDEX(Jesper!$R$2:$R$366,ROW(INDEX(Jesper!AK$2:AK$366,ROUNDDOWN($C4400/24,0)+1,1))-1)+IF('Standard Profiles'!$G$21=$B$10,7,0)+IF('Standard Profiles'!$G$21=$B$17,14,0)+IF('Standard Profiles'!$G$21=$B$24,21,0),MOD($C4400,24)+1)/SUM(INDEX($D$3:$AA$30,INDEX(Jesper!$R$2:$R$366,ROW(INDEX(Jesper!AK$2:AK$366,ROUNDDOWN($C4400/24,0)+1,1))-1)+IF('Standard Profiles'!$G$21=$B$10,7,0)+IF('Standard Profiles'!$G$21=$B$17,14,0)+IF('Standard Profiles'!$G$21=$B$24,21,0),0)),0)</f>
        <v>0.62276431137507005</v>
      </c>
      <c r="H4400" cm="1">
        <f t="array" ref="H4400">IFERROR(INDEX(Jesper!AL$2:AL$366,ROUNDDOWN($C4400/24,0)+1,1)*INDEX($D$3:$AA$30,INDEX(Jesper!$R$2:$R$366,ROW(INDEX(Jesper!AL$2:AL$366,ROUNDDOWN($C4400/24,0)+1,1))-1)+IF('Standard Profiles'!$G$22=$B$10,7,0)+IF('Standard Profiles'!$G$22=$B$17,14,0)+IF('Standard Profiles'!$G$22=$B$24,21,0),MOD($C4400,24)+1)/SUM(INDEX($D$3:$AA$30,INDEX(Jesper!$R$2:$R$366,ROW(INDEX(Jesper!AL$2:AL$366,ROUNDDOWN($C4400/24,0)+1,1))-1)+IF('Standard Profiles'!$G$22=$B$10,7,0)+IF('Standard Profiles'!$G$22=$B$17,14,0)+IF('Standard Profiles'!$G$22=$B$24,21,0),0)),0)</f>
        <v>0.14190699472781149</v>
      </c>
      <c r="I4400">
        <f t="shared" si="496"/>
        <v>0.13623071493869909</v>
      </c>
      <c r="J4400">
        <f t="shared" si="497"/>
        <v>4.149153926074451</v>
      </c>
      <c r="K4400">
        <f t="shared" si="498"/>
        <v>0.21709318697312319</v>
      </c>
      <c r="L4400">
        <f t="shared" si="499"/>
        <v>0.10854659348656159</v>
      </c>
      <c r="M4400">
        <f t="shared" si="500"/>
        <v>0</v>
      </c>
      <c r="N4400" s="45">
        <f t="shared" si="501"/>
        <v>45108.916666656078</v>
      </c>
    </row>
    <row r="4401" spans="2:14" x14ac:dyDescent="0.25">
      <c r="B4401">
        <f t="shared" si="495"/>
        <v>6</v>
      </c>
      <c r="C4401" s="16">
        <v>4367</v>
      </c>
      <c r="D4401" cm="1">
        <f t="array" ref="D4401">IFERROR(INDEX(Jesper!AH$2:AH$366,ROUNDDOWN($C4401/24,0)+1,1)*INDEX($D$3:$AA$30,INDEX(Jesper!$R$2:$R$366,ROW(INDEX(Jesper!AH$2:AH$366,ROUNDDOWN($C4401/24,0)+1,1))-1)+IF('Standard Profiles'!$G$18=$B$10,7,0)+IF('Standard Profiles'!$G$18=$B$17,14,0)+IF('Standard Profiles'!$G$18=$B$24,21,0),MOD($C4401,24)+1)/SUM(INDEX($D$3:$AA$30,INDEX(Jesper!$R$2:$R$366,ROW(INDEX(Jesper!AH$2:AH$366,ROUNDDOWN($C4401/24,0)+1,1))-1)+IF('Standard Profiles'!$G$18=$B$10,7,0)+IF('Standard Profiles'!$G$18=$B$17,14,0)+IF('Standard Profiles'!$G$18=$B$24,21,0),0)),0)</f>
        <v>0</v>
      </c>
      <c r="E4401" cm="1">
        <f t="array" ref="E4401">IFERROR(INDEX(Jesper!AI$2:AI$366,ROUNDDOWN($C4401/24,0)+1,1)*INDEX($D$3:$AA$30,INDEX(Jesper!$R$2:$R$366,ROW(INDEX(Jesper!AI$2:AI$366,ROUNDDOWN($C4401/24,0)+1,1))-1)+IF('Standard Profiles'!$G$19=$B$10,7,0)+IF('Standard Profiles'!$G$19=$B$17,14,0)+IF('Standard Profiles'!$G$19=$B$24,21,0),MOD($C4401,24)+1)/SUM(INDEX($D$3:$AA$30,INDEX(Jesper!$R$2:$R$366,ROW(INDEX(Jesper!AI$2:AI$366,ROUNDDOWN($C4401/24,0)+1,1))-1)+IF('Standard Profiles'!$G$19=$B$10,7,0)+IF('Standard Profiles'!$G$19=$B$17,14,0)+IF('Standard Profiles'!$G$19=$B$24,21,0),0)),0)</f>
        <v>2.7136648371640399</v>
      </c>
      <c r="F4401" cm="1">
        <f t="array" ref="F4401">IFERROR(INDEX(Jesper!AJ$2:AJ$366,ROUNDDOWN($C4401/24,0)+1,1)*INDEX($D$3:$AA$30,INDEX(Jesper!$R$2:$R$366,ROW(INDEX(Jesper!AJ$2:AJ$366,ROUNDDOWN($C4401/24,0)+1,1))-1)+IF('Standard Profiles'!$G$20=$B$10,7,0)+IF('Standard Profiles'!$G$20=$B$17,14,0)+IF('Standard Profiles'!$G$20=$B$24,21,0),MOD($C4401,24)+1)/SUM(INDEX($D$3:$AA$30,INDEX(Jesper!$R$2:$R$366,ROW(INDEX(Jesper!AJ$2:AJ$366,ROUNDDOWN($C4401/24,0)+1,1))-1)+IF('Standard Profiles'!$G$20=$B$10,7,0)+IF('Standard Profiles'!$G$20=$B$17,14,0)+IF('Standard Profiles'!$G$20=$B$24,21,0),0)),0)</f>
        <v>1.1326882782059138</v>
      </c>
      <c r="G4401" cm="1">
        <f t="array" ref="G4401">IFERROR(INDEX(Jesper!AK$2:AK$366,ROUNDDOWN($C4401/24,0)+1,1)*INDEX($D$3:$AA$30,INDEX(Jesper!$R$2:$R$366,ROW(INDEX(Jesper!AK$2:AK$366,ROUNDDOWN($C4401/24,0)+1,1))-1)+IF('Standard Profiles'!$G$21=$B$10,7,0)+IF('Standard Profiles'!$G$21=$B$17,14,0)+IF('Standard Profiles'!$G$21=$B$24,21,0),MOD($C4401,24)+1)/SUM(INDEX($D$3:$AA$30,INDEX(Jesper!$R$2:$R$366,ROW(INDEX(Jesper!AK$2:AK$366,ROUNDDOWN($C4401/24,0)+1,1))-1)+IF('Standard Profiles'!$G$21=$B$10,7,0)+IF('Standard Profiles'!$G$21=$B$17,14,0)+IF('Standard Profiles'!$G$21=$B$24,21,0),0)),0)</f>
        <v>0.62276431137507005</v>
      </c>
      <c r="H4401" cm="1">
        <f t="array" ref="H4401">IFERROR(INDEX(Jesper!AL$2:AL$366,ROUNDDOWN($C4401/24,0)+1,1)*INDEX($D$3:$AA$30,INDEX(Jesper!$R$2:$R$366,ROW(INDEX(Jesper!AL$2:AL$366,ROUNDDOWN($C4401/24,0)+1,1))-1)+IF('Standard Profiles'!$G$22=$B$10,7,0)+IF('Standard Profiles'!$G$22=$B$17,14,0)+IF('Standard Profiles'!$G$22=$B$24,21,0),MOD($C4401,24)+1)/SUM(INDEX($D$3:$AA$30,INDEX(Jesper!$R$2:$R$366,ROW(INDEX(Jesper!AL$2:AL$366,ROUNDDOWN($C4401/24,0)+1,1))-1)+IF('Standard Profiles'!$G$22=$B$10,7,0)+IF('Standard Profiles'!$G$22=$B$17,14,0)+IF('Standard Profiles'!$G$22=$B$24,21,0),0)),0)</f>
        <v>0.14190699472781149</v>
      </c>
      <c r="I4401">
        <f t="shared" si="496"/>
        <v>0.13623071493869909</v>
      </c>
      <c r="J4401">
        <f t="shared" si="497"/>
        <v>4.149153926074451</v>
      </c>
      <c r="K4401">
        <f t="shared" si="498"/>
        <v>0.21709318697312319</v>
      </c>
      <c r="L4401">
        <f t="shared" si="499"/>
        <v>0.10854659348656159</v>
      </c>
      <c r="M4401">
        <f t="shared" si="500"/>
        <v>0</v>
      </c>
      <c r="N4401" s="45">
        <f t="shared" si="501"/>
        <v>45108.958333322742</v>
      </c>
    </row>
    <row r="4402" spans="2:14" x14ac:dyDescent="0.25">
      <c r="B4402">
        <f t="shared" si="495"/>
        <v>7</v>
      </c>
      <c r="C4402" s="16">
        <v>4368</v>
      </c>
      <c r="D4402" cm="1">
        <f t="array" ref="D4402">IFERROR(INDEX(Jesper!AH$2:AH$366,ROUNDDOWN($C4402/24,0)+1,1)*INDEX($D$3:$AA$30,INDEX(Jesper!$R$2:$R$366,ROW(INDEX(Jesper!AH$2:AH$366,ROUNDDOWN($C4402/24,0)+1,1))-1)+IF('Standard Profiles'!$G$18=$B$10,7,0)+IF('Standard Profiles'!$G$18=$B$17,14,0)+IF('Standard Profiles'!$G$18=$B$24,21,0),MOD($C4402,24)+1)/SUM(INDEX($D$3:$AA$30,INDEX(Jesper!$R$2:$R$366,ROW(INDEX(Jesper!AH$2:AH$366,ROUNDDOWN($C4402/24,0)+1,1))-1)+IF('Standard Profiles'!$G$18=$B$10,7,0)+IF('Standard Profiles'!$G$18=$B$17,14,0)+IF('Standard Profiles'!$G$18=$B$24,21,0),0)),0)</f>
        <v>0</v>
      </c>
      <c r="E4402" cm="1">
        <f t="array" ref="E4402">IFERROR(INDEX(Jesper!AI$2:AI$366,ROUNDDOWN($C4402/24,0)+1,1)*INDEX($D$3:$AA$30,INDEX(Jesper!$R$2:$R$366,ROW(INDEX(Jesper!AI$2:AI$366,ROUNDDOWN($C4402/24,0)+1,1))-1)+IF('Standard Profiles'!$G$19=$B$10,7,0)+IF('Standard Profiles'!$G$19=$B$17,14,0)+IF('Standard Profiles'!$G$19=$B$24,21,0),MOD($C4402,24)+1)/SUM(INDEX($D$3:$AA$30,INDEX(Jesper!$R$2:$R$366,ROW(INDEX(Jesper!AI$2:AI$366,ROUNDDOWN($C4402/24,0)+1,1))-1)+IF('Standard Profiles'!$G$19=$B$10,7,0)+IF('Standard Profiles'!$G$19=$B$17,14,0)+IF('Standard Profiles'!$G$19=$B$24,21,0),0)),0)</f>
        <v>2.7178576461798882</v>
      </c>
      <c r="F4402" cm="1">
        <f t="array" ref="F4402">IFERROR(INDEX(Jesper!AJ$2:AJ$366,ROUNDDOWN($C4402/24,0)+1,1)*INDEX($D$3:$AA$30,INDEX(Jesper!$R$2:$R$366,ROW(INDEX(Jesper!AJ$2:AJ$366,ROUNDDOWN($C4402/24,0)+1,1))-1)+IF('Standard Profiles'!$G$20=$B$10,7,0)+IF('Standard Profiles'!$G$20=$B$17,14,0)+IF('Standard Profiles'!$G$20=$B$24,21,0),MOD($C4402,24)+1)/SUM(INDEX($D$3:$AA$30,INDEX(Jesper!$R$2:$R$366,ROW(INDEX(Jesper!AJ$2:AJ$366,ROUNDDOWN($C4402/24,0)+1,1))-1)+IF('Standard Profiles'!$G$20=$B$10,7,0)+IF('Standard Profiles'!$G$20=$B$17,14,0)+IF('Standard Profiles'!$G$20=$B$24,21,0),0)),0)</f>
        <v>1.0840563609652223</v>
      </c>
      <c r="G4402" cm="1">
        <f t="array" ref="G4402">IFERROR(INDEX(Jesper!AK$2:AK$366,ROUNDDOWN($C4402/24,0)+1,1)*INDEX($D$3:$AA$30,INDEX(Jesper!$R$2:$R$366,ROW(INDEX(Jesper!AK$2:AK$366,ROUNDDOWN($C4402/24,0)+1,1))-1)+IF('Standard Profiles'!$G$21=$B$10,7,0)+IF('Standard Profiles'!$G$21=$B$17,14,0)+IF('Standard Profiles'!$G$21=$B$24,21,0),MOD($C4402,24)+1)/SUM(INDEX($D$3:$AA$30,INDEX(Jesper!$R$2:$R$366,ROW(INDEX(Jesper!AK$2:AK$366,ROUNDDOWN($C4402/24,0)+1,1))-1)+IF('Standard Profiles'!$G$21=$B$10,7,0)+IF('Standard Profiles'!$G$21=$B$17,14,0)+IF('Standard Profiles'!$G$21=$B$24,21,0),0)),0)</f>
        <v>0.55716160990836228</v>
      </c>
      <c r="H4402" cm="1">
        <f t="array" ref="H4402">IFERROR(INDEX(Jesper!AL$2:AL$366,ROUNDDOWN($C4402/24,0)+1,1)*INDEX($D$3:$AA$30,INDEX(Jesper!$R$2:$R$366,ROW(INDEX(Jesper!AL$2:AL$366,ROUNDDOWN($C4402/24,0)+1,1))-1)+IF('Standard Profiles'!$G$22=$B$10,7,0)+IF('Standard Profiles'!$G$22=$B$17,14,0)+IF('Standard Profiles'!$G$22=$B$24,21,0),MOD($C4402,24)+1)/SUM(INDEX($D$3:$AA$30,INDEX(Jesper!$R$2:$R$366,ROW(INDEX(Jesper!AL$2:AL$366,ROUNDDOWN($C4402/24,0)+1,1))-1)+IF('Standard Profiles'!$G$22=$B$10,7,0)+IF('Standard Profiles'!$G$22=$B$17,14,0)+IF('Standard Profiles'!$G$22=$B$24,21,0),0)),0)</f>
        <v>0.12253516453081069</v>
      </c>
      <c r="I4402">
        <f t="shared" si="496"/>
        <v>0.11763375794957832</v>
      </c>
      <c r="J4402">
        <f t="shared" si="497"/>
        <v>4.0378341060931175</v>
      </c>
      <c r="K4402">
        <f t="shared" si="498"/>
        <v>0.21742861169439107</v>
      </c>
      <c r="L4402">
        <f t="shared" si="499"/>
        <v>0.10871430584719553</v>
      </c>
      <c r="M4402">
        <f t="shared" si="500"/>
        <v>0</v>
      </c>
      <c r="N4402" s="45">
        <f t="shared" si="501"/>
        <v>45108.999999989406</v>
      </c>
    </row>
    <row r="4403" spans="2:14" x14ac:dyDescent="0.25">
      <c r="B4403">
        <f t="shared" si="495"/>
        <v>7</v>
      </c>
      <c r="C4403" s="16">
        <v>4369</v>
      </c>
      <c r="D4403" cm="1">
        <f t="array" ref="D4403">IFERROR(INDEX(Jesper!AH$2:AH$366,ROUNDDOWN($C4403/24,0)+1,1)*INDEX($D$3:$AA$30,INDEX(Jesper!$R$2:$R$366,ROW(INDEX(Jesper!AH$2:AH$366,ROUNDDOWN($C4403/24,0)+1,1))-1)+IF('Standard Profiles'!$G$18=$B$10,7,0)+IF('Standard Profiles'!$G$18=$B$17,14,0)+IF('Standard Profiles'!$G$18=$B$24,21,0),MOD($C4403,24)+1)/SUM(INDEX($D$3:$AA$30,INDEX(Jesper!$R$2:$R$366,ROW(INDEX(Jesper!AH$2:AH$366,ROUNDDOWN($C4403/24,0)+1,1))-1)+IF('Standard Profiles'!$G$18=$B$10,7,0)+IF('Standard Profiles'!$G$18=$B$17,14,0)+IF('Standard Profiles'!$G$18=$B$24,21,0),0)),0)</f>
        <v>0</v>
      </c>
      <c r="E4403" cm="1">
        <f t="array" ref="E4403">IFERROR(INDEX(Jesper!AI$2:AI$366,ROUNDDOWN($C4403/24,0)+1,1)*INDEX($D$3:$AA$30,INDEX(Jesper!$R$2:$R$366,ROW(INDEX(Jesper!AI$2:AI$366,ROUNDDOWN($C4403/24,0)+1,1))-1)+IF('Standard Profiles'!$G$19=$B$10,7,0)+IF('Standard Profiles'!$G$19=$B$17,14,0)+IF('Standard Profiles'!$G$19=$B$24,21,0),MOD($C4403,24)+1)/SUM(INDEX($D$3:$AA$30,INDEX(Jesper!$R$2:$R$366,ROW(INDEX(Jesper!AI$2:AI$366,ROUNDDOWN($C4403/24,0)+1,1))-1)+IF('Standard Profiles'!$G$19=$B$10,7,0)+IF('Standard Profiles'!$G$19=$B$17,14,0)+IF('Standard Profiles'!$G$19=$B$24,21,0),0)),0)</f>
        <v>2.7178576461798882</v>
      </c>
      <c r="F4403" cm="1">
        <f t="array" ref="F4403">IFERROR(INDEX(Jesper!AJ$2:AJ$366,ROUNDDOWN($C4403/24,0)+1,1)*INDEX($D$3:$AA$30,INDEX(Jesper!$R$2:$R$366,ROW(INDEX(Jesper!AJ$2:AJ$366,ROUNDDOWN($C4403/24,0)+1,1))-1)+IF('Standard Profiles'!$G$20=$B$10,7,0)+IF('Standard Profiles'!$G$20=$B$17,14,0)+IF('Standard Profiles'!$G$20=$B$24,21,0),MOD($C4403,24)+1)/SUM(INDEX($D$3:$AA$30,INDEX(Jesper!$R$2:$R$366,ROW(INDEX(Jesper!AJ$2:AJ$366,ROUNDDOWN($C4403/24,0)+1,1))-1)+IF('Standard Profiles'!$G$20=$B$10,7,0)+IF('Standard Profiles'!$G$20=$B$17,14,0)+IF('Standard Profiles'!$G$20=$B$24,21,0),0)),0)</f>
        <v>1.0840563609652223</v>
      </c>
      <c r="G4403" cm="1">
        <f t="array" ref="G4403">IFERROR(INDEX(Jesper!AK$2:AK$366,ROUNDDOWN($C4403/24,0)+1,1)*INDEX($D$3:$AA$30,INDEX(Jesper!$R$2:$R$366,ROW(INDEX(Jesper!AK$2:AK$366,ROUNDDOWN($C4403/24,0)+1,1))-1)+IF('Standard Profiles'!$G$21=$B$10,7,0)+IF('Standard Profiles'!$G$21=$B$17,14,0)+IF('Standard Profiles'!$G$21=$B$24,21,0),MOD($C4403,24)+1)/SUM(INDEX($D$3:$AA$30,INDEX(Jesper!$R$2:$R$366,ROW(INDEX(Jesper!AK$2:AK$366,ROUNDDOWN($C4403/24,0)+1,1))-1)+IF('Standard Profiles'!$G$21=$B$10,7,0)+IF('Standard Profiles'!$G$21=$B$17,14,0)+IF('Standard Profiles'!$G$21=$B$24,21,0),0)),0)</f>
        <v>0.55716160990836228</v>
      </c>
      <c r="H4403" cm="1">
        <f t="array" ref="H4403">IFERROR(INDEX(Jesper!AL$2:AL$366,ROUNDDOWN($C4403/24,0)+1,1)*INDEX($D$3:$AA$30,INDEX(Jesper!$R$2:$R$366,ROW(INDEX(Jesper!AL$2:AL$366,ROUNDDOWN($C4403/24,0)+1,1))-1)+IF('Standard Profiles'!$G$22=$B$10,7,0)+IF('Standard Profiles'!$G$22=$B$17,14,0)+IF('Standard Profiles'!$G$22=$B$24,21,0),MOD($C4403,24)+1)/SUM(INDEX($D$3:$AA$30,INDEX(Jesper!$R$2:$R$366,ROW(INDEX(Jesper!AL$2:AL$366,ROUNDDOWN($C4403/24,0)+1,1))-1)+IF('Standard Profiles'!$G$22=$B$10,7,0)+IF('Standard Profiles'!$G$22=$B$17,14,0)+IF('Standard Profiles'!$G$22=$B$24,21,0),0)),0)</f>
        <v>0.14229890074545756</v>
      </c>
      <c r="I4403">
        <f t="shared" si="496"/>
        <v>0.13660694471563933</v>
      </c>
      <c r="J4403">
        <f t="shared" si="497"/>
        <v>4.038624655541704</v>
      </c>
      <c r="K4403">
        <f t="shared" si="498"/>
        <v>0.21742861169439107</v>
      </c>
      <c r="L4403">
        <f t="shared" si="499"/>
        <v>0.10871430584719553</v>
      </c>
      <c r="M4403">
        <f t="shared" si="500"/>
        <v>0</v>
      </c>
      <c r="N4403" s="45">
        <f t="shared" si="501"/>
        <v>45109.04166665607</v>
      </c>
    </row>
    <row r="4404" spans="2:14" x14ac:dyDescent="0.25">
      <c r="B4404">
        <f t="shared" si="495"/>
        <v>7</v>
      </c>
      <c r="C4404" s="16">
        <v>4370</v>
      </c>
      <c r="D4404" cm="1">
        <f t="array" ref="D4404">IFERROR(INDEX(Jesper!AH$2:AH$366,ROUNDDOWN($C4404/24,0)+1,1)*INDEX($D$3:$AA$30,INDEX(Jesper!$R$2:$R$366,ROW(INDEX(Jesper!AH$2:AH$366,ROUNDDOWN($C4404/24,0)+1,1))-1)+IF('Standard Profiles'!$G$18=$B$10,7,0)+IF('Standard Profiles'!$G$18=$B$17,14,0)+IF('Standard Profiles'!$G$18=$B$24,21,0),MOD($C4404,24)+1)/SUM(INDEX($D$3:$AA$30,INDEX(Jesper!$R$2:$R$366,ROW(INDEX(Jesper!AH$2:AH$366,ROUNDDOWN($C4404/24,0)+1,1))-1)+IF('Standard Profiles'!$G$18=$B$10,7,0)+IF('Standard Profiles'!$G$18=$B$17,14,0)+IF('Standard Profiles'!$G$18=$B$24,21,0),0)),0)</f>
        <v>0</v>
      </c>
      <c r="E4404" cm="1">
        <f t="array" ref="E4404">IFERROR(INDEX(Jesper!AI$2:AI$366,ROUNDDOWN($C4404/24,0)+1,1)*INDEX($D$3:$AA$30,INDEX(Jesper!$R$2:$R$366,ROW(INDEX(Jesper!AI$2:AI$366,ROUNDDOWN($C4404/24,0)+1,1))-1)+IF('Standard Profiles'!$G$19=$B$10,7,0)+IF('Standard Profiles'!$G$19=$B$17,14,0)+IF('Standard Profiles'!$G$19=$B$24,21,0),MOD($C4404,24)+1)/SUM(INDEX($D$3:$AA$30,INDEX(Jesper!$R$2:$R$366,ROW(INDEX(Jesper!AI$2:AI$366,ROUNDDOWN($C4404/24,0)+1,1))-1)+IF('Standard Profiles'!$G$19=$B$10,7,0)+IF('Standard Profiles'!$G$19=$B$17,14,0)+IF('Standard Profiles'!$G$19=$B$24,21,0),0)),0)</f>
        <v>2.7178576461798882</v>
      </c>
      <c r="F4404" cm="1">
        <f t="array" ref="F4404">IFERROR(INDEX(Jesper!AJ$2:AJ$366,ROUNDDOWN($C4404/24,0)+1,1)*INDEX($D$3:$AA$30,INDEX(Jesper!$R$2:$R$366,ROW(INDEX(Jesper!AJ$2:AJ$366,ROUNDDOWN($C4404/24,0)+1,1))-1)+IF('Standard Profiles'!$G$20=$B$10,7,0)+IF('Standard Profiles'!$G$20=$B$17,14,0)+IF('Standard Profiles'!$G$20=$B$24,21,0),MOD($C4404,24)+1)/SUM(INDEX($D$3:$AA$30,INDEX(Jesper!$R$2:$R$366,ROW(INDEX(Jesper!AJ$2:AJ$366,ROUNDDOWN($C4404/24,0)+1,1))-1)+IF('Standard Profiles'!$G$20=$B$10,7,0)+IF('Standard Profiles'!$G$20=$B$17,14,0)+IF('Standard Profiles'!$G$20=$B$24,21,0),0)),0)</f>
        <v>1.0840563609652223</v>
      </c>
      <c r="G4404" cm="1">
        <f t="array" ref="G4404">IFERROR(INDEX(Jesper!AK$2:AK$366,ROUNDDOWN($C4404/24,0)+1,1)*INDEX($D$3:$AA$30,INDEX(Jesper!$R$2:$R$366,ROW(INDEX(Jesper!AK$2:AK$366,ROUNDDOWN($C4404/24,0)+1,1))-1)+IF('Standard Profiles'!$G$21=$B$10,7,0)+IF('Standard Profiles'!$G$21=$B$17,14,0)+IF('Standard Profiles'!$G$21=$B$24,21,0),MOD($C4404,24)+1)/SUM(INDEX($D$3:$AA$30,INDEX(Jesper!$R$2:$R$366,ROW(INDEX(Jesper!AK$2:AK$366,ROUNDDOWN($C4404/24,0)+1,1))-1)+IF('Standard Profiles'!$G$21=$B$10,7,0)+IF('Standard Profiles'!$G$21=$B$17,14,0)+IF('Standard Profiles'!$G$21=$B$24,21,0),0)),0)</f>
        <v>0.55716160990836228</v>
      </c>
      <c r="H4404" cm="1">
        <f t="array" ref="H4404">IFERROR(INDEX(Jesper!AL$2:AL$366,ROUNDDOWN($C4404/24,0)+1,1)*INDEX($D$3:$AA$30,INDEX(Jesper!$R$2:$R$366,ROW(INDEX(Jesper!AL$2:AL$366,ROUNDDOWN($C4404/24,0)+1,1))-1)+IF('Standard Profiles'!$G$22=$B$10,7,0)+IF('Standard Profiles'!$G$22=$B$17,14,0)+IF('Standard Profiles'!$G$22=$B$24,21,0),MOD($C4404,24)+1)/SUM(INDEX($D$3:$AA$30,INDEX(Jesper!$R$2:$R$366,ROW(INDEX(Jesper!AL$2:AL$366,ROUNDDOWN($C4404/24,0)+1,1))-1)+IF('Standard Profiles'!$G$22=$B$10,7,0)+IF('Standard Profiles'!$G$22=$B$17,14,0)+IF('Standard Profiles'!$G$22=$B$24,21,0),0)),0)</f>
        <v>0.14229890074545756</v>
      </c>
      <c r="I4404">
        <f t="shared" si="496"/>
        <v>0.13660694471563933</v>
      </c>
      <c r="J4404">
        <f t="shared" si="497"/>
        <v>4.038624655541704</v>
      </c>
      <c r="K4404">
        <f t="shared" si="498"/>
        <v>0.21742861169439107</v>
      </c>
      <c r="L4404">
        <f t="shared" si="499"/>
        <v>0.10871430584719553</v>
      </c>
      <c r="M4404">
        <f t="shared" si="500"/>
        <v>0</v>
      </c>
      <c r="N4404" s="45">
        <f t="shared" si="501"/>
        <v>45109.083333322735</v>
      </c>
    </row>
    <row r="4405" spans="2:14" x14ac:dyDescent="0.25">
      <c r="B4405">
        <f t="shared" si="495"/>
        <v>7</v>
      </c>
      <c r="C4405" s="16">
        <v>4371</v>
      </c>
      <c r="D4405" cm="1">
        <f t="array" ref="D4405">IFERROR(INDEX(Jesper!AH$2:AH$366,ROUNDDOWN($C4405/24,0)+1,1)*INDEX($D$3:$AA$30,INDEX(Jesper!$R$2:$R$366,ROW(INDEX(Jesper!AH$2:AH$366,ROUNDDOWN($C4405/24,0)+1,1))-1)+IF('Standard Profiles'!$G$18=$B$10,7,0)+IF('Standard Profiles'!$G$18=$B$17,14,0)+IF('Standard Profiles'!$G$18=$B$24,21,0),MOD($C4405,24)+1)/SUM(INDEX($D$3:$AA$30,INDEX(Jesper!$R$2:$R$366,ROW(INDEX(Jesper!AH$2:AH$366,ROUNDDOWN($C4405/24,0)+1,1))-1)+IF('Standard Profiles'!$G$18=$B$10,7,0)+IF('Standard Profiles'!$G$18=$B$17,14,0)+IF('Standard Profiles'!$G$18=$B$24,21,0),0)),0)</f>
        <v>0</v>
      </c>
      <c r="E4405" cm="1">
        <f t="array" ref="E4405">IFERROR(INDEX(Jesper!AI$2:AI$366,ROUNDDOWN($C4405/24,0)+1,1)*INDEX($D$3:$AA$30,INDEX(Jesper!$R$2:$R$366,ROW(INDEX(Jesper!AI$2:AI$366,ROUNDDOWN($C4405/24,0)+1,1))-1)+IF('Standard Profiles'!$G$19=$B$10,7,0)+IF('Standard Profiles'!$G$19=$B$17,14,0)+IF('Standard Profiles'!$G$19=$B$24,21,0),MOD($C4405,24)+1)/SUM(INDEX($D$3:$AA$30,INDEX(Jesper!$R$2:$R$366,ROW(INDEX(Jesper!AI$2:AI$366,ROUNDDOWN($C4405/24,0)+1,1))-1)+IF('Standard Profiles'!$G$19=$B$10,7,0)+IF('Standard Profiles'!$G$19=$B$17,14,0)+IF('Standard Profiles'!$G$19=$B$24,21,0),0)),0)</f>
        <v>2.7178576461798882</v>
      </c>
      <c r="F4405" cm="1">
        <f t="array" ref="F4405">IFERROR(INDEX(Jesper!AJ$2:AJ$366,ROUNDDOWN($C4405/24,0)+1,1)*INDEX($D$3:$AA$30,INDEX(Jesper!$R$2:$R$366,ROW(INDEX(Jesper!AJ$2:AJ$366,ROUNDDOWN($C4405/24,0)+1,1))-1)+IF('Standard Profiles'!$G$20=$B$10,7,0)+IF('Standard Profiles'!$G$20=$B$17,14,0)+IF('Standard Profiles'!$G$20=$B$24,21,0),MOD($C4405,24)+1)/SUM(INDEX($D$3:$AA$30,INDEX(Jesper!$R$2:$R$366,ROW(INDEX(Jesper!AJ$2:AJ$366,ROUNDDOWN($C4405/24,0)+1,1))-1)+IF('Standard Profiles'!$G$20=$B$10,7,0)+IF('Standard Profiles'!$G$20=$B$17,14,0)+IF('Standard Profiles'!$G$20=$B$24,21,0),0)),0)</f>
        <v>1.0840563609652223</v>
      </c>
      <c r="G4405" cm="1">
        <f t="array" ref="G4405">IFERROR(INDEX(Jesper!AK$2:AK$366,ROUNDDOWN($C4405/24,0)+1,1)*INDEX($D$3:$AA$30,INDEX(Jesper!$R$2:$R$366,ROW(INDEX(Jesper!AK$2:AK$366,ROUNDDOWN($C4405/24,0)+1,1))-1)+IF('Standard Profiles'!$G$21=$B$10,7,0)+IF('Standard Profiles'!$G$21=$B$17,14,0)+IF('Standard Profiles'!$G$21=$B$24,21,0),MOD($C4405,24)+1)/SUM(INDEX($D$3:$AA$30,INDEX(Jesper!$R$2:$R$366,ROW(INDEX(Jesper!AK$2:AK$366,ROUNDDOWN($C4405/24,0)+1,1))-1)+IF('Standard Profiles'!$G$21=$B$10,7,0)+IF('Standard Profiles'!$G$21=$B$17,14,0)+IF('Standard Profiles'!$G$21=$B$24,21,0),0)),0)</f>
        <v>0.55716160990836228</v>
      </c>
      <c r="H4405" cm="1">
        <f t="array" ref="H4405">IFERROR(INDEX(Jesper!AL$2:AL$366,ROUNDDOWN($C4405/24,0)+1,1)*INDEX($D$3:$AA$30,INDEX(Jesper!$R$2:$R$366,ROW(INDEX(Jesper!AL$2:AL$366,ROUNDDOWN($C4405/24,0)+1,1))-1)+IF('Standard Profiles'!$G$22=$B$10,7,0)+IF('Standard Profiles'!$G$22=$B$17,14,0)+IF('Standard Profiles'!$G$22=$B$24,21,0),MOD($C4405,24)+1)/SUM(INDEX($D$3:$AA$30,INDEX(Jesper!$R$2:$R$366,ROW(INDEX(Jesper!AL$2:AL$366,ROUNDDOWN($C4405/24,0)+1,1))-1)+IF('Standard Profiles'!$G$22=$B$10,7,0)+IF('Standard Profiles'!$G$22=$B$17,14,0)+IF('Standard Profiles'!$G$22=$B$24,21,0),0)),0)</f>
        <v>0.14229890074545756</v>
      </c>
      <c r="I4405">
        <f t="shared" si="496"/>
        <v>0.13660694471563933</v>
      </c>
      <c r="J4405">
        <f t="shared" si="497"/>
        <v>4.038624655541704</v>
      </c>
      <c r="K4405">
        <f t="shared" si="498"/>
        <v>0.21742861169439107</v>
      </c>
      <c r="L4405">
        <f t="shared" si="499"/>
        <v>0.10871430584719553</v>
      </c>
      <c r="M4405">
        <f t="shared" si="500"/>
        <v>0</v>
      </c>
      <c r="N4405" s="45">
        <f t="shared" si="501"/>
        <v>45109.124999989399</v>
      </c>
    </row>
    <row r="4406" spans="2:14" x14ac:dyDescent="0.25">
      <c r="B4406">
        <f t="shared" si="495"/>
        <v>7</v>
      </c>
      <c r="C4406" s="16">
        <v>4372</v>
      </c>
      <c r="D4406" cm="1">
        <f t="array" ref="D4406">IFERROR(INDEX(Jesper!AH$2:AH$366,ROUNDDOWN($C4406/24,0)+1,1)*INDEX($D$3:$AA$30,INDEX(Jesper!$R$2:$R$366,ROW(INDEX(Jesper!AH$2:AH$366,ROUNDDOWN($C4406/24,0)+1,1))-1)+IF('Standard Profiles'!$G$18=$B$10,7,0)+IF('Standard Profiles'!$G$18=$B$17,14,0)+IF('Standard Profiles'!$G$18=$B$24,21,0),MOD($C4406,24)+1)/SUM(INDEX($D$3:$AA$30,INDEX(Jesper!$R$2:$R$366,ROW(INDEX(Jesper!AH$2:AH$366,ROUNDDOWN($C4406/24,0)+1,1))-1)+IF('Standard Profiles'!$G$18=$B$10,7,0)+IF('Standard Profiles'!$G$18=$B$17,14,0)+IF('Standard Profiles'!$G$18=$B$24,21,0),0)),0)</f>
        <v>0</v>
      </c>
      <c r="E4406" cm="1">
        <f t="array" ref="E4406">IFERROR(INDEX(Jesper!AI$2:AI$366,ROUNDDOWN($C4406/24,0)+1,1)*INDEX($D$3:$AA$30,INDEX(Jesper!$R$2:$R$366,ROW(INDEX(Jesper!AI$2:AI$366,ROUNDDOWN($C4406/24,0)+1,1))-1)+IF('Standard Profiles'!$G$19=$B$10,7,0)+IF('Standard Profiles'!$G$19=$B$17,14,0)+IF('Standard Profiles'!$G$19=$B$24,21,0),MOD($C4406,24)+1)/SUM(INDEX($D$3:$AA$30,INDEX(Jesper!$R$2:$R$366,ROW(INDEX(Jesper!AI$2:AI$366,ROUNDDOWN($C4406/24,0)+1,1))-1)+IF('Standard Profiles'!$G$19=$B$10,7,0)+IF('Standard Profiles'!$G$19=$B$17,14,0)+IF('Standard Profiles'!$G$19=$B$24,21,0),0)),0)</f>
        <v>2.7178576461798882</v>
      </c>
      <c r="F4406" cm="1">
        <f t="array" ref="F4406">IFERROR(INDEX(Jesper!AJ$2:AJ$366,ROUNDDOWN($C4406/24,0)+1,1)*INDEX($D$3:$AA$30,INDEX(Jesper!$R$2:$R$366,ROW(INDEX(Jesper!AJ$2:AJ$366,ROUNDDOWN($C4406/24,0)+1,1))-1)+IF('Standard Profiles'!$G$20=$B$10,7,0)+IF('Standard Profiles'!$G$20=$B$17,14,0)+IF('Standard Profiles'!$G$20=$B$24,21,0),MOD($C4406,24)+1)/SUM(INDEX($D$3:$AA$30,INDEX(Jesper!$R$2:$R$366,ROW(INDEX(Jesper!AJ$2:AJ$366,ROUNDDOWN($C4406/24,0)+1,1))-1)+IF('Standard Profiles'!$G$20=$B$10,7,0)+IF('Standard Profiles'!$G$20=$B$17,14,0)+IF('Standard Profiles'!$G$20=$B$24,21,0),0)),0)</f>
        <v>1.0840563609652223</v>
      </c>
      <c r="G4406" cm="1">
        <f t="array" ref="G4406">IFERROR(INDEX(Jesper!AK$2:AK$366,ROUNDDOWN($C4406/24,0)+1,1)*INDEX($D$3:$AA$30,INDEX(Jesper!$R$2:$R$366,ROW(INDEX(Jesper!AK$2:AK$366,ROUNDDOWN($C4406/24,0)+1,1))-1)+IF('Standard Profiles'!$G$21=$B$10,7,0)+IF('Standard Profiles'!$G$21=$B$17,14,0)+IF('Standard Profiles'!$G$21=$B$24,21,0),MOD($C4406,24)+1)/SUM(INDEX($D$3:$AA$30,INDEX(Jesper!$R$2:$R$366,ROW(INDEX(Jesper!AK$2:AK$366,ROUNDDOWN($C4406/24,0)+1,1))-1)+IF('Standard Profiles'!$G$21=$B$10,7,0)+IF('Standard Profiles'!$G$21=$B$17,14,0)+IF('Standard Profiles'!$G$21=$B$24,21,0),0)),0)</f>
        <v>0.55716160990836228</v>
      </c>
      <c r="H4406" cm="1">
        <f t="array" ref="H4406">IFERROR(INDEX(Jesper!AL$2:AL$366,ROUNDDOWN($C4406/24,0)+1,1)*INDEX($D$3:$AA$30,INDEX(Jesper!$R$2:$R$366,ROW(INDEX(Jesper!AL$2:AL$366,ROUNDDOWN($C4406/24,0)+1,1))-1)+IF('Standard Profiles'!$G$22=$B$10,7,0)+IF('Standard Profiles'!$G$22=$B$17,14,0)+IF('Standard Profiles'!$G$22=$B$24,21,0),MOD($C4406,24)+1)/SUM(INDEX($D$3:$AA$30,INDEX(Jesper!$R$2:$R$366,ROW(INDEX(Jesper!AL$2:AL$366,ROUNDDOWN($C4406/24,0)+1,1))-1)+IF('Standard Profiles'!$G$22=$B$10,7,0)+IF('Standard Profiles'!$G$22=$B$17,14,0)+IF('Standard Profiles'!$G$22=$B$24,21,0),0)),0)</f>
        <v>0.14229890074545756</v>
      </c>
      <c r="I4406">
        <f t="shared" si="496"/>
        <v>0.13660694471563933</v>
      </c>
      <c r="J4406">
        <f t="shared" si="497"/>
        <v>4.038624655541704</v>
      </c>
      <c r="K4406">
        <f t="shared" si="498"/>
        <v>0.21742861169439107</v>
      </c>
      <c r="L4406">
        <f t="shared" si="499"/>
        <v>0.10871430584719553</v>
      </c>
      <c r="M4406">
        <f t="shared" si="500"/>
        <v>0</v>
      </c>
      <c r="N4406" s="45">
        <f t="shared" si="501"/>
        <v>45109.166666656063</v>
      </c>
    </row>
    <row r="4407" spans="2:14" x14ac:dyDescent="0.25">
      <c r="B4407">
        <f t="shared" si="495"/>
        <v>7</v>
      </c>
      <c r="C4407" s="16">
        <v>4373</v>
      </c>
      <c r="D4407" cm="1">
        <f t="array" ref="D4407">IFERROR(INDEX(Jesper!AH$2:AH$366,ROUNDDOWN($C4407/24,0)+1,1)*INDEX($D$3:$AA$30,INDEX(Jesper!$R$2:$R$366,ROW(INDEX(Jesper!AH$2:AH$366,ROUNDDOWN($C4407/24,0)+1,1))-1)+IF('Standard Profiles'!$G$18=$B$10,7,0)+IF('Standard Profiles'!$G$18=$B$17,14,0)+IF('Standard Profiles'!$G$18=$B$24,21,0),MOD($C4407,24)+1)/SUM(INDEX($D$3:$AA$30,INDEX(Jesper!$R$2:$R$366,ROW(INDEX(Jesper!AH$2:AH$366,ROUNDDOWN($C4407/24,0)+1,1))-1)+IF('Standard Profiles'!$G$18=$B$10,7,0)+IF('Standard Profiles'!$G$18=$B$17,14,0)+IF('Standard Profiles'!$G$18=$B$24,21,0),0)),0)</f>
        <v>0</v>
      </c>
      <c r="E4407" cm="1">
        <f t="array" ref="E4407">IFERROR(INDEX(Jesper!AI$2:AI$366,ROUNDDOWN($C4407/24,0)+1,1)*INDEX($D$3:$AA$30,INDEX(Jesper!$R$2:$R$366,ROW(INDEX(Jesper!AI$2:AI$366,ROUNDDOWN($C4407/24,0)+1,1))-1)+IF('Standard Profiles'!$G$19=$B$10,7,0)+IF('Standard Profiles'!$G$19=$B$17,14,0)+IF('Standard Profiles'!$G$19=$B$24,21,0),MOD($C4407,24)+1)/SUM(INDEX($D$3:$AA$30,INDEX(Jesper!$R$2:$R$366,ROW(INDEX(Jesper!AI$2:AI$366,ROUNDDOWN($C4407/24,0)+1,1))-1)+IF('Standard Profiles'!$G$19=$B$10,7,0)+IF('Standard Profiles'!$G$19=$B$17,14,0)+IF('Standard Profiles'!$G$19=$B$24,21,0),0)),0)</f>
        <v>2.7178576461798882</v>
      </c>
      <c r="F4407" cm="1">
        <f t="array" ref="F4407">IFERROR(INDEX(Jesper!AJ$2:AJ$366,ROUNDDOWN($C4407/24,0)+1,1)*INDEX($D$3:$AA$30,INDEX(Jesper!$R$2:$R$366,ROW(INDEX(Jesper!AJ$2:AJ$366,ROUNDDOWN($C4407/24,0)+1,1))-1)+IF('Standard Profiles'!$G$20=$B$10,7,0)+IF('Standard Profiles'!$G$20=$B$17,14,0)+IF('Standard Profiles'!$G$20=$B$24,21,0),MOD($C4407,24)+1)/SUM(INDEX($D$3:$AA$30,INDEX(Jesper!$R$2:$R$366,ROW(INDEX(Jesper!AJ$2:AJ$366,ROUNDDOWN($C4407/24,0)+1,1))-1)+IF('Standard Profiles'!$G$20=$B$10,7,0)+IF('Standard Profiles'!$G$20=$B$17,14,0)+IF('Standard Profiles'!$G$20=$B$24,21,0),0)),0)</f>
        <v>1.0840563609652223</v>
      </c>
      <c r="G4407" cm="1">
        <f t="array" ref="G4407">IFERROR(INDEX(Jesper!AK$2:AK$366,ROUNDDOWN($C4407/24,0)+1,1)*INDEX($D$3:$AA$30,INDEX(Jesper!$R$2:$R$366,ROW(INDEX(Jesper!AK$2:AK$366,ROUNDDOWN($C4407/24,0)+1,1))-1)+IF('Standard Profiles'!$G$21=$B$10,7,0)+IF('Standard Profiles'!$G$21=$B$17,14,0)+IF('Standard Profiles'!$G$21=$B$24,21,0),MOD($C4407,24)+1)/SUM(INDEX($D$3:$AA$30,INDEX(Jesper!$R$2:$R$366,ROW(INDEX(Jesper!AK$2:AK$366,ROUNDDOWN($C4407/24,0)+1,1))-1)+IF('Standard Profiles'!$G$21=$B$10,7,0)+IF('Standard Profiles'!$G$21=$B$17,14,0)+IF('Standard Profiles'!$G$21=$B$24,21,0),0)),0)</f>
        <v>0.55716160990836228</v>
      </c>
      <c r="H4407" cm="1">
        <f t="array" ref="H4407">IFERROR(INDEX(Jesper!AL$2:AL$366,ROUNDDOWN($C4407/24,0)+1,1)*INDEX($D$3:$AA$30,INDEX(Jesper!$R$2:$R$366,ROW(INDEX(Jesper!AL$2:AL$366,ROUNDDOWN($C4407/24,0)+1,1))-1)+IF('Standard Profiles'!$G$22=$B$10,7,0)+IF('Standard Profiles'!$G$22=$B$17,14,0)+IF('Standard Profiles'!$G$22=$B$24,21,0),MOD($C4407,24)+1)/SUM(INDEX($D$3:$AA$30,INDEX(Jesper!$R$2:$R$366,ROW(INDEX(Jesper!AL$2:AL$366,ROUNDDOWN($C4407/24,0)+1,1))-1)+IF('Standard Profiles'!$G$22=$B$10,7,0)+IF('Standard Profiles'!$G$22=$B$17,14,0)+IF('Standard Profiles'!$G$22=$B$24,21,0),0)),0)</f>
        <v>0.17787362593182196</v>
      </c>
      <c r="I4407">
        <f t="shared" si="496"/>
        <v>0.17075868089454918</v>
      </c>
      <c r="J4407">
        <f t="shared" si="497"/>
        <v>4.0400476445491584</v>
      </c>
      <c r="K4407">
        <f t="shared" si="498"/>
        <v>0.21742861169439107</v>
      </c>
      <c r="L4407">
        <f t="shared" si="499"/>
        <v>0.10871430584719553</v>
      </c>
      <c r="M4407">
        <f t="shared" si="500"/>
        <v>0</v>
      </c>
      <c r="N4407" s="45">
        <f t="shared" si="501"/>
        <v>45109.208333322727</v>
      </c>
    </row>
    <row r="4408" spans="2:14" x14ac:dyDescent="0.25">
      <c r="B4408">
        <f t="shared" si="495"/>
        <v>7</v>
      </c>
      <c r="C4408" s="16">
        <v>4374</v>
      </c>
      <c r="D4408" cm="1">
        <f t="array" ref="D4408">IFERROR(INDEX(Jesper!AH$2:AH$366,ROUNDDOWN($C4408/24,0)+1,1)*INDEX($D$3:$AA$30,INDEX(Jesper!$R$2:$R$366,ROW(INDEX(Jesper!AH$2:AH$366,ROUNDDOWN($C4408/24,0)+1,1))-1)+IF('Standard Profiles'!$G$18=$B$10,7,0)+IF('Standard Profiles'!$G$18=$B$17,14,0)+IF('Standard Profiles'!$G$18=$B$24,21,0),MOD($C4408,24)+1)/SUM(INDEX($D$3:$AA$30,INDEX(Jesper!$R$2:$R$366,ROW(INDEX(Jesper!AH$2:AH$366,ROUNDDOWN($C4408/24,0)+1,1))-1)+IF('Standard Profiles'!$G$18=$B$10,7,0)+IF('Standard Profiles'!$G$18=$B$17,14,0)+IF('Standard Profiles'!$G$18=$B$24,21,0),0)),0)</f>
        <v>0</v>
      </c>
      <c r="E4408" cm="1">
        <f t="array" ref="E4408">IFERROR(INDEX(Jesper!AI$2:AI$366,ROUNDDOWN($C4408/24,0)+1,1)*INDEX($D$3:$AA$30,INDEX(Jesper!$R$2:$R$366,ROW(INDEX(Jesper!AI$2:AI$366,ROUNDDOWN($C4408/24,0)+1,1))-1)+IF('Standard Profiles'!$G$19=$B$10,7,0)+IF('Standard Profiles'!$G$19=$B$17,14,0)+IF('Standard Profiles'!$G$19=$B$24,21,0),MOD($C4408,24)+1)/SUM(INDEX($D$3:$AA$30,INDEX(Jesper!$R$2:$R$366,ROW(INDEX(Jesper!AI$2:AI$366,ROUNDDOWN($C4408/24,0)+1,1))-1)+IF('Standard Profiles'!$G$19=$B$10,7,0)+IF('Standard Profiles'!$G$19=$B$17,14,0)+IF('Standard Profiles'!$G$19=$B$24,21,0),0)),0)</f>
        <v>2.7178576461798882</v>
      </c>
      <c r="F4408" cm="1">
        <f t="array" ref="F4408">IFERROR(INDEX(Jesper!AJ$2:AJ$366,ROUNDDOWN($C4408/24,0)+1,1)*INDEX($D$3:$AA$30,INDEX(Jesper!$R$2:$R$366,ROW(INDEX(Jesper!AJ$2:AJ$366,ROUNDDOWN($C4408/24,0)+1,1))-1)+IF('Standard Profiles'!$G$20=$B$10,7,0)+IF('Standard Profiles'!$G$20=$B$17,14,0)+IF('Standard Profiles'!$G$20=$B$24,21,0),MOD($C4408,24)+1)/SUM(INDEX($D$3:$AA$30,INDEX(Jesper!$R$2:$R$366,ROW(INDEX(Jesper!AJ$2:AJ$366,ROUNDDOWN($C4408/24,0)+1,1))-1)+IF('Standard Profiles'!$G$20=$B$10,7,0)+IF('Standard Profiles'!$G$20=$B$17,14,0)+IF('Standard Profiles'!$G$20=$B$24,21,0),0)),0)</f>
        <v>1.0840563609652223</v>
      </c>
      <c r="G4408" cm="1">
        <f t="array" ref="G4408">IFERROR(INDEX(Jesper!AK$2:AK$366,ROUNDDOWN($C4408/24,0)+1,1)*INDEX($D$3:$AA$30,INDEX(Jesper!$R$2:$R$366,ROW(INDEX(Jesper!AK$2:AK$366,ROUNDDOWN($C4408/24,0)+1,1))-1)+IF('Standard Profiles'!$G$21=$B$10,7,0)+IF('Standard Profiles'!$G$21=$B$17,14,0)+IF('Standard Profiles'!$G$21=$B$24,21,0),MOD($C4408,24)+1)/SUM(INDEX($D$3:$AA$30,INDEX(Jesper!$R$2:$R$366,ROW(INDEX(Jesper!AK$2:AK$366,ROUNDDOWN($C4408/24,0)+1,1))-1)+IF('Standard Profiles'!$G$21=$B$10,7,0)+IF('Standard Profiles'!$G$21=$B$17,14,0)+IF('Standard Profiles'!$G$21=$B$24,21,0),0)),0)</f>
        <v>0.55716160990836228</v>
      </c>
      <c r="H4408" cm="1">
        <f t="array" ref="H4408">IFERROR(INDEX(Jesper!AL$2:AL$366,ROUNDDOWN($C4408/24,0)+1,1)*INDEX($D$3:$AA$30,INDEX(Jesper!$R$2:$R$366,ROW(INDEX(Jesper!AL$2:AL$366,ROUNDDOWN($C4408/24,0)+1,1))-1)+IF('Standard Profiles'!$G$22=$B$10,7,0)+IF('Standard Profiles'!$G$22=$B$17,14,0)+IF('Standard Profiles'!$G$22=$B$24,21,0),MOD($C4408,24)+1)/SUM(INDEX($D$3:$AA$30,INDEX(Jesper!$R$2:$R$366,ROW(INDEX(Jesper!AL$2:AL$366,ROUNDDOWN($C4408/24,0)+1,1))-1)+IF('Standard Profiles'!$G$22=$B$10,7,0)+IF('Standard Profiles'!$G$22=$B$17,14,0)+IF('Standard Profiles'!$G$22=$B$24,21,0),0)),0)</f>
        <v>0.20949560387525698</v>
      </c>
      <c r="I4408">
        <f t="shared" si="496"/>
        <v>0.2011157797202468</v>
      </c>
      <c r="J4408">
        <f t="shared" si="497"/>
        <v>4.0413125236668961</v>
      </c>
      <c r="K4408">
        <f t="shared" si="498"/>
        <v>0.21742861169439107</v>
      </c>
      <c r="L4408">
        <f t="shared" si="499"/>
        <v>0.10871430584719553</v>
      </c>
      <c r="M4408">
        <f t="shared" si="500"/>
        <v>0</v>
      </c>
      <c r="N4408" s="45">
        <f t="shared" si="501"/>
        <v>45109.249999989392</v>
      </c>
    </row>
    <row r="4409" spans="2:14" x14ac:dyDescent="0.25">
      <c r="B4409">
        <f t="shared" si="495"/>
        <v>7</v>
      </c>
      <c r="C4409" s="16">
        <v>4375</v>
      </c>
      <c r="D4409" cm="1">
        <f t="array" ref="D4409">IFERROR(INDEX(Jesper!AH$2:AH$366,ROUNDDOWN($C4409/24,0)+1,1)*INDEX($D$3:$AA$30,INDEX(Jesper!$R$2:$R$366,ROW(INDEX(Jesper!AH$2:AH$366,ROUNDDOWN($C4409/24,0)+1,1))-1)+IF('Standard Profiles'!$G$18=$B$10,7,0)+IF('Standard Profiles'!$G$18=$B$17,14,0)+IF('Standard Profiles'!$G$18=$B$24,21,0),MOD($C4409,24)+1)/SUM(INDEX($D$3:$AA$30,INDEX(Jesper!$R$2:$R$366,ROW(INDEX(Jesper!AH$2:AH$366,ROUNDDOWN($C4409/24,0)+1,1))-1)+IF('Standard Profiles'!$G$18=$B$10,7,0)+IF('Standard Profiles'!$G$18=$B$17,14,0)+IF('Standard Profiles'!$G$18=$B$24,21,0),0)),0)</f>
        <v>0</v>
      </c>
      <c r="E4409" cm="1">
        <f t="array" ref="E4409">IFERROR(INDEX(Jesper!AI$2:AI$366,ROUNDDOWN($C4409/24,0)+1,1)*INDEX($D$3:$AA$30,INDEX(Jesper!$R$2:$R$366,ROW(INDEX(Jesper!AI$2:AI$366,ROUNDDOWN($C4409/24,0)+1,1))-1)+IF('Standard Profiles'!$G$19=$B$10,7,0)+IF('Standard Profiles'!$G$19=$B$17,14,0)+IF('Standard Profiles'!$G$19=$B$24,21,0),MOD($C4409,24)+1)/SUM(INDEX($D$3:$AA$30,INDEX(Jesper!$R$2:$R$366,ROW(INDEX(Jesper!AI$2:AI$366,ROUNDDOWN($C4409/24,0)+1,1))-1)+IF('Standard Profiles'!$G$19=$B$10,7,0)+IF('Standard Profiles'!$G$19=$B$17,14,0)+IF('Standard Profiles'!$G$19=$B$24,21,0),0)),0)</f>
        <v>2.7178576461798882</v>
      </c>
      <c r="F4409" cm="1">
        <f t="array" ref="F4409">IFERROR(INDEX(Jesper!AJ$2:AJ$366,ROUNDDOWN($C4409/24,0)+1,1)*INDEX($D$3:$AA$30,INDEX(Jesper!$R$2:$R$366,ROW(INDEX(Jesper!AJ$2:AJ$366,ROUNDDOWN($C4409/24,0)+1,1))-1)+IF('Standard Profiles'!$G$20=$B$10,7,0)+IF('Standard Profiles'!$G$20=$B$17,14,0)+IF('Standard Profiles'!$G$20=$B$24,21,0),MOD($C4409,24)+1)/SUM(INDEX($D$3:$AA$30,INDEX(Jesper!$R$2:$R$366,ROW(INDEX(Jesper!AJ$2:AJ$366,ROUNDDOWN($C4409/24,0)+1,1))-1)+IF('Standard Profiles'!$G$20=$B$10,7,0)+IF('Standard Profiles'!$G$20=$B$17,14,0)+IF('Standard Profiles'!$G$20=$B$24,21,0),0)),0)</f>
        <v>1.0840563609652223</v>
      </c>
      <c r="G4409" cm="1">
        <f t="array" ref="G4409">IFERROR(INDEX(Jesper!AK$2:AK$366,ROUNDDOWN($C4409/24,0)+1,1)*INDEX($D$3:$AA$30,INDEX(Jesper!$R$2:$R$366,ROW(INDEX(Jesper!AK$2:AK$366,ROUNDDOWN($C4409/24,0)+1,1))-1)+IF('Standard Profiles'!$G$21=$B$10,7,0)+IF('Standard Profiles'!$G$21=$B$17,14,0)+IF('Standard Profiles'!$G$21=$B$24,21,0),MOD($C4409,24)+1)/SUM(INDEX($D$3:$AA$30,INDEX(Jesper!$R$2:$R$366,ROW(INDEX(Jesper!AK$2:AK$366,ROUNDDOWN($C4409/24,0)+1,1))-1)+IF('Standard Profiles'!$G$21=$B$10,7,0)+IF('Standard Profiles'!$G$21=$B$17,14,0)+IF('Standard Profiles'!$G$21=$B$24,21,0),0)),0)</f>
        <v>0.55716160990836228</v>
      </c>
      <c r="H4409" cm="1">
        <f t="array" ref="H4409">IFERROR(INDEX(Jesper!AL$2:AL$366,ROUNDDOWN($C4409/24,0)+1,1)*INDEX($D$3:$AA$30,INDEX(Jesper!$R$2:$R$366,ROW(INDEX(Jesper!AL$2:AL$366,ROUNDDOWN($C4409/24,0)+1,1))-1)+IF('Standard Profiles'!$G$22=$B$10,7,0)+IF('Standard Profiles'!$G$22=$B$17,14,0)+IF('Standard Profiles'!$G$22=$B$24,21,0),MOD($C4409,24)+1)/SUM(INDEX($D$3:$AA$30,INDEX(Jesper!$R$2:$R$366,ROW(INDEX(Jesper!AL$2:AL$366,ROUNDDOWN($C4409/24,0)+1,1))-1)+IF('Standard Profiles'!$G$22=$B$10,7,0)+IF('Standard Profiles'!$G$22=$B$17,14,0)+IF('Standard Profiles'!$G$22=$B$24,21,0),0)),0)</f>
        <v>0.24902307630455073</v>
      </c>
      <c r="I4409">
        <f t="shared" si="496"/>
        <v>0.23906215325236882</v>
      </c>
      <c r="J4409">
        <f t="shared" si="497"/>
        <v>4.0428936225640673</v>
      </c>
      <c r="K4409">
        <f t="shared" si="498"/>
        <v>0.21742861169439107</v>
      </c>
      <c r="L4409">
        <f t="shared" si="499"/>
        <v>0.10871430584719553</v>
      </c>
      <c r="M4409">
        <f t="shared" si="500"/>
        <v>0</v>
      </c>
      <c r="N4409" s="45">
        <f t="shared" si="501"/>
        <v>45109.291666656056</v>
      </c>
    </row>
    <row r="4410" spans="2:14" x14ac:dyDescent="0.25">
      <c r="B4410">
        <f t="shared" si="495"/>
        <v>7</v>
      </c>
      <c r="C4410" s="16">
        <v>4376</v>
      </c>
      <c r="D4410" cm="1">
        <f t="array" ref="D4410">IFERROR(INDEX(Jesper!AH$2:AH$366,ROUNDDOWN($C4410/24,0)+1,1)*INDEX($D$3:$AA$30,INDEX(Jesper!$R$2:$R$366,ROW(INDEX(Jesper!AH$2:AH$366,ROUNDDOWN($C4410/24,0)+1,1))-1)+IF('Standard Profiles'!$G$18=$B$10,7,0)+IF('Standard Profiles'!$G$18=$B$17,14,0)+IF('Standard Profiles'!$G$18=$B$24,21,0),MOD($C4410,24)+1)/SUM(INDEX($D$3:$AA$30,INDEX(Jesper!$R$2:$R$366,ROW(INDEX(Jesper!AH$2:AH$366,ROUNDDOWN($C4410/24,0)+1,1))-1)+IF('Standard Profiles'!$G$18=$B$10,7,0)+IF('Standard Profiles'!$G$18=$B$17,14,0)+IF('Standard Profiles'!$G$18=$B$24,21,0),0)),0)</f>
        <v>0</v>
      </c>
      <c r="E4410" cm="1">
        <f t="array" ref="E4410">IFERROR(INDEX(Jesper!AI$2:AI$366,ROUNDDOWN($C4410/24,0)+1,1)*INDEX($D$3:$AA$30,INDEX(Jesper!$R$2:$R$366,ROW(INDEX(Jesper!AI$2:AI$366,ROUNDDOWN($C4410/24,0)+1,1))-1)+IF('Standard Profiles'!$G$19=$B$10,7,0)+IF('Standard Profiles'!$G$19=$B$17,14,0)+IF('Standard Profiles'!$G$19=$B$24,21,0),MOD($C4410,24)+1)/SUM(INDEX($D$3:$AA$30,INDEX(Jesper!$R$2:$R$366,ROW(INDEX(Jesper!AI$2:AI$366,ROUNDDOWN($C4410/24,0)+1,1))-1)+IF('Standard Profiles'!$G$19=$B$10,7,0)+IF('Standard Profiles'!$G$19=$B$17,14,0)+IF('Standard Profiles'!$G$19=$B$24,21,0),0)),0)</f>
        <v>2.7178576461798882</v>
      </c>
      <c r="F4410" cm="1">
        <f t="array" ref="F4410">IFERROR(INDEX(Jesper!AJ$2:AJ$366,ROUNDDOWN($C4410/24,0)+1,1)*INDEX($D$3:$AA$30,INDEX(Jesper!$R$2:$R$366,ROW(INDEX(Jesper!AJ$2:AJ$366,ROUNDDOWN($C4410/24,0)+1,1))-1)+IF('Standard Profiles'!$G$20=$B$10,7,0)+IF('Standard Profiles'!$G$20=$B$17,14,0)+IF('Standard Profiles'!$G$20=$B$24,21,0),MOD($C4410,24)+1)/SUM(INDEX($D$3:$AA$30,INDEX(Jesper!$R$2:$R$366,ROW(INDEX(Jesper!AJ$2:AJ$366,ROUNDDOWN($C4410/24,0)+1,1))-1)+IF('Standard Profiles'!$G$20=$B$10,7,0)+IF('Standard Profiles'!$G$20=$B$17,14,0)+IF('Standard Profiles'!$G$20=$B$24,21,0),0)),0)</f>
        <v>1.0840563609652223</v>
      </c>
      <c r="G4410" cm="1">
        <f t="array" ref="G4410">IFERROR(INDEX(Jesper!AK$2:AK$366,ROUNDDOWN($C4410/24,0)+1,1)*INDEX($D$3:$AA$30,INDEX(Jesper!$R$2:$R$366,ROW(INDEX(Jesper!AK$2:AK$366,ROUNDDOWN($C4410/24,0)+1,1))-1)+IF('Standard Profiles'!$G$21=$B$10,7,0)+IF('Standard Profiles'!$G$21=$B$17,14,0)+IF('Standard Profiles'!$G$21=$B$24,21,0),MOD($C4410,24)+1)/SUM(INDEX($D$3:$AA$30,INDEX(Jesper!$R$2:$R$366,ROW(INDEX(Jesper!AK$2:AK$366,ROUNDDOWN($C4410/24,0)+1,1))-1)+IF('Standard Profiles'!$G$21=$B$10,7,0)+IF('Standard Profiles'!$G$21=$B$17,14,0)+IF('Standard Profiles'!$G$21=$B$24,21,0),0)),0)</f>
        <v>0.55716160990836228</v>
      </c>
      <c r="H4410" cm="1">
        <f t="array" ref="H4410">IFERROR(INDEX(Jesper!AL$2:AL$366,ROUNDDOWN($C4410/24,0)+1,1)*INDEX($D$3:$AA$30,INDEX(Jesper!$R$2:$R$366,ROW(INDEX(Jesper!AL$2:AL$366,ROUNDDOWN($C4410/24,0)+1,1))-1)+IF('Standard Profiles'!$G$22=$B$10,7,0)+IF('Standard Profiles'!$G$22=$B$17,14,0)+IF('Standard Profiles'!$G$22=$B$24,21,0),MOD($C4410,24)+1)/SUM(INDEX($D$3:$AA$30,INDEX(Jesper!$R$2:$R$366,ROW(INDEX(Jesper!AL$2:AL$366,ROUNDDOWN($C4410/24,0)+1,1))-1)+IF('Standard Profiles'!$G$22=$B$10,7,0)+IF('Standard Profiles'!$G$22=$B$17,14,0)+IF('Standard Profiles'!$G$22=$B$24,21,0),0)),0)</f>
        <v>0.24902307630455073</v>
      </c>
      <c r="I4410">
        <f t="shared" si="496"/>
        <v>0.23906215325236882</v>
      </c>
      <c r="J4410">
        <f t="shared" si="497"/>
        <v>4.0428936225640673</v>
      </c>
      <c r="K4410">
        <f t="shared" si="498"/>
        <v>0.21742861169439107</v>
      </c>
      <c r="L4410">
        <f t="shared" si="499"/>
        <v>0.10871430584719553</v>
      </c>
      <c r="M4410">
        <f t="shared" si="500"/>
        <v>0</v>
      </c>
      <c r="N4410" s="45">
        <f t="shared" si="501"/>
        <v>45109.33333332272</v>
      </c>
    </row>
    <row r="4411" spans="2:14" x14ac:dyDescent="0.25">
      <c r="B4411">
        <f t="shared" si="495"/>
        <v>7</v>
      </c>
      <c r="C4411" s="16">
        <v>4377</v>
      </c>
      <c r="D4411" cm="1">
        <f t="array" ref="D4411">IFERROR(INDEX(Jesper!AH$2:AH$366,ROUNDDOWN($C4411/24,0)+1,1)*INDEX($D$3:$AA$30,INDEX(Jesper!$R$2:$R$366,ROW(INDEX(Jesper!AH$2:AH$366,ROUNDDOWN($C4411/24,0)+1,1))-1)+IF('Standard Profiles'!$G$18=$B$10,7,0)+IF('Standard Profiles'!$G$18=$B$17,14,0)+IF('Standard Profiles'!$G$18=$B$24,21,0),MOD($C4411,24)+1)/SUM(INDEX($D$3:$AA$30,INDEX(Jesper!$R$2:$R$366,ROW(INDEX(Jesper!AH$2:AH$366,ROUNDDOWN($C4411/24,0)+1,1))-1)+IF('Standard Profiles'!$G$18=$B$10,7,0)+IF('Standard Profiles'!$G$18=$B$17,14,0)+IF('Standard Profiles'!$G$18=$B$24,21,0),0)),0)</f>
        <v>0</v>
      </c>
      <c r="E4411" cm="1">
        <f t="array" ref="E4411">IFERROR(INDEX(Jesper!AI$2:AI$366,ROUNDDOWN($C4411/24,0)+1,1)*INDEX($D$3:$AA$30,INDEX(Jesper!$R$2:$R$366,ROW(INDEX(Jesper!AI$2:AI$366,ROUNDDOWN($C4411/24,0)+1,1))-1)+IF('Standard Profiles'!$G$19=$B$10,7,0)+IF('Standard Profiles'!$G$19=$B$17,14,0)+IF('Standard Profiles'!$G$19=$B$24,21,0),MOD($C4411,24)+1)/SUM(INDEX($D$3:$AA$30,INDEX(Jesper!$R$2:$R$366,ROW(INDEX(Jesper!AI$2:AI$366,ROUNDDOWN($C4411/24,0)+1,1))-1)+IF('Standard Profiles'!$G$19=$B$10,7,0)+IF('Standard Profiles'!$G$19=$B$17,14,0)+IF('Standard Profiles'!$G$19=$B$24,21,0),0)),0)</f>
        <v>2.7178576461798882</v>
      </c>
      <c r="F4411" cm="1">
        <f t="array" ref="F4411">IFERROR(INDEX(Jesper!AJ$2:AJ$366,ROUNDDOWN($C4411/24,0)+1,1)*INDEX($D$3:$AA$30,INDEX(Jesper!$R$2:$R$366,ROW(INDEX(Jesper!AJ$2:AJ$366,ROUNDDOWN($C4411/24,0)+1,1))-1)+IF('Standard Profiles'!$G$20=$B$10,7,0)+IF('Standard Profiles'!$G$20=$B$17,14,0)+IF('Standard Profiles'!$G$20=$B$24,21,0),MOD($C4411,24)+1)/SUM(INDEX($D$3:$AA$30,INDEX(Jesper!$R$2:$R$366,ROW(INDEX(Jesper!AJ$2:AJ$366,ROUNDDOWN($C4411/24,0)+1,1))-1)+IF('Standard Profiles'!$G$20=$B$10,7,0)+IF('Standard Profiles'!$G$20=$B$17,14,0)+IF('Standard Profiles'!$G$20=$B$24,21,0),0)),0)</f>
        <v>1.0840563609652223</v>
      </c>
      <c r="G4411" cm="1">
        <f t="array" ref="G4411">IFERROR(INDEX(Jesper!AK$2:AK$366,ROUNDDOWN($C4411/24,0)+1,1)*INDEX($D$3:$AA$30,INDEX(Jesper!$R$2:$R$366,ROW(INDEX(Jesper!AK$2:AK$366,ROUNDDOWN($C4411/24,0)+1,1))-1)+IF('Standard Profiles'!$G$21=$B$10,7,0)+IF('Standard Profiles'!$G$21=$B$17,14,0)+IF('Standard Profiles'!$G$21=$B$24,21,0),MOD($C4411,24)+1)/SUM(INDEX($D$3:$AA$30,INDEX(Jesper!$R$2:$R$366,ROW(INDEX(Jesper!AK$2:AK$366,ROUNDDOWN($C4411/24,0)+1,1))-1)+IF('Standard Profiles'!$G$21=$B$10,7,0)+IF('Standard Profiles'!$G$21=$B$17,14,0)+IF('Standard Profiles'!$G$21=$B$24,21,0),0)),0)</f>
        <v>0.55716160990836228</v>
      </c>
      <c r="H4411" cm="1">
        <f t="array" ref="H4411">IFERROR(INDEX(Jesper!AL$2:AL$366,ROUNDDOWN($C4411/24,0)+1,1)*INDEX($D$3:$AA$30,INDEX(Jesper!$R$2:$R$366,ROW(INDEX(Jesper!AL$2:AL$366,ROUNDDOWN($C4411/24,0)+1,1))-1)+IF('Standard Profiles'!$G$22=$B$10,7,0)+IF('Standard Profiles'!$G$22=$B$17,14,0)+IF('Standard Profiles'!$G$22=$B$24,21,0),MOD($C4411,24)+1)/SUM(INDEX($D$3:$AA$30,INDEX(Jesper!$R$2:$R$366,ROW(INDEX(Jesper!AL$2:AL$366,ROUNDDOWN($C4411/24,0)+1,1))-1)+IF('Standard Profiles'!$G$22=$B$10,7,0)+IF('Standard Profiles'!$G$22=$B$17,14,0)+IF('Standard Profiles'!$G$22=$B$24,21,0),0)),0)</f>
        <v>0.24902307630455073</v>
      </c>
      <c r="I4411">
        <f t="shared" si="496"/>
        <v>0.23906215325236882</v>
      </c>
      <c r="J4411">
        <f t="shared" si="497"/>
        <v>4.0428936225640673</v>
      </c>
      <c r="K4411">
        <f t="shared" si="498"/>
        <v>0.21742861169439107</v>
      </c>
      <c r="L4411">
        <f t="shared" si="499"/>
        <v>0.10871430584719553</v>
      </c>
      <c r="M4411">
        <f t="shared" si="500"/>
        <v>0</v>
      </c>
      <c r="N4411" s="45">
        <f t="shared" si="501"/>
        <v>45109.374999989384</v>
      </c>
    </row>
    <row r="4412" spans="2:14" x14ac:dyDescent="0.25">
      <c r="B4412">
        <f t="shared" si="495"/>
        <v>7</v>
      </c>
      <c r="C4412" s="16">
        <v>4378</v>
      </c>
      <c r="D4412" cm="1">
        <f t="array" ref="D4412">IFERROR(INDEX(Jesper!AH$2:AH$366,ROUNDDOWN($C4412/24,0)+1,1)*INDEX($D$3:$AA$30,INDEX(Jesper!$R$2:$R$366,ROW(INDEX(Jesper!AH$2:AH$366,ROUNDDOWN($C4412/24,0)+1,1))-1)+IF('Standard Profiles'!$G$18=$B$10,7,0)+IF('Standard Profiles'!$G$18=$B$17,14,0)+IF('Standard Profiles'!$G$18=$B$24,21,0),MOD($C4412,24)+1)/SUM(INDEX($D$3:$AA$30,INDEX(Jesper!$R$2:$R$366,ROW(INDEX(Jesper!AH$2:AH$366,ROUNDDOWN($C4412/24,0)+1,1))-1)+IF('Standard Profiles'!$G$18=$B$10,7,0)+IF('Standard Profiles'!$G$18=$B$17,14,0)+IF('Standard Profiles'!$G$18=$B$24,21,0),0)),0)</f>
        <v>0</v>
      </c>
      <c r="E4412" cm="1">
        <f t="array" ref="E4412">IFERROR(INDEX(Jesper!AI$2:AI$366,ROUNDDOWN($C4412/24,0)+1,1)*INDEX($D$3:$AA$30,INDEX(Jesper!$R$2:$R$366,ROW(INDEX(Jesper!AI$2:AI$366,ROUNDDOWN($C4412/24,0)+1,1))-1)+IF('Standard Profiles'!$G$19=$B$10,7,0)+IF('Standard Profiles'!$G$19=$B$17,14,0)+IF('Standard Profiles'!$G$19=$B$24,21,0),MOD($C4412,24)+1)/SUM(INDEX($D$3:$AA$30,INDEX(Jesper!$R$2:$R$366,ROW(INDEX(Jesper!AI$2:AI$366,ROUNDDOWN($C4412/24,0)+1,1))-1)+IF('Standard Profiles'!$G$19=$B$10,7,0)+IF('Standard Profiles'!$G$19=$B$17,14,0)+IF('Standard Profiles'!$G$19=$B$24,21,0),0)),0)</f>
        <v>2.7178576461798882</v>
      </c>
      <c r="F4412" cm="1">
        <f t="array" ref="F4412">IFERROR(INDEX(Jesper!AJ$2:AJ$366,ROUNDDOWN($C4412/24,0)+1,1)*INDEX($D$3:$AA$30,INDEX(Jesper!$R$2:$R$366,ROW(INDEX(Jesper!AJ$2:AJ$366,ROUNDDOWN($C4412/24,0)+1,1))-1)+IF('Standard Profiles'!$G$20=$B$10,7,0)+IF('Standard Profiles'!$G$20=$B$17,14,0)+IF('Standard Profiles'!$G$20=$B$24,21,0),MOD($C4412,24)+1)/SUM(INDEX($D$3:$AA$30,INDEX(Jesper!$R$2:$R$366,ROW(INDEX(Jesper!AJ$2:AJ$366,ROUNDDOWN($C4412/24,0)+1,1))-1)+IF('Standard Profiles'!$G$20=$B$10,7,0)+IF('Standard Profiles'!$G$20=$B$17,14,0)+IF('Standard Profiles'!$G$20=$B$24,21,0),0)),0)</f>
        <v>1.0840563609652223</v>
      </c>
      <c r="G4412" cm="1">
        <f t="array" ref="G4412">IFERROR(INDEX(Jesper!AK$2:AK$366,ROUNDDOWN($C4412/24,0)+1,1)*INDEX($D$3:$AA$30,INDEX(Jesper!$R$2:$R$366,ROW(INDEX(Jesper!AK$2:AK$366,ROUNDDOWN($C4412/24,0)+1,1))-1)+IF('Standard Profiles'!$G$21=$B$10,7,0)+IF('Standard Profiles'!$G$21=$B$17,14,0)+IF('Standard Profiles'!$G$21=$B$24,21,0),MOD($C4412,24)+1)/SUM(INDEX($D$3:$AA$30,INDEX(Jesper!$R$2:$R$366,ROW(INDEX(Jesper!AK$2:AK$366,ROUNDDOWN($C4412/24,0)+1,1))-1)+IF('Standard Profiles'!$G$21=$B$10,7,0)+IF('Standard Profiles'!$G$21=$B$17,14,0)+IF('Standard Profiles'!$G$21=$B$24,21,0),0)),0)</f>
        <v>0.55716160990836228</v>
      </c>
      <c r="H4412" cm="1">
        <f t="array" ref="H4412">IFERROR(INDEX(Jesper!AL$2:AL$366,ROUNDDOWN($C4412/24,0)+1,1)*INDEX($D$3:$AA$30,INDEX(Jesper!$R$2:$R$366,ROW(INDEX(Jesper!AL$2:AL$366,ROUNDDOWN($C4412/24,0)+1,1))-1)+IF('Standard Profiles'!$G$22=$B$10,7,0)+IF('Standard Profiles'!$G$22=$B$17,14,0)+IF('Standard Profiles'!$G$22=$B$24,21,0),MOD($C4412,24)+1)/SUM(INDEX($D$3:$AA$30,INDEX(Jesper!$R$2:$R$366,ROW(INDEX(Jesper!AL$2:AL$366,ROUNDDOWN($C4412/24,0)+1,1))-1)+IF('Standard Profiles'!$G$22=$B$10,7,0)+IF('Standard Profiles'!$G$22=$B$17,14,0)+IF('Standard Profiles'!$G$22=$B$24,21,0),0)),0)</f>
        <v>0.24902307630455073</v>
      </c>
      <c r="I4412">
        <f t="shared" si="496"/>
        <v>0.23906215325236882</v>
      </c>
      <c r="J4412">
        <f t="shared" si="497"/>
        <v>4.0428936225640673</v>
      </c>
      <c r="K4412">
        <f t="shared" si="498"/>
        <v>0.21742861169439107</v>
      </c>
      <c r="L4412">
        <f t="shared" si="499"/>
        <v>0.10871430584719553</v>
      </c>
      <c r="M4412">
        <f t="shared" si="500"/>
        <v>0</v>
      </c>
      <c r="N4412" s="45">
        <f t="shared" si="501"/>
        <v>45109.416666656049</v>
      </c>
    </row>
    <row r="4413" spans="2:14" x14ac:dyDescent="0.25">
      <c r="B4413">
        <f t="shared" si="495"/>
        <v>7</v>
      </c>
      <c r="C4413" s="16">
        <v>4379</v>
      </c>
      <c r="D4413" cm="1">
        <f t="array" ref="D4413">IFERROR(INDEX(Jesper!AH$2:AH$366,ROUNDDOWN($C4413/24,0)+1,1)*INDEX($D$3:$AA$30,INDEX(Jesper!$R$2:$R$366,ROW(INDEX(Jesper!AH$2:AH$366,ROUNDDOWN($C4413/24,0)+1,1))-1)+IF('Standard Profiles'!$G$18=$B$10,7,0)+IF('Standard Profiles'!$G$18=$B$17,14,0)+IF('Standard Profiles'!$G$18=$B$24,21,0),MOD($C4413,24)+1)/SUM(INDEX($D$3:$AA$30,INDEX(Jesper!$R$2:$R$366,ROW(INDEX(Jesper!AH$2:AH$366,ROUNDDOWN($C4413/24,0)+1,1))-1)+IF('Standard Profiles'!$G$18=$B$10,7,0)+IF('Standard Profiles'!$G$18=$B$17,14,0)+IF('Standard Profiles'!$G$18=$B$24,21,0),0)),0)</f>
        <v>0</v>
      </c>
      <c r="E4413" cm="1">
        <f t="array" ref="E4413">IFERROR(INDEX(Jesper!AI$2:AI$366,ROUNDDOWN($C4413/24,0)+1,1)*INDEX($D$3:$AA$30,INDEX(Jesper!$R$2:$R$366,ROW(INDEX(Jesper!AI$2:AI$366,ROUNDDOWN($C4413/24,0)+1,1))-1)+IF('Standard Profiles'!$G$19=$B$10,7,0)+IF('Standard Profiles'!$G$19=$B$17,14,0)+IF('Standard Profiles'!$G$19=$B$24,21,0),MOD($C4413,24)+1)/SUM(INDEX($D$3:$AA$30,INDEX(Jesper!$R$2:$R$366,ROW(INDEX(Jesper!AI$2:AI$366,ROUNDDOWN($C4413/24,0)+1,1))-1)+IF('Standard Profiles'!$G$19=$B$10,7,0)+IF('Standard Profiles'!$G$19=$B$17,14,0)+IF('Standard Profiles'!$G$19=$B$24,21,0),0)),0)</f>
        <v>2.7178576461798882</v>
      </c>
      <c r="F4413" cm="1">
        <f t="array" ref="F4413">IFERROR(INDEX(Jesper!AJ$2:AJ$366,ROUNDDOWN($C4413/24,0)+1,1)*INDEX($D$3:$AA$30,INDEX(Jesper!$R$2:$R$366,ROW(INDEX(Jesper!AJ$2:AJ$366,ROUNDDOWN($C4413/24,0)+1,1))-1)+IF('Standard Profiles'!$G$20=$B$10,7,0)+IF('Standard Profiles'!$G$20=$B$17,14,0)+IF('Standard Profiles'!$G$20=$B$24,21,0),MOD($C4413,24)+1)/SUM(INDEX($D$3:$AA$30,INDEX(Jesper!$R$2:$R$366,ROW(INDEX(Jesper!AJ$2:AJ$366,ROUNDDOWN($C4413/24,0)+1,1))-1)+IF('Standard Profiles'!$G$20=$B$10,7,0)+IF('Standard Profiles'!$G$20=$B$17,14,0)+IF('Standard Profiles'!$G$20=$B$24,21,0),0)),0)</f>
        <v>1.0840563609652223</v>
      </c>
      <c r="G4413" cm="1">
        <f t="array" ref="G4413">IFERROR(INDEX(Jesper!AK$2:AK$366,ROUNDDOWN($C4413/24,0)+1,1)*INDEX($D$3:$AA$30,INDEX(Jesper!$R$2:$R$366,ROW(INDEX(Jesper!AK$2:AK$366,ROUNDDOWN($C4413/24,0)+1,1))-1)+IF('Standard Profiles'!$G$21=$B$10,7,0)+IF('Standard Profiles'!$G$21=$B$17,14,0)+IF('Standard Profiles'!$G$21=$B$24,21,0),MOD($C4413,24)+1)/SUM(INDEX($D$3:$AA$30,INDEX(Jesper!$R$2:$R$366,ROW(INDEX(Jesper!AK$2:AK$366,ROUNDDOWN($C4413/24,0)+1,1))-1)+IF('Standard Profiles'!$G$21=$B$10,7,0)+IF('Standard Profiles'!$G$21=$B$17,14,0)+IF('Standard Profiles'!$G$21=$B$24,21,0),0)),0)</f>
        <v>0.55716160990836228</v>
      </c>
      <c r="H4413" cm="1">
        <f t="array" ref="H4413">IFERROR(INDEX(Jesper!AL$2:AL$366,ROUNDDOWN($C4413/24,0)+1,1)*INDEX($D$3:$AA$30,INDEX(Jesper!$R$2:$R$366,ROW(INDEX(Jesper!AL$2:AL$366,ROUNDDOWN($C4413/24,0)+1,1))-1)+IF('Standard Profiles'!$G$22=$B$10,7,0)+IF('Standard Profiles'!$G$22=$B$17,14,0)+IF('Standard Profiles'!$G$22=$B$24,21,0),MOD($C4413,24)+1)/SUM(INDEX($D$3:$AA$30,INDEX(Jesper!$R$2:$R$366,ROW(INDEX(Jesper!AL$2:AL$366,ROUNDDOWN($C4413/24,0)+1,1))-1)+IF('Standard Profiles'!$G$22=$B$10,7,0)+IF('Standard Profiles'!$G$22=$B$17,14,0)+IF('Standard Profiles'!$G$22=$B$24,21,0),0)),0)</f>
        <v>0.24902307630455073</v>
      </c>
      <c r="I4413">
        <f t="shared" si="496"/>
        <v>0.23906215325236882</v>
      </c>
      <c r="J4413">
        <f t="shared" si="497"/>
        <v>4.0428936225640673</v>
      </c>
      <c r="K4413">
        <f t="shared" si="498"/>
        <v>0.21742861169439107</v>
      </c>
      <c r="L4413">
        <f t="shared" si="499"/>
        <v>0.10871430584719553</v>
      </c>
      <c r="M4413">
        <f t="shared" si="500"/>
        <v>0</v>
      </c>
      <c r="N4413" s="45">
        <f t="shared" si="501"/>
        <v>45109.458333322713</v>
      </c>
    </row>
    <row r="4414" spans="2:14" x14ac:dyDescent="0.25">
      <c r="B4414">
        <f t="shared" si="495"/>
        <v>7</v>
      </c>
      <c r="C4414" s="16">
        <v>4380</v>
      </c>
      <c r="D4414" cm="1">
        <f t="array" ref="D4414">IFERROR(INDEX(Jesper!AH$2:AH$366,ROUNDDOWN($C4414/24,0)+1,1)*INDEX($D$3:$AA$30,INDEX(Jesper!$R$2:$R$366,ROW(INDEX(Jesper!AH$2:AH$366,ROUNDDOWN($C4414/24,0)+1,1))-1)+IF('Standard Profiles'!$G$18=$B$10,7,0)+IF('Standard Profiles'!$G$18=$B$17,14,0)+IF('Standard Profiles'!$G$18=$B$24,21,0),MOD($C4414,24)+1)/SUM(INDEX($D$3:$AA$30,INDEX(Jesper!$R$2:$R$366,ROW(INDEX(Jesper!AH$2:AH$366,ROUNDDOWN($C4414/24,0)+1,1))-1)+IF('Standard Profiles'!$G$18=$B$10,7,0)+IF('Standard Profiles'!$G$18=$B$17,14,0)+IF('Standard Profiles'!$G$18=$B$24,21,0),0)),0)</f>
        <v>0</v>
      </c>
      <c r="E4414" cm="1">
        <f t="array" ref="E4414">IFERROR(INDEX(Jesper!AI$2:AI$366,ROUNDDOWN($C4414/24,0)+1,1)*INDEX($D$3:$AA$30,INDEX(Jesper!$R$2:$R$366,ROW(INDEX(Jesper!AI$2:AI$366,ROUNDDOWN($C4414/24,0)+1,1))-1)+IF('Standard Profiles'!$G$19=$B$10,7,0)+IF('Standard Profiles'!$G$19=$B$17,14,0)+IF('Standard Profiles'!$G$19=$B$24,21,0),MOD($C4414,24)+1)/SUM(INDEX($D$3:$AA$30,INDEX(Jesper!$R$2:$R$366,ROW(INDEX(Jesper!AI$2:AI$366,ROUNDDOWN($C4414/24,0)+1,1))-1)+IF('Standard Profiles'!$G$19=$B$10,7,0)+IF('Standard Profiles'!$G$19=$B$17,14,0)+IF('Standard Profiles'!$G$19=$B$24,21,0),0)),0)</f>
        <v>2.7178576461798882</v>
      </c>
      <c r="F4414" cm="1">
        <f t="array" ref="F4414">IFERROR(INDEX(Jesper!AJ$2:AJ$366,ROUNDDOWN($C4414/24,0)+1,1)*INDEX($D$3:$AA$30,INDEX(Jesper!$R$2:$R$366,ROW(INDEX(Jesper!AJ$2:AJ$366,ROUNDDOWN($C4414/24,0)+1,1))-1)+IF('Standard Profiles'!$G$20=$B$10,7,0)+IF('Standard Profiles'!$G$20=$B$17,14,0)+IF('Standard Profiles'!$G$20=$B$24,21,0),MOD($C4414,24)+1)/SUM(INDEX($D$3:$AA$30,INDEX(Jesper!$R$2:$R$366,ROW(INDEX(Jesper!AJ$2:AJ$366,ROUNDDOWN($C4414/24,0)+1,1))-1)+IF('Standard Profiles'!$G$20=$B$10,7,0)+IF('Standard Profiles'!$G$20=$B$17,14,0)+IF('Standard Profiles'!$G$20=$B$24,21,0),0)),0)</f>
        <v>1.0840563609652223</v>
      </c>
      <c r="G4414" cm="1">
        <f t="array" ref="G4414">IFERROR(INDEX(Jesper!AK$2:AK$366,ROUNDDOWN($C4414/24,0)+1,1)*INDEX($D$3:$AA$30,INDEX(Jesper!$R$2:$R$366,ROW(INDEX(Jesper!AK$2:AK$366,ROUNDDOWN($C4414/24,0)+1,1))-1)+IF('Standard Profiles'!$G$21=$B$10,7,0)+IF('Standard Profiles'!$G$21=$B$17,14,0)+IF('Standard Profiles'!$G$21=$B$24,21,0),MOD($C4414,24)+1)/SUM(INDEX($D$3:$AA$30,INDEX(Jesper!$R$2:$R$366,ROW(INDEX(Jesper!AK$2:AK$366,ROUNDDOWN($C4414/24,0)+1,1))-1)+IF('Standard Profiles'!$G$21=$B$10,7,0)+IF('Standard Profiles'!$G$21=$B$17,14,0)+IF('Standard Profiles'!$G$21=$B$24,21,0),0)),0)</f>
        <v>0.55716160990836228</v>
      </c>
      <c r="H4414" cm="1">
        <f t="array" ref="H4414">IFERROR(INDEX(Jesper!AL$2:AL$366,ROUNDDOWN($C4414/24,0)+1,1)*INDEX($D$3:$AA$30,INDEX(Jesper!$R$2:$R$366,ROW(INDEX(Jesper!AL$2:AL$366,ROUNDDOWN($C4414/24,0)+1,1))-1)+IF('Standard Profiles'!$G$22=$B$10,7,0)+IF('Standard Profiles'!$G$22=$B$17,14,0)+IF('Standard Profiles'!$G$22=$B$24,21,0),MOD($C4414,24)+1)/SUM(INDEX($D$3:$AA$30,INDEX(Jesper!$R$2:$R$366,ROW(INDEX(Jesper!AL$2:AL$366,ROUNDDOWN($C4414/24,0)+1,1))-1)+IF('Standard Profiles'!$G$22=$B$10,7,0)+IF('Standard Profiles'!$G$22=$B$17,14,0)+IF('Standard Profiles'!$G$22=$B$24,21,0),0)),0)</f>
        <v>0.24902307630455073</v>
      </c>
      <c r="I4414">
        <f t="shared" si="496"/>
        <v>0.23906215325236882</v>
      </c>
      <c r="J4414">
        <f t="shared" si="497"/>
        <v>4.0428936225640673</v>
      </c>
      <c r="K4414">
        <f t="shared" si="498"/>
        <v>0.21742861169439107</v>
      </c>
      <c r="L4414">
        <f t="shared" si="499"/>
        <v>0.10871430584719553</v>
      </c>
      <c r="M4414">
        <f t="shared" si="500"/>
        <v>0</v>
      </c>
      <c r="N4414" s="45">
        <f t="shared" si="501"/>
        <v>45109.499999989377</v>
      </c>
    </row>
    <row r="4415" spans="2:14" x14ac:dyDescent="0.25">
      <c r="B4415">
        <f t="shared" si="495"/>
        <v>7</v>
      </c>
      <c r="C4415" s="16">
        <v>4381</v>
      </c>
      <c r="D4415" cm="1">
        <f t="array" ref="D4415">IFERROR(INDEX(Jesper!AH$2:AH$366,ROUNDDOWN($C4415/24,0)+1,1)*INDEX($D$3:$AA$30,INDEX(Jesper!$R$2:$R$366,ROW(INDEX(Jesper!AH$2:AH$366,ROUNDDOWN($C4415/24,0)+1,1))-1)+IF('Standard Profiles'!$G$18=$B$10,7,0)+IF('Standard Profiles'!$G$18=$B$17,14,0)+IF('Standard Profiles'!$G$18=$B$24,21,0),MOD($C4415,24)+1)/SUM(INDEX($D$3:$AA$30,INDEX(Jesper!$R$2:$R$366,ROW(INDEX(Jesper!AH$2:AH$366,ROUNDDOWN($C4415/24,0)+1,1))-1)+IF('Standard Profiles'!$G$18=$B$10,7,0)+IF('Standard Profiles'!$G$18=$B$17,14,0)+IF('Standard Profiles'!$G$18=$B$24,21,0),0)),0)</f>
        <v>0</v>
      </c>
      <c r="E4415" cm="1">
        <f t="array" ref="E4415">IFERROR(INDEX(Jesper!AI$2:AI$366,ROUNDDOWN($C4415/24,0)+1,1)*INDEX($D$3:$AA$30,INDEX(Jesper!$R$2:$R$366,ROW(INDEX(Jesper!AI$2:AI$366,ROUNDDOWN($C4415/24,0)+1,1))-1)+IF('Standard Profiles'!$G$19=$B$10,7,0)+IF('Standard Profiles'!$G$19=$B$17,14,0)+IF('Standard Profiles'!$G$19=$B$24,21,0),MOD($C4415,24)+1)/SUM(INDEX($D$3:$AA$30,INDEX(Jesper!$R$2:$R$366,ROW(INDEX(Jesper!AI$2:AI$366,ROUNDDOWN($C4415/24,0)+1,1))-1)+IF('Standard Profiles'!$G$19=$B$10,7,0)+IF('Standard Profiles'!$G$19=$B$17,14,0)+IF('Standard Profiles'!$G$19=$B$24,21,0),0)),0)</f>
        <v>2.7178576461798882</v>
      </c>
      <c r="F4415" cm="1">
        <f t="array" ref="F4415">IFERROR(INDEX(Jesper!AJ$2:AJ$366,ROUNDDOWN($C4415/24,0)+1,1)*INDEX($D$3:$AA$30,INDEX(Jesper!$R$2:$R$366,ROW(INDEX(Jesper!AJ$2:AJ$366,ROUNDDOWN($C4415/24,0)+1,1))-1)+IF('Standard Profiles'!$G$20=$B$10,7,0)+IF('Standard Profiles'!$G$20=$B$17,14,0)+IF('Standard Profiles'!$G$20=$B$24,21,0),MOD($C4415,24)+1)/SUM(INDEX($D$3:$AA$30,INDEX(Jesper!$R$2:$R$366,ROW(INDEX(Jesper!AJ$2:AJ$366,ROUNDDOWN($C4415/24,0)+1,1))-1)+IF('Standard Profiles'!$G$20=$B$10,7,0)+IF('Standard Profiles'!$G$20=$B$17,14,0)+IF('Standard Profiles'!$G$20=$B$24,21,0),0)),0)</f>
        <v>1.0840563609652223</v>
      </c>
      <c r="G4415" cm="1">
        <f t="array" ref="G4415">IFERROR(INDEX(Jesper!AK$2:AK$366,ROUNDDOWN($C4415/24,0)+1,1)*INDEX($D$3:$AA$30,INDEX(Jesper!$R$2:$R$366,ROW(INDEX(Jesper!AK$2:AK$366,ROUNDDOWN($C4415/24,0)+1,1))-1)+IF('Standard Profiles'!$G$21=$B$10,7,0)+IF('Standard Profiles'!$G$21=$B$17,14,0)+IF('Standard Profiles'!$G$21=$B$24,21,0),MOD($C4415,24)+1)/SUM(INDEX($D$3:$AA$30,INDEX(Jesper!$R$2:$R$366,ROW(INDEX(Jesper!AK$2:AK$366,ROUNDDOWN($C4415/24,0)+1,1))-1)+IF('Standard Profiles'!$G$21=$B$10,7,0)+IF('Standard Profiles'!$G$21=$B$17,14,0)+IF('Standard Profiles'!$G$21=$B$24,21,0),0)),0)</f>
        <v>0.55716160990836228</v>
      </c>
      <c r="H4415" cm="1">
        <f t="array" ref="H4415">IFERROR(INDEX(Jesper!AL$2:AL$366,ROUNDDOWN($C4415/24,0)+1,1)*INDEX($D$3:$AA$30,INDEX(Jesper!$R$2:$R$366,ROW(INDEX(Jesper!AL$2:AL$366,ROUNDDOWN($C4415/24,0)+1,1))-1)+IF('Standard Profiles'!$G$22=$B$10,7,0)+IF('Standard Profiles'!$G$22=$B$17,14,0)+IF('Standard Profiles'!$G$22=$B$24,21,0),MOD($C4415,24)+1)/SUM(INDEX($D$3:$AA$30,INDEX(Jesper!$R$2:$R$366,ROW(INDEX(Jesper!AL$2:AL$366,ROUNDDOWN($C4415/24,0)+1,1))-1)+IF('Standard Profiles'!$G$22=$B$10,7,0)+IF('Standard Profiles'!$G$22=$B$17,14,0)+IF('Standard Profiles'!$G$22=$B$24,21,0),0)),0)</f>
        <v>0.24902307630455073</v>
      </c>
      <c r="I4415">
        <f t="shared" si="496"/>
        <v>0.23906215325236882</v>
      </c>
      <c r="J4415">
        <f t="shared" si="497"/>
        <v>4.0428936225640673</v>
      </c>
      <c r="K4415">
        <f t="shared" si="498"/>
        <v>0.21742861169439107</v>
      </c>
      <c r="L4415">
        <f t="shared" si="499"/>
        <v>0.10871430584719553</v>
      </c>
      <c r="M4415">
        <f t="shared" si="500"/>
        <v>0</v>
      </c>
      <c r="N4415" s="45">
        <f t="shared" si="501"/>
        <v>45109.541666656041</v>
      </c>
    </row>
    <row r="4416" spans="2:14" x14ac:dyDescent="0.25">
      <c r="B4416">
        <f t="shared" si="495"/>
        <v>7</v>
      </c>
      <c r="C4416" s="16">
        <v>4382</v>
      </c>
      <c r="D4416" cm="1">
        <f t="array" ref="D4416">IFERROR(INDEX(Jesper!AH$2:AH$366,ROUNDDOWN($C4416/24,0)+1,1)*INDEX($D$3:$AA$30,INDEX(Jesper!$R$2:$R$366,ROW(INDEX(Jesper!AH$2:AH$366,ROUNDDOWN($C4416/24,0)+1,1))-1)+IF('Standard Profiles'!$G$18=$B$10,7,0)+IF('Standard Profiles'!$G$18=$B$17,14,0)+IF('Standard Profiles'!$G$18=$B$24,21,0),MOD($C4416,24)+1)/SUM(INDEX($D$3:$AA$30,INDEX(Jesper!$R$2:$R$366,ROW(INDEX(Jesper!AH$2:AH$366,ROUNDDOWN($C4416/24,0)+1,1))-1)+IF('Standard Profiles'!$G$18=$B$10,7,0)+IF('Standard Profiles'!$G$18=$B$17,14,0)+IF('Standard Profiles'!$G$18=$B$24,21,0),0)),0)</f>
        <v>0</v>
      </c>
      <c r="E4416" cm="1">
        <f t="array" ref="E4416">IFERROR(INDEX(Jesper!AI$2:AI$366,ROUNDDOWN($C4416/24,0)+1,1)*INDEX($D$3:$AA$30,INDEX(Jesper!$R$2:$R$366,ROW(INDEX(Jesper!AI$2:AI$366,ROUNDDOWN($C4416/24,0)+1,1))-1)+IF('Standard Profiles'!$G$19=$B$10,7,0)+IF('Standard Profiles'!$G$19=$B$17,14,0)+IF('Standard Profiles'!$G$19=$B$24,21,0),MOD($C4416,24)+1)/SUM(INDEX($D$3:$AA$30,INDEX(Jesper!$R$2:$R$366,ROW(INDEX(Jesper!AI$2:AI$366,ROUNDDOWN($C4416/24,0)+1,1))-1)+IF('Standard Profiles'!$G$19=$B$10,7,0)+IF('Standard Profiles'!$G$19=$B$17,14,0)+IF('Standard Profiles'!$G$19=$B$24,21,0),0)),0)</f>
        <v>2.7178576461798882</v>
      </c>
      <c r="F4416" cm="1">
        <f t="array" ref="F4416">IFERROR(INDEX(Jesper!AJ$2:AJ$366,ROUNDDOWN($C4416/24,0)+1,1)*INDEX($D$3:$AA$30,INDEX(Jesper!$R$2:$R$366,ROW(INDEX(Jesper!AJ$2:AJ$366,ROUNDDOWN($C4416/24,0)+1,1))-1)+IF('Standard Profiles'!$G$20=$B$10,7,0)+IF('Standard Profiles'!$G$20=$B$17,14,0)+IF('Standard Profiles'!$G$20=$B$24,21,0),MOD($C4416,24)+1)/SUM(INDEX($D$3:$AA$30,INDEX(Jesper!$R$2:$R$366,ROW(INDEX(Jesper!AJ$2:AJ$366,ROUNDDOWN($C4416/24,0)+1,1))-1)+IF('Standard Profiles'!$G$20=$B$10,7,0)+IF('Standard Profiles'!$G$20=$B$17,14,0)+IF('Standard Profiles'!$G$20=$B$24,21,0),0)),0)</f>
        <v>1.0840563609652223</v>
      </c>
      <c r="G4416" cm="1">
        <f t="array" ref="G4416">IFERROR(INDEX(Jesper!AK$2:AK$366,ROUNDDOWN($C4416/24,0)+1,1)*INDEX($D$3:$AA$30,INDEX(Jesper!$R$2:$R$366,ROW(INDEX(Jesper!AK$2:AK$366,ROUNDDOWN($C4416/24,0)+1,1))-1)+IF('Standard Profiles'!$G$21=$B$10,7,0)+IF('Standard Profiles'!$G$21=$B$17,14,0)+IF('Standard Profiles'!$G$21=$B$24,21,0),MOD($C4416,24)+1)/SUM(INDEX($D$3:$AA$30,INDEX(Jesper!$R$2:$R$366,ROW(INDEX(Jesper!AK$2:AK$366,ROUNDDOWN($C4416/24,0)+1,1))-1)+IF('Standard Profiles'!$G$21=$B$10,7,0)+IF('Standard Profiles'!$G$21=$B$17,14,0)+IF('Standard Profiles'!$G$21=$B$24,21,0),0)),0)</f>
        <v>0.55716160990836228</v>
      </c>
      <c r="H4416" cm="1">
        <f t="array" ref="H4416">IFERROR(INDEX(Jesper!AL$2:AL$366,ROUNDDOWN($C4416/24,0)+1,1)*INDEX($D$3:$AA$30,INDEX(Jesper!$R$2:$R$366,ROW(INDEX(Jesper!AL$2:AL$366,ROUNDDOWN($C4416/24,0)+1,1))-1)+IF('Standard Profiles'!$G$22=$B$10,7,0)+IF('Standard Profiles'!$G$22=$B$17,14,0)+IF('Standard Profiles'!$G$22=$B$24,21,0),MOD($C4416,24)+1)/SUM(INDEX($D$3:$AA$30,INDEX(Jesper!$R$2:$R$366,ROW(INDEX(Jesper!AL$2:AL$366,ROUNDDOWN($C4416/24,0)+1,1))-1)+IF('Standard Profiles'!$G$22=$B$10,7,0)+IF('Standard Profiles'!$G$22=$B$17,14,0)+IF('Standard Profiles'!$G$22=$B$24,21,0),0)),0)</f>
        <v>0.24902307630455073</v>
      </c>
      <c r="I4416">
        <f t="shared" si="496"/>
        <v>0.23906215325236882</v>
      </c>
      <c r="J4416">
        <f t="shared" si="497"/>
        <v>4.0428936225640673</v>
      </c>
      <c r="K4416">
        <f t="shared" si="498"/>
        <v>0.21742861169439107</v>
      </c>
      <c r="L4416">
        <f t="shared" si="499"/>
        <v>0.10871430584719553</v>
      </c>
      <c r="M4416">
        <f t="shared" si="500"/>
        <v>0</v>
      </c>
      <c r="N4416" s="45">
        <f t="shared" si="501"/>
        <v>45109.583333322706</v>
      </c>
    </row>
    <row r="4417" spans="2:14" x14ac:dyDescent="0.25">
      <c r="B4417">
        <f t="shared" si="495"/>
        <v>7</v>
      </c>
      <c r="C4417" s="16">
        <v>4383</v>
      </c>
      <c r="D4417" cm="1">
        <f t="array" ref="D4417">IFERROR(INDEX(Jesper!AH$2:AH$366,ROUNDDOWN($C4417/24,0)+1,1)*INDEX($D$3:$AA$30,INDEX(Jesper!$R$2:$R$366,ROW(INDEX(Jesper!AH$2:AH$366,ROUNDDOWN($C4417/24,0)+1,1))-1)+IF('Standard Profiles'!$G$18=$B$10,7,0)+IF('Standard Profiles'!$G$18=$B$17,14,0)+IF('Standard Profiles'!$G$18=$B$24,21,0),MOD($C4417,24)+1)/SUM(INDEX($D$3:$AA$30,INDEX(Jesper!$R$2:$R$366,ROW(INDEX(Jesper!AH$2:AH$366,ROUNDDOWN($C4417/24,0)+1,1))-1)+IF('Standard Profiles'!$G$18=$B$10,7,0)+IF('Standard Profiles'!$G$18=$B$17,14,0)+IF('Standard Profiles'!$G$18=$B$24,21,0),0)),0)</f>
        <v>0</v>
      </c>
      <c r="E4417" cm="1">
        <f t="array" ref="E4417">IFERROR(INDEX(Jesper!AI$2:AI$366,ROUNDDOWN($C4417/24,0)+1,1)*INDEX($D$3:$AA$30,INDEX(Jesper!$R$2:$R$366,ROW(INDEX(Jesper!AI$2:AI$366,ROUNDDOWN($C4417/24,0)+1,1))-1)+IF('Standard Profiles'!$G$19=$B$10,7,0)+IF('Standard Profiles'!$G$19=$B$17,14,0)+IF('Standard Profiles'!$G$19=$B$24,21,0),MOD($C4417,24)+1)/SUM(INDEX($D$3:$AA$30,INDEX(Jesper!$R$2:$R$366,ROW(INDEX(Jesper!AI$2:AI$366,ROUNDDOWN($C4417/24,0)+1,1))-1)+IF('Standard Profiles'!$G$19=$B$10,7,0)+IF('Standard Profiles'!$G$19=$B$17,14,0)+IF('Standard Profiles'!$G$19=$B$24,21,0),0)),0)</f>
        <v>2.7178576461798882</v>
      </c>
      <c r="F4417" cm="1">
        <f t="array" ref="F4417">IFERROR(INDEX(Jesper!AJ$2:AJ$366,ROUNDDOWN($C4417/24,0)+1,1)*INDEX($D$3:$AA$30,INDEX(Jesper!$R$2:$R$366,ROW(INDEX(Jesper!AJ$2:AJ$366,ROUNDDOWN($C4417/24,0)+1,1))-1)+IF('Standard Profiles'!$G$20=$B$10,7,0)+IF('Standard Profiles'!$G$20=$B$17,14,0)+IF('Standard Profiles'!$G$20=$B$24,21,0),MOD($C4417,24)+1)/SUM(INDEX($D$3:$AA$30,INDEX(Jesper!$R$2:$R$366,ROW(INDEX(Jesper!AJ$2:AJ$366,ROUNDDOWN($C4417/24,0)+1,1))-1)+IF('Standard Profiles'!$G$20=$B$10,7,0)+IF('Standard Profiles'!$G$20=$B$17,14,0)+IF('Standard Profiles'!$G$20=$B$24,21,0),0)),0)</f>
        <v>1.0840563609652223</v>
      </c>
      <c r="G4417" cm="1">
        <f t="array" ref="G4417">IFERROR(INDEX(Jesper!AK$2:AK$366,ROUNDDOWN($C4417/24,0)+1,1)*INDEX($D$3:$AA$30,INDEX(Jesper!$R$2:$R$366,ROW(INDEX(Jesper!AK$2:AK$366,ROUNDDOWN($C4417/24,0)+1,1))-1)+IF('Standard Profiles'!$G$21=$B$10,7,0)+IF('Standard Profiles'!$G$21=$B$17,14,0)+IF('Standard Profiles'!$G$21=$B$24,21,0),MOD($C4417,24)+1)/SUM(INDEX($D$3:$AA$30,INDEX(Jesper!$R$2:$R$366,ROW(INDEX(Jesper!AK$2:AK$366,ROUNDDOWN($C4417/24,0)+1,1))-1)+IF('Standard Profiles'!$G$21=$B$10,7,0)+IF('Standard Profiles'!$G$21=$B$17,14,0)+IF('Standard Profiles'!$G$21=$B$24,21,0),0)),0)</f>
        <v>0.55716160990836228</v>
      </c>
      <c r="H4417" cm="1">
        <f t="array" ref="H4417">IFERROR(INDEX(Jesper!AL$2:AL$366,ROUNDDOWN($C4417/24,0)+1,1)*INDEX($D$3:$AA$30,INDEX(Jesper!$R$2:$R$366,ROW(INDEX(Jesper!AL$2:AL$366,ROUNDDOWN($C4417/24,0)+1,1))-1)+IF('Standard Profiles'!$G$22=$B$10,7,0)+IF('Standard Profiles'!$G$22=$B$17,14,0)+IF('Standard Profiles'!$G$22=$B$24,21,0),MOD($C4417,24)+1)/SUM(INDEX($D$3:$AA$30,INDEX(Jesper!$R$2:$R$366,ROW(INDEX(Jesper!AL$2:AL$366,ROUNDDOWN($C4417/24,0)+1,1))-1)+IF('Standard Profiles'!$G$22=$B$10,7,0)+IF('Standard Profiles'!$G$22=$B$17,14,0)+IF('Standard Profiles'!$G$22=$B$24,21,0),0)),0)</f>
        <v>0.22135384560404509</v>
      </c>
      <c r="I4417">
        <f t="shared" si="496"/>
        <v>0.2124996917798834</v>
      </c>
      <c r="J4417">
        <f t="shared" si="497"/>
        <v>4.0417868533360473</v>
      </c>
      <c r="K4417">
        <f t="shared" si="498"/>
        <v>0.21742861169439107</v>
      </c>
      <c r="L4417">
        <f t="shared" si="499"/>
        <v>0.10871430584719553</v>
      </c>
      <c r="M4417">
        <f t="shared" si="500"/>
        <v>0</v>
      </c>
      <c r="N4417" s="45">
        <f t="shared" si="501"/>
        <v>45109.62499998937</v>
      </c>
    </row>
    <row r="4418" spans="2:14" x14ac:dyDescent="0.25">
      <c r="B4418">
        <f t="shared" si="495"/>
        <v>7</v>
      </c>
      <c r="C4418" s="16">
        <v>4384</v>
      </c>
      <c r="D4418" cm="1">
        <f t="array" ref="D4418">IFERROR(INDEX(Jesper!AH$2:AH$366,ROUNDDOWN($C4418/24,0)+1,1)*INDEX($D$3:$AA$30,INDEX(Jesper!$R$2:$R$366,ROW(INDEX(Jesper!AH$2:AH$366,ROUNDDOWN($C4418/24,0)+1,1))-1)+IF('Standard Profiles'!$G$18=$B$10,7,0)+IF('Standard Profiles'!$G$18=$B$17,14,0)+IF('Standard Profiles'!$G$18=$B$24,21,0),MOD($C4418,24)+1)/SUM(INDEX($D$3:$AA$30,INDEX(Jesper!$R$2:$R$366,ROW(INDEX(Jesper!AH$2:AH$366,ROUNDDOWN($C4418/24,0)+1,1))-1)+IF('Standard Profiles'!$G$18=$B$10,7,0)+IF('Standard Profiles'!$G$18=$B$17,14,0)+IF('Standard Profiles'!$G$18=$B$24,21,0),0)),0)</f>
        <v>0</v>
      </c>
      <c r="E4418" cm="1">
        <f t="array" ref="E4418">IFERROR(INDEX(Jesper!AI$2:AI$366,ROUNDDOWN($C4418/24,0)+1,1)*INDEX($D$3:$AA$30,INDEX(Jesper!$R$2:$R$366,ROW(INDEX(Jesper!AI$2:AI$366,ROUNDDOWN($C4418/24,0)+1,1))-1)+IF('Standard Profiles'!$G$19=$B$10,7,0)+IF('Standard Profiles'!$G$19=$B$17,14,0)+IF('Standard Profiles'!$G$19=$B$24,21,0),MOD($C4418,24)+1)/SUM(INDEX($D$3:$AA$30,INDEX(Jesper!$R$2:$R$366,ROW(INDEX(Jesper!AI$2:AI$366,ROUNDDOWN($C4418/24,0)+1,1))-1)+IF('Standard Profiles'!$G$19=$B$10,7,0)+IF('Standard Profiles'!$G$19=$B$17,14,0)+IF('Standard Profiles'!$G$19=$B$24,21,0),0)),0)</f>
        <v>2.7178576461798882</v>
      </c>
      <c r="F4418" cm="1">
        <f t="array" ref="F4418">IFERROR(INDEX(Jesper!AJ$2:AJ$366,ROUNDDOWN($C4418/24,0)+1,1)*INDEX($D$3:$AA$30,INDEX(Jesper!$R$2:$R$366,ROW(INDEX(Jesper!AJ$2:AJ$366,ROUNDDOWN($C4418/24,0)+1,1))-1)+IF('Standard Profiles'!$G$20=$B$10,7,0)+IF('Standard Profiles'!$G$20=$B$17,14,0)+IF('Standard Profiles'!$G$20=$B$24,21,0),MOD($C4418,24)+1)/SUM(INDEX($D$3:$AA$30,INDEX(Jesper!$R$2:$R$366,ROW(INDEX(Jesper!AJ$2:AJ$366,ROUNDDOWN($C4418/24,0)+1,1))-1)+IF('Standard Profiles'!$G$20=$B$10,7,0)+IF('Standard Profiles'!$G$20=$B$17,14,0)+IF('Standard Profiles'!$G$20=$B$24,21,0),0)),0)</f>
        <v>1.0840563609652223</v>
      </c>
      <c r="G4418" cm="1">
        <f t="array" ref="G4418">IFERROR(INDEX(Jesper!AK$2:AK$366,ROUNDDOWN($C4418/24,0)+1,1)*INDEX($D$3:$AA$30,INDEX(Jesper!$R$2:$R$366,ROW(INDEX(Jesper!AK$2:AK$366,ROUNDDOWN($C4418/24,0)+1,1))-1)+IF('Standard Profiles'!$G$21=$B$10,7,0)+IF('Standard Profiles'!$G$21=$B$17,14,0)+IF('Standard Profiles'!$G$21=$B$24,21,0),MOD($C4418,24)+1)/SUM(INDEX($D$3:$AA$30,INDEX(Jesper!$R$2:$R$366,ROW(INDEX(Jesper!AK$2:AK$366,ROUNDDOWN($C4418/24,0)+1,1))-1)+IF('Standard Profiles'!$G$21=$B$10,7,0)+IF('Standard Profiles'!$G$21=$B$17,14,0)+IF('Standard Profiles'!$G$21=$B$24,21,0),0)),0)</f>
        <v>0.55716160990836228</v>
      </c>
      <c r="H4418" cm="1">
        <f t="array" ref="H4418">IFERROR(INDEX(Jesper!AL$2:AL$366,ROUNDDOWN($C4418/24,0)+1,1)*INDEX($D$3:$AA$30,INDEX(Jesper!$R$2:$R$366,ROW(INDEX(Jesper!AL$2:AL$366,ROUNDDOWN($C4418/24,0)+1,1))-1)+IF('Standard Profiles'!$G$22=$B$10,7,0)+IF('Standard Profiles'!$G$22=$B$17,14,0)+IF('Standard Profiles'!$G$22=$B$24,21,0),MOD($C4418,24)+1)/SUM(INDEX($D$3:$AA$30,INDEX(Jesper!$R$2:$R$366,ROW(INDEX(Jesper!AL$2:AL$366,ROUNDDOWN($C4418/24,0)+1,1))-1)+IF('Standard Profiles'!$G$22=$B$10,7,0)+IF('Standard Profiles'!$G$22=$B$17,14,0)+IF('Standard Profiles'!$G$22=$B$24,21,0),0)),0)</f>
        <v>0.21740109836111574</v>
      </c>
      <c r="I4418">
        <f t="shared" si="496"/>
        <v>0.20870505442667123</v>
      </c>
      <c r="J4418">
        <f t="shared" si="497"/>
        <v>4.0416287434463296</v>
      </c>
      <c r="K4418">
        <f t="shared" si="498"/>
        <v>0.21742861169439107</v>
      </c>
      <c r="L4418">
        <f t="shared" si="499"/>
        <v>0.10871430584719553</v>
      </c>
      <c r="M4418">
        <f t="shared" si="500"/>
        <v>0</v>
      </c>
      <c r="N4418" s="45">
        <f t="shared" si="501"/>
        <v>45109.666666656034</v>
      </c>
    </row>
    <row r="4419" spans="2:14" x14ac:dyDescent="0.25">
      <c r="B4419">
        <f t="shared" si="495"/>
        <v>7</v>
      </c>
      <c r="C4419" s="16">
        <v>4385</v>
      </c>
      <c r="D4419" cm="1">
        <f t="array" ref="D4419">IFERROR(INDEX(Jesper!AH$2:AH$366,ROUNDDOWN($C4419/24,0)+1,1)*INDEX($D$3:$AA$30,INDEX(Jesper!$R$2:$R$366,ROW(INDEX(Jesper!AH$2:AH$366,ROUNDDOWN($C4419/24,0)+1,1))-1)+IF('Standard Profiles'!$G$18=$B$10,7,0)+IF('Standard Profiles'!$G$18=$B$17,14,0)+IF('Standard Profiles'!$G$18=$B$24,21,0),MOD($C4419,24)+1)/SUM(INDEX($D$3:$AA$30,INDEX(Jesper!$R$2:$R$366,ROW(INDEX(Jesper!AH$2:AH$366,ROUNDDOWN($C4419/24,0)+1,1))-1)+IF('Standard Profiles'!$G$18=$B$10,7,0)+IF('Standard Profiles'!$G$18=$B$17,14,0)+IF('Standard Profiles'!$G$18=$B$24,21,0),0)),0)</f>
        <v>0</v>
      </c>
      <c r="E4419" cm="1">
        <f t="array" ref="E4419">IFERROR(INDEX(Jesper!AI$2:AI$366,ROUNDDOWN($C4419/24,0)+1,1)*INDEX($D$3:$AA$30,INDEX(Jesper!$R$2:$R$366,ROW(INDEX(Jesper!AI$2:AI$366,ROUNDDOWN($C4419/24,0)+1,1))-1)+IF('Standard Profiles'!$G$19=$B$10,7,0)+IF('Standard Profiles'!$G$19=$B$17,14,0)+IF('Standard Profiles'!$G$19=$B$24,21,0),MOD($C4419,24)+1)/SUM(INDEX($D$3:$AA$30,INDEX(Jesper!$R$2:$R$366,ROW(INDEX(Jesper!AI$2:AI$366,ROUNDDOWN($C4419/24,0)+1,1))-1)+IF('Standard Profiles'!$G$19=$B$10,7,0)+IF('Standard Profiles'!$G$19=$B$17,14,0)+IF('Standard Profiles'!$G$19=$B$24,21,0),0)),0)</f>
        <v>2.7178576461798882</v>
      </c>
      <c r="F4419" cm="1">
        <f t="array" ref="F4419">IFERROR(INDEX(Jesper!AJ$2:AJ$366,ROUNDDOWN($C4419/24,0)+1,1)*INDEX($D$3:$AA$30,INDEX(Jesper!$R$2:$R$366,ROW(INDEX(Jesper!AJ$2:AJ$366,ROUNDDOWN($C4419/24,0)+1,1))-1)+IF('Standard Profiles'!$G$20=$B$10,7,0)+IF('Standard Profiles'!$G$20=$B$17,14,0)+IF('Standard Profiles'!$G$20=$B$24,21,0),MOD($C4419,24)+1)/SUM(INDEX($D$3:$AA$30,INDEX(Jesper!$R$2:$R$366,ROW(INDEX(Jesper!AJ$2:AJ$366,ROUNDDOWN($C4419/24,0)+1,1))-1)+IF('Standard Profiles'!$G$20=$B$10,7,0)+IF('Standard Profiles'!$G$20=$B$17,14,0)+IF('Standard Profiles'!$G$20=$B$24,21,0),0)),0)</f>
        <v>1.0840563609652223</v>
      </c>
      <c r="G4419" cm="1">
        <f t="array" ref="G4419">IFERROR(INDEX(Jesper!AK$2:AK$366,ROUNDDOWN($C4419/24,0)+1,1)*INDEX($D$3:$AA$30,INDEX(Jesper!$R$2:$R$366,ROW(INDEX(Jesper!AK$2:AK$366,ROUNDDOWN($C4419/24,0)+1,1))-1)+IF('Standard Profiles'!$G$21=$B$10,7,0)+IF('Standard Profiles'!$G$21=$B$17,14,0)+IF('Standard Profiles'!$G$21=$B$24,21,0),MOD($C4419,24)+1)/SUM(INDEX($D$3:$AA$30,INDEX(Jesper!$R$2:$R$366,ROW(INDEX(Jesper!AK$2:AK$366,ROUNDDOWN($C4419/24,0)+1,1))-1)+IF('Standard Profiles'!$G$21=$B$10,7,0)+IF('Standard Profiles'!$G$21=$B$17,14,0)+IF('Standard Profiles'!$G$21=$B$24,21,0),0)),0)</f>
        <v>0.55716160990836228</v>
      </c>
      <c r="H4419" cm="1">
        <f t="array" ref="H4419">IFERROR(INDEX(Jesper!AL$2:AL$366,ROUNDDOWN($C4419/24,0)+1,1)*INDEX($D$3:$AA$30,INDEX(Jesper!$R$2:$R$366,ROW(INDEX(Jesper!AL$2:AL$366,ROUNDDOWN($C4419/24,0)+1,1))-1)+IF('Standard Profiles'!$G$22=$B$10,7,0)+IF('Standard Profiles'!$G$22=$B$17,14,0)+IF('Standard Profiles'!$G$22=$B$24,21,0),MOD($C4419,24)+1)/SUM(INDEX($D$3:$AA$30,INDEX(Jesper!$R$2:$R$366,ROW(INDEX(Jesper!AL$2:AL$366,ROUNDDOWN($C4419/24,0)+1,1))-1)+IF('Standard Profiles'!$G$22=$B$10,7,0)+IF('Standard Profiles'!$G$22=$B$17,14,0)+IF('Standard Profiles'!$G$22=$B$24,21,0),0)),0)</f>
        <v>0.18577912041768072</v>
      </c>
      <c r="I4419">
        <f t="shared" si="496"/>
        <v>0.17834795560097358</v>
      </c>
      <c r="J4419">
        <f t="shared" si="497"/>
        <v>4.0403638643285928</v>
      </c>
      <c r="K4419">
        <f t="shared" si="498"/>
        <v>0.21742861169439107</v>
      </c>
      <c r="L4419">
        <f t="shared" si="499"/>
        <v>0.10871430584719553</v>
      </c>
      <c r="M4419">
        <f t="shared" si="500"/>
        <v>0</v>
      </c>
      <c r="N4419" s="45">
        <f t="shared" si="501"/>
        <v>45109.708333322698</v>
      </c>
    </row>
    <row r="4420" spans="2:14" x14ac:dyDescent="0.25">
      <c r="B4420">
        <f t="shared" si="495"/>
        <v>7</v>
      </c>
      <c r="C4420" s="16">
        <v>4386</v>
      </c>
      <c r="D4420" cm="1">
        <f t="array" ref="D4420">IFERROR(INDEX(Jesper!AH$2:AH$366,ROUNDDOWN($C4420/24,0)+1,1)*INDEX($D$3:$AA$30,INDEX(Jesper!$R$2:$R$366,ROW(INDEX(Jesper!AH$2:AH$366,ROUNDDOWN($C4420/24,0)+1,1))-1)+IF('Standard Profiles'!$G$18=$B$10,7,0)+IF('Standard Profiles'!$G$18=$B$17,14,0)+IF('Standard Profiles'!$G$18=$B$24,21,0),MOD($C4420,24)+1)/SUM(INDEX($D$3:$AA$30,INDEX(Jesper!$R$2:$R$366,ROW(INDEX(Jesper!AH$2:AH$366,ROUNDDOWN($C4420/24,0)+1,1))-1)+IF('Standard Profiles'!$G$18=$B$10,7,0)+IF('Standard Profiles'!$G$18=$B$17,14,0)+IF('Standard Profiles'!$G$18=$B$24,21,0),0)),0)</f>
        <v>0</v>
      </c>
      <c r="E4420" cm="1">
        <f t="array" ref="E4420">IFERROR(INDEX(Jesper!AI$2:AI$366,ROUNDDOWN($C4420/24,0)+1,1)*INDEX($D$3:$AA$30,INDEX(Jesper!$R$2:$R$366,ROW(INDEX(Jesper!AI$2:AI$366,ROUNDDOWN($C4420/24,0)+1,1))-1)+IF('Standard Profiles'!$G$19=$B$10,7,0)+IF('Standard Profiles'!$G$19=$B$17,14,0)+IF('Standard Profiles'!$G$19=$B$24,21,0),MOD($C4420,24)+1)/SUM(INDEX($D$3:$AA$30,INDEX(Jesper!$R$2:$R$366,ROW(INDEX(Jesper!AI$2:AI$366,ROUNDDOWN($C4420/24,0)+1,1))-1)+IF('Standard Profiles'!$G$19=$B$10,7,0)+IF('Standard Profiles'!$G$19=$B$17,14,0)+IF('Standard Profiles'!$G$19=$B$24,21,0),0)),0)</f>
        <v>2.7178576461798882</v>
      </c>
      <c r="F4420" cm="1">
        <f t="array" ref="F4420">IFERROR(INDEX(Jesper!AJ$2:AJ$366,ROUNDDOWN($C4420/24,0)+1,1)*INDEX($D$3:$AA$30,INDEX(Jesper!$R$2:$R$366,ROW(INDEX(Jesper!AJ$2:AJ$366,ROUNDDOWN($C4420/24,0)+1,1))-1)+IF('Standard Profiles'!$G$20=$B$10,7,0)+IF('Standard Profiles'!$G$20=$B$17,14,0)+IF('Standard Profiles'!$G$20=$B$24,21,0),MOD($C4420,24)+1)/SUM(INDEX($D$3:$AA$30,INDEX(Jesper!$R$2:$R$366,ROW(INDEX(Jesper!AJ$2:AJ$366,ROUNDDOWN($C4420/24,0)+1,1))-1)+IF('Standard Profiles'!$G$20=$B$10,7,0)+IF('Standard Profiles'!$G$20=$B$17,14,0)+IF('Standard Profiles'!$G$20=$B$24,21,0),0)),0)</f>
        <v>1.0840563609652223</v>
      </c>
      <c r="G4420" cm="1">
        <f t="array" ref="G4420">IFERROR(INDEX(Jesper!AK$2:AK$366,ROUNDDOWN($C4420/24,0)+1,1)*INDEX($D$3:$AA$30,INDEX(Jesper!$R$2:$R$366,ROW(INDEX(Jesper!AK$2:AK$366,ROUNDDOWN($C4420/24,0)+1,1))-1)+IF('Standard Profiles'!$G$21=$B$10,7,0)+IF('Standard Profiles'!$G$21=$B$17,14,0)+IF('Standard Profiles'!$G$21=$B$24,21,0),MOD($C4420,24)+1)/SUM(INDEX($D$3:$AA$30,INDEX(Jesper!$R$2:$R$366,ROW(INDEX(Jesper!AK$2:AK$366,ROUNDDOWN($C4420/24,0)+1,1))-1)+IF('Standard Profiles'!$G$21=$B$10,7,0)+IF('Standard Profiles'!$G$21=$B$17,14,0)+IF('Standard Profiles'!$G$21=$B$24,21,0),0)),0)</f>
        <v>0.55716160990836228</v>
      </c>
      <c r="H4420" cm="1">
        <f t="array" ref="H4420">IFERROR(INDEX(Jesper!AL$2:AL$366,ROUNDDOWN($C4420/24,0)+1,1)*INDEX($D$3:$AA$30,INDEX(Jesper!$R$2:$R$366,ROW(INDEX(Jesper!AL$2:AL$366,ROUNDDOWN($C4420/24,0)+1,1))-1)+IF('Standard Profiles'!$G$22=$B$10,7,0)+IF('Standard Profiles'!$G$22=$B$17,14,0)+IF('Standard Profiles'!$G$22=$B$24,21,0),MOD($C4420,24)+1)/SUM(INDEX($D$3:$AA$30,INDEX(Jesper!$R$2:$R$366,ROW(INDEX(Jesper!AL$2:AL$366,ROUNDDOWN($C4420/24,0)+1,1))-1)+IF('Standard Profiles'!$G$22=$B$10,7,0)+IF('Standard Profiles'!$G$22=$B$17,14,0)+IF('Standard Profiles'!$G$22=$B$24,21,0),0)),0)</f>
        <v>0.17392087868889261</v>
      </c>
      <c r="I4420">
        <f t="shared" si="496"/>
        <v>0.16696404354133701</v>
      </c>
      <c r="J4420">
        <f t="shared" si="497"/>
        <v>4.0398895346594408</v>
      </c>
      <c r="K4420">
        <f t="shared" si="498"/>
        <v>0.21742861169439107</v>
      </c>
      <c r="L4420">
        <f t="shared" si="499"/>
        <v>0.10871430584719553</v>
      </c>
      <c r="M4420">
        <f t="shared" si="500"/>
        <v>0</v>
      </c>
      <c r="N4420" s="45">
        <f t="shared" si="501"/>
        <v>45109.749999989363</v>
      </c>
    </row>
    <row r="4421" spans="2:14" x14ac:dyDescent="0.25">
      <c r="B4421">
        <f t="shared" si="495"/>
        <v>7</v>
      </c>
      <c r="C4421" s="16">
        <v>4387</v>
      </c>
      <c r="D4421" cm="1">
        <f t="array" ref="D4421">IFERROR(INDEX(Jesper!AH$2:AH$366,ROUNDDOWN($C4421/24,0)+1,1)*INDEX($D$3:$AA$30,INDEX(Jesper!$R$2:$R$366,ROW(INDEX(Jesper!AH$2:AH$366,ROUNDDOWN($C4421/24,0)+1,1))-1)+IF('Standard Profiles'!$G$18=$B$10,7,0)+IF('Standard Profiles'!$G$18=$B$17,14,0)+IF('Standard Profiles'!$G$18=$B$24,21,0),MOD($C4421,24)+1)/SUM(INDEX($D$3:$AA$30,INDEX(Jesper!$R$2:$R$366,ROW(INDEX(Jesper!AH$2:AH$366,ROUNDDOWN($C4421/24,0)+1,1))-1)+IF('Standard Profiles'!$G$18=$B$10,7,0)+IF('Standard Profiles'!$G$18=$B$17,14,0)+IF('Standard Profiles'!$G$18=$B$24,21,0),0)),0)</f>
        <v>0</v>
      </c>
      <c r="E4421" cm="1">
        <f t="array" ref="E4421">IFERROR(INDEX(Jesper!AI$2:AI$366,ROUNDDOWN($C4421/24,0)+1,1)*INDEX($D$3:$AA$30,INDEX(Jesper!$R$2:$R$366,ROW(INDEX(Jesper!AI$2:AI$366,ROUNDDOWN($C4421/24,0)+1,1))-1)+IF('Standard Profiles'!$G$19=$B$10,7,0)+IF('Standard Profiles'!$G$19=$B$17,14,0)+IF('Standard Profiles'!$G$19=$B$24,21,0),MOD($C4421,24)+1)/SUM(INDEX($D$3:$AA$30,INDEX(Jesper!$R$2:$R$366,ROW(INDEX(Jesper!AI$2:AI$366,ROUNDDOWN($C4421/24,0)+1,1))-1)+IF('Standard Profiles'!$G$19=$B$10,7,0)+IF('Standard Profiles'!$G$19=$B$17,14,0)+IF('Standard Profiles'!$G$19=$B$24,21,0),0)),0)</f>
        <v>2.7178576461798882</v>
      </c>
      <c r="F4421" cm="1">
        <f t="array" ref="F4421">IFERROR(INDEX(Jesper!AJ$2:AJ$366,ROUNDDOWN($C4421/24,0)+1,1)*INDEX($D$3:$AA$30,INDEX(Jesper!$R$2:$R$366,ROW(INDEX(Jesper!AJ$2:AJ$366,ROUNDDOWN($C4421/24,0)+1,1))-1)+IF('Standard Profiles'!$G$20=$B$10,7,0)+IF('Standard Profiles'!$G$20=$B$17,14,0)+IF('Standard Profiles'!$G$20=$B$24,21,0),MOD($C4421,24)+1)/SUM(INDEX($D$3:$AA$30,INDEX(Jesper!$R$2:$R$366,ROW(INDEX(Jesper!AJ$2:AJ$366,ROUNDDOWN($C4421/24,0)+1,1))-1)+IF('Standard Profiles'!$G$20=$B$10,7,0)+IF('Standard Profiles'!$G$20=$B$17,14,0)+IF('Standard Profiles'!$G$20=$B$24,21,0),0)),0)</f>
        <v>1.0840563609652223</v>
      </c>
      <c r="G4421" cm="1">
        <f t="array" ref="G4421">IFERROR(INDEX(Jesper!AK$2:AK$366,ROUNDDOWN($C4421/24,0)+1,1)*INDEX($D$3:$AA$30,INDEX(Jesper!$R$2:$R$366,ROW(INDEX(Jesper!AK$2:AK$366,ROUNDDOWN($C4421/24,0)+1,1))-1)+IF('Standard Profiles'!$G$21=$B$10,7,0)+IF('Standard Profiles'!$G$21=$B$17,14,0)+IF('Standard Profiles'!$G$21=$B$24,21,0),MOD($C4421,24)+1)/SUM(INDEX($D$3:$AA$30,INDEX(Jesper!$R$2:$R$366,ROW(INDEX(Jesper!AK$2:AK$366,ROUNDDOWN($C4421/24,0)+1,1))-1)+IF('Standard Profiles'!$G$21=$B$10,7,0)+IF('Standard Profiles'!$G$21=$B$17,14,0)+IF('Standard Profiles'!$G$21=$B$24,21,0),0)),0)</f>
        <v>0.55716160990836228</v>
      </c>
      <c r="H4421" cm="1">
        <f t="array" ref="H4421">IFERROR(INDEX(Jesper!AL$2:AL$366,ROUNDDOWN($C4421/24,0)+1,1)*INDEX($D$3:$AA$30,INDEX(Jesper!$R$2:$R$366,ROW(INDEX(Jesper!AL$2:AL$366,ROUNDDOWN($C4421/24,0)+1,1))-1)+IF('Standard Profiles'!$G$22=$B$10,7,0)+IF('Standard Profiles'!$G$22=$B$17,14,0)+IF('Standard Profiles'!$G$22=$B$24,21,0),MOD($C4421,24)+1)/SUM(INDEX($D$3:$AA$30,INDEX(Jesper!$R$2:$R$366,ROW(INDEX(Jesper!AL$2:AL$366,ROUNDDOWN($C4421/24,0)+1,1))-1)+IF('Standard Profiles'!$G$22=$B$10,7,0)+IF('Standard Profiles'!$G$22=$B$17,14,0)+IF('Standard Profiles'!$G$22=$B$24,21,0),0)),0)</f>
        <v>0.14625164798838694</v>
      </c>
      <c r="I4421">
        <f t="shared" si="496"/>
        <v>0.14040158206885153</v>
      </c>
      <c r="J4421">
        <f t="shared" si="497"/>
        <v>4.0387827654314208</v>
      </c>
      <c r="K4421">
        <f t="shared" si="498"/>
        <v>0.21742861169439107</v>
      </c>
      <c r="L4421">
        <f t="shared" si="499"/>
        <v>0.10871430584719553</v>
      </c>
      <c r="M4421">
        <f t="shared" si="500"/>
        <v>0</v>
      </c>
      <c r="N4421" s="45">
        <f t="shared" si="501"/>
        <v>45109.791666656027</v>
      </c>
    </row>
    <row r="4422" spans="2:14" x14ac:dyDescent="0.25">
      <c r="B4422">
        <f t="shared" si="495"/>
        <v>7</v>
      </c>
      <c r="C4422" s="16">
        <v>4388</v>
      </c>
      <c r="D4422" cm="1">
        <f t="array" ref="D4422">IFERROR(INDEX(Jesper!AH$2:AH$366,ROUNDDOWN($C4422/24,0)+1,1)*INDEX($D$3:$AA$30,INDEX(Jesper!$R$2:$R$366,ROW(INDEX(Jesper!AH$2:AH$366,ROUNDDOWN($C4422/24,0)+1,1))-1)+IF('Standard Profiles'!$G$18=$B$10,7,0)+IF('Standard Profiles'!$G$18=$B$17,14,0)+IF('Standard Profiles'!$G$18=$B$24,21,0),MOD($C4422,24)+1)/SUM(INDEX($D$3:$AA$30,INDEX(Jesper!$R$2:$R$366,ROW(INDEX(Jesper!AH$2:AH$366,ROUNDDOWN($C4422/24,0)+1,1))-1)+IF('Standard Profiles'!$G$18=$B$10,7,0)+IF('Standard Profiles'!$G$18=$B$17,14,0)+IF('Standard Profiles'!$G$18=$B$24,21,0),0)),0)</f>
        <v>0</v>
      </c>
      <c r="E4422" cm="1">
        <f t="array" ref="E4422">IFERROR(INDEX(Jesper!AI$2:AI$366,ROUNDDOWN($C4422/24,0)+1,1)*INDEX($D$3:$AA$30,INDEX(Jesper!$R$2:$R$366,ROW(INDEX(Jesper!AI$2:AI$366,ROUNDDOWN($C4422/24,0)+1,1))-1)+IF('Standard Profiles'!$G$19=$B$10,7,0)+IF('Standard Profiles'!$G$19=$B$17,14,0)+IF('Standard Profiles'!$G$19=$B$24,21,0),MOD($C4422,24)+1)/SUM(INDEX($D$3:$AA$30,INDEX(Jesper!$R$2:$R$366,ROW(INDEX(Jesper!AI$2:AI$366,ROUNDDOWN($C4422/24,0)+1,1))-1)+IF('Standard Profiles'!$G$19=$B$10,7,0)+IF('Standard Profiles'!$G$19=$B$17,14,0)+IF('Standard Profiles'!$G$19=$B$24,21,0),0)),0)</f>
        <v>2.7178576461798882</v>
      </c>
      <c r="F4422" cm="1">
        <f t="array" ref="F4422">IFERROR(INDEX(Jesper!AJ$2:AJ$366,ROUNDDOWN($C4422/24,0)+1,1)*INDEX($D$3:$AA$30,INDEX(Jesper!$R$2:$R$366,ROW(INDEX(Jesper!AJ$2:AJ$366,ROUNDDOWN($C4422/24,0)+1,1))-1)+IF('Standard Profiles'!$G$20=$B$10,7,0)+IF('Standard Profiles'!$G$20=$B$17,14,0)+IF('Standard Profiles'!$G$20=$B$24,21,0),MOD($C4422,24)+1)/SUM(INDEX($D$3:$AA$30,INDEX(Jesper!$R$2:$R$366,ROW(INDEX(Jesper!AJ$2:AJ$366,ROUNDDOWN($C4422/24,0)+1,1))-1)+IF('Standard Profiles'!$G$20=$B$10,7,0)+IF('Standard Profiles'!$G$20=$B$17,14,0)+IF('Standard Profiles'!$G$20=$B$24,21,0),0)),0)</f>
        <v>1.0840563609652223</v>
      </c>
      <c r="G4422" cm="1">
        <f t="array" ref="G4422">IFERROR(INDEX(Jesper!AK$2:AK$366,ROUNDDOWN($C4422/24,0)+1,1)*INDEX($D$3:$AA$30,INDEX(Jesper!$R$2:$R$366,ROW(INDEX(Jesper!AK$2:AK$366,ROUNDDOWN($C4422/24,0)+1,1))-1)+IF('Standard Profiles'!$G$21=$B$10,7,0)+IF('Standard Profiles'!$G$21=$B$17,14,0)+IF('Standard Profiles'!$G$21=$B$24,21,0),MOD($C4422,24)+1)/SUM(INDEX($D$3:$AA$30,INDEX(Jesper!$R$2:$R$366,ROW(INDEX(Jesper!AK$2:AK$366,ROUNDDOWN($C4422/24,0)+1,1))-1)+IF('Standard Profiles'!$G$21=$B$10,7,0)+IF('Standard Profiles'!$G$21=$B$17,14,0)+IF('Standard Profiles'!$G$21=$B$24,21,0),0)),0)</f>
        <v>0.55716160990836228</v>
      </c>
      <c r="H4422" cm="1">
        <f t="array" ref="H4422">IFERROR(INDEX(Jesper!AL$2:AL$366,ROUNDDOWN($C4422/24,0)+1,1)*INDEX($D$3:$AA$30,INDEX(Jesper!$R$2:$R$366,ROW(INDEX(Jesper!AL$2:AL$366,ROUNDDOWN($C4422/24,0)+1,1))-1)+IF('Standard Profiles'!$G$22=$B$10,7,0)+IF('Standard Profiles'!$G$22=$B$17,14,0)+IF('Standard Profiles'!$G$22=$B$24,21,0),MOD($C4422,24)+1)/SUM(INDEX($D$3:$AA$30,INDEX(Jesper!$R$2:$R$366,ROW(INDEX(Jesper!AL$2:AL$366,ROUNDDOWN($C4422/24,0)+1,1))-1)+IF('Standard Profiles'!$G$22=$B$10,7,0)+IF('Standard Profiles'!$G$22=$B$17,14,0)+IF('Standard Profiles'!$G$22=$B$24,21,0),0)),0)</f>
        <v>0.12253516453081069</v>
      </c>
      <c r="I4422">
        <f t="shared" si="496"/>
        <v>0.11763375794957832</v>
      </c>
      <c r="J4422">
        <f t="shared" si="497"/>
        <v>4.0378341060931175</v>
      </c>
      <c r="K4422">
        <f t="shared" si="498"/>
        <v>0.21742861169439107</v>
      </c>
      <c r="L4422">
        <f t="shared" si="499"/>
        <v>0.10871430584719553</v>
      </c>
      <c r="M4422">
        <f t="shared" si="500"/>
        <v>0</v>
      </c>
      <c r="N4422" s="45">
        <f t="shared" si="501"/>
        <v>45109.833333322691</v>
      </c>
    </row>
    <row r="4423" spans="2:14" x14ac:dyDescent="0.25">
      <c r="B4423">
        <f t="shared" si="495"/>
        <v>7</v>
      </c>
      <c r="C4423" s="16">
        <v>4389</v>
      </c>
      <c r="D4423" cm="1">
        <f t="array" ref="D4423">IFERROR(INDEX(Jesper!AH$2:AH$366,ROUNDDOWN($C4423/24,0)+1,1)*INDEX($D$3:$AA$30,INDEX(Jesper!$R$2:$R$366,ROW(INDEX(Jesper!AH$2:AH$366,ROUNDDOWN($C4423/24,0)+1,1))-1)+IF('Standard Profiles'!$G$18=$B$10,7,0)+IF('Standard Profiles'!$G$18=$B$17,14,0)+IF('Standard Profiles'!$G$18=$B$24,21,0),MOD($C4423,24)+1)/SUM(INDEX($D$3:$AA$30,INDEX(Jesper!$R$2:$R$366,ROW(INDEX(Jesper!AH$2:AH$366,ROUNDDOWN($C4423/24,0)+1,1))-1)+IF('Standard Profiles'!$G$18=$B$10,7,0)+IF('Standard Profiles'!$G$18=$B$17,14,0)+IF('Standard Profiles'!$G$18=$B$24,21,0),0)),0)</f>
        <v>0</v>
      </c>
      <c r="E4423" cm="1">
        <f t="array" ref="E4423">IFERROR(INDEX(Jesper!AI$2:AI$366,ROUNDDOWN($C4423/24,0)+1,1)*INDEX($D$3:$AA$30,INDEX(Jesper!$R$2:$R$366,ROW(INDEX(Jesper!AI$2:AI$366,ROUNDDOWN($C4423/24,0)+1,1))-1)+IF('Standard Profiles'!$G$19=$B$10,7,0)+IF('Standard Profiles'!$G$19=$B$17,14,0)+IF('Standard Profiles'!$G$19=$B$24,21,0),MOD($C4423,24)+1)/SUM(INDEX($D$3:$AA$30,INDEX(Jesper!$R$2:$R$366,ROW(INDEX(Jesper!AI$2:AI$366,ROUNDDOWN($C4423/24,0)+1,1))-1)+IF('Standard Profiles'!$G$19=$B$10,7,0)+IF('Standard Profiles'!$G$19=$B$17,14,0)+IF('Standard Profiles'!$G$19=$B$24,21,0),0)),0)</f>
        <v>2.7178576461798882</v>
      </c>
      <c r="F4423" cm="1">
        <f t="array" ref="F4423">IFERROR(INDEX(Jesper!AJ$2:AJ$366,ROUNDDOWN($C4423/24,0)+1,1)*INDEX($D$3:$AA$30,INDEX(Jesper!$R$2:$R$366,ROW(INDEX(Jesper!AJ$2:AJ$366,ROUNDDOWN($C4423/24,0)+1,1))-1)+IF('Standard Profiles'!$G$20=$B$10,7,0)+IF('Standard Profiles'!$G$20=$B$17,14,0)+IF('Standard Profiles'!$G$20=$B$24,21,0),MOD($C4423,24)+1)/SUM(INDEX($D$3:$AA$30,INDEX(Jesper!$R$2:$R$366,ROW(INDEX(Jesper!AJ$2:AJ$366,ROUNDDOWN($C4423/24,0)+1,1))-1)+IF('Standard Profiles'!$G$20=$B$10,7,0)+IF('Standard Profiles'!$G$20=$B$17,14,0)+IF('Standard Profiles'!$G$20=$B$24,21,0),0)),0)</f>
        <v>1.0840563609652223</v>
      </c>
      <c r="G4423" cm="1">
        <f t="array" ref="G4423">IFERROR(INDEX(Jesper!AK$2:AK$366,ROUNDDOWN($C4423/24,0)+1,1)*INDEX($D$3:$AA$30,INDEX(Jesper!$R$2:$R$366,ROW(INDEX(Jesper!AK$2:AK$366,ROUNDDOWN($C4423/24,0)+1,1))-1)+IF('Standard Profiles'!$G$21=$B$10,7,0)+IF('Standard Profiles'!$G$21=$B$17,14,0)+IF('Standard Profiles'!$G$21=$B$24,21,0),MOD($C4423,24)+1)/SUM(INDEX($D$3:$AA$30,INDEX(Jesper!$R$2:$R$366,ROW(INDEX(Jesper!AK$2:AK$366,ROUNDDOWN($C4423/24,0)+1,1))-1)+IF('Standard Profiles'!$G$21=$B$10,7,0)+IF('Standard Profiles'!$G$21=$B$17,14,0)+IF('Standard Profiles'!$G$21=$B$24,21,0),0)),0)</f>
        <v>0.55716160990836228</v>
      </c>
      <c r="H4423" cm="1">
        <f t="array" ref="H4423">IFERROR(INDEX(Jesper!AL$2:AL$366,ROUNDDOWN($C4423/24,0)+1,1)*INDEX($D$3:$AA$30,INDEX(Jesper!$R$2:$R$366,ROW(INDEX(Jesper!AL$2:AL$366,ROUNDDOWN($C4423/24,0)+1,1))-1)+IF('Standard Profiles'!$G$22=$B$10,7,0)+IF('Standard Profiles'!$G$22=$B$17,14,0)+IF('Standard Profiles'!$G$22=$B$24,21,0),MOD($C4423,24)+1)/SUM(INDEX($D$3:$AA$30,INDEX(Jesper!$R$2:$R$366,ROW(INDEX(Jesper!AL$2:AL$366,ROUNDDOWN($C4423/24,0)+1,1))-1)+IF('Standard Profiles'!$G$22=$B$10,7,0)+IF('Standard Profiles'!$G$22=$B$17,14,0)+IF('Standard Profiles'!$G$22=$B$24,21,0),0)),0)</f>
        <v>0.10672417555909318</v>
      </c>
      <c r="I4423">
        <f t="shared" si="496"/>
        <v>0.10245520853672951</v>
      </c>
      <c r="J4423">
        <f t="shared" si="497"/>
        <v>4.0372016665342487</v>
      </c>
      <c r="K4423">
        <f t="shared" si="498"/>
        <v>0.21742861169439107</v>
      </c>
      <c r="L4423">
        <f t="shared" si="499"/>
        <v>0.10871430584719553</v>
      </c>
      <c r="M4423">
        <f t="shared" si="500"/>
        <v>0</v>
      </c>
      <c r="N4423" s="45">
        <f t="shared" si="501"/>
        <v>45109.874999989355</v>
      </c>
    </row>
    <row r="4424" spans="2:14" x14ac:dyDescent="0.25">
      <c r="B4424">
        <f t="shared" si="495"/>
        <v>7</v>
      </c>
      <c r="C4424" s="16">
        <v>4390</v>
      </c>
      <c r="D4424" cm="1">
        <f t="array" ref="D4424">IFERROR(INDEX(Jesper!AH$2:AH$366,ROUNDDOWN($C4424/24,0)+1,1)*INDEX($D$3:$AA$30,INDEX(Jesper!$R$2:$R$366,ROW(INDEX(Jesper!AH$2:AH$366,ROUNDDOWN($C4424/24,0)+1,1))-1)+IF('Standard Profiles'!$G$18=$B$10,7,0)+IF('Standard Profiles'!$G$18=$B$17,14,0)+IF('Standard Profiles'!$G$18=$B$24,21,0),MOD($C4424,24)+1)/SUM(INDEX($D$3:$AA$30,INDEX(Jesper!$R$2:$R$366,ROW(INDEX(Jesper!AH$2:AH$366,ROUNDDOWN($C4424/24,0)+1,1))-1)+IF('Standard Profiles'!$G$18=$B$10,7,0)+IF('Standard Profiles'!$G$18=$B$17,14,0)+IF('Standard Profiles'!$G$18=$B$24,21,0),0)),0)</f>
        <v>0</v>
      </c>
      <c r="E4424" cm="1">
        <f t="array" ref="E4424">IFERROR(INDEX(Jesper!AI$2:AI$366,ROUNDDOWN($C4424/24,0)+1,1)*INDEX($D$3:$AA$30,INDEX(Jesper!$R$2:$R$366,ROW(INDEX(Jesper!AI$2:AI$366,ROUNDDOWN($C4424/24,0)+1,1))-1)+IF('Standard Profiles'!$G$19=$B$10,7,0)+IF('Standard Profiles'!$G$19=$B$17,14,0)+IF('Standard Profiles'!$G$19=$B$24,21,0),MOD($C4424,24)+1)/SUM(INDEX($D$3:$AA$30,INDEX(Jesper!$R$2:$R$366,ROW(INDEX(Jesper!AI$2:AI$366,ROUNDDOWN($C4424/24,0)+1,1))-1)+IF('Standard Profiles'!$G$19=$B$10,7,0)+IF('Standard Profiles'!$G$19=$B$17,14,0)+IF('Standard Profiles'!$G$19=$B$24,21,0),0)),0)</f>
        <v>2.7178576461798882</v>
      </c>
      <c r="F4424" cm="1">
        <f t="array" ref="F4424">IFERROR(INDEX(Jesper!AJ$2:AJ$366,ROUNDDOWN($C4424/24,0)+1,1)*INDEX($D$3:$AA$30,INDEX(Jesper!$R$2:$R$366,ROW(INDEX(Jesper!AJ$2:AJ$366,ROUNDDOWN($C4424/24,0)+1,1))-1)+IF('Standard Profiles'!$G$20=$B$10,7,0)+IF('Standard Profiles'!$G$20=$B$17,14,0)+IF('Standard Profiles'!$G$20=$B$24,21,0),MOD($C4424,24)+1)/SUM(INDEX($D$3:$AA$30,INDEX(Jesper!$R$2:$R$366,ROW(INDEX(Jesper!AJ$2:AJ$366,ROUNDDOWN($C4424/24,0)+1,1))-1)+IF('Standard Profiles'!$G$20=$B$10,7,0)+IF('Standard Profiles'!$G$20=$B$17,14,0)+IF('Standard Profiles'!$G$20=$B$24,21,0),0)),0)</f>
        <v>1.0840563609652223</v>
      </c>
      <c r="G4424" cm="1">
        <f t="array" ref="G4424">IFERROR(INDEX(Jesper!AK$2:AK$366,ROUNDDOWN($C4424/24,0)+1,1)*INDEX($D$3:$AA$30,INDEX(Jesper!$R$2:$R$366,ROW(INDEX(Jesper!AK$2:AK$366,ROUNDDOWN($C4424/24,0)+1,1))-1)+IF('Standard Profiles'!$G$21=$B$10,7,0)+IF('Standard Profiles'!$G$21=$B$17,14,0)+IF('Standard Profiles'!$G$21=$B$24,21,0),MOD($C4424,24)+1)/SUM(INDEX($D$3:$AA$30,INDEX(Jesper!$R$2:$R$366,ROW(INDEX(Jesper!AK$2:AK$366,ROUNDDOWN($C4424/24,0)+1,1))-1)+IF('Standard Profiles'!$G$21=$B$10,7,0)+IF('Standard Profiles'!$G$21=$B$17,14,0)+IF('Standard Profiles'!$G$21=$B$24,21,0),0)),0)</f>
        <v>0.55716160990836228</v>
      </c>
      <c r="H4424" cm="1">
        <f t="array" ref="H4424">IFERROR(INDEX(Jesper!AL$2:AL$366,ROUNDDOWN($C4424/24,0)+1,1)*INDEX($D$3:$AA$30,INDEX(Jesper!$R$2:$R$366,ROW(INDEX(Jesper!AL$2:AL$366,ROUNDDOWN($C4424/24,0)+1,1))-1)+IF('Standard Profiles'!$G$22=$B$10,7,0)+IF('Standard Profiles'!$G$22=$B$17,14,0)+IF('Standard Profiles'!$G$22=$B$24,21,0),MOD($C4424,24)+1)/SUM(INDEX($D$3:$AA$30,INDEX(Jesper!$R$2:$R$366,ROW(INDEX(Jesper!AL$2:AL$366,ROUNDDOWN($C4424/24,0)+1,1))-1)+IF('Standard Profiles'!$G$22=$B$10,7,0)+IF('Standard Profiles'!$G$22=$B$17,14,0)+IF('Standard Profiles'!$G$22=$B$24,21,0),0)),0)</f>
        <v>0.10672417555909318</v>
      </c>
      <c r="I4424">
        <f t="shared" si="496"/>
        <v>0.10245520853672951</v>
      </c>
      <c r="J4424">
        <f t="shared" si="497"/>
        <v>4.0372016665342487</v>
      </c>
      <c r="K4424">
        <f t="shared" si="498"/>
        <v>0.21742861169439107</v>
      </c>
      <c r="L4424">
        <f t="shared" si="499"/>
        <v>0.10871430584719553</v>
      </c>
      <c r="M4424">
        <f t="shared" si="500"/>
        <v>0</v>
      </c>
      <c r="N4424" s="45">
        <f t="shared" si="501"/>
        <v>45109.91666665602</v>
      </c>
    </row>
    <row r="4425" spans="2:14" x14ac:dyDescent="0.25">
      <c r="B4425">
        <f t="shared" si="495"/>
        <v>7</v>
      </c>
      <c r="C4425" s="16">
        <v>4391</v>
      </c>
      <c r="D4425" cm="1">
        <f t="array" ref="D4425">IFERROR(INDEX(Jesper!AH$2:AH$366,ROUNDDOWN($C4425/24,0)+1,1)*INDEX($D$3:$AA$30,INDEX(Jesper!$R$2:$R$366,ROW(INDEX(Jesper!AH$2:AH$366,ROUNDDOWN($C4425/24,0)+1,1))-1)+IF('Standard Profiles'!$G$18=$B$10,7,0)+IF('Standard Profiles'!$G$18=$B$17,14,0)+IF('Standard Profiles'!$G$18=$B$24,21,0),MOD($C4425,24)+1)/SUM(INDEX($D$3:$AA$30,INDEX(Jesper!$R$2:$R$366,ROW(INDEX(Jesper!AH$2:AH$366,ROUNDDOWN($C4425/24,0)+1,1))-1)+IF('Standard Profiles'!$G$18=$B$10,7,0)+IF('Standard Profiles'!$G$18=$B$17,14,0)+IF('Standard Profiles'!$G$18=$B$24,21,0),0)),0)</f>
        <v>0</v>
      </c>
      <c r="E4425" cm="1">
        <f t="array" ref="E4425">IFERROR(INDEX(Jesper!AI$2:AI$366,ROUNDDOWN($C4425/24,0)+1,1)*INDEX($D$3:$AA$30,INDEX(Jesper!$R$2:$R$366,ROW(INDEX(Jesper!AI$2:AI$366,ROUNDDOWN($C4425/24,0)+1,1))-1)+IF('Standard Profiles'!$G$19=$B$10,7,0)+IF('Standard Profiles'!$G$19=$B$17,14,0)+IF('Standard Profiles'!$G$19=$B$24,21,0),MOD($C4425,24)+1)/SUM(INDEX($D$3:$AA$30,INDEX(Jesper!$R$2:$R$366,ROW(INDEX(Jesper!AI$2:AI$366,ROUNDDOWN($C4425/24,0)+1,1))-1)+IF('Standard Profiles'!$G$19=$B$10,7,0)+IF('Standard Profiles'!$G$19=$B$17,14,0)+IF('Standard Profiles'!$G$19=$B$24,21,0),0)),0)</f>
        <v>2.7178576461798882</v>
      </c>
      <c r="F4425" cm="1">
        <f t="array" ref="F4425">IFERROR(INDEX(Jesper!AJ$2:AJ$366,ROUNDDOWN($C4425/24,0)+1,1)*INDEX($D$3:$AA$30,INDEX(Jesper!$R$2:$R$366,ROW(INDEX(Jesper!AJ$2:AJ$366,ROUNDDOWN($C4425/24,0)+1,1))-1)+IF('Standard Profiles'!$G$20=$B$10,7,0)+IF('Standard Profiles'!$G$20=$B$17,14,0)+IF('Standard Profiles'!$G$20=$B$24,21,0),MOD($C4425,24)+1)/SUM(INDEX($D$3:$AA$30,INDEX(Jesper!$R$2:$R$366,ROW(INDEX(Jesper!AJ$2:AJ$366,ROUNDDOWN($C4425/24,0)+1,1))-1)+IF('Standard Profiles'!$G$20=$B$10,7,0)+IF('Standard Profiles'!$G$20=$B$17,14,0)+IF('Standard Profiles'!$G$20=$B$24,21,0),0)),0)</f>
        <v>1.0840563609652223</v>
      </c>
      <c r="G4425" cm="1">
        <f t="array" ref="G4425">IFERROR(INDEX(Jesper!AK$2:AK$366,ROUNDDOWN($C4425/24,0)+1,1)*INDEX($D$3:$AA$30,INDEX(Jesper!$R$2:$R$366,ROW(INDEX(Jesper!AK$2:AK$366,ROUNDDOWN($C4425/24,0)+1,1))-1)+IF('Standard Profiles'!$G$21=$B$10,7,0)+IF('Standard Profiles'!$G$21=$B$17,14,0)+IF('Standard Profiles'!$G$21=$B$24,21,0),MOD($C4425,24)+1)/SUM(INDEX($D$3:$AA$30,INDEX(Jesper!$R$2:$R$366,ROW(INDEX(Jesper!AK$2:AK$366,ROUNDDOWN($C4425/24,0)+1,1))-1)+IF('Standard Profiles'!$G$21=$B$10,7,0)+IF('Standard Profiles'!$G$21=$B$17,14,0)+IF('Standard Profiles'!$G$21=$B$24,21,0),0)),0)</f>
        <v>0.55716160990836228</v>
      </c>
      <c r="H4425" cm="1">
        <f t="array" ref="H4425">IFERROR(INDEX(Jesper!AL$2:AL$366,ROUNDDOWN($C4425/24,0)+1,1)*INDEX($D$3:$AA$30,INDEX(Jesper!$R$2:$R$366,ROW(INDEX(Jesper!AL$2:AL$366,ROUNDDOWN($C4425/24,0)+1,1))-1)+IF('Standard Profiles'!$G$22=$B$10,7,0)+IF('Standard Profiles'!$G$22=$B$17,14,0)+IF('Standard Profiles'!$G$22=$B$24,21,0),MOD($C4425,24)+1)/SUM(INDEX($D$3:$AA$30,INDEX(Jesper!$R$2:$R$366,ROW(INDEX(Jesper!AL$2:AL$366,ROUNDDOWN($C4425/24,0)+1,1))-1)+IF('Standard Profiles'!$G$22=$B$10,7,0)+IF('Standard Profiles'!$G$22=$B$17,14,0)+IF('Standard Profiles'!$G$22=$B$24,21,0),0)),0)</f>
        <v>0.10672417555909318</v>
      </c>
      <c r="I4425">
        <f t="shared" si="496"/>
        <v>0.10245520853672951</v>
      </c>
      <c r="J4425">
        <f t="shared" si="497"/>
        <v>4.0372016665342487</v>
      </c>
      <c r="K4425">
        <f t="shared" si="498"/>
        <v>0.21742861169439107</v>
      </c>
      <c r="L4425">
        <f t="shared" si="499"/>
        <v>0.10871430584719553</v>
      </c>
      <c r="M4425">
        <f t="shared" si="500"/>
        <v>0</v>
      </c>
      <c r="N4425" s="45">
        <f t="shared" si="501"/>
        <v>45109.958333322684</v>
      </c>
    </row>
    <row r="4426" spans="2:14" x14ac:dyDescent="0.25">
      <c r="B4426">
        <f t="shared" si="495"/>
        <v>1</v>
      </c>
      <c r="C4426" s="16">
        <v>4392</v>
      </c>
      <c r="D4426" cm="1">
        <f t="array" ref="D4426">IFERROR(INDEX(Jesper!AH$2:AH$366,ROUNDDOWN($C4426/24,0)+1,1)*INDEX($D$3:$AA$30,INDEX(Jesper!$R$2:$R$366,ROW(INDEX(Jesper!AH$2:AH$366,ROUNDDOWN($C4426/24,0)+1,1))-1)+IF('Standard Profiles'!$G$18=$B$10,7,0)+IF('Standard Profiles'!$G$18=$B$17,14,0)+IF('Standard Profiles'!$G$18=$B$24,21,0),MOD($C4426,24)+1)/SUM(INDEX($D$3:$AA$30,INDEX(Jesper!$R$2:$R$366,ROW(INDEX(Jesper!AH$2:AH$366,ROUNDDOWN($C4426/24,0)+1,1))-1)+IF('Standard Profiles'!$G$18=$B$10,7,0)+IF('Standard Profiles'!$G$18=$B$17,14,0)+IF('Standard Profiles'!$G$18=$B$24,21,0),0)),0)</f>
        <v>5.1149358612804559</v>
      </c>
      <c r="E4426" cm="1">
        <f t="array" ref="E4426">IFERROR(INDEX(Jesper!AI$2:AI$366,ROUNDDOWN($C4426/24,0)+1,1)*INDEX($D$3:$AA$30,INDEX(Jesper!$R$2:$R$366,ROW(INDEX(Jesper!AI$2:AI$366,ROUNDDOWN($C4426/24,0)+1,1))-1)+IF('Standard Profiles'!$G$19=$B$10,7,0)+IF('Standard Profiles'!$G$19=$B$17,14,0)+IF('Standard Profiles'!$G$19=$B$24,21,0),MOD($C4426,24)+1)/SUM(INDEX($D$3:$AA$30,INDEX(Jesper!$R$2:$R$366,ROW(INDEX(Jesper!AI$2:AI$366,ROUNDDOWN($C4426/24,0)+1,1))-1)+IF('Standard Profiles'!$G$19=$B$10,7,0)+IF('Standard Profiles'!$G$19=$B$17,14,0)+IF('Standard Profiles'!$G$19=$B$24,21,0),0)),0)</f>
        <v>2.147644038977734</v>
      </c>
      <c r="F4426" cm="1">
        <f t="array" ref="F4426">IFERROR(INDEX(Jesper!AJ$2:AJ$366,ROUNDDOWN($C4426/24,0)+1,1)*INDEX($D$3:$AA$30,INDEX(Jesper!$R$2:$R$366,ROW(INDEX(Jesper!AJ$2:AJ$366,ROUNDDOWN($C4426/24,0)+1,1))-1)+IF('Standard Profiles'!$G$20=$B$10,7,0)+IF('Standard Profiles'!$G$20=$B$17,14,0)+IF('Standard Profiles'!$G$20=$B$24,21,0),MOD($C4426,24)+1)/SUM(INDEX($D$3:$AA$30,INDEX(Jesper!$R$2:$R$366,ROW(INDEX(Jesper!AJ$2:AJ$366,ROUNDDOWN($C4426/24,0)+1,1))-1)+IF('Standard Profiles'!$G$20=$B$10,7,0)+IF('Standard Profiles'!$G$20=$B$17,14,0)+IF('Standard Profiles'!$G$20=$B$24,21,0),0)),0)</f>
        <v>0</v>
      </c>
      <c r="G4426" cm="1">
        <f t="array" ref="G4426">IFERROR(INDEX(Jesper!AK$2:AK$366,ROUNDDOWN($C4426/24,0)+1,1)*INDEX($D$3:$AA$30,INDEX(Jesper!$R$2:$R$366,ROW(INDEX(Jesper!AK$2:AK$366,ROUNDDOWN($C4426/24,0)+1,1))-1)+IF('Standard Profiles'!$G$21=$B$10,7,0)+IF('Standard Profiles'!$G$21=$B$17,14,0)+IF('Standard Profiles'!$G$21=$B$24,21,0),MOD($C4426,24)+1)/SUM(INDEX($D$3:$AA$30,INDEX(Jesper!$R$2:$R$366,ROW(INDEX(Jesper!AK$2:AK$366,ROUNDDOWN($C4426/24,0)+1,1))-1)+IF('Standard Profiles'!$G$21=$B$10,7,0)+IF('Standard Profiles'!$G$21=$B$17,14,0)+IF('Standard Profiles'!$G$21=$B$24,21,0),0)),0)</f>
        <v>0.11896864157488876</v>
      </c>
      <c r="H4426" cm="1">
        <f t="array" ref="H4426">IFERROR(INDEX(Jesper!AL$2:AL$366,ROUNDDOWN($C4426/24,0)+1,1)*INDEX($D$3:$AA$30,INDEX(Jesper!$R$2:$R$366,ROW(INDEX(Jesper!AL$2:AL$366,ROUNDDOWN($C4426/24,0)+1,1))-1)+IF('Standard Profiles'!$G$22=$B$10,7,0)+IF('Standard Profiles'!$G$22=$B$17,14,0)+IF('Standard Profiles'!$G$22=$B$24,21,0),MOD($C4426,24)+1)/SUM(INDEX($D$3:$AA$30,INDEX(Jesper!$R$2:$R$366,ROW(INDEX(Jesper!AL$2:AL$366,ROUNDDOWN($C4426/24,0)+1,1))-1)+IF('Standard Profiles'!$G$22=$B$10,7,0)+IF('Standard Profiles'!$G$22=$B$17,14,0)+IF('Standard Profiles'!$G$22=$B$24,21,0),0)),0)</f>
        <v>0</v>
      </c>
      <c r="I4426">
        <f t="shared" si="496"/>
        <v>5.7104947955946575E-2</v>
      </c>
      <c r="J4426">
        <f t="shared" si="497"/>
        <v>6.5060538560722598</v>
      </c>
      <c r="K4426">
        <f t="shared" si="498"/>
        <v>0.54559315853658197</v>
      </c>
      <c r="L4426">
        <f t="shared" si="499"/>
        <v>0.27279657926829098</v>
      </c>
      <c r="M4426">
        <f t="shared" si="500"/>
        <v>0</v>
      </c>
      <c r="N4426" s="45">
        <f t="shared" si="501"/>
        <v>45109.999999989348</v>
      </c>
    </row>
    <row r="4427" spans="2:14" x14ac:dyDescent="0.25">
      <c r="B4427">
        <f t="shared" si="495"/>
        <v>1</v>
      </c>
      <c r="C4427" s="16">
        <v>4393</v>
      </c>
      <c r="D4427" cm="1">
        <f t="array" ref="D4427">IFERROR(INDEX(Jesper!AH$2:AH$366,ROUNDDOWN($C4427/24,0)+1,1)*INDEX($D$3:$AA$30,INDEX(Jesper!$R$2:$R$366,ROW(INDEX(Jesper!AH$2:AH$366,ROUNDDOWN($C4427/24,0)+1,1))-1)+IF('Standard Profiles'!$G$18=$B$10,7,0)+IF('Standard Profiles'!$G$18=$B$17,14,0)+IF('Standard Profiles'!$G$18=$B$24,21,0),MOD($C4427,24)+1)/SUM(INDEX($D$3:$AA$30,INDEX(Jesper!$R$2:$R$366,ROW(INDEX(Jesper!AH$2:AH$366,ROUNDDOWN($C4427/24,0)+1,1))-1)+IF('Standard Profiles'!$G$18=$B$10,7,0)+IF('Standard Profiles'!$G$18=$B$17,14,0)+IF('Standard Profiles'!$G$18=$B$24,21,0),0)),0)</f>
        <v>5.1149358612804559</v>
      </c>
      <c r="E4427" cm="1">
        <f t="array" ref="E4427">IFERROR(INDEX(Jesper!AI$2:AI$366,ROUNDDOWN($C4427/24,0)+1,1)*INDEX($D$3:$AA$30,INDEX(Jesper!$R$2:$R$366,ROW(INDEX(Jesper!AI$2:AI$366,ROUNDDOWN($C4427/24,0)+1,1))-1)+IF('Standard Profiles'!$G$19=$B$10,7,0)+IF('Standard Profiles'!$G$19=$B$17,14,0)+IF('Standard Profiles'!$G$19=$B$24,21,0),MOD($C4427,24)+1)/SUM(INDEX($D$3:$AA$30,INDEX(Jesper!$R$2:$R$366,ROW(INDEX(Jesper!AI$2:AI$366,ROUNDDOWN($C4427/24,0)+1,1))-1)+IF('Standard Profiles'!$G$19=$B$10,7,0)+IF('Standard Profiles'!$G$19=$B$17,14,0)+IF('Standard Profiles'!$G$19=$B$24,21,0),0)),0)</f>
        <v>2.147644038977734</v>
      </c>
      <c r="F4427" cm="1">
        <f t="array" ref="F4427">IFERROR(INDEX(Jesper!AJ$2:AJ$366,ROUNDDOWN($C4427/24,0)+1,1)*INDEX($D$3:$AA$30,INDEX(Jesper!$R$2:$R$366,ROW(INDEX(Jesper!AJ$2:AJ$366,ROUNDDOWN($C4427/24,0)+1,1))-1)+IF('Standard Profiles'!$G$20=$B$10,7,0)+IF('Standard Profiles'!$G$20=$B$17,14,0)+IF('Standard Profiles'!$G$20=$B$24,21,0),MOD($C4427,24)+1)/SUM(INDEX($D$3:$AA$30,INDEX(Jesper!$R$2:$R$366,ROW(INDEX(Jesper!AJ$2:AJ$366,ROUNDDOWN($C4427/24,0)+1,1))-1)+IF('Standard Profiles'!$G$20=$B$10,7,0)+IF('Standard Profiles'!$G$20=$B$17,14,0)+IF('Standard Profiles'!$G$20=$B$24,21,0),0)),0)</f>
        <v>0</v>
      </c>
      <c r="G4427" cm="1">
        <f t="array" ref="G4427">IFERROR(INDEX(Jesper!AK$2:AK$366,ROUNDDOWN($C4427/24,0)+1,1)*INDEX($D$3:$AA$30,INDEX(Jesper!$R$2:$R$366,ROW(INDEX(Jesper!AK$2:AK$366,ROUNDDOWN($C4427/24,0)+1,1))-1)+IF('Standard Profiles'!$G$21=$B$10,7,0)+IF('Standard Profiles'!$G$21=$B$17,14,0)+IF('Standard Profiles'!$G$21=$B$24,21,0),MOD($C4427,24)+1)/SUM(INDEX($D$3:$AA$30,INDEX(Jesper!$R$2:$R$366,ROW(INDEX(Jesper!AK$2:AK$366,ROUNDDOWN($C4427/24,0)+1,1))-1)+IF('Standard Profiles'!$G$21=$B$10,7,0)+IF('Standard Profiles'!$G$21=$B$17,14,0)+IF('Standard Profiles'!$G$21=$B$24,21,0),0)),0)</f>
        <v>0.11896864157488876</v>
      </c>
      <c r="H4427" cm="1">
        <f t="array" ref="H4427">IFERROR(INDEX(Jesper!AL$2:AL$366,ROUNDDOWN($C4427/24,0)+1,1)*INDEX($D$3:$AA$30,INDEX(Jesper!$R$2:$R$366,ROW(INDEX(Jesper!AL$2:AL$366,ROUNDDOWN($C4427/24,0)+1,1))-1)+IF('Standard Profiles'!$G$22=$B$10,7,0)+IF('Standard Profiles'!$G$22=$B$17,14,0)+IF('Standard Profiles'!$G$22=$B$24,21,0),MOD($C4427,24)+1)/SUM(INDEX($D$3:$AA$30,INDEX(Jesper!$R$2:$R$366,ROW(INDEX(Jesper!AL$2:AL$366,ROUNDDOWN($C4427/24,0)+1,1))-1)+IF('Standard Profiles'!$G$22=$B$10,7,0)+IF('Standard Profiles'!$G$22=$B$17,14,0)+IF('Standard Profiles'!$G$22=$B$24,21,0),0)),0)</f>
        <v>0</v>
      </c>
      <c r="I4427">
        <f t="shared" si="496"/>
        <v>5.7104947955946575E-2</v>
      </c>
      <c r="J4427">
        <f t="shared" si="497"/>
        <v>6.5060538560722598</v>
      </c>
      <c r="K4427">
        <f t="shared" si="498"/>
        <v>0.54559315853658197</v>
      </c>
      <c r="L4427">
        <f t="shared" si="499"/>
        <v>0.27279657926829098</v>
      </c>
      <c r="M4427">
        <f t="shared" si="500"/>
        <v>0</v>
      </c>
      <c r="N4427" s="45">
        <f t="shared" si="501"/>
        <v>45110.041666656012</v>
      </c>
    </row>
    <row r="4428" spans="2:14" x14ac:dyDescent="0.25">
      <c r="B4428">
        <f t="shared" si="495"/>
        <v>1</v>
      </c>
      <c r="C4428" s="16">
        <v>4394</v>
      </c>
      <c r="D4428" cm="1">
        <f t="array" ref="D4428">IFERROR(INDEX(Jesper!AH$2:AH$366,ROUNDDOWN($C4428/24,0)+1,1)*INDEX($D$3:$AA$30,INDEX(Jesper!$R$2:$R$366,ROW(INDEX(Jesper!AH$2:AH$366,ROUNDDOWN($C4428/24,0)+1,1))-1)+IF('Standard Profiles'!$G$18=$B$10,7,0)+IF('Standard Profiles'!$G$18=$B$17,14,0)+IF('Standard Profiles'!$G$18=$B$24,21,0),MOD($C4428,24)+1)/SUM(INDEX($D$3:$AA$30,INDEX(Jesper!$R$2:$R$366,ROW(INDEX(Jesper!AH$2:AH$366,ROUNDDOWN($C4428/24,0)+1,1))-1)+IF('Standard Profiles'!$G$18=$B$10,7,0)+IF('Standard Profiles'!$G$18=$B$17,14,0)+IF('Standard Profiles'!$G$18=$B$24,21,0),0)),0)</f>
        <v>5.1149358612804559</v>
      </c>
      <c r="E4428" cm="1">
        <f t="array" ref="E4428">IFERROR(INDEX(Jesper!AI$2:AI$366,ROUNDDOWN($C4428/24,0)+1,1)*INDEX($D$3:$AA$30,INDEX(Jesper!$R$2:$R$366,ROW(INDEX(Jesper!AI$2:AI$366,ROUNDDOWN($C4428/24,0)+1,1))-1)+IF('Standard Profiles'!$G$19=$B$10,7,0)+IF('Standard Profiles'!$G$19=$B$17,14,0)+IF('Standard Profiles'!$G$19=$B$24,21,0),MOD($C4428,24)+1)/SUM(INDEX($D$3:$AA$30,INDEX(Jesper!$R$2:$R$366,ROW(INDEX(Jesper!AI$2:AI$366,ROUNDDOWN($C4428/24,0)+1,1))-1)+IF('Standard Profiles'!$G$19=$B$10,7,0)+IF('Standard Profiles'!$G$19=$B$17,14,0)+IF('Standard Profiles'!$G$19=$B$24,21,0),0)),0)</f>
        <v>2.147644038977734</v>
      </c>
      <c r="F4428" cm="1">
        <f t="array" ref="F4428">IFERROR(INDEX(Jesper!AJ$2:AJ$366,ROUNDDOWN($C4428/24,0)+1,1)*INDEX($D$3:$AA$30,INDEX(Jesper!$R$2:$R$366,ROW(INDEX(Jesper!AJ$2:AJ$366,ROUNDDOWN($C4428/24,0)+1,1))-1)+IF('Standard Profiles'!$G$20=$B$10,7,0)+IF('Standard Profiles'!$G$20=$B$17,14,0)+IF('Standard Profiles'!$G$20=$B$24,21,0),MOD($C4428,24)+1)/SUM(INDEX($D$3:$AA$30,INDEX(Jesper!$R$2:$R$366,ROW(INDEX(Jesper!AJ$2:AJ$366,ROUNDDOWN($C4428/24,0)+1,1))-1)+IF('Standard Profiles'!$G$20=$B$10,7,0)+IF('Standard Profiles'!$G$20=$B$17,14,0)+IF('Standard Profiles'!$G$20=$B$24,21,0),0)),0)</f>
        <v>0</v>
      </c>
      <c r="G4428" cm="1">
        <f t="array" ref="G4428">IFERROR(INDEX(Jesper!AK$2:AK$366,ROUNDDOWN($C4428/24,0)+1,1)*INDEX($D$3:$AA$30,INDEX(Jesper!$R$2:$R$366,ROW(INDEX(Jesper!AK$2:AK$366,ROUNDDOWN($C4428/24,0)+1,1))-1)+IF('Standard Profiles'!$G$21=$B$10,7,0)+IF('Standard Profiles'!$G$21=$B$17,14,0)+IF('Standard Profiles'!$G$21=$B$24,21,0),MOD($C4428,24)+1)/SUM(INDEX($D$3:$AA$30,INDEX(Jesper!$R$2:$R$366,ROW(INDEX(Jesper!AK$2:AK$366,ROUNDDOWN($C4428/24,0)+1,1))-1)+IF('Standard Profiles'!$G$21=$B$10,7,0)+IF('Standard Profiles'!$G$21=$B$17,14,0)+IF('Standard Profiles'!$G$21=$B$24,21,0),0)),0)</f>
        <v>0.11896864157488876</v>
      </c>
      <c r="H4428" cm="1">
        <f t="array" ref="H4428">IFERROR(INDEX(Jesper!AL$2:AL$366,ROUNDDOWN($C4428/24,0)+1,1)*INDEX($D$3:$AA$30,INDEX(Jesper!$R$2:$R$366,ROW(INDEX(Jesper!AL$2:AL$366,ROUNDDOWN($C4428/24,0)+1,1))-1)+IF('Standard Profiles'!$G$22=$B$10,7,0)+IF('Standard Profiles'!$G$22=$B$17,14,0)+IF('Standard Profiles'!$G$22=$B$24,21,0),MOD($C4428,24)+1)/SUM(INDEX($D$3:$AA$30,INDEX(Jesper!$R$2:$R$366,ROW(INDEX(Jesper!AL$2:AL$366,ROUNDDOWN($C4428/24,0)+1,1))-1)+IF('Standard Profiles'!$G$22=$B$10,7,0)+IF('Standard Profiles'!$G$22=$B$17,14,0)+IF('Standard Profiles'!$G$22=$B$24,21,0),0)),0)</f>
        <v>0</v>
      </c>
      <c r="I4428">
        <f t="shared" si="496"/>
        <v>5.7104947955946575E-2</v>
      </c>
      <c r="J4428">
        <f t="shared" si="497"/>
        <v>6.5060538560722598</v>
      </c>
      <c r="K4428">
        <f t="shared" si="498"/>
        <v>0.54559315853658197</v>
      </c>
      <c r="L4428">
        <f t="shared" si="499"/>
        <v>0.27279657926829098</v>
      </c>
      <c r="M4428">
        <f t="shared" si="500"/>
        <v>0</v>
      </c>
      <c r="N4428" s="45">
        <f t="shared" si="501"/>
        <v>45110.083333322676</v>
      </c>
    </row>
    <row r="4429" spans="2:14" x14ac:dyDescent="0.25">
      <c r="B4429">
        <f t="shared" si="495"/>
        <v>1</v>
      </c>
      <c r="C4429" s="16">
        <v>4395</v>
      </c>
      <c r="D4429" cm="1">
        <f t="array" ref="D4429">IFERROR(INDEX(Jesper!AH$2:AH$366,ROUNDDOWN($C4429/24,0)+1,1)*INDEX($D$3:$AA$30,INDEX(Jesper!$R$2:$R$366,ROW(INDEX(Jesper!AH$2:AH$366,ROUNDDOWN($C4429/24,0)+1,1))-1)+IF('Standard Profiles'!$G$18=$B$10,7,0)+IF('Standard Profiles'!$G$18=$B$17,14,0)+IF('Standard Profiles'!$G$18=$B$24,21,0),MOD($C4429,24)+1)/SUM(INDEX($D$3:$AA$30,INDEX(Jesper!$R$2:$R$366,ROW(INDEX(Jesper!AH$2:AH$366,ROUNDDOWN($C4429/24,0)+1,1))-1)+IF('Standard Profiles'!$G$18=$B$10,7,0)+IF('Standard Profiles'!$G$18=$B$17,14,0)+IF('Standard Profiles'!$G$18=$B$24,21,0),0)),0)</f>
        <v>5.1149358612804559</v>
      </c>
      <c r="E4429" cm="1">
        <f t="array" ref="E4429">IFERROR(INDEX(Jesper!AI$2:AI$366,ROUNDDOWN($C4429/24,0)+1,1)*INDEX($D$3:$AA$30,INDEX(Jesper!$R$2:$R$366,ROW(INDEX(Jesper!AI$2:AI$366,ROUNDDOWN($C4429/24,0)+1,1))-1)+IF('Standard Profiles'!$G$19=$B$10,7,0)+IF('Standard Profiles'!$G$19=$B$17,14,0)+IF('Standard Profiles'!$G$19=$B$24,21,0),MOD($C4429,24)+1)/SUM(INDEX($D$3:$AA$30,INDEX(Jesper!$R$2:$R$366,ROW(INDEX(Jesper!AI$2:AI$366,ROUNDDOWN($C4429/24,0)+1,1))-1)+IF('Standard Profiles'!$G$19=$B$10,7,0)+IF('Standard Profiles'!$G$19=$B$17,14,0)+IF('Standard Profiles'!$G$19=$B$24,21,0),0)),0)</f>
        <v>2.147644038977734</v>
      </c>
      <c r="F4429" cm="1">
        <f t="array" ref="F4429">IFERROR(INDEX(Jesper!AJ$2:AJ$366,ROUNDDOWN($C4429/24,0)+1,1)*INDEX($D$3:$AA$30,INDEX(Jesper!$R$2:$R$366,ROW(INDEX(Jesper!AJ$2:AJ$366,ROUNDDOWN($C4429/24,0)+1,1))-1)+IF('Standard Profiles'!$G$20=$B$10,7,0)+IF('Standard Profiles'!$G$20=$B$17,14,0)+IF('Standard Profiles'!$G$20=$B$24,21,0),MOD($C4429,24)+1)/SUM(INDEX($D$3:$AA$30,INDEX(Jesper!$R$2:$R$366,ROW(INDEX(Jesper!AJ$2:AJ$366,ROUNDDOWN($C4429/24,0)+1,1))-1)+IF('Standard Profiles'!$G$20=$B$10,7,0)+IF('Standard Profiles'!$G$20=$B$17,14,0)+IF('Standard Profiles'!$G$20=$B$24,21,0),0)),0)</f>
        <v>0</v>
      </c>
      <c r="G4429" cm="1">
        <f t="array" ref="G4429">IFERROR(INDEX(Jesper!AK$2:AK$366,ROUNDDOWN($C4429/24,0)+1,1)*INDEX($D$3:$AA$30,INDEX(Jesper!$R$2:$R$366,ROW(INDEX(Jesper!AK$2:AK$366,ROUNDDOWN($C4429/24,0)+1,1))-1)+IF('Standard Profiles'!$G$21=$B$10,7,0)+IF('Standard Profiles'!$G$21=$B$17,14,0)+IF('Standard Profiles'!$G$21=$B$24,21,0),MOD($C4429,24)+1)/SUM(INDEX($D$3:$AA$30,INDEX(Jesper!$R$2:$R$366,ROW(INDEX(Jesper!AK$2:AK$366,ROUNDDOWN($C4429/24,0)+1,1))-1)+IF('Standard Profiles'!$G$21=$B$10,7,0)+IF('Standard Profiles'!$G$21=$B$17,14,0)+IF('Standard Profiles'!$G$21=$B$24,21,0),0)),0)</f>
        <v>0.11896864157488876</v>
      </c>
      <c r="H4429" cm="1">
        <f t="array" ref="H4429">IFERROR(INDEX(Jesper!AL$2:AL$366,ROUNDDOWN($C4429/24,0)+1,1)*INDEX($D$3:$AA$30,INDEX(Jesper!$R$2:$R$366,ROW(INDEX(Jesper!AL$2:AL$366,ROUNDDOWN($C4429/24,0)+1,1))-1)+IF('Standard Profiles'!$G$22=$B$10,7,0)+IF('Standard Profiles'!$G$22=$B$17,14,0)+IF('Standard Profiles'!$G$22=$B$24,21,0),MOD($C4429,24)+1)/SUM(INDEX($D$3:$AA$30,INDEX(Jesper!$R$2:$R$366,ROW(INDEX(Jesper!AL$2:AL$366,ROUNDDOWN($C4429/24,0)+1,1))-1)+IF('Standard Profiles'!$G$22=$B$10,7,0)+IF('Standard Profiles'!$G$22=$B$17,14,0)+IF('Standard Profiles'!$G$22=$B$24,21,0),0)),0)</f>
        <v>0</v>
      </c>
      <c r="I4429">
        <f t="shared" si="496"/>
        <v>5.7104947955946575E-2</v>
      </c>
      <c r="J4429">
        <f t="shared" si="497"/>
        <v>6.5060538560722598</v>
      </c>
      <c r="K4429">
        <f t="shared" si="498"/>
        <v>0.54559315853658197</v>
      </c>
      <c r="L4429">
        <f t="shared" si="499"/>
        <v>0.27279657926829098</v>
      </c>
      <c r="M4429">
        <f t="shared" si="500"/>
        <v>0</v>
      </c>
      <c r="N4429" s="45">
        <f t="shared" si="501"/>
        <v>45110.124999989341</v>
      </c>
    </row>
    <row r="4430" spans="2:14" x14ac:dyDescent="0.25">
      <c r="B4430">
        <f t="shared" si="495"/>
        <v>1</v>
      </c>
      <c r="C4430" s="16">
        <v>4396</v>
      </c>
      <c r="D4430" cm="1">
        <f t="array" ref="D4430">IFERROR(INDEX(Jesper!AH$2:AH$366,ROUNDDOWN($C4430/24,0)+1,1)*INDEX($D$3:$AA$30,INDEX(Jesper!$R$2:$R$366,ROW(INDEX(Jesper!AH$2:AH$366,ROUNDDOWN($C4430/24,0)+1,1))-1)+IF('Standard Profiles'!$G$18=$B$10,7,0)+IF('Standard Profiles'!$G$18=$B$17,14,0)+IF('Standard Profiles'!$G$18=$B$24,21,0),MOD($C4430,24)+1)/SUM(INDEX($D$3:$AA$30,INDEX(Jesper!$R$2:$R$366,ROW(INDEX(Jesper!AH$2:AH$366,ROUNDDOWN($C4430/24,0)+1,1))-1)+IF('Standard Profiles'!$G$18=$B$10,7,0)+IF('Standard Profiles'!$G$18=$B$17,14,0)+IF('Standard Profiles'!$G$18=$B$24,21,0),0)),0)</f>
        <v>5.1149358612804559</v>
      </c>
      <c r="E4430" cm="1">
        <f t="array" ref="E4430">IFERROR(INDEX(Jesper!AI$2:AI$366,ROUNDDOWN($C4430/24,0)+1,1)*INDEX($D$3:$AA$30,INDEX(Jesper!$R$2:$R$366,ROW(INDEX(Jesper!AI$2:AI$366,ROUNDDOWN($C4430/24,0)+1,1))-1)+IF('Standard Profiles'!$G$19=$B$10,7,0)+IF('Standard Profiles'!$G$19=$B$17,14,0)+IF('Standard Profiles'!$G$19=$B$24,21,0),MOD($C4430,24)+1)/SUM(INDEX($D$3:$AA$30,INDEX(Jesper!$R$2:$R$366,ROW(INDEX(Jesper!AI$2:AI$366,ROUNDDOWN($C4430/24,0)+1,1))-1)+IF('Standard Profiles'!$G$19=$B$10,7,0)+IF('Standard Profiles'!$G$19=$B$17,14,0)+IF('Standard Profiles'!$G$19=$B$24,21,0),0)),0)</f>
        <v>2.147644038977734</v>
      </c>
      <c r="F4430" cm="1">
        <f t="array" ref="F4430">IFERROR(INDEX(Jesper!AJ$2:AJ$366,ROUNDDOWN($C4430/24,0)+1,1)*INDEX($D$3:$AA$30,INDEX(Jesper!$R$2:$R$366,ROW(INDEX(Jesper!AJ$2:AJ$366,ROUNDDOWN($C4430/24,0)+1,1))-1)+IF('Standard Profiles'!$G$20=$B$10,7,0)+IF('Standard Profiles'!$G$20=$B$17,14,0)+IF('Standard Profiles'!$G$20=$B$24,21,0),MOD($C4430,24)+1)/SUM(INDEX($D$3:$AA$30,INDEX(Jesper!$R$2:$R$366,ROW(INDEX(Jesper!AJ$2:AJ$366,ROUNDDOWN($C4430/24,0)+1,1))-1)+IF('Standard Profiles'!$G$20=$B$10,7,0)+IF('Standard Profiles'!$G$20=$B$17,14,0)+IF('Standard Profiles'!$G$20=$B$24,21,0),0)),0)</f>
        <v>0</v>
      </c>
      <c r="G4430" cm="1">
        <f t="array" ref="G4430">IFERROR(INDEX(Jesper!AK$2:AK$366,ROUNDDOWN($C4430/24,0)+1,1)*INDEX($D$3:$AA$30,INDEX(Jesper!$R$2:$R$366,ROW(INDEX(Jesper!AK$2:AK$366,ROUNDDOWN($C4430/24,0)+1,1))-1)+IF('Standard Profiles'!$G$21=$B$10,7,0)+IF('Standard Profiles'!$G$21=$B$17,14,0)+IF('Standard Profiles'!$G$21=$B$24,21,0),MOD($C4430,24)+1)/SUM(INDEX($D$3:$AA$30,INDEX(Jesper!$R$2:$R$366,ROW(INDEX(Jesper!AK$2:AK$366,ROUNDDOWN($C4430/24,0)+1,1))-1)+IF('Standard Profiles'!$G$21=$B$10,7,0)+IF('Standard Profiles'!$G$21=$B$17,14,0)+IF('Standard Profiles'!$G$21=$B$24,21,0),0)),0)</f>
        <v>0.11896864157488876</v>
      </c>
      <c r="H4430" cm="1">
        <f t="array" ref="H4430">IFERROR(INDEX(Jesper!AL$2:AL$366,ROUNDDOWN($C4430/24,0)+1,1)*INDEX($D$3:$AA$30,INDEX(Jesper!$R$2:$R$366,ROW(INDEX(Jesper!AL$2:AL$366,ROUNDDOWN($C4430/24,0)+1,1))-1)+IF('Standard Profiles'!$G$22=$B$10,7,0)+IF('Standard Profiles'!$G$22=$B$17,14,0)+IF('Standard Profiles'!$G$22=$B$24,21,0),MOD($C4430,24)+1)/SUM(INDEX($D$3:$AA$30,INDEX(Jesper!$R$2:$R$366,ROW(INDEX(Jesper!AL$2:AL$366,ROUNDDOWN($C4430/24,0)+1,1))-1)+IF('Standard Profiles'!$G$22=$B$10,7,0)+IF('Standard Profiles'!$G$22=$B$17,14,0)+IF('Standard Profiles'!$G$22=$B$24,21,0),0)),0)</f>
        <v>0</v>
      </c>
      <c r="I4430">
        <f t="shared" si="496"/>
        <v>5.7104947955946575E-2</v>
      </c>
      <c r="J4430">
        <f t="shared" si="497"/>
        <v>6.5060538560722598</v>
      </c>
      <c r="K4430">
        <f t="shared" si="498"/>
        <v>0.54559315853658197</v>
      </c>
      <c r="L4430">
        <f t="shared" si="499"/>
        <v>0.27279657926829098</v>
      </c>
      <c r="M4430">
        <f t="shared" si="500"/>
        <v>0</v>
      </c>
      <c r="N4430" s="45">
        <f t="shared" si="501"/>
        <v>45110.166666656005</v>
      </c>
    </row>
    <row r="4431" spans="2:14" x14ac:dyDescent="0.25">
      <c r="B4431">
        <f t="shared" si="495"/>
        <v>1</v>
      </c>
      <c r="C4431" s="16">
        <v>4397</v>
      </c>
      <c r="D4431" cm="1">
        <f t="array" ref="D4431">IFERROR(INDEX(Jesper!AH$2:AH$366,ROUNDDOWN($C4431/24,0)+1,1)*INDEX($D$3:$AA$30,INDEX(Jesper!$R$2:$R$366,ROW(INDEX(Jesper!AH$2:AH$366,ROUNDDOWN($C4431/24,0)+1,1))-1)+IF('Standard Profiles'!$G$18=$B$10,7,0)+IF('Standard Profiles'!$G$18=$B$17,14,0)+IF('Standard Profiles'!$G$18=$B$24,21,0),MOD($C4431,24)+1)/SUM(INDEX($D$3:$AA$30,INDEX(Jesper!$R$2:$R$366,ROW(INDEX(Jesper!AH$2:AH$366,ROUNDDOWN($C4431/24,0)+1,1))-1)+IF('Standard Profiles'!$G$18=$B$10,7,0)+IF('Standard Profiles'!$G$18=$B$17,14,0)+IF('Standard Profiles'!$G$18=$B$24,21,0),0)),0)</f>
        <v>5.1149358612804559</v>
      </c>
      <c r="E4431" cm="1">
        <f t="array" ref="E4431">IFERROR(INDEX(Jesper!AI$2:AI$366,ROUNDDOWN($C4431/24,0)+1,1)*INDEX($D$3:$AA$30,INDEX(Jesper!$R$2:$R$366,ROW(INDEX(Jesper!AI$2:AI$366,ROUNDDOWN($C4431/24,0)+1,1))-1)+IF('Standard Profiles'!$G$19=$B$10,7,0)+IF('Standard Profiles'!$G$19=$B$17,14,0)+IF('Standard Profiles'!$G$19=$B$24,21,0),MOD($C4431,24)+1)/SUM(INDEX($D$3:$AA$30,INDEX(Jesper!$R$2:$R$366,ROW(INDEX(Jesper!AI$2:AI$366,ROUNDDOWN($C4431/24,0)+1,1))-1)+IF('Standard Profiles'!$G$19=$B$10,7,0)+IF('Standard Profiles'!$G$19=$B$17,14,0)+IF('Standard Profiles'!$G$19=$B$24,21,0),0)),0)</f>
        <v>2.147644038977734</v>
      </c>
      <c r="F4431" cm="1">
        <f t="array" ref="F4431">IFERROR(INDEX(Jesper!AJ$2:AJ$366,ROUNDDOWN($C4431/24,0)+1,1)*INDEX($D$3:$AA$30,INDEX(Jesper!$R$2:$R$366,ROW(INDEX(Jesper!AJ$2:AJ$366,ROUNDDOWN($C4431/24,0)+1,1))-1)+IF('Standard Profiles'!$G$20=$B$10,7,0)+IF('Standard Profiles'!$G$20=$B$17,14,0)+IF('Standard Profiles'!$G$20=$B$24,21,0),MOD($C4431,24)+1)/SUM(INDEX($D$3:$AA$30,INDEX(Jesper!$R$2:$R$366,ROW(INDEX(Jesper!AJ$2:AJ$366,ROUNDDOWN($C4431/24,0)+1,1))-1)+IF('Standard Profiles'!$G$20=$B$10,7,0)+IF('Standard Profiles'!$G$20=$B$17,14,0)+IF('Standard Profiles'!$G$20=$B$24,21,0),0)),0)</f>
        <v>0</v>
      </c>
      <c r="G4431" cm="1">
        <f t="array" ref="G4431">IFERROR(INDEX(Jesper!AK$2:AK$366,ROUNDDOWN($C4431/24,0)+1,1)*INDEX($D$3:$AA$30,INDEX(Jesper!$R$2:$R$366,ROW(INDEX(Jesper!AK$2:AK$366,ROUNDDOWN($C4431/24,0)+1,1))-1)+IF('Standard Profiles'!$G$21=$B$10,7,0)+IF('Standard Profiles'!$G$21=$B$17,14,0)+IF('Standard Profiles'!$G$21=$B$24,21,0),MOD($C4431,24)+1)/SUM(INDEX($D$3:$AA$30,INDEX(Jesper!$R$2:$R$366,ROW(INDEX(Jesper!AK$2:AK$366,ROUNDDOWN($C4431/24,0)+1,1))-1)+IF('Standard Profiles'!$G$21=$B$10,7,0)+IF('Standard Profiles'!$G$21=$B$17,14,0)+IF('Standard Profiles'!$G$21=$B$24,21,0),0)),0)</f>
        <v>0.11896864157488876</v>
      </c>
      <c r="H4431" cm="1">
        <f t="array" ref="H4431">IFERROR(INDEX(Jesper!AL$2:AL$366,ROUNDDOWN($C4431/24,0)+1,1)*INDEX($D$3:$AA$30,INDEX(Jesper!$R$2:$R$366,ROW(INDEX(Jesper!AL$2:AL$366,ROUNDDOWN($C4431/24,0)+1,1))-1)+IF('Standard Profiles'!$G$22=$B$10,7,0)+IF('Standard Profiles'!$G$22=$B$17,14,0)+IF('Standard Profiles'!$G$22=$B$24,21,0),MOD($C4431,24)+1)/SUM(INDEX($D$3:$AA$30,INDEX(Jesper!$R$2:$R$366,ROW(INDEX(Jesper!AL$2:AL$366,ROUNDDOWN($C4431/24,0)+1,1))-1)+IF('Standard Profiles'!$G$22=$B$10,7,0)+IF('Standard Profiles'!$G$22=$B$17,14,0)+IF('Standard Profiles'!$G$22=$B$24,21,0),0)),0)</f>
        <v>0</v>
      </c>
      <c r="I4431">
        <f t="shared" si="496"/>
        <v>5.7104947955946575E-2</v>
      </c>
      <c r="J4431">
        <f t="shared" si="497"/>
        <v>6.5060538560722598</v>
      </c>
      <c r="K4431">
        <f t="shared" si="498"/>
        <v>0.54559315853658197</v>
      </c>
      <c r="L4431">
        <f t="shared" si="499"/>
        <v>0.27279657926829098</v>
      </c>
      <c r="M4431">
        <f t="shared" si="500"/>
        <v>0</v>
      </c>
      <c r="N4431" s="45">
        <f t="shared" si="501"/>
        <v>45110.208333322669</v>
      </c>
    </row>
    <row r="4432" spans="2:14" x14ac:dyDescent="0.25">
      <c r="B4432">
        <f t="shared" si="495"/>
        <v>1</v>
      </c>
      <c r="C4432" s="16">
        <v>4398</v>
      </c>
      <c r="D4432" cm="1">
        <f t="array" ref="D4432">IFERROR(INDEX(Jesper!AH$2:AH$366,ROUNDDOWN($C4432/24,0)+1,1)*INDEX($D$3:$AA$30,INDEX(Jesper!$R$2:$R$366,ROW(INDEX(Jesper!AH$2:AH$366,ROUNDDOWN($C4432/24,0)+1,1))-1)+IF('Standard Profiles'!$G$18=$B$10,7,0)+IF('Standard Profiles'!$G$18=$B$17,14,0)+IF('Standard Profiles'!$G$18=$B$24,21,0),MOD($C4432,24)+1)/SUM(INDEX($D$3:$AA$30,INDEX(Jesper!$R$2:$R$366,ROW(INDEX(Jesper!AH$2:AH$366,ROUNDDOWN($C4432/24,0)+1,1))-1)+IF('Standard Profiles'!$G$18=$B$10,7,0)+IF('Standard Profiles'!$G$18=$B$17,14,0)+IF('Standard Profiles'!$G$18=$B$24,21,0),0)),0)</f>
        <v>5.1149358612804559</v>
      </c>
      <c r="E4432" cm="1">
        <f t="array" ref="E4432">IFERROR(INDEX(Jesper!AI$2:AI$366,ROUNDDOWN($C4432/24,0)+1,1)*INDEX($D$3:$AA$30,INDEX(Jesper!$R$2:$R$366,ROW(INDEX(Jesper!AI$2:AI$366,ROUNDDOWN($C4432/24,0)+1,1))-1)+IF('Standard Profiles'!$G$19=$B$10,7,0)+IF('Standard Profiles'!$G$19=$B$17,14,0)+IF('Standard Profiles'!$G$19=$B$24,21,0),MOD($C4432,24)+1)/SUM(INDEX($D$3:$AA$30,INDEX(Jesper!$R$2:$R$366,ROW(INDEX(Jesper!AI$2:AI$366,ROUNDDOWN($C4432/24,0)+1,1))-1)+IF('Standard Profiles'!$G$19=$B$10,7,0)+IF('Standard Profiles'!$G$19=$B$17,14,0)+IF('Standard Profiles'!$G$19=$B$24,21,0),0)),0)</f>
        <v>2.147644038977734</v>
      </c>
      <c r="F4432" cm="1">
        <f t="array" ref="F4432">IFERROR(INDEX(Jesper!AJ$2:AJ$366,ROUNDDOWN($C4432/24,0)+1,1)*INDEX($D$3:$AA$30,INDEX(Jesper!$R$2:$R$366,ROW(INDEX(Jesper!AJ$2:AJ$366,ROUNDDOWN($C4432/24,0)+1,1))-1)+IF('Standard Profiles'!$G$20=$B$10,7,0)+IF('Standard Profiles'!$G$20=$B$17,14,0)+IF('Standard Profiles'!$G$20=$B$24,21,0),MOD($C4432,24)+1)/SUM(INDEX($D$3:$AA$30,INDEX(Jesper!$R$2:$R$366,ROW(INDEX(Jesper!AJ$2:AJ$366,ROUNDDOWN($C4432/24,0)+1,1))-1)+IF('Standard Profiles'!$G$20=$B$10,7,0)+IF('Standard Profiles'!$G$20=$B$17,14,0)+IF('Standard Profiles'!$G$20=$B$24,21,0),0)),0)</f>
        <v>0</v>
      </c>
      <c r="G4432" cm="1">
        <f t="array" ref="G4432">IFERROR(INDEX(Jesper!AK$2:AK$366,ROUNDDOWN($C4432/24,0)+1,1)*INDEX($D$3:$AA$30,INDEX(Jesper!$R$2:$R$366,ROW(INDEX(Jesper!AK$2:AK$366,ROUNDDOWN($C4432/24,0)+1,1))-1)+IF('Standard Profiles'!$G$21=$B$10,7,0)+IF('Standard Profiles'!$G$21=$B$17,14,0)+IF('Standard Profiles'!$G$21=$B$24,21,0),MOD($C4432,24)+1)/SUM(INDEX($D$3:$AA$30,INDEX(Jesper!$R$2:$R$366,ROW(INDEX(Jesper!AK$2:AK$366,ROUNDDOWN($C4432/24,0)+1,1))-1)+IF('Standard Profiles'!$G$21=$B$10,7,0)+IF('Standard Profiles'!$G$21=$B$17,14,0)+IF('Standard Profiles'!$G$21=$B$24,21,0),0)),0)</f>
        <v>0.11896864157488876</v>
      </c>
      <c r="H4432" cm="1">
        <f t="array" ref="H4432">IFERROR(INDEX(Jesper!AL$2:AL$366,ROUNDDOWN($C4432/24,0)+1,1)*INDEX($D$3:$AA$30,INDEX(Jesper!$R$2:$R$366,ROW(INDEX(Jesper!AL$2:AL$366,ROUNDDOWN($C4432/24,0)+1,1))-1)+IF('Standard Profiles'!$G$22=$B$10,7,0)+IF('Standard Profiles'!$G$22=$B$17,14,0)+IF('Standard Profiles'!$G$22=$B$24,21,0),MOD($C4432,24)+1)/SUM(INDEX($D$3:$AA$30,INDEX(Jesper!$R$2:$R$366,ROW(INDEX(Jesper!AL$2:AL$366,ROUNDDOWN($C4432/24,0)+1,1))-1)+IF('Standard Profiles'!$G$22=$B$10,7,0)+IF('Standard Profiles'!$G$22=$B$17,14,0)+IF('Standard Profiles'!$G$22=$B$24,21,0),0)),0)</f>
        <v>0</v>
      </c>
      <c r="I4432">
        <f t="shared" si="496"/>
        <v>5.7104947955946575E-2</v>
      </c>
      <c r="J4432">
        <f t="shared" si="497"/>
        <v>6.5060538560722598</v>
      </c>
      <c r="K4432">
        <f t="shared" si="498"/>
        <v>0.54559315853658197</v>
      </c>
      <c r="L4432">
        <f t="shared" si="499"/>
        <v>0.27279657926829098</v>
      </c>
      <c r="M4432">
        <f t="shared" si="500"/>
        <v>0</v>
      </c>
      <c r="N4432" s="45">
        <f t="shared" si="501"/>
        <v>45110.249999989333</v>
      </c>
    </row>
    <row r="4433" spans="2:14" x14ac:dyDescent="0.25">
      <c r="B4433">
        <f t="shared" si="495"/>
        <v>1</v>
      </c>
      <c r="C4433" s="16">
        <v>4399</v>
      </c>
      <c r="D4433" cm="1">
        <f t="array" ref="D4433">IFERROR(INDEX(Jesper!AH$2:AH$366,ROUNDDOWN($C4433/24,0)+1,1)*INDEX($D$3:$AA$30,INDEX(Jesper!$R$2:$R$366,ROW(INDEX(Jesper!AH$2:AH$366,ROUNDDOWN($C4433/24,0)+1,1))-1)+IF('Standard Profiles'!$G$18=$B$10,7,0)+IF('Standard Profiles'!$G$18=$B$17,14,0)+IF('Standard Profiles'!$G$18=$B$24,21,0),MOD($C4433,24)+1)/SUM(INDEX($D$3:$AA$30,INDEX(Jesper!$R$2:$R$366,ROW(INDEX(Jesper!AH$2:AH$366,ROUNDDOWN($C4433/24,0)+1,1))-1)+IF('Standard Profiles'!$G$18=$B$10,7,0)+IF('Standard Profiles'!$G$18=$B$17,14,0)+IF('Standard Profiles'!$G$18=$B$24,21,0),0)),0)</f>
        <v>21.789626769054742</v>
      </c>
      <c r="E4433" cm="1">
        <f t="array" ref="E4433">IFERROR(INDEX(Jesper!AI$2:AI$366,ROUNDDOWN($C4433/24,0)+1,1)*INDEX($D$3:$AA$30,INDEX(Jesper!$R$2:$R$366,ROW(INDEX(Jesper!AI$2:AI$366,ROUNDDOWN($C4433/24,0)+1,1))-1)+IF('Standard Profiles'!$G$19=$B$10,7,0)+IF('Standard Profiles'!$G$19=$B$17,14,0)+IF('Standard Profiles'!$G$19=$B$24,21,0),MOD($C4433,24)+1)/SUM(INDEX($D$3:$AA$30,INDEX(Jesper!$R$2:$R$366,ROW(INDEX(Jesper!AI$2:AI$366,ROUNDDOWN($C4433/24,0)+1,1))-1)+IF('Standard Profiles'!$G$19=$B$10,7,0)+IF('Standard Profiles'!$G$19=$B$17,14,0)+IF('Standard Profiles'!$G$19=$B$24,21,0),0)),0)</f>
        <v>9.1489636060451467</v>
      </c>
      <c r="F4433" cm="1">
        <f t="array" ref="F4433">IFERROR(INDEX(Jesper!AJ$2:AJ$366,ROUNDDOWN($C4433/24,0)+1,1)*INDEX($D$3:$AA$30,INDEX(Jesper!$R$2:$R$366,ROW(INDEX(Jesper!AJ$2:AJ$366,ROUNDDOWN($C4433/24,0)+1,1))-1)+IF('Standard Profiles'!$G$20=$B$10,7,0)+IF('Standard Profiles'!$G$20=$B$17,14,0)+IF('Standard Profiles'!$G$20=$B$24,21,0),MOD($C4433,24)+1)/SUM(INDEX($D$3:$AA$30,INDEX(Jesper!$R$2:$R$366,ROW(INDEX(Jesper!AJ$2:AJ$366,ROUNDDOWN($C4433/24,0)+1,1))-1)+IF('Standard Profiles'!$G$20=$B$10,7,0)+IF('Standard Profiles'!$G$20=$B$17,14,0)+IF('Standard Profiles'!$G$20=$B$24,21,0),0)),0)</f>
        <v>0</v>
      </c>
      <c r="G4433" cm="1">
        <f t="array" ref="G4433">IFERROR(INDEX(Jesper!AK$2:AK$366,ROUNDDOWN($C4433/24,0)+1,1)*INDEX($D$3:$AA$30,INDEX(Jesper!$R$2:$R$366,ROW(INDEX(Jesper!AK$2:AK$366,ROUNDDOWN($C4433/24,0)+1,1))-1)+IF('Standard Profiles'!$G$21=$B$10,7,0)+IF('Standard Profiles'!$G$21=$B$17,14,0)+IF('Standard Profiles'!$G$21=$B$24,21,0),MOD($C4433,24)+1)/SUM(INDEX($D$3:$AA$30,INDEX(Jesper!$R$2:$R$366,ROW(INDEX(Jesper!AK$2:AK$366,ROUNDDOWN($C4433/24,0)+1,1))-1)+IF('Standard Profiles'!$G$21=$B$10,7,0)+IF('Standard Profiles'!$G$21=$B$17,14,0)+IF('Standard Profiles'!$G$21=$B$24,21,0),0)),0)</f>
        <v>0.51751359085076609</v>
      </c>
      <c r="H4433" cm="1">
        <f t="array" ref="H4433">IFERROR(INDEX(Jesper!AL$2:AL$366,ROUNDDOWN($C4433/24,0)+1,1)*INDEX($D$3:$AA$30,INDEX(Jesper!$R$2:$R$366,ROW(INDEX(Jesper!AL$2:AL$366,ROUNDDOWN($C4433/24,0)+1,1))-1)+IF('Standard Profiles'!$G$22=$B$10,7,0)+IF('Standard Profiles'!$G$22=$B$17,14,0)+IF('Standard Profiles'!$G$22=$B$24,21,0),MOD($C4433,24)+1)/SUM(INDEX($D$3:$AA$30,INDEX(Jesper!$R$2:$R$366,ROW(INDEX(Jesper!AL$2:AL$366,ROUNDDOWN($C4433/24,0)+1,1))-1)+IF('Standard Profiles'!$G$22=$B$10,7,0)+IF('Standard Profiles'!$G$22=$B$17,14,0)+IF('Standard Profiles'!$G$22=$B$24,21,0),0)),0)</f>
        <v>0</v>
      </c>
      <c r="I4433">
        <f t="shared" si="496"/>
        <v>0.2484065236083676</v>
      </c>
      <c r="J4433">
        <f t="shared" si="497"/>
        <v>27.721357159293529</v>
      </c>
      <c r="K4433">
        <f t="shared" si="498"/>
        <v>2.3242268553658394</v>
      </c>
      <c r="L4433">
        <f t="shared" si="499"/>
        <v>1.1621134276829197</v>
      </c>
      <c r="M4433">
        <f t="shared" si="500"/>
        <v>0</v>
      </c>
      <c r="N4433" s="45">
        <f t="shared" si="501"/>
        <v>45110.291666655998</v>
      </c>
    </row>
    <row r="4434" spans="2:14" x14ac:dyDescent="0.25">
      <c r="B4434">
        <f t="shared" si="495"/>
        <v>1</v>
      </c>
      <c r="C4434" s="16">
        <v>4400</v>
      </c>
      <c r="D4434" cm="1">
        <f t="array" ref="D4434">IFERROR(INDEX(Jesper!AH$2:AH$366,ROUNDDOWN($C4434/24,0)+1,1)*INDEX($D$3:$AA$30,INDEX(Jesper!$R$2:$R$366,ROW(INDEX(Jesper!AH$2:AH$366,ROUNDDOWN($C4434/24,0)+1,1))-1)+IF('Standard Profiles'!$G$18=$B$10,7,0)+IF('Standard Profiles'!$G$18=$B$17,14,0)+IF('Standard Profiles'!$G$18=$B$24,21,0),MOD($C4434,24)+1)/SUM(INDEX($D$3:$AA$30,INDEX(Jesper!$R$2:$R$366,ROW(INDEX(Jesper!AH$2:AH$366,ROUNDDOWN($C4434/24,0)+1,1))-1)+IF('Standard Profiles'!$G$18=$B$10,7,0)+IF('Standard Profiles'!$G$18=$B$17,14,0)+IF('Standard Profiles'!$G$18=$B$24,21,0),0)),0)</f>
        <v>24.513330115186584</v>
      </c>
      <c r="E4434" cm="1">
        <f t="array" ref="E4434">IFERROR(INDEX(Jesper!AI$2:AI$366,ROUNDDOWN($C4434/24,0)+1,1)*INDEX($D$3:$AA$30,INDEX(Jesper!$R$2:$R$366,ROW(INDEX(Jesper!AI$2:AI$366,ROUNDDOWN($C4434/24,0)+1,1))-1)+IF('Standard Profiles'!$G$19=$B$10,7,0)+IF('Standard Profiles'!$G$19=$B$17,14,0)+IF('Standard Profiles'!$G$19=$B$24,21,0),MOD($C4434,24)+1)/SUM(INDEX($D$3:$AA$30,INDEX(Jesper!$R$2:$R$366,ROW(INDEX(Jesper!AI$2:AI$366,ROUNDDOWN($C4434/24,0)+1,1))-1)+IF('Standard Profiles'!$G$19=$B$10,7,0)+IF('Standard Profiles'!$G$19=$B$17,14,0)+IF('Standard Profiles'!$G$19=$B$24,21,0),0)),0)</f>
        <v>10.292584056800791</v>
      </c>
      <c r="F4434" cm="1">
        <f t="array" ref="F4434">IFERROR(INDEX(Jesper!AJ$2:AJ$366,ROUNDDOWN($C4434/24,0)+1,1)*INDEX($D$3:$AA$30,INDEX(Jesper!$R$2:$R$366,ROW(INDEX(Jesper!AJ$2:AJ$366,ROUNDDOWN($C4434/24,0)+1,1))-1)+IF('Standard Profiles'!$G$20=$B$10,7,0)+IF('Standard Profiles'!$G$20=$B$17,14,0)+IF('Standard Profiles'!$G$20=$B$24,21,0),MOD($C4434,24)+1)/SUM(INDEX($D$3:$AA$30,INDEX(Jesper!$R$2:$R$366,ROW(INDEX(Jesper!AJ$2:AJ$366,ROUNDDOWN($C4434/24,0)+1,1))-1)+IF('Standard Profiles'!$G$20=$B$10,7,0)+IF('Standard Profiles'!$G$20=$B$17,14,0)+IF('Standard Profiles'!$G$20=$B$24,21,0),0)),0)</f>
        <v>0</v>
      </c>
      <c r="G4434" cm="1">
        <f t="array" ref="G4434">IFERROR(INDEX(Jesper!AK$2:AK$366,ROUNDDOWN($C4434/24,0)+1,1)*INDEX($D$3:$AA$30,INDEX(Jesper!$R$2:$R$366,ROW(INDEX(Jesper!AK$2:AK$366,ROUNDDOWN($C4434/24,0)+1,1))-1)+IF('Standard Profiles'!$G$21=$B$10,7,0)+IF('Standard Profiles'!$G$21=$B$17,14,0)+IF('Standard Profiles'!$G$21=$B$24,21,0),MOD($C4434,24)+1)/SUM(INDEX($D$3:$AA$30,INDEX(Jesper!$R$2:$R$366,ROW(INDEX(Jesper!AK$2:AK$366,ROUNDDOWN($C4434/24,0)+1,1))-1)+IF('Standard Profiles'!$G$21=$B$10,7,0)+IF('Standard Profiles'!$G$21=$B$17,14,0)+IF('Standard Profiles'!$G$21=$B$24,21,0),0)),0)</f>
        <v>0.58220278970711192</v>
      </c>
      <c r="H4434" cm="1">
        <f t="array" ref="H4434">IFERROR(INDEX(Jesper!AL$2:AL$366,ROUNDDOWN($C4434/24,0)+1,1)*INDEX($D$3:$AA$30,INDEX(Jesper!$R$2:$R$366,ROW(INDEX(Jesper!AL$2:AL$366,ROUNDDOWN($C4434/24,0)+1,1))-1)+IF('Standard Profiles'!$G$22=$B$10,7,0)+IF('Standard Profiles'!$G$22=$B$17,14,0)+IF('Standard Profiles'!$G$22=$B$24,21,0),MOD($C4434,24)+1)/SUM(INDEX($D$3:$AA$30,INDEX(Jesper!$R$2:$R$366,ROW(INDEX(Jesper!AL$2:AL$366,ROUNDDOWN($C4434/24,0)+1,1))-1)+IF('Standard Profiles'!$G$22=$B$10,7,0)+IF('Standard Profiles'!$G$22=$B$17,14,0)+IF('Standard Profiles'!$G$22=$B$24,21,0),0)),0)</f>
        <v>0</v>
      </c>
      <c r="I4434">
        <f t="shared" si="496"/>
        <v>0.27945733905941356</v>
      </c>
      <c r="J4434">
        <f t="shared" si="497"/>
        <v>31.186526804205219</v>
      </c>
      <c r="K4434">
        <f t="shared" si="498"/>
        <v>2.6147552122865689</v>
      </c>
      <c r="L4434">
        <f t="shared" si="499"/>
        <v>1.3073776061432845</v>
      </c>
      <c r="M4434">
        <f t="shared" si="500"/>
        <v>0</v>
      </c>
      <c r="N4434" s="45">
        <f t="shared" si="501"/>
        <v>45110.333333322662</v>
      </c>
    </row>
    <row r="4435" spans="2:14" x14ac:dyDescent="0.25">
      <c r="B4435">
        <f t="shared" si="495"/>
        <v>1</v>
      </c>
      <c r="C4435" s="16">
        <v>4401</v>
      </c>
      <c r="D4435" cm="1">
        <f t="array" ref="D4435">IFERROR(INDEX(Jesper!AH$2:AH$366,ROUNDDOWN($C4435/24,0)+1,1)*INDEX($D$3:$AA$30,INDEX(Jesper!$R$2:$R$366,ROW(INDEX(Jesper!AH$2:AH$366,ROUNDDOWN($C4435/24,0)+1,1))-1)+IF('Standard Profiles'!$G$18=$B$10,7,0)+IF('Standard Profiles'!$G$18=$B$17,14,0)+IF('Standard Profiles'!$G$18=$B$24,21,0),MOD($C4435,24)+1)/SUM(INDEX($D$3:$AA$30,INDEX(Jesper!$R$2:$R$366,ROW(INDEX(Jesper!AH$2:AH$366,ROUNDDOWN($C4435/24,0)+1,1))-1)+IF('Standard Profiles'!$G$18=$B$10,7,0)+IF('Standard Profiles'!$G$18=$B$17,14,0)+IF('Standard Profiles'!$G$18=$B$24,21,0),0)),0)</f>
        <v>27.237033461318426</v>
      </c>
      <c r="E4435" cm="1">
        <f t="array" ref="E4435">IFERROR(INDEX(Jesper!AI$2:AI$366,ROUNDDOWN($C4435/24,0)+1,1)*INDEX($D$3:$AA$30,INDEX(Jesper!$R$2:$R$366,ROW(INDEX(Jesper!AI$2:AI$366,ROUNDDOWN($C4435/24,0)+1,1))-1)+IF('Standard Profiles'!$G$19=$B$10,7,0)+IF('Standard Profiles'!$G$19=$B$17,14,0)+IF('Standard Profiles'!$G$19=$B$24,21,0),MOD($C4435,24)+1)/SUM(INDEX($D$3:$AA$30,INDEX(Jesper!$R$2:$R$366,ROW(INDEX(Jesper!AI$2:AI$366,ROUNDDOWN($C4435/24,0)+1,1))-1)+IF('Standard Profiles'!$G$19=$B$10,7,0)+IF('Standard Profiles'!$G$19=$B$17,14,0)+IF('Standard Profiles'!$G$19=$B$24,21,0),0)),0)</f>
        <v>11.436204507556434</v>
      </c>
      <c r="F4435" cm="1">
        <f t="array" ref="F4435">IFERROR(INDEX(Jesper!AJ$2:AJ$366,ROUNDDOWN($C4435/24,0)+1,1)*INDEX($D$3:$AA$30,INDEX(Jesper!$R$2:$R$366,ROW(INDEX(Jesper!AJ$2:AJ$366,ROUNDDOWN($C4435/24,0)+1,1))-1)+IF('Standard Profiles'!$G$20=$B$10,7,0)+IF('Standard Profiles'!$G$20=$B$17,14,0)+IF('Standard Profiles'!$G$20=$B$24,21,0),MOD($C4435,24)+1)/SUM(INDEX($D$3:$AA$30,INDEX(Jesper!$R$2:$R$366,ROW(INDEX(Jesper!AJ$2:AJ$366,ROUNDDOWN($C4435/24,0)+1,1))-1)+IF('Standard Profiles'!$G$20=$B$10,7,0)+IF('Standard Profiles'!$G$20=$B$17,14,0)+IF('Standard Profiles'!$G$20=$B$24,21,0),0)),0)</f>
        <v>0</v>
      </c>
      <c r="G4435" cm="1">
        <f t="array" ref="G4435">IFERROR(INDEX(Jesper!AK$2:AK$366,ROUNDDOWN($C4435/24,0)+1,1)*INDEX($D$3:$AA$30,INDEX(Jesper!$R$2:$R$366,ROW(INDEX(Jesper!AK$2:AK$366,ROUNDDOWN($C4435/24,0)+1,1))-1)+IF('Standard Profiles'!$G$21=$B$10,7,0)+IF('Standard Profiles'!$G$21=$B$17,14,0)+IF('Standard Profiles'!$G$21=$B$24,21,0),MOD($C4435,24)+1)/SUM(INDEX($D$3:$AA$30,INDEX(Jesper!$R$2:$R$366,ROW(INDEX(Jesper!AK$2:AK$366,ROUNDDOWN($C4435/24,0)+1,1))-1)+IF('Standard Profiles'!$G$21=$B$10,7,0)+IF('Standard Profiles'!$G$21=$B$17,14,0)+IF('Standard Profiles'!$G$21=$B$24,21,0),0)),0)</f>
        <v>0.64689198856345753</v>
      </c>
      <c r="H4435" cm="1">
        <f t="array" ref="H4435">IFERROR(INDEX(Jesper!AL$2:AL$366,ROUNDDOWN($C4435/24,0)+1,1)*INDEX($D$3:$AA$30,INDEX(Jesper!$R$2:$R$366,ROW(INDEX(Jesper!AL$2:AL$366,ROUNDDOWN($C4435/24,0)+1,1))-1)+IF('Standard Profiles'!$G$22=$B$10,7,0)+IF('Standard Profiles'!$G$22=$B$17,14,0)+IF('Standard Profiles'!$G$22=$B$24,21,0),MOD($C4435,24)+1)/SUM(INDEX($D$3:$AA$30,INDEX(Jesper!$R$2:$R$366,ROW(INDEX(Jesper!AL$2:AL$366,ROUNDDOWN($C4435/24,0)+1,1))-1)+IF('Standard Profiles'!$G$22=$B$10,7,0)+IF('Standard Profiles'!$G$22=$B$17,14,0)+IF('Standard Profiles'!$G$22=$B$24,21,0),0)),0)</f>
        <v>0</v>
      </c>
      <c r="I4435">
        <f t="shared" si="496"/>
        <v>0.31050815451045943</v>
      </c>
      <c r="J4435">
        <f t="shared" si="497"/>
        <v>34.651696449116905</v>
      </c>
      <c r="K4435">
        <f t="shared" si="498"/>
        <v>2.9052835692072989</v>
      </c>
      <c r="L4435">
        <f t="shared" si="499"/>
        <v>1.4526417846036495</v>
      </c>
      <c r="M4435">
        <f t="shared" si="500"/>
        <v>0</v>
      </c>
      <c r="N4435" s="45">
        <f t="shared" si="501"/>
        <v>45110.374999989326</v>
      </c>
    </row>
    <row r="4436" spans="2:14" x14ac:dyDescent="0.25">
      <c r="B4436">
        <f t="shared" si="495"/>
        <v>1</v>
      </c>
      <c r="C4436" s="16">
        <v>4402</v>
      </c>
      <c r="D4436" cm="1">
        <f t="array" ref="D4436">IFERROR(INDEX(Jesper!AH$2:AH$366,ROUNDDOWN($C4436/24,0)+1,1)*INDEX($D$3:$AA$30,INDEX(Jesper!$R$2:$R$366,ROW(INDEX(Jesper!AH$2:AH$366,ROUNDDOWN($C4436/24,0)+1,1))-1)+IF('Standard Profiles'!$G$18=$B$10,7,0)+IF('Standard Profiles'!$G$18=$B$17,14,0)+IF('Standard Profiles'!$G$18=$B$24,21,0),MOD($C4436,24)+1)/SUM(INDEX($D$3:$AA$30,INDEX(Jesper!$R$2:$R$366,ROW(INDEX(Jesper!AH$2:AH$366,ROUNDDOWN($C4436/24,0)+1,1))-1)+IF('Standard Profiles'!$G$18=$B$10,7,0)+IF('Standard Profiles'!$G$18=$B$17,14,0)+IF('Standard Profiles'!$G$18=$B$24,21,0),0)),0)</f>
        <v>27.237033461318426</v>
      </c>
      <c r="E4436" cm="1">
        <f t="array" ref="E4436">IFERROR(INDEX(Jesper!AI$2:AI$366,ROUNDDOWN($C4436/24,0)+1,1)*INDEX($D$3:$AA$30,INDEX(Jesper!$R$2:$R$366,ROW(INDEX(Jesper!AI$2:AI$366,ROUNDDOWN($C4436/24,0)+1,1))-1)+IF('Standard Profiles'!$G$19=$B$10,7,0)+IF('Standard Profiles'!$G$19=$B$17,14,0)+IF('Standard Profiles'!$G$19=$B$24,21,0),MOD($C4436,24)+1)/SUM(INDEX($D$3:$AA$30,INDEX(Jesper!$R$2:$R$366,ROW(INDEX(Jesper!AI$2:AI$366,ROUNDDOWN($C4436/24,0)+1,1))-1)+IF('Standard Profiles'!$G$19=$B$10,7,0)+IF('Standard Profiles'!$G$19=$B$17,14,0)+IF('Standard Profiles'!$G$19=$B$24,21,0),0)),0)</f>
        <v>11.436204507556434</v>
      </c>
      <c r="F4436" cm="1">
        <f t="array" ref="F4436">IFERROR(INDEX(Jesper!AJ$2:AJ$366,ROUNDDOWN($C4436/24,0)+1,1)*INDEX($D$3:$AA$30,INDEX(Jesper!$R$2:$R$366,ROW(INDEX(Jesper!AJ$2:AJ$366,ROUNDDOWN($C4436/24,0)+1,1))-1)+IF('Standard Profiles'!$G$20=$B$10,7,0)+IF('Standard Profiles'!$G$20=$B$17,14,0)+IF('Standard Profiles'!$G$20=$B$24,21,0),MOD($C4436,24)+1)/SUM(INDEX($D$3:$AA$30,INDEX(Jesper!$R$2:$R$366,ROW(INDEX(Jesper!AJ$2:AJ$366,ROUNDDOWN($C4436/24,0)+1,1))-1)+IF('Standard Profiles'!$G$20=$B$10,7,0)+IF('Standard Profiles'!$G$20=$B$17,14,0)+IF('Standard Profiles'!$G$20=$B$24,21,0),0)),0)</f>
        <v>0</v>
      </c>
      <c r="G4436" cm="1">
        <f t="array" ref="G4436">IFERROR(INDEX(Jesper!AK$2:AK$366,ROUNDDOWN($C4436/24,0)+1,1)*INDEX($D$3:$AA$30,INDEX(Jesper!$R$2:$R$366,ROW(INDEX(Jesper!AK$2:AK$366,ROUNDDOWN($C4436/24,0)+1,1))-1)+IF('Standard Profiles'!$G$21=$B$10,7,0)+IF('Standard Profiles'!$G$21=$B$17,14,0)+IF('Standard Profiles'!$G$21=$B$24,21,0),MOD($C4436,24)+1)/SUM(INDEX($D$3:$AA$30,INDEX(Jesper!$R$2:$R$366,ROW(INDEX(Jesper!AK$2:AK$366,ROUNDDOWN($C4436/24,0)+1,1))-1)+IF('Standard Profiles'!$G$21=$B$10,7,0)+IF('Standard Profiles'!$G$21=$B$17,14,0)+IF('Standard Profiles'!$G$21=$B$24,21,0),0)),0)</f>
        <v>0.64689198856345753</v>
      </c>
      <c r="H4436" cm="1">
        <f t="array" ref="H4436">IFERROR(INDEX(Jesper!AL$2:AL$366,ROUNDDOWN($C4436/24,0)+1,1)*INDEX($D$3:$AA$30,INDEX(Jesper!$R$2:$R$366,ROW(INDEX(Jesper!AL$2:AL$366,ROUNDDOWN($C4436/24,0)+1,1))-1)+IF('Standard Profiles'!$G$22=$B$10,7,0)+IF('Standard Profiles'!$G$22=$B$17,14,0)+IF('Standard Profiles'!$G$22=$B$24,21,0),MOD($C4436,24)+1)/SUM(INDEX($D$3:$AA$30,INDEX(Jesper!$R$2:$R$366,ROW(INDEX(Jesper!AL$2:AL$366,ROUNDDOWN($C4436/24,0)+1,1))-1)+IF('Standard Profiles'!$G$22=$B$10,7,0)+IF('Standard Profiles'!$G$22=$B$17,14,0)+IF('Standard Profiles'!$G$22=$B$24,21,0),0)),0)</f>
        <v>0</v>
      </c>
      <c r="I4436">
        <f t="shared" si="496"/>
        <v>0.31050815451045943</v>
      </c>
      <c r="J4436">
        <f t="shared" si="497"/>
        <v>34.651696449116905</v>
      </c>
      <c r="K4436">
        <f t="shared" si="498"/>
        <v>2.9052835692072989</v>
      </c>
      <c r="L4436">
        <f t="shared" si="499"/>
        <v>1.4526417846036495</v>
      </c>
      <c r="M4436">
        <f t="shared" si="500"/>
        <v>0</v>
      </c>
      <c r="N4436" s="45">
        <f t="shared" si="501"/>
        <v>45110.41666665599</v>
      </c>
    </row>
    <row r="4437" spans="2:14" x14ac:dyDescent="0.25">
      <c r="B4437">
        <f t="shared" si="495"/>
        <v>1</v>
      </c>
      <c r="C4437" s="16">
        <v>4403</v>
      </c>
      <c r="D4437" cm="1">
        <f t="array" ref="D4437">IFERROR(INDEX(Jesper!AH$2:AH$366,ROUNDDOWN($C4437/24,0)+1,1)*INDEX($D$3:$AA$30,INDEX(Jesper!$R$2:$R$366,ROW(INDEX(Jesper!AH$2:AH$366,ROUNDDOWN($C4437/24,0)+1,1))-1)+IF('Standard Profiles'!$G$18=$B$10,7,0)+IF('Standard Profiles'!$G$18=$B$17,14,0)+IF('Standard Profiles'!$G$18=$B$24,21,0),MOD($C4437,24)+1)/SUM(INDEX($D$3:$AA$30,INDEX(Jesper!$R$2:$R$366,ROW(INDEX(Jesper!AH$2:AH$366,ROUNDDOWN($C4437/24,0)+1,1))-1)+IF('Standard Profiles'!$G$18=$B$10,7,0)+IF('Standard Profiles'!$G$18=$B$17,14,0)+IF('Standard Profiles'!$G$18=$B$24,21,0),0)),0)</f>
        <v>32.684440153582102</v>
      </c>
      <c r="E4437" cm="1">
        <f t="array" ref="E4437">IFERROR(INDEX(Jesper!AI$2:AI$366,ROUNDDOWN($C4437/24,0)+1,1)*INDEX($D$3:$AA$30,INDEX(Jesper!$R$2:$R$366,ROW(INDEX(Jesper!AI$2:AI$366,ROUNDDOWN($C4437/24,0)+1,1))-1)+IF('Standard Profiles'!$G$19=$B$10,7,0)+IF('Standard Profiles'!$G$19=$B$17,14,0)+IF('Standard Profiles'!$G$19=$B$24,21,0),MOD($C4437,24)+1)/SUM(INDEX($D$3:$AA$30,INDEX(Jesper!$R$2:$R$366,ROW(INDEX(Jesper!AI$2:AI$366,ROUNDDOWN($C4437/24,0)+1,1))-1)+IF('Standard Profiles'!$G$19=$B$10,7,0)+IF('Standard Profiles'!$G$19=$B$17,14,0)+IF('Standard Profiles'!$G$19=$B$24,21,0),0)),0)</f>
        <v>13.72344540906772</v>
      </c>
      <c r="F4437" cm="1">
        <f t="array" ref="F4437">IFERROR(INDEX(Jesper!AJ$2:AJ$366,ROUNDDOWN($C4437/24,0)+1,1)*INDEX($D$3:$AA$30,INDEX(Jesper!$R$2:$R$366,ROW(INDEX(Jesper!AJ$2:AJ$366,ROUNDDOWN($C4437/24,0)+1,1))-1)+IF('Standard Profiles'!$G$20=$B$10,7,0)+IF('Standard Profiles'!$G$20=$B$17,14,0)+IF('Standard Profiles'!$G$20=$B$24,21,0),MOD($C4437,24)+1)/SUM(INDEX($D$3:$AA$30,INDEX(Jesper!$R$2:$R$366,ROW(INDEX(Jesper!AJ$2:AJ$366,ROUNDDOWN($C4437/24,0)+1,1))-1)+IF('Standard Profiles'!$G$20=$B$10,7,0)+IF('Standard Profiles'!$G$20=$B$17,14,0)+IF('Standard Profiles'!$G$20=$B$24,21,0),0)),0)</f>
        <v>0</v>
      </c>
      <c r="G4437" cm="1">
        <f t="array" ref="G4437">IFERROR(INDEX(Jesper!AK$2:AK$366,ROUNDDOWN($C4437/24,0)+1,1)*INDEX($D$3:$AA$30,INDEX(Jesper!$R$2:$R$366,ROW(INDEX(Jesper!AK$2:AK$366,ROUNDDOWN($C4437/24,0)+1,1))-1)+IF('Standard Profiles'!$G$21=$B$10,7,0)+IF('Standard Profiles'!$G$21=$B$17,14,0)+IF('Standard Profiles'!$G$21=$B$24,21,0),MOD($C4437,24)+1)/SUM(INDEX($D$3:$AA$30,INDEX(Jesper!$R$2:$R$366,ROW(INDEX(Jesper!AK$2:AK$366,ROUNDDOWN($C4437/24,0)+1,1))-1)+IF('Standard Profiles'!$G$21=$B$10,7,0)+IF('Standard Profiles'!$G$21=$B$17,14,0)+IF('Standard Profiles'!$G$21=$B$24,21,0),0)),0)</f>
        <v>0.77627038627614908</v>
      </c>
      <c r="H4437" cm="1">
        <f t="array" ref="H4437">IFERROR(INDEX(Jesper!AL$2:AL$366,ROUNDDOWN($C4437/24,0)+1,1)*INDEX($D$3:$AA$30,INDEX(Jesper!$R$2:$R$366,ROW(INDEX(Jesper!AL$2:AL$366,ROUNDDOWN($C4437/24,0)+1,1))-1)+IF('Standard Profiles'!$G$22=$B$10,7,0)+IF('Standard Profiles'!$G$22=$B$17,14,0)+IF('Standard Profiles'!$G$22=$B$24,21,0),MOD($C4437,24)+1)/SUM(INDEX($D$3:$AA$30,INDEX(Jesper!$R$2:$R$366,ROW(INDEX(Jesper!AL$2:AL$366,ROUNDDOWN($C4437/24,0)+1,1))-1)+IF('Standard Profiles'!$G$22=$B$10,7,0)+IF('Standard Profiles'!$G$22=$B$17,14,0)+IF('Standard Profiles'!$G$22=$B$24,21,0),0)),0)</f>
        <v>0</v>
      </c>
      <c r="I4437">
        <f t="shared" si="496"/>
        <v>0.37260978541255135</v>
      </c>
      <c r="J4437">
        <f t="shared" si="497"/>
        <v>41.582035738940277</v>
      </c>
      <c r="K4437">
        <f t="shared" si="498"/>
        <v>3.486340283048758</v>
      </c>
      <c r="L4437">
        <f t="shared" si="499"/>
        <v>1.743170141524379</v>
      </c>
      <c r="M4437">
        <f t="shared" si="500"/>
        <v>0</v>
      </c>
      <c r="N4437" s="45">
        <f t="shared" si="501"/>
        <v>45110.458333322655</v>
      </c>
    </row>
    <row r="4438" spans="2:14" x14ac:dyDescent="0.25">
      <c r="B4438">
        <f t="shared" si="495"/>
        <v>1</v>
      </c>
      <c r="C4438" s="16">
        <v>4404</v>
      </c>
      <c r="D4438" cm="1">
        <f t="array" ref="D4438">IFERROR(INDEX(Jesper!AH$2:AH$366,ROUNDDOWN($C4438/24,0)+1,1)*INDEX($D$3:$AA$30,INDEX(Jesper!$R$2:$R$366,ROW(INDEX(Jesper!AH$2:AH$366,ROUNDDOWN($C4438/24,0)+1,1))-1)+IF('Standard Profiles'!$G$18=$B$10,7,0)+IF('Standard Profiles'!$G$18=$B$17,14,0)+IF('Standard Profiles'!$G$18=$B$24,21,0),MOD($C4438,24)+1)/SUM(INDEX($D$3:$AA$30,INDEX(Jesper!$R$2:$R$366,ROW(INDEX(Jesper!AH$2:AH$366,ROUNDDOWN($C4438/24,0)+1,1))-1)+IF('Standard Profiles'!$G$18=$B$10,7,0)+IF('Standard Profiles'!$G$18=$B$17,14,0)+IF('Standard Profiles'!$G$18=$B$24,21,0),0)),0)</f>
        <v>32.684440153582102</v>
      </c>
      <c r="E4438" cm="1">
        <f t="array" ref="E4438">IFERROR(INDEX(Jesper!AI$2:AI$366,ROUNDDOWN($C4438/24,0)+1,1)*INDEX($D$3:$AA$30,INDEX(Jesper!$R$2:$R$366,ROW(INDEX(Jesper!AI$2:AI$366,ROUNDDOWN($C4438/24,0)+1,1))-1)+IF('Standard Profiles'!$G$19=$B$10,7,0)+IF('Standard Profiles'!$G$19=$B$17,14,0)+IF('Standard Profiles'!$G$19=$B$24,21,0),MOD($C4438,24)+1)/SUM(INDEX($D$3:$AA$30,INDEX(Jesper!$R$2:$R$366,ROW(INDEX(Jesper!AI$2:AI$366,ROUNDDOWN($C4438/24,0)+1,1))-1)+IF('Standard Profiles'!$G$19=$B$10,7,0)+IF('Standard Profiles'!$G$19=$B$17,14,0)+IF('Standard Profiles'!$G$19=$B$24,21,0),0)),0)</f>
        <v>13.72344540906772</v>
      </c>
      <c r="F4438" cm="1">
        <f t="array" ref="F4438">IFERROR(INDEX(Jesper!AJ$2:AJ$366,ROUNDDOWN($C4438/24,0)+1,1)*INDEX($D$3:$AA$30,INDEX(Jesper!$R$2:$R$366,ROW(INDEX(Jesper!AJ$2:AJ$366,ROUNDDOWN($C4438/24,0)+1,1))-1)+IF('Standard Profiles'!$G$20=$B$10,7,0)+IF('Standard Profiles'!$G$20=$B$17,14,0)+IF('Standard Profiles'!$G$20=$B$24,21,0),MOD($C4438,24)+1)/SUM(INDEX($D$3:$AA$30,INDEX(Jesper!$R$2:$R$366,ROW(INDEX(Jesper!AJ$2:AJ$366,ROUNDDOWN($C4438/24,0)+1,1))-1)+IF('Standard Profiles'!$G$20=$B$10,7,0)+IF('Standard Profiles'!$G$20=$B$17,14,0)+IF('Standard Profiles'!$G$20=$B$24,21,0),0)),0)</f>
        <v>0</v>
      </c>
      <c r="G4438" cm="1">
        <f t="array" ref="G4438">IFERROR(INDEX(Jesper!AK$2:AK$366,ROUNDDOWN($C4438/24,0)+1,1)*INDEX($D$3:$AA$30,INDEX(Jesper!$R$2:$R$366,ROW(INDEX(Jesper!AK$2:AK$366,ROUNDDOWN($C4438/24,0)+1,1))-1)+IF('Standard Profiles'!$G$21=$B$10,7,0)+IF('Standard Profiles'!$G$21=$B$17,14,0)+IF('Standard Profiles'!$G$21=$B$24,21,0),MOD($C4438,24)+1)/SUM(INDEX($D$3:$AA$30,INDEX(Jesper!$R$2:$R$366,ROW(INDEX(Jesper!AK$2:AK$366,ROUNDDOWN($C4438/24,0)+1,1))-1)+IF('Standard Profiles'!$G$21=$B$10,7,0)+IF('Standard Profiles'!$G$21=$B$17,14,0)+IF('Standard Profiles'!$G$21=$B$24,21,0),0)),0)</f>
        <v>0.77627038627614908</v>
      </c>
      <c r="H4438" cm="1">
        <f t="array" ref="H4438">IFERROR(INDEX(Jesper!AL$2:AL$366,ROUNDDOWN($C4438/24,0)+1,1)*INDEX($D$3:$AA$30,INDEX(Jesper!$R$2:$R$366,ROW(INDEX(Jesper!AL$2:AL$366,ROUNDDOWN($C4438/24,0)+1,1))-1)+IF('Standard Profiles'!$G$22=$B$10,7,0)+IF('Standard Profiles'!$G$22=$B$17,14,0)+IF('Standard Profiles'!$G$22=$B$24,21,0),MOD($C4438,24)+1)/SUM(INDEX($D$3:$AA$30,INDEX(Jesper!$R$2:$R$366,ROW(INDEX(Jesper!AL$2:AL$366,ROUNDDOWN($C4438/24,0)+1,1))-1)+IF('Standard Profiles'!$G$22=$B$10,7,0)+IF('Standard Profiles'!$G$22=$B$17,14,0)+IF('Standard Profiles'!$G$22=$B$24,21,0),0)),0)</f>
        <v>0</v>
      </c>
      <c r="I4438">
        <f t="shared" si="496"/>
        <v>0.37260978541255135</v>
      </c>
      <c r="J4438">
        <f t="shared" si="497"/>
        <v>41.582035738940277</v>
      </c>
      <c r="K4438">
        <f t="shared" si="498"/>
        <v>3.486340283048758</v>
      </c>
      <c r="L4438">
        <f t="shared" si="499"/>
        <v>1.743170141524379</v>
      </c>
      <c r="M4438">
        <f t="shared" si="500"/>
        <v>0</v>
      </c>
      <c r="N4438" s="45">
        <f t="shared" si="501"/>
        <v>45110.499999989319</v>
      </c>
    </row>
    <row r="4439" spans="2:14" x14ac:dyDescent="0.25">
      <c r="B4439">
        <f t="shared" si="495"/>
        <v>1</v>
      </c>
      <c r="C4439" s="16">
        <v>4405</v>
      </c>
      <c r="D4439" cm="1">
        <f t="array" ref="D4439">IFERROR(INDEX(Jesper!AH$2:AH$366,ROUNDDOWN($C4439/24,0)+1,1)*INDEX($D$3:$AA$30,INDEX(Jesper!$R$2:$R$366,ROW(INDEX(Jesper!AH$2:AH$366,ROUNDDOWN($C4439/24,0)+1,1))-1)+IF('Standard Profiles'!$G$18=$B$10,7,0)+IF('Standard Profiles'!$G$18=$B$17,14,0)+IF('Standard Profiles'!$G$18=$B$24,21,0),MOD($C4439,24)+1)/SUM(INDEX($D$3:$AA$30,INDEX(Jesper!$R$2:$R$366,ROW(INDEX(Jesper!AH$2:AH$366,ROUNDDOWN($C4439/24,0)+1,1))-1)+IF('Standard Profiles'!$G$18=$B$10,7,0)+IF('Standard Profiles'!$G$18=$B$17,14,0)+IF('Standard Profiles'!$G$18=$B$24,21,0),0)),0)</f>
        <v>21.789626769054742</v>
      </c>
      <c r="E4439" cm="1">
        <f t="array" ref="E4439">IFERROR(INDEX(Jesper!AI$2:AI$366,ROUNDDOWN($C4439/24,0)+1,1)*INDEX($D$3:$AA$30,INDEX(Jesper!$R$2:$R$366,ROW(INDEX(Jesper!AI$2:AI$366,ROUNDDOWN($C4439/24,0)+1,1))-1)+IF('Standard Profiles'!$G$19=$B$10,7,0)+IF('Standard Profiles'!$G$19=$B$17,14,0)+IF('Standard Profiles'!$G$19=$B$24,21,0),MOD($C4439,24)+1)/SUM(INDEX($D$3:$AA$30,INDEX(Jesper!$R$2:$R$366,ROW(INDEX(Jesper!AI$2:AI$366,ROUNDDOWN($C4439/24,0)+1,1))-1)+IF('Standard Profiles'!$G$19=$B$10,7,0)+IF('Standard Profiles'!$G$19=$B$17,14,0)+IF('Standard Profiles'!$G$19=$B$24,21,0),0)),0)</f>
        <v>9.1489636060451467</v>
      </c>
      <c r="F4439" cm="1">
        <f t="array" ref="F4439">IFERROR(INDEX(Jesper!AJ$2:AJ$366,ROUNDDOWN($C4439/24,0)+1,1)*INDEX($D$3:$AA$30,INDEX(Jesper!$R$2:$R$366,ROW(INDEX(Jesper!AJ$2:AJ$366,ROUNDDOWN($C4439/24,0)+1,1))-1)+IF('Standard Profiles'!$G$20=$B$10,7,0)+IF('Standard Profiles'!$G$20=$B$17,14,0)+IF('Standard Profiles'!$G$20=$B$24,21,0),MOD($C4439,24)+1)/SUM(INDEX($D$3:$AA$30,INDEX(Jesper!$R$2:$R$366,ROW(INDEX(Jesper!AJ$2:AJ$366,ROUNDDOWN($C4439/24,0)+1,1))-1)+IF('Standard Profiles'!$G$20=$B$10,7,0)+IF('Standard Profiles'!$G$20=$B$17,14,0)+IF('Standard Profiles'!$G$20=$B$24,21,0),0)),0)</f>
        <v>0</v>
      </c>
      <c r="G4439" cm="1">
        <f t="array" ref="G4439">IFERROR(INDEX(Jesper!AK$2:AK$366,ROUNDDOWN($C4439/24,0)+1,1)*INDEX($D$3:$AA$30,INDEX(Jesper!$R$2:$R$366,ROW(INDEX(Jesper!AK$2:AK$366,ROUNDDOWN($C4439/24,0)+1,1))-1)+IF('Standard Profiles'!$G$21=$B$10,7,0)+IF('Standard Profiles'!$G$21=$B$17,14,0)+IF('Standard Profiles'!$G$21=$B$24,21,0),MOD($C4439,24)+1)/SUM(INDEX($D$3:$AA$30,INDEX(Jesper!$R$2:$R$366,ROW(INDEX(Jesper!AK$2:AK$366,ROUNDDOWN($C4439/24,0)+1,1))-1)+IF('Standard Profiles'!$G$21=$B$10,7,0)+IF('Standard Profiles'!$G$21=$B$17,14,0)+IF('Standard Profiles'!$G$21=$B$24,21,0),0)),0)</f>
        <v>0.51751359085076609</v>
      </c>
      <c r="H4439" cm="1">
        <f t="array" ref="H4439">IFERROR(INDEX(Jesper!AL$2:AL$366,ROUNDDOWN($C4439/24,0)+1,1)*INDEX($D$3:$AA$30,INDEX(Jesper!$R$2:$R$366,ROW(INDEX(Jesper!AL$2:AL$366,ROUNDDOWN($C4439/24,0)+1,1))-1)+IF('Standard Profiles'!$G$22=$B$10,7,0)+IF('Standard Profiles'!$G$22=$B$17,14,0)+IF('Standard Profiles'!$G$22=$B$24,21,0),MOD($C4439,24)+1)/SUM(INDEX($D$3:$AA$30,INDEX(Jesper!$R$2:$R$366,ROW(INDEX(Jesper!AL$2:AL$366,ROUNDDOWN($C4439/24,0)+1,1))-1)+IF('Standard Profiles'!$G$22=$B$10,7,0)+IF('Standard Profiles'!$G$22=$B$17,14,0)+IF('Standard Profiles'!$G$22=$B$24,21,0),0)),0)</f>
        <v>0</v>
      </c>
      <c r="I4439">
        <f t="shared" si="496"/>
        <v>0.2484065236083676</v>
      </c>
      <c r="J4439">
        <f t="shared" si="497"/>
        <v>27.721357159293529</v>
      </c>
      <c r="K4439">
        <f t="shared" si="498"/>
        <v>2.3242268553658394</v>
      </c>
      <c r="L4439">
        <f t="shared" si="499"/>
        <v>1.1621134276829197</v>
      </c>
      <c r="M4439">
        <f t="shared" si="500"/>
        <v>0</v>
      </c>
      <c r="N4439" s="45">
        <f t="shared" si="501"/>
        <v>45110.541666655983</v>
      </c>
    </row>
    <row r="4440" spans="2:14" x14ac:dyDescent="0.25">
      <c r="B4440">
        <f t="shared" si="495"/>
        <v>1</v>
      </c>
      <c r="C4440" s="16">
        <v>4406</v>
      </c>
      <c r="D4440" cm="1">
        <f t="array" ref="D4440">IFERROR(INDEX(Jesper!AH$2:AH$366,ROUNDDOWN($C4440/24,0)+1,1)*INDEX($D$3:$AA$30,INDEX(Jesper!$R$2:$R$366,ROW(INDEX(Jesper!AH$2:AH$366,ROUNDDOWN($C4440/24,0)+1,1))-1)+IF('Standard Profiles'!$G$18=$B$10,7,0)+IF('Standard Profiles'!$G$18=$B$17,14,0)+IF('Standard Profiles'!$G$18=$B$24,21,0),MOD($C4440,24)+1)/SUM(INDEX($D$3:$AA$30,INDEX(Jesper!$R$2:$R$366,ROW(INDEX(Jesper!AH$2:AH$366,ROUNDDOWN($C4440/24,0)+1,1))-1)+IF('Standard Profiles'!$G$18=$B$10,7,0)+IF('Standard Profiles'!$G$18=$B$17,14,0)+IF('Standard Profiles'!$G$18=$B$24,21,0),0)),0)</f>
        <v>32.684440153582102</v>
      </c>
      <c r="E4440" cm="1">
        <f t="array" ref="E4440">IFERROR(INDEX(Jesper!AI$2:AI$366,ROUNDDOWN($C4440/24,0)+1,1)*INDEX($D$3:$AA$30,INDEX(Jesper!$R$2:$R$366,ROW(INDEX(Jesper!AI$2:AI$366,ROUNDDOWN($C4440/24,0)+1,1))-1)+IF('Standard Profiles'!$G$19=$B$10,7,0)+IF('Standard Profiles'!$G$19=$B$17,14,0)+IF('Standard Profiles'!$G$19=$B$24,21,0),MOD($C4440,24)+1)/SUM(INDEX($D$3:$AA$30,INDEX(Jesper!$R$2:$R$366,ROW(INDEX(Jesper!AI$2:AI$366,ROUNDDOWN($C4440/24,0)+1,1))-1)+IF('Standard Profiles'!$G$19=$B$10,7,0)+IF('Standard Profiles'!$G$19=$B$17,14,0)+IF('Standard Profiles'!$G$19=$B$24,21,0),0)),0)</f>
        <v>13.72344540906772</v>
      </c>
      <c r="F4440" cm="1">
        <f t="array" ref="F4440">IFERROR(INDEX(Jesper!AJ$2:AJ$366,ROUNDDOWN($C4440/24,0)+1,1)*INDEX($D$3:$AA$30,INDEX(Jesper!$R$2:$R$366,ROW(INDEX(Jesper!AJ$2:AJ$366,ROUNDDOWN($C4440/24,0)+1,1))-1)+IF('Standard Profiles'!$G$20=$B$10,7,0)+IF('Standard Profiles'!$G$20=$B$17,14,0)+IF('Standard Profiles'!$G$20=$B$24,21,0),MOD($C4440,24)+1)/SUM(INDEX($D$3:$AA$30,INDEX(Jesper!$R$2:$R$366,ROW(INDEX(Jesper!AJ$2:AJ$366,ROUNDDOWN($C4440/24,0)+1,1))-1)+IF('Standard Profiles'!$G$20=$B$10,7,0)+IF('Standard Profiles'!$G$20=$B$17,14,0)+IF('Standard Profiles'!$G$20=$B$24,21,0),0)),0)</f>
        <v>0</v>
      </c>
      <c r="G4440" cm="1">
        <f t="array" ref="G4440">IFERROR(INDEX(Jesper!AK$2:AK$366,ROUNDDOWN($C4440/24,0)+1,1)*INDEX($D$3:$AA$30,INDEX(Jesper!$R$2:$R$366,ROW(INDEX(Jesper!AK$2:AK$366,ROUNDDOWN($C4440/24,0)+1,1))-1)+IF('Standard Profiles'!$G$21=$B$10,7,0)+IF('Standard Profiles'!$G$21=$B$17,14,0)+IF('Standard Profiles'!$G$21=$B$24,21,0),MOD($C4440,24)+1)/SUM(INDEX($D$3:$AA$30,INDEX(Jesper!$R$2:$R$366,ROW(INDEX(Jesper!AK$2:AK$366,ROUNDDOWN($C4440/24,0)+1,1))-1)+IF('Standard Profiles'!$G$21=$B$10,7,0)+IF('Standard Profiles'!$G$21=$B$17,14,0)+IF('Standard Profiles'!$G$21=$B$24,21,0),0)),0)</f>
        <v>0.77627038627614908</v>
      </c>
      <c r="H4440" cm="1">
        <f t="array" ref="H4440">IFERROR(INDEX(Jesper!AL$2:AL$366,ROUNDDOWN($C4440/24,0)+1,1)*INDEX($D$3:$AA$30,INDEX(Jesper!$R$2:$R$366,ROW(INDEX(Jesper!AL$2:AL$366,ROUNDDOWN($C4440/24,0)+1,1))-1)+IF('Standard Profiles'!$G$22=$B$10,7,0)+IF('Standard Profiles'!$G$22=$B$17,14,0)+IF('Standard Profiles'!$G$22=$B$24,21,0),MOD($C4440,24)+1)/SUM(INDEX($D$3:$AA$30,INDEX(Jesper!$R$2:$R$366,ROW(INDEX(Jesper!AL$2:AL$366,ROUNDDOWN($C4440/24,0)+1,1))-1)+IF('Standard Profiles'!$G$22=$B$10,7,0)+IF('Standard Profiles'!$G$22=$B$17,14,0)+IF('Standard Profiles'!$G$22=$B$24,21,0),0)),0)</f>
        <v>0</v>
      </c>
      <c r="I4440">
        <f t="shared" si="496"/>
        <v>0.37260978541255135</v>
      </c>
      <c r="J4440">
        <f t="shared" si="497"/>
        <v>41.582035738940277</v>
      </c>
      <c r="K4440">
        <f t="shared" si="498"/>
        <v>3.486340283048758</v>
      </c>
      <c r="L4440">
        <f t="shared" si="499"/>
        <v>1.743170141524379</v>
      </c>
      <c r="M4440">
        <f t="shared" si="500"/>
        <v>0</v>
      </c>
      <c r="N4440" s="45">
        <f t="shared" si="501"/>
        <v>45110.583333322647</v>
      </c>
    </row>
    <row r="4441" spans="2:14" x14ac:dyDescent="0.25">
      <c r="B4441">
        <f t="shared" si="495"/>
        <v>1</v>
      </c>
      <c r="C4441" s="16">
        <v>4407</v>
      </c>
      <c r="D4441" cm="1">
        <f t="array" ref="D4441">IFERROR(INDEX(Jesper!AH$2:AH$366,ROUNDDOWN($C4441/24,0)+1,1)*INDEX($D$3:$AA$30,INDEX(Jesper!$R$2:$R$366,ROW(INDEX(Jesper!AH$2:AH$366,ROUNDDOWN($C4441/24,0)+1,1))-1)+IF('Standard Profiles'!$G$18=$B$10,7,0)+IF('Standard Profiles'!$G$18=$B$17,14,0)+IF('Standard Profiles'!$G$18=$B$24,21,0),MOD($C4441,24)+1)/SUM(INDEX($D$3:$AA$30,INDEX(Jesper!$R$2:$R$366,ROW(INDEX(Jesper!AH$2:AH$366,ROUNDDOWN($C4441/24,0)+1,1))-1)+IF('Standard Profiles'!$G$18=$B$10,7,0)+IF('Standard Profiles'!$G$18=$B$17,14,0)+IF('Standard Profiles'!$G$18=$B$24,21,0),0)),0)</f>
        <v>32.684440153582102</v>
      </c>
      <c r="E4441" cm="1">
        <f t="array" ref="E4441">IFERROR(INDEX(Jesper!AI$2:AI$366,ROUNDDOWN($C4441/24,0)+1,1)*INDEX($D$3:$AA$30,INDEX(Jesper!$R$2:$R$366,ROW(INDEX(Jesper!AI$2:AI$366,ROUNDDOWN($C4441/24,0)+1,1))-1)+IF('Standard Profiles'!$G$19=$B$10,7,0)+IF('Standard Profiles'!$G$19=$B$17,14,0)+IF('Standard Profiles'!$G$19=$B$24,21,0),MOD($C4441,24)+1)/SUM(INDEX($D$3:$AA$30,INDEX(Jesper!$R$2:$R$366,ROW(INDEX(Jesper!AI$2:AI$366,ROUNDDOWN($C4441/24,0)+1,1))-1)+IF('Standard Profiles'!$G$19=$B$10,7,0)+IF('Standard Profiles'!$G$19=$B$17,14,0)+IF('Standard Profiles'!$G$19=$B$24,21,0),0)),0)</f>
        <v>13.72344540906772</v>
      </c>
      <c r="F4441" cm="1">
        <f t="array" ref="F4441">IFERROR(INDEX(Jesper!AJ$2:AJ$366,ROUNDDOWN($C4441/24,0)+1,1)*INDEX($D$3:$AA$30,INDEX(Jesper!$R$2:$R$366,ROW(INDEX(Jesper!AJ$2:AJ$366,ROUNDDOWN($C4441/24,0)+1,1))-1)+IF('Standard Profiles'!$G$20=$B$10,7,0)+IF('Standard Profiles'!$G$20=$B$17,14,0)+IF('Standard Profiles'!$G$20=$B$24,21,0),MOD($C4441,24)+1)/SUM(INDEX($D$3:$AA$30,INDEX(Jesper!$R$2:$R$366,ROW(INDEX(Jesper!AJ$2:AJ$366,ROUNDDOWN($C4441/24,0)+1,1))-1)+IF('Standard Profiles'!$G$20=$B$10,7,0)+IF('Standard Profiles'!$G$20=$B$17,14,0)+IF('Standard Profiles'!$G$20=$B$24,21,0),0)),0)</f>
        <v>0</v>
      </c>
      <c r="G4441" cm="1">
        <f t="array" ref="G4441">IFERROR(INDEX(Jesper!AK$2:AK$366,ROUNDDOWN($C4441/24,0)+1,1)*INDEX($D$3:$AA$30,INDEX(Jesper!$R$2:$R$366,ROW(INDEX(Jesper!AK$2:AK$366,ROUNDDOWN($C4441/24,0)+1,1))-1)+IF('Standard Profiles'!$G$21=$B$10,7,0)+IF('Standard Profiles'!$G$21=$B$17,14,0)+IF('Standard Profiles'!$G$21=$B$24,21,0),MOD($C4441,24)+1)/SUM(INDEX($D$3:$AA$30,INDEX(Jesper!$R$2:$R$366,ROW(INDEX(Jesper!AK$2:AK$366,ROUNDDOWN($C4441/24,0)+1,1))-1)+IF('Standard Profiles'!$G$21=$B$10,7,0)+IF('Standard Profiles'!$G$21=$B$17,14,0)+IF('Standard Profiles'!$G$21=$B$24,21,0),0)),0)</f>
        <v>0.77627038627614908</v>
      </c>
      <c r="H4441" cm="1">
        <f t="array" ref="H4441">IFERROR(INDEX(Jesper!AL$2:AL$366,ROUNDDOWN($C4441/24,0)+1,1)*INDEX($D$3:$AA$30,INDEX(Jesper!$R$2:$R$366,ROW(INDEX(Jesper!AL$2:AL$366,ROUNDDOWN($C4441/24,0)+1,1))-1)+IF('Standard Profiles'!$G$22=$B$10,7,0)+IF('Standard Profiles'!$G$22=$B$17,14,0)+IF('Standard Profiles'!$G$22=$B$24,21,0),MOD($C4441,24)+1)/SUM(INDEX($D$3:$AA$30,INDEX(Jesper!$R$2:$R$366,ROW(INDEX(Jesper!AL$2:AL$366,ROUNDDOWN($C4441/24,0)+1,1))-1)+IF('Standard Profiles'!$G$22=$B$10,7,0)+IF('Standard Profiles'!$G$22=$B$17,14,0)+IF('Standard Profiles'!$G$22=$B$24,21,0),0)),0)</f>
        <v>0</v>
      </c>
      <c r="I4441">
        <f t="shared" si="496"/>
        <v>0.37260978541255135</v>
      </c>
      <c r="J4441">
        <f t="shared" si="497"/>
        <v>41.582035738940277</v>
      </c>
      <c r="K4441">
        <f t="shared" si="498"/>
        <v>3.486340283048758</v>
      </c>
      <c r="L4441">
        <f t="shared" si="499"/>
        <v>1.743170141524379</v>
      </c>
      <c r="M4441">
        <f t="shared" si="500"/>
        <v>0</v>
      </c>
      <c r="N4441" s="45">
        <f t="shared" si="501"/>
        <v>45110.624999989312</v>
      </c>
    </row>
    <row r="4442" spans="2:14" x14ac:dyDescent="0.25">
      <c r="B4442">
        <f t="shared" si="495"/>
        <v>1</v>
      </c>
      <c r="C4442" s="16">
        <v>4408</v>
      </c>
      <c r="D4442" cm="1">
        <f t="array" ref="D4442">IFERROR(INDEX(Jesper!AH$2:AH$366,ROUNDDOWN($C4442/24,0)+1,1)*INDEX($D$3:$AA$30,INDEX(Jesper!$R$2:$R$366,ROW(INDEX(Jesper!AH$2:AH$366,ROUNDDOWN($C4442/24,0)+1,1))-1)+IF('Standard Profiles'!$G$18=$B$10,7,0)+IF('Standard Profiles'!$G$18=$B$17,14,0)+IF('Standard Profiles'!$G$18=$B$24,21,0),MOD($C4442,24)+1)/SUM(INDEX($D$3:$AA$30,INDEX(Jesper!$R$2:$R$366,ROW(INDEX(Jesper!AH$2:AH$366,ROUNDDOWN($C4442/24,0)+1,1))-1)+IF('Standard Profiles'!$G$18=$B$10,7,0)+IF('Standard Profiles'!$G$18=$B$17,14,0)+IF('Standard Profiles'!$G$18=$B$24,21,0),0)),0)</f>
        <v>19.065923422922896</v>
      </c>
      <c r="E4442" cm="1">
        <f t="array" ref="E4442">IFERROR(INDEX(Jesper!AI$2:AI$366,ROUNDDOWN($C4442/24,0)+1,1)*INDEX($D$3:$AA$30,INDEX(Jesper!$R$2:$R$366,ROW(INDEX(Jesper!AI$2:AI$366,ROUNDDOWN($C4442/24,0)+1,1))-1)+IF('Standard Profiles'!$G$19=$B$10,7,0)+IF('Standard Profiles'!$G$19=$B$17,14,0)+IF('Standard Profiles'!$G$19=$B$24,21,0),MOD($C4442,24)+1)/SUM(INDEX($D$3:$AA$30,INDEX(Jesper!$R$2:$R$366,ROW(INDEX(Jesper!AI$2:AI$366,ROUNDDOWN($C4442/24,0)+1,1))-1)+IF('Standard Profiles'!$G$19=$B$10,7,0)+IF('Standard Profiles'!$G$19=$B$17,14,0)+IF('Standard Profiles'!$G$19=$B$24,21,0),0)),0)</f>
        <v>8.0053431552895038</v>
      </c>
      <c r="F4442" cm="1">
        <f t="array" ref="F4442">IFERROR(INDEX(Jesper!AJ$2:AJ$366,ROUNDDOWN($C4442/24,0)+1,1)*INDEX($D$3:$AA$30,INDEX(Jesper!$R$2:$R$366,ROW(INDEX(Jesper!AJ$2:AJ$366,ROUNDDOWN($C4442/24,0)+1,1))-1)+IF('Standard Profiles'!$G$20=$B$10,7,0)+IF('Standard Profiles'!$G$20=$B$17,14,0)+IF('Standard Profiles'!$G$20=$B$24,21,0),MOD($C4442,24)+1)/SUM(INDEX($D$3:$AA$30,INDEX(Jesper!$R$2:$R$366,ROW(INDEX(Jesper!AJ$2:AJ$366,ROUNDDOWN($C4442/24,0)+1,1))-1)+IF('Standard Profiles'!$G$20=$B$10,7,0)+IF('Standard Profiles'!$G$20=$B$17,14,0)+IF('Standard Profiles'!$G$20=$B$24,21,0),0)),0)</f>
        <v>0</v>
      </c>
      <c r="G4442" cm="1">
        <f t="array" ref="G4442">IFERROR(INDEX(Jesper!AK$2:AK$366,ROUNDDOWN($C4442/24,0)+1,1)*INDEX($D$3:$AA$30,INDEX(Jesper!$R$2:$R$366,ROW(INDEX(Jesper!AK$2:AK$366,ROUNDDOWN($C4442/24,0)+1,1))-1)+IF('Standard Profiles'!$G$21=$B$10,7,0)+IF('Standard Profiles'!$G$21=$B$17,14,0)+IF('Standard Profiles'!$G$21=$B$24,21,0),MOD($C4442,24)+1)/SUM(INDEX($D$3:$AA$30,INDEX(Jesper!$R$2:$R$366,ROW(INDEX(Jesper!AK$2:AK$366,ROUNDDOWN($C4442/24,0)+1,1))-1)+IF('Standard Profiles'!$G$21=$B$10,7,0)+IF('Standard Profiles'!$G$21=$B$17,14,0)+IF('Standard Profiles'!$G$21=$B$24,21,0),0)),0)</f>
        <v>0.64689198856345753</v>
      </c>
      <c r="H4442" cm="1">
        <f t="array" ref="H4442">IFERROR(INDEX(Jesper!AL$2:AL$366,ROUNDDOWN($C4442/24,0)+1,1)*INDEX($D$3:$AA$30,INDEX(Jesper!$R$2:$R$366,ROW(INDEX(Jesper!AL$2:AL$366,ROUNDDOWN($C4442/24,0)+1,1))-1)+IF('Standard Profiles'!$G$22=$B$10,7,0)+IF('Standard Profiles'!$G$22=$B$17,14,0)+IF('Standard Profiles'!$G$22=$B$24,21,0),MOD($C4442,24)+1)/SUM(INDEX($D$3:$AA$30,INDEX(Jesper!$R$2:$R$366,ROW(INDEX(Jesper!AL$2:AL$366,ROUNDDOWN($C4442/24,0)+1,1))-1)+IF('Standard Profiles'!$G$22=$B$10,7,0)+IF('Standard Profiles'!$G$22=$B$17,14,0)+IF('Standard Profiles'!$G$22=$B$24,21,0),0)),0)</f>
        <v>0</v>
      </c>
      <c r="I4442">
        <f t="shared" si="496"/>
        <v>0.31050815451045943</v>
      </c>
      <c r="J4442">
        <f t="shared" si="497"/>
        <v>24.357102664597736</v>
      </c>
      <c r="K4442">
        <f t="shared" si="498"/>
        <v>2.033698498445109</v>
      </c>
      <c r="L4442">
        <f t="shared" si="499"/>
        <v>1.0168492492225545</v>
      </c>
      <c r="M4442">
        <f t="shared" si="500"/>
        <v>0</v>
      </c>
      <c r="N4442" s="45">
        <f t="shared" si="501"/>
        <v>45110.666666655976</v>
      </c>
    </row>
    <row r="4443" spans="2:14" x14ac:dyDescent="0.25">
      <c r="B4443">
        <f t="shared" si="495"/>
        <v>1</v>
      </c>
      <c r="C4443" s="16">
        <v>4409</v>
      </c>
      <c r="D4443" cm="1">
        <f t="array" ref="D4443">IFERROR(INDEX(Jesper!AH$2:AH$366,ROUNDDOWN($C4443/24,0)+1,1)*INDEX($D$3:$AA$30,INDEX(Jesper!$R$2:$R$366,ROW(INDEX(Jesper!AH$2:AH$366,ROUNDDOWN($C4443/24,0)+1,1))-1)+IF('Standard Profiles'!$G$18=$B$10,7,0)+IF('Standard Profiles'!$G$18=$B$17,14,0)+IF('Standard Profiles'!$G$18=$B$24,21,0),MOD($C4443,24)+1)/SUM(INDEX($D$3:$AA$30,INDEX(Jesper!$R$2:$R$366,ROW(INDEX(Jesper!AH$2:AH$366,ROUNDDOWN($C4443/24,0)+1,1))-1)+IF('Standard Profiles'!$G$18=$B$10,7,0)+IF('Standard Profiles'!$G$18=$B$17,14,0)+IF('Standard Profiles'!$G$18=$B$24,21,0),0)),0)</f>
        <v>5.4474066922636855</v>
      </c>
      <c r="E4443" cm="1">
        <f t="array" ref="E4443">IFERROR(INDEX(Jesper!AI$2:AI$366,ROUNDDOWN($C4443/24,0)+1,1)*INDEX($D$3:$AA$30,INDEX(Jesper!$R$2:$R$366,ROW(INDEX(Jesper!AI$2:AI$366,ROUNDDOWN($C4443/24,0)+1,1))-1)+IF('Standard Profiles'!$G$19=$B$10,7,0)+IF('Standard Profiles'!$G$19=$B$17,14,0)+IF('Standard Profiles'!$G$19=$B$24,21,0),MOD($C4443,24)+1)/SUM(INDEX($D$3:$AA$30,INDEX(Jesper!$R$2:$R$366,ROW(INDEX(Jesper!AI$2:AI$366,ROUNDDOWN($C4443/24,0)+1,1))-1)+IF('Standard Profiles'!$G$19=$B$10,7,0)+IF('Standard Profiles'!$G$19=$B$17,14,0)+IF('Standard Profiles'!$G$19=$B$24,21,0),0)),0)</f>
        <v>2.2872409015112867</v>
      </c>
      <c r="F4443" cm="1">
        <f t="array" ref="F4443">IFERROR(INDEX(Jesper!AJ$2:AJ$366,ROUNDDOWN($C4443/24,0)+1,1)*INDEX($D$3:$AA$30,INDEX(Jesper!$R$2:$R$366,ROW(INDEX(Jesper!AJ$2:AJ$366,ROUNDDOWN($C4443/24,0)+1,1))-1)+IF('Standard Profiles'!$G$20=$B$10,7,0)+IF('Standard Profiles'!$G$20=$B$17,14,0)+IF('Standard Profiles'!$G$20=$B$24,21,0),MOD($C4443,24)+1)/SUM(INDEX($D$3:$AA$30,INDEX(Jesper!$R$2:$R$366,ROW(INDEX(Jesper!AJ$2:AJ$366,ROUNDDOWN($C4443/24,0)+1,1))-1)+IF('Standard Profiles'!$G$20=$B$10,7,0)+IF('Standard Profiles'!$G$20=$B$17,14,0)+IF('Standard Profiles'!$G$20=$B$24,21,0),0)),0)</f>
        <v>0</v>
      </c>
      <c r="G4443" cm="1">
        <f t="array" ref="G4443">IFERROR(INDEX(Jesper!AK$2:AK$366,ROUNDDOWN($C4443/24,0)+1,1)*INDEX($D$3:$AA$30,INDEX(Jesper!$R$2:$R$366,ROW(INDEX(Jesper!AK$2:AK$366,ROUNDDOWN($C4443/24,0)+1,1))-1)+IF('Standard Profiles'!$G$21=$B$10,7,0)+IF('Standard Profiles'!$G$21=$B$17,14,0)+IF('Standard Profiles'!$G$21=$B$24,21,0),MOD($C4443,24)+1)/SUM(INDEX($D$3:$AA$30,INDEX(Jesper!$R$2:$R$366,ROW(INDEX(Jesper!AK$2:AK$366,ROUNDDOWN($C4443/24,0)+1,1))-1)+IF('Standard Profiles'!$G$21=$B$10,7,0)+IF('Standard Profiles'!$G$21=$B$17,14,0)+IF('Standard Profiles'!$G$21=$B$24,21,0),0)),0)</f>
        <v>0.5204878068901384</v>
      </c>
      <c r="H4443" cm="1">
        <f t="array" ref="H4443">IFERROR(INDEX(Jesper!AL$2:AL$366,ROUNDDOWN($C4443/24,0)+1,1)*INDEX($D$3:$AA$30,INDEX(Jesper!$R$2:$R$366,ROW(INDEX(Jesper!AL$2:AL$366,ROUNDDOWN($C4443/24,0)+1,1))-1)+IF('Standard Profiles'!$G$22=$B$10,7,0)+IF('Standard Profiles'!$G$22=$B$17,14,0)+IF('Standard Profiles'!$G$22=$B$24,21,0),MOD($C4443,24)+1)/SUM(INDEX($D$3:$AA$30,INDEX(Jesper!$R$2:$R$366,ROW(INDEX(Jesper!AL$2:AL$366,ROUNDDOWN($C4443/24,0)+1,1))-1)+IF('Standard Profiles'!$G$22=$B$10,7,0)+IF('Standard Profiles'!$G$22=$B$17,14,0)+IF('Standard Profiles'!$G$22=$B$24,21,0),0)),0)</f>
        <v>0</v>
      </c>
      <c r="I4443">
        <f t="shared" si="496"/>
        <v>0.2498341473072663</v>
      </c>
      <c r="J4443">
        <f t="shared" si="497"/>
        <v>7.1337161825956548</v>
      </c>
      <c r="K4443">
        <f t="shared" si="498"/>
        <v>0.58105671384145985</v>
      </c>
      <c r="L4443">
        <f t="shared" si="499"/>
        <v>0.29052835692072992</v>
      </c>
      <c r="M4443">
        <f t="shared" si="500"/>
        <v>0</v>
      </c>
      <c r="N4443" s="45">
        <f t="shared" si="501"/>
        <v>45110.70833332264</v>
      </c>
    </row>
    <row r="4444" spans="2:14" x14ac:dyDescent="0.25">
      <c r="B4444">
        <f t="shared" si="495"/>
        <v>1</v>
      </c>
      <c r="C4444" s="16">
        <v>4410</v>
      </c>
      <c r="D4444" cm="1">
        <f t="array" ref="D4444">IFERROR(INDEX(Jesper!AH$2:AH$366,ROUNDDOWN($C4444/24,0)+1,1)*INDEX($D$3:$AA$30,INDEX(Jesper!$R$2:$R$366,ROW(INDEX(Jesper!AH$2:AH$366,ROUNDDOWN($C4444/24,0)+1,1))-1)+IF('Standard Profiles'!$G$18=$B$10,7,0)+IF('Standard Profiles'!$G$18=$B$17,14,0)+IF('Standard Profiles'!$G$18=$B$24,21,0),MOD($C4444,24)+1)/SUM(INDEX($D$3:$AA$30,INDEX(Jesper!$R$2:$R$366,ROW(INDEX(Jesper!AH$2:AH$366,ROUNDDOWN($C4444/24,0)+1,1))-1)+IF('Standard Profiles'!$G$18=$B$10,7,0)+IF('Standard Profiles'!$G$18=$B$17,14,0)+IF('Standard Profiles'!$G$18=$B$24,21,0),0)),0)</f>
        <v>5.3706826543444777</v>
      </c>
      <c r="E4444" cm="1">
        <f t="array" ref="E4444">IFERROR(INDEX(Jesper!AI$2:AI$366,ROUNDDOWN($C4444/24,0)+1,1)*INDEX($D$3:$AA$30,INDEX(Jesper!$R$2:$R$366,ROW(INDEX(Jesper!AI$2:AI$366,ROUNDDOWN($C4444/24,0)+1,1))-1)+IF('Standard Profiles'!$G$19=$B$10,7,0)+IF('Standard Profiles'!$G$19=$B$17,14,0)+IF('Standard Profiles'!$G$19=$B$24,21,0),MOD($C4444,24)+1)/SUM(INDEX($D$3:$AA$30,INDEX(Jesper!$R$2:$R$366,ROW(INDEX(Jesper!AI$2:AI$366,ROUNDDOWN($C4444/24,0)+1,1))-1)+IF('Standard Profiles'!$G$19=$B$10,7,0)+IF('Standard Profiles'!$G$19=$B$17,14,0)+IF('Standard Profiles'!$G$19=$B$24,21,0),0)),0)</f>
        <v>2.2550262409266209</v>
      </c>
      <c r="F4444" cm="1">
        <f t="array" ref="F4444">IFERROR(INDEX(Jesper!AJ$2:AJ$366,ROUNDDOWN($C4444/24,0)+1,1)*INDEX($D$3:$AA$30,INDEX(Jesper!$R$2:$R$366,ROW(INDEX(Jesper!AJ$2:AJ$366,ROUNDDOWN($C4444/24,0)+1,1))-1)+IF('Standard Profiles'!$G$20=$B$10,7,0)+IF('Standard Profiles'!$G$20=$B$17,14,0)+IF('Standard Profiles'!$G$20=$B$24,21,0),MOD($C4444,24)+1)/SUM(INDEX($D$3:$AA$30,INDEX(Jesper!$R$2:$R$366,ROW(INDEX(Jesper!AJ$2:AJ$366,ROUNDDOWN($C4444/24,0)+1,1))-1)+IF('Standard Profiles'!$G$20=$B$10,7,0)+IF('Standard Profiles'!$G$20=$B$17,14,0)+IF('Standard Profiles'!$G$20=$B$24,21,0),0)),0)</f>
        <v>0</v>
      </c>
      <c r="G4444" cm="1">
        <f t="array" ref="G4444">IFERROR(INDEX(Jesper!AK$2:AK$366,ROUNDDOWN($C4444/24,0)+1,1)*INDEX($D$3:$AA$30,INDEX(Jesper!$R$2:$R$366,ROW(INDEX(Jesper!AK$2:AK$366,ROUNDDOWN($C4444/24,0)+1,1))-1)+IF('Standard Profiles'!$G$21=$B$10,7,0)+IF('Standard Profiles'!$G$21=$B$17,14,0)+IF('Standard Profiles'!$G$21=$B$24,21,0),MOD($C4444,24)+1)/SUM(INDEX($D$3:$AA$30,INDEX(Jesper!$R$2:$R$366,ROW(INDEX(Jesper!AK$2:AK$366,ROUNDDOWN($C4444/24,0)+1,1))-1)+IF('Standard Profiles'!$G$21=$B$10,7,0)+IF('Standard Profiles'!$G$21=$B$17,14,0)+IF('Standard Profiles'!$G$21=$B$24,21,0),0)),0)</f>
        <v>0.18588850246076369</v>
      </c>
      <c r="H4444" cm="1">
        <f t="array" ref="H4444">IFERROR(INDEX(Jesper!AL$2:AL$366,ROUNDDOWN($C4444/24,0)+1,1)*INDEX($D$3:$AA$30,INDEX(Jesper!$R$2:$R$366,ROW(INDEX(Jesper!AL$2:AL$366,ROUNDDOWN($C4444/24,0)+1,1))-1)+IF('Standard Profiles'!$G$22=$B$10,7,0)+IF('Standard Profiles'!$G$22=$B$17,14,0)+IF('Standard Profiles'!$G$22=$B$24,21,0),MOD($C4444,24)+1)/SUM(INDEX($D$3:$AA$30,INDEX(Jesper!$R$2:$R$366,ROW(INDEX(Jesper!AL$2:AL$366,ROUNDDOWN($C4444/24,0)+1,1))-1)+IF('Standard Profiles'!$G$22=$B$10,7,0)+IF('Standard Profiles'!$G$22=$B$17,14,0)+IF('Standard Profiles'!$G$22=$B$24,21,0),0)),0)</f>
        <v>0</v>
      </c>
      <c r="I4444">
        <f t="shared" si="496"/>
        <v>8.9226481181166523E-2</v>
      </c>
      <c r="J4444">
        <f t="shared" si="497"/>
        <v>6.8630616918555791</v>
      </c>
      <c r="K4444">
        <f t="shared" si="498"/>
        <v>0.57287281646341104</v>
      </c>
      <c r="L4444">
        <f t="shared" si="499"/>
        <v>0.28643640823170552</v>
      </c>
      <c r="M4444">
        <f t="shared" si="500"/>
        <v>0</v>
      </c>
      <c r="N4444" s="45">
        <f t="shared" si="501"/>
        <v>45110.749999989304</v>
      </c>
    </row>
    <row r="4445" spans="2:14" x14ac:dyDescent="0.25">
      <c r="B4445">
        <f t="shared" si="495"/>
        <v>1</v>
      </c>
      <c r="C4445" s="16">
        <v>4411</v>
      </c>
      <c r="D4445" cm="1">
        <f t="array" ref="D4445">IFERROR(INDEX(Jesper!AH$2:AH$366,ROUNDDOWN($C4445/24,0)+1,1)*INDEX($D$3:$AA$30,INDEX(Jesper!$R$2:$R$366,ROW(INDEX(Jesper!AH$2:AH$366,ROUNDDOWN($C4445/24,0)+1,1))-1)+IF('Standard Profiles'!$G$18=$B$10,7,0)+IF('Standard Profiles'!$G$18=$B$17,14,0)+IF('Standard Profiles'!$G$18=$B$24,21,0),MOD($C4445,24)+1)/SUM(INDEX($D$3:$AA$30,INDEX(Jesper!$R$2:$R$366,ROW(INDEX(Jesper!AH$2:AH$366,ROUNDDOWN($C4445/24,0)+1,1))-1)+IF('Standard Profiles'!$G$18=$B$10,7,0)+IF('Standard Profiles'!$G$18=$B$17,14,0)+IF('Standard Profiles'!$G$18=$B$24,21,0),0)),0)</f>
        <v>5.3706826543444777</v>
      </c>
      <c r="E4445" cm="1">
        <f t="array" ref="E4445">IFERROR(INDEX(Jesper!AI$2:AI$366,ROUNDDOWN($C4445/24,0)+1,1)*INDEX($D$3:$AA$30,INDEX(Jesper!$R$2:$R$366,ROW(INDEX(Jesper!AI$2:AI$366,ROUNDDOWN($C4445/24,0)+1,1))-1)+IF('Standard Profiles'!$G$19=$B$10,7,0)+IF('Standard Profiles'!$G$19=$B$17,14,0)+IF('Standard Profiles'!$G$19=$B$24,21,0),MOD($C4445,24)+1)/SUM(INDEX($D$3:$AA$30,INDEX(Jesper!$R$2:$R$366,ROW(INDEX(Jesper!AI$2:AI$366,ROUNDDOWN($C4445/24,0)+1,1))-1)+IF('Standard Profiles'!$G$19=$B$10,7,0)+IF('Standard Profiles'!$G$19=$B$17,14,0)+IF('Standard Profiles'!$G$19=$B$24,21,0),0)),0)</f>
        <v>2.2550262409266209</v>
      </c>
      <c r="F4445" cm="1">
        <f t="array" ref="F4445">IFERROR(INDEX(Jesper!AJ$2:AJ$366,ROUNDDOWN($C4445/24,0)+1,1)*INDEX($D$3:$AA$30,INDEX(Jesper!$R$2:$R$366,ROW(INDEX(Jesper!AJ$2:AJ$366,ROUNDDOWN($C4445/24,0)+1,1))-1)+IF('Standard Profiles'!$G$20=$B$10,7,0)+IF('Standard Profiles'!$G$20=$B$17,14,0)+IF('Standard Profiles'!$G$20=$B$24,21,0),MOD($C4445,24)+1)/SUM(INDEX($D$3:$AA$30,INDEX(Jesper!$R$2:$R$366,ROW(INDEX(Jesper!AJ$2:AJ$366,ROUNDDOWN($C4445/24,0)+1,1))-1)+IF('Standard Profiles'!$G$20=$B$10,7,0)+IF('Standard Profiles'!$G$20=$B$17,14,0)+IF('Standard Profiles'!$G$20=$B$24,21,0),0)),0)</f>
        <v>0</v>
      </c>
      <c r="G4445" cm="1">
        <f t="array" ref="G4445">IFERROR(INDEX(Jesper!AK$2:AK$366,ROUNDDOWN($C4445/24,0)+1,1)*INDEX($D$3:$AA$30,INDEX(Jesper!$R$2:$R$366,ROW(INDEX(Jesper!AK$2:AK$366,ROUNDDOWN($C4445/24,0)+1,1))-1)+IF('Standard Profiles'!$G$21=$B$10,7,0)+IF('Standard Profiles'!$G$21=$B$17,14,0)+IF('Standard Profiles'!$G$21=$B$24,21,0),MOD($C4445,24)+1)/SUM(INDEX($D$3:$AA$30,INDEX(Jesper!$R$2:$R$366,ROW(INDEX(Jesper!AK$2:AK$366,ROUNDDOWN($C4445/24,0)+1,1))-1)+IF('Standard Profiles'!$G$21=$B$10,7,0)+IF('Standard Profiles'!$G$21=$B$17,14,0)+IF('Standard Profiles'!$G$21=$B$24,21,0),0)),0)</f>
        <v>0.18588850246076369</v>
      </c>
      <c r="H4445" cm="1">
        <f t="array" ref="H4445">IFERROR(INDEX(Jesper!AL$2:AL$366,ROUNDDOWN($C4445/24,0)+1,1)*INDEX($D$3:$AA$30,INDEX(Jesper!$R$2:$R$366,ROW(INDEX(Jesper!AL$2:AL$366,ROUNDDOWN($C4445/24,0)+1,1))-1)+IF('Standard Profiles'!$G$22=$B$10,7,0)+IF('Standard Profiles'!$G$22=$B$17,14,0)+IF('Standard Profiles'!$G$22=$B$24,21,0),MOD($C4445,24)+1)/SUM(INDEX($D$3:$AA$30,INDEX(Jesper!$R$2:$R$366,ROW(INDEX(Jesper!AL$2:AL$366,ROUNDDOWN($C4445/24,0)+1,1))-1)+IF('Standard Profiles'!$G$22=$B$10,7,0)+IF('Standard Profiles'!$G$22=$B$17,14,0)+IF('Standard Profiles'!$G$22=$B$24,21,0),0)),0)</f>
        <v>0</v>
      </c>
      <c r="I4445">
        <f t="shared" si="496"/>
        <v>8.9226481181166523E-2</v>
      </c>
      <c r="J4445">
        <f t="shared" si="497"/>
        <v>6.8630616918555791</v>
      </c>
      <c r="K4445">
        <f t="shared" si="498"/>
        <v>0.57287281646341104</v>
      </c>
      <c r="L4445">
        <f t="shared" si="499"/>
        <v>0.28643640823170552</v>
      </c>
      <c r="M4445">
        <f t="shared" si="500"/>
        <v>0</v>
      </c>
      <c r="N4445" s="45">
        <f t="shared" si="501"/>
        <v>45110.791666655969</v>
      </c>
    </row>
    <row r="4446" spans="2:14" x14ac:dyDescent="0.25">
      <c r="B4446">
        <f t="shared" si="495"/>
        <v>1</v>
      </c>
      <c r="C4446" s="16">
        <v>4412</v>
      </c>
      <c r="D4446" cm="1">
        <f t="array" ref="D4446">IFERROR(INDEX(Jesper!AH$2:AH$366,ROUNDDOWN($C4446/24,0)+1,1)*INDEX($D$3:$AA$30,INDEX(Jesper!$R$2:$R$366,ROW(INDEX(Jesper!AH$2:AH$366,ROUNDDOWN($C4446/24,0)+1,1))-1)+IF('Standard Profiles'!$G$18=$B$10,7,0)+IF('Standard Profiles'!$G$18=$B$17,14,0)+IF('Standard Profiles'!$G$18=$B$24,21,0),MOD($C4446,24)+1)/SUM(INDEX($D$3:$AA$30,INDEX(Jesper!$R$2:$R$366,ROW(INDEX(Jesper!AH$2:AH$366,ROUNDDOWN($C4446/24,0)+1,1))-1)+IF('Standard Profiles'!$G$18=$B$10,7,0)+IF('Standard Profiles'!$G$18=$B$17,14,0)+IF('Standard Profiles'!$G$18=$B$24,21,0),0)),0)</f>
        <v>5.3706826543444777</v>
      </c>
      <c r="E4446" cm="1">
        <f t="array" ref="E4446">IFERROR(INDEX(Jesper!AI$2:AI$366,ROUNDDOWN($C4446/24,0)+1,1)*INDEX($D$3:$AA$30,INDEX(Jesper!$R$2:$R$366,ROW(INDEX(Jesper!AI$2:AI$366,ROUNDDOWN($C4446/24,0)+1,1))-1)+IF('Standard Profiles'!$G$19=$B$10,7,0)+IF('Standard Profiles'!$G$19=$B$17,14,0)+IF('Standard Profiles'!$G$19=$B$24,21,0),MOD($C4446,24)+1)/SUM(INDEX($D$3:$AA$30,INDEX(Jesper!$R$2:$R$366,ROW(INDEX(Jesper!AI$2:AI$366,ROUNDDOWN($C4446/24,0)+1,1))-1)+IF('Standard Profiles'!$G$19=$B$10,7,0)+IF('Standard Profiles'!$G$19=$B$17,14,0)+IF('Standard Profiles'!$G$19=$B$24,21,0),0)),0)</f>
        <v>2.2550262409266209</v>
      </c>
      <c r="F4446" cm="1">
        <f t="array" ref="F4446">IFERROR(INDEX(Jesper!AJ$2:AJ$366,ROUNDDOWN($C4446/24,0)+1,1)*INDEX($D$3:$AA$30,INDEX(Jesper!$R$2:$R$366,ROW(INDEX(Jesper!AJ$2:AJ$366,ROUNDDOWN($C4446/24,0)+1,1))-1)+IF('Standard Profiles'!$G$20=$B$10,7,0)+IF('Standard Profiles'!$G$20=$B$17,14,0)+IF('Standard Profiles'!$G$20=$B$24,21,0),MOD($C4446,24)+1)/SUM(INDEX($D$3:$AA$30,INDEX(Jesper!$R$2:$R$366,ROW(INDEX(Jesper!AJ$2:AJ$366,ROUNDDOWN($C4446/24,0)+1,1))-1)+IF('Standard Profiles'!$G$20=$B$10,7,0)+IF('Standard Profiles'!$G$20=$B$17,14,0)+IF('Standard Profiles'!$G$20=$B$24,21,0),0)),0)</f>
        <v>0</v>
      </c>
      <c r="G4446" cm="1">
        <f t="array" ref="G4446">IFERROR(INDEX(Jesper!AK$2:AK$366,ROUNDDOWN($C4446/24,0)+1,1)*INDEX($D$3:$AA$30,INDEX(Jesper!$R$2:$R$366,ROW(INDEX(Jesper!AK$2:AK$366,ROUNDDOWN($C4446/24,0)+1,1))-1)+IF('Standard Profiles'!$G$21=$B$10,7,0)+IF('Standard Profiles'!$G$21=$B$17,14,0)+IF('Standard Profiles'!$G$21=$B$24,21,0),MOD($C4446,24)+1)/SUM(INDEX($D$3:$AA$30,INDEX(Jesper!$R$2:$R$366,ROW(INDEX(Jesper!AK$2:AK$366,ROUNDDOWN($C4446/24,0)+1,1))-1)+IF('Standard Profiles'!$G$21=$B$10,7,0)+IF('Standard Profiles'!$G$21=$B$17,14,0)+IF('Standard Profiles'!$G$21=$B$24,21,0),0)),0)</f>
        <v>0.18588850246076369</v>
      </c>
      <c r="H4446" cm="1">
        <f t="array" ref="H4446">IFERROR(INDEX(Jesper!AL$2:AL$366,ROUNDDOWN($C4446/24,0)+1,1)*INDEX($D$3:$AA$30,INDEX(Jesper!$R$2:$R$366,ROW(INDEX(Jesper!AL$2:AL$366,ROUNDDOWN($C4446/24,0)+1,1))-1)+IF('Standard Profiles'!$G$22=$B$10,7,0)+IF('Standard Profiles'!$G$22=$B$17,14,0)+IF('Standard Profiles'!$G$22=$B$24,21,0),MOD($C4446,24)+1)/SUM(INDEX($D$3:$AA$30,INDEX(Jesper!$R$2:$R$366,ROW(INDEX(Jesper!AL$2:AL$366,ROUNDDOWN($C4446/24,0)+1,1))-1)+IF('Standard Profiles'!$G$22=$B$10,7,0)+IF('Standard Profiles'!$G$22=$B$17,14,0)+IF('Standard Profiles'!$G$22=$B$24,21,0),0)),0)</f>
        <v>0</v>
      </c>
      <c r="I4446">
        <f t="shared" si="496"/>
        <v>8.9226481181166523E-2</v>
      </c>
      <c r="J4446">
        <f t="shared" si="497"/>
        <v>6.8630616918555791</v>
      </c>
      <c r="K4446">
        <f t="shared" si="498"/>
        <v>0.57287281646341104</v>
      </c>
      <c r="L4446">
        <f t="shared" si="499"/>
        <v>0.28643640823170552</v>
      </c>
      <c r="M4446">
        <f t="shared" si="500"/>
        <v>0</v>
      </c>
      <c r="N4446" s="45">
        <f t="shared" si="501"/>
        <v>45110.833333322633</v>
      </c>
    </row>
    <row r="4447" spans="2:14" x14ac:dyDescent="0.25">
      <c r="B4447">
        <f t="shared" si="495"/>
        <v>1</v>
      </c>
      <c r="C4447" s="16">
        <v>4413</v>
      </c>
      <c r="D4447" cm="1">
        <f t="array" ref="D4447">IFERROR(INDEX(Jesper!AH$2:AH$366,ROUNDDOWN($C4447/24,0)+1,1)*INDEX($D$3:$AA$30,INDEX(Jesper!$R$2:$R$366,ROW(INDEX(Jesper!AH$2:AH$366,ROUNDDOWN($C4447/24,0)+1,1))-1)+IF('Standard Profiles'!$G$18=$B$10,7,0)+IF('Standard Profiles'!$G$18=$B$17,14,0)+IF('Standard Profiles'!$G$18=$B$24,21,0),MOD($C4447,24)+1)/SUM(INDEX($D$3:$AA$30,INDEX(Jesper!$R$2:$R$366,ROW(INDEX(Jesper!AH$2:AH$366,ROUNDDOWN($C4447/24,0)+1,1))-1)+IF('Standard Profiles'!$G$18=$B$10,7,0)+IF('Standard Profiles'!$G$18=$B$17,14,0)+IF('Standard Profiles'!$G$18=$B$24,21,0),0)),0)</f>
        <v>5.3706826543444777</v>
      </c>
      <c r="E4447" cm="1">
        <f t="array" ref="E4447">IFERROR(INDEX(Jesper!AI$2:AI$366,ROUNDDOWN($C4447/24,0)+1,1)*INDEX($D$3:$AA$30,INDEX(Jesper!$R$2:$R$366,ROW(INDEX(Jesper!AI$2:AI$366,ROUNDDOWN($C4447/24,0)+1,1))-1)+IF('Standard Profiles'!$G$19=$B$10,7,0)+IF('Standard Profiles'!$G$19=$B$17,14,0)+IF('Standard Profiles'!$G$19=$B$24,21,0),MOD($C4447,24)+1)/SUM(INDEX($D$3:$AA$30,INDEX(Jesper!$R$2:$R$366,ROW(INDEX(Jesper!AI$2:AI$366,ROUNDDOWN($C4447/24,0)+1,1))-1)+IF('Standard Profiles'!$G$19=$B$10,7,0)+IF('Standard Profiles'!$G$19=$B$17,14,0)+IF('Standard Profiles'!$G$19=$B$24,21,0),0)),0)</f>
        <v>2.2550262409266209</v>
      </c>
      <c r="F4447" cm="1">
        <f t="array" ref="F4447">IFERROR(INDEX(Jesper!AJ$2:AJ$366,ROUNDDOWN($C4447/24,0)+1,1)*INDEX($D$3:$AA$30,INDEX(Jesper!$R$2:$R$366,ROW(INDEX(Jesper!AJ$2:AJ$366,ROUNDDOWN($C4447/24,0)+1,1))-1)+IF('Standard Profiles'!$G$20=$B$10,7,0)+IF('Standard Profiles'!$G$20=$B$17,14,0)+IF('Standard Profiles'!$G$20=$B$24,21,0),MOD($C4447,24)+1)/SUM(INDEX($D$3:$AA$30,INDEX(Jesper!$R$2:$R$366,ROW(INDEX(Jesper!AJ$2:AJ$366,ROUNDDOWN($C4447/24,0)+1,1))-1)+IF('Standard Profiles'!$G$20=$B$10,7,0)+IF('Standard Profiles'!$G$20=$B$17,14,0)+IF('Standard Profiles'!$G$20=$B$24,21,0),0)),0)</f>
        <v>0</v>
      </c>
      <c r="G4447" cm="1">
        <f t="array" ref="G4447">IFERROR(INDEX(Jesper!AK$2:AK$366,ROUNDDOWN($C4447/24,0)+1,1)*INDEX($D$3:$AA$30,INDEX(Jesper!$R$2:$R$366,ROW(INDEX(Jesper!AK$2:AK$366,ROUNDDOWN($C4447/24,0)+1,1))-1)+IF('Standard Profiles'!$G$21=$B$10,7,0)+IF('Standard Profiles'!$G$21=$B$17,14,0)+IF('Standard Profiles'!$G$21=$B$24,21,0),MOD($C4447,24)+1)/SUM(INDEX($D$3:$AA$30,INDEX(Jesper!$R$2:$R$366,ROW(INDEX(Jesper!AK$2:AK$366,ROUNDDOWN($C4447/24,0)+1,1))-1)+IF('Standard Profiles'!$G$21=$B$10,7,0)+IF('Standard Profiles'!$G$21=$B$17,14,0)+IF('Standard Profiles'!$G$21=$B$24,21,0),0)),0)</f>
        <v>0.18588850246076369</v>
      </c>
      <c r="H4447" cm="1">
        <f t="array" ref="H4447">IFERROR(INDEX(Jesper!AL$2:AL$366,ROUNDDOWN($C4447/24,0)+1,1)*INDEX($D$3:$AA$30,INDEX(Jesper!$R$2:$R$366,ROW(INDEX(Jesper!AL$2:AL$366,ROUNDDOWN($C4447/24,0)+1,1))-1)+IF('Standard Profiles'!$G$22=$B$10,7,0)+IF('Standard Profiles'!$G$22=$B$17,14,0)+IF('Standard Profiles'!$G$22=$B$24,21,0),MOD($C4447,24)+1)/SUM(INDEX($D$3:$AA$30,INDEX(Jesper!$R$2:$R$366,ROW(INDEX(Jesper!AL$2:AL$366,ROUNDDOWN($C4447/24,0)+1,1))-1)+IF('Standard Profiles'!$G$22=$B$10,7,0)+IF('Standard Profiles'!$G$22=$B$17,14,0)+IF('Standard Profiles'!$G$22=$B$24,21,0),0)),0)</f>
        <v>0</v>
      </c>
      <c r="I4447">
        <f t="shared" si="496"/>
        <v>8.9226481181166523E-2</v>
      </c>
      <c r="J4447">
        <f t="shared" si="497"/>
        <v>6.8630616918555791</v>
      </c>
      <c r="K4447">
        <f t="shared" si="498"/>
        <v>0.57287281646341104</v>
      </c>
      <c r="L4447">
        <f t="shared" si="499"/>
        <v>0.28643640823170552</v>
      </c>
      <c r="M4447">
        <f t="shared" si="500"/>
        <v>0</v>
      </c>
      <c r="N4447" s="45">
        <f t="shared" si="501"/>
        <v>45110.874999989297</v>
      </c>
    </row>
    <row r="4448" spans="2:14" x14ac:dyDescent="0.25">
      <c r="B4448">
        <f t="shared" si="495"/>
        <v>1</v>
      </c>
      <c r="C4448" s="16">
        <v>4414</v>
      </c>
      <c r="D4448" cm="1">
        <f t="array" ref="D4448">IFERROR(INDEX(Jesper!AH$2:AH$366,ROUNDDOWN($C4448/24,0)+1,1)*INDEX($D$3:$AA$30,INDEX(Jesper!$R$2:$R$366,ROW(INDEX(Jesper!AH$2:AH$366,ROUNDDOWN($C4448/24,0)+1,1))-1)+IF('Standard Profiles'!$G$18=$B$10,7,0)+IF('Standard Profiles'!$G$18=$B$17,14,0)+IF('Standard Profiles'!$G$18=$B$24,21,0),MOD($C4448,24)+1)/SUM(INDEX($D$3:$AA$30,INDEX(Jesper!$R$2:$R$366,ROW(INDEX(Jesper!AH$2:AH$366,ROUNDDOWN($C4448/24,0)+1,1))-1)+IF('Standard Profiles'!$G$18=$B$10,7,0)+IF('Standard Profiles'!$G$18=$B$17,14,0)+IF('Standard Profiles'!$G$18=$B$24,21,0),0)),0)</f>
        <v>5.3706826543444777</v>
      </c>
      <c r="E4448" cm="1">
        <f t="array" ref="E4448">IFERROR(INDEX(Jesper!AI$2:AI$366,ROUNDDOWN($C4448/24,0)+1,1)*INDEX($D$3:$AA$30,INDEX(Jesper!$R$2:$R$366,ROW(INDEX(Jesper!AI$2:AI$366,ROUNDDOWN($C4448/24,0)+1,1))-1)+IF('Standard Profiles'!$G$19=$B$10,7,0)+IF('Standard Profiles'!$G$19=$B$17,14,0)+IF('Standard Profiles'!$G$19=$B$24,21,0),MOD($C4448,24)+1)/SUM(INDEX($D$3:$AA$30,INDEX(Jesper!$R$2:$R$366,ROW(INDEX(Jesper!AI$2:AI$366,ROUNDDOWN($C4448/24,0)+1,1))-1)+IF('Standard Profiles'!$G$19=$B$10,7,0)+IF('Standard Profiles'!$G$19=$B$17,14,0)+IF('Standard Profiles'!$G$19=$B$24,21,0),0)),0)</f>
        <v>2.2550262409266209</v>
      </c>
      <c r="F4448" cm="1">
        <f t="array" ref="F4448">IFERROR(INDEX(Jesper!AJ$2:AJ$366,ROUNDDOWN($C4448/24,0)+1,1)*INDEX($D$3:$AA$30,INDEX(Jesper!$R$2:$R$366,ROW(INDEX(Jesper!AJ$2:AJ$366,ROUNDDOWN($C4448/24,0)+1,1))-1)+IF('Standard Profiles'!$G$20=$B$10,7,0)+IF('Standard Profiles'!$G$20=$B$17,14,0)+IF('Standard Profiles'!$G$20=$B$24,21,0),MOD($C4448,24)+1)/SUM(INDEX($D$3:$AA$30,INDEX(Jesper!$R$2:$R$366,ROW(INDEX(Jesper!AJ$2:AJ$366,ROUNDDOWN($C4448/24,0)+1,1))-1)+IF('Standard Profiles'!$G$20=$B$10,7,0)+IF('Standard Profiles'!$G$20=$B$17,14,0)+IF('Standard Profiles'!$G$20=$B$24,21,0),0)),0)</f>
        <v>0</v>
      </c>
      <c r="G4448" cm="1">
        <f t="array" ref="G4448">IFERROR(INDEX(Jesper!AK$2:AK$366,ROUNDDOWN($C4448/24,0)+1,1)*INDEX($D$3:$AA$30,INDEX(Jesper!$R$2:$R$366,ROW(INDEX(Jesper!AK$2:AK$366,ROUNDDOWN($C4448/24,0)+1,1))-1)+IF('Standard Profiles'!$G$21=$B$10,7,0)+IF('Standard Profiles'!$G$21=$B$17,14,0)+IF('Standard Profiles'!$G$21=$B$24,21,0),MOD($C4448,24)+1)/SUM(INDEX($D$3:$AA$30,INDEX(Jesper!$R$2:$R$366,ROW(INDEX(Jesper!AK$2:AK$366,ROUNDDOWN($C4448/24,0)+1,1))-1)+IF('Standard Profiles'!$G$21=$B$10,7,0)+IF('Standard Profiles'!$G$21=$B$17,14,0)+IF('Standard Profiles'!$G$21=$B$24,21,0),0)),0)</f>
        <v>0.18588850246076369</v>
      </c>
      <c r="H4448" cm="1">
        <f t="array" ref="H4448">IFERROR(INDEX(Jesper!AL$2:AL$366,ROUNDDOWN($C4448/24,0)+1,1)*INDEX($D$3:$AA$30,INDEX(Jesper!$R$2:$R$366,ROW(INDEX(Jesper!AL$2:AL$366,ROUNDDOWN($C4448/24,0)+1,1))-1)+IF('Standard Profiles'!$G$22=$B$10,7,0)+IF('Standard Profiles'!$G$22=$B$17,14,0)+IF('Standard Profiles'!$G$22=$B$24,21,0),MOD($C4448,24)+1)/SUM(INDEX($D$3:$AA$30,INDEX(Jesper!$R$2:$R$366,ROW(INDEX(Jesper!AL$2:AL$366,ROUNDDOWN($C4448/24,0)+1,1))-1)+IF('Standard Profiles'!$G$22=$B$10,7,0)+IF('Standard Profiles'!$G$22=$B$17,14,0)+IF('Standard Profiles'!$G$22=$B$24,21,0),0)),0)</f>
        <v>0</v>
      </c>
      <c r="I4448">
        <f t="shared" si="496"/>
        <v>8.9226481181166523E-2</v>
      </c>
      <c r="J4448">
        <f t="shared" si="497"/>
        <v>6.8630616918555791</v>
      </c>
      <c r="K4448">
        <f t="shared" si="498"/>
        <v>0.57287281646341104</v>
      </c>
      <c r="L4448">
        <f t="shared" si="499"/>
        <v>0.28643640823170552</v>
      </c>
      <c r="M4448">
        <f t="shared" si="500"/>
        <v>0</v>
      </c>
      <c r="N4448" s="45">
        <f t="shared" si="501"/>
        <v>45110.916666655961</v>
      </c>
    </row>
    <row r="4449" spans="2:14" x14ac:dyDescent="0.25">
      <c r="B4449">
        <f t="shared" si="495"/>
        <v>1</v>
      </c>
      <c r="C4449" s="16">
        <v>4415</v>
      </c>
      <c r="D4449" cm="1">
        <f t="array" ref="D4449">IFERROR(INDEX(Jesper!AH$2:AH$366,ROUNDDOWN($C4449/24,0)+1,1)*INDEX($D$3:$AA$30,INDEX(Jesper!$R$2:$R$366,ROW(INDEX(Jesper!AH$2:AH$366,ROUNDDOWN($C4449/24,0)+1,1))-1)+IF('Standard Profiles'!$G$18=$B$10,7,0)+IF('Standard Profiles'!$G$18=$B$17,14,0)+IF('Standard Profiles'!$G$18=$B$24,21,0),MOD($C4449,24)+1)/SUM(INDEX($D$3:$AA$30,INDEX(Jesper!$R$2:$R$366,ROW(INDEX(Jesper!AH$2:AH$366,ROUNDDOWN($C4449/24,0)+1,1))-1)+IF('Standard Profiles'!$G$18=$B$10,7,0)+IF('Standard Profiles'!$G$18=$B$17,14,0)+IF('Standard Profiles'!$G$18=$B$24,21,0),0)),0)</f>
        <v>5.3706826543444777</v>
      </c>
      <c r="E4449" cm="1">
        <f t="array" ref="E4449">IFERROR(INDEX(Jesper!AI$2:AI$366,ROUNDDOWN($C4449/24,0)+1,1)*INDEX($D$3:$AA$30,INDEX(Jesper!$R$2:$R$366,ROW(INDEX(Jesper!AI$2:AI$366,ROUNDDOWN($C4449/24,0)+1,1))-1)+IF('Standard Profiles'!$G$19=$B$10,7,0)+IF('Standard Profiles'!$G$19=$B$17,14,0)+IF('Standard Profiles'!$G$19=$B$24,21,0),MOD($C4449,24)+1)/SUM(INDEX($D$3:$AA$30,INDEX(Jesper!$R$2:$R$366,ROW(INDEX(Jesper!AI$2:AI$366,ROUNDDOWN($C4449/24,0)+1,1))-1)+IF('Standard Profiles'!$G$19=$B$10,7,0)+IF('Standard Profiles'!$G$19=$B$17,14,0)+IF('Standard Profiles'!$G$19=$B$24,21,0),0)),0)</f>
        <v>2.2550262409266209</v>
      </c>
      <c r="F4449" cm="1">
        <f t="array" ref="F4449">IFERROR(INDEX(Jesper!AJ$2:AJ$366,ROUNDDOWN($C4449/24,0)+1,1)*INDEX($D$3:$AA$30,INDEX(Jesper!$R$2:$R$366,ROW(INDEX(Jesper!AJ$2:AJ$366,ROUNDDOWN($C4449/24,0)+1,1))-1)+IF('Standard Profiles'!$G$20=$B$10,7,0)+IF('Standard Profiles'!$G$20=$B$17,14,0)+IF('Standard Profiles'!$G$20=$B$24,21,0),MOD($C4449,24)+1)/SUM(INDEX($D$3:$AA$30,INDEX(Jesper!$R$2:$R$366,ROW(INDEX(Jesper!AJ$2:AJ$366,ROUNDDOWN($C4449/24,0)+1,1))-1)+IF('Standard Profiles'!$G$20=$B$10,7,0)+IF('Standard Profiles'!$G$20=$B$17,14,0)+IF('Standard Profiles'!$G$20=$B$24,21,0),0)),0)</f>
        <v>0</v>
      </c>
      <c r="G4449" cm="1">
        <f t="array" ref="G4449">IFERROR(INDEX(Jesper!AK$2:AK$366,ROUNDDOWN($C4449/24,0)+1,1)*INDEX($D$3:$AA$30,INDEX(Jesper!$R$2:$R$366,ROW(INDEX(Jesper!AK$2:AK$366,ROUNDDOWN($C4449/24,0)+1,1))-1)+IF('Standard Profiles'!$G$21=$B$10,7,0)+IF('Standard Profiles'!$G$21=$B$17,14,0)+IF('Standard Profiles'!$G$21=$B$24,21,0),MOD($C4449,24)+1)/SUM(INDEX($D$3:$AA$30,INDEX(Jesper!$R$2:$R$366,ROW(INDEX(Jesper!AK$2:AK$366,ROUNDDOWN($C4449/24,0)+1,1))-1)+IF('Standard Profiles'!$G$21=$B$10,7,0)+IF('Standard Profiles'!$G$21=$B$17,14,0)+IF('Standard Profiles'!$G$21=$B$24,21,0),0)),0)</f>
        <v>0.18588850246076369</v>
      </c>
      <c r="H4449" cm="1">
        <f t="array" ref="H4449">IFERROR(INDEX(Jesper!AL$2:AL$366,ROUNDDOWN($C4449/24,0)+1,1)*INDEX($D$3:$AA$30,INDEX(Jesper!$R$2:$R$366,ROW(INDEX(Jesper!AL$2:AL$366,ROUNDDOWN($C4449/24,0)+1,1))-1)+IF('Standard Profiles'!$G$22=$B$10,7,0)+IF('Standard Profiles'!$G$22=$B$17,14,0)+IF('Standard Profiles'!$G$22=$B$24,21,0),MOD($C4449,24)+1)/SUM(INDEX($D$3:$AA$30,INDEX(Jesper!$R$2:$R$366,ROW(INDEX(Jesper!AL$2:AL$366,ROUNDDOWN($C4449/24,0)+1,1))-1)+IF('Standard Profiles'!$G$22=$B$10,7,0)+IF('Standard Profiles'!$G$22=$B$17,14,0)+IF('Standard Profiles'!$G$22=$B$24,21,0),0)),0)</f>
        <v>0</v>
      </c>
      <c r="I4449">
        <f t="shared" si="496"/>
        <v>8.9226481181166523E-2</v>
      </c>
      <c r="J4449">
        <f t="shared" si="497"/>
        <v>6.8630616918555791</v>
      </c>
      <c r="K4449">
        <f t="shared" si="498"/>
        <v>0.57287281646341104</v>
      </c>
      <c r="L4449">
        <f t="shared" si="499"/>
        <v>0.28643640823170552</v>
      </c>
      <c r="M4449">
        <f t="shared" si="500"/>
        <v>0</v>
      </c>
      <c r="N4449" s="45">
        <f t="shared" si="501"/>
        <v>45110.958333322626</v>
      </c>
    </row>
    <row r="4450" spans="2:14" x14ac:dyDescent="0.25">
      <c r="B4450">
        <f t="shared" si="495"/>
        <v>2</v>
      </c>
      <c r="C4450" s="16">
        <v>4416</v>
      </c>
      <c r="D4450" cm="1">
        <f t="array" ref="D4450">IFERROR(INDEX(Jesper!AH$2:AH$366,ROUNDDOWN($C4450/24,0)+1,1)*INDEX($D$3:$AA$30,INDEX(Jesper!$R$2:$R$366,ROW(INDEX(Jesper!AH$2:AH$366,ROUNDDOWN($C4450/24,0)+1,1))-1)+IF('Standard Profiles'!$G$18=$B$10,7,0)+IF('Standard Profiles'!$G$18=$B$17,14,0)+IF('Standard Profiles'!$G$18=$B$24,21,0),MOD($C4450,24)+1)/SUM(INDEX($D$3:$AA$30,INDEX(Jesper!$R$2:$R$366,ROW(INDEX(Jesper!AH$2:AH$366,ROUNDDOWN($C4450/24,0)+1,1))-1)+IF('Standard Profiles'!$G$18=$B$10,7,0)+IF('Standard Profiles'!$G$18=$B$17,14,0)+IF('Standard Profiles'!$G$18=$B$24,21,0),0)),0)</f>
        <v>3.361529038808349</v>
      </c>
      <c r="E4450" cm="1">
        <f t="array" ref="E4450">IFERROR(INDEX(Jesper!AI$2:AI$366,ROUNDDOWN($C4450/24,0)+1,1)*INDEX($D$3:$AA$30,INDEX(Jesper!$R$2:$R$366,ROW(INDEX(Jesper!AI$2:AI$366,ROUNDDOWN($C4450/24,0)+1,1))-1)+IF('Standard Profiles'!$G$19=$B$10,7,0)+IF('Standard Profiles'!$G$19=$B$17,14,0)+IF('Standard Profiles'!$G$19=$B$24,21,0),MOD($C4450,24)+1)/SUM(INDEX($D$3:$AA$30,INDEX(Jesper!$R$2:$R$366,ROW(INDEX(Jesper!AI$2:AI$366,ROUNDDOWN($C4450/24,0)+1,1))-1)+IF('Standard Profiles'!$G$19=$B$10,7,0)+IF('Standard Profiles'!$G$19=$B$17,14,0)+IF('Standard Profiles'!$G$19=$B$24,21,0),0)),0)</f>
        <v>1.3254921783736995</v>
      </c>
      <c r="F4450" cm="1">
        <f t="array" ref="F4450">IFERROR(INDEX(Jesper!AJ$2:AJ$366,ROUNDDOWN($C4450/24,0)+1,1)*INDEX($D$3:$AA$30,INDEX(Jesper!$R$2:$R$366,ROW(INDEX(Jesper!AJ$2:AJ$366,ROUNDDOWN($C4450/24,0)+1,1))-1)+IF('Standard Profiles'!$G$20=$B$10,7,0)+IF('Standard Profiles'!$G$20=$B$17,14,0)+IF('Standard Profiles'!$G$20=$B$24,21,0),MOD($C4450,24)+1)/SUM(INDEX($D$3:$AA$30,INDEX(Jesper!$R$2:$R$366,ROW(INDEX(Jesper!AJ$2:AJ$366,ROUNDDOWN($C4450/24,0)+1,1))-1)+IF('Standard Profiles'!$G$20=$B$10,7,0)+IF('Standard Profiles'!$G$20=$B$17,14,0)+IF('Standard Profiles'!$G$20=$B$24,21,0),0)),0)</f>
        <v>0</v>
      </c>
      <c r="G4450" cm="1">
        <f t="array" ref="G4450">IFERROR(INDEX(Jesper!AK$2:AK$366,ROUNDDOWN($C4450/24,0)+1,1)*INDEX($D$3:$AA$30,INDEX(Jesper!$R$2:$R$366,ROW(INDEX(Jesper!AK$2:AK$366,ROUNDDOWN($C4450/24,0)+1,1))-1)+IF('Standard Profiles'!$G$21=$B$10,7,0)+IF('Standard Profiles'!$G$21=$B$17,14,0)+IF('Standard Profiles'!$G$21=$B$24,21,0),MOD($C4450,24)+1)/SUM(INDEX($D$3:$AA$30,INDEX(Jesper!$R$2:$R$366,ROW(INDEX(Jesper!AK$2:AK$366,ROUNDDOWN($C4450/24,0)+1,1))-1)+IF('Standard Profiles'!$G$21=$B$10,7,0)+IF('Standard Profiles'!$G$21=$B$17,14,0)+IF('Standard Profiles'!$G$21=$B$24,21,0),0)),0)</f>
        <v>0</v>
      </c>
      <c r="H4450" cm="1">
        <f t="array" ref="H4450">IFERROR(INDEX(Jesper!AL$2:AL$366,ROUNDDOWN($C4450/24,0)+1,1)*INDEX($D$3:$AA$30,INDEX(Jesper!$R$2:$R$366,ROW(INDEX(Jesper!AL$2:AL$366,ROUNDDOWN($C4450/24,0)+1,1))-1)+IF('Standard Profiles'!$G$22=$B$10,7,0)+IF('Standard Profiles'!$G$22=$B$17,14,0)+IF('Standard Profiles'!$G$22=$B$24,21,0),MOD($C4450,24)+1)/SUM(INDEX($D$3:$AA$30,INDEX(Jesper!$R$2:$R$366,ROW(INDEX(Jesper!AL$2:AL$366,ROUNDDOWN($C4450/24,0)+1,1))-1)+IF('Standard Profiles'!$G$22=$B$10,7,0)+IF('Standard Profiles'!$G$22=$B$17,14,0)+IF('Standard Profiles'!$G$22=$B$24,21,0),0)),0)</f>
        <v>0</v>
      </c>
      <c r="I4450">
        <f t="shared" si="496"/>
        <v>0</v>
      </c>
      <c r="J4450">
        <f t="shared" si="497"/>
        <v>4.1491765709727124</v>
      </c>
      <c r="K4450">
        <f t="shared" si="498"/>
        <v>0.35856309747289056</v>
      </c>
      <c r="L4450">
        <f t="shared" si="499"/>
        <v>0.17928154873644528</v>
      </c>
      <c r="M4450">
        <f t="shared" si="500"/>
        <v>0</v>
      </c>
      <c r="N4450" s="45">
        <f t="shared" si="501"/>
        <v>45110.99999998929</v>
      </c>
    </row>
    <row r="4451" spans="2:14" x14ac:dyDescent="0.25">
      <c r="B4451">
        <f t="shared" ref="B4451:B4514" si="502">WEEKDAY(N4451,2)</f>
        <v>2</v>
      </c>
      <c r="C4451" s="16">
        <v>4417</v>
      </c>
      <c r="D4451" cm="1">
        <f t="array" ref="D4451">IFERROR(INDEX(Jesper!AH$2:AH$366,ROUNDDOWN($C4451/24,0)+1,1)*INDEX($D$3:$AA$30,INDEX(Jesper!$R$2:$R$366,ROW(INDEX(Jesper!AH$2:AH$366,ROUNDDOWN($C4451/24,0)+1,1))-1)+IF('Standard Profiles'!$G$18=$B$10,7,0)+IF('Standard Profiles'!$G$18=$B$17,14,0)+IF('Standard Profiles'!$G$18=$B$24,21,0),MOD($C4451,24)+1)/SUM(INDEX($D$3:$AA$30,INDEX(Jesper!$R$2:$R$366,ROW(INDEX(Jesper!AH$2:AH$366,ROUNDDOWN($C4451/24,0)+1,1))-1)+IF('Standard Profiles'!$G$18=$B$10,7,0)+IF('Standard Profiles'!$G$18=$B$17,14,0)+IF('Standard Profiles'!$G$18=$B$24,21,0),0)),0)</f>
        <v>5.1223299638984372</v>
      </c>
      <c r="E4451" cm="1">
        <f t="array" ref="E4451">IFERROR(INDEX(Jesper!AI$2:AI$366,ROUNDDOWN($C4451/24,0)+1,1)*INDEX($D$3:$AA$30,INDEX(Jesper!$R$2:$R$366,ROW(INDEX(Jesper!AI$2:AI$366,ROUNDDOWN($C4451/24,0)+1,1))-1)+IF('Standard Profiles'!$G$19=$B$10,7,0)+IF('Standard Profiles'!$G$19=$B$17,14,0)+IF('Standard Profiles'!$G$19=$B$24,21,0),MOD($C4451,24)+1)/SUM(INDEX($D$3:$AA$30,INDEX(Jesper!$R$2:$R$366,ROW(INDEX(Jesper!AI$2:AI$366,ROUNDDOWN($C4451/24,0)+1,1))-1)+IF('Standard Profiles'!$G$19=$B$10,7,0)+IF('Standard Profiles'!$G$19=$B$17,14,0)+IF('Standard Profiles'!$G$19=$B$24,21,0),0)),0)</f>
        <v>2.0197976051408757</v>
      </c>
      <c r="F4451" cm="1">
        <f t="array" ref="F4451">IFERROR(INDEX(Jesper!AJ$2:AJ$366,ROUNDDOWN($C4451/24,0)+1,1)*INDEX($D$3:$AA$30,INDEX(Jesper!$R$2:$R$366,ROW(INDEX(Jesper!AJ$2:AJ$366,ROUNDDOWN($C4451/24,0)+1,1))-1)+IF('Standard Profiles'!$G$20=$B$10,7,0)+IF('Standard Profiles'!$G$20=$B$17,14,0)+IF('Standard Profiles'!$G$20=$B$24,21,0),MOD($C4451,24)+1)/SUM(INDEX($D$3:$AA$30,INDEX(Jesper!$R$2:$R$366,ROW(INDEX(Jesper!AJ$2:AJ$366,ROUNDDOWN($C4451/24,0)+1,1))-1)+IF('Standard Profiles'!$G$20=$B$10,7,0)+IF('Standard Profiles'!$G$20=$B$17,14,0)+IF('Standard Profiles'!$G$20=$B$24,21,0),0)),0)</f>
        <v>0</v>
      </c>
      <c r="G4451" cm="1">
        <f t="array" ref="G4451">IFERROR(INDEX(Jesper!AK$2:AK$366,ROUNDDOWN($C4451/24,0)+1,1)*INDEX($D$3:$AA$30,INDEX(Jesper!$R$2:$R$366,ROW(INDEX(Jesper!AK$2:AK$366,ROUNDDOWN($C4451/24,0)+1,1))-1)+IF('Standard Profiles'!$G$21=$B$10,7,0)+IF('Standard Profiles'!$G$21=$B$17,14,0)+IF('Standard Profiles'!$G$21=$B$24,21,0),MOD($C4451,24)+1)/SUM(INDEX($D$3:$AA$30,INDEX(Jesper!$R$2:$R$366,ROW(INDEX(Jesper!AK$2:AK$366,ROUNDDOWN($C4451/24,0)+1,1))-1)+IF('Standard Profiles'!$G$21=$B$10,7,0)+IF('Standard Profiles'!$G$21=$B$17,14,0)+IF('Standard Profiles'!$G$21=$B$24,21,0),0)),0)</f>
        <v>0</v>
      </c>
      <c r="H4451" cm="1">
        <f t="array" ref="H4451">IFERROR(INDEX(Jesper!AL$2:AL$366,ROUNDDOWN($C4451/24,0)+1,1)*INDEX($D$3:$AA$30,INDEX(Jesper!$R$2:$R$366,ROW(INDEX(Jesper!AL$2:AL$366,ROUNDDOWN($C4451/24,0)+1,1))-1)+IF('Standard Profiles'!$G$22=$B$10,7,0)+IF('Standard Profiles'!$G$22=$B$17,14,0)+IF('Standard Profiles'!$G$22=$B$24,21,0),MOD($C4451,24)+1)/SUM(INDEX($D$3:$AA$30,INDEX(Jesper!$R$2:$R$366,ROW(INDEX(Jesper!AL$2:AL$366,ROUNDDOWN($C4451/24,0)+1,1))-1)+IF('Standard Profiles'!$G$22=$B$10,7,0)+IF('Standard Profiles'!$G$22=$B$17,14,0)+IF('Standard Profiles'!$G$22=$B$24,21,0),0)),0)</f>
        <v>0</v>
      </c>
      <c r="I4451">
        <f t="shared" ref="I4451:I4514" si="503">IF($B4451&lt;6,AC$37*$D4451+AC$38*$E4451+AC$39*$F4451+AC$40*$G4451,AC$46*$D4451+AC$47*$E4451+AC$48*$F4451+AC$49*$G4451+AC$50*$H4451)</f>
        <v>0</v>
      </c>
      <c r="J4451">
        <f t="shared" ref="J4451:J4514" si="504">IF($B4451&lt;6,AD$37*$D4451+AD$38*$E4451+AD$39*$F4451+AD$40*$G4451,AD$46*$D4451+AD$47*$E4451+AD$48*$F4451+AD$49*$G4451+AD$50*$H4451)</f>
        <v>6.3225547748155631</v>
      </c>
      <c r="K4451">
        <f t="shared" ref="K4451:K4514" si="505">IF($B4451&lt;6,AE$37*$D4451+AE$38*$E4451+AE$39*$F4451+AE$40*$G4451,AE$46*$D4451+AE$47*$E4451+AE$48*$F4451+AE$49*$G4451+AE$50*$H4451)</f>
        <v>0.54638186281583334</v>
      </c>
      <c r="L4451">
        <f t="shared" ref="L4451:L4514" si="506">IF($B4451&lt;6,AF$37*$D4451+AF$38*$E4451+AF$39*$F4451+AF$40*$G4451,AF$46*$D4451+AF$47*$E4451+AF$48*$F4451+AF$49*$G4451+AF$50*$H4451)</f>
        <v>0.27319093140791667</v>
      </c>
      <c r="M4451">
        <f t="shared" ref="M4451:M4514" si="507">IF($B4451&lt;6,AG$37*$D4451+AG$38*$E4451+AG$39*$F4451+AG$40*$G4451,AG$46*$D4451+AG$47*$E4451+AG$48*$F4451+AG$49*$G4451+AG$50*$H4451)</f>
        <v>0</v>
      </c>
      <c r="N4451" s="45">
        <f t="shared" si="501"/>
        <v>45111.041666655954</v>
      </c>
    </row>
    <row r="4452" spans="2:14" x14ac:dyDescent="0.25">
      <c r="B4452">
        <f t="shared" si="502"/>
        <v>2</v>
      </c>
      <c r="C4452" s="16">
        <v>4418</v>
      </c>
      <c r="D4452" cm="1">
        <f t="array" ref="D4452">IFERROR(INDEX(Jesper!AH$2:AH$366,ROUNDDOWN($C4452/24,0)+1,1)*INDEX($D$3:$AA$30,INDEX(Jesper!$R$2:$R$366,ROW(INDEX(Jesper!AH$2:AH$366,ROUNDDOWN($C4452/24,0)+1,1))-1)+IF('Standard Profiles'!$G$18=$B$10,7,0)+IF('Standard Profiles'!$G$18=$B$17,14,0)+IF('Standard Profiles'!$G$18=$B$24,21,0),MOD($C4452,24)+1)/SUM(INDEX($D$3:$AA$30,INDEX(Jesper!$R$2:$R$366,ROW(INDEX(Jesper!AH$2:AH$366,ROUNDDOWN($C4452/24,0)+1,1))-1)+IF('Standard Profiles'!$G$18=$B$10,7,0)+IF('Standard Profiles'!$G$18=$B$17,14,0)+IF('Standard Profiles'!$G$18=$B$24,21,0),0)),0)</f>
        <v>5.1223299638984372</v>
      </c>
      <c r="E4452" cm="1">
        <f t="array" ref="E4452">IFERROR(INDEX(Jesper!AI$2:AI$366,ROUNDDOWN($C4452/24,0)+1,1)*INDEX($D$3:$AA$30,INDEX(Jesper!$R$2:$R$366,ROW(INDEX(Jesper!AI$2:AI$366,ROUNDDOWN($C4452/24,0)+1,1))-1)+IF('Standard Profiles'!$G$19=$B$10,7,0)+IF('Standard Profiles'!$G$19=$B$17,14,0)+IF('Standard Profiles'!$G$19=$B$24,21,0),MOD($C4452,24)+1)/SUM(INDEX($D$3:$AA$30,INDEX(Jesper!$R$2:$R$366,ROW(INDEX(Jesper!AI$2:AI$366,ROUNDDOWN($C4452/24,0)+1,1))-1)+IF('Standard Profiles'!$G$19=$B$10,7,0)+IF('Standard Profiles'!$G$19=$B$17,14,0)+IF('Standard Profiles'!$G$19=$B$24,21,0),0)),0)</f>
        <v>2.0197976051408757</v>
      </c>
      <c r="F4452" cm="1">
        <f t="array" ref="F4452">IFERROR(INDEX(Jesper!AJ$2:AJ$366,ROUNDDOWN($C4452/24,0)+1,1)*INDEX($D$3:$AA$30,INDEX(Jesper!$R$2:$R$366,ROW(INDEX(Jesper!AJ$2:AJ$366,ROUNDDOWN($C4452/24,0)+1,1))-1)+IF('Standard Profiles'!$G$20=$B$10,7,0)+IF('Standard Profiles'!$G$20=$B$17,14,0)+IF('Standard Profiles'!$G$20=$B$24,21,0),MOD($C4452,24)+1)/SUM(INDEX($D$3:$AA$30,INDEX(Jesper!$R$2:$R$366,ROW(INDEX(Jesper!AJ$2:AJ$366,ROUNDDOWN($C4452/24,0)+1,1))-1)+IF('Standard Profiles'!$G$20=$B$10,7,0)+IF('Standard Profiles'!$G$20=$B$17,14,0)+IF('Standard Profiles'!$G$20=$B$24,21,0),0)),0)</f>
        <v>0</v>
      </c>
      <c r="G4452" cm="1">
        <f t="array" ref="G4452">IFERROR(INDEX(Jesper!AK$2:AK$366,ROUNDDOWN($C4452/24,0)+1,1)*INDEX($D$3:$AA$30,INDEX(Jesper!$R$2:$R$366,ROW(INDEX(Jesper!AK$2:AK$366,ROUNDDOWN($C4452/24,0)+1,1))-1)+IF('Standard Profiles'!$G$21=$B$10,7,0)+IF('Standard Profiles'!$G$21=$B$17,14,0)+IF('Standard Profiles'!$G$21=$B$24,21,0),MOD($C4452,24)+1)/SUM(INDEX($D$3:$AA$30,INDEX(Jesper!$R$2:$R$366,ROW(INDEX(Jesper!AK$2:AK$366,ROUNDDOWN($C4452/24,0)+1,1))-1)+IF('Standard Profiles'!$G$21=$B$10,7,0)+IF('Standard Profiles'!$G$21=$B$17,14,0)+IF('Standard Profiles'!$G$21=$B$24,21,0),0)),0)</f>
        <v>0</v>
      </c>
      <c r="H4452" cm="1">
        <f t="array" ref="H4452">IFERROR(INDEX(Jesper!AL$2:AL$366,ROUNDDOWN($C4452/24,0)+1,1)*INDEX($D$3:$AA$30,INDEX(Jesper!$R$2:$R$366,ROW(INDEX(Jesper!AL$2:AL$366,ROUNDDOWN($C4452/24,0)+1,1))-1)+IF('Standard Profiles'!$G$22=$B$10,7,0)+IF('Standard Profiles'!$G$22=$B$17,14,0)+IF('Standard Profiles'!$G$22=$B$24,21,0),MOD($C4452,24)+1)/SUM(INDEX($D$3:$AA$30,INDEX(Jesper!$R$2:$R$366,ROW(INDEX(Jesper!AL$2:AL$366,ROUNDDOWN($C4452/24,0)+1,1))-1)+IF('Standard Profiles'!$G$22=$B$10,7,0)+IF('Standard Profiles'!$G$22=$B$17,14,0)+IF('Standard Profiles'!$G$22=$B$24,21,0),0)),0)</f>
        <v>0</v>
      </c>
      <c r="I4452">
        <f t="shared" si="503"/>
        <v>0</v>
      </c>
      <c r="J4452">
        <f t="shared" si="504"/>
        <v>6.3225547748155631</v>
      </c>
      <c r="K4452">
        <f t="shared" si="505"/>
        <v>0.54638186281583334</v>
      </c>
      <c r="L4452">
        <f t="shared" si="506"/>
        <v>0.27319093140791667</v>
      </c>
      <c r="M4452">
        <f t="shared" si="507"/>
        <v>0</v>
      </c>
      <c r="N4452" s="45">
        <f t="shared" ref="N4452:N4515" si="508">N4451+1/24</f>
        <v>45111.083333322618</v>
      </c>
    </row>
    <row r="4453" spans="2:14" x14ac:dyDescent="0.25">
      <c r="B4453">
        <f t="shared" si="502"/>
        <v>2</v>
      </c>
      <c r="C4453" s="16">
        <v>4419</v>
      </c>
      <c r="D4453" cm="1">
        <f t="array" ref="D4453">IFERROR(INDEX(Jesper!AH$2:AH$366,ROUNDDOWN($C4453/24,0)+1,1)*INDEX($D$3:$AA$30,INDEX(Jesper!$R$2:$R$366,ROW(INDEX(Jesper!AH$2:AH$366,ROUNDDOWN($C4453/24,0)+1,1))-1)+IF('Standard Profiles'!$G$18=$B$10,7,0)+IF('Standard Profiles'!$G$18=$B$17,14,0)+IF('Standard Profiles'!$G$18=$B$24,21,0),MOD($C4453,24)+1)/SUM(INDEX($D$3:$AA$30,INDEX(Jesper!$R$2:$R$366,ROW(INDEX(Jesper!AH$2:AH$366,ROUNDDOWN($C4453/24,0)+1,1))-1)+IF('Standard Profiles'!$G$18=$B$10,7,0)+IF('Standard Profiles'!$G$18=$B$17,14,0)+IF('Standard Profiles'!$G$18=$B$24,21,0),0)),0)</f>
        <v>5.1223299638984372</v>
      </c>
      <c r="E4453" cm="1">
        <f t="array" ref="E4453">IFERROR(INDEX(Jesper!AI$2:AI$366,ROUNDDOWN($C4453/24,0)+1,1)*INDEX($D$3:$AA$30,INDEX(Jesper!$R$2:$R$366,ROW(INDEX(Jesper!AI$2:AI$366,ROUNDDOWN($C4453/24,0)+1,1))-1)+IF('Standard Profiles'!$G$19=$B$10,7,0)+IF('Standard Profiles'!$G$19=$B$17,14,0)+IF('Standard Profiles'!$G$19=$B$24,21,0),MOD($C4453,24)+1)/SUM(INDEX($D$3:$AA$30,INDEX(Jesper!$R$2:$R$366,ROW(INDEX(Jesper!AI$2:AI$366,ROUNDDOWN($C4453/24,0)+1,1))-1)+IF('Standard Profiles'!$G$19=$B$10,7,0)+IF('Standard Profiles'!$G$19=$B$17,14,0)+IF('Standard Profiles'!$G$19=$B$24,21,0),0)),0)</f>
        <v>2.0197976051408757</v>
      </c>
      <c r="F4453" cm="1">
        <f t="array" ref="F4453">IFERROR(INDEX(Jesper!AJ$2:AJ$366,ROUNDDOWN($C4453/24,0)+1,1)*INDEX($D$3:$AA$30,INDEX(Jesper!$R$2:$R$366,ROW(INDEX(Jesper!AJ$2:AJ$366,ROUNDDOWN($C4453/24,0)+1,1))-1)+IF('Standard Profiles'!$G$20=$B$10,7,0)+IF('Standard Profiles'!$G$20=$B$17,14,0)+IF('Standard Profiles'!$G$20=$B$24,21,0),MOD($C4453,24)+1)/SUM(INDEX($D$3:$AA$30,INDEX(Jesper!$R$2:$R$366,ROW(INDEX(Jesper!AJ$2:AJ$366,ROUNDDOWN($C4453/24,0)+1,1))-1)+IF('Standard Profiles'!$G$20=$B$10,7,0)+IF('Standard Profiles'!$G$20=$B$17,14,0)+IF('Standard Profiles'!$G$20=$B$24,21,0),0)),0)</f>
        <v>0</v>
      </c>
      <c r="G4453" cm="1">
        <f t="array" ref="G4453">IFERROR(INDEX(Jesper!AK$2:AK$366,ROUNDDOWN($C4453/24,0)+1,1)*INDEX($D$3:$AA$30,INDEX(Jesper!$R$2:$R$366,ROW(INDEX(Jesper!AK$2:AK$366,ROUNDDOWN($C4453/24,0)+1,1))-1)+IF('Standard Profiles'!$G$21=$B$10,7,0)+IF('Standard Profiles'!$G$21=$B$17,14,0)+IF('Standard Profiles'!$G$21=$B$24,21,0),MOD($C4453,24)+1)/SUM(INDEX($D$3:$AA$30,INDEX(Jesper!$R$2:$R$366,ROW(INDEX(Jesper!AK$2:AK$366,ROUNDDOWN($C4453/24,0)+1,1))-1)+IF('Standard Profiles'!$G$21=$B$10,7,0)+IF('Standard Profiles'!$G$21=$B$17,14,0)+IF('Standard Profiles'!$G$21=$B$24,21,0),0)),0)</f>
        <v>0</v>
      </c>
      <c r="H4453" cm="1">
        <f t="array" ref="H4453">IFERROR(INDEX(Jesper!AL$2:AL$366,ROUNDDOWN($C4453/24,0)+1,1)*INDEX($D$3:$AA$30,INDEX(Jesper!$R$2:$R$366,ROW(INDEX(Jesper!AL$2:AL$366,ROUNDDOWN($C4453/24,0)+1,1))-1)+IF('Standard Profiles'!$G$22=$B$10,7,0)+IF('Standard Profiles'!$G$22=$B$17,14,0)+IF('Standard Profiles'!$G$22=$B$24,21,0),MOD($C4453,24)+1)/SUM(INDEX($D$3:$AA$30,INDEX(Jesper!$R$2:$R$366,ROW(INDEX(Jesper!AL$2:AL$366,ROUNDDOWN($C4453/24,0)+1,1))-1)+IF('Standard Profiles'!$G$22=$B$10,7,0)+IF('Standard Profiles'!$G$22=$B$17,14,0)+IF('Standard Profiles'!$G$22=$B$24,21,0),0)),0)</f>
        <v>0</v>
      </c>
      <c r="I4453">
        <f t="shared" si="503"/>
        <v>0</v>
      </c>
      <c r="J4453">
        <f t="shared" si="504"/>
        <v>6.3225547748155631</v>
      </c>
      <c r="K4453">
        <f t="shared" si="505"/>
        <v>0.54638186281583334</v>
      </c>
      <c r="L4453">
        <f t="shared" si="506"/>
        <v>0.27319093140791667</v>
      </c>
      <c r="M4453">
        <f t="shared" si="507"/>
        <v>0</v>
      </c>
      <c r="N4453" s="45">
        <f t="shared" si="508"/>
        <v>45111.124999989283</v>
      </c>
    </row>
    <row r="4454" spans="2:14" x14ac:dyDescent="0.25">
      <c r="B4454">
        <f t="shared" si="502"/>
        <v>2</v>
      </c>
      <c r="C4454" s="16">
        <v>4420</v>
      </c>
      <c r="D4454" cm="1">
        <f t="array" ref="D4454">IFERROR(INDEX(Jesper!AH$2:AH$366,ROUNDDOWN($C4454/24,0)+1,1)*INDEX($D$3:$AA$30,INDEX(Jesper!$R$2:$R$366,ROW(INDEX(Jesper!AH$2:AH$366,ROUNDDOWN($C4454/24,0)+1,1))-1)+IF('Standard Profiles'!$G$18=$B$10,7,0)+IF('Standard Profiles'!$G$18=$B$17,14,0)+IF('Standard Profiles'!$G$18=$B$24,21,0),MOD($C4454,24)+1)/SUM(INDEX($D$3:$AA$30,INDEX(Jesper!$R$2:$R$366,ROW(INDEX(Jesper!AH$2:AH$366,ROUNDDOWN($C4454/24,0)+1,1))-1)+IF('Standard Profiles'!$G$18=$B$10,7,0)+IF('Standard Profiles'!$G$18=$B$17,14,0)+IF('Standard Profiles'!$G$18=$B$24,21,0),0)),0)</f>
        <v>5.1223299638984372</v>
      </c>
      <c r="E4454" cm="1">
        <f t="array" ref="E4454">IFERROR(INDEX(Jesper!AI$2:AI$366,ROUNDDOWN($C4454/24,0)+1,1)*INDEX($D$3:$AA$30,INDEX(Jesper!$R$2:$R$366,ROW(INDEX(Jesper!AI$2:AI$366,ROUNDDOWN($C4454/24,0)+1,1))-1)+IF('Standard Profiles'!$G$19=$B$10,7,0)+IF('Standard Profiles'!$G$19=$B$17,14,0)+IF('Standard Profiles'!$G$19=$B$24,21,0),MOD($C4454,24)+1)/SUM(INDEX($D$3:$AA$30,INDEX(Jesper!$R$2:$R$366,ROW(INDEX(Jesper!AI$2:AI$366,ROUNDDOWN($C4454/24,0)+1,1))-1)+IF('Standard Profiles'!$G$19=$B$10,7,0)+IF('Standard Profiles'!$G$19=$B$17,14,0)+IF('Standard Profiles'!$G$19=$B$24,21,0),0)),0)</f>
        <v>2.0197976051408757</v>
      </c>
      <c r="F4454" cm="1">
        <f t="array" ref="F4454">IFERROR(INDEX(Jesper!AJ$2:AJ$366,ROUNDDOWN($C4454/24,0)+1,1)*INDEX($D$3:$AA$30,INDEX(Jesper!$R$2:$R$366,ROW(INDEX(Jesper!AJ$2:AJ$366,ROUNDDOWN($C4454/24,0)+1,1))-1)+IF('Standard Profiles'!$G$20=$B$10,7,0)+IF('Standard Profiles'!$G$20=$B$17,14,0)+IF('Standard Profiles'!$G$20=$B$24,21,0),MOD($C4454,24)+1)/SUM(INDEX($D$3:$AA$30,INDEX(Jesper!$R$2:$R$366,ROW(INDEX(Jesper!AJ$2:AJ$366,ROUNDDOWN($C4454/24,0)+1,1))-1)+IF('Standard Profiles'!$G$20=$B$10,7,0)+IF('Standard Profiles'!$G$20=$B$17,14,0)+IF('Standard Profiles'!$G$20=$B$24,21,0),0)),0)</f>
        <v>0</v>
      </c>
      <c r="G4454" cm="1">
        <f t="array" ref="G4454">IFERROR(INDEX(Jesper!AK$2:AK$366,ROUNDDOWN($C4454/24,0)+1,1)*INDEX($D$3:$AA$30,INDEX(Jesper!$R$2:$R$366,ROW(INDEX(Jesper!AK$2:AK$366,ROUNDDOWN($C4454/24,0)+1,1))-1)+IF('Standard Profiles'!$G$21=$B$10,7,0)+IF('Standard Profiles'!$G$21=$B$17,14,0)+IF('Standard Profiles'!$G$21=$B$24,21,0),MOD($C4454,24)+1)/SUM(INDEX($D$3:$AA$30,INDEX(Jesper!$R$2:$R$366,ROW(INDEX(Jesper!AK$2:AK$366,ROUNDDOWN($C4454/24,0)+1,1))-1)+IF('Standard Profiles'!$G$21=$B$10,7,0)+IF('Standard Profiles'!$G$21=$B$17,14,0)+IF('Standard Profiles'!$G$21=$B$24,21,0),0)),0)</f>
        <v>0</v>
      </c>
      <c r="H4454" cm="1">
        <f t="array" ref="H4454">IFERROR(INDEX(Jesper!AL$2:AL$366,ROUNDDOWN($C4454/24,0)+1,1)*INDEX($D$3:$AA$30,INDEX(Jesper!$R$2:$R$366,ROW(INDEX(Jesper!AL$2:AL$366,ROUNDDOWN($C4454/24,0)+1,1))-1)+IF('Standard Profiles'!$G$22=$B$10,7,0)+IF('Standard Profiles'!$G$22=$B$17,14,0)+IF('Standard Profiles'!$G$22=$B$24,21,0),MOD($C4454,24)+1)/SUM(INDEX($D$3:$AA$30,INDEX(Jesper!$R$2:$R$366,ROW(INDEX(Jesper!AL$2:AL$366,ROUNDDOWN($C4454/24,0)+1,1))-1)+IF('Standard Profiles'!$G$22=$B$10,7,0)+IF('Standard Profiles'!$G$22=$B$17,14,0)+IF('Standard Profiles'!$G$22=$B$24,21,0),0)),0)</f>
        <v>0</v>
      </c>
      <c r="I4454">
        <f t="shared" si="503"/>
        <v>0</v>
      </c>
      <c r="J4454">
        <f t="shared" si="504"/>
        <v>6.3225547748155631</v>
      </c>
      <c r="K4454">
        <f t="shared" si="505"/>
        <v>0.54638186281583334</v>
      </c>
      <c r="L4454">
        <f t="shared" si="506"/>
        <v>0.27319093140791667</v>
      </c>
      <c r="M4454">
        <f t="shared" si="507"/>
        <v>0</v>
      </c>
      <c r="N4454" s="45">
        <f t="shared" si="508"/>
        <v>45111.166666655947</v>
      </c>
    </row>
    <row r="4455" spans="2:14" x14ac:dyDescent="0.25">
      <c r="B4455">
        <f t="shared" si="502"/>
        <v>2</v>
      </c>
      <c r="C4455" s="16">
        <v>4421</v>
      </c>
      <c r="D4455" cm="1">
        <f t="array" ref="D4455">IFERROR(INDEX(Jesper!AH$2:AH$366,ROUNDDOWN($C4455/24,0)+1,1)*INDEX($D$3:$AA$30,INDEX(Jesper!$R$2:$R$366,ROW(INDEX(Jesper!AH$2:AH$366,ROUNDDOWN($C4455/24,0)+1,1))-1)+IF('Standard Profiles'!$G$18=$B$10,7,0)+IF('Standard Profiles'!$G$18=$B$17,14,0)+IF('Standard Profiles'!$G$18=$B$24,21,0),MOD($C4455,24)+1)/SUM(INDEX($D$3:$AA$30,INDEX(Jesper!$R$2:$R$366,ROW(INDEX(Jesper!AH$2:AH$366,ROUNDDOWN($C4455/24,0)+1,1))-1)+IF('Standard Profiles'!$G$18=$B$10,7,0)+IF('Standard Profiles'!$G$18=$B$17,14,0)+IF('Standard Profiles'!$G$18=$B$24,21,0),0)),0)</f>
        <v>5.1223299638984372</v>
      </c>
      <c r="E4455" cm="1">
        <f t="array" ref="E4455">IFERROR(INDEX(Jesper!AI$2:AI$366,ROUNDDOWN($C4455/24,0)+1,1)*INDEX($D$3:$AA$30,INDEX(Jesper!$R$2:$R$366,ROW(INDEX(Jesper!AI$2:AI$366,ROUNDDOWN($C4455/24,0)+1,1))-1)+IF('Standard Profiles'!$G$19=$B$10,7,0)+IF('Standard Profiles'!$G$19=$B$17,14,0)+IF('Standard Profiles'!$G$19=$B$24,21,0),MOD($C4455,24)+1)/SUM(INDEX($D$3:$AA$30,INDEX(Jesper!$R$2:$R$366,ROW(INDEX(Jesper!AI$2:AI$366,ROUNDDOWN($C4455/24,0)+1,1))-1)+IF('Standard Profiles'!$G$19=$B$10,7,0)+IF('Standard Profiles'!$G$19=$B$17,14,0)+IF('Standard Profiles'!$G$19=$B$24,21,0),0)),0)</f>
        <v>2.0197976051408757</v>
      </c>
      <c r="F4455" cm="1">
        <f t="array" ref="F4455">IFERROR(INDEX(Jesper!AJ$2:AJ$366,ROUNDDOWN($C4455/24,0)+1,1)*INDEX($D$3:$AA$30,INDEX(Jesper!$R$2:$R$366,ROW(INDEX(Jesper!AJ$2:AJ$366,ROUNDDOWN($C4455/24,0)+1,1))-1)+IF('Standard Profiles'!$G$20=$B$10,7,0)+IF('Standard Profiles'!$G$20=$B$17,14,0)+IF('Standard Profiles'!$G$20=$B$24,21,0),MOD($C4455,24)+1)/SUM(INDEX($D$3:$AA$30,INDEX(Jesper!$R$2:$R$366,ROW(INDEX(Jesper!AJ$2:AJ$366,ROUNDDOWN($C4455/24,0)+1,1))-1)+IF('Standard Profiles'!$G$20=$B$10,7,0)+IF('Standard Profiles'!$G$20=$B$17,14,0)+IF('Standard Profiles'!$G$20=$B$24,21,0),0)),0)</f>
        <v>0</v>
      </c>
      <c r="G4455" cm="1">
        <f t="array" ref="G4455">IFERROR(INDEX(Jesper!AK$2:AK$366,ROUNDDOWN($C4455/24,0)+1,1)*INDEX($D$3:$AA$30,INDEX(Jesper!$R$2:$R$366,ROW(INDEX(Jesper!AK$2:AK$366,ROUNDDOWN($C4455/24,0)+1,1))-1)+IF('Standard Profiles'!$G$21=$B$10,7,0)+IF('Standard Profiles'!$G$21=$B$17,14,0)+IF('Standard Profiles'!$G$21=$B$24,21,0),MOD($C4455,24)+1)/SUM(INDEX($D$3:$AA$30,INDEX(Jesper!$R$2:$R$366,ROW(INDEX(Jesper!AK$2:AK$366,ROUNDDOWN($C4455/24,0)+1,1))-1)+IF('Standard Profiles'!$G$21=$B$10,7,0)+IF('Standard Profiles'!$G$21=$B$17,14,0)+IF('Standard Profiles'!$G$21=$B$24,21,0),0)),0)</f>
        <v>0</v>
      </c>
      <c r="H4455" cm="1">
        <f t="array" ref="H4455">IFERROR(INDEX(Jesper!AL$2:AL$366,ROUNDDOWN($C4455/24,0)+1,1)*INDEX($D$3:$AA$30,INDEX(Jesper!$R$2:$R$366,ROW(INDEX(Jesper!AL$2:AL$366,ROUNDDOWN($C4455/24,0)+1,1))-1)+IF('Standard Profiles'!$G$22=$B$10,7,0)+IF('Standard Profiles'!$G$22=$B$17,14,0)+IF('Standard Profiles'!$G$22=$B$24,21,0),MOD($C4455,24)+1)/SUM(INDEX($D$3:$AA$30,INDEX(Jesper!$R$2:$R$366,ROW(INDEX(Jesper!AL$2:AL$366,ROUNDDOWN($C4455/24,0)+1,1))-1)+IF('Standard Profiles'!$G$22=$B$10,7,0)+IF('Standard Profiles'!$G$22=$B$17,14,0)+IF('Standard Profiles'!$G$22=$B$24,21,0),0)),0)</f>
        <v>0</v>
      </c>
      <c r="I4455">
        <f t="shared" si="503"/>
        <v>0</v>
      </c>
      <c r="J4455">
        <f t="shared" si="504"/>
        <v>6.3225547748155631</v>
      </c>
      <c r="K4455">
        <f t="shared" si="505"/>
        <v>0.54638186281583334</v>
      </c>
      <c r="L4455">
        <f t="shared" si="506"/>
        <v>0.27319093140791667</v>
      </c>
      <c r="M4455">
        <f t="shared" si="507"/>
        <v>0</v>
      </c>
      <c r="N4455" s="45">
        <f t="shared" si="508"/>
        <v>45111.208333322611</v>
      </c>
    </row>
    <row r="4456" spans="2:14" x14ac:dyDescent="0.25">
      <c r="B4456">
        <f t="shared" si="502"/>
        <v>2</v>
      </c>
      <c r="C4456" s="16">
        <v>4422</v>
      </c>
      <c r="D4456" cm="1">
        <f t="array" ref="D4456">IFERROR(INDEX(Jesper!AH$2:AH$366,ROUNDDOWN($C4456/24,0)+1,1)*INDEX($D$3:$AA$30,INDEX(Jesper!$R$2:$R$366,ROW(INDEX(Jesper!AH$2:AH$366,ROUNDDOWN($C4456/24,0)+1,1))-1)+IF('Standard Profiles'!$G$18=$B$10,7,0)+IF('Standard Profiles'!$G$18=$B$17,14,0)+IF('Standard Profiles'!$G$18=$B$24,21,0),MOD($C4456,24)+1)/SUM(INDEX($D$3:$AA$30,INDEX(Jesper!$R$2:$R$366,ROW(INDEX(Jesper!AH$2:AH$366,ROUNDDOWN($C4456/24,0)+1,1))-1)+IF('Standard Profiles'!$G$18=$B$10,7,0)+IF('Standard Profiles'!$G$18=$B$17,14,0)+IF('Standard Profiles'!$G$18=$B$24,21,0),0)),0)</f>
        <v>5.1223299638984372</v>
      </c>
      <c r="E4456" cm="1">
        <f t="array" ref="E4456">IFERROR(INDEX(Jesper!AI$2:AI$366,ROUNDDOWN($C4456/24,0)+1,1)*INDEX($D$3:$AA$30,INDEX(Jesper!$R$2:$R$366,ROW(INDEX(Jesper!AI$2:AI$366,ROUNDDOWN($C4456/24,0)+1,1))-1)+IF('Standard Profiles'!$G$19=$B$10,7,0)+IF('Standard Profiles'!$G$19=$B$17,14,0)+IF('Standard Profiles'!$G$19=$B$24,21,0),MOD($C4456,24)+1)/SUM(INDEX($D$3:$AA$30,INDEX(Jesper!$R$2:$R$366,ROW(INDEX(Jesper!AI$2:AI$366,ROUNDDOWN($C4456/24,0)+1,1))-1)+IF('Standard Profiles'!$G$19=$B$10,7,0)+IF('Standard Profiles'!$G$19=$B$17,14,0)+IF('Standard Profiles'!$G$19=$B$24,21,0),0)),0)</f>
        <v>2.0197976051408757</v>
      </c>
      <c r="F4456" cm="1">
        <f t="array" ref="F4456">IFERROR(INDEX(Jesper!AJ$2:AJ$366,ROUNDDOWN($C4456/24,0)+1,1)*INDEX($D$3:$AA$30,INDEX(Jesper!$R$2:$R$366,ROW(INDEX(Jesper!AJ$2:AJ$366,ROUNDDOWN($C4456/24,0)+1,1))-1)+IF('Standard Profiles'!$G$20=$B$10,7,0)+IF('Standard Profiles'!$G$20=$B$17,14,0)+IF('Standard Profiles'!$G$20=$B$24,21,0),MOD($C4456,24)+1)/SUM(INDEX($D$3:$AA$30,INDEX(Jesper!$R$2:$R$366,ROW(INDEX(Jesper!AJ$2:AJ$366,ROUNDDOWN($C4456/24,0)+1,1))-1)+IF('Standard Profiles'!$G$20=$B$10,7,0)+IF('Standard Profiles'!$G$20=$B$17,14,0)+IF('Standard Profiles'!$G$20=$B$24,21,0),0)),0)</f>
        <v>0</v>
      </c>
      <c r="G4456" cm="1">
        <f t="array" ref="G4456">IFERROR(INDEX(Jesper!AK$2:AK$366,ROUNDDOWN($C4456/24,0)+1,1)*INDEX($D$3:$AA$30,INDEX(Jesper!$R$2:$R$366,ROW(INDEX(Jesper!AK$2:AK$366,ROUNDDOWN($C4456/24,0)+1,1))-1)+IF('Standard Profiles'!$G$21=$B$10,7,0)+IF('Standard Profiles'!$G$21=$B$17,14,0)+IF('Standard Profiles'!$G$21=$B$24,21,0),MOD($C4456,24)+1)/SUM(INDEX($D$3:$AA$30,INDEX(Jesper!$R$2:$R$366,ROW(INDEX(Jesper!AK$2:AK$366,ROUNDDOWN($C4456/24,0)+1,1))-1)+IF('Standard Profiles'!$G$21=$B$10,7,0)+IF('Standard Profiles'!$G$21=$B$17,14,0)+IF('Standard Profiles'!$G$21=$B$24,21,0),0)),0)</f>
        <v>0</v>
      </c>
      <c r="H4456" cm="1">
        <f t="array" ref="H4456">IFERROR(INDEX(Jesper!AL$2:AL$366,ROUNDDOWN($C4456/24,0)+1,1)*INDEX($D$3:$AA$30,INDEX(Jesper!$R$2:$R$366,ROW(INDEX(Jesper!AL$2:AL$366,ROUNDDOWN($C4456/24,0)+1,1))-1)+IF('Standard Profiles'!$G$22=$B$10,7,0)+IF('Standard Profiles'!$G$22=$B$17,14,0)+IF('Standard Profiles'!$G$22=$B$24,21,0),MOD($C4456,24)+1)/SUM(INDEX($D$3:$AA$30,INDEX(Jesper!$R$2:$R$366,ROW(INDEX(Jesper!AL$2:AL$366,ROUNDDOWN($C4456/24,0)+1,1))-1)+IF('Standard Profiles'!$G$22=$B$10,7,0)+IF('Standard Profiles'!$G$22=$B$17,14,0)+IF('Standard Profiles'!$G$22=$B$24,21,0),0)),0)</f>
        <v>0</v>
      </c>
      <c r="I4456">
        <f t="shared" si="503"/>
        <v>0</v>
      </c>
      <c r="J4456">
        <f t="shared" si="504"/>
        <v>6.3225547748155631</v>
      </c>
      <c r="K4456">
        <f t="shared" si="505"/>
        <v>0.54638186281583334</v>
      </c>
      <c r="L4456">
        <f t="shared" si="506"/>
        <v>0.27319093140791667</v>
      </c>
      <c r="M4456">
        <f t="shared" si="507"/>
        <v>0</v>
      </c>
      <c r="N4456" s="45">
        <f t="shared" si="508"/>
        <v>45111.249999989275</v>
      </c>
    </row>
    <row r="4457" spans="2:14" x14ac:dyDescent="0.25">
      <c r="B4457">
        <f t="shared" si="502"/>
        <v>2</v>
      </c>
      <c r="C4457" s="16">
        <v>4423</v>
      </c>
      <c r="D4457" cm="1">
        <f t="array" ref="D4457">IFERROR(INDEX(Jesper!AH$2:AH$366,ROUNDDOWN($C4457/24,0)+1,1)*INDEX($D$3:$AA$30,INDEX(Jesper!$R$2:$R$366,ROW(INDEX(Jesper!AH$2:AH$366,ROUNDDOWN($C4457/24,0)+1,1))-1)+IF('Standard Profiles'!$G$18=$B$10,7,0)+IF('Standard Profiles'!$G$18=$B$17,14,0)+IF('Standard Profiles'!$G$18=$B$24,21,0),MOD($C4457,24)+1)/SUM(INDEX($D$3:$AA$30,INDEX(Jesper!$R$2:$R$366,ROW(INDEX(Jesper!AH$2:AH$366,ROUNDDOWN($C4457/24,0)+1,1))-1)+IF('Standard Profiles'!$G$18=$B$10,7,0)+IF('Standard Profiles'!$G$18=$B$17,14,0)+IF('Standard Profiles'!$G$18=$B$24,21,0),0)),0)</f>
        <v>21.593822254059347</v>
      </c>
      <c r="E4457" cm="1">
        <f t="array" ref="E4457">IFERROR(INDEX(Jesper!AI$2:AI$366,ROUNDDOWN($C4457/24,0)+1,1)*INDEX($D$3:$AA$30,INDEX(Jesper!$R$2:$R$366,ROW(INDEX(Jesper!AI$2:AI$366,ROUNDDOWN($C4457/24,0)+1,1))-1)+IF('Standard Profiles'!$G$19=$B$10,7,0)+IF('Standard Profiles'!$G$19=$B$17,14,0)+IF('Standard Profiles'!$G$19=$B$24,21,0),MOD($C4457,24)+1)/SUM(INDEX($D$3:$AA$30,INDEX(Jesper!$R$2:$R$366,ROW(INDEX(Jesper!AI$2:AI$366,ROUNDDOWN($C4457/24,0)+1,1))-1)+IF('Standard Profiles'!$G$19=$B$10,7,0)+IF('Standard Profiles'!$G$19=$B$17,14,0)+IF('Standard Profiles'!$G$19=$B$24,21,0),0)),0)</f>
        <v>8.5147092791720027</v>
      </c>
      <c r="F4457" cm="1">
        <f t="array" ref="F4457">IFERROR(INDEX(Jesper!AJ$2:AJ$366,ROUNDDOWN($C4457/24,0)+1,1)*INDEX($D$3:$AA$30,INDEX(Jesper!$R$2:$R$366,ROW(INDEX(Jesper!AJ$2:AJ$366,ROUNDDOWN($C4457/24,0)+1,1))-1)+IF('Standard Profiles'!$G$20=$B$10,7,0)+IF('Standard Profiles'!$G$20=$B$17,14,0)+IF('Standard Profiles'!$G$20=$B$24,21,0),MOD($C4457,24)+1)/SUM(INDEX($D$3:$AA$30,INDEX(Jesper!$R$2:$R$366,ROW(INDEX(Jesper!AJ$2:AJ$366,ROUNDDOWN($C4457/24,0)+1,1))-1)+IF('Standard Profiles'!$G$20=$B$10,7,0)+IF('Standard Profiles'!$G$20=$B$17,14,0)+IF('Standard Profiles'!$G$20=$B$24,21,0),0)),0)</f>
        <v>0</v>
      </c>
      <c r="G4457" cm="1">
        <f t="array" ref="G4457">IFERROR(INDEX(Jesper!AK$2:AK$366,ROUNDDOWN($C4457/24,0)+1,1)*INDEX($D$3:$AA$30,INDEX(Jesper!$R$2:$R$366,ROW(INDEX(Jesper!AK$2:AK$366,ROUNDDOWN($C4457/24,0)+1,1))-1)+IF('Standard Profiles'!$G$21=$B$10,7,0)+IF('Standard Profiles'!$G$21=$B$17,14,0)+IF('Standard Profiles'!$G$21=$B$24,21,0),MOD($C4457,24)+1)/SUM(INDEX($D$3:$AA$30,INDEX(Jesper!$R$2:$R$366,ROW(INDEX(Jesper!AK$2:AK$366,ROUNDDOWN($C4457/24,0)+1,1))-1)+IF('Standard Profiles'!$G$21=$B$10,7,0)+IF('Standard Profiles'!$G$21=$B$17,14,0)+IF('Standard Profiles'!$G$21=$B$24,21,0),0)),0)</f>
        <v>0</v>
      </c>
      <c r="H4457" cm="1">
        <f t="array" ref="H4457">IFERROR(INDEX(Jesper!AL$2:AL$366,ROUNDDOWN($C4457/24,0)+1,1)*INDEX($D$3:$AA$30,INDEX(Jesper!$R$2:$R$366,ROW(INDEX(Jesper!AL$2:AL$366,ROUNDDOWN($C4457/24,0)+1,1))-1)+IF('Standard Profiles'!$G$22=$B$10,7,0)+IF('Standard Profiles'!$G$22=$B$17,14,0)+IF('Standard Profiles'!$G$22=$B$24,21,0),MOD($C4457,24)+1)/SUM(INDEX($D$3:$AA$30,INDEX(Jesper!$R$2:$R$366,ROW(INDEX(Jesper!AL$2:AL$366,ROUNDDOWN($C4457/24,0)+1,1))-1)+IF('Standard Profiles'!$G$22=$B$10,7,0)+IF('Standard Profiles'!$G$22=$B$17,14,0)+IF('Standard Profiles'!$G$22=$B$24,21,0),0)),0)</f>
        <v>0</v>
      </c>
      <c r="I4457">
        <f t="shared" si="503"/>
        <v>0</v>
      </c>
      <c r="J4457">
        <f t="shared" si="504"/>
        <v>26.653519972581854</v>
      </c>
      <c r="K4457">
        <f t="shared" si="505"/>
        <v>2.303341040432997</v>
      </c>
      <c r="L4457">
        <f t="shared" si="506"/>
        <v>1.1516705202164985</v>
      </c>
      <c r="M4457">
        <f t="shared" si="507"/>
        <v>0</v>
      </c>
      <c r="N4457" s="45">
        <f t="shared" si="508"/>
        <v>45111.291666655939</v>
      </c>
    </row>
    <row r="4458" spans="2:14" x14ac:dyDescent="0.25">
      <c r="B4458">
        <f t="shared" si="502"/>
        <v>2</v>
      </c>
      <c r="C4458" s="16">
        <v>4424</v>
      </c>
      <c r="D4458" cm="1">
        <f t="array" ref="D4458">IFERROR(INDEX(Jesper!AH$2:AH$366,ROUNDDOWN($C4458/24,0)+1,1)*INDEX($D$3:$AA$30,INDEX(Jesper!$R$2:$R$366,ROW(INDEX(Jesper!AH$2:AH$366,ROUNDDOWN($C4458/24,0)+1,1))-1)+IF('Standard Profiles'!$G$18=$B$10,7,0)+IF('Standard Profiles'!$G$18=$B$17,14,0)+IF('Standard Profiles'!$G$18=$B$24,21,0),MOD($C4458,24)+1)/SUM(INDEX($D$3:$AA$30,INDEX(Jesper!$R$2:$R$366,ROW(INDEX(Jesper!AH$2:AH$366,ROUNDDOWN($C4458/24,0)+1,1))-1)+IF('Standard Profiles'!$G$18=$B$10,7,0)+IF('Standard Profiles'!$G$18=$B$17,14,0)+IF('Standard Profiles'!$G$18=$B$24,21,0),0)),0)</f>
        <v>24.094159567687271</v>
      </c>
      <c r="E4458" cm="1">
        <f t="array" ref="E4458">IFERROR(INDEX(Jesper!AI$2:AI$366,ROUNDDOWN($C4458/24,0)+1,1)*INDEX($D$3:$AA$30,INDEX(Jesper!$R$2:$R$366,ROW(INDEX(Jesper!AI$2:AI$366,ROUNDDOWN($C4458/24,0)+1,1))-1)+IF('Standard Profiles'!$G$19=$B$10,7,0)+IF('Standard Profiles'!$G$19=$B$17,14,0)+IF('Standard Profiles'!$G$19=$B$24,21,0),MOD($C4458,24)+1)/SUM(INDEX($D$3:$AA$30,INDEX(Jesper!$R$2:$R$366,ROW(INDEX(Jesper!AI$2:AI$366,ROUNDDOWN($C4458/24,0)+1,1))-1)+IF('Standard Profiles'!$G$19=$B$10,7,0)+IF('Standard Profiles'!$G$19=$B$17,14,0)+IF('Standard Profiles'!$G$19=$B$24,21,0),0)),0)</f>
        <v>9.5006229851813941</v>
      </c>
      <c r="F4458" cm="1">
        <f t="array" ref="F4458">IFERROR(INDEX(Jesper!AJ$2:AJ$366,ROUNDDOWN($C4458/24,0)+1,1)*INDEX($D$3:$AA$30,INDEX(Jesper!$R$2:$R$366,ROW(INDEX(Jesper!AJ$2:AJ$366,ROUNDDOWN($C4458/24,0)+1,1))-1)+IF('Standard Profiles'!$G$20=$B$10,7,0)+IF('Standard Profiles'!$G$20=$B$17,14,0)+IF('Standard Profiles'!$G$20=$B$24,21,0),MOD($C4458,24)+1)/SUM(INDEX($D$3:$AA$30,INDEX(Jesper!$R$2:$R$366,ROW(INDEX(Jesper!AJ$2:AJ$366,ROUNDDOWN($C4458/24,0)+1,1))-1)+IF('Standard Profiles'!$G$20=$B$10,7,0)+IF('Standard Profiles'!$G$20=$B$17,14,0)+IF('Standard Profiles'!$G$20=$B$24,21,0),0)),0)</f>
        <v>0</v>
      </c>
      <c r="G4458" cm="1">
        <f t="array" ref="G4458">IFERROR(INDEX(Jesper!AK$2:AK$366,ROUNDDOWN($C4458/24,0)+1,1)*INDEX($D$3:$AA$30,INDEX(Jesper!$R$2:$R$366,ROW(INDEX(Jesper!AK$2:AK$366,ROUNDDOWN($C4458/24,0)+1,1))-1)+IF('Standard Profiles'!$G$21=$B$10,7,0)+IF('Standard Profiles'!$G$21=$B$17,14,0)+IF('Standard Profiles'!$G$21=$B$24,21,0),MOD($C4458,24)+1)/SUM(INDEX($D$3:$AA$30,INDEX(Jesper!$R$2:$R$366,ROW(INDEX(Jesper!AK$2:AK$366,ROUNDDOWN($C4458/24,0)+1,1))-1)+IF('Standard Profiles'!$G$21=$B$10,7,0)+IF('Standard Profiles'!$G$21=$B$17,14,0)+IF('Standard Profiles'!$G$21=$B$24,21,0),0)),0)</f>
        <v>0</v>
      </c>
      <c r="H4458" cm="1">
        <f t="array" ref="H4458">IFERROR(INDEX(Jesper!AL$2:AL$366,ROUNDDOWN($C4458/24,0)+1,1)*INDEX($D$3:$AA$30,INDEX(Jesper!$R$2:$R$366,ROW(INDEX(Jesper!AL$2:AL$366,ROUNDDOWN($C4458/24,0)+1,1))-1)+IF('Standard Profiles'!$G$22=$B$10,7,0)+IF('Standard Profiles'!$G$22=$B$17,14,0)+IF('Standard Profiles'!$G$22=$B$24,21,0),MOD($C4458,24)+1)/SUM(INDEX($D$3:$AA$30,INDEX(Jesper!$R$2:$R$366,ROW(INDEX(Jesper!AL$2:AL$366,ROUNDDOWN($C4458/24,0)+1,1))-1)+IF('Standard Profiles'!$G$22=$B$10,7,0)+IF('Standard Profiles'!$G$22=$B$17,14,0)+IF('Standard Profiles'!$G$22=$B$24,21,0),0)),0)</f>
        <v>0</v>
      </c>
      <c r="I4458">
        <f t="shared" si="503"/>
        <v>0</v>
      </c>
      <c r="J4458">
        <f t="shared" si="504"/>
        <v>29.7397170220387</v>
      </c>
      <c r="K4458">
        <f t="shared" si="505"/>
        <v>2.5700436872199757</v>
      </c>
      <c r="L4458">
        <f t="shared" si="506"/>
        <v>1.2850218436099878</v>
      </c>
      <c r="M4458">
        <f t="shared" si="507"/>
        <v>0</v>
      </c>
      <c r="N4458" s="45">
        <f t="shared" si="508"/>
        <v>45111.333333322604</v>
      </c>
    </row>
    <row r="4459" spans="2:14" x14ac:dyDescent="0.25">
      <c r="B4459">
        <f t="shared" si="502"/>
        <v>2</v>
      </c>
      <c r="C4459" s="16">
        <v>4425</v>
      </c>
      <c r="D4459" cm="1">
        <f t="array" ref="D4459">IFERROR(INDEX(Jesper!AH$2:AH$366,ROUNDDOWN($C4459/24,0)+1,1)*INDEX($D$3:$AA$30,INDEX(Jesper!$R$2:$R$366,ROW(INDEX(Jesper!AH$2:AH$366,ROUNDDOWN($C4459/24,0)+1,1))-1)+IF('Standard Profiles'!$G$18=$B$10,7,0)+IF('Standard Profiles'!$G$18=$B$17,14,0)+IF('Standard Profiles'!$G$18=$B$24,21,0),MOD($C4459,24)+1)/SUM(INDEX($D$3:$AA$30,INDEX(Jesper!$R$2:$R$366,ROW(INDEX(Jesper!AH$2:AH$366,ROUNDDOWN($C4459/24,0)+1,1))-1)+IF('Standard Profiles'!$G$18=$B$10,7,0)+IF('Standard Profiles'!$G$18=$B$17,14,0)+IF('Standard Profiles'!$G$18=$B$24,21,0),0)),0)</f>
        <v>26.594496881315198</v>
      </c>
      <c r="E4459" cm="1">
        <f t="array" ref="E4459">IFERROR(INDEX(Jesper!AI$2:AI$366,ROUNDDOWN($C4459/24,0)+1,1)*INDEX($D$3:$AA$30,INDEX(Jesper!$R$2:$R$366,ROW(INDEX(Jesper!AI$2:AI$366,ROUNDDOWN($C4459/24,0)+1,1))-1)+IF('Standard Profiles'!$G$19=$B$10,7,0)+IF('Standard Profiles'!$G$19=$B$17,14,0)+IF('Standard Profiles'!$G$19=$B$24,21,0),MOD($C4459,24)+1)/SUM(INDEX($D$3:$AA$30,INDEX(Jesper!$R$2:$R$366,ROW(INDEX(Jesper!AI$2:AI$366,ROUNDDOWN($C4459/24,0)+1,1))-1)+IF('Standard Profiles'!$G$19=$B$10,7,0)+IF('Standard Profiles'!$G$19=$B$17,14,0)+IF('Standard Profiles'!$G$19=$B$24,21,0),0)),0)</f>
        <v>10.486536691190784</v>
      </c>
      <c r="F4459" cm="1">
        <f t="array" ref="F4459">IFERROR(INDEX(Jesper!AJ$2:AJ$366,ROUNDDOWN($C4459/24,0)+1,1)*INDEX($D$3:$AA$30,INDEX(Jesper!$R$2:$R$366,ROW(INDEX(Jesper!AJ$2:AJ$366,ROUNDDOWN($C4459/24,0)+1,1))-1)+IF('Standard Profiles'!$G$20=$B$10,7,0)+IF('Standard Profiles'!$G$20=$B$17,14,0)+IF('Standard Profiles'!$G$20=$B$24,21,0),MOD($C4459,24)+1)/SUM(INDEX($D$3:$AA$30,INDEX(Jesper!$R$2:$R$366,ROW(INDEX(Jesper!AJ$2:AJ$366,ROUNDDOWN($C4459/24,0)+1,1))-1)+IF('Standard Profiles'!$G$20=$B$10,7,0)+IF('Standard Profiles'!$G$20=$B$17,14,0)+IF('Standard Profiles'!$G$20=$B$24,21,0),0)),0)</f>
        <v>0</v>
      </c>
      <c r="G4459" cm="1">
        <f t="array" ref="G4459">IFERROR(INDEX(Jesper!AK$2:AK$366,ROUNDDOWN($C4459/24,0)+1,1)*INDEX($D$3:$AA$30,INDEX(Jesper!$R$2:$R$366,ROW(INDEX(Jesper!AK$2:AK$366,ROUNDDOWN($C4459/24,0)+1,1))-1)+IF('Standard Profiles'!$G$21=$B$10,7,0)+IF('Standard Profiles'!$G$21=$B$17,14,0)+IF('Standard Profiles'!$G$21=$B$24,21,0),MOD($C4459,24)+1)/SUM(INDEX($D$3:$AA$30,INDEX(Jesper!$R$2:$R$366,ROW(INDEX(Jesper!AK$2:AK$366,ROUNDDOWN($C4459/24,0)+1,1))-1)+IF('Standard Profiles'!$G$21=$B$10,7,0)+IF('Standard Profiles'!$G$21=$B$17,14,0)+IF('Standard Profiles'!$G$21=$B$24,21,0),0)),0)</f>
        <v>0</v>
      </c>
      <c r="H4459" cm="1">
        <f t="array" ref="H4459">IFERROR(INDEX(Jesper!AL$2:AL$366,ROUNDDOWN($C4459/24,0)+1,1)*INDEX($D$3:$AA$30,INDEX(Jesper!$R$2:$R$366,ROW(INDEX(Jesper!AL$2:AL$366,ROUNDDOWN($C4459/24,0)+1,1))-1)+IF('Standard Profiles'!$G$22=$B$10,7,0)+IF('Standard Profiles'!$G$22=$B$17,14,0)+IF('Standard Profiles'!$G$22=$B$24,21,0),MOD($C4459,24)+1)/SUM(INDEX($D$3:$AA$30,INDEX(Jesper!$R$2:$R$366,ROW(INDEX(Jesper!AL$2:AL$366,ROUNDDOWN($C4459/24,0)+1,1))-1)+IF('Standard Profiles'!$G$22=$B$10,7,0)+IF('Standard Profiles'!$G$22=$B$17,14,0)+IF('Standard Profiles'!$G$22=$B$24,21,0),0)),0)</f>
        <v>0</v>
      </c>
      <c r="I4459">
        <f t="shared" si="503"/>
        <v>0</v>
      </c>
      <c r="J4459">
        <f t="shared" si="504"/>
        <v>32.825914071495546</v>
      </c>
      <c r="K4459">
        <f t="shared" si="505"/>
        <v>2.8367463340069548</v>
      </c>
      <c r="L4459">
        <f t="shared" si="506"/>
        <v>1.4183731670034774</v>
      </c>
      <c r="M4459">
        <f t="shared" si="507"/>
        <v>0</v>
      </c>
      <c r="N4459" s="45">
        <f t="shared" si="508"/>
        <v>45111.374999989268</v>
      </c>
    </row>
    <row r="4460" spans="2:14" x14ac:dyDescent="0.25">
      <c r="B4460">
        <f t="shared" si="502"/>
        <v>2</v>
      </c>
      <c r="C4460" s="16">
        <v>4426</v>
      </c>
      <c r="D4460" cm="1">
        <f t="array" ref="D4460">IFERROR(INDEX(Jesper!AH$2:AH$366,ROUNDDOWN($C4460/24,0)+1,1)*INDEX($D$3:$AA$30,INDEX(Jesper!$R$2:$R$366,ROW(INDEX(Jesper!AH$2:AH$366,ROUNDDOWN($C4460/24,0)+1,1))-1)+IF('Standard Profiles'!$G$18=$B$10,7,0)+IF('Standard Profiles'!$G$18=$B$17,14,0)+IF('Standard Profiles'!$G$18=$B$24,21,0),MOD($C4460,24)+1)/SUM(INDEX($D$3:$AA$30,INDEX(Jesper!$R$2:$R$366,ROW(INDEX(Jesper!AH$2:AH$366,ROUNDDOWN($C4460/24,0)+1,1))-1)+IF('Standard Profiles'!$G$18=$B$10,7,0)+IF('Standard Profiles'!$G$18=$B$17,14,0)+IF('Standard Profiles'!$G$18=$B$24,21,0),0)),0)</f>
        <v>26.594496881315198</v>
      </c>
      <c r="E4460" cm="1">
        <f t="array" ref="E4460">IFERROR(INDEX(Jesper!AI$2:AI$366,ROUNDDOWN($C4460/24,0)+1,1)*INDEX($D$3:$AA$30,INDEX(Jesper!$R$2:$R$366,ROW(INDEX(Jesper!AI$2:AI$366,ROUNDDOWN($C4460/24,0)+1,1))-1)+IF('Standard Profiles'!$G$19=$B$10,7,0)+IF('Standard Profiles'!$G$19=$B$17,14,0)+IF('Standard Profiles'!$G$19=$B$24,21,0),MOD($C4460,24)+1)/SUM(INDEX($D$3:$AA$30,INDEX(Jesper!$R$2:$R$366,ROW(INDEX(Jesper!AI$2:AI$366,ROUNDDOWN($C4460/24,0)+1,1))-1)+IF('Standard Profiles'!$G$19=$B$10,7,0)+IF('Standard Profiles'!$G$19=$B$17,14,0)+IF('Standard Profiles'!$G$19=$B$24,21,0),0)),0)</f>
        <v>10.486536691190784</v>
      </c>
      <c r="F4460" cm="1">
        <f t="array" ref="F4460">IFERROR(INDEX(Jesper!AJ$2:AJ$366,ROUNDDOWN($C4460/24,0)+1,1)*INDEX($D$3:$AA$30,INDEX(Jesper!$R$2:$R$366,ROW(INDEX(Jesper!AJ$2:AJ$366,ROUNDDOWN($C4460/24,0)+1,1))-1)+IF('Standard Profiles'!$G$20=$B$10,7,0)+IF('Standard Profiles'!$G$20=$B$17,14,0)+IF('Standard Profiles'!$G$20=$B$24,21,0),MOD($C4460,24)+1)/SUM(INDEX($D$3:$AA$30,INDEX(Jesper!$R$2:$R$366,ROW(INDEX(Jesper!AJ$2:AJ$366,ROUNDDOWN($C4460/24,0)+1,1))-1)+IF('Standard Profiles'!$G$20=$B$10,7,0)+IF('Standard Profiles'!$G$20=$B$17,14,0)+IF('Standard Profiles'!$G$20=$B$24,21,0),0)),0)</f>
        <v>0</v>
      </c>
      <c r="G4460" cm="1">
        <f t="array" ref="G4460">IFERROR(INDEX(Jesper!AK$2:AK$366,ROUNDDOWN($C4460/24,0)+1,1)*INDEX($D$3:$AA$30,INDEX(Jesper!$R$2:$R$366,ROW(INDEX(Jesper!AK$2:AK$366,ROUNDDOWN($C4460/24,0)+1,1))-1)+IF('Standard Profiles'!$G$21=$B$10,7,0)+IF('Standard Profiles'!$G$21=$B$17,14,0)+IF('Standard Profiles'!$G$21=$B$24,21,0),MOD($C4460,24)+1)/SUM(INDEX($D$3:$AA$30,INDEX(Jesper!$R$2:$R$366,ROW(INDEX(Jesper!AK$2:AK$366,ROUNDDOWN($C4460/24,0)+1,1))-1)+IF('Standard Profiles'!$G$21=$B$10,7,0)+IF('Standard Profiles'!$G$21=$B$17,14,0)+IF('Standard Profiles'!$G$21=$B$24,21,0),0)),0)</f>
        <v>0</v>
      </c>
      <c r="H4460" cm="1">
        <f t="array" ref="H4460">IFERROR(INDEX(Jesper!AL$2:AL$366,ROUNDDOWN($C4460/24,0)+1,1)*INDEX($D$3:$AA$30,INDEX(Jesper!$R$2:$R$366,ROW(INDEX(Jesper!AL$2:AL$366,ROUNDDOWN($C4460/24,0)+1,1))-1)+IF('Standard Profiles'!$G$22=$B$10,7,0)+IF('Standard Profiles'!$G$22=$B$17,14,0)+IF('Standard Profiles'!$G$22=$B$24,21,0),MOD($C4460,24)+1)/SUM(INDEX($D$3:$AA$30,INDEX(Jesper!$R$2:$R$366,ROW(INDEX(Jesper!AL$2:AL$366,ROUNDDOWN($C4460/24,0)+1,1))-1)+IF('Standard Profiles'!$G$22=$B$10,7,0)+IF('Standard Profiles'!$G$22=$B$17,14,0)+IF('Standard Profiles'!$G$22=$B$24,21,0),0)),0)</f>
        <v>0</v>
      </c>
      <c r="I4460">
        <f t="shared" si="503"/>
        <v>0</v>
      </c>
      <c r="J4460">
        <f t="shared" si="504"/>
        <v>32.825914071495546</v>
      </c>
      <c r="K4460">
        <f t="shared" si="505"/>
        <v>2.8367463340069548</v>
      </c>
      <c r="L4460">
        <f t="shared" si="506"/>
        <v>1.4183731670034774</v>
      </c>
      <c r="M4460">
        <f t="shared" si="507"/>
        <v>0</v>
      </c>
      <c r="N4460" s="45">
        <f t="shared" si="508"/>
        <v>45111.416666655932</v>
      </c>
    </row>
    <row r="4461" spans="2:14" x14ac:dyDescent="0.25">
      <c r="B4461">
        <f t="shared" si="502"/>
        <v>2</v>
      </c>
      <c r="C4461" s="16">
        <v>4427</v>
      </c>
      <c r="D4461" cm="1">
        <f t="array" ref="D4461">IFERROR(INDEX(Jesper!AH$2:AH$366,ROUNDDOWN($C4461/24,0)+1,1)*INDEX($D$3:$AA$30,INDEX(Jesper!$R$2:$R$366,ROW(INDEX(Jesper!AH$2:AH$366,ROUNDDOWN($C4461/24,0)+1,1))-1)+IF('Standard Profiles'!$G$18=$B$10,7,0)+IF('Standard Profiles'!$G$18=$B$17,14,0)+IF('Standard Profiles'!$G$18=$B$24,21,0),MOD($C4461,24)+1)/SUM(INDEX($D$3:$AA$30,INDEX(Jesper!$R$2:$R$366,ROW(INDEX(Jesper!AH$2:AH$366,ROUNDDOWN($C4461/24,0)+1,1))-1)+IF('Standard Profiles'!$G$18=$B$10,7,0)+IF('Standard Profiles'!$G$18=$B$17,14,0)+IF('Standard Profiles'!$G$18=$B$24,21,0),0)),0)</f>
        <v>31.822474900719037</v>
      </c>
      <c r="E4461" cm="1">
        <f t="array" ref="E4461">IFERROR(INDEX(Jesper!AI$2:AI$366,ROUNDDOWN($C4461/24,0)+1,1)*INDEX($D$3:$AA$30,INDEX(Jesper!$R$2:$R$366,ROW(INDEX(Jesper!AI$2:AI$366,ROUNDDOWN($C4461/24,0)+1,1))-1)+IF('Standard Profiles'!$G$19=$B$10,7,0)+IF('Standard Profiles'!$G$19=$B$17,14,0)+IF('Standard Profiles'!$G$19=$B$24,21,0),MOD($C4461,24)+1)/SUM(INDEX($D$3:$AA$30,INDEX(Jesper!$R$2:$R$366,ROW(INDEX(Jesper!AI$2:AI$366,ROUNDDOWN($C4461/24,0)+1,1))-1)+IF('Standard Profiles'!$G$19=$B$10,7,0)+IF('Standard Profiles'!$G$19=$B$17,14,0)+IF('Standard Profiles'!$G$19=$B$24,21,0),0)),0)</f>
        <v>12.54799262193769</v>
      </c>
      <c r="F4461" cm="1">
        <f t="array" ref="F4461">IFERROR(INDEX(Jesper!AJ$2:AJ$366,ROUNDDOWN($C4461/24,0)+1,1)*INDEX($D$3:$AA$30,INDEX(Jesper!$R$2:$R$366,ROW(INDEX(Jesper!AJ$2:AJ$366,ROUNDDOWN($C4461/24,0)+1,1))-1)+IF('Standard Profiles'!$G$20=$B$10,7,0)+IF('Standard Profiles'!$G$20=$B$17,14,0)+IF('Standard Profiles'!$G$20=$B$24,21,0),MOD($C4461,24)+1)/SUM(INDEX($D$3:$AA$30,INDEX(Jesper!$R$2:$R$366,ROW(INDEX(Jesper!AJ$2:AJ$366,ROUNDDOWN($C4461/24,0)+1,1))-1)+IF('Standard Profiles'!$G$20=$B$10,7,0)+IF('Standard Profiles'!$G$20=$B$17,14,0)+IF('Standard Profiles'!$G$20=$B$24,21,0),0)),0)</f>
        <v>0</v>
      </c>
      <c r="G4461" cm="1">
        <f t="array" ref="G4461">IFERROR(INDEX(Jesper!AK$2:AK$366,ROUNDDOWN($C4461/24,0)+1,1)*INDEX($D$3:$AA$30,INDEX(Jesper!$R$2:$R$366,ROW(INDEX(Jesper!AK$2:AK$366,ROUNDDOWN($C4461/24,0)+1,1))-1)+IF('Standard Profiles'!$G$21=$B$10,7,0)+IF('Standard Profiles'!$G$21=$B$17,14,0)+IF('Standard Profiles'!$G$21=$B$24,21,0),MOD($C4461,24)+1)/SUM(INDEX($D$3:$AA$30,INDEX(Jesper!$R$2:$R$366,ROW(INDEX(Jesper!AK$2:AK$366,ROUNDDOWN($C4461/24,0)+1,1))-1)+IF('Standard Profiles'!$G$21=$B$10,7,0)+IF('Standard Profiles'!$G$21=$B$17,14,0)+IF('Standard Profiles'!$G$21=$B$24,21,0),0)),0)</f>
        <v>0</v>
      </c>
      <c r="H4461" cm="1">
        <f t="array" ref="H4461">IFERROR(INDEX(Jesper!AL$2:AL$366,ROUNDDOWN($C4461/24,0)+1,1)*INDEX($D$3:$AA$30,INDEX(Jesper!$R$2:$R$366,ROW(INDEX(Jesper!AL$2:AL$366,ROUNDDOWN($C4461/24,0)+1,1))-1)+IF('Standard Profiles'!$G$22=$B$10,7,0)+IF('Standard Profiles'!$G$22=$B$17,14,0)+IF('Standard Profiles'!$G$22=$B$24,21,0),MOD($C4461,24)+1)/SUM(INDEX($D$3:$AA$30,INDEX(Jesper!$R$2:$R$366,ROW(INDEX(Jesper!AL$2:AL$366,ROUNDDOWN($C4461/24,0)+1,1))-1)+IF('Standard Profiles'!$G$22=$B$10,7,0)+IF('Standard Profiles'!$G$22=$B$17,14,0)+IF('Standard Profiles'!$G$22=$B$24,21,0),0)),0)</f>
        <v>0</v>
      </c>
      <c r="I4461">
        <f t="shared" si="503"/>
        <v>0</v>
      </c>
      <c r="J4461">
        <f t="shared" si="504"/>
        <v>39.278871538541679</v>
      </c>
      <c r="K4461">
        <f t="shared" si="505"/>
        <v>3.3943973227433641</v>
      </c>
      <c r="L4461">
        <f t="shared" si="506"/>
        <v>1.6971986613716821</v>
      </c>
      <c r="M4461">
        <f t="shared" si="507"/>
        <v>0</v>
      </c>
      <c r="N4461" s="45">
        <f t="shared" si="508"/>
        <v>45111.458333322596</v>
      </c>
    </row>
    <row r="4462" spans="2:14" x14ac:dyDescent="0.25">
      <c r="B4462">
        <f t="shared" si="502"/>
        <v>2</v>
      </c>
      <c r="C4462" s="16">
        <v>4428</v>
      </c>
      <c r="D4462" cm="1">
        <f t="array" ref="D4462">IFERROR(INDEX(Jesper!AH$2:AH$366,ROUNDDOWN($C4462/24,0)+1,1)*INDEX($D$3:$AA$30,INDEX(Jesper!$R$2:$R$366,ROW(INDEX(Jesper!AH$2:AH$366,ROUNDDOWN($C4462/24,0)+1,1))-1)+IF('Standard Profiles'!$G$18=$B$10,7,0)+IF('Standard Profiles'!$G$18=$B$17,14,0)+IF('Standard Profiles'!$G$18=$B$24,21,0),MOD($C4462,24)+1)/SUM(INDEX($D$3:$AA$30,INDEX(Jesper!$R$2:$R$366,ROW(INDEX(Jesper!AH$2:AH$366,ROUNDDOWN($C4462/24,0)+1,1))-1)+IF('Standard Profiles'!$G$18=$B$10,7,0)+IF('Standard Profiles'!$G$18=$B$17,14,0)+IF('Standard Profiles'!$G$18=$B$24,21,0),0)),0)</f>
        <v>31.822474900719037</v>
      </c>
      <c r="E4462" cm="1">
        <f t="array" ref="E4462">IFERROR(INDEX(Jesper!AI$2:AI$366,ROUNDDOWN($C4462/24,0)+1,1)*INDEX($D$3:$AA$30,INDEX(Jesper!$R$2:$R$366,ROW(INDEX(Jesper!AI$2:AI$366,ROUNDDOWN($C4462/24,0)+1,1))-1)+IF('Standard Profiles'!$G$19=$B$10,7,0)+IF('Standard Profiles'!$G$19=$B$17,14,0)+IF('Standard Profiles'!$G$19=$B$24,21,0),MOD($C4462,24)+1)/SUM(INDEX($D$3:$AA$30,INDEX(Jesper!$R$2:$R$366,ROW(INDEX(Jesper!AI$2:AI$366,ROUNDDOWN($C4462/24,0)+1,1))-1)+IF('Standard Profiles'!$G$19=$B$10,7,0)+IF('Standard Profiles'!$G$19=$B$17,14,0)+IF('Standard Profiles'!$G$19=$B$24,21,0),0)),0)</f>
        <v>12.54799262193769</v>
      </c>
      <c r="F4462" cm="1">
        <f t="array" ref="F4462">IFERROR(INDEX(Jesper!AJ$2:AJ$366,ROUNDDOWN($C4462/24,0)+1,1)*INDEX($D$3:$AA$30,INDEX(Jesper!$R$2:$R$366,ROW(INDEX(Jesper!AJ$2:AJ$366,ROUNDDOWN($C4462/24,0)+1,1))-1)+IF('Standard Profiles'!$G$20=$B$10,7,0)+IF('Standard Profiles'!$G$20=$B$17,14,0)+IF('Standard Profiles'!$G$20=$B$24,21,0),MOD($C4462,24)+1)/SUM(INDEX($D$3:$AA$30,INDEX(Jesper!$R$2:$R$366,ROW(INDEX(Jesper!AJ$2:AJ$366,ROUNDDOWN($C4462/24,0)+1,1))-1)+IF('Standard Profiles'!$G$20=$B$10,7,0)+IF('Standard Profiles'!$G$20=$B$17,14,0)+IF('Standard Profiles'!$G$20=$B$24,21,0),0)),0)</f>
        <v>0</v>
      </c>
      <c r="G4462" cm="1">
        <f t="array" ref="G4462">IFERROR(INDEX(Jesper!AK$2:AK$366,ROUNDDOWN($C4462/24,0)+1,1)*INDEX($D$3:$AA$30,INDEX(Jesper!$R$2:$R$366,ROW(INDEX(Jesper!AK$2:AK$366,ROUNDDOWN($C4462/24,0)+1,1))-1)+IF('Standard Profiles'!$G$21=$B$10,7,0)+IF('Standard Profiles'!$G$21=$B$17,14,0)+IF('Standard Profiles'!$G$21=$B$24,21,0),MOD($C4462,24)+1)/SUM(INDEX($D$3:$AA$30,INDEX(Jesper!$R$2:$R$366,ROW(INDEX(Jesper!AK$2:AK$366,ROUNDDOWN($C4462/24,0)+1,1))-1)+IF('Standard Profiles'!$G$21=$B$10,7,0)+IF('Standard Profiles'!$G$21=$B$17,14,0)+IF('Standard Profiles'!$G$21=$B$24,21,0),0)),0)</f>
        <v>0</v>
      </c>
      <c r="H4462" cm="1">
        <f t="array" ref="H4462">IFERROR(INDEX(Jesper!AL$2:AL$366,ROUNDDOWN($C4462/24,0)+1,1)*INDEX($D$3:$AA$30,INDEX(Jesper!$R$2:$R$366,ROW(INDEX(Jesper!AL$2:AL$366,ROUNDDOWN($C4462/24,0)+1,1))-1)+IF('Standard Profiles'!$G$22=$B$10,7,0)+IF('Standard Profiles'!$G$22=$B$17,14,0)+IF('Standard Profiles'!$G$22=$B$24,21,0),MOD($C4462,24)+1)/SUM(INDEX($D$3:$AA$30,INDEX(Jesper!$R$2:$R$366,ROW(INDEX(Jesper!AL$2:AL$366,ROUNDDOWN($C4462/24,0)+1,1))-1)+IF('Standard Profiles'!$G$22=$B$10,7,0)+IF('Standard Profiles'!$G$22=$B$17,14,0)+IF('Standard Profiles'!$G$22=$B$24,21,0),0)),0)</f>
        <v>0</v>
      </c>
      <c r="I4462">
        <f t="shared" si="503"/>
        <v>0</v>
      </c>
      <c r="J4462">
        <f t="shared" si="504"/>
        <v>39.278871538541679</v>
      </c>
      <c r="K4462">
        <f t="shared" si="505"/>
        <v>3.3943973227433641</v>
      </c>
      <c r="L4462">
        <f t="shared" si="506"/>
        <v>1.6971986613716821</v>
      </c>
      <c r="M4462">
        <f t="shared" si="507"/>
        <v>0</v>
      </c>
      <c r="N4462" s="45">
        <f t="shared" si="508"/>
        <v>45111.499999989261</v>
      </c>
    </row>
    <row r="4463" spans="2:14" x14ac:dyDescent="0.25">
      <c r="B4463">
        <f t="shared" si="502"/>
        <v>2</v>
      </c>
      <c r="C4463" s="16">
        <v>4429</v>
      </c>
      <c r="D4463" cm="1">
        <f t="array" ref="D4463">IFERROR(INDEX(Jesper!AH$2:AH$366,ROUNDDOWN($C4463/24,0)+1,1)*INDEX($D$3:$AA$30,INDEX(Jesper!$R$2:$R$366,ROW(INDEX(Jesper!AH$2:AH$366,ROUNDDOWN($C4463/24,0)+1,1))-1)+IF('Standard Profiles'!$G$18=$B$10,7,0)+IF('Standard Profiles'!$G$18=$B$17,14,0)+IF('Standard Profiles'!$G$18=$B$24,21,0),MOD($C4463,24)+1)/SUM(INDEX($D$3:$AA$30,INDEX(Jesper!$R$2:$R$366,ROW(INDEX(Jesper!AH$2:AH$366,ROUNDDOWN($C4463/24,0)+1,1))-1)+IF('Standard Profiles'!$G$18=$B$10,7,0)+IF('Standard Profiles'!$G$18=$B$17,14,0)+IF('Standard Profiles'!$G$18=$B$24,21,0),0)),0)</f>
        <v>21.139215469763361</v>
      </c>
      <c r="E4463" cm="1">
        <f t="array" ref="E4463">IFERROR(INDEX(Jesper!AI$2:AI$366,ROUNDDOWN($C4463/24,0)+1,1)*INDEX($D$3:$AA$30,INDEX(Jesper!$R$2:$R$366,ROW(INDEX(Jesper!AI$2:AI$366,ROUNDDOWN($C4463/24,0)+1,1))-1)+IF('Standard Profiles'!$G$19=$B$10,7,0)+IF('Standard Profiles'!$G$19=$B$17,14,0)+IF('Standard Profiles'!$G$19=$B$24,21,0),MOD($C4463,24)+1)/SUM(INDEX($D$3:$AA$30,INDEX(Jesper!$R$2:$R$366,ROW(INDEX(Jesper!AI$2:AI$366,ROUNDDOWN($C4463/24,0)+1,1))-1)+IF('Standard Profiles'!$G$19=$B$10,7,0)+IF('Standard Profiles'!$G$19=$B$17,14,0)+IF('Standard Profiles'!$G$19=$B$24,21,0),0)),0)</f>
        <v>8.3354522417157515</v>
      </c>
      <c r="F4463" cm="1">
        <f t="array" ref="F4463">IFERROR(INDEX(Jesper!AJ$2:AJ$366,ROUNDDOWN($C4463/24,0)+1,1)*INDEX($D$3:$AA$30,INDEX(Jesper!$R$2:$R$366,ROW(INDEX(Jesper!AJ$2:AJ$366,ROUNDDOWN($C4463/24,0)+1,1))-1)+IF('Standard Profiles'!$G$20=$B$10,7,0)+IF('Standard Profiles'!$G$20=$B$17,14,0)+IF('Standard Profiles'!$G$20=$B$24,21,0),MOD($C4463,24)+1)/SUM(INDEX($D$3:$AA$30,INDEX(Jesper!$R$2:$R$366,ROW(INDEX(Jesper!AJ$2:AJ$366,ROUNDDOWN($C4463/24,0)+1,1))-1)+IF('Standard Profiles'!$G$20=$B$10,7,0)+IF('Standard Profiles'!$G$20=$B$17,14,0)+IF('Standard Profiles'!$G$20=$B$24,21,0),0)),0)</f>
        <v>0</v>
      </c>
      <c r="G4463" cm="1">
        <f t="array" ref="G4463">IFERROR(INDEX(Jesper!AK$2:AK$366,ROUNDDOWN($C4463/24,0)+1,1)*INDEX($D$3:$AA$30,INDEX(Jesper!$R$2:$R$366,ROW(INDEX(Jesper!AK$2:AK$366,ROUNDDOWN($C4463/24,0)+1,1))-1)+IF('Standard Profiles'!$G$21=$B$10,7,0)+IF('Standard Profiles'!$G$21=$B$17,14,0)+IF('Standard Profiles'!$G$21=$B$24,21,0),MOD($C4463,24)+1)/SUM(INDEX($D$3:$AA$30,INDEX(Jesper!$R$2:$R$366,ROW(INDEX(Jesper!AK$2:AK$366,ROUNDDOWN($C4463/24,0)+1,1))-1)+IF('Standard Profiles'!$G$21=$B$10,7,0)+IF('Standard Profiles'!$G$21=$B$17,14,0)+IF('Standard Profiles'!$G$21=$B$24,21,0),0)),0)</f>
        <v>0</v>
      </c>
      <c r="H4463" cm="1">
        <f t="array" ref="H4463">IFERROR(INDEX(Jesper!AL$2:AL$366,ROUNDDOWN($C4463/24,0)+1,1)*INDEX($D$3:$AA$30,INDEX(Jesper!$R$2:$R$366,ROW(INDEX(Jesper!AL$2:AL$366,ROUNDDOWN($C4463/24,0)+1,1))-1)+IF('Standard Profiles'!$G$22=$B$10,7,0)+IF('Standard Profiles'!$G$22=$B$17,14,0)+IF('Standard Profiles'!$G$22=$B$24,21,0),MOD($C4463,24)+1)/SUM(INDEX($D$3:$AA$30,INDEX(Jesper!$R$2:$R$366,ROW(INDEX(Jesper!AL$2:AL$366,ROUNDDOWN($C4463/24,0)+1,1))-1)+IF('Standard Profiles'!$G$22=$B$10,7,0)+IF('Standard Profiles'!$G$22=$B$17,14,0)+IF('Standard Profiles'!$G$22=$B$24,21,0),0)),0)</f>
        <v>0</v>
      </c>
      <c r="I4463">
        <f t="shared" si="503"/>
        <v>0</v>
      </c>
      <c r="J4463">
        <f t="shared" si="504"/>
        <v>26.092393236316973</v>
      </c>
      <c r="K4463">
        <f t="shared" si="505"/>
        <v>2.2548496501080919</v>
      </c>
      <c r="L4463">
        <f t="shared" si="506"/>
        <v>1.127424825054046</v>
      </c>
      <c r="M4463">
        <f t="shared" si="507"/>
        <v>0</v>
      </c>
      <c r="N4463" s="45">
        <f t="shared" si="508"/>
        <v>45111.541666655925</v>
      </c>
    </row>
    <row r="4464" spans="2:14" x14ac:dyDescent="0.25">
      <c r="B4464">
        <f t="shared" si="502"/>
        <v>2</v>
      </c>
      <c r="C4464" s="16">
        <v>4430</v>
      </c>
      <c r="D4464" cm="1">
        <f t="array" ref="D4464">IFERROR(INDEX(Jesper!AH$2:AH$366,ROUNDDOWN($C4464/24,0)+1,1)*INDEX($D$3:$AA$30,INDEX(Jesper!$R$2:$R$366,ROW(INDEX(Jesper!AH$2:AH$366,ROUNDDOWN($C4464/24,0)+1,1))-1)+IF('Standard Profiles'!$G$18=$B$10,7,0)+IF('Standard Profiles'!$G$18=$B$17,14,0)+IF('Standard Profiles'!$G$18=$B$24,21,0),MOD($C4464,24)+1)/SUM(INDEX($D$3:$AA$30,INDEX(Jesper!$R$2:$R$366,ROW(INDEX(Jesper!AH$2:AH$366,ROUNDDOWN($C4464/24,0)+1,1))-1)+IF('Standard Profiles'!$G$18=$B$10,7,0)+IF('Standard Profiles'!$G$18=$B$17,14,0)+IF('Standard Profiles'!$G$18=$B$24,21,0),0)),0)</f>
        <v>31.822474900719037</v>
      </c>
      <c r="E4464" cm="1">
        <f t="array" ref="E4464">IFERROR(INDEX(Jesper!AI$2:AI$366,ROUNDDOWN($C4464/24,0)+1,1)*INDEX($D$3:$AA$30,INDEX(Jesper!$R$2:$R$366,ROW(INDEX(Jesper!AI$2:AI$366,ROUNDDOWN($C4464/24,0)+1,1))-1)+IF('Standard Profiles'!$G$19=$B$10,7,0)+IF('Standard Profiles'!$G$19=$B$17,14,0)+IF('Standard Profiles'!$G$19=$B$24,21,0),MOD($C4464,24)+1)/SUM(INDEX($D$3:$AA$30,INDEX(Jesper!$R$2:$R$366,ROW(INDEX(Jesper!AI$2:AI$366,ROUNDDOWN($C4464/24,0)+1,1))-1)+IF('Standard Profiles'!$G$19=$B$10,7,0)+IF('Standard Profiles'!$G$19=$B$17,14,0)+IF('Standard Profiles'!$G$19=$B$24,21,0),0)),0)</f>
        <v>12.54799262193769</v>
      </c>
      <c r="F4464" cm="1">
        <f t="array" ref="F4464">IFERROR(INDEX(Jesper!AJ$2:AJ$366,ROUNDDOWN($C4464/24,0)+1,1)*INDEX($D$3:$AA$30,INDEX(Jesper!$R$2:$R$366,ROW(INDEX(Jesper!AJ$2:AJ$366,ROUNDDOWN($C4464/24,0)+1,1))-1)+IF('Standard Profiles'!$G$20=$B$10,7,0)+IF('Standard Profiles'!$G$20=$B$17,14,0)+IF('Standard Profiles'!$G$20=$B$24,21,0),MOD($C4464,24)+1)/SUM(INDEX($D$3:$AA$30,INDEX(Jesper!$R$2:$R$366,ROW(INDEX(Jesper!AJ$2:AJ$366,ROUNDDOWN($C4464/24,0)+1,1))-1)+IF('Standard Profiles'!$G$20=$B$10,7,0)+IF('Standard Profiles'!$G$20=$B$17,14,0)+IF('Standard Profiles'!$G$20=$B$24,21,0),0)),0)</f>
        <v>0</v>
      </c>
      <c r="G4464" cm="1">
        <f t="array" ref="G4464">IFERROR(INDEX(Jesper!AK$2:AK$366,ROUNDDOWN($C4464/24,0)+1,1)*INDEX($D$3:$AA$30,INDEX(Jesper!$R$2:$R$366,ROW(INDEX(Jesper!AK$2:AK$366,ROUNDDOWN($C4464/24,0)+1,1))-1)+IF('Standard Profiles'!$G$21=$B$10,7,0)+IF('Standard Profiles'!$G$21=$B$17,14,0)+IF('Standard Profiles'!$G$21=$B$24,21,0),MOD($C4464,24)+1)/SUM(INDEX($D$3:$AA$30,INDEX(Jesper!$R$2:$R$366,ROW(INDEX(Jesper!AK$2:AK$366,ROUNDDOWN($C4464/24,0)+1,1))-1)+IF('Standard Profiles'!$G$21=$B$10,7,0)+IF('Standard Profiles'!$G$21=$B$17,14,0)+IF('Standard Profiles'!$G$21=$B$24,21,0),0)),0)</f>
        <v>0</v>
      </c>
      <c r="H4464" cm="1">
        <f t="array" ref="H4464">IFERROR(INDEX(Jesper!AL$2:AL$366,ROUNDDOWN($C4464/24,0)+1,1)*INDEX($D$3:$AA$30,INDEX(Jesper!$R$2:$R$366,ROW(INDEX(Jesper!AL$2:AL$366,ROUNDDOWN($C4464/24,0)+1,1))-1)+IF('Standard Profiles'!$G$22=$B$10,7,0)+IF('Standard Profiles'!$G$22=$B$17,14,0)+IF('Standard Profiles'!$G$22=$B$24,21,0),MOD($C4464,24)+1)/SUM(INDEX($D$3:$AA$30,INDEX(Jesper!$R$2:$R$366,ROW(INDEX(Jesper!AL$2:AL$366,ROUNDDOWN($C4464/24,0)+1,1))-1)+IF('Standard Profiles'!$G$22=$B$10,7,0)+IF('Standard Profiles'!$G$22=$B$17,14,0)+IF('Standard Profiles'!$G$22=$B$24,21,0),0)),0)</f>
        <v>0</v>
      </c>
      <c r="I4464">
        <f t="shared" si="503"/>
        <v>0</v>
      </c>
      <c r="J4464">
        <f t="shared" si="504"/>
        <v>39.278871538541679</v>
      </c>
      <c r="K4464">
        <f t="shared" si="505"/>
        <v>3.3943973227433641</v>
      </c>
      <c r="L4464">
        <f t="shared" si="506"/>
        <v>1.6971986613716821</v>
      </c>
      <c r="M4464">
        <f t="shared" si="507"/>
        <v>0</v>
      </c>
      <c r="N4464" s="45">
        <f t="shared" si="508"/>
        <v>45111.583333322589</v>
      </c>
    </row>
    <row r="4465" spans="2:14" x14ac:dyDescent="0.25">
      <c r="B4465">
        <f t="shared" si="502"/>
        <v>2</v>
      </c>
      <c r="C4465" s="16">
        <v>4431</v>
      </c>
      <c r="D4465" cm="1">
        <f t="array" ref="D4465">IFERROR(INDEX(Jesper!AH$2:AH$366,ROUNDDOWN($C4465/24,0)+1,1)*INDEX($D$3:$AA$30,INDEX(Jesper!$R$2:$R$366,ROW(INDEX(Jesper!AH$2:AH$366,ROUNDDOWN($C4465/24,0)+1,1))-1)+IF('Standard Profiles'!$G$18=$B$10,7,0)+IF('Standard Profiles'!$G$18=$B$17,14,0)+IF('Standard Profiles'!$G$18=$B$24,21,0),MOD($C4465,24)+1)/SUM(INDEX($D$3:$AA$30,INDEX(Jesper!$R$2:$R$366,ROW(INDEX(Jesper!AH$2:AH$366,ROUNDDOWN($C4465/24,0)+1,1))-1)+IF('Standard Profiles'!$G$18=$B$10,7,0)+IF('Standard Profiles'!$G$18=$B$17,14,0)+IF('Standard Profiles'!$G$18=$B$24,21,0),0)),0)</f>
        <v>31.822474900719037</v>
      </c>
      <c r="E4465" cm="1">
        <f t="array" ref="E4465">IFERROR(INDEX(Jesper!AI$2:AI$366,ROUNDDOWN($C4465/24,0)+1,1)*INDEX($D$3:$AA$30,INDEX(Jesper!$R$2:$R$366,ROW(INDEX(Jesper!AI$2:AI$366,ROUNDDOWN($C4465/24,0)+1,1))-1)+IF('Standard Profiles'!$G$19=$B$10,7,0)+IF('Standard Profiles'!$G$19=$B$17,14,0)+IF('Standard Profiles'!$G$19=$B$24,21,0),MOD($C4465,24)+1)/SUM(INDEX($D$3:$AA$30,INDEX(Jesper!$R$2:$R$366,ROW(INDEX(Jesper!AI$2:AI$366,ROUNDDOWN($C4465/24,0)+1,1))-1)+IF('Standard Profiles'!$G$19=$B$10,7,0)+IF('Standard Profiles'!$G$19=$B$17,14,0)+IF('Standard Profiles'!$G$19=$B$24,21,0),0)),0)</f>
        <v>12.54799262193769</v>
      </c>
      <c r="F4465" cm="1">
        <f t="array" ref="F4465">IFERROR(INDEX(Jesper!AJ$2:AJ$366,ROUNDDOWN($C4465/24,0)+1,1)*INDEX($D$3:$AA$30,INDEX(Jesper!$R$2:$R$366,ROW(INDEX(Jesper!AJ$2:AJ$366,ROUNDDOWN($C4465/24,0)+1,1))-1)+IF('Standard Profiles'!$G$20=$B$10,7,0)+IF('Standard Profiles'!$G$20=$B$17,14,0)+IF('Standard Profiles'!$G$20=$B$24,21,0),MOD($C4465,24)+1)/SUM(INDEX($D$3:$AA$30,INDEX(Jesper!$R$2:$R$366,ROW(INDEX(Jesper!AJ$2:AJ$366,ROUNDDOWN($C4465/24,0)+1,1))-1)+IF('Standard Profiles'!$G$20=$B$10,7,0)+IF('Standard Profiles'!$G$20=$B$17,14,0)+IF('Standard Profiles'!$G$20=$B$24,21,0),0)),0)</f>
        <v>0</v>
      </c>
      <c r="G4465" cm="1">
        <f t="array" ref="G4465">IFERROR(INDEX(Jesper!AK$2:AK$366,ROUNDDOWN($C4465/24,0)+1,1)*INDEX($D$3:$AA$30,INDEX(Jesper!$R$2:$R$366,ROW(INDEX(Jesper!AK$2:AK$366,ROUNDDOWN($C4465/24,0)+1,1))-1)+IF('Standard Profiles'!$G$21=$B$10,7,0)+IF('Standard Profiles'!$G$21=$B$17,14,0)+IF('Standard Profiles'!$G$21=$B$24,21,0),MOD($C4465,24)+1)/SUM(INDEX($D$3:$AA$30,INDEX(Jesper!$R$2:$R$366,ROW(INDEX(Jesper!AK$2:AK$366,ROUNDDOWN($C4465/24,0)+1,1))-1)+IF('Standard Profiles'!$G$21=$B$10,7,0)+IF('Standard Profiles'!$G$21=$B$17,14,0)+IF('Standard Profiles'!$G$21=$B$24,21,0),0)),0)</f>
        <v>0</v>
      </c>
      <c r="H4465" cm="1">
        <f t="array" ref="H4465">IFERROR(INDEX(Jesper!AL$2:AL$366,ROUNDDOWN($C4465/24,0)+1,1)*INDEX($D$3:$AA$30,INDEX(Jesper!$R$2:$R$366,ROW(INDEX(Jesper!AL$2:AL$366,ROUNDDOWN($C4465/24,0)+1,1))-1)+IF('Standard Profiles'!$G$22=$B$10,7,0)+IF('Standard Profiles'!$G$22=$B$17,14,0)+IF('Standard Profiles'!$G$22=$B$24,21,0),MOD($C4465,24)+1)/SUM(INDEX($D$3:$AA$30,INDEX(Jesper!$R$2:$R$366,ROW(INDEX(Jesper!AL$2:AL$366,ROUNDDOWN($C4465/24,0)+1,1))-1)+IF('Standard Profiles'!$G$22=$B$10,7,0)+IF('Standard Profiles'!$G$22=$B$17,14,0)+IF('Standard Profiles'!$G$22=$B$24,21,0),0)),0)</f>
        <v>0</v>
      </c>
      <c r="I4465">
        <f t="shared" si="503"/>
        <v>0</v>
      </c>
      <c r="J4465">
        <f t="shared" si="504"/>
        <v>39.278871538541679</v>
      </c>
      <c r="K4465">
        <f t="shared" si="505"/>
        <v>3.3943973227433641</v>
      </c>
      <c r="L4465">
        <f t="shared" si="506"/>
        <v>1.6971986613716821</v>
      </c>
      <c r="M4465">
        <f t="shared" si="507"/>
        <v>0</v>
      </c>
      <c r="N4465" s="45">
        <f t="shared" si="508"/>
        <v>45111.624999989253</v>
      </c>
    </row>
    <row r="4466" spans="2:14" x14ac:dyDescent="0.25">
      <c r="B4466">
        <f t="shared" si="502"/>
        <v>2</v>
      </c>
      <c r="C4466" s="16">
        <v>4432</v>
      </c>
      <c r="D4466" cm="1">
        <f t="array" ref="D4466">IFERROR(INDEX(Jesper!AH$2:AH$366,ROUNDDOWN($C4466/24,0)+1,1)*INDEX($D$3:$AA$30,INDEX(Jesper!$R$2:$R$366,ROW(INDEX(Jesper!AH$2:AH$366,ROUNDDOWN($C4466/24,0)+1,1))-1)+IF('Standard Profiles'!$G$18=$B$10,7,0)+IF('Standard Profiles'!$G$18=$B$17,14,0)+IF('Standard Profiles'!$G$18=$B$24,21,0),MOD($C4466,24)+1)/SUM(INDEX($D$3:$AA$30,INDEX(Jesper!$R$2:$R$366,ROW(INDEX(Jesper!AH$2:AH$366,ROUNDDOWN($C4466/24,0)+1,1))-1)+IF('Standard Profiles'!$G$18=$B$10,7,0)+IF('Standard Profiles'!$G$18=$B$17,14,0)+IF('Standard Profiles'!$G$18=$B$24,21,0),0)),0)</f>
        <v>18.752529852209435</v>
      </c>
      <c r="E4466" cm="1">
        <f t="array" ref="E4466">IFERROR(INDEX(Jesper!AI$2:AI$366,ROUNDDOWN($C4466/24,0)+1,1)*INDEX($D$3:$AA$30,INDEX(Jesper!$R$2:$R$366,ROW(INDEX(Jesper!AI$2:AI$366,ROUNDDOWN($C4466/24,0)+1,1))-1)+IF('Standard Profiles'!$G$19=$B$10,7,0)+IF('Standard Profiles'!$G$19=$B$17,14,0)+IF('Standard Profiles'!$G$19=$B$24,21,0),MOD($C4466,24)+1)/SUM(INDEX($D$3:$AA$30,INDEX(Jesper!$R$2:$R$366,ROW(INDEX(Jesper!AI$2:AI$366,ROUNDDOWN($C4466/24,0)+1,1))-1)+IF('Standard Profiles'!$G$19=$B$10,7,0)+IF('Standard Profiles'!$G$19=$B$17,14,0)+IF('Standard Profiles'!$G$19=$B$24,21,0),0)),0)</f>
        <v>7.3943527950704242</v>
      </c>
      <c r="F4466" cm="1">
        <f t="array" ref="F4466">IFERROR(INDEX(Jesper!AJ$2:AJ$366,ROUNDDOWN($C4466/24,0)+1,1)*INDEX($D$3:$AA$30,INDEX(Jesper!$R$2:$R$366,ROW(INDEX(Jesper!AJ$2:AJ$366,ROUNDDOWN($C4466/24,0)+1,1))-1)+IF('Standard Profiles'!$G$20=$B$10,7,0)+IF('Standard Profiles'!$G$20=$B$17,14,0)+IF('Standard Profiles'!$G$20=$B$24,21,0),MOD($C4466,24)+1)/SUM(INDEX($D$3:$AA$30,INDEX(Jesper!$R$2:$R$366,ROW(INDEX(Jesper!AJ$2:AJ$366,ROUNDDOWN($C4466/24,0)+1,1))-1)+IF('Standard Profiles'!$G$20=$B$10,7,0)+IF('Standard Profiles'!$G$20=$B$17,14,0)+IF('Standard Profiles'!$G$20=$B$24,21,0),0)),0)</f>
        <v>0</v>
      </c>
      <c r="G4466" cm="1">
        <f t="array" ref="G4466">IFERROR(INDEX(Jesper!AK$2:AK$366,ROUNDDOWN($C4466/24,0)+1,1)*INDEX($D$3:$AA$30,INDEX(Jesper!$R$2:$R$366,ROW(INDEX(Jesper!AK$2:AK$366,ROUNDDOWN($C4466/24,0)+1,1))-1)+IF('Standard Profiles'!$G$21=$B$10,7,0)+IF('Standard Profiles'!$G$21=$B$17,14,0)+IF('Standard Profiles'!$G$21=$B$24,21,0),MOD($C4466,24)+1)/SUM(INDEX($D$3:$AA$30,INDEX(Jesper!$R$2:$R$366,ROW(INDEX(Jesper!AK$2:AK$366,ROUNDDOWN($C4466/24,0)+1,1))-1)+IF('Standard Profiles'!$G$21=$B$10,7,0)+IF('Standard Profiles'!$G$21=$B$17,14,0)+IF('Standard Profiles'!$G$21=$B$24,21,0),0)),0)</f>
        <v>0</v>
      </c>
      <c r="H4466" cm="1">
        <f t="array" ref="H4466">IFERROR(INDEX(Jesper!AL$2:AL$366,ROUNDDOWN($C4466/24,0)+1,1)*INDEX($D$3:$AA$30,INDEX(Jesper!$R$2:$R$366,ROW(INDEX(Jesper!AL$2:AL$366,ROUNDDOWN($C4466/24,0)+1,1))-1)+IF('Standard Profiles'!$G$22=$B$10,7,0)+IF('Standard Profiles'!$G$22=$B$17,14,0)+IF('Standard Profiles'!$G$22=$B$24,21,0),MOD($C4466,24)+1)/SUM(INDEX($D$3:$AA$30,INDEX(Jesper!$R$2:$R$366,ROW(INDEX(Jesper!AL$2:AL$366,ROUNDDOWN($C4466/24,0)+1,1))-1)+IF('Standard Profiles'!$G$22=$B$10,7,0)+IF('Standard Profiles'!$G$22=$B$17,14,0)+IF('Standard Profiles'!$G$22=$B$24,21,0),0)),0)</f>
        <v>0</v>
      </c>
      <c r="I4466">
        <f t="shared" si="503"/>
        <v>0</v>
      </c>
      <c r="J4466">
        <f t="shared" si="504"/>
        <v>23.146477870926347</v>
      </c>
      <c r="K4466">
        <f t="shared" si="505"/>
        <v>2.00026985090234</v>
      </c>
      <c r="L4466">
        <f t="shared" si="506"/>
        <v>1.00013492545117</v>
      </c>
      <c r="M4466">
        <f t="shared" si="507"/>
        <v>0</v>
      </c>
      <c r="N4466" s="45">
        <f t="shared" si="508"/>
        <v>45111.666666655918</v>
      </c>
    </row>
    <row r="4467" spans="2:14" x14ac:dyDescent="0.25">
      <c r="B4467">
        <f t="shared" si="502"/>
        <v>2</v>
      </c>
      <c r="C4467" s="16">
        <v>4433</v>
      </c>
      <c r="D4467" cm="1">
        <f t="array" ref="D4467">IFERROR(INDEX(Jesper!AH$2:AH$366,ROUNDDOWN($C4467/24,0)+1,1)*INDEX($D$3:$AA$30,INDEX(Jesper!$R$2:$R$366,ROW(INDEX(Jesper!AH$2:AH$366,ROUNDDOWN($C4467/24,0)+1,1))-1)+IF('Standard Profiles'!$G$18=$B$10,7,0)+IF('Standard Profiles'!$G$18=$B$17,14,0)+IF('Standard Profiles'!$G$18=$B$24,21,0),MOD($C4467,24)+1)/SUM(INDEX($D$3:$AA$30,INDEX(Jesper!$R$2:$R$366,ROW(INDEX(Jesper!AH$2:AH$366,ROUNDDOWN($C4467/24,0)+1,1))-1)+IF('Standard Profiles'!$G$18=$B$10,7,0)+IF('Standard Profiles'!$G$18=$B$17,14,0)+IF('Standard Profiles'!$G$18=$B$24,21,0),0)),0)</f>
        <v>8.0036405685913081</v>
      </c>
      <c r="E4467" cm="1">
        <f t="array" ref="E4467">IFERROR(INDEX(Jesper!AI$2:AI$366,ROUNDDOWN($C4467/24,0)+1,1)*INDEX($D$3:$AA$30,INDEX(Jesper!$R$2:$R$366,ROW(INDEX(Jesper!AI$2:AI$366,ROUNDDOWN($C4467/24,0)+1,1))-1)+IF('Standard Profiles'!$G$19=$B$10,7,0)+IF('Standard Profiles'!$G$19=$B$17,14,0)+IF('Standard Profiles'!$G$19=$B$24,21,0),MOD($C4467,24)+1)/SUM(INDEX($D$3:$AA$30,INDEX(Jesper!$R$2:$R$366,ROW(INDEX(Jesper!AI$2:AI$366,ROUNDDOWN($C4467/24,0)+1,1))-1)+IF('Standard Profiles'!$G$19=$B$10,7,0)+IF('Standard Profiles'!$G$19=$B$17,14,0)+IF('Standard Profiles'!$G$19=$B$24,21,0),0)),0)</f>
        <v>3.1559337580326186</v>
      </c>
      <c r="F4467" cm="1">
        <f t="array" ref="F4467">IFERROR(INDEX(Jesper!AJ$2:AJ$366,ROUNDDOWN($C4467/24,0)+1,1)*INDEX($D$3:$AA$30,INDEX(Jesper!$R$2:$R$366,ROW(INDEX(Jesper!AJ$2:AJ$366,ROUNDDOWN($C4467/24,0)+1,1))-1)+IF('Standard Profiles'!$G$20=$B$10,7,0)+IF('Standard Profiles'!$G$20=$B$17,14,0)+IF('Standard Profiles'!$G$20=$B$24,21,0),MOD($C4467,24)+1)/SUM(INDEX($D$3:$AA$30,INDEX(Jesper!$R$2:$R$366,ROW(INDEX(Jesper!AJ$2:AJ$366,ROUNDDOWN($C4467/24,0)+1,1))-1)+IF('Standard Profiles'!$G$20=$B$10,7,0)+IF('Standard Profiles'!$G$20=$B$17,14,0)+IF('Standard Profiles'!$G$20=$B$24,21,0),0)),0)</f>
        <v>0</v>
      </c>
      <c r="G4467" cm="1">
        <f t="array" ref="G4467">IFERROR(INDEX(Jesper!AK$2:AK$366,ROUNDDOWN($C4467/24,0)+1,1)*INDEX($D$3:$AA$30,INDEX(Jesper!$R$2:$R$366,ROW(INDEX(Jesper!AK$2:AK$366,ROUNDDOWN($C4467/24,0)+1,1))-1)+IF('Standard Profiles'!$G$21=$B$10,7,0)+IF('Standard Profiles'!$G$21=$B$17,14,0)+IF('Standard Profiles'!$G$21=$B$24,21,0),MOD($C4467,24)+1)/SUM(INDEX($D$3:$AA$30,INDEX(Jesper!$R$2:$R$366,ROW(INDEX(Jesper!AK$2:AK$366,ROUNDDOWN($C4467/24,0)+1,1))-1)+IF('Standard Profiles'!$G$21=$B$10,7,0)+IF('Standard Profiles'!$G$21=$B$17,14,0)+IF('Standard Profiles'!$G$21=$B$24,21,0),0)),0)</f>
        <v>0</v>
      </c>
      <c r="H4467" cm="1">
        <f t="array" ref="H4467">IFERROR(INDEX(Jesper!AL$2:AL$366,ROUNDDOWN($C4467/24,0)+1,1)*INDEX($D$3:$AA$30,INDEX(Jesper!$R$2:$R$366,ROW(INDEX(Jesper!AL$2:AL$366,ROUNDDOWN($C4467/24,0)+1,1))-1)+IF('Standard Profiles'!$G$22=$B$10,7,0)+IF('Standard Profiles'!$G$22=$B$17,14,0)+IF('Standard Profiles'!$G$22=$B$24,21,0),MOD($C4467,24)+1)/SUM(INDEX($D$3:$AA$30,INDEX(Jesper!$R$2:$R$366,ROW(INDEX(Jesper!AL$2:AL$366,ROUNDDOWN($C4467/24,0)+1,1))-1)+IF('Standard Profiles'!$G$22=$B$10,7,0)+IF('Standard Profiles'!$G$22=$B$17,14,0)+IF('Standard Profiles'!$G$22=$B$24,21,0),0)),0)</f>
        <v>0</v>
      </c>
      <c r="I4467">
        <f t="shared" si="503"/>
        <v>0</v>
      </c>
      <c r="J4467">
        <f t="shared" si="504"/>
        <v>9.8789918356493178</v>
      </c>
      <c r="K4467">
        <f t="shared" si="505"/>
        <v>0.85372166064973953</v>
      </c>
      <c r="L4467">
        <f t="shared" si="506"/>
        <v>0.42686083032486977</v>
      </c>
      <c r="M4467">
        <f t="shared" si="507"/>
        <v>0</v>
      </c>
      <c r="N4467" s="45">
        <f t="shared" si="508"/>
        <v>45111.708333322582</v>
      </c>
    </row>
    <row r="4468" spans="2:14" x14ac:dyDescent="0.25">
      <c r="B4468">
        <f t="shared" si="502"/>
        <v>2</v>
      </c>
      <c r="C4468" s="16">
        <v>4434</v>
      </c>
      <c r="D4468" cm="1">
        <f t="array" ref="D4468">IFERROR(INDEX(Jesper!AH$2:AH$366,ROUNDDOWN($C4468/24,0)+1,1)*INDEX($D$3:$AA$30,INDEX(Jesper!$R$2:$R$366,ROW(INDEX(Jesper!AH$2:AH$366,ROUNDDOWN($C4468/24,0)+1,1))-1)+IF('Standard Profiles'!$G$18=$B$10,7,0)+IF('Standard Profiles'!$G$18=$B$17,14,0)+IF('Standard Profiles'!$G$18=$B$24,21,0),MOD($C4468,24)+1)/SUM(INDEX($D$3:$AA$30,INDEX(Jesper!$R$2:$R$366,ROW(INDEX(Jesper!AH$2:AH$366,ROUNDDOWN($C4468/24,0)+1,1))-1)+IF('Standard Profiles'!$G$18=$B$10,7,0)+IF('Standard Profiles'!$G$18=$B$17,14,0)+IF('Standard Profiles'!$G$18=$B$24,21,0),0)),0)</f>
        <v>5.2824027752702634</v>
      </c>
      <c r="E4468" cm="1">
        <f t="array" ref="E4468">IFERROR(INDEX(Jesper!AI$2:AI$366,ROUNDDOWN($C4468/24,0)+1,1)*INDEX($D$3:$AA$30,INDEX(Jesper!$R$2:$R$366,ROW(INDEX(Jesper!AI$2:AI$366,ROUNDDOWN($C4468/24,0)+1,1))-1)+IF('Standard Profiles'!$G$19=$B$10,7,0)+IF('Standard Profiles'!$G$19=$B$17,14,0)+IF('Standard Profiles'!$G$19=$B$24,21,0),MOD($C4468,24)+1)/SUM(INDEX($D$3:$AA$30,INDEX(Jesper!$R$2:$R$366,ROW(INDEX(Jesper!AI$2:AI$366,ROUNDDOWN($C4468/24,0)+1,1))-1)+IF('Standard Profiles'!$G$19=$B$10,7,0)+IF('Standard Profiles'!$G$19=$B$17,14,0)+IF('Standard Profiles'!$G$19=$B$24,21,0),0)),0)</f>
        <v>2.0829162803015282</v>
      </c>
      <c r="F4468" cm="1">
        <f t="array" ref="F4468">IFERROR(INDEX(Jesper!AJ$2:AJ$366,ROUNDDOWN($C4468/24,0)+1,1)*INDEX($D$3:$AA$30,INDEX(Jesper!$R$2:$R$366,ROW(INDEX(Jesper!AJ$2:AJ$366,ROUNDDOWN($C4468/24,0)+1,1))-1)+IF('Standard Profiles'!$G$20=$B$10,7,0)+IF('Standard Profiles'!$G$20=$B$17,14,0)+IF('Standard Profiles'!$G$20=$B$24,21,0),MOD($C4468,24)+1)/SUM(INDEX($D$3:$AA$30,INDEX(Jesper!$R$2:$R$366,ROW(INDEX(Jesper!AJ$2:AJ$366,ROUNDDOWN($C4468/24,0)+1,1))-1)+IF('Standard Profiles'!$G$20=$B$10,7,0)+IF('Standard Profiles'!$G$20=$B$17,14,0)+IF('Standard Profiles'!$G$20=$B$24,21,0),0)),0)</f>
        <v>0</v>
      </c>
      <c r="G4468" cm="1">
        <f t="array" ref="G4468">IFERROR(INDEX(Jesper!AK$2:AK$366,ROUNDDOWN($C4468/24,0)+1,1)*INDEX($D$3:$AA$30,INDEX(Jesper!$R$2:$R$366,ROW(INDEX(Jesper!AK$2:AK$366,ROUNDDOWN($C4468/24,0)+1,1))-1)+IF('Standard Profiles'!$G$21=$B$10,7,0)+IF('Standard Profiles'!$G$21=$B$17,14,0)+IF('Standard Profiles'!$G$21=$B$24,21,0),MOD($C4468,24)+1)/SUM(INDEX($D$3:$AA$30,INDEX(Jesper!$R$2:$R$366,ROW(INDEX(Jesper!AK$2:AK$366,ROUNDDOWN($C4468/24,0)+1,1))-1)+IF('Standard Profiles'!$G$21=$B$10,7,0)+IF('Standard Profiles'!$G$21=$B$17,14,0)+IF('Standard Profiles'!$G$21=$B$24,21,0),0)),0)</f>
        <v>0</v>
      </c>
      <c r="H4468" cm="1">
        <f t="array" ref="H4468">IFERROR(INDEX(Jesper!AL$2:AL$366,ROUNDDOWN($C4468/24,0)+1,1)*INDEX($D$3:$AA$30,INDEX(Jesper!$R$2:$R$366,ROW(INDEX(Jesper!AL$2:AL$366,ROUNDDOWN($C4468/24,0)+1,1))-1)+IF('Standard Profiles'!$G$22=$B$10,7,0)+IF('Standard Profiles'!$G$22=$B$17,14,0)+IF('Standard Profiles'!$G$22=$B$24,21,0),MOD($C4468,24)+1)/SUM(INDEX($D$3:$AA$30,INDEX(Jesper!$R$2:$R$366,ROW(INDEX(Jesper!AL$2:AL$366,ROUNDDOWN($C4468/24,0)+1,1))-1)+IF('Standard Profiles'!$G$22=$B$10,7,0)+IF('Standard Profiles'!$G$22=$B$17,14,0)+IF('Standard Profiles'!$G$22=$B$24,21,0),0)),0)</f>
        <v>0</v>
      </c>
      <c r="I4468">
        <f t="shared" si="503"/>
        <v>0</v>
      </c>
      <c r="J4468">
        <f t="shared" si="504"/>
        <v>6.5201346115285492</v>
      </c>
      <c r="K4468">
        <f t="shared" si="505"/>
        <v>0.56345629602882807</v>
      </c>
      <c r="L4468">
        <f t="shared" si="506"/>
        <v>0.28172814801441404</v>
      </c>
      <c r="M4468">
        <f t="shared" si="507"/>
        <v>0</v>
      </c>
      <c r="N4468" s="45">
        <f t="shared" si="508"/>
        <v>45111.749999989246</v>
      </c>
    </row>
    <row r="4469" spans="2:14" x14ac:dyDescent="0.25">
      <c r="B4469">
        <f t="shared" si="502"/>
        <v>2</v>
      </c>
      <c r="C4469" s="16">
        <v>4435</v>
      </c>
      <c r="D4469" cm="1">
        <f t="array" ref="D4469">IFERROR(INDEX(Jesper!AH$2:AH$366,ROUNDDOWN($C4469/24,0)+1,1)*INDEX($D$3:$AA$30,INDEX(Jesper!$R$2:$R$366,ROW(INDEX(Jesper!AH$2:AH$366,ROUNDDOWN($C4469/24,0)+1,1))-1)+IF('Standard Profiles'!$G$18=$B$10,7,0)+IF('Standard Profiles'!$G$18=$B$17,14,0)+IF('Standard Profiles'!$G$18=$B$24,21,0),MOD($C4469,24)+1)/SUM(INDEX($D$3:$AA$30,INDEX(Jesper!$R$2:$R$366,ROW(INDEX(Jesper!AH$2:AH$366,ROUNDDOWN($C4469/24,0)+1,1))-1)+IF('Standard Profiles'!$G$18=$B$10,7,0)+IF('Standard Profiles'!$G$18=$B$17,14,0)+IF('Standard Profiles'!$G$18=$B$24,21,0),0)),0)</f>
        <v>5.2824027752702634</v>
      </c>
      <c r="E4469" cm="1">
        <f t="array" ref="E4469">IFERROR(INDEX(Jesper!AI$2:AI$366,ROUNDDOWN($C4469/24,0)+1,1)*INDEX($D$3:$AA$30,INDEX(Jesper!$R$2:$R$366,ROW(INDEX(Jesper!AI$2:AI$366,ROUNDDOWN($C4469/24,0)+1,1))-1)+IF('Standard Profiles'!$G$19=$B$10,7,0)+IF('Standard Profiles'!$G$19=$B$17,14,0)+IF('Standard Profiles'!$G$19=$B$24,21,0),MOD($C4469,24)+1)/SUM(INDEX($D$3:$AA$30,INDEX(Jesper!$R$2:$R$366,ROW(INDEX(Jesper!AI$2:AI$366,ROUNDDOWN($C4469/24,0)+1,1))-1)+IF('Standard Profiles'!$G$19=$B$10,7,0)+IF('Standard Profiles'!$G$19=$B$17,14,0)+IF('Standard Profiles'!$G$19=$B$24,21,0),0)),0)</f>
        <v>2.0829162803015282</v>
      </c>
      <c r="F4469" cm="1">
        <f t="array" ref="F4469">IFERROR(INDEX(Jesper!AJ$2:AJ$366,ROUNDDOWN($C4469/24,0)+1,1)*INDEX($D$3:$AA$30,INDEX(Jesper!$R$2:$R$366,ROW(INDEX(Jesper!AJ$2:AJ$366,ROUNDDOWN($C4469/24,0)+1,1))-1)+IF('Standard Profiles'!$G$20=$B$10,7,0)+IF('Standard Profiles'!$G$20=$B$17,14,0)+IF('Standard Profiles'!$G$20=$B$24,21,0),MOD($C4469,24)+1)/SUM(INDEX($D$3:$AA$30,INDEX(Jesper!$R$2:$R$366,ROW(INDEX(Jesper!AJ$2:AJ$366,ROUNDDOWN($C4469/24,0)+1,1))-1)+IF('Standard Profiles'!$G$20=$B$10,7,0)+IF('Standard Profiles'!$G$20=$B$17,14,0)+IF('Standard Profiles'!$G$20=$B$24,21,0),0)),0)</f>
        <v>0</v>
      </c>
      <c r="G4469" cm="1">
        <f t="array" ref="G4469">IFERROR(INDEX(Jesper!AK$2:AK$366,ROUNDDOWN($C4469/24,0)+1,1)*INDEX($D$3:$AA$30,INDEX(Jesper!$R$2:$R$366,ROW(INDEX(Jesper!AK$2:AK$366,ROUNDDOWN($C4469/24,0)+1,1))-1)+IF('Standard Profiles'!$G$21=$B$10,7,0)+IF('Standard Profiles'!$G$21=$B$17,14,0)+IF('Standard Profiles'!$G$21=$B$24,21,0),MOD($C4469,24)+1)/SUM(INDEX($D$3:$AA$30,INDEX(Jesper!$R$2:$R$366,ROW(INDEX(Jesper!AK$2:AK$366,ROUNDDOWN($C4469/24,0)+1,1))-1)+IF('Standard Profiles'!$G$21=$B$10,7,0)+IF('Standard Profiles'!$G$21=$B$17,14,0)+IF('Standard Profiles'!$G$21=$B$24,21,0),0)),0)</f>
        <v>0</v>
      </c>
      <c r="H4469" cm="1">
        <f t="array" ref="H4469">IFERROR(INDEX(Jesper!AL$2:AL$366,ROUNDDOWN($C4469/24,0)+1,1)*INDEX($D$3:$AA$30,INDEX(Jesper!$R$2:$R$366,ROW(INDEX(Jesper!AL$2:AL$366,ROUNDDOWN($C4469/24,0)+1,1))-1)+IF('Standard Profiles'!$G$22=$B$10,7,0)+IF('Standard Profiles'!$G$22=$B$17,14,0)+IF('Standard Profiles'!$G$22=$B$24,21,0),MOD($C4469,24)+1)/SUM(INDEX($D$3:$AA$30,INDEX(Jesper!$R$2:$R$366,ROW(INDEX(Jesper!AL$2:AL$366,ROUNDDOWN($C4469/24,0)+1,1))-1)+IF('Standard Profiles'!$G$22=$B$10,7,0)+IF('Standard Profiles'!$G$22=$B$17,14,0)+IF('Standard Profiles'!$G$22=$B$24,21,0),0)),0)</f>
        <v>0</v>
      </c>
      <c r="I4469">
        <f t="shared" si="503"/>
        <v>0</v>
      </c>
      <c r="J4469">
        <f t="shared" si="504"/>
        <v>6.5201346115285492</v>
      </c>
      <c r="K4469">
        <f t="shared" si="505"/>
        <v>0.56345629602882807</v>
      </c>
      <c r="L4469">
        <f t="shared" si="506"/>
        <v>0.28172814801441404</v>
      </c>
      <c r="M4469">
        <f t="shared" si="507"/>
        <v>0</v>
      </c>
      <c r="N4469" s="45">
        <f t="shared" si="508"/>
        <v>45111.79166665591</v>
      </c>
    </row>
    <row r="4470" spans="2:14" x14ac:dyDescent="0.25">
      <c r="B4470">
        <f t="shared" si="502"/>
        <v>2</v>
      </c>
      <c r="C4470" s="16">
        <v>4436</v>
      </c>
      <c r="D4470" cm="1">
        <f t="array" ref="D4470">IFERROR(INDEX(Jesper!AH$2:AH$366,ROUNDDOWN($C4470/24,0)+1,1)*INDEX($D$3:$AA$30,INDEX(Jesper!$R$2:$R$366,ROW(INDEX(Jesper!AH$2:AH$366,ROUNDDOWN($C4470/24,0)+1,1))-1)+IF('Standard Profiles'!$G$18=$B$10,7,0)+IF('Standard Profiles'!$G$18=$B$17,14,0)+IF('Standard Profiles'!$G$18=$B$24,21,0),MOD($C4470,24)+1)/SUM(INDEX($D$3:$AA$30,INDEX(Jesper!$R$2:$R$366,ROW(INDEX(Jesper!AH$2:AH$366,ROUNDDOWN($C4470/24,0)+1,1))-1)+IF('Standard Profiles'!$G$18=$B$10,7,0)+IF('Standard Profiles'!$G$18=$B$17,14,0)+IF('Standard Profiles'!$G$18=$B$24,21,0),0)),0)</f>
        <v>5.2824027752702634</v>
      </c>
      <c r="E4470" cm="1">
        <f t="array" ref="E4470">IFERROR(INDEX(Jesper!AI$2:AI$366,ROUNDDOWN($C4470/24,0)+1,1)*INDEX($D$3:$AA$30,INDEX(Jesper!$R$2:$R$366,ROW(INDEX(Jesper!AI$2:AI$366,ROUNDDOWN($C4470/24,0)+1,1))-1)+IF('Standard Profiles'!$G$19=$B$10,7,0)+IF('Standard Profiles'!$G$19=$B$17,14,0)+IF('Standard Profiles'!$G$19=$B$24,21,0),MOD($C4470,24)+1)/SUM(INDEX($D$3:$AA$30,INDEX(Jesper!$R$2:$R$366,ROW(INDEX(Jesper!AI$2:AI$366,ROUNDDOWN($C4470/24,0)+1,1))-1)+IF('Standard Profiles'!$G$19=$B$10,7,0)+IF('Standard Profiles'!$G$19=$B$17,14,0)+IF('Standard Profiles'!$G$19=$B$24,21,0),0)),0)</f>
        <v>2.0829162803015282</v>
      </c>
      <c r="F4470" cm="1">
        <f t="array" ref="F4470">IFERROR(INDEX(Jesper!AJ$2:AJ$366,ROUNDDOWN($C4470/24,0)+1,1)*INDEX($D$3:$AA$30,INDEX(Jesper!$R$2:$R$366,ROW(INDEX(Jesper!AJ$2:AJ$366,ROUNDDOWN($C4470/24,0)+1,1))-1)+IF('Standard Profiles'!$G$20=$B$10,7,0)+IF('Standard Profiles'!$G$20=$B$17,14,0)+IF('Standard Profiles'!$G$20=$B$24,21,0),MOD($C4470,24)+1)/SUM(INDEX($D$3:$AA$30,INDEX(Jesper!$R$2:$R$366,ROW(INDEX(Jesper!AJ$2:AJ$366,ROUNDDOWN($C4470/24,0)+1,1))-1)+IF('Standard Profiles'!$G$20=$B$10,7,0)+IF('Standard Profiles'!$G$20=$B$17,14,0)+IF('Standard Profiles'!$G$20=$B$24,21,0),0)),0)</f>
        <v>0</v>
      </c>
      <c r="G4470" cm="1">
        <f t="array" ref="G4470">IFERROR(INDEX(Jesper!AK$2:AK$366,ROUNDDOWN($C4470/24,0)+1,1)*INDEX($D$3:$AA$30,INDEX(Jesper!$R$2:$R$366,ROW(INDEX(Jesper!AK$2:AK$366,ROUNDDOWN($C4470/24,0)+1,1))-1)+IF('Standard Profiles'!$G$21=$B$10,7,0)+IF('Standard Profiles'!$G$21=$B$17,14,0)+IF('Standard Profiles'!$G$21=$B$24,21,0),MOD($C4470,24)+1)/SUM(INDEX($D$3:$AA$30,INDEX(Jesper!$R$2:$R$366,ROW(INDEX(Jesper!AK$2:AK$366,ROUNDDOWN($C4470/24,0)+1,1))-1)+IF('Standard Profiles'!$G$21=$B$10,7,0)+IF('Standard Profiles'!$G$21=$B$17,14,0)+IF('Standard Profiles'!$G$21=$B$24,21,0),0)),0)</f>
        <v>0</v>
      </c>
      <c r="H4470" cm="1">
        <f t="array" ref="H4470">IFERROR(INDEX(Jesper!AL$2:AL$366,ROUNDDOWN($C4470/24,0)+1,1)*INDEX($D$3:$AA$30,INDEX(Jesper!$R$2:$R$366,ROW(INDEX(Jesper!AL$2:AL$366,ROUNDDOWN($C4470/24,0)+1,1))-1)+IF('Standard Profiles'!$G$22=$B$10,7,0)+IF('Standard Profiles'!$G$22=$B$17,14,0)+IF('Standard Profiles'!$G$22=$B$24,21,0),MOD($C4470,24)+1)/SUM(INDEX($D$3:$AA$30,INDEX(Jesper!$R$2:$R$366,ROW(INDEX(Jesper!AL$2:AL$366,ROUNDDOWN($C4470/24,0)+1,1))-1)+IF('Standard Profiles'!$G$22=$B$10,7,0)+IF('Standard Profiles'!$G$22=$B$17,14,0)+IF('Standard Profiles'!$G$22=$B$24,21,0),0)),0)</f>
        <v>0</v>
      </c>
      <c r="I4470">
        <f t="shared" si="503"/>
        <v>0</v>
      </c>
      <c r="J4470">
        <f t="shared" si="504"/>
        <v>6.5201346115285492</v>
      </c>
      <c r="K4470">
        <f t="shared" si="505"/>
        <v>0.56345629602882807</v>
      </c>
      <c r="L4470">
        <f t="shared" si="506"/>
        <v>0.28172814801441404</v>
      </c>
      <c r="M4470">
        <f t="shared" si="507"/>
        <v>0</v>
      </c>
      <c r="N4470" s="45">
        <f t="shared" si="508"/>
        <v>45111.833333322575</v>
      </c>
    </row>
    <row r="4471" spans="2:14" x14ac:dyDescent="0.25">
      <c r="B4471">
        <f t="shared" si="502"/>
        <v>2</v>
      </c>
      <c r="C4471" s="16">
        <v>4437</v>
      </c>
      <c r="D4471" cm="1">
        <f t="array" ref="D4471">IFERROR(INDEX(Jesper!AH$2:AH$366,ROUNDDOWN($C4471/24,0)+1,1)*INDEX($D$3:$AA$30,INDEX(Jesper!$R$2:$R$366,ROW(INDEX(Jesper!AH$2:AH$366,ROUNDDOWN($C4471/24,0)+1,1))-1)+IF('Standard Profiles'!$G$18=$B$10,7,0)+IF('Standard Profiles'!$G$18=$B$17,14,0)+IF('Standard Profiles'!$G$18=$B$24,21,0),MOD($C4471,24)+1)/SUM(INDEX($D$3:$AA$30,INDEX(Jesper!$R$2:$R$366,ROW(INDEX(Jesper!AH$2:AH$366,ROUNDDOWN($C4471/24,0)+1,1))-1)+IF('Standard Profiles'!$G$18=$B$10,7,0)+IF('Standard Profiles'!$G$18=$B$17,14,0)+IF('Standard Profiles'!$G$18=$B$24,21,0),0)),0)</f>
        <v>5.2824027752702634</v>
      </c>
      <c r="E4471" cm="1">
        <f t="array" ref="E4471">IFERROR(INDEX(Jesper!AI$2:AI$366,ROUNDDOWN($C4471/24,0)+1,1)*INDEX($D$3:$AA$30,INDEX(Jesper!$R$2:$R$366,ROW(INDEX(Jesper!AI$2:AI$366,ROUNDDOWN($C4471/24,0)+1,1))-1)+IF('Standard Profiles'!$G$19=$B$10,7,0)+IF('Standard Profiles'!$G$19=$B$17,14,0)+IF('Standard Profiles'!$G$19=$B$24,21,0),MOD($C4471,24)+1)/SUM(INDEX($D$3:$AA$30,INDEX(Jesper!$R$2:$R$366,ROW(INDEX(Jesper!AI$2:AI$366,ROUNDDOWN($C4471/24,0)+1,1))-1)+IF('Standard Profiles'!$G$19=$B$10,7,0)+IF('Standard Profiles'!$G$19=$B$17,14,0)+IF('Standard Profiles'!$G$19=$B$24,21,0),0)),0)</f>
        <v>2.0829162803015282</v>
      </c>
      <c r="F4471" cm="1">
        <f t="array" ref="F4471">IFERROR(INDEX(Jesper!AJ$2:AJ$366,ROUNDDOWN($C4471/24,0)+1,1)*INDEX($D$3:$AA$30,INDEX(Jesper!$R$2:$R$366,ROW(INDEX(Jesper!AJ$2:AJ$366,ROUNDDOWN($C4471/24,0)+1,1))-1)+IF('Standard Profiles'!$G$20=$B$10,7,0)+IF('Standard Profiles'!$G$20=$B$17,14,0)+IF('Standard Profiles'!$G$20=$B$24,21,0),MOD($C4471,24)+1)/SUM(INDEX($D$3:$AA$30,INDEX(Jesper!$R$2:$R$366,ROW(INDEX(Jesper!AJ$2:AJ$366,ROUNDDOWN($C4471/24,0)+1,1))-1)+IF('Standard Profiles'!$G$20=$B$10,7,0)+IF('Standard Profiles'!$G$20=$B$17,14,0)+IF('Standard Profiles'!$G$20=$B$24,21,0),0)),0)</f>
        <v>0</v>
      </c>
      <c r="G4471" cm="1">
        <f t="array" ref="G4471">IFERROR(INDEX(Jesper!AK$2:AK$366,ROUNDDOWN($C4471/24,0)+1,1)*INDEX($D$3:$AA$30,INDEX(Jesper!$R$2:$R$366,ROW(INDEX(Jesper!AK$2:AK$366,ROUNDDOWN($C4471/24,0)+1,1))-1)+IF('Standard Profiles'!$G$21=$B$10,7,0)+IF('Standard Profiles'!$G$21=$B$17,14,0)+IF('Standard Profiles'!$G$21=$B$24,21,0),MOD($C4471,24)+1)/SUM(INDEX($D$3:$AA$30,INDEX(Jesper!$R$2:$R$366,ROW(INDEX(Jesper!AK$2:AK$366,ROUNDDOWN($C4471/24,0)+1,1))-1)+IF('Standard Profiles'!$G$21=$B$10,7,0)+IF('Standard Profiles'!$G$21=$B$17,14,0)+IF('Standard Profiles'!$G$21=$B$24,21,0),0)),0)</f>
        <v>0</v>
      </c>
      <c r="H4471" cm="1">
        <f t="array" ref="H4471">IFERROR(INDEX(Jesper!AL$2:AL$366,ROUNDDOWN($C4471/24,0)+1,1)*INDEX($D$3:$AA$30,INDEX(Jesper!$R$2:$R$366,ROW(INDEX(Jesper!AL$2:AL$366,ROUNDDOWN($C4471/24,0)+1,1))-1)+IF('Standard Profiles'!$G$22=$B$10,7,0)+IF('Standard Profiles'!$G$22=$B$17,14,0)+IF('Standard Profiles'!$G$22=$B$24,21,0),MOD($C4471,24)+1)/SUM(INDEX($D$3:$AA$30,INDEX(Jesper!$R$2:$R$366,ROW(INDEX(Jesper!AL$2:AL$366,ROUNDDOWN($C4471/24,0)+1,1))-1)+IF('Standard Profiles'!$G$22=$B$10,7,0)+IF('Standard Profiles'!$G$22=$B$17,14,0)+IF('Standard Profiles'!$G$22=$B$24,21,0),0)),0)</f>
        <v>0</v>
      </c>
      <c r="I4471">
        <f t="shared" si="503"/>
        <v>0</v>
      </c>
      <c r="J4471">
        <f t="shared" si="504"/>
        <v>6.5201346115285492</v>
      </c>
      <c r="K4471">
        <f t="shared" si="505"/>
        <v>0.56345629602882807</v>
      </c>
      <c r="L4471">
        <f t="shared" si="506"/>
        <v>0.28172814801441404</v>
      </c>
      <c r="M4471">
        <f t="shared" si="507"/>
        <v>0</v>
      </c>
      <c r="N4471" s="45">
        <f t="shared" si="508"/>
        <v>45111.874999989239</v>
      </c>
    </row>
    <row r="4472" spans="2:14" x14ac:dyDescent="0.25">
      <c r="B4472">
        <f t="shared" si="502"/>
        <v>2</v>
      </c>
      <c r="C4472" s="16">
        <v>4438</v>
      </c>
      <c r="D4472" cm="1">
        <f t="array" ref="D4472">IFERROR(INDEX(Jesper!AH$2:AH$366,ROUNDDOWN($C4472/24,0)+1,1)*INDEX($D$3:$AA$30,INDEX(Jesper!$R$2:$R$366,ROW(INDEX(Jesper!AH$2:AH$366,ROUNDDOWN($C4472/24,0)+1,1))-1)+IF('Standard Profiles'!$G$18=$B$10,7,0)+IF('Standard Profiles'!$G$18=$B$17,14,0)+IF('Standard Profiles'!$G$18=$B$24,21,0),MOD($C4472,24)+1)/SUM(INDEX($D$3:$AA$30,INDEX(Jesper!$R$2:$R$366,ROW(INDEX(Jesper!AH$2:AH$366,ROUNDDOWN($C4472/24,0)+1,1))-1)+IF('Standard Profiles'!$G$18=$B$10,7,0)+IF('Standard Profiles'!$G$18=$B$17,14,0)+IF('Standard Profiles'!$G$18=$B$24,21,0),0)),0)</f>
        <v>5.2824027752702634</v>
      </c>
      <c r="E4472" cm="1">
        <f t="array" ref="E4472">IFERROR(INDEX(Jesper!AI$2:AI$366,ROUNDDOWN($C4472/24,0)+1,1)*INDEX($D$3:$AA$30,INDEX(Jesper!$R$2:$R$366,ROW(INDEX(Jesper!AI$2:AI$366,ROUNDDOWN($C4472/24,0)+1,1))-1)+IF('Standard Profiles'!$G$19=$B$10,7,0)+IF('Standard Profiles'!$G$19=$B$17,14,0)+IF('Standard Profiles'!$G$19=$B$24,21,0),MOD($C4472,24)+1)/SUM(INDEX($D$3:$AA$30,INDEX(Jesper!$R$2:$R$366,ROW(INDEX(Jesper!AI$2:AI$366,ROUNDDOWN($C4472/24,0)+1,1))-1)+IF('Standard Profiles'!$G$19=$B$10,7,0)+IF('Standard Profiles'!$G$19=$B$17,14,0)+IF('Standard Profiles'!$G$19=$B$24,21,0),0)),0)</f>
        <v>2.0829162803015282</v>
      </c>
      <c r="F4472" cm="1">
        <f t="array" ref="F4472">IFERROR(INDEX(Jesper!AJ$2:AJ$366,ROUNDDOWN($C4472/24,0)+1,1)*INDEX($D$3:$AA$30,INDEX(Jesper!$R$2:$R$366,ROW(INDEX(Jesper!AJ$2:AJ$366,ROUNDDOWN($C4472/24,0)+1,1))-1)+IF('Standard Profiles'!$G$20=$B$10,7,0)+IF('Standard Profiles'!$G$20=$B$17,14,0)+IF('Standard Profiles'!$G$20=$B$24,21,0),MOD($C4472,24)+1)/SUM(INDEX($D$3:$AA$30,INDEX(Jesper!$R$2:$R$366,ROW(INDEX(Jesper!AJ$2:AJ$366,ROUNDDOWN($C4472/24,0)+1,1))-1)+IF('Standard Profiles'!$G$20=$B$10,7,0)+IF('Standard Profiles'!$G$20=$B$17,14,0)+IF('Standard Profiles'!$G$20=$B$24,21,0),0)),0)</f>
        <v>0</v>
      </c>
      <c r="G4472" cm="1">
        <f t="array" ref="G4472">IFERROR(INDEX(Jesper!AK$2:AK$366,ROUNDDOWN($C4472/24,0)+1,1)*INDEX($D$3:$AA$30,INDEX(Jesper!$R$2:$R$366,ROW(INDEX(Jesper!AK$2:AK$366,ROUNDDOWN($C4472/24,0)+1,1))-1)+IF('Standard Profiles'!$G$21=$B$10,7,0)+IF('Standard Profiles'!$G$21=$B$17,14,0)+IF('Standard Profiles'!$G$21=$B$24,21,0),MOD($C4472,24)+1)/SUM(INDEX($D$3:$AA$30,INDEX(Jesper!$R$2:$R$366,ROW(INDEX(Jesper!AK$2:AK$366,ROUNDDOWN($C4472/24,0)+1,1))-1)+IF('Standard Profiles'!$G$21=$B$10,7,0)+IF('Standard Profiles'!$G$21=$B$17,14,0)+IF('Standard Profiles'!$G$21=$B$24,21,0),0)),0)</f>
        <v>0</v>
      </c>
      <c r="H4472" cm="1">
        <f t="array" ref="H4472">IFERROR(INDEX(Jesper!AL$2:AL$366,ROUNDDOWN($C4472/24,0)+1,1)*INDEX($D$3:$AA$30,INDEX(Jesper!$R$2:$R$366,ROW(INDEX(Jesper!AL$2:AL$366,ROUNDDOWN($C4472/24,0)+1,1))-1)+IF('Standard Profiles'!$G$22=$B$10,7,0)+IF('Standard Profiles'!$G$22=$B$17,14,0)+IF('Standard Profiles'!$G$22=$B$24,21,0),MOD($C4472,24)+1)/SUM(INDEX($D$3:$AA$30,INDEX(Jesper!$R$2:$R$366,ROW(INDEX(Jesper!AL$2:AL$366,ROUNDDOWN($C4472/24,0)+1,1))-1)+IF('Standard Profiles'!$G$22=$B$10,7,0)+IF('Standard Profiles'!$G$22=$B$17,14,0)+IF('Standard Profiles'!$G$22=$B$24,21,0),0)),0)</f>
        <v>0</v>
      </c>
      <c r="I4472">
        <f t="shared" si="503"/>
        <v>0</v>
      </c>
      <c r="J4472">
        <f t="shared" si="504"/>
        <v>6.5201346115285492</v>
      </c>
      <c r="K4472">
        <f t="shared" si="505"/>
        <v>0.56345629602882807</v>
      </c>
      <c r="L4472">
        <f t="shared" si="506"/>
        <v>0.28172814801441404</v>
      </c>
      <c r="M4472">
        <f t="shared" si="507"/>
        <v>0</v>
      </c>
      <c r="N4472" s="45">
        <f t="shared" si="508"/>
        <v>45111.916666655903</v>
      </c>
    </row>
    <row r="4473" spans="2:14" x14ac:dyDescent="0.25">
      <c r="B4473">
        <f t="shared" si="502"/>
        <v>2</v>
      </c>
      <c r="C4473" s="16">
        <v>4439</v>
      </c>
      <c r="D4473" cm="1">
        <f t="array" ref="D4473">IFERROR(INDEX(Jesper!AH$2:AH$366,ROUNDDOWN($C4473/24,0)+1,1)*INDEX($D$3:$AA$30,INDEX(Jesper!$R$2:$R$366,ROW(INDEX(Jesper!AH$2:AH$366,ROUNDDOWN($C4473/24,0)+1,1))-1)+IF('Standard Profiles'!$G$18=$B$10,7,0)+IF('Standard Profiles'!$G$18=$B$17,14,0)+IF('Standard Profiles'!$G$18=$B$24,21,0),MOD($C4473,24)+1)/SUM(INDEX($D$3:$AA$30,INDEX(Jesper!$R$2:$R$366,ROW(INDEX(Jesper!AH$2:AH$366,ROUNDDOWN($C4473/24,0)+1,1))-1)+IF('Standard Profiles'!$G$18=$B$10,7,0)+IF('Standard Profiles'!$G$18=$B$17,14,0)+IF('Standard Profiles'!$G$18=$B$24,21,0),0)),0)</f>
        <v>5.2824027752702634</v>
      </c>
      <c r="E4473" cm="1">
        <f t="array" ref="E4473">IFERROR(INDEX(Jesper!AI$2:AI$366,ROUNDDOWN($C4473/24,0)+1,1)*INDEX($D$3:$AA$30,INDEX(Jesper!$R$2:$R$366,ROW(INDEX(Jesper!AI$2:AI$366,ROUNDDOWN($C4473/24,0)+1,1))-1)+IF('Standard Profiles'!$G$19=$B$10,7,0)+IF('Standard Profiles'!$G$19=$B$17,14,0)+IF('Standard Profiles'!$G$19=$B$24,21,0),MOD($C4473,24)+1)/SUM(INDEX($D$3:$AA$30,INDEX(Jesper!$R$2:$R$366,ROW(INDEX(Jesper!AI$2:AI$366,ROUNDDOWN($C4473/24,0)+1,1))-1)+IF('Standard Profiles'!$G$19=$B$10,7,0)+IF('Standard Profiles'!$G$19=$B$17,14,0)+IF('Standard Profiles'!$G$19=$B$24,21,0),0)),0)</f>
        <v>2.0829162803015282</v>
      </c>
      <c r="F4473" cm="1">
        <f t="array" ref="F4473">IFERROR(INDEX(Jesper!AJ$2:AJ$366,ROUNDDOWN($C4473/24,0)+1,1)*INDEX($D$3:$AA$30,INDEX(Jesper!$R$2:$R$366,ROW(INDEX(Jesper!AJ$2:AJ$366,ROUNDDOWN($C4473/24,0)+1,1))-1)+IF('Standard Profiles'!$G$20=$B$10,7,0)+IF('Standard Profiles'!$G$20=$B$17,14,0)+IF('Standard Profiles'!$G$20=$B$24,21,0),MOD($C4473,24)+1)/SUM(INDEX($D$3:$AA$30,INDEX(Jesper!$R$2:$R$366,ROW(INDEX(Jesper!AJ$2:AJ$366,ROUNDDOWN($C4473/24,0)+1,1))-1)+IF('Standard Profiles'!$G$20=$B$10,7,0)+IF('Standard Profiles'!$G$20=$B$17,14,0)+IF('Standard Profiles'!$G$20=$B$24,21,0),0)),0)</f>
        <v>0</v>
      </c>
      <c r="G4473" cm="1">
        <f t="array" ref="G4473">IFERROR(INDEX(Jesper!AK$2:AK$366,ROUNDDOWN($C4473/24,0)+1,1)*INDEX($D$3:$AA$30,INDEX(Jesper!$R$2:$R$366,ROW(INDEX(Jesper!AK$2:AK$366,ROUNDDOWN($C4473/24,0)+1,1))-1)+IF('Standard Profiles'!$G$21=$B$10,7,0)+IF('Standard Profiles'!$G$21=$B$17,14,0)+IF('Standard Profiles'!$G$21=$B$24,21,0),MOD($C4473,24)+1)/SUM(INDEX($D$3:$AA$30,INDEX(Jesper!$R$2:$R$366,ROW(INDEX(Jesper!AK$2:AK$366,ROUNDDOWN($C4473/24,0)+1,1))-1)+IF('Standard Profiles'!$G$21=$B$10,7,0)+IF('Standard Profiles'!$G$21=$B$17,14,0)+IF('Standard Profiles'!$G$21=$B$24,21,0),0)),0)</f>
        <v>0</v>
      </c>
      <c r="H4473" cm="1">
        <f t="array" ref="H4473">IFERROR(INDEX(Jesper!AL$2:AL$366,ROUNDDOWN($C4473/24,0)+1,1)*INDEX($D$3:$AA$30,INDEX(Jesper!$R$2:$R$366,ROW(INDEX(Jesper!AL$2:AL$366,ROUNDDOWN($C4473/24,0)+1,1))-1)+IF('Standard Profiles'!$G$22=$B$10,7,0)+IF('Standard Profiles'!$G$22=$B$17,14,0)+IF('Standard Profiles'!$G$22=$B$24,21,0),MOD($C4473,24)+1)/SUM(INDEX($D$3:$AA$30,INDEX(Jesper!$R$2:$R$366,ROW(INDEX(Jesper!AL$2:AL$366,ROUNDDOWN($C4473/24,0)+1,1))-1)+IF('Standard Profiles'!$G$22=$B$10,7,0)+IF('Standard Profiles'!$G$22=$B$17,14,0)+IF('Standard Profiles'!$G$22=$B$24,21,0),0)),0)</f>
        <v>0</v>
      </c>
      <c r="I4473">
        <f t="shared" si="503"/>
        <v>0</v>
      </c>
      <c r="J4473">
        <f t="shared" si="504"/>
        <v>6.5201346115285492</v>
      </c>
      <c r="K4473">
        <f t="shared" si="505"/>
        <v>0.56345629602882807</v>
      </c>
      <c r="L4473">
        <f t="shared" si="506"/>
        <v>0.28172814801441404</v>
      </c>
      <c r="M4473">
        <f t="shared" si="507"/>
        <v>0</v>
      </c>
      <c r="N4473" s="45">
        <f t="shared" si="508"/>
        <v>45111.958333322567</v>
      </c>
    </row>
    <row r="4474" spans="2:14" x14ac:dyDescent="0.25">
      <c r="B4474">
        <f t="shared" si="502"/>
        <v>3</v>
      </c>
      <c r="C4474" s="16">
        <v>4440</v>
      </c>
      <c r="D4474" cm="1">
        <f t="array" ref="D4474">IFERROR(INDEX(Jesper!AH$2:AH$366,ROUNDDOWN($C4474/24,0)+1,1)*INDEX($D$3:$AA$30,INDEX(Jesper!$R$2:$R$366,ROW(INDEX(Jesper!AH$2:AH$366,ROUNDDOWN($C4474/24,0)+1,1))-1)+IF('Standard Profiles'!$G$18=$B$10,7,0)+IF('Standard Profiles'!$G$18=$B$17,14,0)+IF('Standard Profiles'!$G$18=$B$24,21,0),MOD($C4474,24)+1)/SUM(INDEX($D$3:$AA$30,INDEX(Jesper!$R$2:$R$366,ROW(INDEX(Jesper!AH$2:AH$366,ROUNDDOWN($C4474/24,0)+1,1))-1)+IF('Standard Profiles'!$G$18=$B$10,7,0)+IF('Standard Profiles'!$G$18=$B$17,14,0)+IF('Standard Profiles'!$G$18=$B$24,21,0),0)),0)</f>
        <v>5.2673899398661774</v>
      </c>
      <c r="E4474" cm="1">
        <f t="array" ref="E4474">IFERROR(INDEX(Jesper!AI$2:AI$366,ROUNDDOWN($C4474/24,0)+1,1)*INDEX($D$3:$AA$30,INDEX(Jesper!$R$2:$R$366,ROW(INDEX(Jesper!AI$2:AI$366,ROUNDDOWN($C4474/24,0)+1,1))-1)+IF('Standard Profiles'!$G$19=$B$10,7,0)+IF('Standard Profiles'!$G$19=$B$17,14,0)+IF('Standard Profiles'!$G$19=$B$24,21,0),MOD($C4474,24)+1)/SUM(INDEX($D$3:$AA$30,INDEX(Jesper!$R$2:$R$366,ROW(INDEX(Jesper!AI$2:AI$366,ROUNDDOWN($C4474/24,0)+1,1))-1)+IF('Standard Profiles'!$G$19=$B$10,7,0)+IF('Standard Profiles'!$G$19=$B$17,14,0)+IF('Standard Profiles'!$G$19=$B$24,21,0),0)),0)</f>
        <v>2.120355108920148</v>
      </c>
      <c r="F4474" cm="1">
        <f t="array" ref="F4474">IFERROR(INDEX(Jesper!AJ$2:AJ$366,ROUNDDOWN($C4474/24,0)+1,1)*INDEX($D$3:$AA$30,INDEX(Jesper!$R$2:$R$366,ROW(INDEX(Jesper!AJ$2:AJ$366,ROUNDDOWN($C4474/24,0)+1,1))-1)+IF('Standard Profiles'!$G$20=$B$10,7,0)+IF('Standard Profiles'!$G$20=$B$17,14,0)+IF('Standard Profiles'!$G$20=$B$24,21,0),MOD($C4474,24)+1)/SUM(INDEX($D$3:$AA$30,INDEX(Jesper!$R$2:$R$366,ROW(INDEX(Jesper!AJ$2:AJ$366,ROUNDDOWN($C4474/24,0)+1,1))-1)+IF('Standard Profiles'!$G$20=$B$10,7,0)+IF('Standard Profiles'!$G$20=$B$17,14,0)+IF('Standard Profiles'!$G$20=$B$24,21,0),0)),0)</f>
        <v>0</v>
      </c>
      <c r="G4474" cm="1">
        <f t="array" ref="G4474">IFERROR(INDEX(Jesper!AK$2:AK$366,ROUNDDOWN($C4474/24,0)+1,1)*INDEX($D$3:$AA$30,INDEX(Jesper!$R$2:$R$366,ROW(INDEX(Jesper!AK$2:AK$366,ROUNDDOWN($C4474/24,0)+1,1))-1)+IF('Standard Profiles'!$G$21=$B$10,7,0)+IF('Standard Profiles'!$G$21=$B$17,14,0)+IF('Standard Profiles'!$G$21=$B$24,21,0),MOD($C4474,24)+1)/SUM(INDEX($D$3:$AA$30,INDEX(Jesper!$R$2:$R$366,ROW(INDEX(Jesper!AK$2:AK$366,ROUNDDOWN($C4474/24,0)+1,1))-1)+IF('Standard Profiles'!$G$21=$B$10,7,0)+IF('Standard Profiles'!$G$21=$B$17,14,0)+IF('Standard Profiles'!$G$21=$B$24,21,0),0)),0)</f>
        <v>1.7465373573108692E-2</v>
      </c>
      <c r="H4474" cm="1">
        <f t="array" ref="H4474">IFERROR(INDEX(Jesper!AL$2:AL$366,ROUNDDOWN($C4474/24,0)+1,1)*INDEX($D$3:$AA$30,INDEX(Jesper!$R$2:$R$366,ROW(INDEX(Jesper!AL$2:AL$366,ROUNDDOWN($C4474/24,0)+1,1))-1)+IF('Standard Profiles'!$G$22=$B$10,7,0)+IF('Standard Profiles'!$G$22=$B$17,14,0)+IF('Standard Profiles'!$G$22=$B$24,21,0),MOD($C4474,24)+1)/SUM(INDEX($D$3:$AA$30,INDEX(Jesper!$R$2:$R$366,ROW(INDEX(Jesper!AL$2:AL$366,ROUNDDOWN($C4474/24,0)+1,1))-1)+IF('Standard Profiles'!$G$22=$B$10,7,0)+IF('Standard Profiles'!$G$22=$B$17,14,0)+IF('Standard Profiles'!$G$22=$B$24,21,0),0)),0)</f>
        <v>0</v>
      </c>
      <c r="I4474">
        <f t="shared" si="503"/>
        <v>8.3833793150921675E-3</v>
      </c>
      <c r="J4474">
        <f t="shared" si="504"/>
        <v>6.5540446526657536</v>
      </c>
      <c r="K4474">
        <f t="shared" si="505"/>
        <v>0.56185492691905892</v>
      </c>
      <c r="L4474">
        <f t="shared" si="506"/>
        <v>0.28092746345952946</v>
      </c>
      <c r="M4474">
        <f t="shared" si="507"/>
        <v>0</v>
      </c>
      <c r="N4474" s="45">
        <f t="shared" si="508"/>
        <v>45111.999999989232</v>
      </c>
    </row>
    <row r="4475" spans="2:14" x14ac:dyDescent="0.25">
      <c r="B4475">
        <f t="shared" si="502"/>
        <v>3</v>
      </c>
      <c r="C4475" s="16">
        <v>4441</v>
      </c>
      <c r="D4475" cm="1">
        <f t="array" ref="D4475">IFERROR(INDEX(Jesper!AH$2:AH$366,ROUNDDOWN($C4475/24,0)+1,1)*INDEX($D$3:$AA$30,INDEX(Jesper!$R$2:$R$366,ROW(INDEX(Jesper!AH$2:AH$366,ROUNDDOWN($C4475/24,0)+1,1))-1)+IF('Standard Profiles'!$G$18=$B$10,7,0)+IF('Standard Profiles'!$G$18=$B$17,14,0)+IF('Standard Profiles'!$G$18=$B$24,21,0),MOD($C4475,24)+1)/SUM(INDEX($D$3:$AA$30,INDEX(Jesper!$R$2:$R$366,ROW(INDEX(Jesper!AH$2:AH$366,ROUNDDOWN($C4475/24,0)+1,1))-1)+IF('Standard Profiles'!$G$18=$B$10,7,0)+IF('Standard Profiles'!$G$18=$B$17,14,0)+IF('Standard Profiles'!$G$18=$B$24,21,0),0)),0)</f>
        <v>5.2673899398661774</v>
      </c>
      <c r="E4475" cm="1">
        <f t="array" ref="E4475">IFERROR(INDEX(Jesper!AI$2:AI$366,ROUNDDOWN($C4475/24,0)+1,1)*INDEX($D$3:$AA$30,INDEX(Jesper!$R$2:$R$366,ROW(INDEX(Jesper!AI$2:AI$366,ROUNDDOWN($C4475/24,0)+1,1))-1)+IF('Standard Profiles'!$G$19=$B$10,7,0)+IF('Standard Profiles'!$G$19=$B$17,14,0)+IF('Standard Profiles'!$G$19=$B$24,21,0),MOD($C4475,24)+1)/SUM(INDEX($D$3:$AA$30,INDEX(Jesper!$R$2:$R$366,ROW(INDEX(Jesper!AI$2:AI$366,ROUNDDOWN($C4475/24,0)+1,1))-1)+IF('Standard Profiles'!$G$19=$B$10,7,0)+IF('Standard Profiles'!$G$19=$B$17,14,0)+IF('Standard Profiles'!$G$19=$B$24,21,0),0)),0)</f>
        <v>2.120355108920148</v>
      </c>
      <c r="F4475" cm="1">
        <f t="array" ref="F4475">IFERROR(INDEX(Jesper!AJ$2:AJ$366,ROUNDDOWN($C4475/24,0)+1,1)*INDEX($D$3:$AA$30,INDEX(Jesper!$R$2:$R$366,ROW(INDEX(Jesper!AJ$2:AJ$366,ROUNDDOWN($C4475/24,0)+1,1))-1)+IF('Standard Profiles'!$G$20=$B$10,7,0)+IF('Standard Profiles'!$G$20=$B$17,14,0)+IF('Standard Profiles'!$G$20=$B$24,21,0),MOD($C4475,24)+1)/SUM(INDEX($D$3:$AA$30,INDEX(Jesper!$R$2:$R$366,ROW(INDEX(Jesper!AJ$2:AJ$366,ROUNDDOWN($C4475/24,0)+1,1))-1)+IF('Standard Profiles'!$G$20=$B$10,7,0)+IF('Standard Profiles'!$G$20=$B$17,14,0)+IF('Standard Profiles'!$G$20=$B$24,21,0),0)),0)</f>
        <v>0</v>
      </c>
      <c r="G4475" cm="1">
        <f t="array" ref="G4475">IFERROR(INDEX(Jesper!AK$2:AK$366,ROUNDDOWN($C4475/24,0)+1,1)*INDEX($D$3:$AA$30,INDEX(Jesper!$R$2:$R$366,ROW(INDEX(Jesper!AK$2:AK$366,ROUNDDOWN($C4475/24,0)+1,1))-1)+IF('Standard Profiles'!$G$21=$B$10,7,0)+IF('Standard Profiles'!$G$21=$B$17,14,0)+IF('Standard Profiles'!$G$21=$B$24,21,0),MOD($C4475,24)+1)/SUM(INDEX($D$3:$AA$30,INDEX(Jesper!$R$2:$R$366,ROW(INDEX(Jesper!AK$2:AK$366,ROUNDDOWN($C4475/24,0)+1,1))-1)+IF('Standard Profiles'!$G$21=$B$10,7,0)+IF('Standard Profiles'!$G$21=$B$17,14,0)+IF('Standard Profiles'!$G$21=$B$24,21,0),0)),0)</f>
        <v>1.7465373573108692E-2</v>
      </c>
      <c r="H4475" cm="1">
        <f t="array" ref="H4475">IFERROR(INDEX(Jesper!AL$2:AL$366,ROUNDDOWN($C4475/24,0)+1,1)*INDEX($D$3:$AA$30,INDEX(Jesper!$R$2:$R$366,ROW(INDEX(Jesper!AL$2:AL$366,ROUNDDOWN($C4475/24,0)+1,1))-1)+IF('Standard Profiles'!$G$22=$B$10,7,0)+IF('Standard Profiles'!$G$22=$B$17,14,0)+IF('Standard Profiles'!$G$22=$B$24,21,0),MOD($C4475,24)+1)/SUM(INDEX($D$3:$AA$30,INDEX(Jesper!$R$2:$R$366,ROW(INDEX(Jesper!AL$2:AL$366,ROUNDDOWN($C4475/24,0)+1,1))-1)+IF('Standard Profiles'!$G$22=$B$10,7,0)+IF('Standard Profiles'!$G$22=$B$17,14,0)+IF('Standard Profiles'!$G$22=$B$24,21,0),0)),0)</f>
        <v>0</v>
      </c>
      <c r="I4475">
        <f t="shared" si="503"/>
        <v>8.3833793150921675E-3</v>
      </c>
      <c r="J4475">
        <f t="shared" si="504"/>
        <v>6.5540446526657536</v>
      </c>
      <c r="K4475">
        <f t="shared" si="505"/>
        <v>0.56185492691905892</v>
      </c>
      <c r="L4475">
        <f t="shared" si="506"/>
        <v>0.28092746345952946</v>
      </c>
      <c r="M4475">
        <f t="shared" si="507"/>
        <v>0</v>
      </c>
      <c r="N4475" s="45">
        <f t="shared" si="508"/>
        <v>45112.041666655896</v>
      </c>
    </row>
    <row r="4476" spans="2:14" x14ac:dyDescent="0.25">
      <c r="B4476">
        <f t="shared" si="502"/>
        <v>3</v>
      </c>
      <c r="C4476" s="16">
        <v>4442</v>
      </c>
      <c r="D4476" cm="1">
        <f t="array" ref="D4476">IFERROR(INDEX(Jesper!AH$2:AH$366,ROUNDDOWN($C4476/24,0)+1,1)*INDEX($D$3:$AA$30,INDEX(Jesper!$R$2:$R$366,ROW(INDEX(Jesper!AH$2:AH$366,ROUNDDOWN($C4476/24,0)+1,1))-1)+IF('Standard Profiles'!$G$18=$B$10,7,0)+IF('Standard Profiles'!$G$18=$B$17,14,0)+IF('Standard Profiles'!$G$18=$B$24,21,0),MOD($C4476,24)+1)/SUM(INDEX($D$3:$AA$30,INDEX(Jesper!$R$2:$R$366,ROW(INDEX(Jesper!AH$2:AH$366,ROUNDDOWN($C4476/24,0)+1,1))-1)+IF('Standard Profiles'!$G$18=$B$10,7,0)+IF('Standard Profiles'!$G$18=$B$17,14,0)+IF('Standard Profiles'!$G$18=$B$24,21,0),0)),0)</f>
        <v>5.2673899398661774</v>
      </c>
      <c r="E4476" cm="1">
        <f t="array" ref="E4476">IFERROR(INDEX(Jesper!AI$2:AI$366,ROUNDDOWN($C4476/24,0)+1,1)*INDEX($D$3:$AA$30,INDEX(Jesper!$R$2:$R$366,ROW(INDEX(Jesper!AI$2:AI$366,ROUNDDOWN($C4476/24,0)+1,1))-1)+IF('Standard Profiles'!$G$19=$B$10,7,0)+IF('Standard Profiles'!$G$19=$B$17,14,0)+IF('Standard Profiles'!$G$19=$B$24,21,0),MOD($C4476,24)+1)/SUM(INDEX($D$3:$AA$30,INDEX(Jesper!$R$2:$R$366,ROW(INDEX(Jesper!AI$2:AI$366,ROUNDDOWN($C4476/24,0)+1,1))-1)+IF('Standard Profiles'!$G$19=$B$10,7,0)+IF('Standard Profiles'!$G$19=$B$17,14,0)+IF('Standard Profiles'!$G$19=$B$24,21,0),0)),0)</f>
        <v>2.120355108920148</v>
      </c>
      <c r="F4476" cm="1">
        <f t="array" ref="F4476">IFERROR(INDEX(Jesper!AJ$2:AJ$366,ROUNDDOWN($C4476/24,0)+1,1)*INDEX($D$3:$AA$30,INDEX(Jesper!$R$2:$R$366,ROW(INDEX(Jesper!AJ$2:AJ$366,ROUNDDOWN($C4476/24,0)+1,1))-1)+IF('Standard Profiles'!$G$20=$B$10,7,0)+IF('Standard Profiles'!$G$20=$B$17,14,0)+IF('Standard Profiles'!$G$20=$B$24,21,0),MOD($C4476,24)+1)/SUM(INDEX($D$3:$AA$30,INDEX(Jesper!$R$2:$R$366,ROW(INDEX(Jesper!AJ$2:AJ$366,ROUNDDOWN($C4476/24,0)+1,1))-1)+IF('Standard Profiles'!$G$20=$B$10,7,0)+IF('Standard Profiles'!$G$20=$B$17,14,0)+IF('Standard Profiles'!$G$20=$B$24,21,0),0)),0)</f>
        <v>0</v>
      </c>
      <c r="G4476" cm="1">
        <f t="array" ref="G4476">IFERROR(INDEX(Jesper!AK$2:AK$366,ROUNDDOWN($C4476/24,0)+1,1)*INDEX($D$3:$AA$30,INDEX(Jesper!$R$2:$R$366,ROW(INDEX(Jesper!AK$2:AK$366,ROUNDDOWN($C4476/24,0)+1,1))-1)+IF('Standard Profiles'!$G$21=$B$10,7,0)+IF('Standard Profiles'!$G$21=$B$17,14,0)+IF('Standard Profiles'!$G$21=$B$24,21,0),MOD($C4476,24)+1)/SUM(INDEX($D$3:$AA$30,INDEX(Jesper!$R$2:$R$366,ROW(INDEX(Jesper!AK$2:AK$366,ROUNDDOWN($C4476/24,0)+1,1))-1)+IF('Standard Profiles'!$G$21=$B$10,7,0)+IF('Standard Profiles'!$G$21=$B$17,14,0)+IF('Standard Profiles'!$G$21=$B$24,21,0),0)),0)</f>
        <v>1.7465373573108692E-2</v>
      </c>
      <c r="H4476" cm="1">
        <f t="array" ref="H4476">IFERROR(INDEX(Jesper!AL$2:AL$366,ROUNDDOWN($C4476/24,0)+1,1)*INDEX($D$3:$AA$30,INDEX(Jesper!$R$2:$R$366,ROW(INDEX(Jesper!AL$2:AL$366,ROUNDDOWN($C4476/24,0)+1,1))-1)+IF('Standard Profiles'!$G$22=$B$10,7,0)+IF('Standard Profiles'!$G$22=$B$17,14,0)+IF('Standard Profiles'!$G$22=$B$24,21,0),MOD($C4476,24)+1)/SUM(INDEX($D$3:$AA$30,INDEX(Jesper!$R$2:$R$366,ROW(INDEX(Jesper!AL$2:AL$366,ROUNDDOWN($C4476/24,0)+1,1))-1)+IF('Standard Profiles'!$G$22=$B$10,7,0)+IF('Standard Profiles'!$G$22=$B$17,14,0)+IF('Standard Profiles'!$G$22=$B$24,21,0),0)),0)</f>
        <v>0</v>
      </c>
      <c r="I4476">
        <f t="shared" si="503"/>
        <v>8.3833793150921675E-3</v>
      </c>
      <c r="J4476">
        <f t="shared" si="504"/>
        <v>6.5540446526657536</v>
      </c>
      <c r="K4476">
        <f t="shared" si="505"/>
        <v>0.56185492691905892</v>
      </c>
      <c r="L4476">
        <f t="shared" si="506"/>
        <v>0.28092746345952946</v>
      </c>
      <c r="M4476">
        <f t="shared" si="507"/>
        <v>0</v>
      </c>
      <c r="N4476" s="45">
        <f t="shared" si="508"/>
        <v>45112.08333332256</v>
      </c>
    </row>
    <row r="4477" spans="2:14" x14ac:dyDescent="0.25">
      <c r="B4477">
        <f t="shared" si="502"/>
        <v>3</v>
      </c>
      <c r="C4477" s="16">
        <v>4443</v>
      </c>
      <c r="D4477" cm="1">
        <f t="array" ref="D4477">IFERROR(INDEX(Jesper!AH$2:AH$366,ROUNDDOWN($C4477/24,0)+1,1)*INDEX($D$3:$AA$30,INDEX(Jesper!$R$2:$R$366,ROW(INDEX(Jesper!AH$2:AH$366,ROUNDDOWN($C4477/24,0)+1,1))-1)+IF('Standard Profiles'!$G$18=$B$10,7,0)+IF('Standard Profiles'!$G$18=$B$17,14,0)+IF('Standard Profiles'!$G$18=$B$24,21,0),MOD($C4477,24)+1)/SUM(INDEX($D$3:$AA$30,INDEX(Jesper!$R$2:$R$366,ROW(INDEX(Jesper!AH$2:AH$366,ROUNDDOWN($C4477/24,0)+1,1))-1)+IF('Standard Profiles'!$G$18=$B$10,7,0)+IF('Standard Profiles'!$G$18=$B$17,14,0)+IF('Standard Profiles'!$G$18=$B$24,21,0),0)),0)</f>
        <v>5.2673899398661774</v>
      </c>
      <c r="E4477" cm="1">
        <f t="array" ref="E4477">IFERROR(INDEX(Jesper!AI$2:AI$366,ROUNDDOWN($C4477/24,0)+1,1)*INDEX($D$3:$AA$30,INDEX(Jesper!$R$2:$R$366,ROW(INDEX(Jesper!AI$2:AI$366,ROUNDDOWN($C4477/24,0)+1,1))-1)+IF('Standard Profiles'!$G$19=$B$10,7,0)+IF('Standard Profiles'!$G$19=$B$17,14,0)+IF('Standard Profiles'!$G$19=$B$24,21,0),MOD($C4477,24)+1)/SUM(INDEX($D$3:$AA$30,INDEX(Jesper!$R$2:$R$366,ROW(INDEX(Jesper!AI$2:AI$366,ROUNDDOWN($C4477/24,0)+1,1))-1)+IF('Standard Profiles'!$G$19=$B$10,7,0)+IF('Standard Profiles'!$G$19=$B$17,14,0)+IF('Standard Profiles'!$G$19=$B$24,21,0),0)),0)</f>
        <v>2.120355108920148</v>
      </c>
      <c r="F4477" cm="1">
        <f t="array" ref="F4477">IFERROR(INDEX(Jesper!AJ$2:AJ$366,ROUNDDOWN($C4477/24,0)+1,1)*INDEX($D$3:$AA$30,INDEX(Jesper!$R$2:$R$366,ROW(INDEX(Jesper!AJ$2:AJ$366,ROUNDDOWN($C4477/24,0)+1,1))-1)+IF('Standard Profiles'!$G$20=$B$10,7,0)+IF('Standard Profiles'!$G$20=$B$17,14,0)+IF('Standard Profiles'!$G$20=$B$24,21,0),MOD($C4477,24)+1)/SUM(INDEX($D$3:$AA$30,INDEX(Jesper!$R$2:$R$366,ROW(INDEX(Jesper!AJ$2:AJ$366,ROUNDDOWN($C4477/24,0)+1,1))-1)+IF('Standard Profiles'!$G$20=$B$10,7,0)+IF('Standard Profiles'!$G$20=$B$17,14,0)+IF('Standard Profiles'!$G$20=$B$24,21,0),0)),0)</f>
        <v>0</v>
      </c>
      <c r="G4477" cm="1">
        <f t="array" ref="G4477">IFERROR(INDEX(Jesper!AK$2:AK$366,ROUNDDOWN($C4477/24,0)+1,1)*INDEX($D$3:$AA$30,INDEX(Jesper!$R$2:$R$366,ROW(INDEX(Jesper!AK$2:AK$366,ROUNDDOWN($C4477/24,0)+1,1))-1)+IF('Standard Profiles'!$G$21=$B$10,7,0)+IF('Standard Profiles'!$G$21=$B$17,14,0)+IF('Standard Profiles'!$G$21=$B$24,21,0),MOD($C4477,24)+1)/SUM(INDEX($D$3:$AA$30,INDEX(Jesper!$R$2:$R$366,ROW(INDEX(Jesper!AK$2:AK$366,ROUNDDOWN($C4477/24,0)+1,1))-1)+IF('Standard Profiles'!$G$21=$B$10,7,0)+IF('Standard Profiles'!$G$21=$B$17,14,0)+IF('Standard Profiles'!$G$21=$B$24,21,0),0)),0)</f>
        <v>1.7465373573108692E-2</v>
      </c>
      <c r="H4477" cm="1">
        <f t="array" ref="H4477">IFERROR(INDEX(Jesper!AL$2:AL$366,ROUNDDOWN($C4477/24,0)+1,1)*INDEX($D$3:$AA$30,INDEX(Jesper!$R$2:$R$366,ROW(INDEX(Jesper!AL$2:AL$366,ROUNDDOWN($C4477/24,0)+1,1))-1)+IF('Standard Profiles'!$G$22=$B$10,7,0)+IF('Standard Profiles'!$G$22=$B$17,14,0)+IF('Standard Profiles'!$G$22=$B$24,21,0),MOD($C4477,24)+1)/SUM(INDEX($D$3:$AA$30,INDEX(Jesper!$R$2:$R$366,ROW(INDEX(Jesper!AL$2:AL$366,ROUNDDOWN($C4477/24,0)+1,1))-1)+IF('Standard Profiles'!$G$22=$B$10,7,0)+IF('Standard Profiles'!$G$22=$B$17,14,0)+IF('Standard Profiles'!$G$22=$B$24,21,0),0)),0)</f>
        <v>0</v>
      </c>
      <c r="I4477">
        <f t="shared" si="503"/>
        <v>8.3833793150921675E-3</v>
      </c>
      <c r="J4477">
        <f t="shared" si="504"/>
        <v>6.5540446526657536</v>
      </c>
      <c r="K4477">
        <f t="shared" si="505"/>
        <v>0.56185492691905892</v>
      </c>
      <c r="L4477">
        <f t="shared" si="506"/>
        <v>0.28092746345952946</v>
      </c>
      <c r="M4477">
        <f t="shared" si="507"/>
        <v>0</v>
      </c>
      <c r="N4477" s="45">
        <f t="shared" si="508"/>
        <v>45112.124999989224</v>
      </c>
    </row>
    <row r="4478" spans="2:14" x14ac:dyDescent="0.25">
      <c r="B4478">
        <f t="shared" si="502"/>
        <v>3</v>
      </c>
      <c r="C4478" s="16">
        <v>4444</v>
      </c>
      <c r="D4478" cm="1">
        <f t="array" ref="D4478">IFERROR(INDEX(Jesper!AH$2:AH$366,ROUNDDOWN($C4478/24,0)+1,1)*INDEX($D$3:$AA$30,INDEX(Jesper!$R$2:$R$366,ROW(INDEX(Jesper!AH$2:AH$366,ROUNDDOWN($C4478/24,0)+1,1))-1)+IF('Standard Profiles'!$G$18=$B$10,7,0)+IF('Standard Profiles'!$G$18=$B$17,14,0)+IF('Standard Profiles'!$G$18=$B$24,21,0),MOD($C4478,24)+1)/SUM(INDEX($D$3:$AA$30,INDEX(Jesper!$R$2:$R$366,ROW(INDEX(Jesper!AH$2:AH$366,ROUNDDOWN($C4478/24,0)+1,1))-1)+IF('Standard Profiles'!$G$18=$B$10,7,0)+IF('Standard Profiles'!$G$18=$B$17,14,0)+IF('Standard Profiles'!$G$18=$B$24,21,0),0)),0)</f>
        <v>5.2673899398661774</v>
      </c>
      <c r="E4478" cm="1">
        <f t="array" ref="E4478">IFERROR(INDEX(Jesper!AI$2:AI$366,ROUNDDOWN($C4478/24,0)+1,1)*INDEX($D$3:$AA$30,INDEX(Jesper!$R$2:$R$366,ROW(INDEX(Jesper!AI$2:AI$366,ROUNDDOWN($C4478/24,0)+1,1))-1)+IF('Standard Profiles'!$G$19=$B$10,7,0)+IF('Standard Profiles'!$G$19=$B$17,14,0)+IF('Standard Profiles'!$G$19=$B$24,21,0),MOD($C4478,24)+1)/SUM(INDEX($D$3:$AA$30,INDEX(Jesper!$R$2:$R$366,ROW(INDEX(Jesper!AI$2:AI$366,ROUNDDOWN($C4478/24,0)+1,1))-1)+IF('Standard Profiles'!$G$19=$B$10,7,0)+IF('Standard Profiles'!$G$19=$B$17,14,0)+IF('Standard Profiles'!$G$19=$B$24,21,0),0)),0)</f>
        <v>2.120355108920148</v>
      </c>
      <c r="F4478" cm="1">
        <f t="array" ref="F4478">IFERROR(INDEX(Jesper!AJ$2:AJ$366,ROUNDDOWN($C4478/24,0)+1,1)*INDEX($D$3:$AA$30,INDEX(Jesper!$R$2:$R$366,ROW(INDEX(Jesper!AJ$2:AJ$366,ROUNDDOWN($C4478/24,0)+1,1))-1)+IF('Standard Profiles'!$G$20=$B$10,7,0)+IF('Standard Profiles'!$G$20=$B$17,14,0)+IF('Standard Profiles'!$G$20=$B$24,21,0),MOD($C4478,24)+1)/SUM(INDEX($D$3:$AA$30,INDEX(Jesper!$R$2:$R$366,ROW(INDEX(Jesper!AJ$2:AJ$366,ROUNDDOWN($C4478/24,0)+1,1))-1)+IF('Standard Profiles'!$G$20=$B$10,7,0)+IF('Standard Profiles'!$G$20=$B$17,14,0)+IF('Standard Profiles'!$G$20=$B$24,21,0),0)),0)</f>
        <v>0</v>
      </c>
      <c r="G4478" cm="1">
        <f t="array" ref="G4478">IFERROR(INDEX(Jesper!AK$2:AK$366,ROUNDDOWN($C4478/24,0)+1,1)*INDEX($D$3:$AA$30,INDEX(Jesper!$R$2:$R$366,ROW(INDEX(Jesper!AK$2:AK$366,ROUNDDOWN($C4478/24,0)+1,1))-1)+IF('Standard Profiles'!$G$21=$B$10,7,0)+IF('Standard Profiles'!$G$21=$B$17,14,0)+IF('Standard Profiles'!$G$21=$B$24,21,0),MOD($C4478,24)+1)/SUM(INDEX($D$3:$AA$30,INDEX(Jesper!$R$2:$R$366,ROW(INDEX(Jesper!AK$2:AK$366,ROUNDDOWN($C4478/24,0)+1,1))-1)+IF('Standard Profiles'!$G$21=$B$10,7,0)+IF('Standard Profiles'!$G$21=$B$17,14,0)+IF('Standard Profiles'!$G$21=$B$24,21,0),0)),0)</f>
        <v>1.7465373573108692E-2</v>
      </c>
      <c r="H4478" cm="1">
        <f t="array" ref="H4478">IFERROR(INDEX(Jesper!AL$2:AL$366,ROUNDDOWN($C4478/24,0)+1,1)*INDEX($D$3:$AA$30,INDEX(Jesper!$R$2:$R$366,ROW(INDEX(Jesper!AL$2:AL$366,ROUNDDOWN($C4478/24,0)+1,1))-1)+IF('Standard Profiles'!$G$22=$B$10,7,0)+IF('Standard Profiles'!$G$22=$B$17,14,0)+IF('Standard Profiles'!$G$22=$B$24,21,0),MOD($C4478,24)+1)/SUM(INDEX($D$3:$AA$30,INDEX(Jesper!$R$2:$R$366,ROW(INDEX(Jesper!AL$2:AL$366,ROUNDDOWN($C4478/24,0)+1,1))-1)+IF('Standard Profiles'!$G$22=$B$10,7,0)+IF('Standard Profiles'!$G$22=$B$17,14,0)+IF('Standard Profiles'!$G$22=$B$24,21,0),0)),0)</f>
        <v>0</v>
      </c>
      <c r="I4478">
        <f t="shared" si="503"/>
        <v>8.3833793150921675E-3</v>
      </c>
      <c r="J4478">
        <f t="shared" si="504"/>
        <v>6.5540446526657536</v>
      </c>
      <c r="K4478">
        <f t="shared" si="505"/>
        <v>0.56185492691905892</v>
      </c>
      <c r="L4478">
        <f t="shared" si="506"/>
        <v>0.28092746345952946</v>
      </c>
      <c r="M4478">
        <f t="shared" si="507"/>
        <v>0</v>
      </c>
      <c r="N4478" s="45">
        <f t="shared" si="508"/>
        <v>45112.166666655889</v>
      </c>
    </row>
    <row r="4479" spans="2:14" x14ac:dyDescent="0.25">
      <c r="B4479">
        <f t="shared" si="502"/>
        <v>3</v>
      </c>
      <c r="C4479" s="16">
        <v>4445</v>
      </c>
      <c r="D4479" cm="1">
        <f t="array" ref="D4479">IFERROR(INDEX(Jesper!AH$2:AH$366,ROUNDDOWN($C4479/24,0)+1,1)*INDEX($D$3:$AA$30,INDEX(Jesper!$R$2:$R$366,ROW(INDEX(Jesper!AH$2:AH$366,ROUNDDOWN($C4479/24,0)+1,1))-1)+IF('Standard Profiles'!$G$18=$B$10,7,0)+IF('Standard Profiles'!$G$18=$B$17,14,0)+IF('Standard Profiles'!$G$18=$B$24,21,0),MOD($C4479,24)+1)/SUM(INDEX($D$3:$AA$30,INDEX(Jesper!$R$2:$R$366,ROW(INDEX(Jesper!AH$2:AH$366,ROUNDDOWN($C4479/24,0)+1,1))-1)+IF('Standard Profiles'!$G$18=$B$10,7,0)+IF('Standard Profiles'!$G$18=$B$17,14,0)+IF('Standard Profiles'!$G$18=$B$24,21,0),0)),0)</f>
        <v>5.2673899398661774</v>
      </c>
      <c r="E4479" cm="1">
        <f t="array" ref="E4479">IFERROR(INDEX(Jesper!AI$2:AI$366,ROUNDDOWN($C4479/24,0)+1,1)*INDEX($D$3:$AA$30,INDEX(Jesper!$R$2:$R$366,ROW(INDEX(Jesper!AI$2:AI$366,ROUNDDOWN($C4479/24,0)+1,1))-1)+IF('Standard Profiles'!$G$19=$B$10,7,0)+IF('Standard Profiles'!$G$19=$B$17,14,0)+IF('Standard Profiles'!$G$19=$B$24,21,0),MOD($C4479,24)+1)/SUM(INDEX($D$3:$AA$30,INDEX(Jesper!$R$2:$R$366,ROW(INDEX(Jesper!AI$2:AI$366,ROUNDDOWN($C4479/24,0)+1,1))-1)+IF('Standard Profiles'!$G$19=$B$10,7,0)+IF('Standard Profiles'!$G$19=$B$17,14,0)+IF('Standard Profiles'!$G$19=$B$24,21,0),0)),0)</f>
        <v>2.120355108920148</v>
      </c>
      <c r="F4479" cm="1">
        <f t="array" ref="F4479">IFERROR(INDEX(Jesper!AJ$2:AJ$366,ROUNDDOWN($C4479/24,0)+1,1)*INDEX($D$3:$AA$30,INDEX(Jesper!$R$2:$R$366,ROW(INDEX(Jesper!AJ$2:AJ$366,ROUNDDOWN($C4479/24,0)+1,1))-1)+IF('Standard Profiles'!$G$20=$B$10,7,0)+IF('Standard Profiles'!$G$20=$B$17,14,0)+IF('Standard Profiles'!$G$20=$B$24,21,0),MOD($C4479,24)+1)/SUM(INDEX($D$3:$AA$30,INDEX(Jesper!$R$2:$R$366,ROW(INDEX(Jesper!AJ$2:AJ$366,ROUNDDOWN($C4479/24,0)+1,1))-1)+IF('Standard Profiles'!$G$20=$B$10,7,0)+IF('Standard Profiles'!$G$20=$B$17,14,0)+IF('Standard Profiles'!$G$20=$B$24,21,0),0)),0)</f>
        <v>0</v>
      </c>
      <c r="G4479" cm="1">
        <f t="array" ref="G4479">IFERROR(INDEX(Jesper!AK$2:AK$366,ROUNDDOWN($C4479/24,0)+1,1)*INDEX($D$3:$AA$30,INDEX(Jesper!$R$2:$R$366,ROW(INDEX(Jesper!AK$2:AK$366,ROUNDDOWN($C4479/24,0)+1,1))-1)+IF('Standard Profiles'!$G$21=$B$10,7,0)+IF('Standard Profiles'!$G$21=$B$17,14,0)+IF('Standard Profiles'!$G$21=$B$24,21,0),MOD($C4479,24)+1)/SUM(INDEX($D$3:$AA$30,INDEX(Jesper!$R$2:$R$366,ROW(INDEX(Jesper!AK$2:AK$366,ROUNDDOWN($C4479/24,0)+1,1))-1)+IF('Standard Profiles'!$G$21=$B$10,7,0)+IF('Standard Profiles'!$G$21=$B$17,14,0)+IF('Standard Profiles'!$G$21=$B$24,21,0),0)),0)</f>
        <v>1.7465373573108692E-2</v>
      </c>
      <c r="H4479" cm="1">
        <f t="array" ref="H4479">IFERROR(INDEX(Jesper!AL$2:AL$366,ROUNDDOWN($C4479/24,0)+1,1)*INDEX($D$3:$AA$30,INDEX(Jesper!$R$2:$R$366,ROW(INDEX(Jesper!AL$2:AL$366,ROUNDDOWN($C4479/24,0)+1,1))-1)+IF('Standard Profiles'!$G$22=$B$10,7,0)+IF('Standard Profiles'!$G$22=$B$17,14,0)+IF('Standard Profiles'!$G$22=$B$24,21,0),MOD($C4479,24)+1)/SUM(INDEX($D$3:$AA$30,INDEX(Jesper!$R$2:$R$366,ROW(INDEX(Jesper!AL$2:AL$366,ROUNDDOWN($C4479/24,0)+1,1))-1)+IF('Standard Profiles'!$G$22=$B$10,7,0)+IF('Standard Profiles'!$G$22=$B$17,14,0)+IF('Standard Profiles'!$G$22=$B$24,21,0),0)),0)</f>
        <v>0</v>
      </c>
      <c r="I4479">
        <f t="shared" si="503"/>
        <v>8.3833793150921675E-3</v>
      </c>
      <c r="J4479">
        <f t="shared" si="504"/>
        <v>6.5540446526657536</v>
      </c>
      <c r="K4479">
        <f t="shared" si="505"/>
        <v>0.56185492691905892</v>
      </c>
      <c r="L4479">
        <f t="shared" si="506"/>
        <v>0.28092746345952946</v>
      </c>
      <c r="M4479">
        <f t="shared" si="507"/>
        <v>0</v>
      </c>
      <c r="N4479" s="45">
        <f t="shared" si="508"/>
        <v>45112.208333322553</v>
      </c>
    </row>
    <row r="4480" spans="2:14" x14ac:dyDescent="0.25">
      <c r="B4480">
        <f t="shared" si="502"/>
        <v>3</v>
      </c>
      <c r="C4480" s="16">
        <v>4446</v>
      </c>
      <c r="D4480" cm="1">
        <f t="array" ref="D4480">IFERROR(INDEX(Jesper!AH$2:AH$366,ROUNDDOWN($C4480/24,0)+1,1)*INDEX($D$3:$AA$30,INDEX(Jesper!$R$2:$R$366,ROW(INDEX(Jesper!AH$2:AH$366,ROUNDDOWN($C4480/24,0)+1,1))-1)+IF('Standard Profiles'!$G$18=$B$10,7,0)+IF('Standard Profiles'!$G$18=$B$17,14,0)+IF('Standard Profiles'!$G$18=$B$24,21,0),MOD($C4480,24)+1)/SUM(INDEX($D$3:$AA$30,INDEX(Jesper!$R$2:$R$366,ROW(INDEX(Jesper!AH$2:AH$366,ROUNDDOWN($C4480/24,0)+1,1))-1)+IF('Standard Profiles'!$G$18=$B$10,7,0)+IF('Standard Profiles'!$G$18=$B$17,14,0)+IF('Standard Profiles'!$G$18=$B$24,21,0),0)),0)</f>
        <v>5.2673899398661774</v>
      </c>
      <c r="E4480" cm="1">
        <f t="array" ref="E4480">IFERROR(INDEX(Jesper!AI$2:AI$366,ROUNDDOWN($C4480/24,0)+1,1)*INDEX($D$3:$AA$30,INDEX(Jesper!$R$2:$R$366,ROW(INDEX(Jesper!AI$2:AI$366,ROUNDDOWN($C4480/24,0)+1,1))-1)+IF('Standard Profiles'!$G$19=$B$10,7,0)+IF('Standard Profiles'!$G$19=$B$17,14,0)+IF('Standard Profiles'!$G$19=$B$24,21,0),MOD($C4480,24)+1)/SUM(INDEX($D$3:$AA$30,INDEX(Jesper!$R$2:$R$366,ROW(INDEX(Jesper!AI$2:AI$366,ROUNDDOWN($C4480/24,0)+1,1))-1)+IF('Standard Profiles'!$G$19=$B$10,7,0)+IF('Standard Profiles'!$G$19=$B$17,14,0)+IF('Standard Profiles'!$G$19=$B$24,21,0),0)),0)</f>
        <v>2.120355108920148</v>
      </c>
      <c r="F4480" cm="1">
        <f t="array" ref="F4480">IFERROR(INDEX(Jesper!AJ$2:AJ$366,ROUNDDOWN($C4480/24,0)+1,1)*INDEX($D$3:$AA$30,INDEX(Jesper!$R$2:$R$366,ROW(INDEX(Jesper!AJ$2:AJ$366,ROUNDDOWN($C4480/24,0)+1,1))-1)+IF('Standard Profiles'!$G$20=$B$10,7,0)+IF('Standard Profiles'!$G$20=$B$17,14,0)+IF('Standard Profiles'!$G$20=$B$24,21,0),MOD($C4480,24)+1)/SUM(INDEX($D$3:$AA$30,INDEX(Jesper!$R$2:$R$366,ROW(INDEX(Jesper!AJ$2:AJ$366,ROUNDDOWN($C4480/24,0)+1,1))-1)+IF('Standard Profiles'!$G$20=$B$10,7,0)+IF('Standard Profiles'!$G$20=$B$17,14,0)+IF('Standard Profiles'!$G$20=$B$24,21,0),0)),0)</f>
        <v>0</v>
      </c>
      <c r="G4480" cm="1">
        <f t="array" ref="G4480">IFERROR(INDEX(Jesper!AK$2:AK$366,ROUNDDOWN($C4480/24,0)+1,1)*INDEX($D$3:$AA$30,INDEX(Jesper!$R$2:$R$366,ROW(INDEX(Jesper!AK$2:AK$366,ROUNDDOWN($C4480/24,0)+1,1))-1)+IF('Standard Profiles'!$G$21=$B$10,7,0)+IF('Standard Profiles'!$G$21=$B$17,14,0)+IF('Standard Profiles'!$G$21=$B$24,21,0),MOD($C4480,24)+1)/SUM(INDEX($D$3:$AA$30,INDEX(Jesper!$R$2:$R$366,ROW(INDEX(Jesper!AK$2:AK$366,ROUNDDOWN($C4480/24,0)+1,1))-1)+IF('Standard Profiles'!$G$21=$B$10,7,0)+IF('Standard Profiles'!$G$21=$B$17,14,0)+IF('Standard Profiles'!$G$21=$B$24,21,0),0)),0)</f>
        <v>1.7465373573108692E-2</v>
      </c>
      <c r="H4480" cm="1">
        <f t="array" ref="H4480">IFERROR(INDEX(Jesper!AL$2:AL$366,ROUNDDOWN($C4480/24,0)+1,1)*INDEX($D$3:$AA$30,INDEX(Jesper!$R$2:$R$366,ROW(INDEX(Jesper!AL$2:AL$366,ROUNDDOWN($C4480/24,0)+1,1))-1)+IF('Standard Profiles'!$G$22=$B$10,7,0)+IF('Standard Profiles'!$G$22=$B$17,14,0)+IF('Standard Profiles'!$G$22=$B$24,21,0),MOD($C4480,24)+1)/SUM(INDEX($D$3:$AA$30,INDEX(Jesper!$R$2:$R$366,ROW(INDEX(Jesper!AL$2:AL$366,ROUNDDOWN($C4480/24,0)+1,1))-1)+IF('Standard Profiles'!$G$22=$B$10,7,0)+IF('Standard Profiles'!$G$22=$B$17,14,0)+IF('Standard Profiles'!$G$22=$B$24,21,0),0)),0)</f>
        <v>0</v>
      </c>
      <c r="I4480">
        <f t="shared" si="503"/>
        <v>8.3833793150921675E-3</v>
      </c>
      <c r="J4480">
        <f t="shared" si="504"/>
        <v>6.5540446526657536</v>
      </c>
      <c r="K4480">
        <f t="shared" si="505"/>
        <v>0.56185492691905892</v>
      </c>
      <c r="L4480">
        <f t="shared" si="506"/>
        <v>0.28092746345952946</v>
      </c>
      <c r="M4480">
        <f t="shared" si="507"/>
        <v>0</v>
      </c>
      <c r="N4480" s="45">
        <f t="shared" si="508"/>
        <v>45112.249999989217</v>
      </c>
    </row>
    <row r="4481" spans="2:14" x14ac:dyDescent="0.25">
      <c r="B4481">
        <f t="shared" si="502"/>
        <v>3</v>
      </c>
      <c r="C4481" s="16">
        <v>4447</v>
      </c>
      <c r="D4481" cm="1">
        <f t="array" ref="D4481">IFERROR(INDEX(Jesper!AH$2:AH$366,ROUNDDOWN($C4481/24,0)+1,1)*INDEX($D$3:$AA$30,INDEX(Jesper!$R$2:$R$366,ROW(INDEX(Jesper!AH$2:AH$366,ROUNDDOWN($C4481/24,0)+1,1))-1)+IF('Standard Profiles'!$G$18=$B$10,7,0)+IF('Standard Profiles'!$G$18=$B$17,14,0)+IF('Standard Profiles'!$G$18=$B$24,21,0),MOD($C4481,24)+1)/SUM(INDEX($D$3:$AA$30,INDEX(Jesper!$R$2:$R$366,ROW(INDEX(Jesper!AH$2:AH$366,ROUNDDOWN($C4481/24,0)+1,1))-1)+IF('Standard Profiles'!$G$18=$B$10,7,0)+IF('Standard Profiles'!$G$18=$B$17,14,0)+IF('Standard Profiles'!$G$18=$B$24,21,0),0)),0)</f>
        <v>21.53245160266507</v>
      </c>
      <c r="E4481" cm="1">
        <f t="array" ref="E4481">IFERROR(INDEX(Jesper!AI$2:AI$366,ROUNDDOWN($C4481/24,0)+1,1)*INDEX($D$3:$AA$30,INDEX(Jesper!$R$2:$R$366,ROW(INDEX(Jesper!AI$2:AI$366,ROUNDDOWN($C4481/24,0)+1,1))-1)+IF('Standard Profiles'!$G$19=$B$10,7,0)+IF('Standard Profiles'!$G$19=$B$17,14,0)+IF('Standard Profiles'!$G$19=$B$24,21,0),MOD($C4481,24)+1)/SUM(INDEX($D$3:$AA$30,INDEX(Jesper!$R$2:$R$366,ROW(INDEX(Jesper!AI$2:AI$366,ROUNDDOWN($C4481/24,0)+1,1))-1)+IF('Standard Profiles'!$G$19=$B$10,7,0)+IF('Standard Profiles'!$G$19=$B$17,14,0)+IF('Standard Profiles'!$G$19=$B$24,21,0),0)),0)</f>
        <v>8.6677546725250885</v>
      </c>
      <c r="F4481" cm="1">
        <f t="array" ref="F4481">IFERROR(INDEX(Jesper!AJ$2:AJ$366,ROUNDDOWN($C4481/24,0)+1,1)*INDEX($D$3:$AA$30,INDEX(Jesper!$R$2:$R$366,ROW(INDEX(Jesper!AJ$2:AJ$366,ROUNDDOWN($C4481/24,0)+1,1))-1)+IF('Standard Profiles'!$G$20=$B$10,7,0)+IF('Standard Profiles'!$G$20=$B$17,14,0)+IF('Standard Profiles'!$G$20=$B$24,21,0),MOD($C4481,24)+1)/SUM(INDEX($D$3:$AA$30,INDEX(Jesper!$R$2:$R$366,ROW(INDEX(Jesper!AJ$2:AJ$366,ROUNDDOWN($C4481/24,0)+1,1))-1)+IF('Standard Profiles'!$G$20=$B$10,7,0)+IF('Standard Profiles'!$G$20=$B$17,14,0)+IF('Standard Profiles'!$G$20=$B$24,21,0),0)),0)</f>
        <v>0</v>
      </c>
      <c r="G4481" cm="1">
        <f t="array" ref="G4481">IFERROR(INDEX(Jesper!AK$2:AK$366,ROUNDDOWN($C4481/24,0)+1,1)*INDEX($D$3:$AA$30,INDEX(Jesper!$R$2:$R$366,ROW(INDEX(Jesper!AK$2:AK$366,ROUNDDOWN($C4481/24,0)+1,1))-1)+IF('Standard Profiles'!$G$21=$B$10,7,0)+IF('Standard Profiles'!$G$21=$B$17,14,0)+IF('Standard Profiles'!$G$21=$B$24,21,0),MOD($C4481,24)+1)/SUM(INDEX($D$3:$AA$30,INDEX(Jesper!$R$2:$R$366,ROW(INDEX(Jesper!AK$2:AK$366,ROUNDDOWN($C4481/24,0)+1,1))-1)+IF('Standard Profiles'!$G$21=$B$10,7,0)+IF('Standard Profiles'!$G$21=$B$17,14,0)+IF('Standard Profiles'!$G$21=$B$24,21,0),0)),0)</f>
        <v>4.8117104193914441E-2</v>
      </c>
      <c r="H4481" cm="1">
        <f t="array" ref="H4481">IFERROR(INDEX(Jesper!AL$2:AL$366,ROUNDDOWN($C4481/24,0)+1,1)*INDEX($D$3:$AA$30,INDEX(Jesper!$R$2:$R$366,ROW(INDEX(Jesper!AL$2:AL$366,ROUNDDOWN($C4481/24,0)+1,1))-1)+IF('Standard Profiles'!$G$22=$B$10,7,0)+IF('Standard Profiles'!$G$22=$B$17,14,0)+IF('Standard Profiles'!$G$22=$B$24,21,0),MOD($C4481,24)+1)/SUM(INDEX($D$3:$AA$30,INDEX(Jesper!$R$2:$R$366,ROW(INDEX(Jesper!AL$2:AL$366,ROUNDDOWN($C4481/24,0)+1,1))-1)+IF('Standard Profiles'!$G$22=$B$10,7,0)+IF('Standard Profiles'!$G$22=$B$17,14,0)+IF('Standard Profiles'!$G$22=$B$24,21,0),0)),0)</f>
        <v>0</v>
      </c>
      <c r="I4481">
        <f t="shared" si="503"/>
        <v>2.3096210013078919E-2</v>
      </c>
      <c r="J4481">
        <f t="shared" si="504"/>
        <v>26.780034912944579</v>
      </c>
      <c r="K4481">
        <f t="shared" si="505"/>
        <v>2.2967948376176075</v>
      </c>
      <c r="L4481">
        <f t="shared" si="506"/>
        <v>1.1483974188088037</v>
      </c>
      <c r="M4481">
        <f t="shared" si="507"/>
        <v>0</v>
      </c>
      <c r="N4481" s="45">
        <f t="shared" si="508"/>
        <v>45112.291666655881</v>
      </c>
    </row>
    <row r="4482" spans="2:14" x14ac:dyDescent="0.25">
      <c r="B4482">
        <f t="shared" si="502"/>
        <v>3</v>
      </c>
      <c r="C4482" s="16">
        <v>4448</v>
      </c>
      <c r="D4482" cm="1">
        <f t="array" ref="D4482">IFERROR(INDEX(Jesper!AH$2:AH$366,ROUNDDOWN($C4482/24,0)+1,1)*INDEX($D$3:$AA$30,INDEX(Jesper!$R$2:$R$366,ROW(INDEX(Jesper!AH$2:AH$366,ROUNDDOWN($C4482/24,0)+1,1))-1)+IF('Standard Profiles'!$G$18=$B$10,7,0)+IF('Standard Profiles'!$G$18=$B$17,14,0)+IF('Standard Profiles'!$G$18=$B$24,21,0),MOD($C4482,24)+1)/SUM(INDEX($D$3:$AA$30,INDEX(Jesper!$R$2:$R$366,ROW(INDEX(Jesper!AH$2:AH$366,ROUNDDOWN($C4482/24,0)+1,1))-1)+IF('Standard Profiles'!$G$18=$B$10,7,0)+IF('Standard Profiles'!$G$18=$B$17,14,0)+IF('Standard Profiles'!$G$18=$B$24,21,0),0)),0)</f>
        <v>24.025682840868392</v>
      </c>
      <c r="E4482" cm="1">
        <f t="array" ref="E4482">IFERROR(INDEX(Jesper!AI$2:AI$366,ROUNDDOWN($C4482/24,0)+1,1)*INDEX($D$3:$AA$30,INDEX(Jesper!$R$2:$R$366,ROW(INDEX(Jesper!AI$2:AI$366,ROUNDDOWN($C4482/24,0)+1,1))-1)+IF('Standard Profiles'!$G$19=$B$10,7,0)+IF('Standard Profiles'!$G$19=$B$17,14,0)+IF('Standard Profiles'!$G$19=$B$24,21,0),MOD($C4482,24)+1)/SUM(INDEX($D$3:$AA$30,INDEX(Jesper!$R$2:$R$366,ROW(INDEX(Jesper!AI$2:AI$366,ROUNDDOWN($C4482/24,0)+1,1))-1)+IF('Standard Profiles'!$G$19=$B$10,7,0)+IF('Standard Profiles'!$G$19=$B$17,14,0)+IF('Standard Profiles'!$G$19=$B$24,21,0),0)),0)</f>
        <v>9.6713894240806262</v>
      </c>
      <c r="F4482" cm="1">
        <f t="array" ref="F4482">IFERROR(INDEX(Jesper!AJ$2:AJ$366,ROUNDDOWN($C4482/24,0)+1,1)*INDEX($D$3:$AA$30,INDEX(Jesper!$R$2:$R$366,ROW(INDEX(Jesper!AJ$2:AJ$366,ROUNDDOWN($C4482/24,0)+1,1))-1)+IF('Standard Profiles'!$G$20=$B$10,7,0)+IF('Standard Profiles'!$G$20=$B$17,14,0)+IF('Standard Profiles'!$G$20=$B$24,21,0),MOD($C4482,24)+1)/SUM(INDEX($D$3:$AA$30,INDEX(Jesper!$R$2:$R$366,ROW(INDEX(Jesper!AJ$2:AJ$366,ROUNDDOWN($C4482/24,0)+1,1))-1)+IF('Standard Profiles'!$G$20=$B$10,7,0)+IF('Standard Profiles'!$G$20=$B$17,14,0)+IF('Standard Profiles'!$G$20=$B$24,21,0),0)),0)</f>
        <v>0</v>
      </c>
      <c r="G4482" cm="1">
        <f t="array" ref="G4482">IFERROR(INDEX(Jesper!AK$2:AK$366,ROUNDDOWN($C4482/24,0)+1,1)*INDEX($D$3:$AA$30,INDEX(Jesper!$R$2:$R$366,ROW(INDEX(Jesper!AK$2:AK$366,ROUNDDOWN($C4482/24,0)+1,1))-1)+IF('Standard Profiles'!$G$21=$B$10,7,0)+IF('Standard Profiles'!$G$21=$B$17,14,0)+IF('Standard Profiles'!$G$21=$B$24,21,0),MOD($C4482,24)+1)/SUM(INDEX($D$3:$AA$30,INDEX(Jesper!$R$2:$R$366,ROW(INDEX(Jesper!AK$2:AK$366,ROUNDDOWN($C4482/24,0)+1,1))-1)+IF('Standard Profiles'!$G$21=$B$10,7,0)+IF('Standard Profiles'!$G$21=$B$17,14,0)+IF('Standard Profiles'!$G$21=$B$24,21,0),0)),0)</f>
        <v>5.3688558363736115E-2</v>
      </c>
      <c r="H4482" cm="1">
        <f t="array" ref="H4482">IFERROR(INDEX(Jesper!AL$2:AL$366,ROUNDDOWN($C4482/24,0)+1,1)*INDEX($D$3:$AA$30,INDEX(Jesper!$R$2:$R$366,ROW(INDEX(Jesper!AL$2:AL$366,ROUNDDOWN($C4482/24,0)+1,1))-1)+IF('Standard Profiles'!$G$22=$B$10,7,0)+IF('Standard Profiles'!$G$22=$B$17,14,0)+IF('Standard Profiles'!$G$22=$B$24,21,0),MOD($C4482,24)+1)/SUM(INDEX($D$3:$AA$30,INDEX(Jesper!$R$2:$R$366,ROW(INDEX(Jesper!AL$2:AL$366,ROUNDDOWN($C4482/24,0)+1,1))-1)+IF('Standard Profiles'!$G$22=$B$10,7,0)+IF('Standard Profiles'!$G$22=$B$17,14,0)+IF('Standard Profiles'!$G$22=$B$24,21,0),0)),0)</f>
        <v>0</v>
      </c>
      <c r="I4482">
        <f t="shared" si="503"/>
        <v>2.5770508014593321E-2</v>
      </c>
      <c r="J4482">
        <f t="shared" si="504"/>
        <v>29.880881060759219</v>
      </c>
      <c r="K4482">
        <f t="shared" si="505"/>
        <v>2.5627395030259619</v>
      </c>
      <c r="L4482">
        <f t="shared" si="506"/>
        <v>1.2813697515129809</v>
      </c>
      <c r="M4482">
        <f t="shared" si="507"/>
        <v>0</v>
      </c>
      <c r="N4482" s="45">
        <f t="shared" si="508"/>
        <v>45112.333333322546</v>
      </c>
    </row>
    <row r="4483" spans="2:14" x14ac:dyDescent="0.25">
      <c r="B4483">
        <f t="shared" si="502"/>
        <v>3</v>
      </c>
      <c r="C4483" s="16">
        <v>4449</v>
      </c>
      <c r="D4483" cm="1">
        <f t="array" ref="D4483">IFERROR(INDEX(Jesper!AH$2:AH$366,ROUNDDOWN($C4483/24,0)+1,1)*INDEX($D$3:$AA$30,INDEX(Jesper!$R$2:$R$366,ROW(INDEX(Jesper!AH$2:AH$366,ROUNDDOWN($C4483/24,0)+1,1))-1)+IF('Standard Profiles'!$G$18=$B$10,7,0)+IF('Standard Profiles'!$G$18=$B$17,14,0)+IF('Standard Profiles'!$G$18=$B$24,21,0),MOD($C4483,24)+1)/SUM(INDEX($D$3:$AA$30,INDEX(Jesper!$R$2:$R$366,ROW(INDEX(Jesper!AH$2:AH$366,ROUNDDOWN($C4483/24,0)+1,1))-1)+IF('Standard Profiles'!$G$18=$B$10,7,0)+IF('Standard Profiles'!$G$18=$B$17,14,0)+IF('Standard Profiles'!$G$18=$B$24,21,0),0)),0)</f>
        <v>26.51891407907172</v>
      </c>
      <c r="E4483" cm="1">
        <f t="array" ref="E4483">IFERROR(INDEX(Jesper!AI$2:AI$366,ROUNDDOWN($C4483/24,0)+1,1)*INDEX($D$3:$AA$30,INDEX(Jesper!$R$2:$R$366,ROW(INDEX(Jesper!AI$2:AI$366,ROUNDDOWN($C4483/24,0)+1,1))-1)+IF('Standard Profiles'!$G$19=$B$10,7,0)+IF('Standard Profiles'!$G$19=$B$17,14,0)+IF('Standard Profiles'!$G$19=$B$24,21,0),MOD($C4483,24)+1)/SUM(INDEX($D$3:$AA$30,INDEX(Jesper!$R$2:$R$366,ROW(INDEX(Jesper!AI$2:AI$366,ROUNDDOWN($C4483/24,0)+1,1))-1)+IF('Standard Profiles'!$G$19=$B$10,7,0)+IF('Standard Profiles'!$G$19=$B$17,14,0)+IF('Standard Profiles'!$G$19=$B$24,21,0),0)),0)</f>
        <v>10.675024175636164</v>
      </c>
      <c r="F4483" cm="1">
        <f t="array" ref="F4483">IFERROR(INDEX(Jesper!AJ$2:AJ$366,ROUNDDOWN($C4483/24,0)+1,1)*INDEX($D$3:$AA$30,INDEX(Jesper!$R$2:$R$366,ROW(INDEX(Jesper!AJ$2:AJ$366,ROUNDDOWN($C4483/24,0)+1,1))-1)+IF('Standard Profiles'!$G$20=$B$10,7,0)+IF('Standard Profiles'!$G$20=$B$17,14,0)+IF('Standard Profiles'!$G$20=$B$24,21,0),MOD($C4483,24)+1)/SUM(INDEX($D$3:$AA$30,INDEX(Jesper!$R$2:$R$366,ROW(INDEX(Jesper!AJ$2:AJ$366,ROUNDDOWN($C4483/24,0)+1,1))-1)+IF('Standard Profiles'!$G$20=$B$10,7,0)+IF('Standard Profiles'!$G$20=$B$17,14,0)+IF('Standard Profiles'!$G$20=$B$24,21,0),0)),0)</f>
        <v>0</v>
      </c>
      <c r="G4483" cm="1">
        <f t="array" ref="G4483">IFERROR(INDEX(Jesper!AK$2:AK$366,ROUNDDOWN($C4483/24,0)+1,1)*INDEX($D$3:$AA$30,INDEX(Jesper!$R$2:$R$366,ROW(INDEX(Jesper!AK$2:AK$366,ROUNDDOWN($C4483/24,0)+1,1))-1)+IF('Standard Profiles'!$G$21=$B$10,7,0)+IF('Standard Profiles'!$G$21=$B$17,14,0)+IF('Standard Profiles'!$G$21=$B$24,21,0),MOD($C4483,24)+1)/SUM(INDEX($D$3:$AA$30,INDEX(Jesper!$R$2:$R$366,ROW(INDEX(Jesper!AK$2:AK$366,ROUNDDOWN($C4483/24,0)+1,1))-1)+IF('Standard Profiles'!$G$21=$B$10,7,0)+IF('Standard Profiles'!$G$21=$B$17,14,0)+IF('Standard Profiles'!$G$21=$B$24,21,0),0)),0)</f>
        <v>5.9260012533557789E-2</v>
      </c>
      <c r="H4483" cm="1">
        <f t="array" ref="H4483">IFERROR(INDEX(Jesper!AL$2:AL$366,ROUNDDOWN($C4483/24,0)+1,1)*INDEX($D$3:$AA$30,INDEX(Jesper!$R$2:$R$366,ROW(INDEX(Jesper!AL$2:AL$366,ROUNDDOWN($C4483/24,0)+1,1))-1)+IF('Standard Profiles'!$G$22=$B$10,7,0)+IF('Standard Profiles'!$G$22=$B$17,14,0)+IF('Standard Profiles'!$G$22=$B$24,21,0),MOD($C4483,24)+1)/SUM(INDEX($D$3:$AA$30,INDEX(Jesper!$R$2:$R$366,ROW(INDEX(Jesper!AL$2:AL$366,ROUNDDOWN($C4483/24,0)+1,1))-1)+IF('Standard Profiles'!$G$22=$B$10,7,0)+IF('Standard Profiles'!$G$22=$B$17,14,0)+IF('Standard Profiles'!$G$22=$B$24,21,0),0)),0)</f>
        <v>0</v>
      </c>
      <c r="I4483">
        <f t="shared" si="503"/>
        <v>2.8444806016107726E-2</v>
      </c>
      <c r="J4483">
        <f t="shared" si="504"/>
        <v>32.981727208573865</v>
      </c>
      <c r="K4483">
        <f t="shared" si="505"/>
        <v>2.8286841684343171</v>
      </c>
      <c r="L4483">
        <f t="shared" si="506"/>
        <v>1.4143420842171586</v>
      </c>
      <c r="M4483">
        <f t="shared" si="507"/>
        <v>0</v>
      </c>
      <c r="N4483" s="45">
        <f t="shared" si="508"/>
        <v>45112.37499998921</v>
      </c>
    </row>
    <row r="4484" spans="2:14" x14ac:dyDescent="0.25">
      <c r="B4484">
        <f t="shared" si="502"/>
        <v>3</v>
      </c>
      <c r="C4484" s="16">
        <v>4450</v>
      </c>
      <c r="D4484" cm="1">
        <f t="array" ref="D4484">IFERROR(INDEX(Jesper!AH$2:AH$366,ROUNDDOWN($C4484/24,0)+1,1)*INDEX($D$3:$AA$30,INDEX(Jesper!$R$2:$R$366,ROW(INDEX(Jesper!AH$2:AH$366,ROUNDDOWN($C4484/24,0)+1,1))-1)+IF('Standard Profiles'!$G$18=$B$10,7,0)+IF('Standard Profiles'!$G$18=$B$17,14,0)+IF('Standard Profiles'!$G$18=$B$24,21,0),MOD($C4484,24)+1)/SUM(INDEX($D$3:$AA$30,INDEX(Jesper!$R$2:$R$366,ROW(INDEX(Jesper!AH$2:AH$366,ROUNDDOWN($C4484/24,0)+1,1))-1)+IF('Standard Profiles'!$G$18=$B$10,7,0)+IF('Standard Profiles'!$G$18=$B$17,14,0)+IF('Standard Profiles'!$G$18=$B$24,21,0),0)),0)</f>
        <v>26.51891407907172</v>
      </c>
      <c r="E4484" cm="1">
        <f t="array" ref="E4484">IFERROR(INDEX(Jesper!AI$2:AI$366,ROUNDDOWN($C4484/24,0)+1,1)*INDEX($D$3:$AA$30,INDEX(Jesper!$R$2:$R$366,ROW(INDEX(Jesper!AI$2:AI$366,ROUNDDOWN($C4484/24,0)+1,1))-1)+IF('Standard Profiles'!$G$19=$B$10,7,0)+IF('Standard Profiles'!$G$19=$B$17,14,0)+IF('Standard Profiles'!$G$19=$B$24,21,0),MOD($C4484,24)+1)/SUM(INDEX($D$3:$AA$30,INDEX(Jesper!$R$2:$R$366,ROW(INDEX(Jesper!AI$2:AI$366,ROUNDDOWN($C4484/24,0)+1,1))-1)+IF('Standard Profiles'!$G$19=$B$10,7,0)+IF('Standard Profiles'!$G$19=$B$17,14,0)+IF('Standard Profiles'!$G$19=$B$24,21,0),0)),0)</f>
        <v>10.675024175636164</v>
      </c>
      <c r="F4484" cm="1">
        <f t="array" ref="F4484">IFERROR(INDEX(Jesper!AJ$2:AJ$366,ROUNDDOWN($C4484/24,0)+1,1)*INDEX($D$3:$AA$30,INDEX(Jesper!$R$2:$R$366,ROW(INDEX(Jesper!AJ$2:AJ$366,ROUNDDOWN($C4484/24,0)+1,1))-1)+IF('Standard Profiles'!$G$20=$B$10,7,0)+IF('Standard Profiles'!$G$20=$B$17,14,0)+IF('Standard Profiles'!$G$20=$B$24,21,0),MOD($C4484,24)+1)/SUM(INDEX($D$3:$AA$30,INDEX(Jesper!$R$2:$R$366,ROW(INDEX(Jesper!AJ$2:AJ$366,ROUNDDOWN($C4484/24,0)+1,1))-1)+IF('Standard Profiles'!$G$20=$B$10,7,0)+IF('Standard Profiles'!$G$20=$B$17,14,0)+IF('Standard Profiles'!$G$20=$B$24,21,0),0)),0)</f>
        <v>0</v>
      </c>
      <c r="G4484" cm="1">
        <f t="array" ref="G4484">IFERROR(INDEX(Jesper!AK$2:AK$366,ROUNDDOWN($C4484/24,0)+1,1)*INDEX($D$3:$AA$30,INDEX(Jesper!$R$2:$R$366,ROW(INDEX(Jesper!AK$2:AK$366,ROUNDDOWN($C4484/24,0)+1,1))-1)+IF('Standard Profiles'!$G$21=$B$10,7,0)+IF('Standard Profiles'!$G$21=$B$17,14,0)+IF('Standard Profiles'!$G$21=$B$24,21,0),MOD($C4484,24)+1)/SUM(INDEX($D$3:$AA$30,INDEX(Jesper!$R$2:$R$366,ROW(INDEX(Jesper!AK$2:AK$366,ROUNDDOWN($C4484/24,0)+1,1))-1)+IF('Standard Profiles'!$G$21=$B$10,7,0)+IF('Standard Profiles'!$G$21=$B$17,14,0)+IF('Standard Profiles'!$G$21=$B$24,21,0),0)),0)</f>
        <v>5.9260012533557789E-2</v>
      </c>
      <c r="H4484" cm="1">
        <f t="array" ref="H4484">IFERROR(INDEX(Jesper!AL$2:AL$366,ROUNDDOWN($C4484/24,0)+1,1)*INDEX($D$3:$AA$30,INDEX(Jesper!$R$2:$R$366,ROW(INDEX(Jesper!AL$2:AL$366,ROUNDDOWN($C4484/24,0)+1,1))-1)+IF('Standard Profiles'!$G$22=$B$10,7,0)+IF('Standard Profiles'!$G$22=$B$17,14,0)+IF('Standard Profiles'!$G$22=$B$24,21,0),MOD($C4484,24)+1)/SUM(INDEX($D$3:$AA$30,INDEX(Jesper!$R$2:$R$366,ROW(INDEX(Jesper!AL$2:AL$366,ROUNDDOWN($C4484/24,0)+1,1))-1)+IF('Standard Profiles'!$G$22=$B$10,7,0)+IF('Standard Profiles'!$G$22=$B$17,14,0)+IF('Standard Profiles'!$G$22=$B$24,21,0),0)),0)</f>
        <v>0</v>
      </c>
      <c r="I4484">
        <f t="shared" si="503"/>
        <v>2.8444806016107726E-2</v>
      </c>
      <c r="J4484">
        <f t="shared" si="504"/>
        <v>32.981727208573865</v>
      </c>
      <c r="K4484">
        <f t="shared" si="505"/>
        <v>2.8286841684343171</v>
      </c>
      <c r="L4484">
        <f t="shared" si="506"/>
        <v>1.4143420842171586</v>
      </c>
      <c r="M4484">
        <f t="shared" si="507"/>
        <v>0</v>
      </c>
      <c r="N4484" s="45">
        <f t="shared" si="508"/>
        <v>45112.416666655874</v>
      </c>
    </row>
    <row r="4485" spans="2:14" x14ac:dyDescent="0.25">
      <c r="B4485">
        <f t="shared" si="502"/>
        <v>3</v>
      </c>
      <c r="C4485" s="16">
        <v>4451</v>
      </c>
      <c r="D4485" cm="1">
        <f t="array" ref="D4485">IFERROR(INDEX(Jesper!AH$2:AH$366,ROUNDDOWN($C4485/24,0)+1,1)*INDEX($D$3:$AA$30,INDEX(Jesper!$R$2:$R$366,ROW(INDEX(Jesper!AH$2:AH$366,ROUNDDOWN($C4485/24,0)+1,1))-1)+IF('Standard Profiles'!$G$18=$B$10,7,0)+IF('Standard Profiles'!$G$18=$B$17,14,0)+IF('Standard Profiles'!$G$18=$B$24,21,0),MOD($C4485,24)+1)/SUM(INDEX($D$3:$AA$30,INDEX(Jesper!$R$2:$R$366,ROW(INDEX(Jesper!AH$2:AH$366,ROUNDDOWN($C4485/24,0)+1,1))-1)+IF('Standard Profiles'!$G$18=$B$10,7,0)+IF('Standard Profiles'!$G$18=$B$17,14,0)+IF('Standard Profiles'!$G$18=$B$24,21,0),0)),0)</f>
        <v>31.732033940769576</v>
      </c>
      <c r="E4485" cm="1">
        <f t="array" ref="E4485">IFERROR(INDEX(Jesper!AI$2:AI$366,ROUNDDOWN($C4485/24,0)+1,1)*INDEX($D$3:$AA$30,INDEX(Jesper!$R$2:$R$366,ROW(INDEX(Jesper!AI$2:AI$366,ROUNDDOWN($C4485/24,0)+1,1))-1)+IF('Standard Profiles'!$G$19=$B$10,7,0)+IF('Standard Profiles'!$G$19=$B$17,14,0)+IF('Standard Profiles'!$G$19=$B$24,21,0),MOD($C4485,24)+1)/SUM(INDEX($D$3:$AA$30,INDEX(Jesper!$R$2:$R$366,ROW(INDEX(Jesper!AI$2:AI$366,ROUNDDOWN($C4485/24,0)+1,1))-1)+IF('Standard Profiles'!$G$19=$B$10,7,0)+IF('Standard Profiles'!$G$19=$B$17,14,0)+IF('Standard Profiles'!$G$19=$B$24,21,0),0)),0)</f>
        <v>12.773533201615923</v>
      </c>
      <c r="F4485" cm="1">
        <f t="array" ref="F4485">IFERROR(INDEX(Jesper!AJ$2:AJ$366,ROUNDDOWN($C4485/24,0)+1,1)*INDEX($D$3:$AA$30,INDEX(Jesper!$R$2:$R$366,ROW(INDEX(Jesper!AJ$2:AJ$366,ROUNDDOWN($C4485/24,0)+1,1))-1)+IF('Standard Profiles'!$G$20=$B$10,7,0)+IF('Standard Profiles'!$G$20=$B$17,14,0)+IF('Standard Profiles'!$G$20=$B$24,21,0),MOD($C4485,24)+1)/SUM(INDEX($D$3:$AA$30,INDEX(Jesper!$R$2:$R$366,ROW(INDEX(Jesper!AJ$2:AJ$366,ROUNDDOWN($C4485/24,0)+1,1))-1)+IF('Standard Profiles'!$G$20=$B$10,7,0)+IF('Standard Profiles'!$G$20=$B$17,14,0)+IF('Standard Profiles'!$G$20=$B$24,21,0),0)),0)</f>
        <v>0</v>
      </c>
      <c r="G4485" cm="1">
        <f t="array" ref="G4485">IFERROR(INDEX(Jesper!AK$2:AK$366,ROUNDDOWN($C4485/24,0)+1,1)*INDEX($D$3:$AA$30,INDEX(Jesper!$R$2:$R$366,ROW(INDEX(Jesper!AK$2:AK$366,ROUNDDOWN($C4485/24,0)+1,1))-1)+IF('Standard Profiles'!$G$21=$B$10,7,0)+IF('Standard Profiles'!$G$21=$B$17,14,0)+IF('Standard Profiles'!$G$21=$B$24,21,0),MOD($C4485,24)+1)/SUM(INDEX($D$3:$AA$30,INDEX(Jesper!$R$2:$R$366,ROW(INDEX(Jesper!AK$2:AK$366,ROUNDDOWN($C4485/24,0)+1,1))-1)+IF('Standard Profiles'!$G$21=$B$10,7,0)+IF('Standard Profiles'!$G$21=$B$17,14,0)+IF('Standard Profiles'!$G$21=$B$24,21,0),0)),0)</f>
        <v>7.0909416706821271E-2</v>
      </c>
      <c r="H4485" cm="1">
        <f t="array" ref="H4485">IFERROR(INDEX(Jesper!AL$2:AL$366,ROUNDDOWN($C4485/24,0)+1,1)*INDEX($D$3:$AA$30,INDEX(Jesper!$R$2:$R$366,ROW(INDEX(Jesper!AL$2:AL$366,ROUNDDOWN($C4485/24,0)+1,1))-1)+IF('Standard Profiles'!$G$22=$B$10,7,0)+IF('Standard Profiles'!$G$22=$B$17,14,0)+IF('Standard Profiles'!$G$22=$B$24,21,0),MOD($C4485,24)+1)/SUM(INDEX($D$3:$AA$30,INDEX(Jesper!$R$2:$R$366,ROW(INDEX(Jesper!AL$2:AL$366,ROUNDDOWN($C4485/24,0)+1,1))-1)+IF('Standard Profiles'!$G$22=$B$10,7,0)+IF('Standard Profiles'!$G$22=$B$17,14,0)+IF('Standard Profiles'!$G$22=$B$24,21,0),0)),0)</f>
        <v>0</v>
      </c>
      <c r="I4485">
        <f t="shared" si="503"/>
        <v>3.4036520019274194E-2</v>
      </c>
      <c r="J4485">
        <f t="shared" si="504"/>
        <v>39.46531460854991</v>
      </c>
      <c r="K4485">
        <f t="shared" si="505"/>
        <v>3.3847502870154216</v>
      </c>
      <c r="L4485">
        <f t="shared" si="506"/>
        <v>1.6923751435077108</v>
      </c>
      <c r="M4485">
        <f t="shared" si="507"/>
        <v>0</v>
      </c>
      <c r="N4485" s="45">
        <f t="shared" si="508"/>
        <v>45112.458333322538</v>
      </c>
    </row>
    <row r="4486" spans="2:14" x14ac:dyDescent="0.25">
      <c r="B4486">
        <f t="shared" si="502"/>
        <v>3</v>
      </c>
      <c r="C4486" s="16">
        <v>4452</v>
      </c>
      <c r="D4486" cm="1">
        <f t="array" ref="D4486">IFERROR(INDEX(Jesper!AH$2:AH$366,ROUNDDOWN($C4486/24,0)+1,1)*INDEX($D$3:$AA$30,INDEX(Jesper!$R$2:$R$366,ROW(INDEX(Jesper!AH$2:AH$366,ROUNDDOWN($C4486/24,0)+1,1))-1)+IF('Standard Profiles'!$G$18=$B$10,7,0)+IF('Standard Profiles'!$G$18=$B$17,14,0)+IF('Standard Profiles'!$G$18=$B$24,21,0),MOD($C4486,24)+1)/SUM(INDEX($D$3:$AA$30,INDEX(Jesper!$R$2:$R$366,ROW(INDEX(Jesper!AH$2:AH$366,ROUNDDOWN($C4486/24,0)+1,1))-1)+IF('Standard Profiles'!$G$18=$B$10,7,0)+IF('Standard Profiles'!$G$18=$B$17,14,0)+IF('Standard Profiles'!$G$18=$B$24,21,0),0)),0)</f>
        <v>31.732033940769576</v>
      </c>
      <c r="E4486" cm="1">
        <f t="array" ref="E4486">IFERROR(INDEX(Jesper!AI$2:AI$366,ROUNDDOWN($C4486/24,0)+1,1)*INDEX($D$3:$AA$30,INDEX(Jesper!$R$2:$R$366,ROW(INDEX(Jesper!AI$2:AI$366,ROUNDDOWN($C4486/24,0)+1,1))-1)+IF('Standard Profiles'!$G$19=$B$10,7,0)+IF('Standard Profiles'!$G$19=$B$17,14,0)+IF('Standard Profiles'!$G$19=$B$24,21,0),MOD($C4486,24)+1)/SUM(INDEX($D$3:$AA$30,INDEX(Jesper!$R$2:$R$366,ROW(INDEX(Jesper!AI$2:AI$366,ROUNDDOWN($C4486/24,0)+1,1))-1)+IF('Standard Profiles'!$G$19=$B$10,7,0)+IF('Standard Profiles'!$G$19=$B$17,14,0)+IF('Standard Profiles'!$G$19=$B$24,21,0),0)),0)</f>
        <v>12.773533201615923</v>
      </c>
      <c r="F4486" cm="1">
        <f t="array" ref="F4486">IFERROR(INDEX(Jesper!AJ$2:AJ$366,ROUNDDOWN($C4486/24,0)+1,1)*INDEX($D$3:$AA$30,INDEX(Jesper!$R$2:$R$366,ROW(INDEX(Jesper!AJ$2:AJ$366,ROUNDDOWN($C4486/24,0)+1,1))-1)+IF('Standard Profiles'!$G$20=$B$10,7,0)+IF('Standard Profiles'!$G$20=$B$17,14,0)+IF('Standard Profiles'!$G$20=$B$24,21,0),MOD($C4486,24)+1)/SUM(INDEX($D$3:$AA$30,INDEX(Jesper!$R$2:$R$366,ROW(INDEX(Jesper!AJ$2:AJ$366,ROUNDDOWN($C4486/24,0)+1,1))-1)+IF('Standard Profiles'!$G$20=$B$10,7,0)+IF('Standard Profiles'!$G$20=$B$17,14,0)+IF('Standard Profiles'!$G$20=$B$24,21,0),0)),0)</f>
        <v>0</v>
      </c>
      <c r="G4486" cm="1">
        <f t="array" ref="G4486">IFERROR(INDEX(Jesper!AK$2:AK$366,ROUNDDOWN($C4486/24,0)+1,1)*INDEX($D$3:$AA$30,INDEX(Jesper!$R$2:$R$366,ROW(INDEX(Jesper!AK$2:AK$366,ROUNDDOWN($C4486/24,0)+1,1))-1)+IF('Standard Profiles'!$G$21=$B$10,7,0)+IF('Standard Profiles'!$G$21=$B$17,14,0)+IF('Standard Profiles'!$G$21=$B$24,21,0),MOD($C4486,24)+1)/SUM(INDEX($D$3:$AA$30,INDEX(Jesper!$R$2:$R$366,ROW(INDEX(Jesper!AK$2:AK$366,ROUNDDOWN($C4486/24,0)+1,1))-1)+IF('Standard Profiles'!$G$21=$B$10,7,0)+IF('Standard Profiles'!$G$21=$B$17,14,0)+IF('Standard Profiles'!$G$21=$B$24,21,0),0)),0)</f>
        <v>7.0909416706821271E-2</v>
      </c>
      <c r="H4486" cm="1">
        <f t="array" ref="H4486">IFERROR(INDEX(Jesper!AL$2:AL$366,ROUNDDOWN($C4486/24,0)+1,1)*INDEX($D$3:$AA$30,INDEX(Jesper!$R$2:$R$366,ROW(INDEX(Jesper!AL$2:AL$366,ROUNDDOWN($C4486/24,0)+1,1))-1)+IF('Standard Profiles'!$G$22=$B$10,7,0)+IF('Standard Profiles'!$G$22=$B$17,14,0)+IF('Standard Profiles'!$G$22=$B$24,21,0),MOD($C4486,24)+1)/SUM(INDEX($D$3:$AA$30,INDEX(Jesper!$R$2:$R$366,ROW(INDEX(Jesper!AL$2:AL$366,ROUNDDOWN($C4486/24,0)+1,1))-1)+IF('Standard Profiles'!$G$22=$B$10,7,0)+IF('Standard Profiles'!$G$22=$B$17,14,0)+IF('Standard Profiles'!$G$22=$B$24,21,0),0)),0)</f>
        <v>0</v>
      </c>
      <c r="I4486">
        <f t="shared" si="503"/>
        <v>3.4036520019274194E-2</v>
      </c>
      <c r="J4486">
        <f t="shared" si="504"/>
        <v>39.46531460854991</v>
      </c>
      <c r="K4486">
        <f t="shared" si="505"/>
        <v>3.3847502870154216</v>
      </c>
      <c r="L4486">
        <f t="shared" si="506"/>
        <v>1.6923751435077108</v>
      </c>
      <c r="M4486">
        <f t="shared" si="507"/>
        <v>0</v>
      </c>
      <c r="N4486" s="45">
        <f t="shared" si="508"/>
        <v>45112.499999989202</v>
      </c>
    </row>
    <row r="4487" spans="2:14" x14ac:dyDescent="0.25">
      <c r="B4487">
        <f t="shared" si="502"/>
        <v>3</v>
      </c>
      <c r="C4487" s="16">
        <v>4453</v>
      </c>
      <c r="D4487" cm="1">
        <f t="array" ref="D4487">IFERROR(INDEX(Jesper!AH$2:AH$366,ROUNDDOWN($C4487/24,0)+1,1)*INDEX($D$3:$AA$30,INDEX(Jesper!$R$2:$R$366,ROW(INDEX(Jesper!AH$2:AH$366,ROUNDDOWN($C4487/24,0)+1,1))-1)+IF('Standard Profiles'!$G$18=$B$10,7,0)+IF('Standard Profiles'!$G$18=$B$17,14,0)+IF('Standard Profiles'!$G$18=$B$24,21,0),MOD($C4487,24)+1)/SUM(INDEX($D$3:$AA$30,INDEX(Jesper!$R$2:$R$366,ROW(INDEX(Jesper!AH$2:AH$366,ROUNDDOWN($C4487/24,0)+1,1))-1)+IF('Standard Profiles'!$G$18=$B$10,7,0)+IF('Standard Profiles'!$G$18=$B$17,14,0)+IF('Standard Profiles'!$G$18=$B$24,21,0),0)),0)</f>
        <v>21.079136832082646</v>
      </c>
      <c r="E4487" cm="1">
        <f t="array" ref="E4487">IFERROR(INDEX(Jesper!AI$2:AI$366,ROUNDDOWN($C4487/24,0)+1,1)*INDEX($D$3:$AA$30,INDEX(Jesper!$R$2:$R$366,ROW(INDEX(Jesper!AI$2:AI$366,ROUNDDOWN($C4487/24,0)+1,1))-1)+IF('Standard Profiles'!$G$19=$B$10,7,0)+IF('Standard Profiles'!$G$19=$B$17,14,0)+IF('Standard Profiles'!$G$19=$B$24,21,0),MOD($C4487,24)+1)/SUM(INDEX($D$3:$AA$30,INDEX(Jesper!$R$2:$R$366,ROW(INDEX(Jesper!AI$2:AI$366,ROUNDDOWN($C4487/24,0)+1,1))-1)+IF('Standard Profiles'!$G$19=$B$10,7,0)+IF('Standard Profiles'!$G$19=$B$17,14,0)+IF('Standard Profiles'!$G$19=$B$24,21,0),0)),0)</f>
        <v>8.4852756267877183</v>
      </c>
      <c r="F4487" cm="1">
        <f t="array" ref="F4487">IFERROR(INDEX(Jesper!AJ$2:AJ$366,ROUNDDOWN($C4487/24,0)+1,1)*INDEX($D$3:$AA$30,INDEX(Jesper!$R$2:$R$366,ROW(INDEX(Jesper!AJ$2:AJ$366,ROUNDDOWN($C4487/24,0)+1,1))-1)+IF('Standard Profiles'!$G$20=$B$10,7,0)+IF('Standard Profiles'!$G$20=$B$17,14,0)+IF('Standard Profiles'!$G$20=$B$24,21,0),MOD($C4487,24)+1)/SUM(INDEX($D$3:$AA$30,INDEX(Jesper!$R$2:$R$366,ROW(INDEX(Jesper!AJ$2:AJ$366,ROUNDDOWN($C4487/24,0)+1,1))-1)+IF('Standard Profiles'!$G$20=$B$10,7,0)+IF('Standard Profiles'!$G$20=$B$17,14,0)+IF('Standard Profiles'!$G$20=$B$24,21,0),0)),0)</f>
        <v>0</v>
      </c>
      <c r="G4487" cm="1">
        <f t="array" ref="G4487">IFERROR(INDEX(Jesper!AK$2:AK$366,ROUNDDOWN($C4487/24,0)+1,1)*INDEX($D$3:$AA$30,INDEX(Jesper!$R$2:$R$366,ROW(INDEX(Jesper!AK$2:AK$366,ROUNDDOWN($C4487/24,0)+1,1))-1)+IF('Standard Profiles'!$G$21=$B$10,7,0)+IF('Standard Profiles'!$G$21=$B$17,14,0)+IF('Standard Profiles'!$G$21=$B$24,21,0),MOD($C4487,24)+1)/SUM(INDEX($D$3:$AA$30,INDEX(Jesper!$R$2:$R$366,ROW(INDEX(Jesper!AK$2:AK$366,ROUNDDOWN($C4487/24,0)+1,1))-1)+IF('Standard Profiles'!$G$21=$B$10,7,0)+IF('Standard Profiles'!$G$21=$B$17,14,0)+IF('Standard Profiles'!$G$21=$B$24,21,0),0)),0)</f>
        <v>4.7104112526674138E-2</v>
      </c>
      <c r="H4487" cm="1">
        <f t="array" ref="H4487">IFERROR(INDEX(Jesper!AL$2:AL$366,ROUNDDOWN($C4487/24,0)+1,1)*INDEX($D$3:$AA$30,INDEX(Jesper!$R$2:$R$366,ROW(INDEX(Jesper!AL$2:AL$366,ROUNDDOWN($C4487/24,0)+1,1))-1)+IF('Standard Profiles'!$G$22=$B$10,7,0)+IF('Standard Profiles'!$G$22=$B$17,14,0)+IF('Standard Profiles'!$G$22=$B$24,21,0),MOD($C4487,24)+1)/SUM(INDEX($D$3:$AA$30,INDEX(Jesper!$R$2:$R$366,ROW(INDEX(Jesper!AL$2:AL$366,ROUNDDOWN($C4487/24,0)+1,1))-1)+IF('Standard Profiles'!$G$22=$B$10,7,0)+IF('Standard Profiles'!$G$22=$B$17,14,0)+IF('Standard Profiles'!$G$22=$B$24,21,0),0)),0)</f>
        <v>0</v>
      </c>
      <c r="I4487">
        <f t="shared" si="503"/>
        <v>2.2609974012803576E-2</v>
      </c>
      <c r="J4487">
        <f t="shared" si="504"/>
        <v>26.216244704251011</v>
      </c>
      <c r="K4487">
        <f t="shared" si="505"/>
        <v>2.2484412620888157</v>
      </c>
      <c r="L4487">
        <f t="shared" si="506"/>
        <v>1.1242206310444078</v>
      </c>
      <c r="M4487">
        <f t="shared" si="507"/>
        <v>0</v>
      </c>
      <c r="N4487" s="45">
        <f t="shared" si="508"/>
        <v>45112.541666655867</v>
      </c>
    </row>
    <row r="4488" spans="2:14" x14ac:dyDescent="0.25">
      <c r="B4488">
        <f t="shared" si="502"/>
        <v>3</v>
      </c>
      <c r="C4488" s="16">
        <v>4454</v>
      </c>
      <c r="D4488" cm="1">
        <f t="array" ref="D4488">IFERROR(INDEX(Jesper!AH$2:AH$366,ROUNDDOWN($C4488/24,0)+1,1)*INDEX($D$3:$AA$30,INDEX(Jesper!$R$2:$R$366,ROW(INDEX(Jesper!AH$2:AH$366,ROUNDDOWN($C4488/24,0)+1,1))-1)+IF('Standard Profiles'!$G$18=$B$10,7,0)+IF('Standard Profiles'!$G$18=$B$17,14,0)+IF('Standard Profiles'!$G$18=$B$24,21,0),MOD($C4488,24)+1)/SUM(INDEX($D$3:$AA$30,INDEX(Jesper!$R$2:$R$366,ROW(INDEX(Jesper!AH$2:AH$366,ROUNDDOWN($C4488/24,0)+1,1))-1)+IF('Standard Profiles'!$G$18=$B$10,7,0)+IF('Standard Profiles'!$G$18=$B$17,14,0)+IF('Standard Profiles'!$G$18=$B$24,21,0),0)),0)</f>
        <v>31.732033940769576</v>
      </c>
      <c r="E4488" cm="1">
        <f t="array" ref="E4488">IFERROR(INDEX(Jesper!AI$2:AI$366,ROUNDDOWN($C4488/24,0)+1,1)*INDEX($D$3:$AA$30,INDEX(Jesper!$R$2:$R$366,ROW(INDEX(Jesper!AI$2:AI$366,ROUNDDOWN($C4488/24,0)+1,1))-1)+IF('Standard Profiles'!$G$19=$B$10,7,0)+IF('Standard Profiles'!$G$19=$B$17,14,0)+IF('Standard Profiles'!$G$19=$B$24,21,0),MOD($C4488,24)+1)/SUM(INDEX($D$3:$AA$30,INDEX(Jesper!$R$2:$R$366,ROW(INDEX(Jesper!AI$2:AI$366,ROUNDDOWN($C4488/24,0)+1,1))-1)+IF('Standard Profiles'!$G$19=$B$10,7,0)+IF('Standard Profiles'!$G$19=$B$17,14,0)+IF('Standard Profiles'!$G$19=$B$24,21,0),0)),0)</f>
        <v>12.773533201615923</v>
      </c>
      <c r="F4488" cm="1">
        <f t="array" ref="F4488">IFERROR(INDEX(Jesper!AJ$2:AJ$366,ROUNDDOWN($C4488/24,0)+1,1)*INDEX($D$3:$AA$30,INDEX(Jesper!$R$2:$R$366,ROW(INDEX(Jesper!AJ$2:AJ$366,ROUNDDOWN($C4488/24,0)+1,1))-1)+IF('Standard Profiles'!$G$20=$B$10,7,0)+IF('Standard Profiles'!$G$20=$B$17,14,0)+IF('Standard Profiles'!$G$20=$B$24,21,0),MOD($C4488,24)+1)/SUM(INDEX($D$3:$AA$30,INDEX(Jesper!$R$2:$R$366,ROW(INDEX(Jesper!AJ$2:AJ$366,ROUNDDOWN($C4488/24,0)+1,1))-1)+IF('Standard Profiles'!$G$20=$B$10,7,0)+IF('Standard Profiles'!$G$20=$B$17,14,0)+IF('Standard Profiles'!$G$20=$B$24,21,0),0)),0)</f>
        <v>0</v>
      </c>
      <c r="G4488" cm="1">
        <f t="array" ref="G4488">IFERROR(INDEX(Jesper!AK$2:AK$366,ROUNDDOWN($C4488/24,0)+1,1)*INDEX($D$3:$AA$30,INDEX(Jesper!$R$2:$R$366,ROW(INDEX(Jesper!AK$2:AK$366,ROUNDDOWN($C4488/24,0)+1,1))-1)+IF('Standard Profiles'!$G$21=$B$10,7,0)+IF('Standard Profiles'!$G$21=$B$17,14,0)+IF('Standard Profiles'!$G$21=$B$24,21,0),MOD($C4488,24)+1)/SUM(INDEX($D$3:$AA$30,INDEX(Jesper!$R$2:$R$366,ROW(INDEX(Jesper!AK$2:AK$366,ROUNDDOWN($C4488/24,0)+1,1))-1)+IF('Standard Profiles'!$G$21=$B$10,7,0)+IF('Standard Profiles'!$G$21=$B$17,14,0)+IF('Standard Profiles'!$G$21=$B$24,21,0),0)),0)</f>
        <v>7.0909416706821271E-2</v>
      </c>
      <c r="H4488" cm="1">
        <f t="array" ref="H4488">IFERROR(INDEX(Jesper!AL$2:AL$366,ROUNDDOWN($C4488/24,0)+1,1)*INDEX($D$3:$AA$30,INDEX(Jesper!$R$2:$R$366,ROW(INDEX(Jesper!AL$2:AL$366,ROUNDDOWN($C4488/24,0)+1,1))-1)+IF('Standard Profiles'!$G$22=$B$10,7,0)+IF('Standard Profiles'!$G$22=$B$17,14,0)+IF('Standard Profiles'!$G$22=$B$24,21,0),MOD($C4488,24)+1)/SUM(INDEX($D$3:$AA$30,INDEX(Jesper!$R$2:$R$366,ROW(INDEX(Jesper!AL$2:AL$366,ROUNDDOWN($C4488/24,0)+1,1))-1)+IF('Standard Profiles'!$G$22=$B$10,7,0)+IF('Standard Profiles'!$G$22=$B$17,14,0)+IF('Standard Profiles'!$G$22=$B$24,21,0),0)),0)</f>
        <v>0</v>
      </c>
      <c r="I4488">
        <f t="shared" si="503"/>
        <v>3.4036520019274194E-2</v>
      </c>
      <c r="J4488">
        <f t="shared" si="504"/>
        <v>39.46531460854991</v>
      </c>
      <c r="K4488">
        <f t="shared" si="505"/>
        <v>3.3847502870154216</v>
      </c>
      <c r="L4488">
        <f t="shared" si="506"/>
        <v>1.6923751435077108</v>
      </c>
      <c r="M4488">
        <f t="shared" si="507"/>
        <v>0</v>
      </c>
      <c r="N4488" s="45">
        <f t="shared" si="508"/>
        <v>45112.583333322531</v>
      </c>
    </row>
    <row r="4489" spans="2:14" x14ac:dyDescent="0.25">
      <c r="B4489">
        <f t="shared" si="502"/>
        <v>3</v>
      </c>
      <c r="C4489" s="16">
        <v>4455</v>
      </c>
      <c r="D4489" cm="1">
        <f t="array" ref="D4489">IFERROR(INDEX(Jesper!AH$2:AH$366,ROUNDDOWN($C4489/24,0)+1,1)*INDEX($D$3:$AA$30,INDEX(Jesper!$R$2:$R$366,ROW(INDEX(Jesper!AH$2:AH$366,ROUNDDOWN($C4489/24,0)+1,1))-1)+IF('Standard Profiles'!$G$18=$B$10,7,0)+IF('Standard Profiles'!$G$18=$B$17,14,0)+IF('Standard Profiles'!$G$18=$B$24,21,0),MOD($C4489,24)+1)/SUM(INDEX($D$3:$AA$30,INDEX(Jesper!$R$2:$R$366,ROW(INDEX(Jesper!AH$2:AH$366,ROUNDDOWN($C4489/24,0)+1,1))-1)+IF('Standard Profiles'!$G$18=$B$10,7,0)+IF('Standard Profiles'!$G$18=$B$17,14,0)+IF('Standard Profiles'!$G$18=$B$24,21,0),0)),0)</f>
        <v>31.732033940769576</v>
      </c>
      <c r="E4489" cm="1">
        <f t="array" ref="E4489">IFERROR(INDEX(Jesper!AI$2:AI$366,ROUNDDOWN($C4489/24,0)+1,1)*INDEX($D$3:$AA$30,INDEX(Jesper!$R$2:$R$366,ROW(INDEX(Jesper!AI$2:AI$366,ROUNDDOWN($C4489/24,0)+1,1))-1)+IF('Standard Profiles'!$G$19=$B$10,7,0)+IF('Standard Profiles'!$G$19=$B$17,14,0)+IF('Standard Profiles'!$G$19=$B$24,21,0),MOD($C4489,24)+1)/SUM(INDEX($D$3:$AA$30,INDEX(Jesper!$R$2:$R$366,ROW(INDEX(Jesper!AI$2:AI$366,ROUNDDOWN($C4489/24,0)+1,1))-1)+IF('Standard Profiles'!$G$19=$B$10,7,0)+IF('Standard Profiles'!$G$19=$B$17,14,0)+IF('Standard Profiles'!$G$19=$B$24,21,0),0)),0)</f>
        <v>12.773533201615923</v>
      </c>
      <c r="F4489" cm="1">
        <f t="array" ref="F4489">IFERROR(INDEX(Jesper!AJ$2:AJ$366,ROUNDDOWN($C4489/24,0)+1,1)*INDEX($D$3:$AA$30,INDEX(Jesper!$R$2:$R$366,ROW(INDEX(Jesper!AJ$2:AJ$366,ROUNDDOWN($C4489/24,0)+1,1))-1)+IF('Standard Profiles'!$G$20=$B$10,7,0)+IF('Standard Profiles'!$G$20=$B$17,14,0)+IF('Standard Profiles'!$G$20=$B$24,21,0),MOD($C4489,24)+1)/SUM(INDEX($D$3:$AA$30,INDEX(Jesper!$R$2:$R$366,ROW(INDEX(Jesper!AJ$2:AJ$366,ROUNDDOWN($C4489/24,0)+1,1))-1)+IF('Standard Profiles'!$G$20=$B$10,7,0)+IF('Standard Profiles'!$G$20=$B$17,14,0)+IF('Standard Profiles'!$G$20=$B$24,21,0),0)),0)</f>
        <v>0</v>
      </c>
      <c r="G4489" cm="1">
        <f t="array" ref="G4489">IFERROR(INDEX(Jesper!AK$2:AK$366,ROUNDDOWN($C4489/24,0)+1,1)*INDEX($D$3:$AA$30,INDEX(Jesper!$R$2:$R$366,ROW(INDEX(Jesper!AK$2:AK$366,ROUNDDOWN($C4489/24,0)+1,1))-1)+IF('Standard Profiles'!$G$21=$B$10,7,0)+IF('Standard Profiles'!$G$21=$B$17,14,0)+IF('Standard Profiles'!$G$21=$B$24,21,0),MOD($C4489,24)+1)/SUM(INDEX($D$3:$AA$30,INDEX(Jesper!$R$2:$R$366,ROW(INDEX(Jesper!AK$2:AK$366,ROUNDDOWN($C4489/24,0)+1,1))-1)+IF('Standard Profiles'!$G$21=$B$10,7,0)+IF('Standard Profiles'!$G$21=$B$17,14,0)+IF('Standard Profiles'!$G$21=$B$24,21,0),0)),0)</f>
        <v>7.0909416706821271E-2</v>
      </c>
      <c r="H4489" cm="1">
        <f t="array" ref="H4489">IFERROR(INDEX(Jesper!AL$2:AL$366,ROUNDDOWN($C4489/24,0)+1,1)*INDEX($D$3:$AA$30,INDEX(Jesper!$R$2:$R$366,ROW(INDEX(Jesper!AL$2:AL$366,ROUNDDOWN($C4489/24,0)+1,1))-1)+IF('Standard Profiles'!$G$22=$B$10,7,0)+IF('Standard Profiles'!$G$22=$B$17,14,0)+IF('Standard Profiles'!$G$22=$B$24,21,0),MOD($C4489,24)+1)/SUM(INDEX($D$3:$AA$30,INDEX(Jesper!$R$2:$R$366,ROW(INDEX(Jesper!AL$2:AL$366,ROUNDDOWN($C4489/24,0)+1,1))-1)+IF('Standard Profiles'!$G$22=$B$10,7,0)+IF('Standard Profiles'!$G$22=$B$17,14,0)+IF('Standard Profiles'!$G$22=$B$24,21,0),0)),0)</f>
        <v>0</v>
      </c>
      <c r="I4489">
        <f t="shared" si="503"/>
        <v>3.4036520019274194E-2</v>
      </c>
      <c r="J4489">
        <f t="shared" si="504"/>
        <v>39.46531460854991</v>
      </c>
      <c r="K4489">
        <f t="shared" si="505"/>
        <v>3.3847502870154216</v>
      </c>
      <c r="L4489">
        <f t="shared" si="506"/>
        <v>1.6923751435077108</v>
      </c>
      <c r="M4489">
        <f t="shared" si="507"/>
        <v>0</v>
      </c>
      <c r="N4489" s="45">
        <f t="shared" si="508"/>
        <v>45112.624999989195</v>
      </c>
    </row>
    <row r="4490" spans="2:14" x14ac:dyDescent="0.25">
      <c r="B4490">
        <f t="shared" si="502"/>
        <v>3</v>
      </c>
      <c r="C4490" s="16">
        <v>4456</v>
      </c>
      <c r="D4490" cm="1">
        <f t="array" ref="D4490">IFERROR(INDEX(Jesper!AH$2:AH$366,ROUNDDOWN($C4490/24,0)+1,1)*INDEX($D$3:$AA$30,INDEX(Jesper!$R$2:$R$366,ROW(INDEX(Jesper!AH$2:AH$366,ROUNDDOWN($C4490/24,0)+1,1))-1)+IF('Standard Profiles'!$G$18=$B$10,7,0)+IF('Standard Profiles'!$G$18=$B$17,14,0)+IF('Standard Profiles'!$G$18=$B$24,21,0),MOD($C4490,24)+1)/SUM(INDEX($D$3:$AA$30,INDEX(Jesper!$R$2:$R$366,ROW(INDEX(Jesper!AH$2:AH$366,ROUNDDOWN($C4490/24,0)+1,1))-1)+IF('Standard Profiles'!$G$18=$B$10,7,0)+IF('Standard Profiles'!$G$18=$B$17,14,0)+IF('Standard Profiles'!$G$18=$B$24,21,0),0)),0)</f>
        <v>18.699234286524927</v>
      </c>
      <c r="E4490" cm="1">
        <f t="array" ref="E4490">IFERROR(INDEX(Jesper!AI$2:AI$366,ROUNDDOWN($C4490/24,0)+1,1)*INDEX($D$3:$AA$30,INDEX(Jesper!$R$2:$R$366,ROW(INDEX(Jesper!AI$2:AI$366,ROUNDDOWN($C4490/24,0)+1,1))-1)+IF('Standard Profiles'!$G$19=$B$10,7,0)+IF('Standard Profiles'!$G$19=$B$17,14,0)+IF('Standard Profiles'!$G$19=$B$24,21,0),MOD($C4490,24)+1)/SUM(INDEX($D$3:$AA$30,INDEX(Jesper!$R$2:$R$366,ROW(INDEX(Jesper!AI$2:AI$366,ROUNDDOWN($C4490/24,0)+1,1))-1)+IF('Standard Profiles'!$G$19=$B$10,7,0)+IF('Standard Profiles'!$G$19=$B$17,14,0)+IF('Standard Profiles'!$G$19=$B$24,21,0),0)),0)</f>
        <v>7.5272606366665249</v>
      </c>
      <c r="F4490" cm="1">
        <f t="array" ref="F4490">IFERROR(INDEX(Jesper!AJ$2:AJ$366,ROUNDDOWN($C4490/24,0)+1,1)*INDEX($D$3:$AA$30,INDEX(Jesper!$R$2:$R$366,ROW(INDEX(Jesper!AJ$2:AJ$366,ROUNDDOWN($C4490/24,0)+1,1))-1)+IF('Standard Profiles'!$G$20=$B$10,7,0)+IF('Standard Profiles'!$G$20=$B$17,14,0)+IF('Standard Profiles'!$G$20=$B$24,21,0),MOD($C4490,24)+1)/SUM(INDEX($D$3:$AA$30,INDEX(Jesper!$R$2:$R$366,ROW(INDEX(Jesper!AJ$2:AJ$366,ROUNDDOWN($C4490/24,0)+1,1))-1)+IF('Standard Profiles'!$G$20=$B$10,7,0)+IF('Standard Profiles'!$G$20=$B$17,14,0)+IF('Standard Profiles'!$G$20=$B$24,21,0),0)),0)</f>
        <v>0</v>
      </c>
      <c r="G4490" cm="1">
        <f t="array" ref="G4490">IFERROR(INDEX(Jesper!AK$2:AK$366,ROUNDDOWN($C4490/24,0)+1,1)*INDEX($D$3:$AA$30,INDEX(Jesper!$R$2:$R$366,ROW(INDEX(Jesper!AK$2:AK$366,ROUNDDOWN($C4490/24,0)+1,1))-1)+IF('Standard Profiles'!$G$21=$B$10,7,0)+IF('Standard Profiles'!$G$21=$B$17,14,0)+IF('Standard Profiles'!$G$21=$B$24,21,0),MOD($C4490,24)+1)/SUM(INDEX($D$3:$AA$30,INDEX(Jesper!$R$2:$R$366,ROW(INDEX(Jesper!AK$2:AK$366,ROUNDDOWN($C4490/24,0)+1,1))-1)+IF('Standard Profiles'!$G$21=$B$10,7,0)+IF('Standard Profiles'!$G$21=$B$17,14,0)+IF('Standard Profiles'!$G$21=$B$24,21,0),0)),0)</f>
        <v>5.925127984677124E-2</v>
      </c>
      <c r="H4490" cm="1">
        <f t="array" ref="H4490">IFERROR(INDEX(Jesper!AL$2:AL$366,ROUNDDOWN($C4490/24,0)+1,1)*INDEX($D$3:$AA$30,INDEX(Jesper!$R$2:$R$366,ROW(INDEX(Jesper!AL$2:AL$366,ROUNDDOWN($C4490/24,0)+1,1))-1)+IF('Standard Profiles'!$G$22=$B$10,7,0)+IF('Standard Profiles'!$G$22=$B$17,14,0)+IF('Standard Profiles'!$G$22=$B$24,21,0),MOD($C4490,24)+1)/SUM(INDEX($D$3:$AA$30,INDEX(Jesper!$R$2:$R$366,ROW(INDEX(Jesper!AL$2:AL$366,ROUNDDOWN($C4490/24,0)+1,1))-1)+IF('Standard Profiles'!$G$22=$B$10,7,0)+IF('Standard Profiles'!$G$22=$B$17,14,0)+IF('Standard Profiles'!$G$22=$B$24,21,0),0)),0)</f>
        <v>0</v>
      </c>
      <c r="I4490">
        <f t="shared" si="503"/>
        <v>2.8440614326450182E-2</v>
      </c>
      <c r="J4490">
        <f t="shared" si="504"/>
        <v>23.265428102867784</v>
      </c>
      <c r="K4490">
        <f t="shared" si="505"/>
        <v>1.9945849905626589</v>
      </c>
      <c r="L4490">
        <f t="shared" si="506"/>
        <v>0.99729249528132946</v>
      </c>
      <c r="M4490">
        <f t="shared" si="507"/>
        <v>0</v>
      </c>
      <c r="N4490" s="45">
        <f t="shared" si="508"/>
        <v>45112.666666655859</v>
      </c>
    </row>
    <row r="4491" spans="2:14" x14ac:dyDescent="0.25">
      <c r="B4491">
        <f t="shared" si="502"/>
        <v>3</v>
      </c>
      <c r="C4491" s="16">
        <v>4457</v>
      </c>
      <c r="D4491" cm="1">
        <f t="array" ref="D4491">IFERROR(INDEX(Jesper!AH$2:AH$366,ROUNDDOWN($C4491/24,0)+1,1)*INDEX($D$3:$AA$30,INDEX(Jesper!$R$2:$R$366,ROW(INDEX(Jesper!AH$2:AH$366,ROUNDDOWN($C4491/24,0)+1,1))-1)+IF('Standard Profiles'!$G$18=$B$10,7,0)+IF('Standard Profiles'!$G$18=$B$17,14,0)+IF('Standard Profiles'!$G$18=$B$24,21,0),MOD($C4491,24)+1)/SUM(INDEX($D$3:$AA$30,INDEX(Jesper!$R$2:$R$366,ROW(INDEX(Jesper!AH$2:AH$366,ROUNDDOWN($C4491/24,0)+1,1))-1)+IF('Standard Profiles'!$G$18=$B$10,7,0)+IF('Standard Profiles'!$G$18=$B$17,14,0)+IF('Standard Profiles'!$G$18=$B$24,21,0),0)),0)</f>
        <v>7.9808938482820873</v>
      </c>
      <c r="E4491" cm="1">
        <f t="array" ref="E4491">IFERROR(INDEX(Jesper!AI$2:AI$366,ROUNDDOWN($C4491/24,0)+1,1)*INDEX($D$3:$AA$30,INDEX(Jesper!$R$2:$R$366,ROW(INDEX(Jesper!AI$2:AI$366,ROUNDDOWN($C4491/24,0)+1,1))-1)+IF('Standard Profiles'!$G$19=$B$10,7,0)+IF('Standard Profiles'!$G$19=$B$17,14,0)+IF('Standard Profiles'!$G$19=$B$24,21,0),MOD($C4491,24)+1)/SUM(INDEX($D$3:$AA$30,INDEX(Jesper!$R$2:$R$366,ROW(INDEX(Jesper!AI$2:AI$366,ROUNDDOWN($C4491/24,0)+1,1))-1)+IF('Standard Profiles'!$G$19=$B$10,7,0)+IF('Standard Profiles'!$G$19=$B$17,14,0)+IF('Standard Profiles'!$G$19=$B$24,21,0),0)),0)</f>
        <v>3.2126592559396183</v>
      </c>
      <c r="F4491" cm="1">
        <f t="array" ref="F4491">IFERROR(INDEX(Jesper!AJ$2:AJ$366,ROUNDDOWN($C4491/24,0)+1,1)*INDEX($D$3:$AA$30,INDEX(Jesper!$R$2:$R$366,ROW(INDEX(Jesper!AJ$2:AJ$366,ROUNDDOWN($C4491/24,0)+1,1))-1)+IF('Standard Profiles'!$G$20=$B$10,7,0)+IF('Standard Profiles'!$G$20=$B$17,14,0)+IF('Standard Profiles'!$G$20=$B$24,21,0),MOD($C4491,24)+1)/SUM(INDEX($D$3:$AA$30,INDEX(Jesper!$R$2:$R$366,ROW(INDEX(Jesper!AJ$2:AJ$366,ROUNDDOWN($C4491/24,0)+1,1))-1)+IF('Standard Profiles'!$G$20=$B$10,7,0)+IF('Standard Profiles'!$G$20=$B$17,14,0)+IF('Standard Profiles'!$G$20=$B$24,21,0),0)),0)</f>
        <v>0</v>
      </c>
      <c r="G4491" cm="1">
        <f t="array" ref="G4491">IFERROR(INDEX(Jesper!AK$2:AK$366,ROUNDDOWN($C4491/24,0)+1,1)*INDEX($D$3:$AA$30,INDEX(Jesper!$R$2:$R$366,ROW(INDEX(Jesper!AK$2:AK$366,ROUNDDOWN($C4491/24,0)+1,1))-1)+IF('Standard Profiles'!$G$21=$B$10,7,0)+IF('Standard Profiles'!$G$21=$B$17,14,0)+IF('Standard Profiles'!$G$21=$B$24,21,0),MOD($C4491,24)+1)/SUM(INDEX($D$3:$AA$30,INDEX(Jesper!$R$2:$R$366,ROW(INDEX(Jesper!AK$2:AK$366,ROUNDDOWN($C4491/24,0)+1,1))-1)+IF('Standard Profiles'!$G$21=$B$10,7,0)+IF('Standard Profiles'!$G$21=$B$17,14,0)+IF('Standard Profiles'!$G$21=$B$24,21,0),0)),0)</f>
        <v>4.7112845213460694E-2</v>
      </c>
      <c r="H4491" cm="1">
        <f t="array" ref="H4491">IFERROR(INDEX(Jesper!AL$2:AL$366,ROUNDDOWN($C4491/24,0)+1,1)*INDEX($D$3:$AA$30,INDEX(Jesper!$R$2:$R$366,ROW(INDEX(Jesper!AL$2:AL$366,ROUNDDOWN($C4491/24,0)+1,1))-1)+IF('Standard Profiles'!$G$22=$B$10,7,0)+IF('Standard Profiles'!$G$22=$B$17,14,0)+IF('Standard Profiles'!$G$22=$B$24,21,0),MOD($C4491,24)+1)/SUM(INDEX($D$3:$AA$30,INDEX(Jesper!$R$2:$R$366,ROW(INDEX(Jesper!AL$2:AL$366,ROUNDDOWN($C4491/24,0)+1,1))-1)+IF('Standard Profiles'!$G$22=$B$10,7,0)+IF('Standard Profiles'!$G$22=$B$17,14,0)+IF('Standard Profiles'!$G$22=$B$24,21,0),0)),0)</f>
        <v>0</v>
      </c>
      <c r="I4491">
        <f t="shared" si="503"/>
        <v>2.2614165702461123E-2</v>
      </c>
      <c r="J4491">
        <f t="shared" si="504"/>
        <v>9.941108768007572</v>
      </c>
      <c r="K4491">
        <f t="shared" si="505"/>
        <v>0.85129534381675598</v>
      </c>
      <c r="L4491">
        <f t="shared" si="506"/>
        <v>0.42564767190837799</v>
      </c>
      <c r="M4491">
        <f t="shared" si="507"/>
        <v>0</v>
      </c>
      <c r="N4491" s="45">
        <f t="shared" si="508"/>
        <v>45112.708333322524</v>
      </c>
    </row>
    <row r="4492" spans="2:14" x14ac:dyDescent="0.25">
      <c r="B4492">
        <f t="shared" si="502"/>
        <v>3</v>
      </c>
      <c r="C4492" s="16">
        <v>4458</v>
      </c>
      <c r="D4492" cm="1">
        <f t="array" ref="D4492">IFERROR(INDEX(Jesper!AH$2:AH$366,ROUNDDOWN($C4492/24,0)+1,1)*INDEX($D$3:$AA$30,INDEX(Jesper!$R$2:$R$366,ROW(INDEX(Jesper!AH$2:AH$366,ROUNDDOWN($C4492/24,0)+1,1))-1)+IF('Standard Profiles'!$G$18=$B$10,7,0)+IF('Standard Profiles'!$G$18=$B$17,14,0)+IF('Standard Profiles'!$G$18=$B$24,21,0),MOD($C4492,24)+1)/SUM(INDEX($D$3:$AA$30,INDEX(Jesper!$R$2:$R$366,ROW(INDEX(Jesper!AH$2:AH$366,ROUNDDOWN($C4492/24,0)+1,1))-1)+IF('Standard Profiles'!$G$18=$B$10,7,0)+IF('Standard Profiles'!$G$18=$B$17,14,0)+IF('Standard Profiles'!$G$18=$B$24,21,0),0)),0)</f>
        <v>5.2673899398661774</v>
      </c>
      <c r="E4492" cm="1">
        <f t="array" ref="E4492">IFERROR(INDEX(Jesper!AI$2:AI$366,ROUNDDOWN($C4492/24,0)+1,1)*INDEX($D$3:$AA$30,INDEX(Jesper!$R$2:$R$366,ROW(INDEX(Jesper!AI$2:AI$366,ROUNDDOWN($C4492/24,0)+1,1))-1)+IF('Standard Profiles'!$G$19=$B$10,7,0)+IF('Standard Profiles'!$G$19=$B$17,14,0)+IF('Standard Profiles'!$G$19=$B$24,21,0),MOD($C4492,24)+1)/SUM(INDEX($D$3:$AA$30,INDEX(Jesper!$R$2:$R$366,ROW(INDEX(Jesper!AI$2:AI$366,ROUNDDOWN($C4492/24,0)+1,1))-1)+IF('Standard Profiles'!$G$19=$B$10,7,0)+IF('Standard Profiles'!$G$19=$B$17,14,0)+IF('Standard Profiles'!$G$19=$B$24,21,0),0)),0)</f>
        <v>2.120355108920148</v>
      </c>
      <c r="F4492" cm="1">
        <f t="array" ref="F4492">IFERROR(INDEX(Jesper!AJ$2:AJ$366,ROUNDDOWN($C4492/24,0)+1,1)*INDEX($D$3:$AA$30,INDEX(Jesper!$R$2:$R$366,ROW(INDEX(Jesper!AJ$2:AJ$366,ROUNDDOWN($C4492/24,0)+1,1))-1)+IF('Standard Profiles'!$G$20=$B$10,7,0)+IF('Standard Profiles'!$G$20=$B$17,14,0)+IF('Standard Profiles'!$G$20=$B$24,21,0),MOD($C4492,24)+1)/SUM(INDEX($D$3:$AA$30,INDEX(Jesper!$R$2:$R$366,ROW(INDEX(Jesper!AJ$2:AJ$366,ROUNDDOWN($C4492/24,0)+1,1))-1)+IF('Standard Profiles'!$G$20=$B$10,7,0)+IF('Standard Profiles'!$G$20=$B$17,14,0)+IF('Standard Profiles'!$G$20=$B$24,21,0),0)),0)</f>
        <v>0</v>
      </c>
      <c r="G4492" cm="1">
        <f t="array" ref="G4492">IFERROR(INDEX(Jesper!AK$2:AK$366,ROUNDDOWN($C4492/24,0)+1,1)*INDEX($D$3:$AA$30,INDEX(Jesper!$R$2:$R$366,ROW(INDEX(Jesper!AK$2:AK$366,ROUNDDOWN($C4492/24,0)+1,1))-1)+IF('Standard Profiles'!$G$21=$B$10,7,0)+IF('Standard Profiles'!$G$21=$B$17,14,0)+IF('Standard Profiles'!$G$21=$B$24,21,0),MOD($C4492,24)+1)/SUM(INDEX($D$3:$AA$30,INDEX(Jesper!$R$2:$R$366,ROW(INDEX(Jesper!AK$2:AK$366,ROUNDDOWN($C4492/24,0)+1,1))-1)+IF('Standard Profiles'!$G$21=$B$10,7,0)+IF('Standard Profiles'!$G$21=$B$17,14,0)+IF('Standard Profiles'!$G$21=$B$24,21,0),0)),0)</f>
        <v>1.7465373573108692E-2</v>
      </c>
      <c r="H4492" cm="1">
        <f t="array" ref="H4492">IFERROR(INDEX(Jesper!AL$2:AL$366,ROUNDDOWN($C4492/24,0)+1,1)*INDEX($D$3:$AA$30,INDEX(Jesper!$R$2:$R$366,ROW(INDEX(Jesper!AL$2:AL$366,ROUNDDOWN($C4492/24,0)+1,1))-1)+IF('Standard Profiles'!$G$22=$B$10,7,0)+IF('Standard Profiles'!$G$22=$B$17,14,0)+IF('Standard Profiles'!$G$22=$B$24,21,0),MOD($C4492,24)+1)/SUM(INDEX($D$3:$AA$30,INDEX(Jesper!$R$2:$R$366,ROW(INDEX(Jesper!AL$2:AL$366,ROUNDDOWN($C4492/24,0)+1,1))-1)+IF('Standard Profiles'!$G$22=$B$10,7,0)+IF('Standard Profiles'!$G$22=$B$17,14,0)+IF('Standard Profiles'!$G$22=$B$24,21,0),0)),0)</f>
        <v>0</v>
      </c>
      <c r="I4492">
        <f t="shared" si="503"/>
        <v>8.3833793150921675E-3</v>
      </c>
      <c r="J4492">
        <f t="shared" si="504"/>
        <v>6.5540446526657536</v>
      </c>
      <c r="K4492">
        <f t="shared" si="505"/>
        <v>0.56185492691905892</v>
      </c>
      <c r="L4492">
        <f t="shared" si="506"/>
        <v>0.28092746345952946</v>
      </c>
      <c r="M4492">
        <f t="shared" si="507"/>
        <v>0</v>
      </c>
      <c r="N4492" s="45">
        <f t="shared" si="508"/>
        <v>45112.749999989188</v>
      </c>
    </row>
    <row r="4493" spans="2:14" x14ac:dyDescent="0.25">
      <c r="B4493">
        <f t="shared" si="502"/>
        <v>3</v>
      </c>
      <c r="C4493" s="16">
        <v>4459</v>
      </c>
      <c r="D4493" cm="1">
        <f t="array" ref="D4493">IFERROR(INDEX(Jesper!AH$2:AH$366,ROUNDDOWN($C4493/24,0)+1,1)*INDEX($D$3:$AA$30,INDEX(Jesper!$R$2:$R$366,ROW(INDEX(Jesper!AH$2:AH$366,ROUNDDOWN($C4493/24,0)+1,1))-1)+IF('Standard Profiles'!$G$18=$B$10,7,0)+IF('Standard Profiles'!$G$18=$B$17,14,0)+IF('Standard Profiles'!$G$18=$B$24,21,0),MOD($C4493,24)+1)/SUM(INDEX($D$3:$AA$30,INDEX(Jesper!$R$2:$R$366,ROW(INDEX(Jesper!AH$2:AH$366,ROUNDDOWN($C4493/24,0)+1,1))-1)+IF('Standard Profiles'!$G$18=$B$10,7,0)+IF('Standard Profiles'!$G$18=$B$17,14,0)+IF('Standard Profiles'!$G$18=$B$24,21,0),0)),0)</f>
        <v>5.2673899398661774</v>
      </c>
      <c r="E4493" cm="1">
        <f t="array" ref="E4493">IFERROR(INDEX(Jesper!AI$2:AI$366,ROUNDDOWN($C4493/24,0)+1,1)*INDEX($D$3:$AA$30,INDEX(Jesper!$R$2:$R$366,ROW(INDEX(Jesper!AI$2:AI$366,ROUNDDOWN($C4493/24,0)+1,1))-1)+IF('Standard Profiles'!$G$19=$B$10,7,0)+IF('Standard Profiles'!$G$19=$B$17,14,0)+IF('Standard Profiles'!$G$19=$B$24,21,0),MOD($C4493,24)+1)/SUM(INDEX($D$3:$AA$30,INDEX(Jesper!$R$2:$R$366,ROW(INDEX(Jesper!AI$2:AI$366,ROUNDDOWN($C4493/24,0)+1,1))-1)+IF('Standard Profiles'!$G$19=$B$10,7,0)+IF('Standard Profiles'!$G$19=$B$17,14,0)+IF('Standard Profiles'!$G$19=$B$24,21,0),0)),0)</f>
        <v>2.120355108920148</v>
      </c>
      <c r="F4493" cm="1">
        <f t="array" ref="F4493">IFERROR(INDEX(Jesper!AJ$2:AJ$366,ROUNDDOWN($C4493/24,0)+1,1)*INDEX($D$3:$AA$30,INDEX(Jesper!$R$2:$R$366,ROW(INDEX(Jesper!AJ$2:AJ$366,ROUNDDOWN($C4493/24,0)+1,1))-1)+IF('Standard Profiles'!$G$20=$B$10,7,0)+IF('Standard Profiles'!$G$20=$B$17,14,0)+IF('Standard Profiles'!$G$20=$B$24,21,0),MOD($C4493,24)+1)/SUM(INDEX($D$3:$AA$30,INDEX(Jesper!$R$2:$R$366,ROW(INDEX(Jesper!AJ$2:AJ$366,ROUNDDOWN($C4493/24,0)+1,1))-1)+IF('Standard Profiles'!$G$20=$B$10,7,0)+IF('Standard Profiles'!$G$20=$B$17,14,0)+IF('Standard Profiles'!$G$20=$B$24,21,0),0)),0)</f>
        <v>0</v>
      </c>
      <c r="G4493" cm="1">
        <f t="array" ref="G4493">IFERROR(INDEX(Jesper!AK$2:AK$366,ROUNDDOWN($C4493/24,0)+1,1)*INDEX($D$3:$AA$30,INDEX(Jesper!$R$2:$R$366,ROW(INDEX(Jesper!AK$2:AK$366,ROUNDDOWN($C4493/24,0)+1,1))-1)+IF('Standard Profiles'!$G$21=$B$10,7,0)+IF('Standard Profiles'!$G$21=$B$17,14,0)+IF('Standard Profiles'!$G$21=$B$24,21,0),MOD($C4493,24)+1)/SUM(INDEX($D$3:$AA$30,INDEX(Jesper!$R$2:$R$366,ROW(INDEX(Jesper!AK$2:AK$366,ROUNDDOWN($C4493/24,0)+1,1))-1)+IF('Standard Profiles'!$G$21=$B$10,7,0)+IF('Standard Profiles'!$G$21=$B$17,14,0)+IF('Standard Profiles'!$G$21=$B$24,21,0),0)),0)</f>
        <v>1.7465373573108692E-2</v>
      </c>
      <c r="H4493" cm="1">
        <f t="array" ref="H4493">IFERROR(INDEX(Jesper!AL$2:AL$366,ROUNDDOWN($C4493/24,0)+1,1)*INDEX($D$3:$AA$30,INDEX(Jesper!$R$2:$R$366,ROW(INDEX(Jesper!AL$2:AL$366,ROUNDDOWN($C4493/24,0)+1,1))-1)+IF('Standard Profiles'!$G$22=$B$10,7,0)+IF('Standard Profiles'!$G$22=$B$17,14,0)+IF('Standard Profiles'!$G$22=$B$24,21,0),MOD($C4493,24)+1)/SUM(INDEX($D$3:$AA$30,INDEX(Jesper!$R$2:$R$366,ROW(INDEX(Jesper!AL$2:AL$366,ROUNDDOWN($C4493/24,0)+1,1))-1)+IF('Standard Profiles'!$G$22=$B$10,7,0)+IF('Standard Profiles'!$G$22=$B$17,14,0)+IF('Standard Profiles'!$G$22=$B$24,21,0),0)),0)</f>
        <v>0</v>
      </c>
      <c r="I4493">
        <f t="shared" si="503"/>
        <v>8.3833793150921675E-3</v>
      </c>
      <c r="J4493">
        <f t="shared" si="504"/>
        <v>6.5540446526657536</v>
      </c>
      <c r="K4493">
        <f t="shared" si="505"/>
        <v>0.56185492691905892</v>
      </c>
      <c r="L4493">
        <f t="shared" si="506"/>
        <v>0.28092746345952946</v>
      </c>
      <c r="M4493">
        <f t="shared" si="507"/>
        <v>0</v>
      </c>
      <c r="N4493" s="45">
        <f t="shared" si="508"/>
        <v>45112.791666655852</v>
      </c>
    </row>
    <row r="4494" spans="2:14" x14ac:dyDescent="0.25">
      <c r="B4494">
        <f t="shared" si="502"/>
        <v>3</v>
      </c>
      <c r="C4494" s="16">
        <v>4460</v>
      </c>
      <c r="D4494" cm="1">
        <f t="array" ref="D4494">IFERROR(INDEX(Jesper!AH$2:AH$366,ROUNDDOWN($C4494/24,0)+1,1)*INDEX($D$3:$AA$30,INDEX(Jesper!$R$2:$R$366,ROW(INDEX(Jesper!AH$2:AH$366,ROUNDDOWN($C4494/24,0)+1,1))-1)+IF('Standard Profiles'!$G$18=$B$10,7,0)+IF('Standard Profiles'!$G$18=$B$17,14,0)+IF('Standard Profiles'!$G$18=$B$24,21,0),MOD($C4494,24)+1)/SUM(INDEX($D$3:$AA$30,INDEX(Jesper!$R$2:$R$366,ROW(INDEX(Jesper!AH$2:AH$366,ROUNDDOWN($C4494/24,0)+1,1))-1)+IF('Standard Profiles'!$G$18=$B$10,7,0)+IF('Standard Profiles'!$G$18=$B$17,14,0)+IF('Standard Profiles'!$G$18=$B$24,21,0),0)),0)</f>
        <v>5.2673899398661774</v>
      </c>
      <c r="E4494" cm="1">
        <f t="array" ref="E4494">IFERROR(INDEX(Jesper!AI$2:AI$366,ROUNDDOWN($C4494/24,0)+1,1)*INDEX($D$3:$AA$30,INDEX(Jesper!$R$2:$R$366,ROW(INDEX(Jesper!AI$2:AI$366,ROUNDDOWN($C4494/24,0)+1,1))-1)+IF('Standard Profiles'!$G$19=$B$10,7,0)+IF('Standard Profiles'!$G$19=$B$17,14,0)+IF('Standard Profiles'!$G$19=$B$24,21,0),MOD($C4494,24)+1)/SUM(INDEX($D$3:$AA$30,INDEX(Jesper!$R$2:$R$366,ROW(INDEX(Jesper!AI$2:AI$366,ROUNDDOWN($C4494/24,0)+1,1))-1)+IF('Standard Profiles'!$G$19=$B$10,7,0)+IF('Standard Profiles'!$G$19=$B$17,14,0)+IF('Standard Profiles'!$G$19=$B$24,21,0),0)),0)</f>
        <v>2.120355108920148</v>
      </c>
      <c r="F4494" cm="1">
        <f t="array" ref="F4494">IFERROR(INDEX(Jesper!AJ$2:AJ$366,ROUNDDOWN($C4494/24,0)+1,1)*INDEX($D$3:$AA$30,INDEX(Jesper!$R$2:$R$366,ROW(INDEX(Jesper!AJ$2:AJ$366,ROUNDDOWN($C4494/24,0)+1,1))-1)+IF('Standard Profiles'!$G$20=$B$10,7,0)+IF('Standard Profiles'!$G$20=$B$17,14,0)+IF('Standard Profiles'!$G$20=$B$24,21,0),MOD($C4494,24)+1)/SUM(INDEX($D$3:$AA$30,INDEX(Jesper!$R$2:$R$366,ROW(INDEX(Jesper!AJ$2:AJ$366,ROUNDDOWN($C4494/24,0)+1,1))-1)+IF('Standard Profiles'!$G$20=$B$10,7,0)+IF('Standard Profiles'!$G$20=$B$17,14,0)+IF('Standard Profiles'!$G$20=$B$24,21,0),0)),0)</f>
        <v>0</v>
      </c>
      <c r="G4494" cm="1">
        <f t="array" ref="G4494">IFERROR(INDEX(Jesper!AK$2:AK$366,ROUNDDOWN($C4494/24,0)+1,1)*INDEX($D$3:$AA$30,INDEX(Jesper!$R$2:$R$366,ROW(INDEX(Jesper!AK$2:AK$366,ROUNDDOWN($C4494/24,0)+1,1))-1)+IF('Standard Profiles'!$G$21=$B$10,7,0)+IF('Standard Profiles'!$G$21=$B$17,14,0)+IF('Standard Profiles'!$G$21=$B$24,21,0),MOD($C4494,24)+1)/SUM(INDEX($D$3:$AA$30,INDEX(Jesper!$R$2:$R$366,ROW(INDEX(Jesper!AK$2:AK$366,ROUNDDOWN($C4494/24,0)+1,1))-1)+IF('Standard Profiles'!$G$21=$B$10,7,0)+IF('Standard Profiles'!$G$21=$B$17,14,0)+IF('Standard Profiles'!$G$21=$B$24,21,0),0)),0)</f>
        <v>1.7465373573108692E-2</v>
      </c>
      <c r="H4494" cm="1">
        <f t="array" ref="H4494">IFERROR(INDEX(Jesper!AL$2:AL$366,ROUNDDOWN($C4494/24,0)+1,1)*INDEX($D$3:$AA$30,INDEX(Jesper!$R$2:$R$366,ROW(INDEX(Jesper!AL$2:AL$366,ROUNDDOWN($C4494/24,0)+1,1))-1)+IF('Standard Profiles'!$G$22=$B$10,7,0)+IF('Standard Profiles'!$G$22=$B$17,14,0)+IF('Standard Profiles'!$G$22=$B$24,21,0),MOD($C4494,24)+1)/SUM(INDEX($D$3:$AA$30,INDEX(Jesper!$R$2:$R$366,ROW(INDEX(Jesper!AL$2:AL$366,ROUNDDOWN($C4494/24,0)+1,1))-1)+IF('Standard Profiles'!$G$22=$B$10,7,0)+IF('Standard Profiles'!$G$22=$B$17,14,0)+IF('Standard Profiles'!$G$22=$B$24,21,0),0)),0)</f>
        <v>0</v>
      </c>
      <c r="I4494">
        <f t="shared" si="503"/>
        <v>8.3833793150921675E-3</v>
      </c>
      <c r="J4494">
        <f t="shared" si="504"/>
        <v>6.5540446526657536</v>
      </c>
      <c r="K4494">
        <f t="shared" si="505"/>
        <v>0.56185492691905892</v>
      </c>
      <c r="L4494">
        <f t="shared" si="506"/>
        <v>0.28092746345952946</v>
      </c>
      <c r="M4494">
        <f t="shared" si="507"/>
        <v>0</v>
      </c>
      <c r="N4494" s="45">
        <f t="shared" si="508"/>
        <v>45112.833333322516</v>
      </c>
    </row>
    <row r="4495" spans="2:14" x14ac:dyDescent="0.25">
      <c r="B4495">
        <f t="shared" si="502"/>
        <v>3</v>
      </c>
      <c r="C4495" s="16">
        <v>4461</v>
      </c>
      <c r="D4495" cm="1">
        <f t="array" ref="D4495">IFERROR(INDEX(Jesper!AH$2:AH$366,ROUNDDOWN($C4495/24,0)+1,1)*INDEX($D$3:$AA$30,INDEX(Jesper!$R$2:$R$366,ROW(INDEX(Jesper!AH$2:AH$366,ROUNDDOWN($C4495/24,0)+1,1))-1)+IF('Standard Profiles'!$G$18=$B$10,7,0)+IF('Standard Profiles'!$G$18=$B$17,14,0)+IF('Standard Profiles'!$G$18=$B$24,21,0),MOD($C4495,24)+1)/SUM(INDEX($D$3:$AA$30,INDEX(Jesper!$R$2:$R$366,ROW(INDEX(Jesper!AH$2:AH$366,ROUNDDOWN($C4495/24,0)+1,1))-1)+IF('Standard Profiles'!$G$18=$B$10,7,0)+IF('Standard Profiles'!$G$18=$B$17,14,0)+IF('Standard Profiles'!$G$18=$B$24,21,0),0)),0)</f>
        <v>5.2673899398661774</v>
      </c>
      <c r="E4495" cm="1">
        <f t="array" ref="E4495">IFERROR(INDEX(Jesper!AI$2:AI$366,ROUNDDOWN($C4495/24,0)+1,1)*INDEX($D$3:$AA$30,INDEX(Jesper!$R$2:$R$366,ROW(INDEX(Jesper!AI$2:AI$366,ROUNDDOWN($C4495/24,0)+1,1))-1)+IF('Standard Profiles'!$G$19=$B$10,7,0)+IF('Standard Profiles'!$G$19=$B$17,14,0)+IF('Standard Profiles'!$G$19=$B$24,21,0),MOD($C4495,24)+1)/SUM(INDEX($D$3:$AA$30,INDEX(Jesper!$R$2:$R$366,ROW(INDEX(Jesper!AI$2:AI$366,ROUNDDOWN($C4495/24,0)+1,1))-1)+IF('Standard Profiles'!$G$19=$B$10,7,0)+IF('Standard Profiles'!$G$19=$B$17,14,0)+IF('Standard Profiles'!$G$19=$B$24,21,0),0)),0)</f>
        <v>2.120355108920148</v>
      </c>
      <c r="F4495" cm="1">
        <f t="array" ref="F4495">IFERROR(INDEX(Jesper!AJ$2:AJ$366,ROUNDDOWN($C4495/24,0)+1,1)*INDEX($D$3:$AA$30,INDEX(Jesper!$R$2:$R$366,ROW(INDEX(Jesper!AJ$2:AJ$366,ROUNDDOWN($C4495/24,0)+1,1))-1)+IF('Standard Profiles'!$G$20=$B$10,7,0)+IF('Standard Profiles'!$G$20=$B$17,14,0)+IF('Standard Profiles'!$G$20=$B$24,21,0),MOD($C4495,24)+1)/SUM(INDEX($D$3:$AA$30,INDEX(Jesper!$R$2:$R$366,ROW(INDEX(Jesper!AJ$2:AJ$366,ROUNDDOWN($C4495/24,0)+1,1))-1)+IF('Standard Profiles'!$G$20=$B$10,7,0)+IF('Standard Profiles'!$G$20=$B$17,14,0)+IF('Standard Profiles'!$G$20=$B$24,21,0),0)),0)</f>
        <v>0</v>
      </c>
      <c r="G4495" cm="1">
        <f t="array" ref="G4495">IFERROR(INDEX(Jesper!AK$2:AK$366,ROUNDDOWN($C4495/24,0)+1,1)*INDEX($D$3:$AA$30,INDEX(Jesper!$R$2:$R$366,ROW(INDEX(Jesper!AK$2:AK$366,ROUNDDOWN($C4495/24,0)+1,1))-1)+IF('Standard Profiles'!$G$21=$B$10,7,0)+IF('Standard Profiles'!$G$21=$B$17,14,0)+IF('Standard Profiles'!$G$21=$B$24,21,0),MOD($C4495,24)+1)/SUM(INDEX($D$3:$AA$30,INDEX(Jesper!$R$2:$R$366,ROW(INDEX(Jesper!AK$2:AK$366,ROUNDDOWN($C4495/24,0)+1,1))-1)+IF('Standard Profiles'!$G$21=$B$10,7,0)+IF('Standard Profiles'!$G$21=$B$17,14,0)+IF('Standard Profiles'!$G$21=$B$24,21,0),0)),0)</f>
        <v>1.7465373573108692E-2</v>
      </c>
      <c r="H4495" cm="1">
        <f t="array" ref="H4495">IFERROR(INDEX(Jesper!AL$2:AL$366,ROUNDDOWN($C4495/24,0)+1,1)*INDEX($D$3:$AA$30,INDEX(Jesper!$R$2:$R$366,ROW(INDEX(Jesper!AL$2:AL$366,ROUNDDOWN($C4495/24,0)+1,1))-1)+IF('Standard Profiles'!$G$22=$B$10,7,0)+IF('Standard Profiles'!$G$22=$B$17,14,0)+IF('Standard Profiles'!$G$22=$B$24,21,0),MOD($C4495,24)+1)/SUM(INDEX($D$3:$AA$30,INDEX(Jesper!$R$2:$R$366,ROW(INDEX(Jesper!AL$2:AL$366,ROUNDDOWN($C4495/24,0)+1,1))-1)+IF('Standard Profiles'!$G$22=$B$10,7,0)+IF('Standard Profiles'!$G$22=$B$17,14,0)+IF('Standard Profiles'!$G$22=$B$24,21,0),0)),0)</f>
        <v>0</v>
      </c>
      <c r="I4495">
        <f t="shared" si="503"/>
        <v>8.3833793150921675E-3</v>
      </c>
      <c r="J4495">
        <f t="shared" si="504"/>
        <v>6.5540446526657536</v>
      </c>
      <c r="K4495">
        <f t="shared" si="505"/>
        <v>0.56185492691905892</v>
      </c>
      <c r="L4495">
        <f t="shared" si="506"/>
        <v>0.28092746345952946</v>
      </c>
      <c r="M4495">
        <f t="shared" si="507"/>
        <v>0</v>
      </c>
      <c r="N4495" s="45">
        <f t="shared" si="508"/>
        <v>45112.874999989181</v>
      </c>
    </row>
    <row r="4496" spans="2:14" x14ac:dyDescent="0.25">
      <c r="B4496">
        <f t="shared" si="502"/>
        <v>3</v>
      </c>
      <c r="C4496" s="16">
        <v>4462</v>
      </c>
      <c r="D4496" cm="1">
        <f t="array" ref="D4496">IFERROR(INDEX(Jesper!AH$2:AH$366,ROUNDDOWN($C4496/24,0)+1,1)*INDEX($D$3:$AA$30,INDEX(Jesper!$R$2:$R$366,ROW(INDEX(Jesper!AH$2:AH$366,ROUNDDOWN($C4496/24,0)+1,1))-1)+IF('Standard Profiles'!$G$18=$B$10,7,0)+IF('Standard Profiles'!$G$18=$B$17,14,0)+IF('Standard Profiles'!$G$18=$B$24,21,0),MOD($C4496,24)+1)/SUM(INDEX($D$3:$AA$30,INDEX(Jesper!$R$2:$R$366,ROW(INDEX(Jesper!AH$2:AH$366,ROUNDDOWN($C4496/24,0)+1,1))-1)+IF('Standard Profiles'!$G$18=$B$10,7,0)+IF('Standard Profiles'!$G$18=$B$17,14,0)+IF('Standard Profiles'!$G$18=$B$24,21,0),0)),0)</f>
        <v>5.2673899398661774</v>
      </c>
      <c r="E4496" cm="1">
        <f t="array" ref="E4496">IFERROR(INDEX(Jesper!AI$2:AI$366,ROUNDDOWN($C4496/24,0)+1,1)*INDEX($D$3:$AA$30,INDEX(Jesper!$R$2:$R$366,ROW(INDEX(Jesper!AI$2:AI$366,ROUNDDOWN($C4496/24,0)+1,1))-1)+IF('Standard Profiles'!$G$19=$B$10,7,0)+IF('Standard Profiles'!$G$19=$B$17,14,0)+IF('Standard Profiles'!$G$19=$B$24,21,0),MOD($C4496,24)+1)/SUM(INDEX($D$3:$AA$30,INDEX(Jesper!$R$2:$R$366,ROW(INDEX(Jesper!AI$2:AI$366,ROUNDDOWN($C4496/24,0)+1,1))-1)+IF('Standard Profiles'!$G$19=$B$10,7,0)+IF('Standard Profiles'!$G$19=$B$17,14,0)+IF('Standard Profiles'!$G$19=$B$24,21,0),0)),0)</f>
        <v>2.120355108920148</v>
      </c>
      <c r="F4496" cm="1">
        <f t="array" ref="F4496">IFERROR(INDEX(Jesper!AJ$2:AJ$366,ROUNDDOWN($C4496/24,0)+1,1)*INDEX($D$3:$AA$30,INDEX(Jesper!$R$2:$R$366,ROW(INDEX(Jesper!AJ$2:AJ$366,ROUNDDOWN($C4496/24,0)+1,1))-1)+IF('Standard Profiles'!$G$20=$B$10,7,0)+IF('Standard Profiles'!$G$20=$B$17,14,0)+IF('Standard Profiles'!$G$20=$B$24,21,0),MOD($C4496,24)+1)/SUM(INDEX($D$3:$AA$30,INDEX(Jesper!$R$2:$R$366,ROW(INDEX(Jesper!AJ$2:AJ$366,ROUNDDOWN($C4496/24,0)+1,1))-1)+IF('Standard Profiles'!$G$20=$B$10,7,0)+IF('Standard Profiles'!$G$20=$B$17,14,0)+IF('Standard Profiles'!$G$20=$B$24,21,0),0)),0)</f>
        <v>0</v>
      </c>
      <c r="G4496" cm="1">
        <f t="array" ref="G4496">IFERROR(INDEX(Jesper!AK$2:AK$366,ROUNDDOWN($C4496/24,0)+1,1)*INDEX($D$3:$AA$30,INDEX(Jesper!$R$2:$R$366,ROW(INDEX(Jesper!AK$2:AK$366,ROUNDDOWN($C4496/24,0)+1,1))-1)+IF('Standard Profiles'!$G$21=$B$10,7,0)+IF('Standard Profiles'!$G$21=$B$17,14,0)+IF('Standard Profiles'!$G$21=$B$24,21,0),MOD($C4496,24)+1)/SUM(INDEX($D$3:$AA$30,INDEX(Jesper!$R$2:$R$366,ROW(INDEX(Jesper!AK$2:AK$366,ROUNDDOWN($C4496/24,0)+1,1))-1)+IF('Standard Profiles'!$G$21=$B$10,7,0)+IF('Standard Profiles'!$G$21=$B$17,14,0)+IF('Standard Profiles'!$G$21=$B$24,21,0),0)),0)</f>
        <v>1.7465373573108692E-2</v>
      </c>
      <c r="H4496" cm="1">
        <f t="array" ref="H4496">IFERROR(INDEX(Jesper!AL$2:AL$366,ROUNDDOWN($C4496/24,0)+1,1)*INDEX($D$3:$AA$30,INDEX(Jesper!$R$2:$R$366,ROW(INDEX(Jesper!AL$2:AL$366,ROUNDDOWN($C4496/24,0)+1,1))-1)+IF('Standard Profiles'!$G$22=$B$10,7,0)+IF('Standard Profiles'!$G$22=$B$17,14,0)+IF('Standard Profiles'!$G$22=$B$24,21,0),MOD($C4496,24)+1)/SUM(INDEX($D$3:$AA$30,INDEX(Jesper!$R$2:$R$366,ROW(INDEX(Jesper!AL$2:AL$366,ROUNDDOWN($C4496/24,0)+1,1))-1)+IF('Standard Profiles'!$G$22=$B$10,7,0)+IF('Standard Profiles'!$G$22=$B$17,14,0)+IF('Standard Profiles'!$G$22=$B$24,21,0),0)),0)</f>
        <v>0</v>
      </c>
      <c r="I4496">
        <f t="shared" si="503"/>
        <v>8.3833793150921675E-3</v>
      </c>
      <c r="J4496">
        <f t="shared" si="504"/>
        <v>6.5540446526657536</v>
      </c>
      <c r="K4496">
        <f t="shared" si="505"/>
        <v>0.56185492691905892</v>
      </c>
      <c r="L4496">
        <f t="shared" si="506"/>
        <v>0.28092746345952946</v>
      </c>
      <c r="M4496">
        <f t="shared" si="507"/>
        <v>0</v>
      </c>
      <c r="N4496" s="45">
        <f t="shared" si="508"/>
        <v>45112.916666655845</v>
      </c>
    </row>
    <row r="4497" spans="2:14" x14ac:dyDescent="0.25">
      <c r="B4497">
        <f t="shared" si="502"/>
        <v>3</v>
      </c>
      <c r="C4497" s="16">
        <v>4463</v>
      </c>
      <c r="D4497" cm="1">
        <f t="array" ref="D4497">IFERROR(INDEX(Jesper!AH$2:AH$366,ROUNDDOWN($C4497/24,0)+1,1)*INDEX($D$3:$AA$30,INDEX(Jesper!$R$2:$R$366,ROW(INDEX(Jesper!AH$2:AH$366,ROUNDDOWN($C4497/24,0)+1,1))-1)+IF('Standard Profiles'!$G$18=$B$10,7,0)+IF('Standard Profiles'!$G$18=$B$17,14,0)+IF('Standard Profiles'!$G$18=$B$24,21,0),MOD($C4497,24)+1)/SUM(INDEX($D$3:$AA$30,INDEX(Jesper!$R$2:$R$366,ROW(INDEX(Jesper!AH$2:AH$366,ROUNDDOWN($C4497/24,0)+1,1))-1)+IF('Standard Profiles'!$G$18=$B$10,7,0)+IF('Standard Profiles'!$G$18=$B$17,14,0)+IF('Standard Profiles'!$G$18=$B$24,21,0),0)),0)</f>
        <v>5.2673899398661774</v>
      </c>
      <c r="E4497" cm="1">
        <f t="array" ref="E4497">IFERROR(INDEX(Jesper!AI$2:AI$366,ROUNDDOWN($C4497/24,0)+1,1)*INDEX($D$3:$AA$30,INDEX(Jesper!$R$2:$R$366,ROW(INDEX(Jesper!AI$2:AI$366,ROUNDDOWN($C4497/24,0)+1,1))-1)+IF('Standard Profiles'!$G$19=$B$10,7,0)+IF('Standard Profiles'!$G$19=$B$17,14,0)+IF('Standard Profiles'!$G$19=$B$24,21,0),MOD($C4497,24)+1)/SUM(INDEX($D$3:$AA$30,INDEX(Jesper!$R$2:$R$366,ROW(INDEX(Jesper!AI$2:AI$366,ROUNDDOWN($C4497/24,0)+1,1))-1)+IF('Standard Profiles'!$G$19=$B$10,7,0)+IF('Standard Profiles'!$G$19=$B$17,14,0)+IF('Standard Profiles'!$G$19=$B$24,21,0),0)),0)</f>
        <v>2.120355108920148</v>
      </c>
      <c r="F4497" cm="1">
        <f t="array" ref="F4497">IFERROR(INDEX(Jesper!AJ$2:AJ$366,ROUNDDOWN($C4497/24,0)+1,1)*INDEX($D$3:$AA$30,INDEX(Jesper!$R$2:$R$366,ROW(INDEX(Jesper!AJ$2:AJ$366,ROUNDDOWN($C4497/24,0)+1,1))-1)+IF('Standard Profiles'!$G$20=$B$10,7,0)+IF('Standard Profiles'!$G$20=$B$17,14,0)+IF('Standard Profiles'!$G$20=$B$24,21,0),MOD($C4497,24)+1)/SUM(INDEX($D$3:$AA$30,INDEX(Jesper!$R$2:$R$366,ROW(INDEX(Jesper!AJ$2:AJ$366,ROUNDDOWN($C4497/24,0)+1,1))-1)+IF('Standard Profiles'!$G$20=$B$10,7,0)+IF('Standard Profiles'!$G$20=$B$17,14,0)+IF('Standard Profiles'!$G$20=$B$24,21,0),0)),0)</f>
        <v>0</v>
      </c>
      <c r="G4497" cm="1">
        <f t="array" ref="G4497">IFERROR(INDEX(Jesper!AK$2:AK$366,ROUNDDOWN($C4497/24,0)+1,1)*INDEX($D$3:$AA$30,INDEX(Jesper!$R$2:$R$366,ROW(INDEX(Jesper!AK$2:AK$366,ROUNDDOWN($C4497/24,0)+1,1))-1)+IF('Standard Profiles'!$G$21=$B$10,7,0)+IF('Standard Profiles'!$G$21=$B$17,14,0)+IF('Standard Profiles'!$G$21=$B$24,21,0),MOD($C4497,24)+1)/SUM(INDEX($D$3:$AA$30,INDEX(Jesper!$R$2:$R$366,ROW(INDEX(Jesper!AK$2:AK$366,ROUNDDOWN($C4497/24,0)+1,1))-1)+IF('Standard Profiles'!$G$21=$B$10,7,0)+IF('Standard Profiles'!$G$21=$B$17,14,0)+IF('Standard Profiles'!$G$21=$B$24,21,0),0)),0)</f>
        <v>1.7465373573108692E-2</v>
      </c>
      <c r="H4497" cm="1">
        <f t="array" ref="H4497">IFERROR(INDEX(Jesper!AL$2:AL$366,ROUNDDOWN($C4497/24,0)+1,1)*INDEX($D$3:$AA$30,INDEX(Jesper!$R$2:$R$366,ROW(INDEX(Jesper!AL$2:AL$366,ROUNDDOWN($C4497/24,0)+1,1))-1)+IF('Standard Profiles'!$G$22=$B$10,7,0)+IF('Standard Profiles'!$G$22=$B$17,14,0)+IF('Standard Profiles'!$G$22=$B$24,21,0),MOD($C4497,24)+1)/SUM(INDEX($D$3:$AA$30,INDEX(Jesper!$R$2:$R$366,ROW(INDEX(Jesper!AL$2:AL$366,ROUNDDOWN($C4497/24,0)+1,1))-1)+IF('Standard Profiles'!$G$22=$B$10,7,0)+IF('Standard Profiles'!$G$22=$B$17,14,0)+IF('Standard Profiles'!$G$22=$B$24,21,0),0)),0)</f>
        <v>0</v>
      </c>
      <c r="I4497">
        <f t="shared" si="503"/>
        <v>8.3833793150921675E-3</v>
      </c>
      <c r="J4497">
        <f t="shared" si="504"/>
        <v>6.5540446526657536</v>
      </c>
      <c r="K4497">
        <f t="shared" si="505"/>
        <v>0.56185492691905892</v>
      </c>
      <c r="L4497">
        <f t="shared" si="506"/>
        <v>0.28092746345952946</v>
      </c>
      <c r="M4497">
        <f t="shared" si="507"/>
        <v>0</v>
      </c>
      <c r="N4497" s="45">
        <f t="shared" si="508"/>
        <v>45112.958333322509</v>
      </c>
    </row>
    <row r="4498" spans="2:14" x14ac:dyDescent="0.25">
      <c r="B4498">
        <f t="shared" si="502"/>
        <v>4</v>
      </c>
      <c r="C4498" s="16">
        <v>4464</v>
      </c>
      <c r="D4498" cm="1">
        <f t="array" ref="D4498">IFERROR(INDEX(Jesper!AH$2:AH$366,ROUNDDOWN($C4498/24,0)+1,1)*INDEX($D$3:$AA$30,INDEX(Jesper!$R$2:$R$366,ROW(INDEX(Jesper!AH$2:AH$366,ROUNDDOWN($C4498/24,0)+1,1))-1)+IF('Standard Profiles'!$G$18=$B$10,7,0)+IF('Standard Profiles'!$G$18=$B$17,14,0)+IF('Standard Profiles'!$G$18=$B$24,21,0),MOD($C4498,24)+1)/SUM(INDEX($D$3:$AA$30,INDEX(Jesper!$R$2:$R$366,ROW(INDEX(Jesper!AH$2:AH$366,ROUNDDOWN($C4498/24,0)+1,1))-1)+IF('Standard Profiles'!$G$18=$B$10,7,0)+IF('Standard Profiles'!$G$18=$B$17,14,0)+IF('Standard Profiles'!$G$18=$B$24,21,0),0)),0)</f>
        <v>5.3387791462009391</v>
      </c>
      <c r="E4498" cm="1">
        <f t="array" ref="E4498">IFERROR(INDEX(Jesper!AI$2:AI$366,ROUNDDOWN($C4498/24,0)+1,1)*INDEX($D$3:$AA$30,INDEX(Jesper!$R$2:$R$366,ROW(INDEX(Jesper!AI$2:AI$366,ROUNDDOWN($C4498/24,0)+1,1))-1)+IF('Standard Profiles'!$G$19=$B$10,7,0)+IF('Standard Profiles'!$G$19=$B$17,14,0)+IF('Standard Profiles'!$G$19=$B$24,21,0),MOD($C4498,24)+1)/SUM(INDEX($D$3:$AA$30,INDEX(Jesper!$R$2:$R$366,ROW(INDEX(Jesper!AI$2:AI$366,ROUNDDOWN($C4498/24,0)+1,1))-1)+IF('Standard Profiles'!$G$19=$B$10,7,0)+IF('Standard Profiles'!$G$19=$B$17,14,0)+IF('Standard Profiles'!$G$19=$B$24,21,0),0)),0)</f>
        <v>2.2538041435406235</v>
      </c>
      <c r="F4498" cm="1">
        <f t="array" ref="F4498">IFERROR(INDEX(Jesper!AJ$2:AJ$366,ROUNDDOWN($C4498/24,0)+1,1)*INDEX($D$3:$AA$30,INDEX(Jesper!$R$2:$R$366,ROW(INDEX(Jesper!AJ$2:AJ$366,ROUNDDOWN($C4498/24,0)+1,1))-1)+IF('Standard Profiles'!$G$20=$B$10,7,0)+IF('Standard Profiles'!$G$20=$B$17,14,0)+IF('Standard Profiles'!$G$20=$B$24,21,0),MOD($C4498,24)+1)/SUM(INDEX($D$3:$AA$30,INDEX(Jesper!$R$2:$R$366,ROW(INDEX(Jesper!AJ$2:AJ$366,ROUNDDOWN($C4498/24,0)+1,1))-1)+IF('Standard Profiles'!$G$20=$B$10,7,0)+IF('Standard Profiles'!$G$20=$B$17,14,0)+IF('Standard Profiles'!$G$20=$B$24,21,0),0)),0)</f>
        <v>0</v>
      </c>
      <c r="G4498" cm="1">
        <f t="array" ref="G4498">IFERROR(INDEX(Jesper!AK$2:AK$366,ROUNDDOWN($C4498/24,0)+1,1)*INDEX($D$3:$AA$30,INDEX(Jesper!$R$2:$R$366,ROW(INDEX(Jesper!AK$2:AK$366,ROUNDDOWN($C4498/24,0)+1,1))-1)+IF('Standard Profiles'!$G$21=$B$10,7,0)+IF('Standard Profiles'!$G$21=$B$17,14,0)+IF('Standard Profiles'!$G$21=$B$24,21,0),MOD($C4498,24)+1)/SUM(INDEX($D$3:$AA$30,INDEX(Jesper!$R$2:$R$366,ROW(INDEX(Jesper!AK$2:AK$366,ROUNDDOWN($C4498/24,0)+1,1))-1)+IF('Standard Profiles'!$G$21=$B$10,7,0)+IF('Standard Profiles'!$G$21=$B$17,14,0)+IF('Standard Profiles'!$G$21=$B$24,21,0),0)),0)</f>
        <v>0.20202995223467346</v>
      </c>
      <c r="H4498" cm="1">
        <f t="array" ref="H4498">IFERROR(INDEX(Jesper!AL$2:AL$366,ROUNDDOWN($C4498/24,0)+1,1)*INDEX($D$3:$AA$30,INDEX(Jesper!$R$2:$R$366,ROW(INDEX(Jesper!AL$2:AL$366,ROUNDDOWN($C4498/24,0)+1,1))-1)+IF('Standard Profiles'!$G$22=$B$10,7,0)+IF('Standard Profiles'!$G$22=$B$17,14,0)+IF('Standard Profiles'!$G$22=$B$24,21,0),MOD($C4498,24)+1)/SUM(INDEX($D$3:$AA$30,INDEX(Jesper!$R$2:$R$366,ROW(INDEX(Jesper!AL$2:AL$366,ROUNDDOWN($C4498/24,0)+1,1))-1)+IF('Standard Profiles'!$G$22=$B$10,7,0)+IF('Standard Profiles'!$G$22=$B$17,14,0)+IF('Standard Profiles'!$G$22=$B$24,21,0),0)),0)</f>
        <v>0</v>
      </c>
      <c r="I4498">
        <f t="shared" si="503"/>
        <v>9.6974377072643211E-2</v>
      </c>
      <c r="J4498">
        <f t="shared" si="504"/>
        <v>6.8434342015114424</v>
      </c>
      <c r="K4498">
        <f t="shared" si="505"/>
        <v>0.56946977559476686</v>
      </c>
      <c r="L4498">
        <f t="shared" si="506"/>
        <v>0.28473488779738343</v>
      </c>
      <c r="M4498">
        <f t="shared" si="507"/>
        <v>0</v>
      </c>
      <c r="N4498" s="45">
        <f t="shared" si="508"/>
        <v>45112.999999989173</v>
      </c>
    </row>
    <row r="4499" spans="2:14" x14ac:dyDescent="0.25">
      <c r="B4499">
        <f t="shared" si="502"/>
        <v>4</v>
      </c>
      <c r="C4499" s="16">
        <v>4465</v>
      </c>
      <c r="D4499" cm="1">
        <f t="array" ref="D4499">IFERROR(INDEX(Jesper!AH$2:AH$366,ROUNDDOWN($C4499/24,0)+1,1)*INDEX($D$3:$AA$30,INDEX(Jesper!$R$2:$R$366,ROW(INDEX(Jesper!AH$2:AH$366,ROUNDDOWN($C4499/24,0)+1,1))-1)+IF('Standard Profiles'!$G$18=$B$10,7,0)+IF('Standard Profiles'!$G$18=$B$17,14,0)+IF('Standard Profiles'!$G$18=$B$24,21,0),MOD($C4499,24)+1)/SUM(INDEX($D$3:$AA$30,INDEX(Jesper!$R$2:$R$366,ROW(INDEX(Jesper!AH$2:AH$366,ROUNDDOWN($C4499/24,0)+1,1))-1)+IF('Standard Profiles'!$G$18=$B$10,7,0)+IF('Standard Profiles'!$G$18=$B$17,14,0)+IF('Standard Profiles'!$G$18=$B$24,21,0),0)),0)</f>
        <v>5.3387791462009391</v>
      </c>
      <c r="E4499" cm="1">
        <f t="array" ref="E4499">IFERROR(INDEX(Jesper!AI$2:AI$366,ROUNDDOWN($C4499/24,0)+1,1)*INDEX($D$3:$AA$30,INDEX(Jesper!$R$2:$R$366,ROW(INDEX(Jesper!AI$2:AI$366,ROUNDDOWN($C4499/24,0)+1,1))-1)+IF('Standard Profiles'!$G$19=$B$10,7,0)+IF('Standard Profiles'!$G$19=$B$17,14,0)+IF('Standard Profiles'!$G$19=$B$24,21,0),MOD($C4499,24)+1)/SUM(INDEX($D$3:$AA$30,INDEX(Jesper!$R$2:$R$366,ROW(INDEX(Jesper!AI$2:AI$366,ROUNDDOWN($C4499/24,0)+1,1))-1)+IF('Standard Profiles'!$G$19=$B$10,7,0)+IF('Standard Profiles'!$G$19=$B$17,14,0)+IF('Standard Profiles'!$G$19=$B$24,21,0),0)),0)</f>
        <v>2.2538041435406235</v>
      </c>
      <c r="F4499" cm="1">
        <f t="array" ref="F4499">IFERROR(INDEX(Jesper!AJ$2:AJ$366,ROUNDDOWN($C4499/24,0)+1,1)*INDEX($D$3:$AA$30,INDEX(Jesper!$R$2:$R$366,ROW(INDEX(Jesper!AJ$2:AJ$366,ROUNDDOWN($C4499/24,0)+1,1))-1)+IF('Standard Profiles'!$G$20=$B$10,7,0)+IF('Standard Profiles'!$G$20=$B$17,14,0)+IF('Standard Profiles'!$G$20=$B$24,21,0),MOD($C4499,24)+1)/SUM(INDEX($D$3:$AA$30,INDEX(Jesper!$R$2:$R$366,ROW(INDEX(Jesper!AJ$2:AJ$366,ROUNDDOWN($C4499/24,0)+1,1))-1)+IF('Standard Profiles'!$G$20=$B$10,7,0)+IF('Standard Profiles'!$G$20=$B$17,14,0)+IF('Standard Profiles'!$G$20=$B$24,21,0),0)),0)</f>
        <v>0</v>
      </c>
      <c r="G4499" cm="1">
        <f t="array" ref="G4499">IFERROR(INDEX(Jesper!AK$2:AK$366,ROUNDDOWN($C4499/24,0)+1,1)*INDEX($D$3:$AA$30,INDEX(Jesper!$R$2:$R$366,ROW(INDEX(Jesper!AK$2:AK$366,ROUNDDOWN($C4499/24,0)+1,1))-1)+IF('Standard Profiles'!$G$21=$B$10,7,0)+IF('Standard Profiles'!$G$21=$B$17,14,0)+IF('Standard Profiles'!$G$21=$B$24,21,0),MOD($C4499,24)+1)/SUM(INDEX($D$3:$AA$30,INDEX(Jesper!$R$2:$R$366,ROW(INDEX(Jesper!AK$2:AK$366,ROUNDDOWN($C4499/24,0)+1,1))-1)+IF('Standard Profiles'!$G$21=$B$10,7,0)+IF('Standard Profiles'!$G$21=$B$17,14,0)+IF('Standard Profiles'!$G$21=$B$24,21,0),0)),0)</f>
        <v>0.20202995223467346</v>
      </c>
      <c r="H4499" cm="1">
        <f t="array" ref="H4499">IFERROR(INDEX(Jesper!AL$2:AL$366,ROUNDDOWN($C4499/24,0)+1,1)*INDEX($D$3:$AA$30,INDEX(Jesper!$R$2:$R$366,ROW(INDEX(Jesper!AL$2:AL$366,ROUNDDOWN($C4499/24,0)+1,1))-1)+IF('Standard Profiles'!$G$22=$B$10,7,0)+IF('Standard Profiles'!$G$22=$B$17,14,0)+IF('Standard Profiles'!$G$22=$B$24,21,0),MOD($C4499,24)+1)/SUM(INDEX($D$3:$AA$30,INDEX(Jesper!$R$2:$R$366,ROW(INDEX(Jesper!AL$2:AL$366,ROUNDDOWN($C4499/24,0)+1,1))-1)+IF('Standard Profiles'!$G$22=$B$10,7,0)+IF('Standard Profiles'!$G$22=$B$17,14,0)+IF('Standard Profiles'!$G$22=$B$24,21,0),0)),0)</f>
        <v>0</v>
      </c>
      <c r="I4499">
        <f t="shared" si="503"/>
        <v>9.6974377072643211E-2</v>
      </c>
      <c r="J4499">
        <f t="shared" si="504"/>
        <v>6.8434342015114424</v>
      </c>
      <c r="K4499">
        <f t="shared" si="505"/>
        <v>0.56946977559476686</v>
      </c>
      <c r="L4499">
        <f t="shared" si="506"/>
        <v>0.28473488779738343</v>
      </c>
      <c r="M4499">
        <f t="shared" si="507"/>
        <v>0</v>
      </c>
      <c r="N4499" s="45">
        <f t="shared" si="508"/>
        <v>45113.041666655838</v>
      </c>
    </row>
    <row r="4500" spans="2:14" x14ac:dyDescent="0.25">
      <c r="B4500">
        <f t="shared" si="502"/>
        <v>4</v>
      </c>
      <c r="C4500" s="16">
        <v>4466</v>
      </c>
      <c r="D4500" cm="1">
        <f t="array" ref="D4500">IFERROR(INDEX(Jesper!AH$2:AH$366,ROUNDDOWN($C4500/24,0)+1,1)*INDEX($D$3:$AA$30,INDEX(Jesper!$R$2:$R$366,ROW(INDEX(Jesper!AH$2:AH$366,ROUNDDOWN($C4500/24,0)+1,1))-1)+IF('Standard Profiles'!$G$18=$B$10,7,0)+IF('Standard Profiles'!$G$18=$B$17,14,0)+IF('Standard Profiles'!$G$18=$B$24,21,0),MOD($C4500,24)+1)/SUM(INDEX($D$3:$AA$30,INDEX(Jesper!$R$2:$R$366,ROW(INDEX(Jesper!AH$2:AH$366,ROUNDDOWN($C4500/24,0)+1,1))-1)+IF('Standard Profiles'!$G$18=$B$10,7,0)+IF('Standard Profiles'!$G$18=$B$17,14,0)+IF('Standard Profiles'!$G$18=$B$24,21,0),0)),0)</f>
        <v>5.3387791462009391</v>
      </c>
      <c r="E4500" cm="1">
        <f t="array" ref="E4500">IFERROR(INDEX(Jesper!AI$2:AI$366,ROUNDDOWN($C4500/24,0)+1,1)*INDEX($D$3:$AA$30,INDEX(Jesper!$R$2:$R$366,ROW(INDEX(Jesper!AI$2:AI$366,ROUNDDOWN($C4500/24,0)+1,1))-1)+IF('Standard Profiles'!$G$19=$B$10,7,0)+IF('Standard Profiles'!$G$19=$B$17,14,0)+IF('Standard Profiles'!$G$19=$B$24,21,0),MOD($C4500,24)+1)/SUM(INDEX($D$3:$AA$30,INDEX(Jesper!$R$2:$R$366,ROW(INDEX(Jesper!AI$2:AI$366,ROUNDDOWN($C4500/24,0)+1,1))-1)+IF('Standard Profiles'!$G$19=$B$10,7,0)+IF('Standard Profiles'!$G$19=$B$17,14,0)+IF('Standard Profiles'!$G$19=$B$24,21,0),0)),0)</f>
        <v>2.2538041435406235</v>
      </c>
      <c r="F4500" cm="1">
        <f t="array" ref="F4500">IFERROR(INDEX(Jesper!AJ$2:AJ$366,ROUNDDOWN($C4500/24,0)+1,1)*INDEX($D$3:$AA$30,INDEX(Jesper!$R$2:$R$366,ROW(INDEX(Jesper!AJ$2:AJ$366,ROUNDDOWN($C4500/24,0)+1,1))-1)+IF('Standard Profiles'!$G$20=$B$10,7,0)+IF('Standard Profiles'!$G$20=$B$17,14,0)+IF('Standard Profiles'!$G$20=$B$24,21,0),MOD($C4500,24)+1)/SUM(INDEX($D$3:$AA$30,INDEX(Jesper!$R$2:$R$366,ROW(INDEX(Jesper!AJ$2:AJ$366,ROUNDDOWN($C4500/24,0)+1,1))-1)+IF('Standard Profiles'!$G$20=$B$10,7,0)+IF('Standard Profiles'!$G$20=$B$17,14,0)+IF('Standard Profiles'!$G$20=$B$24,21,0),0)),0)</f>
        <v>0</v>
      </c>
      <c r="G4500" cm="1">
        <f t="array" ref="G4500">IFERROR(INDEX(Jesper!AK$2:AK$366,ROUNDDOWN($C4500/24,0)+1,1)*INDEX($D$3:$AA$30,INDEX(Jesper!$R$2:$R$366,ROW(INDEX(Jesper!AK$2:AK$366,ROUNDDOWN($C4500/24,0)+1,1))-1)+IF('Standard Profiles'!$G$21=$B$10,7,0)+IF('Standard Profiles'!$G$21=$B$17,14,0)+IF('Standard Profiles'!$G$21=$B$24,21,0),MOD($C4500,24)+1)/SUM(INDEX($D$3:$AA$30,INDEX(Jesper!$R$2:$R$366,ROW(INDEX(Jesper!AK$2:AK$366,ROUNDDOWN($C4500/24,0)+1,1))-1)+IF('Standard Profiles'!$G$21=$B$10,7,0)+IF('Standard Profiles'!$G$21=$B$17,14,0)+IF('Standard Profiles'!$G$21=$B$24,21,0),0)),0)</f>
        <v>0.20202995223467346</v>
      </c>
      <c r="H4500" cm="1">
        <f t="array" ref="H4500">IFERROR(INDEX(Jesper!AL$2:AL$366,ROUNDDOWN($C4500/24,0)+1,1)*INDEX($D$3:$AA$30,INDEX(Jesper!$R$2:$R$366,ROW(INDEX(Jesper!AL$2:AL$366,ROUNDDOWN($C4500/24,0)+1,1))-1)+IF('Standard Profiles'!$G$22=$B$10,7,0)+IF('Standard Profiles'!$G$22=$B$17,14,0)+IF('Standard Profiles'!$G$22=$B$24,21,0),MOD($C4500,24)+1)/SUM(INDEX($D$3:$AA$30,INDEX(Jesper!$R$2:$R$366,ROW(INDEX(Jesper!AL$2:AL$366,ROUNDDOWN($C4500/24,0)+1,1))-1)+IF('Standard Profiles'!$G$22=$B$10,7,0)+IF('Standard Profiles'!$G$22=$B$17,14,0)+IF('Standard Profiles'!$G$22=$B$24,21,0),0)),0)</f>
        <v>0</v>
      </c>
      <c r="I4500">
        <f t="shared" si="503"/>
        <v>9.6974377072643211E-2</v>
      </c>
      <c r="J4500">
        <f t="shared" si="504"/>
        <v>6.8434342015114424</v>
      </c>
      <c r="K4500">
        <f t="shared" si="505"/>
        <v>0.56946977559476686</v>
      </c>
      <c r="L4500">
        <f t="shared" si="506"/>
        <v>0.28473488779738343</v>
      </c>
      <c r="M4500">
        <f t="shared" si="507"/>
        <v>0</v>
      </c>
      <c r="N4500" s="45">
        <f t="shared" si="508"/>
        <v>45113.083333322502</v>
      </c>
    </row>
    <row r="4501" spans="2:14" x14ac:dyDescent="0.25">
      <c r="B4501">
        <f t="shared" si="502"/>
        <v>4</v>
      </c>
      <c r="C4501" s="16">
        <v>4467</v>
      </c>
      <c r="D4501" cm="1">
        <f t="array" ref="D4501">IFERROR(INDEX(Jesper!AH$2:AH$366,ROUNDDOWN($C4501/24,0)+1,1)*INDEX($D$3:$AA$30,INDEX(Jesper!$R$2:$R$366,ROW(INDEX(Jesper!AH$2:AH$366,ROUNDDOWN($C4501/24,0)+1,1))-1)+IF('Standard Profiles'!$G$18=$B$10,7,0)+IF('Standard Profiles'!$G$18=$B$17,14,0)+IF('Standard Profiles'!$G$18=$B$24,21,0),MOD($C4501,24)+1)/SUM(INDEX($D$3:$AA$30,INDEX(Jesper!$R$2:$R$366,ROW(INDEX(Jesper!AH$2:AH$366,ROUNDDOWN($C4501/24,0)+1,1))-1)+IF('Standard Profiles'!$G$18=$B$10,7,0)+IF('Standard Profiles'!$G$18=$B$17,14,0)+IF('Standard Profiles'!$G$18=$B$24,21,0),0)),0)</f>
        <v>5.3387791462009391</v>
      </c>
      <c r="E4501" cm="1">
        <f t="array" ref="E4501">IFERROR(INDEX(Jesper!AI$2:AI$366,ROUNDDOWN($C4501/24,0)+1,1)*INDEX($D$3:$AA$30,INDEX(Jesper!$R$2:$R$366,ROW(INDEX(Jesper!AI$2:AI$366,ROUNDDOWN($C4501/24,0)+1,1))-1)+IF('Standard Profiles'!$G$19=$B$10,7,0)+IF('Standard Profiles'!$G$19=$B$17,14,0)+IF('Standard Profiles'!$G$19=$B$24,21,0),MOD($C4501,24)+1)/SUM(INDEX($D$3:$AA$30,INDEX(Jesper!$R$2:$R$366,ROW(INDEX(Jesper!AI$2:AI$366,ROUNDDOWN($C4501/24,0)+1,1))-1)+IF('Standard Profiles'!$G$19=$B$10,7,0)+IF('Standard Profiles'!$G$19=$B$17,14,0)+IF('Standard Profiles'!$G$19=$B$24,21,0),0)),0)</f>
        <v>2.2538041435406235</v>
      </c>
      <c r="F4501" cm="1">
        <f t="array" ref="F4501">IFERROR(INDEX(Jesper!AJ$2:AJ$366,ROUNDDOWN($C4501/24,0)+1,1)*INDEX($D$3:$AA$30,INDEX(Jesper!$R$2:$R$366,ROW(INDEX(Jesper!AJ$2:AJ$366,ROUNDDOWN($C4501/24,0)+1,1))-1)+IF('Standard Profiles'!$G$20=$B$10,7,0)+IF('Standard Profiles'!$G$20=$B$17,14,0)+IF('Standard Profiles'!$G$20=$B$24,21,0),MOD($C4501,24)+1)/SUM(INDEX($D$3:$AA$30,INDEX(Jesper!$R$2:$R$366,ROW(INDEX(Jesper!AJ$2:AJ$366,ROUNDDOWN($C4501/24,0)+1,1))-1)+IF('Standard Profiles'!$G$20=$B$10,7,0)+IF('Standard Profiles'!$G$20=$B$17,14,0)+IF('Standard Profiles'!$G$20=$B$24,21,0),0)),0)</f>
        <v>0</v>
      </c>
      <c r="G4501" cm="1">
        <f t="array" ref="G4501">IFERROR(INDEX(Jesper!AK$2:AK$366,ROUNDDOWN($C4501/24,0)+1,1)*INDEX($D$3:$AA$30,INDEX(Jesper!$R$2:$R$366,ROW(INDEX(Jesper!AK$2:AK$366,ROUNDDOWN($C4501/24,0)+1,1))-1)+IF('Standard Profiles'!$G$21=$B$10,7,0)+IF('Standard Profiles'!$G$21=$B$17,14,0)+IF('Standard Profiles'!$G$21=$B$24,21,0),MOD($C4501,24)+1)/SUM(INDEX($D$3:$AA$30,INDEX(Jesper!$R$2:$R$366,ROW(INDEX(Jesper!AK$2:AK$366,ROUNDDOWN($C4501/24,0)+1,1))-1)+IF('Standard Profiles'!$G$21=$B$10,7,0)+IF('Standard Profiles'!$G$21=$B$17,14,0)+IF('Standard Profiles'!$G$21=$B$24,21,0),0)),0)</f>
        <v>0.20202995223467346</v>
      </c>
      <c r="H4501" cm="1">
        <f t="array" ref="H4501">IFERROR(INDEX(Jesper!AL$2:AL$366,ROUNDDOWN($C4501/24,0)+1,1)*INDEX($D$3:$AA$30,INDEX(Jesper!$R$2:$R$366,ROW(INDEX(Jesper!AL$2:AL$366,ROUNDDOWN($C4501/24,0)+1,1))-1)+IF('Standard Profiles'!$G$22=$B$10,7,0)+IF('Standard Profiles'!$G$22=$B$17,14,0)+IF('Standard Profiles'!$G$22=$B$24,21,0),MOD($C4501,24)+1)/SUM(INDEX($D$3:$AA$30,INDEX(Jesper!$R$2:$R$366,ROW(INDEX(Jesper!AL$2:AL$366,ROUNDDOWN($C4501/24,0)+1,1))-1)+IF('Standard Profiles'!$G$22=$B$10,7,0)+IF('Standard Profiles'!$G$22=$B$17,14,0)+IF('Standard Profiles'!$G$22=$B$24,21,0),0)),0)</f>
        <v>0</v>
      </c>
      <c r="I4501">
        <f t="shared" si="503"/>
        <v>9.6974377072643211E-2</v>
      </c>
      <c r="J4501">
        <f t="shared" si="504"/>
        <v>6.8434342015114424</v>
      </c>
      <c r="K4501">
        <f t="shared" si="505"/>
        <v>0.56946977559476686</v>
      </c>
      <c r="L4501">
        <f t="shared" si="506"/>
        <v>0.28473488779738343</v>
      </c>
      <c r="M4501">
        <f t="shared" si="507"/>
        <v>0</v>
      </c>
      <c r="N4501" s="45">
        <f t="shared" si="508"/>
        <v>45113.124999989166</v>
      </c>
    </row>
    <row r="4502" spans="2:14" x14ac:dyDescent="0.25">
      <c r="B4502">
        <f t="shared" si="502"/>
        <v>4</v>
      </c>
      <c r="C4502" s="16">
        <v>4468</v>
      </c>
      <c r="D4502" cm="1">
        <f t="array" ref="D4502">IFERROR(INDEX(Jesper!AH$2:AH$366,ROUNDDOWN($C4502/24,0)+1,1)*INDEX($D$3:$AA$30,INDEX(Jesper!$R$2:$R$366,ROW(INDEX(Jesper!AH$2:AH$366,ROUNDDOWN($C4502/24,0)+1,1))-1)+IF('Standard Profiles'!$G$18=$B$10,7,0)+IF('Standard Profiles'!$G$18=$B$17,14,0)+IF('Standard Profiles'!$G$18=$B$24,21,0),MOD($C4502,24)+1)/SUM(INDEX($D$3:$AA$30,INDEX(Jesper!$R$2:$R$366,ROW(INDEX(Jesper!AH$2:AH$366,ROUNDDOWN($C4502/24,0)+1,1))-1)+IF('Standard Profiles'!$G$18=$B$10,7,0)+IF('Standard Profiles'!$G$18=$B$17,14,0)+IF('Standard Profiles'!$G$18=$B$24,21,0),0)),0)</f>
        <v>5.3387791462009391</v>
      </c>
      <c r="E4502" cm="1">
        <f t="array" ref="E4502">IFERROR(INDEX(Jesper!AI$2:AI$366,ROUNDDOWN($C4502/24,0)+1,1)*INDEX($D$3:$AA$30,INDEX(Jesper!$R$2:$R$366,ROW(INDEX(Jesper!AI$2:AI$366,ROUNDDOWN($C4502/24,0)+1,1))-1)+IF('Standard Profiles'!$G$19=$B$10,7,0)+IF('Standard Profiles'!$G$19=$B$17,14,0)+IF('Standard Profiles'!$G$19=$B$24,21,0),MOD($C4502,24)+1)/SUM(INDEX($D$3:$AA$30,INDEX(Jesper!$R$2:$R$366,ROW(INDEX(Jesper!AI$2:AI$366,ROUNDDOWN($C4502/24,0)+1,1))-1)+IF('Standard Profiles'!$G$19=$B$10,7,0)+IF('Standard Profiles'!$G$19=$B$17,14,0)+IF('Standard Profiles'!$G$19=$B$24,21,0),0)),0)</f>
        <v>2.2538041435406235</v>
      </c>
      <c r="F4502" cm="1">
        <f t="array" ref="F4502">IFERROR(INDEX(Jesper!AJ$2:AJ$366,ROUNDDOWN($C4502/24,0)+1,1)*INDEX($D$3:$AA$30,INDEX(Jesper!$R$2:$R$366,ROW(INDEX(Jesper!AJ$2:AJ$366,ROUNDDOWN($C4502/24,0)+1,1))-1)+IF('Standard Profiles'!$G$20=$B$10,7,0)+IF('Standard Profiles'!$G$20=$B$17,14,0)+IF('Standard Profiles'!$G$20=$B$24,21,0),MOD($C4502,24)+1)/SUM(INDEX($D$3:$AA$30,INDEX(Jesper!$R$2:$R$366,ROW(INDEX(Jesper!AJ$2:AJ$366,ROUNDDOWN($C4502/24,0)+1,1))-1)+IF('Standard Profiles'!$G$20=$B$10,7,0)+IF('Standard Profiles'!$G$20=$B$17,14,0)+IF('Standard Profiles'!$G$20=$B$24,21,0),0)),0)</f>
        <v>0</v>
      </c>
      <c r="G4502" cm="1">
        <f t="array" ref="G4502">IFERROR(INDEX(Jesper!AK$2:AK$366,ROUNDDOWN($C4502/24,0)+1,1)*INDEX($D$3:$AA$30,INDEX(Jesper!$R$2:$R$366,ROW(INDEX(Jesper!AK$2:AK$366,ROUNDDOWN($C4502/24,0)+1,1))-1)+IF('Standard Profiles'!$G$21=$B$10,7,0)+IF('Standard Profiles'!$G$21=$B$17,14,0)+IF('Standard Profiles'!$G$21=$B$24,21,0),MOD($C4502,24)+1)/SUM(INDEX($D$3:$AA$30,INDEX(Jesper!$R$2:$R$366,ROW(INDEX(Jesper!AK$2:AK$366,ROUNDDOWN($C4502/24,0)+1,1))-1)+IF('Standard Profiles'!$G$21=$B$10,7,0)+IF('Standard Profiles'!$G$21=$B$17,14,0)+IF('Standard Profiles'!$G$21=$B$24,21,0),0)),0)</f>
        <v>0.20202995223467346</v>
      </c>
      <c r="H4502" cm="1">
        <f t="array" ref="H4502">IFERROR(INDEX(Jesper!AL$2:AL$366,ROUNDDOWN($C4502/24,0)+1,1)*INDEX($D$3:$AA$30,INDEX(Jesper!$R$2:$R$366,ROW(INDEX(Jesper!AL$2:AL$366,ROUNDDOWN($C4502/24,0)+1,1))-1)+IF('Standard Profiles'!$G$22=$B$10,7,0)+IF('Standard Profiles'!$G$22=$B$17,14,0)+IF('Standard Profiles'!$G$22=$B$24,21,0),MOD($C4502,24)+1)/SUM(INDEX($D$3:$AA$30,INDEX(Jesper!$R$2:$R$366,ROW(INDEX(Jesper!AL$2:AL$366,ROUNDDOWN($C4502/24,0)+1,1))-1)+IF('Standard Profiles'!$G$22=$B$10,7,0)+IF('Standard Profiles'!$G$22=$B$17,14,0)+IF('Standard Profiles'!$G$22=$B$24,21,0),0)),0)</f>
        <v>0</v>
      </c>
      <c r="I4502">
        <f t="shared" si="503"/>
        <v>9.6974377072643211E-2</v>
      </c>
      <c r="J4502">
        <f t="shared" si="504"/>
        <v>6.8434342015114424</v>
      </c>
      <c r="K4502">
        <f t="shared" si="505"/>
        <v>0.56946977559476686</v>
      </c>
      <c r="L4502">
        <f t="shared" si="506"/>
        <v>0.28473488779738343</v>
      </c>
      <c r="M4502">
        <f t="shared" si="507"/>
        <v>0</v>
      </c>
      <c r="N4502" s="45">
        <f t="shared" si="508"/>
        <v>45113.16666665583</v>
      </c>
    </row>
    <row r="4503" spans="2:14" x14ac:dyDescent="0.25">
      <c r="B4503">
        <f t="shared" si="502"/>
        <v>4</v>
      </c>
      <c r="C4503" s="16">
        <v>4469</v>
      </c>
      <c r="D4503" cm="1">
        <f t="array" ref="D4503">IFERROR(INDEX(Jesper!AH$2:AH$366,ROUNDDOWN($C4503/24,0)+1,1)*INDEX($D$3:$AA$30,INDEX(Jesper!$R$2:$R$366,ROW(INDEX(Jesper!AH$2:AH$366,ROUNDDOWN($C4503/24,0)+1,1))-1)+IF('Standard Profiles'!$G$18=$B$10,7,0)+IF('Standard Profiles'!$G$18=$B$17,14,0)+IF('Standard Profiles'!$G$18=$B$24,21,0),MOD($C4503,24)+1)/SUM(INDEX($D$3:$AA$30,INDEX(Jesper!$R$2:$R$366,ROW(INDEX(Jesper!AH$2:AH$366,ROUNDDOWN($C4503/24,0)+1,1))-1)+IF('Standard Profiles'!$G$18=$B$10,7,0)+IF('Standard Profiles'!$G$18=$B$17,14,0)+IF('Standard Profiles'!$G$18=$B$24,21,0),0)),0)</f>
        <v>5.3387791462009391</v>
      </c>
      <c r="E4503" cm="1">
        <f t="array" ref="E4503">IFERROR(INDEX(Jesper!AI$2:AI$366,ROUNDDOWN($C4503/24,0)+1,1)*INDEX($D$3:$AA$30,INDEX(Jesper!$R$2:$R$366,ROW(INDEX(Jesper!AI$2:AI$366,ROUNDDOWN($C4503/24,0)+1,1))-1)+IF('Standard Profiles'!$G$19=$B$10,7,0)+IF('Standard Profiles'!$G$19=$B$17,14,0)+IF('Standard Profiles'!$G$19=$B$24,21,0),MOD($C4503,24)+1)/SUM(INDEX($D$3:$AA$30,INDEX(Jesper!$R$2:$R$366,ROW(INDEX(Jesper!AI$2:AI$366,ROUNDDOWN($C4503/24,0)+1,1))-1)+IF('Standard Profiles'!$G$19=$B$10,7,0)+IF('Standard Profiles'!$G$19=$B$17,14,0)+IF('Standard Profiles'!$G$19=$B$24,21,0),0)),0)</f>
        <v>2.2538041435406235</v>
      </c>
      <c r="F4503" cm="1">
        <f t="array" ref="F4503">IFERROR(INDEX(Jesper!AJ$2:AJ$366,ROUNDDOWN($C4503/24,0)+1,1)*INDEX($D$3:$AA$30,INDEX(Jesper!$R$2:$R$366,ROW(INDEX(Jesper!AJ$2:AJ$366,ROUNDDOWN($C4503/24,0)+1,1))-1)+IF('Standard Profiles'!$G$20=$B$10,7,0)+IF('Standard Profiles'!$G$20=$B$17,14,0)+IF('Standard Profiles'!$G$20=$B$24,21,0),MOD($C4503,24)+1)/SUM(INDEX($D$3:$AA$30,INDEX(Jesper!$R$2:$R$366,ROW(INDEX(Jesper!AJ$2:AJ$366,ROUNDDOWN($C4503/24,0)+1,1))-1)+IF('Standard Profiles'!$G$20=$B$10,7,0)+IF('Standard Profiles'!$G$20=$B$17,14,0)+IF('Standard Profiles'!$G$20=$B$24,21,0),0)),0)</f>
        <v>0</v>
      </c>
      <c r="G4503" cm="1">
        <f t="array" ref="G4503">IFERROR(INDEX(Jesper!AK$2:AK$366,ROUNDDOWN($C4503/24,0)+1,1)*INDEX($D$3:$AA$30,INDEX(Jesper!$R$2:$R$366,ROW(INDEX(Jesper!AK$2:AK$366,ROUNDDOWN($C4503/24,0)+1,1))-1)+IF('Standard Profiles'!$G$21=$B$10,7,0)+IF('Standard Profiles'!$G$21=$B$17,14,0)+IF('Standard Profiles'!$G$21=$B$24,21,0),MOD($C4503,24)+1)/SUM(INDEX($D$3:$AA$30,INDEX(Jesper!$R$2:$R$366,ROW(INDEX(Jesper!AK$2:AK$366,ROUNDDOWN($C4503/24,0)+1,1))-1)+IF('Standard Profiles'!$G$21=$B$10,7,0)+IF('Standard Profiles'!$G$21=$B$17,14,0)+IF('Standard Profiles'!$G$21=$B$24,21,0),0)),0)</f>
        <v>0.20202995223467346</v>
      </c>
      <c r="H4503" cm="1">
        <f t="array" ref="H4503">IFERROR(INDEX(Jesper!AL$2:AL$366,ROUNDDOWN($C4503/24,0)+1,1)*INDEX($D$3:$AA$30,INDEX(Jesper!$R$2:$R$366,ROW(INDEX(Jesper!AL$2:AL$366,ROUNDDOWN($C4503/24,0)+1,1))-1)+IF('Standard Profiles'!$G$22=$B$10,7,0)+IF('Standard Profiles'!$G$22=$B$17,14,0)+IF('Standard Profiles'!$G$22=$B$24,21,0),MOD($C4503,24)+1)/SUM(INDEX($D$3:$AA$30,INDEX(Jesper!$R$2:$R$366,ROW(INDEX(Jesper!AL$2:AL$366,ROUNDDOWN($C4503/24,0)+1,1))-1)+IF('Standard Profiles'!$G$22=$B$10,7,0)+IF('Standard Profiles'!$G$22=$B$17,14,0)+IF('Standard Profiles'!$G$22=$B$24,21,0),0)),0)</f>
        <v>0</v>
      </c>
      <c r="I4503">
        <f t="shared" si="503"/>
        <v>9.6974377072643211E-2</v>
      </c>
      <c r="J4503">
        <f t="shared" si="504"/>
        <v>6.8434342015114424</v>
      </c>
      <c r="K4503">
        <f t="shared" si="505"/>
        <v>0.56946977559476686</v>
      </c>
      <c r="L4503">
        <f t="shared" si="506"/>
        <v>0.28473488779738343</v>
      </c>
      <c r="M4503">
        <f t="shared" si="507"/>
        <v>0</v>
      </c>
      <c r="N4503" s="45">
        <f t="shared" si="508"/>
        <v>45113.208333322495</v>
      </c>
    </row>
    <row r="4504" spans="2:14" x14ac:dyDescent="0.25">
      <c r="B4504">
        <f t="shared" si="502"/>
        <v>4</v>
      </c>
      <c r="C4504" s="16">
        <v>4470</v>
      </c>
      <c r="D4504" cm="1">
        <f t="array" ref="D4504">IFERROR(INDEX(Jesper!AH$2:AH$366,ROUNDDOWN($C4504/24,0)+1,1)*INDEX($D$3:$AA$30,INDEX(Jesper!$R$2:$R$366,ROW(INDEX(Jesper!AH$2:AH$366,ROUNDDOWN($C4504/24,0)+1,1))-1)+IF('Standard Profiles'!$G$18=$B$10,7,0)+IF('Standard Profiles'!$G$18=$B$17,14,0)+IF('Standard Profiles'!$G$18=$B$24,21,0),MOD($C4504,24)+1)/SUM(INDEX($D$3:$AA$30,INDEX(Jesper!$R$2:$R$366,ROW(INDEX(Jesper!AH$2:AH$366,ROUNDDOWN($C4504/24,0)+1,1))-1)+IF('Standard Profiles'!$G$18=$B$10,7,0)+IF('Standard Profiles'!$G$18=$B$17,14,0)+IF('Standard Profiles'!$G$18=$B$24,21,0),0)),0)</f>
        <v>5.3387791462009391</v>
      </c>
      <c r="E4504" cm="1">
        <f t="array" ref="E4504">IFERROR(INDEX(Jesper!AI$2:AI$366,ROUNDDOWN($C4504/24,0)+1,1)*INDEX($D$3:$AA$30,INDEX(Jesper!$R$2:$R$366,ROW(INDEX(Jesper!AI$2:AI$366,ROUNDDOWN($C4504/24,0)+1,1))-1)+IF('Standard Profiles'!$G$19=$B$10,7,0)+IF('Standard Profiles'!$G$19=$B$17,14,0)+IF('Standard Profiles'!$G$19=$B$24,21,0),MOD($C4504,24)+1)/SUM(INDEX($D$3:$AA$30,INDEX(Jesper!$R$2:$R$366,ROW(INDEX(Jesper!AI$2:AI$366,ROUNDDOWN($C4504/24,0)+1,1))-1)+IF('Standard Profiles'!$G$19=$B$10,7,0)+IF('Standard Profiles'!$G$19=$B$17,14,0)+IF('Standard Profiles'!$G$19=$B$24,21,0),0)),0)</f>
        <v>2.2538041435406235</v>
      </c>
      <c r="F4504" cm="1">
        <f t="array" ref="F4504">IFERROR(INDEX(Jesper!AJ$2:AJ$366,ROUNDDOWN($C4504/24,0)+1,1)*INDEX($D$3:$AA$30,INDEX(Jesper!$R$2:$R$366,ROW(INDEX(Jesper!AJ$2:AJ$366,ROUNDDOWN($C4504/24,0)+1,1))-1)+IF('Standard Profiles'!$G$20=$B$10,7,0)+IF('Standard Profiles'!$G$20=$B$17,14,0)+IF('Standard Profiles'!$G$20=$B$24,21,0),MOD($C4504,24)+1)/SUM(INDEX($D$3:$AA$30,INDEX(Jesper!$R$2:$R$366,ROW(INDEX(Jesper!AJ$2:AJ$366,ROUNDDOWN($C4504/24,0)+1,1))-1)+IF('Standard Profiles'!$G$20=$B$10,7,0)+IF('Standard Profiles'!$G$20=$B$17,14,0)+IF('Standard Profiles'!$G$20=$B$24,21,0),0)),0)</f>
        <v>0</v>
      </c>
      <c r="G4504" cm="1">
        <f t="array" ref="G4504">IFERROR(INDEX(Jesper!AK$2:AK$366,ROUNDDOWN($C4504/24,0)+1,1)*INDEX($D$3:$AA$30,INDEX(Jesper!$R$2:$R$366,ROW(INDEX(Jesper!AK$2:AK$366,ROUNDDOWN($C4504/24,0)+1,1))-1)+IF('Standard Profiles'!$G$21=$B$10,7,0)+IF('Standard Profiles'!$G$21=$B$17,14,0)+IF('Standard Profiles'!$G$21=$B$24,21,0),MOD($C4504,24)+1)/SUM(INDEX($D$3:$AA$30,INDEX(Jesper!$R$2:$R$366,ROW(INDEX(Jesper!AK$2:AK$366,ROUNDDOWN($C4504/24,0)+1,1))-1)+IF('Standard Profiles'!$G$21=$B$10,7,0)+IF('Standard Profiles'!$G$21=$B$17,14,0)+IF('Standard Profiles'!$G$21=$B$24,21,0),0)),0)</f>
        <v>0.20202995223467346</v>
      </c>
      <c r="H4504" cm="1">
        <f t="array" ref="H4504">IFERROR(INDEX(Jesper!AL$2:AL$366,ROUNDDOWN($C4504/24,0)+1,1)*INDEX($D$3:$AA$30,INDEX(Jesper!$R$2:$R$366,ROW(INDEX(Jesper!AL$2:AL$366,ROUNDDOWN($C4504/24,0)+1,1))-1)+IF('Standard Profiles'!$G$22=$B$10,7,0)+IF('Standard Profiles'!$G$22=$B$17,14,0)+IF('Standard Profiles'!$G$22=$B$24,21,0),MOD($C4504,24)+1)/SUM(INDEX($D$3:$AA$30,INDEX(Jesper!$R$2:$R$366,ROW(INDEX(Jesper!AL$2:AL$366,ROUNDDOWN($C4504/24,0)+1,1))-1)+IF('Standard Profiles'!$G$22=$B$10,7,0)+IF('Standard Profiles'!$G$22=$B$17,14,0)+IF('Standard Profiles'!$G$22=$B$24,21,0),0)),0)</f>
        <v>0</v>
      </c>
      <c r="I4504">
        <f t="shared" si="503"/>
        <v>9.6974377072643211E-2</v>
      </c>
      <c r="J4504">
        <f t="shared" si="504"/>
        <v>6.8434342015114424</v>
      </c>
      <c r="K4504">
        <f t="shared" si="505"/>
        <v>0.56946977559476686</v>
      </c>
      <c r="L4504">
        <f t="shared" si="506"/>
        <v>0.28473488779738343</v>
      </c>
      <c r="M4504">
        <f t="shared" si="507"/>
        <v>0</v>
      </c>
      <c r="N4504" s="45">
        <f t="shared" si="508"/>
        <v>45113.249999989159</v>
      </c>
    </row>
    <row r="4505" spans="2:14" x14ac:dyDescent="0.25">
      <c r="B4505">
        <f t="shared" si="502"/>
        <v>4</v>
      </c>
      <c r="C4505" s="16">
        <v>4471</v>
      </c>
      <c r="D4505" cm="1">
        <f t="array" ref="D4505">IFERROR(INDEX(Jesper!AH$2:AH$366,ROUNDDOWN($C4505/24,0)+1,1)*INDEX($D$3:$AA$30,INDEX(Jesper!$R$2:$R$366,ROW(INDEX(Jesper!AH$2:AH$366,ROUNDDOWN($C4505/24,0)+1,1))-1)+IF('Standard Profiles'!$G$18=$B$10,7,0)+IF('Standard Profiles'!$G$18=$B$17,14,0)+IF('Standard Profiles'!$G$18=$B$24,21,0),MOD($C4505,24)+1)/SUM(INDEX($D$3:$AA$30,INDEX(Jesper!$R$2:$R$366,ROW(INDEX(Jesper!AH$2:AH$366,ROUNDDOWN($C4505/24,0)+1,1))-1)+IF('Standard Profiles'!$G$18=$B$10,7,0)+IF('Standard Profiles'!$G$18=$B$17,14,0)+IF('Standard Profiles'!$G$18=$B$24,21,0),0)),0)</f>
        <v>21.824282024924443</v>
      </c>
      <c r="E4505" cm="1">
        <f t="array" ref="E4505">IFERROR(INDEX(Jesper!AI$2:AI$366,ROUNDDOWN($C4505/24,0)+1,1)*INDEX($D$3:$AA$30,INDEX(Jesper!$R$2:$R$366,ROW(INDEX(Jesper!AI$2:AI$366,ROUNDDOWN($C4505/24,0)+1,1))-1)+IF('Standard Profiles'!$G$19=$B$10,7,0)+IF('Standard Profiles'!$G$19=$B$17,14,0)+IF('Standard Profiles'!$G$19=$B$24,21,0),MOD($C4505,24)+1)/SUM(INDEX($D$3:$AA$30,INDEX(Jesper!$R$2:$R$366,ROW(INDEX(Jesper!AI$2:AI$366,ROUNDDOWN($C4505/24,0)+1,1))-1)+IF('Standard Profiles'!$G$19=$B$10,7,0)+IF('Standard Profiles'!$G$19=$B$17,14,0)+IF('Standard Profiles'!$G$19=$B$24,21,0),0)),0)</f>
        <v>9.2132781504130321</v>
      </c>
      <c r="F4505" cm="1">
        <f t="array" ref="F4505">IFERROR(INDEX(Jesper!AJ$2:AJ$366,ROUNDDOWN($C4505/24,0)+1,1)*INDEX($D$3:$AA$30,INDEX(Jesper!$R$2:$R$366,ROW(INDEX(Jesper!AJ$2:AJ$366,ROUNDDOWN($C4505/24,0)+1,1))-1)+IF('Standard Profiles'!$G$20=$B$10,7,0)+IF('Standard Profiles'!$G$20=$B$17,14,0)+IF('Standard Profiles'!$G$20=$B$24,21,0),MOD($C4505,24)+1)/SUM(INDEX($D$3:$AA$30,INDEX(Jesper!$R$2:$R$366,ROW(INDEX(Jesper!AJ$2:AJ$366,ROUNDDOWN($C4505/24,0)+1,1))-1)+IF('Standard Profiles'!$G$20=$B$10,7,0)+IF('Standard Profiles'!$G$20=$B$17,14,0)+IF('Standard Profiles'!$G$20=$B$24,21,0),0)),0)</f>
        <v>0</v>
      </c>
      <c r="G4505" cm="1">
        <f t="array" ref="G4505">IFERROR(INDEX(Jesper!AK$2:AK$366,ROUNDDOWN($C4505/24,0)+1,1)*INDEX($D$3:$AA$30,INDEX(Jesper!$R$2:$R$366,ROW(INDEX(Jesper!AK$2:AK$366,ROUNDDOWN($C4505/24,0)+1,1))-1)+IF('Standard Profiles'!$G$21=$B$10,7,0)+IF('Standard Profiles'!$G$21=$B$17,14,0)+IF('Standard Profiles'!$G$21=$B$24,21,0),MOD($C4505,24)+1)/SUM(INDEX($D$3:$AA$30,INDEX(Jesper!$R$2:$R$366,ROW(INDEX(Jesper!AK$2:AK$366,ROUNDDOWN($C4505/24,0)+1,1))-1)+IF('Standard Profiles'!$G$21=$B$10,7,0)+IF('Standard Profiles'!$G$21=$B$17,14,0)+IF('Standard Profiles'!$G$21=$B$24,21,0),0)),0)</f>
        <v>0.55659251840652535</v>
      </c>
      <c r="H4505" cm="1">
        <f t="array" ref="H4505">IFERROR(INDEX(Jesper!AL$2:AL$366,ROUNDDOWN($C4505/24,0)+1,1)*INDEX($D$3:$AA$30,INDEX(Jesper!$R$2:$R$366,ROW(INDEX(Jesper!AL$2:AL$366,ROUNDDOWN($C4505/24,0)+1,1))-1)+IF('Standard Profiles'!$G$22=$B$10,7,0)+IF('Standard Profiles'!$G$22=$B$17,14,0)+IF('Standard Profiles'!$G$22=$B$24,21,0),MOD($C4505,24)+1)/SUM(INDEX($D$3:$AA$30,INDEX(Jesper!$R$2:$R$366,ROW(INDEX(Jesper!AL$2:AL$366,ROUNDDOWN($C4505/24,0)+1,1))-1)+IF('Standard Profiles'!$G$22=$B$10,7,0)+IF('Standard Profiles'!$G$22=$B$17,14,0)+IF('Standard Profiles'!$G$22=$B$24,21,0),0)),0)</f>
        <v>0</v>
      </c>
      <c r="I4505">
        <f t="shared" si="503"/>
        <v>0.26716440883513204</v>
      </c>
      <c r="J4505">
        <f t="shared" si="504"/>
        <v>27.835103160920955</v>
      </c>
      <c r="K4505">
        <f t="shared" si="505"/>
        <v>2.3279234159919406</v>
      </c>
      <c r="L4505">
        <f t="shared" si="506"/>
        <v>1.1639617079959703</v>
      </c>
      <c r="M4505">
        <f t="shared" si="507"/>
        <v>0</v>
      </c>
      <c r="N4505" s="45">
        <f t="shared" si="508"/>
        <v>45113.291666655823</v>
      </c>
    </row>
    <row r="4506" spans="2:14" x14ac:dyDescent="0.25">
      <c r="B4506">
        <f t="shared" si="502"/>
        <v>4</v>
      </c>
      <c r="C4506" s="16">
        <v>4472</v>
      </c>
      <c r="D4506" cm="1">
        <f t="array" ref="D4506">IFERROR(INDEX(Jesper!AH$2:AH$366,ROUNDDOWN($C4506/24,0)+1,1)*INDEX($D$3:$AA$30,INDEX(Jesper!$R$2:$R$366,ROW(INDEX(Jesper!AH$2:AH$366,ROUNDDOWN($C4506/24,0)+1,1))-1)+IF('Standard Profiles'!$G$18=$B$10,7,0)+IF('Standard Profiles'!$G$18=$B$17,14,0)+IF('Standard Profiles'!$G$18=$B$24,21,0),MOD($C4506,24)+1)/SUM(INDEX($D$3:$AA$30,INDEX(Jesper!$R$2:$R$366,ROW(INDEX(Jesper!AH$2:AH$366,ROUNDDOWN($C4506/24,0)+1,1))-1)+IF('Standard Profiles'!$G$18=$B$10,7,0)+IF('Standard Profiles'!$G$18=$B$17,14,0)+IF('Standard Profiles'!$G$18=$B$24,21,0),0)),0)</f>
        <v>24.351304154126222</v>
      </c>
      <c r="E4506" cm="1">
        <f t="array" ref="E4506">IFERROR(INDEX(Jesper!AI$2:AI$366,ROUNDDOWN($C4506/24,0)+1,1)*INDEX($D$3:$AA$30,INDEX(Jesper!$R$2:$R$366,ROW(INDEX(Jesper!AI$2:AI$366,ROUNDDOWN($C4506/24,0)+1,1))-1)+IF('Standard Profiles'!$G$19=$B$10,7,0)+IF('Standard Profiles'!$G$19=$B$17,14,0)+IF('Standard Profiles'!$G$19=$B$24,21,0),MOD($C4506,24)+1)/SUM(INDEX($D$3:$AA$30,INDEX(Jesper!$R$2:$R$366,ROW(INDEX(Jesper!AI$2:AI$366,ROUNDDOWN($C4506/24,0)+1,1))-1)+IF('Standard Profiles'!$G$19=$B$10,7,0)+IF('Standard Profiles'!$G$19=$B$17,14,0)+IF('Standard Profiles'!$G$19=$B$24,21,0),0)),0)</f>
        <v>10.280078778355593</v>
      </c>
      <c r="F4506" cm="1">
        <f t="array" ref="F4506">IFERROR(INDEX(Jesper!AJ$2:AJ$366,ROUNDDOWN($C4506/24,0)+1,1)*INDEX($D$3:$AA$30,INDEX(Jesper!$R$2:$R$366,ROW(INDEX(Jesper!AJ$2:AJ$366,ROUNDDOWN($C4506/24,0)+1,1))-1)+IF('Standard Profiles'!$G$20=$B$10,7,0)+IF('Standard Profiles'!$G$20=$B$17,14,0)+IF('Standard Profiles'!$G$20=$B$24,21,0),MOD($C4506,24)+1)/SUM(INDEX($D$3:$AA$30,INDEX(Jesper!$R$2:$R$366,ROW(INDEX(Jesper!AJ$2:AJ$366,ROUNDDOWN($C4506/24,0)+1,1))-1)+IF('Standard Profiles'!$G$20=$B$10,7,0)+IF('Standard Profiles'!$G$20=$B$17,14,0)+IF('Standard Profiles'!$G$20=$B$24,21,0),0)),0)</f>
        <v>0</v>
      </c>
      <c r="G4506" cm="1">
        <f t="array" ref="G4506">IFERROR(INDEX(Jesper!AK$2:AK$366,ROUNDDOWN($C4506/24,0)+1,1)*INDEX($D$3:$AA$30,INDEX(Jesper!$R$2:$R$366,ROW(INDEX(Jesper!AK$2:AK$366,ROUNDDOWN($C4506/24,0)+1,1))-1)+IF('Standard Profiles'!$G$21=$B$10,7,0)+IF('Standard Profiles'!$G$21=$B$17,14,0)+IF('Standard Profiles'!$G$21=$B$24,21,0),MOD($C4506,24)+1)/SUM(INDEX($D$3:$AA$30,INDEX(Jesper!$R$2:$R$366,ROW(INDEX(Jesper!AK$2:AK$366,ROUNDDOWN($C4506/24,0)+1,1))-1)+IF('Standard Profiles'!$G$21=$B$10,7,0)+IF('Standard Profiles'!$G$21=$B$17,14,0)+IF('Standard Profiles'!$G$21=$B$24,21,0),0)),0)</f>
        <v>0.62104007316938614</v>
      </c>
      <c r="H4506" cm="1">
        <f t="array" ref="H4506">IFERROR(INDEX(Jesper!AL$2:AL$366,ROUNDDOWN($C4506/24,0)+1,1)*INDEX($D$3:$AA$30,INDEX(Jesper!$R$2:$R$366,ROW(INDEX(Jesper!AL$2:AL$366,ROUNDDOWN($C4506/24,0)+1,1))-1)+IF('Standard Profiles'!$G$22=$B$10,7,0)+IF('Standard Profiles'!$G$22=$B$17,14,0)+IF('Standard Profiles'!$G$22=$B$24,21,0),MOD($C4506,24)+1)/SUM(INDEX($D$3:$AA$30,INDEX(Jesper!$R$2:$R$366,ROW(INDEX(Jesper!AL$2:AL$366,ROUNDDOWN($C4506/24,0)+1,1))-1)+IF('Standard Profiles'!$G$22=$B$10,7,0)+IF('Standard Profiles'!$G$22=$B$17,14,0)+IF('Standard Profiles'!$G$22=$B$24,21,0),0)),0)</f>
        <v>0</v>
      </c>
      <c r="I4506">
        <f t="shared" si="503"/>
        <v>0.29809923512130521</v>
      </c>
      <c r="J4506">
        <f t="shared" si="504"/>
        <v>31.0581151058697</v>
      </c>
      <c r="K4506">
        <f t="shared" si="505"/>
        <v>2.5974724431067973</v>
      </c>
      <c r="L4506">
        <f t="shared" si="506"/>
        <v>1.2987362215533986</v>
      </c>
      <c r="M4506">
        <f t="shared" si="507"/>
        <v>0</v>
      </c>
      <c r="N4506" s="45">
        <f t="shared" si="508"/>
        <v>45113.333333322487</v>
      </c>
    </row>
    <row r="4507" spans="2:14" x14ac:dyDescent="0.25">
      <c r="B4507">
        <f t="shared" si="502"/>
        <v>4</v>
      </c>
      <c r="C4507" s="16">
        <v>4473</v>
      </c>
      <c r="D4507" cm="1">
        <f t="array" ref="D4507">IFERROR(INDEX(Jesper!AH$2:AH$366,ROUNDDOWN($C4507/24,0)+1,1)*INDEX($D$3:$AA$30,INDEX(Jesper!$R$2:$R$366,ROW(INDEX(Jesper!AH$2:AH$366,ROUNDDOWN($C4507/24,0)+1,1))-1)+IF('Standard Profiles'!$G$18=$B$10,7,0)+IF('Standard Profiles'!$G$18=$B$17,14,0)+IF('Standard Profiles'!$G$18=$B$24,21,0),MOD($C4507,24)+1)/SUM(INDEX($D$3:$AA$30,INDEX(Jesper!$R$2:$R$366,ROW(INDEX(Jesper!AH$2:AH$366,ROUNDDOWN($C4507/24,0)+1,1))-1)+IF('Standard Profiles'!$G$18=$B$10,7,0)+IF('Standard Profiles'!$G$18=$B$17,14,0)+IF('Standard Profiles'!$G$18=$B$24,21,0),0)),0)</f>
        <v>26.878326283328001</v>
      </c>
      <c r="E4507" cm="1">
        <f t="array" ref="E4507">IFERROR(INDEX(Jesper!AI$2:AI$366,ROUNDDOWN($C4507/24,0)+1,1)*INDEX($D$3:$AA$30,INDEX(Jesper!$R$2:$R$366,ROW(INDEX(Jesper!AI$2:AI$366,ROUNDDOWN($C4507/24,0)+1,1))-1)+IF('Standard Profiles'!$G$19=$B$10,7,0)+IF('Standard Profiles'!$G$19=$B$17,14,0)+IF('Standard Profiles'!$G$19=$B$24,21,0),MOD($C4507,24)+1)/SUM(INDEX($D$3:$AA$30,INDEX(Jesper!$R$2:$R$366,ROW(INDEX(Jesper!AI$2:AI$366,ROUNDDOWN($C4507/24,0)+1,1))-1)+IF('Standard Profiles'!$G$19=$B$10,7,0)+IF('Standard Profiles'!$G$19=$B$17,14,0)+IF('Standard Profiles'!$G$19=$B$24,21,0),0)),0)</f>
        <v>11.346879406298157</v>
      </c>
      <c r="F4507" cm="1">
        <f t="array" ref="F4507">IFERROR(INDEX(Jesper!AJ$2:AJ$366,ROUNDDOWN($C4507/24,0)+1,1)*INDEX($D$3:$AA$30,INDEX(Jesper!$R$2:$R$366,ROW(INDEX(Jesper!AJ$2:AJ$366,ROUNDDOWN($C4507/24,0)+1,1))-1)+IF('Standard Profiles'!$G$20=$B$10,7,0)+IF('Standard Profiles'!$G$20=$B$17,14,0)+IF('Standard Profiles'!$G$20=$B$24,21,0),MOD($C4507,24)+1)/SUM(INDEX($D$3:$AA$30,INDEX(Jesper!$R$2:$R$366,ROW(INDEX(Jesper!AJ$2:AJ$366,ROUNDDOWN($C4507/24,0)+1,1))-1)+IF('Standard Profiles'!$G$20=$B$10,7,0)+IF('Standard Profiles'!$G$20=$B$17,14,0)+IF('Standard Profiles'!$G$20=$B$24,21,0),0)),0)</f>
        <v>0</v>
      </c>
      <c r="G4507" cm="1">
        <f t="array" ref="G4507">IFERROR(INDEX(Jesper!AK$2:AK$366,ROUNDDOWN($C4507/24,0)+1,1)*INDEX($D$3:$AA$30,INDEX(Jesper!$R$2:$R$366,ROW(INDEX(Jesper!AK$2:AK$366,ROUNDDOWN($C4507/24,0)+1,1))-1)+IF('Standard Profiles'!$G$21=$B$10,7,0)+IF('Standard Profiles'!$G$21=$B$17,14,0)+IF('Standard Profiles'!$G$21=$B$24,21,0),MOD($C4507,24)+1)/SUM(INDEX($D$3:$AA$30,INDEX(Jesper!$R$2:$R$366,ROW(INDEX(Jesper!AK$2:AK$366,ROUNDDOWN($C4507/24,0)+1,1))-1)+IF('Standard Profiles'!$G$21=$B$10,7,0)+IF('Standard Profiles'!$G$21=$B$17,14,0)+IF('Standard Profiles'!$G$21=$B$24,21,0),0)),0)</f>
        <v>0.68548762793224693</v>
      </c>
      <c r="H4507" cm="1">
        <f t="array" ref="H4507">IFERROR(INDEX(Jesper!AL$2:AL$366,ROUNDDOWN($C4507/24,0)+1,1)*INDEX($D$3:$AA$30,INDEX(Jesper!$R$2:$R$366,ROW(INDEX(Jesper!AL$2:AL$366,ROUNDDOWN($C4507/24,0)+1,1))-1)+IF('Standard Profiles'!$G$22=$B$10,7,0)+IF('Standard Profiles'!$G$22=$B$17,14,0)+IF('Standard Profiles'!$G$22=$B$24,21,0),MOD($C4507,24)+1)/SUM(INDEX($D$3:$AA$30,INDEX(Jesper!$R$2:$R$366,ROW(INDEX(Jesper!AL$2:AL$366,ROUNDDOWN($C4507/24,0)+1,1))-1)+IF('Standard Profiles'!$G$22=$B$10,7,0)+IF('Standard Profiles'!$G$22=$B$17,14,0)+IF('Standard Profiles'!$G$22=$B$24,21,0),0)),0)</f>
        <v>0</v>
      </c>
      <c r="I4507">
        <f t="shared" si="503"/>
        <v>0.32903406140747837</v>
      </c>
      <c r="J4507">
        <f t="shared" si="504"/>
        <v>34.281127050818448</v>
      </c>
      <c r="K4507">
        <f t="shared" si="505"/>
        <v>2.8670214702216534</v>
      </c>
      <c r="L4507">
        <f t="shared" si="506"/>
        <v>1.4335107351108267</v>
      </c>
      <c r="M4507">
        <f t="shared" si="507"/>
        <v>0</v>
      </c>
      <c r="N4507" s="45">
        <f t="shared" si="508"/>
        <v>45113.374999989152</v>
      </c>
    </row>
    <row r="4508" spans="2:14" x14ac:dyDescent="0.25">
      <c r="B4508">
        <f t="shared" si="502"/>
        <v>4</v>
      </c>
      <c r="C4508" s="16">
        <v>4474</v>
      </c>
      <c r="D4508" cm="1">
        <f t="array" ref="D4508">IFERROR(INDEX(Jesper!AH$2:AH$366,ROUNDDOWN($C4508/24,0)+1,1)*INDEX($D$3:$AA$30,INDEX(Jesper!$R$2:$R$366,ROW(INDEX(Jesper!AH$2:AH$366,ROUNDDOWN($C4508/24,0)+1,1))-1)+IF('Standard Profiles'!$G$18=$B$10,7,0)+IF('Standard Profiles'!$G$18=$B$17,14,0)+IF('Standard Profiles'!$G$18=$B$24,21,0),MOD($C4508,24)+1)/SUM(INDEX($D$3:$AA$30,INDEX(Jesper!$R$2:$R$366,ROW(INDEX(Jesper!AH$2:AH$366,ROUNDDOWN($C4508/24,0)+1,1))-1)+IF('Standard Profiles'!$G$18=$B$10,7,0)+IF('Standard Profiles'!$G$18=$B$17,14,0)+IF('Standard Profiles'!$G$18=$B$24,21,0),0)),0)</f>
        <v>26.878326283328001</v>
      </c>
      <c r="E4508" cm="1">
        <f t="array" ref="E4508">IFERROR(INDEX(Jesper!AI$2:AI$366,ROUNDDOWN($C4508/24,0)+1,1)*INDEX($D$3:$AA$30,INDEX(Jesper!$R$2:$R$366,ROW(INDEX(Jesper!AI$2:AI$366,ROUNDDOWN($C4508/24,0)+1,1))-1)+IF('Standard Profiles'!$G$19=$B$10,7,0)+IF('Standard Profiles'!$G$19=$B$17,14,0)+IF('Standard Profiles'!$G$19=$B$24,21,0),MOD($C4508,24)+1)/SUM(INDEX($D$3:$AA$30,INDEX(Jesper!$R$2:$R$366,ROW(INDEX(Jesper!AI$2:AI$366,ROUNDDOWN($C4508/24,0)+1,1))-1)+IF('Standard Profiles'!$G$19=$B$10,7,0)+IF('Standard Profiles'!$G$19=$B$17,14,0)+IF('Standard Profiles'!$G$19=$B$24,21,0),0)),0)</f>
        <v>11.346879406298157</v>
      </c>
      <c r="F4508" cm="1">
        <f t="array" ref="F4508">IFERROR(INDEX(Jesper!AJ$2:AJ$366,ROUNDDOWN($C4508/24,0)+1,1)*INDEX($D$3:$AA$30,INDEX(Jesper!$R$2:$R$366,ROW(INDEX(Jesper!AJ$2:AJ$366,ROUNDDOWN($C4508/24,0)+1,1))-1)+IF('Standard Profiles'!$G$20=$B$10,7,0)+IF('Standard Profiles'!$G$20=$B$17,14,0)+IF('Standard Profiles'!$G$20=$B$24,21,0),MOD($C4508,24)+1)/SUM(INDEX($D$3:$AA$30,INDEX(Jesper!$R$2:$R$366,ROW(INDEX(Jesper!AJ$2:AJ$366,ROUNDDOWN($C4508/24,0)+1,1))-1)+IF('Standard Profiles'!$G$20=$B$10,7,0)+IF('Standard Profiles'!$G$20=$B$17,14,0)+IF('Standard Profiles'!$G$20=$B$24,21,0),0)),0)</f>
        <v>0</v>
      </c>
      <c r="G4508" cm="1">
        <f t="array" ref="G4508">IFERROR(INDEX(Jesper!AK$2:AK$366,ROUNDDOWN($C4508/24,0)+1,1)*INDEX($D$3:$AA$30,INDEX(Jesper!$R$2:$R$366,ROW(INDEX(Jesper!AK$2:AK$366,ROUNDDOWN($C4508/24,0)+1,1))-1)+IF('Standard Profiles'!$G$21=$B$10,7,0)+IF('Standard Profiles'!$G$21=$B$17,14,0)+IF('Standard Profiles'!$G$21=$B$24,21,0),MOD($C4508,24)+1)/SUM(INDEX($D$3:$AA$30,INDEX(Jesper!$R$2:$R$366,ROW(INDEX(Jesper!AK$2:AK$366,ROUNDDOWN($C4508/24,0)+1,1))-1)+IF('Standard Profiles'!$G$21=$B$10,7,0)+IF('Standard Profiles'!$G$21=$B$17,14,0)+IF('Standard Profiles'!$G$21=$B$24,21,0),0)),0)</f>
        <v>0.68548762793224693</v>
      </c>
      <c r="H4508" cm="1">
        <f t="array" ref="H4508">IFERROR(INDEX(Jesper!AL$2:AL$366,ROUNDDOWN($C4508/24,0)+1,1)*INDEX($D$3:$AA$30,INDEX(Jesper!$R$2:$R$366,ROW(INDEX(Jesper!AL$2:AL$366,ROUNDDOWN($C4508/24,0)+1,1))-1)+IF('Standard Profiles'!$G$22=$B$10,7,0)+IF('Standard Profiles'!$G$22=$B$17,14,0)+IF('Standard Profiles'!$G$22=$B$24,21,0),MOD($C4508,24)+1)/SUM(INDEX($D$3:$AA$30,INDEX(Jesper!$R$2:$R$366,ROW(INDEX(Jesper!AL$2:AL$366,ROUNDDOWN($C4508/24,0)+1,1))-1)+IF('Standard Profiles'!$G$22=$B$10,7,0)+IF('Standard Profiles'!$G$22=$B$17,14,0)+IF('Standard Profiles'!$G$22=$B$24,21,0),0)),0)</f>
        <v>0</v>
      </c>
      <c r="I4508">
        <f t="shared" si="503"/>
        <v>0.32903406140747837</v>
      </c>
      <c r="J4508">
        <f t="shared" si="504"/>
        <v>34.281127050818448</v>
      </c>
      <c r="K4508">
        <f t="shared" si="505"/>
        <v>2.8670214702216534</v>
      </c>
      <c r="L4508">
        <f t="shared" si="506"/>
        <v>1.4335107351108267</v>
      </c>
      <c r="M4508">
        <f t="shared" si="507"/>
        <v>0</v>
      </c>
      <c r="N4508" s="45">
        <f t="shared" si="508"/>
        <v>45113.416666655816</v>
      </c>
    </row>
    <row r="4509" spans="2:14" x14ac:dyDescent="0.25">
      <c r="B4509">
        <f t="shared" si="502"/>
        <v>4</v>
      </c>
      <c r="C4509" s="16">
        <v>4475</v>
      </c>
      <c r="D4509" cm="1">
        <f t="array" ref="D4509">IFERROR(INDEX(Jesper!AH$2:AH$366,ROUNDDOWN($C4509/24,0)+1,1)*INDEX($D$3:$AA$30,INDEX(Jesper!$R$2:$R$366,ROW(INDEX(Jesper!AH$2:AH$366,ROUNDDOWN($C4509/24,0)+1,1))-1)+IF('Standard Profiles'!$G$18=$B$10,7,0)+IF('Standard Profiles'!$G$18=$B$17,14,0)+IF('Standard Profiles'!$G$18=$B$24,21,0),MOD($C4509,24)+1)/SUM(INDEX($D$3:$AA$30,INDEX(Jesper!$R$2:$R$366,ROW(INDEX(Jesper!AH$2:AH$366,ROUNDDOWN($C4509/24,0)+1,1))-1)+IF('Standard Profiles'!$G$18=$B$10,7,0)+IF('Standard Profiles'!$G$18=$B$17,14,0)+IF('Standard Profiles'!$G$18=$B$24,21,0),0)),0)</f>
        <v>32.16209982620444</v>
      </c>
      <c r="E4509" cm="1">
        <f t="array" ref="E4509">IFERROR(INDEX(Jesper!AI$2:AI$366,ROUNDDOWN($C4509/24,0)+1,1)*INDEX($D$3:$AA$30,INDEX(Jesper!$R$2:$R$366,ROW(INDEX(Jesper!AI$2:AI$366,ROUNDDOWN($C4509/24,0)+1,1))-1)+IF('Standard Profiles'!$G$19=$B$10,7,0)+IF('Standard Profiles'!$G$19=$B$17,14,0)+IF('Standard Profiles'!$G$19=$B$24,21,0),MOD($C4509,24)+1)/SUM(INDEX($D$3:$AA$30,INDEX(Jesper!$R$2:$R$366,ROW(INDEX(Jesper!AI$2:AI$366,ROUNDDOWN($C4509/24,0)+1,1))-1)+IF('Standard Profiles'!$G$19=$B$10,7,0)+IF('Standard Profiles'!$G$19=$B$17,14,0)+IF('Standard Profiles'!$G$19=$B$24,21,0),0)),0)</f>
        <v>13.577462537450783</v>
      </c>
      <c r="F4509" cm="1">
        <f t="array" ref="F4509">IFERROR(INDEX(Jesper!AJ$2:AJ$366,ROUNDDOWN($C4509/24,0)+1,1)*INDEX($D$3:$AA$30,INDEX(Jesper!$R$2:$R$366,ROW(INDEX(Jesper!AJ$2:AJ$366,ROUNDDOWN($C4509/24,0)+1,1))-1)+IF('Standard Profiles'!$G$20=$B$10,7,0)+IF('Standard Profiles'!$G$20=$B$17,14,0)+IF('Standard Profiles'!$G$20=$B$24,21,0),MOD($C4509,24)+1)/SUM(INDEX($D$3:$AA$30,INDEX(Jesper!$R$2:$R$366,ROW(INDEX(Jesper!AJ$2:AJ$366,ROUNDDOWN($C4509/24,0)+1,1))-1)+IF('Standard Profiles'!$G$20=$B$10,7,0)+IF('Standard Profiles'!$G$20=$B$17,14,0)+IF('Standard Profiles'!$G$20=$B$24,21,0),0)),0)</f>
        <v>0</v>
      </c>
      <c r="G4509" cm="1">
        <f t="array" ref="G4509">IFERROR(INDEX(Jesper!AK$2:AK$366,ROUNDDOWN($C4509/24,0)+1,1)*INDEX($D$3:$AA$30,INDEX(Jesper!$R$2:$R$366,ROW(INDEX(Jesper!AK$2:AK$366,ROUNDDOWN($C4509/24,0)+1,1))-1)+IF('Standard Profiles'!$G$21=$B$10,7,0)+IF('Standard Profiles'!$G$21=$B$17,14,0)+IF('Standard Profiles'!$G$21=$B$24,21,0),MOD($C4509,24)+1)/SUM(INDEX($D$3:$AA$30,INDEX(Jesper!$R$2:$R$366,ROW(INDEX(Jesper!AK$2:AK$366,ROUNDDOWN($C4509/24,0)+1,1))-1)+IF('Standard Profiles'!$G$21=$B$10,7,0)+IF('Standard Profiles'!$G$21=$B$17,14,0)+IF('Standard Profiles'!$G$21=$B$24,21,0),0)),0)</f>
        <v>0.82024160607277408</v>
      </c>
      <c r="H4509" cm="1">
        <f t="array" ref="H4509">IFERROR(INDEX(Jesper!AL$2:AL$366,ROUNDDOWN($C4509/24,0)+1,1)*INDEX($D$3:$AA$30,INDEX(Jesper!$R$2:$R$366,ROW(INDEX(Jesper!AL$2:AL$366,ROUNDDOWN($C4509/24,0)+1,1))-1)+IF('Standard Profiles'!$G$22=$B$10,7,0)+IF('Standard Profiles'!$G$22=$B$17,14,0)+IF('Standard Profiles'!$G$22=$B$24,21,0),MOD($C4509,24)+1)/SUM(INDEX($D$3:$AA$30,INDEX(Jesper!$R$2:$R$366,ROW(INDEX(Jesper!AL$2:AL$366,ROUNDDOWN($C4509/24,0)+1,1))-1)+IF('Standard Profiles'!$G$22=$B$10,7,0)+IF('Standard Profiles'!$G$22=$B$17,14,0)+IF('Standard Profiles'!$G$22=$B$24,21,0),0)),0)</f>
        <v>0</v>
      </c>
      <c r="I4509">
        <f t="shared" si="503"/>
        <v>0.39371597091493138</v>
      </c>
      <c r="J4509">
        <f t="shared" si="504"/>
        <v>41.020152026620359</v>
      </c>
      <c r="K4509">
        <f t="shared" si="505"/>
        <v>3.4306239814618071</v>
      </c>
      <c r="L4509">
        <f t="shared" si="506"/>
        <v>1.7153119907309036</v>
      </c>
      <c r="M4509">
        <f t="shared" si="507"/>
        <v>0</v>
      </c>
      <c r="N4509" s="45">
        <f t="shared" si="508"/>
        <v>45113.45833332248</v>
      </c>
    </row>
    <row r="4510" spans="2:14" x14ac:dyDescent="0.25">
      <c r="B4510">
        <f t="shared" si="502"/>
        <v>4</v>
      </c>
      <c r="C4510" s="16">
        <v>4476</v>
      </c>
      <c r="D4510" cm="1">
        <f t="array" ref="D4510">IFERROR(INDEX(Jesper!AH$2:AH$366,ROUNDDOWN($C4510/24,0)+1,1)*INDEX($D$3:$AA$30,INDEX(Jesper!$R$2:$R$366,ROW(INDEX(Jesper!AH$2:AH$366,ROUNDDOWN($C4510/24,0)+1,1))-1)+IF('Standard Profiles'!$G$18=$B$10,7,0)+IF('Standard Profiles'!$G$18=$B$17,14,0)+IF('Standard Profiles'!$G$18=$B$24,21,0),MOD($C4510,24)+1)/SUM(INDEX($D$3:$AA$30,INDEX(Jesper!$R$2:$R$366,ROW(INDEX(Jesper!AH$2:AH$366,ROUNDDOWN($C4510/24,0)+1,1))-1)+IF('Standard Profiles'!$G$18=$B$10,7,0)+IF('Standard Profiles'!$G$18=$B$17,14,0)+IF('Standard Profiles'!$G$18=$B$24,21,0),0)),0)</f>
        <v>32.16209982620444</v>
      </c>
      <c r="E4510" cm="1">
        <f t="array" ref="E4510">IFERROR(INDEX(Jesper!AI$2:AI$366,ROUNDDOWN($C4510/24,0)+1,1)*INDEX($D$3:$AA$30,INDEX(Jesper!$R$2:$R$366,ROW(INDEX(Jesper!AI$2:AI$366,ROUNDDOWN($C4510/24,0)+1,1))-1)+IF('Standard Profiles'!$G$19=$B$10,7,0)+IF('Standard Profiles'!$G$19=$B$17,14,0)+IF('Standard Profiles'!$G$19=$B$24,21,0),MOD($C4510,24)+1)/SUM(INDEX($D$3:$AA$30,INDEX(Jesper!$R$2:$R$366,ROW(INDEX(Jesper!AI$2:AI$366,ROUNDDOWN($C4510/24,0)+1,1))-1)+IF('Standard Profiles'!$G$19=$B$10,7,0)+IF('Standard Profiles'!$G$19=$B$17,14,0)+IF('Standard Profiles'!$G$19=$B$24,21,0),0)),0)</f>
        <v>13.577462537450783</v>
      </c>
      <c r="F4510" cm="1">
        <f t="array" ref="F4510">IFERROR(INDEX(Jesper!AJ$2:AJ$366,ROUNDDOWN($C4510/24,0)+1,1)*INDEX($D$3:$AA$30,INDEX(Jesper!$R$2:$R$366,ROW(INDEX(Jesper!AJ$2:AJ$366,ROUNDDOWN($C4510/24,0)+1,1))-1)+IF('Standard Profiles'!$G$20=$B$10,7,0)+IF('Standard Profiles'!$G$20=$B$17,14,0)+IF('Standard Profiles'!$G$20=$B$24,21,0),MOD($C4510,24)+1)/SUM(INDEX($D$3:$AA$30,INDEX(Jesper!$R$2:$R$366,ROW(INDEX(Jesper!AJ$2:AJ$366,ROUNDDOWN($C4510/24,0)+1,1))-1)+IF('Standard Profiles'!$G$20=$B$10,7,0)+IF('Standard Profiles'!$G$20=$B$17,14,0)+IF('Standard Profiles'!$G$20=$B$24,21,0),0)),0)</f>
        <v>0</v>
      </c>
      <c r="G4510" cm="1">
        <f t="array" ref="G4510">IFERROR(INDEX(Jesper!AK$2:AK$366,ROUNDDOWN($C4510/24,0)+1,1)*INDEX($D$3:$AA$30,INDEX(Jesper!$R$2:$R$366,ROW(INDEX(Jesper!AK$2:AK$366,ROUNDDOWN($C4510/24,0)+1,1))-1)+IF('Standard Profiles'!$G$21=$B$10,7,0)+IF('Standard Profiles'!$G$21=$B$17,14,0)+IF('Standard Profiles'!$G$21=$B$24,21,0),MOD($C4510,24)+1)/SUM(INDEX($D$3:$AA$30,INDEX(Jesper!$R$2:$R$366,ROW(INDEX(Jesper!AK$2:AK$366,ROUNDDOWN($C4510/24,0)+1,1))-1)+IF('Standard Profiles'!$G$21=$B$10,7,0)+IF('Standard Profiles'!$G$21=$B$17,14,0)+IF('Standard Profiles'!$G$21=$B$24,21,0),0)),0)</f>
        <v>0.82024160607277408</v>
      </c>
      <c r="H4510" cm="1">
        <f t="array" ref="H4510">IFERROR(INDEX(Jesper!AL$2:AL$366,ROUNDDOWN($C4510/24,0)+1,1)*INDEX($D$3:$AA$30,INDEX(Jesper!$R$2:$R$366,ROW(INDEX(Jesper!AL$2:AL$366,ROUNDDOWN($C4510/24,0)+1,1))-1)+IF('Standard Profiles'!$G$22=$B$10,7,0)+IF('Standard Profiles'!$G$22=$B$17,14,0)+IF('Standard Profiles'!$G$22=$B$24,21,0),MOD($C4510,24)+1)/SUM(INDEX($D$3:$AA$30,INDEX(Jesper!$R$2:$R$366,ROW(INDEX(Jesper!AL$2:AL$366,ROUNDDOWN($C4510/24,0)+1,1))-1)+IF('Standard Profiles'!$G$22=$B$10,7,0)+IF('Standard Profiles'!$G$22=$B$17,14,0)+IF('Standard Profiles'!$G$22=$B$24,21,0),0)),0)</f>
        <v>0</v>
      </c>
      <c r="I4510">
        <f t="shared" si="503"/>
        <v>0.39371597091493138</v>
      </c>
      <c r="J4510">
        <f t="shared" si="504"/>
        <v>41.020152026620359</v>
      </c>
      <c r="K4510">
        <f t="shared" si="505"/>
        <v>3.4306239814618071</v>
      </c>
      <c r="L4510">
        <f t="shared" si="506"/>
        <v>1.7153119907309036</v>
      </c>
      <c r="M4510">
        <f t="shared" si="507"/>
        <v>0</v>
      </c>
      <c r="N4510" s="45">
        <f t="shared" si="508"/>
        <v>45113.499999989144</v>
      </c>
    </row>
    <row r="4511" spans="2:14" x14ac:dyDescent="0.25">
      <c r="B4511">
        <f t="shared" si="502"/>
        <v>4</v>
      </c>
      <c r="C4511" s="16">
        <v>4477</v>
      </c>
      <c r="D4511" cm="1">
        <f t="array" ref="D4511">IFERROR(INDEX(Jesper!AH$2:AH$366,ROUNDDOWN($C4511/24,0)+1,1)*INDEX($D$3:$AA$30,INDEX(Jesper!$R$2:$R$366,ROW(INDEX(Jesper!AH$2:AH$366,ROUNDDOWN($C4511/24,0)+1,1))-1)+IF('Standard Profiles'!$G$18=$B$10,7,0)+IF('Standard Profiles'!$G$18=$B$17,14,0)+IF('Standard Profiles'!$G$18=$B$24,21,0),MOD($C4511,24)+1)/SUM(INDEX($D$3:$AA$30,INDEX(Jesper!$R$2:$R$366,ROW(INDEX(Jesper!AH$2:AH$366,ROUNDDOWN($C4511/24,0)+1,1))-1)+IF('Standard Profiles'!$G$18=$B$10,7,0)+IF('Standard Profiles'!$G$18=$B$17,14,0)+IF('Standard Profiles'!$G$18=$B$24,21,0),0)),0)</f>
        <v>21.364823455978662</v>
      </c>
      <c r="E4511" cm="1">
        <f t="array" ref="E4511">IFERROR(INDEX(Jesper!AI$2:AI$366,ROUNDDOWN($C4511/24,0)+1,1)*INDEX($D$3:$AA$30,INDEX(Jesper!$R$2:$R$366,ROW(INDEX(Jesper!AI$2:AI$366,ROUNDDOWN($C4511/24,0)+1,1))-1)+IF('Standard Profiles'!$G$19=$B$10,7,0)+IF('Standard Profiles'!$G$19=$B$17,14,0)+IF('Standard Profiles'!$G$19=$B$24,21,0),MOD($C4511,24)+1)/SUM(INDEX($D$3:$AA$30,INDEX(Jesper!$R$2:$R$366,ROW(INDEX(Jesper!AI$2:AI$366,ROUNDDOWN($C4511/24,0)+1,1))-1)+IF('Standard Profiles'!$G$19=$B$10,7,0)+IF('Standard Profiles'!$G$19=$B$17,14,0)+IF('Standard Profiles'!$G$19=$B$24,21,0),0)),0)</f>
        <v>9.0193143998780201</v>
      </c>
      <c r="F4511" cm="1">
        <f t="array" ref="F4511">IFERROR(INDEX(Jesper!AJ$2:AJ$366,ROUNDDOWN($C4511/24,0)+1,1)*INDEX($D$3:$AA$30,INDEX(Jesper!$R$2:$R$366,ROW(INDEX(Jesper!AJ$2:AJ$366,ROUNDDOWN($C4511/24,0)+1,1))-1)+IF('Standard Profiles'!$G$20=$B$10,7,0)+IF('Standard Profiles'!$G$20=$B$17,14,0)+IF('Standard Profiles'!$G$20=$B$24,21,0),MOD($C4511,24)+1)/SUM(INDEX($D$3:$AA$30,INDEX(Jesper!$R$2:$R$366,ROW(INDEX(Jesper!AJ$2:AJ$366,ROUNDDOWN($C4511/24,0)+1,1))-1)+IF('Standard Profiles'!$G$20=$B$10,7,0)+IF('Standard Profiles'!$G$20=$B$17,14,0)+IF('Standard Profiles'!$G$20=$B$24,21,0),0)),0)</f>
        <v>0</v>
      </c>
      <c r="G4511" cm="1">
        <f t="array" ref="G4511">IFERROR(INDEX(Jesper!AK$2:AK$366,ROUNDDOWN($C4511/24,0)+1,1)*INDEX($D$3:$AA$30,INDEX(Jesper!$R$2:$R$366,ROW(INDEX(Jesper!AK$2:AK$366,ROUNDDOWN($C4511/24,0)+1,1))-1)+IF('Standard Profiles'!$G$21=$B$10,7,0)+IF('Standard Profiles'!$G$21=$B$17,14,0)+IF('Standard Profiles'!$G$21=$B$24,21,0),MOD($C4511,24)+1)/SUM(INDEX($D$3:$AA$30,INDEX(Jesper!$R$2:$R$366,ROW(INDEX(Jesper!AK$2:AK$366,ROUNDDOWN($C4511/24,0)+1,1))-1)+IF('Standard Profiles'!$G$21=$B$10,7,0)+IF('Standard Profiles'!$G$21=$B$17,14,0)+IF('Standard Profiles'!$G$21=$B$24,21,0),0)),0)</f>
        <v>0.54487478117691424</v>
      </c>
      <c r="H4511" cm="1">
        <f t="array" ref="H4511">IFERROR(INDEX(Jesper!AL$2:AL$366,ROUNDDOWN($C4511/24,0)+1,1)*INDEX($D$3:$AA$30,INDEX(Jesper!$R$2:$R$366,ROW(INDEX(Jesper!AL$2:AL$366,ROUNDDOWN($C4511/24,0)+1,1))-1)+IF('Standard Profiles'!$G$22=$B$10,7,0)+IF('Standard Profiles'!$G$22=$B$17,14,0)+IF('Standard Profiles'!$G$22=$B$24,21,0),MOD($C4511,24)+1)/SUM(INDEX($D$3:$AA$30,INDEX(Jesper!$R$2:$R$366,ROW(INDEX(Jesper!AL$2:AL$366,ROUNDDOWN($C4511/24,0)+1,1))-1)+IF('Standard Profiles'!$G$22=$B$10,7,0)+IF('Standard Profiles'!$G$22=$B$17,14,0)+IF('Standard Profiles'!$G$22=$B$24,21,0),0)),0)</f>
        <v>0</v>
      </c>
      <c r="I4511">
        <f t="shared" si="503"/>
        <v>0.2615398949649187</v>
      </c>
      <c r="J4511">
        <f t="shared" si="504"/>
        <v>27.24910098911209</v>
      </c>
      <c r="K4511">
        <f t="shared" si="505"/>
        <v>2.2789145019710575</v>
      </c>
      <c r="L4511">
        <f t="shared" si="506"/>
        <v>1.1394572509855287</v>
      </c>
      <c r="M4511">
        <f t="shared" si="507"/>
        <v>0</v>
      </c>
      <c r="N4511" s="45">
        <f t="shared" si="508"/>
        <v>45113.541666655809</v>
      </c>
    </row>
    <row r="4512" spans="2:14" x14ac:dyDescent="0.25">
      <c r="B4512">
        <f t="shared" si="502"/>
        <v>4</v>
      </c>
      <c r="C4512" s="16">
        <v>4478</v>
      </c>
      <c r="D4512" cm="1">
        <f t="array" ref="D4512">IFERROR(INDEX(Jesper!AH$2:AH$366,ROUNDDOWN($C4512/24,0)+1,1)*INDEX($D$3:$AA$30,INDEX(Jesper!$R$2:$R$366,ROW(INDEX(Jesper!AH$2:AH$366,ROUNDDOWN($C4512/24,0)+1,1))-1)+IF('Standard Profiles'!$G$18=$B$10,7,0)+IF('Standard Profiles'!$G$18=$B$17,14,0)+IF('Standard Profiles'!$G$18=$B$24,21,0),MOD($C4512,24)+1)/SUM(INDEX($D$3:$AA$30,INDEX(Jesper!$R$2:$R$366,ROW(INDEX(Jesper!AH$2:AH$366,ROUNDDOWN($C4512/24,0)+1,1))-1)+IF('Standard Profiles'!$G$18=$B$10,7,0)+IF('Standard Profiles'!$G$18=$B$17,14,0)+IF('Standard Profiles'!$G$18=$B$24,21,0),0)),0)</f>
        <v>32.16209982620444</v>
      </c>
      <c r="E4512" cm="1">
        <f t="array" ref="E4512">IFERROR(INDEX(Jesper!AI$2:AI$366,ROUNDDOWN($C4512/24,0)+1,1)*INDEX($D$3:$AA$30,INDEX(Jesper!$R$2:$R$366,ROW(INDEX(Jesper!AI$2:AI$366,ROUNDDOWN($C4512/24,0)+1,1))-1)+IF('Standard Profiles'!$G$19=$B$10,7,0)+IF('Standard Profiles'!$G$19=$B$17,14,0)+IF('Standard Profiles'!$G$19=$B$24,21,0),MOD($C4512,24)+1)/SUM(INDEX($D$3:$AA$30,INDEX(Jesper!$R$2:$R$366,ROW(INDEX(Jesper!AI$2:AI$366,ROUNDDOWN($C4512/24,0)+1,1))-1)+IF('Standard Profiles'!$G$19=$B$10,7,0)+IF('Standard Profiles'!$G$19=$B$17,14,0)+IF('Standard Profiles'!$G$19=$B$24,21,0),0)),0)</f>
        <v>13.577462537450783</v>
      </c>
      <c r="F4512" cm="1">
        <f t="array" ref="F4512">IFERROR(INDEX(Jesper!AJ$2:AJ$366,ROUNDDOWN($C4512/24,0)+1,1)*INDEX($D$3:$AA$30,INDEX(Jesper!$R$2:$R$366,ROW(INDEX(Jesper!AJ$2:AJ$366,ROUNDDOWN($C4512/24,0)+1,1))-1)+IF('Standard Profiles'!$G$20=$B$10,7,0)+IF('Standard Profiles'!$G$20=$B$17,14,0)+IF('Standard Profiles'!$G$20=$B$24,21,0),MOD($C4512,24)+1)/SUM(INDEX($D$3:$AA$30,INDEX(Jesper!$R$2:$R$366,ROW(INDEX(Jesper!AJ$2:AJ$366,ROUNDDOWN($C4512/24,0)+1,1))-1)+IF('Standard Profiles'!$G$20=$B$10,7,0)+IF('Standard Profiles'!$G$20=$B$17,14,0)+IF('Standard Profiles'!$G$20=$B$24,21,0),0)),0)</f>
        <v>0</v>
      </c>
      <c r="G4512" cm="1">
        <f t="array" ref="G4512">IFERROR(INDEX(Jesper!AK$2:AK$366,ROUNDDOWN($C4512/24,0)+1,1)*INDEX($D$3:$AA$30,INDEX(Jesper!$R$2:$R$366,ROW(INDEX(Jesper!AK$2:AK$366,ROUNDDOWN($C4512/24,0)+1,1))-1)+IF('Standard Profiles'!$G$21=$B$10,7,0)+IF('Standard Profiles'!$G$21=$B$17,14,0)+IF('Standard Profiles'!$G$21=$B$24,21,0),MOD($C4512,24)+1)/SUM(INDEX($D$3:$AA$30,INDEX(Jesper!$R$2:$R$366,ROW(INDEX(Jesper!AK$2:AK$366,ROUNDDOWN($C4512/24,0)+1,1))-1)+IF('Standard Profiles'!$G$21=$B$10,7,0)+IF('Standard Profiles'!$G$21=$B$17,14,0)+IF('Standard Profiles'!$G$21=$B$24,21,0),0)),0)</f>
        <v>0.82024160607277408</v>
      </c>
      <c r="H4512" cm="1">
        <f t="array" ref="H4512">IFERROR(INDEX(Jesper!AL$2:AL$366,ROUNDDOWN($C4512/24,0)+1,1)*INDEX($D$3:$AA$30,INDEX(Jesper!$R$2:$R$366,ROW(INDEX(Jesper!AL$2:AL$366,ROUNDDOWN($C4512/24,0)+1,1))-1)+IF('Standard Profiles'!$G$22=$B$10,7,0)+IF('Standard Profiles'!$G$22=$B$17,14,0)+IF('Standard Profiles'!$G$22=$B$24,21,0),MOD($C4512,24)+1)/SUM(INDEX($D$3:$AA$30,INDEX(Jesper!$R$2:$R$366,ROW(INDEX(Jesper!AL$2:AL$366,ROUNDDOWN($C4512/24,0)+1,1))-1)+IF('Standard Profiles'!$G$22=$B$10,7,0)+IF('Standard Profiles'!$G$22=$B$17,14,0)+IF('Standard Profiles'!$G$22=$B$24,21,0),0)),0)</f>
        <v>0</v>
      </c>
      <c r="I4512">
        <f t="shared" si="503"/>
        <v>0.39371597091493138</v>
      </c>
      <c r="J4512">
        <f t="shared" si="504"/>
        <v>41.020152026620359</v>
      </c>
      <c r="K4512">
        <f t="shared" si="505"/>
        <v>3.4306239814618071</v>
      </c>
      <c r="L4512">
        <f t="shared" si="506"/>
        <v>1.7153119907309036</v>
      </c>
      <c r="M4512">
        <f t="shared" si="507"/>
        <v>0</v>
      </c>
      <c r="N4512" s="45">
        <f t="shared" si="508"/>
        <v>45113.583333322473</v>
      </c>
    </row>
    <row r="4513" spans="2:14" x14ac:dyDescent="0.25">
      <c r="B4513">
        <f t="shared" si="502"/>
        <v>4</v>
      </c>
      <c r="C4513" s="16">
        <v>4479</v>
      </c>
      <c r="D4513" cm="1">
        <f t="array" ref="D4513">IFERROR(INDEX(Jesper!AH$2:AH$366,ROUNDDOWN($C4513/24,0)+1,1)*INDEX($D$3:$AA$30,INDEX(Jesper!$R$2:$R$366,ROW(INDEX(Jesper!AH$2:AH$366,ROUNDDOWN($C4513/24,0)+1,1))-1)+IF('Standard Profiles'!$G$18=$B$10,7,0)+IF('Standard Profiles'!$G$18=$B$17,14,0)+IF('Standard Profiles'!$G$18=$B$24,21,0),MOD($C4513,24)+1)/SUM(INDEX($D$3:$AA$30,INDEX(Jesper!$R$2:$R$366,ROW(INDEX(Jesper!AH$2:AH$366,ROUNDDOWN($C4513/24,0)+1,1))-1)+IF('Standard Profiles'!$G$18=$B$10,7,0)+IF('Standard Profiles'!$G$18=$B$17,14,0)+IF('Standard Profiles'!$G$18=$B$24,21,0),0)),0)</f>
        <v>32.16209982620444</v>
      </c>
      <c r="E4513" cm="1">
        <f t="array" ref="E4513">IFERROR(INDEX(Jesper!AI$2:AI$366,ROUNDDOWN($C4513/24,0)+1,1)*INDEX($D$3:$AA$30,INDEX(Jesper!$R$2:$R$366,ROW(INDEX(Jesper!AI$2:AI$366,ROUNDDOWN($C4513/24,0)+1,1))-1)+IF('Standard Profiles'!$G$19=$B$10,7,0)+IF('Standard Profiles'!$G$19=$B$17,14,0)+IF('Standard Profiles'!$G$19=$B$24,21,0),MOD($C4513,24)+1)/SUM(INDEX($D$3:$AA$30,INDEX(Jesper!$R$2:$R$366,ROW(INDEX(Jesper!AI$2:AI$366,ROUNDDOWN($C4513/24,0)+1,1))-1)+IF('Standard Profiles'!$G$19=$B$10,7,0)+IF('Standard Profiles'!$G$19=$B$17,14,0)+IF('Standard Profiles'!$G$19=$B$24,21,0),0)),0)</f>
        <v>13.577462537450783</v>
      </c>
      <c r="F4513" cm="1">
        <f t="array" ref="F4513">IFERROR(INDEX(Jesper!AJ$2:AJ$366,ROUNDDOWN($C4513/24,0)+1,1)*INDEX($D$3:$AA$30,INDEX(Jesper!$R$2:$R$366,ROW(INDEX(Jesper!AJ$2:AJ$366,ROUNDDOWN($C4513/24,0)+1,1))-1)+IF('Standard Profiles'!$G$20=$B$10,7,0)+IF('Standard Profiles'!$G$20=$B$17,14,0)+IF('Standard Profiles'!$G$20=$B$24,21,0),MOD($C4513,24)+1)/SUM(INDEX($D$3:$AA$30,INDEX(Jesper!$R$2:$R$366,ROW(INDEX(Jesper!AJ$2:AJ$366,ROUNDDOWN($C4513/24,0)+1,1))-1)+IF('Standard Profiles'!$G$20=$B$10,7,0)+IF('Standard Profiles'!$G$20=$B$17,14,0)+IF('Standard Profiles'!$G$20=$B$24,21,0),0)),0)</f>
        <v>0</v>
      </c>
      <c r="G4513" cm="1">
        <f t="array" ref="G4513">IFERROR(INDEX(Jesper!AK$2:AK$366,ROUNDDOWN($C4513/24,0)+1,1)*INDEX($D$3:$AA$30,INDEX(Jesper!$R$2:$R$366,ROW(INDEX(Jesper!AK$2:AK$366,ROUNDDOWN($C4513/24,0)+1,1))-1)+IF('Standard Profiles'!$G$21=$B$10,7,0)+IF('Standard Profiles'!$G$21=$B$17,14,0)+IF('Standard Profiles'!$G$21=$B$24,21,0),MOD($C4513,24)+1)/SUM(INDEX($D$3:$AA$30,INDEX(Jesper!$R$2:$R$366,ROW(INDEX(Jesper!AK$2:AK$366,ROUNDDOWN($C4513/24,0)+1,1))-1)+IF('Standard Profiles'!$G$21=$B$10,7,0)+IF('Standard Profiles'!$G$21=$B$17,14,0)+IF('Standard Profiles'!$G$21=$B$24,21,0),0)),0)</f>
        <v>0.82024160607277408</v>
      </c>
      <c r="H4513" cm="1">
        <f t="array" ref="H4513">IFERROR(INDEX(Jesper!AL$2:AL$366,ROUNDDOWN($C4513/24,0)+1,1)*INDEX($D$3:$AA$30,INDEX(Jesper!$R$2:$R$366,ROW(INDEX(Jesper!AL$2:AL$366,ROUNDDOWN($C4513/24,0)+1,1))-1)+IF('Standard Profiles'!$G$22=$B$10,7,0)+IF('Standard Profiles'!$G$22=$B$17,14,0)+IF('Standard Profiles'!$G$22=$B$24,21,0),MOD($C4513,24)+1)/SUM(INDEX($D$3:$AA$30,INDEX(Jesper!$R$2:$R$366,ROW(INDEX(Jesper!AL$2:AL$366,ROUNDDOWN($C4513/24,0)+1,1))-1)+IF('Standard Profiles'!$G$22=$B$10,7,0)+IF('Standard Profiles'!$G$22=$B$17,14,0)+IF('Standard Profiles'!$G$22=$B$24,21,0),0)),0)</f>
        <v>0</v>
      </c>
      <c r="I4513">
        <f t="shared" si="503"/>
        <v>0.39371597091493138</v>
      </c>
      <c r="J4513">
        <f t="shared" si="504"/>
        <v>41.020152026620359</v>
      </c>
      <c r="K4513">
        <f t="shared" si="505"/>
        <v>3.4306239814618071</v>
      </c>
      <c r="L4513">
        <f t="shared" si="506"/>
        <v>1.7153119907309036</v>
      </c>
      <c r="M4513">
        <f t="shared" si="507"/>
        <v>0</v>
      </c>
      <c r="N4513" s="45">
        <f t="shared" si="508"/>
        <v>45113.624999989137</v>
      </c>
    </row>
    <row r="4514" spans="2:14" x14ac:dyDescent="0.25">
      <c r="B4514">
        <f t="shared" si="502"/>
        <v>4</v>
      </c>
      <c r="C4514" s="16">
        <v>4480</v>
      </c>
      <c r="D4514" cm="1">
        <f t="array" ref="D4514">IFERROR(INDEX(Jesper!AH$2:AH$366,ROUNDDOWN($C4514/24,0)+1,1)*INDEX($D$3:$AA$30,INDEX(Jesper!$R$2:$R$366,ROW(INDEX(Jesper!AH$2:AH$366,ROUNDDOWN($C4514/24,0)+1,1))-1)+IF('Standard Profiles'!$G$18=$B$10,7,0)+IF('Standard Profiles'!$G$18=$B$17,14,0)+IF('Standard Profiles'!$G$18=$B$24,21,0),MOD($C4514,24)+1)/SUM(INDEX($D$3:$AA$30,INDEX(Jesper!$R$2:$R$366,ROW(INDEX(Jesper!AH$2:AH$366,ROUNDDOWN($C4514/24,0)+1,1))-1)+IF('Standard Profiles'!$G$18=$B$10,7,0)+IF('Standard Profiles'!$G$18=$B$17,14,0)+IF('Standard Profiles'!$G$18=$B$24,21,0),0)),0)</f>
        <v>18.952665969013331</v>
      </c>
      <c r="E4514" cm="1">
        <f t="array" ref="E4514">IFERROR(INDEX(Jesper!AI$2:AI$366,ROUNDDOWN($C4514/24,0)+1,1)*INDEX($D$3:$AA$30,INDEX(Jesper!$R$2:$R$366,ROW(INDEX(Jesper!AI$2:AI$366,ROUNDDOWN($C4514/24,0)+1,1))-1)+IF('Standard Profiles'!$G$19=$B$10,7,0)+IF('Standard Profiles'!$G$19=$B$17,14,0)+IF('Standard Profiles'!$G$19=$B$24,21,0),MOD($C4514,24)+1)/SUM(INDEX($D$3:$AA$30,INDEX(Jesper!$R$2:$R$366,ROW(INDEX(Jesper!AI$2:AI$366,ROUNDDOWN($C4514/24,0)+1,1))-1)+IF('Standard Profiles'!$G$19=$B$10,7,0)+IF('Standard Profiles'!$G$19=$B$17,14,0)+IF('Standard Profiles'!$G$19=$B$24,21,0),0)),0)</f>
        <v>8.0010047095692123</v>
      </c>
      <c r="F4514" cm="1">
        <f t="array" ref="F4514">IFERROR(INDEX(Jesper!AJ$2:AJ$366,ROUNDDOWN($C4514/24,0)+1,1)*INDEX($D$3:$AA$30,INDEX(Jesper!$R$2:$R$366,ROW(INDEX(Jesper!AJ$2:AJ$366,ROUNDDOWN($C4514/24,0)+1,1))-1)+IF('Standard Profiles'!$G$20=$B$10,7,0)+IF('Standard Profiles'!$G$20=$B$17,14,0)+IF('Standard Profiles'!$G$20=$B$24,21,0),MOD($C4514,24)+1)/SUM(INDEX($D$3:$AA$30,INDEX(Jesper!$R$2:$R$366,ROW(INDEX(Jesper!AJ$2:AJ$366,ROUNDDOWN($C4514/24,0)+1,1))-1)+IF('Standard Profiles'!$G$20=$B$10,7,0)+IF('Standard Profiles'!$G$20=$B$17,14,0)+IF('Standard Profiles'!$G$20=$B$24,21,0),0)),0)</f>
        <v>0</v>
      </c>
      <c r="G4514" cm="1">
        <f t="array" ref="G4514">IFERROR(INDEX(Jesper!AK$2:AK$366,ROUNDDOWN($C4514/24,0)+1,1)*INDEX($D$3:$AA$30,INDEX(Jesper!$R$2:$R$366,ROW(INDEX(Jesper!AK$2:AK$366,ROUNDDOWN($C4514/24,0)+1,1))-1)+IF('Standard Profiles'!$G$21=$B$10,7,0)+IF('Standard Profiles'!$G$21=$B$17,14,0)+IF('Standard Profiles'!$G$21=$B$24,21,0),MOD($C4514,24)+1)/SUM(INDEX($D$3:$AA$30,INDEX(Jesper!$R$2:$R$366,ROW(INDEX(Jesper!AK$2:AK$366,ROUNDDOWN($C4514/24,0)+1,1))-1)+IF('Standard Profiles'!$G$21=$B$10,7,0)+IF('Standard Profiles'!$G$21=$B$17,14,0)+IF('Standard Profiles'!$G$21=$B$24,21,0),0)),0)</f>
        <v>0.68538661295612979</v>
      </c>
      <c r="H4514" cm="1">
        <f t="array" ref="H4514">IFERROR(INDEX(Jesper!AL$2:AL$366,ROUNDDOWN($C4514/24,0)+1,1)*INDEX($D$3:$AA$30,INDEX(Jesper!$R$2:$R$366,ROW(INDEX(Jesper!AL$2:AL$366,ROUNDDOWN($C4514/24,0)+1,1))-1)+IF('Standard Profiles'!$G$22=$B$10,7,0)+IF('Standard Profiles'!$G$22=$B$17,14,0)+IF('Standard Profiles'!$G$22=$B$24,21,0),MOD($C4514,24)+1)/SUM(INDEX($D$3:$AA$30,INDEX(Jesper!$R$2:$R$366,ROW(INDEX(Jesper!AL$2:AL$366,ROUNDDOWN($C4514/24,0)+1,1))-1)+IF('Standard Profiles'!$G$22=$B$10,7,0)+IF('Standard Profiles'!$G$22=$B$17,14,0)+IF('Standard Profiles'!$G$22=$B$24,21,0),0)),0)</f>
        <v>0</v>
      </c>
      <c r="I4514">
        <f t="shared" si="503"/>
        <v>0.32898557421894215</v>
      </c>
      <c r="J4514">
        <f t="shared" si="504"/>
        <v>24.277645162277601</v>
      </c>
      <c r="K4514">
        <f t="shared" si="505"/>
        <v>2.021617703361422</v>
      </c>
      <c r="L4514">
        <f t="shared" si="506"/>
        <v>1.010808851680711</v>
      </c>
      <c r="M4514">
        <f t="shared" si="507"/>
        <v>0</v>
      </c>
      <c r="N4514" s="45">
        <f t="shared" si="508"/>
        <v>45113.666666655801</v>
      </c>
    </row>
    <row r="4515" spans="2:14" x14ac:dyDescent="0.25">
      <c r="B4515">
        <f t="shared" ref="B4515:B4578" si="509">WEEKDAY(N4515,2)</f>
        <v>4</v>
      </c>
      <c r="C4515" s="16">
        <v>4481</v>
      </c>
      <c r="D4515" cm="1">
        <f t="array" ref="D4515">IFERROR(INDEX(Jesper!AH$2:AH$366,ROUNDDOWN($C4515/24,0)+1,1)*INDEX($D$3:$AA$30,INDEX(Jesper!$R$2:$R$366,ROW(INDEX(Jesper!AH$2:AH$366,ROUNDDOWN($C4515/24,0)+1,1))-1)+IF('Standard Profiles'!$G$18=$B$10,7,0)+IF('Standard Profiles'!$G$18=$B$17,14,0)+IF('Standard Profiles'!$G$18=$B$24,21,0),MOD($C4515,24)+1)/SUM(INDEX($D$3:$AA$30,INDEX(Jesper!$R$2:$R$366,ROW(INDEX(Jesper!AH$2:AH$366,ROUNDDOWN($C4515/24,0)+1,1))-1)+IF('Standard Profiles'!$G$18=$B$10,7,0)+IF('Standard Profiles'!$G$18=$B$17,14,0)+IF('Standard Profiles'!$G$18=$B$24,21,0),0)),0)</f>
        <v>8.0890593124256647</v>
      </c>
      <c r="E4515" cm="1">
        <f t="array" ref="E4515">IFERROR(INDEX(Jesper!AI$2:AI$366,ROUNDDOWN($C4515/24,0)+1,1)*INDEX($D$3:$AA$30,INDEX(Jesper!$R$2:$R$366,ROW(INDEX(Jesper!AI$2:AI$366,ROUNDDOWN($C4515/24,0)+1,1))-1)+IF('Standard Profiles'!$G$19=$B$10,7,0)+IF('Standard Profiles'!$G$19=$B$17,14,0)+IF('Standard Profiles'!$G$19=$B$24,21,0),MOD($C4515,24)+1)/SUM(INDEX($D$3:$AA$30,INDEX(Jesper!$R$2:$R$366,ROW(INDEX(Jesper!AI$2:AI$366,ROUNDDOWN($C4515/24,0)+1,1))-1)+IF('Standard Profiles'!$G$19=$B$10,7,0)+IF('Standard Profiles'!$G$19=$B$17,14,0)+IF('Standard Profiles'!$G$19=$B$24,21,0),0)),0)</f>
        <v>3.4148547629403385</v>
      </c>
      <c r="F4515" cm="1">
        <f t="array" ref="F4515">IFERROR(INDEX(Jesper!AJ$2:AJ$366,ROUNDDOWN($C4515/24,0)+1,1)*INDEX($D$3:$AA$30,INDEX(Jesper!$R$2:$R$366,ROW(INDEX(Jesper!AJ$2:AJ$366,ROUNDDOWN($C4515/24,0)+1,1))-1)+IF('Standard Profiles'!$G$20=$B$10,7,0)+IF('Standard Profiles'!$G$20=$B$17,14,0)+IF('Standard Profiles'!$G$20=$B$24,21,0),MOD($C4515,24)+1)/SUM(INDEX($D$3:$AA$30,INDEX(Jesper!$R$2:$R$366,ROW(INDEX(Jesper!AJ$2:AJ$366,ROUNDDOWN($C4515/24,0)+1,1))-1)+IF('Standard Profiles'!$G$20=$B$10,7,0)+IF('Standard Profiles'!$G$20=$B$17,14,0)+IF('Standard Profiles'!$G$20=$B$24,21,0),0)),0)</f>
        <v>0</v>
      </c>
      <c r="G4515" cm="1">
        <f t="array" ref="G4515">IFERROR(INDEX(Jesper!AK$2:AK$366,ROUNDDOWN($C4515/24,0)+1,1)*INDEX($D$3:$AA$30,INDEX(Jesper!$R$2:$R$366,ROW(INDEX(Jesper!AK$2:AK$366,ROUNDDOWN($C4515/24,0)+1,1))-1)+IF('Standard Profiles'!$G$21=$B$10,7,0)+IF('Standard Profiles'!$G$21=$B$17,14,0)+IF('Standard Profiles'!$G$21=$B$24,21,0),MOD($C4515,24)+1)/SUM(INDEX($D$3:$AA$30,INDEX(Jesper!$R$2:$R$366,ROW(INDEX(Jesper!AK$2:AK$366,ROUNDDOWN($C4515/24,0)+1,1))-1)+IF('Standard Profiles'!$G$21=$B$10,7,0)+IF('Standard Profiles'!$G$21=$B$17,14,0)+IF('Standard Profiles'!$G$21=$B$24,21,0),0)),0)</f>
        <v>0.5449757961530316</v>
      </c>
      <c r="H4515" cm="1">
        <f t="array" ref="H4515">IFERROR(INDEX(Jesper!AL$2:AL$366,ROUNDDOWN($C4515/24,0)+1,1)*INDEX($D$3:$AA$30,INDEX(Jesper!$R$2:$R$366,ROW(INDEX(Jesper!AL$2:AL$366,ROUNDDOWN($C4515/24,0)+1,1))-1)+IF('Standard Profiles'!$G$22=$B$10,7,0)+IF('Standard Profiles'!$G$22=$B$17,14,0)+IF('Standard Profiles'!$G$22=$B$24,21,0),MOD($C4515,24)+1)/SUM(INDEX($D$3:$AA$30,INDEX(Jesper!$R$2:$R$366,ROW(INDEX(Jesper!AL$2:AL$366,ROUNDDOWN($C4515/24,0)+1,1))-1)+IF('Standard Profiles'!$G$22=$B$10,7,0)+IF('Standard Profiles'!$G$22=$B$17,14,0)+IF('Standard Profiles'!$G$22=$B$24,21,0),0)),0)</f>
        <v>0</v>
      </c>
      <c r="I4515">
        <f t="shared" ref="I4515:I4578" si="510">IF($B4515&lt;6,AC$37*$D4515+AC$38*$E4515+AC$39*$F4515+AC$40*$G4515,AC$46*$D4515+AC$47*$E4515+AC$48*$F4515+AC$49*$G4515+AC$50*$H4515)</f>
        <v>0.26158838215345503</v>
      </c>
      <c r="J4515">
        <f t="shared" ref="J4515:J4578" si="511">IF($B4515&lt;6,AD$37*$D4515+AD$38*$E4515+AD$39*$F4515+AD$40*$G4515,AD$46*$D4515+AD$47*$E4515+AD$48*$F4515+AD$49*$G4515+AD$50*$H4515)</f>
        <v>10.493051999377474</v>
      </c>
      <c r="K4515">
        <f t="shared" ref="K4515:K4578" si="512">IF($B4515&lt;6,AE$37*$D4515+AE$38*$E4515+AE$39*$F4515+AE$40*$G4515,AE$46*$D4515+AE$47*$E4515+AE$48*$F4515+AE$49*$G4515+AE$50*$H4515)</f>
        <v>0.86283299332540431</v>
      </c>
      <c r="L4515">
        <f t="shared" ref="L4515:L4578" si="513">IF($B4515&lt;6,AF$37*$D4515+AF$38*$E4515+AF$39*$F4515+AF$40*$G4515,AF$46*$D4515+AF$47*$E4515+AF$48*$F4515+AF$49*$G4515+AF$50*$H4515)</f>
        <v>0.43141649666270215</v>
      </c>
      <c r="M4515">
        <f t="shared" ref="M4515:M4578" si="514">IF($B4515&lt;6,AG$37*$D4515+AG$38*$E4515+AG$39*$F4515+AG$40*$G4515,AG$46*$D4515+AG$47*$E4515+AG$48*$F4515+AG$49*$G4515+AG$50*$H4515)</f>
        <v>0</v>
      </c>
      <c r="N4515" s="45">
        <f t="shared" si="508"/>
        <v>45113.708333322465</v>
      </c>
    </row>
    <row r="4516" spans="2:14" x14ac:dyDescent="0.25">
      <c r="B4516">
        <f t="shared" si="509"/>
        <v>4</v>
      </c>
      <c r="C4516" s="16">
        <v>4482</v>
      </c>
      <c r="D4516" cm="1">
        <f t="array" ref="D4516">IFERROR(INDEX(Jesper!AH$2:AH$366,ROUNDDOWN($C4516/24,0)+1,1)*INDEX($D$3:$AA$30,INDEX(Jesper!$R$2:$R$366,ROW(INDEX(Jesper!AH$2:AH$366,ROUNDDOWN($C4516/24,0)+1,1))-1)+IF('Standard Profiles'!$G$18=$B$10,7,0)+IF('Standard Profiles'!$G$18=$B$17,14,0)+IF('Standard Profiles'!$G$18=$B$24,21,0),MOD($C4516,24)+1)/SUM(INDEX($D$3:$AA$30,INDEX(Jesper!$R$2:$R$366,ROW(INDEX(Jesper!AH$2:AH$366,ROUNDDOWN($C4516/24,0)+1,1))-1)+IF('Standard Profiles'!$G$18=$B$10,7,0)+IF('Standard Profiles'!$G$18=$B$17,14,0)+IF('Standard Profiles'!$G$18=$B$24,21,0),0)),0)</f>
        <v>5.3387791462009391</v>
      </c>
      <c r="E4516" cm="1">
        <f t="array" ref="E4516">IFERROR(INDEX(Jesper!AI$2:AI$366,ROUNDDOWN($C4516/24,0)+1,1)*INDEX($D$3:$AA$30,INDEX(Jesper!$R$2:$R$366,ROW(INDEX(Jesper!AI$2:AI$366,ROUNDDOWN($C4516/24,0)+1,1))-1)+IF('Standard Profiles'!$G$19=$B$10,7,0)+IF('Standard Profiles'!$G$19=$B$17,14,0)+IF('Standard Profiles'!$G$19=$B$24,21,0),MOD($C4516,24)+1)/SUM(INDEX($D$3:$AA$30,INDEX(Jesper!$R$2:$R$366,ROW(INDEX(Jesper!AI$2:AI$366,ROUNDDOWN($C4516/24,0)+1,1))-1)+IF('Standard Profiles'!$G$19=$B$10,7,0)+IF('Standard Profiles'!$G$19=$B$17,14,0)+IF('Standard Profiles'!$G$19=$B$24,21,0),0)),0)</f>
        <v>2.2538041435406235</v>
      </c>
      <c r="F4516" cm="1">
        <f t="array" ref="F4516">IFERROR(INDEX(Jesper!AJ$2:AJ$366,ROUNDDOWN($C4516/24,0)+1,1)*INDEX($D$3:$AA$30,INDEX(Jesper!$R$2:$R$366,ROW(INDEX(Jesper!AJ$2:AJ$366,ROUNDDOWN($C4516/24,0)+1,1))-1)+IF('Standard Profiles'!$G$20=$B$10,7,0)+IF('Standard Profiles'!$G$20=$B$17,14,0)+IF('Standard Profiles'!$G$20=$B$24,21,0),MOD($C4516,24)+1)/SUM(INDEX($D$3:$AA$30,INDEX(Jesper!$R$2:$R$366,ROW(INDEX(Jesper!AJ$2:AJ$366,ROUNDDOWN($C4516/24,0)+1,1))-1)+IF('Standard Profiles'!$G$20=$B$10,7,0)+IF('Standard Profiles'!$G$20=$B$17,14,0)+IF('Standard Profiles'!$G$20=$B$24,21,0),0)),0)</f>
        <v>0</v>
      </c>
      <c r="G4516" cm="1">
        <f t="array" ref="G4516">IFERROR(INDEX(Jesper!AK$2:AK$366,ROUNDDOWN($C4516/24,0)+1,1)*INDEX($D$3:$AA$30,INDEX(Jesper!$R$2:$R$366,ROW(INDEX(Jesper!AK$2:AK$366,ROUNDDOWN($C4516/24,0)+1,1))-1)+IF('Standard Profiles'!$G$21=$B$10,7,0)+IF('Standard Profiles'!$G$21=$B$17,14,0)+IF('Standard Profiles'!$G$21=$B$24,21,0),MOD($C4516,24)+1)/SUM(INDEX($D$3:$AA$30,INDEX(Jesper!$R$2:$R$366,ROW(INDEX(Jesper!AK$2:AK$366,ROUNDDOWN($C4516/24,0)+1,1))-1)+IF('Standard Profiles'!$G$21=$B$10,7,0)+IF('Standard Profiles'!$G$21=$B$17,14,0)+IF('Standard Profiles'!$G$21=$B$24,21,0),0)),0)</f>
        <v>0.20202995223467346</v>
      </c>
      <c r="H4516" cm="1">
        <f t="array" ref="H4516">IFERROR(INDEX(Jesper!AL$2:AL$366,ROUNDDOWN($C4516/24,0)+1,1)*INDEX($D$3:$AA$30,INDEX(Jesper!$R$2:$R$366,ROW(INDEX(Jesper!AL$2:AL$366,ROUNDDOWN($C4516/24,0)+1,1))-1)+IF('Standard Profiles'!$G$22=$B$10,7,0)+IF('Standard Profiles'!$G$22=$B$17,14,0)+IF('Standard Profiles'!$G$22=$B$24,21,0),MOD($C4516,24)+1)/SUM(INDEX($D$3:$AA$30,INDEX(Jesper!$R$2:$R$366,ROW(INDEX(Jesper!AL$2:AL$366,ROUNDDOWN($C4516/24,0)+1,1))-1)+IF('Standard Profiles'!$G$22=$B$10,7,0)+IF('Standard Profiles'!$G$22=$B$17,14,0)+IF('Standard Profiles'!$G$22=$B$24,21,0),0)),0)</f>
        <v>0</v>
      </c>
      <c r="I4516">
        <f t="shared" si="510"/>
        <v>9.6974377072643211E-2</v>
      </c>
      <c r="J4516">
        <f t="shared" si="511"/>
        <v>6.8434342015114424</v>
      </c>
      <c r="K4516">
        <f t="shared" si="512"/>
        <v>0.56946977559476686</v>
      </c>
      <c r="L4516">
        <f t="shared" si="513"/>
        <v>0.28473488779738343</v>
      </c>
      <c r="M4516">
        <f t="shared" si="514"/>
        <v>0</v>
      </c>
      <c r="N4516" s="45">
        <f t="shared" ref="N4516:N4579" si="515">N4515+1/24</f>
        <v>45113.74999998913</v>
      </c>
    </row>
    <row r="4517" spans="2:14" x14ac:dyDescent="0.25">
      <c r="B4517">
        <f t="shared" si="509"/>
        <v>4</v>
      </c>
      <c r="C4517" s="16">
        <v>4483</v>
      </c>
      <c r="D4517" cm="1">
        <f t="array" ref="D4517">IFERROR(INDEX(Jesper!AH$2:AH$366,ROUNDDOWN($C4517/24,0)+1,1)*INDEX($D$3:$AA$30,INDEX(Jesper!$R$2:$R$366,ROW(INDEX(Jesper!AH$2:AH$366,ROUNDDOWN($C4517/24,0)+1,1))-1)+IF('Standard Profiles'!$G$18=$B$10,7,0)+IF('Standard Profiles'!$G$18=$B$17,14,0)+IF('Standard Profiles'!$G$18=$B$24,21,0),MOD($C4517,24)+1)/SUM(INDEX($D$3:$AA$30,INDEX(Jesper!$R$2:$R$366,ROW(INDEX(Jesper!AH$2:AH$366,ROUNDDOWN($C4517/24,0)+1,1))-1)+IF('Standard Profiles'!$G$18=$B$10,7,0)+IF('Standard Profiles'!$G$18=$B$17,14,0)+IF('Standard Profiles'!$G$18=$B$24,21,0),0)),0)</f>
        <v>5.3387791462009391</v>
      </c>
      <c r="E4517" cm="1">
        <f t="array" ref="E4517">IFERROR(INDEX(Jesper!AI$2:AI$366,ROUNDDOWN($C4517/24,0)+1,1)*INDEX($D$3:$AA$30,INDEX(Jesper!$R$2:$R$366,ROW(INDEX(Jesper!AI$2:AI$366,ROUNDDOWN($C4517/24,0)+1,1))-1)+IF('Standard Profiles'!$G$19=$B$10,7,0)+IF('Standard Profiles'!$G$19=$B$17,14,0)+IF('Standard Profiles'!$G$19=$B$24,21,0),MOD($C4517,24)+1)/SUM(INDEX($D$3:$AA$30,INDEX(Jesper!$R$2:$R$366,ROW(INDEX(Jesper!AI$2:AI$366,ROUNDDOWN($C4517/24,0)+1,1))-1)+IF('Standard Profiles'!$G$19=$B$10,7,0)+IF('Standard Profiles'!$G$19=$B$17,14,0)+IF('Standard Profiles'!$G$19=$B$24,21,0),0)),0)</f>
        <v>2.2538041435406235</v>
      </c>
      <c r="F4517" cm="1">
        <f t="array" ref="F4517">IFERROR(INDEX(Jesper!AJ$2:AJ$366,ROUNDDOWN($C4517/24,0)+1,1)*INDEX($D$3:$AA$30,INDEX(Jesper!$R$2:$R$366,ROW(INDEX(Jesper!AJ$2:AJ$366,ROUNDDOWN($C4517/24,0)+1,1))-1)+IF('Standard Profiles'!$G$20=$B$10,7,0)+IF('Standard Profiles'!$G$20=$B$17,14,0)+IF('Standard Profiles'!$G$20=$B$24,21,0),MOD($C4517,24)+1)/SUM(INDEX($D$3:$AA$30,INDEX(Jesper!$R$2:$R$366,ROW(INDEX(Jesper!AJ$2:AJ$366,ROUNDDOWN($C4517/24,0)+1,1))-1)+IF('Standard Profiles'!$G$20=$B$10,7,0)+IF('Standard Profiles'!$G$20=$B$17,14,0)+IF('Standard Profiles'!$G$20=$B$24,21,0),0)),0)</f>
        <v>0</v>
      </c>
      <c r="G4517" cm="1">
        <f t="array" ref="G4517">IFERROR(INDEX(Jesper!AK$2:AK$366,ROUNDDOWN($C4517/24,0)+1,1)*INDEX($D$3:$AA$30,INDEX(Jesper!$R$2:$R$366,ROW(INDEX(Jesper!AK$2:AK$366,ROUNDDOWN($C4517/24,0)+1,1))-1)+IF('Standard Profiles'!$G$21=$B$10,7,0)+IF('Standard Profiles'!$G$21=$B$17,14,0)+IF('Standard Profiles'!$G$21=$B$24,21,0),MOD($C4517,24)+1)/SUM(INDEX($D$3:$AA$30,INDEX(Jesper!$R$2:$R$366,ROW(INDEX(Jesper!AK$2:AK$366,ROUNDDOWN($C4517/24,0)+1,1))-1)+IF('Standard Profiles'!$G$21=$B$10,7,0)+IF('Standard Profiles'!$G$21=$B$17,14,0)+IF('Standard Profiles'!$G$21=$B$24,21,0),0)),0)</f>
        <v>0.20202995223467346</v>
      </c>
      <c r="H4517" cm="1">
        <f t="array" ref="H4517">IFERROR(INDEX(Jesper!AL$2:AL$366,ROUNDDOWN($C4517/24,0)+1,1)*INDEX($D$3:$AA$30,INDEX(Jesper!$R$2:$R$366,ROW(INDEX(Jesper!AL$2:AL$366,ROUNDDOWN($C4517/24,0)+1,1))-1)+IF('Standard Profiles'!$G$22=$B$10,7,0)+IF('Standard Profiles'!$G$22=$B$17,14,0)+IF('Standard Profiles'!$G$22=$B$24,21,0),MOD($C4517,24)+1)/SUM(INDEX($D$3:$AA$30,INDEX(Jesper!$R$2:$R$366,ROW(INDEX(Jesper!AL$2:AL$366,ROUNDDOWN($C4517/24,0)+1,1))-1)+IF('Standard Profiles'!$G$22=$B$10,7,0)+IF('Standard Profiles'!$G$22=$B$17,14,0)+IF('Standard Profiles'!$G$22=$B$24,21,0),0)),0)</f>
        <v>0</v>
      </c>
      <c r="I4517">
        <f t="shared" si="510"/>
        <v>9.6974377072643211E-2</v>
      </c>
      <c r="J4517">
        <f t="shared" si="511"/>
        <v>6.8434342015114424</v>
      </c>
      <c r="K4517">
        <f t="shared" si="512"/>
        <v>0.56946977559476686</v>
      </c>
      <c r="L4517">
        <f t="shared" si="513"/>
        <v>0.28473488779738343</v>
      </c>
      <c r="M4517">
        <f t="shared" si="514"/>
        <v>0</v>
      </c>
      <c r="N4517" s="45">
        <f t="shared" si="515"/>
        <v>45113.791666655794</v>
      </c>
    </row>
    <row r="4518" spans="2:14" x14ac:dyDescent="0.25">
      <c r="B4518">
        <f t="shared" si="509"/>
        <v>4</v>
      </c>
      <c r="C4518" s="16">
        <v>4484</v>
      </c>
      <c r="D4518" cm="1">
        <f t="array" ref="D4518">IFERROR(INDEX(Jesper!AH$2:AH$366,ROUNDDOWN($C4518/24,0)+1,1)*INDEX($D$3:$AA$30,INDEX(Jesper!$R$2:$R$366,ROW(INDEX(Jesper!AH$2:AH$366,ROUNDDOWN($C4518/24,0)+1,1))-1)+IF('Standard Profiles'!$G$18=$B$10,7,0)+IF('Standard Profiles'!$G$18=$B$17,14,0)+IF('Standard Profiles'!$G$18=$B$24,21,0),MOD($C4518,24)+1)/SUM(INDEX($D$3:$AA$30,INDEX(Jesper!$R$2:$R$366,ROW(INDEX(Jesper!AH$2:AH$366,ROUNDDOWN($C4518/24,0)+1,1))-1)+IF('Standard Profiles'!$G$18=$B$10,7,0)+IF('Standard Profiles'!$G$18=$B$17,14,0)+IF('Standard Profiles'!$G$18=$B$24,21,0),0)),0)</f>
        <v>5.3387791462009391</v>
      </c>
      <c r="E4518" cm="1">
        <f t="array" ref="E4518">IFERROR(INDEX(Jesper!AI$2:AI$366,ROUNDDOWN($C4518/24,0)+1,1)*INDEX($D$3:$AA$30,INDEX(Jesper!$R$2:$R$366,ROW(INDEX(Jesper!AI$2:AI$366,ROUNDDOWN($C4518/24,0)+1,1))-1)+IF('Standard Profiles'!$G$19=$B$10,7,0)+IF('Standard Profiles'!$G$19=$B$17,14,0)+IF('Standard Profiles'!$G$19=$B$24,21,0),MOD($C4518,24)+1)/SUM(INDEX($D$3:$AA$30,INDEX(Jesper!$R$2:$R$366,ROW(INDEX(Jesper!AI$2:AI$366,ROUNDDOWN($C4518/24,0)+1,1))-1)+IF('Standard Profiles'!$G$19=$B$10,7,0)+IF('Standard Profiles'!$G$19=$B$17,14,0)+IF('Standard Profiles'!$G$19=$B$24,21,0),0)),0)</f>
        <v>2.2538041435406235</v>
      </c>
      <c r="F4518" cm="1">
        <f t="array" ref="F4518">IFERROR(INDEX(Jesper!AJ$2:AJ$366,ROUNDDOWN($C4518/24,0)+1,1)*INDEX($D$3:$AA$30,INDEX(Jesper!$R$2:$R$366,ROW(INDEX(Jesper!AJ$2:AJ$366,ROUNDDOWN($C4518/24,0)+1,1))-1)+IF('Standard Profiles'!$G$20=$B$10,7,0)+IF('Standard Profiles'!$G$20=$B$17,14,0)+IF('Standard Profiles'!$G$20=$B$24,21,0),MOD($C4518,24)+1)/SUM(INDEX($D$3:$AA$30,INDEX(Jesper!$R$2:$R$366,ROW(INDEX(Jesper!AJ$2:AJ$366,ROUNDDOWN($C4518/24,0)+1,1))-1)+IF('Standard Profiles'!$G$20=$B$10,7,0)+IF('Standard Profiles'!$G$20=$B$17,14,0)+IF('Standard Profiles'!$G$20=$B$24,21,0),0)),0)</f>
        <v>0</v>
      </c>
      <c r="G4518" cm="1">
        <f t="array" ref="G4518">IFERROR(INDEX(Jesper!AK$2:AK$366,ROUNDDOWN($C4518/24,0)+1,1)*INDEX($D$3:$AA$30,INDEX(Jesper!$R$2:$R$366,ROW(INDEX(Jesper!AK$2:AK$366,ROUNDDOWN($C4518/24,0)+1,1))-1)+IF('Standard Profiles'!$G$21=$B$10,7,0)+IF('Standard Profiles'!$G$21=$B$17,14,0)+IF('Standard Profiles'!$G$21=$B$24,21,0),MOD($C4518,24)+1)/SUM(INDEX($D$3:$AA$30,INDEX(Jesper!$R$2:$R$366,ROW(INDEX(Jesper!AK$2:AK$366,ROUNDDOWN($C4518/24,0)+1,1))-1)+IF('Standard Profiles'!$G$21=$B$10,7,0)+IF('Standard Profiles'!$G$21=$B$17,14,0)+IF('Standard Profiles'!$G$21=$B$24,21,0),0)),0)</f>
        <v>0.20202995223467346</v>
      </c>
      <c r="H4518" cm="1">
        <f t="array" ref="H4518">IFERROR(INDEX(Jesper!AL$2:AL$366,ROUNDDOWN($C4518/24,0)+1,1)*INDEX($D$3:$AA$30,INDEX(Jesper!$R$2:$R$366,ROW(INDEX(Jesper!AL$2:AL$366,ROUNDDOWN($C4518/24,0)+1,1))-1)+IF('Standard Profiles'!$G$22=$B$10,7,0)+IF('Standard Profiles'!$G$22=$B$17,14,0)+IF('Standard Profiles'!$G$22=$B$24,21,0),MOD($C4518,24)+1)/SUM(INDEX($D$3:$AA$30,INDEX(Jesper!$R$2:$R$366,ROW(INDEX(Jesper!AL$2:AL$366,ROUNDDOWN($C4518/24,0)+1,1))-1)+IF('Standard Profiles'!$G$22=$B$10,7,0)+IF('Standard Profiles'!$G$22=$B$17,14,0)+IF('Standard Profiles'!$G$22=$B$24,21,0),0)),0)</f>
        <v>0</v>
      </c>
      <c r="I4518">
        <f t="shared" si="510"/>
        <v>9.6974377072643211E-2</v>
      </c>
      <c r="J4518">
        <f t="shared" si="511"/>
        <v>6.8434342015114424</v>
      </c>
      <c r="K4518">
        <f t="shared" si="512"/>
        <v>0.56946977559476686</v>
      </c>
      <c r="L4518">
        <f t="shared" si="513"/>
        <v>0.28473488779738343</v>
      </c>
      <c r="M4518">
        <f t="shared" si="514"/>
        <v>0</v>
      </c>
      <c r="N4518" s="45">
        <f t="shared" si="515"/>
        <v>45113.833333322458</v>
      </c>
    </row>
    <row r="4519" spans="2:14" x14ac:dyDescent="0.25">
      <c r="B4519">
        <f t="shared" si="509"/>
        <v>4</v>
      </c>
      <c r="C4519" s="16">
        <v>4485</v>
      </c>
      <c r="D4519" cm="1">
        <f t="array" ref="D4519">IFERROR(INDEX(Jesper!AH$2:AH$366,ROUNDDOWN($C4519/24,0)+1,1)*INDEX($D$3:$AA$30,INDEX(Jesper!$R$2:$R$366,ROW(INDEX(Jesper!AH$2:AH$366,ROUNDDOWN($C4519/24,0)+1,1))-1)+IF('Standard Profiles'!$G$18=$B$10,7,0)+IF('Standard Profiles'!$G$18=$B$17,14,0)+IF('Standard Profiles'!$G$18=$B$24,21,0),MOD($C4519,24)+1)/SUM(INDEX($D$3:$AA$30,INDEX(Jesper!$R$2:$R$366,ROW(INDEX(Jesper!AH$2:AH$366,ROUNDDOWN($C4519/24,0)+1,1))-1)+IF('Standard Profiles'!$G$18=$B$10,7,0)+IF('Standard Profiles'!$G$18=$B$17,14,0)+IF('Standard Profiles'!$G$18=$B$24,21,0),0)),0)</f>
        <v>5.3387791462009391</v>
      </c>
      <c r="E4519" cm="1">
        <f t="array" ref="E4519">IFERROR(INDEX(Jesper!AI$2:AI$366,ROUNDDOWN($C4519/24,0)+1,1)*INDEX($D$3:$AA$30,INDEX(Jesper!$R$2:$R$366,ROW(INDEX(Jesper!AI$2:AI$366,ROUNDDOWN($C4519/24,0)+1,1))-1)+IF('Standard Profiles'!$G$19=$B$10,7,0)+IF('Standard Profiles'!$G$19=$B$17,14,0)+IF('Standard Profiles'!$G$19=$B$24,21,0),MOD($C4519,24)+1)/SUM(INDEX($D$3:$AA$30,INDEX(Jesper!$R$2:$R$366,ROW(INDEX(Jesper!AI$2:AI$366,ROUNDDOWN($C4519/24,0)+1,1))-1)+IF('Standard Profiles'!$G$19=$B$10,7,0)+IF('Standard Profiles'!$G$19=$B$17,14,0)+IF('Standard Profiles'!$G$19=$B$24,21,0),0)),0)</f>
        <v>2.2538041435406235</v>
      </c>
      <c r="F4519" cm="1">
        <f t="array" ref="F4519">IFERROR(INDEX(Jesper!AJ$2:AJ$366,ROUNDDOWN($C4519/24,0)+1,1)*INDEX($D$3:$AA$30,INDEX(Jesper!$R$2:$R$366,ROW(INDEX(Jesper!AJ$2:AJ$366,ROUNDDOWN($C4519/24,0)+1,1))-1)+IF('Standard Profiles'!$G$20=$B$10,7,0)+IF('Standard Profiles'!$G$20=$B$17,14,0)+IF('Standard Profiles'!$G$20=$B$24,21,0),MOD($C4519,24)+1)/SUM(INDEX($D$3:$AA$30,INDEX(Jesper!$R$2:$R$366,ROW(INDEX(Jesper!AJ$2:AJ$366,ROUNDDOWN($C4519/24,0)+1,1))-1)+IF('Standard Profiles'!$G$20=$B$10,7,0)+IF('Standard Profiles'!$G$20=$B$17,14,0)+IF('Standard Profiles'!$G$20=$B$24,21,0),0)),0)</f>
        <v>0</v>
      </c>
      <c r="G4519" cm="1">
        <f t="array" ref="G4519">IFERROR(INDEX(Jesper!AK$2:AK$366,ROUNDDOWN($C4519/24,0)+1,1)*INDEX($D$3:$AA$30,INDEX(Jesper!$R$2:$R$366,ROW(INDEX(Jesper!AK$2:AK$366,ROUNDDOWN($C4519/24,0)+1,1))-1)+IF('Standard Profiles'!$G$21=$B$10,7,0)+IF('Standard Profiles'!$G$21=$B$17,14,0)+IF('Standard Profiles'!$G$21=$B$24,21,0),MOD($C4519,24)+1)/SUM(INDEX($D$3:$AA$30,INDEX(Jesper!$R$2:$R$366,ROW(INDEX(Jesper!AK$2:AK$366,ROUNDDOWN($C4519/24,0)+1,1))-1)+IF('Standard Profiles'!$G$21=$B$10,7,0)+IF('Standard Profiles'!$G$21=$B$17,14,0)+IF('Standard Profiles'!$G$21=$B$24,21,0),0)),0)</f>
        <v>0.20202995223467346</v>
      </c>
      <c r="H4519" cm="1">
        <f t="array" ref="H4519">IFERROR(INDEX(Jesper!AL$2:AL$366,ROUNDDOWN($C4519/24,0)+1,1)*INDEX($D$3:$AA$30,INDEX(Jesper!$R$2:$R$366,ROW(INDEX(Jesper!AL$2:AL$366,ROUNDDOWN($C4519/24,0)+1,1))-1)+IF('Standard Profiles'!$G$22=$B$10,7,0)+IF('Standard Profiles'!$G$22=$B$17,14,0)+IF('Standard Profiles'!$G$22=$B$24,21,0),MOD($C4519,24)+1)/SUM(INDEX($D$3:$AA$30,INDEX(Jesper!$R$2:$R$366,ROW(INDEX(Jesper!AL$2:AL$366,ROUNDDOWN($C4519/24,0)+1,1))-1)+IF('Standard Profiles'!$G$22=$B$10,7,0)+IF('Standard Profiles'!$G$22=$B$17,14,0)+IF('Standard Profiles'!$G$22=$B$24,21,0),0)),0)</f>
        <v>0</v>
      </c>
      <c r="I4519">
        <f t="shared" si="510"/>
        <v>9.6974377072643211E-2</v>
      </c>
      <c r="J4519">
        <f t="shared" si="511"/>
        <v>6.8434342015114424</v>
      </c>
      <c r="K4519">
        <f t="shared" si="512"/>
        <v>0.56946977559476686</v>
      </c>
      <c r="L4519">
        <f t="shared" si="513"/>
        <v>0.28473488779738343</v>
      </c>
      <c r="M4519">
        <f t="shared" si="514"/>
        <v>0</v>
      </c>
      <c r="N4519" s="45">
        <f t="shared" si="515"/>
        <v>45113.874999989122</v>
      </c>
    </row>
    <row r="4520" spans="2:14" x14ac:dyDescent="0.25">
      <c r="B4520">
        <f t="shared" si="509"/>
        <v>4</v>
      </c>
      <c r="C4520" s="16">
        <v>4486</v>
      </c>
      <c r="D4520" cm="1">
        <f t="array" ref="D4520">IFERROR(INDEX(Jesper!AH$2:AH$366,ROUNDDOWN($C4520/24,0)+1,1)*INDEX($D$3:$AA$30,INDEX(Jesper!$R$2:$R$366,ROW(INDEX(Jesper!AH$2:AH$366,ROUNDDOWN($C4520/24,0)+1,1))-1)+IF('Standard Profiles'!$G$18=$B$10,7,0)+IF('Standard Profiles'!$G$18=$B$17,14,0)+IF('Standard Profiles'!$G$18=$B$24,21,0),MOD($C4520,24)+1)/SUM(INDEX($D$3:$AA$30,INDEX(Jesper!$R$2:$R$366,ROW(INDEX(Jesper!AH$2:AH$366,ROUNDDOWN($C4520/24,0)+1,1))-1)+IF('Standard Profiles'!$G$18=$B$10,7,0)+IF('Standard Profiles'!$G$18=$B$17,14,0)+IF('Standard Profiles'!$G$18=$B$24,21,0),0)),0)</f>
        <v>5.3387791462009391</v>
      </c>
      <c r="E4520" cm="1">
        <f t="array" ref="E4520">IFERROR(INDEX(Jesper!AI$2:AI$366,ROUNDDOWN($C4520/24,0)+1,1)*INDEX($D$3:$AA$30,INDEX(Jesper!$R$2:$R$366,ROW(INDEX(Jesper!AI$2:AI$366,ROUNDDOWN($C4520/24,0)+1,1))-1)+IF('Standard Profiles'!$G$19=$B$10,7,0)+IF('Standard Profiles'!$G$19=$B$17,14,0)+IF('Standard Profiles'!$G$19=$B$24,21,0),MOD($C4520,24)+1)/SUM(INDEX($D$3:$AA$30,INDEX(Jesper!$R$2:$R$366,ROW(INDEX(Jesper!AI$2:AI$366,ROUNDDOWN($C4520/24,0)+1,1))-1)+IF('Standard Profiles'!$G$19=$B$10,7,0)+IF('Standard Profiles'!$G$19=$B$17,14,0)+IF('Standard Profiles'!$G$19=$B$24,21,0),0)),0)</f>
        <v>2.2538041435406235</v>
      </c>
      <c r="F4520" cm="1">
        <f t="array" ref="F4520">IFERROR(INDEX(Jesper!AJ$2:AJ$366,ROUNDDOWN($C4520/24,0)+1,1)*INDEX($D$3:$AA$30,INDEX(Jesper!$R$2:$R$366,ROW(INDEX(Jesper!AJ$2:AJ$366,ROUNDDOWN($C4520/24,0)+1,1))-1)+IF('Standard Profiles'!$G$20=$B$10,7,0)+IF('Standard Profiles'!$G$20=$B$17,14,0)+IF('Standard Profiles'!$G$20=$B$24,21,0),MOD($C4520,24)+1)/SUM(INDEX($D$3:$AA$30,INDEX(Jesper!$R$2:$R$366,ROW(INDEX(Jesper!AJ$2:AJ$366,ROUNDDOWN($C4520/24,0)+1,1))-1)+IF('Standard Profiles'!$G$20=$B$10,7,0)+IF('Standard Profiles'!$G$20=$B$17,14,0)+IF('Standard Profiles'!$G$20=$B$24,21,0),0)),0)</f>
        <v>0</v>
      </c>
      <c r="G4520" cm="1">
        <f t="array" ref="G4520">IFERROR(INDEX(Jesper!AK$2:AK$366,ROUNDDOWN($C4520/24,0)+1,1)*INDEX($D$3:$AA$30,INDEX(Jesper!$R$2:$R$366,ROW(INDEX(Jesper!AK$2:AK$366,ROUNDDOWN($C4520/24,0)+1,1))-1)+IF('Standard Profiles'!$G$21=$B$10,7,0)+IF('Standard Profiles'!$G$21=$B$17,14,0)+IF('Standard Profiles'!$G$21=$B$24,21,0),MOD($C4520,24)+1)/SUM(INDEX($D$3:$AA$30,INDEX(Jesper!$R$2:$R$366,ROW(INDEX(Jesper!AK$2:AK$366,ROUNDDOWN($C4520/24,0)+1,1))-1)+IF('Standard Profiles'!$G$21=$B$10,7,0)+IF('Standard Profiles'!$G$21=$B$17,14,0)+IF('Standard Profiles'!$G$21=$B$24,21,0),0)),0)</f>
        <v>0.20202995223467346</v>
      </c>
      <c r="H4520" cm="1">
        <f t="array" ref="H4520">IFERROR(INDEX(Jesper!AL$2:AL$366,ROUNDDOWN($C4520/24,0)+1,1)*INDEX($D$3:$AA$30,INDEX(Jesper!$R$2:$R$366,ROW(INDEX(Jesper!AL$2:AL$366,ROUNDDOWN($C4520/24,0)+1,1))-1)+IF('Standard Profiles'!$G$22=$B$10,7,0)+IF('Standard Profiles'!$G$22=$B$17,14,0)+IF('Standard Profiles'!$G$22=$B$24,21,0),MOD($C4520,24)+1)/SUM(INDEX($D$3:$AA$30,INDEX(Jesper!$R$2:$R$366,ROW(INDEX(Jesper!AL$2:AL$366,ROUNDDOWN($C4520/24,0)+1,1))-1)+IF('Standard Profiles'!$G$22=$B$10,7,0)+IF('Standard Profiles'!$G$22=$B$17,14,0)+IF('Standard Profiles'!$G$22=$B$24,21,0),0)),0)</f>
        <v>0</v>
      </c>
      <c r="I4520">
        <f t="shared" si="510"/>
        <v>9.6974377072643211E-2</v>
      </c>
      <c r="J4520">
        <f t="shared" si="511"/>
        <v>6.8434342015114424</v>
      </c>
      <c r="K4520">
        <f t="shared" si="512"/>
        <v>0.56946977559476686</v>
      </c>
      <c r="L4520">
        <f t="shared" si="513"/>
        <v>0.28473488779738343</v>
      </c>
      <c r="M4520">
        <f t="shared" si="514"/>
        <v>0</v>
      </c>
      <c r="N4520" s="45">
        <f t="shared" si="515"/>
        <v>45113.916666655787</v>
      </c>
    </row>
    <row r="4521" spans="2:14" x14ac:dyDescent="0.25">
      <c r="B4521">
        <f t="shared" si="509"/>
        <v>4</v>
      </c>
      <c r="C4521" s="16">
        <v>4487</v>
      </c>
      <c r="D4521" cm="1">
        <f t="array" ref="D4521">IFERROR(INDEX(Jesper!AH$2:AH$366,ROUNDDOWN($C4521/24,0)+1,1)*INDEX($D$3:$AA$30,INDEX(Jesper!$R$2:$R$366,ROW(INDEX(Jesper!AH$2:AH$366,ROUNDDOWN($C4521/24,0)+1,1))-1)+IF('Standard Profiles'!$G$18=$B$10,7,0)+IF('Standard Profiles'!$G$18=$B$17,14,0)+IF('Standard Profiles'!$G$18=$B$24,21,0),MOD($C4521,24)+1)/SUM(INDEX($D$3:$AA$30,INDEX(Jesper!$R$2:$R$366,ROW(INDEX(Jesper!AH$2:AH$366,ROUNDDOWN($C4521/24,0)+1,1))-1)+IF('Standard Profiles'!$G$18=$B$10,7,0)+IF('Standard Profiles'!$G$18=$B$17,14,0)+IF('Standard Profiles'!$G$18=$B$24,21,0),0)),0)</f>
        <v>5.3387791462009391</v>
      </c>
      <c r="E4521" cm="1">
        <f t="array" ref="E4521">IFERROR(INDEX(Jesper!AI$2:AI$366,ROUNDDOWN($C4521/24,0)+1,1)*INDEX($D$3:$AA$30,INDEX(Jesper!$R$2:$R$366,ROW(INDEX(Jesper!AI$2:AI$366,ROUNDDOWN($C4521/24,0)+1,1))-1)+IF('Standard Profiles'!$G$19=$B$10,7,0)+IF('Standard Profiles'!$G$19=$B$17,14,0)+IF('Standard Profiles'!$G$19=$B$24,21,0),MOD($C4521,24)+1)/SUM(INDEX($D$3:$AA$30,INDEX(Jesper!$R$2:$R$366,ROW(INDEX(Jesper!AI$2:AI$366,ROUNDDOWN($C4521/24,0)+1,1))-1)+IF('Standard Profiles'!$G$19=$B$10,7,0)+IF('Standard Profiles'!$G$19=$B$17,14,0)+IF('Standard Profiles'!$G$19=$B$24,21,0),0)),0)</f>
        <v>2.2538041435406235</v>
      </c>
      <c r="F4521" cm="1">
        <f t="array" ref="F4521">IFERROR(INDEX(Jesper!AJ$2:AJ$366,ROUNDDOWN($C4521/24,0)+1,1)*INDEX($D$3:$AA$30,INDEX(Jesper!$R$2:$R$366,ROW(INDEX(Jesper!AJ$2:AJ$366,ROUNDDOWN($C4521/24,0)+1,1))-1)+IF('Standard Profiles'!$G$20=$B$10,7,0)+IF('Standard Profiles'!$G$20=$B$17,14,0)+IF('Standard Profiles'!$G$20=$B$24,21,0),MOD($C4521,24)+1)/SUM(INDEX($D$3:$AA$30,INDEX(Jesper!$R$2:$R$366,ROW(INDEX(Jesper!AJ$2:AJ$366,ROUNDDOWN($C4521/24,0)+1,1))-1)+IF('Standard Profiles'!$G$20=$B$10,7,0)+IF('Standard Profiles'!$G$20=$B$17,14,0)+IF('Standard Profiles'!$G$20=$B$24,21,0),0)),0)</f>
        <v>0</v>
      </c>
      <c r="G4521" cm="1">
        <f t="array" ref="G4521">IFERROR(INDEX(Jesper!AK$2:AK$366,ROUNDDOWN($C4521/24,0)+1,1)*INDEX($D$3:$AA$30,INDEX(Jesper!$R$2:$R$366,ROW(INDEX(Jesper!AK$2:AK$366,ROUNDDOWN($C4521/24,0)+1,1))-1)+IF('Standard Profiles'!$G$21=$B$10,7,0)+IF('Standard Profiles'!$G$21=$B$17,14,0)+IF('Standard Profiles'!$G$21=$B$24,21,0),MOD($C4521,24)+1)/SUM(INDEX($D$3:$AA$30,INDEX(Jesper!$R$2:$R$366,ROW(INDEX(Jesper!AK$2:AK$366,ROUNDDOWN($C4521/24,0)+1,1))-1)+IF('Standard Profiles'!$G$21=$B$10,7,0)+IF('Standard Profiles'!$G$21=$B$17,14,0)+IF('Standard Profiles'!$G$21=$B$24,21,0),0)),0)</f>
        <v>0.20202995223467346</v>
      </c>
      <c r="H4521" cm="1">
        <f t="array" ref="H4521">IFERROR(INDEX(Jesper!AL$2:AL$366,ROUNDDOWN($C4521/24,0)+1,1)*INDEX($D$3:$AA$30,INDEX(Jesper!$R$2:$R$366,ROW(INDEX(Jesper!AL$2:AL$366,ROUNDDOWN($C4521/24,0)+1,1))-1)+IF('Standard Profiles'!$G$22=$B$10,7,0)+IF('Standard Profiles'!$G$22=$B$17,14,0)+IF('Standard Profiles'!$G$22=$B$24,21,0),MOD($C4521,24)+1)/SUM(INDEX($D$3:$AA$30,INDEX(Jesper!$R$2:$R$366,ROW(INDEX(Jesper!AL$2:AL$366,ROUNDDOWN($C4521/24,0)+1,1))-1)+IF('Standard Profiles'!$G$22=$B$10,7,0)+IF('Standard Profiles'!$G$22=$B$17,14,0)+IF('Standard Profiles'!$G$22=$B$24,21,0),0)),0)</f>
        <v>0</v>
      </c>
      <c r="I4521">
        <f t="shared" si="510"/>
        <v>9.6974377072643211E-2</v>
      </c>
      <c r="J4521">
        <f t="shared" si="511"/>
        <v>6.8434342015114424</v>
      </c>
      <c r="K4521">
        <f t="shared" si="512"/>
        <v>0.56946977559476686</v>
      </c>
      <c r="L4521">
        <f t="shared" si="513"/>
        <v>0.28473488779738343</v>
      </c>
      <c r="M4521">
        <f t="shared" si="514"/>
        <v>0</v>
      </c>
      <c r="N4521" s="45">
        <f t="shared" si="515"/>
        <v>45113.958333322451</v>
      </c>
    </row>
    <row r="4522" spans="2:14" x14ac:dyDescent="0.25">
      <c r="B4522">
        <f t="shared" si="509"/>
        <v>5</v>
      </c>
      <c r="C4522" s="16">
        <v>4488</v>
      </c>
      <c r="D4522" cm="1">
        <f t="array" ref="D4522">IFERROR(INDEX(Jesper!AH$2:AH$366,ROUNDDOWN($C4522/24,0)+1,1)*INDEX($D$3:$AA$30,INDEX(Jesper!$R$2:$R$366,ROW(INDEX(Jesper!AH$2:AH$366,ROUNDDOWN($C4522/24,0)+1,1))-1)+IF('Standard Profiles'!$G$18=$B$10,7,0)+IF('Standard Profiles'!$G$18=$B$17,14,0)+IF('Standard Profiles'!$G$18=$B$24,21,0),MOD($C4522,24)+1)/SUM(INDEX($D$3:$AA$30,INDEX(Jesper!$R$2:$R$366,ROW(INDEX(Jesper!AH$2:AH$366,ROUNDDOWN($C4522/24,0)+1,1))-1)+IF('Standard Profiles'!$G$18=$B$10,7,0)+IF('Standard Profiles'!$G$18=$B$17,14,0)+IF('Standard Profiles'!$G$18=$B$24,21,0),0)),0)</f>
        <v>8.0966662326620202</v>
      </c>
      <c r="E4522" cm="1">
        <f t="array" ref="E4522">IFERROR(INDEX(Jesper!AI$2:AI$366,ROUNDDOWN($C4522/24,0)+1,1)*INDEX($D$3:$AA$30,INDEX(Jesper!$R$2:$R$366,ROW(INDEX(Jesper!AI$2:AI$366,ROUNDDOWN($C4522/24,0)+1,1))-1)+IF('Standard Profiles'!$G$19=$B$10,7,0)+IF('Standard Profiles'!$G$19=$B$17,14,0)+IF('Standard Profiles'!$G$19=$B$24,21,0),MOD($C4522,24)+1)/SUM(INDEX($D$3:$AA$30,INDEX(Jesper!$R$2:$R$366,ROW(INDEX(Jesper!AI$2:AI$366,ROUNDDOWN($C4522/24,0)+1,1))-1)+IF('Standard Profiles'!$G$19=$B$10,7,0)+IF('Standard Profiles'!$G$19=$B$17,14,0)+IF('Standard Profiles'!$G$19=$B$24,21,0),0)),0)</f>
        <v>3.3251707508024992</v>
      </c>
      <c r="F4522" cm="1">
        <f t="array" ref="F4522">IFERROR(INDEX(Jesper!AJ$2:AJ$366,ROUNDDOWN($C4522/24,0)+1,1)*INDEX($D$3:$AA$30,INDEX(Jesper!$R$2:$R$366,ROW(INDEX(Jesper!AJ$2:AJ$366,ROUNDDOWN($C4522/24,0)+1,1))-1)+IF('Standard Profiles'!$G$20=$B$10,7,0)+IF('Standard Profiles'!$G$20=$B$17,14,0)+IF('Standard Profiles'!$G$20=$B$24,21,0),MOD($C4522,24)+1)/SUM(INDEX($D$3:$AA$30,INDEX(Jesper!$R$2:$R$366,ROW(INDEX(Jesper!AJ$2:AJ$366,ROUNDDOWN($C4522/24,0)+1,1))-1)+IF('Standard Profiles'!$G$20=$B$10,7,0)+IF('Standard Profiles'!$G$20=$B$17,14,0)+IF('Standard Profiles'!$G$20=$B$24,21,0),0)),0)</f>
        <v>0</v>
      </c>
      <c r="G4522" cm="1">
        <f t="array" ref="G4522">IFERROR(INDEX(Jesper!AK$2:AK$366,ROUNDDOWN($C4522/24,0)+1,1)*INDEX($D$3:$AA$30,INDEX(Jesper!$R$2:$R$366,ROW(INDEX(Jesper!AK$2:AK$366,ROUNDDOWN($C4522/24,0)+1,1))-1)+IF('Standard Profiles'!$G$21=$B$10,7,0)+IF('Standard Profiles'!$G$21=$B$17,14,0)+IF('Standard Profiles'!$G$21=$B$24,21,0),MOD($C4522,24)+1)/SUM(INDEX($D$3:$AA$30,INDEX(Jesper!$R$2:$R$366,ROW(INDEX(Jesper!AK$2:AK$366,ROUNDDOWN($C4522/24,0)+1,1))-1)+IF('Standard Profiles'!$G$21=$B$10,7,0)+IF('Standard Profiles'!$G$21=$B$17,14,0)+IF('Standard Profiles'!$G$21=$B$24,21,0),0)),0)</f>
        <v>9.0210297518798582E-2</v>
      </c>
      <c r="H4522" cm="1">
        <f t="array" ref="H4522">IFERROR(INDEX(Jesper!AL$2:AL$366,ROUNDDOWN($C4522/24,0)+1,1)*INDEX($D$3:$AA$30,INDEX(Jesper!$R$2:$R$366,ROW(INDEX(Jesper!AL$2:AL$366,ROUNDDOWN($C4522/24,0)+1,1))-1)+IF('Standard Profiles'!$G$22=$B$10,7,0)+IF('Standard Profiles'!$G$22=$B$17,14,0)+IF('Standard Profiles'!$G$22=$B$24,21,0),MOD($C4522,24)+1)/SUM(INDEX($D$3:$AA$30,INDEX(Jesper!$R$2:$R$366,ROW(INDEX(Jesper!AL$2:AL$366,ROUNDDOWN($C4522/24,0)+1,1))-1)+IF('Standard Profiles'!$G$22=$B$10,7,0)+IF('Standard Profiles'!$G$22=$B$17,14,0)+IF('Standard Profiles'!$G$22=$B$24,21,0),0)),0)</f>
        <v>0</v>
      </c>
      <c r="I4522">
        <f t="shared" si="510"/>
        <v>4.3300942809023295E-2</v>
      </c>
      <c r="J4522">
        <f t="shared" si="511"/>
        <v>10.173279740948372</v>
      </c>
      <c r="K4522">
        <f t="shared" si="512"/>
        <v>0.86364439815061556</v>
      </c>
      <c r="L4522">
        <f t="shared" si="513"/>
        <v>0.43182219907530778</v>
      </c>
      <c r="M4522">
        <f t="shared" si="514"/>
        <v>0</v>
      </c>
      <c r="N4522" s="45">
        <f t="shared" si="515"/>
        <v>45113.999999989115</v>
      </c>
    </row>
    <row r="4523" spans="2:14" x14ac:dyDescent="0.25">
      <c r="B4523">
        <f t="shared" si="509"/>
        <v>5</v>
      </c>
      <c r="C4523" s="16">
        <v>4489</v>
      </c>
      <c r="D4523" cm="1">
        <f t="array" ref="D4523">IFERROR(INDEX(Jesper!AH$2:AH$366,ROUNDDOWN($C4523/24,0)+1,1)*INDEX($D$3:$AA$30,INDEX(Jesper!$R$2:$R$366,ROW(INDEX(Jesper!AH$2:AH$366,ROUNDDOWN($C4523/24,0)+1,1))-1)+IF('Standard Profiles'!$G$18=$B$10,7,0)+IF('Standard Profiles'!$G$18=$B$17,14,0)+IF('Standard Profiles'!$G$18=$B$24,21,0),MOD($C4523,24)+1)/SUM(INDEX($D$3:$AA$30,INDEX(Jesper!$R$2:$R$366,ROW(INDEX(Jesper!AH$2:AH$366,ROUNDDOWN($C4523/24,0)+1,1))-1)+IF('Standard Profiles'!$G$18=$B$10,7,0)+IF('Standard Profiles'!$G$18=$B$17,14,0)+IF('Standard Profiles'!$G$18=$B$24,21,0),0)),0)</f>
        <v>4.9070704440375881</v>
      </c>
      <c r="E4523" cm="1">
        <f t="array" ref="E4523">IFERROR(INDEX(Jesper!AI$2:AI$366,ROUNDDOWN($C4523/24,0)+1,1)*INDEX($D$3:$AA$30,INDEX(Jesper!$R$2:$R$366,ROW(INDEX(Jesper!AI$2:AI$366,ROUNDDOWN($C4523/24,0)+1,1))-1)+IF('Standard Profiles'!$G$19=$B$10,7,0)+IF('Standard Profiles'!$G$19=$B$17,14,0)+IF('Standard Profiles'!$G$19=$B$24,21,0),MOD($C4523,24)+1)/SUM(INDEX($D$3:$AA$30,INDEX(Jesper!$R$2:$R$366,ROW(INDEX(Jesper!AI$2:AI$366,ROUNDDOWN($C4523/24,0)+1,1))-1)+IF('Standard Profiles'!$G$19=$B$10,7,0)+IF('Standard Profiles'!$G$19=$B$17,14,0)+IF('Standard Profiles'!$G$19=$B$24,21,0),0)),0)</f>
        <v>2.0152550004863632</v>
      </c>
      <c r="F4523" cm="1">
        <f t="array" ref="F4523">IFERROR(INDEX(Jesper!AJ$2:AJ$366,ROUNDDOWN($C4523/24,0)+1,1)*INDEX($D$3:$AA$30,INDEX(Jesper!$R$2:$R$366,ROW(INDEX(Jesper!AJ$2:AJ$366,ROUNDDOWN($C4523/24,0)+1,1))-1)+IF('Standard Profiles'!$G$20=$B$10,7,0)+IF('Standard Profiles'!$G$20=$B$17,14,0)+IF('Standard Profiles'!$G$20=$B$24,21,0),MOD($C4523,24)+1)/SUM(INDEX($D$3:$AA$30,INDEX(Jesper!$R$2:$R$366,ROW(INDEX(Jesper!AJ$2:AJ$366,ROUNDDOWN($C4523/24,0)+1,1))-1)+IF('Standard Profiles'!$G$20=$B$10,7,0)+IF('Standard Profiles'!$G$20=$B$17,14,0)+IF('Standard Profiles'!$G$20=$B$24,21,0),0)),0)</f>
        <v>0</v>
      </c>
      <c r="G4523" cm="1">
        <f t="array" ref="G4523">IFERROR(INDEX(Jesper!AK$2:AK$366,ROUNDDOWN($C4523/24,0)+1,1)*INDEX($D$3:$AA$30,INDEX(Jesper!$R$2:$R$366,ROW(INDEX(Jesper!AK$2:AK$366,ROUNDDOWN($C4523/24,0)+1,1))-1)+IF('Standard Profiles'!$G$21=$B$10,7,0)+IF('Standard Profiles'!$G$21=$B$17,14,0)+IF('Standard Profiles'!$G$21=$B$24,21,0),MOD($C4523,24)+1)/SUM(INDEX($D$3:$AA$30,INDEX(Jesper!$R$2:$R$366,ROW(INDEX(Jesper!AK$2:AK$366,ROUNDDOWN($C4523/24,0)+1,1))-1)+IF('Standard Profiles'!$G$21=$B$10,7,0)+IF('Standard Profiles'!$G$21=$B$17,14,0)+IF('Standard Profiles'!$G$21=$B$24,21,0),0)),0)</f>
        <v>9.0210297518798582E-2</v>
      </c>
      <c r="H4523" cm="1">
        <f t="array" ref="H4523">IFERROR(INDEX(Jesper!AL$2:AL$366,ROUNDDOWN($C4523/24,0)+1,1)*INDEX($D$3:$AA$30,INDEX(Jesper!$R$2:$R$366,ROW(INDEX(Jesper!AL$2:AL$366,ROUNDDOWN($C4523/24,0)+1,1))-1)+IF('Standard Profiles'!$G$22=$B$10,7,0)+IF('Standard Profiles'!$G$22=$B$17,14,0)+IF('Standard Profiles'!$G$22=$B$24,21,0),MOD($C4523,24)+1)/SUM(INDEX($D$3:$AA$30,INDEX(Jesper!$R$2:$R$366,ROW(INDEX(Jesper!AL$2:AL$366,ROUNDDOWN($C4523/24,0)+1,1))-1)+IF('Standard Profiles'!$G$22=$B$10,7,0)+IF('Standard Profiles'!$G$22=$B$17,14,0)+IF('Standard Profiles'!$G$22=$B$24,21,0),0)),0)</f>
        <v>0</v>
      </c>
      <c r="I4523">
        <f t="shared" si="510"/>
        <v>4.3300942809023295E-2</v>
      </c>
      <c r="J4523">
        <f t="shared" si="511"/>
        <v>6.1841035281877126</v>
      </c>
      <c r="K4523">
        <f t="shared" si="512"/>
        <v>0.5234208473640094</v>
      </c>
      <c r="L4523">
        <f t="shared" si="513"/>
        <v>0.2617104236820047</v>
      </c>
      <c r="M4523">
        <f t="shared" si="514"/>
        <v>0</v>
      </c>
      <c r="N4523" s="45">
        <f t="shared" si="515"/>
        <v>45114.041666655779</v>
      </c>
    </row>
    <row r="4524" spans="2:14" x14ac:dyDescent="0.25">
      <c r="B4524">
        <f t="shared" si="509"/>
        <v>5</v>
      </c>
      <c r="C4524" s="16">
        <v>4490</v>
      </c>
      <c r="D4524" cm="1">
        <f t="array" ref="D4524">IFERROR(INDEX(Jesper!AH$2:AH$366,ROUNDDOWN($C4524/24,0)+1,1)*INDEX($D$3:$AA$30,INDEX(Jesper!$R$2:$R$366,ROW(INDEX(Jesper!AH$2:AH$366,ROUNDDOWN($C4524/24,0)+1,1))-1)+IF('Standard Profiles'!$G$18=$B$10,7,0)+IF('Standard Profiles'!$G$18=$B$17,14,0)+IF('Standard Profiles'!$G$18=$B$24,21,0),MOD($C4524,24)+1)/SUM(INDEX($D$3:$AA$30,INDEX(Jesper!$R$2:$R$366,ROW(INDEX(Jesper!AH$2:AH$366,ROUNDDOWN($C4524/24,0)+1,1))-1)+IF('Standard Profiles'!$G$18=$B$10,7,0)+IF('Standard Profiles'!$G$18=$B$17,14,0)+IF('Standard Profiles'!$G$18=$B$24,21,0),0)),0)</f>
        <v>4.9070704440375881</v>
      </c>
      <c r="E4524" cm="1">
        <f t="array" ref="E4524">IFERROR(INDEX(Jesper!AI$2:AI$366,ROUNDDOWN($C4524/24,0)+1,1)*INDEX($D$3:$AA$30,INDEX(Jesper!$R$2:$R$366,ROW(INDEX(Jesper!AI$2:AI$366,ROUNDDOWN($C4524/24,0)+1,1))-1)+IF('Standard Profiles'!$G$19=$B$10,7,0)+IF('Standard Profiles'!$G$19=$B$17,14,0)+IF('Standard Profiles'!$G$19=$B$24,21,0),MOD($C4524,24)+1)/SUM(INDEX($D$3:$AA$30,INDEX(Jesper!$R$2:$R$366,ROW(INDEX(Jesper!AI$2:AI$366,ROUNDDOWN($C4524/24,0)+1,1))-1)+IF('Standard Profiles'!$G$19=$B$10,7,0)+IF('Standard Profiles'!$G$19=$B$17,14,0)+IF('Standard Profiles'!$G$19=$B$24,21,0),0)),0)</f>
        <v>2.0152550004863632</v>
      </c>
      <c r="F4524" cm="1">
        <f t="array" ref="F4524">IFERROR(INDEX(Jesper!AJ$2:AJ$366,ROUNDDOWN($C4524/24,0)+1,1)*INDEX($D$3:$AA$30,INDEX(Jesper!$R$2:$R$366,ROW(INDEX(Jesper!AJ$2:AJ$366,ROUNDDOWN($C4524/24,0)+1,1))-1)+IF('Standard Profiles'!$G$20=$B$10,7,0)+IF('Standard Profiles'!$G$20=$B$17,14,0)+IF('Standard Profiles'!$G$20=$B$24,21,0),MOD($C4524,24)+1)/SUM(INDEX($D$3:$AA$30,INDEX(Jesper!$R$2:$R$366,ROW(INDEX(Jesper!AJ$2:AJ$366,ROUNDDOWN($C4524/24,0)+1,1))-1)+IF('Standard Profiles'!$G$20=$B$10,7,0)+IF('Standard Profiles'!$G$20=$B$17,14,0)+IF('Standard Profiles'!$G$20=$B$24,21,0),0)),0)</f>
        <v>0</v>
      </c>
      <c r="G4524" cm="1">
        <f t="array" ref="G4524">IFERROR(INDEX(Jesper!AK$2:AK$366,ROUNDDOWN($C4524/24,0)+1,1)*INDEX($D$3:$AA$30,INDEX(Jesper!$R$2:$R$366,ROW(INDEX(Jesper!AK$2:AK$366,ROUNDDOWN($C4524/24,0)+1,1))-1)+IF('Standard Profiles'!$G$21=$B$10,7,0)+IF('Standard Profiles'!$G$21=$B$17,14,0)+IF('Standard Profiles'!$G$21=$B$24,21,0),MOD($C4524,24)+1)/SUM(INDEX($D$3:$AA$30,INDEX(Jesper!$R$2:$R$366,ROW(INDEX(Jesper!AK$2:AK$366,ROUNDDOWN($C4524/24,0)+1,1))-1)+IF('Standard Profiles'!$G$21=$B$10,7,0)+IF('Standard Profiles'!$G$21=$B$17,14,0)+IF('Standard Profiles'!$G$21=$B$24,21,0),0)),0)</f>
        <v>9.0210297518798582E-2</v>
      </c>
      <c r="H4524" cm="1">
        <f t="array" ref="H4524">IFERROR(INDEX(Jesper!AL$2:AL$366,ROUNDDOWN($C4524/24,0)+1,1)*INDEX($D$3:$AA$30,INDEX(Jesper!$R$2:$R$366,ROW(INDEX(Jesper!AL$2:AL$366,ROUNDDOWN($C4524/24,0)+1,1))-1)+IF('Standard Profiles'!$G$22=$B$10,7,0)+IF('Standard Profiles'!$G$22=$B$17,14,0)+IF('Standard Profiles'!$G$22=$B$24,21,0),MOD($C4524,24)+1)/SUM(INDEX($D$3:$AA$30,INDEX(Jesper!$R$2:$R$366,ROW(INDEX(Jesper!AL$2:AL$366,ROUNDDOWN($C4524/24,0)+1,1))-1)+IF('Standard Profiles'!$G$22=$B$10,7,0)+IF('Standard Profiles'!$G$22=$B$17,14,0)+IF('Standard Profiles'!$G$22=$B$24,21,0),0)),0)</f>
        <v>0</v>
      </c>
      <c r="I4524">
        <f t="shared" si="510"/>
        <v>4.3300942809023295E-2</v>
      </c>
      <c r="J4524">
        <f t="shared" si="511"/>
        <v>6.1841035281877126</v>
      </c>
      <c r="K4524">
        <f t="shared" si="512"/>
        <v>0.5234208473640094</v>
      </c>
      <c r="L4524">
        <f t="shared" si="513"/>
        <v>0.2617104236820047</v>
      </c>
      <c r="M4524">
        <f t="shared" si="514"/>
        <v>0</v>
      </c>
      <c r="N4524" s="45">
        <f t="shared" si="515"/>
        <v>45114.083333322444</v>
      </c>
    </row>
    <row r="4525" spans="2:14" x14ac:dyDescent="0.25">
      <c r="B4525">
        <f t="shared" si="509"/>
        <v>5</v>
      </c>
      <c r="C4525" s="16">
        <v>4491</v>
      </c>
      <c r="D4525" cm="1">
        <f t="array" ref="D4525">IFERROR(INDEX(Jesper!AH$2:AH$366,ROUNDDOWN($C4525/24,0)+1,1)*INDEX($D$3:$AA$30,INDEX(Jesper!$R$2:$R$366,ROW(INDEX(Jesper!AH$2:AH$366,ROUNDDOWN($C4525/24,0)+1,1))-1)+IF('Standard Profiles'!$G$18=$B$10,7,0)+IF('Standard Profiles'!$G$18=$B$17,14,0)+IF('Standard Profiles'!$G$18=$B$24,21,0),MOD($C4525,24)+1)/SUM(INDEX($D$3:$AA$30,INDEX(Jesper!$R$2:$R$366,ROW(INDEX(Jesper!AH$2:AH$366,ROUNDDOWN($C4525/24,0)+1,1))-1)+IF('Standard Profiles'!$G$18=$B$10,7,0)+IF('Standard Profiles'!$G$18=$B$17,14,0)+IF('Standard Profiles'!$G$18=$B$24,21,0),0)),0)</f>
        <v>4.9070704440375881</v>
      </c>
      <c r="E4525" cm="1">
        <f t="array" ref="E4525">IFERROR(INDEX(Jesper!AI$2:AI$366,ROUNDDOWN($C4525/24,0)+1,1)*INDEX($D$3:$AA$30,INDEX(Jesper!$R$2:$R$366,ROW(INDEX(Jesper!AI$2:AI$366,ROUNDDOWN($C4525/24,0)+1,1))-1)+IF('Standard Profiles'!$G$19=$B$10,7,0)+IF('Standard Profiles'!$G$19=$B$17,14,0)+IF('Standard Profiles'!$G$19=$B$24,21,0),MOD($C4525,24)+1)/SUM(INDEX($D$3:$AA$30,INDEX(Jesper!$R$2:$R$366,ROW(INDEX(Jesper!AI$2:AI$366,ROUNDDOWN($C4525/24,0)+1,1))-1)+IF('Standard Profiles'!$G$19=$B$10,7,0)+IF('Standard Profiles'!$G$19=$B$17,14,0)+IF('Standard Profiles'!$G$19=$B$24,21,0),0)),0)</f>
        <v>2.0152550004863632</v>
      </c>
      <c r="F4525" cm="1">
        <f t="array" ref="F4525">IFERROR(INDEX(Jesper!AJ$2:AJ$366,ROUNDDOWN($C4525/24,0)+1,1)*INDEX($D$3:$AA$30,INDEX(Jesper!$R$2:$R$366,ROW(INDEX(Jesper!AJ$2:AJ$366,ROUNDDOWN($C4525/24,0)+1,1))-1)+IF('Standard Profiles'!$G$20=$B$10,7,0)+IF('Standard Profiles'!$G$20=$B$17,14,0)+IF('Standard Profiles'!$G$20=$B$24,21,0),MOD($C4525,24)+1)/SUM(INDEX($D$3:$AA$30,INDEX(Jesper!$R$2:$R$366,ROW(INDEX(Jesper!AJ$2:AJ$366,ROUNDDOWN($C4525/24,0)+1,1))-1)+IF('Standard Profiles'!$G$20=$B$10,7,0)+IF('Standard Profiles'!$G$20=$B$17,14,0)+IF('Standard Profiles'!$G$20=$B$24,21,0),0)),0)</f>
        <v>0</v>
      </c>
      <c r="G4525" cm="1">
        <f t="array" ref="G4525">IFERROR(INDEX(Jesper!AK$2:AK$366,ROUNDDOWN($C4525/24,0)+1,1)*INDEX($D$3:$AA$30,INDEX(Jesper!$R$2:$R$366,ROW(INDEX(Jesper!AK$2:AK$366,ROUNDDOWN($C4525/24,0)+1,1))-1)+IF('Standard Profiles'!$G$21=$B$10,7,0)+IF('Standard Profiles'!$G$21=$B$17,14,0)+IF('Standard Profiles'!$G$21=$B$24,21,0),MOD($C4525,24)+1)/SUM(INDEX($D$3:$AA$30,INDEX(Jesper!$R$2:$R$366,ROW(INDEX(Jesper!AK$2:AK$366,ROUNDDOWN($C4525/24,0)+1,1))-1)+IF('Standard Profiles'!$G$21=$B$10,7,0)+IF('Standard Profiles'!$G$21=$B$17,14,0)+IF('Standard Profiles'!$G$21=$B$24,21,0),0)),0)</f>
        <v>9.0210297518798582E-2</v>
      </c>
      <c r="H4525" cm="1">
        <f t="array" ref="H4525">IFERROR(INDEX(Jesper!AL$2:AL$366,ROUNDDOWN($C4525/24,0)+1,1)*INDEX($D$3:$AA$30,INDEX(Jesper!$R$2:$R$366,ROW(INDEX(Jesper!AL$2:AL$366,ROUNDDOWN($C4525/24,0)+1,1))-1)+IF('Standard Profiles'!$G$22=$B$10,7,0)+IF('Standard Profiles'!$G$22=$B$17,14,0)+IF('Standard Profiles'!$G$22=$B$24,21,0),MOD($C4525,24)+1)/SUM(INDEX($D$3:$AA$30,INDEX(Jesper!$R$2:$R$366,ROW(INDEX(Jesper!AL$2:AL$366,ROUNDDOWN($C4525/24,0)+1,1))-1)+IF('Standard Profiles'!$G$22=$B$10,7,0)+IF('Standard Profiles'!$G$22=$B$17,14,0)+IF('Standard Profiles'!$G$22=$B$24,21,0),0)),0)</f>
        <v>0</v>
      </c>
      <c r="I4525">
        <f t="shared" si="510"/>
        <v>4.3300942809023295E-2</v>
      </c>
      <c r="J4525">
        <f t="shared" si="511"/>
        <v>6.1841035281877126</v>
      </c>
      <c r="K4525">
        <f t="shared" si="512"/>
        <v>0.5234208473640094</v>
      </c>
      <c r="L4525">
        <f t="shared" si="513"/>
        <v>0.2617104236820047</v>
      </c>
      <c r="M4525">
        <f t="shared" si="514"/>
        <v>0</v>
      </c>
      <c r="N4525" s="45">
        <f t="shared" si="515"/>
        <v>45114.124999989108</v>
      </c>
    </row>
    <row r="4526" spans="2:14" x14ac:dyDescent="0.25">
      <c r="B4526">
        <f t="shared" si="509"/>
        <v>5</v>
      </c>
      <c r="C4526" s="16">
        <v>4492</v>
      </c>
      <c r="D4526" cm="1">
        <f t="array" ref="D4526">IFERROR(INDEX(Jesper!AH$2:AH$366,ROUNDDOWN($C4526/24,0)+1,1)*INDEX($D$3:$AA$30,INDEX(Jesper!$R$2:$R$366,ROW(INDEX(Jesper!AH$2:AH$366,ROUNDDOWN($C4526/24,0)+1,1))-1)+IF('Standard Profiles'!$G$18=$B$10,7,0)+IF('Standard Profiles'!$G$18=$B$17,14,0)+IF('Standard Profiles'!$G$18=$B$24,21,0),MOD($C4526,24)+1)/SUM(INDEX($D$3:$AA$30,INDEX(Jesper!$R$2:$R$366,ROW(INDEX(Jesper!AH$2:AH$366,ROUNDDOWN($C4526/24,0)+1,1))-1)+IF('Standard Profiles'!$G$18=$B$10,7,0)+IF('Standard Profiles'!$G$18=$B$17,14,0)+IF('Standard Profiles'!$G$18=$B$24,21,0),0)),0)</f>
        <v>4.9070704440375881</v>
      </c>
      <c r="E4526" cm="1">
        <f t="array" ref="E4526">IFERROR(INDEX(Jesper!AI$2:AI$366,ROUNDDOWN($C4526/24,0)+1,1)*INDEX($D$3:$AA$30,INDEX(Jesper!$R$2:$R$366,ROW(INDEX(Jesper!AI$2:AI$366,ROUNDDOWN($C4526/24,0)+1,1))-1)+IF('Standard Profiles'!$G$19=$B$10,7,0)+IF('Standard Profiles'!$G$19=$B$17,14,0)+IF('Standard Profiles'!$G$19=$B$24,21,0),MOD($C4526,24)+1)/SUM(INDEX($D$3:$AA$30,INDEX(Jesper!$R$2:$R$366,ROW(INDEX(Jesper!AI$2:AI$366,ROUNDDOWN($C4526/24,0)+1,1))-1)+IF('Standard Profiles'!$G$19=$B$10,7,0)+IF('Standard Profiles'!$G$19=$B$17,14,0)+IF('Standard Profiles'!$G$19=$B$24,21,0),0)),0)</f>
        <v>2.0152550004863632</v>
      </c>
      <c r="F4526" cm="1">
        <f t="array" ref="F4526">IFERROR(INDEX(Jesper!AJ$2:AJ$366,ROUNDDOWN($C4526/24,0)+1,1)*INDEX($D$3:$AA$30,INDEX(Jesper!$R$2:$R$366,ROW(INDEX(Jesper!AJ$2:AJ$366,ROUNDDOWN($C4526/24,0)+1,1))-1)+IF('Standard Profiles'!$G$20=$B$10,7,0)+IF('Standard Profiles'!$G$20=$B$17,14,0)+IF('Standard Profiles'!$G$20=$B$24,21,0),MOD($C4526,24)+1)/SUM(INDEX($D$3:$AA$30,INDEX(Jesper!$R$2:$R$366,ROW(INDEX(Jesper!AJ$2:AJ$366,ROUNDDOWN($C4526/24,0)+1,1))-1)+IF('Standard Profiles'!$G$20=$B$10,7,0)+IF('Standard Profiles'!$G$20=$B$17,14,0)+IF('Standard Profiles'!$G$20=$B$24,21,0),0)),0)</f>
        <v>0</v>
      </c>
      <c r="G4526" cm="1">
        <f t="array" ref="G4526">IFERROR(INDEX(Jesper!AK$2:AK$366,ROUNDDOWN($C4526/24,0)+1,1)*INDEX($D$3:$AA$30,INDEX(Jesper!$R$2:$R$366,ROW(INDEX(Jesper!AK$2:AK$366,ROUNDDOWN($C4526/24,0)+1,1))-1)+IF('Standard Profiles'!$G$21=$B$10,7,0)+IF('Standard Profiles'!$G$21=$B$17,14,0)+IF('Standard Profiles'!$G$21=$B$24,21,0),MOD($C4526,24)+1)/SUM(INDEX($D$3:$AA$30,INDEX(Jesper!$R$2:$R$366,ROW(INDEX(Jesper!AK$2:AK$366,ROUNDDOWN($C4526/24,0)+1,1))-1)+IF('Standard Profiles'!$G$21=$B$10,7,0)+IF('Standard Profiles'!$G$21=$B$17,14,0)+IF('Standard Profiles'!$G$21=$B$24,21,0),0)),0)</f>
        <v>9.0210297518798582E-2</v>
      </c>
      <c r="H4526" cm="1">
        <f t="array" ref="H4526">IFERROR(INDEX(Jesper!AL$2:AL$366,ROUNDDOWN($C4526/24,0)+1,1)*INDEX($D$3:$AA$30,INDEX(Jesper!$R$2:$R$366,ROW(INDEX(Jesper!AL$2:AL$366,ROUNDDOWN($C4526/24,0)+1,1))-1)+IF('Standard Profiles'!$G$22=$B$10,7,0)+IF('Standard Profiles'!$G$22=$B$17,14,0)+IF('Standard Profiles'!$G$22=$B$24,21,0),MOD($C4526,24)+1)/SUM(INDEX($D$3:$AA$30,INDEX(Jesper!$R$2:$R$366,ROW(INDEX(Jesper!AL$2:AL$366,ROUNDDOWN($C4526/24,0)+1,1))-1)+IF('Standard Profiles'!$G$22=$B$10,7,0)+IF('Standard Profiles'!$G$22=$B$17,14,0)+IF('Standard Profiles'!$G$22=$B$24,21,0),0)),0)</f>
        <v>0</v>
      </c>
      <c r="I4526">
        <f t="shared" si="510"/>
        <v>4.3300942809023295E-2</v>
      </c>
      <c r="J4526">
        <f t="shared" si="511"/>
        <v>6.1841035281877126</v>
      </c>
      <c r="K4526">
        <f t="shared" si="512"/>
        <v>0.5234208473640094</v>
      </c>
      <c r="L4526">
        <f t="shared" si="513"/>
        <v>0.2617104236820047</v>
      </c>
      <c r="M4526">
        <f t="shared" si="514"/>
        <v>0</v>
      </c>
      <c r="N4526" s="45">
        <f t="shared" si="515"/>
        <v>45114.166666655772</v>
      </c>
    </row>
    <row r="4527" spans="2:14" x14ac:dyDescent="0.25">
      <c r="B4527">
        <f t="shared" si="509"/>
        <v>5</v>
      </c>
      <c r="C4527" s="16">
        <v>4493</v>
      </c>
      <c r="D4527" cm="1">
        <f t="array" ref="D4527">IFERROR(INDEX(Jesper!AH$2:AH$366,ROUNDDOWN($C4527/24,0)+1,1)*INDEX($D$3:$AA$30,INDEX(Jesper!$R$2:$R$366,ROW(INDEX(Jesper!AH$2:AH$366,ROUNDDOWN($C4527/24,0)+1,1))-1)+IF('Standard Profiles'!$G$18=$B$10,7,0)+IF('Standard Profiles'!$G$18=$B$17,14,0)+IF('Standard Profiles'!$G$18=$B$24,21,0),MOD($C4527,24)+1)/SUM(INDEX($D$3:$AA$30,INDEX(Jesper!$R$2:$R$366,ROW(INDEX(Jesper!AH$2:AH$366,ROUNDDOWN($C4527/24,0)+1,1))-1)+IF('Standard Profiles'!$G$18=$B$10,7,0)+IF('Standard Profiles'!$G$18=$B$17,14,0)+IF('Standard Profiles'!$G$18=$B$24,21,0),0)),0)</f>
        <v>4.9070704440375881</v>
      </c>
      <c r="E4527" cm="1">
        <f t="array" ref="E4527">IFERROR(INDEX(Jesper!AI$2:AI$366,ROUNDDOWN($C4527/24,0)+1,1)*INDEX($D$3:$AA$30,INDEX(Jesper!$R$2:$R$366,ROW(INDEX(Jesper!AI$2:AI$366,ROUNDDOWN($C4527/24,0)+1,1))-1)+IF('Standard Profiles'!$G$19=$B$10,7,0)+IF('Standard Profiles'!$G$19=$B$17,14,0)+IF('Standard Profiles'!$G$19=$B$24,21,0),MOD($C4527,24)+1)/SUM(INDEX($D$3:$AA$30,INDEX(Jesper!$R$2:$R$366,ROW(INDEX(Jesper!AI$2:AI$366,ROUNDDOWN($C4527/24,0)+1,1))-1)+IF('Standard Profiles'!$G$19=$B$10,7,0)+IF('Standard Profiles'!$G$19=$B$17,14,0)+IF('Standard Profiles'!$G$19=$B$24,21,0),0)),0)</f>
        <v>2.0152550004863632</v>
      </c>
      <c r="F4527" cm="1">
        <f t="array" ref="F4527">IFERROR(INDEX(Jesper!AJ$2:AJ$366,ROUNDDOWN($C4527/24,0)+1,1)*INDEX($D$3:$AA$30,INDEX(Jesper!$R$2:$R$366,ROW(INDEX(Jesper!AJ$2:AJ$366,ROUNDDOWN($C4527/24,0)+1,1))-1)+IF('Standard Profiles'!$G$20=$B$10,7,0)+IF('Standard Profiles'!$G$20=$B$17,14,0)+IF('Standard Profiles'!$G$20=$B$24,21,0),MOD($C4527,24)+1)/SUM(INDEX($D$3:$AA$30,INDEX(Jesper!$R$2:$R$366,ROW(INDEX(Jesper!AJ$2:AJ$366,ROUNDDOWN($C4527/24,0)+1,1))-1)+IF('Standard Profiles'!$G$20=$B$10,7,0)+IF('Standard Profiles'!$G$20=$B$17,14,0)+IF('Standard Profiles'!$G$20=$B$24,21,0),0)),0)</f>
        <v>0</v>
      </c>
      <c r="G4527" cm="1">
        <f t="array" ref="G4527">IFERROR(INDEX(Jesper!AK$2:AK$366,ROUNDDOWN($C4527/24,0)+1,1)*INDEX($D$3:$AA$30,INDEX(Jesper!$R$2:$R$366,ROW(INDEX(Jesper!AK$2:AK$366,ROUNDDOWN($C4527/24,0)+1,1))-1)+IF('Standard Profiles'!$G$21=$B$10,7,0)+IF('Standard Profiles'!$G$21=$B$17,14,0)+IF('Standard Profiles'!$G$21=$B$24,21,0),MOD($C4527,24)+1)/SUM(INDEX($D$3:$AA$30,INDEX(Jesper!$R$2:$R$366,ROW(INDEX(Jesper!AK$2:AK$366,ROUNDDOWN($C4527/24,0)+1,1))-1)+IF('Standard Profiles'!$G$21=$B$10,7,0)+IF('Standard Profiles'!$G$21=$B$17,14,0)+IF('Standard Profiles'!$G$21=$B$24,21,0),0)),0)</f>
        <v>9.0210297518798582E-2</v>
      </c>
      <c r="H4527" cm="1">
        <f t="array" ref="H4527">IFERROR(INDEX(Jesper!AL$2:AL$366,ROUNDDOWN($C4527/24,0)+1,1)*INDEX($D$3:$AA$30,INDEX(Jesper!$R$2:$R$366,ROW(INDEX(Jesper!AL$2:AL$366,ROUNDDOWN($C4527/24,0)+1,1))-1)+IF('Standard Profiles'!$G$22=$B$10,7,0)+IF('Standard Profiles'!$G$22=$B$17,14,0)+IF('Standard Profiles'!$G$22=$B$24,21,0),MOD($C4527,24)+1)/SUM(INDEX($D$3:$AA$30,INDEX(Jesper!$R$2:$R$366,ROW(INDEX(Jesper!AL$2:AL$366,ROUNDDOWN($C4527/24,0)+1,1))-1)+IF('Standard Profiles'!$G$22=$B$10,7,0)+IF('Standard Profiles'!$G$22=$B$17,14,0)+IF('Standard Profiles'!$G$22=$B$24,21,0),0)),0)</f>
        <v>0</v>
      </c>
      <c r="I4527">
        <f t="shared" si="510"/>
        <v>4.3300942809023295E-2</v>
      </c>
      <c r="J4527">
        <f t="shared" si="511"/>
        <v>6.1841035281877126</v>
      </c>
      <c r="K4527">
        <f t="shared" si="512"/>
        <v>0.5234208473640094</v>
      </c>
      <c r="L4527">
        <f t="shared" si="513"/>
        <v>0.2617104236820047</v>
      </c>
      <c r="M4527">
        <f t="shared" si="514"/>
        <v>0</v>
      </c>
      <c r="N4527" s="45">
        <f t="shared" si="515"/>
        <v>45114.208333322436</v>
      </c>
    </row>
    <row r="4528" spans="2:14" x14ac:dyDescent="0.25">
      <c r="B4528">
        <f t="shared" si="509"/>
        <v>5</v>
      </c>
      <c r="C4528" s="16">
        <v>4494</v>
      </c>
      <c r="D4528" cm="1">
        <f t="array" ref="D4528">IFERROR(INDEX(Jesper!AH$2:AH$366,ROUNDDOWN($C4528/24,0)+1,1)*INDEX($D$3:$AA$30,INDEX(Jesper!$R$2:$R$366,ROW(INDEX(Jesper!AH$2:AH$366,ROUNDDOWN($C4528/24,0)+1,1))-1)+IF('Standard Profiles'!$G$18=$B$10,7,0)+IF('Standard Profiles'!$G$18=$B$17,14,0)+IF('Standard Profiles'!$G$18=$B$24,21,0),MOD($C4528,24)+1)/SUM(INDEX($D$3:$AA$30,INDEX(Jesper!$R$2:$R$366,ROW(INDEX(Jesper!AH$2:AH$366,ROUNDDOWN($C4528/24,0)+1,1))-1)+IF('Standard Profiles'!$G$18=$B$10,7,0)+IF('Standard Profiles'!$G$18=$B$17,14,0)+IF('Standard Profiles'!$G$18=$B$24,21,0),0)),0)</f>
        <v>4.9070704440375881</v>
      </c>
      <c r="E4528" cm="1">
        <f t="array" ref="E4528">IFERROR(INDEX(Jesper!AI$2:AI$366,ROUNDDOWN($C4528/24,0)+1,1)*INDEX($D$3:$AA$30,INDEX(Jesper!$R$2:$R$366,ROW(INDEX(Jesper!AI$2:AI$366,ROUNDDOWN($C4528/24,0)+1,1))-1)+IF('Standard Profiles'!$G$19=$B$10,7,0)+IF('Standard Profiles'!$G$19=$B$17,14,0)+IF('Standard Profiles'!$G$19=$B$24,21,0),MOD($C4528,24)+1)/SUM(INDEX($D$3:$AA$30,INDEX(Jesper!$R$2:$R$366,ROW(INDEX(Jesper!AI$2:AI$366,ROUNDDOWN($C4528/24,0)+1,1))-1)+IF('Standard Profiles'!$G$19=$B$10,7,0)+IF('Standard Profiles'!$G$19=$B$17,14,0)+IF('Standard Profiles'!$G$19=$B$24,21,0),0)),0)</f>
        <v>2.0152550004863632</v>
      </c>
      <c r="F4528" cm="1">
        <f t="array" ref="F4528">IFERROR(INDEX(Jesper!AJ$2:AJ$366,ROUNDDOWN($C4528/24,0)+1,1)*INDEX($D$3:$AA$30,INDEX(Jesper!$R$2:$R$366,ROW(INDEX(Jesper!AJ$2:AJ$366,ROUNDDOWN($C4528/24,0)+1,1))-1)+IF('Standard Profiles'!$G$20=$B$10,7,0)+IF('Standard Profiles'!$G$20=$B$17,14,0)+IF('Standard Profiles'!$G$20=$B$24,21,0),MOD($C4528,24)+1)/SUM(INDEX($D$3:$AA$30,INDEX(Jesper!$R$2:$R$366,ROW(INDEX(Jesper!AJ$2:AJ$366,ROUNDDOWN($C4528/24,0)+1,1))-1)+IF('Standard Profiles'!$G$20=$B$10,7,0)+IF('Standard Profiles'!$G$20=$B$17,14,0)+IF('Standard Profiles'!$G$20=$B$24,21,0),0)),0)</f>
        <v>0</v>
      </c>
      <c r="G4528" cm="1">
        <f t="array" ref="G4528">IFERROR(INDEX(Jesper!AK$2:AK$366,ROUNDDOWN($C4528/24,0)+1,1)*INDEX($D$3:$AA$30,INDEX(Jesper!$R$2:$R$366,ROW(INDEX(Jesper!AK$2:AK$366,ROUNDDOWN($C4528/24,0)+1,1))-1)+IF('Standard Profiles'!$G$21=$B$10,7,0)+IF('Standard Profiles'!$G$21=$B$17,14,0)+IF('Standard Profiles'!$G$21=$B$24,21,0),MOD($C4528,24)+1)/SUM(INDEX($D$3:$AA$30,INDEX(Jesper!$R$2:$R$366,ROW(INDEX(Jesper!AK$2:AK$366,ROUNDDOWN($C4528/24,0)+1,1))-1)+IF('Standard Profiles'!$G$21=$B$10,7,0)+IF('Standard Profiles'!$G$21=$B$17,14,0)+IF('Standard Profiles'!$G$21=$B$24,21,0),0)),0)</f>
        <v>9.0210297518798582E-2</v>
      </c>
      <c r="H4528" cm="1">
        <f t="array" ref="H4528">IFERROR(INDEX(Jesper!AL$2:AL$366,ROUNDDOWN($C4528/24,0)+1,1)*INDEX($D$3:$AA$30,INDEX(Jesper!$R$2:$R$366,ROW(INDEX(Jesper!AL$2:AL$366,ROUNDDOWN($C4528/24,0)+1,1))-1)+IF('Standard Profiles'!$G$22=$B$10,7,0)+IF('Standard Profiles'!$G$22=$B$17,14,0)+IF('Standard Profiles'!$G$22=$B$24,21,0),MOD($C4528,24)+1)/SUM(INDEX($D$3:$AA$30,INDEX(Jesper!$R$2:$R$366,ROW(INDEX(Jesper!AL$2:AL$366,ROUNDDOWN($C4528/24,0)+1,1))-1)+IF('Standard Profiles'!$G$22=$B$10,7,0)+IF('Standard Profiles'!$G$22=$B$17,14,0)+IF('Standard Profiles'!$G$22=$B$24,21,0),0)),0)</f>
        <v>0</v>
      </c>
      <c r="I4528">
        <f t="shared" si="510"/>
        <v>4.3300942809023295E-2</v>
      </c>
      <c r="J4528">
        <f t="shared" si="511"/>
        <v>6.1841035281877126</v>
      </c>
      <c r="K4528">
        <f t="shared" si="512"/>
        <v>0.5234208473640094</v>
      </c>
      <c r="L4528">
        <f t="shared" si="513"/>
        <v>0.2617104236820047</v>
      </c>
      <c r="M4528">
        <f t="shared" si="514"/>
        <v>0</v>
      </c>
      <c r="N4528" s="45">
        <f t="shared" si="515"/>
        <v>45114.249999989101</v>
      </c>
    </row>
    <row r="4529" spans="2:14" x14ac:dyDescent="0.25">
      <c r="B4529">
        <f t="shared" si="509"/>
        <v>5</v>
      </c>
      <c r="C4529" s="16">
        <v>4495</v>
      </c>
      <c r="D4529" cm="1">
        <f t="array" ref="D4529">IFERROR(INDEX(Jesper!AH$2:AH$366,ROUNDDOWN($C4529/24,0)+1,1)*INDEX($D$3:$AA$30,INDEX(Jesper!$R$2:$R$366,ROW(INDEX(Jesper!AH$2:AH$366,ROUNDDOWN($C4529/24,0)+1,1))-1)+IF('Standard Profiles'!$G$18=$B$10,7,0)+IF('Standard Profiles'!$G$18=$B$17,14,0)+IF('Standard Profiles'!$G$18=$B$24,21,0),MOD($C4529,24)+1)/SUM(INDEX($D$3:$AA$30,INDEX(Jesper!$R$2:$R$366,ROW(INDEX(Jesper!AH$2:AH$366,ROUNDDOWN($C4529/24,0)+1,1))-1)+IF('Standard Profiles'!$G$18=$B$10,7,0)+IF('Standard Profiles'!$G$18=$B$17,14,0)+IF('Standard Profiles'!$G$18=$B$24,21,0),0)),0)</f>
        <v>20.904120091600124</v>
      </c>
      <c r="E4529" cm="1">
        <f t="array" ref="E4529">IFERROR(INDEX(Jesper!AI$2:AI$366,ROUNDDOWN($C4529/24,0)+1,1)*INDEX($D$3:$AA$30,INDEX(Jesper!$R$2:$R$366,ROW(INDEX(Jesper!AI$2:AI$366,ROUNDDOWN($C4529/24,0)+1,1))-1)+IF('Standard Profiles'!$G$19=$B$10,7,0)+IF('Standard Profiles'!$G$19=$B$17,14,0)+IF('Standard Profiles'!$G$19=$B$24,21,0),MOD($C4529,24)+1)/SUM(INDEX($D$3:$AA$30,INDEX(Jesper!$R$2:$R$366,ROW(INDEX(Jesper!AI$2:AI$366,ROUNDDOWN($C4529/24,0)+1,1))-1)+IF('Standard Profiles'!$G$19=$B$10,7,0)+IF('Standard Profiles'!$G$19=$B$17,14,0)+IF('Standard Profiles'!$G$19=$B$24,21,0),0)),0)</f>
        <v>8.5849863020719077</v>
      </c>
      <c r="F4529" cm="1">
        <f t="array" ref="F4529">IFERROR(INDEX(Jesper!AJ$2:AJ$366,ROUNDDOWN($C4529/24,0)+1,1)*INDEX($D$3:$AA$30,INDEX(Jesper!$R$2:$R$366,ROW(INDEX(Jesper!AJ$2:AJ$366,ROUNDDOWN($C4529/24,0)+1,1))-1)+IF('Standard Profiles'!$G$20=$B$10,7,0)+IF('Standard Profiles'!$G$20=$B$17,14,0)+IF('Standard Profiles'!$G$20=$B$24,21,0),MOD($C4529,24)+1)/SUM(INDEX($D$3:$AA$30,INDEX(Jesper!$R$2:$R$366,ROW(INDEX(Jesper!AJ$2:AJ$366,ROUNDDOWN($C4529/24,0)+1,1))-1)+IF('Standard Profiles'!$G$20=$B$10,7,0)+IF('Standard Profiles'!$G$20=$B$17,14,0)+IF('Standard Profiles'!$G$20=$B$24,21,0),0)),0)</f>
        <v>0</v>
      </c>
      <c r="G4529" cm="1">
        <f t="array" ref="G4529">IFERROR(INDEX(Jesper!AK$2:AK$366,ROUNDDOWN($C4529/24,0)+1,1)*INDEX($D$3:$AA$30,INDEX(Jesper!$R$2:$R$366,ROW(INDEX(Jesper!AK$2:AK$366,ROUNDDOWN($C4529/24,0)+1,1))-1)+IF('Standard Profiles'!$G$21=$B$10,7,0)+IF('Standard Profiles'!$G$21=$B$17,14,0)+IF('Standard Profiles'!$G$21=$B$24,21,0),MOD($C4529,24)+1)/SUM(INDEX($D$3:$AA$30,INDEX(Jesper!$R$2:$R$366,ROW(INDEX(Jesper!AK$2:AK$366,ROUNDDOWN($C4529/24,0)+1,1))-1)+IF('Standard Profiles'!$G$21=$B$10,7,0)+IF('Standard Profiles'!$G$21=$B$17,14,0)+IF('Standard Profiles'!$G$21=$B$24,21,0),0)),0)</f>
        <v>0.24444080617997035</v>
      </c>
      <c r="H4529" cm="1">
        <f t="array" ref="H4529">IFERROR(INDEX(Jesper!AL$2:AL$366,ROUNDDOWN($C4529/24,0)+1,1)*INDEX($D$3:$AA$30,INDEX(Jesper!$R$2:$R$366,ROW(INDEX(Jesper!AL$2:AL$366,ROUNDDOWN($C4529/24,0)+1,1))-1)+IF('Standard Profiles'!$G$22=$B$10,7,0)+IF('Standard Profiles'!$G$22=$B$17,14,0)+IF('Standard Profiles'!$G$22=$B$24,21,0),MOD($C4529,24)+1)/SUM(INDEX($D$3:$AA$30,INDEX(Jesper!$R$2:$R$366,ROW(INDEX(Jesper!AL$2:AL$366,ROUNDDOWN($C4529/24,0)+1,1))-1)+IF('Standard Profiles'!$G$22=$B$10,7,0)+IF('Standard Profiles'!$G$22=$B$17,14,0)+IF('Standard Profiles'!$G$22=$B$24,21,0),0)),0)</f>
        <v>0</v>
      </c>
      <c r="I4529">
        <f t="shared" si="510"/>
        <v>0.11733158696638571</v>
      </c>
      <c r="J4529">
        <f t="shared" si="511"/>
        <v>26.271556398229595</v>
      </c>
      <c r="K4529">
        <f t="shared" si="512"/>
        <v>2.2297728097706799</v>
      </c>
      <c r="L4529">
        <f t="shared" si="513"/>
        <v>1.11488640488534</v>
      </c>
      <c r="M4529">
        <f t="shared" si="514"/>
        <v>0</v>
      </c>
      <c r="N4529" s="45">
        <f t="shared" si="515"/>
        <v>45114.291666655765</v>
      </c>
    </row>
    <row r="4530" spans="2:14" x14ac:dyDescent="0.25">
      <c r="B4530">
        <f t="shared" si="509"/>
        <v>5</v>
      </c>
      <c r="C4530" s="16">
        <v>4496</v>
      </c>
      <c r="D4530" cm="1">
        <f t="array" ref="D4530">IFERROR(INDEX(Jesper!AH$2:AH$366,ROUNDDOWN($C4530/24,0)+1,1)*INDEX($D$3:$AA$30,INDEX(Jesper!$R$2:$R$366,ROW(INDEX(Jesper!AH$2:AH$366,ROUNDDOWN($C4530/24,0)+1,1))-1)+IF('Standard Profiles'!$G$18=$B$10,7,0)+IF('Standard Profiles'!$G$18=$B$17,14,0)+IF('Standard Profiles'!$G$18=$B$24,21,0),MOD($C4530,24)+1)/SUM(INDEX($D$3:$AA$30,INDEX(Jesper!$R$2:$R$366,ROW(INDEX(Jesper!AH$2:AH$366,ROUNDDOWN($C4530/24,0)+1,1))-1)+IF('Standard Profiles'!$G$18=$B$10,7,0)+IF('Standard Profiles'!$G$18=$B$17,14,0)+IF('Standard Profiles'!$G$18=$B$24,21,0),0)),0)</f>
        <v>26.130150114500154</v>
      </c>
      <c r="E4530" cm="1">
        <f t="array" ref="E4530">IFERROR(INDEX(Jesper!AI$2:AI$366,ROUNDDOWN($C4530/24,0)+1,1)*INDEX($D$3:$AA$30,INDEX(Jesper!$R$2:$R$366,ROW(INDEX(Jesper!AI$2:AI$366,ROUNDDOWN($C4530/24,0)+1,1))-1)+IF('Standard Profiles'!$G$19=$B$10,7,0)+IF('Standard Profiles'!$G$19=$B$17,14,0)+IF('Standard Profiles'!$G$19=$B$24,21,0),MOD($C4530,24)+1)/SUM(INDEX($D$3:$AA$30,INDEX(Jesper!$R$2:$R$366,ROW(INDEX(Jesper!AI$2:AI$366,ROUNDDOWN($C4530/24,0)+1,1))-1)+IF('Standard Profiles'!$G$19=$B$10,7,0)+IF('Standard Profiles'!$G$19=$B$17,14,0)+IF('Standard Profiles'!$G$19=$B$24,21,0),0)),0)</f>
        <v>10.731232877589884</v>
      </c>
      <c r="F4530" cm="1">
        <f t="array" ref="F4530">IFERROR(INDEX(Jesper!AJ$2:AJ$366,ROUNDDOWN($C4530/24,0)+1,1)*INDEX($D$3:$AA$30,INDEX(Jesper!$R$2:$R$366,ROW(INDEX(Jesper!AJ$2:AJ$366,ROUNDDOWN($C4530/24,0)+1,1))-1)+IF('Standard Profiles'!$G$20=$B$10,7,0)+IF('Standard Profiles'!$G$20=$B$17,14,0)+IF('Standard Profiles'!$G$20=$B$24,21,0),MOD($C4530,24)+1)/SUM(INDEX($D$3:$AA$30,INDEX(Jesper!$R$2:$R$366,ROW(INDEX(Jesper!AJ$2:AJ$366,ROUNDDOWN($C4530/24,0)+1,1))-1)+IF('Standard Profiles'!$G$20=$B$10,7,0)+IF('Standard Profiles'!$G$20=$B$17,14,0)+IF('Standard Profiles'!$G$20=$B$24,21,0),0)),0)</f>
        <v>0</v>
      </c>
      <c r="G4530" cm="1">
        <f t="array" ref="G4530">IFERROR(INDEX(Jesper!AK$2:AK$366,ROUNDDOWN($C4530/24,0)+1,1)*INDEX($D$3:$AA$30,INDEX(Jesper!$R$2:$R$366,ROW(INDEX(Jesper!AK$2:AK$366,ROUNDDOWN($C4530/24,0)+1,1))-1)+IF('Standard Profiles'!$G$21=$B$10,7,0)+IF('Standard Profiles'!$G$21=$B$17,14,0)+IF('Standard Profiles'!$G$21=$B$24,21,0),MOD($C4530,24)+1)/SUM(INDEX($D$3:$AA$30,INDEX(Jesper!$R$2:$R$366,ROW(INDEX(Jesper!AK$2:AK$366,ROUNDDOWN($C4530/24,0)+1,1))-1)+IF('Standard Profiles'!$G$21=$B$10,7,0)+IF('Standard Profiles'!$G$21=$B$17,14,0)+IF('Standard Profiles'!$G$21=$B$24,21,0),0)),0)</f>
        <v>0.30555100772496291</v>
      </c>
      <c r="H4530" cm="1">
        <f t="array" ref="H4530">IFERROR(INDEX(Jesper!AL$2:AL$366,ROUNDDOWN($C4530/24,0)+1,1)*INDEX($D$3:$AA$30,INDEX(Jesper!$R$2:$R$366,ROW(INDEX(Jesper!AL$2:AL$366,ROUNDDOWN($C4530/24,0)+1,1))-1)+IF('Standard Profiles'!$G$22=$B$10,7,0)+IF('Standard Profiles'!$G$22=$B$17,14,0)+IF('Standard Profiles'!$G$22=$B$24,21,0),MOD($C4530,24)+1)/SUM(INDEX($D$3:$AA$30,INDEX(Jesper!$R$2:$R$366,ROW(INDEX(Jesper!AL$2:AL$366,ROUNDDOWN($C4530/24,0)+1,1))-1)+IF('Standard Profiles'!$G$22=$B$10,7,0)+IF('Standard Profiles'!$G$22=$B$17,14,0)+IF('Standard Profiles'!$G$22=$B$24,21,0),0)),0)</f>
        <v>0</v>
      </c>
      <c r="I4530">
        <f t="shared" si="510"/>
        <v>0.14666448370798213</v>
      </c>
      <c r="J4530">
        <f t="shared" si="511"/>
        <v>32.83944549778699</v>
      </c>
      <c r="K4530">
        <f t="shared" si="512"/>
        <v>2.7872160122133498</v>
      </c>
      <c r="L4530">
        <f t="shared" si="513"/>
        <v>1.3936080061066749</v>
      </c>
      <c r="M4530">
        <f t="shared" si="514"/>
        <v>0</v>
      </c>
      <c r="N4530" s="45">
        <f t="shared" si="515"/>
        <v>45114.333333322429</v>
      </c>
    </row>
    <row r="4531" spans="2:14" x14ac:dyDescent="0.25">
      <c r="B4531">
        <f t="shared" si="509"/>
        <v>5</v>
      </c>
      <c r="C4531" s="16">
        <v>4497</v>
      </c>
      <c r="D4531" cm="1">
        <f t="array" ref="D4531">IFERROR(INDEX(Jesper!AH$2:AH$366,ROUNDDOWN($C4531/24,0)+1,1)*INDEX($D$3:$AA$30,INDEX(Jesper!$R$2:$R$366,ROW(INDEX(Jesper!AH$2:AH$366,ROUNDDOWN($C4531/24,0)+1,1))-1)+IF('Standard Profiles'!$G$18=$B$10,7,0)+IF('Standard Profiles'!$G$18=$B$17,14,0)+IF('Standard Profiles'!$G$18=$B$24,21,0),MOD($C4531,24)+1)/SUM(INDEX($D$3:$AA$30,INDEX(Jesper!$R$2:$R$366,ROW(INDEX(Jesper!AH$2:AH$366,ROUNDDOWN($C4531/24,0)+1,1))-1)+IF('Standard Profiles'!$G$18=$B$10,7,0)+IF('Standard Profiles'!$G$18=$B$17,14,0)+IF('Standard Profiles'!$G$18=$B$24,21,0),0)),0)</f>
        <v>28.743165125950174</v>
      </c>
      <c r="E4531" cm="1">
        <f t="array" ref="E4531">IFERROR(INDEX(Jesper!AI$2:AI$366,ROUNDDOWN($C4531/24,0)+1,1)*INDEX($D$3:$AA$30,INDEX(Jesper!$R$2:$R$366,ROW(INDEX(Jesper!AI$2:AI$366,ROUNDDOWN($C4531/24,0)+1,1))-1)+IF('Standard Profiles'!$G$19=$B$10,7,0)+IF('Standard Profiles'!$G$19=$B$17,14,0)+IF('Standard Profiles'!$G$19=$B$24,21,0),MOD($C4531,24)+1)/SUM(INDEX($D$3:$AA$30,INDEX(Jesper!$R$2:$R$366,ROW(INDEX(Jesper!AI$2:AI$366,ROUNDDOWN($C4531/24,0)+1,1))-1)+IF('Standard Profiles'!$G$19=$B$10,7,0)+IF('Standard Profiles'!$G$19=$B$17,14,0)+IF('Standard Profiles'!$G$19=$B$24,21,0),0)),0)</f>
        <v>11.804356165348873</v>
      </c>
      <c r="F4531" cm="1">
        <f t="array" ref="F4531">IFERROR(INDEX(Jesper!AJ$2:AJ$366,ROUNDDOWN($C4531/24,0)+1,1)*INDEX($D$3:$AA$30,INDEX(Jesper!$R$2:$R$366,ROW(INDEX(Jesper!AJ$2:AJ$366,ROUNDDOWN($C4531/24,0)+1,1))-1)+IF('Standard Profiles'!$G$20=$B$10,7,0)+IF('Standard Profiles'!$G$20=$B$17,14,0)+IF('Standard Profiles'!$G$20=$B$24,21,0),MOD($C4531,24)+1)/SUM(INDEX($D$3:$AA$30,INDEX(Jesper!$R$2:$R$366,ROW(INDEX(Jesper!AJ$2:AJ$366,ROUNDDOWN($C4531/24,0)+1,1))-1)+IF('Standard Profiles'!$G$20=$B$10,7,0)+IF('Standard Profiles'!$G$20=$B$17,14,0)+IF('Standard Profiles'!$G$20=$B$24,21,0),0)),0)</f>
        <v>0</v>
      </c>
      <c r="G4531" cm="1">
        <f t="array" ref="G4531">IFERROR(INDEX(Jesper!AK$2:AK$366,ROUNDDOWN($C4531/24,0)+1,1)*INDEX($D$3:$AA$30,INDEX(Jesper!$R$2:$R$366,ROW(INDEX(Jesper!AK$2:AK$366,ROUNDDOWN($C4531/24,0)+1,1))-1)+IF('Standard Profiles'!$G$21=$B$10,7,0)+IF('Standard Profiles'!$G$21=$B$17,14,0)+IF('Standard Profiles'!$G$21=$B$24,21,0),MOD($C4531,24)+1)/SUM(INDEX($D$3:$AA$30,INDEX(Jesper!$R$2:$R$366,ROW(INDEX(Jesper!AK$2:AK$366,ROUNDDOWN($C4531/24,0)+1,1))-1)+IF('Standard Profiles'!$G$21=$B$10,7,0)+IF('Standard Profiles'!$G$21=$B$17,14,0)+IF('Standard Profiles'!$G$21=$B$24,21,0),0)),0)</f>
        <v>0.33610610849745925</v>
      </c>
      <c r="H4531" cm="1">
        <f t="array" ref="H4531">IFERROR(INDEX(Jesper!AL$2:AL$366,ROUNDDOWN($C4531/24,0)+1,1)*INDEX($D$3:$AA$30,INDEX(Jesper!$R$2:$R$366,ROW(INDEX(Jesper!AL$2:AL$366,ROUNDDOWN($C4531/24,0)+1,1))-1)+IF('Standard Profiles'!$G$22=$B$10,7,0)+IF('Standard Profiles'!$G$22=$B$17,14,0)+IF('Standard Profiles'!$G$22=$B$24,21,0),MOD($C4531,24)+1)/SUM(INDEX($D$3:$AA$30,INDEX(Jesper!$R$2:$R$366,ROW(INDEX(Jesper!AL$2:AL$366,ROUNDDOWN($C4531/24,0)+1,1))-1)+IF('Standard Profiles'!$G$22=$B$10,7,0)+IF('Standard Profiles'!$G$22=$B$17,14,0)+IF('Standard Profiles'!$G$22=$B$24,21,0),0)),0)</f>
        <v>0</v>
      </c>
      <c r="I4531">
        <f t="shared" si="510"/>
        <v>0.16133093207878035</v>
      </c>
      <c r="J4531">
        <f t="shared" si="511"/>
        <v>36.123390047565692</v>
      </c>
      <c r="K4531">
        <f t="shared" si="512"/>
        <v>3.0659376134346856</v>
      </c>
      <c r="L4531">
        <f t="shared" si="513"/>
        <v>1.5329688067173428</v>
      </c>
      <c r="M4531">
        <f t="shared" si="514"/>
        <v>0</v>
      </c>
      <c r="N4531" s="45">
        <f t="shared" si="515"/>
        <v>45114.374999989093</v>
      </c>
    </row>
    <row r="4532" spans="2:14" x14ac:dyDescent="0.25">
      <c r="B4532">
        <f t="shared" si="509"/>
        <v>5</v>
      </c>
      <c r="C4532" s="16">
        <v>4498</v>
      </c>
      <c r="D4532" cm="1">
        <f t="array" ref="D4532">IFERROR(INDEX(Jesper!AH$2:AH$366,ROUNDDOWN($C4532/24,0)+1,1)*INDEX($D$3:$AA$30,INDEX(Jesper!$R$2:$R$366,ROW(INDEX(Jesper!AH$2:AH$366,ROUNDDOWN($C4532/24,0)+1,1))-1)+IF('Standard Profiles'!$G$18=$B$10,7,0)+IF('Standard Profiles'!$G$18=$B$17,14,0)+IF('Standard Profiles'!$G$18=$B$24,21,0),MOD($C4532,24)+1)/SUM(INDEX($D$3:$AA$30,INDEX(Jesper!$R$2:$R$366,ROW(INDEX(Jesper!AH$2:AH$366,ROUNDDOWN($C4532/24,0)+1,1))-1)+IF('Standard Profiles'!$G$18=$B$10,7,0)+IF('Standard Profiles'!$G$18=$B$17,14,0)+IF('Standard Profiles'!$G$18=$B$24,21,0),0)),0)</f>
        <v>28.743165125950174</v>
      </c>
      <c r="E4532" cm="1">
        <f t="array" ref="E4532">IFERROR(INDEX(Jesper!AI$2:AI$366,ROUNDDOWN($C4532/24,0)+1,1)*INDEX($D$3:$AA$30,INDEX(Jesper!$R$2:$R$366,ROW(INDEX(Jesper!AI$2:AI$366,ROUNDDOWN($C4532/24,0)+1,1))-1)+IF('Standard Profiles'!$G$19=$B$10,7,0)+IF('Standard Profiles'!$G$19=$B$17,14,0)+IF('Standard Profiles'!$G$19=$B$24,21,0),MOD($C4532,24)+1)/SUM(INDEX($D$3:$AA$30,INDEX(Jesper!$R$2:$R$366,ROW(INDEX(Jesper!AI$2:AI$366,ROUNDDOWN($C4532/24,0)+1,1))-1)+IF('Standard Profiles'!$G$19=$B$10,7,0)+IF('Standard Profiles'!$G$19=$B$17,14,0)+IF('Standard Profiles'!$G$19=$B$24,21,0),0)),0)</f>
        <v>11.804356165348873</v>
      </c>
      <c r="F4532" cm="1">
        <f t="array" ref="F4532">IFERROR(INDEX(Jesper!AJ$2:AJ$366,ROUNDDOWN($C4532/24,0)+1,1)*INDEX($D$3:$AA$30,INDEX(Jesper!$R$2:$R$366,ROW(INDEX(Jesper!AJ$2:AJ$366,ROUNDDOWN($C4532/24,0)+1,1))-1)+IF('Standard Profiles'!$G$20=$B$10,7,0)+IF('Standard Profiles'!$G$20=$B$17,14,0)+IF('Standard Profiles'!$G$20=$B$24,21,0),MOD($C4532,24)+1)/SUM(INDEX($D$3:$AA$30,INDEX(Jesper!$R$2:$R$366,ROW(INDEX(Jesper!AJ$2:AJ$366,ROUNDDOWN($C4532/24,0)+1,1))-1)+IF('Standard Profiles'!$G$20=$B$10,7,0)+IF('Standard Profiles'!$G$20=$B$17,14,0)+IF('Standard Profiles'!$G$20=$B$24,21,0),0)),0)</f>
        <v>0</v>
      </c>
      <c r="G4532" cm="1">
        <f t="array" ref="G4532">IFERROR(INDEX(Jesper!AK$2:AK$366,ROUNDDOWN($C4532/24,0)+1,1)*INDEX($D$3:$AA$30,INDEX(Jesper!$R$2:$R$366,ROW(INDEX(Jesper!AK$2:AK$366,ROUNDDOWN($C4532/24,0)+1,1))-1)+IF('Standard Profiles'!$G$21=$B$10,7,0)+IF('Standard Profiles'!$G$21=$B$17,14,0)+IF('Standard Profiles'!$G$21=$B$24,21,0),MOD($C4532,24)+1)/SUM(INDEX($D$3:$AA$30,INDEX(Jesper!$R$2:$R$366,ROW(INDEX(Jesper!AK$2:AK$366,ROUNDDOWN($C4532/24,0)+1,1))-1)+IF('Standard Profiles'!$G$21=$B$10,7,0)+IF('Standard Profiles'!$G$21=$B$17,14,0)+IF('Standard Profiles'!$G$21=$B$24,21,0),0)),0)</f>
        <v>0.33610610849745925</v>
      </c>
      <c r="H4532" cm="1">
        <f t="array" ref="H4532">IFERROR(INDEX(Jesper!AL$2:AL$366,ROUNDDOWN($C4532/24,0)+1,1)*INDEX($D$3:$AA$30,INDEX(Jesper!$R$2:$R$366,ROW(INDEX(Jesper!AL$2:AL$366,ROUNDDOWN($C4532/24,0)+1,1))-1)+IF('Standard Profiles'!$G$22=$B$10,7,0)+IF('Standard Profiles'!$G$22=$B$17,14,0)+IF('Standard Profiles'!$G$22=$B$24,21,0),MOD($C4532,24)+1)/SUM(INDEX($D$3:$AA$30,INDEX(Jesper!$R$2:$R$366,ROW(INDEX(Jesper!AL$2:AL$366,ROUNDDOWN($C4532/24,0)+1,1))-1)+IF('Standard Profiles'!$G$22=$B$10,7,0)+IF('Standard Profiles'!$G$22=$B$17,14,0)+IF('Standard Profiles'!$G$22=$B$24,21,0),0)),0)</f>
        <v>0</v>
      </c>
      <c r="I4532">
        <f t="shared" si="510"/>
        <v>0.16133093207878035</v>
      </c>
      <c r="J4532">
        <f t="shared" si="511"/>
        <v>36.123390047565692</v>
      </c>
      <c r="K4532">
        <f t="shared" si="512"/>
        <v>3.0659376134346856</v>
      </c>
      <c r="L4532">
        <f t="shared" si="513"/>
        <v>1.5329688067173428</v>
      </c>
      <c r="M4532">
        <f t="shared" si="514"/>
        <v>0</v>
      </c>
      <c r="N4532" s="45">
        <f t="shared" si="515"/>
        <v>45114.416666655758</v>
      </c>
    </row>
    <row r="4533" spans="2:14" x14ac:dyDescent="0.25">
      <c r="B4533">
        <f t="shared" si="509"/>
        <v>5</v>
      </c>
      <c r="C4533" s="16">
        <v>4499</v>
      </c>
      <c r="D4533" cm="1">
        <f t="array" ref="D4533">IFERROR(INDEX(Jesper!AH$2:AH$366,ROUNDDOWN($C4533/24,0)+1,1)*INDEX($D$3:$AA$30,INDEX(Jesper!$R$2:$R$366,ROW(INDEX(Jesper!AH$2:AH$366,ROUNDDOWN($C4533/24,0)+1,1))-1)+IF('Standard Profiles'!$G$18=$B$10,7,0)+IF('Standard Profiles'!$G$18=$B$17,14,0)+IF('Standard Profiles'!$G$18=$B$24,21,0),MOD($C4533,24)+1)/SUM(INDEX($D$3:$AA$30,INDEX(Jesper!$R$2:$R$366,ROW(INDEX(Jesper!AH$2:AH$366,ROUNDDOWN($C4533/24,0)+1,1))-1)+IF('Standard Profiles'!$G$18=$B$10,7,0)+IF('Standard Profiles'!$G$18=$B$17,14,0)+IF('Standard Profiles'!$G$18=$B$24,21,0),0)),0)</f>
        <v>33.969195148850197</v>
      </c>
      <c r="E4533" cm="1">
        <f t="array" ref="E4533">IFERROR(INDEX(Jesper!AI$2:AI$366,ROUNDDOWN($C4533/24,0)+1,1)*INDEX($D$3:$AA$30,INDEX(Jesper!$R$2:$R$366,ROW(INDEX(Jesper!AI$2:AI$366,ROUNDDOWN($C4533/24,0)+1,1))-1)+IF('Standard Profiles'!$G$19=$B$10,7,0)+IF('Standard Profiles'!$G$19=$B$17,14,0)+IF('Standard Profiles'!$G$19=$B$24,21,0),MOD($C4533,24)+1)/SUM(INDEX($D$3:$AA$30,INDEX(Jesper!$R$2:$R$366,ROW(INDEX(Jesper!AI$2:AI$366,ROUNDDOWN($C4533/24,0)+1,1))-1)+IF('Standard Profiles'!$G$19=$B$10,7,0)+IF('Standard Profiles'!$G$19=$B$17,14,0)+IF('Standard Profiles'!$G$19=$B$24,21,0),0)),0)</f>
        <v>13.950602740866849</v>
      </c>
      <c r="F4533" cm="1">
        <f t="array" ref="F4533">IFERROR(INDEX(Jesper!AJ$2:AJ$366,ROUNDDOWN($C4533/24,0)+1,1)*INDEX($D$3:$AA$30,INDEX(Jesper!$R$2:$R$366,ROW(INDEX(Jesper!AJ$2:AJ$366,ROUNDDOWN($C4533/24,0)+1,1))-1)+IF('Standard Profiles'!$G$20=$B$10,7,0)+IF('Standard Profiles'!$G$20=$B$17,14,0)+IF('Standard Profiles'!$G$20=$B$24,21,0),MOD($C4533,24)+1)/SUM(INDEX($D$3:$AA$30,INDEX(Jesper!$R$2:$R$366,ROW(INDEX(Jesper!AJ$2:AJ$366,ROUNDDOWN($C4533/24,0)+1,1))-1)+IF('Standard Profiles'!$G$20=$B$10,7,0)+IF('Standard Profiles'!$G$20=$B$17,14,0)+IF('Standard Profiles'!$G$20=$B$24,21,0),0)),0)</f>
        <v>0</v>
      </c>
      <c r="G4533" cm="1">
        <f t="array" ref="G4533">IFERROR(INDEX(Jesper!AK$2:AK$366,ROUNDDOWN($C4533/24,0)+1,1)*INDEX($D$3:$AA$30,INDEX(Jesper!$R$2:$R$366,ROW(INDEX(Jesper!AK$2:AK$366,ROUNDDOWN($C4533/24,0)+1,1))-1)+IF('Standard Profiles'!$G$21=$B$10,7,0)+IF('Standard Profiles'!$G$21=$B$17,14,0)+IF('Standard Profiles'!$G$21=$B$24,21,0),MOD($C4533,24)+1)/SUM(INDEX($D$3:$AA$30,INDEX(Jesper!$R$2:$R$366,ROW(INDEX(Jesper!AK$2:AK$366,ROUNDDOWN($C4533/24,0)+1,1))-1)+IF('Standard Profiles'!$G$21=$B$10,7,0)+IF('Standard Profiles'!$G$21=$B$17,14,0)+IF('Standard Profiles'!$G$21=$B$24,21,0),0)),0)</f>
        <v>0.39721631004245184</v>
      </c>
      <c r="H4533" cm="1">
        <f t="array" ref="H4533">IFERROR(INDEX(Jesper!AL$2:AL$366,ROUNDDOWN($C4533/24,0)+1,1)*INDEX($D$3:$AA$30,INDEX(Jesper!$R$2:$R$366,ROW(INDEX(Jesper!AL$2:AL$366,ROUNDDOWN($C4533/24,0)+1,1))-1)+IF('Standard Profiles'!$G$22=$B$10,7,0)+IF('Standard Profiles'!$G$22=$B$17,14,0)+IF('Standard Profiles'!$G$22=$B$24,21,0),MOD($C4533,24)+1)/SUM(INDEX($D$3:$AA$30,INDEX(Jesper!$R$2:$R$366,ROW(INDEX(Jesper!AL$2:AL$366,ROUNDDOWN($C4533/24,0)+1,1))-1)+IF('Standard Profiles'!$G$22=$B$10,7,0)+IF('Standard Profiles'!$G$22=$B$17,14,0)+IF('Standard Profiles'!$G$22=$B$24,21,0),0)),0)</f>
        <v>0</v>
      </c>
      <c r="I4533">
        <f t="shared" si="510"/>
        <v>0.19066382882037677</v>
      </c>
      <c r="J4533">
        <f t="shared" si="511"/>
        <v>42.69127914712309</v>
      </c>
      <c r="K4533">
        <f t="shared" si="512"/>
        <v>3.6233808158773546</v>
      </c>
      <c r="L4533">
        <f t="shared" si="513"/>
        <v>1.8116904079386773</v>
      </c>
      <c r="M4533">
        <f t="shared" si="514"/>
        <v>0</v>
      </c>
      <c r="N4533" s="45">
        <f t="shared" si="515"/>
        <v>45114.458333322422</v>
      </c>
    </row>
    <row r="4534" spans="2:14" x14ac:dyDescent="0.25">
      <c r="B4534">
        <f t="shared" si="509"/>
        <v>5</v>
      </c>
      <c r="C4534" s="16">
        <v>4500</v>
      </c>
      <c r="D4534" cm="1">
        <f t="array" ref="D4534">IFERROR(INDEX(Jesper!AH$2:AH$366,ROUNDDOWN($C4534/24,0)+1,1)*INDEX($D$3:$AA$30,INDEX(Jesper!$R$2:$R$366,ROW(INDEX(Jesper!AH$2:AH$366,ROUNDDOWN($C4534/24,0)+1,1))-1)+IF('Standard Profiles'!$G$18=$B$10,7,0)+IF('Standard Profiles'!$G$18=$B$17,14,0)+IF('Standard Profiles'!$G$18=$B$24,21,0),MOD($C4534,24)+1)/SUM(INDEX($D$3:$AA$30,INDEX(Jesper!$R$2:$R$366,ROW(INDEX(Jesper!AH$2:AH$366,ROUNDDOWN($C4534/24,0)+1,1))-1)+IF('Standard Profiles'!$G$18=$B$10,7,0)+IF('Standard Profiles'!$G$18=$B$17,14,0)+IF('Standard Profiles'!$G$18=$B$24,21,0),0)),0)</f>
        <v>33.969195148850197</v>
      </c>
      <c r="E4534" cm="1">
        <f t="array" ref="E4534">IFERROR(INDEX(Jesper!AI$2:AI$366,ROUNDDOWN($C4534/24,0)+1,1)*INDEX($D$3:$AA$30,INDEX(Jesper!$R$2:$R$366,ROW(INDEX(Jesper!AI$2:AI$366,ROUNDDOWN($C4534/24,0)+1,1))-1)+IF('Standard Profiles'!$G$19=$B$10,7,0)+IF('Standard Profiles'!$G$19=$B$17,14,0)+IF('Standard Profiles'!$G$19=$B$24,21,0),MOD($C4534,24)+1)/SUM(INDEX($D$3:$AA$30,INDEX(Jesper!$R$2:$R$366,ROW(INDEX(Jesper!AI$2:AI$366,ROUNDDOWN($C4534/24,0)+1,1))-1)+IF('Standard Profiles'!$G$19=$B$10,7,0)+IF('Standard Profiles'!$G$19=$B$17,14,0)+IF('Standard Profiles'!$G$19=$B$24,21,0),0)),0)</f>
        <v>13.950602740866849</v>
      </c>
      <c r="F4534" cm="1">
        <f t="array" ref="F4534">IFERROR(INDEX(Jesper!AJ$2:AJ$366,ROUNDDOWN($C4534/24,0)+1,1)*INDEX($D$3:$AA$30,INDEX(Jesper!$R$2:$R$366,ROW(INDEX(Jesper!AJ$2:AJ$366,ROUNDDOWN($C4534/24,0)+1,1))-1)+IF('Standard Profiles'!$G$20=$B$10,7,0)+IF('Standard Profiles'!$G$20=$B$17,14,0)+IF('Standard Profiles'!$G$20=$B$24,21,0),MOD($C4534,24)+1)/SUM(INDEX($D$3:$AA$30,INDEX(Jesper!$R$2:$R$366,ROW(INDEX(Jesper!AJ$2:AJ$366,ROUNDDOWN($C4534/24,0)+1,1))-1)+IF('Standard Profiles'!$G$20=$B$10,7,0)+IF('Standard Profiles'!$G$20=$B$17,14,0)+IF('Standard Profiles'!$G$20=$B$24,21,0),0)),0)</f>
        <v>0</v>
      </c>
      <c r="G4534" cm="1">
        <f t="array" ref="G4534">IFERROR(INDEX(Jesper!AK$2:AK$366,ROUNDDOWN($C4534/24,0)+1,1)*INDEX($D$3:$AA$30,INDEX(Jesper!$R$2:$R$366,ROW(INDEX(Jesper!AK$2:AK$366,ROUNDDOWN($C4534/24,0)+1,1))-1)+IF('Standard Profiles'!$G$21=$B$10,7,0)+IF('Standard Profiles'!$G$21=$B$17,14,0)+IF('Standard Profiles'!$G$21=$B$24,21,0),MOD($C4534,24)+1)/SUM(INDEX($D$3:$AA$30,INDEX(Jesper!$R$2:$R$366,ROW(INDEX(Jesper!AK$2:AK$366,ROUNDDOWN($C4534/24,0)+1,1))-1)+IF('Standard Profiles'!$G$21=$B$10,7,0)+IF('Standard Profiles'!$G$21=$B$17,14,0)+IF('Standard Profiles'!$G$21=$B$24,21,0),0)),0)</f>
        <v>0.39721631004245184</v>
      </c>
      <c r="H4534" cm="1">
        <f t="array" ref="H4534">IFERROR(INDEX(Jesper!AL$2:AL$366,ROUNDDOWN($C4534/24,0)+1,1)*INDEX($D$3:$AA$30,INDEX(Jesper!$R$2:$R$366,ROW(INDEX(Jesper!AL$2:AL$366,ROUNDDOWN($C4534/24,0)+1,1))-1)+IF('Standard Profiles'!$G$22=$B$10,7,0)+IF('Standard Profiles'!$G$22=$B$17,14,0)+IF('Standard Profiles'!$G$22=$B$24,21,0),MOD($C4534,24)+1)/SUM(INDEX($D$3:$AA$30,INDEX(Jesper!$R$2:$R$366,ROW(INDEX(Jesper!AL$2:AL$366,ROUNDDOWN($C4534/24,0)+1,1))-1)+IF('Standard Profiles'!$G$22=$B$10,7,0)+IF('Standard Profiles'!$G$22=$B$17,14,0)+IF('Standard Profiles'!$G$22=$B$24,21,0),0)),0)</f>
        <v>0</v>
      </c>
      <c r="I4534">
        <f t="shared" si="510"/>
        <v>0.19066382882037677</v>
      </c>
      <c r="J4534">
        <f t="shared" si="511"/>
        <v>42.69127914712309</v>
      </c>
      <c r="K4534">
        <f t="shared" si="512"/>
        <v>3.6233808158773546</v>
      </c>
      <c r="L4534">
        <f t="shared" si="513"/>
        <v>1.8116904079386773</v>
      </c>
      <c r="M4534">
        <f t="shared" si="514"/>
        <v>0</v>
      </c>
      <c r="N4534" s="45">
        <f t="shared" si="515"/>
        <v>45114.499999989086</v>
      </c>
    </row>
    <row r="4535" spans="2:14" x14ac:dyDescent="0.25">
      <c r="B4535">
        <f t="shared" si="509"/>
        <v>5</v>
      </c>
      <c r="C4535" s="16">
        <v>4501</v>
      </c>
      <c r="D4535" cm="1">
        <f t="array" ref="D4535">IFERROR(INDEX(Jesper!AH$2:AH$366,ROUNDDOWN($C4535/24,0)+1,1)*INDEX($D$3:$AA$30,INDEX(Jesper!$R$2:$R$366,ROW(INDEX(Jesper!AH$2:AH$366,ROUNDDOWN($C4535/24,0)+1,1))-1)+IF('Standard Profiles'!$G$18=$B$10,7,0)+IF('Standard Profiles'!$G$18=$B$17,14,0)+IF('Standard Profiles'!$G$18=$B$24,21,0),MOD($C4535,24)+1)/SUM(INDEX($D$3:$AA$30,INDEX(Jesper!$R$2:$R$366,ROW(INDEX(Jesper!AH$2:AH$366,ROUNDDOWN($C4535/24,0)+1,1))-1)+IF('Standard Profiles'!$G$18=$B$10,7,0)+IF('Standard Profiles'!$G$18=$B$17,14,0)+IF('Standard Profiles'!$G$18=$B$24,21,0),0)),0)</f>
        <v>23.517135103050137</v>
      </c>
      <c r="E4535" cm="1">
        <f t="array" ref="E4535">IFERROR(INDEX(Jesper!AI$2:AI$366,ROUNDDOWN($C4535/24,0)+1,1)*INDEX($D$3:$AA$30,INDEX(Jesper!$R$2:$R$366,ROW(INDEX(Jesper!AI$2:AI$366,ROUNDDOWN($C4535/24,0)+1,1))-1)+IF('Standard Profiles'!$G$19=$B$10,7,0)+IF('Standard Profiles'!$G$19=$B$17,14,0)+IF('Standard Profiles'!$G$19=$B$24,21,0),MOD($C4535,24)+1)/SUM(INDEX($D$3:$AA$30,INDEX(Jesper!$R$2:$R$366,ROW(INDEX(Jesper!AI$2:AI$366,ROUNDDOWN($C4535/24,0)+1,1))-1)+IF('Standard Profiles'!$G$19=$B$10,7,0)+IF('Standard Profiles'!$G$19=$B$17,14,0)+IF('Standard Profiles'!$G$19=$B$24,21,0),0)),0)</f>
        <v>9.6581095898308966</v>
      </c>
      <c r="F4535" cm="1">
        <f t="array" ref="F4535">IFERROR(INDEX(Jesper!AJ$2:AJ$366,ROUNDDOWN($C4535/24,0)+1,1)*INDEX($D$3:$AA$30,INDEX(Jesper!$R$2:$R$366,ROW(INDEX(Jesper!AJ$2:AJ$366,ROUNDDOWN($C4535/24,0)+1,1))-1)+IF('Standard Profiles'!$G$20=$B$10,7,0)+IF('Standard Profiles'!$G$20=$B$17,14,0)+IF('Standard Profiles'!$G$20=$B$24,21,0),MOD($C4535,24)+1)/SUM(INDEX($D$3:$AA$30,INDEX(Jesper!$R$2:$R$366,ROW(INDEX(Jesper!AJ$2:AJ$366,ROUNDDOWN($C4535/24,0)+1,1))-1)+IF('Standard Profiles'!$G$20=$B$10,7,0)+IF('Standard Profiles'!$G$20=$B$17,14,0)+IF('Standard Profiles'!$G$20=$B$24,21,0),0)),0)</f>
        <v>0</v>
      </c>
      <c r="G4535" cm="1">
        <f t="array" ref="G4535">IFERROR(INDEX(Jesper!AK$2:AK$366,ROUNDDOWN($C4535/24,0)+1,1)*INDEX($D$3:$AA$30,INDEX(Jesper!$R$2:$R$366,ROW(INDEX(Jesper!AK$2:AK$366,ROUNDDOWN($C4535/24,0)+1,1))-1)+IF('Standard Profiles'!$G$21=$B$10,7,0)+IF('Standard Profiles'!$G$21=$B$17,14,0)+IF('Standard Profiles'!$G$21=$B$24,21,0),MOD($C4535,24)+1)/SUM(INDEX($D$3:$AA$30,INDEX(Jesper!$R$2:$R$366,ROW(INDEX(Jesper!AK$2:AK$366,ROUNDDOWN($C4535/24,0)+1,1))-1)+IF('Standard Profiles'!$G$21=$B$10,7,0)+IF('Standard Profiles'!$G$21=$B$17,14,0)+IF('Standard Profiles'!$G$21=$B$24,21,0),0)),0)</f>
        <v>0.27499590695246667</v>
      </c>
      <c r="H4535" cm="1">
        <f t="array" ref="H4535">IFERROR(INDEX(Jesper!AL$2:AL$366,ROUNDDOWN($C4535/24,0)+1,1)*INDEX($D$3:$AA$30,INDEX(Jesper!$R$2:$R$366,ROW(INDEX(Jesper!AL$2:AL$366,ROUNDDOWN($C4535/24,0)+1,1))-1)+IF('Standard Profiles'!$G$22=$B$10,7,0)+IF('Standard Profiles'!$G$22=$B$17,14,0)+IF('Standard Profiles'!$G$22=$B$24,21,0),MOD($C4535,24)+1)/SUM(INDEX($D$3:$AA$30,INDEX(Jesper!$R$2:$R$366,ROW(INDEX(Jesper!AL$2:AL$366,ROUNDDOWN($C4535/24,0)+1,1))-1)+IF('Standard Profiles'!$G$22=$B$10,7,0)+IF('Standard Profiles'!$G$22=$B$17,14,0)+IF('Standard Profiles'!$G$22=$B$24,21,0),0)),0)</f>
        <v>0</v>
      </c>
      <c r="I4535">
        <f t="shared" si="510"/>
        <v>0.13199803533718393</v>
      </c>
      <c r="J4535">
        <f t="shared" si="511"/>
        <v>29.555500948008294</v>
      </c>
      <c r="K4535">
        <f t="shared" si="512"/>
        <v>2.5084944109920149</v>
      </c>
      <c r="L4535">
        <f t="shared" si="513"/>
        <v>1.2542472054960074</v>
      </c>
      <c r="M4535">
        <f t="shared" si="514"/>
        <v>0</v>
      </c>
      <c r="N4535" s="45">
        <f t="shared" si="515"/>
        <v>45114.54166665575</v>
      </c>
    </row>
    <row r="4536" spans="2:14" x14ac:dyDescent="0.25">
      <c r="B4536">
        <f t="shared" si="509"/>
        <v>5</v>
      </c>
      <c r="C4536" s="16">
        <v>4502</v>
      </c>
      <c r="D4536" cm="1">
        <f t="array" ref="D4536">IFERROR(INDEX(Jesper!AH$2:AH$366,ROUNDDOWN($C4536/24,0)+1,1)*INDEX($D$3:$AA$30,INDEX(Jesper!$R$2:$R$366,ROW(INDEX(Jesper!AH$2:AH$366,ROUNDDOWN($C4536/24,0)+1,1))-1)+IF('Standard Profiles'!$G$18=$B$10,7,0)+IF('Standard Profiles'!$G$18=$B$17,14,0)+IF('Standard Profiles'!$G$18=$B$24,21,0),MOD($C4536,24)+1)/SUM(INDEX($D$3:$AA$30,INDEX(Jesper!$R$2:$R$366,ROW(INDEX(Jesper!AH$2:AH$366,ROUNDDOWN($C4536/24,0)+1,1))-1)+IF('Standard Profiles'!$G$18=$B$10,7,0)+IF('Standard Profiles'!$G$18=$B$17,14,0)+IF('Standard Profiles'!$G$18=$B$24,21,0),0)),0)</f>
        <v>33.969195148850197</v>
      </c>
      <c r="E4536" cm="1">
        <f t="array" ref="E4536">IFERROR(INDEX(Jesper!AI$2:AI$366,ROUNDDOWN($C4536/24,0)+1,1)*INDEX($D$3:$AA$30,INDEX(Jesper!$R$2:$R$366,ROW(INDEX(Jesper!AI$2:AI$366,ROUNDDOWN($C4536/24,0)+1,1))-1)+IF('Standard Profiles'!$G$19=$B$10,7,0)+IF('Standard Profiles'!$G$19=$B$17,14,0)+IF('Standard Profiles'!$G$19=$B$24,21,0),MOD($C4536,24)+1)/SUM(INDEX($D$3:$AA$30,INDEX(Jesper!$R$2:$R$366,ROW(INDEX(Jesper!AI$2:AI$366,ROUNDDOWN($C4536/24,0)+1,1))-1)+IF('Standard Profiles'!$G$19=$B$10,7,0)+IF('Standard Profiles'!$G$19=$B$17,14,0)+IF('Standard Profiles'!$G$19=$B$24,21,0),0)),0)</f>
        <v>13.950602740866849</v>
      </c>
      <c r="F4536" cm="1">
        <f t="array" ref="F4536">IFERROR(INDEX(Jesper!AJ$2:AJ$366,ROUNDDOWN($C4536/24,0)+1,1)*INDEX($D$3:$AA$30,INDEX(Jesper!$R$2:$R$366,ROW(INDEX(Jesper!AJ$2:AJ$366,ROUNDDOWN($C4536/24,0)+1,1))-1)+IF('Standard Profiles'!$G$20=$B$10,7,0)+IF('Standard Profiles'!$G$20=$B$17,14,0)+IF('Standard Profiles'!$G$20=$B$24,21,0),MOD($C4536,24)+1)/SUM(INDEX($D$3:$AA$30,INDEX(Jesper!$R$2:$R$366,ROW(INDEX(Jesper!AJ$2:AJ$366,ROUNDDOWN($C4536/24,0)+1,1))-1)+IF('Standard Profiles'!$G$20=$B$10,7,0)+IF('Standard Profiles'!$G$20=$B$17,14,0)+IF('Standard Profiles'!$G$20=$B$24,21,0),0)),0)</f>
        <v>0</v>
      </c>
      <c r="G4536" cm="1">
        <f t="array" ref="G4536">IFERROR(INDEX(Jesper!AK$2:AK$366,ROUNDDOWN($C4536/24,0)+1,1)*INDEX($D$3:$AA$30,INDEX(Jesper!$R$2:$R$366,ROW(INDEX(Jesper!AK$2:AK$366,ROUNDDOWN($C4536/24,0)+1,1))-1)+IF('Standard Profiles'!$G$21=$B$10,7,0)+IF('Standard Profiles'!$G$21=$B$17,14,0)+IF('Standard Profiles'!$G$21=$B$24,21,0),MOD($C4536,24)+1)/SUM(INDEX($D$3:$AA$30,INDEX(Jesper!$R$2:$R$366,ROW(INDEX(Jesper!AK$2:AK$366,ROUNDDOWN($C4536/24,0)+1,1))-1)+IF('Standard Profiles'!$G$21=$B$10,7,0)+IF('Standard Profiles'!$G$21=$B$17,14,0)+IF('Standard Profiles'!$G$21=$B$24,21,0),0)),0)</f>
        <v>0.39721631004245184</v>
      </c>
      <c r="H4536" cm="1">
        <f t="array" ref="H4536">IFERROR(INDEX(Jesper!AL$2:AL$366,ROUNDDOWN($C4536/24,0)+1,1)*INDEX($D$3:$AA$30,INDEX(Jesper!$R$2:$R$366,ROW(INDEX(Jesper!AL$2:AL$366,ROUNDDOWN($C4536/24,0)+1,1))-1)+IF('Standard Profiles'!$G$22=$B$10,7,0)+IF('Standard Profiles'!$G$22=$B$17,14,0)+IF('Standard Profiles'!$G$22=$B$24,21,0),MOD($C4536,24)+1)/SUM(INDEX($D$3:$AA$30,INDEX(Jesper!$R$2:$R$366,ROW(INDEX(Jesper!AL$2:AL$366,ROUNDDOWN($C4536/24,0)+1,1))-1)+IF('Standard Profiles'!$G$22=$B$10,7,0)+IF('Standard Profiles'!$G$22=$B$17,14,0)+IF('Standard Profiles'!$G$22=$B$24,21,0),0)),0)</f>
        <v>0</v>
      </c>
      <c r="I4536">
        <f t="shared" si="510"/>
        <v>0.19066382882037677</v>
      </c>
      <c r="J4536">
        <f t="shared" si="511"/>
        <v>42.69127914712309</v>
      </c>
      <c r="K4536">
        <f t="shared" si="512"/>
        <v>3.6233808158773546</v>
      </c>
      <c r="L4536">
        <f t="shared" si="513"/>
        <v>1.8116904079386773</v>
      </c>
      <c r="M4536">
        <f t="shared" si="514"/>
        <v>0</v>
      </c>
      <c r="N4536" s="45">
        <f t="shared" si="515"/>
        <v>45114.583333322415</v>
      </c>
    </row>
    <row r="4537" spans="2:14" x14ac:dyDescent="0.25">
      <c r="B4537">
        <f t="shared" si="509"/>
        <v>5</v>
      </c>
      <c r="C4537" s="16">
        <v>4503</v>
      </c>
      <c r="D4537" cm="1">
        <f t="array" ref="D4537">IFERROR(INDEX(Jesper!AH$2:AH$366,ROUNDDOWN($C4537/24,0)+1,1)*INDEX($D$3:$AA$30,INDEX(Jesper!$R$2:$R$366,ROW(INDEX(Jesper!AH$2:AH$366,ROUNDDOWN($C4537/24,0)+1,1))-1)+IF('Standard Profiles'!$G$18=$B$10,7,0)+IF('Standard Profiles'!$G$18=$B$17,14,0)+IF('Standard Profiles'!$G$18=$B$24,21,0),MOD($C4537,24)+1)/SUM(INDEX($D$3:$AA$30,INDEX(Jesper!$R$2:$R$366,ROW(INDEX(Jesper!AH$2:AH$366,ROUNDDOWN($C4537/24,0)+1,1))-1)+IF('Standard Profiles'!$G$18=$B$10,7,0)+IF('Standard Profiles'!$G$18=$B$17,14,0)+IF('Standard Profiles'!$G$18=$B$24,21,0),0)),0)</f>
        <v>26.130150114500154</v>
      </c>
      <c r="E4537" cm="1">
        <f t="array" ref="E4537">IFERROR(INDEX(Jesper!AI$2:AI$366,ROUNDDOWN($C4537/24,0)+1,1)*INDEX($D$3:$AA$30,INDEX(Jesper!$R$2:$R$366,ROW(INDEX(Jesper!AI$2:AI$366,ROUNDDOWN($C4537/24,0)+1,1))-1)+IF('Standard Profiles'!$G$19=$B$10,7,0)+IF('Standard Profiles'!$G$19=$B$17,14,0)+IF('Standard Profiles'!$G$19=$B$24,21,0),MOD($C4537,24)+1)/SUM(INDEX($D$3:$AA$30,INDEX(Jesper!$R$2:$R$366,ROW(INDEX(Jesper!AI$2:AI$366,ROUNDDOWN($C4537/24,0)+1,1))-1)+IF('Standard Profiles'!$G$19=$B$10,7,0)+IF('Standard Profiles'!$G$19=$B$17,14,0)+IF('Standard Profiles'!$G$19=$B$24,21,0),0)),0)</f>
        <v>10.731232877589884</v>
      </c>
      <c r="F4537" cm="1">
        <f t="array" ref="F4537">IFERROR(INDEX(Jesper!AJ$2:AJ$366,ROUNDDOWN($C4537/24,0)+1,1)*INDEX($D$3:$AA$30,INDEX(Jesper!$R$2:$R$366,ROW(INDEX(Jesper!AJ$2:AJ$366,ROUNDDOWN($C4537/24,0)+1,1))-1)+IF('Standard Profiles'!$G$20=$B$10,7,0)+IF('Standard Profiles'!$G$20=$B$17,14,0)+IF('Standard Profiles'!$G$20=$B$24,21,0),MOD($C4537,24)+1)/SUM(INDEX($D$3:$AA$30,INDEX(Jesper!$R$2:$R$366,ROW(INDEX(Jesper!AJ$2:AJ$366,ROUNDDOWN($C4537/24,0)+1,1))-1)+IF('Standard Profiles'!$G$20=$B$10,7,0)+IF('Standard Profiles'!$G$20=$B$17,14,0)+IF('Standard Profiles'!$G$20=$B$24,21,0),0)),0)</f>
        <v>0</v>
      </c>
      <c r="G4537" cm="1">
        <f t="array" ref="G4537">IFERROR(INDEX(Jesper!AK$2:AK$366,ROUNDDOWN($C4537/24,0)+1,1)*INDEX($D$3:$AA$30,INDEX(Jesper!$R$2:$R$366,ROW(INDEX(Jesper!AK$2:AK$366,ROUNDDOWN($C4537/24,0)+1,1))-1)+IF('Standard Profiles'!$G$21=$B$10,7,0)+IF('Standard Profiles'!$G$21=$B$17,14,0)+IF('Standard Profiles'!$G$21=$B$24,21,0),MOD($C4537,24)+1)/SUM(INDEX($D$3:$AA$30,INDEX(Jesper!$R$2:$R$366,ROW(INDEX(Jesper!AK$2:AK$366,ROUNDDOWN($C4537/24,0)+1,1))-1)+IF('Standard Profiles'!$G$21=$B$10,7,0)+IF('Standard Profiles'!$G$21=$B$17,14,0)+IF('Standard Profiles'!$G$21=$B$24,21,0),0)),0)</f>
        <v>0.33610610849745925</v>
      </c>
      <c r="H4537" cm="1">
        <f t="array" ref="H4537">IFERROR(INDEX(Jesper!AL$2:AL$366,ROUNDDOWN($C4537/24,0)+1,1)*INDEX($D$3:$AA$30,INDEX(Jesper!$R$2:$R$366,ROW(INDEX(Jesper!AL$2:AL$366,ROUNDDOWN($C4537/24,0)+1,1))-1)+IF('Standard Profiles'!$G$22=$B$10,7,0)+IF('Standard Profiles'!$G$22=$B$17,14,0)+IF('Standard Profiles'!$G$22=$B$24,21,0),MOD($C4537,24)+1)/SUM(INDEX($D$3:$AA$30,INDEX(Jesper!$R$2:$R$366,ROW(INDEX(Jesper!AL$2:AL$366,ROUNDDOWN($C4537/24,0)+1,1))-1)+IF('Standard Profiles'!$G$22=$B$10,7,0)+IF('Standard Profiles'!$G$22=$B$17,14,0)+IF('Standard Profiles'!$G$22=$B$24,21,0),0)),0)</f>
        <v>0</v>
      </c>
      <c r="I4537">
        <f t="shared" si="510"/>
        <v>0.16133093207878035</v>
      </c>
      <c r="J4537">
        <f t="shared" si="511"/>
        <v>32.855334150188689</v>
      </c>
      <c r="K4537">
        <f t="shared" si="512"/>
        <v>2.7872160122133498</v>
      </c>
      <c r="L4537">
        <f t="shared" si="513"/>
        <v>1.3936080061066749</v>
      </c>
      <c r="M4537">
        <f t="shared" si="514"/>
        <v>0</v>
      </c>
      <c r="N4537" s="45">
        <f t="shared" si="515"/>
        <v>45114.624999989079</v>
      </c>
    </row>
    <row r="4538" spans="2:14" x14ac:dyDescent="0.25">
      <c r="B4538">
        <f t="shared" si="509"/>
        <v>5</v>
      </c>
      <c r="C4538" s="16">
        <v>4504</v>
      </c>
      <c r="D4538" cm="1">
        <f t="array" ref="D4538">IFERROR(INDEX(Jesper!AH$2:AH$366,ROUNDDOWN($C4538/24,0)+1,1)*INDEX($D$3:$AA$30,INDEX(Jesper!$R$2:$R$366,ROW(INDEX(Jesper!AH$2:AH$366,ROUNDDOWN($C4538/24,0)+1,1))-1)+IF('Standard Profiles'!$G$18=$B$10,7,0)+IF('Standard Profiles'!$G$18=$B$17,14,0)+IF('Standard Profiles'!$G$18=$B$24,21,0),MOD($C4538,24)+1)/SUM(INDEX($D$3:$AA$30,INDEX(Jesper!$R$2:$R$366,ROW(INDEX(Jesper!AH$2:AH$366,ROUNDDOWN($C4538/24,0)+1,1))-1)+IF('Standard Profiles'!$G$18=$B$10,7,0)+IF('Standard Profiles'!$G$18=$B$17,14,0)+IF('Standard Profiles'!$G$18=$B$24,21,0),0)),0)</f>
        <v>12.267676110093969</v>
      </c>
      <c r="E4538" cm="1">
        <f t="array" ref="E4538">IFERROR(INDEX(Jesper!AI$2:AI$366,ROUNDDOWN($C4538/24,0)+1,1)*INDEX($D$3:$AA$30,INDEX(Jesper!$R$2:$R$366,ROW(INDEX(Jesper!AI$2:AI$366,ROUNDDOWN($C4538/24,0)+1,1))-1)+IF('Standard Profiles'!$G$19=$B$10,7,0)+IF('Standard Profiles'!$G$19=$B$17,14,0)+IF('Standard Profiles'!$G$19=$B$24,21,0),MOD($C4538,24)+1)/SUM(INDEX($D$3:$AA$30,INDEX(Jesper!$R$2:$R$366,ROW(INDEX(Jesper!AI$2:AI$366,ROUNDDOWN($C4538/24,0)+1,1))-1)+IF('Standard Profiles'!$G$19=$B$10,7,0)+IF('Standard Profiles'!$G$19=$B$17,14,0)+IF('Standard Profiles'!$G$19=$B$24,21,0),0)),0)</f>
        <v>5.0381375012159086</v>
      </c>
      <c r="F4538" cm="1">
        <f t="array" ref="F4538">IFERROR(INDEX(Jesper!AJ$2:AJ$366,ROUNDDOWN($C4538/24,0)+1,1)*INDEX($D$3:$AA$30,INDEX(Jesper!$R$2:$R$366,ROW(INDEX(Jesper!AJ$2:AJ$366,ROUNDDOWN($C4538/24,0)+1,1))-1)+IF('Standard Profiles'!$G$20=$B$10,7,0)+IF('Standard Profiles'!$G$20=$B$17,14,0)+IF('Standard Profiles'!$G$20=$B$24,21,0),MOD($C4538,24)+1)/SUM(INDEX($D$3:$AA$30,INDEX(Jesper!$R$2:$R$366,ROW(INDEX(Jesper!AJ$2:AJ$366,ROUNDDOWN($C4538/24,0)+1,1))-1)+IF('Standard Profiles'!$G$20=$B$10,7,0)+IF('Standard Profiles'!$G$20=$B$17,14,0)+IF('Standard Profiles'!$G$20=$B$24,21,0),0)),0)</f>
        <v>0</v>
      </c>
      <c r="G4538" cm="1">
        <f t="array" ref="G4538">IFERROR(INDEX(Jesper!AK$2:AK$366,ROUNDDOWN($C4538/24,0)+1,1)*INDEX($D$3:$AA$30,INDEX(Jesper!$R$2:$R$366,ROW(INDEX(Jesper!AK$2:AK$366,ROUNDDOWN($C4538/24,0)+1,1))-1)+IF('Standard Profiles'!$G$21=$B$10,7,0)+IF('Standard Profiles'!$G$21=$B$17,14,0)+IF('Standard Profiles'!$G$21=$B$24,21,0),MOD($C4538,24)+1)/SUM(INDEX($D$3:$AA$30,INDEX(Jesper!$R$2:$R$366,ROW(INDEX(Jesper!AK$2:AK$366,ROUNDDOWN($C4538/24,0)+1,1))-1)+IF('Standard Profiles'!$G$21=$B$10,7,0)+IF('Standard Profiles'!$G$21=$B$17,14,0)+IF('Standard Profiles'!$G$21=$B$24,21,0),0)),0)</f>
        <v>0.29100095973806001</v>
      </c>
      <c r="H4538" cm="1">
        <f t="array" ref="H4538">IFERROR(INDEX(Jesper!AL$2:AL$366,ROUNDDOWN($C4538/24,0)+1,1)*INDEX($D$3:$AA$30,INDEX(Jesper!$R$2:$R$366,ROW(INDEX(Jesper!AL$2:AL$366,ROUNDDOWN($C4538/24,0)+1,1))-1)+IF('Standard Profiles'!$G$22=$B$10,7,0)+IF('Standard Profiles'!$G$22=$B$17,14,0)+IF('Standard Profiles'!$G$22=$B$24,21,0),MOD($C4538,24)+1)/SUM(INDEX($D$3:$AA$30,INDEX(Jesper!$R$2:$R$366,ROW(INDEX(Jesper!AL$2:AL$366,ROUNDDOWN($C4538/24,0)+1,1))-1)+IF('Standard Profiles'!$G$22=$B$10,7,0)+IF('Standard Profiles'!$G$22=$B$17,14,0)+IF('Standard Profiles'!$G$22=$B$24,21,0),0)),0)</f>
        <v>0</v>
      </c>
      <c r="I4538">
        <f t="shared" si="510"/>
        <v>0.13968046067426873</v>
      </c>
      <c r="J4538">
        <f t="shared" si="511"/>
        <v>15.494305932758634</v>
      </c>
      <c r="K4538">
        <f t="shared" si="512"/>
        <v>1.3085521184100235</v>
      </c>
      <c r="L4538">
        <f t="shared" si="513"/>
        <v>0.65427605920501175</v>
      </c>
      <c r="M4538">
        <f t="shared" si="514"/>
        <v>0</v>
      </c>
      <c r="N4538" s="45">
        <f t="shared" si="515"/>
        <v>45114.666666655743</v>
      </c>
    </row>
    <row r="4539" spans="2:14" x14ac:dyDescent="0.25">
      <c r="B4539">
        <f t="shared" si="509"/>
        <v>5</v>
      </c>
      <c r="C4539" s="16">
        <v>4505</v>
      </c>
      <c r="D4539" cm="1">
        <f t="array" ref="D4539">IFERROR(INDEX(Jesper!AH$2:AH$366,ROUNDDOWN($C4539/24,0)+1,1)*INDEX($D$3:$AA$30,INDEX(Jesper!$R$2:$R$366,ROW(INDEX(Jesper!AH$2:AH$366,ROUNDDOWN($C4539/24,0)+1,1))-1)+IF('Standard Profiles'!$G$18=$B$10,7,0)+IF('Standard Profiles'!$G$18=$B$17,14,0)+IF('Standard Profiles'!$G$18=$B$24,21,0),MOD($C4539,24)+1)/SUM(INDEX($D$3:$AA$30,INDEX(Jesper!$R$2:$R$366,ROW(INDEX(Jesper!AH$2:AH$366,ROUNDDOWN($C4539/24,0)+1,1))-1)+IF('Standard Profiles'!$G$18=$B$10,7,0)+IF('Standard Profiles'!$G$18=$B$17,14,0)+IF('Standard Profiles'!$G$18=$B$24,21,0),0)),0)</f>
        <v>8.0966662326620202</v>
      </c>
      <c r="E4539" cm="1">
        <f t="array" ref="E4539">IFERROR(INDEX(Jesper!AI$2:AI$366,ROUNDDOWN($C4539/24,0)+1,1)*INDEX($D$3:$AA$30,INDEX(Jesper!$R$2:$R$366,ROW(INDEX(Jesper!AI$2:AI$366,ROUNDDOWN($C4539/24,0)+1,1))-1)+IF('Standard Profiles'!$G$19=$B$10,7,0)+IF('Standard Profiles'!$G$19=$B$17,14,0)+IF('Standard Profiles'!$G$19=$B$24,21,0),MOD($C4539,24)+1)/SUM(INDEX($D$3:$AA$30,INDEX(Jesper!$R$2:$R$366,ROW(INDEX(Jesper!AI$2:AI$366,ROUNDDOWN($C4539/24,0)+1,1))-1)+IF('Standard Profiles'!$G$19=$B$10,7,0)+IF('Standard Profiles'!$G$19=$B$17,14,0)+IF('Standard Profiles'!$G$19=$B$24,21,0),0)),0)</f>
        <v>3.3251707508024992</v>
      </c>
      <c r="F4539" cm="1">
        <f t="array" ref="F4539">IFERROR(INDEX(Jesper!AJ$2:AJ$366,ROUNDDOWN($C4539/24,0)+1,1)*INDEX($D$3:$AA$30,INDEX(Jesper!$R$2:$R$366,ROW(INDEX(Jesper!AJ$2:AJ$366,ROUNDDOWN($C4539/24,0)+1,1))-1)+IF('Standard Profiles'!$G$20=$B$10,7,0)+IF('Standard Profiles'!$G$20=$B$17,14,0)+IF('Standard Profiles'!$G$20=$B$24,21,0),MOD($C4539,24)+1)/SUM(INDEX($D$3:$AA$30,INDEX(Jesper!$R$2:$R$366,ROW(INDEX(Jesper!AJ$2:AJ$366,ROUNDDOWN($C4539/24,0)+1,1))-1)+IF('Standard Profiles'!$G$20=$B$10,7,0)+IF('Standard Profiles'!$G$20=$B$17,14,0)+IF('Standard Profiles'!$G$20=$B$24,21,0),0)),0)</f>
        <v>0</v>
      </c>
      <c r="G4539" cm="1">
        <f t="array" ref="G4539">IFERROR(INDEX(Jesper!AK$2:AK$366,ROUNDDOWN($C4539/24,0)+1,1)*INDEX($D$3:$AA$30,INDEX(Jesper!$R$2:$R$366,ROW(INDEX(Jesper!AK$2:AK$366,ROUNDDOWN($C4539/24,0)+1,1))-1)+IF('Standard Profiles'!$G$21=$B$10,7,0)+IF('Standard Profiles'!$G$21=$B$17,14,0)+IF('Standard Profiles'!$G$21=$B$24,21,0),MOD($C4539,24)+1)/SUM(INDEX($D$3:$AA$30,INDEX(Jesper!$R$2:$R$366,ROW(INDEX(Jesper!AK$2:AK$366,ROUNDDOWN($C4539/24,0)+1,1))-1)+IF('Standard Profiles'!$G$21=$B$10,7,0)+IF('Standard Profiles'!$G$21=$B$17,14,0)+IF('Standard Profiles'!$G$21=$B$24,21,0),0)),0)</f>
        <v>0.24444080617997035</v>
      </c>
      <c r="H4539" cm="1">
        <f t="array" ref="H4539">IFERROR(INDEX(Jesper!AL$2:AL$366,ROUNDDOWN($C4539/24,0)+1,1)*INDEX($D$3:$AA$30,INDEX(Jesper!$R$2:$R$366,ROW(INDEX(Jesper!AL$2:AL$366,ROUNDDOWN($C4539/24,0)+1,1))-1)+IF('Standard Profiles'!$G$22=$B$10,7,0)+IF('Standard Profiles'!$G$22=$B$17,14,0)+IF('Standard Profiles'!$G$22=$B$24,21,0),MOD($C4539,24)+1)/SUM(INDEX($D$3:$AA$30,INDEX(Jesper!$R$2:$R$366,ROW(INDEX(Jesper!AL$2:AL$366,ROUNDDOWN($C4539/24,0)+1,1))-1)+IF('Standard Profiles'!$G$22=$B$10,7,0)+IF('Standard Profiles'!$G$22=$B$17,14,0)+IF('Standard Profiles'!$G$22=$B$24,21,0),0)),0)</f>
        <v>0</v>
      </c>
      <c r="I4539">
        <f t="shared" si="510"/>
        <v>0.11733158696638571</v>
      </c>
      <c r="J4539">
        <f t="shared" si="511"/>
        <v>10.253479605452181</v>
      </c>
      <c r="K4539">
        <f t="shared" si="512"/>
        <v>0.86364439815061556</v>
      </c>
      <c r="L4539">
        <f t="shared" si="513"/>
        <v>0.43182219907530778</v>
      </c>
      <c r="M4539">
        <f t="shared" si="514"/>
        <v>0</v>
      </c>
      <c r="N4539" s="45">
        <f t="shared" si="515"/>
        <v>45114.708333322407</v>
      </c>
    </row>
    <row r="4540" spans="2:14" x14ac:dyDescent="0.25">
      <c r="B4540">
        <f t="shared" si="509"/>
        <v>5</v>
      </c>
      <c r="C4540" s="16">
        <v>4506</v>
      </c>
      <c r="D4540" cm="1">
        <f t="array" ref="D4540">IFERROR(INDEX(Jesper!AH$2:AH$366,ROUNDDOWN($C4540/24,0)+1,1)*INDEX($D$3:$AA$30,INDEX(Jesper!$R$2:$R$366,ROW(INDEX(Jesper!AH$2:AH$366,ROUNDDOWN($C4540/24,0)+1,1))-1)+IF('Standard Profiles'!$G$18=$B$10,7,0)+IF('Standard Profiles'!$G$18=$B$17,14,0)+IF('Standard Profiles'!$G$18=$B$24,21,0),MOD($C4540,24)+1)/SUM(INDEX($D$3:$AA$30,INDEX(Jesper!$R$2:$R$366,ROW(INDEX(Jesper!AH$2:AH$366,ROUNDDOWN($C4540/24,0)+1,1))-1)+IF('Standard Profiles'!$G$18=$B$10,7,0)+IF('Standard Profiles'!$G$18=$B$17,14,0)+IF('Standard Profiles'!$G$18=$B$24,21,0),0)),0)</f>
        <v>5.1524239662394669</v>
      </c>
      <c r="E4540" cm="1">
        <f t="array" ref="E4540">IFERROR(INDEX(Jesper!AI$2:AI$366,ROUNDDOWN($C4540/24,0)+1,1)*INDEX($D$3:$AA$30,INDEX(Jesper!$R$2:$R$366,ROW(INDEX(Jesper!AI$2:AI$366,ROUNDDOWN($C4540/24,0)+1,1))-1)+IF('Standard Profiles'!$G$19=$B$10,7,0)+IF('Standard Profiles'!$G$19=$B$17,14,0)+IF('Standard Profiles'!$G$19=$B$24,21,0),MOD($C4540,24)+1)/SUM(INDEX($D$3:$AA$30,INDEX(Jesper!$R$2:$R$366,ROW(INDEX(Jesper!AI$2:AI$366,ROUNDDOWN($C4540/24,0)+1,1))-1)+IF('Standard Profiles'!$G$19=$B$10,7,0)+IF('Standard Profiles'!$G$19=$B$17,14,0)+IF('Standard Profiles'!$G$19=$B$24,21,0),0)),0)</f>
        <v>2.1160177505106814</v>
      </c>
      <c r="F4540" cm="1">
        <f t="array" ref="F4540">IFERROR(INDEX(Jesper!AJ$2:AJ$366,ROUNDDOWN($C4540/24,0)+1,1)*INDEX($D$3:$AA$30,INDEX(Jesper!$R$2:$R$366,ROW(INDEX(Jesper!AJ$2:AJ$366,ROUNDDOWN($C4540/24,0)+1,1))-1)+IF('Standard Profiles'!$G$20=$B$10,7,0)+IF('Standard Profiles'!$G$20=$B$17,14,0)+IF('Standard Profiles'!$G$20=$B$24,21,0),MOD($C4540,24)+1)/SUM(INDEX($D$3:$AA$30,INDEX(Jesper!$R$2:$R$366,ROW(INDEX(Jesper!AJ$2:AJ$366,ROUNDDOWN($C4540/24,0)+1,1))-1)+IF('Standard Profiles'!$G$20=$B$10,7,0)+IF('Standard Profiles'!$G$20=$B$17,14,0)+IF('Standard Profiles'!$G$20=$B$24,21,0),0)),0)</f>
        <v>0</v>
      </c>
      <c r="G4540" cm="1">
        <f t="array" ref="G4540">IFERROR(INDEX(Jesper!AK$2:AK$366,ROUNDDOWN($C4540/24,0)+1,1)*INDEX($D$3:$AA$30,INDEX(Jesper!$R$2:$R$366,ROW(INDEX(Jesper!AK$2:AK$366,ROUNDDOWN($C4540/24,0)+1,1))-1)+IF('Standard Profiles'!$G$21=$B$10,7,0)+IF('Standard Profiles'!$G$21=$B$17,14,0)+IF('Standard Profiles'!$G$21=$B$24,21,0),MOD($C4540,24)+1)/SUM(INDEX($D$3:$AA$30,INDEX(Jesper!$R$2:$R$366,ROW(INDEX(Jesper!AK$2:AK$366,ROUNDDOWN($C4540/24,0)+1,1))-1)+IF('Standard Profiles'!$G$21=$B$10,7,0)+IF('Standard Profiles'!$G$21=$B$17,14,0)+IF('Standard Profiles'!$G$21=$B$24,21,0),0)),0)</f>
        <v>9.0210297518798582E-2</v>
      </c>
      <c r="H4540" cm="1">
        <f t="array" ref="H4540">IFERROR(INDEX(Jesper!AL$2:AL$366,ROUNDDOWN($C4540/24,0)+1,1)*INDEX($D$3:$AA$30,INDEX(Jesper!$R$2:$R$366,ROW(INDEX(Jesper!AL$2:AL$366,ROUNDDOWN($C4540/24,0)+1,1))-1)+IF('Standard Profiles'!$G$22=$B$10,7,0)+IF('Standard Profiles'!$G$22=$B$17,14,0)+IF('Standard Profiles'!$G$22=$B$24,21,0),MOD($C4540,24)+1)/SUM(INDEX($D$3:$AA$30,INDEX(Jesper!$R$2:$R$366,ROW(INDEX(Jesper!AL$2:AL$366,ROUNDDOWN($C4540/24,0)+1,1))-1)+IF('Standard Profiles'!$G$22=$B$10,7,0)+IF('Standard Profiles'!$G$22=$B$17,14,0)+IF('Standard Profiles'!$G$22=$B$24,21,0),0)),0)</f>
        <v>0</v>
      </c>
      <c r="I4540">
        <f t="shared" si="510"/>
        <v>4.3300942809023295E-2</v>
      </c>
      <c r="J4540">
        <f t="shared" si="511"/>
        <v>6.4909632368616093</v>
      </c>
      <c r="K4540">
        <f t="shared" si="512"/>
        <v>0.54959188973220985</v>
      </c>
      <c r="L4540">
        <f t="shared" si="513"/>
        <v>0.27479594486610492</v>
      </c>
      <c r="M4540">
        <f t="shared" si="514"/>
        <v>0</v>
      </c>
      <c r="N4540" s="45">
        <f t="shared" si="515"/>
        <v>45114.749999989072</v>
      </c>
    </row>
    <row r="4541" spans="2:14" x14ac:dyDescent="0.25">
      <c r="B4541">
        <f t="shared" si="509"/>
        <v>5</v>
      </c>
      <c r="C4541" s="16">
        <v>4507</v>
      </c>
      <c r="D4541" cm="1">
        <f t="array" ref="D4541">IFERROR(INDEX(Jesper!AH$2:AH$366,ROUNDDOWN($C4541/24,0)+1,1)*INDEX($D$3:$AA$30,INDEX(Jesper!$R$2:$R$366,ROW(INDEX(Jesper!AH$2:AH$366,ROUNDDOWN($C4541/24,0)+1,1))-1)+IF('Standard Profiles'!$G$18=$B$10,7,0)+IF('Standard Profiles'!$G$18=$B$17,14,0)+IF('Standard Profiles'!$G$18=$B$24,21,0),MOD($C4541,24)+1)/SUM(INDEX($D$3:$AA$30,INDEX(Jesper!$R$2:$R$366,ROW(INDEX(Jesper!AH$2:AH$366,ROUNDDOWN($C4541/24,0)+1,1))-1)+IF('Standard Profiles'!$G$18=$B$10,7,0)+IF('Standard Profiles'!$G$18=$B$17,14,0)+IF('Standard Profiles'!$G$18=$B$24,21,0),0)),0)</f>
        <v>4.9070704440375881</v>
      </c>
      <c r="E4541" cm="1">
        <f t="array" ref="E4541">IFERROR(INDEX(Jesper!AI$2:AI$366,ROUNDDOWN($C4541/24,0)+1,1)*INDEX($D$3:$AA$30,INDEX(Jesper!$R$2:$R$366,ROW(INDEX(Jesper!AI$2:AI$366,ROUNDDOWN($C4541/24,0)+1,1))-1)+IF('Standard Profiles'!$G$19=$B$10,7,0)+IF('Standard Profiles'!$G$19=$B$17,14,0)+IF('Standard Profiles'!$G$19=$B$24,21,0),MOD($C4541,24)+1)/SUM(INDEX($D$3:$AA$30,INDEX(Jesper!$R$2:$R$366,ROW(INDEX(Jesper!AI$2:AI$366,ROUNDDOWN($C4541/24,0)+1,1))-1)+IF('Standard Profiles'!$G$19=$B$10,7,0)+IF('Standard Profiles'!$G$19=$B$17,14,0)+IF('Standard Profiles'!$G$19=$B$24,21,0),0)),0)</f>
        <v>2.0152550004863632</v>
      </c>
      <c r="F4541" cm="1">
        <f t="array" ref="F4541">IFERROR(INDEX(Jesper!AJ$2:AJ$366,ROUNDDOWN($C4541/24,0)+1,1)*INDEX($D$3:$AA$30,INDEX(Jesper!$R$2:$R$366,ROW(INDEX(Jesper!AJ$2:AJ$366,ROUNDDOWN($C4541/24,0)+1,1))-1)+IF('Standard Profiles'!$G$20=$B$10,7,0)+IF('Standard Profiles'!$G$20=$B$17,14,0)+IF('Standard Profiles'!$G$20=$B$24,21,0),MOD($C4541,24)+1)/SUM(INDEX($D$3:$AA$30,INDEX(Jesper!$R$2:$R$366,ROW(INDEX(Jesper!AJ$2:AJ$366,ROUNDDOWN($C4541/24,0)+1,1))-1)+IF('Standard Profiles'!$G$20=$B$10,7,0)+IF('Standard Profiles'!$G$20=$B$17,14,0)+IF('Standard Profiles'!$G$20=$B$24,21,0),0)),0)</f>
        <v>0</v>
      </c>
      <c r="G4541" cm="1">
        <f t="array" ref="G4541">IFERROR(INDEX(Jesper!AK$2:AK$366,ROUNDDOWN($C4541/24,0)+1,1)*INDEX($D$3:$AA$30,INDEX(Jesper!$R$2:$R$366,ROW(INDEX(Jesper!AK$2:AK$366,ROUNDDOWN($C4541/24,0)+1,1))-1)+IF('Standard Profiles'!$G$21=$B$10,7,0)+IF('Standard Profiles'!$G$21=$B$17,14,0)+IF('Standard Profiles'!$G$21=$B$24,21,0),MOD($C4541,24)+1)/SUM(INDEX($D$3:$AA$30,INDEX(Jesper!$R$2:$R$366,ROW(INDEX(Jesper!AK$2:AK$366,ROUNDDOWN($C4541/24,0)+1,1))-1)+IF('Standard Profiles'!$G$21=$B$10,7,0)+IF('Standard Profiles'!$G$21=$B$17,14,0)+IF('Standard Profiles'!$G$21=$B$24,21,0),0)),0)</f>
        <v>9.0210297518798582E-2</v>
      </c>
      <c r="H4541" cm="1">
        <f t="array" ref="H4541">IFERROR(INDEX(Jesper!AL$2:AL$366,ROUNDDOWN($C4541/24,0)+1,1)*INDEX($D$3:$AA$30,INDEX(Jesper!$R$2:$R$366,ROW(INDEX(Jesper!AL$2:AL$366,ROUNDDOWN($C4541/24,0)+1,1))-1)+IF('Standard Profiles'!$G$22=$B$10,7,0)+IF('Standard Profiles'!$G$22=$B$17,14,0)+IF('Standard Profiles'!$G$22=$B$24,21,0),MOD($C4541,24)+1)/SUM(INDEX($D$3:$AA$30,INDEX(Jesper!$R$2:$R$366,ROW(INDEX(Jesper!AL$2:AL$366,ROUNDDOWN($C4541/24,0)+1,1))-1)+IF('Standard Profiles'!$G$22=$B$10,7,0)+IF('Standard Profiles'!$G$22=$B$17,14,0)+IF('Standard Profiles'!$G$22=$B$24,21,0),0)),0)</f>
        <v>0</v>
      </c>
      <c r="I4541">
        <f t="shared" si="510"/>
        <v>4.3300942809023295E-2</v>
      </c>
      <c r="J4541">
        <f t="shared" si="511"/>
        <v>6.1841035281877126</v>
      </c>
      <c r="K4541">
        <f t="shared" si="512"/>
        <v>0.5234208473640094</v>
      </c>
      <c r="L4541">
        <f t="shared" si="513"/>
        <v>0.2617104236820047</v>
      </c>
      <c r="M4541">
        <f t="shared" si="514"/>
        <v>0</v>
      </c>
      <c r="N4541" s="45">
        <f t="shared" si="515"/>
        <v>45114.791666655736</v>
      </c>
    </row>
    <row r="4542" spans="2:14" x14ac:dyDescent="0.25">
      <c r="B4542">
        <f t="shared" si="509"/>
        <v>5</v>
      </c>
      <c r="C4542" s="16">
        <v>4508</v>
      </c>
      <c r="D4542" cm="1">
        <f t="array" ref="D4542">IFERROR(INDEX(Jesper!AH$2:AH$366,ROUNDDOWN($C4542/24,0)+1,1)*INDEX($D$3:$AA$30,INDEX(Jesper!$R$2:$R$366,ROW(INDEX(Jesper!AH$2:AH$366,ROUNDDOWN($C4542/24,0)+1,1))-1)+IF('Standard Profiles'!$G$18=$B$10,7,0)+IF('Standard Profiles'!$G$18=$B$17,14,0)+IF('Standard Profiles'!$G$18=$B$24,21,0),MOD($C4542,24)+1)/SUM(INDEX($D$3:$AA$30,INDEX(Jesper!$R$2:$R$366,ROW(INDEX(Jesper!AH$2:AH$366,ROUNDDOWN($C4542/24,0)+1,1))-1)+IF('Standard Profiles'!$G$18=$B$10,7,0)+IF('Standard Profiles'!$G$18=$B$17,14,0)+IF('Standard Profiles'!$G$18=$B$24,21,0),0)),0)</f>
        <v>4.9070704440375881</v>
      </c>
      <c r="E4542" cm="1">
        <f t="array" ref="E4542">IFERROR(INDEX(Jesper!AI$2:AI$366,ROUNDDOWN($C4542/24,0)+1,1)*INDEX($D$3:$AA$30,INDEX(Jesper!$R$2:$R$366,ROW(INDEX(Jesper!AI$2:AI$366,ROUNDDOWN($C4542/24,0)+1,1))-1)+IF('Standard Profiles'!$G$19=$B$10,7,0)+IF('Standard Profiles'!$G$19=$B$17,14,0)+IF('Standard Profiles'!$G$19=$B$24,21,0),MOD($C4542,24)+1)/SUM(INDEX($D$3:$AA$30,INDEX(Jesper!$R$2:$R$366,ROW(INDEX(Jesper!AI$2:AI$366,ROUNDDOWN($C4542/24,0)+1,1))-1)+IF('Standard Profiles'!$G$19=$B$10,7,0)+IF('Standard Profiles'!$G$19=$B$17,14,0)+IF('Standard Profiles'!$G$19=$B$24,21,0),0)),0)</f>
        <v>2.0152550004863632</v>
      </c>
      <c r="F4542" cm="1">
        <f t="array" ref="F4542">IFERROR(INDEX(Jesper!AJ$2:AJ$366,ROUNDDOWN($C4542/24,0)+1,1)*INDEX($D$3:$AA$30,INDEX(Jesper!$R$2:$R$366,ROW(INDEX(Jesper!AJ$2:AJ$366,ROUNDDOWN($C4542/24,0)+1,1))-1)+IF('Standard Profiles'!$G$20=$B$10,7,0)+IF('Standard Profiles'!$G$20=$B$17,14,0)+IF('Standard Profiles'!$G$20=$B$24,21,0),MOD($C4542,24)+1)/SUM(INDEX($D$3:$AA$30,INDEX(Jesper!$R$2:$R$366,ROW(INDEX(Jesper!AJ$2:AJ$366,ROUNDDOWN($C4542/24,0)+1,1))-1)+IF('Standard Profiles'!$G$20=$B$10,7,0)+IF('Standard Profiles'!$G$20=$B$17,14,0)+IF('Standard Profiles'!$G$20=$B$24,21,0),0)),0)</f>
        <v>0</v>
      </c>
      <c r="G4542" cm="1">
        <f t="array" ref="G4542">IFERROR(INDEX(Jesper!AK$2:AK$366,ROUNDDOWN($C4542/24,0)+1,1)*INDEX($D$3:$AA$30,INDEX(Jesper!$R$2:$R$366,ROW(INDEX(Jesper!AK$2:AK$366,ROUNDDOWN($C4542/24,0)+1,1))-1)+IF('Standard Profiles'!$G$21=$B$10,7,0)+IF('Standard Profiles'!$G$21=$B$17,14,0)+IF('Standard Profiles'!$G$21=$B$24,21,0),MOD($C4542,24)+1)/SUM(INDEX($D$3:$AA$30,INDEX(Jesper!$R$2:$R$366,ROW(INDEX(Jesper!AK$2:AK$366,ROUNDDOWN($C4542/24,0)+1,1))-1)+IF('Standard Profiles'!$G$21=$B$10,7,0)+IF('Standard Profiles'!$G$21=$B$17,14,0)+IF('Standard Profiles'!$G$21=$B$24,21,0),0)),0)</f>
        <v>9.0210297518798582E-2</v>
      </c>
      <c r="H4542" cm="1">
        <f t="array" ref="H4542">IFERROR(INDEX(Jesper!AL$2:AL$366,ROUNDDOWN($C4542/24,0)+1,1)*INDEX($D$3:$AA$30,INDEX(Jesper!$R$2:$R$366,ROW(INDEX(Jesper!AL$2:AL$366,ROUNDDOWN($C4542/24,0)+1,1))-1)+IF('Standard Profiles'!$G$22=$B$10,7,0)+IF('Standard Profiles'!$G$22=$B$17,14,0)+IF('Standard Profiles'!$G$22=$B$24,21,0),MOD($C4542,24)+1)/SUM(INDEX($D$3:$AA$30,INDEX(Jesper!$R$2:$R$366,ROW(INDEX(Jesper!AL$2:AL$366,ROUNDDOWN($C4542/24,0)+1,1))-1)+IF('Standard Profiles'!$G$22=$B$10,7,0)+IF('Standard Profiles'!$G$22=$B$17,14,0)+IF('Standard Profiles'!$G$22=$B$24,21,0),0)),0)</f>
        <v>0</v>
      </c>
      <c r="I4542">
        <f t="shared" si="510"/>
        <v>4.3300942809023295E-2</v>
      </c>
      <c r="J4542">
        <f t="shared" si="511"/>
        <v>6.1841035281877126</v>
      </c>
      <c r="K4542">
        <f t="shared" si="512"/>
        <v>0.5234208473640094</v>
      </c>
      <c r="L4542">
        <f t="shared" si="513"/>
        <v>0.2617104236820047</v>
      </c>
      <c r="M4542">
        <f t="shared" si="514"/>
        <v>0</v>
      </c>
      <c r="N4542" s="45">
        <f t="shared" si="515"/>
        <v>45114.8333333224</v>
      </c>
    </row>
    <row r="4543" spans="2:14" x14ac:dyDescent="0.25">
      <c r="B4543">
        <f t="shared" si="509"/>
        <v>5</v>
      </c>
      <c r="C4543" s="16">
        <v>4509</v>
      </c>
      <c r="D4543" cm="1">
        <f t="array" ref="D4543">IFERROR(INDEX(Jesper!AH$2:AH$366,ROUNDDOWN($C4543/24,0)+1,1)*INDEX($D$3:$AA$30,INDEX(Jesper!$R$2:$R$366,ROW(INDEX(Jesper!AH$2:AH$366,ROUNDDOWN($C4543/24,0)+1,1))-1)+IF('Standard Profiles'!$G$18=$B$10,7,0)+IF('Standard Profiles'!$G$18=$B$17,14,0)+IF('Standard Profiles'!$G$18=$B$24,21,0),MOD($C4543,24)+1)/SUM(INDEX($D$3:$AA$30,INDEX(Jesper!$R$2:$R$366,ROW(INDEX(Jesper!AH$2:AH$366,ROUNDDOWN($C4543/24,0)+1,1))-1)+IF('Standard Profiles'!$G$18=$B$10,7,0)+IF('Standard Profiles'!$G$18=$B$17,14,0)+IF('Standard Profiles'!$G$18=$B$24,21,0),0)),0)</f>
        <v>4.9070704440375881</v>
      </c>
      <c r="E4543" cm="1">
        <f t="array" ref="E4543">IFERROR(INDEX(Jesper!AI$2:AI$366,ROUNDDOWN($C4543/24,0)+1,1)*INDEX($D$3:$AA$30,INDEX(Jesper!$R$2:$R$366,ROW(INDEX(Jesper!AI$2:AI$366,ROUNDDOWN($C4543/24,0)+1,1))-1)+IF('Standard Profiles'!$G$19=$B$10,7,0)+IF('Standard Profiles'!$G$19=$B$17,14,0)+IF('Standard Profiles'!$G$19=$B$24,21,0),MOD($C4543,24)+1)/SUM(INDEX($D$3:$AA$30,INDEX(Jesper!$R$2:$R$366,ROW(INDEX(Jesper!AI$2:AI$366,ROUNDDOWN($C4543/24,0)+1,1))-1)+IF('Standard Profiles'!$G$19=$B$10,7,0)+IF('Standard Profiles'!$G$19=$B$17,14,0)+IF('Standard Profiles'!$G$19=$B$24,21,0),0)),0)</f>
        <v>2.0152550004863632</v>
      </c>
      <c r="F4543" cm="1">
        <f t="array" ref="F4543">IFERROR(INDEX(Jesper!AJ$2:AJ$366,ROUNDDOWN($C4543/24,0)+1,1)*INDEX($D$3:$AA$30,INDEX(Jesper!$R$2:$R$366,ROW(INDEX(Jesper!AJ$2:AJ$366,ROUNDDOWN($C4543/24,0)+1,1))-1)+IF('Standard Profiles'!$G$20=$B$10,7,0)+IF('Standard Profiles'!$G$20=$B$17,14,0)+IF('Standard Profiles'!$G$20=$B$24,21,0),MOD($C4543,24)+1)/SUM(INDEX($D$3:$AA$30,INDEX(Jesper!$R$2:$R$366,ROW(INDEX(Jesper!AJ$2:AJ$366,ROUNDDOWN($C4543/24,0)+1,1))-1)+IF('Standard Profiles'!$G$20=$B$10,7,0)+IF('Standard Profiles'!$G$20=$B$17,14,0)+IF('Standard Profiles'!$G$20=$B$24,21,0),0)),0)</f>
        <v>0</v>
      </c>
      <c r="G4543" cm="1">
        <f t="array" ref="G4543">IFERROR(INDEX(Jesper!AK$2:AK$366,ROUNDDOWN($C4543/24,0)+1,1)*INDEX($D$3:$AA$30,INDEX(Jesper!$R$2:$R$366,ROW(INDEX(Jesper!AK$2:AK$366,ROUNDDOWN($C4543/24,0)+1,1))-1)+IF('Standard Profiles'!$G$21=$B$10,7,0)+IF('Standard Profiles'!$G$21=$B$17,14,0)+IF('Standard Profiles'!$G$21=$B$24,21,0),MOD($C4543,24)+1)/SUM(INDEX($D$3:$AA$30,INDEX(Jesper!$R$2:$R$366,ROW(INDEX(Jesper!AK$2:AK$366,ROUNDDOWN($C4543/24,0)+1,1))-1)+IF('Standard Profiles'!$G$21=$B$10,7,0)+IF('Standard Profiles'!$G$21=$B$17,14,0)+IF('Standard Profiles'!$G$21=$B$24,21,0),0)),0)</f>
        <v>9.0210297518798582E-2</v>
      </c>
      <c r="H4543" cm="1">
        <f t="array" ref="H4543">IFERROR(INDEX(Jesper!AL$2:AL$366,ROUNDDOWN($C4543/24,0)+1,1)*INDEX($D$3:$AA$30,INDEX(Jesper!$R$2:$R$366,ROW(INDEX(Jesper!AL$2:AL$366,ROUNDDOWN($C4543/24,0)+1,1))-1)+IF('Standard Profiles'!$G$22=$B$10,7,0)+IF('Standard Profiles'!$G$22=$B$17,14,0)+IF('Standard Profiles'!$G$22=$B$24,21,0),MOD($C4543,24)+1)/SUM(INDEX($D$3:$AA$30,INDEX(Jesper!$R$2:$R$366,ROW(INDEX(Jesper!AL$2:AL$366,ROUNDDOWN($C4543/24,0)+1,1))-1)+IF('Standard Profiles'!$G$22=$B$10,7,0)+IF('Standard Profiles'!$G$22=$B$17,14,0)+IF('Standard Profiles'!$G$22=$B$24,21,0),0)),0)</f>
        <v>0</v>
      </c>
      <c r="I4543">
        <f t="shared" si="510"/>
        <v>4.3300942809023295E-2</v>
      </c>
      <c r="J4543">
        <f t="shared" si="511"/>
        <v>6.1841035281877126</v>
      </c>
      <c r="K4543">
        <f t="shared" si="512"/>
        <v>0.5234208473640094</v>
      </c>
      <c r="L4543">
        <f t="shared" si="513"/>
        <v>0.2617104236820047</v>
      </c>
      <c r="M4543">
        <f t="shared" si="514"/>
        <v>0</v>
      </c>
      <c r="N4543" s="45">
        <f t="shared" si="515"/>
        <v>45114.874999989064</v>
      </c>
    </row>
    <row r="4544" spans="2:14" x14ac:dyDescent="0.25">
      <c r="B4544">
        <f t="shared" si="509"/>
        <v>5</v>
      </c>
      <c r="C4544" s="16">
        <v>4510</v>
      </c>
      <c r="D4544" cm="1">
        <f t="array" ref="D4544">IFERROR(INDEX(Jesper!AH$2:AH$366,ROUNDDOWN($C4544/24,0)+1,1)*INDEX($D$3:$AA$30,INDEX(Jesper!$R$2:$R$366,ROW(INDEX(Jesper!AH$2:AH$366,ROUNDDOWN($C4544/24,0)+1,1))-1)+IF('Standard Profiles'!$G$18=$B$10,7,0)+IF('Standard Profiles'!$G$18=$B$17,14,0)+IF('Standard Profiles'!$G$18=$B$24,21,0),MOD($C4544,24)+1)/SUM(INDEX($D$3:$AA$30,INDEX(Jesper!$R$2:$R$366,ROW(INDEX(Jesper!AH$2:AH$366,ROUNDDOWN($C4544/24,0)+1,1))-1)+IF('Standard Profiles'!$G$18=$B$10,7,0)+IF('Standard Profiles'!$G$18=$B$17,14,0)+IF('Standard Profiles'!$G$18=$B$24,21,0),0)),0)</f>
        <v>4.9070704440375881</v>
      </c>
      <c r="E4544" cm="1">
        <f t="array" ref="E4544">IFERROR(INDEX(Jesper!AI$2:AI$366,ROUNDDOWN($C4544/24,0)+1,1)*INDEX($D$3:$AA$30,INDEX(Jesper!$R$2:$R$366,ROW(INDEX(Jesper!AI$2:AI$366,ROUNDDOWN($C4544/24,0)+1,1))-1)+IF('Standard Profiles'!$G$19=$B$10,7,0)+IF('Standard Profiles'!$G$19=$B$17,14,0)+IF('Standard Profiles'!$G$19=$B$24,21,0),MOD($C4544,24)+1)/SUM(INDEX($D$3:$AA$30,INDEX(Jesper!$R$2:$R$366,ROW(INDEX(Jesper!AI$2:AI$366,ROUNDDOWN($C4544/24,0)+1,1))-1)+IF('Standard Profiles'!$G$19=$B$10,7,0)+IF('Standard Profiles'!$G$19=$B$17,14,0)+IF('Standard Profiles'!$G$19=$B$24,21,0),0)),0)</f>
        <v>2.0152550004863632</v>
      </c>
      <c r="F4544" cm="1">
        <f t="array" ref="F4544">IFERROR(INDEX(Jesper!AJ$2:AJ$366,ROUNDDOWN($C4544/24,0)+1,1)*INDEX($D$3:$AA$30,INDEX(Jesper!$R$2:$R$366,ROW(INDEX(Jesper!AJ$2:AJ$366,ROUNDDOWN($C4544/24,0)+1,1))-1)+IF('Standard Profiles'!$G$20=$B$10,7,0)+IF('Standard Profiles'!$G$20=$B$17,14,0)+IF('Standard Profiles'!$G$20=$B$24,21,0),MOD($C4544,24)+1)/SUM(INDEX($D$3:$AA$30,INDEX(Jesper!$R$2:$R$366,ROW(INDEX(Jesper!AJ$2:AJ$366,ROUNDDOWN($C4544/24,0)+1,1))-1)+IF('Standard Profiles'!$G$20=$B$10,7,0)+IF('Standard Profiles'!$G$20=$B$17,14,0)+IF('Standard Profiles'!$G$20=$B$24,21,0),0)),0)</f>
        <v>0</v>
      </c>
      <c r="G4544" cm="1">
        <f t="array" ref="G4544">IFERROR(INDEX(Jesper!AK$2:AK$366,ROUNDDOWN($C4544/24,0)+1,1)*INDEX($D$3:$AA$30,INDEX(Jesper!$R$2:$R$366,ROW(INDEX(Jesper!AK$2:AK$366,ROUNDDOWN($C4544/24,0)+1,1))-1)+IF('Standard Profiles'!$G$21=$B$10,7,0)+IF('Standard Profiles'!$G$21=$B$17,14,0)+IF('Standard Profiles'!$G$21=$B$24,21,0),MOD($C4544,24)+1)/SUM(INDEX($D$3:$AA$30,INDEX(Jesper!$R$2:$R$366,ROW(INDEX(Jesper!AK$2:AK$366,ROUNDDOWN($C4544/24,0)+1,1))-1)+IF('Standard Profiles'!$G$21=$B$10,7,0)+IF('Standard Profiles'!$G$21=$B$17,14,0)+IF('Standard Profiles'!$G$21=$B$24,21,0),0)),0)</f>
        <v>9.0210297518798582E-2</v>
      </c>
      <c r="H4544" cm="1">
        <f t="array" ref="H4544">IFERROR(INDEX(Jesper!AL$2:AL$366,ROUNDDOWN($C4544/24,0)+1,1)*INDEX($D$3:$AA$30,INDEX(Jesper!$R$2:$R$366,ROW(INDEX(Jesper!AL$2:AL$366,ROUNDDOWN($C4544/24,0)+1,1))-1)+IF('Standard Profiles'!$G$22=$B$10,7,0)+IF('Standard Profiles'!$G$22=$B$17,14,0)+IF('Standard Profiles'!$G$22=$B$24,21,0),MOD($C4544,24)+1)/SUM(INDEX($D$3:$AA$30,INDEX(Jesper!$R$2:$R$366,ROW(INDEX(Jesper!AL$2:AL$366,ROUNDDOWN($C4544/24,0)+1,1))-1)+IF('Standard Profiles'!$G$22=$B$10,7,0)+IF('Standard Profiles'!$G$22=$B$17,14,0)+IF('Standard Profiles'!$G$22=$B$24,21,0),0)),0)</f>
        <v>0</v>
      </c>
      <c r="I4544">
        <f t="shared" si="510"/>
        <v>4.3300942809023295E-2</v>
      </c>
      <c r="J4544">
        <f t="shared" si="511"/>
        <v>6.1841035281877126</v>
      </c>
      <c r="K4544">
        <f t="shared" si="512"/>
        <v>0.5234208473640094</v>
      </c>
      <c r="L4544">
        <f t="shared" si="513"/>
        <v>0.2617104236820047</v>
      </c>
      <c r="M4544">
        <f t="shared" si="514"/>
        <v>0</v>
      </c>
      <c r="N4544" s="45">
        <f t="shared" si="515"/>
        <v>45114.916666655728</v>
      </c>
    </row>
    <row r="4545" spans="2:14" x14ac:dyDescent="0.25">
      <c r="B4545">
        <f t="shared" si="509"/>
        <v>5</v>
      </c>
      <c r="C4545" s="16">
        <v>4511</v>
      </c>
      <c r="D4545" cm="1">
        <f t="array" ref="D4545">IFERROR(INDEX(Jesper!AH$2:AH$366,ROUNDDOWN($C4545/24,0)+1,1)*INDEX($D$3:$AA$30,INDEX(Jesper!$R$2:$R$366,ROW(INDEX(Jesper!AH$2:AH$366,ROUNDDOWN($C4545/24,0)+1,1))-1)+IF('Standard Profiles'!$G$18=$B$10,7,0)+IF('Standard Profiles'!$G$18=$B$17,14,0)+IF('Standard Profiles'!$G$18=$B$24,21,0),MOD($C4545,24)+1)/SUM(INDEX($D$3:$AA$30,INDEX(Jesper!$R$2:$R$366,ROW(INDEX(Jesper!AH$2:AH$366,ROUNDDOWN($C4545/24,0)+1,1))-1)+IF('Standard Profiles'!$G$18=$B$10,7,0)+IF('Standard Profiles'!$G$18=$B$17,14,0)+IF('Standard Profiles'!$G$18=$B$24,21,0),0)),0)</f>
        <v>4.9070704440375881</v>
      </c>
      <c r="E4545" cm="1">
        <f t="array" ref="E4545">IFERROR(INDEX(Jesper!AI$2:AI$366,ROUNDDOWN($C4545/24,0)+1,1)*INDEX($D$3:$AA$30,INDEX(Jesper!$R$2:$R$366,ROW(INDEX(Jesper!AI$2:AI$366,ROUNDDOWN($C4545/24,0)+1,1))-1)+IF('Standard Profiles'!$G$19=$B$10,7,0)+IF('Standard Profiles'!$G$19=$B$17,14,0)+IF('Standard Profiles'!$G$19=$B$24,21,0),MOD($C4545,24)+1)/SUM(INDEX($D$3:$AA$30,INDEX(Jesper!$R$2:$R$366,ROW(INDEX(Jesper!AI$2:AI$366,ROUNDDOWN($C4545/24,0)+1,1))-1)+IF('Standard Profiles'!$G$19=$B$10,7,0)+IF('Standard Profiles'!$G$19=$B$17,14,0)+IF('Standard Profiles'!$G$19=$B$24,21,0),0)),0)</f>
        <v>2.0152550004863632</v>
      </c>
      <c r="F4545" cm="1">
        <f t="array" ref="F4545">IFERROR(INDEX(Jesper!AJ$2:AJ$366,ROUNDDOWN($C4545/24,0)+1,1)*INDEX($D$3:$AA$30,INDEX(Jesper!$R$2:$R$366,ROW(INDEX(Jesper!AJ$2:AJ$366,ROUNDDOWN($C4545/24,0)+1,1))-1)+IF('Standard Profiles'!$G$20=$B$10,7,0)+IF('Standard Profiles'!$G$20=$B$17,14,0)+IF('Standard Profiles'!$G$20=$B$24,21,0),MOD($C4545,24)+1)/SUM(INDEX($D$3:$AA$30,INDEX(Jesper!$R$2:$R$366,ROW(INDEX(Jesper!AJ$2:AJ$366,ROUNDDOWN($C4545/24,0)+1,1))-1)+IF('Standard Profiles'!$G$20=$B$10,7,0)+IF('Standard Profiles'!$G$20=$B$17,14,0)+IF('Standard Profiles'!$G$20=$B$24,21,0),0)),0)</f>
        <v>0</v>
      </c>
      <c r="G4545" cm="1">
        <f t="array" ref="G4545">IFERROR(INDEX(Jesper!AK$2:AK$366,ROUNDDOWN($C4545/24,0)+1,1)*INDEX($D$3:$AA$30,INDEX(Jesper!$R$2:$R$366,ROW(INDEX(Jesper!AK$2:AK$366,ROUNDDOWN($C4545/24,0)+1,1))-1)+IF('Standard Profiles'!$G$21=$B$10,7,0)+IF('Standard Profiles'!$G$21=$B$17,14,0)+IF('Standard Profiles'!$G$21=$B$24,21,0),MOD($C4545,24)+1)/SUM(INDEX($D$3:$AA$30,INDEX(Jesper!$R$2:$R$366,ROW(INDEX(Jesper!AK$2:AK$366,ROUNDDOWN($C4545/24,0)+1,1))-1)+IF('Standard Profiles'!$G$21=$B$10,7,0)+IF('Standard Profiles'!$G$21=$B$17,14,0)+IF('Standard Profiles'!$G$21=$B$24,21,0),0)),0)</f>
        <v>9.0210297518798582E-2</v>
      </c>
      <c r="H4545" cm="1">
        <f t="array" ref="H4545">IFERROR(INDEX(Jesper!AL$2:AL$366,ROUNDDOWN($C4545/24,0)+1,1)*INDEX($D$3:$AA$30,INDEX(Jesper!$R$2:$R$366,ROW(INDEX(Jesper!AL$2:AL$366,ROUNDDOWN($C4545/24,0)+1,1))-1)+IF('Standard Profiles'!$G$22=$B$10,7,0)+IF('Standard Profiles'!$G$22=$B$17,14,0)+IF('Standard Profiles'!$G$22=$B$24,21,0),MOD($C4545,24)+1)/SUM(INDEX($D$3:$AA$30,INDEX(Jesper!$R$2:$R$366,ROW(INDEX(Jesper!AL$2:AL$366,ROUNDDOWN($C4545/24,0)+1,1))-1)+IF('Standard Profiles'!$G$22=$B$10,7,0)+IF('Standard Profiles'!$G$22=$B$17,14,0)+IF('Standard Profiles'!$G$22=$B$24,21,0),0)),0)</f>
        <v>0</v>
      </c>
      <c r="I4545">
        <f t="shared" si="510"/>
        <v>4.3300942809023295E-2</v>
      </c>
      <c r="J4545">
        <f t="shared" si="511"/>
        <v>6.1841035281877126</v>
      </c>
      <c r="K4545">
        <f t="shared" si="512"/>
        <v>0.5234208473640094</v>
      </c>
      <c r="L4545">
        <f t="shared" si="513"/>
        <v>0.2617104236820047</v>
      </c>
      <c r="M4545">
        <f t="shared" si="514"/>
        <v>0</v>
      </c>
      <c r="N4545" s="45">
        <f t="shared" si="515"/>
        <v>45114.958333322393</v>
      </c>
    </row>
    <row r="4546" spans="2:14" x14ac:dyDescent="0.25">
      <c r="B4546">
        <f t="shared" si="509"/>
        <v>6</v>
      </c>
      <c r="C4546" s="16">
        <v>4512</v>
      </c>
      <c r="D4546" cm="1">
        <f t="array" ref="D4546">IFERROR(INDEX(Jesper!AH$2:AH$366,ROUNDDOWN($C4546/24,0)+1,1)*INDEX($D$3:$AA$30,INDEX(Jesper!$R$2:$R$366,ROW(INDEX(Jesper!AH$2:AH$366,ROUNDDOWN($C4546/24,0)+1,1))-1)+IF('Standard Profiles'!$G$18=$B$10,7,0)+IF('Standard Profiles'!$G$18=$B$17,14,0)+IF('Standard Profiles'!$G$18=$B$24,21,0),MOD($C4546,24)+1)/SUM(INDEX($D$3:$AA$30,INDEX(Jesper!$R$2:$R$366,ROW(INDEX(Jesper!AH$2:AH$366,ROUNDDOWN($C4546/24,0)+1,1))-1)+IF('Standard Profiles'!$G$18=$B$10,7,0)+IF('Standard Profiles'!$G$18=$B$17,14,0)+IF('Standard Profiles'!$G$18=$B$24,21,0),0)),0)</f>
        <v>0</v>
      </c>
      <c r="E4546" cm="1">
        <f t="array" ref="E4546">IFERROR(INDEX(Jesper!AI$2:AI$366,ROUNDDOWN($C4546/24,0)+1,1)*INDEX($D$3:$AA$30,INDEX(Jesper!$R$2:$R$366,ROW(INDEX(Jesper!AI$2:AI$366,ROUNDDOWN($C4546/24,0)+1,1))-1)+IF('Standard Profiles'!$G$19=$B$10,7,0)+IF('Standard Profiles'!$G$19=$B$17,14,0)+IF('Standard Profiles'!$G$19=$B$24,21,0),MOD($C4546,24)+1)/SUM(INDEX($D$3:$AA$30,INDEX(Jesper!$R$2:$R$366,ROW(INDEX(Jesper!AI$2:AI$366,ROUNDDOWN($C4546/24,0)+1,1))-1)+IF('Standard Profiles'!$G$19=$B$10,7,0)+IF('Standard Profiles'!$G$19=$B$17,14,0)+IF('Standard Profiles'!$G$19=$B$24,21,0),0)),0)</f>
        <v>2.9894674715468197</v>
      </c>
      <c r="F4546" cm="1">
        <f t="array" ref="F4546">IFERROR(INDEX(Jesper!AJ$2:AJ$366,ROUNDDOWN($C4546/24,0)+1,1)*INDEX($D$3:$AA$30,INDEX(Jesper!$R$2:$R$366,ROW(INDEX(Jesper!AJ$2:AJ$366,ROUNDDOWN($C4546/24,0)+1,1))-1)+IF('Standard Profiles'!$G$20=$B$10,7,0)+IF('Standard Profiles'!$G$20=$B$17,14,0)+IF('Standard Profiles'!$G$20=$B$24,21,0),MOD($C4546,24)+1)/SUM(INDEX($D$3:$AA$30,INDEX(Jesper!$R$2:$R$366,ROW(INDEX(Jesper!AJ$2:AJ$366,ROUNDDOWN($C4546/24,0)+1,1))-1)+IF('Standard Profiles'!$G$20=$B$10,7,0)+IF('Standard Profiles'!$G$20=$B$17,14,0)+IF('Standard Profiles'!$G$20=$B$24,21,0),0)),0)</f>
        <v>1.0930253440753654</v>
      </c>
      <c r="G4546" cm="1">
        <f t="array" ref="G4546">IFERROR(INDEX(Jesper!AK$2:AK$366,ROUNDDOWN($C4546/24,0)+1,1)*INDEX($D$3:$AA$30,INDEX(Jesper!$R$2:$R$366,ROW(INDEX(Jesper!AK$2:AK$366,ROUNDDOWN($C4546/24,0)+1,1))-1)+IF('Standard Profiles'!$G$21=$B$10,7,0)+IF('Standard Profiles'!$G$21=$B$17,14,0)+IF('Standard Profiles'!$G$21=$B$24,21,0),MOD($C4546,24)+1)/SUM(INDEX($D$3:$AA$30,INDEX(Jesper!$R$2:$R$366,ROW(INDEX(Jesper!AK$2:AK$366,ROUNDDOWN($C4546/24,0)+1,1))-1)+IF('Standard Profiles'!$G$21=$B$10,7,0)+IF('Standard Profiles'!$G$21=$B$17,14,0)+IF('Standard Profiles'!$G$21=$B$24,21,0),0)),0)</f>
        <v>0.44053458507866028</v>
      </c>
      <c r="H4546" cm="1">
        <f t="array" ref="H4546">IFERROR(INDEX(Jesper!AL$2:AL$366,ROUNDDOWN($C4546/24,0)+1,1)*INDEX($D$3:$AA$30,INDEX(Jesper!$R$2:$R$366,ROW(INDEX(Jesper!AL$2:AL$366,ROUNDDOWN($C4546/24,0)+1,1))-1)+IF('Standard Profiles'!$G$22=$B$10,7,0)+IF('Standard Profiles'!$G$22=$B$17,14,0)+IF('Standard Profiles'!$G$22=$B$24,21,0),MOD($C4546,24)+1)/SUM(INDEX($D$3:$AA$30,INDEX(Jesper!$R$2:$R$366,ROW(INDEX(Jesper!AL$2:AL$366,ROUNDDOWN($C4546/24,0)+1,1))-1)+IF('Standard Profiles'!$G$22=$B$10,7,0)+IF('Standard Profiles'!$G$22=$B$17,14,0)+IF('Standard Profiles'!$G$22=$B$24,21,0),0)),0)</f>
        <v>3.1980168313823915E-2</v>
      </c>
      <c r="I4546">
        <f t="shared" si="510"/>
        <v>3.0700961581270975E-2</v>
      </c>
      <c r="J4546">
        <f t="shared" si="511"/>
        <v>4.1655705108477799</v>
      </c>
      <c r="K4546">
        <f t="shared" si="512"/>
        <v>0.23915739772374559</v>
      </c>
      <c r="L4546">
        <f t="shared" si="513"/>
        <v>0.11957869886187279</v>
      </c>
      <c r="M4546">
        <f t="shared" si="514"/>
        <v>0</v>
      </c>
      <c r="N4546" s="45">
        <f t="shared" si="515"/>
        <v>45114.999999989057</v>
      </c>
    </row>
    <row r="4547" spans="2:14" x14ac:dyDescent="0.25">
      <c r="B4547">
        <f t="shared" si="509"/>
        <v>6</v>
      </c>
      <c r="C4547" s="16">
        <v>4513</v>
      </c>
      <c r="D4547" cm="1">
        <f t="array" ref="D4547">IFERROR(INDEX(Jesper!AH$2:AH$366,ROUNDDOWN($C4547/24,0)+1,1)*INDEX($D$3:$AA$30,INDEX(Jesper!$R$2:$R$366,ROW(INDEX(Jesper!AH$2:AH$366,ROUNDDOWN($C4547/24,0)+1,1))-1)+IF('Standard Profiles'!$G$18=$B$10,7,0)+IF('Standard Profiles'!$G$18=$B$17,14,0)+IF('Standard Profiles'!$G$18=$B$24,21,0),MOD($C4547,24)+1)/SUM(INDEX($D$3:$AA$30,INDEX(Jesper!$R$2:$R$366,ROW(INDEX(Jesper!AH$2:AH$366,ROUNDDOWN($C4547/24,0)+1,1))-1)+IF('Standard Profiles'!$G$18=$B$10,7,0)+IF('Standard Profiles'!$G$18=$B$17,14,0)+IF('Standard Profiles'!$G$18=$B$24,21,0),0)),0)</f>
        <v>0</v>
      </c>
      <c r="E4547" cm="1">
        <f t="array" ref="E4547">IFERROR(INDEX(Jesper!AI$2:AI$366,ROUNDDOWN($C4547/24,0)+1,1)*INDEX($D$3:$AA$30,INDEX(Jesper!$R$2:$R$366,ROW(INDEX(Jesper!AI$2:AI$366,ROUNDDOWN($C4547/24,0)+1,1))-1)+IF('Standard Profiles'!$G$19=$B$10,7,0)+IF('Standard Profiles'!$G$19=$B$17,14,0)+IF('Standard Profiles'!$G$19=$B$24,21,0),MOD($C4547,24)+1)/SUM(INDEX($D$3:$AA$30,INDEX(Jesper!$R$2:$R$366,ROW(INDEX(Jesper!AI$2:AI$366,ROUNDDOWN($C4547/24,0)+1,1))-1)+IF('Standard Profiles'!$G$19=$B$10,7,0)+IF('Standard Profiles'!$G$19=$B$17,14,0)+IF('Standard Profiles'!$G$19=$B$24,21,0),0)),0)</f>
        <v>2.6905207243921376</v>
      </c>
      <c r="F4547" cm="1">
        <f t="array" ref="F4547">IFERROR(INDEX(Jesper!AJ$2:AJ$366,ROUNDDOWN($C4547/24,0)+1,1)*INDEX($D$3:$AA$30,INDEX(Jesper!$R$2:$R$366,ROW(INDEX(Jesper!AJ$2:AJ$366,ROUNDDOWN($C4547/24,0)+1,1))-1)+IF('Standard Profiles'!$G$20=$B$10,7,0)+IF('Standard Profiles'!$G$20=$B$17,14,0)+IF('Standard Profiles'!$G$20=$B$24,21,0),MOD($C4547,24)+1)/SUM(INDEX($D$3:$AA$30,INDEX(Jesper!$R$2:$R$366,ROW(INDEX(Jesper!AJ$2:AJ$366,ROUNDDOWN($C4547/24,0)+1,1))-1)+IF('Standard Profiles'!$G$20=$B$10,7,0)+IF('Standard Profiles'!$G$20=$B$17,14,0)+IF('Standard Profiles'!$G$20=$B$24,21,0),0)),0)</f>
        <v>0.98372280966782888</v>
      </c>
      <c r="G4547" cm="1">
        <f t="array" ref="G4547">IFERROR(INDEX(Jesper!AK$2:AK$366,ROUNDDOWN($C4547/24,0)+1,1)*INDEX($D$3:$AA$30,INDEX(Jesper!$R$2:$R$366,ROW(INDEX(Jesper!AK$2:AK$366,ROUNDDOWN($C4547/24,0)+1,1))-1)+IF('Standard Profiles'!$G$21=$B$10,7,0)+IF('Standard Profiles'!$G$21=$B$17,14,0)+IF('Standard Profiles'!$G$21=$B$24,21,0),MOD($C4547,24)+1)/SUM(INDEX($D$3:$AA$30,INDEX(Jesper!$R$2:$R$366,ROW(INDEX(Jesper!AK$2:AK$366,ROUNDDOWN($C4547/24,0)+1,1))-1)+IF('Standard Profiles'!$G$21=$B$10,7,0)+IF('Standard Profiles'!$G$21=$B$17,14,0)+IF('Standard Profiles'!$G$21=$B$24,21,0),0)),0)</f>
        <v>0.44053458507866028</v>
      </c>
      <c r="H4547" cm="1">
        <f t="array" ref="H4547">IFERROR(INDEX(Jesper!AL$2:AL$366,ROUNDDOWN($C4547/24,0)+1,1)*INDEX($D$3:$AA$30,INDEX(Jesper!$R$2:$R$366,ROW(INDEX(Jesper!AL$2:AL$366,ROUNDDOWN($C4547/24,0)+1,1))-1)+IF('Standard Profiles'!$G$22=$B$10,7,0)+IF('Standard Profiles'!$G$22=$B$17,14,0)+IF('Standard Profiles'!$G$22=$B$24,21,0),MOD($C4547,24)+1)/SUM(INDEX($D$3:$AA$30,INDEX(Jesper!$R$2:$R$366,ROW(INDEX(Jesper!AL$2:AL$366,ROUNDDOWN($C4547/24,0)+1,1))-1)+IF('Standard Profiles'!$G$22=$B$10,7,0)+IF('Standard Profiles'!$G$22=$B$17,14,0)+IF('Standard Profiles'!$G$22=$B$24,21,0),0)),0)</f>
        <v>6.2437471469846705E-2</v>
      </c>
      <c r="I4547">
        <f t="shared" si="510"/>
        <v>5.9939972611052869E-2</v>
      </c>
      <c r="J4547">
        <f t="shared" si="511"/>
        <v>3.7944131310703639</v>
      </c>
      <c r="K4547">
        <f t="shared" si="512"/>
        <v>0.21524165795137101</v>
      </c>
      <c r="L4547">
        <f t="shared" si="513"/>
        <v>0.10762082897568551</v>
      </c>
      <c r="M4547">
        <f t="shared" si="514"/>
        <v>0</v>
      </c>
      <c r="N4547" s="45">
        <f t="shared" si="515"/>
        <v>45115.041666655721</v>
      </c>
    </row>
    <row r="4548" spans="2:14" x14ac:dyDescent="0.25">
      <c r="B4548">
        <f t="shared" si="509"/>
        <v>6</v>
      </c>
      <c r="C4548" s="16">
        <v>4514</v>
      </c>
      <c r="D4548" cm="1">
        <f t="array" ref="D4548">IFERROR(INDEX(Jesper!AH$2:AH$366,ROUNDDOWN($C4548/24,0)+1,1)*INDEX($D$3:$AA$30,INDEX(Jesper!$R$2:$R$366,ROW(INDEX(Jesper!AH$2:AH$366,ROUNDDOWN($C4548/24,0)+1,1))-1)+IF('Standard Profiles'!$G$18=$B$10,7,0)+IF('Standard Profiles'!$G$18=$B$17,14,0)+IF('Standard Profiles'!$G$18=$B$24,21,0),MOD($C4548,24)+1)/SUM(INDEX($D$3:$AA$30,INDEX(Jesper!$R$2:$R$366,ROW(INDEX(Jesper!AH$2:AH$366,ROUNDDOWN($C4548/24,0)+1,1))-1)+IF('Standard Profiles'!$G$18=$B$10,7,0)+IF('Standard Profiles'!$G$18=$B$17,14,0)+IF('Standard Profiles'!$G$18=$B$24,21,0),0)),0)</f>
        <v>0</v>
      </c>
      <c r="E4548" cm="1">
        <f t="array" ref="E4548">IFERROR(INDEX(Jesper!AI$2:AI$366,ROUNDDOWN($C4548/24,0)+1,1)*INDEX($D$3:$AA$30,INDEX(Jesper!$R$2:$R$366,ROW(INDEX(Jesper!AI$2:AI$366,ROUNDDOWN($C4548/24,0)+1,1))-1)+IF('Standard Profiles'!$G$19=$B$10,7,0)+IF('Standard Profiles'!$G$19=$B$17,14,0)+IF('Standard Profiles'!$G$19=$B$24,21,0),MOD($C4548,24)+1)/SUM(INDEX($D$3:$AA$30,INDEX(Jesper!$R$2:$R$366,ROW(INDEX(Jesper!AI$2:AI$366,ROUNDDOWN($C4548/24,0)+1,1))-1)+IF('Standard Profiles'!$G$19=$B$10,7,0)+IF('Standard Profiles'!$G$19=$B$17,14,0)+IF('Standard Profiles'!$G$19=$B$24,21,0),0)),0)</f>
        <v>2.6905207243921376</v>
      </c>
      <c r="F4548" cm="1">
        <f t="array" ref="F4548">IFERROR(INDEX(Jesper!AJ$2:AJ$366,ROUNDDOWN($C4548/24,0)+1,1)*INDEX($D$3:$AA$30,INDEX(Jesper!$R$2:$R$366,ROW(INDEX(Jesper!AJ$2:AJ$366,ROUNDDOWN($C4548/24,0)+1,1))-1)+IF('Standard Profiles'!$G$20=$B$10,7,0)+IF('Standard Profiles'!$G$20=$B$17,14,0)+IF('Standard Profiles'!$G$20=$B$24,21,0),MOD($C4548,24)+1)/SUM(INDEX($D$3:$AA$30,INDEX(Jesper!$R$2:$R$366,ROW(INDEX(Jesper!AJ$2:AJ$366,ROUNDDOWN($C4548/24,0)+1,1))-1)+IF('Standard Profiles'!$G$20=$B$10,7,0)+IF('Standard Profiles'!$G$20=$B$17,14,0)+IF('Standard Profiles'!$G$20=$B$24,21,0),0)),0)</f>
        <v>0.98372280966782888</v>
      </c>
      <c r="G4548" cm="1">
        <f t="array" ref="G4548">IFERROR(INDEX(Jesper!AK$2:AK$366,ROUNDDOWN($C4548/24,0)+1,1)*INDEX($D$3:$AA$30,INDEX(Jesper!$R$2:$R$366,ROW(INDEX(Jesper!AK$2:AK$366,ROUNDDOWN($C4548/24,0)+1,1))-1)+IF('Standard Profiles'!$G$21=$B$10,7,0)+IF('Standard Profiles'!$G$21=$B$17,14,0)+IF('Standard Profiles'!$G$21=$B$24,21,0),MOD($C4548,24)+1)/SUM(INDEX($D$3:$AA$30,INDEX(Jesper!$R$2:$R$366,ROW(INDEX(Jesper!AK$2:AK$366,ROUNDDOWN($C4548/24,0)+1,1))-1)+IF('Standard Profiles'!$G$21=$B$10,7,0)+IF('Standard Profiles'!$G$21=$B$17,14,0)+IF('Standard Profiles'!$G$21=$B$24,21,0),0)),0)</f>
        <v>0.44053458507866028</v>
      </c>
      <c r="H4548" cm="1">
        <f t="array" ref="H4548">IFERROR(INDEX(Jesper!AL$2:AL$366,ROUNDDOWN($C4548/24,0)+1,1)*INDEX($D$3:$AA$30,INDEX(Jesper!$R$2:$R$366,ROW(INDEX(Jesper!AL$2:AL$366,ROUNDDOWN($C4548/24,0)+1,1))-1)+IF('Standard Profiles'!$G$22=$B$10,7,0)+IF('Standard Profiles'!$G$22=$B$17,14,0)+IF('Standard Profiles'!$G$22=$B$24,21,0),MOD($C4548,24)+1)/SUM(INDEX($D$3:$AA$30,INDEX(Jesper!$R$2:$R$366,ROW(INDEX(Jesper!AL$2:AL$366,ROUNDDOWN($C4548/24,0)+1,1))-1)+IF('Standard Profiles'!$G$22=$B$10,7,0)+IF('Standard Profiles'!$G$22=$B$17,14,0)+IF('Standard Profiles'!$G$22=$B$24,21,0),0)),0)</f>
        <v>6.2437471469846705E-2</v>
      </c>
      <c r="I4548">
        <f t="shared" si="510"/>
        <v>5.9939972611052869E-2</v>
      </c>
      <c r="J4548">
        <f t="shared" si="511"/>
        <v>3.7944131310703639</v>
      </c>
      <c r="K4548">
        <f t="shared" si="512"/>
        <v>0.21524165795137101</v>
      </c>
      <c r="L4548">
        <f t="shared" si="513"/>
        <v>0.10762082897568551</v>
      </c>
      <c r="M4548">
        <f t="shared" si="514"/>
        <v>0</v>
      </c>
      <c r="N4548" s="45">
        <f t="shared" si="515"/>
        <v>45115.083333322385</v>
      </c>
    </row>
    <row r="4549" spans="2:14" x14ac:dyDescent="0.25">
      <c r="B4549">
        <f t="shared" si="509"/>
        <v>6</v>
      </c>
      <c r="C4549" s="16">
        <v>4515</v>
      </c>
      <c r="D4549" cm="1">
        <f t="array" ref="D4549">IFERROR(INDEX(Jesper!AH$2:AH$366,ROUNDDOWN($C4549/24,0)+1,1)*INDEX($D$3:$AA$30,INDEX(Jesper!$R$2:$R$366,ROW(INDEX(Jesper!AH$2:AH$366,ROUNDDOWN($C4549/24,0)+1,1))-1)+IF('Standard Profiles'!$G$18=$B$10,7,0)+IF('Standard Profiles'!$G$18=$B$17,14,0)+IF('Standard Profiles'!$G$18=$B$24,21,0),MOD($C4549,24)+1)/SUM(INDEX($D$3:$AA$30,INDEX(Jesper!$R$2:$R$366,ROW(INDEX(Jesper!AH$2:AH$366,ROUNDDOWN($C4549/24,0)+1,1))-1)+IF('Standard Profiles'!$G$18=$B$10,7,0)+IF('Standard Profiles'!$G$18=$B$17,14,0)+IF('Standard Profiles'!$G$18=$B$24,21,0),0)),0)</f>
        <v>0</v>
      </c>
      <c r="E4549" cm="1">
        <f t="array" ref="E4549">IFERROR(INDEX(Jesper!AI$2:AI$366,ROUNDDOWN($C4549/24,0)+1,1)*INDEX($D$3:$AA$30,INDEX(Jesper!$R$2:$R$366,ROW(INDEX(Jesper!AI$2:AI$366,ROUNDDOWN($C4549/24,0)+1,1))-1)+IF('Standard Profiles'!$G$19=$B$10,7,0)+IF('Standard Profiles'!$G$19=$B$17,14,0)+IF('Standard Profiles'!$G$19=$B$24,21,0),MOD($C4549,24)+1)/SUM(INDEX($D$3:$AA$30,INDEX(Jesper!$R$2:$R$366,ROW(INDEX(Jesper!AI$2:AI$366,ROUNDDOWN($C4549/24,0)+1,1))-1)+IF('Standard Profiles'!$G$19=$B$10,7,0)+IF('Standard Profiles'!$G$19=$B$17,14,0)+IF('Standard Profiles'!$G$19=$B$24,21,0),0)),0)</f>
        <v>2.6905207243921376</v>
      </c>
      <c r="F4549" cm="1">
        <f t="array" ref="F4549">IFERROR(INDEX(Jesper!AJ$2:AJ$366,ROUNDDOWN($C4549/24,0)+1,1)*INDEX($D$3:$AA$30,INDEX(Jesper!$R$2:$R$366,ROW(INDEX(Jesper!AJ$2:AJ$366,ROUNDDOWN($C4549/24,0)+1,1))-1)+IF('Standard Profiles'!$G$20=$B$10,7,0)+IF('Standard Profiles'!$G$20=$B$17,14,0)+IF('Standard Profiles'!$G$20=$B$24,21,0),MOD($C4549,24)+1)/SUM(INDEX($D$3:$AA$30,INDEX(Jesper!$R$2:$R$366,ROW(INDEX(Jesper!AJ$2:AJ$366,ROUNDDOWN($C4549/24,0)+1,1))-1)+IF('Standard Profiles'!$G$20=$B$10,7,0)+IF('Standard Profiles'!$G$20=$B$17,14,0)+IF('Standard Profiles'!$G$20=$B$24,21,0),0)),0)</f>
        <v>0.98372280966782888</v>
      </c>
      <c r="G4549" cm="1">
        <f t="array" ref="G4549">IFERROR(INDEX(Jesper!AK$2:AK$366,ROUNDDOWN($C4549/24,0)+1,1)*INDEX($D$3:$AA$30,INDEX(Jesper!$R$2:$R$366,ROW(INDEX(Jesper!AK$2:AK$366,ROUNDDOWN($C4549/24,0)+1,1))-1)+IF('Standard Profiles'!$G$21=$B$10,7,0)+IF('Standard Profiles'!$G$21=$B$17,14,0)+IF('Standard Profiles'!$G$21=$B$24,21,0),MOD($C4549,24)+1)/SUM(INDEX($D$3:$AA$30,INDEX(Jesper!$R$2:$R$366,ROW(INDEX(Jesper!AK$2:AK$366,ROUNDDOWN($C4549/24,0)+1,1))-1)+IF('Standard Profiles'!$G$21=$B$10,7,0)+IF('Standard Profiles'!$G$21=$B$17,14,0)+IF('Standard Profiles'!$G$21=$B$24,21,0),0)),0)</f>
        <v>0.44053458507866028</v>
      </c>
      <c r="H4549" cm="1">
        <f t="array" ref="H4549">IFERROR(INDEX(Jesper!AL$2:AL$366,ROUNDDOWN($C4549/24,0)+1,1)*INDEX($D$3:$AA$30,INDEX(Jesper!$R$2:$R$366,ROW(INDEX(Jesper!AL$2:AL$366,ROUNDDOWN($C4549/24,0)+1,1))-1)+IF('Standard Profiles'!$G$22=$B$10,7,0)+IF('Standard Profiles'!$G$22=$B$17,14,0)+IF('Standard Profiles'!$G$22=$B$24,21,0),MOD($C4549,24)+1)/SUM(INDEX($D$3:$AA$30,INDEX(Jesper!$R$2:$R$366,ROW(INDEX(Jesper!AL$2:AL$366,ROUNDDOWN($C4549/24,0)+1,1))-1)+IF('Standard Profiles'!$G$22=$B$10,7,0)+IF('Standard Profiles'!$G$22=$B$17,14,0)+IF('Standard Profiles'!$G$22=$B$24,21,0),0)),0)</f>
        <v>6.2437471469846705E-2</v>
      </c>
      <c r="I4549">
        <f t="shared" si="510"/>
        <v>5.9939972611052869E-2</v>
      </c>
      <c r="J4549">
        <f t="shared" si="511"/>
        <v>3.7944131310703639</v>
      </c>
      <c r="K4549">
        <f t="shared" si="512"/>
        <v>0.21524165795137101</v>
      </c>
      <c r="L4549">
        <f t="shared" si="513"/>
        <v>0.10762082897568551</v>
      </c>
      <c r="M4549">
        <f t="shared" si="514"/>
        <v>0</v>
      </c>
      <c r="N4549" s="45">
        <f t="shared" si="515"/>
        <v>45115.12499998905</v>
      </c>
    </row>
    <row r="4550" spans="2:14" x14ac:dyDescent="0.25">
      <c r="B4550">
        <f t="shared" si="509"/>
        <v>6</v>
      </c>
      <c r="C4550" s="16">
        <v>4516</v>
      </c>
      <c r="D4550" cm="1">
        <f t="array" ref="D4550">IFERROR(INDEX(Jesper!AH$2:AH$366,ROUNDDOWN($C4550/24,0)+1,1)*INDEX($D$3:$AA$30,INDEX(Jesper!$R$2:$R$366,ROW(INDEX(Jesper!AH$2:AH$366,ROUNDDOWN($C4550/24,0)+1,1))-1)+IF('Standard Profiles'!$G$18=$B$10,7,0)+IF('Standard Profiles'!$G$18=$B$17,14,0)+IF('Standard Profiles'!$G$18=$B$24,21,0),MOD($C4550,24)+1)/SUM(INDEX($D$3:$AA$30,INDEX(Jesper!$R$2:$R$366,ROW(INDEX(Jesper!AH$2:AH$366,ROUNDDOWN($C4550/24,0)+1,1))-1)+IF('Standard Profiles'!$G$18=$B$10,7,0)+IF('Standard Profiles'!$G$18=$B$17,14,0)+IF('Standard Profiles'!$G$18=$B$24,21,0),0)),0)</f>
        <v>0</v>
      </c>
      <c r="E4550" cm="1">
        <f t="array" ref="E4550">IFERROR(INDEX(Jesper!AI$2:AI$366,ROUNDDOWN($C4550/24,0)+1,1)*INDEX($D$3:$AA$30,INDEX(Jesper!$R$2:$R$366,ROW(INDEX(Jesper!AI$2:AI$366,ROUNDDOWN($C4550/24,0)+1,1))-1)+IF('Standard Profiles'!$G$19=$B$10,7,0)+IF('Standard Profiles'!$G$19=$B$17,14,0)+IF('Standard Profiles'!$G$19=$B$24,21,0),MOD($C4550,24)+1)/SUM(INDEX($D$3:$AA$30,INDEX(Jesper!$R$2:$R$366,ROW(INDEX(Jesper!AI$2:AI$366,ROUNDDOWN($C4550/24,0)+1,1))-1)+IF('Standard Profiles'!$G$19=$B$10,7,0)+IF('Standard Profiles'!$G$19=$B$17,14,0)+IF('Standard Profiles'!$G$19=$B$24,21,0),0)),0)</f>
        <v>2.6905207243921376</v>
      </c>
      <c r="F4550" cm="1">
        <f t="array" ref="F4550">IFERROR(INDEX(Jesper!AJ$2:AJ$366,ROUNDDOWN($C4550/24,0)+1,1)*INDEX($D$3:$AA$30,INDEX(Jesper!$R$2:$R$366,ROW(INDEX(Jesper!AJ$2:AJ$366,ROUNDDOWN($C4550/24,0)+1,1))-1)+IF('Standard Profiles'!$G$20=$B$10,7,0)+IF('Standard Profiles'!$G$20=$B$17,14,0)+IF('Standard Profiles'!$G$20=$B$24,21,0),MOD($C4550,24)+1)/SUM(INDEX($D$3:$AA$30,INDEX(Jesper!$R$2:$R$366,ROW(INDEX(Jesper!AJ$2:AJ$366,ROUNDDOWN($C4550/24,0)+1,1))-1)+IF('Standard Profiles'!$G$20=$B$10,7,0)+IF('Standard Profiles'!$G$20=$B$17,14,0)+IF('Standard Profiles'!$G$20=$B$24,21,0),0)),0)</f>
        <v>0.98372280966782888</v>
      </c>
      <c r="G4550" cm="1">
        <f t="array" ref="G4550">IFERROR(INDEX(Jesper!AK$2:AK$366,ROUNDDOWN($C4550/24,0)+1,1)*INDEX($D$3:$AA$30,INDEX(Jesper!$R$2:$R$366,ROW(INDEX(Jesper!AK$2:AK$366,ROUNDDOWN($C4550/24,0)+1,1))-1)+IF('Standard Profiles'!$G$21=$B$10,7,0)+IF('Standard Profiles'!$G$21=$B$17,14,0)+IF('Standard Profiles'!$G$21=$B$24,21,0),MOD($C4550,24)+1)/SUM(INDEX($D$3:$AA$30,INDEX(Jesper!$R$2:$R$366,ROW(INDEX(Jesper!AK$2:AK$366,ROUNDDOWN($C4550/24,0)+1,1))-1)+IF('Standard Profiles'!$G$21=$B$10,7,0)+IF('Standard Profiles'!$G$21=$B$17,14,0)+IF('Standard Profiles'!$G$21=$B$24,21,0),0)),0)</f>
        <v>0.44053458507866028</v>
      </c>
      <c r="H4550" cm="1">
        <f t="array" ref="H4550">IFERROR(INDEX(Jesper!AL$2:AL$366,ROUNDDOWN($C4550/24,0)+1,1)*INDEX($D$3:$AA$30,INDEX(Jesper!$R$2:$R$366,ROW(INDEX(Jesper!AL$2:AL$366,ROUNDDOWN($C4550/24,0)+1,1))-1)+IF('Standard Profiles'!$G$22=$B$10,7,0)+IF('Standard Profiles'!$G$22=$B$17,14,0)+IF('Standard Profiles'!$G$22=$B$24,21,0),MOD($C4550,24)+1)/SUM(INDEX($D$3:$AA$30,INDEX(Jesper!$R$2:$R$366,ROW(INDEX(Jesper!AL$2:AL$366,ROUNDDOWN($C4550/24,0)+1,1))-1)+IF('Standard Profiles'!$G$22=$B$10,7,0)+IF('Standard Profiles'!$G$22=$B$17,14,0)+IF('Standard Profiles'!$G$22=$B$24,21,0),0)),0)</f>
        <v>6.2437471469846705E-2</v>
      </c>
      <c r="I4550">
        <f t="shared" si="510"/>
        <v>5.9939972611052869E-2</v>
      </c>
      <c r="J4550">
        <f t="shared" si="511"/>
        <v>3.7944131310703639</v>
      </c>
      <c r="K4550">
        <f t="shared" si="512"/>
        <v>0.21524165795137101</v>
      </c>
      <c r="L4550">
        <f t="shared" si="513"/>
        <v>0.10762082897568551</v>
      </c>
      <c r="M4550">
        <f t="shared" si="514"/>
        <v>0</v>
      </c>
      <c r="N4550" s="45">
        <f t="shared" si="515"/>
        <v>45115.166666655714</v>
      </c>
    </row>
    <row r="4551" spans="2:14" x14ac:dyDescent="0.25">
      <c r="B4551">
        <f t="shared" si="509"/>
        <v>6</v>
      </c>
      <c r="C4551" s="16">
        <v>4517</v>
      </c>
      <c r="D4551" cm="1">
        <f t="array" ref="D4551">IFERROR(INDEX(Jesper!AH$2:AH$366,ROUNDDOWN($C4551/24,0)+1,1)*INDEX($D$3:$AA$30,INDEX(Jesper!$R$2:$R$366,ROW(INDEX(Jesper!AH$2:AH$366,ROUNDDOWN($C4551/24,0)+1,1))-1)+IF('Standard Profiles'!$G$18=$B$10,7,0)+IF('Standard Profiles'!$G$18=$B$17,14,0)+IF('Standard Profiles'!$G$18=$B$24,21,0),MOD($C4551,24)+1)/SUM(INDEX($D$3:$AA$30,INDEX(Jesper!$R$2:$R$366,ROW(INDEX(Jesper!AH$2:AH$366,ROUNDDOWN($C4551/24,0)+1,1))-1)+IF('Standard Profiles'!$G$18=$B$10,7,0)+IF('Standard Profiles'!$G$18=$B$17,14,0)+IF('Standard Profiles'!$G$18=$B$24,21,0),0)),0)</f>
        <v>0</v>
      </c>
      <c r="E4551" cm="1">
        <f t="array" ref="E4551">IFERROR(INDEX(Jesper!AI$2:AI$366,ROUNDDOWN($C4551/24,0)+1,1)*INDEX($D$3:$AA$30,INDEX(Jesper!$R$2:$R$366,ROW(INDEX(Jesper!AI$2:AI$366,ROUNDDOWN($C4551/24,0)+1,1))-1)+IF('Standard Profiles'!$G$19=$B$10,7,0)+IF('Standard Profiles'!$G$19=$B$17,14,0)+IF('Standard Profiles'!$G$19=$B$24,21,0),MOD($C4551,24)+1)/SUM(INDEX($D$3:$AA$30,INDEX(Jesper!$R$2:$R$366,ROW(INDEX(Jesper!AI$2:AI$366,ROUNDDOWN($C4551/24,0)+1,1))-1)+IF('Standard Profiles'!$G$19=$B$10,7,0)+IF('Standard Profiles'!$G$19=$B$17,14,0)+IF('Standard Profiles'!$G$19=$B$24,21,0),0)),0)</f>
        <v>2.6905207243921376</v>
      </c>
      <c r="F4551" cm="1">
        <f t="array" ref="F4551">IFERROR(INDEX(Jesper!AJ$2:AJ$366,ROUNDDOWN($C4551/24,0)+1,1)*INDEX($D$3:$AA$30,INDEX(Jesper!$R$2:$R$366,ROW(INDEX(Jesper!AJ$2:AJ$366,ROUNDDOWN($C4551/24,0)+1,1))-1)+IF('Standard Profiles'!$G$20=$B$10,7,0)+IF('Standard Profiles'!$G$20=$B$17,14,0)+IF('Standard Profiles'!$G$20=$B$24,21,0),MOD($C4551,24)+1)/SUM(INDEX($D$3:$AA$30,INDEX(Jesper!$R$2:$R$366,ROW(INDEX(Jesper!AJ$2:AJ$366,ROUNDDOWN($C4551/24,0)+1,1))-1)+IF('Standard Profiles'!$G$20=$B$10,7,0)+IF('Standard Profiles'!$G$20=$B$17,14,0)+IF('Standard Profiles'!$G$20=$B$24,21,0),0)),0)</f>
        <v>0.98372280966782888</v>
      </c>
      <c r="G4551" cm="1">
        <f t="array" ref="G4551">IFERROR(INDEX(Jesper!AK$2:AK$366,ROUNDDOWN($C4551/24,0)+1,1)*INDEX($D$3:$AA$30,INDEX(Jesper!$R$2:$R$366,ROW(INDEX(Jesper!AK$2:AK$366,ROUNDDOWN($C4551/24,0)+1,1))-1)+IF('Standard Profiles'!$G$21=$B$10,7,0)+IF('Standard Profiles'!$G$21=$B$17,14,0)+IF('Standard Profiles'!$G$21=$B$24,21,0),MOD($C4551,24)+1)/SUM(INDEX($D$3:$AA$30,INDEX(Jesper!$R$2:$R$366,ROW(INDEX(Jesper!AK$2:AK$366,ROUNDDOWN($C4551/24,0)+1,1))-1)+IF('Standard Profiles'!$G$21=$B$10,7,0)+IF('Standard Profiles'!$G$21=$B$17,14,0)+IF('Standard Profiles'!$G$21=$B$24,21,0),0)),0)</f>
        <v>0.44053458507866028</v>
      </c>
      <c r="H4551" cm="1">
        <f t="array" ref="H4551">IFERROR(INDEX(Jesper!AL$2:AL$366,ROUNDDOWN($C4551/24,0)+1,1)*INDEX($D$3:$AA$30,INDEX(Jesper!$R$2:$R$366,ROW(INDEX(Jesper!AL$2:AL$366,ROUNDDOWN($C4551/24,0)+1,1))-1)+IF('Standard Profiles'!$G$22=$B$10,7,0)+IF('Standard Profiles'!$G$22=$B$17,14,0)+IF('Standard Profiles'!$G$22=$B$24,21,0),MOD($C4551,24)+1)/SUM(INDEX($D$3:$AA$30,INDEX(Jesper!$R$2:$R$366,ROW(INDEX(Jesper!AL$2:AL$366,ROUNDDOWN($C4551/24,0)+1,1))-1)+IF('Standard Profiles'!$G$22=$B$10,7,0)+IF('Standard Profiles'!$G$22=$B$17,14,0)+IF('Standard Profiles'!$G$22=$B$24,21,0),0)),0)</f>
        <v>7.7666123047858082E-2</v>
      </c>
      <c r="I4551">
        <f t="shared" si="510"/>
        <v>7.4559478125943796E-2</v>
      </c>
      <c r="J4551">
        <f t="shared" si="511"/>
        <v>3.7950222771334845</v>
      </c>
      <c r="K4551">
        <f t="shared" si="512"/>
        <v>0.21524165795137101</v>
      </c>
      <c r="L4551">
        <f t="shared" si="513"/>
        <v>0.10762082897568551</v>
      </c>
      <c r="M4551">
        <f t="shared" si="514"/>
        <v>0</v>
      </c>
      <c r="N4551" s="45">
        <f t="shared" si="515"/>
        <v>45115.208333322378</v>
      </c>
    </row>
    <row r="4552" spans="2:14" x14ac:dyDescent="0.25">
      <c r="B4552">
        <f t="shared" si="509"/>
        <v>6</v>
      </c>
      <c r="C4552" s="16">
        <v>4518</v>
      </c>
      <c r="D4552" cm="1">
        <f t="array" ref="D4552">IFERROR(INDEX(Jesper!AH$2:AH$366,ROUNDDOWN($C4552/24,0)+1,1)*INDEX($D$3:$AA$30,INDEX(Jesper!$R$2:$R$366,ROW(INDEX(Jesper!AH$2:AH$366,ROUNDDOWN($C4552/24,0)+1,1))-1)+IF('Standard Profiles'!$G$18=$B$10,7,0)+IF('Standard Profiles'!$G$18=$B$17,14,0)+IF('Standard Profiles'!$G$18=$B$24,21,0),MOD($C4552,24)+1)/SUM(INDEX($D$3:$AA$30,INDEX(Jesper!$R$2:$R$366,ROW(INDEX(Jesper!AH$2:AH$366,ROUNDDOWN($C4552/24,0)+1,1))-1)+IF('Standard Profiles'!$G$18=$B$10,7,0)+IF('Standard Profiles'!$G$18=$B$17,14,0)+IF('Standard Profiles'!$G$18=$B$24,21,0),0)),0)</f>
        <v>0</v>
      </c>
      <c r="E4552" cm="1">
        <f t="array" ref="E4552">IFERROR(INDEX(Jesper!AI$2:AI$366,ROUNDDOWN($C4552/24,0)+1,1)*INDEX($D$3:$AA$30,INDEX(Jesper!$R$2:$R$366,ROW(INDEX(Jesper!AI$2:AI$366,ROUNDDOWN($C4552/24,0)+1,1))-1)+IF('Standard Profiles'!$G$19=$B$10,7,0)+IF('Standard Profiles'!$G$19=$B$17,14,0)+IF('Standard Profiles'!$G$19=$B$24,21,0),MOD($C4552,24)+1)/SUM(INDEX($D$3:$AA$30,INDEX(Jesper!$R$2:$R$366,ROW(INDEX(Jesper!AI$2:AI$366,ROUNDDOWN($C4552/24,0)+1,1))-1)+IF('Standard Profiles'!$G$19=$B$10,7,0)+IF('Standard Profiles'!$G$19=$B$17,14,0)+IF('Standard Profiles'!$G$19=$B$24,21,0),0)),0)</f>
        <v>2.6905207243921376</v>
      </c>
      <c r="F4552" cm="1">
        <f t="array" ref="F4552">IFERROR(INDEX(Jesper!AJ$2:AJ$366,ROUNDDOWN($C4552/24,0)+1,1)*INDEX($D$3:$AA$30,INDEX(Jesper!$R$2:$R$366,ROW(INDEX(Jesper!AJ$2:AJ$366,ROUNDDOWN($C4552/24,0)+1,1))-1)+IF('Standard Profiles'!$G$20=$B$10,7,0)+IF('Standard Profiles'!$G$20=$B$17,14,0)+IF('Standard Profiles'!$G$20=$B$24,21,0),MOD($C4552,24)+1)/SUM(INDEX($D$3:$AA$30,INDEX(Jesper!$R$2:$R$366,ROW(INDEX(Jesper!AJ$2:AJ$366,ROUNDDOWN($C4552/24,0)+1,1))-1)+IF('Standard Profiles'!$G$20=$B$10,7,0)+IF('Standard Profiles'!$G$20=$B$17,14,0)+IF('Standard Profiles'!$G$20=$B$24,21,0),0)),0)</f>
        <v>0.98372280966782888</v>
      </c>
      <c r="G4552" cm="1">
        <f t="array" ref="G4552">IFERROR(INDEX(Jesper!AK$2:AK$366,ROUNDDOWN($C4552/24,0)+1,1)*INDEX($D$3:$AA$30,INDEX(Jesper!$R$2:$R$366,ROW(INDEX(Jesper!AK$2:AK$366,ROUNDDOWN($C4552/24,0)+1,1))-1)+IF('Standard Profiles'!$G$21=$B$10,7,0)+IF('Standard Profiles'!$G$21=$B$17,14,0)+IF('Standard Profiles'!$G$21=$B$24,21,0),MOD($C4552,24)+1)/SUM(INDEX($D$3:$AA$30,INDEX(Jesper!$R$2:$R$366,ROW(INDEX(Jesper!AK$2:AK$366,ROUNDDOWN($C4552/24,0)+1,1))-1)+IF('Standard Profiles'!$G$21=$B$10,7,0)+IF('Standard Profiles'!$G$21=$B$17,14,0)+IF('Standard Profiles'!$G$21=$B$24,21,0),0)),0)</f>
        <v>0.44053458507866028</v>
      </c>
      <c r="H4552" cm="1">
        <f t="array" ref="H4552">IFERROR(INDEX(Jesper!AL$2:AL$366,ROUNDDOWN($C4552/24,0)+1,1)*INDEX($D$3:$AA$30,INDEX(Jesper!$R$2:$R$366,ROW(INDEX(Jesper!AL$2:AL$366,ROUNDDOWN($C4552/24,0)+1,1))-1)+IF('Standard Profiles'!$G$22=$B$10,7,0)+IF('Standard Profiles'!$G$22=$B$17,14,0)+IF('Standard Profiles'!$G$22=$B$24,21,0),MOD($C4552,24)+1)/SUM(INDEX($D$3:$AA$30,INDEX(Jesper!$R$2:$R$366,ROW(INDEX(Jesper!AL$2:AL$366,ROUNDDOWN($C4552/24,0)+1,1))-1)+IF('Standard Profiles'!$G$22=$B$10,7,0)+IF('Standard Profiles'!$G$22=$B$17,14,0)+IF('Standard Profiles'!$G$22=$B$24,21,0),0)),0)</f>
        <v>9.7463370099272889E-2</v>
      </c>
      <c r="I4552">
        <f t="shared" si="510"/>
        <v>9.3564835295302018E-2</v>
      </c>
      <c r="J4552">
        <f t="shared" si="511"/>
        <v>3.795814167015541</v>
      </c>
      <c r="K4552">
        <f t="shared" si="512"/>
        <v>0.21524165795137101</v>
      </c>
      <c r="L4552">
        <f t="shared" si="513"/>
        <v>0.10762082897568551</v>
      </c>
      <c r="M4552">
        <f t="shared" si="514"/>
        <v>0</v>
      </c>
      <c r="N4552" s="45">
        <f t="shared" si="515"/>
        <v>45115.249999989042</v>
      </c>
    </row>
    <row r="4553" spans="2:14" x14ac:dyDescent="0.25">
      <c r="B4553">
        <f t="shared" si="509"/>
        <v>6</v>
      </c>
      <c r="C4553" s="16">
        <v>4519</v>
      </c>
      <c r="D4553" cm="1">
        <f t="array" ref="D4553">IFERROR(INDEX(Jesper!AH$2:AH$366,ROUNDDOWN($C4553/24,0)+1,1)*INDEX($D$3:$AA$30,INDEX(Jesper!$R$2:$R$366,ROW(INDEX(Jesper!AH$2:AH$366,ROUNDDOWN($C4553/24,0)+1,1))-1)+IF('Standard Profiles'!$G$18=$B$10,7,0)+IF('Standard Profiles'!$G$18=$B$17,14,0)+IF('Standard Profiles'!$G$18=$B$24,21,0),MOD($C4553,24)+1)/SUM(INDEX($D$3:$AA$30,INDEX(Jesper!$R$2:$R$366,ROW(INDEX(Jesper!AH$2:AH$366,ROUNDDOWN($C4553/24,0)+1,1))-1)+IF('Standard Profiles'!$G$18=$B$10,7,0)+IF('Standard Profiles'!$G$18=$B$17,14,0)+IF('Standard Profiles'!$G$18=$B$24,21,0),0)),0)</f>
        <v>0</v>
      </c>
      <c r="E4553" cm="1">
        <f t="array" ref="E4553">IFERROR(INDEX(Jesper!AI$2:AI$366,ROUNDDOWN($C4553/24,0)+1,1)*INDEX($D$3:$AA$30,INDEX(Jesper!$R$2:$R$366,ROW(INDEX(Jesper!AI$2:AI$366,ROUNDDOWN($C4553/24,0)+1,1))-1)+IF('Standard Profiles'!$G$19=$B$10,7,0)+IF('Standard Profiles'!$G$19=$B$17,14,0)+IF('Standard Profiles'!$G$19=$B$24,21,0),MOD($C4553,24)+1)/SUM(INDEX($D$3:$AA$30,INDEX(Jesper!$R$2:$R$366,ROW(INDEX(Jesper!AI$2:AI$366,ROUNDDOWN($C4553/24,0)+1,1))-1)+IF('Standard Profiles'!$G$19=$B$10,7,0)+IF('Standard Profiles'!$G$19=$B$17,14,0)+IF('Standard Profiles'!$G$19=$B$24,21,0),0)),0)</f>
        <v>2.6905207243921376</v>
      </c>
      <c r="F4553" cm="1">
        <f t="array" ref="F4553">IFERROR(INDEX(Jesper!AJ$2:AJ$366,ROUNDDOWN($C4553/24,0)+1,1)*INDEX($D$3:$AA$30,INDEX(Jesper!$R$2:$R$366,ROW(INDEX(Jesper!AJ$2:AJ$366,ROUNDDOWN($C4553/24,0)+1,1))-1)+IF('Standard Profiles'!$G$20=$B$10,7,0)+IF('Standard Profiles'!$G$20=$B$17,14,0)+IF('Standard Profiles'!$G$20=$B$24,21,0),MOD($C4553,24)+1)/SUM(INDEX($D$3:$AA$30,INDEX(Jesper!$R$2:$R$366,ROW(INDEX(Jesper!AJ$2:AJ$366,ROUNDDOWN($C4553/24,0)+1,1))-1)+IF('Standard Profiles'!$G$20=$B$10,7,0)+IF('Standard Profiles'!$G$20=$B$17,14,0)+IF('Standard Profiles'!$G$20=$B$24,21,0),0)),0)</f>
        <v>0.98372280966782888</v>
      </c>
      <c r="G4553" cm="1">
        <f t="array" ref="G4553">IFERROR(INDEX(Jesper!AK$2:AK$366,ROUNDDOWN($C4553/24,0)+1,1)*INDEX($D$3:$AA$30,INDEX(Jesper!$R$2:$R$366,ROW(INDEX(Jesper!AK$2:AK$366,ROUNDDOWN($C4553/24,0)+1,1))-1)+IF('Standard Profiles'!$G$21=$B$10,7,0)+IF('Standard Profiles'!$G$21=$B$17,14,0)+IF('Standard Profiles'!$G$21=$B$24,21,0),MOD($C4553,24)+1)/SUM(INDEX($D$3:$AA$30,INDEX(Jesper!$R$2:$R$366,ROW(INDEX(Jesper!AK$2:AK$366,ROUNDDOWN($C4553/24,0)+1,1))-1)+IF('Standard Profiles'!$G$21=$B$10,7,0)+IF('Standard Profiles'!$G$21=$B$17,14,0)+IF('Standard Profiles'!$G$21=$B$24,21,0),0)),0)</f>
        <v>0.44053458507866028</v>
      </c>
      <c r="H4553" cm="1">
        <f t="array" ref="H4553">IFERROR(INDEX(Jesper!AL$2:AL$366,ROUNDDOWN($C4553/24,0)+1,1)*INDEX($D$3:$AA$30,INDEX(Jesper!$R$2:$R$366,ROW(INDEX(Jesper!AL$2:AL$366,ROUNDDOWN($C4553/24,0)+1,1))-1)+IF('Standard Profiles'!$G$22=$B$10,7,0)+IF('Standard Profiles'!$G$22=$B$17,14,0)+IF('Standard Profiles'!$G$22=$B$24,21,0),MOD($C4553,24)+1)/SUM(INDEX($D$3:$AA$30,INDEX(Jesper!$R$2:$R$366,ROW(INDEX(Jesper!AL$2:AL$366,ROUNDDOWN($C4553/24,0)+1,1))-1)+IF('Standard Profiles'!$G$22=$B$10,7,0)+IF('Standard Profiles'!$G$22=$B$17,14,0)+IF('Standard Profiles'!$G$22=$B$24,21,0),0)),0)</f>
        <v>0.11116915651948313</v>
      </c>
      <c r="I4553">
        <f t="shared" si="510"/>
        <v>0.10672239025870386</v>
      </c>
      <c r="J4553">
        <f t="shared" si="511"/>
        <v>3.7963623984723496</v>
      </c>
      <c r="K4553">
        <f t="shared" si="512"/>
        <v>0.21524165795137101</v>
      </c>
      <c r="L4553">
        <f t="shared" si="513"/>
        <v>0.10762082897568551</v>
      </c>
      <c r="M4553">
        <f t="shared" si="514"/>
        <v>0</v>
      </c>
      <c r="N4553" s="45">
        <f t="shared" si="515"/>
        <v>45115.291666655707</v>
      </c>
    </row>
    <row r="4554" spans="2:14" x14ac:dyDescent="0.25">
      <c r="B4554">
        <f t="shared" si="509"/>
        <v>6</v>
      </c>
      <c r="C4554" s="16">
        <v>4520</v>
      </c>
      <c r="D4554" cm="1">
        <f t="array" ref="D4554">IFERROR(INDEX(Jesper!AH$2:AH$366,ROUNDDOWN($C4554/24,0)+1,1)*INDEX($D$3:$AA$30,INDEX(Jesper!$R$2:$R$366,ROW(INDEX(Jesper!AH$2:AH$366,ROUNDDOWN($C4554/24,0)+1,1))-1)+IF('Standard Profiles'!$G$18=$B$10,7,0)+IF('Standard Profiles'!$G$18=$B$17,14,0)+IF('Standard Profiles'!$G$18=$B$24,21,0),MOD($C4554,24)+1)/SUM(INDEX($D$3:$AA$30,INDEX(Jesper!$R$2:$R$366,ROW(INDEX(Jesper!AH$2:AH$366,ROUNDDOWN($C4554/24,0)+1,1))-1)+IF('Standard Profiles'!$G$18=$B$10,7,0)+IF('Standard Profiles'!$G$18=$B$17,14,0)+IF('Standard Profiles'!$G$18=$B$24,21,0),0)),0)</f>
        <v>0</v>
      </c>
      <c r="E4554" cm="1">
        <f t="array" ref="E4554">IFERROR(INDEX(Jesper!AI$2:AI$366,ROUNDDOWN($C4554/24,0)+1,1)*INDEX($D$3:$AA$30,INDEX(Jesper!$R$2:$R$366,ROW(INDEX(Jesper!AI$2:AI$366,ROUNDDOWN($C4554/24,0)+1,1))-1)+IF('Standard Profiles'!$G$19=$B$10,7,0)+IF('Standard Profiles'!$G$19=$B$17,14,0)+IF('Standard Profiles'!$G$19=$B$24,21,0),MOD($C4554,24)+1)/SUM(INDEX($D$3:$AA$30,INDEX(Jesper!$R$2:$R$366,ROW(INDEX(Jesper!AI$2:AI$366,ROUNDDOWN($C4554/24,0)+1,1))-1)+IF('Standard Profiles'!$G$19=$B$10,7,0)+IF('Standard Profiles'!$G$19=$B$17,14,0)+IF('Standard Profiles'!$G$19=$B$24,21,0),0)),0)</f>
        <v>2.6905207243921376</v>
      </c>
      <c r="F4554" cm="1">
        <f t="array" ref="F4554">IFERROR(INDEX(Jesper!AJ$2:AJ$366,ROUNDDOWN($C4554/24,0)+1,1)*INDEX($D$3:$AA$30,INDEX(Jesper!$R$2:$R$366,ROW(INDEX(Jesper!AJ$2:AJ$366,ROUNDDOWN($C4554/24,0)+1,1))-1)+IF('Standard Profiles'!$G$20=$B$10,7,0)+IF('Standard Profiles'!$G$20=$B$17,14,0)+IF('Standard Profiles'!$G$20=$B$24,21,0),MOD($C4554,24)+1)/SUM(INDEX($D$3:$AA$30,INDEX(Jesper!$R$2:$R$366,ROW(INDEX(Jesper!AJ$2:AJ$366,ROUNDDOWN($C4554/24,0)+1,1))-1)+IF('Standard Profiles'!$G$20=$B$10,7,0)+IF('Standard Profiles'!$G$20=$B$17,14,0)+IF('Standard Profiles'!$G$20=$B$24,21,0),0)),0)</f>
        <v>0.98372280966782888</v>
      </c>
      <c r="G4554" cm="1">
        <f t="array" ref="G4554">IFERROR(INDEX(Jesper!AK$2:AK$366,ROUNDDOWN($C4554/24,0)+1,1)*INDEX($D$3:$AA$30,INDEX(Jesper!$R$2:$R$366,ROW(INDEX(Jesper!AK$2:AK$366,ROUNDDOWN($C4554/24,0)+1,1))-1)+IF('Standard Profiles'!$G$21=$B$10,7,0)+IF('Standard Profiles'!$G$21=$B$17,14,0)+IF('Standard Profiles'!$G$21=$B$24,21,0),MOD($C4554,24)+1)/SUM(INDEX($D$3:$AA$30,INDEX(Jesper!$R$2:$R$366,ROW(INDEX(Jesper!AK$2:AK$366,ROUNDDOWN($C4554/24,0)+1,1))-1)+IF('Standard Profiles'!$G$21=$B$10,7,0)+IF('Standard Profiles'!$G$21=$B$17,14,0)+IF('Standard Profiles'!$G$21=$B$24,21,0),0)),0)</f>
        <v>0.44053458507866028</v>
      </c>
      <c r="H4554" cm="1">
        <f t="array" ref="H4554">IFERROR(INDEX(Jesper!AL$2:AL$366,ROUNDDOWN($C4554/24,0)+1,1)*INDEX($D$3:$AA$30,INDEX(Jesper!$R$2:$R$366,ROW(INDEX(Jesper!AL$2:AL$366,ROUNDDOWN($C4554/24,0)+1,1))-1)+IF('Standard Profiles'!$G$22=$B$10,7,0)+IF('Standard Profiles'!$G$22=$B$17,14,0)+IF('Standard Profiles'!$G$22=$B$24,21,0),MOD($C4554,24)+1)/SUM(INDEX($D$3:$AA$30,INDEX(Jesper!$R$2:$R$366,ROW(INDEX(Jesper!AL$2:AL$366,ROUNDDOWN($C4554/24,0)+1,1))-1)+IF('Standard Profiles'!$G$22=$B$10,7,0)+IF('Standard Profiles'!$G$22=$B$17,14,0)+IF('Standard Profiles'!$G$22=$B$24,21,0),0)),0)</f>
        <v>0.11116915651948313</v>
      </c>
      <c r="I4554">
        <f t="shared" si="510"/>
        <v>0.10672239025870386</v>
      </c>
      <c r="J4554">
        <f t="shared" si="511"/>
        <v>3.7963623984723496</v>
      </c>
      <c r="K4554">
        <f t="shared" si="512"/>
        <v>0.21524165795137101</v>
      </c>
      <c r="L4554">
        <f t="shared" si="513"/>
        <v>0.10762082897568551</v>
      </c>
      <c r="M4554">
        <f t="shared" si="514"/>
        <v>0</v>
      </c>
      <c r="N4554" s="45">
        <f t="shared" si="515"/>
        <v>45115.333333322371</v>
      </c>
    </row>
    <row r="4555" spans="2:14" x14ac:dyDescent="0.25">
      <c r="B4555">
        <f t="shared" si="509"/>
        <v>6</v>
      </c>
      <c r="C4555" s="16">
        <v>4521</v>
      </c>
      <c r="D4555" cm="1">
        <f t="array" ref="D4555">IFERROR(INDEX(Jesper!AH$2:AH$366,ROUNDDOWN($C4555/24,0)+1,1)*INDEX($D$3:$AA$30,INDEX(Jesper!$R$2:$R$366,ROW(INDEX(Jesper!AH$2:AH$366,ROUNDDOWN($C4555/24,0)+1,1))-1)+IF('Standard Profiles'!$G$18=$B$10,7,0)+IF('Standard Profiles'!$G$18=$B$17,14,0)+IF('Standard Profiles'!$G$18=$B$24,21,0),MOD($C4555,24)+1)/SUM(INDEX($D$3:$AA$30,INDEX(Jesper!$R$2:$R$366,ROW(INDEX(Jesper!AH$2:AH$366,ROUNDDOWN($C4555/24,0)+1,1))-1)+IF('Standard Profiles'!$G$18=$B$10,7,0)+IF('Standard Profiles'!$G$18=$B$17,14,0)+IF('Standard Profiles'!$G$18=$B$24,21,0),0)),0)</f>
        <v>0</v>
      </c>
      <c r="E4555" cm="1">
        <f t="array" ref="E4555">IFERROR(INDEX(Jesper!AI$2:AI$366,ROUNDDOWN($C4555/24,0)+1,1)*INDEX($D$3:$AA$30,INDEX(Jesper!$R$2:$R$366,ROW(INDEX(Jesper!AI$2:AI$366,ROUNDDOWN($C4555/24,0)+1,1))-1)+IF('Standard Profiles'!$G$19=$B$10,7,0)+IF('Standard Profiles'!$G$19=$B$17,14,0)+IF('Standard Profiles'!$G$19=$B$24,21,0),MOD($C4555,24)+1)/SUM(INDEX($D$3:$AA$30,INDEX(Jesper!$R$2:$R$366,ROW(INDEX(Jesper!AI$2:AI$366,ROUNDDOWN($C4555/24,0)+1,1))-1)+IF('Standard Profiles'!$G$19=$B$10,7,0)+IF('Standard Profiles'!$G$19=$B$17,14,0)+IF('Standard Profiles'!$G$19=$B$24,21,0),0)),0)</f>
        <v>2.6905207243921376</v>
      </c>
      <c r="F4555" cm="1">
        <f t="array" ref="F4555">IFERROR(INDEX(Jesper!AJ$2:AJ$366,ROUNDDOWN($C4555/24,0)+1,1)*INDEX($D$3:$AA$30,INDEX(Jesper!$R$2:$R$366,ROW(INDEX(Jesper!AJ$2:AJ$366,ROUNDDOWN($C4555/24,0)+1,1))-1)+IF('Standard Profiles'!$G$20=$B$10,7,0)+IF('Standard Profiles'!$G$20=$B$17,14,0)+IF('Standard Profiles'!$G$20=$B$24,21,0),MOD($C4555,24)+1)/SUM(INDEX($D$3:$AA$30,INDEX(Jesper!$R$2:$R$366,ROW(INDEX(Jesper!AJ$2:AJ$366,ROUNDDOWN($C4555/24,0)+1,1))-1)+IF('Standard Profiles'!$G$20=$B$10,7,0)+IF('Standard Profiles'!$G$20=$B$17,14,0)+IF('Standard Profiles'!$G$20=$B$24,21,0),0)),0)</f>
        <v>0.98372280966782888</v>
      </c>
      <c r="G4555" cm="1">
        <f t="array" ref="G4555">IFERROR(INDEX(Jesper!AK$2:AK$366,ROUNDDOWN($C4555/24,0)+1,1)*INDEX($D$3:$AA$30,INDEX(Jesper!$R$2:$R$366,ROW(INDEX(Jesper!AK$2:AK$366,ROUNDDOWN($C4555/24,0)+1,1))-1)+IF('Standard Profiles'!$G$21=$B$10,7,0)+IF('Standard Profiles'!$G$21=$B$17,14,0)+IF('Standard Profiles'!$G$21=$B$24,21,0),MOD($C4555,24)+1)/SUM(INDEX($D$3:$AA$30,INDEX(Jesper!$R$2:$R$366,ROW(INDEX(Jesper!AK$2:AK$366,ROUNDDOWN($C4555/24,0)+1,1))-1)+IF('Standard Profiles'!$G$21=$B$10,7,0)+IF('Standard Profiles'!$G$21=$B$17,14,0)+IF('Standard Profiles'!$G$21=$B$24,21,0),0)),0)</f>
        <v>0.44053458507866028</v>
      </c>
      <c r="H4555" cm="1">
        <f t="array" ref="H4555">IFERROR(INDEX(Jesper!AL$2:AL$366,ROUNDDOWN($C4555/24,0)+1,1)*INDEX($D$3:$AA$30,INDEX(Jesper!$R$2:$R$366,ROW(INDEX(Jesper!AL$2:AL$366,ROUNDDOWN($C4555/24,0)+1,1))-1)+IF('Standard Profiles'!$G$22=$B$10,7,0)+IF('Standard Profiles'!$G$22=$B$17,14,0)+IF('Standard Profiles'!$G$22=$B$24,21,0),MOD($C4555,24)+1)/SUM(INDEX($D$3:$AA$30,INDEX(Jesper!$R$2:$R$366,ROW(INDEX(Jesper!AL$2:AL$366,ROUNDDOWN($C4555/24,0)+1,1))-1)+IF('Standard Profiles'!$G$22=$B$10,7,0)+IF('Standard Profiles'!$G$22=$B$17,14,0)+IF('Standard Profiles'!$G$22=$B$24,21,0),0)),0)</f>
        <v>0.11116915651948313</v>
      </c>
      <c r="I4555">
        <f t="shared" si="510"/>
        <v>0.10672239025870386</v>
      </c>
      <c r="J4555">
        <f t="shared" si="511"/>
        <v>3.7963623984723496</v>
      </c>
      <c r="K4555">
        <f t="shared" si="512"/>
        <v>0.21524165795137101</v>
      </c>
      <c r="L4555">
        <f t="shared" si="513"/>
        <v>0.10762082897568551</v>
      </c>
      <c r="M4555">
        <f t="shared" si="514"/>
        <v>0</v>
      </c>
      <c r="N4555" s="45">
        <f t="shared" si="515"/>
        <v>45115.374999989035</v>
      </c>
    </row>
    <row r="4556" spans="2:14" x14ac:dyDescent="0.25">
      <c r="B4556">
        <f t="shared" si="509"/>
        <v>6</v>
      </c>
      <c r="C4556" s="16">
        <v>4522</v>
      </c>
      <c r="D4556" cm="1">
        <f t="array" ref="D4556">IFERROR(INDEX(Jesper!AH$2:AH$366,ROUNDDOWN($C4556/24,0)+1,1)*INDEX($D$3:$AA$30,INDEX(Jesper!$R$2:$R$366,ROW(INDEX(Jesper!AH$2:AH$366,ROUNDDOWN($C4556/24,0)+1,1))-1)+IF('Standard Profiles'!$G$18=$B$10,7,0)+IF('Standard Profiles'!$G$18=$B$17,14,0)+IF('Standard Profiles'!$G$18=$B$24,21,0),MOD($C4556,24)+1)/SUM(INDEX($D$3:$AA$30,INDEX(Jesper!$R$2:$R$366,ROW(INDEX(Jesper!AH$2:AH$366,ROUNDDOWN($C4556/24,0)+1,1))-1)+IF('Standard Profiles'!$G$18=$B$10,7,0)+IF('Standard Profiles'!$G$18=$B$17,14,0)+IF('Standard Profiles'!$G$18=$B$24,21,0),0)),0)</f>
        <v>0</v>
      </c>
      <c r="E4556" cm="1">
        <f t="array" ref="E4556">IFERROR(INDEX(Jesper!AI$2:AI$366,ROUNDDOWN($C4556/24,0)+1,1)*INDEX($D$3:$AA$30,INDEX(Jesper!$R$2:$R$366,ROW(INDEX(Jesper!AI$2:AI$366,ROUNDDOWN($C4556/24,0)+1,1))-1)+IF('Standard Profiles'!$G$19=$B$10,7,0)+IF('Standard Profiles'!$G$19=$B$17,14,0)+IF('Standard Profiles'!$G$19=$B$24,21,0),MOD($C4556,24)+1)/SUM(INDEX($D$3:$AA$30,INDEX(Jesper!$R$2:$R$366,ROW(INDEX(Jesper!AI$2:AI$366,ROUNDDOWN($C4556/24,0)+1,1))-1)+IF('Standard Profiles'!$G$19=$B$10,7,0)+IF('Standard Profiles'!$G$19=$B$17,14,0)+IF('Standard Profiles'!$G$19=$B$24,21,0),0)),0)</f>
        <v>2.6905207243921376</v>
      </c>
      <c r="F4556" cm="1">
        <f t="array" ref="F4556">IFERROR(INDEX(Jesper!AJ$2:AJ$366,ROUNDDOWN($C4556/24,0)+1,1)*INDEX($D$3:$AA$30,INDEX(Jesper!$R$2:$R$366,ROW(INDEX(Jesper!AJ$2:AJ$366,ROUNDDOWN($C4556/24,0)+1,1))-1)+IF('Standard Profiles'!$G$20=$B$10,7,0)+IF('Standard Profiles'!$G$20=$B$17,14,0)+IF('Standard Profiles'!$G$20=$B$24,21,0),MOD($C4556,24)+1)/SUM(INDEX($D$3:$AA$30,INDEX(Jesper!$R$2:$R$366,ROW(INDEX(Jesper!AJ$2:AJ$366,ROUNDDOWN($C4556/24,0)+1,1))-1)+IF('Standard Profiles'!$G$20=$B$10,7,0)+IF('Standard Profiles'!$G$20=$B$17,14,0)+IF('Standard Profiles'!$G$20=$B$24,21,0),0)),0)</f>
        <v>0.98372280966782888</v>
      </c>
      <c r="G4556" cm="1">
        <f t="array" ref="G4556">IFERROR(INDEX(Jesper!AK$2:AK$366,ROUNDDOWN($C4556/24,0)+1,1)*INDEX($D$3:$AA$30,INDEX(Jesper!$R$2:$R$366,ROW(INDEX(Jesper!AK$2:AK$366,ROUNDDOWN($C4556/24,0)+1,1))-1)+IF('Standard Profiles'!$G$21=$B$10,7,0)+IF('Standard Profiles'!$G$21=$B$17,14,0)+IF('Standard Profiles'!$G$21=$B$24,21,0),MOD($C4556,24)+1)/SUM(INDEX($D$3:$AA$30,INDEX(Jesper!$R$2:$R$366,ROW(INDEX(Jesper!AK$2:AK$366,ROUNDDOWN($C4556/24,0)+1,1))-1)+IF('Standard Profiles'!$G$21=$B$10,7,0)+IF('Standard Profiles'!$G$21=$B$17,14,0)+IF('Standard Profiles'!$G$21=$B$24,21,0),0)),0)</f>
        <v>0.44053458507866028</v>
      </c>
      <c r="H4556" cm="1">
        <f t="array" ref="H4556">IFERROR(INDEX(Jesper!AL$2:AL$366,ROUNDDOWN($C4556/24,0)+1,1)*INDEX($D$3:$AA$30,INDEX(Jesper!$R$2:$R$366,ROW(INDEX(Jesper!AL$2:AL$366,ROUNDDOWN($C4556/24,0)+1,1))-1)+IF('Standard Profiles'!$G$22=$B$10,7,0)+IF('Standard Profiles'!$G$22=$B$17,14,0)+IF('Standard Profiles'!$G$22=$B$24,21,0),MOD($C4556,24)+1)/SUM(INDEX($D$3:$AA$30,INDEX(Jesper!$R$2:$R$366,ROW(INDEX(Jesper!AL$2:AL$366,ROUNDDOWN($C4556/24,0)+1,1))-1)+IF('Standard Profiles'!$G$22=$B$10,7,0)+IF('Standard Profiles'!$G$22=$B$17,14,0)+IF('Standard Profiles'!$G$22=$B$24,21,0),0)),0)</f>
        <v>0.11116915651948313</v>
      </c>
      <c r="I4556">
        <f t="shared" si="510"/>
        <v>0.10672239025870386</v>
      </c>
      <c r="J4556">
        <f t="shared" si="511"/>
        <v>3.7963623984723496</v>
      </c>
      <c r="K4556">
        <f t="shared" si="512"/>
        <v>0.21524165795137101</v>
      </c>
      <c r="L4556">
        <f t="shared" si="513"/>
        <v>0.10762082897568551</v>
      </c>
      <c r="M4556">
        <f t="shared" si="514"/>
        <v>0</v>
      </c>
      <c r="N4556" s="45">
        <f t="shared" si="515"/>
        <v>45115.416666655699</v>
      </c>
    </row>
    <row r="4557" spans="2:14" x14ac:dyDescent="0.25">
      <c r="B4557">
        <f t="shared" si="509"/>
        <v>6</v>
      </c>
      <c r="C4557" s="16">
        <v>4523</v>
      </c>
      <c r="D4557" cm="1">
        <f t="array" ref="D4557">IFERROR(INDEX(Jesper!AH$2:AH$366,ROUNDDOWN($C4557/24,0)+1,1)*INDEX($D$3:$AA$30,INDEX(Jesper!$R$2:$R$366,ROW(INDEX(Jesper!AH$2:AH$366,ROUNDDOWN($C4557/24,0)+1,1))-1)+IF('Standard Profiles'!$G$18=$B$10,7,0)+IF('Standard Profiles'!$G$18=$B$17,14,0)+IF('Standard Profiles'!$G$18=$B$24,21,0),MOD($C4557,24)+1)/SUM(INDEX($D$3:$AA$30,INDEX(Jesper!$R$2:$R$366,ROW(INDEX(Jesper!AH$2:AH$366,ROUNDDOWN($C4557/24,0)+1,1))-1)+IF('Standard Profiles'!$G$18=$B$10,7,0)+IF('Standard Profiles'!$G$18=$B$17,14,0)+IF('Standard Profiles'!$G$18=$B$24,21,0),0)),0)</f>
        <v>0</v>
      </c>
      <c r="E4557" cm="1">
        <f t="array" ref="E4557">IFERROR(INDEX(Jesper!AI$2:AI$366,ROUNDDOWN($C4557/24,0)+1,1)*INDEX($D$3:$AA$30,INDEX(Jesper!$R$2:$R$366,ROW(INDEX(Jesper!AI$2:AI$366,ROUNDDOWN($C4557/24,0)+1,1))-1)+IF('Standard Profiles'!$G$19=$B$10,7,0)+IF('Standard Profiles'!$G$19=$B$17,14,0)+IF('Standard Profiles'!$G$19=$B$24,21,0),MOD($C4557,24)+1)/SUM(INDEX($D$3:$AA$30,INDEX(Jesper!$R$2:$R$366,ROW(INDEX(Jesper!AI$2:AI$366,ROUNDDOWN($C4557/24,0)+1,1))-1)+IF('Standard Profiles'!$G$19=$B$10,7,0)+IF('Standard Profiles'!$G$19=$B$17,14,0)+IF('Standard Profiles'!$G$19=$B$24,21,0),0)),0)</f>
        <v>2.6905207243921376</v>
      </c>
      <c r="F4557" cm="1">
        <f t="array" ref="F4557">IFERROR(INDEX(Jesper!AJ$2:AJ$366,ROUNDDOWN($C4557/24,0)+1,1)*INDEX($D$3:$AA$30,INDEX(Jesper!$R$2:$R$366,ROW(INDEX(Jesper!AJ$2:AJ$366,ROUNDDOWN($C4557/24,0)+1,1))-1)+IF('Standard Profiles'!$G$20=$B$10,7,0)+IF('Standard Profiles'!$G$20=$B$17,14,0)+IF('Standard Profiles'!$G$20=$B$24,21,0),MOD($C4557,24)+1)/SUM(INDEX($D$3:$AA$30,INDEX(Jesper!$R$2:$R$366,ROW(INDEX(Jesper!AJ$2:AJ$366,ROUNDDOWN($C4557/24,0)+1,1))-1)+IF('Standard Profiles'!$G$20=$B$10,7,0)+IF('Standard Profiles'!$G$20=$B$17,14,0)+IF('Standard Profiles'!$G$20=$B$24,21,0),0)),0)</f>
        <v>0.98372280966782888</v>
      </c>
      <c r="G4557" cm="1">
        <f t="array" ref="G4557">IFERROR(INDEX(Jesper!AK$2:AK$366,ROUNDDOWN($C4557/24,0)+1,1)*INDEX($D$3:$AA$30,INDEX(Jesper!$R$2:$R$366,ROW(INDEX(Jesper!AK$2:AK$366,ROUNDDOWN($C4557/24,0)+1,1))-1)+IF('Standard Profiles'!$G$21=$B$10,7,0)+IF('Standard Profiles'!$G$21=$B$17,14,0)+IF('Standard Profiles'!$G$21=$B$24,21,0),MOD($C4557,24)+1)/SUM(INDEX($D$3:$AA$30,INDEX(Jesper!$R$2:$R$366,ROW(INDEX(Jesper!AK$2:AK$366,ROUNDDOWN($C4557/24,0)+1,1))-1)+IF('Standard Profiles'!$G$21=$B$10,7,0)+IF('Standard Profiles'!$G$21=$B$17,14,0)+IF('Standard Profiles'!$G$21=$B$24,21,0),0)),0)</f>
        <v>0.44053458507866028</v>
      </c>
      <c r="H4557" cm="1">
        <f t="array" ref="H4557">IFERROR(INDEX(Jesper!AL$2:AL$366,ROUNDDOWN($C4557/24,0)+1,1)*INDEX($D$3:$AA$30,INDEX(Jesper!$R$2:$R$366,ROW(INDEX(Jesper!AL$2:AL$366,ROUNDDOWN($C4557/24,0)+1,1))-1)+IF('Standard Profiles'!$G$22=$B$10,7,0)+IF('Standard Profiles'!$G$22=$B$17,14,0)+IF('Standard Profiles'!$G$22=$B$24,21,0),MOD($C4557,24)+1)/SUM(INDEX($D$3:$AA$30,INDEX(Jesper!$R$2:$R$366,ROW(INDEX(Jesper!AL$2:AL$366,ROUNDDOWN($C4557/24,0)+1,1))-1)+IF('Standard Profiles'!$G$22=$B$10,7,0)+IF('Standard Profiles'!$G$22=$B$17,14,0)+IF('Standard Profiles'!$G$22=$B$24,21,0),0)),0)</f>
        <v>0.11116915651948313</v>
      </c>
      <c r="I4557">
        <f t="shared" si="510"/>
        <v>0.10672239025870386</v>
      </c>
      <c r="J4557">
        <f t="shared" si="511"/>
        <v>3.7963623984723496</v>
      </c>
      <c r="K4557">
        <f t="shared" si="512"/>
        <v>0.21524165795137101</v>
      </c>
      <c r="L4557">
        <f t="shared" si="513"/>
        <v>0.10762082897568551</v>
      </c>
      <c r="M4557">
        <f t="shared" si="514"/>
        <v>0</v>
      </c>
      <c r="N4557" s="45">
        <f t="shared" si="515"/>
        <v>45115.458333322364</v>
      </c>
    </row>
    <row r="4558" spans="2:14" x14ac:dyDescent="0.25">
      <c r="B4558">
        <f t="shared" si="509"/>
        <v>6</v>
      </c>
      <c r="C4558" s="16">
        <v>4524</v>
      </c>
      <c r="D4558" cm="1">
        <f t="array" ref="D4558">IFERROR(INDEX(Jesper!AH$2:AH$366,ROUNDDOWN($C4558/24,0)+1,1)*INDEX($D$3:$AA$30,INDEX(Jesper!$R$2:$R$366,ROW(INDEX(Jesper!AH$2:AH$366,ROUNDDOWN($C4558/24,0)+1,1))-1)+IF('Standard Profiles'!$G$18=$B$10,7,0)+IF('Standard Profiles'!$G$18=$B$17,14,0)+IF('Standard Profiles'!$G$18=$B$24,21,0),MOD($C4558,24)+1)/SUM(INDEX($D$3:$AA$30,INDEX(Jesper!$R$2:$R$366,ROW(INDEX(Jesper!AH$2:AH$366,ROUNDDOWN($C4558/24,0)+1,1))-1)+IF('Standard Profiles'!$G$18=$B$10,7,0)+IF('Standard Profiles'!$G$18=$B$17,14,0)+IF('Standard Profiles'!$G$18=$B$24,21,0),0)),0)</f>
        <v>0</v>
      </c>
      <c r="E4558" cm="1">
        <f t="array" ref="E4558">IFERROR(INDEX(Jesper!AI$2:AI$366,ROUNDDOWN($C4558/24,0)+1,1)*INDEX($D$3:$AA$30,INDEX(Jesper!$R$2:$R$366,ROW(INDEX(Jesper!AI$2:AI$366,ROUNDDOWN($C4558/24,0)+1,1))-1)+IF('Standard Profiles'!$G$19=$B$10,7,0)+IF('Standard Profiles'!$G$19=$B$17,14,0)+IF('Standard Profiles'!$G$19=$B$24,21,0),MOD($C4558,24)+1)/SUM(INDEX($D$3:$AA$30,INDEX(Jesper!$R$2:$R$366,ROW(INDEX(Jesper!AI$2:AI$366,ROUNDDOWN($C4558/24,0)+1,1))-1)+IF('Standard Profiles'!$G$19=$B$10,7,0)+IF('Standard Profiles'!$G$19=$B$17,14,0)+IF('Standard Profiles'!$G$19=$B$24,21,0),0)),0)</f>
        <v>2.6905207243921376</v>
      </c>
      <c r="F4558" cm="1">
        <f t="array" ref="F4558">IFERROR(INDEX(Jesper!AJ$2:AJ$366,ROUNDDOWN($C4558/24,0)+1,1)*INDEX($D$3:$AA$30,INDEX(Jesper!$R$2:$R$366,ROW(INDEX(Jesper!AJ$2:AJ$366,ROUNDDOWN($C4558/24,0)+1,1))-1)+IF('Standard Profiles'!$G$20=$B$10,7,0)+IF('Standard Profiles'!$G$20=$B$17,14,0)+IF('Standard Profiles'!$G$20=$B$24,21,0),MOD($C4558,24)+1)/SUM(INDEX($D$3:$AA$30,INDEX(Jesper!$R$2:$R$366,ROW(INDEX(Jesper!AJ$2:AJ$366,ROUNDDOWN($C4558/24,0)+1,1))-1)+IF('Standard Profiles'!$G$20=$B$10,7,0)+IF('Standard Profiles'!$G$20=$B$17,14,0)+IF('Standard Profiles'!$G$20=$B$24,21,0),0)),0)</f>
        <v>0.98372280966782888</v>
      </c>
      <c r="G4558" cm="1">
        <f t="array" ref="G4558">IFERROR(INDEX(Jesper!AK$2:AK$366,ROUNDDOWN($C4558/24,0)+1,1)*INDEX($D$3:$AA$30,INDEX(Jesper!$R$2:$R$366,ROW(INDEX(Jesper!AK$2:AK$366,ROUNDDOWN($C4558/24,0)+1,1))-1)+IF('Standard Profiles'!$G$21=$B$10,7,0)+IF('Standard Profiles'!$G$21=$B$17,14,0)+IF('Standard Profiles'!$G$21=$B$24,21,0),MOD($C4558,24)+1)/SUM(INDEX($D$3:$AA$30,INDEX(Jesper!$R$2:$R$366,ROW(INDEX(Jesper!AK$2:AK$366,ROUNDDOWN($C4558/24,0)+1,1))-1)+IF('Standard Profiles'!$G$21=$B$10,7,0)+IF('Standard Profiles'!$G$21=$B$17,14,0)+IF('Standard Profiles'!$G$21=$B$24,21,0),0)),0)</f>
        <v>0.44053458507866028</v>
      </c>
      <c r="H4558" cm="1">
        <f t="array" ref="H4558">IFERROR(INDEX(Jesper!AL$2:AL$366,ROUNDDOWN($C4558/24,0)+1,1)*INDEX($D$3:$AA$30,INDEX(Jesper!$R$2:$R$366,ROW(INDEX(Jesper!AL$2:AL$366,ROUNDDOWN($C4558/24,0)+1,1))-1)+IF('Standard Profiles'!$G$22=$B$10,7,0)+IF('Standard Profiles'!$G$22=$B$17,14,0)+IF('Standard Profiles'!$G$22=$B$24,21,0),MOD($C4558,24)+1)/SUM(INDEX($D$3:$AA$30,INDEX(Jesper!$R$2:$R$366,ROW(INDEX(Jesper!AL$2:AL$366,ROUNDDOWN($C4558/24,0)+1,1))-1)+IF('Standard Profiles'!$G$22=$B$10,7,0)+IF('Standard Profiles'!$G$22=$B$17,14,0)+IF('Standard Profiles'!$G$22=$B$24,21,0),0)),0)</f>
        <v>0.11116915651948313</v>
      </c>
      <c r="I4558">
        <f t="shared" si="510"/>
        <v>0.10672239025870386</v>
      </c>
      <c r="J4558">
        <f t="shared" si="511"/>
        <v>3.7963623984723496</v>
      </c>
      <c r="K4558">
        <f t="shared" si="512"/>
        <v>0.21524165795137101</v>
      </c>
      <c r="L4558">
        <f t="shared" si="513"/>
        <v>0.10762082897568551</v>
      </c>
      <c r="M4558">
        <f t="shared" si="514"/>
        <v>0</v>
      </c>
      <c r="N4558" s="45">
        <f t="shared" si="515"/>
        <v>45115.499999989028</v>
      </c>
    </row>
    <row r="4559" spans="2:14" x14ac:dyDescent="0.25">
      <c r="B4559">
        <f t="shared" si="509"/>
        <v>6</v>
      </c>
      <c r="C4559" s="16">
        <v>4525</v>
      </c>
      <c r="D4559" cm="1">
        <f t="array" ref="D4559">IFERROR(INDEX(Jesper!AH$2:AH$366,ROUNDDOWN($C4559/24,0)+1,1)*INDEX($D$3:$AA$30,INDEX(Jesper!$R$2:$R$366,ROW(INDEX(Jesper!AH$2:AH$366,ROUNDDOWN($C4559/24,0)+1,1))-1)+IF('Standard Profiles'!$G$18=$B$10,7,0)+IF('Standard Profiles'!$G$18=$B$17,14,0)+IF('Standard Profiles'!$G$18=$B$24,21,0),MOD($C4559,24)+1)/SUM(INDEX($D$3:$AA$30,INDEX(Jesper!$R$2:$R$366,ROW(INDEX(Jesper!AH$2:AH$366,ROUNDDOWN($C4559/24,0)+1,1))-1)+IF('Standard Profiles'!$G$18=$B$10,7,0)+IF('Standard Profiles'!$G$18=$B$17,14,0)+IF('Standard Profiles'!$G$18=$B$24,21,0),0)),0)</f>
        <v>0</v>
      </c>
      <c r="E4559" cm="1">
        <f t="array" ref="E4559">IFERROR(INDEX(Jesper!AI$2:AI$366,ROUNDDOWN($C4559/24,0)+1,1)*INDEX($D$3:$AA$30,INDEX(Jesper!$R$2:$R$366,ROW(INDEX(Jesper!AI$2:AI$366,ROUNDDOWN($C4559/24,0)+1,1))-1)+IF('Standard Profiles'!$G$19=$B$10,7,0)+IF('Standard Profiles'!$G$19=$B$17,14,0)+IF('Standard Profiles'!$G$19=$B$24,21,0),MOD($C4559,24)+1)/SUM(INDEX($D$3:$AA$30,INDEX(Jesper!$R$2:$R$366,ROW(INDEX(Jesper!AI$2:AI$366,ROUNDDOWN($C4559/24,0)+1,1))-1)+IF('Standard Profiles'!$G$19=$B$10,7,0)+IF('Standard Profiles'!$G$19=$B$17,14,0)+IF('Standard Profiles'!$G$19=$B$24,21,0),0)),0)</f>
        <v>2.6905207243921376</v>
      </c>
      <c r="F4559" cm="1">
        <f t="array" ref="F4559">IFERROR(INDEX(Jesper!AJ$2:AJ$366,ROUNDDOWN($C4559/24,0)+1,1)*INDEX($D$3:$AA$30,INDEX(Jesper!$R$2:$R$366,ROW(INDEX(Jesper!AJ$2:AJ$366,ROUNDDOWN($C4559/24,0)+1,1))-1)+IF('Standard Profiles'!$G$20=$B$10,7,0)+IF('Standard Profiles'!$G$20=$B$17,14,0)+IF('Standard Profiles'!$G$20=$B$24,21,0),MOD($C4559,24)+1)/SUM(INDEX($D$3:$AA$30,INDEX(Jesper!$R$2:$R$366,ROW(INDEX(Jesper!AJ$2:AJ$366,ROUNDDOWN($C4559/24,0)+1,1))-1)+IF('Standard Profiles'!$G$20=$B$10,7,0)+IF('Standard Profiles'!$G$20=$B$17,14,0)+IF('Standard Profiles'!$G$20=$B$24,21,0),0)),0)</f>
        <v>0.98372280966782888</v>
      </c>
      <c r="G4559" cm="1">
        <f t="array" ref="G4559">IFERROR(INDEX(Jesper!AK$2:AK$366,ROUNDDOWN($C4559/24,0)+1,1)*INDEX($D$3:$AA$30,INDEX(Jesper!$R$2:$R$366,ROW(INDEX(Jesper!AK$2:AK$366,ROUNDDOWN($C4559/24,0)+1,1))-1)+IF('Standard Profiles'!$G$21=$B$10,7,0)+IF('Standard Profiles'!$G$21=$B$17,14,0)+IF('Standard Profiles'!$G$21=$B$24,21,0),MOD($C4559,24)+1)/SUM(INDEX($D$3:$AA$30,INDEX(Jesper!$R$2:$R$366,ROW(INDEX(Jesper!AK$2:AK$366,ROUNDDOWN($C4559/24,0)+1,1))-1)+IF('Standard Profiles'!$G$21=$B$10,7,0)+IF('Standard Profiles'!$G$21=$B$17,14,0)+IF('Standard Profiles'!$G$21=$B$24,21,0),0)),0)</f>
        <v>0.44053458507866028</v>
      </c>
      <c r="H4559" cm="1">
        <f t="array" ref="H4559">IFERROR(INDEX(Jesper!AL$2:AL$366,ROUNDDOWN($C4559/24,0)+1,1)*INDEX($D$3:$AA$30,INDEX(Jesper!$R$2:$R$366,ROW(INDEX(Jesper!AL$2:AL$366,ROUNDDOWN($C4559/24,0)+1,1))-1)+IF('Standard Profiles'!$G$22=$B$10,7,0)+IF('Standard Profiles'!$G$22=$B$17,14,0)+IF('Standard Profiles'!$G$22=$B$24,21,0),MOD($C4559,24)+1)/SUM(INDEX($D$3:$AA$30,INDEX(Jesper!$R$2:$R$366,ROW(INDEX(Jesper!AL$2:AL$366,ROUNDDOWN($C4559/24,0)+1,1))-1)+IF('Standard Profiles'!$G$22=$B$10,7,0)+IF('Standard Profiles'!$G$22=$B$17,14,0)+IF('Standard Profiles'!$G$22=$B$24,21,0),0)),0)</f>
        <v>0.11116915651948313</v>
      </c>
      <c r="I4559">
        <f t="shared" si="510"/>
        <v>0.10672239025870386</v>
      </c>
      <c r="J4559">
        <f t="shared" si="511"/>
        <v>3.7963623984723496</v>
      </c>
      <c r="K4559">
        <f t="shared" si="512"/>
        <v>0.21524165795137101</v>
      </c>
      <c r="L4559">
        <f t="shared" si="513"/>
        <v>0.10762082897568551</v>
      </c>
      <c r="M4559">
        <f t="shared" si="514"/>
        <v>0</v>
      </c>
      <c r="N4559" s="45">
        <f t="shared" si="515"/>
        <v>45115.541666655692</v>
      </c>
    </row>
    <row r="4560" spans="2:14" x14ac:dyDescent="0.25">
      <c r="B4560">
        <f t="shared" si="509"/>
        <v>6</v>
      </c>
      <c r="C4560" s="16">
        <v>4526</v>
      </c>
      <c r="D4560" cm="1">
        <f t="array" ref="D4560">IFERROR(INDEX(Jesper!AH$2:AH$366,ROUNDDOWN($C4560/24,0)+1,1)*INDEX($D$3:$AA$30,INDEX(Jesper!$R$2:$R$366,ROW(INDEX(Jesper!AH$2:AH$366,ROUNDDOWN($C4560/24,0)+1,1))-1)+IF('Standard Profiles'!$G$18=$B$10,7,0)+IF('Standard Profiles'!$G$18=$B$17,14,0)+IF('Standard Profiles'!$G$18=$B$24,21,0),MOD($C4560,24)+1)/SUM(INDEX($D$3:$AA$30,INDEX(Jesper!$R$2:$R$366,ROW(INDEX(Jesper!AH$2:AH$366,ROUNDDOWN($C4560/24,0)+1,1))-1)+IF('Standard Profiles'!$G$18=$B$10,7,0)+IF('Standard Profiles'!$G$18=$B$17,14,0)+IF('Standard Profiles'!$G$18=$B$24,21,0),0)),0)</f>
        <v>0</v>
      </c>
      <c r="E4560" cm="1">
        <f t="array" ref="E4560">IFERROR(INDEX(Jesper!AI$2:AI$366,ROUNDDOWN($C4560/24,0)+1,1)*INDEX($D$3:$AA$30,INDEX(Jesper!$R$2:$R$366,ROW(INDEX(Jesper!AI$2:AI$366,ROUNDDOWN($C4560/24,0)+1,1))-1)+IF('Standard Profiles'!$G$19=$B$10,7,0)+IF('Standard Profiles'!$G$19=$B$17,14,0)+IF('Standard Profiles'!$G$19=$B$24,21,0),MOD($C4560,24)+1)/SUM(INDEX($D$3:$AA$30,INDEX(Jesper!$R$2:$R$366,ROW(INDEX(Jesper!AI$2:AI$366,ROUNDDOWN($C4560/24,0)+1,1))-1)+IF('Standard Profiles'!$G$19=$B$10,7,0)+IF('Standard Profiles'!$G$19=$B$17,14,0)+IF('Standard Profiles'!$G$19=$B$24,21,0),0)),0)</f>
        <v>2.6905207243921376</v>
      </c>
      <c r="F4560" cm="1">
        <f t="array" ref="F4560">IFERROR(INDEX(Jesper!AJ$2:AJ$366,ROUNDDOWN($C4560/24,0)+1,1)*INDEX($D$3:$AA$30,INDEX(Jesper!$R$2:$R$366,ROW(INDEX(Jesper!AJ$2:AJ$366,ROUNDDOWN($C4560/24,0)+1,1))-1)+IF('Standard Profiles'!$G$20=$B$10,7,0)+IF('Standard Profiles'!$G$20=$B$17,14,0)+IF('Standard Profiles'!$G$20=$B$24,21,0),MOD($C4560,24)+1)/SUM(INDEX($D$3:$AA$30,INDEX(Jesper!$R$2:$R$366,ROW(INDEX(Jesper!AJ$2:AJ$366,ROUNDDOWN($C4560/24,0)+1,1))-1)+IF('Standard Profiles'!$G$20=$B$10,7,0)+IF('Standard Profiles'!$G$20=$B$17,14,0)+IF('Standard Profiles'!$G$20=$B$24,21,0),0)),0)</f>
        <v>0.98372280966782888</v>
      </c>
      <c r="G4560" cm="1">
        <f t="array" ref="G4560">IFERROR(INDEX(Jesper!AK$2:AK$366,ROUNDDOWN($C4560/24,0)+1,1)*INDEX($D$3:$AA$30,INDEX(Jesper!$R$2:$R$366,ROW(INDEX(Jesper!AK$2:AK$366,ROUNDDOWN($C4560/24,0)+1,1))-1)+IF('Standard Profiles'!$G$21=$B$10,7,0)+IF('Standard Profiles'!$G$21=$B$17,14,0)+IF('Standard Profiles'!$G$21=$B$24,21,0),MOD($C4560,24)+1)/SUM(INDEX($D$3:$AA$30,INDEX(Jesper!$R$2:$R$366,ROW(INDEX(Jesper!AK$2:AK$366,ROUNDDOWN($C4560/24,0)+1,1))-1)+IF('Standard Profiles'!$G$21=$B$10,7,0)+IF('Standard Profiles'!$G$21=$B$17,14,0)+IF('Standard Profiles'!$G$21=$B$24,21,0),0)),0)</f>
        <v>0.44053458507866028</v>
      </c>
      <c r="H4560" cm="1">
        <f t="array" ref="H4560">IFERROR(INDEX(Jesper!AL$2:AL$366,ROUNDDOWN($C4560/24,0)+1,1)*INDEX($D$3:$AA$30,INDEX(Jesper!$R$2:$R$366,ROW(INDEX(Jesper!AL$2:AL$366,ROUNDDOWN($C4560/24,0)+1,1))-1)+IF('Standard Profiles'!$G$22=$B$10,7,0)+IF('Standard Profiles'!$G$22=$B$17,14,0)+IF('Standard Profiles'!$G$22=$B$24,21,0),MOD($C4560,24)+1)/SUM(INDEX($D$3:$AA$30,INDEX(Jesper!$R$2:$R$366,ROW(INDEX(Jesper!AL$2:AL$366,ROUNDDOWN($C4560/24,0)+1,1))-1)+IF('Standard Profiles'!$G$22=$B$10,7,0)+IF('Standard Profiles'!$G$22=$B$17,14,0)+IF('Standard Profiles'!$G$22=$B$24,21,0),0)),0)</f>
        <v>0.11116915651948313</v>
      </c>
      <c r="I4560">
        <f t="shared" si="510"/>
        <v>0.10672239025870386</v>
      </c>
      <c r="J4560">
        <f t="shared" si="511"/>
        <v>3.7963623984723496</v>
      </c>
      <c r="K4560">
        <f t="shared" si="512"/>
        <v>0.21524165795137101</v>
      </c>
      <c r="L4560">
        <f t="shared" si="513"/>
        <v>0.10762082897568551</v>
      </c>
      <c r="M4560">
        <f t="shared" si="514"/>
        <v>0</v>
      </c>
      <c r="N4560" s="45">
        <f t="shared" si="515"/>
        <v>45115.583333322356</v>
      </c>
    </row>
    <row r="4561" spans="2:14" x14ac:dyDescent="0.25">
      <c r="B4561">
        <f t="shared" si="509"/>
        <v>6</v>
      </c>
      <c r="C4561" s="16">
        <v>4527</v>
      </c>
      <c r="D4561" cm="1">
        <f t="array" ref="D4561">IFERROR(INDEX(Jesper!AH$2:AH$366,ROUNDDOWN($C4561/24,0)+1,1)*INDEX($D$3:$AA$30,INDEX(Jesper!$R$2:$R$366,ROW(INDEX(Jesper!AH$2:AH$366,ROUNDDOWN($C4561/24,0)+1,1))-1)+IF('Standard Profiles'!$G$18=$B$10,7,0)+IF('Standard Profiles'!$G$18=$B$17,14,0)+IF('Standard Profiles'!$G$18=$B$24,21,0),MOD($C4561,24)+1)/SUM(INDEX($D$3:$AA$30,INDEX(Jesper!$R$2:$R$366,ROW(INDEX(Jesper!AH$2:AH$366,ROUNDDOWN($C4561/24,0)+1,1))-1)+IF('Standard Profiles'!$G$18=$B$10,7,0)+IF('Standard Profiles'!$G$18=$B$17,14,0)+IF('Standard Profiles'!$G$18=$B$24,21,0),0)),0)</f>
        <v>0</v>
      </c>
      <c r="E4561" cm="1">
        <f t="array" ref="E4561">IFERROR(INDEX(Jesper!AI$2:AI$366,ROUNDDOWN($C4561/24,0)+1,1)*INDEX($D$3:$AA$30,INDEX(Jesper!$R$2:$R$366,ROW(INDEX(Jesper!AI$2:AI$366,ROUNDDOWN($C4561/24,0)+1,1))-1)+IF('Standard Profiles'!$G$19=$B$10,7,0)+IF('Standard Profiles'!$G$19=$B$17,14,0)+IF('Standard Profiles'!$G$19=$B$24,21,0),MOD($C4561,24)+1)/SUM(INDEX($D$3:$AA$30,INDEX(Jesper!$R$2:$R$366,ROW(INDEX(Jesper!AI$2:AI$366,ROUNDDOWN($C4561/24,0)+1,1))-1)+IF('Standard Profiles'!$G$19=$B$10,7,0)+IF('Standard Profiles'!$G$19=$B$17,14,0)+IF('Standard Profiles'!$G$19=$B$24,21,0),0)),0)</f>
        <v>2.6905207243921376</v>
      </c>
      <c r="F4561" cm="1">
        <f t="array" ref="F4561">IFERROR(INDEX(Jesper!AJ$2:AJ$366,ROUNDDOWN($C4561/24,0)+1,1)*INDEX($D$3:$AA$30,INDEX(Jesper!$R$2:$R$366,ROW(INDEX(Jesper!AJ$2:AJ$366,ROUNDDOWN($C4561/24,0)+1,1))-1)+IF('Standard Profiles'!$G$20=$B$10,7,0)+IF('Standard Profiles'!$G$20=$B$17,14,0)+IF('Standard Profiles'!$G$20=$B$24,21,0),MOD($C4561,24)+1)/SUM(INDEX($D$3:$AA$30,INDEX(Jesper!$R$2:$R$366,ROW(INDEX(Jesper!AJ$2:AJ$366,ROUNDDOWN($C4561/24,0)+1,1))-1)+IF('Standard Profiles'!$G$20=$B$10,7,0)+IF('Standard Profiles'!$G$20=$B$17,14,0)+IF('Standard Profiles'!$G$20=$B$24,21,0),0)),0)</f>
        <v>0.98372280966782888</v>
      </c>
      <c r="G4561" cm="1">
        <f t="array" ref="G4561">IFERROR(INDEX(Jesper!AK$2:AK$366,ROUNDDOWN($C4561/24,0)+1,1)*INDEX($D$3:$AA$30,INDEX(Jesper!$R$2:$R$366,ROW(INDEX(Jesper!AK$2:AK$366,ROUNDDOWN($C4561/24,0)+1,1))-1)+IF('Standard Profiles'!$G$21=$B$10,7,0)+IF('Standard Profiles'!$G$21=$B$17,14,0)+IF('Standard Profiles'!$G$21=$B$24,21,0),MOD($C4561,24)+1)/SUM(INDEX($D$3:$AA$30,INDEX(Jesper!$R$2:$R$366,ROW(INDEX(Jesper!AK$2:AK$366,ROUNDDOWN($C4561/24,0)+1,1))-1)+IF('Standard Profiles'!$G$21=$B$10,7,0)+IF('Standard Profiles'!$G$21=$B$17,14,0)+IF('Standard Profiles'!$G$21=$B$24,21,0),0)),0)</f>
        <v>0.44053458507866028</v>
      </c>
      <c r="H4561" cm="1">
        <f t="array" ref="H4561">IFERROR(INDEX(Jesper!AL$2:AL$366,ROUNDDOWN($C4561/24,0)+1,1)*INDEX($D$3:$AA$30,INDEX(Jesper!$R$2:$R$366,ROW(INDEX(Jesper!AL$2:AL$366,ROUNDDOWN($C4561/24,0)+1,1))-1)+IF('Standard Profiles'!$G$22=$B$10,7,0)+IF('Standard Profiles'!$G$22=$B$17,14,0)+IF('Standard Profiles'!$G$22=$B$24,21,0),MOD($C4561,24)+1)/SUM(INDEX($D$3:$AA$30,INDEX(Jesper!$R$2:$R$366,ROW(INDEX(Jesper!AL$2:AL$366,ROUNDDOWN($C4561/24,0)+1,1))-1)+IF('Standard Profiles'!$G$22=$B$10,7,0)+IF('Standard Profiles'!$G$22=$B$17,14,0)+IF('Standard Profiles'!$G$22=$B$24,21,0),0)),0)</f>
        <v>0.10050910041487517</v>
      </c>
      <c r="I4561">
        <f t="shared" si="510"/>
        <v>9.6488736398280206E-2</v>
      </c>
      <c r="J4561">
        <f t="shared" si="511"/>
        <v>3.7959359962281649</v>
      </c>
      <c r="K4561">
        <f t="shared" si="512"/>
        <v>0.21524165795137101</v>
      </c>
      <c r="L4561">
        <f t="shared" si="513"/>
        <v>0.10762082897568551</v>
      </c>
      <c r="M4561">
        <f t="shared" si="514"/>
        <v>0</v>
      </c>
      <c r="N4561" s="45">
        <f t="shared" si="515"/>
        <v>45115.624999989021</v>
      </c>
    </row>
    <row r="4562" spans="2:14" x14ac:dyDescent="0.25">
      <c r="B4562">
        <f t="shared" si="509"/>
        <v>6</v>
      </c>
      <c r="C4562" s="16">
        <v>4528</v>
      </c>
      <c r="D4562" cm="1">
        <f t="array" ref="D4562">IFERROR(INDEX(Jesper!AH$2:AH$366,ROUNDDOWN($C4562/24,0)+1,1)*INDEX($D$3:$AA$30,INDEX(Jesper!$R$2:$R$366,ROW(INDEX(Jesper!AH$2:AH$366,ROUNDDOWN($C4562/24,0)+1,1))-1)+IF('Standard Profiles'!$G$18=$B$10,7,0)+IF('Standard Profiles'!$G$18=$B$17,14,0)+IF('Standard Profiles'!$G$18=$B$24,21,0),MOD($C4562,24)+1)/SUM(INDEX($D$3:$AA$30,INDEX(Jesper!$R$2:$R$366,ROW(INDEX(Jesper!AH$2:AH$366,ROUNDDOWN($C4562/24,0)+1,1))-1)+IF('Standard Profiles'!$G$18=$B$10,7,0)+IF('Standard Profiles'!$G$18=$B$17,14,0)+IF('Standard Profiles'!$G$18=$B$24,21,0),0)),0)</f>
        <v>0</v>
      </c>
      <c r="E4562" cm="1">
        <f t="array" ref="E4562">IFERROR(INDEX(Jesper!AI$2:AI$366,ROUNDDOWN($C4562/24,0)+1,1)*INDEX($D$3:$AA$30,INDEX(Jesper!$R$2:$R$366,ROW(INDEX(Jesper!AI$2:AI$366,ROUNDDOWN($C4562/24,0)+1,1))-1)+IF('Standard Profiles'!$G$19=$B$10,7,0)+IF('Standard Profiles'!$G$19=$B$17,14,0)+IF('Standard Profiles'!$G$19=$B$24,21,0),MOD($C4562,24)+1)/SUM(INDEX($D$3:$AA$30,INDEX(Jesper!$R$2:$R$366,ROW(INDEX(Jesper!AI$2:AI$366,ROUNDDOWN($C4562/24,0)+1,1))-1)+IF('Standard Profiles'!$G$19=$B$10,7,0)+IF('Standard Profiles'!$G$19=$B$17,14,0)+IF('Standard Profiles'!$G$19=$B$24,21,0),0)),0)</f>
        <v>2.6905207243921376</v>
      </c>
      <c r="F4562" cm="1">
        <f t="array" ref="F4562">IFERROR(INDEX(Jesper!AJ$2:AJ$366,ROUNDDOWN($C4562/24,0)+1,1)*INDEX($D$3:$AA$30,INDEX(Jesper!$R$2:$R$366,ROW(INDEX(Jesper!AJ$2:AJ$366,ROUNDDOWN($C4562/24,0)+1,1))-1)+IF('Standard Profiles'!$G$20=$B$10,7,0)+IF('Standard Profiles'!$G$20=$B$17,14,0)+IF('Standard Profiles'!$G$20=$B$24,21,0),MOD($C4562,24)+1)/SUM(INDEX($D$3:$AA$30,INDEX(Jesper!$R$2:$R$366,ROW(INDEX(Jesper!AJ$2:AJ$366,ROUNDDOWN($C4562/24,0)+1,1))-1)+IF('Standard Profiles'!$G$20=$B$10,7,0)+IF('Standard Profiles'!$G$20=$B$17,14,0)+IF('Standard Profiles'!$G$20=$B$24,21,0),0)),0)</f>
        <v>0.98372280966782888</v>
      </c>
      <c r="G4562" cm="1">
        <f t="array" ref="G4562">IFERROR(INDEX(Jesper!AK$2:AK$366,ROUNDDOWN($C4562/24,0)+1,1)*INDEX($D$3:$AA$30,INDEX(Jesper!$R$2:$R$366,ROW(INDEX(Jesper!AK$2:AK$366,ROUNDDOWN($C4562/24,0)+1,1))-1)+IF('Standard Profiles'!$G$21=$B$10,7,0)+IF('Standard Profiles'!$G$21=$B$17,14,0)+IF('Standard Profiles'!$G$21=$B$24,21,0),MOD($C4562,24)+1)/SUM(INDEX($D$3:$AA$30,INDEX(Jesper!$R$2:$R$366,ROW(INDEX(Jesper!AK$2:AK$366,ROUNDDOWN($C4562/24,0)+1,1))-1)+IF('Standard Profiles'!$G$21=$B$10,7,0)+IF('Standard Profiles'!$G$21=$B$17,14,0)+IF('Standard Profiles'!$G$21=$B$24,21,0),0)),0)</f>
        <v>0.44053458507866028</v>
      </c>
      <c r="H4562" cm="1">
        <f t="array" ref="H4562">IFERROR(INDEX(Jesper!AL$2:AL$366,ROUNDDOWN($C4562/24,0)+1,1)*INDEX($D$3:$AA$30,INDEX(Jesper!$R$2:$R$366,ROW(INDEX(Jesper!AL$2:AL$366,ROUNDDOWN($C4562/24,0)+1,1))-1)+IF('Standard Profiles'!$G$22=$B$10,7,0)+IF('Standard Profiles'!$G$22=$B$17,14,0)+IF('Standard Profiles'!$G$22=$B$24,21,0),MOD($C4562,24)+1)/SUM(INDEX($D$3:$AA$30,INDEX(Jesper!$R$2:$R$366,ROW(INDEX(Jesper!AL$2:AL$366,ROUNDDOWN($C4562/24,0)+1,1))-1)+IF('Standard Profiles'!$G$22=$B$10,7,0)+IF('Standard Profiles'!$G$22=$B$17,14,0)+IF('Standard Profiles'!$G$22=$B$24,21,0),0)),0)</f>
        <v>9.1371909468068335E-2</v>
      </c>
      <c r="I4562">
        <f t="shared" si="510"/>
        <v>8.7717033089345656E-2</v>
      </c>
      <c r="J4562">
        <f t="shared" si="511"/>
        <v>3.7955705085902927</v>
      </c>
      <c r="K4562">
        <f t="shared" si="512"/>
        <v>0.21524165795137101</v>
      </c>
      <c r="L4562">
        <f t="shared" si="513"/>
        <v>0.10762082897568551</v>
      </c>
      <c r="M4562">
        <f t="shared" si="514"/>
        <v>0</v>
      </c>
      <c r="N4562" s="45">
        <f t="shared" si="515"/>
        <v>45115.666666655685</v>
      </c>
    </row>
    <row r="4563" spans="2:14" x14ac:dyDescent="0.25">
      <c r="B4563">
        <f t="shared" si="509"/>
        <v>6</v>
      </c>
      <c r="C4563" s="16">
        <v>4529</v>
      </c>
      <c r="D4563" cm="1">
        <f t="array" ref="D4563">IFERROR(INDEX(Jesper!AH$2:AH$366,ROUNDDOWN($C4563/24,0)+1,1)*INDEX($D$3:$AA$30,INDEX(Jesper!$R$2:$R$366,ROW(INDEX(Jesper!AH$2:AH$366,ROUNDDOWN($C4563/24,0)+1,1))-1)+IF('Standard Profiles'!$G$18=$B$10,7,0)+IF('Standard Profiles'!$G$18=$B$17,14,0)+IF('Standard Profiles'!$G$18=$B$24,21,0),MOD($C4563,24)+1)/SUM(INDEX($D$3:$AA$30,INDEX(Jesper!$R$2:$R$366,ROW(INDEX(Jesper!AH$2:AH$366,ROUNDDOWN($C4563/24,0)+1,1))-1)+IF('Standard Profiles'!$G$18=$B$10,7,0)+IF('Standard Profiles'!$G$18=$B$17,14,0)+IF('Standard Profiles'!$G$18=$B$24,21,0),0)),0)</f>
        <v>0</v>
      </c>
      <c r="E4563" cm="1">
        <f t="array" ref="E4563">IFERROR(INDEX(Jesper!AI$2:AI$366,ROUNDDOWN($C4563/24,0)+1,1)*INDEX($D$3:$AA$30,INDEX(Jesper!$R$2:$R$366,ROW(INDEX(Jesper!AI$2:AI$366,ROUNDDOWN($C4563/24,0)+1,1))-1)+IF('Standard Profiles'!$G$19=$B$10,7,0)+IF('Standard Profiles'!$G$19=$B$17,14,0)+IF('Standard Profiles'!$G$19=$B$24,21,0),MOD($C4563,24)+1)/SUM(INDEX($D$3:$AA$30,INDEX(Jesper!$R$2:$R$366,ROW(INDEX(Jesper!AI$2:AI$366,ROUNDDOWN($C4563/24,0)+1,1))-1)+IF('Standard Profiles'!$G$19=$B$10,7,0)+IF('Standard Profiles'!$G$19=$B$17,14,0)+IF('Standard Profiles'!$G$19=$B$24,21,0),0)),0)</f>
        <v>2.6905207243921376</v>
      </c>
      <c r="F4563" cm="1">
        <f t="array" ref="F4563">IFERROR(INDEX(Jesper!AJ$2:AJ$366,ROUNDDOWN($C4563/24,0)+1,1)*INDEX($D$3:$AA$30,INDEX(Jesper!$R$2:$R$366,ROW(INDEX(Jesper!AJ$2:AJ$366,ROUNDDOWN($C4563/24,0)+1,1))-1)+IF('Standard Profiles'!$G$20=$B$10,7,0)+IF('Standard Profiles'!$G$20=$B$17,14,0)+IF('Standard Profiles'!$G$20=$B$24,21,0),MOD($C4563,24)+1)/SUM(INDEX($D$3:$AA$30,INDEX(Jesper!$R$2:$R$366,ROW(INDEX(Jesper!AJ$2:AJ$366,ROUNDDOWN($C4563/24,0)+1,1))-1)+IF('Standard Profiles'!$G$20=$B$10,7,0)+IF('Standard Profiles'!$G$20=$B$17,14,0)+IF('Standard Profiles'!$G$20=$B$24,21,0),0)),0)</f>
        <v>0.98372280966782888</v>
      </c>
      <c r="G4563" cm="1">
        <f t="array" ref="G4563">IFERROR(INDEX(Jesper!AK$2:AK$366,ROUNDDOWN($C4563/24,0)+1,1)*INDEX($D$3:$AA$30,INDEX(Jesper!$R$2:$R$366,ROW(INDEX(Jesper!AK$2:AK$366,ROUNDDOWN($C4563/24,0)+1,1))-1)+IF('Standard Profiles'!$G$21=$B$10,7,0)+IF('Standard Profiles'!$G$21=$B$17,14,0)+IF('Standard Profiles'!$G$21=$B$24,21,0),MOD($C4563,24)+1)/SUM(INDEX($D$3:$AA$30,INDEX(Jesper!$R$2:$R$366,ROW(INDEX(Jesper!AK$2:AK$366,ROUNDDOWN($C4563/24,0)+1,1))-1)+IF('Standard Profiles'!$G$21=$B$10,7,0)+IF('Standard Profiles'!$G$21=$B$17,14,0)+IF('Standard Profiles'!$G$21=$B$24,21,0),0)),0)</f>
        <v>0.44053458507866028</v>
      </c>
      <c r="H4563" cm="1">
        <f t="array" ref="H4563">IFERROR(INDEX(Jesper!AL$2:AL$366,ROUNDDOWN($C4563/24,0)+1,1)*INDEX($D$3:$AA$30,INDEX(Jesper!$R$2:$R$366,ROW(INDEX(Jesper!AL$2:AL$366,ROUNDDOWN($C4563/24,0)+1,1))-1)+IF('Standard Profiles'!$G$22=$B$10,7,0)+IF('Standard Profiles'!$G$22=$B$17,14,0)+IF('Standard Profiles'!$G$22=$B$24,21,0),MOD($C4563,24)+1)/SUM(INDEX($D$3:$AA$30,INDEX(Jesper!$R$2:$R$366,ROW(INDEX(Jesper!AL$2:AL$366,ROUNDDOWN($C4563/24,0)+1,1))-1)+IF('Standard Profiles'!$G$22=$B$10,7,0)+IF('Standard Profiles'!$G$22=$B$17,14,0)+IF('Standard Profiles'!$G$22=$B$24,21,0),0)),0)</f>
        <v>8.2234718521261491E-2</v>
      </c>
      <c r="I4563">
        <f t="shared" si="510"/>
        <v>7.8945329780411078E-2</v>
      </c>
      <c r="J4563">
        <f t="shared" si="511"/>
        <v>3.7952050209524204</v>
      </c>
      <c r="K4563">
        <f t="shared" si="512"/>
        <v>0.21524165795137101</v>
      </c>
      <c r="L4563">
        <f t="shared" si="513"/>
        <v>0.10762082897568551</v>
      </c>
      <c r="M4563">
        <f t="shared" si="514"/>
        <v>0</v>
      </c>
      <c r="N4563" s="45">
        <f t="shared" si="515"/>
        <v>45115.708333322349</v>
      </c>
    </row>
    <row r="4564" spans="2:14" x14ac:dyDescent="0.25">
      <c r="B4564">
        <f t="shared" si="509"/>
        <v>6</v>
      </c>
      <c r="C4564" s="16">
        <v>4530</v>
      </c>
      <c r="D4564" cm="1">
        <f t="array" ref="D4564">IFERROR(INDEX(Jesper!AH$2:AH$366,ROUNDDOWN($C4564/24,0)+1,1)*INDEX($D$3:$AA$30,INDEX(Jesper!$R$2:$R$366,ROW(INDEX(Jesper!AH$2:AH$366,ROUNDDOWN($C4564/24,0)+1,1))-1)+IF('Standard Profiles'!$G$18=$B$10,7,0)+IF('Standard Profiles'!$G$18=$B$17,14,0)+IF('Standard Profiles'!$G$18=$B$24,21,0),MOD($C4564,24)+1)/SUM(INDEX($D$3:$AA$30,INDEX(Jesper!$R$2:$R$366,ROW(INDEX(Jesper!AH$2:AH$366,ROUNDDOWN($C4564/24,0)+1,1))-1)+IF('Standard Profiles'!$G$18=$B$10,7,0)+IF('Standard Profiles'!$G$18=$B$17,14,0)+IF('Standard Profiles'!$G$18=$B$24,21,0),0)),0)</f>
        <v>0</v>
      </c>
      <c r="E4564" cm="1">
        <f t="array" ref="E4564">IFERROR(INDEX(Jesper!AI$2:AI$366,ROUNDDOWN($C4564/24,0)+1,1)*INDEX($D$3:$AA$30,INDEX(Jesper!$R$2:$R$366,ROW(INDEX(Jesper!AI$2:AI$366,ROUNDDOWN($C4564/24,0)+1,1))-1)+IF('Standard Profiles'!$G$19=$B$10,7,0)+IF('Standard Profiles'!$G$19=$B$17,14,0)+IF('Standard Profiles'!$G$19=$B$24,21,0),MOD($C4564,24)+1)/SUM(INDEX($D$3:$AA$30,INDEX(Jesper!$R$2:$R$366,ROW(INDEX(Jesper!AI$2:AI$366,ROUNDDOWN($C4564/24,0)+1,1))-1)+IF('Standard Profiles'!$G$19=$B$10,7,0)+IF('Standard Profiles'!$G$19=$B$17,14,0)+IF('Standard Profiles'!$G$19=$B$24,21,0),0)),0)</f>
        <v>2.6905207243921376</v>
      </c>
      <c r="F4564" cm="1">
        <f t="array" ref="F4564">IFERROR(INDEX(Jesper!AJ$2:AJ$366,ROUNDDOWN($C4564/24,0)+1,1)*INDEX($D$3:$AA$30,INDEX(Jesper!$R$2:$R$366,ROW(INDEX(Jesper!AJ$2:AJ$366,ROUNDDOWN($C4564/24,0)+1,1))-1)+IF('Standard Profiles'!$G$20=$B$10,7,0)+IF('Standard Profiles'!$G$20=$B$17,14,0)+IF('Standard Profiles'!$G$20=$B$24,21,0),MOD($C4564,24)+1)/SUM(INDEX($D$3:$AA$30,INDEX(Jesper!$R$2:$R$366,ROW(INDEX(Jesper!AJ$2:AJ$366,ROUNDDOWN($C4564/24,0)+1,1))-1)+IF('Standard Profiles'!$G$20=$B$10,7,0)+IF('Standard Profiles'!$G$20=$B$17,14,0)+IF('Standard Profiles'!$G$20=$B$24,21,0),0)),0)</f>
        <v>0.98372280966782888</v>
      </c>
      <c r="G4564" cm="1">
        <f t="array" ref="G4564">IFERROR(INDEX(Jesper!AK$2:AK$366,ROUNDDOWN($C4564/24,0)+1,1)*INDEX($D$3:$AA$30,INDEX(Jesper!$R$2:$R$366,ROW(INDEX(Jesper!AK$2:AK$366,ROUNDDOWN($C4564/24,0)+1,1))-1)+IF('Standard Profiles'!$G$21=$B$10,7,0)+IF('Standard Profiles'!$G$21=$B$17,14,0)+IF('Standard Profiles'!$G$21=$B$24,21,0),MOD($C4564,24)+1)/SUM(INDEX($D$3:$AA$30,INDEX(Jesper!$R$2:$R$366,ROW(INDEX(Jesper!AK$2:AK$366,ROUNDDOWN($C4564/24,0)+1,1))-1)+IF('Standard Profiles'!$G$21=$B$10,7,0)+IF('Standard Profiles'!$G$21=$B$17,14,0)+IF('Standard Profiles'!$G$21=$B$24,21,0),0)),0)</f>
        <v>0.44053458507866028</v>
      </c>
      <c r="H4564" cm="1">
        <f t="array" ref="H4564">IFERROR(INDEX(Jesper!AL$2:AL$366,ROUNDDOWN($C4564/24,0)+1,1)*INDEX($D$3:$AA$30,INDEX(Jesper!$R$2:$R$366,ROW(INDEX(Jesper!AL$2:AL$366,ROUNDDOWN($C4564/24,0)+1,1))-1)+IF('Standard Profiles'!$G$22=$B$10,7,0)+IF('Standard Profiles'!$G$22=$B$17,14,0)+IF('Standard Profiles'!$G$22=$B$24,21,0),MOD($C4564,24)+1)/SUM(INDEX($D$3:$AA$30,INDEX(Jesper!$R$2:$R$366,ROW(INDEX(Jesper!AL$2:AL$366,ROUNDDOWN($C4564/24,0)+1,1))-1)+IF('Standard Profiles'!$G$22=$B$10,7,0)+IF('Standard Profiles'!$G$22=$B$17,14,0)+IF('Standard Profiles'!$G$22=$B$24,21,0),0)),0)</f>
        <v>7.9188988205659214E-2</v>
      </c>
      <c r="I4564">
        <f t="shared" si="510"/>
        <v>7.602142867743289E-2</v>
      </c>
      <c r="J4564">
        <f t="shared" si="511"/>
        <v>3.7950831917397965</v>
      </c>
      <c r="K4564">
        <f t="shared" si="512"/>
        <v>0.21524165795137101</v>
      </c>
      <c r="L4564">
        <f t="shared" si="513"/>
        <v>0.10762082897568551</v>
      </c>
      <c r="M4564">
        <f t="shared" si="514"/>
        <v>0</v>
      </c>
      <c r="N4564" s="45">
        <f t="shared" si="515"/>
        <v>45115.749999989013</v>
      </c>
    </row>
    <row r="4565" spans="2:14" x14ac:dyDescent="0.25">
      <c r="B4565">
        <f t="shared" si="509"/>
        <v>6</v>
      </c>
      <c r="C4565" s="16">
        <v>4531</v>
      </c>
      <c r="D4565" cm="1">
        <f t="array" ref="D4565">IFERROR(INDEX(Jesper!AH$2:AH$366,ROUNDDOWN($C4565/24,0)+1,1)*INDEX($D$3:$AA$30,INDEX(Jesper!$R$2:$R$366,ROW(INDEX(Jesper!AH$2:AH$366,ROUNDDOWN($C4565/24,0)+1,1))-1)+IF('Standard Profiles'!$G$18=$B$10,7,0)+IF('Standard Profiles'!$G$18=$B$17,14,0)+IF('Standard Profiles'!$G$18=$B$24,21,0),MOD($C4565,24)+1)/SUM(INDEX($D$3:$AA$30,INDEX(Jesper!$R$2:$R$366,ROW(INDEX(Jesper!AH$2:AH$366,ROUNDDOWN($C4565/24,0)+1,1))-1)+IF('Standard Profiles'!$G$18=$B$10,7,0)+IF('Standard Profiles'!$G$18=$B$17,14,0)+IF('Standard Profiles'!$G$18=$B$24,21,0),0)),0)</f>
        <v>0</v>
      </c>
      <c r="E4565" cm="1">
        <f t="array" ref="E4565">IFERROR(INDEX(Jesper!AI$2:AI$366,ROUNDDOWN($C4565/24,0)+1,1)*INDEX($D$3:$AA$30,INDEX(Jesper!$R$2:$R$366,ROW(INDEX(Jesper!AI$2:AI$366,ROUNDDOWN($C4565/24,0)+1,1))-1)+IF('Standard Profiles'!$G$19=$B$10,7,0)+IF('Standard Profiles'!$G$19=$B$17,14,0)+IF('Standard Profiles'!$G$19=$B$24,21,0),MOD($C4565,24)+1)/SUM(INDEX($D$3:$AA$30,INDEX(Jesper!$R$2:$R$366,ROW(INDEX(Jesper!AI$2:AI$366,ROUNDDOWN($C4565/24,0)+1,1))-1)+IF('Standard Profiles'!$G$19=$B$10,7,0)+IF('Standard Profiles'!$G$19=$B$17,14,0)+IF('Standard Profiles'!$G$19=$B$24,21,0),0)),0)</f>
        <v>2.6905207243921376</v>
      </c>
      <c r="F4565" cm="1">
        <f t="array" ref="F4565">IFERROR(INDEX(Jesper!AJ$2:AJ$366,ROUNDDOWN($C4565/24,0)+1,1)*INDEX($D$3:$AA$30,INDEX(Jesper!$R$2:$R$366,ROW(INDEX(Jesper!AJ$2:AJ$366,ROUNDDOWN($C4565/24,0)+1,1))-1)+IF('Standard Profiles'!$G$20=$B$10,7,0)+IF('Standard Profiles'!$G$20=$B$17,14,0)+IF('Standard Profiles'!$G$20=$B$24,21,0),MOD($C4565,24)+1)/SUM(INDEX($D$3:$AA$30,INDEX(Jesper!$R$2:$R$366,ROW(INDEX(Jesper!AJ$2:AJ$366,ROUNDDOWN($C4565/24,0)+1,1))-1)+IF('Standard Profiles'!$G$20=$B$10,7,0)+IF('Standard Profiles'!$G$20=$B$17,14,0)+IF('Standard Profiles'!$G$20=$B$24,21,0),0)),0)</f>
        <v>0.98372280966782888</v>
      </c>
      <c r="G4565" cm="1">
        <f t="array" ref="G4565">IFERROR(INDEX(Jesper!AK$2:AK$366,ROUNDDOWN($C4565/24,0)+1,1)*INDEX($D$3:$AA$30,INDEX(Jesper!$R$2:$R$366,ROW(INDEX(Jesper!AK$2:AK$366,ROUNDDOWN($C4565/24,0)+1,1))-1)+IF('Standard Profiles'!$G$21=$B$10,7,0)+IF('Standard Profiles'!$G$21=$B$17,14,0)+IF('Standard Profiles'!$G$21=$B$24,21,0),MOD($C4565,24)+1)/SUM(INDEX($D$3:$AA$30,INDEX(Jesper!$R$2:$R$366,ROW(INDEX(Jesper!AK$2:AK$366,ROUNDDOWN($C4565/24,0)+1,1))-1)+IF('Standard Profiles'!$G$21=$B$10,7,0)+IF('Standard Profiles'!$G$21=$B$17,14,0)+IF('Standard Profiles'!$G$21=$B$24,21,0),0)),0)</f>
        <v>0.44053458507866028</v>
      </c>
      <c r="H4565" cm="1">
        <f t="array" ref="H4565">IFERROR(INDEX(Jesper!AL$2:AL$366,ROUNDDOWN($C4565/24,0)+1,1)*INDEX($D$3:$AA$30,INDEX(Jesper!$R$2:$R$366,ROW(INDEX(Jesper!AL$2:AL$366,ROUNDDOWN($C4565/24,0)+1,1))-1)+IF('Standard Profiles'!$G$22=$B$10,7,0)+IF('Standard Profiles'!$G$22=$B$17,14,0)+IF('Standard Profiles'!$G$22=$B$24,21,0),MOD($C4565,24)+1)/SUM(INDEX($D$3:$AA$30,INDEX(Jesper!$R$2:$R$366,ROW(INDEX(Jesper!AL$2:AL$366,ROUNDDOWN($C4565/24,0)+1,1))-1)+IF('Standard Profiles'!$G$22=$B$10,7,0)+IF('Standard Profiles'!$G$22=$B$17,14,0)+IF('Standard Profiles'!$G$22=$B$24,21,0),0)),0)</f>
        <v>6.3960336627647829E-2</v>
      </c>
      <c r="I4565">
        <f t="shared" si="510"/>
        <v>6.1401923162541949E-2</v>
      </c>
      <c r="J4565">
        <f t="shared" si="511"/>
        <v>3.7944740456766759</v>
      </c>
      <c r="K4565">
        <f t="shared" si="512"/>
        <v>0.21524165795137101</v>
      </c>
      <c r="L4565">
        <f t="shared" si="513"/>
        <v>0.10762082897568551</v>
      </c>
      <c r="M4565">
        <f t="shared" si="514"/>
        <v>0</v>
      </c>
      <c r="N4565" s="45">
        <f t="shared" si="515"/>
        <v>45115.791666655678</v>
      </c>
    </row>
    <row r="4566" spans="2:14" x14ac:dyDescent="0.25">
      <c r="B4566">
        <f t="shared" si="509"/>
        <v>6</v>
      </c>
      <c r="C4566" s="16">
        <v>4532</v>
      </c>
      <c r="D4566" cm="1">
        <f t="array" ref="D4566">IFERROR(INDEX(Jesper!AH$2:AH$366,ROUNDDOWN($C4566/24,0)+1,1)*INDEX($D$3:$AA$30,INDEX(Jesper!$R$2:$R$366,ROW(INDEX(Jesper!AH$2:AH$366,ROUNDDOWN($C4566/24,0)+1,1))-1)+IF('Standard Profiles'!$G$18=$B$10,7,0)+IF('Standard Profiles'!$G$18=$B$17,14,0)+IF('Standard Profiles'!$G$18=$B$24,21,0),MOD($C4566,24)+1)/SUM(INDEX($D$3:$AA$30,INDEX(Jesper!$R$2:$R$366,ROW(INDEX(Jesper!AH$2:AH$366,ROUNDDOWN($C4566/24,0)+1,1))-1)+IF('Standard Profiles'!$G$18=$B$10,7,0)+IF('Standard Profiles'!$G$18=$B$17,14,0)+IF('Standard Profiles'!$G$18=$B$24,21,0),0)),0)</f>
        <v>0</v>
      </c>
      <c r="E4566" cm="1">
        <f t="array" ref="E4566">IFERROR(INDEX(Jesper!AI$2:AI$366,ROUNDDOWN($C4566/24,0)+1,1)*INDEX($D$3:$AA$30,INDEX(Jesper!$R$2:$R$366,ROW(INDEX(Jesper!AI$2:AI$366,ROUNDDOWN($C4566/24,0)+1,1))-1)+IF('Standard Profiles'!$G$19=$B$10,7,0)+IF('Standard Profiles'!$G$19=$B$17,14,0)+IF('Standard Profiles'!$G$19=$B$24,21,0),MOD($C4566,24)+1)/SUM(INDEX($D$3:$AA$30,INDEX(Jesper!$R$2:$R$366,ROW(INDEX(Jesper!AI$2:AI$366,ROUNDDOWN($C4566/24,0)+1,1))-1)+IF('Standard Profiles'!$G$19=$B$10,7,0)+IF('Standard Profiles'!$G$19=$B$17,14,0)+IF('Standard Profiles'!$G$19=$B$24,21,0),0)),0)</f>
        <v>2.6905207243921376</v>
      </c>
      <c r="F4566" cm="1">
        <f t="array" ref="F4566">IFERROR(INDEX(Jesper!AJ$2:AJ$366,ROUNDDOWN($C4566/24,0)+1,1)*INDEX($D$3:$AA$30,INDEX(Jesper!$R$2:$R$366,ROW(INDEX(Jesper!AJ$2:AJ$366,ROUNDDOWN($C4566/24,0)+1,1))-1)+IF('Standard Profiles'!$G$20=$B$10,7,0)+IF('Standard Profiles'!$G$20=$B$17,14,0)+IF('Standard Profiles'!$G$20=$B$24,21,0),MOD($C4566,24)+1)/SUM(INDEX($D$3:$AA$30,INDEX(Jesper!$R$2:$R$366,ROW(INDEX(Jesper!AJ$2:AJ$366,ROUNDDOWN($C4566/24,0)+1,1))-1)+IF('Standard Profiles'!$G$20=$B$10,7,0)+IF('Standard Profiles'!$G$20=$B$17,14,0)+IF('Standard Profiles'!$G$20=$B$24,21,0),0)),0)</f>
        <v>0.98372280966782888</v>
      </c>
      <c r="G4566" cm="1">
        <f t="array" ref="G4566">IFERROR(INDEX(Jesper!AK$2:AK$366,ROUNDDOWN($C4566/24,0)+1,1)*INDEX($D$3:$AA$30,INDEX(Jesper!$R$2:$R$366,ROW(INDEX(Jesper!AK$2:AK$366,ROUNDDOWN($C4566/24,0)+1,1))-1)+IF('Standard Profiles'!$G$21=$B$10,7,0)+IF('Standard Profiles'!$G$21=$B$17,14,0)+IF('Standard Profiles'!$G$21=$B$24,21,0),MOD($C4566,24)+1)/SUM(INDEX($D$3:$AA$30,INDEX(Jesper!$R$2:$R$366,ROW(INDEX(Jesper!AK$2:AK$366,ROUNDDOWN($C4566/24,0)+1,1))-1)+IF('Standard Profiles'!$G$21=$B$10,7,0)+IF('Standard Profiles'!$G$21=$B$17,14,0)+IF('Standard Profiles'!$G$21=$B$24,21,0),0)),0)</f>
        <v>0.44053458507866028</v>
      </c>
      <c r="H4566" cm="1">
        <f t="array" ref="H4566">IFERROR(INDEX(Jesper!AL$2:AL$366,ROUNDDOWN($C4566/24,0)+1,1)*INDEX($D$3:$AA$30,INDEX(Jesper!$R$2:$R$366,ROW(INDEX(Jesper!AL$2:AL$366,ROUNDDOWN($C4566/24,0)+1,1))-1)+IF('Standard Profiles'!$G$22=$B$10,7,0)+IF('Standard Profiles'!$G$22=$B$17,14,0)+IF('Standard Profiles'!$G$22=$B$24,21,0),MOD($C4566,24)+1)/SUM(INDEX($D$3:$AA$30,INDEX(Jesper!$R$2:$R$366,ROW(INDEX(Jesper!AL$2:AL$366,ROUNDDOWN($C4566/24,0)+1,1))-1)+IF('Standard Profiles'!$G$22=$B$10,7,0)+IF('Standard Profiles'!$G$22=$B$17,14,0)+IF('Standard Profiles'!$G$22=$B$24,21,0),0)),0)</f>
        <v>4.7208819891835306E-2</v>
      </c>
      <c r="I4566">
        <f t="shared" si="510"/>
        <v>4.5320467096161915E-2</v>
      </c>
      <c r="J4566">
        <f t="shared" si="511"/>
        <v>3.7938039850072434</v>
      </c>
      <c r="K4566">
        <f t="shared" si="512"/>
        <v>0.21524165795137101</v>
      </c>
      <c r="L4566">
        <f t="shared" si="513"/>
        <v>0.10762082897568551</v>
      </c>
      <c r="M4566">
        <f t="shared" si="514"/>
        <v>0</v>
      </c>
      <c r="N4566" s="45">
        <f t="shared" si="515"/>
        <v>45115.833333322342</v>
      </c>
    </row>
    <row r="4567" spans="2:14" x14ac:dyDescent="0.25">
      <c r="B4567">
        <f t="shared" si="509"/>
        <v>6</v>
      </c>
      <c r="C4567" s="16">
        <v>4533</v>
      </c>
      <c r="D4567" cm="1">
        <f t="array" ref="D4567">IFERROR(INDEX(Jesper!AH$2:AH$366,ROUNDDOWN($C4567/24,0)+1,1)*INDEX($D$3:$AA$30,INDEX(Jesper!$R$2:$R$366,ROW(INDEX(Jesper!AH$2:AH$366,ROUNDDOWN($C4567/24,0)+1,1))-1)+IF('Standard Profiles'!$G$18=$B$10,7,0)+IF('Standard Profiles'!$G$18=$B$17,14,0)+IF('Standard Profiles'!$G$18=$B$24,21,0),MOD($C4567,24)+1)/SUM(INDEX($D$3:$AA$30,INDEX(Jesper!$R$2:$R$366,ROW(INDEX(Jesper!AH$2:AH$366,ROUNDDOWN($C4567/24,0)+1,1))-1)+IF('Standard Profiles'!$G$18=$B$10,7,0)+IF('Standard Profiles'!$G$18=$B$17,14,0)+IF('Standard Profiles'!$G$18=$B$24,21,0),0)),0)</f>
        <v>0</v>
      </c>
      <c r="E4567" cm="1">
        <f t="array" ref="E4567">IFERROR(INDEX(Jesper!AI$2:AI$366,ROUNDDOWN($C4567/24,0)+1,1)*INDEX($D$3:$AA$30,INDEX(Jesper!$R$2:$R$366,ROW(INDEX(Jesper!AI$2:AI$366,ROUNDDOWN($C4567/24,0)+1,1))-1)+IF('Standard Profiles'!$G$19=$B$10,7,0)+IF('Standard Profiles'!$G$19=$B$17,14,0)+IF('Standard Profiles'!$G$19=$B$24,21,0),MOD($C4567,24)+1)/SUM(INDEX($D$3:$AA$30,INDEX(Jesper!$R$2:$R$366,ROW(INDEX(Jesper!AI$2:AI$366,ROUNDDOWN($C4567/24,0)+1,1))-1)+IF('Standard Profiles'!$G$19=$B$10,7,0)+IF('Standard Profiles'!$G$19=$B$17,14,0)+IF('Standard Profiles'!$G$19=$B$24,21,0),0)),0)</f>
        <v>2.6905207243921376</v>
      </c>
      <c r="F4567" cm="1">
        <f t="array" ref="F4567">IFERROR(INDEX(Jesper!AJ$2:AJ$366,ROUNDDOWN($C4567/24,0)+1,1)*INDEX($D$3:$AA$30,INDEX(Jesper!$R$2:$R$366,ROW(INDEX(Jesper!AJ$2:AJ$366,ROUNDDOWN($C4567/24,0)+1,1))-1)+IF('Standard Profiles'!$G$20=$B$10,7,0)+IF('Standard Profiles'!$G$20=$B$17,14,0)+IF('Standard Profiles'!$G$20=$B$24,21,0),MOD($C4567,24)+1)/SUM(INDEX($D$3:$AA$30,INDEX(Jesper!$R$2:$R$366,ROW(INDEX(Jesper!AJ$2:AJ$366,ROUNDDOWN($C4567/24,0)+1,1))-1)+IF('Standard Profiles'!$G$20=$B$10,7,0)+IF('Standard Profiles'!$G$20=$B$17,14,0)+IF('Standard Profiles'!$G$20=$B$24,21,0),0)),0)</f>
        <v>0.98372280966782888</v>
      </c>
      <c r="G4567" cm="1">
        <f t="array" ref="G4567">IFERROR(INDEX(Jesper!AK$2:AK$366,ROUNDDOWN($C4567/24,0)+1,1)*INDEX($D$3:$AA$30,INDEX(Jesper!$R$2:$R$366,ROW(INDEX(Jesper!AK$2:AK$366,ROUNDDOWN($C4567/24,0)+1,1))-1)+IF('Standard Profiles'!$G$21=$B$10,7,0)+IF('Standard Profiles'!$G$21=$B$17,14,0)+IF('Standard Profiles'!$G$21=$B$24,21,0),MOD($C4567,24)+1)/SUM(INDEX($D$3:$AA$30,INDEX(Jesper!$R$2:$R$366,ROW(INDEX(Jesper!AK$2:AK$366,ROUNDDOWN($C4567/24,0)+1,1))-1)+IF('Standard Profiles'!$G$21=$B$10,7,0)+IF('Standard Profiles'!$G$21=$B$17,14,0)+IF('Standard Profiles'!$G$21=$B$24,21,0),0)),0)</f>
        <v>0.44053458507866028</v>
      </c>
      <c r="H4567" cm="1">
        <f t="array" ref="H4567">IFERROR(INDEX(Jesper!AL$2:AL$366,ROUNDDOWN($C4567/24,0)+1,1)*INDEX($D$3:$AA$30,INDEX(Jesper!$R$2:$R$366,ROW(INDEX(Jesper!AL$2:AL$366,ROUNDDOWN($C4567/24,0)+1,1))-1)+IF('Standard Profiles'!$G$22=$B$10,7,0)+IF('Standard Profiles'!$G$22=$B$17,14,0)+IF('Standard Profiles'!$G$22=$B$24,21,0),MOD($C4567,24)+1)/SUM(INDEX($D$3:$AA$30,INDEX(Jesper!$R$2:$R$366,ROW(INDEX(Jesper!AL$2:AL$366,ROUNDDOWN($C4567/24,0)+1,1))-1)+IF('Standard Profiles'!$G$22=$B$10,7,0)+IF('Standard Profiles'!$G$22=$B$17,14,0)+IF('Standard Profiles'!$G$22=$B$24,21,0),0)),0)</f>
        <v>4.7208819891835306E-2</v>
      </c>
      <c r="I4567">
        <f t="shared" si="510"/>
        <v>4.5320467096161915E-2</v>
      </c>
      <c r="J4567">
        <f t="shared" si="511"/>
        <v>3.7938039850072434</v>
      </c>
      <c r="K4567">
        <f t="shared" si="512"/>
        <v>0.21524165795137101</v>
      </c>
      <c r="L4567">
        <f t="shared" si="513"/>
        <v>0.10762082897568551</v>
      </c>
      <c r="M4567">
        <f t="shared" si="514"/>
        <v>0</v>
      </c>
      <c r="N4567" s="45">
        <f t="shared" si="515"/>
        <v>45115.874999989006</v>
      </c>
    </row>
    <row r="4568" spans="2:14" x14ac:dyDescent="0.25">
      <c r="B4568">
        <f t="shared" si="509"/>
        <v>6</v>
      </c>
      <c r="C4568" s="16">
        <v>4534</v>
      </c>
      <c r="D4568" cm="1">
        <f t="array" ref="D4568">IFERROR(INDEX(Jesper!AH$2:AH$366,ROUNDDOWN($C4568/24,0)+1,1)*INDEX($D$3:$AA$30,INDEX(Jesper!$R$2:$R$366,ROW(INDEX(Jesper!AH$2:AH$366,ROUNDDOWN($C4568/24,0)+1,1))-1)+IF('Standard Profiles'!$G$18=$B$10,7,0)+IF('Standard Profiles'!$G$18=$B$17,14,0)+IF('Standard Profiles'!$G$18=$B$24,21,0),MOD($C4568,24)+1)/SUM(INDEX($D$3:$AA$30,INDEX(Jesper!$R$2:$R$366,ROW(INDEX(Jesper!AH$2:AH$366,ROUNDDOWN($C4568/24,0)+1,1))-1)+IF('Standard Profiles'!$G$18=$B$10,7,0)+IF('Standard Profiles'!$G$18=$B$17,14,0)+IF('Standard Profiles'!$G$18=$B$24,21,0),0)),0)</f>
        <v>0</v>
      </c>
      <c r="E4568" cm="1">
        <f t="array" ref="E4568">IFERROR(INDEX(Jesper!AI$2:AI$366,ROUNDDOWN($C4568/24,0)+1,1)*INDEX($D$3:$AA$30,INDEX(Jesper!$R$2:$R$366,ROW(INDEX(Jesper!AI$2:AI$366,ROUNDDOWN($C4568/24,0)+1,1))-1)+IF('Standard Profiles'!$G$19=$B$10,7,0)+IF('Standard Profiles'!$G$19=$B$17,14,0)+IF('Standard Profiles'!$G$19=$B$24,21,0),MOD($C4568,24)+1)/SUM(INDEX($D$3:$AA$30,INDEX(Jesper!$R$2:$R$366,ROW(INDEX(Jesper!AI$2:AI$366,ROUNDDOWN($C4568/24,0)+1,1))-1)+IF('Standard Profiles'!$G$19=$B$10,7,0)+IF('Standard Profiles'!$G$19=$B$17,14,0)+IF('Standard Profiles'!$G$19=$B$24,21,0),0)),0)</f>
        <v>2.6905207243921376</v>
      </c>
      <c r="F4568" cm="1">
        <f t="array" ref="F4568">IFERROR(INDEX(Jesper!AJ$2:AJ$366,ROUNDDOWN($C4568/24,0)+1,1)*INDEX($D$3:$AA$30,INDEX(Jesper!$R$2:$R$366,ROW(INDEX(Jesper!AJ$2:AJ$366,ROUNDDOWN($C4568/24,0)+1,1))-1)+IF('Standard Profiles'!$G$20=$B$10,7,0)+IF('Standard Profiles'!$G$20=$B$17,14,0)+IF('Standard Profiles'!$G$20=$B$24,21,0),MOD($C4568,24)+1)/SUM(INDEX($D$3:$AA$30,INDEX(Jesper!$R$2:$R$366,ROW(INDEX(Jesper!AJ$2:AJ$366,ROUNDDOWN($C4568/24,0)+1,1))-1)+IF('Standard Profiles'!$G$20=$B$10,7,0)+IF('Standard Profiles'!$G$20=$B$17,14,0)+IF('Standard Profiles'!$G$20=$B$24,21,0),0)),0)</f>
        <v>0.98372280966782888</v>
      </c>
      <c r="G4568" cm="1">
        <f t="array" ref="G4568">IFERROR(INDEX(Jesper!AK$2:AK$366,ROUNDDOWN($C4568/24,0)+1,1)*INDEX($D$3:$AA$30,INDEX(Jesper!$R$2:$R$366,ROW(INDEX(Jesper!AK$2:AK$366,ROUNDDOWN($C4568/24,0)+1,1))-1)+IF('Standard Profiles'!$G$21=$B$10,7,0)+IF('Standard Profiles'!$G$21=$B$17,14,0)+IF('Standard Profiles'!$G$21=$B$24,21,0),MOD($C4568,24)+1)/SUM(INDEX($D$3:$AA$30,INDEX(Jesper!$R$2:$R$366,ROW(INDEX(Jesper!AK$2:AK$366,ROUNDDOWN($C4568/24,0)+1,1))-1)+IF('Standard Profiles'!$G$21=$B$10,7,0)+IF('Standard Profiles'!$G$21=$B$17,14,0)+IF('Standard Profiles'!$G$21=$B$24,21,0),0)),0)</f>
        <v>0.44053458507866028</v>
      </c>
      <c r="H4568" cm="1">
        <f t="array" ref="H4568">IFERROR(INDEX(Jesper!AL$2:AL$366,ROUNDDOWN($C4568/24,0)+1,1)*INDEX($D$3:$AA$30,INDEX(Jesper!$R$2:$R$366,ROW(INDEX(Jesper!AL$2:AL$366,ROUNDDOWN($C4568/24,0)+1,1))-1)+IF('Standard Profiles'!$G$22=$B$10,7,0)+IF('Standard Profiles'!$G$22=$B$17,14,0)+IF('Standard Profiles'!$G$22=$B$24,21,0),MOD($C4568,24)+1)/SUM(INDEX($D$3:$AA$30,INDEX(Jesper!$R$2:$R$366,ROW(INDEX(Jesper!AL$2:AL$366,ROUNDDOWN($C4568/24,0)+1,1))-1)+IF('Standard Profiles'!$G$22=$B$10,7,0)+IF('Standard Profiles'!$G$22=$B$17,14,0)+IF('Standard Profiles'!$G$22=$B$24,21,0),0)),0)</f>
        <v>4.7208819891835306E-2</v>
      </c>
      <c r="I4568">
        <f t="shared" si="510"/>
        <v>4.5320467096161915E-2</v>
      </c>
      <c r="J4568">
        <f t="shared" si="511"/>
        <v>3.7938039850072434</v>
      </c>
      <c r="K4568">
        <f t="shared" si="512"/>
        <v>0.21524165795137101</v>
      </c>
      <c r="L4568">
        <f t="shared" si="513"/>
        <v>0.10762082897568551</v>
      </c>
      <c r="M4568">
        <f t="shared" si="514"/>
        <v>0</v>
      </c>
      <c r="N4568" s="45">
        <f t="shared" si="515"/>
        <v>45115.91666665567</v>
      </c>
    </row>
    <row r="4569" spans="2:14" x14ac:dyDescent="0.25">
      <c r="B4569">
        <f t="shared" si="509"/>
        <v>6</v>
      </c>
      <c r="C4569" s="16">
        <v>4535</v>
      </c>
      <c r="D4569" cm="1">
        <f t="array" ref="D4569">IFERROR(INDEX(Jesper!AH$2:AH$366,ROUNDDOWN($C4569/24,0)+1,1)*INDEX($D$3:$AA$30,INDEX(Jesper!$R$2:$R$366,ROW(INDEX(Jesper!AH$2:AH$366,ROUNDDOWN($C4569/24,0)+1,1))-1)+IF('Standard Profiles'!$G$18=$B$10,7,0)+IF('Standard Profiles'!$G$18=$B$17,14,0)+IF('Standard Profiles'!$G$18=$B$24,21,0),MOD($C4569,24)+1)/SUM(INDEX($D$3:$AA$30,INDEX(Jesper!$R$2:$R$366,ROW(INDEX(Jesper!AH$2:AH$366,ROUNDDOWN($C4569/24,0)+1,1))-1)+IF('Standard Profiles'!$G$18=$B$10,7,0)+IF('Standard Profiles'!$G$18=$B$17,14,0)+IF('Standard Profiles'!$G$18=$B$24,21,0),0)),0)</f>
        <v>0</v>
      </c>
      <c r="E4569" cm="1">
        <f t="array" ref="E4569">IFERROR(INDEX(Jesper!AI$2:AI$366,ROUNDDOWN($C4569/24,0)+1,1)*INDEX($D$3:$AA$30,INDEX(Jesper!$R$2:$R$366,ROW(INDEX(Jesper!AI$2:AI$366,ROUNDDOWN($C4569/24,0)+1,1))-1)+IF('Standard Profiles'!$G$19=$B$10,7,0)+IF('Standard Profiles'!$G$19=$B$17,14,0)+IF('Standard Profiles'!$G$19=$B$24,21,0),MOD($C4569,24)+1)/SUM(INDEX($D$3:$AA$30,INDEX(Jesper!$R$2:$R$366,ROW(INDEX(Jesper!AI$2:AI$366,ROUNDDOWN($C4569/24,0)+1,1))-1)+IF('Standard Profiles'!$G$19=$B$10,7,0)+IF('Standard Profiles'!$G$19=$B$17,14,0)+IF('Standard Profiles'!$G$19=$B$24,21,0),0)),0)</f>
        <v>2.6905207243921376</v>
      </c>
      <c r="F4569" cm="1">
        <f t="array" ref="F4569">IFERROR(INDEX(Jesper!AJ$2:AJ$366,ROUNDDOWN($C4569/24,0)+1,1)*INDEX($D$3:$AA$30,INDEX(Jesper!$R$2:$R$366,ROW(INDEX(Jesper!AJ$2:AJ$366,ROUNDDOWN($C4569/24,0)+1,1))-1)+IF('Standard Profiles'!$G$20=$B$10,7,0)+IF('Standard Profiles'!$G$20=$B$17,14,0)+IF('Standard Profiles'!$G$20=$B$24,21,0),MOD($C4569,24)+1)/SUM(INDEX($D$3:$AA$30,INDEX(Jesper!$R$2:$R$366,ROW(INDEX(Jesper!AJ$2:AJ$366,ROUNDDOWN($C4569/24,0)+1,1))-1)+IF('Standard Profiles'!$G$20=$B$10,7,0)+IF('Standard Profiles'!$G$20=$B$17,14,0)+IF('Standard Profiles'!$G$20=$B$24,21,0),0)),0)</f>
        <v>0.98372280966782888</v>
      </c>
      <c r="G4569" cm="1">
        <f t="array" ref="G4569">IFERROR(INDEX(Jesper!AK$2:AK$366,ROUNDDOWN($C4569/24,0)+1,1)*INDEX($D$3:$AA$30,INDEX(Jesper!$R$2:$R$366,ROW(INDEX(Jesper!AK$2:AK$366,ROUNDDOWN($C4569/24,0)+1,1))-1)+IF('Standard Profiles'!$G$21=$B$10,7,0)+IF('Standard Profiles'!$G$21=$B$17,14,0)+IF('Standard Profiles'!$G$21=$B$24,21,0),MOD($C4569,24)+1)/SUM(INDEX($D$3:$AA$30,INDEX(Jesper!$R$2:$R$366,ROW(INDEX(Jesper!AK$2:AK$366,ROUNDDOWN($C4569/24,0)+1,1))-1)+IF('Standard Profiles'!$G$21=$B$10,7,0)+IF('Standard Profiles'!$G$21=$B$17,14,0)+IF('Standard Profiles'!$G$21=$B$24,21,0),0)),0)</f>
        <v>0.44053458507866028</v>
      </c>
      <c r="H4569" cm="1">
        <f t="array" ref="H4569">IFERROR(INDEX(Jesper!AL$2:AL$366,ROUNDDOWN($C4569/24,0)+1,1)*INDEX($D$3:$AA$30,INDEX(Jesper!$R$2:$R$366,ROW(INDEX(Jesper!AL$2:AL$366,ROUNDDOWN($C4569/24,0)+1,1))-1)+IF('Standard Profiles'!$G$22=$B$10,7,0)+IF('Standard Profiles'!$G$22=$B$17,14,0)+IF('Standard Profiles'!$G$22=$B$24,21,0),MOD($C4569,24)+1)/SUM(INDEX($D$3:$AA$30,INDEX(Jesper!$R$2:$R$366,ROW(INDEX(Jesper!AL$2:AL$366,ROUNDDOWN($C4569/24,0)+1,1))-1)+IF('Standard Profiles'!$G$22=$B$10,7,0)+IF('Standard Profiles'!$G$22=$B$17,14,0)+IF('Standard Profiles'!$G$22=$B$24,21,0),0)),0)</f>
        <v>4.7208819891835306E-2</v>
      </c>
      <c r="I4569">
        <f t="shared" si="510"/>
        <v>4.5320467096161915E-2</v>
      </c>
      <c r="J4569">
        <f t="shared" si="511"/>
        <v>3.7938039850072434</v>
      </c>
      <c r="K4569">
        <f t="shared" si="512"/>
        <v>0.21524165795137101</v>
      </c>
      <c r="L4569">
        <f t="shared" si="513"/>
        <v>0.10762082897568551</v>
      </c>
      <c r="M4569">
        <f t="shared" si="514"/>
        <v>0</v>
      </c>
      <c r="N4569" s="45">
        <f t="shared" si="515"/>
        <v>45115.958333322335</v>
      </c>
    </row>
    <row r="4570" spans="2:14" x14ac:dyDescent="0.25">
      <c r="B4570">
        <f t="shared" si="509"/>
        <v>7</v>
      </c>
      <c r="C4570" s="16">
        <v>4536</v>
      </c>
      <c r="D4570" cm="1">
        <f t="array" ref="D4570">IFERROR(INDEX(Jesper!AH$2:AH$366,ROUNDDOWN($C4570/24,0)+1,1)*INDEX($D$3:$AA$30,INDEX(Jesper!$R$2:$R$366,ROW(INDEX(Jesper!AH$2:AH$366,ROUNDDOWN($C4570/24,0)+1,1))-1)+IF('Standard Profiles'!$G$18=$B$10,7,0)+IF('Standard Profiles'!$G$18=$B$17,14,0)+IF('Standard Profiles'!$G$18=$B$24,21,0),MOD($C4570,24)+1)/SUM(INDEX($D$3:$AA$30,INDEX(Jesper!$R$2:$R$366,ROW(INDEX(Jesper!AH$2:AH$366,ROUNDDOWN($C4570/24,0)+1,1))-1)+IF('Standard Profiles'!$G$18=$B$10,7,0)+IF('Standard Profiles'!$G$18=$B$17,14,0)+IF('Standard Profiles'!$G$18=$B$24,21,0),0)),0)</f>
        <v>0</v>
      </c>
      <c r="E4570" cm="1">
        <f t="array" ref="E4570">IFERROR(INDEX(Jesper!AI$2:AI$366,ROUNDDOWN($C4570/24,0)+1,1)*INDEX($D$3:$AA$30,INDEX(Jesper!$R$2:$R$366,ROW(INDEX(Jesper!AI$2:AI$366,ROUNDDOWN($C4570/24,0)+1,1))-1)+IF('Standard Profiles'!$G$19=$B$10,7,0)+IF('Standard Profiles'!$G$19=$B$17,14,0)+IF('Standard Profiles'!$G$19=$B$24,21,0),MOD($C4570,24)+1)/SUM(INDEX($D$3:$AA$30,INDEX(Jesper!$R$2:$R$366,ROW(INDEX(Jesper!AI$2:AI$366,ROUNDDOWN($C4570/24,0)+1,1))-1)+IF('Standard Profiles'!$G$19=$B$10,7,0)+IF('Standard Profiles'!$G$19=$B$17,14,0)+IF('Standard Profiles'!$G$19=$B$24,21,0),0)),0)</f>
        <v>2.6806556278724587</v>
      </c>
      <c r="F4570" cm="1">
        <f t="array" ref="F4570">IFERROR(INDEX(Jesper!AJ$2:AJ$366,ROUNDDOWN($C4570/24,0)+1,1)*INDEX($D$3:$AA$30,INDEX(Jesper!$R$2:$R$366,ROW(INDEX(Jesper!AJ$2:AJ$366,ROUNDDOWN($C4570/24,0)+1,1))-1)+IF('Standard Profiles'!$G$20=$B$10,7,0)+IF('Standard Profiles'!$G$20=$B$17,14,0)+IF('Standard Profiles'!$G$20=$B$24,21,0),MOD($C4570,24)+1)/SUM(INDEX($D$3:$AA$30,INDEX(Jesper!$R$2:$R$366,ROW(INDEX(Jesper!AJ$2:AJ$366,ROUNDDOWN($C4570/24,0)+1,1))-1)+IF('Standard Profiles'!$G$20=$B$10,7,0)+IF('Standard Profiles'!$G$20=$B$17,14,0)+IF('Standard Profiles'!$G$20=$B$24,21,0),0)),0)</f>
        <v>0.84460816338918954</v>
      </c>
      <c r="G4570" cm="1">
        <f t="array" ref="G4570">IFERROR(INDEX(Jesper!AK$2:AK$366,ROUNDDOWN($C4570/24,0)+1,1)*INDEX($D$3:$AA$30,INDEX(Jesper!$R$2:$R$366,ROW(INDEX(Jesper!AK$2:AK$366,ROUNDDOWN($C4570/24,0)+1,1))-1)+IF('Standard Profiles'!$G$21=$B$10,7,0)+IF('Standard Profiles'!$G$21=$B$17,14,0)+IF('Standard Profiles'!$G$21=$B$24,21,0),MOD($C4570,24)+1)/SUM(INDEX($D$3:$AA$30,INDEX(Jesper!$R$2:$R$366,ROW(INDEX(Jesper!AK$2:AK$366,ROUNDDOWN($C4570/24,0)+1,1))-1)+IF('Standard Profiles'!$G$21=$B$10,7,0)+IF('Standard Profiles'!$G$21=$B$17,14,0)+IF('Standard Profiles'!$G$21=$B$24,21,0),0)),0)</f>
        <v>0.26559404783410684</v>
      </c>
      <c r="H4570" cm="1">
        <f t="array" ref="H4570">IFERROR(INDEX(Jesper!AL$2:AL$366,ROUNDDOWN($C4570/24,0)+1,1)*INDEX($D$3:$AA$30,INDEX(Jesper!$R$2:$R$366,ROW(INDEX(Jesper!AL$2:AL$366,ROUNDDOWN($C4570/24,0)+1,1))-1)+IF('Standard Profiles'!$G$22=$B$10,7,0)+IF('Standard Profiles'!$G$22=$B$17,14,0)+IF('Standard Profiles'!$G$22=$B$24,21,0),MOD($C4570,24)+1)/SUM(INDEX($D$3:$AA$30,INDEX(Jesper!$R$2:$R$366,ROW(INDEX(Jesper!AL$2:AL$366,ROUNDDOWN($C4570/24,0)+1,1))-1)+IF('Standard Profiles'!$G$22=$B$10,7,0)+IF('Standard Profiles'!$G$22=$B$17,14,0)+IF('Standard Profiles'!$G$22=$B$24,21,0),0)),0)</f>
        <v>0</v>
      </c>
      <c r="I4570">
        <f t="shared" si="510"/>
        <v>0</v>
      </c>
      <c r="J4570">
        <f t="shared" si="511"/>
        <v>3.4691791637510598</v>
      </c>
      <c r="K4570">
        <f t="shared" si="512"/>
        <v>0.2144524502297967</v>
      </c>
      <c r="L4570">
        <f t="shared" si="513"/>
        <v>0.10722622511489835</v>
      </c>
      <c r="M4570">
        <f t="shared" si="514"/>
        <v>0</v>
      </c>
      <c r="N4570" s="45">
        <f t="shared" si="515"/>
        <v>45115.999999988999</v>
      </c>
    </row>
    <row r="4571" spans="2:14" x14ac:dyDescent="0.25">
      <c r="B4571">
        <f t="shared" si="509"/>
        <v>7</v>
      </c>
      <c r="C4571" s="16">
        <v>4537</v>
      </c>
      <c r="D4571" cm="1">
        <f t="array" ref="D4571">IFERROR(INDEX(Jesper!AH$2:AH$366,ROUNDDOWN($C4571/24,0)+1,1)*INDEX($D$3:$AA$30,INDEX(Jesper!$R$2:$R$366,ROW(INDEX(Jesper!AH$2:AH$366,ROUNDDOWN($C4571/24,0)+1,1))-1)+IF('Standard Profiles'!$G$18=$B$10,7,0)+IF('Standard Profiles'!$G$18=$B$17,14,0)+IF('Standard Profiles'!$G$18=$B$24,21,0),MOD($C4571,24)+1)/SUM(INDEX($D$3:$AA$30,INDEX(Jesper!$R$2:$R$366,ROW(INDEX(Jesper!AH$2:AH$366,ROUNDDOWN($C4571/24,0)+1,1))-1)+IF('Standard Profiles'!$G$18=$B$10,7,0)+IF('Standard Profiles'!$G$18=$B$17,14,0)+IF('Standard Profiles'!$G$18=$B$24,21,0),0)),0)</f>
        <v>0</v>
      </c>
      <c r="E4571" cm="1">
        <f t="array" ref="E4571">IFERROR(INDEX(Jesper!AI$2:AI$366,ROUNDDOWN($C4571/24,0)+1,1)*INDEX($D$3:$AA$30,INDEX(Jesper!$R$2:$R$366,ROW(INDEX(Jesper!AI$2:AI$366,ROUNDDOWN($C4571/24,0)+1,1))-1)+IF('Standard Profiles'!$G$19=$B$10,7,0)+IF('Standard Profiles'!$G$19=$B$17,14,0)+IF('Standard Profiles'!$G$19=$B$24,21,0),MOD($C4571,24)+1)/SUM(INDEX($D$3:$AA$30,INDEX(Jesper!$R$2:$R$366,ROW(INDEX(Jesper!AI$2:AI$366,ROUNDDOWN($C4571/24,0)+1,1))-1)+IF('Standard Profiles'!$G$19=$B$10,7,0)+IF('Standard Profiles'!$G$19=$B$17,14,0)+IF('Standard Profiles'!$G$19=$B$24,21,0),0)),0)</f>
        <v>2.6806556278724587</v>
      </c>
      <c r="F4571" cm="1">
        <f t="array" ref="F4571">IFERROR(INDEX(Jesper!AJ$2:AJ$366,ROUNDDOWN($C4571/24,0)+1,1)*INDEX($D$3:$AA$30,INDEX(Jesper!$R$2:$R$366,ROW(INDEX(Jesper!AJ$2:AJ$366,ROUNDDOWN($C4571/24,0)+1,1))-1)+IF('Standard Profiles'!$G$20=$B$10,7,0)+IF('Standard Profiles'!$G$20=$B$17,14,0)+IF('Standard Profiles'!$G$20=$B$24,21,0),MOD($C4571,24)+1)/SUM(INDEX($D$3:$AA$30,INDEX(Jesper!$R$2:$R$366,ROW(INDEX(Jesper!AJ$2:AJ$366,ROUNDDOWN($C4571/24,0)+1,1))-1)+IF('Standard Profiles'!$G$20=$B$10,7,0)+IF('Standard Profiles'!$G$20=$B$17,14,0)+IF('Standard Profiles'!$G$20=$B$24,21,0),0)),0)</f>
        <v>0.84460816338918954</v>
      </c>
      <c r="G4571" cm="1">
        <f t="array" ref="G4571">IFERROR(INDEX(Jesper!AK$2:AK$366,ROUNDDOWN($C4571/24,0)+1,1)*INDEX($D$3:$AA$30,INDEX(Jesper!$R$2:$R$366,ROW(INDEX(Jesper!AK$2:AK$366,ROUNDDOWN($C4571/24,0)+1,1))-1)+IF('Standard Profiles'!$G$21=$B$10,7,0)+IF('Standard Profiles'!$G$21=$B$17,14,0)+IF('Standard Profiles'!$G$21=$B$24,21,0),MOD($C4571,24)+1)/SUM(INDEX($D$3:$AA$30,INDEX(Jesper!$R$2:$R$366,ROW(INDEX(Jesper!AK$2:AK$366,ROUNDDOWN($C4571/24,0)+1,1))-1)+IF('Standard Profiles'!$G$21=$B$10,7,0)+IF('Standard Profiles'!$G$21=$B$17,14,0)+IF('Standard Profiles'!$G$21=$B$24,21,0),0)),0)</f>
        <v>0.26559404783410684</v>
      </c>
      <c r="H4571" cm="1">
        <f t="array" ref="H4571">IFERROR(INDEX(Jesper!AL$2:AL$366,ROUNDDOWN($C4571/24,0)+1,1)*INDEX($D$3:$AA$30,INDEX(Jesper!$R$2:$R$366,ROW(INDEX(Jesper!AL$2:AL$366,ROUNDDOWN($C4571/24,0)+1,1))-1)+IF('Standard Profiles'!$G$22=$B$10,7,0)+IF('Standard Profiles'!$G$22=$B$17,14,0)+IF('Standard Profiles'!$G$22=$B$24,21,0),MOD($C4571,24)+1)/SUM(INDEX($D$3:$AA$30,INDEX(Jesper!$R$2:$R$366,ROW(INDEX(Jesper!AL$2:AL$366,ROUNDDOWN($C4571/24,0)+1,1))-1)+IF('Standard Profiles'!$G$22=$B$10,7,0)+IF('Standard Profiles'!$G$22=$B$17,14,0)+IF('Standard Profiles'!$G$22=$B$24,21,0),0)),0)</f>
        <v>0</v>
      </c>
      <c r="I4571">
        <f t="shared" si="510"/>
        <v>0</v>
      </c>
      <c r="J4571">
        <f t="shared" si="511"/>
        <v>3.4691791637510598</v>
      </c>
      <c r="K4571">
        <f t="shared" si="512"/>
        <v>0.2144524502297967</v>
      </c>
      <c r="L4571">
        <f t="shared" si="513"/>
        <v>0.10722622511489835</v>
      </c>
      <c r="M4571">
        <f t="shared" si="514"/>
        <v>0</v>
      </c>
      <c r="N4571" s="45">
        <f t="shared" si="515"/>
        <v>45116.041666655663</v>
      </c>
    </row>
    <row r="4572" spans="2:14" x14ac:dyDescent="0.25">
      <c r="B4572">
        <f t="shared" si="509"/>
        <v>7</v>
      </c>
      <c r="C4572" s="16">
        <v>4538</v>
      </c>
      <c r="D4572" cm="1">
        <f t="array" ref="D4572">IFERROR(INDEX(Jesper!AH$2:AH$366,ROUNDDOWN($C4572/24,0)+1,1)*INDEX($D$3:$AA$30,INDEX(Jesper!$R$2:$R$366,ROW(INDEX(Jesper!AH$2:AH$366,ROUNDDOWN($C4572/24,0)+1,1))-1)+IF('Standard Profiles'!$G$18=$B$10,7,0)+IF('Standard Profiles'!$G$18=$B$17,14,0)+IF('Standard Profiles'!$G$18=$B$24,21,0),MOD($C4572,24)+1)/SUM(INDEX($D$3:$AA$30,INDEX(Jesper!$R$2:$R$366,ROW(INDEX(Jesper!AH$2:AH$366,ROUNDDOWN($C4572/24,0)+1,1))-1)+IF('Standard Profiles'!$G$18=$B$10,7,0)+IF('Standard Profiles'!$G$18=$B$17,14,0)+IF('Standard Profiles'!$G$18=$B$24,21,0),0)),0)</f>
        <v>0</v>
      </c>
      <c r="E4572" cm="1">
        <f t="array" ref="E4572">IFERROR(INDEX(Jesper!AI$2:AI$366,ROUNDDOWN($C4572/24,0)+1,1)*INDEX($D$3:$AA$30,INDEX(Jesper!$R$2:$R$366,ROW(INDEX(Jesper!AI$2:AI$366,ROUNDDOWN($C4572/24,0)+1,1))-1)+IF('Standard Profiles'!$G$19=$B$10,7,0)+IF('Standard Profiles'!$G$19=$B$17,14,0)+IF('Standard Profiles'!$G$19=$B$24,21,0),MOD($C4572,24)+1)/SUM(INDEX($D$3:$AA$30,INDEX(Jesper!$R$2:$R$366,ROW(INDEX(Jesper!AI$2:AI$366,ROUNDDOWN($C4572/24,0)+1,1))-1)+IF('Standard Profiles'!$G$19=$B$10,7,0)+IF('Standard Profiles'!$G$19=$B$17,14,0)+IF('Standard Profiles'!$G$19=$B$24,21,0),0)),0)</f>
        <v>2.6806556278724587</v>
      </c>
      <c r="F4572" cm="1">
        <f t="array" ref="F4572">IFERROR(INDEX(Jesper!AJ$2:AJ$366,ROUNDDOWN($C4572/24,0)+1,1)*INDEX($D$3:$AA$30,INDEX(Jesper!$R$2:$R$366,ROW(INDEX(Jesper!AJ$2:AJ$366,ROUNDDOWN($C4572/24,0)+1,1))-1)+IF('Standard Profiles'!$G$20=$B$10,7,0)+IF('Standard Profiles'!$G$20=$B$17,14,0)+IF('Standard Profiles'!$G$20=$B$24,21,0),MOD($C4572,24)+1)/SUM(INDEX($D$3:$AA$30,INDEX(Jesper!$R$2:$R$366,ROW(INDEX(Jesper!AJ$2:AJ$366,ROUNDDOWN($C4572/24,0)+1,1))-1)+IF('Standard Profiles'!$G$20=$B$10,7,0)+IF('Standard Profiles'!$G$20=$B$17,14,0)+IF('Standard Profiles'!$G$20=$B$24,21,0),0)),0)</f>
        <v>0.84460816338918954</v>
      </c>
      <c r="G4572" cm="1">
        <f t="array" ref="G4572">IFERROR(INDEX(Jesper!AK$2:AK$366,ROUNDDOWN($C4572/24,0)+1,1)*INDEX($D$3:$AA$30,INDEX(Jesper!$R$2:$R$366,ROW(INDEX(Jesper!AK$2:AK$366,ROUNDDOWN($C4572/24,0)+1,1))-1)+IF('Standard Profiles'!$G$21=$B$10,7,0)+IF('Standard Profiles'!$G$21=$B$17,14,0)+IF('Standard Profiles'!$G$21=$B$24,21,0),MOD($C4572,24)+1)/SUM(INDEX($D$3:$AA$30,INDEX(Jesper!$R$2:$R$366,ROW(INDEX(Jesper!AK$2:AK$366,ROUNDDOWN($C4572/24,0)+1,1))-1)+IF('Standard Profiles'!$G$21=$B$10,7,0)+IF('Standard Profiles'!$G$21=$B$17,14,0)+IF('Standard Profiles'!$G$21=$B$24,21,0),0)),0)</f>
        <v>0.26559404783410684</v>
      </c>
      <c r="H4572" cm="1">
        <f t="array" ref="H4572">IFERROR(INDEX(Jesper!AL$2:AL$366,ROUNDDOWN($C4572/24,0)+1,1)*INDEX($D$3:$AA$30,INDEX(Jesper!$R$2:$R$366,ROW(INDEX(Jesper!AL$2:AL$366,ROUNDDOWN($C4572/24,0)+1,1))-1)+IF('Standard Profiles'!$G$22=$B$10,7,0)+IF('Standard Profiles'!$G$22=$B$17,14,0)+IF('Standard Profiles'!$G$22=$B$24,21,0),MOD($C4572,24)+1)/SUM(INDEX($D$3:$AA$30,INDEX(Jesper!$R$2:$R$366,ROW(INDEX(Jesper!AL$2:AL$366,ROUNDDOWN($C4572/24,0)+1,1))-1)+IF('Standard Profiles'!$G$22=$B$10,7,0)+IF('Standard Profiles'!$G$22=$B$17,14,0)+IF('Standard Profiles'!$G$22=$B$24,21,0),0)),0)</f>
        <v>0</v>
      </c>
      <c r="I4572">
        <f t="shared" si="510"/>
        <v>0</v>
      </c>
      <c r="J4572">
        <f t="shared" si="511"/>
        <v>3.4691791637510598</v>
      </c>
      <c r="K4572">
        <f t="shared" si="512"/>
        <v>0.2144524502297967</v>
      </c>
      <c r="L4572">
        <f t="shared" si="513"/>
        <v>0.10722622511489835</v>
      </c>
      <c r="M4572">
        <f t="shared" si="514"/>
        <v>0</v>
      </c>
      <c r="N4572" s="45">
        <f t="shared" si="515"/>
        <v>45116.083333322327</v>
      </c>
    </row>
    <row r="4573" spans="2:14" x14ac:dyDescent="0.25">
      <c r="B4573">
        <f t="shared" si="509"/>
        <v>7</v>
      </c>
      <c r="C4573" s="16">
        <v>4539</v>
      </c>
      <c r="D4573" cm="1">
        <f t="array" ref="D4573">IFERROR(INDEX(Jesper!AH$2:AH$366,ROUNDDOWN($C4573/24,0)+1,1)*INDEX($D$3:$AA$30,INDEX(Jesper!$R$2:$R$366,ROW(INDEX(Jesper!AH$2:AH$366,ROUNDDOWN($C4573/24,0)+1,1))-1)+IF('Standard Profiles'!$G$18=$B$10,7,0)+IF('Standard Profiles'!$G$18=$B$17,14,0)+IF('Standard Profiles'!$G$18=$B$24,21,0),MOD($C4573,24)+1)/SUM(INDEX($D$3:$AA$30,INDEX(Jesper!$R$2:$R$366,ROW(INDEX(Jesper!AH$2:AH$366,ROUNDDOWN($C4573/24,0)+1,1))-1)+IF('Standard Profiles'!$G$18=$B$10,7,0)+IF('Standard Profiles'!$G$18=$B$17,14,0)+IF('Standard Profiles'!$G$18=$B$24,21,0),0)),0)</f>
        <v>0</v>
      </c>
      <c r="E4573" cm="1">
        <f t="array" ref="E4573">IFERROR(INDEX(Jesper!AI$2:AI$366,ROUNDDOWN($C4573/24,0)+1,1)*INDEX($D$3:$AA$30,INDEX(Jesper!$R$2:$R$366,ROW(INDEX(Jesper!AI$2:AI$366,ROUNDDOWN($C4573/24,0)+1,1))-1)+IF('Standard Profiles'!$G$19=$B$10,7,0)+IF('Standard Profiles'!$G$19=$B$17,14,0)+IF('Standard Profiles'!$G$19=$B$24,21,0),MOD($C4573,24)+1)/SUM(INDEX($D$3:$AA$30,INDEX(Jesper!$R$2:$R$366,ROW(INDEX(Jesper!AI$2:AI$366,ROUNDDOWN($C4573/24,0)+1,1))-1)+IF('Standard Profiles'!$G$19=$B$10,7,0)+IF('Standard Profiles'!$G$19=$B$17,14,0)+IF('Standard Profiles'!$G$19=$B$24,21,0),0)),0)</f>
        <v>2.6806556278724587</v>
      </c>
      <c r="F4573" cm="1">
        <f t="array" ref="F4573">IFERROR(INDEX(Jesper!AJ$2:AJ$366,ROUNDDOWN($C4573/24,0)+1,1)*INDEX($D$3:$AA$30,INDEX(Jesper!$R$2:$R$366,ROW(INDEX(Jesper!AJ$2:AJ$366,ROUNDDOWN($C4573/24,0)+1,1))-1)+IF('Standard Profiles'!$G$20=$B$10,7,0)+IF('Standard Profiles'!$G$20=$B$17,14,0)+IF('Standard Profiles'!$G$20=$B$24,21,0),MOD($C4573,24)+1)/SUM(INDEX($D$3:$AA$30,INDEX(Jesper!$R$2:$R$366,ROW(INDEX(Jesper!AJ$2:AJ$366,ROUNDDOWN($C4573/24,0)+1,1))-1)+IF('Standard Profiles'!$G$20=$B$10,7,0)+IF('Standard Profiles'!$G$20=$B$17,14,0)+IF('Standard Profiles'!$G$20=$B$24,21,0),0)),0)</f>
        <v>0.84460816338918954</v>
      </c>
      <c r="G4573" cm="1">
        <f t="array" ref="G4573">IFERROR(INDEX(Jesper!AK$2:AK$366,ROUNDDOWN($C4573/24,0)+1,1)*INDEX($D$3:$AA$30,INDEX(Jesper!$R$2:$R$366,ROW(INDEX(Jesper!AK$2:AK$366,ROUNDDOWN($C4573/24,0)+1,1))-1)+IF('Standard Profiles'!$G$21=$B$10,7,0)+IF('Standard Profiles'!$G$21=$B$17,14,0)+IF('Standard Profiles'!$G$21=$B$24,21,0),MOD($C4573,24)+1)/SUM(INDEX($D$3:$AA$30,INDEX(Jesper!$R$2:$R$366,ROW(INDEX(Jesper!AK$2:AK$366,ROUNDDOWN($C4573/24,0)+1,1))-1)+IF('Standard Profiles'!$G$21=$B$10,7,0)+IF('Standard Profiles'!$G$21=$B$17,14,0)+IF('Standard Profiles'!$G$21=$B$24,21,0),0)),0)</f>
        <v>0.26559404783410684</v>
      </c>
      <c r="H4573" cm="1">
        <f t="array" ref="H4573">IFERROR(INDEX(Jesper!AL$2:AL$366,ROUNDDOWN($C4573/24,0)+1,1)*INDEX($D$3:$AA$30,INDEX(Jesper!$R$2:$R$366,ROW(INDEX(Jesper!AL$2:AL$366,ROUNDDOWN($C4573/24,0)+1,1))-1)+IF('Standard Profiles'!$G$22=$B$10,7,0)+IF('Standard Profiles'!$G$22=$B$17,14,0)+IF('Standard Profiles'!$G$22=$B$24,21,0),MOD($C4573,24)+1)/SUM(INDEX($D$3:$AA$30,INDEX(Jesper!$R$2:$R$366,ROW(INDEX(Jesper!AL$2:AL$366,ROUNDDOWN($C4573/24,0)+1,1))-1)+IF('Standard Profiles'!$G$22=$B$10,7,0)+IF('Standard Profiles'!$G$22=$B$17,14,0)+IF('Standard Profiles'!$G$22=$B$24,21,0),0)),0)</f>
        <v>0</v>
      </c>
      <c r="I4573">
        <f t="shared" si="510"/>
        <v>0</v>
      </c>
      <c r="J4573">
        <f t="shared" si="511"/>
        <v>3.4691791637510598</v>
      </c>
      <c r="K4573">
        <f t="shared" si="512"/>
        <v>0.2144524502297967</v>
      </c>
      <c r="L4573">
        <f t="shared" si="513"/>
        <v>0.10722622511489835</v>
      </c>
      <c r="M4573">
        <f t="shared" si="514"/>
        <v>0</v>
      </c>
      <c r="N4573" s="45">
        <f t="shared" si="515"/>
        <v>45116.124999988991</v>
      </c>
    </row>
    <row r="4574" spans="2:14" x14ac:dyDescent="0.25">
      <c r="B4574">
        <f t="shared" si="509"/>
        <v>7</v>
      </c>
      <c r="C4574" s="16">
        <v>4540</v>
      </c>
      <c r="D4574" cm="1">
        <f t="array" ref="D4574">IFERROR(INDEX(Jesper!AH$2:AH$366,ROUNDDOWN($C4574/24,0)+1,1)*INDEX($D$3:$AA$30,INDEX(Jesper!$R$2:$R$366,ROW(INDEX(Jesper!AH$2:AH$366,ROUNDDOWN($C4574/24,0)+1,1))-1)+IF('Standard Profiles'!$G$18=$B$10,7,0)+IF('Standard Profiles'!$G$18=$B$17,14,0)+IF('Standard Profiles'!$G$18=$B$24,21,0),MOD($C4574,24)+1)/SUM(INDEX($D$3:$AA$30,INDEX(Jesper!$R$2:$R$366,ROW(INDEX(Jesper!AH$2:AH$366,ROUNDDOWN($C4574/24,0)+1,1))-1)+IF('Standard Profiles'!$G$18=$B$10,7,0)+IF('Standard Profiles'!$G$18=$B$17,14,0)+IF('Standard Profiles'!$G$18=$B$24,21,0),0)),0)</f>
        <v>0</v>
      </c>
      <c r="E4574" cm="1">
        <f t="array" ref="E4574">IFERROR(INDEX(Jesper!AI$2:AI$366,ROUNDDOWN($C4574/24,0)+1,1)*INDEX($D$3:$AA$30,INDEX(Jesper!$R$2:$R$366,ROW(INDEX(Jesper!AI$2:AI$366,ROUNDDOWN($C4574/24,0)+1,1))-1)+IF('Standard Profiles'!$G$19=$B$10,7,0)+IF('Standard Profiles'!$G$19=$B$17,14,0)+IF('Standard Profiles'!$G$19=$B$24,21,0),MOD($C4574,24)+1)/SUM(INDEX($D$3:$AA$30,INDEX(Jesper!$R$2:$R$366,ROW(INDEX(Jesper!AI$2:AI$366,ROUNDDOWN($C4574/24,0)+1,1))-1)+IF('Standard Profiles'!$G$19=$B$10,7,0)+IF('Standard Profiles'!$G$19=$B$17,14,0)+IF('Standard Profiles'!$G$19=$B$24,21,0),0)),0)</f>
        <v>2.6806556278724587</v>
      </c>
      <c r="F4574" cm="1">
        <f t="array" ref="F4574">IFERROR(INDEX(Jesper!AJ$2:AJ$366,ROUNDDOWN($C4574/24,0)+1,1)*INDEX($D$3:$AA$30,INDEX(Jesper!$R$2:$R$366,ROW(INDEX(Jesper!AJ$2:AJ$366,ROUNDDOWN($C4574/24,0)+1,1))-1)+IF('Standard Profiles'!$G$20=$B$10,7,0)+IF('Standard Profiles'!$G$20=$B$17,14,0)+IF('Standard Profiles'!$G$20=$B$24,21,0),MOD($C4574,24)+1)/SUM(INDEX($D$3:$AA$30,INDEX(Jesper!$R$2:$R$366,ROW(INDEX(Jesper!AJ$2:AJ$366,ROUNDDOWN($C4574/24,0)+1,1))-1)+IF('Standard Profiles'!$G$20=$B$10,7,0)+IF('Standard Profiles'!$G$20=$B$17,14,0)+IF('Standard Profiles'!$G$20=$B$24,21,0),0)),0)</f>
        <v>0.84460816338918954</v>
      </c>
      <c r="G4574" cm="1">
        <f t="array" ref="G4574">IFERROR(INDEX(Jesper!AK$2:AK$366,ROUNDDOWN($C4574/24,0)+1,1)*INDEX($D$3:$AA$30,INDEX(Jesper!$R$2:$R$366,ROW(INDEX(Jesper!AK$2:AK$366,ROUNDDOWN($C4574/24,0)+1,1))-1)+IF('Standard Profiles'!$G$21=$B$10,7,0)+IF('Standard Profiles'!$G$21=$B$17,14,0)+IF('Standard Profiles'!$G$21=$B$24,21,0),MOD($C4574,24)+1)/SUM(INDEX($D$3:$AA$30,INDEX(Jesper!$R$2:$R$366,ROW(INDEX(Jesper!AK$2:AK$366,ROUNDDOWN($C4574/24,0)+1,1))-1)+IF('Standard Profiles'!$G$21=$B$10,7,0)+IF('Standard Profiles'!$G$21=$B$17,14,0)+IF('Standard Profiles'!$G$21=$B$24,21,0),0)),0)</f>
        <v>0.26559404783410684</v>
      </c>
      <c r="H4574" cm="1">
        <f t="array" ref="H4574">IFERROR(INDEX(Jesper!AL$2:AL$366,ROUNDDOWN($C4574/24,0)+1,1)*INDEX($D$3:$AA$30,INDEX(Jesper!$R$2:$R$366,ROW(INDEX(Jesper!AL$2:AL$366,ROUNDDOWN($C4574/24,0)+1,1))-1)+IF('Standard Profiles'!$G$22=$B$10,7,0)+IF('Standard Profiles'!$G$22=$B$17,14,0)+IF('Standard Profiles'!$G$22=$B$24,21,0),MOD($C4574,24)+1)/SUM(INDEX($D$3:$AA$30,INDEX(Jesper!$R$2:$R$366,ROW(INDEX(Jesper!AL$2:AL$366,ROUNDDOWN($C4574/24,0)+1,1))-1)+IF('Standard Profiles'!$G$22=$B$10,7,0)+IF('Standard Profiles'!$G$22=$B$17,14,0)+IF('Standard Profiles'!$G$22=$B$24,21,0),0)),0)</f>
        <v>0</v>
      </c>
      <c r="I4574">
        <f t="shared" si="510"/>
        <v>0</v>
      </c>
      <c r="J4574">
        <f t="shared" si="511"/>
        <v>3.4691791637510598</v>
      </c>
      <c r="K4574">
        <f t="shared" si="512"/>
        <v>0.2144524502297967</v>
      </c>
      <c r="L4574">
        <f t="shared" si="513"/>
        <v>0.10722622511489835</v>
      </c>
      <c r="M4574">
        <f t="shared" si="514"/>
        <v>0</v>
      </c>
      <c r="N4574" s="45">
        <f t="shared" si="515"/>
        <v>45116.166666655656</v>
      </c>
    </row>
    <row r="4575" spans="2:14" x14ac:dyDescent="0.25">
      <c r="B4575">
        <f t="shared" si="509"/>
        <v>7</v>
      </c>
      <c r="C4575" s="16">
        <v>4541</v>
      </c>
      <c r="D4575" cm="1">
        <f t="array" ref="D4575">IFERROR(INDEX(Jesper!AH$2:AH$366,ROUNDDOWN($C4575/24,0)+1,1)*INDEX($D$3:$AA$30,INDEX(Jesper!$R$2:$R$366,ROW(INDEX(Jesper!AH$2:AH$366,ROUNDDOWN($C4575/24,0)+1,1))-1)+IF('Standard Profiles'!$G$18=$B$10,7,0)+IF('Standard Profiles'!$G$18=$B$17,14,0)+IF('Standard Profiles'!$G$18=$B$24,21,0),MOD($C4575,24)+1)/SUM(INDEX($D$3:$AA$30,INDEX(Jesper!$R$2:$R$366,ROW(INDEX(Jesper!AH$2:AH$366,ROUNDDOWN($C4575/24,0)+1,1))-1)+IF('Standard Profiles'!$G$18=$B$10,7,0)+IF('Standard Profiles'!$G$18=$B$17,14,0)+IF('Standard Profiles'!$G$18=$B$24,21,0),0)),0)</f>
        <v>0</v>
      </c>
      <c r="E4575" cm="1">
        <f t="array" ref="E4575">IFERROR(INDEX(Jesper!AI$2:AI$366,ROUNDDOWN($C4575/24,0)+1,1)*INDEX($D$3:$AA$30,INDEX(Jesper!$R$2:$R$366,ROW(INDEX(Jesper!AI$2:AI$366,ROUNDDOWN($C4575/24,0)+1,1))-1)+IF('Standard Profiles'!$G$19=$B$10,7,0)+IF('Standard Profiles'!$G$19=$B$17,14,0)+IF('Standard Profiles'!$G$19=$B$24,21,0),MOD($C4575,24)+1)/SUM(INDEX($D$3:$AA$30,INDEX(Jesper!$R$2:$R$366,ROW(INDEX(Jesper!AI$2:AI$366,ROUNDDOWN($C4575/24,0)+1,1))-1)+IF('Standard Profiles'!$G$19=$B$10,7,0)+IF('Standard Profiles'!$G$19=$B$17,14,0)+IF('Standard Profiles'!$G$19=$B$24,21,0),0)),0)</f>
        <v>2.6806556278724587</v>
      </c>
      <c r="F4575" cm="1">
        <f t="array" ref="F4575">IFERROR(INDEX(Jesper!AJ$2:AJ$366,ROUNDDOWN($C4575/24,0)+1,1)*INDEX($D$3:$AA$30,INDEX(Jesper!$R$2:$R$366,ROW(INDEX(Jesper!AJ$2:AJ$366,ROUNDDOWN($C4575/24,0)+1,1))-1)+IF('Standard Profiles'!$G$20=$B$10,7,0)+IF('Standard Profiles'!$G$20=$B$17,14,0)+IF('Standard Profiles'!$G$20=$B$24,21,0),MOD($C4575,24)+1)/SUM(INDEX($D$3:$AA$30,INDEX(Jesper!$R$2:$R$366,ROW(INDEX(Jesper!AJ$2:AJ$366,ROUNDDOWN($C4575/24,0)+1,1))-1)+IF('Standard Profiles'!$G$20=$B$10,7,0)+IF('Standard Profiles'!$G$20=$B$17,14,0)+IF('Standard Profiles'!$G$20=$B$24,21,0),0)),0)</f>
        <v>0.84460816338918954</v>
      </c>
      <c r="G4575" cm="1">
        <f t="array" ref="G4575">IFERROR(INDEX(Jesper!AK$2:AK$366,ROUNDDOWN($C4575/24,0)+1,1)*INDEX($D$3:$AA$30,INDEX(Jesper!$R$2:$R$366,ROW(INDEX(Jesper!AK$2:AK$366,ROUNDDOWN($C4575/24,0)+1,1))-1)+IF('Standard Profiles'!$G$21=$B$10,7,0)+IF('Standard Profiles'!$G$21=$B$17,14,0)+IF('Standard Profiles'!$G$21=$B$24,21,0),MOD($C4575,24)+1)/SUM(INDEX($D$3:$AA$30,INDEX(Jesper!$R$2:$R$366,ROW(INDEX(Jesper!AK$2:AK$366,ROUNDDOWN($C4575/24,0)+1,1))-1)+IF('Standard Profiles'!$G$21=$B$10,7,0)+IF('Standard Profiles'!$G$21=$B$17,14,0)+IF('Standard Profiles'!$G$21=$B$24,21,0),0)),0)</f>
        <v>0.26559404783410684</v>
      </c>
      <c r="H4575" cm="1">
        <f t="array" ref="H4575">IFERROR(INDEX(Jesper!AL$2:AL$366,ROUNDDOWN($C4575/24,0)+1,1)*INDEX($D$3:$AA$30,INDEX(Jesper!$R$2:$R$366,ROW(INDEX(Jesper!AL$2:AL$366,ROUNDDOWN($C4575/24,0)+1,1))-1)+IF('Standard Profiles'!$G$22=$B$10,7,0)+IF('Standard Profiles'!$G$22=$B$17,14,0)+IF('Standard Profiles'!$G$22=$B$24,21,0),MOD($C4575,24)+1)/SUM(INDEX($D$3:$AA$30,INDEX(Jesper!$R$2:$R$366,ROW(INDEX(Jesper!AL$2:AL$366,ROUNDDOWN($C4575/24,0)+1,1))-1)+IF('Standard Profiles'!$G$22=$B$10,7,0)+IF('Standard Profiles'!$G$22=$B$17,14,0)+IF('Standard Profiles'!$G$22=$B$24,21,0),0)),0)</f>
        <v>0</v>
      </c>
      <c r="I4575">
        <f t="shared" si="510"/>
        <v>0</v>
      </c>
      <c r="J4575">
        <f t="shared" si="511"/>
        <v>3.4691791637510598</v>
      </c>
      <c r="K4575">
        <f t="shared" si="512"/>
        <v>0.2144524502297967</v>
      </c>
      <c r="L4575">
        <f t="shared" si="513"/>
        <v>0.10722622511489835</v>
      </c>
      <c r="M4575">
        <f t="shared" si="514"/>
        <v>0</v>
      </c>
      <c r="N4575" s="45">
        <f t="shared" si="515"/>
        <v>45116.20833332232</v>
      </c>
    </row>
    <row r="4576" spans="2:14" x14ac:dyDescent="0.25">
      <c r="B4576">
        <f t="shared" si="509"/>
        <v>7</v>
      </c>
      <c r="C4576" s="16">
        <v>4542</v>
      </c>
      <c r="D4576" cm="1">
        <f t="array" ref="D4576">IFERROR(INDEX(Jesper!AH$2:AH$366,ROUNDDOWN($C4576/24,0)+1,1)*INDEX($D$3:$AA$30,INDEX(Jesper!$R$2:$R$366,ROW(INDEX(Jesper!AH$2:AH$366,ROUNDDOWN($C4576/24,0)+1,1))-1)+IF('Standard Profiles'!$G$18=$B$10,7,0)+IF('Standard Profiles'!$G$18=$B$17,14,0)+IF('Standard Profiles'!$G$18=$B$24,21,0),MOD($C4576,24)+1)/SUM(INDEX($D$3:$AA$30,INDEX(Jesper!$R$2:$R$366,ROW(INDEX(Jesper!AH$2:AH$366,ROUNDDOWN($C4576/24,0)+1,1))-1)+IF('Standard Profiles'!$G$18=$B$10,7,0)+IF('Standard Profiles'!$G$18=$B$17,14,0)+IF('Standard Profiles'!$G$18=$B$24,21,0),0)),0)</f>
        <v>0</v>
      </c>
      <c r="E4576" cm="1">
        <f t="array" ref="E4576">IFERROR(INDEX(Jesper!AI$2:AI$366,ROUNDDOWN($C4576/24,0)+1,1)*INDEX($D$3:$AA$30,INDEX(Jesper!$R$2:$R$366,ROW(INDEX(Jesper!AI$2:AI$366,ROUNDDOWN($C4576/24,0)+1,1))-1)+IF('Standard Profiles'!$G$19=$B$10,7,0)+IF('Standard Profiles'!$G$19=$B$17,14,0)+IF('Standard Profiles'!$G$19=$B$24,21,0),MOD($C4576,24)+1)/SUM(INDEX($D$3:$AA$30,INDEX(Jesper!$R$2:$R$366,ROW(INDEX(Jesper!AI$2:AI$366,ROUNDDOWN($C4576/24,0)+1,1))-1)+IF('Standard Profiles'!$G$19=$B$10,7,0)+IF('Standard Profiles'!$G$19=$B$17,14,0)+IF('Standard Profiles'!$G$19=$B$24,21,0),0)),0)</f>
        <v>2.6806556278724587</v>
      </c>
      <c r="F4576" cm="1">
        <f t="array" ref="F4576">IFERROR(INDEX(Jesper!AJ$2:AJ$366,ROUNDDOWN($C4576/24,0)+1,1)*INDEX($D$3:$AA$30,INDEX(Jesper!$R$2:$R$366,ROW(INDEX(Jesper!AJ$2:AJ$366,ROUNDDOWN($C4576/24,0)+1,1))-1)+IF('Standard Profiles'!$G$20=$B$10,7,0)+IF('Standard Profiles'!$G$20=$B$17,14,0)+IF('Standard Profiles'!$G$20=$B$24,21,0),MOD($C4576,24)+1)/SUM(INDEX($D$3:$AA$30,INDEX(Jesper!$R$2:$R$366,ROW(INDEX(Jesper!AJ$2:AJ$366,ROUNDDOWN($C4576/24,0)+1,1))-1)+IF('Standard Profiles'!$G$20=$B$10,7,0)+IF('Standard Profiles'!$G$20=$B$17,14,0)+IF('Standard Profiles'!$G$20=$B$24,21,0),0)),0)</f>
        <v>0.84460816338918954</v>
      </c>
      <c r="G4576" cm="1">
        <f t="array" ref="G4576">IFERROR(INDEX(Jesper!AK$2:AK$366,ROUNDDOWN($C4576/24,0)+1,1)*INDEX($D$3:$AA$30,INDEX(Jesper!$R$2:$R$366,ROW(INDEX(Jesper!AK$2:AK$366,ROUNDDOWN($C4576/24,0)+1,1))-1)+IF('Standard Profiles'!$G$21=$B$10,7,0)+IF('Standard Profiles'!$G$21=$B$17,14,0)+IF('Standard Profiles'!$G$21=$B$24,21,0),MOD($C4576,24)+1)/SUM(INDEX($D$3:$AA$30,INDEX(Jesper!$R$2:$R$366,ROW(INDEX(Jesper!AK$2:AK$366,ROUNDDOWN($C4576/24,0)+1,1))-1)+IF('Standard Profiles'!$G$21=$B$10,7,0)+IF('Standard Profiles'!$G$21=$B$17,14,0)+IF('Standard Profiles'!$G$21=$B$24,21,0),0)),0)</f>
        <v>0.26559404783410684</v>
      </c>
      <c r="H4576" cm="1">
        <f t="array" ref="H4576">IFERROR(INDEX(Jesper!AL$2:AL$366,ROUNDDOWN($C4576/24,0)+1,1)*INDEX($D$3:$AA$30,INDEX(Jesper!$R$2:$R$366,ROW(INDEX(Jesper!AL$2:AL$366,ROUNDDOWN($C4576/24,0)+1,1))-1)+IF('Standard Profiles'!$G$22=$B$10,7,0)+IF('Standard Profiles'!$G$22=$B$17,14,0)+IF('Standard Profiles'!$G$22=$B$24,21,0),MOD($C4576,24)+1)/SUM(INDEX($D$3:$AA$30,INDEX(Jesper!$R$2:$R$366,ROW(INDEX(Jesper!AL$2:AL$366,ROUNDDOWN($C4576/24,0)+1,1))-1)+IF('Standard Profiles'!$G$22=$B$10,7,0)+IF('Standard Profiles'!$G$22=$B$17,14,0)+IF('Standard Profiles'!$G$22=$B$24,21,0),0)),0)</f>
        <v>0</v>
      </c>
      <c r="I4576">
        <f t="shared" si="510"/>
        <v>0</v>
      </c>
      <c r="J4576">
        <f t="shared" si="511"/>
        <v>3.4691791637510598</v>
      </c>
      <c r="K4576">
        <f t="shared" si="512"/>
        <v>0.2144524502297967</v>
      </c>
      <c r="L4576">
        <f t="shared" si="513"/>
        <v>0.10722622511489835</v>
      </c>
      <c r="M4576">
        <f t="shared" si="514"/>
        <v>0</v>
      </c>
      <c r="N4576" s="45">
        <f t="shared" si="515"/>
        <v>45116.249999988984</v>
      </c>
    </row>
    <row r="4577" spans="2:14" x14ac:dyDescent="0.25">
      <c r="B4577">
        <f t="shared" si="509"/>
        <v>7</v>
      </c>
      <c r="C4577" s="16">
        <v>4543</v>
      </c>
      <c r="D4577" cm="1">
        <f t="array" ref="D4577">IFERROR(INDEX(Jesper!AH$2:AH$366,ROUNDDOWN($C4577/24,0)+1,1)*INDEX($D$3:$AA$30,INDEX(Jesper!$R$2:$R$366,ROW(INDEX(Jesper!AH$2:AH$366,ROUNDDOWN($C4577/24,0)+1,1))-1)+IF('Standard Profiles'!$G$18=$B$10,7,0)+IF('Standard Profiles'!$G$18=$B$17,14,0)+IF('Standard Profiles'!$G$18=$B$24,21,0),MOD($C4577,24)+1)/SUM(INDEX($D$3:$AA$30,INDEX(Jesper!$R$2:$R$366,ROW(INDEX(Jesper!AH$2:AH$366,ROUNDDOWN($C4577/24,0)+1,1))-1)+IF('Standard Profiles'!$G$18=$B$10,7,0)+IF('Standard Profiles'!$G$18=$B$17,14,0)+IF('Standard Profiles'!$G$18=$B$24,21,0),0)),0)</f>
        <v>0</v>
      </c>
      <c r="E4577" cm="1">
        <f t="array" ref="E4577">IFERROR(INDEX(Jesper!AI$2:AI$366,ROUNDDOWN($C4577/24,0)+1,1)*INDEX($D$3:$AA$30,INDEX(Jesper!$R$2:$R$366,ROW(INDEX(Jesper!AI$2:AI$366,ROUNDDOWN($C4577/24,0)+1,1))-1)+IF('Standard Profiles'!$G$19=$B$10,7,0)+IF('Standard Profiles'!$G$19=$B$17,14,0)+IF('Standard Profiles'!$G$19=$B$24,21,0),MOD($C4577,24)+1)/SUM(INDEX($D$3:$AA$30,INDEX(Jesper!$R$2:$R$366,ROW(INDEX(Jesper!AI$2:AI$366,ROUNDDOWN($C4577/24,0)+1,1))-1)+IF('Standard Profiles'!$G$19=$B$10,7,0)+IF('Standard Profiles'!$G$19=$B$17,14,0)+IF('Standard Profiles'!$G$19=$B$24,21,0),0)),0)</f>
        <v>2.6806556278724587</v>
      </c>
      <c r="F4577" cm="1">
        <f t="array" ref="F4577">IFERROR(INDEX(Jesper!AJ$2:AJ$366,ROUNDDOWN($C4577/24,0)+1,1)*INDEX($D$3:$AA$30,INDEX(Jesper!$R$2:$R$366,ROW(INDEX(Jesper!AJ$2:AJ$366,ROUNDDOWN($C4577/24,0)+1,1))-1)+IF('Standard Profiles'!$G$20=$B$10,7,0)+IF('Standard Profiles'!$G$20=$B$17,14,0)+IF('Standard Profiles'!$G$20=$B$24,21,0),MOD($C4577,24)+1)/SUM(INDEX($D$3:$AA$30,INDEX(Jesper!$R$2:$R$366,ROW(INDEX(Jesper!AJ$2:AJ$366,ROUNDDOWN($C4577/24,0)+1,1))-1)+IF('Standard Profiles'!$G$20=$B$10,7,0)+IF('Standard Profiles'!$G$20=$B$17,14,0)+IF('Standard Profiles'!$G$20=$B$24,21,0),0)),0)</f>
        <v>0.84460816338918954</v>
      </c>
      <c r="G4577" cm="1">
        <f t="array" ref="G4577">IFERROR(INDEX(Jesper!AK$2:AK$366,ROUNDDOWN($C4577/24,0)+1,1)*INDEX($D$3:$AA$30,INDEX(Jesper!$R$2:$R$366,ROW(INDEX(Jesper!AK$2:AK$366,ROUNDDOWN($C4577/24,0)+1,1))-1)+IF('Standard Profiles'!$G$21=$B$10,7,0)+IF('Standard Profiles'!$G$21=$B$17,14,0)+IF('Standard Profiles'!$G$21=$B$24,21,0),MOD($C4577,24)+1)/SUM(INDEX($D$3:$AA$30,INDEX(Jesper!$R$2:$R$366,ROW(INDEX(Jesper!AK$2:AK$366,ROUNDDOWN($C4577/24,0)+1,1))-1)+IF('Standard Profiles'!$G$21=$B$10,7,0)+IF('Standard Profiles'!$G$21=$B$17,14,0)+IF('Standard Profiles'!$G$21=$B$24,21,0),0)),0)</f>
        <v>0.26559404783410684</v>
      </c>
      <c r="H4577" cm="1">
        <f t="array" ref="H4577">IFERROR(INDEX(Jesper!AL$2:AL$366,ROUNDDOWN($C4577/24,0)+1,1)*INDEX($D$3:$AA$30,INDEX(Jesper!$R$2:$R$366,ROW(INDEX(Jesper!AL$2:AL$366,ROUNDDOWN($C4577/24,0)+1,1))-1)+IF('Standard Profiles'!$G$22=$B$10,7,0)+IF('Standard Profiles'!$G$22=$B$17,14,0)+IF('Standard Profiles'!$G$22=$B$24,21,0),MOD($C4577,24)+1)/SUM(INDEX($D$3:$AA$30,INDEX(Jesper!$R$2:$R$366,ROW(INDEX(Jesper!AL$2:AL$366,ROUNDDOWN($C4577/24,0)+1,1))-1)+IF('Standard Profiles'!$G$22=$B$10,7,0)+IF('Standard Profiles'!$G$22=$B$17,14,0)+IF('Standard Profiles'!$G$22=$B$24,21,0),0)),0)</f>
        <v>0</v>
      </c>
      <c r="I4577">
        <f t="shared" si="510"/>
        <v>0</v>
      </c>
      <c r="J4577">
        <f t="shared" si="511"/>
        <v>3.4691791637510598</v>
      </c>
      <c r="K4577">
        <f t="shared" si="512"/>
        <v>0.2144524502297967</v>
      </c>
      <c r="L4577">
        <f t="shared" si="513"/>
        <v>0.10722622511489835</v>
      </c>
      <c r="M4577">
        <f t="shared" si="514"/>
        <v>0</v>
      </c>
      <c r="N4577" s="45">
        <f t="shared" si="515"/>
        <v>45116.291666655648</v>
      </c>
    </row>
    <row r="4578" spans="2:14" x14ac:dyDescent="0.25">
      <c r="B4578">
        <f t="shared" si="509"/>
        <v>7</v>
      </c>
      <c r="C4578" s="16">
        <v>4544</v>
      </c>
      <c r="D4578" cm="1">
        <f t="array" ref="D4578">IFERROR(INDEX(Jesper!AH$2:AH$366,ROUNDDOWN($C4578/24,0)+1,1)*INDEX($D$3:$AA$30,INDEX(Jesper!$R$2:$R$366,ROW(INDEX(Jesper!AH$2:AH$366,ROUNDDOWN($C4578/24,0)+1,1))-1)+IF('Standard Profiles'!$G$18=$B$10,7,0)+IF('Standard Profiles'!$G$18=$B$17,14,0)+IF('Standard Profiles'!$G$18=$B$24,21,0),MOD($C4578,24)+1)/SUM(INDEX($D$3:$AA$30,INDEX(Jesper!$R$2:$R$366,ROW(INDEX(Jesper!AH$2:AH$366,ROUNDDOWN($C4578/24,0)+1,1))-1)+IF('Standard Profiles'!$G$18=$B$10,7,0)+IF('Standard Profiles'!$G$18=$B$17,14,0)+IF('Standard Profiles'!$G$18=$B$24,21,0),0)),0)</f>
        <v>0</v>
      </c>
      <c r="E4578" cm="1">
        <f t="array" ref="E4578">IFERROR(INDEX(Jesper!AI$2:AI$366,ROUNDDOWN($C4578/24,0)+1,1)*INDEX($D$3:$AA$30,INDEX(Jesper!$R$2:$R$366,ROW(INDEX(Jesper!AI$2:AI$366,ROUNDDOWN($C4578/24,0)+1,1))-1)+IF('Standard Profiles'!$G$19=$B$10,7,0)+IF('Standard Profiles'!$G$19=$B$17,14,0)+IF('Standard Profiles'!$G$19=$B$24,21,0),MOD($C4578,24)+1)/SUM(INDEX($D$3:$AA$30,INDEX(Jesper!$R$2:$R$366,ROW(INDEX(Jesper!AI$2:AI$366,ROUNDDOWN($C4578/24,0)+1,1))-1)+IF('Standard Profiles'!$G$19=$B$10,7,0)+IF('Standard Profiles'!$G$19=$B$17,14,0)+IF('Standard Profiles'!$G$19=$B$24,21,0),0)),0)</f>
        <v>2.6806556278724587</v>
      </c>
      <c r="F4578" cm="1">
        <f t="array" ref="F4578">IFERROR(INDEX(Jesper!AJ$2:AJ$366,ROUNDDOWN($C4578/24,0)+1,1)*INDEX($D$3:$AA$30,INDEX(Jesper!$R$2:$R$366,ROW(INDEX(Jesper!AJ$2:AJ$366,ROUNDDOWN($C4578/24,0)+1,1))-1)+IF('Standard Profiles'!$G$20=$B$10,7,0)+IF('Standard Profiles'!$G$20=$B$17,14,0)+IF('Standard Profiles'!$G$20=$B$24,21,0),MOD($C4578,24)+1)/SUM(INDEX($D$3:$AA$30,INDEX(Jesper!$R$2:$R$366,ROW(INDEX(Jesper!AJ$2:AJ$366,ROUNDDOWN($C4578/24,0)+1,1))-1)+IF('Standard Profiles'!$G$20=$B$10,7,0)+IF('Standard Profiles'!$G$20=$B$17,14,0)+IF('Standard Profiles'!$G$20=$B$24,21,0),0)),0)</f>
        <v>0.84460816338918954</v>
      </c>
      <c r="G4578" cm="1">
        <f t="array" ref="G4578">IFERROR(INDEX(Jesper!AK$2:AK$366,ROUNDDOWN($C4578/24,0)+1,1)*INDEX($D$3:$AA$30,INDEX(Jesper!$R$2:$R$366,ROW(INDEX(Jesper!AK$2:AK$366,ROUNDDOWN($C4578/24,0)+1,1))-1)+IF('Standard Profiles'!$G$21=$B$10,7,0)+IF('Standard Profiles'!$G$21=$B$17,14,0)+IF('Standard Profiles'!$G$21=$B$24,21,0),MOD($C4578,24)+1)/SUM(INDEX($D$3:$AA$30,INDEX(Jesper!$R$2:$R$366,ROW(INDEX(Jesper!AK$2:AK$366,ROUNDDOWN($C4578/24,0)+1,1))-1)+IF('Standard Profiles'!$G$21=$B$10,7,0)+IF('Standard Profiles'!$G$21=$B$17,14,0)+IF('Standard Profiles'!$G$21=$B$24,21,0),0)),0)</f>
        <v>0.26559404783410684</v>
      </c>
      <c r="H4578" cm="1">
        <f t="array" ref="H4578">IFERROR(INDEX(Jesper!AL$2:AL$366,ROUNDDOWN($C4578/24,0)+1,1)*INDEX($D$3:$AA$30,INDEX(Jesper!$R$2:$R$366,ROW(INDEX(Jesper!AL$2:AL$366,ROUNDDOWN($C4578/24,0)+1,1))-1)+IF('Standard Profiles'!$G$22=$B$10,7,0)+IF('Standard Profiles'!$G$22=$B$17,14,0)+IF('Standard Profiles'!$G$22=$B$24,21,0),MOD($C4578,24)+1)/SUM(INDEX($D$3:$AA$30,INDEX(Jesper!$R$2:$R$366,ROW(INDEX(Jesper!AL$2:AL$366,ROUNDDOWN($C4578/24,0)+1,1))-1)+IF('Standard Profiles'!$G$22=$B$10,7,0)+IF('Standard Profiles'!$G$22=$B$17,14,0)+IF('Standard Profiles'!$G$22=$B$24,21,0),0)),0)</f>
        <v>0</v>
      </c>
      <c r="I4578">
        <f t="shared" si="510"/>
        <v>0</v>
      </c>
      <c r="J4578">
        <f t="shared" si="511"/>
        <v>3.4691791637510598</v>
      </c>
      <c r="K4578">
        <f t="shared" si="512"/>
        <v>0.2144524502297967</v>
      </c>
      <c r="L4578">
        <f t="shared" si="513"/>
        <v>0.10722622511489835</v>
      </c>
      <c r="M4578">
        <f t="shared" si="514"/>
        <v>0</v>
      </c>
      <c r="N4578" s="45">
        <f t="shared" si="515"/>
        <v>45116.333333322313</v>
      </c>
    </row>
    <row r="4579" spans="2:14" x14ac:dyDescent="0.25">
      <c r="B4579">
        <f t="shared" ref="B4579:B4642" si="516">WEEKDAY(N4579,2)</f>
        <v>7</v>
      </c>
      <c r="C4579" s="16">
        <v>4545</v>
      </c>
      <c r="D4579" cm="1">
        <f t="array" ref="D4579">IFERROR(INDEX(Jesper!AH$2:AH$366,ROUNDDOWN($C4579/24,0)+1,1)*INDEX($D$3:$AA$30,INDEX(Jesper!$R$2:$R$366,ROW(INDEX(Jesper!AH$2:AH$366,ROUNDDOWN($C4579/24,0)+1,1))-1)+IF('Standard Profiles'!$G$18=$B$10,7,0)+IF('Standard Profiles'!$G$18=$B$17,14,0)+IF('Standard Profiles'!$G$18=$B$24,21,0),MOD($C4579,24)+1)/SUM(INDEX($D$3:$AA$30,INDEX(Jesper!$R$2:$R$366,ROW(INDEX(Jesper!AH$2:AH$366,ROUNDDOWN($C4579/24,0)+1,1))-1)+IF('Standard Profiles'!$G$18=$B$10,7,0)+IF('Standard Profiles'!$G$18=$B$17,14,0)+IF('Standard Profiles'!$G$18=$B$24,21,0),0)),0)</f>
        <v>0</v>
      </c>
      <c r="E4579" cm="1">
        <f t="array" ref="E4579">IFERROR(INDEX(Jesper!AI$2:AI$366,ROUNDDOWN($C4579/24,0)+1,1)*INDEX($D$3:$AA$30,INDEX(Jesper!$R$2:$R$366,ROW(INDEX(Jesper!AI$2:AI$366,ROUNDDOWN($C4579/24,0)+1,1))-1)+IF('Standard Profiles'!$G$19=$B$10,7,0)+IF('Standard Profiles'!$G$19=$B$17,14,0)+IF('Standard Profiles'!$G$19=$B$24,21,0),MOD($C4579,24)+1)/SUM(INDEX($D$3:$AA$30,INDEX(Jesper!$R$2:$R$366,ROW(INDEX(Jesper!AI$2:AI$366,ROUNDDOWN($C4579/24,0)+1,1))-1)+IF('Standard Profiles'!$G$19=$B$10,7,0)+IF('Standard Profiles'!$G$19=$B$17,14,0)+IF('Standard Profiles'!$G$19=$B$24,21,0),0)),0)</f>
        <v>2.6806556278724587</v>
      </c>
      <c r="F4579" cm="1">
        <f t="array" ref="F4579">IFERROR(INDEX(Jesper!AJ$2:AJ$366,ROUNDDOWN($C4579/24,0)+1,1)*INDEX($D$3:$AA$30,INDEX(Jesper!$R$2:$R$366,ROW(INDEX(Jesper!AJ$2:AJ$366,ROUNDDOWN($C4579/24,0)+1,1))-1)+IF('Standard Profiles'!$G$20=$B$10,7,0)+IF('Standard Profiles'!$G$20=$B$17,14,0)+IF('Standard Profiles'!$G$20=$B$24,21,0),MOD($C4579,24)+1)/SUM(INDEX($D$3:$AA$30,INDEX(Jesper!$R$2:$R$366,ROW(INDEX(Jesper!AJ$2:AJ$366,ROUNDDOWN($C4579/24,0)+1,1))-1)+IF('Standard Profiles'!$G$20=$B$10,7,0)+IF('Standard Profiles'!$G$20=$B$17,14,0)+IF('Standard Profiles'!$G$20=$B$24,21,0),0)),0)</f>
        <v>0.84460816338918954</v>
      </c>
      <c r="G4579" cm="1">
        <f t="array" ref="G4579">IFERROR(INDEX(Jesper!AK$2:AK$366,ROUNDDOWN($C4579/24,0)+1,1)*INDEX($D$3:$AA$30,INDEX(Jesper!$R$2:$R$366,ROW(INDEX(Jesper!AK$2:AK$366,ROUNDDOWN($C4579/24,0)+1,1))-1)+IF('Standard Profiles'!$G$21=$B$10,7,0)+IF('Standard Profiles'!$G$21=$B$17,14,0)+IF('Standard Profiles'!$G$21=$B$24,21,0),MOD($C4579,24)+1)/SUM(INDEX($D$3:$AA$30,INDEX(Jesper!$R$2:$R$366,ROW(INDEX(Jesper!AK$2:AK$366,ROUNDDOWN($C4579/24,0)+1,1))-1)+IF('Standard Profiles'!$G$21=$B$10,7,0)+IF('Standard Profiles'!$G$21=$B$17,14,0)+IF('Standard Profiles'!$G$21=$B$24,21,0),0)),0)</f>
        <v>0.26559404783410684</v>
      </c>
      <c r="H4579" cm="1">
        <f t="array" ref="H4579">IFERROR(INDEX(Jesper!AL$2:AL$366,ROUNDDOWN($C4579/24,0)+1,1)*INDEX($D$3:$AA$30,INDEX(Jesper!$R$2:$R$366,ROW(INDEX(Jesper!AL$2:AL$366,ROUNDDOWN($C4579/24,0)+1,1))-1)+IF('Standard Profiles'!$G$22=$B$10,7,0)+IF('Standard Profiles'!$G$22=$B$17,14,0)+IF('Standard Profiles'!$G$22=$B$24,21,0),MOD($C4579,24)+1)/SUM(INDEX($D$3:$AA$30,INDEX(Jesper!$R$2:$R$366,ROW(INDEX(Jesper!AL$2:AL$366,ROUNDDOWN($C4579/24,0)+1,1))-1)+IF('Standard Profiles'!$G$22=$B$10,7,0)+IF('Standard Profiles'!$G$22=$B$17,14,0)+IF('Standard Profiles'!$G$22=$B$24,21,0),0)),0)</f>
        <v>0</v>
      </c>
      <c r="I4579">
        <f t="shared" ref="I4579:I4642" si="517">IF($B4579&lt;6,AC$37*$D4579+AC$38*$E4579+AC$39*$F4579+AC$40*$G4579,AC$46*$D4579+AC$47*$E4579+AC$48*$F4579+AC$49*$G4579+AC$50*$H4579)</f>
        <v>0</v>
      </c>
      <c r="J4579">
        <f t="shared" ref="J4579:J4642" si="518">IF($B4579&lt;6,AD$37*$D4579+AD$38*$E4579+AD$39*$F4579+AD$40*$G4579,AD$46*$D4579+AD$47*$E4579+AD$48*$F4579+AD$49*$G4579+AD$50*$H4579)</f>
        <v>3.4691791637510598</v>
      </c>
      <c r="K4579">
        <f t="shared" ref="K4579:K4642" si="519">IF($B4579&lt;6,AE$37*$D4579+AE$38*$E4579+AE$39*$F4579+AE$40*$G4579,AE$46*$D4579+AE$47*$E4579+AE$48*$F4579+AE$49*$G4579+AE$50*$H4579)</f>
        <v>0.2144524502297967</v>
      </c>
      <c r="L4579">
        <f t="shared" ref="L4579:L4642" si="520">IF($B4579&lt;6,AF$37*$D4579+AF$38*$E4579+AF$39*$F4579+AF$40*$G4579,AF$46*$D4579+AF$47*$E4579+AF$48*$F4579+AF$49*$G4579+AF$50*$H4579)</f>
        <v>0.10722622511489835</v>
      </c>
      <c r="M4579">
        <f t="shared" ref="M4579:M4642" si="521">IF($B4579&lt;6,AG$37*$D4579+AG$38*$E4579+AG$39*$F4579+AG$40*$G4579,AG$46*$D4579+AG$47*$E4579+AG$48*$F4579+AG$49*$G4579+AG$50*$H4579)</f>
        <v>0</v>
      </c>
      <c r="N4579" s="45">
        <f t="shared" si="515"/>
        <v>45116.374999988977</v>
      </c>
    </row>
    <row r="4580" spans="2:14" x14ac:dyDescent="0.25">
      <c r="B4580">
        <f t="shared" si="516"/>
        <v>7</v>
      </c>
      <c r="C4580" s="16">
        <v>4546</v>
      </c>
      <c r="D4580" cm="1">
        <f t="array" ref="D4580">IFERROR(INDEX(Jesper!AH$2:AH$366,ROUNDDOWN($C4580/24,0)+1,1)*INDEX($D$3:$AA$30,INDEX(Jesper!$R$2:$R$366,ROW(INDEX(Jesper!AH$2:AH$366,ROUNDDOWN($C4580/24,0)+1,1))-1)+IF('Standard Profiles'!$G$18=$B$10,7,0)+IF('Standard Profiles'!$G$18=$B$17,14,0)+IF('Standard Profiles'!$G$18=$B$24,21,0),MOD($C4580,24)+1)/SUM(INDEX($D$3:$AA$30,INDEX(Jesper!$R$2:$R$366,ROW(INDEX(Jesper!AH$2:AH$366,ROUNDDOWN($C4580/24,0)+1,1))-1)+IF('Standard Profiles'!$G$18=$B$10,7,0)+IF('Standard Profiles'!$G$18=$B$17,14,0)+IF('Standard Profiles'!$G$18=$B$24,21,0),0)),0)</f>
        <v>0</v>
      </c>
      <c r="E4580" cm="1">
        <f t="array" ref="E4580">IFERROR(INDEX(Jesper!AI$2:AI$366,ROUNDDOWN($C4580/24,0)+1,1)*INDEX($D$3:$AA$30,INDEX(Jesper!$R$2:$R$366,ROW(INDEX(Jesper!AI$2:AI$366,ROUNDDOWN($C4580/24,0)+1,1))-1)+IF('Standard Profiles'!$G$19=$B$10,7,0)+IF('Standard Profiles'!$G$19=$B$17,14,0)+IF('Standard Profiles'!$G$19=$B$24,21,0),MOD($C4580,24)+1)/SUM(INDEX($D$3:$AA$30,INDEX(Jesper!$R$2:$R$366,ROW(INDEX(Jesper!AI$2:AI$366,ROUNDDOWN($C4580/24,0)+1,1))-1)+IF('Standard Profiles'!$G$19=$B$10,7,0)+IF('Standard Profiles'!$G$19=$B$17,14,0)+IF('Standard Profiles'!$G$19=$B$24,21,0),0)),0)</f>
        <v>2.6806556278724587</v>
      </c>
      <c r="F4580" cm="1">
        <f t="array" ref="F4580">IFERROR(INDEX(Jesper!AJ$2:AJ$366,ROUNDDOWN($C4580/24,0)+1,1)*INDEX($D$3:$AA$30,INDEX(Jesper!$R$2:$R$366,ROW(INDEX(Jesper!AJ$2:AJ$366,ROUNDDOWN($C4580/24,0)+1,1))-1)+IF('Standard Profiles'!$G$20=$B$10,7,0)+IF('Standard Profiles'!$G$20=$B$17,14,0)+IF('Standard Profiles'!$G$20=$B$24,21,0),MOD($C4580,24)+1)/SUM(INDEX($D$3:$AA$30,INDEX(Jesper!$R$2:$R$366,ROW(INDEX(Jesper!AJ$2:AJ$366,ROUNDDOWN($C4580/24,0)+1,1))-1)+IF('Standard Profiles'!$G$20=$B$10,7,0)+IF('Standard Profiles'!$G$20=$B$17,14,0)+IF('Standard Profiles'!$G$20=$B$24,21,0),0)),0)</f>
        <v>0.84460816338918954</v>
      </c>
      <c r="G4580" cm="1">
        <f t="array" ref="G4580">IFERROR(INDEX(Jesper!AK$2:AK$366,ROUNDDOWN($C4580/24,0)+1,1)*INDEX($D$3:$AA$30,INDEX(Jesper!$R$2:$R$366,ROW(INDEX(Jesper!AK$2:AK$366,ROUNDDOWN($C4580/24,0)+1,1))-1)+IF('Standard Profiles'!$G$21=$B$10,7,0)+IF('Standard Profiles'!$G$21=$B$17,14,0)+IF('Standard Profiles'!$G$21=$B$24,21,0),MOD($C4580,24)+1)/SUM(INDEX($D$3:$AA$30,INDEX(Jesper!$R$2:$R$366,ROW(INDEX(Jesper!AK$2:AK$366,ROUNDDOWN($C4580/24,0)+1,1))-1)+IF('Standard Profiles'!$G$21=$B$10,7,0)+IF('Standard Profiles'!$G$21=$B$17,14,0)+IF('Standard Profiles'!$G$21=$B$24,21,0),0)),0)</f>
        <v>0.26559404783410684</v>
      </c>
      <c r="H4580" cm="1">
        <f t="array" ref="H4580">IFERROR(INDEX(Jesper!AL$2:AL$366,ROUNDDOWN($C4580/24,0)+1,1)*INDEX($D$3:$AA$30,INDEX(Jesper!$R$2:$R$366,ROW(INDEX(Jesper!AL$2:AL$366,ROUNDDOWN($C4580/24,0)+1,1))-1)+IF('Standard Profiles'!$G$22=$B$10,7,0)+IF('Standard Profiles'!$G$22=$B$17,14,0)+IF('Standard Profiles'!$G$22=$B$24,21,0),MOD($C4580,24)+1)/SUM(INDEX($D$3:$AA$30,INDEX(Jesper!$R$2:$R$366,ROW(INDEX(Jesper!AL$2:AL$366,ROUNDDOWN($C4580/24,0)+1,1))-1)+IF('Standard Profiles'!$G$22=$B$10,7,0)+IF('Standard Profiles'!$G$22=$B$17,14,0)+IF('Standard Profiles'!$G$22=$B$24,21,0),0)),0)</f>
        <v>0</v>
      </c>
      <c r="I4580">
        <f t="shared" si="517"/>
        <v>0</v>
      </c>
      <c r="J4580">
        <f t="shared" si="518"/>
        <v>3.4691791637510598</v>
      </c>
      <c r="K4580">
        <f t="shared" si="519"/>
        <v>0.2144524502297967</v>
      </c>
      <c r="L4580">
        <f t="shared" si="520"/>
        <v>0.10722622511489835</v>
      </c>
      <c r="M4580">
        <f t="shared" si="521"/>
        <v>0</v>
      </c>
      <c r="N4580" s="45">
        <f t="shared" ref="N4580:N4643" si="522">N4579+1/24</f>
        <v>45116.416666655641</v>
      </c>
    </row>
    <row r="4581" spans="2:14" x14ac:dyDescent="0.25">
      <c r="B4581">
        <f t="shared" si="516"/>
        <v>7</v>
      </c>
      <c r="C4581" s="16">
        <v>4547</v>
      </c>
      <c r="D4581" cm="1">
        <f t="array" ref="D4581">IFERROR(INDEX(Jesper!AH$2:AH$366,ROUNDDOWN($C4581/24,0)+1,1)*INDEX($D$3:$AA$30,INDEX(Jesper!$R$2:$R$366,ROW(INDEX(Jesper!AH$2:AH$366,ROUNDDOWN($C4581/24,0)+1,1))-1)+IF('Standard Profiles'!$G$18=$B$10,7,0)+IF('Standard Profiles'!$G$18=$B$17,14,0)+IF('Standard Profiles'!$G$18=$B$24,21,0),MOD($C4581,24)+1)/SUM(INDEX($D$3:$AA$30,INDEX(Jesper!$R$2:$R$366,ROW(INDEX(Jesper!AH$2:AH$366,ROUNDDOWN($C4581/24,0)+1,1))-1)+IF('Standard Profiles'!$G$18=$B$10,7,0)+IF('Standard Profiles'!$G$18=$B$17,14,0)+IF('Standard Profiles'!$G$18=$B$24,21,0),0)),0)</f>
        <v>0</v>
      </c>
      <c r="E4581" cm="1">
        <f t="array" ref="E4581">IFERROR(INDEX(Jesper!AI$2:AI$366,ROUNDDOWN($C4581/24,0)+1,1)*INDEX($D$3:$AA$30,INDEX(Jesper!$R$2:$R$366,ROW(INDEX(Jesper!AI$2:AI$366,ROUNDDOWN($C4581/24,0)+1,1))-1)+IF('Standard Profiles'!$G$19=$B$10,7,0)+IF('Standard Profiles'!$G$19=$B$17,14,0)+IF('Standard Profiles'!$G$19=$B$24,21,0),MOD($C4581,24)+1)/SUM(INDEX($D$3:$AA$30,INDEX(Jesper!$R$2:$R$366,ROW(INDEX(Jesper!AI$2:AI$366,ROUNDDOWN($C4581/24,0)+1,1))-1)+IF('Standard Profiles'!$G$19=$B$10,7,0)+IF('Standard Profiles'!$G$19=$B$17,14,0)+IF('Standard Profiles'!$G$19=$B$24,21,0),0)),0)</f>
        <v>2.6806556278724587</v>
      </c>
      <c r="F4581" cm="1">
        <f t="array" ref="F4581">IFERROR(INDEX(Jesper!AJ$2:AJ$366,ROUNDDOWN($C4581/24,0)+1,1)*INDEX($D$3:$AA$30,INDEX(Jesper!$R$2:$R$366,ROW(INDEX(Jesper!AJ$2:AJ$366,ROUNDDOWN($C4581/24,0)+1,1))-1)+IF('Standard Profiles'!$G$20=$B$10,7,0)+IF('Standard Profiles'!$G$20=$B$17,14,0)+IF('Standard Profiles'!$G$20=$B$24,21,0),MOD($C4581,24)+1)/SUM(INDEX($D$3:$AA$30,INDEX(Jesper!$R$2:$R$366,ROW(INDEX(Jesper!AJ$2:AJ$366,ROUNDDOWN($C4581/24,0)+1,1))-1)+IF('Standard Profiles'!$G$20=$B$10,7,0)+IF('Standard Profiles'!$G$20=$B$17,14,0)+IF('Standard Profiles'!$G$20=$B$24,21,0),0)),0)</f>
        <v>0.84460816338918954</v>
      </c>
      <c r="G4581" cm="1">
        <f t="array" ref="G4581">IFERROR(INDEX(Jesper!AK$2:AK$366,ROUNDDOWN($C4581/24,0)+1,1)*INDEX($D$3:$AA$30,INDEX(Jesper!$R$2:$R$366,ROW(INDEX(Jesper!AK$2:AK$366,ROUNDDOWN($C4581/24,0)+1,1))-1)+IF('Standard Profiles'!$G$21=$B$10,7,0)+IF('Standard Profiles'!$G$21=$B$17,14,0)+IF('Standard Profiles'!$G$21=$B$24,21,0),MOD($C4581,24)+1)/SUM(INDEX($D$3:$AA$30,INDEX(Jesper!$R$2:$R$366,ROW(INDEX(Jesper!AK$2:AK$366,ROUNDDOWN($C4581/24,0)+1,1))-1)+IF('Standard Profiles'!$G$21=$B$10,7,0)+IF('Standard Profiles'!$G$21=$B$17,14,0)+IF('Standard Profiles'!$G$21=$B$24,21,0),0)),0)</f>
        <v>0.26559404783410684</v>
      </c>
      <c r="H4581" cm="1">
        <f t="array" ref="H4581">IFERROR(INDEX(Jesper!AL$2:AL$366,ROUNDDOWN($C4581/24,0)+1,1)*INDEX($D$3:$AA$30,INDEX(Jesper!$R$2:$R$366,ROW(INDEX(Jesper!AL$2:AL$366,ROUNDDOWN($C4581/24,0)+1,1))-1)+IF('Standard Profiles'!$G$22=$B$10,7,0)+IF('Standard Profiles'!$G$22=$B$17,14,0)+IF('Standard Profiles'!$G$22=$B$24,21,0),MOD($C4581,24)+1)/SUM(INDEX($D$3:$AA$30,INDEX(Jesper!$R$2:$R$366,ROW(INDEX(Jesper!AL$2:AL$366,ROUNDDOWN($C4581/24,0)+1,1))-1)+IF('Standard Profiles'!$G$22=$B$10,7,0)+IF('Standard Profiles'!$G$22=$B$17,14,0)+IF('Standard Profiles'!$G$22=$B$24,21,0),0)),0)</f>
        <v>0</v>
      </c>
      <c r="I4581">
        <f t="shared" si="517"/>
        <v>0</v>
      </c>
      <c r="J4581">
        <f t="shared" si="518"/>
        <v>3.4691791637510598</v>
      </c>
      <c r="K4581">
        <f t="shared" si="519"/>
        <v>0.2144524502297967</v>
      </c>
      <c r="L4581">
        <f t="shared" si="520"/>
        <v>0.10722622511489835</v>
      </c>
      <c r="M4581">
        <f t="shared" si="521"/>
        <v>0</v>
      </c>
      <c r="N4581" s="45">
        <f t="shared" si="522"/>
        <v>45116.458333322305</v>
      </c>
    </row>
    <row r="4582" spans="2:14" x14ac:dyDescent="0.25">
      <c r="B4582">
        <f t="shared" si="516"/>
        <v>7</v>
      </c>
      <c r="C4582" s="16">
        <v>4548</v>
      </c>
      <c r="D4582" cm="1">
        <f t="array" ref="D4582">IFERROR(INDEX(Jesper!AH$2:AH$366,ROUNDDOWN($C4582/24,0)+1,1)*INDEX($D$3:$AA$30,INDEX(Jesper!$R$2:$R$366,ROW(INDEX(Jesper!AH$2:AH$366,ROUNDDOWN($C4582/24,0)+1,1))-1)+IF('Standard Profiles'!$G$18=$B$10,7,0)+IF('Standard Profiles'!$G$18=$B$17,14,0)+IF('Standard Profiles'!$G$18=$B$24,21,0),MOD($C4582,24)+1)/SUM(INDEX($D$3:$AA$30,INDEX(Jesper!$R$2:$R$366,ROW(INDEX(Jesper!AH$2:AH$366,ROUNDDOWN($C4582/24,0)+1,1))-1)+IF('Standard Profiles'!$G$18=$B$10,7,0)+IF('Standard Profiles'!$G$18=$B$17,14,0)+IF('Standard Profiles'!$G$18=$B$24,21,0),0)),0)</f>
        <v>0</v>
      </c>
      <c r="E4582" cm="1">
        <f t="array" ref="E4582">IFERROR(INDEX(Jesper!AI$2:AI$366,ROUNDDOWN($C4582/24,0)+1,1)*INDEX($D$3:$AA$30,INDEX(Jesper!$R$2:$R$366,ROW(INDEX(Jesper!AI$2:AI$366,ROUNDDOWN($C4582/24,0)+1,1))-1)+IF('Standard Profiles'!$G$19=$B$10,7,0)+IF('Standard Profiles'!$G$19=$B$17,14,0)+IF('Standard Profiles'!$G$19=$B$24,21,0),MOD($C4582,24)+1)/SUM(INDEX($D$3:$AA$30,INDEX(Jesper!$R$2:$R$366,ROW(INDEX(Jesper!AI$2:AI$366,ROUNDDOWN($C4582/24,0)+1,1))-1)+IF('Standard Profiles'!$G$19=$B$10,7,0)+IF('Standard Profiles'!$G$19=$B$17,14,0)+IF('Standard Profiles'!$G$19=$B$24,21,0),0)),0)</f>
        <v>2.6806556278724587</v>
      </c>
      <c r="F4582" cm="1">
        <f t="array" ref="F4582">IFERROR(INDEX(Jesper!AJ$2:AJ$366,ROUNDDOWN($C4582/24,0)+1,1)*INDEX($D$3:$AA$30,INDEX(Jesper!$R$2:$R$366,ROW(INDEX(Jesper!AJ$2:AJ$366,ROUNDDOWN($C4582/24,0)+1,1))-1)+IF('Standard Profiles'!$G$20=$B$10,7,0)+IF('Standard Profiles'!$G$20=$B$17,14,0)+IF('Standard Profiles'!$G$20=$B$24,21,0),MOD($C4582,24)+1)/SUM(INDEX($D$3:$AA$30,INDEX(Jesper!$R$2:$R$366,ROW(INDEX(Jesper!AJ$2:AJ$366,ROUNDDOWN($C4582/24,0)+1,1))-1)+IF('Standard Profiles'!$G$20=$B$10,7,0)+IF('Standard Profiles'!$G$20=$B$17,14,0)+IF('Standard Profiles'!$G$20=$B$24,21,0),0)),0)</f>
        <v>0.84460816338918954</v>
      </c>
      <c r="G4582" cm="1">
        <f t="array" ref="G4582">IFERROR(INDEX(Jesper!AK$2:AK$366,ROUNDDOWN($C4582/24,0)+1,1)*INDEX($D$3:$AA$30,INDEX(Jesper!$R$2:$R$366,ROW(INDEX(Jesper!AK$2:AK$366,ROUNDDOWN($C4582/24,0)+1,1))-1)+IF('Standard Profiles'!$G$21=$B$10,7,0)+IF('Standard Profiles'!$G$21=$B$17,14,0)+IF('Standard Profiles'!$G$21=$B$24,21,0),MOD($C4582,24)+1)/SUM(INDEX($D$3:$AA$30,INDEX(Jesper!$R$2:$R$366,ROW(INDEX(Jesper!AK$2:AK$366,ROUNDDOWN($C4582/24,0)+1,1))-1)+IF('Standard Profiles'!$G$21=$B$10,7,0)+IF('Standard Profiles'!$G$21=$B$17,14,0)+IF('Standard Profiles'!$G$21=$B$24,21,0),0)),0)</f>
        <v>0.26559404783410684</v>
      </c>
      <c r="H4582" cm="1">
        <f t="array" ref="H4582">IFERROR(INDEX(Jesper!AL$2:AL$366,ROUNDDOWN($C4582/24,0)+1,1)*INDEX($D$3:$AA$30,INDEX(Jesper!$R$2:$R$366,ROW(INDEX(Jesper!AL$2:AL$366,ROUNDDOWN($C4582/24,0)+1,1))-1)+IF('Standard Profiles'!$G$22=$B$10,7,0)+IF('Standard Profiles'!$G$22=$B$17,14,0)+IF('Standard Profiles'!$G$22=$B$24,21,0),MOD($C4582,24)+1)/SUM(INDEX($D$3:$AA$30,INDEX(Jesper!$R$2:$R$366,ROW(INDEX(Jesper!AL$2:AL$366,ROUNDDOWN($C4582/24,0)+1,1))-1)+IF('Standard Profiles'!$G$22=$B$10,7,0)+IF('Standard Profiles'!$G$22=$B$17,14,0)+IF('Standard Profiles'!$G$22=$B$24,21,0),0)),0)</f>
        <v>0</v>
      </c>
      <c r="I4582">
        <f t="shared" si="517"/>
        <v>0</v>
      </c>
      <c r="J4582">
        <f t="shared" si="518"/>
        <v>3.4691791637510598</v>
      </c>
      <c r="K4582">
        <f t="shared" si="519"/>
        <v>0.2144524502297967</v>
      </c>
      <c r="L4582">
        <f t="shared" si="520"/>
        <v>0.10722622511489835</v>
      </c>
      <c r="M4582">
        <f t="shared" si="521"/>
        <v>0</v>
      </c>
      <c r="N4582" s="45">
        <f t="shared" si="522"/>
        <v>45116.49999998897</v>
      </c>
    </row>
    <row r="4583" spans="2:14" x14ac:dyDescent="0.25">
      <c r="B4583">
        <f t="shared" si="516"/>
        <v>7</v>
      </c>
      <c r="C4583" s="16">
        <v>4549</v>
      </c>
      <c r="D4583" cm="1">
        <f t="array" ref="D4583">IFERROR(INDEX(Jesper!AH$2:AH$366,ROUNDDOWN($C4583/24,0)+1,1)*INDEX($D$3:$AA$30,INDEX(Jesper!$R$2:$R$366,ROW(INDEX(Jesper!AH$2:AH$366,ROUNDDOWN($C4583/24,0)+1,1))-1)+IF('Standard Profiles'!$G$18=$B$10,7,0)+IF('Standard Profiles'!$G$18=$B$17,14,0)+IF('Standard Profiles'!$G$18=$B$24,21,0),MOD($C4583,24)+1)/SUM(INDEX($D$3:$AA$30,INDEX(Jesper!$R$2:$R$366,ROW(INDEX(Jesper!AH$2:AH$366,ROUNDDOWN($C4583/24,0)+1,1))-1)+IF('Standard Profiles'!$G$18=$B$10,7,0)+IF('Standard Profiles'!$G$18=$B$17,14,0)+IF('Standard Profiles'!$G$18=$B$24,21,0),0)),0)</f>
        <v>0</v>
      </c>
      <c r="E4583" cm="1">
        <f t="array" ref="E4583">IFERROR(INDEX(Jesper!AI$2:AI$366,ROUNDDOWN($C4583/24,0)+1,1)*INDEX($D$3:$AA$30,INDEX(Jesper!$R$2:$R$366,ROW(INDEX(Jesper!AI$2:AI$366,ROUNDDOWN($C4583/24,0)+1,1))-1)+IF('Standard Profiles'!$G$19=$B$10,7,0)+IF('Standard Profiles'!$G$19=$B$17,14,0)+IF('Standard Profiles'!$G$19=$B$24,21,0),MOD($C4583,24)+1)/SUM(INDEX($D$3:$AA$30,INDEX(Jesper!$R$2:$R$366,ROW(INDEX(Jesper!AI$2:AI$366,ROUNDDOWN($C4583/24,0)+1,1))-1)+IF('Standard Profiles'!$G$19=$B$10,7,0)+IF('Standard Profiles'!$G$19=$B$17,14,0)+IF('Standard Profiles'!$G$19=$B$24,21,0),0)),0)</f>
        <v>2.6806556278724587</v>
      </c>
      <c r="F4583" cm="1">
        <f t="array" ref="F4583">IFERROR(INDEX(Jesper!AJ$2:AJ$366,ROUNDDOWN($C4583/24,0)+1,1)*INDEX($D$3:$AA$30,INDEX(Jesper!$R$2:$R$366,ROW(INDEX(Jesper!AJ$2:AJ$366,ROUNDDOWN($C4583/24,0)+1,1))-1)+IF('Standard Profiles'!$G$20=$B$10,7,0)+IF('Standard Profiles'!$G$20=$B$17,14,0)+IF('Standard Profiles'!$G$20=$B$24,21,0),MOD($C4583,24)+1)/SUM(INDEX($D$3:$AA$30,INDEX(Jesper!$R$2:$R$366,ROW(INDEX(Jesper!AJ$2:AJ$366,ROUNDDOWN($C4583/24,0)+1,1))-1)+IF('Standard Profiles'!$G$20=$B$10,7,0)+IF('Standard Profiles'!$G$20=$B$17,14,0)+IF('Standard Profiles'!$G$20=$B$24,21,0),0)),0)</f>
        <v>0.84460816338918954</v>
      </c>
      <c r="G4583" cm="1">
        <f t="array" ref="G4583">IFERROR(INDEX(Jesper!AK$2:AK$366,ROUNDDOWN($C4583/24,0)+1,1)*INDEX($D$3:$AA$30,INDEX(Jesper!$R$2:$R$366,ROW(INDEX(Jesper!AK$2:AK$366,ROUNDDOWN($C4583/24,0)+1,1))-1)+IF('Standard Profiles'!$G$21=$B$10,7,0)+IF('Standard Profiles'!$G$21=$B$17,14,0)+IF('Standard Profiles'!$G$21=$B$24,21,0),MOD($C4583,24)+1)/SUM(INDEX($D$3:$AA$30,INDEX(Jesper!$R$2:$R$366,ROW(INDEX(Jesper!AK$2:AK$366,ROUNDDOWN($C4583/24,0)+1,1))-1)+IF('Standard Profiles'!$G$21=$B$10,7,0)+IF('Standard Profiles'!$G$21=$B$17,14,0)+IF('Standard Profiles'!$G$21=$B$24,21,0),0)),0)</f>
        <v>0.26559404783410684</v>
      </c>
      <c r="H4583" cm="1">
        <f t="array" ref="H4583">IFERROR(INDEX(Jesper!AL$2:AL$366,ROUNDDOWN($C4583/24,0)+1,1)*INDEX($D$3:$AA$30,INDEX(Jesper!$R$2:$R$366,ROW(INDEX(Jesper!AL$2:AL$366,ROUNDDOWN($C4583/24,0)+1,1))-1)+IF('Standard Profiles'!$G$22=$B$10,7,0)+IF('Standard Profiles'!$G$22=$B$17,14,0)+IF('Standard Profiles'!$G$22=$B$24,21,0),MOD($C4583,24)+1)/SUM(INDEX($D$3:$AA$30,INDEX(Jesper!$R$2:$R$366,ROW(INDEX(Jesper!AL$2:AL$366,ROUNDDOWN($C4583/24,0)+1,1))-1)+IF('Standard Profiles'!$G$22=$B$10,7,0)+IF('Standard Profiles'!$G$22=$B$17,14,0)+IF('Standard Profiles'!$G$22=$B$24,21,0),0)),0)</f>
        <v>0</v>
      </c>
      <c r="I4583">
        <f t="shared" si="517"/>
        <v>0</v>
      </c>
      <c r="J4583">
        <f t="shared" si="518"/>
        <v>3.4691791637510598</v>
      </c>
      <c r="K4583">
        <f t="shared" si="519"/>
        <v>0.2144524502297967</v>
      </c>
      <c r="L4583">
        <f t="shared" si="520"/>
        <v>0.10722622511489835</v>
      </c>
      <c r="M4583">
        <f t="shared" si="521"/>
        <v>0</v>
      </c>
      <c r="N4583" s="45">
        <f t="shared" si="522"/>
        <v>45116.541666655634</v>
      </c>
    </row>
    <row r="4584" spans="2:14" x14ac:dyDescent="0.25">
      <c r="B4584">
        <f t="shared" si="516"/>
        <v>7</v>
      </c>
      <c r="C4584" s="16">
        <v>4550</v>
      </c>
      <c r="D4584" cm="1">
        <f t="array" ref="D4584">IFERROR(INDEX(Jesper!AH$2:AH$366,ROUNDDOWN($C4584/24,0)+1,1)*INDEX($D$3:$AA$30,INDEX(Jesper!$R$2:$R$366,ROW(INDEX(Jesper!AH$2:AH$366,ROUNDDOWN($C4584/24,0)+1,1))-1)+IF('Standard Profiles'!$G$18=$B$10,7,0)+IF('Standard Profiles'!$G$18=$B$17,14,0)+IF('Standard Profiles'!$G$18=$B$24,21,0),MOD($C4584,24)+1)/SUM(INDEX($D$3:$AA$30,INDEX(Jesper!$R$2:$R$366,ROW(INDEX(Jesper!AH$2:AH$366,ROUNDDOWN($C4584/24,0)+1,1))-1)+IF('Standard Profiles'!$G$18=$B$10,7,0)+IF('Standard Profiles'!$G$18=$B$17,14,0)+IF('Standard Profiles'!$G$18=$B$24,21,0),0)),0)</f>
        <v>0</v>
      </c>
      <c r="E4584" cm="1">
        <f t="array" ref="E4584">IFERROR(INDEX(Jesper!AI$2:AI$366,ROUNDDOWN($C4584/24,0)+1,1)*INDEX($D$3:$AA$30,INDEX(Jesper!$R$2:$R$366,ROW(INDEX(Jesper!AI$2:AI$366,ROUNDDOWN($C4584/24,0)+1,1))-1)+IF('Standard Profiles'!$G$19=$B$10,7,0)+IF('Standard Profiles'!$G$19=$B$17,14,0)+IF('Standard Profiles'!$G$19=$B$24,21,0),MOD($C4584,24)+1)/SUM(INDEX($D$3:$AA$30,INDEX(Jesper!$R$2:$R$366,ROW(INDEX(Jesper!AI$2:AI$366,ROUNDDOWN($C4584/24,0)+1,1))-1)+IF('Standard Profiles'!$G$19=$B$10,7,0)+IF('Standard Profiles'!$G$19=$B$17,14,0)+IF('Standard Profiles'!$G$19=$B$24,21,0),0)),0)</f>
        <v>2.6806556278724587</v>
      </c>
      <c r="F4584" cm="1">
        <f t="array" ref="F4584">IFERROR(INDEX(Jesper!AJ$2:AJ$366,ROUNDDOWN($C4584/24,0)+1,1)*INDEX($D$3:$AA$30,INDEX(Jesper!$R$2:$R$366,ROW(INDEX(Jesper!AJ$2:AJ$366,ROUNDDOWN($C4584/24,0)+1,1))-1)+IF('Standard Profiles'!$G$20=$B$10,7,0)+IF('Standard Profiles'!$G$20=$B$17,14,0)+IF('Standard Profiles'!$G$20=$B$24,21,0),MOD($C4584,24)+1)/SUM(INDEX($D$3:$AA$30,INDEX(Jesper!$R$2:$R$366,ROW(INDEX(Jesper!AJ$2:AJ$366,ROUNDDOWN($C4584/24,0)+1,1))-1)+IF('Standard Profiles'!$G$20=$B$10,7,0)+IF('Standard Profiles'!$G$20=$B$17,14,0)+IF('Standard Profiles'!$G$20=$B$24,21,0),0)),0)</f>
        <v>0.84460816338918954</v>
      </c>
      <c r="G4584" cm="1">
        <f t="array" ref="G4584">IFERROR(INDEX(Jesper!AK$2:AK$366,ROUNDDOWN($C4584/24,0)+1,1)*INDEX($D$3:$AA$30,INDEX(Jesper!$R$2:$R$366,ROW(INDEX(Jesper!AK$2:AK$366,ROUNDDOWN($C4584/24,0)+1,1))-1)+IF('Standard Profiles'!$G$21=$B$10,7,0)+IF('Standard Profiles'!$G$21=$B$17,14,0)+IF('Standard Profiles'!$G$21=$B$24,21,0),MOD($C4584,24)+1)/SUM(INDEX($D$3:$AA$30,INDEX(Jesper!$R$2:$R$366,ROW(INDEX(Jesper!AK$2:AK$366,ROUNDDOWN($C4584/24,0)+1,1))-1)+IF('Standard Profiles'!$G$21=$B$10,7,0)+IF('Standard Profiles'!$G$21=$B$17,14,0)+IF('Standard Profiles'!$G$21=$B$24,21,0),0)),0)</f>
        <v>0.26559404783410684</v>
      </c>
      <c r="H4584" cm="1">
        <f t="array" ref="H4584">IFERROR(INDEX(Jesper!AL$2:AL$366,ROUNDDOWN($C4584/24,0)+1,1)*INDEX($D$3:$AA$30,INDEX(Jesper!$R$2:$R$366,ROW(INDEX(Jesper!AL$2:AL$366,ROUNDDOWN($C4584/24,0)+1,1))-1)+IF('Standard Profiles'!$G$22=$B$10,7,0)+IF('Standard Profiles'!$G$22=$B$17,14,0)+IF('Standard Profiles'!$G$22=$B$24,21,0),MOD($C4584,24)+1)/SUM(INDEX($D$3:$AA$30,INDEX(Jesper!$R$2:$R$366,ROW(INDEX(Jesper!AL$2:AL$366,ROUNDDOWN($C4584/24,0)+1,1))-1)+IF('Standard Profiles'!$G$22=$B$10,7,0)+IF('Standard Profiles'!$G$22=$B$17,14,0)+IF('Standard Profiles'!$G$22=$B$24,21,0),0)),0)</f>
        <v>0</v>
      </c>
      <c r="I4584">
        <f t="shared" si="517"/>
        <v>0</v>
      </c>
      <c r="J4584">
        <f t="shared" si="518"/>
        <v>3.4691791637510598</v>
      </c>
      <c r="K4584">
        <f t="shared" si="519"/>
        <v>0.2144524502297967</v>
      </c>
      <c r="L4584">
        <f t="shared" si="520"/>
        <v>0.10722622511489835</v>
      </c>
      <c r="M4584">
        <f t="shared" si="521"/>
        <v>0</v>
      </c>
      <c r="N4584" s="45">
        <f t="shared" si="522"/>
        <v>45116.583333322298</v>
      </c>
    </row>
    <row r="4585" spans="2:14" x14ac:dyDescent="0.25">
      <c r="B4585">
        <f t="shared" si="516"/>
        <v>7</v>
      </c>
      <c r="C4585" s="16">
        <v>4551</v>
      </c>
      <c r="D4585" cm="1">
        <f t="array" ref="D4585">IFERROR(INDEX(Jesper!AH$2:AH$366,ROUNDDOWN($C4585/24,0)+1,1)*INDEX($D$3:$AA$30,INDEX(Jesper!$R$2:$R$366,ROW(INDEX(Jesper!AH$2:AH$366,ROUNDDOWN($C4585/24,0)+1,1))-1)+IF('Standard Profiles'!$G$18=$B$10,7,0)+IF('Standard Profiles'!$G$18=$B$17,14,0)+IF('Standard Profiles'!$G$18=$B$24,21,0),MOD($C4585,24)+1)/SUM(INDEX($D$3:$AA$30,INDEX(Jesper!$R$2:$R$366,ROW(INDEX(Jesper!AH$2:AH$366,ROUNDDOWN($C4585/24,0)+1,1))-1)+IF('Standard Profiles'!$G$18=$B$10,7,0)+IF('Standard Profiles'!$G$18=$B$17,14,0)+IF('Standard Profiles'!$G$18=$B$24,21,0),0)),0)</f>
        <v>0</v>
      </c>
      <c r="E4585" cm="1">
        <f t="array" ref="E4585">IFERROR(INDEX(Jesper!AI$2:AI$366,ROUNDDOWN($C4585/24,0)+1,1)*INDEX($D$3:$AA$30,INDEX(Jesper!$R$2:$R$366,ROW(INDEX(Jesper!AI$2:AI$366,ROUNDDOWN($C4585/24,0)+1,1))-1)+IF('Standard Profiles'!$G$19=$B$10,7,0)+IF('Standard Profiles'!$G$19=$B$17,14,0)+IF('Standard Profiles'!$G$19=$B$24,21,0),MOD($C4585,24)+1)/SUM(INDEX($D$3:$AA$30,INDEX(Jesper!$R$2:$R$366,ROW(INDEX(Jesper!AI$2:AI$366,ROUNDDOWN($C4585/24,0)+1,1))-1)+IF('Standard Profiles'!$G$19=$B$10,7,0)+IF('Standard Profiles'!$G$19=$B$17,14,0)+IF('Standard Profiles'!$G$19=$B$24,21,0),0)),0)</f>
        <v>2.6806556278724587</v>
      </c>
      <c r="F4585" cm="1">
        <f t="array" ref="F4585">IFERROR(INDEX(Jesper!AJ$2:AJ$366,ROUNDDOWN($C4585/24,0)+1,1)*INDEX($D$3:$AA$30,INDEX(Jesper!$R$2:$R$366,ROW(INDEX(Jesper!AJ$2:AJ$366,ROUNDDOWN($C4585/24,0)+1,1))-1)+IF('Standard Profiles'!$G$20=$B$10,7,0)+IF('Standard Profiles'!$G$20=$B$17,14,0)+IF('Standard Profiles'!$G$20=$B$24,21,0),MOD($C4585,24)+1)/SUM(INDEX($D$3:$AA$30,INDEX(Jesper!$R$2:$R$366,ROW(INDEX(Jesper!AJ$2:AJ$366,ROUNDDOWN($C4585/24,0)+1,1))-1)+IF('Standard Profiles'!$G$20=$B$10,7,0)+IF('Standard Profiles'!$G$20=$B$17,14,0)+IF('Standard Profiles'!$G$20=$B$24,21,0),0)),0)</f>
        <v>0.84460816338918954</v>
      </c>
      <c r="G4585" cm="1">
        <f t="array" ref="G4585">IFERROR(INDEX(Jesper!AK$2:AK$366,ROUNDDOWN($C4585/24,0)+1,1)*INDEX($D$3:$AA$30,INDEX(Jesper!$R$2:$R$366,ROW(INDEX(Jesper!AK$2:AK$366,ROUNDDOWN($C4585/24,0)+1,1))-1)+IF('Standard Profiles'!$G$21=$B$10,7,0)+IF('Standard Profiles'!$G$21=$B$17,14,0)+IF('Standard Profiles'!$G$21=$B$24,21,0),MOD($C4585,24)+1)/SUM(INDEX($D$3:$AA$30,INDEX(Jesper!$R$2:$R$366,ROW(INDEX(Jesper!AK$2:AK$366,ROUNDDOWN($C4585/24,0)+1,1))-1)+IF('Standard Profiles'!$G$21=$B$10,7,0)+IF('Standard Profiles'!$G$21=$B$17,14,0)+IF('Standard Profiles'!$G$21=$B$24,21,0),0)),0)</f>
        <v>0.26559404783410684</v>
      </c>
      <c r="H4585" cm="1">
        <f t="array" ref="H4585">IFERROR(INDEX(Jesper!AL$2:AL$366,ROUNDDOWN($C4585/24,0)+1,1)*INDEX($D$3:$AA$30,INDEX(Jesper!$R$2:$R$366,ROW(INDEX(Jesper!AL$2:AL$366,ROUNDDOWN($C4585/24,0)+1,1))-1)+IF('Standard Profiles'!$G$22=$B$10,7,0)+IF('Standard Profiles'!$G$22=$B$17,14,0)+IF('Standard Profiles'!$G$22=$B$24,21,0),MOD($C4585,24)+1)/SUM(INDEX($D$3:$AA$30,INDEX(Jesper!$R$2:$R$366,ROW(INDEX(Jesper!AL$2:AL$366,ROUNDDOWN($C4585/24,0)+1,1))-1)+IF('Standard Profiles'!$G$22=$B$10,7,0)+IF('Standard Profiles'!$G$22=$B$17,14,0)+IF('Standard Profiles'!$G$22=$B$24,21,0),0)),0)</f>
        <v>0</v>
      </c>
      <c r="I4585">
        <f t="shared" si="517"/>
        <v>0</v>
      </c>
      <c r="J4585">
        <f t="shared" si="518"/>
        <v>3.4691791637510598</v>
      </c>
      <c r="K4585">
        <f t="shared" si="519"/>
        <v>0.2144524502297967</v>
      </c>
      <c r="L4585">
        <f t="shared" si="520"/>
        <v>0.10722622511489835</v>
      </c>
      <c r="M4585">
        <f t="shared" si="521"/>
        <v>0</v>
      </c>
      <c r="N4585" s="45">
        <f t="shared" si="522"/>
        <v>45116.624999988962</v>
      </c>
    </row>
    <row r="4586" spans="2:14" x14ac:dyDescent="0.25">
      <c r="B4586">
        <f t="shared" si="516"/>
        <v>7</v>
      </c>
      <c r="C4586" s="16">
        <v>4552</v>
      </c>
      <c r="D4586" cm="1">
        <f t="array" ref="D4586">IFERROR(INDEX(Jesper!AH$2:AH$366,ROUNDDOWN($C4586/24,0)+1,1)*INDEX($D$3:$AA$30,INDEX(Jesper!$R$2:$R$366,ROW(INDEX(Jesper!AH$2:AH$366,ROUNDDOWN($C4586/24,0)+1,1))-1)+IF('Standard Profiles'!$G$18=$B$10,7,0)+IF('Standard Profiles'!$G$18=$B$17,14,0)+IF('Standard Profiles'!$G$18=$B$24,21,0),MOD($C4586,24)+1)/SUM(INDEX($D$3:$AA$30,INDEX(Jesper!$R$2:$R$366,ROW(INDEX(Jesper!AH$2:AH$366,ROUNDDOWN($C4586/24,0)+1,1))-1)+IF('Standard Profiles'!$G$18=$B$10,7,0)+IF('Standard Profiles'!$G$18=$B$17,14,0)+IF('Standard Profiles'!$G$18=$B$24,21,0),0)),0)</f>
        <v>0</v>
      </c>
      <c r="E4586" cm="1">
        <f t="array" ref="E4586">IFERROR(INDEX(Jesper!AI$2:AI$366,ROUNDDOWN($C4586/24,0)+1,1)*INDEX($D$3:$AA$30,INDEX(Jesper!$R$2:$R$366,ROW(INDEX(Jesper!AI$2:AI$366,ROUNDDOWN($C4586/24,0)+1,1))-1)+IF('Standard Profiles'!$G$19=$B$10,7,0)+IF('Standard Profiles'!$G$19=$B$17,14,0)+IF('Standard Profiles'!$G$19=$B$24,21,0),MOD($C4586,24)+1)/SUM(INDEX($D$3:$AA$30,INDEX(Jesper!$R$2:$R$366,ROW(INDEX(Jesper!AI$2:AI$366,ROUNDDOWN($C4586/24,0)+1,1))-1)+IF('Standard Profiles'!$G$19=$B$10,7,0)+IF('Standard Profiles'!$G$19=$B$17,14,0)+IF('Standard Profiles'!$G$19=$B$24,21,0),0)),0)</f>
        <v>2.6806556278724587</v>
      </c>
      <c r="F4586" cm="1">
        <f t="array" ref="F4586">IFERROR(INDEX(Jesper!AJ$2:AJ$366,ROUNDDOWN($C4586/24,0)+1,1)*INDEX($D$3:$AA$30,INDEX(Jesper!$R$2:$R$366,ROW(INDEX(Jesper!AJ$2:AJ$366,ROUNDDOWN($C4586/24,0)+1,1))-1)+IF('Standard Profiles'!$G$20=$B$10,7,0)+IF('Standard Profiles'!$G$20=$B$17,14,0)+IF('Standard Profiles'!$G$20=$B$24,21,0),MOD($C4586,24)+1)/SUM(INDEX($D$3:$AA$30,INDEX(Jesper!$R$2:$R$366,ROW(INDEX(Jesper!AJ$2:AJ$366,ROUNDDOWN($C4586/24,0)+1,1))-1)+IF('Standard Profiles'!$G$20=$B$10,7,0)+IF('Standard Profiles'!$G$20=$B$17,14,0)+IF('Standard Profiles'!$G$20=$B$24,21,0),0)),0)</f>
        <v>0.84460816338918954</v>
      </c>
      <c r="G4586" cm="1">
        <f t="array" ref="G4586">IFERROR(INDEX(Jesper!AK$2:AK$366,ROUNDDOWN($C4586/24,0)+1,1)*INDEX($D$3:$AA$30,INDEX(Jesper!$R$2:$R$366,ROW(INDEX(Jesper!AK$2:AK$366,ROUNDDOWN($C4586/24,0)+1,1))-1)+IF('Standard Profiles'!$G$21=$B$10,7,0)+IF('Standard Profiles'!$G$21=$B$17,14,0)+IF('Standard Profiles'!$G$21=$B$24,21,0),MOD($C4586,24)+1)/SUM(INDEX($D$3:$AA$30,INDEX(Jesper!$R$2:$R$366,ROW(INDEX(Jesper!AK$2:AK$366,ROUNDDOWN($C4586/24,0)+1,1))-1)+IF('Standard Profiles'!$G$21=$B$10,7,0)+IF('Standard Profiles'!$G$21=$B$17,14,0)+IF('Standard Profiles'!$G$21=$B$24,21,0),0)),0)</f>
        <v>0.26559404783410684</v>
      </c>
      <c r="H4586" cm="1">
        <f t="array" ref="H4586">IFERROR(INDEX(Jesper!AL$2:AL$366,ROUNDDOWN($C4586/24,0)+1,1)*INDEX($D$3:$AA$30,INDEX(Jesper!$R$2:$R$366,ROW(INDEX(Jesper!AL$2:AL$366,ROUNDDOWN($C4586/24,0)+1,1))-1)+IF('Standard Profiles'!$G$22=$B$10,7,0)+IF('Standard Profiles'!$G$22=$B$17,14,0)+IF('Standard Profiles'!$G$22=$B$24,21,0),MOD($C4586,24)+1)/SUM(INDEX($D$3:$AA$30,INDEX(Jesper!$R$2:$R$366,ROW(INDEX(Jesper!AL$2:AL$366,ROUNDDOWN($C4586/24,0)+1,1))-1)+IF('Standard Profiles'!$G$22=$B$10,7,0)+IF('Standard Profiles'!$G$22=$B$17,14,0)+IF('Standard Profiles'!$G$22=$B$24,21,0),0)),0)</f>
        <v>0</v>
      </c>
      <c r="I4586">
        <f t="shared" si="517"/>
        <v>0</v>
      </c>
      <c r="J4586">
        <f t="shared" si="518"/>
        <v>3.4691791637510598</v>
      </c>
      <c r="K4586">
        <f t="shared" si="519"/>
        <v>0.2144524502297967</v>
      </c>
      <c r="L4586">
        <f t="shared" si="520"/>
        <v>0.10722622511489835</v>
      </c>
      <c r="M4586">
        <f t="shared" si="521"/>
        <v>0</v>
      </c>
      <c r="N4586" s="45">
        <f t="shared" si="522"/>
        <v>45116.666666655627</v>
      </c>
    </row>
    <row r="4587" spans="2:14" x14ac:dyDescent="0.25">
      <c r="B4587">
        <f t="shared" si="516"/>
        <v>7</v>
      </c>
      <c r="C4587" s="16">
        <v>4553</v>
      </c>
      <c r="D4587" cm="1">
        <f t="array" ref="D4587">IFERROR(INDEX(Jesper!AH$2:AH$366,ROUNDDOWN($C4587/24,0)+1,1)*INDEX($D$3:$AA$30,INDEX(Jesper!$R$2:$R$366,ROW(INDEX(Jesper!AH$2:AH$366,ROUNDDOWN($C4587/24,0)+1,1))-1)+IF('Standard Profiles'!$G$18=$B$10,7,0)+IF('Standard Profiles'!$G$18=$B$17,14,0)+IF('Standard Profiles'!$G$18=$B$24,21,0),MOD($C4587,24)+1)/SUM(INDEX($D$3:$AA$30,INDEX(Jesper!$R$2:$R$366,ROW(INDEX(Jesper!AH$2:AH$366,ROUNDDOWN($C4587/24,0)+1,1))-1)+IF('Standard Profiles'!$G$18=$B$10,7,0)+IF('Standard Profiles'!$G$18=$B$17,14,0)+IF('Standard Profiles'!$G$18=$B$24,21,0),0)),0)</f>
        <v>0</v>
      </c>
      <c r="E4587" cm="1">
        <f t="array" ref="E4587">IFERROR(INDEX(Jesper!AI$2:AI$366,ROUNDDOWN($C4587/24,0)+1,1)*INDEX($D$3:$AA$30,INDEX(Jesper!$R$2:$R$366,ROW(INDEX(Jesper!AI$2:AI$366,ROUNDDOWN($C4587/24,0)+1,1))-1)+IF('Standard Profiles'!$G$19=$B$10,7,0)+IF('Standard Profiles'!$G$19=$B$17,14,0)+IF('Standard Profiles'!$G$19=$B$24,21,0),MOD($C4587,24)+1)/SUM(INDEX($D$3:$AA$30,INDEX(Jesper!$R$2:$R$366,ROW(INDEX(Jesper!AI$2:AI$366,ROUNDDOWN($C4587/24,0)+1,1))-1)+IF('Standard Profiles'!$G$19=$B$10,7,0)+IF('Standard Profiles'!$G$19=$B$17,14,0)+IF('Standard Profiles'!$G$19=$B$24,21,0),0)),0)</f>
        <v>2.6806556278724587</v>
      </c>
      <c r="F4587" cm="1">
        <f t="array" ref="F4587">IFERROR(INDEX(Jesper!AJ$2:AJ$366,ROUNDDOWN($C4587/24,0)+1,1)*INDEX($D$3:$AA$30,INDEX(Jesper!$R$2:$R$366,ROW(INDEX(Jesper!AJ$2:AJ$366,ROUNDDOWN($C4587/24,0)+1,1))-1)+IF('Standard Profiles'!$G$20=$B$10,7,0)+IF('Standard Profiles'!$G$20=$B$17,14,0)+IF('Standard Profiles'!$G$20=$B$24,21,0),MOD($C4587,24)+1)/SUM(INDEX($D$3:$AA$30,INDEX(Jesper!$R$2:$R$366,ROW(INDEX(Jesper!AJ$2:AJ$366,ROUNDDOWN($C4587/24,0)+1,1))-1)+IF('Standard Profiles'!$G$20=$B$10,7,0)+IF('Standard Profiles'!$G$20=$B$17,14,0)+IF('Standard Profiles'!$G$20=$B$24,21,0),0)),0)</f>
        <v>0.84460816338918954</v>
      </c>
      <c r="G4587" cm="1">
        <f t="array" ref="G4587">IFERROR(INDEX(Jesper!AK$2:AK$366,ROUNDDOWN($C4587/24,0)+1,1)*INDEX($D$3:$AA$30,INDEX(Jesper!$R$2:$R$366,ROW(INDEX(Jesper!AK$2:AK$366,ROUNDDOWN($C4587/24,0)+1,1))-1)+IF('Standard Profiles'!$G$21=$B$10,7,0)+IF('Standard Profiles'!$G$21=$B$17,14,0)+IF('Standard Profiles'!$G$21=$B$24,21,0),MOD($C4587,24)+1)/SUM(INDEX($D$3:$AA$30,INDEX(Jesper!$R$2:$R$366,ROW(INDEX(Jesper!AK$2:AK$366,ROUNDDOWN($C4587/24,0)+1,1))-1)+IF('Standard Profiles'!$G$21=$B$10,7,0)+IF('Standard Profiles'!$G$21=$B$17,14,0)+IF('Standard Profiles'!$G$21=$B$24,21,0),0)),0)</f>
        <v>0.26559404783410684</v>
      </c>
      <c r="H4587" cm="1">
        <f t="array" ref="H4587">IFERROR(INDEX(Jesper!AL$2:AL$366,ROUNDDOWN($C4587/24,0)+1,1)*INDEX($D$3:$AA$30,INDEX(Jesper!$R$2:$R$366,ROW(INDEX(Jesper!AL$2:AL$366,ROUNDDOWN($C4587/24,0)+1,1))-1)+IF('Standard Profiles'!$G$22=$B$10,7,0)+IF('Standard Profiles'!$G$22=$B$17,14,0)+IF('Standard Profiles'!$G$22=$B$24,21,0),MOD($C4587,24)+1)/SUM(INDEX($D$3:$AA$30,INDEX(Jesper!$R$2:$R$366,ROW(INDEX(Jesper!AL$2:AL$366,ROUNDDOWN($C4587/24,0)+1,1))-1)+IF('Standard Profiles'!$G$22=$B$10,7,0)+IF('Standard Profiles'!$G$22=$B$17,14,0)+IF('Standard Profiles'!$G$22=$B$24,21,0),0)),0)</f>
        <v>0</v>
      </c>
      <c r="I4587">
        <f t="shared" si="517"/>
        <v>0</v>
      </c>
      <c r="J4587">
        <f t="shared" si="518"/>
        <v>3.4691791637510598</v>
      </c>
      <c r="K4587">
        <f t="shared" si="519"/>
        <v>0.2144524502297967</v>
      </c>
      <c r="L4587">
        <f t="shared" si="520"/>
        <v>0.10722622511489835</v>
      </c>
      <c r="M4587">
        <f t="shared" si="521"/>
        <v>0</v>
      </c>
      <c r="N4587" s="45">
        <f t="shared" si="522"/>
        <v>45116.708333322291</v>
      </c>
    </row>
    <row r="4588" spans="2:14" x14ac:dyDescent="0.25">
      <c r="B4588">
        <f t="shared" si="516"/>
        <v>7</v>
      </c>
      <c r="C4588" s="16">
        <v>4554</v>
      </c>
      <c r="D4588" cm="1">
        <f t="array" ref="D4588">IFERROR(INDEX(Jesper!AH$2:AH$366,ROUNDDOWN($C4588/24,0)+1,1)*INDEX($D$3:$AA$30,INDEX(Jesper!$R$2:$R$366,ROW(INDEX(Jesper!AH$2:AH$366,ROUNDDOWN($C4588/24,0)+1,1))-1)+IF('Standard Profiles'!$G$18=$B$10,7,0)+IF('Standard Profiles'!$G$18=$B$17,14,0)+IF('Standard Profiles'!$G$18=$B$24,21,0),MOD($C4588,24)+1)/SUM(INDEX($D$3:$AA$30,INDEX(Jesper!$R$2:$R$366,ROW(INDEX(Jesper!AH$2:AH$366,ROUNDDOWN($C4588/24,0)+1,1))-1)+IF('Standard Profiles'!$G$18=$B$10,7,0)+IF('Standard Profiles'!$G$18=$B$17,14,0)+IF('Standard Profiles'!$G$18=$B$24,21,0),0)),0)</f>
        <v>0</v>
      </c>
      <c r="E4588" cm="1">
        <f t="array" ref="E4588">IFERROR(INDEX(Jesper!AI$2:AI$366,ROUNDDOWN($C4588/24,0)+1,1)*INDEX($D$3:$AA$30,INDEX(Jesper!$R$2:$R$366,ROW(INDEX(Jesper!AI$2:AI$366,ROUNDDOWN($C4588/24,0)+1,1))-1)+IF('Standard Profiles'!$G$19=$B$10,7,0)+IF('Standard Profiles'!$G$19=$B$17,14,0)+IF('Standard Profiles'!$G$19=$B$24,21,0),MOD($C4588,24)+1)/SUM(INDEX($D$3:$AA$30,INDEX(Jesper!$R$2:$R$366,ROW(INDEX(Jesper!AI$2:AI$366,ROUNDDOWN($C4588/24,0)+1,1))-1)+IF('Standard Profiles'!$G$19=$B$10,7,0)+IF('Standard Profiles'!$G$19=$B$17,14,0)+IF('Standard Profiles'!$G$19=$B$24,21,0),0)),0)</f>
        <v>2.6806556278724587</v>
      </c>
      <c r="F4588" cm="1">
        <f t="array" ref="F4588">IFERROR(INDEX(Jesper!AJ$2:AJ$366,ROUNDDOWN($C4588/24,0)+1,1)*INDEX($D$3:$AA$30,INDEX(Jesper!$R$2:$R$366,ROW(INDEX(Jesper!AJ$2:AJ$366,ROUNDDOWN($C4588/24,0)+1,1))-1)+IF('Standard Profiles'!$G$20=$B$10,7,0)+IF('Standard Profiles'!$G$20=$B$17,14,0)+IF('Standard Profiles'!$G$20=$B$24,21,0),MOD($C4588,24)+1)/SUM(INDEX($D$3:$AA$30,INDEX(Jesper!$R$2:$R$366,ROW(INDEX(Jesper!AJ$2:AJ$366,ROUNDDOWN($C4588/24,0)+1,1))-1)+IF('Standard Profiles'!$G$20=$B$10,7,0)+IF('Standard Profiles'!$G$20=$B$17,14,0)+IF('Standard Profiles'!$G$20=$B$24,21,0),0)),0)</f>
        <v>0.84460816338918954</v>
      </c>
      <c r="G4588" cm="1">
        <f t="array" ref="G4588">IFERROR(INDEX(Jesper!AK$2:AK$366,ROUNDDOWN($C4588/24,0)+1,1)*INDEX($D$3:$AA$30,INDEX(Jesper!$R$2:$R$366,ROW(INDEX(Jesper!AK$2:AK$366,ROUNDDOWN($C4588/24,0)+1,1))-1)+IF('Standard Profiles'!$G$21=$B$10,7,0)+IF('Standard Profiles'!$G$21=$B$17,14,0)+IF('Standard Profiles'!$G$21=$B$24,21,0),MOD($C4588,24)+1)/SUM(INDEX($D$3:$AA$30,INDEX(Jesper!$R$2:$R$366,ROW(INDEX(Jesper!AK$2:AK$366,ROUNDDOWN($C4588/24,0)+1,1))-1)+IF('Standard Profiles'!$G$21=$B$10,7,0)+IF('Standard Profiles'!$G$21=$B$17,14,0)+IF('Standard Profiles'!$G$21=$B$24,21,0),0)),0)</f>
        <v>0.26559404783410684</v>
      </c>
      <c r="H4588" cm="1">
        <f t="array" ref="H4588">IFERROR(INDEX(Jesper!AL$2:AL$366,ROUNDDOWN($C4588/24,0)+1,1)*INDEX($D$3:$AA$30,INDEX(Jesper!$R$2:$R$366,ROW(INDEX(Jesper!AL$2:AL$366,ROUNDDOWN($C4588/24,0)+1,1))-1)+IF('Standard Profiles'!$G$22=$B$10,7,0)+IF('Standard Profiles'!$G$22=$B$17,14,0)+IF('Standard Profiles'!$G$22=$B$24,21,0),MOD($C4588,24)+1)/SUM(INDEX($D$3:$AA$30,INDEX(Jesper!$R$2:$R$366,ROW(INDEX(Jesper!AL$2:AL$366,ROUNDDOWN($C4588/24,0)+1,1))-1)+IF('Standard Profiles'!$G$22=$B$10,7,0)+IF('Standard Profiles'!$G$22=$B$17,14,0)+IF('Standard Profiles'!$G$22=$B$24,21,0),0)),0)</f>
        <v>0</v>
      </c>
      <c r="I4588">
        <f t="shared" si="517"/>
        <v>0</v>
      </c>
      <c r="J4588">
        <f t="shared" si="518"/>
        <v>3.4691791637510598</v>
      </c>
      <c r="K4588">
        <f t="shared" si="519"/>
        <v>0.2144524502297967</v>
      </c>
      <c r="L4588">
        <f t="shared" si="520"/>
        <v>0.10722622511489835</v>
      </c>
      <c r="M4588">
        <f t="shared" si="521"/>
        <v>0</v>
      </c>
      <c r="N4588" s="45">
        <f t="shared" si="522"/>
        <v>45116.749999988955</v>
      </c>
    </row>
    <row r="4589" spans="2:14" x14ac:dyDescent="0.25">
      <c r="B4589">
        <f t="shared" si="516"/>
        <v>7</v>
      </c>
      <c r="C4589" s="16">
        <v>4555</v>
      </c>
      <c r="D4589" cm="1">
        <f t="array" ref="D4589">IFERROR(INDEX(Jesper!AH$2:AH$366,ROUNDDOWN($C4589/24,0)+1,1)*INDEX($D$3:$AA$30,INDEX(Jesper!$R$2:$R$366,ROW(INDEX(Jesper!AH$2:AH$366,ROUNDDOWN($C4589/24,0)+1,1))-1)+IF('Standard Profiles'!$G$18=$B$10,7,0)+IF('Standard Profiles'!$G$18=$B$17,14,0)+IF('Standard Profiles'!$G$18=$B$24,21,0),MOD($C4589,24)+1)/SUM(INDEX($D$3:$AA$30,INDEX(Jesper!$R$2:$R$366,ROW(INDEX(Jesper!AH$2:AH$366,ROUNDDOWN($C4589/24,0)+1,1))-1)+IF('Standard Profiles'!$G$18=$B$10,7,0)+IF('Standard Profiles'!$G$18=$B$17,14,0)+IF('Standard Profiles'!$G$18=$B$24,21,0),0)),0)</f>
        <v>0</v>
      </c>
      <c r="E4589" cm="1">
        <f t="array" ref="E4589">IFERROR(INDEX(Jesper!AI$2:AI$366,ROUNDDOWN($C4589/24,0)+1,1)*INDEX($D$3:$AA$30,INDEX(Jesper!$R$2:$R$366,ROW(INDEX(Jesper!AI$2:AI$366,ROUNDDOWN($C4589/24,0)+1,1))-1)+IF('Standard Profiles'!$G$19=$B$10,7,0)+IF('Standard Profiles'!$G$19=$B$17,14,0)+IF('Standard Profiles'!$G$19=$B$24,21,0),MOD($C4589,24)+1)/SUM(INDEX($D$3:$AA$30,INDEX(Jesper!$R$2:$R$366,ROW(INDEX(Jesper!AI$2:AI$366,ROUNDDOWN($C4589/24,0)+1,1))-1)+IF('Standard Profiles'!$G$19=$B$10,7,0)+IF('Standard Profiles'!$G$19=$B$17,14,0)+IF('Standard Profiles'!$G$19=$B$24,21,0),0)),0)</f>
        <v>2.6806556278724587</v>
      </c>
      <c r="F4589" cm="1">
        <f t="array" ref="F4589">IFERROR(INDEX(Jesper!AJ$2:AJ$366,ROUNDDOWN($C4589/24,0)+1,1)*INDEX($D$3:$AA$30,INDEX(Jesper!$R$2:$R$366,ROW(INDEX(Jesper!AJ$2:AJ$366,ROUNDDOWN($C4589/24,0)+1,1))-1)+IF('Standard Profiles'!$G$20=$B$10,7,0)+IF('Standard Profiles'!$G$20=$B$17,14,0)+IF('Standard Profiles'!$G$20=$B$24,21,0),MOD($C4589,24)+1)/SUM(INDEX($D$3:$AA$30,INDEX(Jesper!$R$2:$R$366,ROW(INDEX(Jesper!AJ$2:AJ$366,ROUNDDOWN($C4589/24,0)+1,1))-1)+IF('Standard Profiles'!$G$20=$B$10,7,0)+IF('Standard Profiles'!$G$20=$B$17,14,0)+IF('Standard Profiles'!$G$20=$B$24,21,0),0)),0)</f>
        <v>0.84460816338918954</v>
      </c>
      <c r="G4589" cm="1">
        <f t="array" ref="G4589">IFERROR(INDEX(Jesper!AK$2:AK$366,ROUNDDOWN($C4589/24,0)+1,1)*INDEX($D$3:$AA$30,INDEX(Jesper!$R$2:$R$366,ROW(INDEX(Jesper!AK$2:AK$366,ROUNDDOWN($C4589/24,0)+1,1))-1)+IF('Standard Profiles'!$G$21=$B$10,7,0)+IF('Standard Profiles'!$G$21=$B$17,14,0)+IF('Standard Profiles'!$G$21=$B$24,21,0),MOD($C4589,24)+1)/SUM(INDEX($D$3:$AA$30,INDEX(Jesper!$R$2:$R$366,ROW(INDEX(Jesper!AK$2:AK$366,ROUNDDOWN($C4589/24,0)+1,1))-1)+IF('Standard Profiles'!$G$21=$B$10,7,0)+IF('Standard Profiles'!$G$21=$B$17,14,0)+IF('Standard Profiles'!$G$21=$B$24,21,0),0)),0)</f>
        <v>0.26559404783410684</v>
      </c>
      <c r="H4589" cm="1">
        <f t="array" ref="H4589">IFERROR(INDEX(Jesper!AL$2:AL$366,ROUNDDOWN($C4589/24,0)+1,1)*INDEX($D$3:$AA$30,INDEX(Jesper!$R$2:$R$366,ROW(INDEX(Jesper!AL$2:AL$366,ROUNDDOWN($C4589/24,0)+1,1))-1)+IF('Standard Profiles'!$G$22=$B$10,7,0)+IF('Standard Profiles'!$G$22=$B$17,14,0)+IF('Standard Profiles'!$G$22=$B$24,21,0),MOD($C4589,24)+1)/SUM(INDEX($D$3:$AA$30,INDEX(Jesper!$R$2:$R$366,ROW(INDEX(Jesper!AL$2:AL$366,ROUNDDOWN($C4589/24,0)+1,1))-1)+IF('Standard Profiles'!$G$22=$B$10,7,0)+IF('Standard Profiles'!$G$22=$B$17,14,0)+IF('Standard Profiles'!$G$22=$B$24,21,0),0)),0)</f>
        <v>0</v>
      </c>
      <c r="I4589">
        <f t="shared" si="517"/>
        <v>0</v>
      </c>
      <c r="J4589">
        <f t="shared" si="518"/>
        <v>3.4691791637510598</v>
      </c>
      <c r="K4589">
        <f t="shared" si="519"/>
        <v>0.2144524502297967</v>
      </c>
      <c r="L4589">
        <f t="shared" si="520"/>
        <v>0.10722622511489835</v>
      </c>
      <c r="M4589">
        <f t="shared" si="521"/>
        <v>0</v>
      </c>
      <c r="N4589" s="45">
        <f t="shared" si="522"/>
        <v>45116.791666655619</v>
      </c>
    </row>
    <row r="4590" spans="2:14" x14ac:dyDescent="0.25">
      <c r="B4590">
        <f t="shared" si="516"/>
        <v>7</v>
      </c>
      <c r="C4590" s="16">
        <v>4556</v>
      </c>
      <c r="D4590" cm="1">
        <f t="array" ref="D4590">IFERROR(INDEX(Jesper!AH$2:AH$366,ROUNDDOWN($C4590/24,0)+1,1)*INDEX($D$3:$AA$30,INDEX(Jesper!$R$2:$R$366,ROW(INDEX(Jesper!AH$2:AH$366,ROUNDDOWN($C4590/24,0)+1,1))-1)+IF('Standard Profiles'!$G$18=$B$10,7,0)+IF('Standard Profiles'!$G$18=$B$17,14,0)+IF('Standard Profiles'!$G$18=$B$24,21,0),MOD($C4590,24)+1)/SUM(INDEX($D$3:$AA$30,INDEX(Jesper!$R$2:$R$366,ROW(INDEX(Jesper!AH$2:AH$366,ROUNDDOWN($C4590/24,0)+1,1))-1)+IF('Standard Profiles'!$G$18=$B$10,7,0)+IF('Standard Profiles'!$G$18=$B$17,14,0)+IF('Standard Profiles'!$G$18=$B$24,21,0),0)),0)</f>
        <v>0</v>
      </c>
      <c r="E4590" cm="1">
        <f t="array" ref="E4590">IFERROR(INDEX(Jesper!AI$2:AI$366,ROUNDDOWN($C4590/24,0)+1,1)*INDEX($D$3:$AA$30,INDEX(Jesper!$R$2:$R$366,ROW(INDEX(Jesper!AI$2:AI$366,ROUNDDOWN($C4590/24,0)+1,1))-1)+IF('Standard Profiles'!$G$19=$B$10,7,0)+IF('Standard Profiles'!$G$19=$B$17,14,0)+IF('Standard Profiles'!$G$19=$B$24,21,0),MOD($C4590,24)+1)/SUM(INDEX($D$3:$AA$30,INDEX(Jesper!$R$2:$R$366,ROW(INDEX(Jesper!AI$2:AI$366,ROUNDDOWN($C4590/24,0)+1,1))-1)+IF('Standard Profiles'!$G$19=$B$10,7,0)+IF('Standard Profiles'!$G$19=$B$17,14,0)+IF('Standard Profiles'!$G$19=$B$24,21,0),0)),0)</f>
        <v>2.6806556278724587</v>
      </c>
      <c r="F4590" cm="1">
        <f t="array" ref="F4590">IFERROR(INDEX(Jesper!AJ$2:AJ$366,ROUNDDOWN($C4590/24,0)+1,1)*INDEX($D$3:$AA$30,INDEX(Jesper!$R$2:$R$366,ROW(INDEX(Jesper!AJ$2:AJ$366,ROUNDDOWN($C4590/24,0)+1,1))-1)+IF('Standard Profiles'!$G$20=$B$10,7,0)+IF('Standard Profiles'!$G$20=$B$17,14,0)+IF('Standard Profiles'!$G$20=$B$24,21,0),MOD($C4590,24)+1)/SUM(INDEX($D$3:$AA$30,INDEX(Jesper!$R$2:$R$366,ROW(INDEX(Jesper!AJ$2:AJ$366,ROUNDDOWN($C4590/24,0)+1,1))-1)+IF('Standard Profiles'!$G$20=$B$10,7,0)+IF('Standard Profiles'!$G$20=$B$17,14,0)+IF('Standard Profiles'!$G$20=$B$24,21,0),0)),0)</f>
        <v>0.84460816338918954</v>
      </c>
      <c r="G4590" cm="1">
        <f t="array" ref="G4590">IFERROR(INDEX(Jesper!AK$2:AK$366,ROUNDDOWN($C4590/24,0)+1,1)*INDEX($D$3:$AA$30,INDEX(Jesper!$R$2:$R$366,ROW(INDEX(Jesper!AK$2:AK$366,ROUNDDOWN($C4590/24,0)+1,1))-1)+IF('Standard Profiles'!$G$21=$B$10,7,0)+IF('Standard Profiles'!$G$21=$B$17,14,0)+IF('Standard Profiles'!$G$21=$B$24,21,0),MOD($C4590,24)+1)/SUM(INDEX($D$3:$AA$30,INDEX(Jesper!$R$2:$R$366,ROW(INDEX(Jesper!AK$2:AK$366,ROUNDDOWN($C4590/24,0)+1,1))-1)+IF('Standard Profiles'!$G$21=$B$10,7,0)+IF('Standard Profiles'!$G$21=$B$17,14,0)+IF('Standard Profiles'!$G$21=$B$24,21,0),0)),0)</f>
        <v>0.26559404783410684</v>
      </c>
      <c r="H4590" cm="1">
        <f t="array" ref="H4590">IFERROR(INDEX(Jesper!AL$2:AL$366,ROUNDDOWN($C4590/24,0)+1,1)*INDEX($D$3:$AA$30,INDEX(Jesper!$R$2:$R$366,ROW(INDEX(Jesper!AL$2:AL$366,ROUNDDOWN($C4590/24,0)+1,1))-1)+IF('Standard Profiles'!$G$22=$B$10,7,0)+IF('Standard Profiles'!$G$22=$B$17,14,0)+IF('Standard Profiles'!$G$22=$B$24,21,0),MOD($C4590,24)+1)/SUM(INDEX($D$3:$AA$30,INDEX(Jesper!$R$2:$R$366,ROW(INDEX(Jesper!AL$2:AL$366,ROUNDDOWN($C4590/24,0)+1,1))-1)+IF('Standard Profiles'!$G$22=$B$10,7,0)+IF('Standard Profiles'!$G$22=$B$17,14,0)+IF('Standard Profiles'!$G$22=$B$24,21,0),0)),0)</f>
        <v>0</v>
      </c>
      <c r="I4590">
        <f t="shared" si="517"/>
        <v>0</v>
      </c>
      <c r="J4590">
        <f t="shared" si="518"/>
        <v>3.4691791637510598</v>
      </c>
      <c r="K4590">
        <f t="shared" si="519"/>
        <v>0.2144524502297967</v>
      </c>
      <c r="L4590">
        <f t="shared" si="520"/>
        <v>0.10722622511489835</v>
      </c>
      <c r="M4590">
        <f t="shared" si="521"/>
        <v>0</v>
      </c>
      <c r="N4590" s="45">
        <f t="shared" si="522"/>
        <v>45116.833333322284</v>
      </c>
    </row>
    <row r="4591" spans="2:14" x14ac:dyDescent="0.25">
      <c r="B4591">
        <f t="shared" si="516"/>
        <v>7</v>
      </c>
      <c r="C4591" s="16">
        <v>4557</v>
      </c>
      <c r="D4591" cm="1">
        <f t="array" ref="D4591">IFERROR(INDEX(Jesper!AH$2:AH$366,ROUNDDOWN($C4591/24,0)+1,1)*INDEX($D$3:$AA$30,INDEX(Jesper!$R$2:$R$366,ROW(INDEX(Jesper!AH$2:AH$366,ROUNDDOWN($C4591/24,0)+1,1))-1)+IF('Standard Profiles'!$G$18=$B$10,7,0)+IF('Standard Profiles'!$G$18=$B$17,14,0)+IF('Standard Profiles'!$G$18=$B$24,21,0),MOD($C4591,24)+1)/SUM(INDEX($D$3:$AA$30,INDEX(Jesper!$R$2:$R$366,ROW(INDEX(Jesper!AH$2:AH$366,ROUNDDOWN($C4591/24,0)+1,1))-1)+IF('Standard Profiles'!$G$18=$B$10,7,0)+IF('Standard Profiles'!$G$18=$B$17,14,0)+IF('Standard Profiles'!$G$18=$B$24,21,0),0)),0)</f>
        <v>0</v>
      </c>
      <c r="E4591" cm="1">
        <f t="array" ref="E4591">IFERROR(INDEX(Jesper!AI$2:AI$366,ROUNDDOWN($C4591/24,0)+1,1)*INDEX($D$3:$AA$30,INDEX(Jesper!$R$2:$R$366,ROW(INDEX(Jesper!AI$2:AI$366,ROUNDDOWN($C4591/24,0)+1,1))-1)+IF('Standard Profiles'!$G$19=$B$10,7,0)+IF('Standard Profiles'!$G$19=$B$17,14,0)+IF('Standard Profiles'!$G$19=$B$24,21,0),MOD($C4591,24)+1)/SUM(INDEX($D$3:$AA$30,INDEX(Jesper!$R$2:$R$366,ROW(INDEX(Jesper!AI$2:AI$366,ROUNDDOWN($C4591/24,0)+1,1))-1)+IF('Standard Profiles'!$G$19=$B$10,7,0)+IF('Standard Profiles'!$G$19=$B$17,14,0)+IF('Standard Profiles'!$G$19=$B$24,21,0),0)),0)</f>
        <v>2.6806556278724587</v>
      </c>
      <c r="F4591" cm="1">
        <f t="array" ref="F4591">IFERROR(INDEX(Jesper!AJ$2:AJ$366,ROUNDDOWN($C4591/24,0)+1,1)*INDEX($D$3:$AA$30,INDEX(Jesper!$R$2:$R$366,ROW(INDEX(Jesper!AJ$2:AJ$366,ROUNDDOWN($C4591/24,0)+1,1))-1)+IF('Standard Profiles'!$G$20=$B$10,7,0)+IF('Standard Profiles'!$G$20=$B$17,14,0)+IF('Standard Profiles'!$G$20=$B$24,21,0),MOD($C4591,24)+1)/SUM(INDEX($D$3:$AA$30,INDEX(Jesper!$R$2:$R$366,ROW(INDEX(Jesper!AJ$2:AJ$366,ROUNDDOWN($C4591/24,0)+1,1))-1)+IF('Standard Profiles'!$G$20=$B$10,7,0)+IF('Standard Profiles'!$G$20=$B$17,14,0)+IF('Standard Profiles'!$G$20=$B$24,21,0),0)),0)</f>
        <v>0.84460816338918954</v>
      </c>
      <c r="G4591" cm="1">
        <f t="array" ref="G4591">IFERROR(INDEX(Jesper!AK$2:AK$366,ROUNDDOWN($C4591/24,0)+1,1)*INDEX($D$3:$AA$30,INDEX(Jesper!$R$2:$R$366,ROW(INDEX(Jesper!AK$2:AK$366,ROUNDDOWN($C4591/24,0)+1,1))-1)+IF('Standard Profiles'!$G$21=$B$10,7,0)+IF('Standard Profiles'!$G$21=$B$17,14,0)+IF('Standard Profiles'!$G$21=$B$24,21,0),MOD($C4591,24)+1)/SUM(INDEX($D$3:$AA$30,INDEX(Jesper!$R$2:$R$366,ROW(INDEX(Jesper!AK$2:AK$366,ROUNDDOWN($C4591/24,0)+1,1))-1)+IF('Standard Profiles'!$G$21=$B$10,7,0)+IF('Standard Profiles'!$G$21=$B$17,14,0)+IF('Standard Profiles'!$G$21=$B$24,21,0),0)),0)</f>
        <v>0.26559404783410684</v>
      </c>
      <c r="H4591" cm="1">
        <f t="array" ref="H4591">IFERROR(INDEX(Jesper!AL$2:AL$366,ROUNDDOWN($C4591/24,0)+1,1)*INDEX($D$3:$AA$30,INDEX(Jesper!$R$2:$R$366,ROW(INDEX(Jesper!AL$2:AL$366,ROUNDDOWN($C4591/24,0)+1,1))-1)+IF('Standard Profiles'!$G$22=$B$10,7,0)+IF('Standard Profiles'!$G$22=$B$17,14,0)+IF('Standard Profiles'!$G$22=$B$24,21,0),MOD($C4591,24)+1)/SUM(INDEX($D$3:$AA$30,INDEX(Jesper!$R$2:$R$366,ROW(INDEX(Jesper!AL$2:AL$366,ROUNDDOWN($C4591/24,0)+1,1))-1)+IF('Standard Profiles'!$G$22=$B$10,7,0)+IF('Standard Profiles'!$G$22=$B$17,14,0)+IF('Standard Profiles'!$G$22=$B$24,21,0),0)),0)</f>
        <v>0</v>
      </c>
      <c r="I4591">
        <f t="shared" si="517"/>
        <v>0</v>
      </c>
      <c r="J4591">
        <f t="shared" si="518"/>
        <v>3.4691791637510598</v>
      </c>
      <c r="K4591">
        <f t="shared" si="519"/>
        <v>0.2144524502297967</v>
      </c>
      <c r="L4591">
        <f t="shared" si="520"/>
        <v>0.10722622511489835</v>
      </c>
      <c r="M4591">
        <f t="shared" si="521"/>
        <v>0</v>
      </c>
      <c r="N4591" s="45">
        <f t="shared" si="522"/>
        <v>45116.874999988948</v>
      </c>
    </row>
    <row r="4592" spans="2:14" x14ac:dyDescent="0.25">
      <c r="B4592">
        <f t="shared" si="516"/>
        <v>7</v>
      </c>
      <c r="C4592" s="16">
        <v>4558</v>
      </c>
      <c r="D4592" cm="1">
        <f t="array" ref="D4592">IFERROR(INDEX(Jesper!AH$2:AH$366,ROUNDDOWN($C4592/24,0)+1,1)*INDEX($D$3:$AA$30,INDEX(Jesper!$R$2:$R$366,ROW(INDEX(Jesper!AH$2:AH$366,ROUNDDOWN($C4592/24,0)+1,1))-1)+IF('Standard Profiles'!$G$18=$B$10,7,0)+IF('Standard Profiles'!$G$18=$B$17,14,0)+IF('Standard Profiles'!$G$18=$B$24,21,0),MOD($C4592,24)+1)/SUM(INDEX($D$3:$AA$30,INDEX(Jesper!$R$2:$R$366,ROW(INDEX(Jesper!AH$2:AH$366,ROUNDDOWN($C4592/24,0)+1,1))-1)+IF('Standard Profiles'!$G$18=$B$10,7,0)+IF('Standard Profiles'!$G$18=$B$17,14,0)+IF('Standard Profiles'!$G$18=$B$24,21,0),0)),0)</f>
        <v>0</v>
      </c>
      <c r="E4592" cm="1">
        <f t="array" ref="E4592">IFERROR(INDEX(Jesper!AI$2:AI$366,ROUNDDOWN($C4592/24,0)+1,1)*INDEX($D$3:$AA$30,INDEX(Jesper!$R$2:$R$366,ROW(INDEX(Jesper!AI$2:AI$366,ROUNDDOWN($C4592/24,0)+1,1))-1)+IF('Standard Profiles'!$G$19=$B$10,7,0)+IF('Standard Profiles'!$G$19=$B$17,14,0)+IF('Standard Profiles'!$G$19=$B$24,21,0),MOD($C4592,24)+1)/SUM(INDEX($D$3:$AA$30,INDEX(Jesper!$R$2:$R$366,ROW(INDEX(Jesper!AI$2:AI$366,ROUNDDOWN($C4592/24,0)+1,1))-1)+IF('Standard Profiles'!$G$19=$B$10,7,0)+IF('Standard Profiles'!$G$19=$B$17,14,0)+IF('Standard Profiles'!$G$19=$B$24,21,0),0)),0)</f>
        <v>2.6806556278724587</v>
      </c>
      <c r="F4592" cm="1">
        <f t="array" ref="F4592">IFERROR(INDEX(Jesper!AJ$2:AJ$366,ROUNDDOWN($C4592/24,0)+1,1)*INDEX($D$3:$AA$30,INDEX(Jesper!$R$2:$R$366,ROW(INDEX(Jesper!AJ$2:AJ$366,ROUNDDOWN($C4592/24,0)+1,1))-1)+IF('Standard Profiles'!$G$20=$B$10,7,0)+IF('Standard Profiles'!$G$20=$B$17,14,0)+IF('Standard Profiles'!$G$20=$B$24,21,0),MOD($C4592,24)+1)/SUM(INDEX($D$3:$AA$30,INDEX(Jesper!$R$2:$R$366,ROW(INDEX(Jesper!AJ$2:AJ$366,ROUNDDOWN($C4592/24,0)+1,1))-1)+IF('Standard Profiles'!$G$20=$B$10,7,0)+IF('Standard Profiles'!$G$20=$B$17,14,0)+IF('Standard Profiles'!$G$20=$B$24,21,0),0)),0)</f>
        <v>0.84460816338918954</v>
      </c>
      <c r="G4592" cm="1">
        <f t="array" ref="G4592">IFERROR(INDEX(Jesper!AK$2:AK$366,ROUNDDOWN($C4592/24,0)+1,1)*INDEX($D$3:$AA$30,INDEX(Jesper!$R$2:$R$366,ROW(INDEX(Jesper!AK$2:AK$366,ROUNDDOWN($C4592/24,0)+1,1))-1)+IF('Standard Profiles'!$G$21=$B$10,7,0)+IF('Standard Profiles'!$G$21=$B$17,14,0)+IF('Standard Profiles'!$G$21=$B$24,21,0),MOD($C4592,24)+1)/SUM(INDEX($D$3:$AA$30,INDEX(Jesper!$R$2:$R$366,ROW(INDEX(Jesper!AK$2:AK$366,ROUNDDOWN($C4592/24,0)+1,1))-1)+IF('Standard Profiles'!$G$21=$B$10,7,0)+IF('Standard Profiles'!$G$21=$B$17,14,0)+IF('Standard Profiles'!$G$21=$B$24,21,0),0)),0)</f>
        <v>0.26559404783410684</v>
      </c>
      <c r="H4592" cm="1">
        <f t="array" ref="H4592">IFERROR(INDEX(Jesper!AL$2:AL$366,ROUNDDOWN($C4592/24,0)+1,1)*INDEX($D$3:$AA$30,INDEX(Jesper!$R$2:$R$366,ROW(INDEX(Jesper!AL$2:AL$366,ROUNDDOWN($C4592/24,0)+1,1))-1)+IF('Standard Profiles'!$G$22=$B$10,7,0)+IF('Standard Profiles'!$G$22=$B$17,14,0)+IF('Standard Profiles'!$G$22=$B$24,21,0),MOD($C4592,24)+1)/SUM(INDEX($D$3:$AA$30,INDEX(Jesper!$R$2:$R$366,ROW(INDEX(Jesper!AL$2:AL$366,ROUNDDOWN($C4592/24,0)+1,1))-1)+IF('Standard Profiles'!$G$22=$B$10,7,0)+IF('Standard Profiles'!$G$22=$B$17,14,0)+IF('Standard Profiles'!$G$22=$B$24,21,0),0)),0)</f>
        <v>0</v>
      </c>
      <c r="I4592">
        <f t="shared" si="517"/>
        <v>0</v>
      </c>
      <c r="J4592">
        <f t="shared" si="518"/>
        <v>3.4691791637510598</v>
      </c>
      <c r="K4592">
        <f t="shared" si="519"/>
        <v>0.2144524502297967</v>
      </c>
      <c r="L4592">
        <f t="shared" si="520"/>
        <v>0.10722622511489835</v>
      </c>
      <c r="M4592">
        <f t="shared" si="521"/>
        <v>0</v>
      </c>
      <c r="N4592" s="45">
        <f t="shared" si="522"/>
        <v>45116.916666655612</v>
      </c>
    </row>
    <row r="4593" spans="2:14" x14ac:dyDescent="0.25">
      <c r="B4593">
        <f t="shared" si="516"/>
        <v>7</v>
      </c>
      <c r="C4593" s="16">
        <v>4559</v>
      </c>
      <c r="D4593" cm="1">
        <f t="array" ref="D4593">IFERROR(INDEX(Jesper!AH$2:AH$366,ROUNDDOWN($C4593/24,0)+1,1)*INDEX($D$3:$AA$30,INDEX(Jesper!$R$2:$R$366,ROW(INDEX(Jesper!AH$2:AH$366,ROUNDDOWN($C4593/24,0)+1,1))-1)+IF('Standard Profiles'!$G$18=$B$10,7,0)+IF('Standard Profiles'!$G$18=$B$17,14,0)+IF('Standard Profiles'!$G$18=$B$24,21,0),MOD($C4593,24)+1)/SUM(INDEX($D$3:$AA$30,INDEX(Jesper!$R$2:$R$366,ROW(INDEX(Jesper!AH$2:AH$366,ROUNDDOWN($C4593/24,0)+1,1))-1)+IF('Standard Profiles'!$G$18=$B$10,7,0)+IF('Standard Profiles'!$G$18=$B$17,14,0)+IF('Standard Profiles'!$G$18=$B$24,21,0),0)),0)</f>
        <v>0</v>
      </c>
      <c r="E4593" cm="1">
        <f t="array" ref="E4593">IFERROR(INDEX(Jesper!AI$2:AI$366,ROUNDDOWN($C4593/24,0)+1,1)*INDEX($D$3:$AA$30,INDEX(Jesper!$R$2:$R$366,ROW(INDEX(Jesper!AI$2:AI$366,ROUNDDOWN($C4593/24,0)+1,1))-1)+IF('Standard Profiles'!$G$19=$B$10,7,0)+IF('Standard Profiles'!$G$19=$B$17,14,0)+IF('Standard Profiles'!$G$19=$B$24,21,0),MOD($C4593,24)+1)/SUM(INDEX($D$3:$AA$30,INDEX(Jesper!$R$2:$R$366,ROW(INDEX(Jesper!AI$2:AI$366,ROUNDDOWN($C4593/24,0)+1,1))-1)+IF('Standard Profiles'!$G$19=$B$10,7,0)+IF('Standard Profiles'!$G$19=$B$17,14,0)+IF('Standard Profiles'!$G$19=$B$24,21,0),0)),0)</f>
        <v>2.6806556278724587</v>
      </c>
      <c r="F4593" cm="1">
        <f t="array" ref="F4593">IFERROR(INDEX(Jesper!AJ$2:AJ$366,ROUNDDOWN($C4593/24,0)+1,1)*INDEX($D$3:$AA$30,INDEX(Jesper!$R$2:$R$366,ROW(INDEX(Jesper!AJ$2:AJ$366,ROUNDDOWN($C4593/24,0)+1,1))-1)+IF('Standard Profiles'!$G$20=$B$10,7,0)+IF('Standard Profiles'!$G$20=$B$17,14,0)+IF('Standard Profiles'!$G$20=$B$24,21,0),MOD($C4593,24)+1)/SUM(INDEX($D$3:$AA$30,INDEX(Jesper!$R$2:$R$366,ROW(INDEX(Jesper!AJ$2:AJ$366,ROUNDDOWN($C4593/24,0)+1,1))-1)+IF('Standard Profiles'!$G$20=$B$10,7,0)+IF('Standard Profiles'!$G$20=$B$17,14,0)+IF('Standard Profiles'!$G$20=$B$24,21,0),0)),0)</f>
        <v>0.84460816338918954</v>
      </c>
      <c r="G4593" cm="1">
        <f t="array" ref="G4593">IFERROR(INDEX(Jesper!AK$2:AK$366,ROUNDDOWN($C4593/24,0)+1,1)*INDEX($D$3:$AA$30,INDEX(Jesper!$R$2:$R$366,ROW(INDEX(Jesper!AK$2:AK$366,ROUNDDOWN($C4593/24,0)+1,1))-1)+IF('Standard Profiles'!$G$21=$B$10,7,0)+IF('Standard Profiles'!$G$21=$B$17,14,0)+IF('Standard Profiles'!$G$21=$B$24,21,0),MOD($C4593,24)+1)/SUM(INDEX($D$3:$AA$30,INDEX(Jesper!$R$2:$R$366,ROW(INDEX(Jesper!AK$2:AK$366,ROUNDDOWN($C4593/24,0)+1,1))-1)+IF('Standard Profiles'!$G$21=$B$10,7,0)+IF('Standard Profiles'!$G$21=$B$17,14,0)+IF('Standard Profiles'!$G$21=$B$24,21,0),0)),0)</f>
        <v>0.26559404783410684</v>
      </c>
      <c r="H4593" cm="1">
        <f t="array" ref="H4593">IFERROR(INDEX(Jesper!AL$2:AL$366,ROUNDDOWN($C4593/24,0)+1,1)*INDEX($D$3:$AA$30,INDEX(Jesper!$R$2:$R$366,ROW(INDEX(Jesper!AL$2:AL$366,ROUNDDOWN($C4593/24,0)+1,1))-1)+IF('Standard Profiles'!$G$22=$B$10,7,0)+IF('Standard Profiles'!$G$22=$B$17,14,0)+IF('Standard Profiles'!$G$22=$B$24,21,0),MOD($C4593,24)+1)/SUM(INDEX($D$3:$AA$30,INDEX(Jesper!$R$2:$R$366,ROW(INDEX(Jesper!AL$2:AL$366,ROUNDDOWN($C4593/24,0)+1,1))-1)+IF('Standard Profiles'!$G$22=$B$10,7,0)+IF('Standard Profiles'!$G$22=$B$17,14,0)+IF('Standard Profiles'!$G$22=$B$24,21,0),0)),0)</f>
        <v>0</v>
      </c>
      <c r="I4593">
        <f t="shared" si="517"/>
        <v>0</v>
      </c>
      <c r="J4593">
        <f t="shared" si="518"/>
        <v>3.4691791637510598</v>
      </c>
      <c r="K4593">
        <f t="shared" si="519"/>
        <v>0.2144524502297967</v>
      </c>
      <c r="L4593">
        <f t="shared" si="520"/>
        <v>0.10722622511489835</v>
      </c>
      <c r="M4593">
        <f t="shared" si="521"/>
        <v>0</v>
      </c>
      <c r="N4593" s="45">
        <f t="shared" si="522"/>
        <v>45116.958333322276</v>
      </c>
    </row>
    <row r="4594" spans="2:14" x14ac:dyDescent="0.25">
      <c r="B4594">
        <f t="shared" si="516"/>
        <v>1</v>
      </c>
      <c r="C4594" s="16">
        <v>4560</v>
      </c>
      <c r="D4594" cm="1">
        <f t="array" ref="D4594">IFERROR(INDEX(Jesper!AH$2:AH$366,ROUNDDOWN($C4594/24,0)+1,1)*INDEX($D$3:$AA$30,INDEX(Jesper!$R$2:$R$366,ROW(INDEX(Jesper!AH$2:AH$366,ROUNDDOWN($C4594/24,0)+1,1))-1)+IF('Standard Profiles'!$G$18=$B$10,7,0)+IF('Standard Profiles'!$G$18=$B$17,14,0)+IF('Standard Profiles'!$G$18=$B$24,21,0),MOD($C4594,24)+1)/SUM(INDEX($D$3:$AA$30,INDEX(Jesper!$R$2:$R$366,ROW(INDEX(Jesper!AH$2:AH$366,ROUNDDOWN($C4594/24,0)+1,1))-1)+IF('Standard Profiles'!$G$18=$B$10,7,0)+IF('Standard Profiles'!$G$18=$B$17,14,0)+IF('Standard Profiles'!$G$18=$B$24,21,0),0)),0)</f>
        <v>4.8731578114055614</v>
      </c>
      <c r="E4594" cm="1">
        <f t="array" ref="E4594">IFERROR(INDEX(Jesper!AI$2:AI$366,ROUNDDOWN($C4594/24,0)+1,1)*INDEX($D$3:$AA$30,INDEX(Jesper!$R$2:$R$366,ROW(INDEX(Jesper!AI$2:AI$366,ROUNDDOWN($C4594/24,0)+1,1))-1)+IF('Standard Profiles'!$G$19=$B$10,7,0)+IF('Standard Profiles'!$G$19=$B$17,14,0)+IF('Standard Profiles'!$G$19=$B$24,21,0),MOD($C4594,24)+1)/SUM(INDEX($D$3:$AA$30,INDEX(Jesper!$R$2:$R$366,ROW(INDEX(Jesper!AI$2:AI$366,ROUNDDOWN($C4594/24,0)+1,1))-1)+IF('Standard Profiles'!$G$19=$B$10,7,0)+IF('Standard Profiles'!$G$19=$B$17,14,0)+IF('Standard Profiles'!$G$19=$B$24,21,0),0)),0)</f>
        <v>1.6956842959750316</v>
      </c>
      <c r="F4594" cm="1">
        <f t="array" ref="F4594">IFERROR(INDEX(Jesper!AJ$2:AJ$366,ROUNDDOWN($C4594/24,0)+1,1)*INDEX($D$3:$AA$30,INDEX(Jesper!$R$2:$R$366,ROW(INDEX(Jesper!AJ$2:AJ$366,ROUNDDOWN($C4594/24,0)+1,1))-1)+IF('Standard Profiles'!$G$20=$B$10,7,0)+IF('Standard Profiles'!$G$20=$B$17,14,0)+IF('Standard Profiles'!$G$20=$B$24,21,0),MOD($C4594,24)+1)/SUM(INDEX($D$3:$AA$30,INDEX(Jesper!$R$2:$R$366,ROW(INDEX(Jesper!AJ$2:AJ$366,ROUNDDOWN($C4594/24,0)+1,1))-1)+IF('Standard Profiles'!$G$20=$B$10,7,0)+IF('Standard Profiles'!$G$20=$B$17,14,0)+IF('Standard Profiles'!$G$20=$B$24,21,0),0)),0)</f>
        <v>0</v>
      </c>
      <c r="G4594" cm="1">
        <f t="array" ref="G4594">IFERROR(INDEX(Jesper!AK$2:AK$366,ROUNDDOWN($C4594/24,0)+1,1)*INDEX($D$3:$AA$30,INDEX(Jesper!$R$2:$R$366,ROW(INDEX(Jesper!AK$2:AK$366,ROUNDDOWN($C4594/24,0)+1,1))-1)+IF('Standard Profiles'!$G$21=$B$10,7,0)+IF('Standard Profiles'!$G$21=$B$17,14,0)+IF('Standard Profiles'!$G$21=$B$24,21,0),MOD($C4594,24)+1)/SUM(INDEX($D$3:$AA$30,INDEX(Jesper!$R$2:$R$366,ROW(INDEX(Jesper!AK$2:AK$366,ROUNDDOWN($C4594/24,0)+1,1))-1)+IF('Standard Profiles'!$G$21=$B$10,7,0)+IF('Standard Profiles'!$G$21=$B$17,14,0)+IF('Standard Profiles'!$G$21=$B$24,21,0),0)),0)</f>
        <v>0</v>
      </c>
      <c r="H4594" cm="1">
        <f t="array" ref="H4594">IFERROR(INDEX(Jesper!AL$2:AL$366,ROUNDDOWN($C4594/24,0)+1,1)*INDEX($D$3:$AA$30,INDEX(Jesper!$R$2:$R$366,ROW(INDEX(Jesper!AL$2:AL$366,ROUNDDOWN($C4594/24,0)+1,1))-1)+IF('Standard Profiles'!$G$22=$B$10,7,0)+IF('Standard Profiles'!$G$22=$B$17,14,0)+IF('Standard Profiles'!$G$22=$B$24,21,0),MOD($C4594,24)+1)/SUM(INDEX($D$3:$AA$30,INDEX(Jesper!$R$2:$R$366,ROW(INDEX(Jesper!AL$2:AL$366,ROUNDDOWN($C4594/24,0)+1,1))-1)+IF('Standard Profiles'!$G$22=$B$10,7,0)+IF('Standard Profiles'!$G$22=$B$17,14,0)+IF('Standard Profiles'!$G$22=$B$24,21,0),0)),0)</f>
        <v>0</v>
      </c>
      <c r="I4594">
        <f t="shared" si="517"/>
        <v>0</v>
      </c>
      <c r="J4594">
        <f t="shared" si="518"/>
        <v>5.7891368575557038</v>
      </c>
      <c r="K4594">
        <f t="shared" si="519"/>
        <v>0.51980349988325991</v>
      </c>
      <c r="L4594">
        <f t="shared" si="520"/>
        <v>0.25990174994162996</v>
      </c>
      <c r="M4594">
        <f t="shared" si="521"/>
        <v>0</v>
      </c>
      <c r="N4594" s="45">
        <f t="shared" si="522"/>
        <v>45116.999999988941</v>
      </c>
    </row>
    <row r="4595" spans="2:14" x14ac:dyDescent="0.25">
      <c r="B4595">
        <f t="shared" si="516"/>
        <v>1</v>
      </c>
      <c r="C4595" s="16">
        <v>4561</v>
      </c>
      <c r="D4595" cm="1">
        <f t="array" ref="D4595">IFERROR(INDEX(Jesper!AH$2:AH$366,ROUNDDOWN($C4595/24,0)+1,1)*INDEX($D$3:$AA$30,INDEX(Jesper!$R$2:$R$366,ROW(INDEX(Jesper!AH$2:AH$366,ROUNDDOWN($C4595/24,0)+1,1))-1)+IF('Standard Profiles'!$G$18=$B$10,7,0)+IF('Standard Profiles'!$G$18=$B$17,14,0)+IF('Standard Profiles'!$G$18=$B$24,21,0),MOD($C4595,24)+1)/SUM(INDEX($D$3:$AA$30,INDEX(Jesper!$R$2:$R$366,ROW(INDEX(Jesper!AH$2:AH$366,ROUNDDOWN($C4595/24,0)+1,1))-1)+IF('Standard Profiles'!$G$18=$B$10,7,0)+IF('Standard Profiles'!$G$18=$B$17,14,0)+IF('Standard Profiles'!$G$18=$B$24,21,0),0)),0)</f>
        <v>4.8731578114055614</v>
      </c>
      <c r="E4595" cm="1">
        <f t="array" ref="E4595">IFERROR(INDEX(Jesper!AI$2:AI$366,ROUNDDOWN($C4595/24,0)+1,1)*INDEX($D$3:$AA$30,INDEX(Jesper!$R$2:$R$366,ROW(INDEX(Jesper!AI$2:AI$366,ROUNDDOWN($C4595/24,0)+1,1))-1)+IF('Standard Profiles'!$G$19=$B$10,7,0)+IF('Standard Profiles'!$G$19=$B$17,14,0)+IF('Standard Profiles'!$G$19=$B$24,21,0),MOD($C4595,24)+1)/SUM(INDEX($D$3:$AA$30,INDEX(Jesper!$R$2:$R$366,ROW(INDEX(Jesper!AI$2:AI$366,ROUNDDOWN($C4595/24,0)+1,1))-1)+IF('Standard Profiles'!$G$19=$B$10,7,0)+IF('Standard Profiles'!$G$19=$B$17,14,0)+IF('Standard Profiles'!$G$19=$B$24,21,0),0)),0)</f>
        <v>1.6956842959750316</v>
      </c>
      <c r="F4595" cm="1">
        <f t="array" ref="F4595">IFERROR(INDEX(Jesper!AJ$2:AJ$366,ROUNDDOWN($C4595/24,0)+1,1)*INDEX($D$3:$AA$30,INDEX(Jesper!$R$2:$R$366,ROW(INDEX(Jesper!AJ$2:AJ$366,ROUNDDOWN($C4595/24,0)+1,1))-1)+IF('Standard Profiles'!$G$20=$B$10,7,0)+IF('Standard Profiles'!$G$20=$B$17,14,0)+IF('Standard Profiles'!$G$20=$B$24,21,0),MOD($C4595,24)+1)/SUM(INDEX($D$3:$AA$30,INDEX(Jesper!$R$2:$R$366,ROW(INDEX(Jesper!AJ$2:AJ$366,ROUNDDOWN($C4595/24,0)+1,1))-1)+IF('Standard Profiles'!$G$20=$B$10,7,0)+IF('Standard Profiles'!$G$20=$B$17,14,0)+IF('Standard Profiles'!$G$20=$B$24,21,0),0)),0)</f>
        <v>0</v>
      </c>
      <c r="G4595" cm="1">
        <f t="array" ref="G4595">IFERROR(INDEX(Jesper!AK$2:AK$366,ROUNDDOWN($C4595/24,0)+1,1)*INDEX($D$3:$AA$30,INDEX(Jesper!$R$2:$R$366,ROW(INDEX(Jesper!AK$2:AK$366,ROUNDDOWN($C4595/24,0)+1,1))-1)+IF('Standard Profiles'!$G$21=$B$10,7,0)+IF('Standard Profiles'!$G$21=$B$17,14,0)+IF('Standard Profiles'!$G$21=$B$24,21,0),MOD($C4595,24)+1)/SUM(INDEX($D$3:$AA$30,INDEX(Jesper!$R$2:$R$366,ROW(INDEX(Jesper!AK$2:AK$366,ROUNDDOWN($C4595/24,0)+1,1))-1)+IF('Standard Profiles'!$G$21=$B$10,7,0)+IF('Standard Profiles'!$G$21=$B$17,14,0)+IF('Standard Profiles'!$G$21=$B$24,21,0),0)),0)</f>
        <v>0</v>
      </c>
      <c r="H4595" cm="1">
        <f t="array" ref="H4595">IFERROR(INDEX(Jesper!AL$2:AL$366,ROUNDDOWN($C4595/24,0)+1,1)*INDEX($D$3:$AA$30,INDEX(Jesper!$R$2:$R$366,ROW(INDEX(Jesper!AL$2:AL$366,ROUNDDOWN($C4595/24,0)+1,1))-1)+IF('Standard Profiles'!$G$22=$B$10,7,0)+IF('Standard Profiles'!$G$22=$B$17,14,0)+IF('Standard Profiles'!$G$22=$B$24,21,0),MOD($C4595,24)+1)/SUM(INDEX($D$3:$AA$30,INDEX(Jesper!$R$2:$R$366,ROW(INDEX(Jesper!AL$2:AL$366,ROUNDDOWN($C4595/24,0)+1,1))-1)+IF('Standard Profiles'!$G$22=$B$10,7,0)+IF('Standard Profiles'!$G$22=$B$17,14,0)+IF('Standard Profiles'!$G$22=$B$24,21,0),0)),0)</f>
        <v>0</v>
      </c>
      <c r="I4595">
        <f t="shared" si="517"/>
        <v>0</v>
      </c>
      <c r="J4595">
        <f t="shared" si="518"/>
        <v>5.7891368575557038</v>
      </c>
      <c r="K4595">
        <f t="shared" si="519"/>
        <v>0.51980349988325991</v>
      </c>
      <c r="L4595">
        <f t="shared" si="520"/>
        <v>0.25990174994162996</v>
      </c>
      <c r="M4595">
        <f t="shared" si="521"/>
        <v>0</v>
      </c>
      <c r="N4595" s="45">
        <f t="shared" si="522"/>
        <v>45117.041666655605</v>
      </c>
    </row>
    <row r="4596" spans="2:14" x14ac:dyDescent="0.25">
      <c r="B4596">
        <f t="shared" si="516"/>
        <v>1</v>
      </c>
      <c r="C4596" s="16">
        <v>4562</v>
      </c>
      <c r="D4596" cm="1">
        <f t="array" ref="D4596">IFERROR(INDEX(Jesper!AH$2:AH$366,ROUNDDOWN($C4596/24,0)+1,1)*INDEX($D$3:$AA$30,INDEX(Jesper!$R$2:$R$366,ROW(INDEX(Jesper!AH$2:AH$366,ROUNDDOWN($C4596/24,0)+1,1))-1)+IF('Standard Profiles'!$G$18=$B$10,7,0)+IF('Standard Profiles'!$G$18=$B$17,14,0)+IF('Standard Profiles'!$G$18=$B$24,21,0),MOD($C4596,24)+1)/SUM(INDEX($D$3:$AA$30,INDEX(Jesper!$R$2:$R$366,ROW(INDEX(Jesper!AH$2:AH$366,ROUNDDOWN($C4596/24,0)+1,1))-1)+IF('Standard Profiles'!$G$18=$B$10,7,0)+IF('Standard Profiles'!$G$18=$B$17,14,0)+IF('Standard Profiles'!$G$18=$B$24,21,0),0)),0)</f>
        <v>4.8731578114055614</v>
      </c>
      <c r="E4596" cm="1">
        <f t="array" ref="E4596">IFERROR(INDEX(Jesper!AI$2:AI$366,ROUNDDOWN($C4596/24,0)+1,1)*INDEX($D$3:$AA$30,INDEX(Jesper!$R$2:$R$366,ROW(INDEX(Jesper!AI$2:AI$366,ROUNDDOWN($C4596/24,0)+1,1))-1)+IF('Standard Profiles'!$G$19=$B$10,7,0)+IF('Standard Profiles'!$G$19=$B$17,14,0)+IF('Standard Profiles'!$G$19=$B$24,21,0),MOD($C4596,24)+1)/SUM(INDEX($D$3:$AA$30,INDEX(Jesper!$R$2:$R$366,ROW(INDEX(Jesper!AI$2:AI$366,ROUNDDOWN($C4596/24,0)+1,1))-1)+IF('Standard Profiles'!$G$19=$B$10,7,0)+IF('Standard Profiles'!$G$19=$B$17,14,0)+IF('Standard Profiles'!$G$19=$B$24,21,0),0)),0)</f>
        <v>1.6956842959750316</v>
      </c>
      <c r="F4596" cm="1">
        <f t="array" ref="F4596">IFERROR(INDEX(Jesper!AJ$2:AJ$366,ROUNDDOWN($C4596/24,0)+1,1)*INDEX($D$3:$AA$30,INDEX(Jesper!$R$2:$R$366,ROW(INDEX(Jesper!AJ$2:AJ$366,ROUNDDOWN($C4596/24,0)+1,1))-1)+IF('Standard Profiles'!$G$20=$B$10,7,0)+IF('Standard Profiles'!$G$20=$B$17,14,0)+IF('Standard Profiles'!$G$20=$B$24,21,0),MOD($C4596,24)+1)/SUM(INDEX($D$3:$AA$30,INDEX(Jesper!$R$2:$R$366,ROW(INDEX(Jesper!AJ$2:AJ$366,ROUNDDOWN($C4596/24,0)+1,1))-1)+IF('Standard Profiles'!$G$20=$B$10,7,0)+IF('Standard Profiles'!$G$20=$B$17,14,0)+IF('Standard Profiles'!$G$20=$B$24,21,0),0)),0)</f>
        <v>0</v>
      </c>
      <c r="G4596" cm="1">
        <f t="array" ref="G4596">IFERROR(INDEX(Jesper!AK$2:AK$366,ROUNDDOWN($C4596/24,0)+1,1)*INDEX($D$3:$AA$30,INDEX(Jesper!$R$2:$R$366,ROW(INDEX(Jesper!AK$2:AK$366,ROUNDDOWN($C4596/24,0)+1,1))-1)+IF('Standard Profiles'!$G$21=$B$10,7,0)+IF('Standard Profiles'!$G$21=$B$17,14,0)+IF('Standard Profiles'!$G$21=$B$24,21,0),MOD($C4596,24)+1)/SUM(INDEX($D$3:$AA$30,INDEX(Jesper!$R$2:$R$366,ROW(INDEX(Jesper!AK$2:AK$366,ROUNDDOWN($C4596/24,0)+1,1))-1)+IF('Standard Profiles'!$G$21=$B$10,7,0)+IF('Standard Profiles'!$G$21=$B$17,14,0)+IF('Standard Profiles'!$G$21=$B$24,21,0),0)),0)</f>
        <v>0</v>
      </c>
      <c r="H4596" cm="1">
        <f t="array" ref="H4596">IFERROR(INDEX(Jesper!AL$2:AL$366,ROUNDDOWN($C4596/24,0)+1,1)*INDEX($D$3:$AA$30,INDEX(Jesper!$R$2:$R$366,ROW(INDEX(Jesper!AL$2:AL$366,ROUNDDOWN($C4596/24,0)+1,1))-1)+IF('Standard Profiles'!$G$22=$B$10,7,0)+IF('Standard Profiles'!$G$22=$B$17,14,0)+IF('Standard Profiles'!$G$22=$B$24,21,0),MOD($C4596,24)+1)/SUM(INDEX($D$3:$AA$30,INDEX(Jesper!$R$2:$R$366,ROW(INDEX(Jesper!AL$2:AL$366,ROUNDDOWN($C4596/24,0)+1,1))-1)+IF('Standard Profiles'!$G$22=$B$10,7,0)+IF('Standard Profiles'!$G$22=$B$17,14,0)+IF('Standard Profiles'!$G$22=$B$24,21,0),0)),0)</f>
        <v>0</v>
      </c>
      <c r="I4596">
        <f t="shared" si="517"/>
        <v>0</v>
      </c>
      <c r="J4596">
        <f t="shared" si="518"/>
        <v>5.7891368575557038</v>
      </c>
      <c r="K4596">
        <f t="shared" si="519"/>
        <v>0.51980349988325991</v>
      </c>
      <c r="L4596">
        <f t="shared" si="520"/>
        <v>0.25990174994162996</v>
      </c>
      <c r="M4596">
        <f t="shared" si="521"/>
        <v>0</v>
      </c>
      <c r="N4596" s="45">
        <f t="shared" si="522"/>
        <v>45117.083333322269</v>
      </c>
    </row>
    <row r="4597" spans="2:14" x14ac:dyDescent="0.25">
      <c r="B4597">
        <f t="shared" si="516"/>
        <v>1</v>
      </c>
      <c r="C4597" s="16">
        <v>4563</v>
      </c>
      <c r="D4597" cm="1">
        <f t="array" ref="D4597">IFERROR(INDEX(Jesper!AH$2:AH$366,ROUNDDOWN($C4597/24,0)+1,1)*INDEX($D$3:$AA$30,INDEX(Jesper!$R$2:$R$366,ROW(INDEX(Jesper!AH$2:AH$366,ROUNDDOWN($C4597/24,0)+1,1))-1)+IF('Standard Profiles'!$G$18=$B$10,7,0)+IF('Standard Profiles'!$G$18=$B$17,14,0)+IF('Standard Profiles'!$G$18=$B$24,21,0),MOD($C4597,24)+1)/SUM(INDEX($D$3:$AA$30,INDEX(Jesper!$R$2:$R$366,ROW(INDEX(Jesper!AH$2:AH$366,ROUNDDOWN($C4597/24,0)+1,1))-1)+IF('Standard Profiles'!$G$18=$B$10,7,0)+IF('Standard Profiles'!$G$18=$B$17,14,0)+IF('Standard Profiles'!$G$18=$B$24,21,0),0)),0)</f>
        <v>4.8731578114055614</v>
      </c>
      <c r="E4597" cm="1">
        <f t="array" ref="E4597">IFERROR(INDEX(Jesper!AI$2:AI$366,ROUNDDOWN($C4597/24,0)+1,1)*INDEX($D$3:$AA$30,INDEX(Jesper!$R$2:$R$366,ROW(INDEX(Jesper!AI$2:AI$366,ROUNDDOWN($C4597/24,0)+1,1))-1)+IF('Standard Profiles'!$G$19=$B$10,7,0)+IF('Standard Profiles'!$G$19=$B$17,14,0)+IF('Standard Profiles'!$G$19=$B$24,21,0),MOD($C4597,24)+1)/SUM(INDEX($D$3:$AA$30,INDEX(Jesper!$R$2:$R$366,ROW(INDEX(Jesper!AI$2:AI$366,ROUNDDOWN($C4597/24,0)+1,1))-1)+IF('Standard Profiles'!$G$19=$B$10,7,0)+IF('Standard Profiles'!$G$19=$B$17,14,0)+IF('Standard Profiles'!$G$19=$B$24,21,0),0)),0)</f>
        <v>1.6956842959750316</v>
      </c>
      <c r="F4597" cm="1">
        <f t="array" ref="F4597">IFERROR(INDEX(Jesper!AJ$2:AJ$366,ROUNDDOWN($C4597/24,0)+1,1)*INDEX($D$3:$AA$30,INDEX(Jesper!$R$2:$R$366,ROW(INDEX(Jesper!AJ$2:AJ$366,ROUNDDOWN($C4597/24,0)+1,1))-1)+IF('Standard Profiles'!$G$20=$B$10,7,0)+IF('Standard Profiles'!$G$20=$B$17,14,0)+IF('Standard Profiles'!$G$20=$B$24,21,0),MOD($C4597,24)+1)/SUM(INDEX($D$3:$AA$30,INDEX(Jesper!$R$2:$R$366,ROW(INDEX(Jesper!AJ$2:AJ$366,ROUNDDOWN($C4597/24,0)+1,1))-1)+IF('Standard Profiles'!$G$20=$B$10,7,0)+IF('Standard Profiles'!$G$20=$B$17,14,0)+IF('Standard Profiles'!$G$20=$B$24,21,0),0)),0)</f>
        <v>0</v>
      </c>
      <c r="G4597" cm="1">
        <f t="array" ref="G4597">IFERROR(INDEX(Jesper!AK$2:AK$366,ROUNDDOWN($C4597/24,0)+1,1)*INDEX($D$3:$AA$30,INDEX(Jesper!$R$2:$R$366,ROW(INDEX(Jesper!AK$2:AK$366,ROUNDDOWN($C4597/24,0)+1,1))-1)+IF('Standard Profiles'!$G$21=$B$10,7,0)+IF('Standard Profiles'!$G$21=$B$17,14,0)+IF('Standard Profiles'!$G$21=$B$24,21,0),MOD($C4597,24)+1)/SUM(INDEX($D$3:$AA$30,INDEX(Jesper!$R$2:$R$366,ROW(INDEX(Jesper!AK$2:AK$366,ROUNDDOWN($C4597/24,0)+1,1))-1)+IF('Standard Profiles'!$G$21=$B$10,7,0)+IF('Standard Profiles'!$G$21=$B$17,14,0)+IF('Standard Profiles'!$G$21=$B$24,21,0),0)),0)</f>
        <v>0</v>
      </c>
      <c r="H4597" cm="1">
        <f t="array" ref="H4597">IFERROR(INDEX(Jesper!AL$2:AL$366,ROUNDDOWN($C4597/24,0)+1,1)*INDEX($D$3:$AA$30,INDEX(Jesper!$R$2:$R$366,ROW(INDEX(Jesper!AL$2:AL$366,ROUNDDOWN($C4597/24,0)+1,1))-1)+IF('Standard Profiles'!$G$22=$B$10,7,0)+IF('Standard Profiles'!$G$22=$B$17,14,0)+IF('Standard Profiles'!$G$22=$B$24,21,0),MOD($C4597,24)+1)/SUM(INDEX($D$3:$AA$30,INDEX(Jesper!$R$2:$R$366,ROW(INDEX(Jesper!AL$2:AL$366,ROUNDDOWN($C4597/24,0)+1,1))-1)+IF('Standard Profiles'!$G$22=$B$10,7,0)+IF('Standard Profiles'!$G$22=$B$17,14,0)+IF('Standard Profiles'!$G$22=$B$24,21,0),0)),0)</f>
        <v>0</v>
      </c>
      <c r="I4597">
        <f t="shared" si="517"/>
        <v>0</v>
      </c>
      <c r="J4597">
        <f t="shared" si="518"/>
        <v>5.7891368575557038</v>
      </c>
      <c r="K4597">
        <f t="shared" si="519"/>
        <v>0.51980349988325991</v>
      </c>
      <c r="L4597">
        <f t="shared" si="520"/>
        <v>0.25990174994162996</v>
      </c>
      <c r="M4597">
        <f t="shared" si="521"/>
        <v>0</v>
      </c>
      <c r="N4597" s="45">
        <f t="shared" si="522"/>
        <v>45117.124999988933</v>
      </c>
    </row>
    <row r="4598" spans="2:14" x14ac:dyDescent="0.25">
      <c r="B4598">
        <f t="shared" si="516"/>
        <v>1</v>
      </c>
      <c r="C4598" s="16">
        <v>4564</v>
      </c>
      <c r="D4598" cm="1">
        <f t="array" ref="D4598">IFERROR(INDEX(Jesper!AH$2:AH$366,ROUNDDOWN($C4598/24,0)+1,1)*INDEX($D$3:$AA$30,INDEX(Jesper!$R$2:$R$366,ROW(INDEX(Jesper!AH$2:AH$366,ROUNDDOWN($C4598/24,0)+1,1))-1)+IF('Standard Profiles'!$G$18=$B$10,7,0)+IF('Standard Profiles'!$G$18=$B$17,14,0)+IF('Standard Profiles'!$G$18=$B$24,21,0),MOD($C4598,24)+1)/SUM(INDEX($D$3:$AA$30,INDEX(Jesper!$R$2:$R$366,ROW(INDEX(Jesper!AH$2:AH$366,ROUNDDOWN($C4598/24,0)+1,1))-1)+IF('Standard Profiles'!$G$18=$B$10,7,0)+IF('Standard Profiles'!$G$18=$B$17,14,0)+IF('Standard Profiles'!$G$18=$B$24,21,0),0)),0)</f>
        <v>4.8731578114055614</v>
      </c>
      <c r="E4598" cm="1">
        <f t="array" ref="E4598">IFERROR(INDEX(Jesper!AI$2:AI$366,ROUNDDOWN($C4598/24,0)+1,1)*INDEX($D$3:$AA$30,INDEX(Jesper!$R$2:$R$366,ROW(INDEX(Jesper!AI$2:AI$366,ROUNDDOWN($C4598/24,0)+1,1))-1)+IF('Standard Profiles'!$G$19=$B$10,7,0)+IF('Standard Profiles'!$G$19=$B$17,14,0)+IF('Standard Profiles'!$G$19=$B$24,21,0),MOD($C4598,24)+1)/SUM(INDEX($D$3:$AA$30,INDEX(Jesper!$R$2:$R$366,ROW(INDEX(Jesper!AI$2:AI$366,ROUNDDOWN($C4598/24,0)+1,1))-1)+IF('Standard Profiles'!$G$19=$B$10,7,0)+IF('Standard Profiles'!$G$19=$B$17,14,0)+IF('Standard Profiles'!$G$19=$B$24,21,0),0)),0)</f>
        <v>1.6956842959750316</v>
      </c>
      <c r="F4598" cm="1">
        <f t="array" ref="F4598">IFERROR(INDEX(Jesper!AJ$2:AJ$366,ROUNDDOWN($C4598/24,0)+1,1)*INDEX($D$3:$AA$30,INDEX(Jesper!$R$2:$R$366,ROW(INDEX(Jesper!AJ$2:AJ$366,ROUNDDOWN($C4598/24,0)+1,1))-1)+IF('Standard Profiles'!$G$20=$B$10,7,0)+IF('Standard Profiles'!$G$20=$B$17,14,0)+IF('Standard Profiles'!$G$20=$B$24,21,0),MOD($C4598,24)+1)/SUM(INDEX($D$3:$AA$30,INDEX(Jesper!$R$2:$R$366,ROW(INDEX(Jesper!AJ$2:AJ$366,ROUNDDOWN($C4598/24,0)+1,1))-1)+IF('Standard Profiles'!$G$20=$B$10,7,0)+IF('Standard Profiles'!$G$20=$B$17,14,0)+IF('Standard Profiles'!$G$20=$B$24,21,0),0)),0)</f>
        <v>0</v>
      </c>
      <c r="G4598" cm="1">
        <f t="array" ref="G4598">IFERROR(INDEX(Jesper!AK$2:AK$366,ROUNDDOWN($C4598/24,0)+1,1)*INDEX($D$3:$AA$30,INDEX(Jesper!$R$2:$R$366,ROW(INDEX(Jesper!AK$2:AK$366,ROUNDDOWN($C4598/24,0)+1,1))-1)+IF('Standard Profiles'!$G$21=$B$10,7,0)+IF('Standard Profiles'!$G$21=$B$17,14,0)+IF('Standard Profiles'!$G$21=$B$24,21,0),MOD($C4598,24)+1)/SUM(INDEX($D$3:$AA$30,INDEX(Jesper!$R$2:$R$366,ROW(INDEX(Jesper!AK$2:AK$366,ROUNDDOWN($C4598/24,0)+1,1))-1)+IF('Standard Profiles'!$G$21=$B$10,7,0)+IF('Standard Profiles'!$G$21=$B$17,14,0)+IF('Standard Profiles'!$G$21=$B$24,21,0),0)),0)</f>
        <v>0</v>
      </c>
      <c r="H4598" cm="1">
        <f t="array" ref="H4598">IFERROR(INDEX(Jesper!AL$2:AL$366,ROUNDDOWN($C4598/24,0)+1,1)*INDEX($D$3:$AA$30,INDEX(Jesper!$R$2:$R$366,ROW(INDEX(Jesper!AL$2:AL$366,ROUNDDOWN($C4598/24,0)+1,1))-1)+IF('Standard Profiles'!$G$22=$B$10,7,0)+IF('Standard Profiles'!$G$22=$B$17,14,0)+IF('Standard Profiles'!$G$22=$B$24,21,0),MOD($C4598,24)+1)/SUM(INDEX($D$3:$AA$30,INDEX(Jesper!$R$2:$R$366,ROW(INDEX(Jesper!AL$2:AL$366,ROUNDDOWN($C4598/24,0)+1,1))-1)+IF('Standard Profiles'!$G$22=$B$10,7,0)+IF('Standard Profiles'!$G$22=$B$17,14,0)+IF('Standard Profiles'!$G$22=$B$24,21,0),0)),0)</f>
        <v>0</v>
      </c>
      <c r="I4598">
        <f t="shared" si="517"/>
        <v>0</v>
      </c>
      <c r="J4598">
        <f t="shared" si="518"/>
        <v>5.7891368575557038</v>
      </c>
      <c r="K4598">
        <f t="shared" si="519"/>
        <v>0.51980349988325991</v>
      </c>
      <c r="L4598">
        <f t="shared" si="520"/>
        <v>0.25990174994162996</v>
      </c>
      <c r="M4598">
        <f t="shared" si="521"/>
        <v>0</v>
      </c>
      <c r="N4598" s="45">
        <f t="shared" si="522"/>
        <v>45117.166666655598</v>
      </c>
    </row>
    <row r="4599" spans="2:14" x14ac:dyDescent="0.25">
      <c r="B4599">
        <f t="shared" si="516"/>
        <v>1</v>
      </c>
      <c r="C4599" s="16">
        <v>4565</v>
      </c>
      <c r="D4599" cm="1">
        <f t="array" ref="D4599">IFERROR(INDEX(Jesper!AH$2:AH$366,ROUNDDOWN($C4599/24,0)+1,1)*INDEX($D$3:$AA$30,INDEX(Jesper!$R$2:$R$366,ROW(INDEX(Jesper!AH$2:AH$366,ROUNDDOWN($C4599/24,0)+1,1))-1)+IF('Standard Profiles'!$G$18=$B$10,7,0)+IF('Standard Profiles'!$G$18=$B$17,14,0)+IF('Standard Profiles'!$G$18=$B$24,21,0),MOD($C4599,24)+1)/SUM(INDEX($D$3:$AA$30,INDEX(Jesper!$R$2:$R$366,ROW(INDEX(Jesper!AH$2:AH$366,ROUNDDOWN($C4599/24,0)+1,1))-1)+IF('Standard Profiles'!$G$18=$B$10,7,0)+IF('Standard Profiles'!$G$18=$B$17,14,0)+IF('Standard Profiles'!$G$18=$B$24,21,0),0)),0)</f>
        <v>4.8731578114055614</v>
      </c>
      <c r="E4599" cm="1">
        <f t="array" ref="E4599">IFERROR(INDEX(Jesper!AI$2:AI$366,ROUNDDOWN($C4599/24,0)+1,1)*INDEX($D$3:$AA$30,INDEX(Jesper!$R$2:$R$366,ROW(INDEX(Jesper!AI$2:AI$366,ROUNDDOWN($C4599/24,0)+1,1))-1)+IF('Standard Profiles'!$G$19=$B$10,7,0)+IF('Standard Profiles'!$G$19=$B$17,14,0)+IF('Standard Profiles'!$G$19=$B$24,21,0),MOD($C4599,24)+1)/SUM(INDEX($D$3:$AA$30,INDEX(Jesper!$R$2:$R$366,ROW(INDEX(Jesper!AI$2:AI$366,ROUNDDOWN($C4599/24,0)+1,1))-1)+IF('Standard Profiles'!$G$19=$B$10,7,0)+IF('Standard Profiles'!$G$19=$B$17,14,0)+IF('Standard Profiles'!$G$19=$B$24,21,0),0)),0)</f>
        <v>1.6956842959750316</v>
      </c>
      <c r="F4599" cm="1">
        <f t="array" ref="F4599">IFERROR(INDEX(Jesper!AJ$2:AJ$366,ROUNDDOWN($C4599/24,0)+1,1)*INDEX($D$3:$AA$30,INDEX(Jesper!$R$2:$R$366,ROW(INDEX(Jesper!AJ$2:AJ$366,ROUNDDOWN($C4599/24,0)+1,1))-1)+IF('Standard Profiles'!$G$20=$B$10,7,0)+IF('Standard Profiles'!$G$20=$B$17,14,0)+IF('Standard Profiles'!$G$20=$B$24,21,0),MOD($C4599,24)+1)/SUM(INDEX($D$3:$AA$30,INDEX(Jesper!$R$2:$R$366,ROW(INDEX(Jesper!AJ$2:AJ$366,ROUNDDOWN($C4599/24,0)+1,1))-1)+IF('Standard Profiles'!$G$20=$B$10,7,0)+IF('Standard Profiles'!$G$20=$B$17,14,0)+IF('Standard Profiles'!$G$20=$B$24,21,0),0)),0)</f>
        <v>0</v>
      </c>
      <c r="G4599" cm="1">
        <f t="array" ref="G4599">IFERROR(INDEX(Jesper!AK$2:AK$366,ROUNDDOWN($C4599/24,0)+1,1)*INDEX($D$3:$AA$30,INDEX(Jesper!$R$2:$R$366,ROW(INDEX(Jesper!AK$2:AK$366,ROUNDDOWN($C4599/24,0)+1,1))-1)+IF('Standard Profiles'!$G$21=$B$10,7,0)+IF('Standard Profiles'!$G$21=$B$17,14,0)+IF('Standard Profiles'!$G$21=$B$24,21,0),MOD($C4599,24)+1)/SUM(INDEX($D$3:$AA$30,INDEX(Jesper!$R$2:$R$366,ROW(INDEX(Jesper!AK$2:AK$366,ROUNDDOWN($C4599/24,0)+1,1))-1)+IF('Standard Profiles'!$G$21=$B$10,7,0)+IF('Standard Profiles'!$G$21=$B$17,14,0)+IF('Standard Profiles'!$G$21=$B$24,21,0),0)),0)</f>
        <v>0</v>
      </c>
      <c r="H4599" cm="1">
        <f t="array" ref="H4599">IFERROR(INDEX(Jesper!AL$2:AL$366,ROUNDDOWN($C4599/24,0)+1,1)*INDEX($D$3:$AA$30,INDEX(Jesper!$R$2:$R$366,ROW(INDEX(Jesper!AL$2:AL$366,ROUNDDOWN($C4599/24,0)+1,1))-1)+IF('Standard Profiles'!$G$22=$B$10,7,0)+IF('Standard Profiles'!$G$22=$B$17,14,0)+IF('Standard Profiles'!$G$22=$B$24,21,0),MOD($C4599,24)+1)/SUM(INDEX($D$3:$AA$30,INDEX(Jesper!$R$2:$R$366,ROW(INDEX(Jesper!AL$2:AL$366,ROUNDDOWN($C4599/24,0)+1,1))-1)+IF('Standard Profiles'!$G$22=$B$10,7,0)+IF('Standard Profiles'!$G$22=$B$17,14,0)+IF('Standard Profiles'!$G$22=$B$24,21,0),0)),0)</f>
        <v>0</v>
      </c>
      <c r="I4599">
        <f t="shared" si="517"/>
        <v>0</v>
      </c>
      <c r="J4599">
        <f t="shared" si="518"/>
        <v>5.7891368575557038</v>
      </c>
      <c r="K4599">
        <f t="shared" si="519"/>
        <v>0.51980349988325991</v>
      </c>
      <c r="L4599">
        <f t="shared" si="520"/>
        <v>0.25990174994162996</v>
      </c>
      <c r="M4599">
        <f t="shared" si="521"/>
        <v>0</v>
      </c>
      <c r="N4599" s="45">
        <f t="shared" si="522"/>
        <v>45117.208333322262</v>
      </c>
    </row>
    <row r="4600" spans="2:14" x14ac:dyDescent="0.25">
      <c r="B4600">
        <f t="shared" si="516"/>
        <v>1</v>
      </c>
      <c r="C4600" s="16">
        <v>4566</v>
      </c>
      <c r="D4600" cm="1">
        <f t="array" ref="D4600">IFERROR(INDEX(Jesper!AH$2:AH$366,ROUNDDOWN($C4600/24,0)+1,1)*INDEX($D$3:$AA$30,INDEX(Jesper!$R$2:$R$366,ROW(INDEX(Jesper!AH$2:AH$366,ROUNDDOWN($C4600/24,0)+1,1))-1)+IF('Standard Profiles'!$G$18=$B$10,7,0)+IF('Standard Profiles'!$G$18=$B$17,14,0)+IF('Standard Profiles'!$G$18=$B$24,21,0),MOD($C4600,24)+1)/SUM(INDEX($D$3:$AA$30,INDEX(Jesper!$R$2:$R$366,ROW(INDEX(Jesper!AH$2:AH$366,ROUNDDOWN($C4600/24,0)+1,1))-1)+IF('Standard Profiles'!$G$18=$B$10,7,0)+IF('Standard Profiles'!$G$18=$B$17,14,0)+IF('Standard Profiles'!$G$18=$B$24,21,0),0)),0)</f>
        <v>4.8731578114055614</v>
      </c>
      <c r="E4600" cm="1">
        <f t="array" ref="E4600">IFERROR(INDEX(Jesper!AI$2:AI$366,ROUNDDOWN($C4600/24,0)+1,1)*INDEX($D$3:$AA$30,INDEX(Jesper!$R$2:$R$366,ROW(INDEX(Jesper!AI$2:AI$366,ROUNDDOWN($C4600/24,0)+1,1))-1)+IF('Standard Profiles'!$G$19=$B$10,7,0)+IF('Standard Profiles'!$G$19=$B$17,14,0)+IF('Standard Profiles'!$G$19=$B$24,21,0),MOD($C4600,24)+1)/SUM(INDEX($D$3:$AA$30,INDEX(Jesper!$R$2:$R$366,ROW(INDEX(Jesper!AI$2:AI$366,ROUNDDOWN($C4600/24,0)+1,1))-1)+IF('Standard Profiles'!$G$19=$B$10,7,0)+IF('Standard Profiles'!$G$19=$B$17,14,0)+IF('Standard Profiles'!$G$19=$B$24,21,0),0)),0)</f>
        <v>1.6956842959750316</v>
      </c>
      <c r="F4600" cm="1">
        <f t="array" ref="F4600">IFERROR(INDEX(Jesper!AJ$2:AJ$366,ROUNDDOWN($C4600/24,0)+1,1)*INDEX($D$3:$AA$30,INDEX(Jesper!$R$2:$R$366,ROW(INDEX(Jesper!AJ$2:AJ$366,ROUNDDOWN($C4600/24,0)+1,1))-1)+IF('Standard Profiles'!$G$20=$B$10,7,0)+IF('Standard Profiles'!$G$20=$B$17,14,0)+IF('Standard Profiles'!$G$20=$B$24,21,0),MOD($C4600,24)+1)/SUM(INDEX($D$3:$AA$30,INDEX(Jesper!$R$2:$R$366,ROW(INDEX(Jesper!AJ$2:AJ$366,ROUNDDOWN($C4600/24,0)+1,1))-1)+IF('Standard Profiles'!$G$20=$B$10,7,0)+IF('Standard Profiles'!$G$20=$B$17,14,0)+IF('Standard Profiles'!$G$20=$B$24,21,0),0)),0)</f>
        <v>0</v>
      </c>
      <c r="G4600" cm="1">
        <f t="array" ref="G4600">IFERROR(INDEX(Jesper!AK$2:AK$366,ROUNDDOWN($C4600/24,0)+1,1)*INDEX($D$3:$AA$30,INDEX(Jesper!$R$2:$R$366,ROW(INDEX(Jesper!AK$2:AK$366,ROUNDDOWN($C4600/24,0)+1,1))-1)+IF('Standard Profiles'!$G$21=$B$10,7,0)+IF('Standard Profiles'!$G$21=$B$17,14,0)+IF('Standard Profiles'!$G$21=$B$24,21,0),MOD($C4600,24)+1)/SUM(INDEX($D$3:$AA$30,INDEX(Jesper!$R$2:$R$366,ROW(INDEX(Jesper!AK$2:AK$366,ROUNDDOWN($C4600/24,0)+1,1))-1)+IF('Standard Profiles'!$G$21=$B$10,7,0)+IF('Standard Profiles'!$G$21=$B$17,14,0)+IF('Standard Profiles'!$G$21=$B$24,21,0),0)),0)</f>
        <v>0</v>
      </c>
      <c r="H4600" cm="1">
        <f t="array" ref="H4600">IFERROR(INDEX(Jesper!AL$2:AL$366,ROUNDDOWN($C4600/24,0)+1,1)*INDEX($D$3:$AA$30,INDEX(Jesper!$R$2:$R$366,ROW(INDEX(Jesper!AL$2:AL$366,ROUNDDOWN($C4600/24,0)+1,1))-1)+IF('Standard Profiles'!$G$22=$B$10,7,0)+IF('Standard Profiles'!$G$22=$B$17,14,0)+IF('Standard Profiles'!$G$22=$B$24,21,0),MOD($C4600,24)+1)/SUM(INDEX($D$3:$AA$30,INDEX(Jesper!$R$2:$R$366,ROW(INDEX(Jesper!AL$2:AL$366,ROUNDDOWN($C4600/24,0)+1,1))-1)+IF('Standard Profiles'!$G$22=$B$10,7,0)+IF('Standard Profiles'!$G$22=$B$17,14,0)+IF('Standard Profiles'!$G$22=$B$24,21,0),0)),0)</f>
        <v>0</v>
      </c>
      <c r="I4600">
        <f t="shared" si="517"/>
        <v>0</v>
      </c>
      <c r="J4600">
        <f t="shared" si="518"/>
        <v>5.7891368575557038</v>
      </c>
      <c r="K4600">
        <f t="shared" si="519"/>
        <v>0.51980349988325991</v>
      </c>
      <c r="L4600">
        <f t="shared" si="520"/>
        <v>0.25990174994162996</v>
      </c>
      <c r="M4600">
        <f t="shared" si="521"/>
        <v>0</v>
      </c>
      <c r="N4600" s="45">
        <f t="shared" si="522"/>
        <v>45117.249999988926</v>
      </c>
    </row>
    <row r="4601" spans="2:14" x14ac:dyDescent="0.25">
      <c r="B4601">
        <f t="shared" si="516"/>
        <v>1</v>
      </c>
      <c r="C4601" s="16">
        <v>4567</v>
      </c>
      <c r="D4601" cm="1">
        <f t="array" ref="D4601">IFERROR(INDEX(Jesper!AH$2:AH$366,ROUNDDOWN($C4601/24,0)+1,1)*INDEX($D$3:$AA$30,INDEX(Jesper!$R$2:$R$366,ROW(INDEX(Jesper!AH$2:AH$366,ROUNDDOWN($C4601/24,0)+1,1))-1)+IF('Standard Profiles'!$G$18=$B$10,7,0)+IF('Standard Profiles'!$G$18=$B$17,14,0)+IF('Standard Profiles'!$G$18=$B$24,21,0),MOD($C4601,24)+1)/SUM(INDEX($D$3:$AA$30,INDEX(Jesper!$R$2:$R$366,ROW(INDEX(Jesper!AH$2:AH$366,ROUNDDOWN($C4601/24,0)+1,1))-1)+IF('Standard Profiles'!$G$18=$B$10,7,0)+IF('Standard Profiles'!$G$18=$B$17,14,0)+IF('Standard Profiles'!$G$18=$B$24,21,0),0)),0)</f>
        <v>20.759652276587691</v>
      </c>
      <c r="E4601" cm="1">
        <f t="array" ref="E4601">IFERROR(INDEX(Jesper!AI$2:AI$366,ROUNDDOWN($C4601/24,0)+1,1)*INDEX($D$3:$AA$30,INDEX(Jesper!$R$2:$R$366,ROW(INDEX(Jesper!AI$2:AI$366,ROUNDDOWN($C4601/24,0)+1,1))-1)+IF('Standard Profiles'!$G$19=$B$10,7,0)+IF('Standard Profiles'!$G$19=$B$17,14,0)+IF('Standard Profiles'!$G$19=$B$24,21,0),MOD($C4601,24)+1)/SUM(INDEX($D$3:$AA$30,INDEX(Jesper!$R$2:$R$366,ROW(INDEX(Jesper!AI$2:AI$366,ROUNDDOWN($C4601/24,0)+1,1))-1)+IF('Standard Profiles'!$G$19=$B$10,7,0)+IF('Standard Profiles'!$G$19=$B$17,14,0)+IF('Standard Profiles'!$G$19=$B$24,21,0),0)),0)</f>
        <v>7.2236151008536336</v>
      </c>
      <c r="F4601" cm="1">
        <f t="array" ref="F4601">IFERROR(INDEX(Jesper!AJ$2:AJ$366,ROUNDDOWN($C4601/24,0)+1,1)*INDEX($D$3:$AA$30,INDEX(Jesper!$R$2:$R$366,ROW(INDEX(Jesper!AJ$2:AJ$366,ROUNDDOWN($C4601/24,0)+1,1))-1)+IF('Standard Profiles'!$G$20=$B$10,7,0)+IF('Standard Profiles'!$G$20=$B$17,14,0)+IF('Standard Profiles'!$G$20=$B$24,21,0),MOD($C4601,24)+1)/SUM(INDEX($D$3:$AA$30,INDEX(Jesper!$R$2:$R$366,ROW(INDEX(Jesper!AJ$2:AJ$366,ROUNDDOWN($C4601/24,0)+1,1))-1)+IF('Standard Profiles'!$G$20=$B$10,7,0)+IF('Standard Profiles'!$G$20=$B$17,14,0)+IF('Standard Profiles'!$G$20=$B$24,21,0),0)),0)</f>
        <v>0</v>
      </c>
      <c r="G4601" cm="1">
        <f t="array" ref="G4601">IFERROR(INDEX(Jesper!AK$2:AK$366,ROUNDDOWN($C4601/24,0)+1,1)*INDEX($D$3:$AA$30,INDEX(Jesper!$R$2:$R$366,ROW(INDEX(Jesper!AK$2:AK$366,ROUNDDOWN($C4601/24,0)+1,1))-1)+IF('Standard Profiles'!$G$21=$B$10,7,0)+IF('Standard Profiles'!$G$21=$B$17,14,0)+IF('Standard Profiles'!$G$21=$B$24,21,0),MOD($C4601,24)+1)/SUM(INDEX($D$3:$AA$30,INDEX(Jesper!$R$2:$R$366,ROW(INDEX(Jesper!AK$2:AK$366,ROUNDDOWN($C4601/24,0)+1,1))-1)+IF('Standard Profiles'!$G$21=$B$10,7,0)+IF('Standard Profiles'!$G$21=$B$17,14,0)+IF('Standard Profiles'!$G$21=$B$24,21,0),0)),0)</f>
        <v>0</v>
      </c>
      <c r="H4601" cm="1">
        <f t="array" ref="H4601">IFERROR(INDEX(Jesper!AL$2:AL$366,ROUNDDOWN($C4601/24,0)+1,1)*INDEX($D$3:$AA$30,INDEX(Jesper!$R$2:$R$366,ROW(INDEX(Jesper!AL$2:AL$366,ROUNDDOWN($C4601/24,0)+1,1))-1)+IF('Standard Profiles'!$G$22=$B$10,7,0)+IF('Standard Profiles'!$G$22=$B$17,14,0)+IF('Standard Profiles'!$G$22=$B$24,21,0),MOD($C4601,24)+1)/SUM(INDEX($D$3:$AA$30,INDEX(Jesper!$R$2:$R$366,ROW(INDEX(Jesper!AL$2:AL$366,ROUNDDOWN($C4601/24,0)+1,1))-1)+IF('Standard Profiles'!$G$22=$B$10,7,0)+IF('Standard Profiles'!$G$22=$B$17,14,0)+IF('Standard Profiles'!$G$22=$B$24,21,0),0)),0)</f>
        <v>0</v>
      </c>
      <c r="I4601">
        <f t="shared" si="517"/>
        <v>0</v>
      </c>
      <c r="J4601">
        <f t="shared" si="518"/>
        <v>24.661723013187292</v>
      </c>
      <c r="K4601">
        <f t="shared" si="519"/>
        <v>2.2143629095026873</v>
      </c>
      <c r="L4601">
        <f t="shared" si="520"/>
        <v>1.1071814547513437</v>
      </c>
      <c r="M4601">
        <f t="shared" si="521"/>
        <v>0</v>
      </c>
      <c r="N4601" s="45">
        <f t="shared" si="522"/>
        <v>45117.29166665559</v>
      </c>
    </row>
    <row r="4602" spans="2:14" x14ac:dyDescent="0.25">
      <c r="B4602">
        <f t="shared" si="516"/>
        <v>1</v>
      </c>
      <c r="C4602" s="16">
        <v>4568</v>
      </c>
      <c r="D4602" cm="1">
        <f t="array" ref="D4602">IFERROR(INDEX(Jesper!AH$2:AH$366,ROUNDDOWN($C4602/24,0)+1,1)*INDEX($D$3:$AA$30,INDEX(Jesper!$R$2:$R$366,ROW(INDEX(Jesper!AH$2:AH$366,ROUNDDOWN($C4602/24,0)+1,1))-1)+IF('Standard Profiles'!$G$18=$B$10,7,0)+IF('Standard Profiles'!$G$18=$B$17,14,0)+IF('Standard Profiles'!$G$18=$B$24,21,0),MOD($C4602,24)+1)/SUM(INDEX($D$3:$AA$30,INDEX(Jesper!$R$2:$R$366,ROW(INDEX(Jesper!AH$2:AH$366,ROUNDDOWN($C4602/24,0)+1,1))-1)+IF('Standard Profiles'!$G$18=$B$10,7,0)+IF('Standard Profiles'!$G$18=$B$17,14,0)+IF('Standard Profiles'!$G$18=$B$24,21,0),0)),0)</f>
        <v>23.354608811161153</v>
      </c>
      <c r="E4602" cm="1">
        <f t="array" ref="E4602">IFERROR(INDEX(Jesper!AI$2:AI$366,ROUNDDOWN($C4602/24,0)+1,1)*INDEX($D$3:$AA$30,INDEX(Jesper!$R$2:$R$366,ROW(INDEX(Jesper!AI$2:AI$366,ROUNDDOWN($C4602/24,0)+1,1))-1)+IF('Standard Profiles'!$G$19=$B$10,7,0)+IF('Standard Profiles'!$G$19=$B$17,14,0)+IF('Standard Profiles'!$G$19=$B$24,21,0),MOD($C4602,24)+1)/SUM(INDEX($D$3:$AA$30,INDEX(Jesper!$R$2:$R$366,ROW(INDEX(Jesper!AI$2:AI$366,ROUNDDOWN($C4602/24,0)+1,1))-1)+IF('Standard Profiles'!$G$19=$B$10,7,0)+IF('Standard Profiles'!$G$19=$B$17,14,0)+IF('Standard Profiles'!$G$19=$B$24,21,0),0)),0)</f>
        <v>8.126566988460338</v>
      </c>
      <c r="F4602" cm="1">
        <f t="array" ref="F4602">IFERROR(INDEX(Jesper!AJ$2:AJ$366,ROUNDDOWN($C4602/24,0)+1,1)*INDEX($D$3:$AA$30,INDEX(Jesper!$R$2:$R$366,ROW(INDEX(Jesper!AJ$2:AJ$366,ROUNDDOWN($C4602/24,0)+1,1))-1)+IF('Standard Profiles'!$G$20=$B$10,7,0)+IF('Standard Profiles'!$G$20=$B$17,14,0)+IF('Standard Profiles'!$G$20=$B$24,21,0),MOD($C4602,24)+1)/SUM(INDEX($D$3:$AA$30,INDEX(Jesper!$R$2:$R$366,ROW(INDEX(Jesper!AJ$2:AJ$366,ROUNDDOWN($C4602/24,0)+1,1))-1)+IF('Standard Profiles'!$G$20=$B$10,7,0)+IF('Standard Profiles'!$G$20=$B$17,14,0)+IF('Standard Profiles'!$G$20=$B$24,21,0),0)),0)</f>
        <v>0</v>
      </c>
      <c r="G4602" cm="1">
        <f t="array" ref="G4602">IFERROR(INDEX(Jesper!AK$2:AK$366,ROUNDDOWN($C4602/24,0)+1,1)*INDEX($D$3:$AA$30,INDEX(Jesper!$R$2:$R$366,ROW(INDEX(Jesper!AK$2:AK$366,ROUNDDOWN($C4602/24,0)+1,1))-1)+IF('Standard Profiles'!$G$21=$B$10,7,0)+IF('Standard Profiles'!$G$21=$B$17,14,0)+IF('Standard Profiles'!$G$21=$B$24,21,0),MOD($C4602,24)+1)/SUM(INDEX($D$3:$AA$30,INDEX(Jesper!$R$2:$R$366,ROW(INDEX(Jesper!AK$2:AK$366,ROUNDDOWN($C4602/24,0)+1,1))-1)+IF('Standard Profiles'!$G$21=$B$10,7,0)+IF('Standard Profiles'!$G$21=$B$17,14,0)+IF('Standard Profiles'!$G$21=$B$24,21,0),0)),0)</f>
        <v>0</v>
      </c>
      <c r="H4602" cm="1">
        <f t="array" ref="H4602">IFERROR(INDEX(Jesper!AL$2:AL$366,ROUNDDOWN($C4602/24,0)+1,1)*INDEX($D$3:$AA$30,INDEX(Jesper!$R$2:$R$366,ROW(INDEX(Jesper!AL$2:AL$366,ROUNDDOWN($C4602/24,0)+1,1))-1)+IF('Standard Profiles'!$G$22=$B$10,7,0)+IF('Standard Profiles'!$G$22=$B$17,14,0)+IF('Standard Profiles'!$G$22=$B$24,21,0),MOD($C4602,24)+1)/SUM(INDEX($D$3:$AA$30,INDEX(Jesper!$R$2:$R$366,ROW(INDEX(Jesper!AL$2:AL$366,ROUNDDOWN($C4602/24,0)+1,1))-1)+IF('Standard Profiles'!$G$22=$B$10,7,0)+IF('Standard Profiles'!$G$22=$B$17,14,0)+IF('Standard Profiles'!$G$22=$B$24,21,0),0)),0)</f>
        <v>0</v>
      </c>
      <c r="I4602">
        <f t="shared" si="517"/>
        <v>0</v>
      </c>
      <c r="J4602">
        <f t="shared" si="518"/>
        <v>27.744438389835707</v>
      </c>
      <c r="K4602">
        <f t="shared" si="519"/>
        <v>2.4911582731905231</v>
      </c>
      <c r="L4602">
        <f t="shared" si="520"/>
        <v>1.2455791365952615</v>
      </c>
      <c r="M4602">
        <f t="shared" si="521"/>
        <v>0</v>
      </c>
      <c r="N4602" s="45">
        <f t="shared" si="522"/>
        <v>45117.333333322254</v>
      </c>
    </row>
    <row r="4603" spans="2:14" x14ac:dyDescent="0.25">
      <c r="B4603">
        <f t="shared" si="516"/>
        <v>1</v>
      </c>
      <c r="C4603" s="16">
        <v>4569</v>
      </c>
      <c r="D4603" cm="1">
        <f t="array" ref="D4603">IFERROR(INDEX(Jesper!AH$2:AH$366,ROUNDDOWN($C4603/24,0)+1,1)*INDEX($D$3:$AA$30,INDEX(Jesper!$R$2:$R$366,ROW(INDEX(Jesper!AH$2:AH$366,ROUNDDOWN($C4603/24,0)+1,1))-1)+IF('Standard Profiles'!$G$18=$B$10,7,0)+IF('Standard Profiles'!$G$18=$B$17,14,0)+IF('Standard Profiles'!$G$18=$B$24,21,0),MOD($C4603,24)+1)/SUM(INDEX($D$3:$AA$30,INDEX(Jesper!$R$2:$R$366,ROW(INDEX(Jesper!AH$2:AH$366,ROUNDDOWN($C4603/24,0)+1,1))-1)+IF('Standard Profiles'!$G$18=$B$10,7,0)+IF('Standard Profiles'!$G$18=$B$17,14,0)+IF('Standard Profiles'!$G$18=$B$24,21,0),0)),0)</f>
        <v>25.949565345734616</v>
      </c>
      <c r="E4603" cm="1">
        <f t="array" ref="E4603">IFERROR(INDEX(Jesper!AI$2:AI$366,ROUNDDOWN($C4603/24,0)+1,1)*INDEX($D$3:$AA$30,INDEX(Jesper!$R$2:$R$366,ROW(INDEX(Jesper!AI$2:AI$366,ROUNDDOWN($C4603/24,0)+1,1))-1)+IF('Standard Profiles'!$G$19=$B$10,7,0)+IF('Standard Profiles'!$G$19=$B$17,14,0)+IF('Standard Profiles'!$G$19=$B$24,21,0),MOD($C4603,24)+1)/SUM(INDEX($D$3:$AA$30,INDEX(Jesper!$R$2:$R$366,ROW(INDEX(Jesper!AI$2:AI$366,ROUNDDOWN($C4603/24,0)+1,1))-1)+IF('Standard Profiles'!$G$19=$B$10,7,0)+IF('Standard Profiles'!$G$19=$B$17,14,0)+IF('Standard Profiles'!$G$19=$B$24,21,0),0)),0)</f>
        <v>9.0295188760670424</v>
      </c>
      <c r="F4603" cm="1">
        <f t="array" ref="F4603">IFERROR(INDEX(Jesper!AJ$2:AJ$366,ROUNDDOWN($C4603/24,0)+1,1)*INDEX($D$3:$AA$30,INDEX(Jesper!$R$2:$R$366,ROW(INDEX(Jesper!AJ$2:AJ$366,ROUNDDOWN($C4603/24,0)+1,1))-1)+IF('Standard Profiles'!$G$20=$B$10,7,0)+IF('Standard Profiles'!$G$20=$B$17,14,0)+IF('Standard Profiles'!$G$20=$B$24,21,0),MOD($C4603,24)+1)/SUM(INDEX($D$3:$AA$30,INDEX(Jesper!$R$2:$R$366,ROW(INDEX(Jesper!AJ$2:AJ$366,ROUNDDOWN($C4603/24,0)+1,1))-1)+IF('Standard Profiles'!$G$20=$B$10,7,0)+IF('Standard Profiles'!$G$20=$B$17,14,0)+IF('Standard Profiles'!$G$20=$B$24,21,0),0)),0)</f>
        <v>0</v>
      </c>
      <c r="G4603" cm="1">
        <f t="array" ref="G4603">IFERROR(INDEX(Jesper!AK$2:AK$366,ROUNDDOWN($C4603/24,0)+1,1)*INDEX($D$3:$AA$30,INDEX(Jesper!$R$2:$R$366,ROW(INDEX(Jesper!AK$2:AK$366,ROUNDDOWN($C4603/24,0)+1,1))-1)+IF('Standard Profiles'!$G$21=$B$10,7,0)+IF('Standard Profiles'!$G$21=$B$17,14,0)+IF('Standard Profiles'!$G$21=$B$24,21,0),MOD($C4603,24)+1)/SUM(INDEX($D$3:$AA$30,INDEX(Jesper!$R$2:$R$366,ROW(INDEX(Jesper!AK$2:AK$366,ROUNDDOWN($C4603/24,0)+1,1))-1)+IF('Standard Profiles'!$G$21=$B$10,7,0)+IF('Standard Profiles'!$G$21=$B$17,14,0)+IF('Standard Profiles'!$G$21=$B$24,21,0),0)),0)</f>
        <v>0</v>
      </c>
      <c r="H4603" cm="1">
        <f t="array" ref="H4603">IFERROR(INDEX(Jesper!AL$2:AL$366,ROUNDDOWN($C4603/24,0)+1,1)*INDEX($D$3:$AA$30,INDEX(Jesper!$R$2:$R$366,ROW(INDEX(Jesper!AL$2:AL$366,ROUNDDOWN($C4603/24,0)+1,1))-1)+IF('Standard Profiles'!$G$22=$B$10,7,0)+IF('Standard Profiles'!$G$22=$B$17,14,0)+IF('Standard Profiles'!$G$22=$B$24,21,0),MOD($C4603,24)+1)/SUM(INDEX($D$3:$AA$30,INDEX(Jesper!$R$2:$R$366,ROW(INDEX(Jesper!AL$2:AL$366,ROUNDDOWN($C4603/24,0)+1,1))-1)+IF('Standard Profiles'!$G$22=$B$10,7,0)+IF('Standard Profiles'!$G$22=$B$17,14,0)+IF('Standard Profiles'!$G$22=$B$24,21,0),0)),0)</f>
        <v>0</v>
      </c>
      <c r="I4603">
        <f t="shared" si="517"/>
        <v>0</v>
      </c>
      <c r="J4603">
        <f t="shared" si="518"/>
        <v>30.827153766484116</v>
      </c>
      <c r="K4603">
        <f t="shared" si="519"/>
        <v>2.7679536368783593</v>
      </c>
      <c r="L4603">
        <f t="shared" si="520"/>
        <v>1.3839768184391796</v>
      </c>
      <c r="M4603">
        <f t="shared" si="521"/>
        <v>0</v>
      </c>
      <c r="N4603" s="45">
        <f t="shared" si="522"/>
        <v>45117.374999988919</v>
      </c>
    </row>
    <row r="4604" spans="2:14" x14ac:dyDescent="0.25">
      <c r="B4604">
        <f t="shared" si="516"/>
        <v>1</v>
      </c>
      <c r="C4604" s="16">
        <v>4570</v>
      </c>
      <c r="D4604" cm="1">
        <f t="array" ref="D4604">IFERROR(INDEX(Jesper!AH$2:AH$366,ROUNDDOWN($C4604/24,0)+1,1)*INDEX($D$3:$AA$30,INDEX(Jesper!$R$2:$R$366,ROW(INDEX(Jesper!AH$2:AH$366,ROUNDDOWN($C4604/24,0)+1,1))-1)+IF('Standard Profiles'!$G$18=$B$10,7,0)+IF('Standard Profiles'!$G$18=$B$17,14,0)+IF('Standard Profiles'!$G$18=$B$24,21,0),MOD($C4604,24)+1)/SUM(INDEX($D$3:$AA$30,INDEX(Jesper!$R$2:$R$366,ROW(INDEX(Jesper!AH$2:AH$366,ROUNDDOWN($C4604/24,0)+1,1))-1)+IF('Standard Profiles'!$G$18=$B$10,7,0)+IF('Standard Profiles'!$G$18=$B$17,14,0)+IF('Standard Profiles'!$G$18=$B$24,21,0),0)),0)</f>
        <v>25.949565345734616</v>
      </c>
      <c r="E4604" cm="1">
        <f t="array" ref="E4604">IFERROR(INDEX(Jesper!AI$2:AI$366,ROUNDDOWN($C4604/24,0)+1,1)*INDEX($D$3:$AA$30,INDEX(Jesper!$R$2:$R$366,ROW(INDEX(Jesper!AI$2:AI$366,ROUNDDOWN($C4604/24,0)+1,1))-1)+IF('Standard Profiles'!$G$19=$B$10,7,0)+IF('Standard Profiles'!$G$19=$B$17,14,0)+IF('Standard Profiles'!$G$19=$B$24,21,0),MOD($C4604,24)+1)/SUM(INDEX($D$3:$AA$30,INDEX(Jesper!$R$2:$R$366,ROW(INDEX(Jesper!AI$2:AI$366,ROUNDDOWN($C4604/24,0)+1,1))-1)+IF('Standard Profiles'!$G$19=$B$10,7,0)+IF('Standard Profiles'!$G$19=$B$17,14,0)+IF('Standard Profiles'!$G$19=$B$24,21,0),0)),0)</f>
        <v>9.0295188760670424</v>
      </c>
      <c r="F4604" cm="1">
        <f t="array" ref="F4604">IFERROR(INDEX(Jesper!AJ$2:AJ$366,ROUNDDOWN($C4604/24,0)+1,1)*INDEX($D$3:$AA$30,INDEX(Jesper!$R$2:$R$366,ROW(INDEX(Jesper!AJ$2:AJ$366,ROUNDDOWN($C4604/24,0)+1,1))-1)+IF('Standard Profiles'!$G$20=$B$10,7,0)+IF('Standard Profiles'!$G$20=$B$17,14,0)+IF('Standard Profiles'!$G$20=$B$24,21,0),MOD($C4604,24)+1)/SUM(INDEX($D$3:$AA$30,INDEX(Jesper!$R$2:$R$366,ROW(INDEX(Jesper!AJ$2:AJ$366,ROUNDDOWN($C4604/24,0)+1,1))-1)+IF('Standard Profiles'!$G$20=$B$10,7,0)+IF('Standard Profiles'!$G$20=$B$17,14,0)+IF('Standard Profiles'!$G$20=$B$24,21,0),0)),0)</f>
        <v>0</v>
      </c>
      <c r="G4604" cm="1">
        <f t="array" ref="G4604">IFERROR(INDEX(Jesper!AK$2:AK$366,ROUNDDOWN($C4604/24,0)+1,1)*INDEX($D$3:$AA$30,INDEX(Jesper!$R$2:$R$366,ROW(INDEX(Jesper!AK$2:AK$366,ROUNDDOWN($C4604/24,0)+1,1))-1)+IF('Standard Profiles'!$G$21=$B$10,7,0)+IF('Standard Profiles'!$G$21=$B$17,14,0)+IF('Standard Profiles'!$G$21=$B$24,21,0),MOD($C4604,24)+1)/SUM(INDEX($D$3:$AA$30,INDEX(Jesper!$R$2:$R$366,ROW(INDEX(Jesper!AK$2:AK$366,ROUNDDOWN($C4604/24,0)+1,1))-1)+IF('Standard Profiles'!$G$21=$B$10,7,0)+IF('Standard Profiles'!$G$21=$B$17,14,0)+IF('Standard Profiles'!$G$21=$B$24,21,0),0)),0)</f>
        <v>0</v>
      </c>
      <c r="H4604" cm="1">
        <f t="array" ref="H4604">IFERROR(INDEX(Jesper!AL$2:AL$366,ROUNDDOWN($C4604/24,0)+1,1)*INDEX($D$3:$AA$30,INDEX(Jesper!$R$2:$R$366,ROW(INDEX(Jesper!AL$2:AL$366,ROUNDDOWN($C4604/24,0)+1,1))-1)+IF('Standard Profiles'!$G$22=$B$10,7,0)+IF('Standard Profiles'!$G$22=$B$17,14,0)+IF('Standard Profiles'!$G$22=$B$24,21,0),MOD($C4604,24)+1)/SUM(INDEX($D$3:$AA$30,INDEX(Jesper!$R$2:$R$366,ROW(INDEX(Jesper!AL$2:AL$366,ROUNDDOWN($C4604/24,0)+1,1))-1)+IF('Standard Profiles'!$G$22=$B$10,7,0)+IF('Standard Profiles'!$G$22=$B$17,14,0)+IF('Standard Profiles'!$G$22=$B$24,21,0),0)),0)</f>
        <v>0</v>
      </c>
      <c r="I4604">
        <f t="shared" si="517"/>
        <v>0</v>
      </c>
      <c r="J4604">
        <f t="shared" si="518"/>
        <v>30.827153766484116</v>
      </c>
      <c r="K4604">
        <f t="shared" si="519"/>
        <v>2.7679536368783593</v>
      </c>
      <c r="L4604">
        <f t="shared" si="520"/>
        <v>1.3839768184391796</v>
      </c>
      <c r="M4604">
        <f t="shared" si="521"/>
        <v>0</v>
      </c>
      <c r="N4604" s="45">
        <f t="shared" si="522"/>
        <v>45117.416666655583</v>
      </c>
    </row>
    <row r="4605" spans="2:14" x14ac:dyDescent="0.25">
      <c r="B4605">
        <f t="shared" si="516"/>
        <v>1</v>
      </c>
      <c r="C4605" s="16">
        <v>4571</v>
      </c>
      <c r="D4605" cm="1">
        <f t="array" ref="D4605">IFERROR(INDEX(Jesper!AH$2:AH$366,ROUNDDOWN($C4605/24,0)+1,1)*INDEX($D$3:$AA$30,INDEX(Jesper!$R$2:$R$366,ROW(INDEX(Jesper!AH$2:AH$366,ROUNDDOWN($C4605/24,0)+1,1))-1)+IF('Standard Profiles'!$G$18=$B$10,7,0)+IF('Standard Profiles'!$G$18=$B$17,14,0)+IF('Standard Profiles'!$G$18=$B$24,21,0),MOD($C4605,24)+1)/SUM(INDEX($D$3:$AA$30,INDEX(Jesper!$R$2:$R$366,ROW(INDEX(Jesper!AH$2:AH$366,ROUNDDOWN($C4605/24,0)+1,1))-1)+IF('Standard Profiles'!$G$18=$B$10,7,0)+IF('Standard Profiles'!$G$18=$B$17,14,0)+IF('Standard Profiles'!$G$18=$B$24,21,0),0)),0)</f>
        <v>31.139478414881534</v>
      </c>
      <c r="E4605" cm="1">
        <f t="array" ref="E4605">IFERROR(INDEX(Jesper!AI$2:AI$366,ROUNDDOWN($C4605/24,0)+1,1)*INDEX($D$3:$AA$30,INDEX(Jesper!$R$2:$R$366,ROW(INDEX(Jesper!AI$2:AI$366,ROUNDDOWN($C4605/24,0)+1,1))-1)+IF('Standard Profiles'!$G$19=$B$10,7,0)+IF('Standard Profiles'!$G$19=$B$17,14,0)+IF('Standard Profiles'!$G$19=$B$24,21,0),MOD($C4605,24)+1)/SUM(INDEX($D$3:$AA$30,INDEX(Jesper!$R$2:$R$366,ROW(INDEX(Jesper!AI$2:AI$366,ROUNDDOWN($C4605/24,0)+1,1))-1)+IF('Standard Profiles'!$G$19=$B$10,7,0)+IF('Standard Profiles'!$G$19=$B$17,14,0)+IF('Standard Profiles'!$G$19=$B$24,21,0),0)),0)</f>
        <v>10.835422651280449</v>
      </c>
      <c r="F4605" cm="1">
        <f t="array" ref="F4605">IFERROR(INDEX(Jesper!AJ$2:AJ$366,ROUNDDOWN($C4605/24,0)+1,1)*INDEX($D$3:$AA$30,INDEX(Jesper!$R$2:$R$366,ROW(INDEX(Jesper!AJ$2:AJ$366,ROUNDDOWN($C4605/24,0)+1,1))-1)+IF('Standard Profiles'!$G$20=$B$10,7,0)+IF('Standard Profiles'!$G$20=$B$17,14,0)+IF('Standard Profiles'!$G$20=$B$24,21,0),MOD($C4605,24)+1)/SUM(INDEX($D$3:$AA$30,INDEX(Jesper!$R$2:$R$366,ROW(INDEX(Jesper!AJ$2:AJ$366,ROUNDDOWN($C4605/24,0)+1,1))-1)+IF('Standard Profiles'!$G$20=$B$10,7,0)+IF('Standard Profiles'!$G$20=$B$17,14,0)+IF('Standard Profiles'!$G$20=$B$24,21,0),0)),0)</f>
        <v>0</v>
      </c>
      <c r="G4605" cm="1">
        <f t="array" ref="G4605">IFERROR(INDEX(Jesper!AK$2:AK$366,ROUNDDOWN($C4605/24,0)+1,1)*INDEX($D$3:$AA$30,INDEX(Jesper!$R$2:$R$366,ROW(INDEX(Jesper!AK$2:AK$366,ROUNDDOWN($C4605/24,0)+1,1))-1)+IF('Standard Profiles'!$G$21=$B$10,7,0)+IF('Standard Profiles'!$G$21=$B$17,14,0)+IF('Standard Profiles'!$G$21=$B$24,21,0),MOD($C4605,24)+1)/SUM(INDEX($D$3:$AA$30,INDEX(Jesper!$R$2:$R$366,ROW(INDEX(Jesper!AK$2:AK$366,ROUNDDOWN($C4605/24,0)+1,1))-1)+IF('Standard Profiles'!$G$21=$B$10,7,0)+IF('Standard Profiles'!$G$21=$B$17,14,0)+IF('Standard Profiles'!$G$21=$B$24,21,0),0)),0)</f>
        <v>0</v>
      </c>
      <c r="H4605" cm="1">
        <f t="array" ref="H4605">IFERROR(INDEX(Jesper!AL$2:AL$366,ROUNDDOWN($C4605/24,0)+1,1)*INDEX($D$3:$AA$30,INDEX(Jesper!$R$2:$R$366,ROW(INDEX(Jesper!AL$2:AL$366,ROUNDDOWN($C4605/24,0)+1,1))-1)+IF('Standard Profiles'!$G$22=$B$10,7,0)+IF('Standard Profiles'!$G$22=$B$17,14,0)+IF('Standard Profiles'!$G$22=$B$24,21,0),MOD($C4605,24)+1)/SUM(INDEX($D$3:$AA$30,INDEX(Jesper!$R$2:$R$366,ROW(INDEX(Jesper!AL$2:AL$366,ROUNDDOWN($C4605/24,0)+1,1))-1)+IF('Standard Profiles'!$G$22=$B$10,7,0)+IF('Standard Profiles'!$G$22=$B$17,14,0)+IF('Standard Profiles'!$G$22=$B$24,21,0),0)),0)</f>
        <v>0</v>
      </c>
      <c r="I4605">
        <f t="shared" si="517"/>
        <v>0</v>
      </c>
      <c r="J4605">
        <f t="shared" si="518"/>
        <v>36.992584519780934</v>
      </c>
      <c r="K4605">
        <f t="shared" si="519"/>
        <v>3.3215443642540303</v>
      </c>
      <c r="L4605">
        <f t="shared" si="520"/>
        <v>1.6607721821270152</v>
      </c>
      <c r="M4605">
        <f t="shared" si="521"/>
        <v>0</v>
      </c>
      <c r="N4605" s="45">
        <f t="shared" si="522"/>
        <v>45117.458333322247</v>
      </c>
    </row>
    <row r="4606" spans="2:14" x14ac:dyDescent="0.25">
      <c r="B4606">
        <f t="shared" si="516"/>
        <v>1</v>
      </c>
      <c r="C4606" s="16">
        <v>4572</v>
      </c>
      <c r="D4606" cm="1">
        <f t="array" ref="D4606">IFERROR(INDEX(Jesper!AH$2:AH$366,ROUNDDOWN($C4606/24,0)+1,1)*INDEX($D$3:$AA$30,INDEX(Jesper!$R$2:$R$366,ROW(INDEX(Jesper!AH$2:AH$366,ROUNDDOWN($C4606/24,0)+1,1))-1)+IF('Standard Profiles'!$G$18=$B$10,7,0)+IF('Standard Profiles'!$G$18=$B$17,14,0)+IF('Standard Profiles'!$G$18=$B$24,21,0),MOD($C4606,24)+1)/SUM(INDEX($D$3:$AA$30,INDEX(Jesper!$R$2:$R$366,ROW(INDEX(Jesper!AH$2:AH$366,ROUNDDOWN($C4606/24,0)+1,1))-1)+IF('Standard Profiles'!$G$18=$B$10,7,0)+IF('Standard Profiles'!$G$18=$B$17,14,0)+IF('Standard Profiles'!$G$18=$B$24,21,0),0)),0)</f>
        <v>31.139478414881534</v>
      </c>
      <c r="E4606" cm="1">
        <f t="array" ref="E4606">IFERROR(INDEX(Jesper!AI$2:AI$366,ROUNDDOWN($C4606/24,0)+1,1)*INDEX($D$3:$AA$30,INDEX(Jesper!$R$2:$R$366,ROW(INDEX(Jesper!AI$2:AI$366,ROUNDDOWN($C4606/24,0)+1,1))-1)+IF('Standard Profiles'!$G$19=$B$10,7,0)+IF('Standard Profiles'!$G$19=$B$17,14,0)+IF('Standard Profiles'!$G$19=$B$24,21,0),MOD($C4606,24)+1)/SUM(INDEX($D$3:$AA$30,INDEX(Jesper!$R$2:$R$366,ROW(INDEX(Jesper!AI$2:AI$366,ROUNDDOWN($C4606/24,0)+1,1))-1)+IF('Standard Profiles'!$G$19=$B$10,7,0)+IF('Standard Profiles'!$G$19=$B$17,14,0)+IF('Standard Profiles'!$G$19=$B$24,21,0),0)),0)</f>
        <v>10.835422651280449</v>
      </c>
      <c r="F4606" cm="1">
        <f t="array" ref="F4606">IFERROR(INDEX(Jesper!AJ$2:AJ$366,ROUNDDOWN($C4606/24,0)+1,1)*INDEX($D$3:$AA$30,INDEX(Jesper!$R$2:$R$366,ROW(INDEX(Jesper!AJ$2:AJ$366,ROUNDDOWN($C4606/24,0)+1,1))-1)+IF('Standard Profiles'!$G$20=$B$10,7,0)+IF('Standard Profiles'!$G$20=$B$17,14,0)+IF('Standard Profiles'!$G$20=$B$24,21,0),MOD($C4606,24)+1)/SUM(INDEX($D$3:$AA$30,INDEX(Jesper!$R$2:$R$366,ROW(INDEX(Jesper!AJ$2:AJ$366,ROUNDDOWN($C4606/24,0)+1,1))-1)+IF('Standard Profiles'!$G$20=$B$10,7,0)+IF('Standard Profiles'!$G$20=$B$17,14,0)+IF('Standard Profiles'!$G$20=$B$24,21,0),0)),0)</f>
        <v>0</v>
      </c>
      <c r="G4606" cm="1">
        <f t="array" ref="G4606">IFERROR(INDEX(Jesper!AK$2:AK$366,ROUNDDOWN($C4606/24,0)+1,1)*INDEX($D$3:$AA$30,INDEX(Jesper!$R$2:$R$366,ROW(INDEX(Jesper!AK$2:AK$366,ROUNDDOWN($C4606/24,0)+1,1))-1)+IF('Standard Profiles'!$G$21=$B$10,7,0)+IF('Standard Profiles'!$G$21=$B$17,14,0)+IF('Standard Profiles'!$G$21=$B$24,21,0),MOD($C4606,24)+1)/SUM(INDEX($D$3:$AA$30,INDEX(Jesper!$R$2:$R$366,ROW(INDEX(Jesper!AK$2:AK$366,ROUNDDOWN($C4606/24,0)+1,1))-1)+IF('Standard Profiles'!$G$21=$B$10,7,0)+IF('Standard Profiles'!$G$21=$B$17,14,0)+IF('Standard Profiles'!$G$21=$B$24,21,0),0)),0)</f>
        <v>0</v>
      </c>
      <c r="H4606" cm="1">
        <f t="array" ref="H4606">IFERROR(INDEX(Jesper!AL$2:AL$366,ROUNDDOWN($C4606/24,0)+1,1)*INDEX($D$3:$AA$30,INDEX(Jesper!$R$2:$R$366,ROW(INDEX(Jesper!AL$2:AL$366,ROUNDDOWN($C4606/24,0)+1,1))-1)+IF('Standard Profiles'!$G$22=$B$10,7,0)+IF('Standard Profiles'!$G$22=$B$17,14,0)+IF('Standard Profiles'!$G$22=$B$24,21,0),MOD($C4606,24)+1)/SUM(INDEX($D$3:$AA$30,INDEX(Jesper!$R$2:$R$366,ROW(INDEX(Jesper!AL$2:AL$366,ROUNDDOWN($C4606/24,0)+1,1))-1)+IF('Standard Profiles'!$G$22=$B$10,7,0)+IF('Standard Profiles'!$G$22=$B$17,14,0)+IF('Standard Profiles'!$G$22=$B$24,21,0),0)),0)</f>
        <v>0</v>
      </c>
      <c r="I4606">
        <f t="shared" si="517"/>
        <v>0</v>
      </c>
      <c r="J4606">
        <f t="shared" si="518"/>
        <v>36.992584519780934</v>
      </c>
      <c r="K4606">
        <f t="shared" si="519"/>
        <v>3.3215443642540303</v>
      </c>
      <c r="L4606">
        <f t="shared" si="520"/>
        <v>1.6607721821270152</v>
      </c>
      <c r="M4606">
        <f t="shared" si="521"/>
        <v>0</v>
      </c>
      <c r="N4606" s="45">
        <f t="shared" si="522"/>
        <v>45117.499999988911</v>
      </c>
    </row>
    <row r="4607" spans="2:14" x14ac:dyDescent="0.25">
      <c r="B4607">
        <f t="shared" si="516"/>
        <v>1</v>
      </c>
      <c r="C4607" s="16">
        <v>4573</v>
      </c>
      <c r="D4607" cm="1">
        <f t="array" ref="D4607">IFERROR(INDEX(Jesper!AH$2:AH$366,ROUNDDOWN($C4607/24,0)+1,1)*INDEX($D$3:$AA$30,INDEX(Jesper!$R$2:$R$366,ROW(INDEX(Jesper!AH$2:AH$366,ROUNDDOWN($C4607/24,0)+1,1))-1)+IF('Standard Profiles'!$G$18=$B$10,7,0)+IF('Standard Profiles'!$G$18=$B$17,14,0)+IF('Standard Profiles'!$G$18=$B$24,21,0),MOD($C4607,24)+1)/SUM(INDEX($D$3:$AA$30,INDEX(Jesper!$R$2:$R$366,ROW(INDEX(Jesper!AH$2:AH$366,ROUNDDOWN($C4607/24,0)+1,1))-1)+IF('Standard Profiles'!$G$18=$B$10,7,0)+IF('Standard Profiles'!$G$18=$B$17,14,0)+IF('Standard Profiles'!$G$18=$B$24,21,0),0)),0)</f>
        <v>20.759652276587691</v>
      </c>
      <c r="E4607" cm="1">
        <f t="array" ref="E4607">IFERROR(INDEX(Jesper!AI$2:AI$366,ROUNDDOWN($C4607/24,0)+1,1)*INDEX($D$3:$AA$30,INDEX(Jesper!$R$2:$R$366,ROW(INDEX(Jesper!AI$2:AI$366,ROUNDDOWN($C4607/24,0)+1,1))-1)+IF('Standard Profiles'!$G$19=$B$10,7,0)+IF('Standard Profiles'!$G$19=$B$17,14,0)+IF('Standard Profiles'!$G$19=$B$24,21,0),MOD($C4607,24)+1)/SUM(INDEX($D$3:$AA$30,INDEX(Jesper!$R$2:$R$366,ROW(INDEX(Jesper!AI$2:AI$366,ROUNDDOWN($C4607/24,0)+1,1))-1)+IF('Standard Profiles'!$G$19=$B$10,7,0)+IF('Standard Profiles'!$G$19=$B$17,14,0)+IF('Standard Profiles'!$G$19=$B$24,21,0),0)),0)</f>
        <v>7.2236151008536336</v>
      </c>
      <c r="F4607" cm="1">
        <f t="array" ref="F4607">IFERROR(INDEX(Jesper!AJ$2:AJ$366,ROUNDDOWN($C4607/24,0)+1,1)*INDEX($D$3:$AA$30,INDEX(Jesper!$R$2:$R$366,ROW(INDEX(Jesper!AJ$2:AJ$366,ROUNDDOWN($C4607/24,0)+1,1))-1)+IF('Standard Profiles'!$G$20=$B$10,7,0)+IF('Standard Profiles'!$G$20=$B$17,14,0)+IF('Standard Profiles'!$G$20=$B$24,21,0),MOD($C4607,24)+1)/SUM(INDEX($D$3:$AA$30,INDEX(Jesper!$R$2:$R$366,ROW(INDEX(Jesper!AJ$2:AJ$366,ROUNDDOWN($C4607/24,0)+1,1))-1)+IF('Standard Profiles'!$G$20=$B$10,7,0)+IF('Standard Profiles'!$G$20=$B$17,14,0)+IF('Standard Profiles'!$G$20=$B$24,21,0),0)),0)</f>
        <v>0</v>
      </c>
      <c r="G4607" cm="1">
        <f t="array" ref="G4607">IFERROR(INDEX(Jesper!AK$2:AK$366,ROUNDDOWN($C4607/24,0)+1,1)*INDEX($D$3:$AA$30,INDEX(Jesper!$R$2:$R$366,ROW(INDEX(Jesper!AK$2:AK$366,ROUNDDOWN($C4607/24,0)+1,1))-1)+IF('Standard Profiles'!$G$21=$B$10,7,0)+IF('Standard Profiles'!$G$21=$B$17,14,0)+IF('Standard Profiles'!$G$21=$B$24,21,0),MOD($C4607,24)+1)/SUM(INDEX($D$3:$AA$30,INDEX(Jesper!$R$2:$R$366,ROW(INDEX(Jesper!AK$2:AK$366,ROUNDDOWN($C4607/24,0)+1,1))-1)+IF('Standard Profiles'!$G$21=$B$10,7,0)+IF('Standard Profiles'!$G$21=$B$17,14,0)+IF('Standard Profiles'!$G$21=$B$24,21,0),0)),0)</f>
        <v>0</v>
      </c>
      <c r="H4607" cm="1">
        <f t="array" ref="H4607">IFERROR(INDEX(Jesper!AL$2:AL$366,ROUNDDOWN($C4607/24,0)+1,1)*INDEX($D$3:$AA$30,INDEX(Jesper!$R$2:$R$366,ROW(INDEX(Jesper!AL$2:AL$366,ROUNDDOWN($C4607/24,0)+1,1))-1)+IF('Standard Profiles'!$G$22=$B$10,7,0)+IF('Standard Profiles'!$G$22=$B$17,14,0)+IF('Standard Profiles'!$G$22=$B$24,21,0),MOD($C4607,24)+1)/SUM(INDEX($D$3:$AA$30,INDEX(Jesper!$R$2:$R$366,ROW(INDEX(Jesper!AL$2:AL$366,ROUNDDOWN($C4607/24,0)+1,1))-1)+IF('Standard Profiles'!$G$22=$B$10,7,0)+IF('Standard Profiles'!$G$22=$B$17,14,0)+IF('Standard Profiles'!$G$22=$B$24,21,0),0)),0)</f>
        <v>0</v>
      </c>
      <c r="I4607">
        <f t="shared" si="517"/>
        <v>0</v>
      </c>
      <c r="J4607">
        <f t="shared" si="518"/>
        <v>24.661723013187292</v>
      </c>
      <c r="K4607">
        <f t="shared" si="519"/>
        <v>2.2143629095026873</v>
      </c>
      <c r="L4607">
        <f t="shared" si="520"/>
        <v>1.1071814547513437</v>
      </c>
      <c r="M4607">
        <f t="shared" si="521"/>
        <v>0</v>
      </c>
      <c r="N4607" s="45">
        <f t="shared" si="522"/>
        <v>45117.541666655576</v>
      </c>
    </row>
    <row r="4608" spans="2:14" x14ac:dyDescent="0.25">
      <c r="B4608">
        <f t="shared" si="516"/>
        <v>1</v>
      </c>
      <c r="C4608" s="16">
        <v>4574</v>
      </c>
      <c r="D4608" cm="1">
        <f t="array" ref="D4608">IFERROR(INDEX(Jesper!AH$2:AH$366,ROUNDDOWN($C4608/24,0)+1,1)*INDEX($D$3:$AA$30,INDEX(Jesper!$R$2:$R$366,ROW(INDEX(Jesper!AH$2:AH$366,ROUNDDOWN($C4608/24,0)+1,1))-1)+IF('Standard Profiles'!$G$18=$B$10,7,0)+IF('Standard Profiles'!$G$18=$B$17,14,0)+IF('Standard Profiles'!$G$18=$B$24,21,0),MOD($C4608,24)+1)/SUM(INDEX($D$3:$AA$30,INDEX(Jesper!$R$2:$R$366,ROW(INDEX(Jesper!AH$2:AH$366,ROUNDDOWN($C4608/24,0)+1,1))-1)+IF('Standard Profiles'!$G$18=$B$10,7,0)+IF('Standard Profiles'!$G$18=$B$17,14,0)+IF('Standard Profiles'!$G$18=$B$24,21,0),0)),0)</f>
        <v>31.139478414881534</v>
      </c>
      <c r="E4608" cm="1">
        <f t="array" ref="E4608">IFERROR(INDEX(Jesper!AI$2:AI$366,ROUNDDOWN($C4608/24,0)+1,1)*INDEX($D$3:$AA$30,INDEX(Jesper!$R$2:$R$366,ROW(INDEX(Jesper!AI$2:AI$366,ROUNDDOWN($C4608/24,0)+1,1))-1)+IF('Standard Profiles'!$G$19=$B$10,7,0)+IF('Standard Profiles'!$G$19=$B$17,14,0)+IF('Standard Profiles'!$G$19=$B$24,21,0),MOD($C4608,24)+1)/SUM(INDEX($D$3:$AA$30,INDEX(Jesper!$R$2:$R$366,ROW(INDEX(Jesper!AI$2:AI$366,ROUNDDOWN($C4608/24,0)+1,1))-1)+IF('Standard Profiles'!$G$19=$B$10,7,0)+IF('Standard Profiles'!$G$19=$B$17,14,0)+IF('Standard Profiles'!$G$19=$B$24,21,0),0)),0)</f>
        <v>10.835422651280449</v>
      </c>
      <c r="F4608" cm="1">
        <f t="array" ref="F4608">IFERROR(INDEX(Jesper!AJ$2:AJ$366,ROUNDDOWN($C4608/24,0)+1,1)*INDEX($D$3:$AA$30,INDEX(Jesper!$R$2:$R$366,ROW(INDEX(Jesper!AJ$2:AJ$366,ROUNDDOWN($C4608/24,0)+1,1))-1)+IF('Standard Profiles'!$G$20=$B$10,7,0)+IF('Standard Profiles'!$G$20=$B$17,14,0)+IF('Standard Profiles'!$G$20=$B$24,21,0),MOD($C4608,24)+1)/SUM(INDEX($D$3:$AA$30,INDEX(Jesper!$R$2:$R$366,ROW(INDEX(Jesper!AJ$2:AJ$366,ROUNDDOWN($C4608/24,0)+1,1))-1)+IF('Standard Profiles'!$G$20=$B$10,7,0)+IF('Standard Profiles'!$G$20=$B$17,14,0)+IF('Standard Profiles'!$G$20=$B$24,21,0),0)),0)</f>
        <v>0</v>
      </c>
      <c r="G4608" cm="1">
        <f t="array" ref="G4608">IFERROR(INDEX(Jesper!AK$2:AK$366,ROUNDDOWN($C4608/24,0)+1,1)*INDEX($D$3:$AA$30,INDEX(Jesper!$R$2:$R$366,ROW(INDEX(Jesper!AK$2:AK$366,ROUNDDOWN($C4608/24,0)+1,1))-1)+IF('Standard Profiles'!$G$21=$B$10,7,0)+IF('Standard Profiles'!$G$21=$B$17,14,0)+IF('Standard Profiles'!$G$21=$B$24,21,0),MOD($C4608,24)+1)/SUM(INDEX($D$3:$AA$30,INDEX(Jesper!$R$2:$R$366,ROW(INDEX(Jesper!AK$2:AK$366,ROUNDDOWN($C4608/24,0)+1,1))-1)+IF('Standard Profiles'!$G$21=$B$10,7,0)+IF('Standard Profiles'!$G$21=$B$17,14,0)+IF('Standard Profiles'!$G$21=$B$24,21,0),0)),0)</f>
        <v>0</v>
      </c>
      <c r="H4608" cm="1">
        <f t="array" ref="H4608">IFERROR(INDEX(Jesper!AL$2:AL$366,ROUNDDOWN($C4608/24,0)+1,1)*INDEX($D$3:$AA$30,INDEX(Jesper!$R$2:$R$366,ROW(INDEX(Jesper!AL$2:AL$366,ROUNDDOWN($C4608/24,0)+1,1))-1)+IF('Standard Profiles'!$G$22=$B$10,7,0)+IF('Standard Profiles'!$G$22=$B$17,14,0)+IF('Standard Profiles'!$G$22=$B$24,21,0),MOD($C4608,24)+1)/SUM(INDEX($D$3:$AA$30,INDEX(Jesper!$R$2:$R$366,ROW(INDEX(Jesper!AL$2:AL$366,ROUNDDOWN($C4608/24,0)+1,1))-1)+IF('Standard Profiles'!$G$22=$B$10,7,0)+IF('Standard Profiles'!$G$22=$B$17,14,0)+IF('Standard Profiles'!$G$22=$B$24,21,0),0)),0)</f>
        <v>0</v>
      </c>
      <c r="I4608">
        <f t="shared" si="517"/>
        <v>0</v>
      </c>
      <c r="J4608">
        <f t="shared" si="518"/>
        <v>36.992584519780934</v>
      </c>
      <c r="K4608">
        <f t="shared" si="519"/>
        <v>3.3215443642540303</v>
      </c>
      <c r="L4608">
        <f t="shared" si="520"/>
        <v>1.6607721821270152</v>
      </c>
      <c r="M4608">
        <f t="shared" si="521"/>
        <v>0</v>
      </c>
      <c r="N4608" s="45">
        <f t="shared" si="522"/>
        <v>45117.58333332224</v>
      </c>
    </row>
    <row r="4609" spans="2:14" x14ac:dyDescent="0.25">
      <c r="B4609">
        <f t="shared" si="516"/>
        <v>1</v>
      </c>
      <c r="C4609" s="16">
        <v>4575</v>
      </c>
      <c r="D4609" cm="1">
        <f t="array" ref="D4609">IFERROR(INDEX(Jesper!AH$2:AH$366,ROUNDDOWN($C4609/24,0)+1,1)*INDEX($D$3:$AA$30,INDEX(Jesper!$R$2:$R$366,ROW(INDEX(Jesper!AH$2:AH$366,ROUNDDOWN($C4609/24,0)+1,1))-1)+IF('Standard Profiles'!$G$18=$B$10,7,0)+IF('Standard Profiles'!$G$18=$B$17,14,0)+IF('Standard Profiles'!$G$18=$B$24,21,0),MOD($C4609,24)+1)/SUM(INDEX($D$3:$AA$30,INDEX(Jesper!$R$2:$R$366,ROW(INDEX(Jesper!AH$2:AH$366,ROUNDDOWN($C4609/24,0)+1,1))-1)+IF('Standard Profiles'!$G$18=$B$10,7,0)+IF('Standard Profiles'!$G$18=$B$17,14,0)+IF('Standard Profiles'!$G$18=$B$24,21,0),0)),0)</f>
        <v>31.139478414881534</v>
      </c>
      <c r="E4609" cm="1">
        <f t="array" ref="E4609">IFERROR(INDEX(Jesper!AI$2:AI$366,ROUNDDOWN($C4609/24,0)+1,1)*INDEX($D$3:$AA$30,INDEX(Jesper!$R$2:$R$366,ROW(INDEX(Jesper!AI$2:AI$366,ROUNDDOWN($C4609/24,0)+1,1))-1)+IF('Standard Profiles'!$G$19=$B$10,7,0)+IF('Standard Profiles'!$G$19=$B$17,14,0)+IF('Standard Profiles'!$G$19=$B$24,21,0),MOD($C4609,24)+1)/SUM(INDEX($D$3:$AA$30,INDEX(Jesper!$R$2:$R$366,ROW(INDEX(Jesper!AI$2:AI$366,ROUNDDOWN($C4609/24,0)+1,1))-1)+IF('Standard Profiles'!$G$19=$B$10,7,0)+IF('Standard Profiles'!$G$19=$B$17,14,0)+IF('Standard Profiles'!$G$19=$B$24,21,0),0)),0)</f>
        <v>10.835422651280449</v>
      </c>
      <c r="F4609" cm="1">
        <f t="array" ref="F4609">IFERROR(INDEX(Jesper!AJ$2:AJ$366,ROUNDDOWN($C4609/24,0)+1,1)*INDEX($D$3:$AA$30,INDEX(Jesper!$R$2:$R$366,ROW(INDEX(Jesper!AJ$2:AJ$366,ROUNDDOWN($C4609/24,0)+1,1))-1)+IF('Standard Profiles'!$G$20=$B$10,7,0)+IF('Standard Profiles'!$G$20=$B$17,14,0)+IF('Standard Profiles'!$G$20=$B$24,21,0),MOD($C4609,24)+1)/SUM(INDEX($D$3:$AA$30,INDEX(Jesper!$R$2:$R$366,ROW(INDEX(Jesper!AJ$2:AJ$366,ROUNDDOWN($C4609/24,0)+1,1))-1)+IF('Standard Profiles'!$G$20=$B$10,7,0)+IF('Standard Profiles'!$G$20=$B$17,14,0)+IF('Standard Profiles'!$G$20=$B$24,21,0),0)),0)</f>
        <v>0</v>
      </c>
      <c r="G4609" cm="1">
        <f t="array" ref="G4609">IFERROR(INDEX(Jesper!AK$2:AK$366,ROUNDDOWN($C4609/24,0)+1,1)*INDEX($D$3:$AA$30,INDEX(Jesper!$R$2:$R$366,ROW(INDEX(Jesper!AK$2:AK$366,ROUNDDOWN($C4609/24,0)+1,1))-1)+IF('Standard Profiles'!$G$21=$B$10,7,0)+IF('Standard Profiles'!$G$21=$B$17,14,0)+IF('Standard Profiles'!$G$21=$B$24,21,0),MOD($C4609,24)+1)/SUM(INDEX($D$3:$AA$30,INDEX(Jesper!$R$2:$R$366,ROW(INDEX(Jesper!AK$2:AK$366,ROUNDDOWN($C4609/24,0)+1,1))-1)+IF('Standard Profiles'!$G$21=$B$10,7,0)+IF('Standard Profiles'!$G$21=$B$17,14,0)+IF('Standard Profiles'!$G$21=$B$24,21,0),0)),0)</f>
        <v>0</v>
      </c>
      <c r="H4609" cm="1">
        <f t="array" ref="H4609">IFERROR(INDEX(Jesper!AL$2:AL$366,ROUNDDOWN($C4609/24,0)+1,1)*INDEX($D$3:$AA$30,INDEX(Jesper!$R$2:$R$366,ROW(INDEX(Jesper!AL$2:AL$366,ROUNDDOWN($C4609/24,0)+1,1))-1)+IF('Standard Profiles'!$G$22=$B$10,7,0)+IF('Standard Profiles'!$G$22=$B$17,14,0)+IF('Standard Profiles'!$G$22=$B$24,21,0),MOD($C4609,24)+1)/SUM(INDEX($D$3:$AA$30,INDEX(Jesper!$R$2:$R$366,ROW(INDEX(Jesper!AL$2:AL$366,ROUNDDOWN($C4609/24,0)+1,1))-1)+IF('Standard Profiles'!$G$22=$B$10,7,0)+IF('Standard Profiles'!$G$22=$B$17,14,0)+IF('Standard Profiles'!$G$22=$B$24,21,0),0)),0)</f>
        <v>0</v>
      </c>
      <c r="I4609">
        <f t="shared" si="517"/>
        <v>0</v>
      </c>
      <c r="J4609">
        <f t="shared" si="518"/>
        <v>36.992584519780934</v>
      </c>
      <c r="K4609">
        <f t="shared" si="519"/>
        <v>3.3215443642540303</v>
      </c>
      <c r="L4609">
        <f t="shared" si="520"/>
        <v>1.6607721821270152</v>
      </c>
      <c r="M4609">
        <f t="shared" si="521"/>
        <v>0</v>
      </c>
      <c r="N4609" s="45">
        <f t="shared" si="522"/>
        <v>45117.624999988904</v>
      </c>
    </row>
    <row r="4610" spans="2:14" x14ac:dyDescent="0.25">
      <c r="B4610">
        <f t="shared" si="516"/>
        <v>1</v>
      </c>
      <c r="C4610" s="16">
        <v>4576</v>
      </c>
      <c r="D4610" cm="1">
        <f t="array" ref="D4610">IFERROR(INDEX(Jesper!AH$2:AH$366,ROUNDDOWN($C4610/24,0)+1,1)*INDEX($D$3:$AA$30,INDEX(Jesper!$R$2:$R$366,ROW(INDEX(Jesper!AH$2:AH$366,ROUNDDOWN($C4610/24,0)+1,1))-1)+IF('Standard Profiles'!$G$18=$B$10,7,0)+IF('Standard Profiles'!$G$18=$B$17,14,0)+IF('Standard Profiles'!$G$18=$B$24,21,0),MOD($C4610,24)+1)/SUM(INDEX($D$3:$AA$30,INDEX(Jesper!$R$2:$R$366,ROW(INDEX(Jesper!AH$2:AH$366,ROUNDDOWN($C4610/24,0)+1,1))-1)+IF('Standard Profiles'!$G$18=$B$10,7,0)+IF('Standard Profiles'!$G$18=$B$17,14,0)+IF('Standard Profiles'!$G$18=$B$24,21,0),0)),0)</f>
        <v>18.164695742014228</v>
      </c>
      <c r="E4610" cm="1">
        <f t="array" ref="E4610">IFERROR(INDEX(Jesper!AI$2:AI$366,ROUNDDOWN($C4610/24,0)+1,1)*INDEX($D$3:$AA$30,INDEX(Jesper!$R$2:$R$366,ROW(INDEX(Jesper!AI$2:AI$366,ROUNDDOWN($C4610/24,0)+1,1))-1)+IF('Standard Profiles'!$G$19=$B$10,7,0)+IF('Standard Profiles'!$G$19=$B$17,14,0)+IF('Standard Profiles'!$G$19=$B$24,21,0),MOD($C4610,24)+1)/SUM(INDEX($D$3:$AA$30,INDEX(Jesper!$R$2:$R$366,ROW(INDEX(Jesper!AI$2:AI$366,ROUNDDOWN($C4610/24,0)+1,1))-1)+IF('Standard Profiles'!$G$19=$B$10,7,0)+IF('Standard Profiles'!$G$19=$B$17,14,0)+IF('Standard Profiles'!$G$19=$B$24,21,0),0)),0)</f>
        <v>6.3206632132469291</v>
      </c>
      <c r="F4610" cm="1">
        <f t="array" ref="F4610">IFERROR(INDEX(Jesper!AJ$2:AJ$366,ROUNDDOWN($C4610/24,0)+1,1)*INDEX($D$3:$AA$30,INDEX(Jesper!$R$2:$R$366,ROW(INDEX(Jesper!AJ$2:AJ$366,ROUNDDOWN($C4610/24,0)+1,1))-1)+IF('Standard Profiles'!$G$20=$B$10,7,0)+IF('Standard Profiles'!$G$20=$B$17,14,0)+IF('Standard Profiles'!$G$20=$B$24,21,0),MOD($C4610,24)+1)/SUM(INDEX($D$3:$AA$30,INDEX(Jesper!$R$2:$R$366,ROW(INDEX(Jesper!AJ$2:AJ$366,ROUNDDOWN($C4610/24,0)+1,1))-1)+IF('Standard Profiles'!$G$20=$B$10,7,0)+IF('Standard Profiles'!$G$20=$B$17,14,0)+IF('Standard Profiles'!$G$20=$B$24,21,0),0)),0)</f>
        <v>0</v>
      </c>
      <c r="G4610" cm="1">
        <f t="array" ref="G4610">IFERROR(INDEX(Jesper!AK$2:AK$366,ROUNDDOWN($C4610/24,0)+1,1)*INDEX($D$3:$AA$30,INDEX(Jesper!$R$2:$R$366,ROW(INDEX(Jesper!AK$2:AK$366,ROUNDDOWN($C4610/24,0)+1,1))-1)+IF('Standard Profiles'!$G$21=$B$10,7,0)+IF('Standard Profiles'!$G$21=$B$17,14,0)+IF('Standard Profiles'!$G$21=$B$24,21,0),MOD($C4610,24)+1)/SUM(INDEX($D$3:$AA$30,INDEX(Jesper!$R$2:$R$366,ROW(INDEX(Jesper!AK$2:AK$366,ROUNDDOWN($C4610/24,0)+1,1))-1)+IF('Standard Profiles'!$G$21=$B$10,7,0)+IF('Standard Profiles'!$G$21=$B$17,14,0)+IF('Standard Profiles'!$G$21=$B$24,21,0),0)),0)</f>
        <v>0</v>
      </c>
      <c r="H4610" cm="1">
        <f t="array" ref="H4610">IFERROR(INDEX(Jesper!AL$2:AL$366,ROUNDDOWN($C4610/24,0)+1,1)*INDEX($D$3:$AA$30,INDEX(Jesper!$R$2:$R$366,ROW(INDEX(Jesper!AL$2:AL$366,ROUNDDOWN($C4610/24,0)+1,1))-1)+IF('Standard Profiles'!$G$22=$B$10,7,0)+IF('Standard Profiles'!$G$22=$B$17,14,0)+IF('Standard Profiles'!$G$22=$B$24,21,0),MOD($C4610,24)+1)/SUM(INDEX($D$3:$AA$30,INDEX(Jesper!$R$2:$R$366,ROW(INDEX(Jesper!AL$2:AL$366,ROUNDDOWN($C4610/24,0)+1,1))-1)+IF('Standard Profiles'!$G$22=$B$10,7,0)+IF('Standard Profiles'!$G$22=$B$17,14,0)+IF('Standard Profiles'!$G$22=$B$24,21,0),0)),0)</f>
        <v>0</v>
      </c>
      <c r="I4610">
        <f t="shared" si="517"/>
        <v>0</v>
      </c>
      <c r="J4610">
        <f t="shared" si="518"/>
        <v>21.579007636538879</v>
      </c>
      <c r="K4610">
        <f t="shared" si="519"/>
        <v>1.9375675458148511</v>
      </c>
      <c r="L4610">
        <f t="shared" si="520"/>
        <v>0.96878377290742557</v>
      </c>
      <c r="M4610">
        <f t="shared" si="521"/>
        <v>0</v>
      </c>
      <c r="N4610" s="45">
        <f t="shared" si="522"/>
        <v>45117.666666655568</v>
      </c>
    </row>
    <row r="4611" spans="2:14" x14ac:dyDescent="0.25">
      <c r="B4611">
        <f t="shared" si="516"/>
        <v>1</v>
      </c>
      <c r="C4611" s="16">
        <v>4577</v>
      </c>
      <c r="D4611" cm="1">
        <f t="array" ref="D4611">IFERROR(INDEX(Jesper!AH$2:AH$366,ROUNDDOWN($C4611/24,0)+1,1)*INDEX($D$3:$AA$30,INDEX(Jesper!$R$2:$R$366,ROW(INDEX(Jesper!AH$2:AH$366,ROUNDDOWN($C4611/24,0)+1,1))-1)+IF('Standard Profiles'!$G$18=$B$10,7,0)+IF('Standard Profiles'!$G$18=$B$17,14,0)+IF('Standard Profiles'!$G$18=$B$24,21,0),MOD($C4611,24)+1)/SUM(INDEX($D$3:$AA$30,INDEX(Jesper!$R$2:$R$366,ROW(INDEX(Jesper!AH$2:AH$366,ROUNDDOWN($C4611/24,0)+1,1))-1)+IF('Standard Profiles'!$G$18=$B$10,7,0)+IF('Standard Profiles'!$G$18=$B$17,14,0)+IF('Standard Profiles'!$G$18=$B$24,21,0),0)),0)</f>
        <v>5.1899130691469226</v>
      </c>
      <c r="E4611" cm="1">
        <f t="array" ref="E4611">IFERROR(INDEX(Jesper!AI$2:AI$366,ROUNDDOWN($C4611/24,0)+1,1)*INDEX($D$3:$AA$30,INDEX(Jesper!$R$2:$R$366,ROW(INDEX(Jesper!AI$2:AI$366,ROUNDDOWN($C4611/24,0)+1,1))-1)+IF('Standard Profiles'!$G$19=$B$10,7,0)+IF('Standard Profiles'!$G$19=$B$17,14,0)+IF('Standard Profiles'!$G$19=$B$24,21,0),MOD($C4611,24)+1)/SUM(INDEX($D$3:$AA$30,INDEX(Jesper!$R$2:$R$366,ROW(INDEX(Jesper!AI$2:AI$366,ROUNDDOWN($C4611/24,0)+1,1))-1)+IF('Standard Profiles'!$G$19=$B$10,7,0)+IF('Standard Profiles'!$G$19=$B$17,14,0)+IF('Standard Profiles'!$G$19=$B$24,21,0),0)),0)</f>
        <v>1.8059037752134084</v>
      </c>
      <c r="F4611" cm="1">
        <f t="array" ref="F4611">IFERROR(INDEX(Jesper!AJ$2:AJ$366,ROUNDDOWN($C4611/24,0)+1,1)*INDEX($D$3:$AA$30,INDEX(Jesper!$R$2:$R$366,ROW(INDEX(Jesper!AJ$2:AJ$366,ROUNDDOWN($C4611/24,0)+1,1))-1)+IF('Standard Profiles'!$G$20=$B$10,7,0)+IF('Standard Profiles'!$G$20=$B$17,14,0)+IF('Standard Profiles'!$G$20=$B$24,21,0),MOD($C4611,24)+1)/SUM(INDEX($D$3:$AA$30,INDEX(Jesper!$R$2:$R$366,ROW(INDEX(Jesper!AJ$2:AJ$366,ROUNDDOWN($C4611/24,0)+1,1))-1)+IF('Standard Profiles'!$G$20=$B$10,7,0)+IF('Standard Profiles'!$G$20=$B$17,14,0)+IF('Standard Profiles'!$G$20=$B$24,21,0),0)),0)</f>
        <v>0</v>
      </c>
      <c r="G4611" cm="1">
        <f t="array" ref="G4611">IFERROR(INDEX(Jesper!AK$2:AK$366,ROUNDDOWN($C4611/24,0)+1,1)*INDEX($D$3:$AA$30,INDEX(Jesper!$R$2:$R$366,ROW(INDEX(Jesper!AK$2:AK$366,ROUNDDOWN($C4611/24,0)+1,1))-1)+IF('Standard Profiles'!$G$21=$B$10,7,0)+IF('Standard Profiles'!$G$21=$B$17,14,0)+IF('Standard Profiles'!$G$21=$B$24,21,0),MOD($C4611,24)+1)/SUM(INDEX($D$3:$AA$30,INDEX(Jesper!$R$2:$R$366,ROW(INDEX(Jesper!AK$2:AK$366,ROUNDDOWN($C4611/24,0)+1,1))-1)+IF('Standard Profiles'!$G$21=$B$10,7,0)+IF('Standard Profiles'!$G$21=$B$17,14,0)+IF('Standard Profiles'!$G$21=$B$24,21,0),0)),0)</f>
        <v>0</v>
      </c>
      <c r="H4611" cm="1">
        <f t="array" ref="H4611">IFERROR(INDEX(Jesper!AL$2:AL$366,ROUNDDOWN($C4611/24,0)+1,1)*INDEX($D$3:$AA$30,INDEX(Jesper!$R$2:$R$366,ROW(INDEX(Jesper!AL$2:AL$366,ROUNDDOWN($C4611/24,0)+1,1))-1)+IF('Standard Profiles'!$G$22=$B$10,7,0)+IF('Standard Profiles'!$G$22=$B$17,14,0)+IF('Standard Profiles'!$G$22=$B$24,21,0),MOD($C4611,24)+1)/SUM(INDEX($D$3:$AA$30,INDEX(Jesper!$R$2:$R$366,ROW(INDEX(Jesper!AL$2:AL$366,ROUNDDOWN($C4611/24,0)+1,1))-1)+IF('Standard Profiles'!$G$22=$B$10,7,0)+IF('Standard Profiles'!$G$22=$B$17,14,0)+IF('Standard Profiles'!$G$22=$B$24,21,0),0)),0)</f>
        <v>0</v>
      </c>
      <c r="I4611">
        <f t="shared" si="517"/>
        <v>0</v>
      </c>
      <c r="J4611">
        <f t="shared" si="518"/>
        <v>6.1654307532968229</v>
      </c>
      <c r="K4611">
        <f t="shared" si="519"/>
        <v>0.55359072737567183</v>
      </c>
      <c r="L4611">
        <f t="shared" si="520"/>
        <v>0.27679536368783592</v>
      </c>
      <c r="M4611">
        <f t="shared" si="521"/>
        <v>0</v>
      </c>
      <c r="N4611" s="45">
        <f t="shared" si="522"/>
        <v>45117.708333322233</v>
      </c>
    </row>
    <row r="4612" spans="2:14" x14ac:dyDescent="0.25">
      <c r="B4612">
        <f t="shared" si="516"/>
        <v>1</v>
      </c>
      <c r="C4612" s="16">
        <v>4578</v>
      </c>
      <c r="D4612" cm="1">
        <f t="array" ref="D4612">IFERROR(INDEX(Jesper!AH$2:AH$366,ROUNDDOWN($C4612/24,0)+1,1)*INDEX($D$3:$AA$30,INDEX(Jesper!$R$2:$R$366,ROW(INDEX(Jesper!AH$2:AH$366,ROUNDDOWN($C4612/24,0)+1,1))-1)+IF('Standard Profiles'!$G$18=$B$10,7,0)+IF('Standard Profiles'!$G$18=$B$17,14,0)+IF('Standard Profiles'!$G$18=$B$24,21,0),MOD($C4612,24)+1)/SUM(INDEX($D$3:$AA$30,INDEX(Jesper!$R$2:$R$366,ROW(INDEX(Jesper!AH$2:AH$366,ROUNDDOWN($C4612/24,0)+1,1))-1)+IF('Standard Profiles'!$G$18=$B$10,7,0)+IF('Standard Profiles'!$G$18=$B$17,14,0)+IF('Standard Profiles'!$G$18=$B$24,21,0),0)),0)</f>
        <v>5.11681570197584</v>
      </c>
      <c r="E4612" cm="1">
        <f t="array" ref="E4612">IFERROR(INDEX(Jesper!AI$2:AI$366,ROUNDDOWN($C4612/24,0)+1,1)*INDEX($D$3:$AA$30,INDEX(Jesper!$R$2:$R$366,ROW(INDEX(Jesper!AI$2:AI$366,ROUNDDOWN($C4612/24,0)+1,1))-1)+IF('Standard Profiles'!$G$19=$B$10,7,0)+IF('Standard Profiles'!$G$19=$B$17,14,0)+IF('Standard Profiles'!$G$19=$B$24,21,0),MOD($C4612,24)+1)/SUM(INDEX($D$3:$AA$30,INDEX(Jesper!$R$2:$R$366,ROW(INDEX(Jesper!AI$2:AI$366,ROUNDDOWN($C4612/24,0)+1,1))-1)+IF('Standard Profiles'!$G$19=$B$10,7,0)+IF('Standard Profiles'!$G$19=$B$17,14,0)+IF('Standard Profiles'!$G$19=$B$24,21,0),0)),0)</f>
        <v>1.780468510773783</v>
      </c>
      <c r="F4612" cm="1">
        <f t="array" ref="F4612">IFERROR(INDEX(Jesper!AJ$2:AJ$366,ROUNDDOWN($C4612/24,0)+1,1)*INDEX($D$3:$AA$30,INDEX(Jesper!$R$2:$R$366,ROW(INDEX(Jesper!AJ$2:AJ$366,ROUNDDOWN($C4612/24,0)+1,1))-1)+IF('Standard Profiles'!$G$20=$B$10,7,0)+IF('Standard Profiles'!$G$20=$B$17,14,0)+IF('Standard Profiles'!$G$20=$B$24,21,0),MOD($C4612,24)+1)/SUM(INDEX($D$3:$AA$30,INDEX(Jesper!$R$2:$R$366,ROW(INDEX(Jesper!AJ$2:AJ$366,ROUNDDOWN($C4612/24,0)+1,1))-1)+IF('Standard Profiles'!$G$20=$B$10,7,0)+IF('Standard Profiles'!$G$20=$B$17,14,0)+IF('Standard Profiles'!$G$20=$B$24,21,0),0)),0)</f>
        <v>0</v>
      </c>
      <c r="G4612" cm="1">
        <f t="array" ref="G4612">IFERROR(INDEX(Jesper!AK$2:AK$366,ROUNDDOWN($C4612/24,0)+1,1)*INDEX($D$3:$AA$30,INDEX(Jesper!$R$2:$R$366,ROW(INDEX(Jesper!AK$2:AK$366,ROUNDDOWN($C4612/24,0)+1,1))-1)+IF('Standard Profiles'!$G$21=$B$10,7,0)+IF('Standard Profiles'!$G$21=$B$17,14,0)+IF('Standard Profiles'!$G$21=$B$24,21,0),MOD($C4612,24)+1)/SUM(INDEX($D$3:$AA$30,INDEX(Jesper!$R$2:$R$366,ROW(INDEX(Jesper!AK$2:AK$366,ROUNDDOWN($C4612/24,0)+1,1))-1)+IF('Standard Profiles'!$G$21=$B$10,7,0)+IF('Standard Profiles'!$G$21=$B$17,14,0)+IF('Standard Profiles'!$G$21=$B$24,21,0),0)),0)</f>
        <v>0</v>
      </c>
      <c r="H4612" cm="1">
        <f t="array" ref="H4612">IFERROR(INDEX(Jesper!AL$2:AL$366,ROUNDDOWN($C4612/24,0)+1,1)*INDEX($D$3:$AA$30,INDEX(Jesper!$R$2:$R$366,ROW(INDEX(Jesper!AL$2:AL$366,ROUNDDOWN($C4612/24,0)+1,1))-1)+IF('Standard Profiles'!$G$22=$B$10,7,0)+IF('Standard Profiles'!$G$22=$B$17,14,0)+IF('Standard Profiles'!$G$22=$B$24,21,0),MOD($C4612,24)+1)/SUM(INDEX($D$3:$AA$30,INDEX(Jesper!$R$2:$R$366,ROW(INDEX(Jesper!AL$2:AL$366,ROUNDDOWN($C4612/24,0)+1,1))-1)+IF('Standard Profiles'!$G$22=$B$10,7,0)+IF('Standard Profiles'!$G$22=$B$17,14,0)+IF('Standard Profiles'!$G$22=$B$24,21,0),0)),0)</f>
        <v>0</v>
      </c>
      <c r="I4612">
        <f t="shared" si="517"/>
        <v>0</v>
      </c>
      <c r="J4612">
        <f t="shared" si="518"/>
        <v>6.0785937004334887</v>
      </c>
      <c r="K4612">
        <f t="shared" si="519"/>
        <v>0.54579367487742292</v>
      </c>
      <c r="L4612">
        <f t="shared" si="520"/>
        <v>0.27289683743871146</v>
      </c>
      <c r="M4612">
        <f t="shared" si="521"/>
        <v>0</v>
      </c>
      <c r="N4612" s="45">
        <f t="shared" si="522"/>
        <v>45117.749999988897</v>
      </c>
    </row>
    <row r="4613" spans="2:14" x14ac:dyDescent="0.25">
      <c r="B4613">
        <f t="shared" si="516"/>
        <v>1</v>
      </c>
      <c r="C4613" s="16">
        <v>4579</v>
      </c>
      <c r="D4613" cm="1">
        <f t="array" ref="D4613">IFERROR(INDEX(Jesper!AH$2:AH$366,ROUNDDOWN($C4613/24,0)+1,1)*INDEX($D$3:$AA$30,INDEX(Jesper!$R$2:$R$366,ROW(INDEX(Jesper!AH$2:AH$366,ROUNDDOWN($C4613/24,0)+1,1))-1)+IF('Standard Profiles'!$G$18=$B$10,7,0)+IF('Standard Profiles'!$G$18=$B$17,14,0)+IF('Standard Profiles'!$G$18=$B$24,21,0),MOD($C4613,24)+1)/SUM(INDEX($D$3:$AA$30,INDEX(Jesper!$R$2:$R$366,ROW(INDEX(Jesper!AH$2:AH$366,ROUNDDOWN($C4613/24,0)+1,1))-1)+IF('Standard Profiles'!$G$18=$B$10,7,0)+IF('Standard Profiles'!$G$18=$B$17,14,0)+IF('Standard Profiles'!$G$18=$B$24,21,0),0)),0)</f>
        <v>5.11681570197584</v>
      </c>
      <c r="E4613" cm="1">
        <f t="array" ref="E4613">IFERROR(INDEX(Jesper!AI$2:AI$366,ROUNDDOWN($C4613/24,0)+1,1)*INDEX($D$3:$AA$30,INDEX(Jesper!$R$2:$R$366,ROW(INDEX(Jesper!AI$2:AI$366,ROUNDDOWN($C4613/24,0)+1,1))-1)+IF('Standard Profiles'!$G$19=$B$10,7,0)+IF('Standard Profiles'!$G$19=$B$17,14,0)+IF('Standard Profiles'!$G$19=$B$24,21,0),MOD($C4613,24)+1)/SUM(INDEX($D$3:$AA$30,INDEX(Jesper!$R$2:$R$366,ROW(INDEX(Jesper!AI$2:AI$366,ROUNDDOWN($C4613/24,0)+1,1))-1)+IF('Standard Profiles'!$G$19=$B$10,7,0)+IF('Standard Profiles'!$G$19=$B$17,14,0)+IF('Standard Profiles'!$G$19=$B$24,21,0),0)),0)</f>
        <v>1.780468510773783</v>
      </c>
      <c r="F4613" cm="1">
        <f t="array" ref="F4613">IFERROR(INDEX(Jesper!AJ$2:AJ$366,ROUNDDOWN($C4613/24,0)+1,1)*INDEX($D$3:$AA$30,INDEX(Jesper!$R$2:$R$366,ROW(INDEX(Jesper!AJ$2:AJ$366,ROUNDDOWN($C4613/24,0)+1,1))-1)+IF('Standard Profiles'!$G$20=$B$10,7,0)+IF('Standard Profiles'!$G$20=$B$17,14,0)+IF('Standard Profiles'!$G$20=$B$24,21,0),MOD($C4613,24)+1)/SUM(INDEX($D$3:$AA$30,INDEX(Jesper!$R$2:$R$366,ROW(INDEX(Jesper!AJ$2:AJ$366,ROUNDDOWN($C4613/24,0)+1,1))-1)+IF('Standard Profiles'!$G$20=$B$10,7,0)+IF('Standard Profiles'!$G$20=$B$17,14,0)+IF('Standard Profiles'!$G$20=$B$24,21,0),0)),0)</f>
        <v>0</v>
      </c>
      <c r="G4613" cm="1">
        <f t="array" ref="G4613">IFERROR(INDEX(Jesper!AK$2:AK$366,ROUNDDOWN($C4613/24,0)+1,1)*INDEX($D$3:$AA$30,INDEX(Jesper!$R$2:$R$366,ROW(INDEX(Jesper!AK$2:AK$366,ROUNDDOWN($C4613/24,0)+1,1))-1)+IF('Standard Profiles'!$G$21=$B$10,7,0)+IF('Standard Profiles'!$G$21=$B$17,14,0)+IF('Standard Profiles'!$G$21=$B$24,21,0),MOD($C4613,24)+1)/SUM(INDEX($D$3:$AA$30,INDEX(Jesper!$R$2:$R$366,ROW(INDEX(Jesper!AK$2:AK$366,ROUNDDOWN($C4613/24,0)+1,1))-1)+IF('Standard Profiles'!$G$21=$B$10,7,0)+IF('Standard Profiles'!$G$21=$B$17,14,0)+IF('Standard Profiles'!$G$21=$B$24,21,0),0)),0)</f>
        <v>0</v>
      </c>
      <c r="H4613" cm="1">
        <f t="array" ref="H4613">IFERROR(INDEX(Jesper!AL$2:AL$366,ROUNDDOWN($C4613/24,0)+1,1)*INDEX($D$3:$AA$30,INDEX(Jesper!$R$2:$R$366,ROW(INDEX(Jesper!AL$2:AL$366,ROUNDDOWN($C4613/24,0)+1,1))-1)+IF('Standard Profiles'!$G$22=$B$10,7,0)+IF('Standard Profiles'!$G$22=$B$17,14,0)+IF('Standard Profiles'!$G$22=$B$24,21,0),MOD($C4613,24)+1)/SUM(INDEX($D$3:$AA$30,INDEX(Jesper!$R$2:$R$366,ROW(INDEX(Jesper!AL$2:AL$366,ROUNDDOWN($C4613/24,0)+1,1))-1)+IF('Standard Profiles'!$G$22=$B$10,7,0)+IF('Standard Profiles'!$G$22=$B$17,14,0)+IF('Standard Profiles'!$G$22=$B$24,21,0),0)),0)</f>
        <v>0</v>
      </c>
      <c r="I4613">
        <f t="shared" si="517"/>
        <v>0</v>
      </c>
      <c r="J4613">
        <f t="shared" si="518"/>
        <v>6.0785937004334887</v>
      </c>
      <c r="K4613">
        <f t="shared" si="519"/>
        <v>0.54579367487742292</v>
      </c>
      <c r="L4613">
        <f t="shared" si="520"/>
        <v>0.27289683743871146</v>
      </c>
      <c r="M4613">
        <f t="shared" si="521"/>
        <v>0</v>
      </c>
      <c r="N4613" s="45">
        <f t="shared" si="522"/>
        <v>45117.791666655561</v>
      </c>
    </row>
    <row r="4614" spans="2:14" x14ac:dyDescent="0.25">
      <c r="B4614">
        <f t="shared" si="516"/>
        <v>1</v>
      </c>
      <c r="C4614" s="16">
        <v>4580</v>
      </c>
      <c r="D4614" cm="1">
        <f t="array" ref="D4614">IFERROR(INDEX(Jesper!AH$2:AH$366,ROUNDDOWN($C4614/24,0)+1,1)*INDEX($D$3:$AA$30,INDEX(Jesper!$R$2:$R$366,ROW(INDEX(Jesper!AH$2:AH$366,ROUNDDOWN($C4614/24,0)+1,1))-1)+IF('Standard Profiles'!$G$18=$B$10,7,0)+IF('Standard Profiles'!$G$18=$B$17,14,0)+IF('Standard Profiles'!$G$18=$B$24,21,0),MOD($C4614,24)+1)/SUM(INDEX($D$3:$AA$30,INDEX(Jesper!$R$2:$R$366,ROW(INDEX(Jesper!AH$2:AH$366,ROUNDDOWN($C4614/24,0)+1,1))-1)+IF('Standard Profiles'!$G$18=$B$10,7,0)+IF('Standard Profiles'!$G$18=$B$17,14,0)+IF('Standard Profiles'!$G$18=$B$24,21,0),0)),0)</f>
        <v>5.11681570197584</v>
      </c>
      <c r="E4614" cm="1">
        <f t="array" ref="E4614">IFERROR(INDEX(Jesper!AI$2:AI$366,ROUNDDOWN($C4614/24,0)+1,1)*INDEX($D$3:$AA$30,INDEX(Jesper!$R$2:$R$366,ROW(INDEX(Jesper!AI$2:AI$366,ROUNDDOWN($C4614/24,0)+1,1))-1)+IF('Standard Profiles'!$G$19=$B$10,7,0)+IF('Standard Profiles'!$G$19=$B$17,14,0)+IF('Standard Profiles'!$G$19=$B$24,21,0),MOD($C4614,24)+1)/SUM(INDEX($D$3:$AA$30,INDEX(Jesper!$R$2:$R$366,ROW(INDEX(Jesper!AI$2:AI$366,ROUNDDOWN($C4614/24,0)+1,1))-1)+IF('Standard Profiles'!$G$19=$B$10,7,0)+IF('Standard Profiles'!$G$19=$B$17,14,0)+IF('Standard Profiles'!$G$19=$B$24,21,0),0)),0)</f>
        <v>1.780468510773783</v>
      </c>
      <c r="F4614" cm="1">
        <f t="array" ref="F4614">IFERROR(INDEX(Jesper!AJ$2:AJ$366,ROUNDDOWN($C4614/24,0)+1,1)*INDEX($D$3:$AA$30,INDEX(Jesper!$R$2:$R$366,ROW(INDEX(Jesper!AJ$2:AJ$366,ROUNDDOWN($C4614/24,0)+1,1))-1)+IF('Standard Profiles'!$G$20=$B$10,7,0)+IF('Standard Profiles'!$G$20=$B$17,14,0)+IF('Standard Profiles'!$G$20=$B$24,21,0),MOD($C4614,24)+1)/SUM(INDEX($D$3:$AA$30,INDEX(Jesper!$R$2:$R$366,ROW(INDEX(Jesper!AJ$2:AJ$366,ROUNDDOWN($C4614/24,0)+1,1))-1)+IF('Standard Profiles'!$G$20=$B$10,7,0)+IF('Standard Profiles'!$G$20=$B$17,14,0)+IF('Standard Profiles'!$G$20=$B$24,21,0),0)),0)</f>
        <v>0</v>
      </c>
      <c r="G4614" cm="1">
        <f t="array" ref="G4614">IFERROR(INDEX(Jesper!AK$2:AK$366,ROUNDDOWN($C4614/24,0)+1,1)*INDEX($D$3:$AA$30,INDEX(Jesper!$R$2:$R$366,ROW(INDEX(Jesper!AK$2:AK$366,ROUNDDOWN($C4614/24,0)+1,1))-1)+IF('Standard Profiles'!$G$21=$B$10,7,0)+IF('Standard Profiles'!$G$21=$B$17,14,0)+IF('Standard Profiles'!$G$21=$B$24,21,0),MOD($C4614,24)+1)/SUM(INDEX($D$3:$AA$30,INDEX(Jesper!$R$2:$R$366,ROW(INDEX(Jesper!AK$2:AK$366,ROUNDDOWN($C4614/24,0)+1,1))-1)+IF('Standard Profiles'!$G$21=$B$10,7,0)+IF('Standard Profiles'!$G$21=$B$17,14,0)+IF('Standard Profiles'!$G$21=$B$24,21,0),0)),0)</f>
        <v>0</v>
      </c>
      <c r="H4614" cm="1">
        <f t="array" ref="H4614">IFERROR(INDEX(Jesper!AL$2:AL$366,ROUNDDOWN($C4614/24,0)+1,1)*INDEX($D$3:$AA$30,INDEX(Jesper!$R$2:$R$366,ROW(INDEX(Jesper!AL$2:AL$366,ROUNDDOWN($C4614/24,0)+1,1))-1)+IF('Standard Profiles'!$G$22=$B$10,7,0)+IF('Standard Profiles'!$G$22=$B$17,14,0)+IF('Standard Profiles'!$G$22=$B$24,21,0),MOD($C4614,24)+1)/SUM(INDEX($D$3:$AA$30,INDEX(Jesper!$R$2:$R$366,ROW(INDEX(Jesper!AL$2:AL$366,ROUNDDOWN($C4614/24,0)+1,1))-1)+IF('Standard Profiles'!$G$22=$B$10,7,0)+IF('Standard Profiles'!$G$22=$B$17,14,0)+IF('Standard Profiles'!$G$22=$B$24,21,0),0)),0)</f>
        <v>0</v>
      </c>
      <c r="I4614">
        <f t="shared" si="517"/>
        <v>0</v>
      </c>
      <c r="J4614">
        <f t="shared" si="518"/>
        <v>6.0785937004334887</v>
      </c>
      <c r="K4614">
        <f t="shared" si="519"/>
        <v>0.54579367487742292</v>
      </c>
      <c r="L4614">
        <f t="shared" si="520"/>
        <v>0.27289683743871146</v>
      </c>
      <c r="M4614">
        <f t="shared" si="521"/>
        <v>0</v>
      </c>
      <c r="N4614" s="45">
        <f t="shared" si="522"/>
        <v>45117.833333322225</v>
      </c>
    </row>
    <row r="4615" spans="2:14" x14ac:dyDescent="0.25">
      <c r="B4615">
        <f t="shared" si="516"/>
        <v>1</v>
      </c>
      <c r="C4615" s="16">
        <v>4581</v>
      </c>
      <c r="D4615" cm="1">
        <f t="array" ref="D4615">IFERROR(INDEX(Jesper!AH$2:AH$366,ROUNDDOWN($C4615/24,0)+1,1)*INDEX($D$3:$AA$30,INDEX(Jesper!$R$2:$R$366,ROW(INDEX(Jesper!AH$2:AH$366,ROUNDDOWN($C4615/24,0)+1,1))-1)+IF('Standard Profiles'!$G$18=$B$10,7,0)+IF('Standard Profiles'!$G$18=$B$17,14,0)+IF('Standard Profiles'!$G$18=$B$24,21,0),MOD($C4615,24)+1)/SUM(INDEX($D$3:$AA$30,INDEX(Jesper!$R$2:$R$366,ROW(INDEX(Jesper!AH$2:AH$366,ROUNDDOWN($C4615/24,0)+1,1))-1)+IF('Standard Profiles'!$G$18=$B$10,7,0)+IF('Standard Profiles'!$G$18=$B$17,14,0)+IF('Standard Profiles'!$G$18=$B$24,21,0),0)),0)</f>
        <v>5.11681570197584</v>
      </c>
      <c r="E4615" cm="1">
        <f t="array" ref="E4615">IFERROR(INDEX(Jesper!AI$2:AI$366,ROUNDDOWN($C4615/24,0)+1,1)*INDEX($D$3:$AA$30,INDEX(Jesper!$R$2:$R$366,ROW(INDEX(Jesper!AI$2:AI$366,ROUNDDOWN($C4615/24,0)+1,1))-1)+IF('Standard Profiles'!$G$19=$B$10,7,0)+IF('Standard Profiles'!$G$19=$B$17,14,0)+IF('Standard Profiles'!$G$19=$B$24,21,0),MOD($C4615,24)+1)/SUM(INDEX($D$3:$AA$30,INDEX(Jesper!$R$2:$R$366,ROW(INDEX(Jesper!AI$2:AI$366,ROUNDDOWN($C4615/24,0)+1,1))-1)+IF('Standard Profiles'!$G$19=$B$10,7,0)+IF('Standard Profiles'!$G$19=$B$17,14,0)+IF('Standard Profiles'!$G$19=$B$24,21,0),0)),0)</f>
        <v>1.780468510773783</v>
      </c>
      <c r="F4615" cm="1">
        <f t="array" ref="F4615">IFERROR(INDEX(Jesper!AJ$2:AJ$366,ROUNDDOWN($C4615/24,0)+1,1)*INDEX($D$3:$AA$30,INDEX(Jesper!$R$2:$R$366,ROW(INDEX(Jesper!AJ$2:AJ$366,ROUNDDOWN($C4615/24,0)+1,1))-1)+IF('Standard Profiles'!$G$20=$B$10,7,0)+IF('Standard Profiles'!$G$20=$B$17,14,0)+IF('Standard Profiles'!$G$20=$B$24,21,0),MOD($C4615,24)+1)/SUM(INDEX($D$3:$AA$30,INDEX(Jesper!$R$2:$R$366,ROW(INDEX(Jesper!AJ$2:AJ$366,ROUNDDOWN($C4615/24,0)+1,1))-1)+IF('Standard Profiles'!$G$20=$B$10,7,0)+IF('Standard Profiles'!$G$20=$B$17,14,0)+IF('Standard Profiles'!$G$20=$B$24,21,0),0)),0)</f>
        <v>0</v>
      </c>
      <c r="G4615" cm="1">
        <f t="array" ref="G4615">IFERROR(INDEX(Jesper!AK$2:AK$366,ROUNDDOWN($C4615/24,0)+1,1)*INDEX($D$3:$AA$30,INDEX(Jesper!$R$2:$R$366,ROW(INDEX(Jesper!AK$2:AK$366,ROUNDDOWN($C4615/24,0)+1,1))-1)+IF('Standard Profiles'!$G$21=$B$10,7,0)+IF('Standard Profiles'!$G$21=$B$17,14,0)+IF('Standard Profiles'!$G$21=$B$24,21,0),MOD($C4615,24)+1)/SUM(INDEX($D$3:$AA$30,INDEX(Jesper!$R$2:$R$366,ROW(INDEX(Jesper!AK$2:AK$366,ROUNDDOWN($C4615/24,0)+1,1))-1)+IF('Standard Profiles'!$G$21=$B$10,7,0)+IF('Standard Profiles'!$G$21=$B$17,14,0)+IF('Standard Profiles'!$G$21=$B$24,21,0),0)),0)</f>
        <v>0</v>
      </c>
      <c r="H4615" cm="1">
        <f t="array" ref="H4615">IFERROR(INDEX(Jesper!AL$2:AL$366,ROUNDDOWN($C4615/24,0)+1,1)*INDEX($D$3:$AA$30,INDEX(Jesper!$R$2:$R$366,ROW(INDEX(Jesper!AL$2:AL$366,ROUNDDOWN($C4615/24,0)+1,1))-1)+IF('Standard Profiles'!$G$22=$B$10,7,0)+IF('Standard Profiles'!$G$22=$B$17,14,0)+IF('Standard Profiles'!$G$22=$B$24,21,0),MOD($C4615,24)+1)/SUM(INDEX($D$3:$AA$30,INDEX(Jesper!$R$2:$R$366,ROW(INDEX(Jesper!AL$2:AL$366,ROUNDDOWN($C4615/24,0)+1,1))-1)+IF('Standard Profiles'!$G$22=$B$10,7,0)+IF('Standard Profiles'!$G$22=$B$17,14,0)+IF('Standard Profiles'!$G$22=$B$24,21,0),0)),0)</f>
        <v>0</v>
      </c>
      <c r="I4615">
        <f t="shared" si="517"/>
        <v>0</v>
      </c>
      <c r="J4615">
        <f t="shared" si="518"/>
        <v>6.0785937004334887</v>
      </c>
      <c r="K4615">
        <f t="shared" si="519"/>
        <v>0.54579367487742292</v>
      </c>
      <c r="L4615">
        <f t="shared" si="520"/>
        <v>0.27289683743871146</v>
      </c>
      <c r="M4615">
        <f t="shared" si="521"/>
        <v>0</v>
      </c>
      <c r="N4615" s="45">
        <f t="shared" si="522"/>
        <v>45117.87499998889</v>
      </c>
    </row>
    <row r="4616" spans="2:14" x14ac:dyDescent="0.25">
      <c r="B4616">
        <f t="shared" si="516"/>
        <v>1</v>
      </c>
      <c r="C4616" s="16">
        <v>4582</v>
      </c>
      <c r="D4616" cm="1">
        <f t="array" ref="D4616">IFERROR(INDEX(Jesper!AH$2:AH$366,ROUNDDOWN($C4616/24,0)+1,1)*INDEX($D$3:$AA$30,INDEX(Jesper!$R$2:$R$366,ROW(INDEX(Jesper!AH$2:AH$366,ROUNDDOWN($C4616/24,0)+1,1))-1)+IF('Standard Profiles'!$G$18=$B$10,7,0)+IF('Standard Profiles'!$G$18=$B$17,14,0)+IF('Standard Profiles'!$G$18=$B$24,21,0),MOD($C4616,24)+1)/SUM(INDEX($D$3:$AA$30,INDEX(Jesper!$R$2:$R$366,ROW(INDEX(Jesper!AH$2:AH$366,ROUNDDOWN($C4616/24,0)+1,1))-1)+IF('Standard Profiles'!$G$18=$B$10,7,0)+IF('Standard Profiles'!$G$18=$B$17,14,0)+IF('Standard Profiles'!$G$18=$B$24,21,0),0)),0)</f>
        <v>5.11681570197584</v>
      </c>
      <c r="E4616" cm="1">
        <f t="array" ref="E4616">IFERROR(INDEX(Jesper!AI$2:AI$366,ROUNDDOWN($C4616/24,0)+1,1)*INDEX($D$3:$AA$30,INDEX(Jesper!$R$2:$R$366,ROW(INDEX(Jesper!AI$2:AI$366,ROUNDDOWN($C4616/24,0)+1,1))-1)+IF('Standard Profiles'!$G$19=$B$10,7,0)+IF('Standard Profiles'!$G$19=$B$17,14,0)+IF('Standard Profiles'!$G$19=$B$24,21,0),MOD($C4616,24)+1)/SUM(INDEX($D$3:$AA$30,INDEX(Jesper!$R$2:$R$366,ROW(INDEX(Jesper!AI$2:AI$366,ROUNDDOWN($C4616/24,0)+1,1))-1)+IF('Standard Profiles'!$G$19=$B$10,7,0)+IF('Standard Profiles'!$G$19=$B$17,14,0)+IF('Standard Profiles'!$G$19=$B$24,21,0),0)),0)</f>
        <v>1.780468510773783</v>
      </c>
      <c r="F4616" cm="1">
        <f t="array" ref="F4616">IFERROR(INDEX(Jesper!AJ$2:AJ$366,ROUNDDOWN($C4616/24,0)+1,1)*INDEX($D$3:$AA$30,INDEX(Jesper!$R$2:$R$366,ROW(INDEX(Jesper!AJ$2:AJ$366,ROUNDDOWN($C4616/24,0)+1,1))-1)+IF('Standard Profiles'!$G$20=$B$10,7,0)+IF('Standard Profiles'!$G$20=$B$17,14,0)+IF('Standard Profiles'!$G$20=$B$24,21,0),MOD($C4616,24)+1)/SUM(INDEX($D$3:$AA$30,INDEX(Jesper!$R$2:$R$366,ROW(INDEX(Jesper!AJ$2:AJ$366,ROUNDDOWN($C4616/24,0)+1,1))-1)+IF('Standard Profiles'!$G$20=$B$10,7,0)+IF('Standard Profiles'!$G$20=$B$17,14,0)+IF('Standard Profiles'!$G$20=$B$24,21,0),0)),0)</f>
        <v>0</v>
      </c>
      <c r="G4616" cm="1">
        <f t="array" ref="G4616">IFERROR(INDEX(Jesper!AK$2:AK$366,ROUNDDOWN($C4616/24,0)+1,1)*INDEX($D$3:$AA$30,INDEX(Jesper!$R$2:$R$366,ROW(INDEX(Jesper!AK$2:AK$366,ROUNDDOWN($C4616/24,0)+1,1))-1)+IF('Standard Profiles'!$G$21=$B$10,7,0)+IF('Standard Profiles'!$G$21=$B$17,14,0)+IF('Standard Profiles'!$G$21=$B$24,21,0),MOD($C4616,24)+1)/SUM(INDEX($D$3:$AA$30,INDEX(Jesper!$R$2:$R$366,ROW(INDEX(Jesper!AK$2:AK$366,ROUNDDOWN($C4616/24,0)+1,1))-1)+IF('Standard Profiles'!$G$21=$B$10,7,0)+IF('Standard Profiles'!$G$21=$B$17,14,0)+IF('Standard Profiles'!$G$21=$B$24,21,0),0)),0)</f>
        <v>0</v>
      </c>
      <c r="H4616" cm="1">
        <f t="array" ref="H4616">IFERROR(INDEX(Jesper!AL$2:AL$366,ROUNDDOWN($C4616/24,0)+1,1)*INDEX($D$3:$AA$30,INDEX(Jesper!$R$2:$R$366,ROW(INDEX(Jesper!AL$2:AL$366,ROUNDDOWN($C4616/24,0)+1,1))-1)+IF('Standard Profiles'!$G$22=$B$10,7,0)+IF('Standard Profiles'!$G$22=$B$17,14,0)+IF('Standard Profiles'!$G$22=$B$24,21,0),MOD($C4616,24)+1)/SUM(INDEX($D$3:$AA$30,INDEX(Jesper!$R$2:$R$366,ROW(INDEX(Jesper!AL$2:AL$366,ROUNDDOWN($C4616/24,0)+1,1))-1)+IF('Standard Profiles'!$G$22=$B$10,7,0)+IF('Standard Profiles'!$G$22=$B$17,14,0)+IF('Standard Profiles'!$G$22=$B$24,21,0),0)),0)</f>
        <v>0</v>
      </c>
      <c r="I4616">
        <f t="shared" si="517"/>
        <v>0</v>
      </c>
      <c r="J4616">
        <f t="shared" si="518"/>
        <v>6.0785937004334887</v>
      </c>
      <c r="K4616">
        <f t="shared" si="519"/>
        <v>0.54579367487742292</v>
      </c>
      <c r="L4616">
        <f t="shared" si="520"/>
        <v>0.27289683743871146</v>
      </c>
      <c r="M4616">
        <f t="shared" si="521"/>
        <v>0</v>
      </c>
      <c r="N4616" s="45">
        <f t="shared" si="522"/>
        <v>45117.916666655554</v>
      </c>
    </row>
    <row r="4617" spans="2:14" x14ac:dyDescent="0.25">
      <c r="B4617">
        <f t="shared" si="516"/>
        <v>1</v>
      </c>
      <c r="C4617" s="16">
        <v>4583</v>
      </c>
      <c r="D4617" cm="1">
        <f t="array" ref="D4617">IFERROR(INDEX(Jesper!AH$2:AH$366,ROUNDDOWN($C4617/24,0)+1,1)*INDEX($D$3:$AA$30,INDEX(Jesper!$R$2:$R$366,ROW(INDEX(Jesper!AH$2:AH$366,ROUNDDOWN($C4617/24,0)+1,1))-1)+IF('Standard Profiles'!$G$18=$B$10,7,0)+IF('Standard Profiles'!$G$18=$B$17,14,0)+IF('Standard Profiles'!$G$18=$B$24,21,0),MOD($C4617,24)+1)/SUM(INDEX($D$3:$AA$30,INDEX(Jesper!$R$2:$R$366,ROW(INDEX(Jesper!AH$2:AH$366,ROUNDDOWN($C4617/24,0)+1,1))-1)+IF('Standard Profiles'!$G$18=$B$10,7,0)+IF('Standard Profiles'!$G$18=$B$17,14,0)+IF('Standard Profiles'!$G$18=$B$24,21,0),0)),0)</f>
        <v>5.11681570197584</v>
      </c>
      <c r="E4617" cm="1">
        <f t="array" ref="E4617">IFERROR(INDEX(Jesper!AI$2:AI$366,ROUNDDOWN($C4617/24,0)+1,1)*INDEX($D$3:$AA$30,INDEX(Jesper!$R$2:$R$366,ROW(INDEX(Jesper!AI$2:AI$366,ROUNDDOWN($C4617/24,0)+1,1))-1)+IF('Standard Profiles'!$G$19=$B$10,7,0)+IF('Standard Profiles'!$G$19=$B$17,14,0)+IF('Standard Profiles'!$G$19=$B$24,21,0),MOD($C4617,24)+1)/SUM(INDEX($D$3:$AA$30,INDEX(Jesper!$R$2:$R$366,ROW(INDEX(Jesper!AI$2:AI$366,ROUNDDOWN($C4617/24,0)+1,1))-1)+IF('Standard Profiles'!$G$19=$B$10,7,0)+IF('Standard Profiles'!$G$19=$B$17,14,0)+IF('Standard Profiles'!$G$19=$B$24,21,0),0)),0)</f>
        <v>1.780468510773783</v>
      </c>
      <c r="F4617" cm="1">
        <f t="array" ref="F4617">IFERROR(INDEX(Jesper!AJ$2:AJ$366,ROUNDDOWN($C4617/24,0)+1,1)*INDEX($D$3:$AA$30,INDEX(Jesper!$R$2:$R$366,ROW(INDEX(Jesper!AJ$2:AJ$366,ROUNDDOWN($C4617/24,0)+1,1))-1)+IF('Standard Profiles'!$G$20=$B$10,7,0)+IF('Standard Profiles'!$G$20=$B$17,14,0)+IF('Standard Profiles'!$G$20=$B$24,21,0),MOD($C4617,24)+1)/SUM(INDEX($D$3:$AA$30,INDEX(Jesper!$R$2:$R$366,ROW(INDEX(Jesper!AJ$2:AJ$366,ROUNDDOWN($C4617/24,0)+1,1))-1)+IF('Standard Profiles'!$G$20=$B$10,7,0)+IF('Standard Profiles'!$G$20=$B$17,14,0)+IF('Standard Profiles'!$G$20=$B$24,21,0),0)),0)</f>
        <v>0</v>
      </c>
      <c r="G4617" cm="1">
        <f t="array" ref="G4617">IFERROR(INDEX(Jesper!AK$2:AK$366,ROUNDDOWN($C4617/24,0)+1,1)*INDEX($D$3:$AA$30,INDEX(Jesper!$R$2:$R$366,ROW(INDEX(Jesper!AK$2:AK$366,ROUNDDOWN($C4617/24,0)+1,1))-1)+IF('Standard Profiles'!$G$21=$B$10,7,0)+IF('Standard Profiles'!$G$21=$B$17,14,0)+IF('Standard Profiles'!$G$21=$B$24,21,0),MOD($C4617,24)+1)/SUM(INDEX($D$3:$AA$30,INDEX(Jesper!$R$2:$R$366,ROW(INDEX(Jesper!AK$2:AK$366,ROUNDDOWN($C4617/24,0)+1,1))-1)+IF('Standard Profiles'!$G$21=$B$10,7,0)+IF('Standard Profiles'!$G$21=$B$17,14,0)+IF('Standard Profiles'!$G$21=$B$24,21,0),0)),0)</f>
        <v>0</v>
      </c>
      <c r="H4617" cm="1">
        <f t="array" ref="H4617">IFERROR(INDEX(Jesper!AL$2:AL$366,ROUNDDOWN($C4617/24,0)+1,1)*INDEX($D$3:$AA$30,INDEX(Jesper!$R$2:$R$366,ROW(INDEX(Jesper!AL$2:AL$366,ROUNDDOWN($C4617/24,0)+1,1))-1)+IF('Standard Profiles'!$G$22=$B$10,7,0)+IF('Standard Profiles'!$G$22=$B$17,14,0)+IF('Standard Profiles'!$G$22=$B$24,21,0),MOD($C4617,24)+1)/SUM(INDEX($D$3:$AA$30,INDEX(Jesper!$R$2:$R$366,ROW(INDEX(Jesper!AL$2:AL$366,ROUNDDOWN($C4617/24,0)+1,1))-1)+IF('Standard Profiles'!$G$22=$B$10,7,0)+IF('Standard Profiles'!$G$22=$B$17,14,0)+IF('Standard Profiles'!$G$22=$B$24,21,0),0)),0)</f>
        <v>0</v>
      </c>
      <c r="I4617">
        <f t="shared" si="517"/>
        <v>0</v>
      </c>
      <c r="J4617">
        <f t="shared" si="518"/>
        <v>6.0785937004334887</v>
      </c>
      <c r="K4617">
        <f t="shared" si="519"/>
        <v>0.54579367487742292</v>
      </c>
      <c r="L4617">
        <f t="shared" si="520"/>
        <v>0.27289683743871146</v>
      </c>
      <c r="M4617">
        <f t="shared" si="521"/>
        <v>0</v>
      </c>
      <c r="N4617" s="45">
        <f t="shared" si="522"/>
        <v>45117.958333322218</v>
      </c>
    </row>
    <row r="4618" spans="2:14" x14ac:dyDescent="0.25">
      <c r="B4618">
        <f t="shared" si="516"/>
        <v>2</v>
      </c>
      <c r="C4618" s="16">
        <v>4584</v>
      </c>
      <c r="D4618" cm="1">
        <f t="array" ref="D4618">IFERROR(INDEX(Jesper!AH$2:AH$366,ROUNDDOWN($C4618/24,0)+1,1)*INDEX($D$3:$AA$30,INDEX(Jesper!$R$2:$R$366,ROW(INDEX(Jesper!AH$2:AH$366,ROUNDDOWN($C4618/24,0)+1,1))-1)+IF('Standard Profiles'!$G$18=$B$10,7,0)+IF('Standard Profiles'!$G$18=$B$17,14,0)+IF('Standard Profiles'!$G$18=$B$24,21,0),MOD($C4618,24)+1)/SUM(INDEX($D$3:$AA$30,INDEX(Jesper!$R$2:$R$366,ROW(INDEX(Jesper!AH$2:AH$366,ROUNDDOWN($C4618/24,0)+1,1))-1)+IF('Standard Profiles'!$G$18=$B$10,7,0)+IF('Standard Profiles'!$G$18=$B$17,14,0)+IF('Standard Profiles'!$G$18=$B$24,21,0),0)),0)</f>
        <v>3.2698997347104641</v>
      </c>
      <c r="E4618" cm="1">
        <f t="array" ref="E4618">IFERROR(INDEX(Jesper!AI$2:AI$366,ROUNDDOWN($C4618/24,0)+1,1)*INDEX($D$3:$AA$30,INDEX(Jesper!$R$2:$R$366,ROW(INDEX(Jesper!AI$2:AI$366,ROUNDDOWN($C4618/24,0)+1,1))-1)+IF('Standard Profiles'!$G$19=$B$10,7,0)+IF('Standard Profiles'!$G$19=$B$17,14,0)+IF('Standard Profiles'!$G$19=$B$24,21,0),MOD($C4618,24)+1)/SUM(INDEX($D$3:$AA$30,INDEX(Jesper!$R$2:$R$366,ROW(INDEX(Jesper!AI$2:AI$366,ROUNDDOWN($C4618/24,0)+1,1))-1)+IF('Standard Profiles'!$G$19=$B$10,7,0)+IF('Standard Profiles'!$G$19=$B$17,14,0)+IF('Standard Profiles'!$G$19=$B$24,21,0),0)),0)</f>
        <v>1.1542079912730685</v>
      </c>
      <c r="F4618" cm="1">
        <f t="array" ref="F4618">IFERROR(INDEX(Jesper!AJ$2:AJ$366,ROUNDDOWN($C4618/24,0)+1,1)*INDEX($D$3:$AA$30,INDEX(Jesper!$R$2:$R$366,ROW(INDEX(Jesper!AJ$2:AJ$366,ROUNDDOWN($C4618/24,0)+1,1))-1)+IF('Standard Profiles'!$G$20=$B$10,7,0)+IF('Standard Profiles'!$G$20=$B$17,14,0)+IF('Standard Profiles'!$G$20=$B$24,21,0),MOD($C4618,24)+1)/SUM(INDEX($D$3:$AA$30,INDEX(Jesper!$R$2:$R$366,ROW(INDEX(Jesper!AJ$2:AJ$366,ROUNDDOWN($C4618/24,0)+1,1))-1)+IF('Standard Profiles'!$G$20=$B$10,7,0)+IF('Standard Profiles'!$G$20=$B$17,14,0)+IF('Standard Profiles'!$G$20=$B$24,21,0),0)),0)</f>
        <v>0</v>
      </c>
      <c r="G4618" cm="1">
        <f t="array" ref="G4618">IFERROR(INDEX(Jesper!AK$2:AK$366,ROUNDDOWN($C4618/24,0)+1,1)*INDEX($D$3:$AA$30,INDEX(Jesper!$R$2:$R$366,ROW(INDEX(Jesper!AK$2:AK$366,ROUNDDOWN($C4618/24,0)+1,1))-1)+IF('Standard Profiles'!$G$21=$B$10,7,0)+IF('Standard Profiles'!$G$21=$B$17,14,0)+IF('Standard Profiles'!$G$21=$B$24,21,0),MOD($C4618,24)+1)/SUM(INDEX($D$3:$AA$30,INDEX(Jesper!$R$2:$R$366,ROW(INDEX(Jesper!AK$2:AK$366,ROUNDDOWN($C4618/24,0)+1,1))-1)+IF('Standard Profiles'!$G$21=$B$10,7,0)+IF('Standard Profiles'!$G$21=$B$17,14,0)+IF('Standard Profiles'!$G$21=$B$24,21,0),0)),0)</f>
        <v>0</v>
      </c>
      <c r="H4618" cm="1">
        <f t="array" ref="H4618">IFERROR(INDEX(Jesper!AL$2:AL$366,ROUNDDOWN($C4618/24,0)+1,1)*INDEX($D$3:$AA$30,INDEX(Jesper!$R$2:$R$366,ROW(INDEX(Jesper!AL$2:AL$366,ROUNDDOWN($C4618/24,0)+1,1))-1)+IF('Standard Profiles'!$G$22=$B$10,7,0)+IF('Standard Profiles'!$G$22=$B$17,14,0)+IF('Standard Profiles'!$G$22=$B$24,21,0),MOD($C4618,24)+1)/SUM(INDEX($D$3:$AA$30,INDEX(Jesper!$R$2:$R$366,ROW(INDEX(Jesper!AL$2:AL$366,ROUNDDOWN($C4618/24,0)+1,1))-1)+IF('Standard Profiles'!$G$22=$B$10,7,0)+IF('Standard Profiles'!$G$22=$B$17,14,0)+IF('Standard Profiles'!$G$22=$B$24,21,0),0)),0)</f>
        <v>0</v>
      </c>
      <c r="I4618">
        <f t="shared" si="517"/>
        <v>0</v>
      </c>
      <c r="J4618">
        <f t="shared" si="518"/>
        <v>3.9009237684298581</v>
      </c>
      <c r="K4618">
        <f t="shared" si="519"/>
        <v>0.34878930503578287</v>
      </c>
      <c r="L4618">
        <f t="shared" si="520"/>
        <v>0.17439465251789144</v>
      </c>
      <c r="M4618">
        <f t="shared" si="521"/>
        <v>0</v>
      </c>
      <c r="N4618" s="45">
        <f t="shared" si="522"/>
        <v>45117.999999988882</v>
      </c>
    </row>
    <row r="4619" spans="2:14" x14ac:dyDescent="0.25">
      <c r="B4619">
        <f t="shared" si="516"/>
        <v>2</v>
      </c>
      <c r="C4619" s="16">
        <v>4585</v>
      </c>
      <c r="D4619" cm="1">
        <f t="array" ref="D4619">IFERROR(INDEX(Jesper!AH$2:AH$366,ROUNDDOWN($C4619/24,0)+1,1)*INDEX($D$3:$AA$30,INDEX(Jesper!$R$2:$R$366,ROW(INDEX(Jesper!AH$2:AH$366,ROUNDDOWN($C4619/24,0)+1,1))-1)+IF('Standard Profiles'!$G$18=$B$10,7,0)+IF('Standard Profiles'!$G$18=$B$17,14,0)+IF('Standard Profiles'!$G$18=$B$24,21,0),MOD($C4619,24)+1)/SUM(INDEX($D$3:$AA$30,INDEX(Jesper!$R$2:$R$366,ROW(INDEX(Jesper!AH$2:AH$366,ROUNDDOWN($C4619/24,0)+1,1))-1)+IF('Standard Profiles'!$G$18=$B$10,7,0)+IF('Standard Profiles'!$G$18=$B$17,14,0)+IF('Standard Profiles'!$G$18=$B$24,21,0),0)),0)</f>
        <v>4.9827043576540406</v>
      </c>
      <c r="E4619" cm="1">
        <f t="array" ref="E4619">IFERROR(INDEX(Jesper!AI$2:AI$366,ROUNDDOWN($C4619/24,0)+1,1)*INDEX($D$3:$AA$30,INDEX(Jesper!$R$2:$R$366,ROW(INDEX(Jesper!AI$2:AI$366,ROUNDDOWN($C4619/24,0)+1,1))-1)+IF('Standard Profiles'!$G$19=$B$10,7,0)+IF('Standard Profiles'!$G$19=$B$17,14,0)+IF('Standard Profiles'!$G$19=$B$24,21,0),MOD($C4619,24)+1)/SUM(INDEX($D$3:$AA$30,INDEX(Jesper!$R$2:$R$366,ROW(INDEX(Jesper!AI$2:AI$366,ROUNDDOWN($C4619/24,0)+1,1))-1)+IF('Standard Profiles'!$G$19=$B$10,7,0)+IF('Standard Profiles'!$G$19=$B$17,14,0)+IF('Standard Profiles'!$G$19=$B$24,21,0),0)),0)</f>
        <v>1.7587931295589621</v>
      </c>
      <c r="F4619" cm="1">
        <f t="array" ref="F4619">IFERROR(INDEX(Jesper!AJ$2:AJ$366,ROUNDDOWN($C4619/24,0)+1,1)*INDEX($D$3:$AA$30,INDEX(Jesper!$R$2:$R$366,ROW(INDEX(Jesper!AJ$2:AJ$366,ROUNDDOWN($C4619/24,0)+1,1))-1)+IF('Standard Profiles'!$G$20=$B$10,7,0)+IF('Standard Profiles'!$G$20=$B$17,14,0)+IF('Standard Profiles'!$G$20=$B$24,21,0),MOD($C4619,24)+1)/SUM(INDEX($D$3:$AA$30,INDEX(Jesper!$R$2:$R$366,ROW(INDEX(Jesper!AJ$2:AJ$366,ROUNDDOWN($C4619/24,0)+1,1))-1)+IF('Standard Profiles'!$G$20=$B$10,7,0)+IF('Standard Profiles'!$G$20=$B$17,14,0)+IF('Standard Profiles'!$G$20=$B$24,21,0),0)),0)</f>
        <v>0</v>
      </c>
      <c r="G4619" cm="1">
        <f t="array" ref="G4619">IFERROR(INDEX(Jesper!AK$2:AK$366,ROUNDDOWN($C4619/24,0)+1,1)*INDEX($D$3:$AA$30,INDEX(Jesper!$R$2:$R$366,ROW(INDEX(Jesper!AK$2:AK$366,ROUNDDOWN($C4619/24,0)+1,1))-1)+IF('Standard Profiles'!$G$21=$B$10,7,0)+IF('Standard Profiles'!$G$21=$B$17,14,0)+IF('Standard Profiles'!$G$21=$B$24,21,0),MOD($C4619,24)+1)/SUM(INDEX($D$3:$AA$30,INDEX(Jesper!$R$2:$R$366,ROW(INDEX(Jesper!AK$2:AK$366,ROUNDDOWN($C4619/24,0)+1,1))-1)+IF('Standard Profiles'!$G$21=$B$10,7,0)+IF('Standard Profiles'!$G$21=$B$17,14,0)+IF('Standard Profiles'!$G$21=$B$24,21,0),0)),0)</f>
        <v>0</v>
      </c>
      <c r="H4619" cm="1">
        <f t="array" ref="H4619">IFERROR(INDEX(Jesper!AL$2:AL$366,ROUNDDOWN($C4619/24,0)+1,1)*INDEX($D$3:$AA$30,INDEX(Jesper!$R$2:$R$366,ROW(INDEX(Jesper!AL$2:AL$366,ROUNDDOWN($C4619/24,0)+1,1))-1)+IF('Standard Profiles'!$G$22=$B$10,7,0)+IF('Standard Profiles'!$G$22=$B$17,14,0)+IF('Standard Profiles'!$G$22=$B$24,21,0),MOD($C4619,24)+1)/SUM(INDEX($D$3:$AA$30,INDEX(Jesper!$R$2:$R$366,ROW(INDEX(Jesper!AL$2:AL$366,ROUNDDOWN($C4619/24,0)+1,1))-1)+IF('Standard Profiles'!$G$22=$B$10,7,0)+IF('Standard Profiles'!$G$22=$B$17,14,0)+IF('Standard Profiles'!$G$22=$B$24,21,0),0)),0)</f>
        <v>0</v>
      </c>
      <c r="I4619">
        <f t="shared" si="517"/>
        <v>0</v>
      </c>
      <c r="J4619">
        <f t="shared" si="518"/>
        <v>5.9442647899883561</v>
      </c>
      <c r="K4619">
        <f t="shared" si="519"/>
        <v>0.53148846481643108</v>
      </c>
      <c r="L4619">
        <f t="shared" si="520"/>
        <v>0.26574423240821554</v>
      </c>
      <c r="M4619">
        <f t="shared" si="521"/>
        <v>0</v>
      </c>
      <c r="N4619" s="45">
        <f t="shared" si="522"/>
        <v>45118.041666655547</v>
      </c>
    </row>
    <row r="4620" spans="2:14" x14ac:dyDescent="0.25">
      <c r="B4620">
        <f t="shared" si="516"/>
        <v>2</v>
      </c>
      <c r="C4620" s="16">
        <v>4586</v>
      </c>
      <c r="D4620" cm="1">
        <f t="array" ref="D4620">IFERROR(INDEX(Jesper!AH$2:AH$366,ROUNDDOWN($C4620/24,0)+1,1)*INDEX($D$3:$AA$30,INDEX(Jesper!$R$2:$R$366,ROW(INDEX(Jesper!AH$2:AH$366,ROUNDDOWN($C4620/24,0)+1,1))-1)+IF('Standard Profiles'!$G$18=$B$10,7,0)+IF('Standard Profiles'!$G$18=$B$17,14,0)+IF('Standard Profiles'!$G$18=$B$24,21,0),MOD($C4620,24)+1)/SUM(INDEX($D$3:$AA$30,INDEX(Jesper!$R$2:$R$366,ROW(INDEX(Jesper!AH$2:AH$366,ROUNDDOWN($C4620/24,0)+1,1))-1)+IF('Standard Profiles'!$G$18=$B$10,7,0)+IF('Standard Profiles'!$G$18=$B$17,14,0)+IF('Standard Profiles'!$G$18=$B$24,21,0),0)),0)</f>
        <v>4.9827043576540406</v>
      </c>
      <c r="E4620" cm="1">
        <f t="array" ref="E4620">IFERROR(INDEX(Jesper!AI$2:AI$366,ROUNDDOWN($C4620/24,0)+1,1)*INDEX($D$3:$AA$30,INDEX(Jesper!$R$2:$R$366,ROW(INDEX(Jesper!AI$2:AI$366,ROUNDDOWN($C4620/24,0)+1,1))-1)+IF('Standard Profiles'!$G$19=$B$10,7,0)+IF('Standard Profiles'!$G$19=$B$17,14,0)+IF('Standard Profiles'!$G$19=$B$24,21,0),MOD($C4620,24)+1)/SUM(INDEX($D$3:$AA$30,INDEX(Jesper!$R$2:$R$366,ROW(INDEX(Jesper!AI$2:AI$366,ROUNDDOWN($C4620/24,0)+1,1))-1)+IF('Standard Profiles'!$G$19=$B$10,7,0)+IF('Standard Profiles'!$G$19=$B$17,14,0)+IF('Standard Profiles'!$G$19=$B$24,21,0),0)),0)</f>
        <v>1.7587931295589621</v>
      </c>
      <c r="F4620" cm="1">
        <f t="array" ref="F4620">IFERROR(INDEX(Jesper!AJ$2:AJ$366,ROUNDDOWN($C4620/24,0)+1,1)*INDEX($D$3:$AA$30,INDEX(Jesper!$R$2:$R$366,ROW(INDEX(Jesper!AJ$2:AJ$366,ROUNDDOWN($C4620/24,0)+1,1))-1)+IF('Standard Profiles'!$G$20=$B$10,7,0)+IF('Standard Profiles'!$G$20=$B$17,14,0)+IF('Standard Profiles'!$G$20=$B$24,21,0),MOD($C4620,24)+1)/SUM(INDEX($D$3:$AA$30,INDEX(Jesper!$R$2:$R$366,ROW(INDEX(Jesper!AJ$2:AJ$366,ROUNDDOWN($C4620/24,0)+1,1))-1)+IF('Standard Profiles'!$G$20=$B$10,7,0)+IF('Standard Profiles'!$G$20=$B$17,14,0)+IF('Standard Profiles'!$G$20=$B$24,21,0),0)),0)</f>
        <v>0</v>
      </c>
      <c r="G4620" cm="1">
        <f t="array" ref="G4620">IFERROR(INDEX(Jesper!AK$2:AK$366,ROUNDDOWN($C4620/24,0)+1,1)*INDEX($D$3:$AA$30,INDEX(Jesper!$R$2:$R$366,ROW(INDEX(Jesper!AK$2:AK$366,ROUNDDOWN($C4620/24,0)+1,1))-1)+IF('Standard Profiles'!$G$21=$B$10,7,0)+IF('Standard Profiles'!$G$21=$B$17,14,0)+IF('Standard Profiles'!$G$21=$B$24,21,0),MOD($C4620,24)+1)/SUM(INDEX($D$3:$AA$30,INDEX(Jesper!$R$2:$R$366,ROW(INDEX(Jesper!AK$2:AK$366,ROUNDDOWN($C4620/24,0)+1,1))-1)+IF('Standard Profiles'!$G$21=$B$10,7,0)+IF('Standard Profiles'!$G$21=$B$17,14,0)+IF('Standard Profiles'!$G$21=$B$24,21,0),0)),0)</f>
        <v>0</v>
      </c>
      <c r="H4620" cm="1">
        <f t="array" ref="H4620">IFERROR(INDEX(Jesper!AL$2:AL$366,ROUNDDOWN($C4620/24,0)+1,1)*INDEX($D$3:$AA$30,INDEX(Jesper!$R$2:$R$366,ROW(INDEX(Jesper!AL$2:AL$366,ROUNDDOWN($C4620/24,0)+1,1))-1)+IF('Standard Profiles'!$G$22=$B$10,7,0)+IF('Standard Profiles'!$G$22=$B$17,14,0)+IF('Standard Profiles'!$G$22=$B$24,21,0),MOD($C4620,24)+1)/SUM(INDEX($D$3:$AA$30,INDEX(Jesper!$R$2:$R$366,ROW(INDEX(Jesper!AL$2:AL$366,ROUNDDOWN($C4620/24,0)+1,1))-1)+IF('Standard Profiles'!$G$22=$B$10,7,0)+IF('Standard Profiles'!$G$22=$B$17,14,0)+IF('Standard Profiles'!$G$22=$B$24,21,0),0)),0)</f>
        <v>0</v>
      </c>
      <c r="I4620">
        <f t="shared" si="517"/>
        <v>0</v>
      </c>
      <c r="J4620">
        <f t="shared" si="518"/>
        <v>5.9442647899883561</v>
      </c>
      <c r="K4620">
        <f t="shared" si="519"/>
        <v>0.53148846481643108</v>
      </c>
      <c r="L4620">
        <f t="shared" si="520"/>
        <v>0.26574423240821554</v>
      </c>
      <c r="M4620">
        <f t="shared" si="521"/>
        <v>0</v>
      </c>
      <c r="N4620" s="45">
        <f t="shared" si="522"/>
        <v>45118.083333322211</v>
      </c>
    </row>
    <row r="4621" spans="2:14" x14ac:dyDescent="0.25">
      <c r="B4621">
        <f t="shared" si="516"/>
        <v>2</v>
      </c>
      <c r="C4621" s="16">
        <v>4587</v>
      </c>
      <c r="D4621" cm="1">
        <f t="array" ref="D4621">IFERROR(INDEX(Jesper!AH$2:AH$366,ROUNDDOWN($C4621/24,0)+1,1)*INDEX($D$3:$AA$30,INDEX(Jesper!$R$2:$R$366,ROW(INDEX(Jesper!AH$2:AH$366,ROUNDDOWN($C4621/24,0)+1,1))-1)+IF('Standard Profiles'!$G$18=$B$10,7,0)+IF('Standard Profiles'!$G$18=$B$17,14,0)+IF('Standard Profiles'!$G$18=$B$24,21,0),MOD($C4621,24)+1)/SUM(INDEX($D$3:$AA$30,INDEX(Jesper!$R$2:$R$366,ROW(INDEX(Jesper!AH$2:AH$366,ROUNDDOWN($C4621/24,0)+1,1))-1)+IF('Standard Profiles'!$G$18=$B$10,7,0)+IF('Standard Profiles'!$G$18=$B$17,14,0)+IF('Standard Profiles'!$G$18=$B$24,21,0),0)),0)</f>
        <v>4.9827043576540406</v>
      </c>
      <c r="E4621" cm="1">
        <f t="array" ref="E4621">IFERROR(INDEX(Jesper!AI$2:AI$366,ROUNDDOWN($C4621/24,0)+1,1)*INDEX($D$3:$AA$30,INDEX(Jesper!$R$2:$R$366,ROW(INDEX(Jesper!AI$2:AI$366,ROUNDDOWN($C4621/24,0)+1,1))-1)+IF('Standard Profiles'!$G$19=$B$10,7,0)+IF('Standard Profiles'!$G$19=$B$17,14,0)+IF('Standard Profiles'!$G$19=$B$24,21,0),MOD($C4621,24)+1)/SUM(INDEX($D$3:$AA$30,INDEX(Jesper!$R$2:$R$366,ROW(INDEX(Jesper!AI$2:AI$366,ROUNDDOWN($C4621/24,0)+1,1))-1)+IF('Standard Profiles'!$G$19=$B$10,7,0)+IF('Standard Profiles'!$G$19=$B$17,14,0)+IF('Standard Profiles'!$G$19=$B$24,21,0),0)),0)</f>
        <v>1.7587931295589621</v>
      </c>
      <c r="F4621" cm="1">
        <f t="array" ref="F4621">IFERROR(INDEX(Jesper!AJ$2:AJ$366,ROUNDDOWN($C4621/24,0)+1,1)*INDEX($D$3:$AA$30,INDEX(Jesper!$R$2:$R$366,ROW(INDEX(Jesper!AJ$2:AJ$366,ROUNDDOWN($C4621/24,0)+1,1))-1)+IF('Standard Profiles'!$G$20=$B$10,7,0)+IF('Standard Profiles'!$G$20=$B$17,14,0)+IF('Standard Profiles'!$G$20=$B$24,21,0),MOD($C4621,24)+1)/SUM(INDEX($D$3:$AA$30,INDEX(Jesper!$R$2:$R$366,ROW(INDEX(Jesper!AJ$2:AJ$366,ROUNDDOWN($C4621/24,0)+1,1))-1)+IF('Standard Profiles'!$G$20=$B$10,7,0)+IF('Standard Profiles'!$G$20=$B$17,14,0)+IF('Standard Profiles'!$G$20=$B$24,21,0),0)),0)</f>
        <v>0</v>
      </c>
      <c r="G4621" cm="1">
        <f t="array" ref="G4621">IFERROR(INDEX(Jesper!AK$2:AK$366,ROUNDDOWN($C4621/24,0)+1,1)*INDEX($D$3:$AA$30,INDEX(Jesper!$R$2:$R$366,ROW(INDEX(Jesper!AK$2:AK$366,ROUNDDOWN($C4621/24,0)+1,1))-1)+IF('Standard Profiles'!$G$21=$B$10,7,0)+IF('Standard Profiles'!$G$21=$B$17,14,0)+IF('Standard Profiles'!$G$21=$B$24,21,0),MOD($C4621,24)+1)/SUM(INDEX($D$3:$AA$30,INDEX(Jesper!$R$2:$R$366,ROW(INDEX(Jesper!AK$2:AK$366,ROUNDDOWN($C4621/24,0)+1,1))-1)+IF('Standard Profiles'!$G$21=$B$10,7,0)+IF('Standard Profiles'!$G$21=$B$17,14,0)+IF('Standard Profiles'!$G$21=$B$24,21,0),0)),0)</f>
        <v>0</v>
      </c>
      <c r="H4621" cm="1">
        <f t="array" ref="H4621">IFERROR(INDEX(Jesper!AL$2:AL$366,ROUNDDOWN($C4621/24,0)+1,1)*INDEX($D$3:$AA$30,INDEX(Jesper!$R$2:$R$366,ROW(INDEX(Jesper!AL$2:AL$366,ROUNDDOWN($C4621/24,0)+1,1))-1)+IF('Standard Profiles'!$G$22=$B$10,7,0)+IF('Standard Profiles'!$G$22=$B$17,14,0)+IF('Standard Profiles'!$G$22=$B$24,21,0),MOD($C4621,24)+1)/SUM(INDEX($D$3:$AA$30,INDEX(Jesper!$R$2:$R$366,ROW(INDEX(Jesper!AL$2:AL$366,ROUNDDOWN($C4621/24,0)+1,1))-1)+IF('Standard Profiles'!$G$22=$B$10,7,0)+IF('Standard Profiles'!$G$22=$B$17,14,0)+IF('Standard Profiles'!$G$22=$B$24,21,0),0)),0)</f>
        <v>0</v>
      </c>
      <c r="I4621">
        <f t="shared" si="517"/>
        <v>0</v>
      </c>
      <c r="J4621">
        <f t="shared" si="518"/>
        <v>5.9442647899883561</v>
      </c>
      <c r="K4621">
        <f t="shared" si="519"/>
        <v>0.53148846481643108</v>
      </c>
      <c r="L4621">
        <f t="shared" si="520"/>
        <v>0.26574423240821554</v>
      </c>
      <c r="M4621">
        <f t="shared" si="521"/>
        <v>0</v>
      </c>
      <c r="N4621" s="45">
        <f t="shared" si="522"/>
        <v>45118.124999988875</v>
      </c>
    </row>
    <row r="4622" spans="2:14" x14ac:dyDescent="0.25">
      <c r="B4622">
        <f t="shared" si="516"/>
        <v>2</v>
      </c>
      <c r="C4622" s="16">
        <v>4588</v>
      </c>
      <c r="D4622" cm="1">
        <f t="array" ref="D4622">IFERROR(INDEX(Jesper!AH$2:AH$366,ROUNDDOWN($C4622/24,0)+1,1)*INDEX($D$3:$AA$30,INDEX(Jesper!$R$2:$R$366,ROW(INDEX(Jesper!AH$2:AH$366,ROUNDDOWN($C4622/24,0)+1,1))-1)+IF('Standard Profiles'!$G$18=$B$10,7,0)+IF('Standard Profiles'!$G$18=$B$17,14,0)+IF('Standard Profiles'!$G$18=$B$24,21,0),MOD($C4622,24)+1)/SUM(INDEX($D$3:$AA$30,INDEX(Jesper!$R$2:$R$366,ROW(INDEX(Jesper!AH$2:AH$366,ROUNDDOWN($C4622/24,0)+1,1))-1)+IF('Standard Profiles'!$G$18=$B$10,7,0)+IF('Standard Profiles'!$G$18=$B$17,14,0)+IF('Standard Profiles'!$G$18=$B$24,21,0),0)),0)</f>
        <v>4.9827043576540406</v>
      </c>
      <c r="E4622" cm="1">
        <f t="array" ref="E4622">IFERROR(INDEX(Jesper!AI$2:AI$366,ROUNDDOWN($C4622/24,0)+1,1)*INDEX($D$3:$AA$30,INDEX(Jesper!$R$2:$R$366,ROW(INDEX(Jesper!AI$2:AI$366,ROUNDDOWN($C4622/24,0)+1,1))-1)+IF('Standard Profiles'!$G$19=$B$10,7,0)+IF('Standard Profiles'!$G$19=$B$17,14,0)+IF('Standard Profiles'!$G$19=$B$24,21,0),MOD($C4622,24)+1)/SUM(INDEX($D$3:$AA$30,INDEX(Jesper!$R$2:$R$366,ROW(INDEX(Jesper!AI$2:AI$366,ROUNDDOWN($C4622/24,0)+1,1))-1)+IF('Standard Profiles'!$G$19=$B$10,7,0)+IF('Standard Profiles'!$G$19=$B$17,14,0)+IF('Standard Profiles'!$G$19=$B$24,21,0),0)),0)</f>
        <v>1.7587931295589621</v>
      </c>
      <c r="F4622" cm="1">
        <f t="array" ref="F4622">IFERROR(INDEX(Jesper!AJ$2:AJ$366,ROUNDDOWN($C4622/24,0)+1,1)*INDEX($D$3:$AA$30,INDEX(Jesper!$R$2:$R$366,ROW(INDEX(Jesper!AJ$2:AJ$366,ROUNDDOWN($C4622/24,0)+1,1))-1)+IF('Standard Profiles'!$G$20=$B$10,7,0)+IF('Standard Profiles'!$G$20=$B$17,14,0)+IF('Standard Profiles'!$G$20=$B$24,21,0),MOD($C4622,24)+1)/SUM(INDEX($D$3:$AA$30,INDEX(Jesper!$R$2:$R$366,ROW(INDEX(Jesper!AJ$2:AJ$366,ROUNDDOWN($C4622/24,0)+1,1))-1)+IF('Standard Profiles'!$G$20=$B$10,7,0)+IF('Standard Profiles'!$G$20=$B$17,14,0)+IF('Standard Profiles'!$G$20=$B$24,21,0),0)),0)</f>
        <v>0</v>
      </c>
      <c r="G4622" cm="1">
        <f t="array" ref="G4622">IFERROR(INDEX(Jesper!AK$2:AK$366,ROUNDDOWN($C4622/24,0)+1,1)*INDEX($D$3:$AA$30,INDEX(Jesper!$R$2:$R$366,ROW(INDEX(Jesper!AK$2:AK$366,ROUNDDOWN($C4622/24,0)+1,1))-1)+IF('Standard Profiles'!$G$21=$B$10,7,0)+IF('Standard Profiles'!$G$21=$B$17,14,0)+IF('Standard Profiles'!$G$21=$B$24,21,0),MOD($C4622,24)+1)/SUM(INDEX($D$3:$AA$30,INDEX(Jesper!$R$2:$R$366,ROW(INDEX(Jesper!AK$2:AK$366,ROUNDDOWN($C4622/24,0)+1,1))-1)+IF('Standard Profiles'!$G$21=$B$10,7,0)+IF('Standard Profiles'!$G$21=$B$17,14,0)+IF('Standard Profiles'!$G$21=$B$24,21,0),0)),0)</f>
        <v>0</v>
      </c>
      <c r="H4622" cm="1">
        <f t="array" ref="H4622">IFERROR(INDEX(Jesper!AL$2:AL$366,ROUNDDOWN($C4622/24,0)+1,1)*INDEX($D$3:$AA$30,INDEX(Jesper!$R$2:$R$366,ROW(INDEX(Jesper!AL$2:AL$366,ROUNDDOWN($C4622/24,0)+1,1))-1)+IF('Standard Profiles'!$G$22=$B$10,7,0)+IF('Standard Profiles'!$G$22=$B$17,14,0)+IF('Standard Profiles'!$G$22=$B$24,21,0),MOD($C4622,24)+1)/SUM(INDEX($D$3:$AA$30,INDEX(Jesper!$R$2:$R$366,ROW(INDEX(Jesper!AL$2:AL$366,ROUNDDOWN($C4622/24,0)+1,1))-1)+IF('Standard Profiles'!$G$22=$B$10,7,0)+IF('Standard Profiles'!$G$22=$B$17,14,0)+IF('Standard Profiles'!$G$22=$B$24,21,0),0)),0)</f>
        <v>0</v>
      </c>
      <c r="I4622">
        <f t="shared" si="517"/>
        <v>0</v>
      </c>
      <c r="J4622">
        <f t="shared" si="518"/>
        <v>5.9442647899883561</v>
      </c>
      <c r="K4622">
        <f t="shared" si="519"/>
        <v>0.53148846481643108</v>
      </c>
      <c r="L4622">
        <f t="shared" si="520"/>
        <v>0.26574423240821554</v>
      </c>
      <c r="M4622">
        <f t="shared" si="521"/>
        <v>0</v>
      </c>
      <c r="N4622" s="45">
        <f t="shared" si="522"/>
        <v>45118.166666655539</v>
      </c>
    </row>
    <row r="4623" spans="2:14" x14ac:dyDescent="0.25">
      <c r="B4623">
        <f t="shared" si="516"/>
        <v>2</v>
      </c>
      <c r="C4623" s="16">
        <v>4589</v>
      </c>
      <c r="D4623" cm="1">
        <f t="array" ref="D4623">IFERROR(INDEX(Jesper!AH$2:AH$366,ROUNDDOWN($C4623/24,0)+1,1)*INDEX($D$3:$AA$30,INDEX(Jesper!$R$2:$R$366,ROW(INDEX(Jesper!AH$2:AH$366,ROUNDDOWN($C4623/24,0)+1,1))-1)+IF('Standard Profiles'!$G$18=$B$10,7,0)+IF('Standard Profiles'!$G$18=$B$17,14,0)+IF('Standard Profiles'!$G$18=$B$24,21,0),MOD($C4623,24)+1)/SUM(INDEX($D$3:$AA$30,INDEX(Jesper!$R$2:$R$366,ROW(INDEX(Jesper!AH$2:AH$366,ROUNDDOWN($C4623/24,0)+1,1))-1)+IF('Standard Profiles'!$G$18=$B$10,7,0)+IF('Standard Profiles'!$G$18=$B$17,14,0)+IF('Standard Profiles'!$G$18=$B$24,21,0),0)),0)</f>
        <v>4.9827043576540406</v>
      </c>
      <c r="E4623" cm="1">
        <f t="array" ref="E4623">IFERROR(INDEX(Jesper!AI$2:AI$366,ROUNDDOWN($C4623/24,0)+1,1)*INDEX($D$3:$AA$30,INDEX(Jesper!$R$2:$R$366,ROW(INDEX(Jesper!AI$2:AI$366,ROUNDDOWN($C4623/24,0)+1,1))-1)+IF('Standard Profiles'!$G$19=$B$10,7,0)+IF('Standard Profiles'!$G$19=$B$17,14,0)+IF('Standard Profiles'!$G$19=$B$24,21,0),MOD($C4623,24)+1)/SUM(INDEX($D$3:$AA$30,INDEX(Jesper!$R$2:$R$366,ROW(INDEX(Jesper!AI$2:AI$366,ROUNDDOWN($C4623/24,0)+1,1))-1)+IF('Standard Profiles'!$G$19=$B$10,7,0)+IF('Standard Profiles'!$G$19=$B$17,14,0)+IF('Standard Profiles'!$G$19=$B$24,21,0),0)),0)</f>
        <v>1.7587931295589621</v>
      </c>
      <c r="F4623" cm="1">
        <f t="array" ref="F4623">IFERROR(INDEX(Jesper!AJ$2:AJ$366,ROUNDDOWN($C4623/24,0)+1,1)*INDEX($D$3:$AA$30,INDEX(Jesper!$R$2:$R$366,ROW(INDEX(Jesper!AJ$2:AJ$366,ROUNDDOWN($C4623/24,0)+1,1))-1)+IF('Standard Profiles'!$G$20=$B$10,7,0)+IF('Standard Profiles'!$G$20=$B$17,14,0)+IF('Standard Profiles'!$G$20=$B$24,21,0),MOD($C4623,24)+1)/SUM(INDEX($D$3:$AA$30,INDEX(Jesper!$R$2:$R$366,ROW(INDEX(Jesper!AJ$2:AJ$366,ROUNDDOWN($C4623/24,0)+1,1))-1)+IF('Standard Profiles'!$G$20=$B$10,7,0)+IF('Standard Profiles'!$G$20=$B$17,14,0)+IF('Standard Profiles'!$G$20=$B$24,21,0),0)),0)</f>
        <v>0</v>
      </c>
      <c r="G4623" cm="1">
        <f t="array" ref="G4623">IFERROR(INDEX(Jesper!AK$2:AK$366,ROUNDDOWN($C4623/24,0)+1,1)*INDEX($D$3:$AA$30,INDEX(Jesper!$R$2:$R$366,ROW(INDEX(Jesper!AK$2:AK$366,ROUNDDOWN($C4623/24,0)+1,1))-1)+IF('Standard Profiles'!$G$21=$B$10,7,0)+IF('Standard Profiles'!$G$21=$B$17,14,0)+IF('Standard Profiles'!$G$21=$B$24,21,0),MOD($C4623,24)+1)/SUM(INDEX($D$3:$AA$30,INDEX(Jesper!$R$2:$R$366,ROW(INDEX(Jesper!AK$2:AK$366,ROUNDDOWN($C4623/24,0)+1,1))-1)+IF('Standard Profiles'!$G$21=$B$10,7,0)+IF('Standard Profiles'!$G$21=$B$17,14,0)+IF('Standard Profiles'!$G$21=$B$24,21,0),0)),0)</f>
        <v>0</v>
      </c>
      <c r="H4623" cm="1">
        <f t="array" ref="H4623">IFERROR(INDEX(Jesper!AL$2:AL$366,ROUNDDOWN($C4623/24,0)+1,1)*INDEX($D$3:$AA$30,INDEX(Jesper!$R$2:$R$366,ROW(INDEX(Jesper!AL$2:AL$366,ROUNDDOWN($C4623/24,0)+1,1))-1)+IF('Standard Profiles'!$G$22=$B$10,7,0)+IF('Standard Profiles'!$G$22=$B$17,14,0)+IF('Standard Profiles'!$G$22=$B$24,21,0),MOD($C4623,24)+1)/SUM(INDEX($D$3:$AA$30,INDEX(Jesper!$R$2:$R$366,ROW(INDEX(Jesper!AL$2:AL$366,ROUNDDOWN($C4623/24,0)+1,1))-1)+IF('Standard Profiles'!$G$22=$B$10,7,0)+IF('Standard Profiles'!$G$22=$B$17,14,0)+IF('Standard Profiles'!$G$22=$B$24,21,0),0)),0)</f>
        <v>0</v>
      </c>
      <c r="I4623">
        <f t="shared" si="517"/>
        <v>0</v>
      </c>
      <c r="J4623">
        <f t="shared" si="518"/>
        <v>5.9442647899883561</v>
      </c>
      <c r="K4623">
        <f t="shared" si="519"/>
        <v>0.53148846481643108</v>
      </c>
      <c r="L4623">
        <f t="shared" si="520"/>
        <v>0.26574423240821554</v>
      </c>
      <c r="M4623">
        <f t="shared" si="521"/>
        <v>0</v>
      </c>
      <c r="N4623" s="45">
        <f t="shared" si="522"/>
        <v>45118.208333322204</v>
      </c>
    </row>
    <row r="4624" spans="2:14" x14ac:dyDescent="0.25">
      <c r="B4624">
        <f t="shared" si="516"/>
        <v>2</v>
      </c>
      <c r="C4624" s="16">
        <v>4590</v>
      </c>
      <c r="D4624" cm="1">
        <f t="array" ref="D4624">IFERROR(INDEX(Jesper!AH$2:AH$366,ROUNDDOWN($C4624/24,0)+1,1)*INDEX($D$3:$AA$30,INDEX(Jesper!$R$2:$R$366,ROW(INDEX(Jesper!AH$2:AH$366,ROUNDDOWN($C4624/24,0)+1,1))-1)+IF('Standard Profiles'!$G$18=$B$10,7,0)+IF('Standard Profiles'!$G$18=$B$17,14,0)+IF('Standard Profiles'!$G$18=$B$24,21,0),MOD($C4624,24)+1)/SUM(INDEX($D$3:$AA$30,INDEX(Jesper!$R$2:$R$366,ROW(INDEX(Jesper!AH$2:AH$366,ROUNDDOWN($C4624/24,0)+1,1))-1)+IF('Standard Profiles'!$G$18=$B$10,7,0)+IF('Standard Profiles'!$G$18=$B$17,14,0)+IF('Standard Profiles'!$G$18=$B$24,21,0),0)),0)</f>
        <v>4.9827043576540406</v>
      </c>
      <c r="E4624" cm="1">
        <f t="array" ref="E4624">IFERROR(INDEX(Jesper!AI$2:AI$366,ROUNDDOWN($C4624/24,0)+1,1)*INDEX($D$3:$AA$30,INDEX(Jesper!$R$2:$R$366,ROW(INDEX(Jesper!AI$2:AI$366,ROUNDDOWN($C4624/24,0)+1,1))-1)+IF('Standard Profiles'!$G$19=$B$10,7,0)+IF('Standard Profiles'!$G$19=$B$17,14,0)+IF('Standard Profiles'!$G$19=$B$24,21,0),MOD($C4624,24)+1)/SUM(INDEX($D$3:$AA$30,INDEX(Jesper!$R$2:$R$366,ROW(INDEX(Jesper!AI$2:AI$366,ROUNDDOWN($C4624/24,0)+1,1))-1)+IF('Standard Profiles'!$G$19=$B$10,7,0)+IF('Standard Profiles'!$G$19=$B$17,14,0)+IF('Standard Profiles'!$G$19=$B$24,21,0),0)),0)</f>
        <v>1.7587931295589621</v>
      </c>
      <c r="F4624" cm="1">
        <f t="array" ref="F4624">IFERROR(INDEX(Jesper!AJ$2:AJ$366,ROUNDDOWN($C4624/24,0)+1,1)*INDEX($D$3:$AA$30,INDEX(Jesper!$R$2:$R$366,ROW(INDEX(Jesper!AJ$2:AJ$366,ROUNDDOWN($C4624/24,0)+1,1))-1)+IF('Standard Profiles'!$G$20=$B$10,7,0)+IF('Standard Profiles'!$G$20=$B$17,14,0)+IF('Standard Profiles'!$G$20=$B$24,21,0),MOD($C4624,24)+1)/SUM(INDEX($D$3:$AA$30,INDEX(Jesper!$R$2:$R$366,ROW(INDEX(Jesper!AJ$2:AJ$366,ROUNDDOWN($C4624/24,0)+1,1))-1)+IF('Standard Profiles'!$G$20=$B$10,7,0)+IF('Standard Profiles'!$G$20=$B$17,14,0)+IF('Standard Profiles'!$G$20=$B$24,21,0),0)),0)</f>
        <v>0</v>
      </c>
      <c r="G4624" cm="1">
        <f t="array" ref="G4624">IFERROR(INDEX(Jesper!AK$2:AK$366,ROUNDDOWN($C4624/24,0)+1,1)*INDEX($D$3:$AA$30,INDEX(Jesper!$R$2:$R$366,ROW(INDEX(Jesper!AK$2:AK$366,ROUNDDOWN($C4624/24,0)+1,1))-1)+IF('Standard Profiles'!$G$21=$B$10,7,0)+IF('Standard Profiles'!$G$21=$B$17,14,0)+IF('Standard Profiles'!$G$21=$B$24,21,0),MOD($C4624,24)+1)/SUM(INDEX($D$3:$AA$30,INDEX(Jesper!$R$2:$R$366,ROW(INDEX(Jesper!AK$2:AK$366,ROUNDDOWN($C4624/24,0)+1,1))-1)+IF('Standard Profiles'!$G$21=$B$10,7,0)+IF('Standard Profiles'!$G$21=$B$17,14,0)+IF('Standard Profiles'!$G$21=$B$24,21,0),0)),0)</f>
        <v>0</v>
      </c>
      <c r="H4624" cm="1">
        <f t="array" ref="H4624">IFERROR(INDEX(Jesper!AL$2:AL$366,ROUNDDOWN($C4624/24,0)+1,1)*INDEX($D$3:$AA$30,INDEX(Jesper!$R$2:$R$366,ROW(INDEX(Jesper!AL$2:AL$366,ROUNDDOWN($C4624/24,0)+1,1))-1)+IF('Standard Profiles'!$G$22=$B$10,7,0)+IF('Standard Profiles'!$G$22=$B$17,14,0)+IF('Standard Profiles'!$G$22=$B$24,21,0),MOD($C4624,24)+1)/SUM(INDEX($D$3:$AA$30,INDEX(Jesper!$R$2:$R$366,ROW(INDEX(Jesper!AL$2:AL$366,ROUNDDOWN($C4624/24,0)+1,1))-1)+IF('Standard Profiles'!$G$22=$B$10,7,0)+IF('Standard Profiles'!$G$22=$B$17,14,0)+IF('Standard Profiles'!$G$22=$B$24,21,0),0)),0)</f>
        <v>0</v>
      </c>
      <c r="I4624">
        <f t="shared" si="517"/>
        <v>0</v>
      </c>
      <c r="J4624">
        <f t="shared" si="518"/>
        <v>5.9442647899883561</v>
      </c>
      <c r="K4624">
        <f t="shared" si="519"/>
        <v>0.53148846481643108</v>
      </c>
      <c r="L4624">
        <f t="shared" si="520"/>
        <v>0.26574423240821554</v>
      </c>
      <c r="M4624">
        <f t="shared" si="521"/>
        <v>0</v>
      </c>
      <c r="N4624" s="45">
        <f t="shared" si="522"/>
        <v>45118.249999988868</v>
      </c>
    </row>
    <row r="4625" spans="2:14" x14ac:dyDescent="0.25">
      <c r="B4625">
        <f t="shared" si="516"/>
        <v>2</v>
      </c>
      <c r="C4625" s="16">
        <v>4591</v>
      </c>
      <c r="D4625" cm="1">
        <f t="array" ref="D4625">IFERROR(INDEX(Jesper!AH$2:AH$366,ROUNDDOWN($C4625/24,0)+1,1)*INDEX($D$3:$AA$30,INDEX(Jesper!$R$2:$R$366,ROW(INDEX(Jesper!AH$2:AH$366,ROUNDDOWN($C4625/24,0)+1,1))-1)+IF('Standard Profiles'!$G$18=$B$10,7,0)+IF('Standard Profiles'!$G$18=$B$17,14,0)+IF('Standard Profiles'!$G$18=$B$24,21,0),MOD($C4625,24)+1)/SUM(INDEX($D$3:$AA$30,INDEX(Jesper!$R$2:$R$366,ROW(INDEX(Jesper!AH$2:AH$366,ROUNDDOWN($C4625/24,0)+1,1))-1)+IF('Standard Profiles'!$G$18=$B$10,7,0)+IF('Standard Profiles'!$G$18=$B$17,14,0)+IF('Standard Profiles'!$G$18=$B$24,21,0),0)),0)</f>
        <v>21.005213057735311</v>
      </c>
      <c r="E4625" cm="1">
        <f t="array" ref="E4625">IFERROR(INDEX(Jesper!AI$2:AI$366,ROUNDDOWN($C4625/24,0)+1,1)*INDEX($D$3:$AA$30,INDEX(Jesper!$R$2:$R$366,ROW(INDEX(Jesper!AI$2:AI$366,ROUNDDOWN($C4625/24,0)+1,1))-1)+IF('Standard Profiles'!$G$19=$B$10,7,0)+IF('Standard Profiles'!$G$19=$B$17,14,0)+IF('Standard Profiles'!$G$19=$B$24,21,0),MOD($C4625,24)+1)/SUM(INDEX($D$3:$AA$30,INDEX(Jesper!$R$2:$R$366,ROW(INDEX(Jesper!AI$2:AI$366,ROUNDDOWN($C4625/24,0)+1,1))-1)+IF('Standard Profiles'!$G$19=$B$10,7,0)+IF('Standard Profiles'!$G$19=$B$17,14,0)+IF('Standard Profiles'!$G$19=$B$24,21,0),0)),0)</f>
        <v>7.4144122867969973</v>
      </c>
      <c r="F4625" cm="1">
        <f t="array" ref="F4625">IFERROR(INDEX(Jesper!AJ$2:AJ$366,ROUNDDOWN($C4625/24,0)+1,1)*INDEX($D$3:$AA$30,INDEX(Jesper!$R$2:$R$366,ROW(INDEX(Jesper!AJ$2:AJ$366,ROUNDDOWN($C4625/24,0)+1,1))-1)+IF('Standard Profiles'!$G$20=$B$10,7,0)+IF('Standard Profiles'!$G$20=$B$17,14,0)+IF('Standard Profiles'!$G$20=$B$24,21,0),MOD($C4625,24)+1)/SUM(INDEX($D$3:$AA$30,INDEX(Jesper!$R$2:$R$366,ROW(INDEX(Jesper!AJ$2:AJ$366,ROUNDDOWN($C4625/24,0)+1,1))-1)+IF('Standard Profiles'!$G$20=$B$10,7,0)+IF('Standard Profiles'!$G$20=$B$17,14,0)+IF('Standard Profiles'!$G$20=$B$24,21,0),0)),0)</f>
        <v>0</v>
      </c>
      <c r="G4625" cm="1">
        <f t="array" ref="G4625">IFERROR(INDEX(Jesper!AK$2:AK$366,ROUNDDOWN($C4625/24,0)+1,1)*INDEX($D$3:$AA$30,INDEX(Jesper!$R$2:$R$366,ROW(INDEX(Jesper!AK$2:AK$366,ROUNDDOWN($C4625/24,0)+1,1))-1)+IF('Standard Profiles'!$G$21=$B$10,7,0)+IF('Standard Profiles'!$G$21=$B$17,14,0)+IF('Standard Profiles'!$G$21=$B$24,21,0),MOD($C4625,24)+1)/SUM(INDEX($D$3:$AA$30,INDEX(Jesper!$R$2:$R$366,ROW(INDEX(Jesper!AK$2:AK$366,ROUNDDOWN($C4625/24,0)+1,1))-1)+IF('Standard Profiles'!$G$21=$B$10,7,0)+IF('Standard Profiles'!$G$21=$B$17,14,0)+IF('Standard Profiles'!$G$21=$B$24,21,0),0)),0)</f>
        <v>0</v>
      </c>
      <c r="H4625" cm="1">
        <f t="array" ref="H4625">IFERROR(INDEX(Jesper!AL$2:AL$366,ROUNDDOWN($C4625/24,0)+1,1)*INDEX($D$3:$AA$30,INDEX(Jesper!$R$2:$R$366,ROW(INDEX(Jesper!AL$2:AL$366,ROUNDDOWN($C4625/24,0)+1,1))-1)+IF('Standard Profiles'!$G$22=$B$10,7,0)+IF('Standard Profiles'!$G$22=$B$17,14,0)+IF('Standard Profiles'!$G$22=$B$24,21,0),MOD($C4625,24)+1)/SUM(INDEX($D$3:$AA$30,INDEX(Jesper!$R$2:$R$366,ROW(INDEX(Jesper!AL$2:AL$366,ROUNDDOWN($C4625/24,0)+1,1))-1)+IF('Standard Profiles'!$G$22=$B$10,7,0)+IF('Standard Profiles'!$G$22=$B$17,14,0)+IF('Standard Profiles'!$G$22=$B$24,21,0),0)),0)</f>
        <v>0</v>
      </c>
      <c r="I4625">
        <f t="shared" si="517"/>
        <v>0</v>
      </c>
      <c r="J4625">
        <f t="shared" si="518"/>
        <v>25.058791255294658</v>
      </c>
      <c r="K4625">
        <f t="shared" si="519"/>
        <v>2.2405560594917668</v>
      </c>
      <c r="L4625">
        <f t="shared" si="520"/>
        <v>1.1202780297458834</v>
      </c>
      <c r="M4625">
        <f t="shared" si="521"/>
        <v>0</v>
      </c>
      <c r="N4625" s="45">
        <f t="shared" si="522"/>
        <v>45118.291666655532</v>
      </c>
    </row>
    <row r="4626" spans="2:14" x14ac:dyDescent="0.25">
      <c r="B4626">
        <f t="shared" si="516"/>
        <v>2</v>
      </c>
      <c r="C4626" s="16">
        <v>4592</v>
      </c>
      <c r="D4626" cm="1">
        <f t="array" ref="D4626">IFERROR(INDEX(Jesper!AH$2:AH$366,ROUNDDOWN($C4626/24,0)+1,1)*INDEX($D$3:$AA$30,INDEX(Jesper!$R$2:$R$366,ROW(INDEX(Jesper!AH$2:AH$366,ROUNDDOWN($C4626/24,0)+1,1))-1)+IF('Standard Profiles'!$G$18=$B$10,7,0)+IF('Standard Profiles'!$G$18=$B$17,14,0)+IF('Standard Profiles'!$G$18=$B$24,21,0),MOD($C4626,24)+1)/SUM(INDEX($D$3:$AA$30,INDEX(Jesper!$R$2:$R$366,ROW(INDEX(Jesper!AH$2:AH$366,ROUNDDOWN($C4626/24,0)+1,1))-1)+IF('Standard Profiles'!$G$18=$B$10,7,0)+IF('Standard Profiles'!$G$18=$B$17,14,0)+IF('Standard Profiles'!$G$18=$B$24,21,0),0)),0)</f>
        <v>23.437395622315194</v>
      </c>
      <c r="E4626" cm="1">
        <f t="array" ref="E4626">IFERROR(INDEX(Jesper!AI$2:AI$366,ROUNDDOWN($C4626/24,0)+1,1)*INDEX($D$3:$AA$30,INDEX(Jesper!$R$2:$R$366,ROW(INDEX(Jesper!AI$2:AI$366,ROUNDDOWN($C4626/24,0)+1,1))-1)+IF('Standard Profiles'!$G$19=$B$10,7,0)+IF('Standard Profiles'!$G$19=$B$17,14,0)+IF('Standard Profiles'!$G$19=$B$24,21,0),MOD($C4626,24)+1)/SUM(INDEX($D$3:$AA$30,INDEX(Jesper!$R$2:$R$366,ROW(INDEX(Jesper!AI$2:AI$366,ROUNDDOWN($C4626/24,0)+1,1))-1)+IF('Standard Profiles'!$G$19=$B$10,7,0)+IF('Standard Profiles'!$G$19=$B$17,14,0)+IF('Standard Profiles'!$G$19=$B$24,21,0),0)),0)</f>
        <v>8.2729231831629662</v>
      </c>
      <c r="F4626" cm="1">
        <f t="array" ref="F4626">IFERROR(INDEX(Jesper!AJ$2:AJ$366,ROUNDDOWN($C4626/24,0)+1,1)*INDEX($D$3:$AA$30,INDEX(Jesper!$R$2:$R$366,ROW(INDEX(Jesper!AJ$2:AJ$366,ROUNDDOWN($C4626/24,0)+1,1))-1)+IF('Standard Profiles'!$G$20=$B$10,7,0)+IF('Standard Profiles'!$G$20=$B$17,14,0)+IF('Standard Profiles'!$G$20=$B$24,21,0),MOD($C4626,24)+1)/SUM(INDEX($D$3:$AA$30,INDEX(Jesper!$R$2:$R$366,ROW(INDEX(Jesper!AJ$2:AJ$366,ROUNDDOWN($C4626/24,0)+1,1))-1)+IF('Standard Profiles'!$G$20=$B$10,7,0)+IF('Standard Profiles'!$G$20=$B$17,14,0)+IF('Standard Profiles'!$G$20=$B$24,21,0),0)),0)</f>
        <v>0</v>
      </c>
      <c r="G4626" cm="1">
        <f t="array" ref="G4626">IFERROR(INDEX(Jesper!AK$2:AK$366,ROUNDDOWN($C4626/24,0)+1,1)*INDEX($D$3:$AA$30,INDEX(Jesper!$R$2:$R$366,ROW(INDEX(Jesper!AK$2:AK$366,ROUNDDOWN($C4626/24,0)+1,1))-1)+IF('Standard Profiles'!$G$21=$B$10,7,0)+IF('Standard Profiles'!$G$21=$B$17,14,0)+IF('Standard Profiles'!$G$21=$B$24,21,0),MOD($C4626,24)+1)/SUM(INDEX($D$3:$AA$30,INDEX(Jesper!$R$2:$R$366,ROW(INDEX(Jesper!AK$2:AK$366,ROUNDDOWN($C4626/24,0)+1,1))-1)+IF('Standard Profiles'!$G$21=$B$10,7,0)+IF('Standard Profiles'!$G$21=$B$17,14,0)+IF('Standard Profiles'!$G$21=$B$24,21,0),0)),0)</f>
        <v>0</v>
      </c>
      <c r="H4626" cm="1">
        <f t="array" ref="H4626">IFERROR(INDEX(Jesper!AL$2:AL$366,ROUNDDOWN($C4626/24,0)+1,1)*INDEX($D$3:$AA$30,INDEX(Jesper!$R$2:$R$366,ROW(INDEX(Jesper!AL$2:AL$366,ROUNDDOWN($C4626/24,0)+1,1))-1)+IF('Standard Profiles'!$G$22=$B$10,7,0)+IF('Standard Profiles'!$G$22=$B$17,14,0)+IF('Standard Profiles'!$G$22=$B$24,21,0),MOD($C4626,24)+1)/SUM(INDEX($D$3:$AA$30,INDEX(Jesper!$R$2:$R$366,ROW(INDEX(Jesper!AL$2:AL$366,ROUNDDOWN($C4626/24,0)+1,1))-1)+IF('Standard Profiles'!$G$22=$B$10,7,0)+IF('Standard Profiles'!$G$22=$B$17,14,0)+IF('Standard Profiles'!$G$22=$B$24,21,0),0)),0)</f>
        <v>0</v>
      </c>
      <c r="I4626">
        <f t="shared" si="517"/>
        <v>0</v>
      </c>
      <c r="J4626">
        <f t="shared" si="518"/>
        <v>27.960335505907729</v>
      </c>
      <c r="K4626">
        <f t="shared" si="519"/>
        <v>2.4999888663802876</v>
      </c>
      <c r="L4626">
        <f t="shared" si="520"/>
        <v>1.2499944331901438</v>
      </c>
      <c r="M4626">
        <f t="shared" si="521"/>
        <v>0</v>
      </c>
      <c r="N4626" s="45">
        <f t="shared" si="522"/>
        <v>45118.333333322196</v>
      </c>
    </row>
    <row r="4627" spans="2:14" x14ac:dyDescent="0.25">
      <c r="B4627">
        <f t="shared" si="516"/>
        <v>2</v>
      </c>
      <c r="C4627" s="16">
        <v>4593</v>
      </c>
      <c r="D4627" cm="1">
        <f t="array" ref="D4627">IFERROR(INDEX(Jesper!AH$2:AH$366,ROUNDDOWN($C4627/24,0)+1,1)*INDEX($D$3:$AA$30,INDEX(Jesper!$R$2:$R$366,ROW(INDEX(Jesper!AH$2:AH$366,ROUNDDOWN($C4627/24,0)+1,1))-1)+IF('Standard Profiles'!$G$18=$B$10,7,0)+IF('Standard Profiles'!$G$18=$B$17,14,0)+IF('Standard Profiles'!$G$18=$B$24,21,0),MOD($C4627,24)+1)/SUM(INDEX($D$3:$AA$30,INDEX(Jesper!$R$2:$R$366,ROW(INDEX(Jesper!AH$2:AH$366,ROUNDDOWN($C4627/24,0)+1,1))-1)+IF('Standard Profiles'!$G$18=$B$10,7,0)+IF('Standard Profiles'!$G$18=$B$17,14,0)+IF('Standard Profiles'!$G$18=$B$24,21,0),0)),0)</f>
        <v>25.869578186895072</v>
      </c>
      <c r="E4627" cm="1">
        <f t="array" ref="E4627">IFERROR(INDEX(Jesper!AI$2:AI$366,ROUNDDOWN($C4627/24,0)+1,1)*INDEX($D$3:$AA$30,INDEX(Jesper!$R$2:$R$366,ROW(INDEX(Jesper!AI$2:AI$366,ROUNDDOWN($C4627/24,0)+1,1))-1)+IF('Standard Profiles'!$G$19=$B$10,7,0)+IF('Standard Profiles'!$G$19=$B$17,14,0)+IF('Standard Profiles'!$G$19=$B$24,21,0),MOD($C4627,24)+1)/SUM(INDEX($D$3:$AA$30,INDEX(Jesper!$R$2:$R$366,ROW(INDEX(Jesper!AI$2:AI$366,ROUNDDOWN($C4627/24,0)+1,1))-1)+IF('Standard Profiles'!$G$19=$B$10,7,0)+IF('Standard Profiles'!$G$19=$B$17,14,0)+IF('Standard Profiles'!$G$19=$B$24,21,0),0)),0)</f>
        <v>9.131434079528935</v>
      </c>
      <c r="F4627" cm="1">
        <f t="array" ref="F4627">IFERROR(INDEX(Jesper!AJ$2:AJ$366,ROUNDDOWN($C4627/24,0)+1,1)*INDEX($D$3:$AA$30,INDEX(Jesper!$R$2:$R$366,ROW(INDEX(Jesper!AJ$2:AJ$366,ROUNDDOWN($C4627/24,0)+1,1))-1)+IF('Standard Profiles'!$G$20=$B$10,7,0)+IF('Standard Profiles'!$G$20=$B$17,14,0)+IF('Standard Profiles'!$G$20=$B$24,21,0),MOD($C4627,24)+1)/SUM(INDEX($D$3:$AA$30,INDEX(Jesper!$R$2:$R$366,ROW(INDEX(Jesper!AJ$2:AJ$366,ROUNDDOWN($C4627/24,0)+1,1))-1)+IF('Standard Profiles'!$G$20=$B$10,7,0)+IF('Standard Profiles'!$G$20=$B$17,14,0)+IF('Standard Profiles'!$G$20=$B$24,21,0),0)),0)</f>
        <v>0</v>
      </c>
      <c r="G4627" cm="1">
        <f t="array" ref="G4627">IFERROR(INDEX(Jesper!AK$2:AK$366,ROUNDDOWN($C4627/24,0)+1,1)*INDEX($D$3:$AA$30,INDEX(Jesper!$R$2:$R$366,ROW(INDEX(Jesper!AK$2:AK$366,ROUNDDOWN($C4627/24,0)+1,1))-1)+IF('Standard Profiles'!$G$21=$B$10,7,0)+IF('Standard Profiles'!$G$21=$B$17,14,0)+IF('Standard Profiles'!$G$21=$B$24,21,0),MOD($C4627,24)+1)/SUM(INDEX($D$3:$AA$30,INDEX(Jesper!$R$2:$R$366,ROW(INDEX(Jesper!AK$2:AK$366,ROUNDDOWN($C4627/24,0)+1,1))-1)+IF('Standard Profiles'!$G$21=$B$10,7,0)+IF('Standard Profiles'!$G$21=$B$17,14,0)+IF('Standard Profiles'!$G$21=$B$24,21,0),0)),0)</f>
        <v>0</v>
      </c>
      <c r="H4627" cm="1">
        <f t="array" ref="H4627">IFERROR(INDEX(Jesper!AL$2:AL$366,ROUNDDOWN($C4627/24,0)+1,1)*INDEX($D$3:$AA$30,INDEX(Jesper!$R$2:$R$366,ROW(INDEX(Jesper!AL$2:AL$366,ROUNDDOWN($C4627/24,0)+1,1))-1)+IF('Standard Profiles'!$G$22=$B$10,7,0)+IF('Standard Profiles'!$G$22=$B$17,14,0)+IF('Standard Profiles'!$G$22=$B$24,21,0),MOD($C4627,24)+1)/SUM(INDEX($D$3:$AA$30,INDEX(Jesper!$R$2:$R$366,ROW(INDEX(Jesper!AL$2:AL$366,ROUNDDOWN($C4627/24,0)+1,1))-1)+IF('Standard Profiles'!$G$22=$B$10,7,0)+IF('Standard Profiles'!$G$22=$B$17,14,0)+IF('Standard Profiles'!$G$22=$B$24,21,0),0)),0)</f>
        <v>0</v>
      </c>
      <c r="I4627">
        <f t="shared" si="517"/>
        <v>0</v>
      </c>
      <c r="J4627">
        <f t="shared" si="518"/>
        <v>30.861879756520793</v>
      </c>
      <c r="K4627">
        <f t="shared" si="519"/>
        <v>2.7594216732688079</v>
      </c>
      <c r="L4627">
        <f t="shared" si="520"/>
        <v>1.379710836634404</v>
      </c>
      <c r="M4627">
        <f t="shared" si="521"/>
        <v>0</v>
      </c>
      <c r="N4627" s="45">
        <f t="shared" si="522"/>
        <v>45118.374999988861</v>
      </c>
    </row>
    <row r="4628" spans="2:14" x14ac:dyDescent="0.25">
      <c r="B4628">
        <f t="shared" si="516"/>
        <v>2</v>
      </c>
      <c r="C4628" s="16">
        <v>4594</v>
      </c>
      <c r="D4628" cm="1">
        <f t="array" ref="D4628">IFERROR(INDEX(Jesper!AH$2:AH$366,ROUNDDOWN($C4628/24,0)+1,1)*INDEX($D$3:$AA$30,INDEX(Jesper!$R$2:$R$366,ROW(INDEX(Jesper!AH$2:AH$366,ROUNDDOWN($C4628/24,0)+1,1))-1)+IF('Standard Profiles'!$G$18=$B$10,7,0)+IF('Standard Profiles'!$G$18=$B$17,14,0)+IF('Standard Profiles'!$G$18=$B$24,21,0),MOD($C4628,24)+1)/SUM(INDEX($D$3:$AA$30,INDEX(Jesper!$R$2:$R$366,ROW(INDEX(Jesper!AH$2:AH$366,ROUNDDOWN($C4628/24,0)+1,1))-1)+IF('Standard Profiles'!$G$18=$B$10,7,0)+IF('Standard Profiles'!$G$18=$B$17,14,0)+IF('Standard Profiles'!$G$18=$B$24,21,0),0)),0)</f>
        <v>25.869578186895072</v>
      </c>
      <c r="E4628" cm="1">
        <f t="array" ref="E4628">IFERROR(INDEX(Jesper!AI$2:AI$366,ROUNDDOWN($C4628/24,0)+1,1)*INDEX($D$3:$AA$30,INDEX(Jesper!$R$2:$R$366,ROW(INDEX(Jesper!AI$2:AI$366,ROUNDDOWN($C4628/24,0)+1,1))-1)+IF('Standard Profiles'!$G$19=$B$10,7,0)+IF('Standard Profiles'!$G$19=$B$17,14,0)+IF('Standard Profiles'!$G$19=$B$24,21,0),MOD($C4628,24)+1)/SUM(INDEX($D$3:$AA$30,INDEX(Jesper!$R$2:$R$366,ROW(INDEX(Jesper!AI$2:AI$366,ROUNDDOWN($C4628/24,0)+1,1))-1)+IF('Standard Profiles'!$G$19=$B$10,7,0)+IF('Standard Profiles'!$G$19=$B$17,14,0)+IF('Standard Profiles'!$G$19=$B$24,21,0),0)),0)</f>
        <v>9.131434079528935</v>
      </c>
      <c r="F4628" cm="1">
        <f t="array" ref="F4628">IFERROR(INDEX(Jesper!AJ$2:AJ$366,ROUNDDOWN($C4628/24,0)+1,1)*INDEX($D$3:$AA$30,INDEX(Jesper!$R$2:$R$366,ROW(INDEX(Jesper!AJ$2:AJ$366,ROUNDDOWN($C4628/24,0)+1,1))-1)+IF('Standard Profiles'!$G$20=$B$10,7,0)+IF('Standard Profiles'!$G$20=$B$17,14,0)+IF('Standard Profiles'!$G$20=$B$24,21,0),MOD($C4628,24)+1)/SUM(INDEX($D$3:$AA$30,INDEX(Jesper!$R$2:$R$366,ROW(INDEX(Jesper!AJ$2:AJ$366,ROUNDDOWN($C4628/24,0)+1,1))-1)+IF('Standard Profiles'!$G$20=$B$10,7,0)+IF('Standard Profiles'!$G$20=$B$17,14,0)+IF('Standard Profiles'!$G$20=$B$24,21,0),0)),0)</f>
        <v>0</v>
      </c>
      <c r="G4628" cm="1">
        <f t="array" ref="G4628">IFERROR(INDEX(Jesper!AK$2:AK$366,ROUNDDOWN($C4628/24,0)+1,1)*INDEX($D$3:$AA$30,INDEX(Jesper!$R$2:$R$366,ROW(INDEX(Jesper!AK$2:AK$366,ROUNDDOWN($C4628/24,0)+1,1))-1)+IF('Standard Profiles'!$G$21=$B$10,7,0)+IF('Standard Profiles'!$G$21=$B$17,14,0)+IF('Standard Profiles'!$G$21=$B$24,21,0),MOD($C4628,24)+1)/SUM(INDEX($D$3:$AA$30,INDEX(Jesper!$R$2:$R$366,ROW(INDEX(Jesper!AK$2:AK$366,ROUNDDOWN($C4628/24,0)+1,1))-1)+IF('Standard Profiles'!$G$21=$B$10,7,0)+IF('Standard Profiles'!$G$21=$B$17,14,0)+IF('Standard Profiles'!$G$21=$B$24,21,0),0)),0)</f>
        <v>0</v>
      </c>
      <c r="H4628" cm="1">
        <f t="array" ref="H4628">IFERROR(INDEX(Jesper!AL$2:AL$366,ROUNDDOWN($C4628/24,0)+1,1)*INDEX($D$3:$AA$30,INDEX(Jesper!$R$2:$R$366,ROW(INDEX(Jesper!AL$2:AL$366,ROUNDDOWN($C4628/24,0)+1,1))-1)+IF('Standard Profiles'!$G$22=$B$10,7,0)+IF('Standard Profiles'!$G$22=$B$17,14,0)+IF('Standard Profiles'!$G$22=$B$24,21,0),MOD($C4628,24)+1)/SUM(INDEX($D$3:$AA$30,INDEX(Jesper!$R$2:$R$366,ROW(INDEX(Jesper!AL$2:AL$366,ROUNDDOWN($C4628/24,0)+1,1))-1)+IF('Standard Profiles'!$G$22=$B$10,7,0)+IF('Standard Profiles'!$G$22=$B$17,14,0)+IF('Standard Profiles'!$G$22=$B$24,21,0),0)),0)</f>
        <v>0</v>
      </c>
      <c r="I4628">
        <f t="shared" si="517"/>
        <v>0</v>
      </c>
      <c r="J4628">
        <f t="shared" si="518"/>
        <v>30.861879756520793</v>
      </c>
      <c r="K4628">
        <f t="shared" si="519"/>
        <v>2.7594216732688079</v>
      </c>
      <c r="L4628">
        <f t="shared" si="520"/>
        <v>1.379710836634404</v>
      </c>
      <c r="M4628">
        <f t="shared" si="521"/>
        <v>0</v>
      </c>
      <c r="N4628" s="45">
        <f t="shared" si="522"/>
        <v>45118.416666655525</v>
      </c>
    </row>
    <row r="4629" spans="2:14" x14ac:dyDescent="0.25">
      <c r="B4629">
        <f t="shared" si="516"/>
        <v>2</v>
      </c>
      <c r="C4629" s="16">
        <v>4595</v>
      </c>
      <c r="D4629" cm="1">
        <f t="array" ref="D4629">IFERROR(INDEX(Jesper!AH$2:AH$366,ROUNDDOWN($C4629/24,0)+1,1)*INDEX($D$3:$AA$30,INDEX(Jesper!$R$2:$R$366,ROW(INDEX(Jesper!AH$2:AH$366,ROUNDDOWN($C4629/24,0)+1,1))-1)+IF('Standard Profiles'!$G$18=$B$10,7,0)+IF('Standard Profiles'!$G$18=$B$17,14,0)+IF('Standard Profiles'!$G$18=$B$24,21,0),MOD($C4629,24)+1)/SUM(INDEX($D$3:$AA$30,INDEX(Jesper!$R$2:$R$366,ROW(INDEX(Jesper!AH$2:AH$366,ROUNDDOWN($C4629/24,0)+1,1))-1)+IF('Standard Profiles'!$G$18=$B$10,7,0)+IF('Standard Profiles'!$G$18=$B$17,14,0)+IF('Standard Profiles'!$G$18=$B$24,21,0),0)),0)</f>
        <v>30.95505082192572</v>
      </c>
      <c r="E4629" cm="1">
        <f t="array" ref="E4629">IFERROR(INDEX(Jesper!AI$2:AI$366,ROUNDDOWN($C4629/24,0)+1,1)*INDEX($D$3:$AA$30,INDEX(Jesper!$R$2:$R$366,ROW(INDEX(Jesper!AI$2:AI$366,ROUNDDOWN($C4629/24,0)+1,1))-1)+IF('Standard Profiles'!$G$19=$B$10,7,0)+IF('Standard Profiles'!$G$19=$B$17,14,0)+IF('Standard Profiles'!$G$19=$B$24,21,0),MOD($C4629,24)+1)/SUM(INDEX($D$3:$AA$30,INDEX(Jesper!$R$2:$R$366,ROW(INDEX(Jesper!AI$2:AI$366,ROUNDDOWN($C4629/24,0)+1,1))-1)+IF('Standard Profiles'!$G$19=$B$10,7,0)+IF('Standard Profiles'!$G$19=$B$17,14,0)+IF('Standard Profiles'!$G$19=$B$24,21,0),0)),0)</f>
        <v>10.926502317385049</v>
      </c>
      <c r="F4629" cm="1">
        <f t="array" ref="F4629">IFERROR(INDEX(Jesper!AJ$2:AJ$366,ROUNDDOWN($C4629/24,0)+1,1)*INDEX($D$3:$AA$30,INDEX(Jesper!$R$2:$R$366,ROW(INDEX(Jesper!AJ$2:AJ$366,ROUNDDOWN($C4629/24,0)+1,1))-1)+IF('Standard Profiles'!$G$20=$B$10,7,0)+IF('Standard Profiles'!$G$20=$B$17,14,0)+IF('Standard Profiles'!$G$20=$B$24,21,0),MOD($C4629,24)+1)/SUM(INDEX($D$3:$AA$30,INDEX(Jesper!$R$2:$R$366,ROW(INDEX(Jesper!AJ$2:AJ$366,ROUNDDOWN($C4629/24,0)+1,1))-1)+IF('Standard Profiles'!$G$20=$B$10,7,0)+IF('Standard Profiles'!$G$20=$B$17,14,0)+IF('Standard Profiles'!$G$20=$B$24,21,0),0)),0)</f>
        <v>0</v>
      </c>
      <c r="G4629" cm="1">
        <f t="array" ref="G4629">IFERROR(INDEX(Jesper!AK$2:AK$366,ROUNDDOWN($C4629/24,0)+1,1)*INDEX($D$3:$AA$30,INDEX(Jesper!$R$2:$R$366,ROW(INDEX(Jesper!AK$2:AK$366,ROUNDDOWN($C4629/24,0)+1,1))-1)+IF('Standard Profiles'!$G$21=$B$10,7,0)+IF('Standard Profiles'!$G$21=$B$17,14,0)+IF('Standard Profiles'!$G$21=$B$24,21,0),MOD($C4629,24)+1)/SUM(INDEX($D$3:$AA$30,INDEX(Jesper!$R$2:$R$366,ROW(INDEX(Jesper!AK$2:AK$366,ROUNDDOWN($C4629/24,0)+1,1))-1)+IF('Standard Profiles'!$G$21=$B$10,7,0)+IF('Standard Profiles'!$G$21=$B$17,14,0)+IF('Standard Profiles'!$G$21=$B$24,21,0),0)),0)</f>
        <v>0</v>
      </c>
      <c r="H4629" cm="1">
        <f t="array" ref="H4629">IFERROR(INDEX(Jesper!AL$2:AL$366,ROUNDDOWN($C4629/24,0)+1,1)*INDEX($D$3:$AA$30,INDEX(Jesper!$R$2:$R$366,ROW(INDEX(Jesper!AL$2:AL$366,ROUNDDOWN($C4629/24,0)+1,1))-1)+IF('Standard Profiles'!$G$22=$B$10,7,0)+IF('Standard Profiles'!$G$22=$B$17,14,0)+IF('Standard Profiles'!$G$22=$B$24,21,0),MOD($C4629,24)+1)/SUM(INDEX($D$3:$AA$30,INDEX(Jesper!$R$2:$R$366,ROW(INDEX(Jesper!AL$2:AL$366,ROUNDDOWN($C4629/24,0)+1,1))-1)+IF('Standard Profiles'!$G$22=$B$10,7,0)+IF('Standard Profiles'!$G$22=$B$17,14,0)+IF('Standard Profiles'!$G$22=$B$24,21,0),0)),0)</f>
        <v>0</v>
      </c>
      <c r="I4629">
        <f t="shared" si="517"/>
        <v>0</v>
      </c>
      <c r="J4629">
        <f t="shared" si="518"/>
        <v>36.928745007802654</v>
      </c>
      <c r="K4629">
        <f t="shared" si="519"/>
        <v>3.3018720876720771</v>
      </c>
      <c r="L4629">
        <f t="shared" si="520"/>
        <v>1.6509360438360385</v>
      </c>
      <c r="M4629">
        <f t="shared" si="521"/>
        <v>0</v>
      </c>
      <c r="N4629" s="45">
        <f t="shared" si="522"/>
        <v>45118.458333322189</v>
      </c>
    </row>
    <row r="4630" spans="2:14" x14ac:dyDescent="0.25">
      <c r="B4630">
        <f t="shared" si="516"/>
        <v>2</v>
      </c>
      <c r="C4630" s="16">
        <v>4596</v>
      </c>
      <c r="D4630" cm="1">
        <f t="array" ref="D4630">IFERROR(INDEX(Jesper!AH$2:AH$366,ROUNDDOWN($C4630/24,0)+1,1)*INDEX($D$3:$AA$30,INDEX(Jesper!$R$2:$R$366,ROW(INDEX(Jesper!AH$2:AH$366,ROUNDDOWN($C4630/24,0)+1,1))-1)+IF('Standard Profiles'!$G$18=$B$10,7,0)+IF('Standard Profiles'!$G$18=$B$17,14,0)+IF('Standard Profiles'!$G$18=$B$24,21,0),MOD($C4630,24)+1)/SUM(INDEX($D$3:$AA$30,INDEX(Jesper!$R$2:$R$366,ROW(INDEX(Jesper!AH$2:AH$366,ROUNDDOWN($C4630/24,0)+1,1))-1)+IF('Standard Profiles'!$G$18=$B$10,7,0)+IF('Standard Profiles'!$G$18=$B$17,14,0)+IF('Standard Profiles'!$G$18=$B$24,21,0),0)),0)</f>
        <v>30.95505082192572</v>
      </c>
      <c r="E4630" cm="1">
        <f t="array" ref="E4630">IFERROR(INDEX(Jesper!AI$2:AI$366,ROUNDDOWN($C4630/24,0)+1,1)*INDEX($D$3:$AA$30,INDEX(Jesper!$R$2:$R$366,ROW(INDEX(Jesper!AI$2:AI$366,ROUNDDOWN($C4630/24,0)+1,1))-1)+IF('Standard Profiles'!$G$19=$B$10,7,0)+IF('Standard Profiles'!$G$19=$B$17,14,0)+IF('Standard Profiles'!$G$19=$B$24,21,0),MOD($C4630,24)+1)/SUM(INDEX($D$3:$AA$30,INDEX(Jesper!$R$2:$R$366,ROW(INDEX(Jesper!AI$2:AI$366,ROUNDDOWN($C4630/24,0)+1,1))-1)+IF('Standard Profiles'!$G$19=$B$10,7,0)+IF('Standard Profiles'!$G$19=$B$17,14,0)+IF('Standard Profiles'!$G$19=$B$24,21,0),0)),0)</f>
        <v>10.926502317385049</v>
      </c>
      <c r="F4630" cm="1">
        <f t="array" ref="F4630">IFERROR(INDEX(Jesper!AJ$2:AJ$366,ROUNDDOWN($C4630/24,0)+1,1)*INDEX($D$3:$AA$30,INDEX(Jesper!$R$2:$R$366,ROW(INDEX(Jesper!AJ$2:AJ$366,ROUNDDOWN($C4630/24,0)+1,1))-1)+IF('Standard Profiles'!$G$20=$B$10,7,0)+IF('Standard Profiles'!$G$20=$B$17,14,0)+IF('Standard Profiles'!$G$20=$B$24,21,0),MOD($C4630,24)+1)/SUM(INDEX($D$3:$AA$30,INDEX(Jesper!$R$2:$R$366,ROW(INDEX(Jesper!AJ$2:AJ$366,ROUNDDOWN($C4630/24,0)+1,1))-1)+IF('Standard Profiles'!$G$20=$B$10,7,0)+IF('Standard Profiles'!$G$20=$B$17,14,0)+IF('Standard Profiles'!$G$20=$B$24,21,0),0)),0)</f>
        <v>0</v>
      </c>
      <c r="G4630" cm="1">
        <f t="array" ref="G4630">IFERROR(INDEX(Jesper!AK$2:AK$366,ROUNDDOWN($C4630/24,0)+1,1)*INDEX($D$3:$AA$30,INDEX(Jesper!$R$2:$R$366,ROW(INDEX(Jesper!AK$2:AK$366,ROUNDDOWN($C4630/24,0)+1,1))-1)+IF('Standard Profiles'!$G$21=$B$10,7,0)+IF('Standard Profiles'!$G$21=$B$17,14,0)+IF('Standard Profiles'!$G$21=$B$24,21,0),MOD($C4630,24)+1)/SUM(INDEX($D$3:$AA$30,INDEX(Jesper!$R$2:$R$366,ROW(INDEX(Jesper!AK$2:AK$366,ROUNDDOWN($C4630/24,0)+1,1))-1)+IF('Standard Profiles'!$G$21=$B$10,7,0)+IF('Standard Profiles'!$G$21=$B$17,14,0)+IF('Standard Profiles'!$G$21=$B$24,21,0),0)),0)</f>
        <v>0</v>
      </c>
      <c r="H4630" cm="1">
        <f t="array" ref="H4630">IFERROR(INDEX(Jesper!AL$2:AL$366,ROUNDDOWN($C4630/24,0)+1,1)*INDEX($D$3:$AA$30,INDEX(Jesper!$R$2:$R$366,ROW(INDEX(Jesper!AL$2:AL$366,ROUNDDOWN($C4630/24,0)+1,1))-1)+IF('Standard Profiles'!$G$22=$B$10,7,0)+IF('Standard Profiles'!$G$22=$B$17,14,0)+IF('Standard Profiles'!$G$22=$B$24,21,0),MOD($C4630,24)+1)/SUM(INDEX($D$3:$AA$30,INDEX(Jesper!$R$2:$R$366,ROW(INDEX(Jesper!AL$2:AL$366,ROUNDDOWN($C4630/24,0)+1,1))-1)+IF('Standard Profiles'!$G$22=$B$10,7,0)+IF('Standard Profiles'!$G$22=$B$17,14,0)+IF('Standard Profiles'!$G$22=$B$24,21,0),0)),0)</f>
        <v>0</v>
      </c>
      <c r="I4630">
        <f t="shared" si="517"/>
        <v>0</v>
      </c>
      <c r="J4630">
        <f t="shared" si="518"/>
        <v>36.928745007802654</v>
      </c>
      <c r="K4630">
        <f t="shared" si="519"/>
        <v>3.3018720876720771</v>
      </c>
      <c r="L4630">
        <f t="shared" si="520"/>
        <v>1.6509360438360385</v>
      </c>
      <c r="M4630">
        <f t="shared" si="521"/>
        <v>0</v>
      </c>
      <c r="N4630" s="45">
        <f t="shared" si="522"/>
        <v>45118.499999988853</v>
      </c>
    </row>
    <row r="4631" spans="2:14" x14ac:dyDescent="0.25">
      <c r="B4631">
        <f t="shared" si="516"/>
        <v>2</v>
      </c>
      <c r="C4631" s="16">
        <v>4597</v>
      </c>
      <c r="D4631" cm="1">
        <f t="array" ref="D4631">IFERROR(INDEX(Jesper!AH$2:AH$366,ROUNDDOWN($C4631/24,0)+1,1)*INDEX($D$3:$AA$30,INDEX(Jesper!$R$2:$R$366,ROW(INDEX(Jesper!AH$2:AH$366,ROUNDDOWN($C4631/24,0)+1,1))-1)+IF('Standard Profiles'!$G$18=$B$10,7,0)+IF('Standard Profiles'!$G$18=$B$17,14,0)+IF('Standard Profiles'!$G$18=$B$24,21,0),MOD($C4631,24)+1)/SUM(INDEX($D$3:$AA$30,INDEX(Jesper!$R$2:$R$366,ROW(INDEX(Jesper!AH$2:AH$366,ROUNDDOWN($C4631/24,0)+1,1))-1)+IF('Standard Profiles'!$G$18=$B$10,7,0)+IF('Standard Profiles'!$G$18=$B$17,14,0)+IF('Standard Profiles'!$G$18=$B$24,21,0),0)),0)</f>
        <v>20.562998045993517</v>
      </c>
      <c r="E4631" cm="1">
        <f t="array" ref="E4631">IFERROR(INDEX(Jesper!AI$2:AI$366,ROUNDDOWN($C4631/24,0)+1,1)*INDEX($D$3:$AA$30,INDEX(Jesper!$R$2:$R$366,ROW(INDEX(Jesper!AI$2:AI$366,ROUNDDOWN($C4631/24,0)+1,1))-1)+IF('Standard Profiles'!$G$19=$B$10,7,0)+IF('Standard Profiles'!$G$19=$B$17,14,0)+IF('Standard Profiles'!$G$19=$B$24,21,0),MOD($C4631,24)+1)/SUM(INDEX($D$3:$AA$30,INDEX(Jesper!$R$2:$R$366,ROW(INDEX(Jesper!AI$2:AI$366,ROUNDDOWN($C4631/24,0)+1,1))-1)+IF('Standard Profiles'!$G$19=$B$10,7,0)+IF('Standard Profiles'!$G$19=$B$17,14,0)+IF('Standard Profiles'!$G$19=$B$24,21,0),0)),0)</f>
        <v>7.2583193965486394</v>
      </c>
      <c r="F4631" cm="1">
        <f t="array" ref="F4631">IFERROR(INDEX(Jesper!AJ$2:AJ$366,ROUNDDOWN($C4631/24,0)+1,1)*INDEX($D$3:$AA$30,INDEX(Jesper!$R$2:$R$366,ROW(INDEX(Jesper!AJ$2:AJ$366,ROUNDDOWN($C4631/24,0)+1,1))-1)+IF('Standard Profiles'!$G$20=$B$10,7,0)+IF('Standard Profiles'!$G$20=$B$17,14,0)+IF('Standard Profiles'!$G$20=$B$24,21,0),MOD($C4631,24)+1)/SUM(INDEX($D$3:$AA$30,INDEX(Jesper!$R$2:$R$366,ROW(INDEX(Jesper!AJ$2:AJ$366,ROUNDDOWN($C4631/24,0)+1,1))-1)+IF('Standard Profiles'!$G$20=$B$10,7,0)+IF('Standard Profiles'!$G$20=$B$17,14,0)+IF('Standard Profiles'!$G$20=$B$24,21,0),0)),0)</f>
        <v>0</v>
      </c>
      <c r="G4631" cm="1">
        <f t="array" ref="G4631">IFERROR(INDEX(Jesper!AK$2:AK$366,ROUNDDOWN($C4631/24,0)+1,1)*INDEX($D$3:$AA$30,INDEX(Jesper!$R$2:$R$366,ROW(INDEX(Jesper!AK$2:AK$366,ROUNDDOWN($C4631/24,0)+1,1))-1)+IF('Standard Profiles'!$G$21=$B$10,7,0)+IF('Standard Profiles'!$G$21=$B$17,14,0)+IF('Standard Profiles'!$G$21=$B$24,21,0),MOD($C4631,24)+1)/SUM(INDEX($D$3:$AA$30,INDEX(Jesper!$R$2:$R$366,ROW(INDEX(Jesper!AK$2:AK$366,ROUNDDOWN($C4631/24,0)+1,1))-1)+IF('Standard Profiles'!$G$21=$B$10,7,0)+IF('Standard Profiles'!$G$21=$B$17,14,0)+IF('Standard Profiles'!$G$21=$B$24,21,0),0)),0)</f>
        <v>0</v>
      </c>
      <c r="H4631" cm="1">
        <f t="array" ref="H4631">IFERROR(INDEX(Jesper!AL$2:AL$366,ROUNDDOWN($C4631/24,0)+1,1)*INDEX($D$3:$AA$30,INDEX(Jesper!$R$2:$R$366,ROW(INDEX(Jesper!AL$2:AL$366,ROUNDDOWN($C4631/24,0)+1,1))-1)+IF('Standard Profiles'!$G$22=$B$10,7,0)+IF('Standard Profiles'!$G$22=$B$17,14,0)+IF('Standard Profiles'!$G$22=$B$24,21,0),MOD($C4631,24)+1)/SUM(INDEX($D$3:$AA$30,INDEX(Jesper!$R$2:$R$366,ROW(INDEX(Jesper!AL$2:AL$366,ROUNDDOWN($C4631/24,0)+1,1))-1)+IF('Standard Profiles'!$G$22=$B$10,7,0)+IF('Standard Profiles'!$G$22=$B$17,14,0)+IF('Standard Profiles'!$G$22=$B$24,21,0),0)),0)</f>
        <v>0</v>
      </c>
      <c r="I4631">
        <f t="shared" si="517"/>
        <v>0</v>
      </c>
      <c r="J4631">
        <f t="shared" si="518"/>
        <v>24.531237755183191</v>
      </c>
      <c r="K4631">
        <f t="shared" si="519"/>
        <v>2.1933864582393086</v>
      </c>
      <c r="L4631">
        <f t="shared" si="520"/>
        <v>1.0966932291196543</v>
      </c>
      <c r="M4631">
        <f t="shared" si="521"/>
        <v>0</v>
      </c>
      <c r="N4631" s="45">
        <f t="shared" si="522"/>
        <v>45118.541666655517</v>
      </c>
    </row>
    <row r="4632" spans="2:14" x14ac:dyDescent="0.25">
      <c r="B4632">
        <f t="shared" si="516"/>
        <v>2</v>
      </c>
      <c r="C4632" s="16">
        <v>4598</v>
      </c>
      <c r="D4632" cm="1">
        <f t="array" ref="D4632">IFERROR(INDEX(Jesper!AH$2:AH$366,ROUNDDOWN($C4632/24,0)+1,1)*INDEX($D$3:$AA$30,INDEX(Jesper!$R$2:$R$366,ROW(INDEX(Jesper!AH$2:AH$366,ROUNDDOWN($C4632/24,0)+1,1))-1)+IF('Standard Profiles'!$G$18=$B$10,7,0)+IF('Standard Profiles'!$G$18=$B$17,14,0)+IF('Standard Profiles'!$G$18=$B$24,21,0),MOD($C4632,24)+1)/SUM(INDEX($D$3:$AA$30,INDEX(Jesper!$R$2:$R$366,ROW(INDEX(Jesper!AH$2:AH$366,ROUNDDOWN($C4632/24,0)+1,1))-1)+IF('Standard Profiles'!$G$18=$B$10,7,0)+IF('Standard Profiles'!$G$18=$B$17,14,0)+IF('Standard Profiles'!$G$18=$B$24,21,0),0)),0)</f>
        <v>30.95505082192572</v>
      </c>
      <c r="E4632" cm="1">
        <f t="array" ref="E4632">IFERROR(INDEX(Jesper!AI$2:AI$366,ROUNDDOWN($C4632/24,0)+1,1)*INDEX($D$3:$AA$30,INDEX(Jesper!$R$2:$R$366,ROW(INDEX(Jesper!AI$2:AI$366,ROUNDDOWN($C4632/24,0)+1,1))-1)+IF('Standard Profiles'!$G$19=$B$10,7,0)+IF('Standard Profiles'!$G$19=$B$17,14,0)+IF('Standard Profiles'!$G$19=$B$24,21,0),MOD($C4632,24)+1)/SUM(INDEX($D$3:$AA$30,INDEX(Jesper!$R$2:$R$366,ROW(INDEX(Jesper!AI$2:AI$366,ROUNDDOWN($C4632/24,0)+1,1))-1)+IF('Standard Profiles'!$G$19=$B$10,7,0)+IF('Standard Profiles'!$G$19=$B$17,14,0)+IF('Standard Profiles'!$G$19=$B$24,21,0),0)),0)</f>
        <v>10.926502317385049</v>
      </c>
      <c r="F4632" cm="1">
        <f t="array" ref="F4632">IFERROR(INDEX(Jesper!AJ$2:AJ$366,ROUNDDOWN($C4632/24,0)+1,1)*INDEX($D$3:$AA$30,INDEX(Jesper!$R$2:$R$366,ROW(INDEX(Jesper!AJ$2:AJ$366,ROUNDDOWN($C4632/24,0)+1,1))-1)+IF('Standard Profiles'!$G$20=$B$10,7,0)+IF('Standard Profiles'!$G$20=$B$17,14,0)+IF('Standard Profiles'!$G$20=$B$24,21,0),MOD($C4632,24)+1)/SUM(INDEX($D$3:$AA$30,INDEX(Jesper!$R$2:$R$366,ROW(INDEX(Jesper!AJ$2:AJ$366,ROUNDDOWN($C4632/24,0)+1,1))-1)+IF('Standard Profiles'!$G$20=$B$10,7,0)+IF('Standard Profiles'!$G$20=$B$17,14,0)+IF('Standard Profiles'!$G$20=$B$24,21,0),0)),0)</f>
        <v>0</v>
      </c>
      <c r="G4632" cm="1">
        <f t="array" ref="G4632">IFERROR(INDEX(Jesper!AK$2:AK$366,ROUNDDOWN($C4632/24,0)+1,1)*INDEX($D$3:$AA$30,INDEX(Jesper!$R$2:$R$366,ROW(INDEX(Jesper!AK$2:AK$366,ROUNDDOWN($C4632/24,0)+1,1))-1)+IF('Standard Profiles'!$G$21=$B$10,7,0)+IF('Standard Profiles'!$G$21=$B$17,14,0)+IF('Standard Profiles'!$G$21=$B$24,21,0),MOD($C4632,24)+1)/SUM(INDEX($D$3:$AA$30,INDEX(Jesper!$R$2:$R$366,ROW(INDEX(Jesper!AK$2:AK$366,ROUNDDOWN($C4632/24,0)+1,1))-1)+IF('Standard Profiles'!$G$21=$B$10,7,0)+IF('Standard Profiles'!$G$21=$B$17,14,0)+IF('Standard Profiles'!$G$21=$B$24,21,0),0)),0)</f>
        <v>0</v>
      </c>
      <c r="H4632" cm="1">
        <f t="array" ref="H4632">IFERROR(INDEX(Jesper!AL$2:AL$366,ROUNDDOWN($C4632/24,0)+1,1)*INDEX($D$3:$AA$30,INDEX(Jesper!$R$2:$R$366,ROW(INDEX(Jesper!AL$2:AL$366,ROUNDDOWN($C4632/24,0)+1,1))-1)+IF('Standard Profiles'!$G$22=$B$10,7,0)+IF('Standard Profiles'!$G$22=$B$17,14,0)+IF('Standard Profiles'!$G$22=$B$24,21,0),MOD($C4632,24)+1)/SUM(INDEX($D$3:$AA$30,INDEX(Jesper!$R$2:$R$366,ROW(INDEX(Jesper!AL$2:AL$366,ROUNDDOWN($C4632/24,0)+1,1))-1)+IF('Standard Profiles'!$G$22=$B$10,7,0)+IF('Standard Profiles'!$G$22=$B$17,14,0)+IF('Standard Profiles'!$G$22=$B$24,21,0),0)),0)</f>
        <v>0</v>
      </c>
      <c r="I4632">
        <f t="shared" si="517"/>
        <v>0</v>
      </c>
      <c r="J4632">
        <f t="shared" si="518"/>
        <v>36.928745007802654</v>
      </c>
      <c r="K4632">
        <f t="shared" si="519"/>
        <v>3.3018720876720771</v>
      </c>
      <c r="L4632">
        <f t="shared" si="520"/>
        <v>1.6509360438360385</v>
      </c>
      <c r="M4632">
        <f t="shared" si="521"/>
        <v>0</v>
      </c>
      <c r="N4632" s="45">
        <f t="shared" si="522"/>
        <v>45118.583333322182</v>
      </c>
    </row>
    <row r="4633" spans="2:14" x14ac:dyDescent="0.25">
      <c r="B4633">
        <f t="shared" si="516"/>
        <v>2</v>
      </c>
      <c r="C4633" s="16">
        <v>4599</v>
      </c>
      <c r="D4633" cm="1">
        <f t="array" ref="D4633">IFERROR(INDEX(Jesper!AH$2:AH$366,ROUNDDOWN($C4633/24,0)+1,1)*INDEX($D$3:$AA$30,INDEX(Jesper!$R$2:$R$366,ROW(INDEX(Jesper!AH$2:AH$366,ROUNDDOWN($C4633/24,0)+1,1))-1)+IF('Standard Profiles'!$G$18=$B$10,7,0)+IF('Standard Profiles'!$G$18=$B$17,14,0)+IF('Standard Profiles'!$G$18=$B$24,21,0),MOD($C4633,24)+1)/SUM(INDEX($D$3:$AA$30,INDEX(Jesper!$R$2:$R$366,ROW(INDEX(Jesper!AH$2:AH$366,ROUNDDOWN($C4633/24,0)+1,1))-1)+IF('Standard Profiles'!$G$18=$B$10,7,0)+IF('Standard Profiles'!$G$18=$B$17,14,0)+IF('Standard Profiles'!$G$18=$B$24,21,0),0)),0)</f>
        <v>30.95505082192572</v>
      </c>
      <c r="E4633" cm="1">
        <f t="array" ref="E4633">IFERROR(INDEX(Jesper!AI$2:AI$366,ROUNDDOWN($C4633/24,0)+1,1)*INDEX($D$3:$AA$30,INDEX(Jesper!$R$2:$R$366,ROW(INDEX(Jesper!AI$2:AI$366,ROUNDDOWN($C4633/24,0)+1,1))-1)+IF('Standard Profiles'!$G$19=$B$10,7,0)+IF('Standard Profiles'!$G$19=$B$17,14,0)+IF('Standard Profiles'!$G$19=$B$24,21,0),MOD($C4633,24)+1)/SUM(INDEX($D$3:$AA$30,INDEX(Jesper!$R$2:$R$366,ROW(INDEX(Jesper!AI$2:AI$366,ROUNDDOWN($C4633/24,0)+1,1))-1)+IF('Standard Profiles'!$G$19=$B$10,7,0)+IF('Standard Profiles'!$G$19=$B$17,14,0)+IF('Standard Profiles'!$G$19=$B$24,21,0),0)),0)</f>
        <v>10.926502317385049</v>
      </c>
      <c r="F4633" cm="1">
        <f t="array" ref="F4633">IFERROR(INDEX(Jesper!AJ$2:AJ$366,ROUNDDOWN($C4633/24,0)+1,1)*INDEX($D$3:$AA$30,INDEX(Jesper!$R$2:$R$366,ROW(INDEX(Jesper!AJ$2:AJ$366,ROUNDDOWN($C4633/24,0)+1,1))-1)+IF('Standard Profiles'!$G$20=$B$10,7,0)+IF('Standard Profiles'!$G$20=$B$17,14,0)+IF('Standard Profiles'!$G$20=$B$24,21,0),MOD($C4633,24)+1)/SUM(INDEX($D$3:$AA$30,INDEX(Jesper!$R$2:$R$366,ROW(INDEX(Jesper!AJ$2:AJ$366,ROUNDDOWN($C4633/24,0)+1,1))-1)+IF('Standard Profiles'!$G$20=$B$10,7,0)+IF('Standard Profiles'!$G$20=$B$17,14,0)+IF('Standard Profiles'!$G$20=$B$24,21,0),0)),0)</f>
        <v>0</v>
      </c>
      <c r="G4633" cm="1">
        <f t="array" ref="G4633">IFERROR(INDEX(Jesper!AK$2:AK$366,ROUNDDOWN($C4633/24,0)+1,1)*INDEX($D$3:$AA$30,INDEX(Jesper!$R$2:$R$366,ROW(INDEX(Jesper!AK$2:AK$366,ROUNDDOWN($C4633/24,0)+1,1))-1)+IF('Standard Profiles'!$G$21=$B$10,7,0)+IF('Standard Profiles'!$G$21=$B$17,14,0)+IF('Standard Profiles'!$G$21=$B$24,21,0),MOD($C4633,24)+1)/SUM(INDEX($D$3:$AA$30,INDEX(Jesper!$R$2:$R$366,ROW(INDEX(Jesper!AK$2:AK$366,ROUNDDOWN($C4633/24,0)+1,1))-1)+IF('Standard Profiles'!$G$21=$B$10,7,0)+IF('Standard Profiles'!$G$21=$B$17,14,0)+IF('Standard Profiles'!$G$21=$B$24,21,0),0)),0)</f>
        <v>0</v>
      </c>
      <c r="H4633" cm="1">
        <f t="array" ref="H4633">IFERROR(INDEX(Jesper!AL$2:AL$366,ROUNDDOWN($C4633/24,0)+1,1)*INDEX($D$3:$AA$30,INDEX(Jesper!$R$2:$R$366,ROW(INDEX(Jesper!AL$2:AL$366,ROUNDDOWN($C4633/24,0)+1,1))-1)+IF('Standard Profiles'!$G$22=$B$10,7,0)+IF('Standard Profiles'!$G$22=$B$17,14,0)+IF('Standard Profiles'!$G$22=$B$24,21,0),MOD($C4633,24)+1)/SUM(INDEX($D$3:$AA$30,INDEX(Jesper!$R$2:$R$366,ROW(INDEX(Jesper!AL$2:AL$366,ROUNDDOWN($C4633/24,0)+1,1))-1)+IF('Standard Profiles'!$G$22=$B$10,7,0)+IF('Standard Profiles'!$G$22=$B$17,14,0)+IF('Standard Profiles'!$G$22=$B$24,21,0),0)),0)</f>
        <v>0</v>
      </c>
      <c r="I4633">
        <f t="shared" si="517"/>
        <v>0</v>
      </c>
      <c r="J4633">
        <f t="shared" si="518"/>
        <v>36.928745007802654</v>
      </c>
      <c r="K4633">
        <f t="shared" si="519"/>
        <v>3.3018720876720771</v>
      </c>
      <c r="L4633">
        <f t="shared" si="520"/>
        <v>1.6509360438360385</v>
      </c>
      <c r="M4633">
        <f t="shared" si="521"/>
        <v>0</v>
      </c>
      <c r="N4633" s="45">
        <f t="shared" si="522"/>
        <v>45118.624999988846</v>
      </c>
    </row>
    <row r="4634" spans="2:14" x14ac:dyDescent="0.25">
      <c r="B4634">
        <f t="shared" si="516"/>
        <v>2</v>
      </c>
      <c r="C4634" s="16">
        <v>4600</v>
      </c>
      <c r="D4634" cm="1">
        <f t="array" ref="D4634">IFERROR(INDEX(Jesper!AH$2:AH$366,ROUNDDOWN($C4634/24,0)+1,1)*INDEX($D$3:$AA$30,INDEX(Jesper!$R$2:$R$366,ROW(INDEX(Jesper!AH$2:AH$366,ROUNDDOWN($C4634/24,0)+1,1))-1)+IF('Standard Profiles'!$G$18=$B$10,7,0)+IF('Standard Profiles'!$G$18=$B$17,14,0)+IF('Standard Profiles'!$G$18=$B$24,21,0),MOD($C4634,24)+1)/SUM(INDEX($D$3:$AA$30,INDEX(Jesper!$R$2:$R$366,ROW(INDEX(Jesper!AH$2:AH$366,ROUNDDOWN($C4634/24,0)+1,1))-1)+IF('Standard Profiles'!$G$18=$B$10,7,0)+IF('Standard Profiles'!$G$18=$B$17,14,0)+IF('Standard Profiles'!$G$18=$B$24,21,0),0)),0)</f>
        <v>18.24136923434909</v>
      </c>
      <c r="E4634" cm="1">
        <f t="array" ref="E4634">IFERROR(INDEX(Jesper!AI$2:AI$366,ROUNDDOWN($C4634/24,0)+1,1)*INDEX($D$3:$AA$30,INDEX(Jesper!$R$2:$R$366,ROW(INDEX(Jesper!AI$2:AI$366,ROUNDDOWN($C4634/24,0)+1,1))-1)+IF('Standard Profiles'!$G$19=$B$10,7,0)+IF('Standard Profiles'!$G$19=$B$17,14,0)+IF('Standard Profiles'!$G$19=$B$24,21,0),MOD($C4634,24)+1)/SUM(INDEX($D$3:$AA$30,INDEX(Jesper!$R$2:$R$366,ROW(INDEX(Jesper!AI$2:AI$366,ROUNDDOWN($C4634/24,0)+1,1))-1)+IF('Standard Profiles'!$G$19=$B$10,7,0)+IF('Standard Profiles'!$G$19=$B$17,14,0)+IF('Standard Profiles'!$G$19=$B$24,21,0),0)),0)</f>
        <v>6.4388317227447613</v>
      </c>
      <c r="F4634" cm="1">
        <f t="array" ref="F4634">IFERROR(INDEX(Jesper!AJ$2:AJ$366,ROUNDDOWN($C4634/24,0)+1,1)*INDEX($D$3:$AA$30,INDEX(Jesper!$R$2:$R$366,ROW(INDEX(Jesper!AJ$2:AJ$366,ROUNDDOWN($C4634/24,0)+1,1))-1)+IF('Standard Profiles'!$G$20=$B$10,7,0)+IF('Standard Profiles'!$G$20=$B$17,14,0)+IF('Standard Profiles'!$G$20=$B$24,21,0),MOD($C4634,24)+1)/SUM(INDEX($D$3:$AA$30,INDEX(Jesper!$R$2:$R$366,ROW(INDEX(Jesper!AJ$2:AJ$366,ROUNDDOWN($C4634/24,0)+1,1))-1)+IF('Standard Profiles'!$G$20=$B$10,7,0)+IF('Standard Profiles'!$G$20=$B$17,14,0)+IF('Standard Profiles'!$G$20=$B$24,21,0),0)),0)</f>
        <v>0</v>
      </c>
      <c r="G4634" cm="1">
        <f t="array" ref="G4634">IFERROR(INDEX(Jesper!AK$2:AK$366,ROUNDDOWN($C4634/24,0)+1,1)*INDEX($D$3:$AA$30,INDEX(Jesper!$R$2:$R$366,ROW(INDEX(Jesper!AK$2:AK$366,ROUNDDOWN($C4634/24,0)+1,1))-1)+IF('Standard Profiles'!$G$21=$B$10,7,0)+IF('Standard Profiles'!$G$21=$B$17,14,0)+IF('Standard Profiles'!$G$21=$B$24,21,0),MOD($C4634,24)+1)/SUM(INDEX($D$3:$AA$30,INDEX(Jesper!$R$2:$R$366,ROW(INDEX(Jesper!AK$2:AK$366,ROUNDDOWN($C4634/24,0)+1,1))-1)+IF('Standard Profiles'!$G$21=$B$10,7,0)+IF('Standard Profiles'!$G$21=$B$17,14,0)+IF('Standard Profiles'!$G$21=$B$24,21,0),0)),0)</f>
        <v>0</v>
      </c>
      <c r="H4634" cm="1">
        <f t="array" ref="H4634">IFERROR(INDEX(Jesper!AL$2:AL$366,ROUNDDOWN($C4634/24,0)+1,1)*INDEX($D$3:$AA$30,INDEX(Jesper!$R$2:$R$366,ROW(INDEX(Jesper!AL$2:AL$366,ROUNDDOWN($C4634/24,0)+1,1))-1)+IF('Standard Profiles'!$G$22=$B$10,7,0)+IF('Standard Profiles'!$G$22=$B$17,14,0)+IF('Standard Profiles'!$G$22=$B$24,21,0),MOD($C4634,24)+1)/SUM(INDEX($D$3:$AA$30,INDEX(Jesper!$R$2:$R$366,ROW(INDEX(Jesper!AL$2:AL$366,ROUNDDOWN($C4634/24,0)+1,1))-1)+IF('Standard Profiles'!$G$22=$B$10,7,0)+IF('Standard Profiles'!$G$22=$B$17,14,0)+IF('Standard Profiles'!$G$22=$B$24,21,0),0)),0)</f>
        <v>0</v>
      </c>
      <c r="I4634">
        <f t="shared" si="517"/>
        <v>0</v>
      </c>
      <c r="J4634">
        <f t="shared" si="518"/>
        <v>21.761581879597998</v>
      </c>
      <c r="K4634">
        <f t="shared" si="519"/>
        <v>1.9457460516639031</v>
      </c>
      <c r="L4634">
        <f t="shared" si="520"/>
        <v>0.97287302583195157</v>
      </c>
      <c r="M4634">
        <f t="shared" si="521"/>
        <v>0</v>
      </c>
      <c r="N4634" s="45">
        <f t="shared" si="522"/>
        <v>45118.66666665551</v>
      </c>
    </row>
    <row r="4635" spans="2:14" x14ac:dyDescent="0.25">
      <c r="B4635">
        <f t="shared" si="516"/>
        <v>2</v>
      </c>
      <c r="C4635" s="16">
        <v>4601</v>
      </c>
      <c r="D4635" cm="1">
        <f t="array" ref="D4635">IFERROR(INDEX(Jesper!AH$2:AH$366,ROUNDDOWN($C4635/24,0)+1,1)*INDEX($D$3:$AA$30,INDEX(Jesper!$R$2:$R$366,ROW(INDEX(Jesper!AH$2:AH$366,ROUNDDOWN($C4635/24,0)+1,1))-1)+IF('Standard Profiles'!$G$18=$B$10,7,0)+IF('Standard Profiles'!$G$18=$B$17,14,0)+IF('Standard Profiles'!$G$18=$B$24,21,0),MOD($C4635,24)+1)/SUM(INDEX($D$3:$AA$30,INDEX(Jesper!$R$2:$R$366,ROW(INDEX(Jesper!AH$2:AH$366,ROUNDDOWN($C4635/24,0)+1,1))-1)+IF('Standard Profiles'!$G$18=$B$10,7,0)+IF('Standard Profiles'!$G$18=$B$17,14,0)+IF('Standard Profiles'!$G$18=$B$24,21,0),0)),0)</f>
        <v>7.7854755588344391</v>
      </c>
      <c r="E4635" cm="1">
        <f t="array" ref="E4635">IFERROR(INDEX(Jesper!AI$2:AI$366,ROUNDDOWN($C4635/24,0)+1,1)*INDEX($D$3:$AA$30,INDEX(Jesper!$R$2:$R$366,ROW(INDEX(Jesper!AI$2:AI$366,ROUNDDOWN($C4635/24,0)+1,1))-1)+IF('Standard Profiles'!$G$19=$B$10,7,0)+IF('Standard Profiles'!$G$19=$B$17,14,0)+IF('Standard Profiles'!$G$19=$B$24,21,0),MOD($C4635,24)+1)/SUM(INDEX($D$3:$AA$30,INDEX(Jesper!$R$2:$R$366,ROW(INDEX(Jesper!AI$2:AI$366,ROUNDDOWN($C4635/24,0)+1,1))-1)+IF('Standard Profiles'!$G$19=$B$10,7,0)+IF('Standard Profiles'!$G$19=$B$17,14,0)+IF('Standard Profiles'!$G$19=$B$24,21,0),0)),0)</f>
        <v>2.7481142649358778</v>
      </c>
      <c r="F4635" cm="1">
        <f t="array" ref="F4635">IFERROR(INDEX(Jesper!AJ$2:AJ$366,ROUNDDOWN($C4635/24,0)+1,1)*INDEX($D$3:$AA$30,INDEX(Jesper!$R$2:$R$366,ROW(INDEX(Jesper!AJ$2:AJ$366,ROUNDDOWN($C4635/24,0)+1,1))-1)+IF('Standard Profiles'!$G$20=$B$10,7,0)+IF('Standard Profiles'!$G$20=$B$17,14,0)+IF('Standard Profiles'!$G$20=$B$24,21,0),MOD($C4635,24)+1)/SUM(INDEX($D$3:$AA$30,INDEX(Jesper!$R$2:$R$366,ROW(INDEX(Jesper!AJ$2:AJ$366,ROUNDDOWN($C4635/24,0)+1,1))-1)+IF('Standard Profiles'!$G$20=$B$10,7,0)+IF('Standard Profiles'!$G$20=$B$17,14,0)+IF('Standard Profiles'!$G$20=$B$24,21,0),0)),0)</f>
        <v>0</v>
      </c>
      <c r="G4635" cm="1">
        <f t="array" ref="G4635">IFERROR(INDEX(Jesper!AK$2:AK$366,ROUNDDOWN($C4635/24,0)+1,1)*INDEX($D$3:$AA$30,INDEX(Jesper!$R$2:$R$366,ROW(INDEX(Jesper!AK$2:AK$366,ROUNDDOWN($C4635/24,0)+1,1))-1)+IF('Standard Profiles'!$G$21=$B$10,7,0)+IF('Standard Profiles'!$G$21=$B$17,14,0)+IF('Standard Profiles'!$G$21=$B$24,21,0),MOD($C4635,24)+1)/SUM(INDEX($D$3:$AA$30,INDEX(Jesper!$R$2:$R$366,ROW(INDEX(Jesper!AK$2:AK$366,ROUNDDOWN($C4635/24,0)+1,1))-1)+IF('Standard Profiles'!$G$21=$B$10,7,0)+IF('Standard Profiles'!$G$21=$B$17,14,0)+IF('Standard Profiles'!$G$21=$B$24,21,0),0)),0)</f>
        <v>0</v>
      </c>
      <c r="H4635" cm="1">
        <f t="array" ref="H4635">IFERROR(INDEX(Jesper!AL$2:AL$366,ROUNDDOWN($C4635/24,0)+1,1)*INDEX($D$3:$AA$30,INDEX(Jesper!$R$2:$R$366,ROW(INDEX(Jesper!AL$2:AL$366,ROUNDDOWN($C4635/24,0)+1,1))-1)+IF('Standard Profiles'!$G$22=$B$10,7,0)+IF('Standard Profiles'!$G$22=$B$17,14,0)+IF('Standard Profiles'!$G$22=$B$24,21,0),MOD($C4635,24)+1)/SUM(INDEX($D$3:$AA$30,INDEX(Jesper!$R$2:$R$366,ROW(INDEX(Jesper!AL$2:AL$366,ROUNDDOWN($C4635/24,0)+1,1))-1)+IF('Standard Profiles'!$G$22=$B$10,7,0)+IF('Standard Profiles'!$G$22=$B$17,14,0)+IF('Standard Profiles'!$G$22=$B$24,21,0),0)),0)</f>
        <v>0</v>
      </c>
      <c r="I4635">
        <f t="shared" si="517"/>
        <v>0</v>
      </c>
      <c r="J4635">
        <f t="shared" si="518"/>
        <v>9.2879137343568061</v>
      </c>
      <c r="K4635">
        <f t="shared" si="519"/>
        <v>0.83045072627567351</v>
      </c>
      <c r="L4635">
        <f t="shared" si="520"/>
        <v>0.41522536313783676</v>
      </c>
      <c r="M4635">
        <f t="shared" si="521"/>
        <v>0</v>
      </c>
      <c r="N4635" s="45">
        <f t="shared" si="522"/>
        <v>45118.708333322174</v>
      </c>
    </row>
    <row r="4636" spans="2:14" x14ac:dyDescent="0.25">
      <c r="B4636">
        <f t="shared" si="516"/>
        <v>2</v>
      </c>
      <c r="C4636" s="16">
        <v>4602</v>
      </c>
      <c r="D4636" cm="1">
        <f t="array" ref="D4636">IFERROR(INDEX(Jesper!AH$2:AH$366,ROUNDDOWN($C4636/24,0)+1,1)*INDEX($D$3:$AA$30,INDEX(Jesper!$R$2:$R$366,ROW(INDEX(Jesper!AH$2:AH$366,ROUNDDOWN($C4636/24,0)+1,1))-1)+IF('Standard Profiles'!$G$18=$B$10,7,0)+IF('Standard Profiles'!$G$18=$B$17,14,0)+IF('Standard Profiles'!$G$18=$B$24,21,0),MOD($C4636,24)+1)/SUM(INDEX($D$3:$AA$30,INDEX(Jesper!$R$2:$R$366,ROW(INDEX(Jesper!AH$2:AH$366,ROUNDDOWN($C4636/24,0)+1,1))-1)+IF('Standard Profiles'!$G$18=$B$10,7,0)+IF('Standard Profiles'!$G$18=$B$17,14,0)+IF('Standard Profiles'!$G$18=$B$24,21,0),0)),0)</f>
        <v>5.138413868830729</v>
      </c>
      <c r="E4636" cm="1">
        <f t="array" ref="E4636">IFERROR(INDEX(Jesper!AI$2:AI$366,ROUNDDOWN($C4636/24,0)+1,1)*INDEX($D$3:$AA$30,INDEX(Jesper!$R$2:$R$366,ROW(INDEX(Jesper!AI$2:AI$366,ROUNDDOWN($C4636/24,0)+1,1))-1)+IF('Standard Profiles'!$G$19=$B$10,7,0)+IF('Standard Profiles'!$G$19=$B$17,14,0)+IF('Standard Profiles'!$G$19=$B$24,21,0),MOD($C4636,24)+1)/SUM(INDEX($D$3:$AA$30,INDEX(Jesper!$R$2:$R$366,ROW(INDEX(Jesper!AI$2:AI$366,ROUNDDOWN($C4636/24,0)+1,1))-1)+IF('Standard Profiles'!$G$19=$B$10,7,0)+IF('Standard Profiles'!$G$19=$B$17,14,0)+IF('Standard Profiles'!$G$19=$B$24,21,0),0)),0)</f>
        <v>1.8137554148576793</v>
      </c>
      <c r="F4636" cm="1">
        <f t="array" ref="F4636">IFERROR(INDEX(Jesper!AJ$2:AJ$366,ROUNDDOWN($C4636/24,0)+1,1)*INDEX($D$3:$AA$30,INDEX(Jesper!$R$2:$R$366,ROW(INDEX(Jesper!AJ$2:AJ$366,ROUNDDOWN($C4636/24,0)+1,1))-1)+IF('Standard Profiles'!$G$20=$B$10,7,0)+IF('Standard Profiles'!$G$20=$B$17,14,0)+IF('Standard Profiles'!$G$20=$B$24,21,0),MOD($C4636,24)+1)/SUM(INDEX($D$3:$AA$30,INDEX(Jesper!$R$2:$R$366,ROW(INDEX(Jesper!AJ$2:AJ$366,ROUNDDOWN($C4636/24,0)+1,1))-1)+IF('Standard Profiles'!$G$20=$B$10,7,0)+IF('Standard Profiles'!$G$20=$B$17,14,0)+IF('Standard Profiles'!$G$20=$B$24,21,0),0)),0)</f>
        <v>0</v>
      </c>
      <c r="G4636" cm="1">
        <f t="array" ref="G4636">IFERROR(INDEX(Jesper!AK$2:AK$366,ROUNDDOWN($C4636/24,0)+1,1)*INDEX($D$3:$AA$30,INDEX(Jesper!$R$2:$R$366,ROW(INDEX(Jesper!AK$2:AK$366,ROUNDDOWN($C4636/24,0)+1,1))-1)+IF('Standard Profiles'!$G$21=$B$10,7,0)+IF('Standard Profiles'!$G$21=$B$17,14,0)+IF('Standard Profiles'!$G$21=$B$24,21,0),MOD($C4636,24)+1)/SUM(INDEX($D$3:$AA$30,INDEX(Jesper!$R$2:$R$366,ROW(INDEX(Jesper!AK$2:AK$366,ROUNDDOWN($C4636/24,0)+1,1))-1)+IF('Standard Profiles'!$G$21=$B$10,7,0)+IF('Standard Profiles'!$G$21=$B$17,14,0)+IF('Standard Profiles'!$G$21=$B$24,21,0),0)),0)</f>
        <v>0</v>
      </c>
      <c r="H4636" cm="1">
        <f t="array" ref="H4636">IFERROR(INDEX(Jesper!AL$2:AL$366,ROUNDDOWN($C4636/24,0)+1,1)*INDEX($D$3:$AA$30,INDEX(Jesper!$R$2:$R$366,ROW(INDEX(Jesper!AL$2:AL$366,ROUNDDOWN($C4636/24,0)+1,1))-1)+IF('Standard Profiles'!$G$22=$B$10,7,0)+IF('Standard Profiles'!$G$22=$B$17,14,0)+IF('Standard Profiles'!$G$22=$B$24,21,0),MOD($C4636,24)+1)/SUM(INDEX($D$3:$AA$30,INDEX(Jesper!$R$2:$R$366,ROW(INDEX(Jesper!AL$2:AL$366,ROUNDDOWN($C4636/24,0)+1,1))-1)+IF('Standard Profiles'!$G$22=$B$10,7,0)+IF('Standard Profiles'!$G$22=$B$17,14,0)+IF('Standard Profiles'!$G$22=$B$24,21,0),0)),0)</f>
        <v>0</v>
      </c>
      <c r="I4636">
        <f t="shared" si="517"/>
        <v>0</v>
      </c>
      <c r="J4636">
        <f t="shared" si="518"/>
        <v>6.1300230646754912</v>
      </c>
      <c r="K4636">
        <f t="shared" si="519"/>
        <v>0.54809747934194442</v>
      </c>
      <c r="L4636">
        <f t="shared" si="520"/>
        <v>0.27404873967097221</v>
      </c>
      <c r="M4636">
        <f t="shared" si="521"/>
        <v>0</v>
      </c>
      <c r="N4636" s="45">
        <f t="shared" si="522"/>
        <v>45118.749999988839</v>
      </c>
    </row>
    <row r="4637" spans="2:14" x14ac:dyDescent="0.25">
      <c r="B4637">
        <f t="shared" si="516"/>
        <v>2</v>
      </c>
      <c r="C4637" s="16">
        <v>4603</v>
      </c>
      <c r="D4637" cm="1">
        <f t="array" ref="D4637">IFERROR(INDEX(Jesper!AH$2:AH$366,ROUNDDOWN($C4637/24,0)+1,1)*INDEX($D$3:$AA$30,INDEX(Jesper!$R$2:$R$366,ROW(INDEX(Jesper!AH$2:AH$366,ROUNDDOWN($C4637/24,0)+1,1))-1)+IF('Standard Profiles'!$G$18=$B$10,7,0)+IF('Standard Profiles'!$G$18=$B$17,14,0)+IF('Standard Profiles'!$G$18=$B$24,21,0),MOD($C4637,24)+1)/SUM(INDEX($D$3:$AA$30,INDEX(Jesper!$R$2:$R$366,ROW(INDEX(Jesper!AH$2:AH$366,ROUNDDOWN($C4637/24,0)+1,1))-1)+IF('Standard Profiles'!$G$18=$B$10,7,0)+IF('Standard Profiles'!$G$18=$B$17,14,0)+IF('Standard Profiles'!$G$18=$B$24,21,0),0)),0)</f>
        <v>5.138413868830729</v>
      </c>
      <c r="E4637" cm="1">
        <f t="array" ref="E4637">IFERROR(INDEX(Jesper!AI$2:AI$366,ROUNDDOWN($C4637/24,0)+1,1)*INDEX($D$3:$AA$30,INDEX(Jesper!$R$2:$R$366,ROW(INDEX(Jesper!AI$2:AI$366,ROUNDDOWN($C4637/24,0)+1,1))-1)+IF('Standard Profiles'!$G$19=$B$10,7,0)+IF('Standard Profiles'!$G$19=$B$17,14,0)+IF('Standard Profiles'!$G$19=$B$24,21,0),MOD($C4637,24)+1)/SUM(INDEX($D$3:$AA$30,INDEX(Jesper!$R$2:$R$366,ROW(INDEX(Jesper!AI$2:AI$366,ROUNDDOWN($C4637/24,0)+1,1))-1)+IF('Standard Profiles'!$G$19=$B$10,7,0)+IF('Standard Profiles'!$G$19=$B$17,14,0)+IF('Standard Profiles'!$G$19=$B$24,21,0),0)),0)</f>
        <v>1.8137554148576793</v>
      </c>
      <c r="F4637" cm="1">
        <f t="array" ref="F4637">IFERROR(INDEX(Jesper!AJ$2:AJ$366,ROUNDDOWN($C4637/24,0)+1,1)*INDEX($D$3:$AA$30,INDEX(Jesper!$R$2:$R$366,ROW(INDEX(Jesper!AJ$2:AJ$366,ROUNDDOWN($C4637/24,0)+1,1))-1)+IF('Standard Profiles'!$G$20=$B$10,7,0)+IF('Standard Profiles'!$G$20=$B$17,14,0)+IF('Standard Profiles'!$G$20=$B$24,21,0),MOD($C4637,24)+1)/SUM(INDEX($D$3:$AA$30,INDEX(Jesper!$R$2:$R$366,ROW(INDEX(Jesper!AJ$2:AJ$366,ROUNDDOWN($C4637/24,0)+1,1))-1)+IF('Standard Profiles'!$G$20=$B$10,7,0)+IF('Standard Profiles'!$G$20=$B$17,14,0)+IF('Standard Profiles'!$G$20=$B$24,21,0),0)),0)</f>
        <v>0</v>
      </c>
      <c r="G4637" cm="1">
        <f t="array" ref="G4637">IFERROR(INDEX(Jesper!AK$2:AK$366,ROUNDDOWN($C4637/24,0)+1,1)*INDEX($D$3:$AA$30,INDEX(Jesper!$R$2:$R$366,ROW(INDEX(Jesper!AK$2:AK$366,ROUNDDOWN($C4637/24,0)+1,1))-1)+IF('Standard Profiles'!$G$21=$B$10,7,0)+IF('Standard Profiles'!$G$21=$B$17,14,0)+IF('Standard Profiles'!$G$21=$B$24,21,0),MOD($C4637,24)+1)/SUM(INDEX($D$3:$AA$30,INDEX(Jesper!$R$2:$R$366,ROW(INDEX(Jesper!AK$2:AK$366,ROUNDDOWN($C4637/24,0)+1,1))-1)+IF('Standard Profiles'!$G$21=$B$10,7,0)+IF('Standard Profiles'!$G$21=$B$17,14,0)+IF('Standard Profiles'!$G$21=$B$24,21,0),0)),0)</f>
        <v>0</v>
      </c>
      <c r="H4637" cm="1">
        <f t="array" ref="H4637">IFERROR(INDEX(Jesper!AL$2:AL$366,ROUNDDOWN($C4637/24,0)+1,1)*INDEX($D$3:$AA$30,INDEX(Jesper!$R$2:$R$366,ROW(INDEX(Jesper!AL$2:AL$366,ROUNDDOWN($C4637/24,0)+1,1))-1)+IF('Standard Profiles'!$G$22=$B$10,7,0)+IF('Standard Profiles'!$G$22=$B$17,14,0)+IF('Standard Profiles'!$G$22=$B$24,21,0),MOD($C4637,24)+1)/SUM(INDEX($D$3:$AA$30,INDEX(Jesper!$R$2:$R$366,ROW(INDEX(Jesper!AL$2:AL$366,ROUNDDOWN($C4637/24,0)+1,1))-1)+IF('Standard Profiles'!$G$22=$B$10,7,0)+IF('Standard Profiles'!$G$22=$B$17,14,0)+IF('Standard Profiles'!$G$22=$B$24,21,0),0)),0)</f>
        <v>0</v>
      </c>
      <c r="I4637">
        <f t="shared" si="517"/>
        <v>0</v>
      </c>
      <c r="J4637">
        <f t="shared" si="518"/>
        <v>6.1300230646754912</v>
      </c>
      <c r="K4637">
        <f t="shared" si="519"/>
        <v>0.54809747934194442</v>
      </c>
      <c r="L4637">
        <f t="shared" si="520"/>
        <v>0.27404873967097221</v>
      </c>
      <c r="M4637">
        <f t="shared" si="521"/>
        <v>0</v>
      </c>
      <c r="N4637" s="45">
        <f t="shared" si="522"/>
        <v>45118.791666655503</v>
      </c>
    </row>
    <row r="4638" spans="2:14" x14ac:dyDescent="0.25">
      <c r="B4638">
        <f t="shared" si="516"/>
        <v>2</v>
      </c>
      <c r="C4638" s="16">
        <v>4604</v>
      </c>
      <c r="D4638" cm="1">
        <f t="array" ref="D4638">IFERROR(INDEX(Jesper!AH$2:AH$366,ROUNDDOWN($C4638/24,0)+1,1)*INDEX($D$3:$AA$30,INDEX(Jesper!$R$2:$R$366,ROW(INDEX(Jesper!AH$2:AH$366,ROUNDDOWN($C4638/24,0)+1,1))-1)+IF('Standard Profiles'!$G$18=$B$10,7,0)+IF('Standard Profiles'!$G$18=$B$17,14,0)+IF('Standard Profiles'!$G$18=$B$24,21,0),MOD($C4638,24)+1)/SUM(INDEX($D$3:$AA$30,INDEX(Jesper!$R$2:$R$366,ROW(INDEX(Jesper!AH$2:AH$366,ROUNDDOWN($C4638/24,0)+1,1))-1)+IF('Standard Profiles'!$G$18=$B$10,7,0)+IF('Standard Profiles'!$G$18=$B$17,14,0)+IF('Standard Profiles'!$G$18=$B$24,21,0),0)),0)</f>
        <v>5.138413868830729</v>
      </c>
      <c r="E4638" cm="1">
        <f t="array" ref="E4638">IFERROR(INDEX(Jesper!AI$2:AI$366,ROUNDDOWN($C4638/24,0)+1,1)*INDEX($D$3:$AA$30,INDEX(Jesper!$R$2:$R$366,ROW(INDEX(Jesper!AI$2:AI$366,ROUNDDOWN($C4638/24,0)+1,1))-1)+IF('Standard Profiles'!$G$19=$B$10,7,0)+IF('Standard Profiles'!$G$19=$B$17,14,0)+IF('Standard Profiles'!$G$19=$B$24,21,0),MOD($C4638,24)+1)/SUM(INDEX($D$3:$AA$30,INDEX(Jesper!$R$2:$R$366,ROW(INDEX(Jesper!AI$2:AI$366,ROUNDDOWN($C4638/24,0)+1,1))-1)+IF('Standard Profiles'!$G$19=$B$10,7,0)+IF('Standard Profiles'!$G$19=$B$17,14,0)+IF('Standard Profiles'!$G$19=$B$24,21,0),0)),0)</f>
        <v>1.8137554148576793</v>
      </c>
      <c r="F4638" cm="1">
        <f t="array" ref="F4638">IFERROR(INDEX(Jesper!AJ$2:AJ$366,ROUNDDOWN($C4638/24,0)+1,1)*INDEX($D$3:$AA$30,INDEX(Jesper!$R$2:$R$366,ROW(INDEX(Jesper!AJ$2:AJ$366,ROUNDDOWN($C4638/24,0)+1,1))-1)+IF('Standard Profiles'!$G$20=$B$10,7,0)+IF('Standard Profiles'!$G$20=$B$17,14,0)+IF('Standard Profiles'!$G$20=$B$24,21,0),MOD($C4638,24)+1)/SUM(INDEX($D$3:$AA$30,INDEX(Jesper!$R$2:$R$366,ROW(INDEX(Jesper!AJ$2:AJ$366,ROUNDDOWN($C4638/24,0)+1,1))-1)+IF('Standard Profiles'!$G$20=$B$10,7,0)+IF('Standard Profiles'!$G$20=$B$17,14,0)+IF('Standard Profiles'!$G$20=$B$24,21,0),0)),0)</f>
        <v>0</v>
      </c>
      <c r="G4638" cm="1">
        <f t="array" ref="G4638">IFERROR(INDEX(Jesper!AK$2:AK$366,ROUNDDOWN($C4638/24,0)+1,1)*INDEX($D$3:$AA$30,INDEX(Jesper!$R$2:$R$366,ROW(INDEX(Jesper!AK$2:AK$366,ROUNDDOWN($C4638/24,0)+1,1))-1)+IF('Standard Profiles'!$G$21=$B$10,7,0)+IF('Standard Profiles'!$G$21=$B$17,14,0)+IF('Standard Profiles'!$G$21=$B$24,21,0),MOD($C4638,24)+1)/SUM(INDEX($D$3:$AA$30,INDEX(Jesper!$R$2:$R$366,ROW(INDEX(Jesper!AK$2:AK$366,ROUNDDOWN($C4638/24,0)+1,1))-1)+IF('Standard Profiles'!$G$21=$B$10,7,0)+IF('Standard Profiles'!$G$21=$B$17,14,0)+IF('Standard Profiles'!$G$21=$B$24,21,0),0)),0)</f>
        <v>0</v>
      </c>
      <c r="H4638" cm="1">
        <f t="array" ref="H4638">IFERROR(INDEX(Jesper!AL$2:AL$366,ROUNDDOWN($C4638/24,0)+1,1)*INDEX($D$3:$AA$30,INDEX(Jesper!$R$2:$R$366,ROW(INDEX(Jesper!AL$2:AL$366,ROUNDDOWN($C4638/24,0)+1,1))-1)+IF('Standard Profiles'!$G$22=$B$10,7,0)+IF('Standard Profiles'!$G$22=$B$17,14,0)+IF('Standard Profiles'!$G$22=$B$24,21,0),MOD($C4638,24)+1)/SUM(INDEX($D$3:$AA$30,INDEX(Jesper!$R$2:$R$366,ROW(INDEX(Jesper!AL$2:AL$366,ROUNDDOWN($C4638/24,0)+1,1))-1)+IF('Standard Profiles'!$G$22=$B$10,7,0)+IF('Standard Profiles'!$G$22=$B$17,14,0)+IF('Standard Profiles'!$G$22=$B$24,21,0),0)),0)</f>
        <v>0</v>
      </c>
      <c r="I4638">
        <f t="shared" si="517"/>
        <v>0</v>
      </c>
      <c r="J4638">
        <f t="shared" si="518"/>
        <v>6.1300230646754912</v>
      </c>
      <c r="K4638">
        <f t="shared" si="519"/>
        <v>0.54809747934194442</v>
      </c>
      <c r="L4638">
        <f t="shared" si="520"/>
        <v>0.27404873967097221</v>
      </c>
      <c r="M4638">
        <f t="shared" si="521"/>
        <v>0</v>
      </c>
      <c r="N4638" s="45">
        <f t="shared" si="522"/>
        <v>45118.833333322167</v>
      </c>
    </row>
    <row r="4639" spans="2:14" x14ac:dyDescent="0.25">
      <c r="B4639">
        <f t="shared" si="516"/>
        <v>2</v>
      </c>
      <c r="C4639" s="16">
        <v>4605</v>
      </c>
      <c r="D4639" cm="1">
        <f t="array" ref="D4639">IFERROR(INDEX(Jesper!AH$2:AH$366,ROUNDDOWN($C4639/24,0)+1,1)*INDEX($D$3:$AA$30,INDEX(Jesper!$R$2:$R$366,ROW(INDEX(Jesper!AH$2:AH$366,ROUNDDOWN($C4639/24,0)+1,1))-1)+IF('Standard Profiles'!$G$18=$B$10,7,0)+IF('Standard Profiles'!$G$18=$B$17,14,0)+IF('Standard Profiles'!$G$18=$B$24,21,0),MOD($C4639,24)+1)/SUM(INDEX($D$3:$AA$30,INDEX(Jesper!$R$2:$R$366,ROW(INDEX(Jesper!AH$2:AH$366,ROUNDDOWN($C4639/24,0)+1,1))-1)+IF('Standard Profiles'!$G$18=$B$10,7,0)+IF('Standard Profiles'!$G$18=$B$17,14,0)+IF('Standard Profiles'!$G$18=$B$24,21,0),0)),0)</f>
        <v>5.138413868830729</v>
      </c>
      <c r="E4639" cm="1">
        <f t="array" ref="E4639">IFERROR(INDEX(Jesper!AI$2:AI$366,ROUNDDOWN($C4639/24,0)+1,1)*INDEX($D$3:$AA$30,INDEX(Jesper!$R$2:$R$366,ROW(INDEX(Jesper!AI$2:AI$366,ROUNDDOWN($C4639/24,0)+1,1))-1)+IF('Standard Profiles'!$G$19=$B$10,7,0)+IF('Standard Profiles'!$G$19=$B$17,14,0)+IF('Standard Profiles'!$G$19=$B$24,21,0),MOD($C4639,24)+1)/SUM(INDEX($D$3:$AA$30,INDEX(Jesper!$R$2:$R$366,ROW(INDEX(Jesper!AI$2:AI$366,ROUNDDOWN($C4639/24,0)+1,1))-1)+IF('Standard Profiles'!$G$19=$B$10,7,0)+IF('Standard Profiles'!$G$19=$B$17,14,0)+IF('Standard Profiles'!$G$19=$B$24,21,0),0)),0)</f>
        <v>1.8137554148576793</v>
      </c>
      <c r="F4639" cm="1">
        <f t="array" ref="F4639">IFERROR(INDEX(Jesper!AJ$2:AJ$366,ROUNDDOWN($C4639/24,0)+1,1)*INDEX($D$3:$AA$30,INDEX(Jesper!$R$2:$R$366,ROW(INDEX(Jesper!AJ$2:AJ$366,ROUNDDOWN($C4639/24,0)+1,1))-1)+IF('Standard Profiles'!$G$20=$B$10,7,0)+IF('Standard Profiles'!$G$20=$B$17,14,0)+IF('Standard Profiles'!$G$20=$B$24,21,0),MOD($C4639,24)+1)/SUM(INDEX($D$3:$AA$30,INDEX(Jesper!$R$2:$R$366,ROW(INDEX(Jesper!AJ$2:AJ$366,ROUNDDOWN($C4639/24,0)+1,1))-1)+IF('Standard Profiles'!$G$20=$B$10,7,0)+IF('Standard Profiles'!$G$20=$B$17,14,0)+IF('Standard Profiles'!$G$20=$B$24,21,0),0)),0)</f>
        <v>0</v>
      </c>
      <c r="G4639" cm="1">
        <f t="array" ref="G4639">IFERROR(INDEX(Jesper!AK$2:AK$366,ROUNDDOWN($C4639/24,0)+1,1)*INDEX($D$3:$AA$30,INDEX(Jesper!$R$2:$R$366,ROW(INDEX(Jesper!AK$2:AK$366,ROUNDDOWN($C4639/24,0)+1,1))-1)+IF('Standard Profiles'!$G$21=$B$10,7,0)+IF('Standard Profiles'!$G$21=$B$17,14,0)+IF('Standard Profiles'!$G$21=$B$24,21,0),MOD($C4639,24)+1)/SUM(INDEX($D$3:$AA$30,INDEX(Jesper!$R$2:$R$366,ROW(INDEX(Jesper!AK$2:AK$366,ROUNDDOWN($C4639/24,0)+1,1))-1)+IF('Standard Profiles'!$G$21=$B$10,7,0)+IF('Standard Profiles'!$G$21=$B$17,14,0)+IF('Standard Profiles'!$G$21=$B$24,21,0),0)),0)</f>
        <v>0</v>
      </c>
      <c r="H4639" cm="1">
        <f t="array" ref="H4639">IFERROR(INDEX(Jesper!AL$2:AL$366,ROUNDDOWN($C4639/24,0)+1,1)*INDEX($D$3:$AA$30,INDEX(Jesper!$R$2:$R$366,ROW(INDEX(Jesper!AL$2:AL$366,ROUNDDOWN($C4639/24,0)+1,1))-1)+IF('Standard Profiles'!$G$22=$B$10,7,0)+IF('Standard Profiles'!$G$22=$B$17,14,0)+IF('Standard Profiles'!$G$22=$B$24,21,0),MOD($C4639,24)+1)/SUM(INDEX($D$3:$AA$30,INDEX(Jesper!$R$2:$R$366,ROW(INDEX(Jesper!AL$2:AL$366,ROUNDDOWN($C4639/24,0)+1,1))-1)+IF('Standard Profiles'!$G$22=$B$10,7,0)+IF('Standard Profiles'!$G$22=$B$17,14,0)+IF('Standard Profiles'!$G$22=$B$24,21,0),0)),0)</f>
        <v>0</v>
      </c>
      <c r="I4639">
        <f t="shared" si="517"/>
        <v>0</v>
      </c>
      <c r="J4639">
        <f t="shared" si="518"/>
        <v>6.1300230646754912</v>
      </c>
      <c r="K4639">
        <f t="shared" si="519"/>
        <v>0.54809747934194442</v>
      </c>
      <c r="L4639">
        <f t="shared" si="520"/>
        <v>0.27404873967097221</v>
      </c>
      <c r="M4639">
        <f t="shared" si="521"/>
        <v>0</v>
      </c>
      <c r="N4639" s="45">
        <f t="shared" si="522"/>
        <v>45118.874999988831</v>
      </c>
    </row>
    <row r="4640" spans="2:14" x14ac:dyDescent="0.25">
      <c r="B4640">
        <f t="shared" si="516"/>
        <v>2</v>
      </c>
      <c r="C4640" s="16">
        <v>4606</v>
      </c>
      <c r="D4640" cm="1">
        <f t="array" ref="D4640">IFERROR(INDEX(Jesper!AH$2:AH$366,ROUNDDOWN($C4640/24,0)+1,1)*INDEX($D$3:$AA$30,INDEX(Jesper!$R$2:$R$366,ROW(INDEX(Jesper!AH$2:AH$366,ROUNDDOWN($C4640/24,0)+1,1))-1)+IF('Standard Profiles'!$G$18=$B$10,7,0)+IF('Standard Profiles'!$G$18=$B$17,14,0)+IF('Standard Profiles'!$G$18=$B$24,21,0),MOD($C4640,24)+1)/SUM(INDEX($D$3:$AA$30,INDEX(Jesper!$R$2:$R$366,ROW(INDEX(Jesper!AH$2:AH$366,ROUNDDOWN($C4640/24,0)+1,1))-1)+IF('Standard Profiles'!$G$18=$B$10,7,0)+IF('Standard Profiles'!$G$18=$B$17,14,0)+IF('Standard Profiles'!$G$18=$B$24,21,0),0)),0)</f>
        <v>5.138413868830729</v>
      </c>
      <c r="E4640" cm="1">
        <f t="array" ref="E4640">IFERROR(INDEX(Jesper!AI$2:AI$366,ROUNDDOWN($C4640/24,0)+1,1)*INDEX($D$3:$AA$30,INDEX(Jesper!$R$2:$R$366,ROW(INDEX(Jesper!AI$2:AI$366,ROUNDDOWN($C4640/24,0)+1,1))-1)+IF('Standard Profiles'!$G$19=$B$10,7,0)+IF('Standard Profiles'!$G$19=$B$17,14,0)+IF('Standard Profiles'!$G$19=$B$24,21,0),MOD($C4640,24)+1)/SUM(INDEX($D$3:$AA$30,INDEX(Jesper!$R$2:$R$366,ROW(INDEX(Jesper!AI$2:AI$366,ROUNDDOWN($C4640/24,0)+1,1))-1)+IF('Standard Profiles'!$G$19=$B$10,7,0)+IF('Standard Profiles'!$G$19=$B$17,14,0)+IF('Standard Profiles'!$G$19=$B$24,21,0),0)),0)</f>
        <v>1.8137554148576793</v>
      </c>
      <c r="F4640" cm="1">
        <f t="array" ref="F4640">IFERROR(INDEX(Jesper!AJ$2:AJ$366,ROUNDDOWN($C4640/24,0)+1,1)*INDEX($D$3:$AA$30,INDEX(Jesper!$R$2:$R$366,ROW(INDEX(Jesper!AJ$2:AJ$366,ROUNDDOWN($C4640/24,0)+1,1))-1)+IF('Standard Profiles'!$G$20=$B$10,7,0)+IF('Standard Profiles'!$G$20=$B$17,14,0)+IF('Standard Profiles'!$G$20=$B$24,21,0),MOD($C4640,24)+1)/SUM(INDEX($D$3:$AA$30,INDEX(Jesper!$R$2:$R$366,ROW(INDEX(Jesper!AJ$2:AJ$366,ROUNDDOWN($C4640/24,0)+1,1))-1)+IF('Standard Profiles'!$G$20=$B$10,7,0)+IF('Standard Profiles'!$G$20=$B$17,14,0)+IF('Standard Profiles'!$G$20=$B$24,21,0),0)),0)</f>
        <v>0</v>
      </c>
      <c r="G4640" cm="1">
        <f t="array" ref="G4640">IFERROR(INDEX(Jesper!AK$2:AK$366,ROUNDDOWN($C4640/24,0)+1,1)*INDEX($D$3:$AA$30,INDEX(Jesper!$R$2:$R$366,ROW(INDEX(Jesper!AK$2:AK$366,ROUNDDOWN($C4640/24,0)+1,1))-1)+IF('Standard Profiles'!$G$21=$B$10,7,0)+IF('Standard Profiles'!$G$21=$B$17,14,0)+IF('Standard Profiles'!$G$21=$B$24,21,0),MOD($C4640,24)+1)/SUM(INDEX($D$3:$AA$30,INDEX(Jesper!$R$2:$R$366,ROW(INDEX(Jesper!AK$2:AK$366,ROUNDDOWN($C4640/24,0)+1,1))-1)+IF('Standard Profiles'!$G$21=$B$10,7,0)+IF('Standard Profiles'!$G$21=$B$17,14,0)+IF('Standard Profiles'!$G$21=$B$24,21,0),0)),0)</f>
        <v>0</v>
      </c>
      <c r="H4640" cm="1">
        <f t="array" ref="H4640">IFERROR(INDEX(Jesper!AL$2:AL$366,ROUNDDOWN($C4640/24,0)+1,1)*INDEX($D$3:$AA$30,INDEX(Jesper!$R$2:$R$366,ROW(INDEX(Jesper!AL$2:AL$366,ROUNDDOWN($C4640/24,0)+1,1))-1)+IF('Standard Profiles'!$G$22=$B$10,7,0)+IF('Standard Profiles'!$G$22=$B$17,14,0)+IF('Standard Profiles'!$G$22=$B$24,21,0),MOD($C4640,24)+1)/SUM(INDEX($D$3:$AA$30,INDEX(Jesper!$R$2:$R$366,ROW(INDEX(Jesper!AL$2:AL$366,ROUNDDOWN($C4640/24,0)+1,1))-1)+IF('Standard Profiles'!$G$22=$B$10,7,0)+IF('Standard Profiles'!$G$22=$B$17,14,0)+IF('Standard Profiles'!$G$22=$B$24,21,0),0)),0)</f>
        <v>0</v>
      </c>
      <c r="I4640">
        <f t="shared" si="517"/>
        <v>0</v>
      </c>
      <c r="J4640">
        <f t="shared" si="518"/>
        <v>6.1300230646754912</v>
      </c>
      <c r="K4640">
        <f t="shared" si="519"/>
        <v>0.54809747934194442</v>
      </c>
      <c r="L4640">
        <f t="shared" si="520"/>
        <v>0.27404873967097221</v>
      </c>
      <c r="M4640">
        <f t="shared" si="521"/>
        <v>0</v>
      </c>
      <c r="N4640" s="45">
        <f t="shared" si="522"/>
        <v>45118.916666655496</v>
      </c>
    </row>
    <row r="4641" spans="2:14" x14ac:dyDescent="0.25">
      <c r="B4641">
        <f t="shared" si="516"/>
        <v>2</v>
      </c>
      <c r="C4641" s="16">
        <v>4607</v>
      </c>
      <c r="D4641" cm="1">
        <f t="array" ref="D4641">IFERROR(INDEX(Jesper!AH$2:AH$366,ROUNDDOWN($C4641/24,0)+1,1)*INDEX($D$3:$AA$30,INDEX(Jesper!$R$2:$R$366,ROW(INDEX(Jesper!AH$2:AH$366,ROUNDDOWN($C4641/24,0)+1,1))-1)+IF('Standard Profiles'!$G$18=$B$10,7,0)+IF('Standard Profiles'!$G$18=$B$17,14,0)+IF('Standard Profiles'!$G$18=$B$24,21,0),MOD($C4641,24)+1)/SUM(INDEX($D$3:$AA$30,INDEX(Jesper!$R$2:$R$366,ROW(INDEX(Jesper!AH$2:AH$366,ROUNDDOWN($C4641/24,0)+1,1))-1)+IF('Standard Profiles'!$G$18=$B$10,7,0)+IF('Standard Profiles'!$G$18=$B$17,14,0)+IF('Standard Profiles'!$G$18=$B$24,21,0),0)),0)</f>
        <v>5.138413868830729</v>
      </c>
      <c r="E4641" cm="1">
        <f t="array" ref="E4641">IFERROR(INDEX(Jesper!AI$2:AI$366,ROUNDDOWN($C4641/24,0)+1,1)*INDEX($D$3:$AA$30,INDEX(Jesper!$R$2:$R$366,ROW(INDEX(Jesper!AI$2:AI$366,ROUNDDOWN($C4641/24,0)+1,1))-1)+IF('Standard Profiles'!$G$19=$B$10,7,0)+IF('Standard Profiles'!$G$19=$B$17,14,0)+IF('Standard Profiles'!$G$19=$B$24,21,0),MOD($C4641,24)+1)/SUM(INDEX($D$3:$AA$30,INDEX(Jesper!$R$2:$R$366,ROW(INDEX(Jesper!AI$2:AI$366,ROUNDDOWN($C4641/24,0)+1,1))-1)+IF('Standard Profiles'!$G$19=$B$10,7,0)+IF('Standard Profiles'!$G$19=$B$17,14,0)+IF('Standard Profiles'!$G$19=$B$24,21,0),0)),0)</f>
        <v>1.8137554148576793</v>
      </c>
      <c r="F4641" cm="1">
        <f t="array" ref="F4641">IFERROR(INDEX(Jesper!AJ$2:AJ$366,ROUNDDOWN($C4641/24,0)+1,1)*INDEX($D$3:$AA$30,INDEX(Jesper!$R$2:$R$366,ROW(INDEX(Jesper!AJ$2:AJ$366,ROUNDDOWN($C4641/24,0)+1,1))-1)+IF('Standard Profiles'!$G$20=$B$10,7,0)+IF('Standard Profiles'!$G$20=$B$17,14,0)+IF('Standard Profiles'!$G$20=$B$24,21,0),MOD($C4641,24)+1)/SUM(INDEX($D$3:$AA$30,INDEX(Jesper!$R$2:$R$366,ROW(INDEX(Jesper!AJ$2:AJ$366,ROUNDDOWN($C4641/24,0)+1,1))-1)+IF('Standard Profiles'!$G$20=$B$10,7,0)+IF('Standard Profiles'!$G$20=$B$17,14,0)+IF('Standard Profiles'!$G$20=$B$24,21,0),0)),0)</f>
        <v>0</v>
      </c>
      <c r="G4641" cm="1">
        <f t="array" ref="G4641">IFERROR(INDEX(Jesper!AK$2:AK$366,ROUNDDOWN($C4641/24,0)+1,1)*INDEX($D$3:$AA$30,INDEX(Jesper!$R$2:$R$366,ROW(INDEX(Jesper!AK$2:AK$366,ROUNDDOWN($C4641/24,0)+1,1))-1)+IF('Standard Profiles'!$G$21=$B$10,7,0)+IF('Standard Profiles'!$G$21=$B$17,14,0)+IF('Standard Profiles'!$G$21=$B$24,21,0),MOD($C4641,24)+1)/SUM(INDEX($D$3:$AA$30,INDEX(Jesper!$R$2:$R$366,ROW(INDEX(Jesper!AK$2:AK$366,ROUNDDOWN($C4641/24,0)+1,1))-1)+IF('Standard Profiles'!$G$21=$B$10,7,0)+IF('Standard Profiles'!$G$21=$B$17,14,0)+IF('Standard Profiles'!$G$21=$B$24,21,0),0)),0)</f>
        <v>0</v>
      </c>
      <c r="H4641" cm="1">
        <f t="array" ref="H4641">IFERROR(INDEX(Jesper!AL$2:AL$366,ROUNDDOWN($C4641/24,0)+1,1)*INDEX($D$3:$AA$30,INDEX(Jesper!$R$2:$R$366,ROW(INDEX(Jesper!AL$2:AL$366,ROUNDDOWN($C4641/24,0)+1,1))-1)+IF('Standard Profiles'!$G$22=$B$10,7,0)+IF('Standard Profiles'!$G$22=$B$17,14,0)+IF('Standard Profiles'!$G$22=$B$24,21,0),MOD($C4641,24)+1)/SUM(INDEX($D$3:$AA$30,INDEX(Jesper!$R$2:$R$366,ROW(INDEX(Jesper!AL$2:AL$366,ROUNDDOWN($C4641/24,0)+1,1))-1)+IF('Standard Profiles'!$G$22=$B$10,7,0)+IF('Standard Profiles'!$G$22=$B$17,14,0)+IF('Standard Profiles'!$G$22=$B$24,21,0),0)),0)</f>
        <v>0</v>
      </c>
      <c r="I4641">
        <f t="shared" si="517"/>
        <v>0</v>
      </c>
      <c r="J4641">
        <f t="shared" si="518"/>
        <v>6.1300230646754912</v>
      </c>
      <c r="K4641">
        <f t="shared" si="519"/>
        <v>0.54809747934194442</v>
      </c>
      <c r="L4641">
        <f t="shared" si="520"/>
        <v>0.27404873967097221</v>
      </c>
      <c r="M4641">
        <f t="shared" si="521"/>
        <v>0</v>
      </c>
      <c r="N4641" s="45">
        <f t="shared" si="522"/>
        <v>45118.95833332216</v>
      </c>
    </row>
    <row r="4642" spans="2:14" x14ac:dyDescent="0.25">
      <c r="B4642">
        <f t="shared" si="516"/>
        <v>3</v>
      </c>
      <c r="C4642" s="16">
        <v>4608</v>
      </c>
      <c r="D4642" cm="1">
        <f t="array" ref="D4642">IFERROR(INDEX(Jesper!AH$2:AH$366,ROUNDDOWN($C4642/24,0)+1,1)*INDEX($D$3:$AA$30,INDEX(Jesper!$R$2:$R$366,ROW(INDEX(Jesper!AH$2:AH$366,ROUNDDOWN($C4642/24,0)+1,1))-1)+IF('Standard Profiles'!$G$18=$B$10,7,0)+IF('Standard Profiles'!$G$18=$B$17,14,0)+IF('Standard Profiles'!$G$18=$B$24,21,0),MOD($C4642,24)+1)/SUM(INDEX($D$3:$AA$30,INDEX(Jesper!$R$2:$R$366,ROW(INDEX(Jesper!AH$2:AH$366,ROUNDDOWN($C4642/24,0)+1,1))-1)+IF('Standard Profiles'!$G$18=$B$10,7,0)+IF('Standard Profiles'!$G$18=$B$17,14,0)+IF('Standard Profiles'!$G$18=$B$24,21,0),0)),0)</f>
        <v>5.0826178764115006</v>
      </c>
      <c r="E4642" cm="1">
        <f t="array" ref="E4642">IFERROR(INDEX(Jesper!AI$2:AI$366,ROUNDDOWN($C4642/24,0)+1,1)*INDEX($D$3:$AA$30,INDEX(Jesper!$R$2:$R$366,ROW(INDEX(Jesper!AI$2:AI$366,ROUNDDOWN($C4642/24,0)+1,1))-1)+IF('Standard Profiles'!$G$19=$B$10,7,0)+IF('Standard Profiles'!$G$19=$B$17,14,0)+IF('Standard Profiles'!$G$19=$B$24,21,0),MOD($C4642,24)+1)/SUM(INDEX($D$3:$AA$30,INDEX(Jesper!$R$2:$R$366,ROW(INDEX(Jesper!AI$2:AI$366,ROUNDDOWN($C4642/24,0)+1,1))-1)+IF('Standard Profiles'!$G$19=$B$10,7,0)+IF('Standard Profiles'!$G$19=$B$17,14,0)+IF('Standard Profiles'!$G$19=$B$24,21,0),0)),0)</f>
        <v>1.7749576075495077</v>
      </c>
      <c r="F4642" cm="1">
        <f t="array" ref="F4642">IFERROR(INDEX(Jesper!AJ$2:AJ$366,ROUNDDOWN($C4642/24,0)+1,1)*INDEX($D$3:$AA$30,INDEX(Jesper!$R$2:$R$366,ROW(INDEX(Jesper!AJ$2:AJ$366,ROUNDDOWN($C4642/24,0)+1,1))-1)+IF('Standard Profiles'!$G$20=$B$10,7,0)+IF('Standard Profiles'!$G$20=$B$17,14,0)+IF('Standard Profiles'!$G$20=$B$24,21,0),MOD($C4642,24)+1)/SUM(INDEX($D$3:$AA$30,INDEX(Jesper!$R$2:$R$366,ROW(INDEX(Jesper!AJ$2:AJ$366,ROUNDDOWN($C4642/24,0)+1,1))-1)+IF('Standard Profiles'!$G$20=$B$10,7,0)+IF('Standard Profiles'!$G$20=$B$17,14,0)+IF('Standard Profiles'!$G$20=$B$24,21,0),0)),0)</f>
        <v>0</v>
      </c>
      <c r="G4642" cm="1">
        <f t="array" ref="G4642">IFERROR(INDEX(Jesper!AK$2:AK$366,ROUNDDOWN($C4642/24,0)+1,1)*INDEX($D$3:$AA$30,INDEX(Jesper!$R$2:$R$366,ROW(INDEX(Jesper!AK$2:AK$366,ROUNDDOWN($C4642/24,0)+1,1))-1)+IF('Standard Profiles'!$G$21=$B$10,7,0)+IF('Standard Profiles'!$G$21=$B$17,14,0)+IF('Standard Profiles'!$G$21=$B$24,21,0),MOD($C4642,24)+1)/SUM(INDEX($D$3:$AA$30,INDEX(Jesper!$R$2:$R$366,ROW(INDEX(Jesper!AK$2:AK$366,ROUNDDOWN($C4642/24,0)+1,1))-1)+IF('Standard Profiles'!$G$21=$B$10,7,0)+IF('Standard Profiles'!$G$21=$B$17,14,0)+IF('Standard Profiles'!$G$21=$B$24,21,0),0)),0)</f>
        <v>0</v>
      </c>
      <c r="H4642" cm="1">
        <f t="array" ref="H4642">IFERROR(INDEX(Jesper!AL$2:AL$366,ROUNDDOWN($C4642/24,0)+1,1)*INDEX($D$3:$AA$30,INDEX(Jesper!$R$2:$R$366,ROW(INDEX(Jesper!AL$2:AL$366,ROUNDDOWN($C4642/24,0)+1,1))-1)+IF('Standard Profiles'!$G$22=$B$10,7,0)+IF('Standard Profiles'!$G$22=$B$17,14,0)+IF('Standard Profiles'!$G$22=$B$24,21,0),MOD($C4642,24)+1)/SUM(INDEX($D$3:$AA$30,INDEX(Jesper!$R$2:$R$366,ROW(INDEX(Jesper!AL$2:AL$366,ROUNDDOWN($C4642/24,0)+1,1))-1)+IF('Standard Profiles'!$G$22=$B$10,7,0)+IF('Standard Profiles'!$G$22=$B$17,14,0)+IF('Standard Profiles'!$G$22=$B$24,21,0),0)),0)</f>
        <v>0</v>
      </c>
      <c r="I4642">
        <f t="shared" si="517"/>
        <v>0</v>
      </c>
      <c r="J4642">
        <f t="shared" si="518"/>
        <v>6.0443566237351689</v>
      </c>
      <c r="K4642">
        <f t="shared" si="519"/>
        <v>0.54214590681722674</v>
      </c>
      <c r="L4642">
        <f t="shared" si="520"/>
        <v>0.27107295340861337</v>
      </c>
      <c r="M4642">
        <f t="shared" si="521"/>
        <v>0</v>
      </c>
      <c r="N4642" s="45">
        <f t="shared" si="522"/>
        <v>45118.999999988824</v>
      </c>
    </row>
    <row r="4643" spans="2:14" x14ac:dyDescent="0.25">
      <c r="B4643">
        <f t="shared" ref="B4643:B4706" si="523">WEEKDAY(N4643,2)</f>
        <v>3</v>
      </c>
      <c r="C4643" s="16">
        <v>4609</v>
      </c>
      <c r="D4643" cm="1">
        <f t="array" ref="D4643">IFERROR(INDEX(Jesper!AH$2:AH$366,ROUNDDOWN($C4643/24,0)+1,1)*INDEX($D$3:$AA$30,INDEX(Jesper!$R$2:$R$366,ROW(INDEX(Jesper!AH$2:AH$366,ROUNDDOWN($C4643/24,0)+1,1))-1)+IF('Standard Profiles'!$G$18=$B$10,7,0)+IF('Standard Profiles'!$G$18=$B$17,14,0)+IF('Standard Profiles'!$G$18=$B$24,21,0),MOD($C4643,24)+1)/SUM(INDEX($D$3:$AA$30,INDEX(Jesper!$R$2:$R$366,ROW(INDEX(Jesper!AH$2:AH$366,ROUNDDOWN($C4643/24,0)+1,1))-1)+IF('Standard Profiles'!$G$18=$B$10,7,0)+IF('Standard Profiles'!$G$18=$B$17,14,0)+IF('Standard Profiles'!$G$18=$B$24,21,0),0)),0)</f>
        <v>5.0826178764115006</v>
      </c>
      <c r="E4643" cm="1">
        <f t="array" ref="E4643">IFERROR(INDEX(Jesper!AI$2:AI$366,ROUNDDOWN($C4643/24,0)+1,1)*INDEX($D$3:$AA$30,INDEX(Jesper!$R$2:$R$366,ROW(INDEX(Jesper!AI$2:AI$366,ROUNDDOWN($C4643/24,0)+1,1))-1)+IF('Standard Profiles'!$G$19=$B$10,7,0)+IF('Standard Profiles'!$G$19=$B$17,14,0)+IF('Standard Profiles'!$G$19=$B$24,21,0),MOD($C4643,24)+1)/SUM(INDEX($D$3:$AA$30,INDEX(Jesper!$R$2:$R$366,ROW(INDEX(Jesper!AI$2:AI$366,ROUNDDOWN($C4643/24,0)+1,1))-1)+IF('Standard Profiles'!$G$19=$B$10,7,0)+IF('Standard Profiles'!$G$19=$B$17,14,0)+IF('Standard Profiles'!$G$19=$B$24,21,0),0)),0)</f>
        <v>1.7749576075495077</v>
      </c>
      <c r="F4643" cm="1">
        <f t="array" ref="F4643">IFERROR(INDEX(Jesper!AJ$2:AJ$366,ROUNDDOWN($C4643/24,0)+1,1)*INDEX($D$3:$AA$30,INDEX(Jesper!$R$2:$R$366,ROW(INDEX(Jesper!AJ$2:AJ$366,ROUNDDOWN($C4643/24,0)+1,1))-1)+IF('Standard Profiles'!$G$20=$B$10,7,0)+IF('Standard Profiles'!$G$20=$B$17,14,0)+IF('Standard Profiles'!$G$20=$B$24,21,0),MOD($C4643,24)+1)/SUM(INDEX($D$3:$AA$30,INDEX(Jesper!$R$2:$R$366,ROW(INDEX(Jesper!AJ$2:AJ$366,ROUNDDOWN($C4643/24,0)+1,1))-1)+IF('Standard Profiles'!$G$20=$B$10,7,0)+IF('Standard Profiles'!$G$20=$B$17,14,0)+IF('Standard Profiles'!$G$20=$B$24,21,0),0)),0)</f>
        <v>0</v>
      </c>
      <c r="G4643" cm="1">
        <f t="array" ref="G4643">IFERROR(INDEX(Jesper!AK$2:AK$366,ROUNDDOWN($C4643/24,0)+1,1)*INDEX($D$3:$AA$30,INDEX(Jesper!$R$2:$R$366,ROW(INDEX(Jesper!AK$2:AK$366,ROUNDDOWN($C4643/24,0)+1,1))-1)+IF('Standard Profiles'!$G$21=$B$10,7,0)+IF('Standard Profiles'!$G$21=$B$17,14,0)+IF('Standard Profiles'!$G$21=$B$24,21,0),MOD($C4643,24)+1)/SUM(INDEX($D$3:$AA$30,INDEX(Jesper!$R$2:$R$366,ROW(INDEX(Jesper!AK$2:AK$366,ROUNDDOWN($C4643/24,0)+1,1))-1)+IF('Standard Profiles'!$G$21=$B$10,7,0)+IF('Standard Profiles'!$G$21=$B$17,14,0)+IF('Standard Profiles'!$G$21=$B$24,21,0),0)),0)</f>
        <v>0</v>
      </c>
      <c r="H4643" cm="1">
        <f t="array" ref="H4643">IFERROR(INDEX(Jesper!AL$2:AL$366,ROUNDDOWN($C4643/24,0)+1,1)*INDEX($D$3:$AA$30,INDEX(Jesper!$R$2:$R$366,ROW(INDEX(Jesper!AL$2:AL$366,ROUNDDOWN($C4643/24,0)+1,1))-1)+IF('Standard Profiles'!$G$22=$B$10,7,0)+IF('Standard Profiles'!$G$22=$B$17,14,0)+IF('Standard Profiles'!$G$22=$B$24,21,0),MOD($C4643,24)+1)/SUM(INDEX($D$3:$AA$30,INDEX(Jesper!$R$2:$R$366,ROW(INDEX(Jesper!AL$2:AL$366,ROUNDDOWN($C4643/24,0)+1,1))-1)+IF('Standard Profiles'!$G$22=$B$10,7,0)+IF('Standard Profiles'!$G$22=$B$17,14,0)+IF('Standard Profiles'!$G$22=$B$24,21,0),0)),0)</f>
        <v>0</v>
      </c>
      <c r="I4643">
        <f t="shared" ref="I4643:I4706" si="524">IF($B4643&lt;6,AC$37*$D4643+AC$38*$E4643+AC$39*$F4643+AC$40*$G4643,AC$46*$D4643+AC$47*$E4643+AC$48*$F4643+AC$49*$G4643+AC$50*$H4643)</f>
        <v>0</v>
      </c>
      <c r="J4643">
        <f t="shared" ref="J4643:J4706" si="525">IF($B4643&lt;6,AD$37*$D4643+AD$38*$E4643+AD$39*$F4643+AD$40*$G4643,AD$46*$D4643+AD$47*$E4643+AD$48*$F4643+AD$49*$G4643+AD$50*$H4643)</f>
        <v>6.0443566237351689</v>
      </c>
      <c r="K4643">
        <f t="shared" ref="K4643:K4706" si="526">IF($B4643&lt;6,AE$37*$D4643+AE$38*$E4643+AE$39*$F4643+AE$40*$G4643,AE$46*$D4643+AE$47*$E4643+AE$48*$F4643+AE$49*$G4643+AE$50*$H4643)</f>
        <v>0.54214590681722674</v>
      </c>
      <c r="L4643">
        <f t="shared" ref="L4643:L4706" si="527">IF($B4643&lt;6,AF$37*$D4643+AF$38*$E4643+AF$39*$F4643+AF$40*$G4643,AF$46*$D4643+AF$47*$E4643+AF$48*$F4643+AF$49*$G4643+AF$50*$H4643)</f>
        <v>0.27107295340861337</v>
      </c>
      <c r="M4643">
        <f t="shared" ref="M4643:M4706" si="528">IF($B4643&lt;6,AG$37*$D4643+AG$38*$E4643+AG$39*$F4643+AG$40*$G4643,AG$46*$D4643+AG$47*$E4643+AG$48*$F4643+AG$49*$G4643+AG$50*$H4643)</f>
        <v>0</v>
      </c>
      <c r="N4643" s="45">
        <f t="shared" si="522"/>
        <v>45119.041666655488</v>
      </c>
    </row>
    <row r="4644" spans="2:14" x14ac:dyDescent="0.25">
      <c r="B4644">
        <f t="shared" si="523"/>
        <v>3</v>
      </c>
      <c r="C4644" s="16">
        <v>4610</v>
      </c>
      <c r="D4644" cm="1">
        <f t="array" ref="D4644">IFERROR(INDEX(Jesper!AH$2:AH$366,ROUNDDOWN($C4644/24,0)+1,1)*INDEX($D$3:$AA$30,INDEX(Jesper!$R$2:$R$366,ROW(INDEX(Jesper!AH$2:AH$366,ROUNDDOWN($C4644/24,0)+1,1))-1)+IF('Standard Profiles'!$G$18=$B$10,7,0)+IF('Standard Profiles'!$G$18=$B$17,14,0)+IF('Standard Profiles'!$G$18=$B$24,21,0),MOD($C4644,24)+1)/SUM(INDEX($D$3:$AA$30,INDEX(Jesper!$R$2:$R$366,ROW(INDEX(Jesper!AH$2:AH$366,ROUNDDOWN($C4644/24,0)+1,1))-1)+IF('Standard Profiles'!$G$18=$B$10,7,0)+IF('Standard Profiles'!$G$18=$B$17,14,0)+IF('Standard Profiles'!$G$18=$B$24,21,0),0)),0)</f>
        <v>5.0826178764115006</v>
      </c>
      <c r="E4644" cm="1">
        <f t="array" ref="E4644">IFERROR(INDEX(Jesper!AI$2:AI$366,ROUNDDOWN($C4644/24,0)+1,1)*INDEX($D$3:$AA$30,INDEX(Jesper!$R$2:$R$366,ROW(INDEX(Jesper!AI$2:AI$366,ROUNDDOWN($C4644/24,0)+1,1))-1)+IF('Standard Profiles'!$G$19=$B$10,7,0)+IF('Standard Profiles'!$G$19=$B$17,14,0)+IF('Standard Profiles'!$G$19=$B$24,21,0),MOD($C4644,24)+1)/SUM(INDEX($D$3:$AA$30,INDEX(Jesper!$R$2:$R$366,ROW(INDEX(Jesper!AI$2:AI$366,ROUNDDOWN($C4644/24,0)+1,1))-1)+IF('Standard Profiles'!$G$19=$B$10,7,0)+IF('Standard Profiles'!$G$19=$B$17,14,0)+IF('Standard Profiles'!$G$19=$B$24,21,0),0)),0)</f>
        <v>1.7749576075495077</v>
      </c>
      <c r="F4644" cm="1">
        <f t="array" ref="F4644">IFERROR(INDEX(Jesper!AJ$2:AJ$366,ROUNDDOWN($C4644/24,0)+1,1)*INDEX($D$3:$AA$30,INDEX(Jesper!$R$2:$R$366,ROW(INDEX(Jesper!AJ$2:AJ$366,ROUNDDOWN($C4644/24,0)+1,1))-1)+IF('Standard Profiles'!$G$20=$B$10,7,0)+IF('Standard Profiles'!$G$20=$B$17,14,0)+IF('Standard Profiles'!$G$20=$B$24,21,0),MOD($C4644,24)+1)/SUM(INDEX($D$3:$AA$30,INDEX(Jesper!$R$2:$R$366,ROW(INDEX(Jesper!AJ$2:AJ$366,ROUNDDOWN($C4644/24,0)+1,1))-1)+IF('Standard Profiles'!$G$20=$B$10,7,0)+IF('Standard Profiles'!$G$20=$B$17,14,0)+IF('Standard Profiles'!$G$20=$B$24,21,0),0)),0)</f>
        <v>0</v>
      </c>
      <c r="G4644" cm="1">
        <f t="array" ref="G4644">IFERROR(INDEX(Jesper!AK$2:AK$366,ROUNDDOWN($C4644/24,0)+1,1)*INDEX($D$3:$AA$30,INDEX(Jesper!$R$2:$R$366,ROW(INDEX(Jesper!AK$2:AK$366,ROUNDDOWN($C4644/24,0)+1,1))-1)+IF('Standard Profiles'!$G$21=$B$10,7,0)+IF('Standard Profiles'!$G$21=$B$17,14,0)+IF('Standard Profiles'!$G$21=$B$24,21,0),MOD($C4644,24)+1)/SUM(INDEX($D$3:$AA$30,INDEX(Jesper!$R$2:$R$366,ROW(INDEX(Jesper!AK$2:AK$366,ROUNDDOWN($C4644/24,0)+1,1))-1)+IF('Standard Profiles'!$G$21=$B$10,7,0)+IF('Standard Profiles'!$G$21=$B$17,14,0)+IF('Standard Profiles'!$G$21=$B$24,21,0),0)),0)</f>
        <v>0</v>
      </c>
      <c r="H4644" cm="1">
        <f t="array" ref="H4644">IFERROR(INDEX(Jesper!AL$2:AL$366,ROUNDDOWN($C4644/24,0)+1,1)*INDEX($D$3:$AA$30,INDEX(Jesper!$R$2:$R$366,ROW(INDEX(Jesper!AL$2:AL$366,ROUNDDOWN($C4644/24,0)+1,1))-1)+IF('Standard Profiles'!$G$22=$B$10,7,0)+IF('Standard Profiles'!$G$22=$B$17,14,0)+IF('Standard Profiles'!$G$22=$B$24,21,0),MOD($C4644,24)+1)/SUM(INDEX($D$3:$AA$30,INDEX(Jesper!$R$2:$R$366,ROW(INDEX(Jesper!AL$2:AL$366,ROUNDDOWN($C4644/24,0)+1,1))-1)+IF('Standard Profiles'!$G$22=$B$10,7,0)+IF('Standard Profiles'!$G$22=$B$17,14,0)+IF('Standard Profiles'!$G$22=$B$24,21,0),0)),0)</f>
        <v>0</v>
      </c>
      <c r="I4644">
        <f t="shared" si="524"/>
        <v>0</v>
      </c>
      <c r="J4644">
        <f t="shared" si="525"/>
        <v>6.0443566237351689</v>
      </c>
      <c r="K4644">
        <f t="shared" si="526"/>
        <v>0.54214590681722674</v>
      </c>
      <c r="L4644">
        <f t="shared" si="527"/>
        <v>0.27107295340861337</v>
      </c>
      <c r="M4644">
        <f t="shared" si="528"/>
        <v>0</v>
      </c>
      <c r="N4644" s="45">
        <f t="shared" ref="N4644:N4707" si="529">N4643+1/24</f>
        <v>45119.083333322153</v>
      </c>
    </row>
    <row r="4645" spans="2:14" x14ac:dyDescent="0.25">
      <c r="B4645">
        <f t="shared" si="523"/>
        <v>3</v>
      </c>
      <c r="C4645" s="16">
        <v>4611</v>
      </c>
      <c r="D4645" cm="1">
        <f t="array" ref="D4645">IFERROR(INDEX(Jesper!AH$2:AH$366,ROUNDDOWN($C4645/24,0)+1,1)*INDEX($D$3:$AA$30,INDEX(Jesper!$R$2:$R$366,ROW(INDEX(Jesper!AH$2:AH$366,ROUNDDOWN($C4645/24,0)+1,1))-1)+IF('Standard Profiles'!$G$18=$B$10,7,0)+IF('Standard Profiles'!$G$18=$B$17,14,0)+IF('Standard Profiles'!$G$18=$B$24,21,0),MOD($C4645,24)+1)/SUM(INDEX($D$3:$AA$30,INDEX(Jesper!$R$2:$R$366,ROW(INDEX(Jesper!AH$2:AH$366,ROUNDDOWN($C4645/24,0)+1,1))-1)+IF('Standard Profiles'!$G$18=$B$10,7,0)+IF('Standard Profiles'!$G$18=$B$17,14,0)+IF('Standard Profiles'!$G$18=$B$24,21,0),0)),0)</f>
        <v>5.0826178764115006</v>
      </c>
      <c r="E4645" cm="1">
        <f t="array" ref="E4645">IFERROR(INDEX(Jesper!AI$2:AI$366,ROUNDDOWN($C4645/24,0)+1,1)*INDEX($D$3:$AA$30,INDEX(Jesper!$R$2:$R$366,ROW(INDEX(Jesper!AI$2:AI$366,ROUNDDOWN($C4645/24,0)+1,1))-1)+IF('Standard Profiles'!$G$19=$B$10,7,0)+IF('Standard Profiles'!$G$19=$B$17,14,0)+IF('Standard Profiles'!$G$19=$B$24,21,0),MOD($C4645,24)+1)/SUM(INDEX($D$3:$AA$30,INDEX(Jesper!$R$2:$R$366,ROW(INDEX(Jesper!AI$2:AI$366,ROUNDDOWN($C4645/24,0)+1,1))-1)+IF('Standard Profiles'!$G$19=$B$10,7,0)+IF('Standard Profiles'!$G$19=$B$17,14,0)+IF('Standard Profiles'!$G$19=$B$24,21,0),0)),0)</f>
        <v>1.7749576075495077</v>
      </c>
      <c r="F4645" cm="1">
        <f t="array" ref="F4645">IFERROR(INDEX(Jesper!AJ$2:AJ$366,ROUNDDOWN($C4645/24,0)+1,1)*INDEX($D$3:$AA$30,INDEX(Jesper!$R$2:$R$366,ROW(INDEX(Jesper!AJ$2:AJ$366,ROUNDDOWN($C4645/24,0)+1,1))-1)+IF('Standard Profiles'!$G$20=$B$10,7,0)+IF('Standard Profiles'!$G$20=$B$17,14,0)+IF('Standard Profiles'!$G$20=$B$24,21,0),MOD($C4645,24)+1)/SUM(INDEX($D$3:$AA$30,INDEX(Jesper!$R$2:$R$366,ROW(INDEX(Jesper!AJ$2:AJ$366,ROUNDDOWN($C4645/24,0)+1,1))-1)+IF('Standard Profiles'!$G$20=$B$10,7,0)+IF('Standard Profiles'!$G$20=$B$17,14,0)+IF('Standard Profiles'!$G$20=$B$24,21,0),0)),0)</f>
        <v>0</v>
      </c>
      <c r="G4645" cm="1">
        <f t="array" ref="G4645">IFERROR(INDEX(Jesper!AK$2:AK$366,ROUNDDOWN($C4645/24,0)+1,1)*INDEX($D$3:$AA$30,INDEX(Jesper!$R$2:$R$366,ROW(INDEX(Jesper!AK$2:AK$366,ROUNDDOWN($C4645/24,0)+1,1))-1)+IF('Standard Profiles'!$G$21=$B$10,7,0)+IF('Standard Profiles'!$G$21=$B$17,14,0)+IF('Standard Profiles'!$G$21=$B$24,21,0),MOD($C4645,24)+1)/SUM(INDEX($D$3:$AA$30,INDEX(Jesper!$R$2:$R$366,ROW(INDEX(Jesper!AK$2:AK$366,ROUNDDOWN($C4645/24,0)+1,1))-1)+IF('Standard Profiles'!$G$21=$B$10,7,0)+IF('Standard Profiles'!$G$21=$B$17,14,0)+IF('Standard Profiles'!$G$21=$B$24,21,0),0)),0)</f>
        <v>0</v>
      </c>
      <c r="H4645" cm="1">
        <f t="array" ref="H4645">IFERROR(INDEX(Jesper!AL$2:AL$366,ROUNDDOWN($C4645/24,0)+1,1)*INDEX($D$3:$AA$30,INDEX(Jesper!$R$2:$R$366,ROW(INDEX(Jesper!AL$2:AL$366,ROUNDDOWN($C4645/24,0)+1,1))-1)+IF('Standard Profiles'!$G$22=$B$10,7,0)+IF('Standard Profiles'!$G$22=$B$17,14,0)+IF('Standard Profiles'!$G$22=$B$24,21,0),MOD($C4645,24)+1)/SUM(INDEX($D$3:$AA$30,INDEX(Jesper!$R$2:$R$366,ROW(INDEX(Jesper!AL$2:AL$366,ROUNDDOWN($C4645/24,0)+1,1))-1)+IF('Standard Profiles'!$G$22=$B$10,7,0)+IF('Standard Profiles'!$G$22=$B$17,14,0)+IF('Standard Profiles'!$G$22=$B$24,21,0),0)),0)</f>
        <v>0</v>
      </c>
      <c r="I4645">
        <f t="shared" si="524"/>
        <v>0</v>
      </c>
      <c r="J4645">
        <f t="shared" si="525"/>
        <v>6.0443566237351689</v>
      </c>
      <c r="K4645">
        <f t="shared" si="526"/>
        <v>0.54214590681722674</v>
      </c>
      <c r="L4645">
        <f t="shared" si="527"/>
        <v>0.27107295340861337</v>
      </c>
      <c r="M4645">
        <f t="shared" si="528"/>
        <v>0</v>
      </c>
      <c r="N4645" s="45">
        <f t="shared" si="529"/>
        <v>45119.124999988817</v>
      </c>
    </row>
    <row r="4646" spans="2:14" x14ac:dyDescent="0.25">
      <c r="B4646">
        <f t="shared" si="523"/>
        <v>3</v>
      </c>
      <c r="C4646" s="16">
        <v>4612</v>
      </c>
      <c r="D4646" cm="1">
        <f t="array" ref="D4646">IFERROR(INDEX(Jesper!AH$2:AH$366,ROUNDDOWN($C4646/24,0)+1,1)*INDEX($D$3:$AA$30,INDEX(Jesper!$R$2:$R$366,ROW(INDEX(Jesper!AH$2:AH$366,ROUNDDOWN($C4646/24,0)+1,1))-1)+IF('Standard Profiles'!$G$18=$B$10,7,0)+IF('Standard Profiles'!$G$18=$B$17,14,0)+IF('Standard Profiles'!$G$18=$B$24,21,0),MOD($C4646,24)+1)/SUM(INDEX($D$3:$AA$30,INDEX(Jesper!$R$2:$R$366,ROW(INDEX(Jesper!AH$2:AH$366,ROUNDDOWN($C4646/24,0)+1,1))-1)+IF('Standard Profiles'!$G$18=$B$10,7,0)+IF('Standard Profiles'!$G$18=$B$17,14,0)+IF('Standard Profiles'!$G$18=$B$24,21,0),0)),0)</f>
        <v>5.0826178764115006</v>
      </c>
      <c r="E4646" cm="1">
        <f t="array" ref="E4646">IFERROR(INDEX(Jesper!AI$2:AI$366,ROUNDDOWN($C4646/24,0)+1,1)*INDEX($D$3:$AA$30,INDEX(Jesper!$R$2:$R$366,ROW(INDEX(Jesper!AI$2:AI$366,ROUNDDOWN($C4646/24,0)+1,1))-1)+IF('Standard Profiles'!$G$19=$B$10,7,0)+IF('Standard Profiles'!$G$19=$B$17,14,0)+IF('Standard Profiles'!$G$19=$B$24,21,0),MOD($C4646,24)+1)/SUM(INDEX($D$3:$AA$30,INDEX(Jesper!$R$2:$R$366,ROW(INDEX(Jesper!AI$2:AI$366,ROUNDDOWN($C4646/24,0)+1,1))-1)+IF('Standard Profiles'!$G$19=$B$10,7,0)+IF('Standard Profiles'!$G$19=$B$17,14,0)+IF('Standard Profiles'!$G$19=$B$24,21,0),0)),0)</f>
        <v>1.7749576075495077</v>
      </c>
      <c r="F4646" cm="1">
        <f t="array" ref="F4646">IFERROR(INDEX(Jesper!AJ$2:AJ$366,ROUNDDOWN($C4646/24,0)+1,1)*INDEX($D$3:$AA$30,INDEX(Jesper!$R$2:$R$366,ROW(INDEX(Jesper!AJ$2:AJ$366,ROUNDDOWN($C4646/24,0)+1,1))-1)+IF('Standard Profiles'!$G$20=$B$10,7,0)+IF('Standard Profiles'!$G$20=$B$17,14,0)+IF('Standard Profiles'!$G$20=$B$24,21,0),MOD($C4646,24)+1)/SUM(INDEX($D$3:$AA$30,INDEX(Jesper!$R$2:$R$366,ROW(INDEX(Jesper!AJ$2:AJ$366,ROUNDDOWN($C4646/24,0)+1,1))-1)+IF('Standard Profiles'!$G$20=$B$10,7,0)+IF('Standard Profiles'!$G$20=$B$17,14,0)+IF('Standard Profiles'!$G$20=$B$24,21,0),0)),0)</f>
        <v>0</v>
      </c>
      <c r="G4646" cm="1">
        <f t="array" ref="G4646">IFERROR(INDEX(Jesper!AK$2:AK$366,ROUNDDOWN($C4646/24,0)+1,1)*INDEX($D$3:$AA$30,INDEX(Jesper!$R$2:$R$366,ROW(INDEX(Jesper!AK$2:AK$366,ROUNDDOWN($C4646/24,0)+1,1))-1)+IF('Standard Profiles'!$G$21=$B$10,7,0)+IF('Standard Profiles'!$G$21=$B$17,14,0)+IF('Standard Profiles'!$G$21=$B$24,21,0),MOD($C4646,24)+1)/SUM(INDEX($D$3:$AA$30,INDEX(Jesper!$R$2:$R$366,ROW(INDEX(Jesper!AK$2:AK$366,ROUNDDOWN($C4646/24,0)+1,1))-1)+IF('Standard Profiles'!$G$21=$B$10,7,0)+IF('Standard Profiles'!$G$21=$B$17,14,0)+IF('Standard Profiles'!$G$21=$B$24,21,0),0)),0)</f>
        <v>0</v>
      </c>
      <c r="H4646" cm="1">
        <f t="array" ref="H4646">IFERROR(INDEX(Jesper!AL$2:AL$366,ROUNDDOWN($C4646/24,0)+1,1)*INDEX($D$3:$AA$30,INDEX(Jesper!$R$2:$R$366,ROW(INDEX(Jesper!AL$2:AL$366,ROUNDDOWN($C4646/24,0)+1,1))-1)+IF('Standard Profiles'!$G$22=$B$10,7,0)+IF('Standard Profiles'!$G$22=$B$17,14,0)+IF('Standard Profiles'!$G$22=$B$24,21,0),MOD($C4646,24)+1)/SUM(INDEX($D$3:$AA$30,INDEX(Jesper!$R$2:$R$366,ROW(INDEX(Jesper!AL$2:AL$366,ROUNDDOWN($C4646/24,0)+1,1))-1)+IF('Standard Profiles'!$G$22=$B$10,7,0)+IF('Standard Profiles'!$G$22=$B$17,14,0)+IF('Standard Profiles'!$G$22=$B$24,21,0),0)),0)</f>
        <v>0</v>
      </c>
      <c r="I4646">
        <f t="shared" si="524"/>
        <v>0</v>
      </c>
      <c r="J4646">
        <f t="shared" si="525"/>
        <v>6.0443566237351689</v>
      </c>
      <c r="K4646">
        <f t="shared" si="526"/>
        <v>0.54214590681722674</v>
      </c>
      <c r="L4646">
        <f t="shared" si="527"/>
        <v>0.27107295340861337</v>
      </c>
      <c r="M4646">
        <f t="shared" si="528"/>
        <v>0</v>
      </c>
      <c r="N4646" s="45">
        <f t="shared" si="529"/>
        <v>45119.166666655481</v>
      </c>
    </row>
    <row r="4647" spans="2:14" x14ac:dyDescent="0.25">
      <c r="B4647">
        <f t="shared" si="523"/>
        <v>3</v>
      </c>
      <c r="C4647" s="16">
        <v>4613</v>
      </c>
      <c r="D4647" cm="1">
        <f t="array" ref="D4647">IFERROR(INDEX(Jesper!AH$2:AH$366,ROUNDDOWN($C4647/24,0)+1,1)*INDEX($D$3:$AA$30,INDEX(Jesper!$R$2:$R$366,ROW(INDEX(Jesper!AH$2:AH$366,ROUNDDOWN($C4647/24,0)+1,1))-1)+IF('Standard Profiles'!$G$18=$B$10,7,0)+IF('Standard Profiles'!$G$18=$B$17,14,0)+IF('Standard Profiles'!$G$18=$B$24,21,0),MOD($C4647,24)+1)/SUM(INDEX($D$3:$AA$30,INDEX(Jesper!$R$2:$R$366,ROW(INDEX(Jesper!AH$2:AH$366,ROUNDDOWN($C4647/24,0)+1,1))-1)+IF('Standard Profiles'!$G$18=$B$10,7,0)+IF('Standard Profiles'!$G$18=$B$17,14,0)+IF('Standard Profiles'!$G$18=$B$24,21,0),0)),0)</f>
        <v>5.0826178764115006</v>
      </c>
      <c r="E4647" cm="1">
        <f t="array" ref="E4647">IFERROR(INDEX(Jesper!AI$2:AI$366,ROUNDDOWN($C4647/24,0)+1,1)*INDEX($D$3:$AA$30,INDEX(Jesper!$R$2:$R$366,ROW(INDEX(Jesper!AI$2:AI$366,ROUNDDOWN($C4647/24,0)+1,1))-1)+IF('Standard Profiles'!$G$19=$B$10,7,0)+IF('Standard Profiles'!$G$19=$B$17,14,0)+IF('Standard Profiles'!$G$19=$B$24,21,0),MOD($C4647,24)+1)/SUM(INDEX($D$3:$AA$30,INDEX(Jesper!$R$2:$R$366,ROW(INDEX(Jesper!AI$2:AI$366,ROUNDDOWN($C4647/24,0)+1,1))-1)+IF('Standard Profiles'!$G$19=$B$10,7,0)+IF('Standard Profiles'!$G$19=$B$17,14,0)+IF('Standard Profiles'!$G$19=$B$24,21,0),0)),0)</f>
        <v>1.7749576075495077</v>
      </c>
      <c r="F4647" cm="1">
        <f t="array" ref="F4647">IFERROR(INDEX(Jesper!AJ$2:AJ$366,ROUNDDOWN($C4647/24,0)+1,1)*INDEX($D$3:$AA$30,INDEX(Jesper!$R$2:$R$366,ROW(INDEX(Jesper!AJ$2:AJ$366,ROUNDDOWN($C4647/24,0)+1,1))-1)+IF('Standard Profiles'!$G$20=$B$10,7,0)+IF('Standard Profiles'!$G$20=$B$17,14,0)+IF('Standard Profiles'!$G$20=$B$24,21,0),MOD($C4647,24)+1)/SUM(INDEX($D$3:$AA$30,INDEX(Jesper!$R$2:$R$366,ROW(INDEX(Jesper!AJ$2:AJ$366,ROUNDDOWN($C4647/24,0)+1,1))-1)+IF('Standard Profiles'!$G$20=$B$10,7,0)+IF('Standard Profiles'!$G$20=$B$17,14,0)+IF('Standard Profiles'!$G$20=$B$24,21,0),0)),0)</f>
        <v>0</v>
      </c>
      <c r="G4647" cm="1">
        <f t="array" ref="G4647">IFERROR(INDEX(Jesper!AK$2:AK$366,ROUNDDOWN($C4647/24,0)+1,1)*INDEX($D$3:$AA$30,INDEX(Jesper!$R$2:$R$366,ROW(INDEX(Jesper!AK$2:AK$366,ROUNDDOWN($C4647/24,0)+1,1))-1)+IF('Standard Profiles'!$G$21=$B$10,7,0)+IF('Standard Profiles'!$G$21=$B$17,14,0)+IF('Standard Profiles'!$G$21=$B$24,21,0),MOD($C4647,24)+1)/SUM(INDEX($D$3:$AA$30,INDEX(Jesper!$R$2:$R$366,ROW(INDEX(Jesper!AK$2:AK$366,ROUNDDOWN($C4647/24,0)+1,1))-1)+IF('Standard Profiles'!$G$21=$B$10,7,0)+IF('Standard Profiles'!$G$21=$B$17,14,0)+IF('Standard Profiles'!$G$21=$B$24,21,0),0)),0)</f>
        <v>0</v>
      </c>
      <c r="H4647" cm="1">
        <f t="array" ref="H4647">IFERROR(INDEX(Jesper!AL$2:AL$366,ROUNDDOWN($C4647/24,0)+1,1)*INDEX($D$3:$AA$30,INDEX(Jesper!$R$2:$R$366,ROW(INDEX(Jesper!AL$2:AL$366,ROUNDDOWN($C4647/24,0)+1,1))-1)+IF('Standard Profiles'!$G$22=$B$10,7,0)+IF('Standard Profiles'!$G$22=$B$17,14,0)+IF('Standard Profiles'!$G$22=$B$24,21,0),MOD($C4647,24)+1)/SUM(INDEX($D$3:$AA$30,INDEX(Jesper!$R$2:$R$366,ROW(INDEX(Jesper!AL$2:AL$366,ROUNDDOWN($C4647/24,0)+1,1))-1)+IF('Standard Profiles'!$G$22=$B$10,7,0)+IF('Standard Profiles'!$G$22=$B$17,14,0)+IF('Standard Profiles'!$G$22=$B$24,21,0),0)),0)</f>
        <v>0</v>
      </c>
      <c r="I4647">
        <f t="shared" si="524"/>
        <v>0</v>
      </c>
      <c r="J4647">
        <f t="shared" si="525"/>
        <v>6.0443566237351689</v>
      </c>
      <c r="K4647">
        <f t="shared" si="526"/>
        <v>0.54214590681722674</v>
      </c>
      <c r="L4647">
        <f t="shared" si="527"/>
        <v>0.27107295340861337</v>
      </c>
      <c r="M4647">
        <f t="shared" si="528"/>
        <v>0</v>
      </c>
      <c r="N4647" s="45">
        <f t="shared" si="529"/>
        <v>45119.208333322145</v>
      </c>
    </row>
    <row r="4648" spans="2:14" x14ac:dyDescent="0.25">
      <c r="B4648">
        <f t="shared" si="523"/>
        <v>3</v>
      </c>
      <c r="C4648" s="16">
        <v>4614</v>
      </c>
      <c r="D4648" cm="1">
        <f t="array" ref="D4648">IFERROR(INDEX(Jesper!AH$2:AH$366,ROUNDDOWN($C4648/24,0)+1,1)*INDEX($D$3:$AA$30,INDEX(Jesper!$R$2:$R$366,ROW(INDEX(Jesper!AH$2:AH$366,ROUNDDOWN($C4648/24,0)+1,1))-1)+IF('Standard Profiles'!$G$18=$B$10,7,0)+IF('Standard Profiles'!$G$18=$B$17,14,0)+IF('Standard Profiles'!$G$18=$B$24,21,0),MOD($C4648,24)+1)/SUM(INDEX($D$3:$AA$30,INDEX(Jesper!$R$2:$R$366,ROW(INDEX(Jesper!AH$2:AH$366,ROUNDDOWN($C4648/24,0)+1,1))-1)+IF('Standard Profiles'!$G$18=$B$10,7,0)+IF('Standard Profiles'!$G$18=$B$17,14,0)+IF('Standard Profiles'!$G$18=$B$24,21,0),0)),0)</f>
        <v>5.0826178764115006</v>
      </c>
      <c r="E4648" cm="1">
        <f t="array" ref="E4648">IFERROR(INDEX(Jesper!AI$2:AI$366,ROUNDDOWN($C4648/24,0)+1,1)*INDEX($D$3:$AA$30,INDEX(Jesper!$R$2:$R$366,ROW(INDEX(Jesper!AI$2:AI$366,ROUNDDOWN($C4648/24,0)+1,1))-1)+IF('Standard Profiles'!$G$19=$B$10,7,0)+IF('Standard Profiles'!$G$19=$B$17,14,0)+IF('Standard Profiles'!$G$19=$B$24,21,0),MOD($C4648,24)+1)/SUM(INDEX($D$3:$AA$30,INDEX(Jesper!$R$2:$R$366,ROW(INDEX(Jesper!AI$2:AI$366,ROUNDDOWN($C4648/24,0)+1,1))-1)+IF('Standard Profiles'!$G$19=$B$10,7,0)+IF('Standard Profiles'!$G$19=$B$17,14,0)+IF('Standard Profiles'!$G$19=$B$24,21,0),0)),0)</f>
        <v>1.7749576075495077</v>
      </c>
      <c r="F4648" cm="1">
        <f t="array" ref="F4648">IFERROR(INDEX(Jesper!AJ$2:AJ$366,ROUNDDOWN($C4648/24,0)+1,1)*INDEX($D$3:$AA$30,INDEX(Jesper!$R$2:$R$366,ROW(INDEX(Jesper!AJ$2:AJ$366,ROUNDDOWN($C4648/24,0)+1,1))-1)+IF('Standard Profiles'!$G$20=$B$10,7,0)+IF('Standard Profiles'!$G$20=$B$17,14,0)+IF('Standard Profiles'!$G$20=$B$24,21,0),MOD($C4648,24)+1)/SUM(INDEX($D$3:$AA$30,INDEX(Jesper!$R$2:$R$366,ROW(INDEX(Jesper!AJ$2:AJ$366,ROUNDDOWN($C4648/24,0)+1,1))-1)+IF('Standard Profiles'!$G$20=$B$10,7,0)+IF('Standard Profiles'!$G$20=$B$17,14,0)+IF('Standard Profiles'!$G$20=$B$24,21,0),0)),0)</f>
        <v>0</v>
      </c>
      <c r="G4648" cm="1">
        <f t="array" ref="G4648">IFERROR(INDEX(Jesper!AK$2:AK$366,ROUNDDOWN($C4648/24,0)+1,1)*INDEX($D$3:$AA$30,INDEX(Jesper!$R$2:$R$366,ROW(INDEX(Jesper!AK$2:AK$366,ROUNDDOWN($C4648/24,0)+1,1))-1)+IF('Standard Profiles'!$G$21=$B$10,7,0)+IF('Standard Profiles'!$G$21=$B$17,14,0)+IF('Standard Profiles'!$G$21=$B$24,21,0),MOD($C4648,24)+1)/SUM(INDEX($D$3:$AA$30,INDEX(Jesper!$R$2:$R$366,ROW(INDEX(Jesper!AK$2:AK$366,ROUNDDOWN($C4648/24,0)+1,1))-1)+IF('Standard Profiles'!$G$21=$B$10,7,0)+IF('Standard Profiles'!$G$21=$B$17,14,0)+IF('Standard Profiles'!$G$21=$B$24,21,0),0)),0)</f>
        <v>0</v>
      </c>
      <c r="H4648" cm="1">
        <f t="array" ref="H4648">IFERROR(INDEX(Jesper!AL$2:AL$366,ROUNDDOWN($C4648/24,0)+1,1)*INDEX($D$3:$AA$30,INDEX(Jesper!$R$2:$R$366,ROW(INDEX(Jesper!AL$2:AL$366,ROUNDDOWN($C4648/24,0)+1,1))-1)+IF('Standard Profiles'!$G$22=$B$10,7,0)+IF('Standard Profiles'!$G$22=$B$17,14,0)+IF('Standard Profiles'!$G$22=$B$24,21,0),MOD($C4648,24)+1)/SUM(INDEX($D$3:$AA$30,INDEX(Jesper!$R$2:$R$366,ROW(INDEX(Jesper!AL$2:AL$366,ROUNDDOWN($C4648/24,0)+1,1))-1)+IF('Standard Profiles'!$G$22=$B$10,7,0)+IF('Standard Profiles'!$G$22=$B$17,14,0)+IF('Standard Profiles'!$G$22=$B$24,21,0),0)),0)</f>
        <v>0</v>
      </c>
      <c r="I4648">
        <f t="shared" si="524"/>
        <v>0</v>
      </c>
      <c r="J4648">
        <f t="shared" si="525"/>
        <v>6.0443566237351689</v>
      </c>
      <c r="K4648">
        <f t="shared" si="526"/>
        <v>0.54214590681722674</v>
      </c>
      <c r="L4648">
        <f t="shared" si="527"/>
        <v>0.27107295340861337</v>
      </c>
      <c r="M4648">
        <f t="shared" si="528"/>
        <v>0</v>
      </c>
      <c r="N4648" s="45">
        <f t="shared" si="529"/>
        <v>45119.24999998881</v>
      </c>
    </row>
    <row r="4649" spans="2:14" x14ac:dyDescent="0.25">
      <c r="B4649">
        <f t="shared" si="523"/>
        <v>3</v>
      </c>
      <c r="C4649" s="16">
        <v>4615</v>
      </c>
      <c r="D4649" cm="1">
        <f t="array" ref="D4649">IFERROR(INDEX(Jesper!AH$2:AH$366,ROUNDDOWN($C4649/24,0)+1,1)*INDEX($D$3:$AA$30,INDEX(Jesper!$R$2:$R$366,ROW(INDEX(Jesper!AH$2:AH$366,ROUNDDOWN($C4649/24,0)+1,1))-1)+IF('Standard Profiles'!$G$18=$B$10,7,0)+IF('Standard Profiles'!$G$18=$B$17,14,0)+IF('Standard Profiles'!$G$18=$B$24,21,0),MOD($C4649,24)+1)/SUM(INDEX($D$3:$AA$30,INDEX(Jesper!$R$2:$R$366,ROW(INDEX(Jesper!AH$2:AH$366,ROUNDDOWN($C4649/24,0)+1,1))-1)+IF('Standard Profiles'!$G$18=$B$10,7,0)+IF('Standard Profiles'!$G$18=$B$17,14,0)+IF('Standard Profiles'!$G$18=$B$24,21,0),0)),0)</f>
        <v>20.777125803876107</v>
      </c>
      <c r="E4649" cm="1">
        <f t="array" ref="E4649">IFERROR(INDEX(Jesper!AI$2:AI$366,ROUNDDOWN($C4649/24,0)+1,1)*INDEX($D$3:$AA$30,INDEX(Jesper!$R$2:$R$366,ROW(INDEX(Jesper!AI$2:AI$366,ROUNDDOWN($C4649/24,0)+1,1))-1)+IF('Standard Profiles'!$G$19=$B$10,7,0)+IF('Standard Profiles'!$G$19=$B$17,14,0)+IF('Standard Profiles'!$G$19=$B$24,21,0),MOD($C4649,24)+1)/SUM(INDEX($D$3:$AA$30,INDEX(Jesper!$R$2:$R$366,ROW(INDEX(Jesper!AI$2:AI$366,ROUNDDOWN($C4649/24,0)+1,1))-1)+IF('Standard Profiles'!$G$19=$B$10,7,0)+IF('Standard Profiles'!$G$19=$B$17,14,0)+IF('Standard Profiles'!$G$19=$B$24,21,0),0)),0)</f>
        <v>7.2558115532857137</v>
      </c>
      <c r="F4649" cm="1">
        <f t="array" ref="F4649">IFERROR(INDEX(Jesper!AJ$2:AJ$366,ROUNDDOWN($C4649/24,0)+1,1)*INDEX($D$3:$AA$30,INDEX(Jesper!$R$2:$R$366,ROW(INDEX(Jesper!AJ$2:AJ$366,ROUNDDOWN($C4649/24,0)+1,1))-1)+IF('Standard Profiles'!$G$20=$B$10,7,0)+IF('Standard Profiles'!$G$20=$B$17,14,0)+IF('Standard Profiles'!$G$20=$B$24,21,0),MOD($C4649,24)+1)/SUM(INDEX($D$3:$AA$30,INDEX(Jesper!$R$2:$R$366,ROW(INDEX(Jesper!AJ$2:AJ$366,ROUNDDOWN($C4649/24,0)+1,1))-1)+IF('Standard Profiles'!$G$20=$B$10,7,0)+IF('Standard Profiles'!$G$20=$B$17,14,0)+IF('Standard Profiles'!$G$20=$B$24,21,0),0)),0)</f>
        <v>0</v>
      </c>
      <c r="G4649" cm="1">
        <f t="array" ref="G4649">IFERROR(INDEX(Jesper!AK$2:AK$366,ROUNDDOWN($C4649/24,0)+1,1)*INDEX($D$3:$AA$30,INDEX(Jesper!$R$2:$R$366,ROW(INDEX(Jesper!AK$2:AK$366,ROUNDDOWN($C4649/24,0)+1,1))-1)+IF('Standard Profiles'!$G$21=$B$10,7,0)+IF('Standard Profiles'!$G$21=$B$17,14,0)+IF('Standard Profiles'!$G$21=$B$24,21,0),MOD($C4649,24)+1)/SUM(INDEX($D$3:$AA$30,INDEX(Jesper!$R$2:$R$366,ROW(INDEX(Jesper!AK$2:AK$366,ROUNDDOWN($C4649/24,0)+1,1))-1)+IF('Standard Profiles'!$G$21=$B$10,7,0)+IF('Standard Profiles'!$G$21=$B$17,14,0)+IF('Standard Profiles'!$G$21=$B$24,21,0),0)),0)</f>
        <v>0</v>
      </c>
      <c r="H4649" cm="1">
        <f t="array" ref="H4649">IFERROR(INDEX(Jesper!AL$2:AL$366,ROUNDDOWN($C4649/24,0)+1,1)*INDEX($D$3:$AA$30,INDEX(Jesper!$R$2:$R$366,ROW(INDEX(Jesper!AL$2:AL$366,ROUNDDOWN($C4649/24,0)+1,1))-1)+IF('Standard Profiles'!$G$22=$B$10,7,0)+IF('Standard Profiles'!$G$22=$B$17,14,0)+IF('Standard Profiles'!$G$22=$B$24,21,0),MOD($C4649,24)+1)/SUM(INDEX($D$3:$AA$30,INDEX(Jesper!$R$2:$R$366,ROW(INDEX(Jesper!AL$2:AL$366,ROUNDDOWN($C4649/24,0)+1,1))-1)+IF('Standard Profiles'!$G$22=$B$10,7,0)+IF('Standard Profiles'!$G$22=$B$17,14,0)+IF('Standard Profiles'!$G$22=$B$24,21,0),0)),0)</f>
        <v>0</v>
      </c>
      <c r="I4649">
        <f t="shared" si="524"/>
        <v>0</v>
      </c>
      <c r="J4649">
        <f t="shared" si="525"/>
        <v>24.708597228541642</v>
      </c>
      <c r="K4649">
        <f t="shared" si="526"/>
        <v>2.2162267524134514</v>
      </c>
      <c r="L4649">
        <f t="shared" si="527"/>
        <v>1.1081133762067257</v>
      </c>
      <c r="M4649">
        <f t="shared" si="528"/>
        <v>0</v>
      </c>
      <c r="N4649" s="45">
        <f t="shared" si="529"/>
        <v>45119.291666655474</v>
      </c>
    </row>
    <row r="4650" spans="2:14" x14ac:dyDescent="0.25">
      <c r="B4650">
        <f t="shared" si="523"/>
        <v>3</v>
      </c>
      <c r="C4650" s="16">
        <v>4616</v>
      </c>
      <c r="D4650" cm="1">
        <f t="array" ref="D4650">IFERROR(INDEX(Jesper!AH$2:AH$366,ROUNDDOWN($C4650/24,0)+1,1)*INDEX($D$3:$AA$30,INDEX(Jesper!$R$2:$R$366,ROW(INDEX(Jesper!AH$2:AH$366,ROUNDDOWN($C4650/24,0)+1,1))-1)+IF('Standard Profiles'!$G$18=$B$10,7,0)+IF('Standard Profiles'!$G$18=$B$17,14,0)+IF('Standard Profiles'!$G$18=$B$24,21,0),MOD($C4650,24)+1)/SUM(INDEX($D$3:$AA$30,INDEX(Jesper!$R$2:$R$366,ROW(INDEX(Jesper!AH$2:AH$366,ROUNDDOWN($C4650/24,0)+1,1))-1)+IF('Standard Profiles'!$G$18=$B$10,7,0)+IF('Standard Profiles'!$G$18=$B$17,14,0)+IF('Standard Profiles'!$G$18=$B$24,21,0),0)),0)</f>
        <v>23.182898265377553</v>
      </c>
      <c r="E4650" cm="1">
        <f t="array" ref="E4650">IFERROR(INDEX(Jesper!AI$2:AI$366,ROUNDDOWN($C4650/24,0)+1,1)*INDEX($D$3:$AA$30,INDEX(Jesper!$R$2:$R$366,ROW(INDEX(Jesper!AI$2:AI$366,ROUNDDOWN($C4650/24,0)+1,1))-1)+IF('Standard Profiles'!$G$19=$B$10,7,0)+IF('Standard Profiles'!$G$19=$B$17,14,0)+IF('Standard Profiles'!$G$19=$B$24,21,0),MOD($C4650,24)+1)/SUM(INDEX($D$3:$AA$30,INDEX(Jesper!$R$2:$R$366,ROW(INDEX(Jesper!AI$2:AI$366,ROUNDDOWN($C4650/24,0)+1,1))-1)+IF('Standard Profiles'!$G$19=$B$10,7,0)+IF('Standard Profiles'!$G$19=$B$17,14,0)+IF('Standard Profiles'!$G$19=$B$24,21,0),0)),0)</f>
        <v>8.0959581541924805</v>
      </c>
      <c r="F4650" cm="1">
        <f t="array" ref="F4650">IFERROR(INDEX(Jesper!AJ$2:AJ$366,ROUNDDOWN($C4650/24,0)+1,1)*INDEX($D$3:$AA$30,INDEX(Jesper!$R$2:$R$366,ROW(INDEX(Jesper!AJ$2:AJ$366,ROUNDDOWN($C4650/24,0)+1,1))-1)+IF('Standard Profiles'!$G$20=$B$10,7,0)+IF('Standard Profiles'!$G$20=$B$17,14,0)+IF('Standard Profiles'!$G$20=$B$24,21,0),MOD($C4650,24)+1)/SUM(INDEX($D$3:$AA$30,INDEX(Jesper!$R$2:$R$366,ROW(INDEX(Jesper!AJ$2:AJ$366,ROUNDDOWN($C4650/24,0)+1,1))-1)+IF('Standard Profiles'!$G$20=$B$10,7,0)+IF('Standard Profiles'!$G$20=$B$17,14,0)+IF('Standard Profiles'!$G$20=$B$24,21,0),0)),0)</f>
        <v>0</v>
      </c>
      <c r="G4650" cm="1">
        <f t="array" ref="G4650">IFERROR(INDEX(Jesper!AK$2:AK$366,ROUNDDOWN($C4650/24,0)+1,1)*INDEX($D$3:$AA$30,INDEX(Jesper!$R$2:$R$366,ROW(INDEX(Jesper!AK$2:AK$366,ROUNDDOWN($C4650/24,0)+1,1))-1)+IF('Standard Profiles'!$G$21=$B$10,7,0)+IF('Standard Profiles'!$G$21=$B$17,14,0)+IF('Standard Profiles'!$G$21=$B$24,21,0),MOD($C4650,24)+1)/SUM(INDEX($D$3:$AA$30,INDEX(Jesper!$R$2:$R$366,ROW(INDEX(Jesper!AK$2:AK$366,ROUNDDOWN($C4650/24,0)+1,1))-1)+IF('Standard Profiles'!$G$21=$B$10,7,0)+IF('Standard Profiles'!$G$21=$B$17,14,0)+IF('Standard Profiles'!$G$21=$B$24,21,0),0)),0)</f>
        <v>0</v>
      </c>
      <c r="H4650" cm="1">
        <f t="array" ref="H4650">IFERROR(INDEX(Jesper!AL$2:AL$366,ROUNDDOWN($C4650/24,0)+1,1)*INDEX($D$3:$AA$30,INDEX(Jesper!$R$2:$R$366,ROW(INDEX(Jesper!AL$2:AL$366,ROUNDDOWN($C4650/24,0)+1,1))-1)+IF('Standard Profiles'!$G$22=$B$10,7,0)+IF('Standard Profiles'!$G$22=$B$17,14,0)+IF('Standard Profiles'!$G$22=$B$24,21,0),MOD($C4650,24)+1)/SUM(INDEX($D$3:$AA$30,INDEX(Jesper!$R$2:$R$366,ROW(INDEX(Jesper!AL$2:AL$366,ROUNDDOWN($C4650/24,0)+1,1))-1)+IF('Standard Profiles'!$G$22=$B$10,7,0)+IF('Standard Profiles'!$G$22=$B$17,14,0)+IF('Standard Profiles'!$G$22=$B$24,21,0),0)),0)</f>
        <v>0</v>
      </c>
      <c r="I4650">
        <f t="shared" si="524"/>
        <v>0</v>
      </c>
      <c r="J4650">
        <f t="shared" si="525"/>
        <v>27.569592697109623</v>
      </c>
      <c r="K4650">
        <f t="shared" si="526"/>
        <v>2.4728424816402725</v>
      </c>
      <c r="L4650">
        <f t="shared" si="527"/>
        <v>1.2364212408201363</v>
      </c>
      <c r="M4650">
        <f t="shared" si="528"/>
        <v>0</v>
      </c>
      <c r="N4650" s="45">
        <f t="shared" si="529"/>
        <v>45119.333333322138</v>
      </c>
    </row>
    <row r="4651" spans="2:14" x14ac:dyDescent="0.25">
      <c r="B4651">
        <f t="shared" si="523"/>
        <v>3</v>
      </c>
      <c r="C4651" s="16">
        <v>4617</v>
      </c>
      <c r="D4651" cm="1">
        <f t="array" ref="D4651">IFERROR(INDEX(Jesper!AH$2:AH$366,ROUNDDOWN($C4651/24,0)+1,1)*INDEX($D$3:$AA$30,INDEX(Jesper!$R$2:$R$366,ROW(INDEX(Jesper!AH$2:AH$366,ROUNDDOWN($C4651/24,0)+1,1))-1)+IF('Standard Profiles'!$G$18=$B$10,7,0)+IF('Standard Profiles'!$G$18=$B$17,14,0)+IF('Standard Profiles'!$G$18=$B$24,21,0),MOD($C4651,24)+1)/SUM(INDEX($D$3:$AA$30,INDEX(Jesper!$R$2:$R$366,ROW(INDEX(Jesper!AH$2:AH$366,ROUNDDOWN($C4651/24,0)+1,1))-1)+IF('Standard Profiles'!$G$18=$B$10,7,0)+IF('Standard Profiles'!$G$18=$B$17,14,0)+IF('Standard Profiles'!$G$18=$B$24,21,0),0)),0)</f>
        <v>25.588670726878995</v>
      </c>
      <c r="E4651" cm="1">
        <f t="array" ref="E4651">IFERROR(INDEX(Jesper!AI$2:AI$366,ROUNDDOWN($C4651/24,0)+1,1)*INDEX($D$3:$AA$30,INDEX(Jesper!$R$2:$R$366,ROW(INDEX(Jesper!AI$2:AI$366,ROUNDDOWN($C4651/24,0)+1,1))-1)+IF('Standard Profiles'!$G$19=$B$10,7,0)+IF('Standard Profiles'!$G$19=$B$17,14,0)+IF('Standard Profiles'!$G$19=$B$24,21,0),MOD($C4651,24)+1)/SUM(INDEX($D$3:$AA$30,INDEX(Jesper!$R$2:$R$366,ROW(INDEX(Jesper!AI$2:AI$366,ROUNDDOWN($C4651/24,0)+1,1))-1)+IF('Standard Profiles'!$G$19=$B$10,7,0)+IF('Standard Profiles'!$G$19=$B$17,14,0)+IF('Standard Profiles'!$G$19=$B$24,21,0),0)),0)</f>
        <v>8.9361047550992474</v>
      </c>
      <c r="F4651" cm="1">
        <f t="array" ref="F4651">IFERROR(INDEX(Jesper!AJ$2:AJ$366,ROUNDDOWN($C4651/24,0)+1,1)*INDEX($D$3:$AA$30,INDEX(Jesper!$R$2:$R$366,ROW(INDEX(Jesper!AJ$2:AJ$366,ROUNDDOWN($C4651/24,0)+1,1))-1)+IF('Standard Profiles'!$G$20=$B$10,7,0)+IF('Standard Profiles'!$G$20=$B$17,14,0)+IF('Standard Profiles'!$G$20=$B$24,21,0),MOD($C4651,24)+1)/SUM(INDEX($D$3:$AA$30,INDEX(Jesper!$R$2:$R$366,ROW(INDEX(Jesper!AJ$2:AJ$366,ROUNDDOWN($C4651/24,0)+1,1))-1)+IF('Standard Profiles'!$G$20=$B$10,7,0)+IF('Standard Profiles'!$G$20=$B$17,14,0)+IF('Standard Profiles'!$G$20=$B$24,21,0),0)),0)</f>
        <v>0</v>
      </c>
      <c r="G4651" cm="1">
        <f t="array" ref="G4651">IFERROR(INDEX(Jesper!AK$2:AK$366,ROUNDDOWN($C4651/24,0)+1,1)*INDEX($D$3:$AA$30,INDEX(Jesper!$R$2:$R$366,ROW(INDEX(Jesper!AK$2:AK$366,ROUNDDOWN($C4651/24,0)+1,1))-1)+IF('Standard Profiles'!$G$21=$B$10,7,0)+IF('Standard Profiles'!$G$21=$B$17,14,0)+IF('Standard Profiles'!$G$21=$B$24,21,0),MOD($C4651,24)+1)/SUM(INDEX($D$3:$AA$30,INDEX(Jesper!$R$2:$R$366,ROW(INDEX(Jesper!AK$2:AK$366,ROUNDDOWN($C4651/24,0)+1,1))-1)+IF('Standard Profiles'!$G$21=$B$10,7,0)+IF('Standard Profiles'!$G$21=$B$17,14,0)+IF('Standard Profiles'!$G$21=$B$24,21,0),0)),0)</f>
        <v>0</v>
      </c>
      <c r="H4651" cm="1">
        <f t="array" ref="H4651">IFERROR(INDEX(Jesper!AL$2:AL$366,ROUNDDOWN($C4651/24,0)+1,1)*INDEX($D$3:$AA$30,INDEX(Jesper!$R$2:$R$366,ROW(INDEX(Jesper!AL$2:AL$366,ROUNDDOWN($C4651/24,0)+1,1))-1)+IF('Standard Profiles'!$G$22=$B$10,7,0)+IF('Standard Profiles'!$G$22=$B$17,14,0)+IF('Standard Profiles'!$G$22=$B$24,21,0),MOD($C4651,24)+1)/SUM(INDEX($D$3:$AA$30,INDEX(Jesper!$R$2:$R$366,ROW(INDEX(Jesper!AL$2:AL$366,ROUNDDOWN($C4651/24,0)+1,1))-1)+IF('Standard Profiles'!$G$22=$B$10,7,0)+IF('Standard Profiles'!$G$22=$B$17,14,0)+IF('Standard Profiles'!$G$22=$B$24,21,0),0)),0)</f>
        <v>0</v>
      </c>
      <c r="I4651">
        <f t="shared" si="524"/>
        <v>0</v>
      </c>
      <c r="J4651">
        <f t="shared" si="525"/>
        <v>30.430588165677602</v>
      </c>
      <c r="K4651">
        <f t="shared" si="526"/>
        <v>2.7294582108670928</v>
      </c>
      <c r="L4651">
        <f t="shared" si="527"/>
        <v>1.3647291054335464</v>
      </c>
      <c r="M4651">
        <f t="shared" si="528"/>
        <v>0</v>
      </c>
      <c r="N4651" s="45">
        <f t="shared" si="529"/>
        <v>45119.374999988802</v>
      </c>
    </row>
    <row r="4652" spans="2:14" x14ac:dyDescent="0.25">
      <c r="B4652">
        <f t="shared" si="523"/>
        <v>3</v>
      </c>
      <c r="C4652" s="16">
        <v>4618</v>
      </c>
      <c r="D4652" cm="1">
        <f t="array" ref="D4652">IFERROR(INDEX(Jesper!AH$2:AH$366,ROUNDDOWN($C4652/24,0)+1,1)*INDEX($D$3:$AA$30,INDEX(Jesper!$R$2:$R$366,ROW(INDEX(Jesper!AH$2:AH$366,ROUNDDOWN($C4652/24,0)+1,1))-1)+IF('Standard Profiles'!$G$18=$B$10,7,0)+IF('Standard Profiles'!$G$18=$B$17,14,0)+IF('Standard Profiles'!$G$18=$B$24,21,0),MOD($C4652,24)+1)/SUM(INDEX($D$3:$AA$30,INDEX(Jesper!$R$2:$R$366,ROW(INDEX(Jesper!AH$2:AH$366,ROUNDDOWN($C4652/24,0)+1,1))-1)+IF('Standard Profiles'!$G$18=$B$10,7,0)+IF('Standard Profiles'!$G$18=$B$17,14,0)+IF('Standard Profiles'!$G$18=$B$24,21,0),0)),0)</f>
        <v>25.588670726878995</v>
      </c>
      <c r="E4652" cm="1">
        <f t="array" ref="E4652">IFERROR(INDEX(Jesper!AI$2:AI$366,ROUNDDOWN($C4652/24,0)+1,1)*INDEX($D$3:$AA$30,INDEX(Jesper!$R$2:$R$366,ROW(INDEX(Jesper!AI$2:AI$366,ROUNDDOWN($C4652/24,0)+1,1))-1)+IF('Standard Profiles'!$G$19=$B$10,7,0)+IF('Standard Profiles'!$G$19=$B$17,14,0)+IF('Standard Profiles'!$G$19=$B$24,21,0),MOD($C4652,24)+1)/SUM(INDEX($D$3:$AA$30,INDEX(Jesper!$R$2:$R$366,ROW(INDEX(Jesper!AI$2:AI$366,ROUNDDOWN($C4652/24,0)+1,1))-1)+IF('Standard Profiles'!$G$19=$B$10,7,0)+IF('Standard Profiles'!$G$19=$B$17,14,0)+IF('Standard Profiles'!$G$19=$B$24,21,0),0)),0)</f>
        <v>8.9361047550992474</v>
      </c>
      <c r="F4652" cm="1">
        <f t="array" ref="F4652">IFERROR(INDEX(Jesper!AJ$2:AJ$366,ROUNDDOWN($C4652/24,0)+1,1)*INDEX($D$3:$AA$30,INDEX(Jesper!$R$2:$R$366,ROW(INDEX(Jesper!AJ$2:AJ$366,ROUNDDOWN($C4652/24,0)+1,1))-1)+IF('Standard Profiles'!$G$20=$B$10,7,0)+IF('Standard Profiles'!$G$20=$B$17,14,0)+IF('Standard Profiles'!$G$20=$B$24,21,0),MOD($C4652,24)+1)/SUM(INDEX($D$3:$AA$30,INDEX(Jesper!$R$2:$R$366,ROW(INDEX(Jesper!AJ$2:AJ$366,ROUNDDOWN($C4652/24,0)+1,1))-1)+IF('Standard Profiles'!$G$20=$B$10,7,0)+IF('Standard Profiles'!$G$20=$B$17,14,0)+IF('Standard Profiles'!$G$20=$B$24,21,0),0)),0)</f>
        <v>0</v>
      </c>
      <c r="G4652" cm="1">
        <f t="array" ref="G4652">IFERROR(INDEX(Jesper!AK$2:AK$366,ROUNDDOWN($C4652/24,0)+1,1)*INDEX($D$3:$AA$30,INDEX(Jesper!$R$2:$R$366,ROW(INDEX(Jesper!AK$2:AK$366,ROUNDDOWN($C4652/24,0)+1,1))-1)+IF('Standard Profiles'!$G$21=$B$10,7,0)+IF('Standard Profiles'!$G$21=$B$17,14,0)+IF('Standard Profiles'!$G$21=$B$24,21,0),MOD($C4652,24)+1)/SUM(INDEX($D$3:$AA$30,INDEX(Jesper!$R$2:$R$366,ROW(INDEX(Jesper!AK$2:AK$366,ROUNDDOWN($C4652/24,0)+1,1))-1)+IF('Standard Profiles'!$G$21=$B$10,7,0)+IF('Standard Profiles'!$G$21=$B$17,14,0)+IF('Standard Profiles'!$G$21=$B$24,21,0),0)),0)</f>
        <v>0</v>
      </c>
      <c r="H4652" cm="1">
        <f t="array" ref="H4652">IFERROR(INDEX(Jesper!AL$2:AL$366,ROUNDDOWN($C4652/24,0)+1,1)*INDEX($D$3:$AA$30,INDEX(Jesper!$R$2:$R$366,ROW(INDEX(Jesper!AL$2:AL$366,ROUNDDOWN($C4652/24,0)+1,1))-1)+IF('Standard Profiles'!$G$22=$B$10,7,0)+IF('Standard Profiles'!$G$22=$B$17,14,0)+IF('Standard Profiles'!$G$22=$B$24,21,0),MOD($C4652,24)+1)/SUM(INDEX($D$3:$AA$30,INDEX(Jesper!$R$2:$R$366,ROW(INDEX(Jesper!AL$2:AL$366,ROUNDDOWN($C4652/24,0)+1,1))-1)+IF('Standard Profiles'!$G$22=$B$10,7,0)+IF('Standard Profiles'!$G$22=$B$17,14,0)+IF('Standard Profiles'!$G$22=$B$24,21,0),0)),0)</f>
        <v>0</v>
      </c>
      <c r="I4652">
        <f t="shared" si="524"/>
        <v>0</v>
      </c>
      <c r="J4652">
        <f t="shared" si="525"/>
        <v>30.430588165677602</v>
      </c>
      <c r="K4652">
        <f t="shared" si="526"/>
        <v>2.7294582108670928</v>
      </c>
      <c r="L4652">
        <f t="shared" si="527"/>
        <v>1.3647291054335464</v>
      </c>
      <c r="M4652">
        <f t="shared" si="528"/>
        <v>0</v>
      </c>
      <c r="N4652" s="45">
        <f t="shared" si="529"/>
        <v>45119.416666655467</v>
      </c>
    </row>
    <row r="4653" spans="2:14" x14ac:dyDescent="0.25">
      <c r="B4653">
        <f t="shared" si="523"/>
        <v>3</v>
      </c>
      <c r="C4653" s="16">
        <v>4619</v>
      </c>
      <c r="D4653" cm="1">
        <f t="array" ref="D4653">IFERROR(INDEX(Jesper!AH$2:AH$366,ROUNDDOWN($C4653/24,0)+1,1)*INDEX($D$3:$AA$30,INDEX(Jesper!$R$2:$R$366,ROW(INDEX(Jesper!AH$2:AH$366,ROUNDDOWN($C4653/24,0)+1,1))-1)+IF('Standard Profiles'!$G$18=$B$10,7,0)+IF('Standard Profiles'!$G$18=$B$17,14,0)+IF('Standard Profiles'!$G$18=$B$24,21,0),MOD($C4653,24)+1)/SUM(INDEX($D$3:$AA$30,INDEX(Jesper!$R$2:$R$366,ROW(INDEX(Jesper!AH$2:AH$366,ROUNDDOWN($C4653/24,0)+1,1))-1)+IF('Standard Profiles'!$G$18=$B$10,7,0)+IF('Standard Profiles'!$G$18=$B$17,14,0)+IF('Standard Profiles'!$G$18=$B$24,21,0),0)),0)</f>
        <v>30.618922237291098</v>
      </c>
      <c r="E4653" cm="1">
        <f t="array" ref="E4653">IFERROR(INDEX(Jesper!AI$2:AI$366,ROUNDDOWN($C4653/24,0)+1,1)*INDEX($D$3:$AA$30,INDEX(Jesper!$R$2:$R$366,ROW(INDEX(Jesper!AI$2:AI$366,ROUNDDOWN($C4653/24,0)+1,1))-1)+IF('Standard Profiles'!$G$19=$B$10,7,0)+IF('Standard Profiles'!$G$19=$B$17,14,0)+IF('Standard Profiles'!$G$19=$B$24,21,0),MOD($C4653,24)+1)/SUM(INDEX($D$3:$AA$30,INDEX(Jesper!$R$2:$R$366,ROW(INDEX(Jesper!AI$2:AI$366,ROUNDDOWN($C4653/24,0)+1,1))-1)+IF('Standard Profiles'!$G$19=$B$10,7,0)+IF('Standard Profiles'!$G$19=$B$17,14,0)+IF('Standard Profiles'!$G$19=$B$24,21,0),0)),0)</f>
        <v>10.692774920631578</v>
      </c>
      <c r="F4653" cm="1">
        <f t="array" ref="F4653">IFERROR(INDEX(Jesper!AJ$2:AJ$366,ROUNDDOWN($C4653/24,0)+1,1)*INDEX($D$3:$AA$30,INDEX(Jesper!$R$2:$R$366,ROW(INDEX(Jesper!AJ$2:AJ$366,ROUNDDOWN($C4653/24,0)+1,1))-1)+IF('Standard Profiles'!$G$20=$B$10,7,0)+IF('Standard Profiles'!$G$20=$B$17,14,0)+IF('Standard Profiles'!$G$20=$B$24,21,0),MOD($C4653,24)+1)/SUM(INDEX($D$3:$AA$30,INDEX(Jesper!$R$2:$R$366,ROW(INDEX(Jesper!AJ$2:AJ$366,ROUNDDOWN($C4653/24,0)+1,1))-1)+IF('Standard Profiles'!$G$20=$B$10,7,0)+IF('Standard Profiles'!$G$20=$B$17,14,0)+IF('Standard Profiles'!$G$20=$B$24,21,0),0)),0)</f>
        <v>0</v>
      </c>
      <c r="G4653" cm="1">
        <f t="array" ref="G4653">IFERROR(INDEX(Jesper!AK$2:AK$366,ROUNDDOWN($C4653/24,0)+1,1)*INDEX($D$3:$AA$30,INDEX(Jesper!$R$2:$R$366,ROW(INDEX(Jesper!AK$2:AK$366,ROUNDDOWN($C4653/24,0)+1,1))-1)+IF('Standard Profiles'!$G$21=$B$10,7,0)+IF('Standard Profiles'!$G$21=$B$17,14,0)+IF('Standard Profiles'!$G$21=$B$24,21,0),MOD($C4653,24)+1)/SUM(INDEX($D$3:$AA$30,INDEX(Jesper!$R$2:$R$366,ROW(INDEX(Jesper!AK$2:AK$366,ROUNDDOWN($C4653/24,0)+1,1))-1)+IF('Standard Profiles'!$G$21=$B$10,7,0)+IF('Standard Profiles'!$G$21=$B$17,14,0)+IF('Standard Profiles'!$G$21=$B$24,21,0),0)),0)</f>
        <v>0</v>
      </c>
      <c r="H4653" cm="1">
        <f t="array" ref="H4653">IFERROR(INDEX(Jesper!AL$2:AL$366,ROUNDDOWN($C4653/24,0)+1,1)*INDEX($D$3:$AA$30,INDEX(Jesper!$R$2:$R$366,ROW(INDEX(Jesper!AL$2:AL$366,ROUNDDOWN($C4653/24,0)+1,1))-1)+IF('Standard Profiles'!$G$22=$B$10,7,0)+IF('Standard Profiles'!$G$22=$B$17,14,0)+IF('Standard Profiles'!$G$22=$B$24,21,0),MOD($C4653,24)+1)/SUM(INDEX($D$3:$AA$30,INDEX(Jesper!$R$2:$R$366,ROW(INDEX(Jesper!AL$2:AL$366,ROUNDDOWN($C4653/24,0)+1,1))-1)+IF('Standard Profiles'!$G$22=$B$10,7,0)+IF('Standard Profiles'!$G$22=$B$17,14,0)+IF('Standard Profiles'!$G$22=$B$24,21,0),0)),0)</f>
        <v>0</v>
      </c>
      <c r="I4653">
        <f t="shared" si="524"/>
        <v>0</v>
      </c>
      <c r="J4653">
        <f t="shared" si="525"/>
        <v>36.412669599956104</v>
      </c>
      <c r="K4653">
        <f t="shared" si="526"/>
        <v>3.2660183719777174</v>
      </c>
      <c r="L4653">
        <f t="shared" si="527"/>
        <v>1.6330091859888587</v>
      </c>
      <c r="M4653">
        <f t="shared" si="528"/>
        <v>0</v>
      </c>
      <c r="N4653" s="45">
        <f t="shared" si="529"/>
        <v>45119.458333322131</v>
      </c>
    </row>
    <row r="4654" spans="2:14" x14ac:dyDescent="0.25">
      <c r="B4654">
        <f t="shared" si="523"/>
        <v>3</v>
      </c>
      <c r="C4654" s="16">
        <v>4620</v>
      </c>
      <c r="D4654" cm="1">
        <f t="array" ref="D4654">IFERROR(INDEX(Jesper!AH$2:AH$366,ROUNDDOWN($C4654/24,0)+1,1)*INDEX($D$3:$AA$30,INDEX(Jesper!$R$2:$R$366,ROW(INDEX(Jesper!AH$2:AH$366,ROUNDDOWN($C4654/24,0)+1,1))-1)+IF('Standard Profiles'!$G$18=$B$10,7,0)+IF('Standard Profiles'!$G$18=$B$17,14,0)+IF('Standard Profiles'!$G$18=$B$24,21,0),MOD($C4654,24)+1)/SUM(INDEX($D$3:$AA$30,INDEX(Jesper!$R$2:$R$366,ROW(INDEX(Jesper!AH$2:AH$366,ROUNDDOWN($C4654/24,0)+1,1))-1)+IF('Standard Profiles'!$G$18=$B$10,7,0)+IF('Standard Profiles'!$G$18=$B$17,14,0)+IF('Standard Profiles'!$G$18=$B$24,21,0),0)),0)</f>
        <v>30.618922237291098</v>
      </c>
      <c r="E4654" cm="1">
        <f t="array" ref="E4654">IFERROR(INDEX(Jesper!AI$2:AI$366,ROUNDDOWN($C4654/24,0)+1,1)*INDEX($D$3:$AA$30,INDEX(Jesper!$R$2:$R$366,ROW(INDEX(Jesper!AI$2:AI$366,ROUNDDOWN($C4654/24,0)+1,1))-1)+IF('Standard Profiles'!$G$19=$B$10,7,0)+IF('Standard Profiles'!$G$19=$B$17,14,0)+IF('Standard Profiles'!$G$19=$B$24,21,0),MOD($C4654,24)+1)/SUM(INDEX($D$3:$AA$30,INDEX(Jesper!$R$2:$R$366,ROW(INDEX(Jesper!AI$2:AI$366,ROUNDDOWN($C4654/24,0)+1,1))-1)+IF('Standard Profiles'!$G$19=$B$10,7,0)+IF('Standard Profiles'!$G$19=$B$17,14,0)+IF('Standard Profiles'!$G$19=$B$24,21,0),0)),0)</f>
        <v>10.692774920631578</v>
      </c>
      <c r="F4654" cm="1">
        <f t="array" ref="F4654">IFERROR(INDEX(Jesper!AJ$2:AJ$366,ROUNDDOWN($C4654/24,0)+1,1)*INDEX($D$3:$AA$30,INDEX(Jesper!$R$2:$R$366,ROW(INDEX(Jesper!AJ$2:AJ$366,ROUNDDOWN($C4654/24,0)+1,1))-1)+IF('Standard Profiles'!$G$20=$B$10,7,0)+IF('Standard Profiles'!$G$20=$B$17,14,0)+IF('Standard Profiles'!$G$20=$B$24,21,0),MOD($C4654,24)+1)/SUM(INDEX($D$3:$AA$30,INDEX(Jesper!$R$2:$R$366,ROW(INDEX(Jesper!AJ$2:AJ$366,ROUNDDOWN($C4654/24,0)+1,1))-1)+IF('Standard Profiles'!$G$20=$B$10,7,0)+IF('Standard Profiles'!$G$20=$B$17,14,0)+IF('Standard Profiles'!$G$20=$B$24,21,0),0)),0)</f>
        <v>0</v>
      </c>
      <c r="G4654" cm="1">
        <f t="array" ref="G4654">IFERROR(INDEX(Jesper!AK$2:AK$366,ROUNDDOWN($C4654/24,0)+1,1)*INDEX($D$3:$AA$30,INDEX(Jesper!$R$2:$R$366,ROW(INDEX(Jesper!AK$2:AK$366,ROUNDDOWN($C4654/24,0)+1,1))-1)+IF('Standard Profiles'!$G$21=$B$10,7,0)+IF('Standard Profiles'!$G$21=$B$17,14,0)+IF('Standard Profiles'!$G$21=$B$24,21,0),MOD($C4654,24)+1)/SUM(INDEX($D$3:$AA$30,INDEX(Jesper!$R$2:$R$366,ROW(INDEX(Jesper!AK$2:AK$366,ROUNDDOWN($C4654/24,0)+1,1))-1)+IF('Standard Profiles'!$G$21=$B$10,7,0)+IF('Standard Profiles'!$G$21=$B$17,14,0)+IF('Standard Profiles'!$G$21=$B$24,21,0),0)),0)</f>
        <v>0</v>
      </c>
      <c r="H4654" cm="1">
        <f t="array" ref="H4654">IFERROR(INDEX(Jesper!AL$2:AL$366,ROUNDDOWN($C4654/24,0)+1,1)*INDEX($D$3:$AA$30,INDEX(Jesper!$R$2:$R$366,ROW(INDEX(Jesper!AL$2:AL$366,ROUNDDOWN($C4654/24,0)+1,1))-1)+IF('Standard Profiles'!$G$22=$B$10,7,0)+IF('Standard Profiles'!$G$22=$B$17,14,0)+IF('Standard Profiles'!$G$22=$B$24,21,0),MOD($C4654,24)+1)/SUM(INDEX($D$3:$AA$30,INDEX(Jesper!$R$2:$R$366,ROW(INDEX(Jesper!AL$2:AL$366,ROUNDDOWN($C4654/24,0)+1,1))-1)+IF('Standard Profiles'!$G$22=$B$10,7,0)+IF('Standard Profiles'!$G$22=$B$17,14,0)+IF('Standard Profiles'!$G$22=$B$24,21,0),0)),0)</f>
        <v>0</v>
      </c>
      <c r="I4654">
        <f t="shared" si="524"/>
        <v>0</v>
      </c>
      <c r="J4654">
        <f t="shared" si="525"/>
        <v>36.412669599956104</v>
      </c>
      <c r="K4654">
        <f t="shared" si="526"/>
        <v>3.2660183719777174</v>
      </c>
      <c r="L4654">
        <f t="shared" si="527"/>
        <v>1.6330091859888587</v>
      </c>
      <c r="M4654">
        <f t="shared" si="528"/>
        <v>0</v>
      </c>
      <c r="N4654" s="45">
        <f t="shared" si="529"/>
        <v>45119.499999988795</v>
      </c>
    </row>
    <row r="4655" spans="2:14" x14ac:dyDescent="0.25">
      <c r="B4655">
        <f t="shared" si="523"/>
        <v>3</v>
      </c>
      <c r="C4655" s="16">
        <v>4621</v>
      </c>
      <c r="D4655" cm="1">
        <f t="array" ref="D4655">IFERROR(INDEX(Jesper!AH$2:AH$366,ROUNDDOWN($C4655/24,0)+1,1)*INDEX($D$3:$AA$30,INDEX(Jesper!$R$2:$R$366,ROW(INDEX(Jesper!AH$2:AH$366,ROUNDDOWN($C4655/24,0)+1,1))-1)+IF('Standard Profiles'!$G$18=$B$10,7,0)+IF('Standard Profiles'!$G$18=$B$17,14,0)+IF('Standard Profiles'!$G$18=$B$24,21,0),MOD($C4655,24)+1)/SUM(INDEX($D$3:$AA$30,INDEX(Jesper!$R$2:$R$366,ROW(INDEX(Jesper!AH$2:AH$366,ROUNDDOWN($C4655/24,0)+1,1))-1)+IF('Standard Profiles'!$G$18=$B$10,7,0)+IF('Standard Profiles'!$G$18=$B$17,14,0)+IF('Standard Profiles'!$G$18=$B$24,21,0),0)),0)</f>
        <v>20.339712629057658</v>
      </c>
      <c r="E4655" cm="1">
        <f t="array" ref="E4655">IFERROR(INDEX(Jesper!AI$2:AI$366,ROUNDDOWN($C4655/24,0)+1,1)*INDEX($D$3:$AA$30,INDEX(Jesper!$R$2:$R$366,ROW(INDEX(Jesper!AI$2:AI$366,ROUNDDOWN($C4655/24,0)+1,1))-1)+IF('Standard Profiles'!$G$19=$B$10,7,0)+IF('Standard Profiles'!$G$19=$B$17,14,0)+IF('Standard Profiles'!$G$19=$B$24,21,0),MOD($C4655,24)+1)/SUM(INDEX($D$3:$AA$30,INDEX(Jesper!$R$2:$R$366,ROW(INDEX(Jesper!AI$2:AI$366,ROUNDDOWN($C4655/24,0)+1,1))-1)+IF('Standard Profiles'!$G$19=$B$10,7,0)+IF('Standard Profiles'!$G$19=$B$17,14,0)+IF('Standard Profiles'!$G$19=$B$24,21,0),0)),0)</f>
        <v>7.1030576258481206</v>
      </c>
      <c r="F4655" cm="1">
        <f t="array" ref="F4655">IFERROR(INDEX(Jesper!AJ$2:AJ$366,ROUNDDOWN($C4655/24,0)+1,1)*INDEX($D$3:$AA$30,INDEX(Jesper!$R$2:$R$366,ROW(INDEX(Jesper!AJ$2:AJ$366,ROUNDDOWN($C4655/24,0)+1,1))-1)+IF('Standard Profiles'!$G$20=$B$10,7,0)+IF('Standard Profiles'!$G$20=$B$17,14,0)+IF('Standard Profiles'!$G$20=$B$24,21,0),MOD($C4655,24)+1)/SUM(INDEX($D$3:$AA$30,INDEX(Jesper!$R$2:$R$366,ROW(INDEX(Jesper!AJ$2:AJ$366,ROUNDDOWN($C4655/24,0)+1,1))-1)+IF('Standard Profiles'!$G$20=$B$10,7,0)+IF('Standard Profiles'!$G$20=$B$17,14,0)+IF('Standard Profiles'!$G$20=$B$24,21,0),0)),0)</f>
        <v>0</v>
      </c>
      <c r="G4655" cm="1">
        <f t="array" ref="G4655">IFERROR(INDEX(Jesper!AK$2:AK$366,ROUNDDOWN($C4655/24,0)+1,1)*INDEX($D$3:$AA$30,INDEX(Jesper!$R$2:$R$366,ROW(INDEX(Jesper!AK$2:AK$366,ROUNDDOWN($C4655/24,0)+1,1))-1)+IF('Standard Profiles'!$G$21=$B$10,7,0)+IF('Standard Profiles'!$G$21=$B$17,14,0)+IF('Standard Profiles'!$G$21=$B$24,21,0),MOD($C4655,24)+1)/SUM(INDEX($D$3:$AA$30,INDEX(Jesper!$R$2:$R$366,ROW(INDEX(Jesper!AK$2:AK$366,ROUNDDOWN($C4655/24,0)+1,1))-1)+IF('Standard Profiles'!$G$21=$B$10,7,0)+IF('Standard Profiles'!$G$21=$B$17,14,0)+IF('Standard Profiles'!$G$21=$B$24,21,0),0)),0)</f>
        <v>0</v>
      </c>
      <c r="H4655" cm="1">
        <f t="array" ref="H4655">IFERROR(INDEX(Jesper!AL$2:AL$366,ROUNDDOWN($C4655/24,0)+1,1)*INDEX($D$3:$AA$30,INDEX(Jesper!$R$2:$R$366,ROW(INDEX(Jesper!AL$2:AL$366,ROUNDDOWN($C4655/24,0)+1,1))-1)+IF('Standard Profiles'!$G$22=$B$10,7,0)+IF('Standard Profiles'!$G$22=$B$17,14,0)+IF('Standard Profiles'!$G$22=$B$24,21,0),MOD($C4655,24)+1)/SUM(INDEX($D$3:$AA$30,INDEX(Jesper!$R$2:$R$366,ROW(INDEX(Jesper!AL$2:AL$366,ROUNDDOWN($C4655/24,0)+1,1))-1)+IF('Standard Profiles'!$G$22=$B$10,7,0)+IF('Standard Profiles'!$G$22=$B$17,14,0)+IF('Standard Profiles'!$G$22=$B$24,21,0),0)),0)</f>
        <v>0</v>
      </c>
      <c r="I4655">
        <f t="shared" si="524"/>
        <v>0</v>
      </c>
      <c r="J4655">
        <f t="shared" si="525"/>
        <v>24.18841623425655</v>
      </c>
      <c r="K4655">
        <f t="shared" si="526"/>
        <v>2.1695693470994835</v>
      </c>
      <c r="L4655">
        <f t="shared" si="527"/>
        <v>1.0847846735497417</v>
      </c>
      <c r="M4655">
        <f t="shared" si="528"/>
        <v>0</v>
      </c>
      <c r="N4655" s="45">
        <f t="shared" si="529"/>
        <v>45119.541666655459</v>
      </c>
    </row>
    <row r="4656" spans="2:14" x14ac:dyDescent="0.25">
      <c r="B4656">
        <f t="shared" si="523"/>
        <v>3</v>
      </c>
      <c r="C4656" s="16">
        <v>4622</v>
      </c>
      <c r="D4656" cm="1">
        <f t="array" ref="D4656">IFERROR(INDEX(Jesper!AH$2:AH$366,ROUNDDOWN($C4656/24,0)+1,1)*INDEX($D$3:$AA$30,INDEX(Jesper!$R$2:$R$366,ROW(INDEX(Jesper!AH$2:AH$366,ROUNDDOWN($C4656/24,0)+1,1))-1)+IF('Standard Profiles'!$G$18=$B$10,7,0)+IF('Standard Profiles'!$G$18=$B$17,14,0)+IF('Standard Profiles'!$G$18=$B$24,21,0),MOD($C4656,24)+1)/SUM(INDEX($D$3:$AA$30,INDEX(Jesper!$R$2:$R$366,ROW(INDEX(Jesper!AH$2:AH$366,ROUNDDOWN($C4656/24,0)+1,1))-1)+IF('Standard Profiles'!$G$18=$B$10,7,0)+IF('Standard Profiles'!$G$18=$B$17,14,0)+IF('Standard Profiles'!$G$18=$B$24,21,0),0)),0)</f>
        <v>30.618922237291098</v>
      </c>
      <c r="E4656" cm="1">
        <f t="array" ref="E4656">IFERROR(INDEX(Jesper!AI$2:AI$366,ROUNDDOWN($C4656/24,0)+1,1)*INDEX($D$3:$AA$30,INDEX(Jesper!$R$2:$R$366,ROW(INDEX(Jesper!AI$2:AI$366,ROUNDDOWN($C4656/24,0)+1,1))-1)+IF('Standard Profiles'!$G$19=$B$10,7,0)+IF('Standard Profiles'!$G$19=$B$17,14,0)+IF('Standard Profiles'!$G$19=$B$24,21,0),MOD($C4656,24)+1)/SUM(INDEX($D$3:$AA$30,INDEX(Jesper!$R$2:$R$366,ROW(INDEX(Jesper!AI$2:AI$366,ROUNDDOWN($C4656/24,0)+1,1))-1)+IF('Standard Profiles'!$G$19=$B$10,7,0)+IF('Standard Profiles'!$G$19=$B$17,14,0)+IF('Standard Profiles'!$G$19=$B$24,21,0),0)),0)</f>
        <v>10.692774920631578</v>
      </c>
      <c r="F4656" cm="1">
        <f t="array" ref="F4656">IFERROR(INDEX(Jesper!AJ$2:AJ$366,ROUNDDOWN($C4656/24,0)+1,1)*INDEX($D$3:$AA$30,INDEX(Jesper!$R$2:$R$366,ROW(INDEX(Jesper!AJ$2:AJ$366,ROUNDDOWN($C4656/24,0)+1,1))-1)+IF('Standard Profiles'!$G$20=$B$10,7,0)+IF('Standard Profiles'!$G$20=$B$17,14,0)+IF('Standard Profiles'!$G$20=$B$24,21,0),MOD($C4656,24)+1)/SUM(INDEX($D$3:$AA$30,INDEX(Jesper!$R$2:$R$366,ROW(INDEX(Jesper!AJ$2:AJ$366,ROUNDDOWN($C4656/24,0)+1,1))-1)+IF('Standard Profiles'!$G$20=$B$10,7,0)+IF('Standard Profiles'!$G$20=$B$17,14,0)+IF('Standard Profiles'!$G$20=$B$24,21,0),0)),0)</f>
        <v>0</v>
      </c>
      <c r="G4656" cm="1">
        <f t="array" ref="G4656">IFERROR(INDEX(Jesper!AK$2:AK$366,ROUNDDOWN($C4656/24,0)+1,1)*INDEX($D$3:$AA$30,INDEX(Jesper!$R$2:$R$366,ROW(INDEX(Jesper!AK$2:AK$366,ROUNDDOWN($C4656/24,0)+1,1))-1)+IF('Standard Profiles'!$G$21=$B$10,7,0)+IF('Standard Profiles'!$G$21=$B$17,14,0)+IF('Standard Profiles'!$G$21=$B$24,21,0),MOD($C4656,24)+1)/SUM(INDEX($D$3:$AA$30,INDEX(Jesper!$R$2:$R$366,ROW(INDEX(Jesper!AK$2:AK$366,ROUNDDOWN($C4656/24,0)+1,1))-1)+IF('Standard Profiles'!$G$21=$B$10,7,0)+IF('Standard Profiles'!$G$21=$B$17,14,0)+IF('Standard Profiles'!$G$21=$B$24,21,0),0)),0)</f>
        <v>0</v>
      </c>
      <c r="H4656" cm="1">
        <f t="array" ref="H4656">IFERROR(INDEX(Jesper!AL$2:AL$366,ROUNDDOWN($C4656/24,0)+1,1)*INDEX($D$3:$AA$30,INDEX(Jesper!$R$2:$R$366,ROW(INDEX(Jesper!AL$2:AL$366,ROUNDDOWN($C4656/24,0)+1,1))-1)+IF('Standard Profiles'!$G$22=$B$10,7,0)+IF('Standard Profiles'!$G$22=$B$17,14,0)+IF('Standard Profiles'!$G$22=$B$24,21,0),MOD($C4656,24)+1)/SUM(INDEX($D$3:$AA$30,INDEX(Jesper!$R$2:$R$366,ROW(INDEX(Jesper!AL$2:AL$366,ROUNDDOWN($C4656/24,0)+1,1))-1)+IF('Standard Profiles'!$G$22=$B$10,7,0)+IF('Standard Profiles'!$G$22=$B$17,14,0)+IF('Standard Profiles'!$G$22=$B$24,21,0),0)),0)</f>
        <v>0</v>
      </c>
      <c r="I4656">
        <f t="shared" si="524"/>
        <v>0</v>
      </c>
      <c r="J4656">
        <f t="shared" si="525"/>
        <v>36.412669599956104</v>
      </c>
      <c r="K4656">
        <f t="shared" si="526"/>
        <v>3.2660183719777174</v>
      </c>
      <c r="L4656">
        <f t="shared" si="527"/>
        <v>1.6330091859888587</v>
      </c>
      <c r="M4656">
        <f t="shared" si="528"/>
        <v>0</v>
      </c>
      <c r="N4656" s="45">
        <f t="shared" si="529"/>
        <v>45119.583333322124</v>
      </c>
    </row>
    <row r="4657" spans="2:14" x14ac:dyDescent="0.25">
      <c r="B4657">
        <f t="shared" si="523"/>
        <v>3</v>
      </c>
      <c r="C4657" s="16">
        <v>4623</v>
      </c>
      <c r="D4657" cm="1">
        <f t="array" ref="D4657">IFERROR(INDEX(Jesper!AH$2:AH$366,ROUNDDOWN($C4657/24,0)+1,1)*INDEX($D$3:$AA$30,INDEX(Jesper!$R$2:$R$366,ROW(INDEX(Jesper!AH$2:AH$366,ROUNDDOWN($C4657/24,0)+1,1))-1)+IF('Standard Profiles'!$G$18=$B$10,7,0)+IF('Standard Profiles'!$G$18=$B$17,14,0)+IF('Standard Profiles'!$G$18=$B$24,21,0),MOD($C4657,24)+1)/SUM(INDEX($D$3:$AA$30,INDEX(Jesper!$R$2:$R$366,ROW(INDEX(Jesper!AH$2:AH$366,ROUNDDOWN($C4657/24,0)+1,1))-1)+IF('Standard Profiles'!$G$18=$B$10,7,0)+IF('Standard Profiles'!$G$18=$B$17,14,0)+IF('Standard Profiles'!$G$18=$B$24,21,0),0)),0)</f>
        <v>30.618922237291098</v>
      </c>
      <c r="E4657" cm="1">
        <f t="array" ref="E4657">IFERROR(INDEX(Jesper!AI$2:AI$366,ROUNDDOWN($C4657/24,0)+1,1)*INDEX($D$3:$AA$30,INDEX(Jesper!$R$2:$R$366,ROW(INDEX(Jesper!AI$2:AI$366,ROUNDDOWN($C4657/24,0)+1,1))-1)+IF('Standard Profiles'!$G$19=$B$10,7,0)+IF('Standard Profiles'!$G$19=$B$17,14,0)+IF('Standard Profiles'!$G$19=$B$24,21,0),MOD($C4657,24)+1)/SUM(INDEX($D$3:$AA$30,INDEX(Jesper!$R$2:$R$366,ROW(INDEX(Jesper!AI$2:AI$366,ROUNDDOWN($C4657/24,0)+1,1))-1)+IF('Standard Profiles'!$G$19=$B$10,7,0)+IF('Standard Profiles'!$G$19=$B$17,14,0)+IF('Standard Profiles'!$G$19=$B$24,21,0),0)),0)</f>
        <v>10.692774920631578</v>
      </c>
      <c r="F4657" cm="1">
        <f t="array" ref="F4657">IFERROR(INDEX(Jesper!AJ$2:AJ$366,ROUNDDOWN($C4657/24,0)+1,1)*INDEX($D$3:$AA$30,INDEX(Jesper!$R$2:$R$366,ROW(INDEX(Jesper!AJ$2:AJ$366,ROUNDDOWN($C4657/24,0)+1,1))-1)+IF('Standard Profiles'!$G$20=$B$10,7,0)+IF('Standard Profiles'!$G$20=$B$17,14,0)+IF('Standard Profiles'!$G$20=$B$24,21,0),MOD($C4657,24)+1)/SUM(INDEX($D$3:$AA$30,INDEX(Jesper!$R$2:$R$366,ROW(INDEX(Jesper!AJ$2:AJ$366,ROUNDDOWN($C4657/24,0)+1,1))-1)+IF('Standard Profiles'!$G$20=$B$10,7,0)+IF('Standard Profiles'!$G$20=$B$17,14,0)+IF('Standard Profiles'!$G$20=$B$24,21,0),0)),0)</f>
        <v>0</v>
      </c>
      <c r="G4657" cm="1">
        <f t="array" ref="G4657">IFERROR(INDEX(Jesper!AK$2:AK$366,ROUNDDOWN($C4657/24,0)+1,1)*INDEX($D$3:$AA$30,INDEX(Jesper!$R$2:$R$366,ROW(INDEX(Jesper!AK$2:AK$366,ROUNDDOWN($C4657/24,0)+1,1))-1)+IF('Standard Profiles'!$G$21=$B$10,7,0)+IF('Standard Profiles'!$G$21=$B$17,14,0)+IF('Standard Profiles'!$G$21=$B$24,21,0),MOD($C4657,24)+1)/SUM(INDEX($D$3:$AA$30,INDEX(Jesper!$R$2:$R$366,ROW(INDEX(Jesper!AK$2:AK$366,ROUNDDOWN($C4657/24,0)+1,1))-1)+IF('Standard Profiles'!$G$21=$B$10,7,0)+IF('Standard Profiles'!$G$21=$B$17,14,0)+IF('Standard Profiles'!$G$21=$B$24,21,0),0)),0)</f>
        <v>0</v>
      </c>
      <c r="H4657" cm="1">
        <f t="array" ref="H4657">IFERROR(INDEX(Jesper!AL$2:AL$366,ROUNDDOWN($C4657/24,0)+1,1)*INDEX($D$3:$AA$30,INDEX(Jesper!$R$2:$R$366,ROW(INDEX(Jesper!AL$2:AL$366,ROUNDDOWN($C4657/24,0)+1,1))-1)+IF('Standard Profiles'!$G$22=$B$10,7,0)+IF('Standard Profiles'!$G$22=$B$17,14,0)+IF('Standard Profiles'!$G$22=$B$24,21,0),MOD($C4657,24)+1)/SUM(INDEX($D$3:$AA$30,INDEX(Jesper!$R$2:$R$366,ROW(INDEX(Jesper!AL$2:AL$366,ROUNDDOWN($C4657/24,0)+1,1))-1)+IF('Standard Profiles'!$G$22=$B$10,7,0)+IF('Standard Profiles'!$G$22=$B$17,14,0)+IF('Standard Profiles'!$G$22=$B$24,21,0),0)),0)</f>
        <v>0</v>
      </c>
      <c r="I4657">
        <f t="shared" si="524"/>
        <v>0</v>
      </c>
      <c r="J4657">
        <f t="shared" si="525"/>
        <v>36.412669599956104</v>
      </c>
      <c r="K4657">
        <f t="shared" si="526"/>
        <v>3.2660183719777174</v>
      </c>
      <c r="L4657">
        <f t="shared" si="527"/>
        <v>1.6330091859888587</v>
      </c>
      <c r="M4657">
        <f t="shared" si="528"/>
        <v>0</v>
      </c>
      <c r="N4657" s="45">
        <f t="shared" si="529"/>
        <v>45119.624999988788</v>
      </c>
    </row>
    <row r="4658" spans="2:14" x14ac:dyDescent="0.25">
      <c r="B4658">
        <f t="shared" si="523"/>
        <v>3</v>
      </c>
      <c r="C4658" s="16">
        <v>4624</v>
      </c>
      <c r="D4658" cm="1">
        <f t="array" ref="D4658">IFERROR(INDEX(Jesper!AH$2:AH$366,ROUNDDOWN($C4658/24,0)+1,1)*INDEX($D$3:$AA$30,INDEX(Jesper!$R$2:$R$366,ROW(INDEX(Jesper!AH$2:AH$366,ROUNDDOWN($C4658/24,0)+1,1))-1)+IF('Standard Profiles'!$G$18=$B$10,7,0)+IF('Standard Profiles'!$G$18=$B$17,14,0)+IF('Standard Profiles'!$G$18=$B$24,21,0),MOD($C4658,24)+1)/SUM(INDEX($D$3:$AA$30,INDEX(Jesper!$R$2:$R$366,ROW(INDEX(Jesper!AH$2:AH$366,ROUNDDOWN($C4658/24,0)+1,1))-1)+IF('Standard Profiles'!$G$18=$B$10,7,0)+IF('Standard Profiles'!$G$18=$B$17,14,0)+IF('Standard Profiles'!$G$18=$B$24,21,0),0)),0)</f>
        <v>18.043293461260827</v>
      </c>
      <c r="E4658" cm="1">
        <f t="array" ref="E4658">IFERROR(INDEX(Jesper!AI$2:AI$366,ROUNDDOWN($C4658/24,0)+1,1)*INDEX($D$3:$AA$30,INDEX(Jesper!$R$2:$R$366,ROW(INDEX(Jesper!AI$2:AI$366,ROUNDDOWN($C4658/24,0)+1,1))-1)+IF('Standard Profiles'!$G$19=$B$10,7,0)+IF('Standard Profiles'!$G$19=$B$17,14,0)+IF('Standard Profiles'!$G$19=$B$24,21,0),MOD($C4658,24)+1)/SUM(INDEX($D$3:$AA$30,INDEX(Jesper!$R$2:$R$366,ROW(INDEX(Jesper!AI$2:AI$366,ROUNDDOWN($C4658/24,0)+1,1))-1)+IF('Standard Profiles'!$G$19=$B$10,7,0)+IF('Standard Profiles'!$G$19=$B$17,14,0)+IF('Standard Profiles'!$G$19=$B$24,21,0),0)),0)</f>
        <v>6.3010995068007523</v>
      </c>
      <c r="F4658" cm="1">
        <f t="array" ref="F4658">IFERROR(INDEX(Jesper!AJ$2:AJ$366,ROUNDDOWN($C4658/24,0)+1,1)*INDEX($D$3:$AA$30,INDEX(Jesper!$R$2:$R$366,ROW(INDEX(Jesper!AJ$2:AJ$366,ROUNDDOWN($C4658/24,0)+1,1))-1)+IF('Standard Profiles'!$G$20=$B$10,7,0)+IF('Standard Profiles'!$G$20=$B$17,14,0)+IF('Standard Profiles'!$G$20=$B$24,21,0),MOD($C4658,24)+1)/SUM(INDEX($D$3:$AA$30,INDEX(Jesper!$R$2:$R$366,ROW(INDEX(Jesper!AJ$2:AJ$366,ROUNDDOWN($C4658/24,0)+1,1))-1)+IF('Standard Profiles'!$G$20=$B$10,7,0)+IF('Standard Profiles'!$G$20=$B$17,14,0)+IF('Standard Profiles'!$G$20=$B$24,21,0),0)),0)</f>
        <v>0</v>
      </c>
      <c r="G4658" cm="1">
        <f t="array" ref="G4658">IFERROR(INDEX(Jesper!AK$2:AK$366,ROUNDDOWN($C4658/24,0)+1,1)*INDEX($D$3:$AA$30,INDEX(Jesper!$R$2:$R$366,ROW(INDEX(Jesper!AK$2:AK$366,ROUNDDOWN($C4658/24,0)+1,1))-1)+IF('Standard Profiles'!$G$21=$B$10,7,0)+IF('Standard Profiles'!$G$21=$B$17,14,0)+IF('Standard Profiles'!$G$21=$B$24,21,0),MOD($C4658,24)+1)/SUM(INDEX($D$3:$AA$30,INDEX(Jesper!$R$2:$R$366,ROW(INDEX(Jesper!AK$2:AK$366,ROUNDDOWN($C4658/24,0)+1,1))-1)+IF('Standard Profiles'!$G$21=$B$10,7,0)+IF('Standard Profiles'!$G$21=$B$17,14,0)+IF('Standard Profiles'!$G$21=$B$24,21,0),0)),0)</f>
        <v>0</v>
      </c>
      <c r="H4658" cm="1">
        <f t="array" ref="H4658">IFERROR(INDEX(Jesper!AL$2:AL$366,ROUNDDOWN($C4658/24,0)+1,1)*INDEX($D$3:$AA$30,INDEX(Jesper!$R$2:$R$366,ROW(INDEX(Jesper!AL$2:AL$366,ROUNDDOWN($C4658/24,0)+1,1))-1)+IF('Standard Profiles'!$G$22=$B$10,7,0)+IF('Standard Profiles'!$G$22=$B$17,14,0)+IF('Standard Profiles'!$G$22=$B$24,21,0),MOD($C4658,24)+1)/SUM(INDEX($D$3:$AA$30,INDEX(Jesper!$R$2:$R$366,ROW(INDEX(Jesper!AL$2:AL$366,ROUNDDOWN($C4658/24,0)+1,1))-1)+IF('Standard Profiles'!$G$22=$B$10,7,0)+IF('Standard Profiles'!$G$22=$B$17,14,0)+IF('Standard Profiles'!$G$22=$B$24,21,0),0)),0)</f>
        <v>0</v>
      </c>
      <c r="I4658">
        <f t="shared" si="524"/>
        <v>0</v>
      </c>
      <c r="J4658">
        <f t="shared" si="525"/>
        <v>21.457466014259847</v>
      </c>
      <c r="K4658">
        <f t="shared" si="526"/>
        <v>1.9246179692011549</v>
      </c>
      <c r="L4658">
        <f t="shared" si="527"/>
        <v>0.96230898460057746</v>
      </c>
      <c r="M4658">
        <f t="shared" si="528"/>
        <v>0</v>
      </c>
      <c r="N4658" s="45">
        <f t="shared" si="529"/>
        <v>45119.666666655452</v>
      </c>
    </row>
    <row r="4659" spans="2:14" x14ac:dyDescent="0.25">
      <c r="B4659">
        <f t="shared" si="523"/>
        <v>3</v>
      </c>
      <c r="C4659" s="16">
        <v>4625</v>
      </c>
      <c r="D4659" cm="1">
        <f t="array" ref="D4659">IFERROR(INDEX(Jesper!AH$2:AH$366,ROUNDDOWN($C4659/24,0)+1,1)*INDEX($D$3:$AA$30,INDEX(Jesper!$R$2:$R$366,ROW(INDEX(Jesper!AH$2:AH$366,ROUNDDOWN($C4659/24,0)+1,1))-1)+IF('Standard Profiles'!$G$18=$B$10,7,0)+IF('Standard Profiles'!$G$18=$B$17,14,0)+IF('Standard Profiles'!$G$18=$B$24,21,0),MOD($C4659,24)+1)/SUM(INDEX($D$3:$AA$30,INDEX(Jesper!$R$2:$R$366,ROW(INDEX(Jesper!AH$2:AH$366,ROUNDDOWN($C4659/24,0)+1,1))-1)+IF('Standard Profiles'!$G$18=$B$10,7,0)+IF('Standard Profiles'!$G$18=$B$17,14,0)+IF('Standard Profiles'!$G$18=$B$24,21,0),0)),0)</f>
        <v>7.7009361763810622</v>
      </c>
      <c r="E4659" cm="1">
        <f t="array" ref="E4659">IFERROR(INDEX(Jesper!AI$2:AI$366,ROUNDDOWN($C4659/24,0)+1,1)*INDEX($D$3:$AA$30,INDEX(Jesper!$R$2:$R$366,ROW(INDEX(Jesper!AI$2:AI$366,ROUNDDOWN($C4659/24,0)+1,1))-1)+IF('Standard Profiles'!$G$19=$B$10,7,0)+IF('Standard Profiles'!$G$19=$B$17,14,0)+IF('Standard Profiles'!$G$19=$B$24,21,0),MOD($C4659,24)+1)/SUM(INDEX($D$3:$AA$30,INDEX(Jesper!$R$2:$R$366,ROW(INDEX(Jesper!AI$2:AI$366,ROUNDDOWN($C4659/24,0)+1,1))-1)+IF('Standard Profiles'!$G$19=$B$10,7,0)+IF('Standard Profiles'!$G$19=$B$17,14,0)+IF('Standard Profiles'!$G$19=$B$24,21,0),0)),0)</f>
        <v>2.6893297084083452</v>
      </c>
      <c r="F4659" cm="1">
        <f t="array" ref="F4659">IFERROR(INDEX(Jesper!AJ$2:AJ$366,ROUNDDOWN($C4659/24,0)+1,1)*INDEX($D$3:$AA$30,INDEX(Jesper!$R$2:$R$366,ROW(INDEX(Jesper!AJ$2:AJ$366,ROUNDDOWN($C4659/24,0)+1,1))-1)+IF('Standard Profiles'!$G$20=$B$10,7,0)+IF('Standard Profiles'!$G$20=$B$17,14,0)+IF('Standard Profiles'!$G$20=$B$24,21,0),MOD($C4659,24)+1)/SUM(INDEX($D$3:$AA$30,INDEX(Jesper!$R$2:$R$366,ROW(INDEX(Jesper!AJ$2:AJ$366,ROUNDDOWN($C4659/24,0)+1,1))-1)+IF('Standard Profiles'!$G$20=$B$10,7,0)+IF('Standard Profiles'!$G$20=$B$17,14,0)+IF('Standard Profiles'!$G$20=$B$24,21,0),0)),0)</f>
        <v>0</v>
      </c>
      <c r="G4659" cm="1">
        <f t="array" ref="G4659">IFERROR(INDEX(Jesper!AK$2:AK$366,ROUNDDOWN($C4659/24,0)+1,1)*INDEX($D$3:$AA$30,INDEX(Jesper!$R$2:$R$366,ROW(INDEX(Jesper!AK$2:AK$366,ROUNDDOWN($C4659/24,0)+1,1))-1)+IF('Standard Profiles'!$G$21=$B$10,7,0)+IF('Standard Profiles'!$G$21=$B$17,14,0)+IF('Standard Profiles'!$G$21=$B$24,21,0),MOD($C4659,24)+1)/SUM(INDEX($D$3:$AA$30,INDEX(Jesper!$R$2:$R$366,ROW(INDEX(Jesper!AK$2:AK$366,ROUNDDOWN($C4659/24,0)+1,1))-1)+IF('Standard Profiles'!$G$21=$B$10,7,0)+IF('Standard Profiles'!$G$21=$B$17,14,0)+IF('Standard Profiles'!$G$21=$B$24,21,0),0)),0)</f>
        <v>0</v>
      </c>
      <c r="H4659" cm="1">
        <f t="array" ref="H4659">IFERROR(INDEX(Jesper!AL$2:AL$366,ROUNDDOWN($C4659/24,0)+1,1)*INDEX($D$3:$AA$30,INDEX(Jesper!$R$2:$R$366,ROW(INDEX(Jesper!AL$2:AL$366,ROUNDDOWN($C4659/24,0)+1,1))-1)+IF('Standard Profiles'!$G$22=$B$10,7,0)+IF('Standard Profiles'!$G$22=$B$17,14,0)+IF('Standard Profiles'!$G$22=$B$24,21,0),MOD($C4659,24)+1)/SUM(INDEX($D$3:$AA$30,INDEX(Jesper!$R$2:$R$366,ROW(INDEX(Jesper!AL$2:AL$366,ROUNDDOWN($C4659/24,0)+1,1))-1)+IF('Standard Profiles'!$G$22=$B$10,7,0)+IF('Standard Profiles'!$G$22=$B$17,14,0)+IF('Standard Profiles'!$G$22=$B$24,21,0),0)),0)</f>
        <v>0</v>
      </c>
      <c r="I4659">
        <f t="shared" si="524"/>
        <v>0</v>
      </c>
      <c r="J4659">
        <f t="shared" si="525"/>
        <v>9.1581160965684383</v>
      </c>
      <c r="K4659">
        <f t="shared" si="526"/>
        <v>0.82143319214731336</v>
      </c>
      <c r="L4659">
        <f t="shared" si="527"/>
        <v>0.41071659607365668</v>
      </c>
      <c r="M4659">
        <f t="shared" si="528"/>
        <v>0</v>
      </c>
      <c r="N4659" s="45">
        <f t="shared" si="529"/>
        <v>45119.708333322116</v>
      </c>
    </row>
    <row r="4660" spans="2:14" x14ac:dyDescent="0.25">
      <c r="B4660">
        <f t="shared" si="523"/>
        <v>3</v>
      </c>
      <c r="C4660" s="16">
        <v>4626</v>
      </c>
      <c r="D4660" cm="1">
        <f t="array" ref="D4660">IFERROR(INDEX(Jesper!AH$2:AH$366,ROUNDDOWN($C4660/24,0)+1,1)*INDEX($D$3:$AA$30,INDEX(Jesper!$R$2:$R$366,ROW(INDEX(Jesper!AH$2:AH$366,ROUNDDOWN($C4660/24,0)+1,1))-1)+IF('Standard Profiles'!$G$18=$B$10,7,0)+IF('Standard Profiles'!$G$18=$B$17,14,0)+IF('Standard Profiles'!$G$18=$B$24,21,0),MOD($C4660,24)+1)/SUM(INDEX($D$3:$AA$30,INDEX(Jesper!$R$2:$R$366,ROW(INDEX(Jesper!AH$2:AH$366,ROUNDDOWN($C4660/24,0)+1,1))-1)+IF('Standard Profiles'!$G$18=$B$10,7,0)+IF('Standard Profiles'!$G$18=$B$17,14,0)+IF('Standard Profiles'!$G$18=$B$24,21,0),0)),0)</f>
        <v>5.0826178764115006</v>
      </c>
      <c r="E4660" cm="1">
        <f t="array" ref="E4660">IFERROR(INDEX(Jesper!AI$2:AI$366,ROUNDDOWN($C4660/24,0)+1,1)*INDEX($D$3:$AA$30,INDEX(Jesper!$R$2:$R$366,ROW(INDEX(Jesper!AI$2:AI$366,ROUNDDOWN($C4660/24,0)+1,1))-1)+IF('Standard Profiles'!$G$19=$B$10,7,0)+IF('Standard Profiles'!$G$19=$B$17,14,0)+IF('Standard Profiles'!$G$19=$B$24,21,0),MOD($C4660,24)+1)/SUM(INDEX($D$3:$AA$30,INDEX(Jesper!$R$2:$R$366,ROW(INDEX(Jesper!AI$2:AI$366,ROUNDDOWN($C4660/24,0)+1,1))-1)+IF('Standard Profiles'!$G$19=$B$10,7,0)+IF('Standard Profiles'!$G$19=$B$17,14,0)+IF('Standard Profiles'!$G$19=$B$24,21,0),0)),0)</f>
        <v>1.7749576075495077</v>
      </c>
      <c r="F4660" cm="1">
        <f t="array" ref="F4660">IFERROR(INDEX(Jesper!AJ$2:AJ$366,ROUNDDOWN($C4660/24,0)+1,1)*INDEX($D$3:$AA$30,INDEX(Jesper!$R$2:$R$366,ROW(INDEX(Jesper!AJ$2:AJ$366,ROUNDDOWN($C4660/24,0)+1,1))-1)+IF('Standard Profiles'!$G$20=$B$10,7,0)+IF('Standard Profiles'!$G$20=$B$17,14,0)+IF('Standard Profiles'!$G$20=$B$24,21,0),MOD($C4660,24)+1)/SUM(INDEX($D$3:$AA$30,INDEX(Jesper!$R$2:$R$366,ROW(INDEX(Jesper!AJ$2:AJ$366,ROUNDDOWN($C4660/24,0)+1,1))-1)+IF('Standard Profiles'!$G$20=$B$10,7,0)+IF('Standard Profiles'!$G$20=$B$17,14,0)+IF('Standard Profiles'!$G$20=$B$24,21,0),0)),0)</f>
        <v>0</v>
      </c>
      <c r="G4660" cm="1">
        <f t="array" ref="G4660">IFERROR(INDEX(Jesper!AK$2:AK$366,ROUNDDOWN($C4660/24,0)+1,1)*INDEX($D$3:$AA$30,INDEX(Jesper!$R$2:$R$366,ROW(INDEX(Jesper!AK$2:AK$366,ROUNDDOWN($C4660/24,0)+1,1))-1)+IF('Standard Profiles'!$G$21=$B$10,7,0)+IF('Standard Profiles'!$G$21=$B$17,14,0)+IF('Standard Profiles'!$G$21=$B$24,21,0),MOD($C4660,24)+1)/SUM(INDEX($D$3:$AA$30,INDEX(Jesper!$R$2:$R$366,ROW(INDEX(Jesper!AK$2:AK$366,ROUNDDOWN($C4660/24,0)+1,1))-1)+IF('Standard Profiles'!$G$21=$B$10,7,0)+IF('Standard Profiles'!$G$21=$B$17,14,0)+IF('Standard Profiles'!$G$21=$B$24,21,0),0)),0)</f>
        <v>0</v>
      </c>
      <c r="H4660" cm="1">
        <f t="array" ref="H4660">IFERROR(INDEX(Jesper!AL$2:AL$366,ROUNDDOWN($C4660/24,0)+1,1)*INDEX($D$3:$AA$30,INDEX(Jesper!$R$2:$R$366,ROW(INDEX(Jesper!AL$2:AL$366,ROUNDDOWN($C4660/24,0)+1,1))-1)+IF('Standard Profiles'!$G$22=$B$10,7,0)+IF('Standard Profiles'!$G$22=$B$17,14,0)+IF('Standard Profiles'!$G$22=$B$24,21,0),MOD($C4660,24)+1)/SUM(INDEX($D$3:$AA$30,INDEX(Jesper!$R$2:$R$366,ROW(INDEX(Jesper!AL$2:AL$366,ROUNDDOWN($C4660/24,0)+1,1))-1)+IF('Standard Profiles'!$G$22=$B$10,7,0)+IF('Standard Profiles'!$G$22=$B$17,14,0)+IF('Standard Profiles'!$G$22=$B$24,21,0),0)),0)</f>
        <v>0</v>
      </c>
      <c r="I4660">
        <f t="shared" si="524"/>
        <v>0</v>
      </c>
      <c r="J4660">
        <f t="shared" si="525"/>
        <v>6.0443566237351689</v>
      </c>
      <c r="K4660">
        <f t="shared" si="526"/>
        <v>0.54214590681722674</v>
      </c>
      <c r="L4660">
        <f t="shared" si="527"/>
        <v>0.27107295340861337</v>
      </c>
      <c r="M4660">
        <f t="shared" si="528"/>
        <v>0</v>
      </c>
      <c r="N4660" s="45">
        <f t="shared" si="529"/>
        <v>45119.74999998878</v>
      </c>
    </row>
    <row r="4661" spans="2:14" x14ac:dyDescent="0.25">
      <c r="B4661">
        <f t="shared" si="523"/>
        <v>3</v>
      </c>
      <c r="C4661" s="16">
        <v>4627</v>
      </c>
      <c r="D4661" cm="1">
        <f t="array" ref="D4661">IFERROR(INDEX(Jesper!AH$2:AH$366,ROUNDDOWN($C4661/24,0)+1,1)*INDEX($D$3:$AA$30,INDEX(Jesper!$R$2:$R$366,ROW(INDEX(Jesper!AH$2:AH$366,ROUNDDOWN($C4661/24,0)+1,1))-1)+IF('Standard Profiles'!$G$18=$B$10,7,0)+IF('Standard Profiles'!$G$18=$B$17,14,0)+IF('Standard Profiles'!$G$18=$B$24,21,0),MOD($C4661,24)+1)/SUM(INDEX($D$3:$AA$30,INDEX(Jesper!$R$2:$R$366,ROW(INDEX(Jesper!AH$2:AH$366,ROUNDDOWN($C4661/24,0)+1,1))-1)+IF('Standard Profiles'!$G$18=$B$10,7,0)+IF('Standard Profiles'!$G$18=$B$17,14,0)+IF('Standard Profiles'!$G$18=$B$24,21,0),0)),0)</f>
        <v>5.0826178764115006</v>
      </c>
      <c r="E4661" cm="1">
        <f t="array" ref="E4661">IFERROR(INDEX(Jesper!AI$2:AI$366,ROUNDDOWN($C4661/24,0)+1,1)*INDEX($D$3:$AA$30,INDEX(Jesper!$R$2:$R$366,ROW(INDEX(Jesper!AI$2:AI$366,ROUNDDOWN($C4661/24,0)+1,1))-1)+IF('Standard Profiles'!$G$19=$B$10,7,0)+IF('Standard Profiles'!$G$19=$B$17,14,0)+IF('Standard Profiles'!$G$19=$B$24,21,0),MOD($C4661,24)+1)/SUM(INDEX($D$3:$AA$30,INDEX(Jesper!$R$2:$R$366,ROW(INDEX(Jesper!AI$2:AI$366,ROUNDDOWN($C4661/24,0)+1,1))-1)+IF('Standard Profiles'!$G$19=$B$10,7,0)+IF('Standard Profiles'!$G$19=$B$17,14,0)+IF('Standard Profiles'!$G$19=$B$24,21,0),0)),0)</f>
        <v>1.7749576075495077</v>
      </c>
      <c r="F4661" cm="1">
        <f t="array" ref="F4661">IFERROR(INDEX(Jesper!AJ$2:AJ$366,ROUNDDOWN($C4661/24,0)+1,1)*INDEX($D$3:$AA$30,INDEX(Jesper!$R$2:$R$366,ROW(INDEX(Jesper!AJ$2:AJ$366,ROUNDDOWN($C4661/24,0)+1,1))-1)+IF('Standard Profiles'!$G$20=$B$10,7,0)+IF('Standard Profiles'!$G$20=$B$17,14,0)+IF('Standard Profiles'!$G$20=$B$24,21,0),MOD($C4661,24)+1)/SUM(INDEX($D$3:$AA$30,INDEX(Jesper!$R$2:$R$366,ROW(INDEX(Jesper!AJ$2:AJ$366,ROUNDDOWN($C4661/24,0)+1,1))-1)+IF('Standard Profiles'!$G$20=$B$10,7,0)+IF('Standard Profiles'!$G$20=$B$17,14,0)+IF('Standard Profiles'!$G$20=$B$24,21,0),0)),0)</f>
        <v>0</v>
      </c>
      <c r="G4661" cm="1">
        <f t="array" ref="G4661">IFERROR(INDEX(Jesper!AK$2:AK$366,ROUNDDOWN($C4661/24,0)+1,1)*INDEX($D$3:$AA$30,INDEX(Jesper!$R$2:$R$366,ROW(INDEX(Jesper!AK$2:AK$366,ROUNDDOWN($C4661/24,0)+1,1))-1)+IF('Standard Profiles'!$G$21=$B$10,7,0)+IF('Standard Profiles'!$G$21=$B$17,14,0)+IF('Standard Profiles'!$G$21=$B$24,21,0),MOD($C4661,24)+1)/SUM(INDEX($D$3:$AA$30,INDEX(Jesper!$R$2:$R$366,ROW(INDEX(Jesper!AK$2:AK$366,ROUNDDOWN($C4661/24,0)+1,1))-1)+IF('Standard Profiles'!$G$21=$B$10,7,0)+IF('Standard Profiles'!$G$21=$B$17,14,0)+IF('Standard Profiles'!$G$21=$B$24,21,0),0)),0)</f>
        <v>0</v>
      </c>
      <c r="H4661" cm="1">
        <f t="array" ref="H4661">IFERROR(INDEX(Jesper!AL$2:AL$366,ROUNDDOWN($C4661/24,0)+1,1)*INDEX($D$3:$AA$30,INDEX(Jesper!$R$2:$R$366,ROW(INDEX(Jesper!AL$2:AL$366,ROUNDDOWN($C4661/24,0)+1,1))-1)+IF('Standard Profiles'!$G$22=$B$10,7,0)+IF('Standard Profiles'!$G$22=$B$17,14,0)+IF('Standard Profiles'!$G$22=$B$24,21,0),MOD($C4661,24)+1)/SUM(INDEX($D$3:$AA$30,INDEX(Jesper!$R$2:$R$366,ROW(INDEX(Jesper!AL$2:AL$366,ROUNDDOWN($C4661/24,0)+1,1))-1)+IF('Standard Profiles'!$G$22=$B$10,7,0)+IF('Standard Profiles'!$G$22=$B$17,14,0)+IF('Standard Profiles'!$G$22=$B$24,21,0),0)),0)</f>
        <v>0</v>
      </c>
      <c r="I4661">
        <f t="shared" si="524"/>
        <v>0</v>
      </c>
      <c r="J4661">
        <f t="shared" si="525"/>
        <v>6.0443566237351689</v>
      </c>
      <c r="K4661">
        <f t="shared" si="526"/>
        <v>0.54214590681722674</v>
      </c>
      <c r="L4661">
        <f t="shared" si="527"/>
        <v>0.27107295340861337</v>
      </c>
      <c r="M4661">
        <f t="shared" si="528"/>
        <v>0</v>
      </c>
      <c r="N4661" s="45">
        <f t="shared" si="529"/>
        <v>45119.791666655445</v>
      </c>
    </row>
    <row r="4662" spans="2:14" x14ac:dyDescent="0.25">
      <c r="B4662">
        <f t="shared" si="523"/>
        <v>3</v>
      </c>
      <c r="C4662" s="16">
        <v>4628</v>
      </c>
      <c r="D4662" cm="1">
        <f t="array" ref="D4662">IFERROR(INDEX(Jesper!AH$2:AH$366,ROUNDDOWN($C4662/24,0)+1,1)*INDEX($D$3:$AA$30,INDEX(Jesper!$R$2:$R$366,ROW(INDEX(Jesper!AH$2:AH$366,ROUNDDOWN($C4662/24,0)+1,1))-1)+IF('Standard Profiles'!$G$18=$B$10,7,0)+IF('Standard Profiles'!$G$18=$B$17,14,0)+IF('Standard Profiles'!$G$18=$B$24,21,0),MOD($C4662,24)+1)/SUM(INDEX($D$3:$AA$30,INDEX(Jesper!$R$2:$R$366,ROW(INDEX(Jesper!AH$2:AH$366,ROUNDDOWN($C4662/24,0)+1,1))-1)+IF('Standard Profiles'!$G$18=$B$10,7,0)+IF('Standard Profiles'!$G$18=$B$17,14,0)+IF('Standard Profiles'!$G$18=$B$24,21,0),0)),0)</f>
        <v>5.0826178764115006</v>
      </c>
      <c r="E4662" cm="1">
        <f t="array" ref="E4662">IFERROR(INDEX(Jesper!AI$2:AI$366,ROUNDDOWN($C4662/24,0)+1,1)*INDEX($D$3:$AA$30,INDEX(Jesper!$R$2:$R$366,ROW(INDEX(Jesper!AI$2:AI$366,ROUNDDOWN($C4662/24,0)+1,1))-1)+IF('Standard Profiles'!$G$19=$B$10,7,0)+IF('Standard Profiles'!$G$19=$B$17,14,0)+IF('Standard Profiles'!$G$19=$B$24,21,0),MOD($C4662,24)+1)/SUM(INDEX($D$3:$AA$30,INDEX(Jesper!$R$2:$R$366,ROW(INDEX(Jesper!AI$2:AI$366,ROUNDDOWN($C4662/24,0)+1,1))-1)+IF('Standard Profiles'!$G$19=$B$10,7,0)+IF('Standard Profiles'!$G$19=$B$17,14,0)+IF('Standard Profiles'!$G$19=$B$24,21,0),0)),0)</f>
        <v>1.7749576075495077</v>
      </c>
      <c r="F4662" cm="1">
        <f t="array" ref="F4662">IFERROR(INDEX(Jesper!AJ$2:AJ$366,ROUNDDOWN($C4662/24,0)+1,1)*INDEX($D$3:$AA$30,INDEX(Jesper!$R$2:$R$366,ROW(INDEX(Jesper!AJ$2:AJ$366,ROUNDDOWN($C4662/24,0)+1,1))-1)+IF('Standard Profiles'!$G$20=$B$10,7,0)+IF('Standard Profiles'!$G$20=$B$17,14,0)+IF('Standard Profiles'!$G$20=$B$24,21,0),MOD($C4662,24)+1)/SUM(INDEX($D$3:$AA$30,INDEX(Jesper!$R$2:$R$366,ROW(INDEX(Jesper!AJ$2:AJ$366,ROUNDDOWN($C4662/24,0)+1,1))-1)+IF('Standard Profiles'!$G$20=$B$10,7,0)+IF('Standard Profiles'!$G$20=$B$17,14,0)+IF('Standard Profiles'!$G$20=$B$24,21,0),0)),0)</f>
        <v>0</v>
      </c>
      <c r="G4662" cm="1">
        <f t="array" ref="G4662">IFERROR(INDEX(Jesper!AK$2:AK$366,ROUNDDOWN($C4662/24,0)+1,1)*INDEX($D$3:$AA$30,INDEX(Jesper!$R$2:$R$366,ROW(INDEX(Jesper!AK$2:AK$366,ROUNDDOWN($C4662/24,0)+1,1))-1)+IF('Standard Profiles'!$G$21=$B$10,7,0)+IF('Standard Profiles'!$G$21=$B$17,14,0)+IF('Standard Profiles'!$G$21=$B$24,21,0),MOD($C4662,24)+1)/SUM(INDEX($D$3:$AA$30,INDEX(Jesper!$R$2:$R$366,ROW(INDEX(Jesper!AK$2:AK$366,ROUNDDOWN($C4662/24,0)+1,1))-1)+IF('Standard Profiles'!$G$21=$B$10,7,0)+IF('Standard Profiles'!$G$21=$B$17,14,0)+IF('Standard Profiles'!$G$21=$B$24,21,0),0)),0)</f>
        <v>0</v>
      </c>
      <c r="H4662" cm="1">
        <f t="array" ref="H4662">IFERROR(INDEX(Jesper!AL$2:AL$366,ROUNDDOWN($C4662/24,0)+1,1)*INDEX($D$3:$AA$30,INDEX(Jesper!$R$2:$R$366,ROW(INDEX(Jesper!AL$2:AL$366,ROUNDDOWN($C4662/24,0)+1,1))-1)+IF('Standard Profiles'!$G$22=$B$10,7,0)+IF('Standard Profiles'!$G$22=$B$17,14,0)+IF('Standard Profiles'!$G$22=$B$24,21,0),MOD($C4662,24)+1)/SUM(INDEX($D$3:$AA$30,INDEX(Jesper!$R$2:$R$366,ROW(INDEX(Jesper!AL$2:AL$366,ROUNDDOWN($C4662/24,0)+1,1))-1)+IF('Standard Profiles'!$G$22=$B$10,7,0)+IF('Standard Profiles'!$G$22=$B$17,14,0)+IF('Standard Profiles'!$G$22=$B$24,21,0),0)),0)</f>
        <v>0</v>
      </c>
      <c r="I4662">
        <f t="shared" si="524"/>
        <v>0</v>
      </c>
      <c r="J4662">
        <f t="shared" si="525"/>
        <v>6.0443566237351689</v>
      </c>
      <c r="K4662">
        <f t="shared" si="526"/>
        <v>0.54214590681722674</v>
      </c>
      <c r="L4662">
        <f t="shared" si="527"/>
        <v>0.27107295340861337</v>
      </c>
      <c r="M4662">
        <f t="shared" si="528"/>
        <v>0</v>
      </c>
      <c r="N4662" s="45">
        <f t="shared" si="529"/>
        <v>45119.833333322109</v>
      </c>
    </row>
    <row r="4663" spans="2:14" x14ac:dyDescent="0.25">
      <c r="B4663">
        <f t="shared" si="523"/>
        <v>3</v>
      </c>
      <c r="C4663" s="16">
        <v>4629</v>
      </c>
      <c r="D4663" cm="1">
        <f t="array" ref="D4663">IFERROR(INDEX(Jesper!AH$2:AH$366,ROUNDDOWN($C4663/24,0)+1,1)*INDEX($D$3:$AA$30,INDEX(Jesper!$R$2:$R$366,ROW(INDEX(Jesper!AH$2:AH$366,ROUNDDOWN($C4663/24,0)+1,1))-1)+IF('Standard Profiles'!$G$18=$B$10,7,0)+IF('Standard Profiles'!$G$18=$B$17,14,0)+IF('Standard Profiles'!$G$18=$B$24,21,0),MOD($C4663,24)+1)/SUM(INDEX($D$3:$AA$30,INDEX(Jesper!$R$2:$R$366,ROW(INDEX(Jesper!AH$2:AH$366,ROUNDDOWN($C4663/24,0)+1,1))-1)+IF('Standard Profiles'!$G$18=$B$10,7,0)+IF('Standard Profiles'!$G$18=$B$17,14,0)+IF('Standard Profiles'!$G$18=$B$24,21,0),0)),0)</f>
        <v>5.0826178764115006</v>
      </c>
      <c r="E4663" cm="1">
        <f t="array" ref="E4663">IFERROR(INDEX(Jesper!AI$2:AI$366,ROUNDDOWN($C4663/24,0)+1,1)*INDEX($D$3:$AA$30,INDEX(Jesper!$R$2:$R$366,ROW(INDEX(Jesper!AI$2:AI$366,ROUNDDOWN($C4663/24,0)+1,1))-1)+IF('Standard Profiles'!$G$19=$B$10,7,0)+IF('Standard Profiles'!$G$19=$B$17,14,0)+IF('Standard Profiles'!$G$19=$B$24,21,0),MOD($C4663,24)+1)/SUM(INDEX($D$3:$AA$30,INDEX(Jesper!$R$2:$R$366,ROW(INDEX(Jesper!AI$2:AI$366,ROUNDDOWN($C4663/24,0)+1,1))-1)+IF('Standard Profiles'!$G$19=$B$10,7,0)+IF('Standard Profiles'!$G$19=$B$17,14,0)+IF('Standard Profiles'!$G$19=$B$24,21,0),0)),0)</f>
        <v>1.7749576075495077</v>
      </c>
      <c r="F4663" cm="1">
        <f t="array" ref="F4663">IFERROR(INDEX(Jesper!AJ$2:AJ$366,ROUNDDOWN($C4663/24,0)+1,1)*INDEX($D$3:$AA$30,INDEX(Jesper!$R$2:$R$366,ROW(INDEX(Jesper!AJ$2:AJ$366,ROUNDDOWN($C4663/24,0)+1,1))-1)+IF('Standard Profiles'!$G$20=$B$10,7,0)+IF('Standard Profiles'!$G$20=$B$17,14,0)+IF('Standard Profiles'!$G$20=$B$24,21,0),MOD($C4663,24)+1)/SUM(INDEX($D$3:$AA$30,INDEX(Jesper!$R$2:$R$366,ROW(INDEX(Jesper!AJ$2:AJ$366,ROUNDDOWN($C4663/24,0)+1,1))-1)+IF('Standard Profiles'!$G$20=$B$10,7,0)+IF('Standard Profiles'!$G$20=$B$17,14,0)+IF('Standard Profiles'!$G$20=$B$24,21,0),0)),0)</f>
        <v>0</v>
      </c>
      <c r="G4663" cm="1">
        <f t="array" ref="G4663">IFERROR(INDEX(Jesper!AK$2:AK$366,ROUNDDOWN($C4663/24,0)+1,1)*INDEX($D$3:$AA$30,INDEX(Jesper!$R$2:$R$366,ROW(INDEX(Jesper!AK$2:AK$366,ROUNDDOWN($C4663/24,0)+1,1))-1)+IF('Standard Profiles'!$G$21=$B$10,7,0)+IF('Standard Profiles'!$G$21=$B$17,14,0)+IF('Standard Profiles'!$G$21=$B$24,21,0),MOD($C4663,24)+1)/SUM(INDEX($D$3:$AA$30,INDEX(Jesper!$R$2:$R$366,ROW(INDEX(Jesper!AK$2:AK$366,ROUNDDOWN($C4663/24,0)+1,1))-1)+IF('Standard Profiles'!$G$21=$B$10,7,0)+IF('Standard Profiles'!$G$21=$B$17,14,0)+IF('Standard Profiles'!$G$21=$B$24,21,0),0)),0)</f>
        <v>0</v>
      </c>
      <c r="H4663" cm="1">
        <f t="array" ref="H4663">IFERROR(INDEX(Jesper!AL$2:AL$366,ROUNDDOWN($C4663/24,0)+1,1)*INDEX($D$3:$AA$30,INDEX(Jesper!$R$2:$R$366,ROW(INDEX(Jesper!AL$2:AL$366,ROUNDDOWN($C4663/24,0)+1,1))-1)+IF('Standard Profiles'!$G$22=$B$10,7,0)+IF('Standard Profiles'!$G$22=$B$17,14,0)+IF('Standard Profiles'!$G$22=$B$24,21,0),MOD($C4663,24)+1)/SUM(INDEX($D$3:$AA$30,INDEX(Jesper!$R$2:$R$366,ROW(INDEX(Jesper!AL$2:AL$366,ROUNDDOWN($C4663/24,0)+1,1))-1)+IF('Standard Profiles'!$G$22=$B$10,7,0)+IF('Standard Profiles'!$G$22=$B$17,14,0)+IF('Standard Profiles'!$G$22=$B$24,21,0),0)),0)</f>
        <v>0</v>
      </c>
      <c r="I4663">
        <f t="shared" si="524"/>
        <v>0</v>
      </c>
      <c r="J4663">
        <f t="shared" si="525"/>
        <v>6.0443566237351689</v>
      </c>
      <c r="K4663">
        <f t="shared" si="526"/>
        <v>0.54214590681722674</v>
      </c>
      <c r="L4663">
        <f t="shared" si="527"/>
        <v>0.27107295340861337</v>
      </c>
      <c r="M4663">
        <f t="shared" si="528"/>
        <v>0</v>
      </c>
      <c r="N4663" s="45">
        <f t="shared" si="529"/>
        <v>45119.874999988773</v>
      </c>
    </row>
    <row r="4664" spans="2:14" x14ac:dyDescent="0.25">
      <c r="B4664">
        <f t="shared" si="523"/>
        <v>3</v>
      </c>
      <c r="C4664" s="16">
        <v>4630</v>
      </c>
      <c r="D4664" cm="1">
        <f t="array" ref="D4664">IFERROR(INDEX(Jesper!AH$2:AH$366,ROUNDDOWN($C4664/24,0)+1,1)*INDEX($D$3:$AA$30,INDEX(Jesper!$R$2:$R$366,ROW(INDEX(Jesper!AH$2:AH$366,ROUNDDOWN($C4664/24,0)+1,1))-1)+IF('Standard Profiles'!$G$18=$B$10,7,0)+IF('Standard Profiles'!$G$18=$B$17,14,0)+IF('Standard Profiles'!$G$18=$B$24,21,0),MOD($C4664,24)+1)/SUM(INDEX($D$3:$AA$30,INDEX(Jesper!$R$2:$R$366,ROW(INDEX(Jesper!AH$2:AH$366,ROUNDDOWN($C4664/24,0)+1,1))-1)+IF('Standard Profiles'!$G$18=$B$10,7,0)+IF('Standard Profiles'!$G$18=$B$17,14,0)+IF('Standard Profiles'!$G$18=$B$24,21,0),0)),0)</f>
        <v>5.0826178764115006</v>
      </c>
      <c r="E4664" cm="1">
        <f t="array" ref="E4664">IFERROR(INDEX(Jesper!AI$2:AI$366,ROUNDDOWN($C4664/24,0)+1,1)*INDEX($D$3:$AA$30,INDEX(Jesper!$R$2:$R$366,ROW(INDEX(Jesper!AI$2:AI$366,ROUNDDOWN($C4664/24,0)+1,1))-1)+IF('Standard Profiles'!$G$19=$B$10,7,0)+IF('Standard Profiles'!$G$19=$B$17,14,0)+IF('Standard Profiles'!$G$19=$B$24,21,0),MOD($C4664,24)+1)/SUM(INDEX($D$3:$AA$30,INDEX(Jesper!$R$2:$R$366,ROW(INDEX(Jesper!AI$2:AI$366,ROUNDDOWN($C4664/24,0)+1,1))-1)+IF('Standard Profiles'!$G$19=$B$10,7,0)+IF('Standard Profiles'!$G$19=$B$17,14,0)+IF('Standard Profiles'!$G$19=$B$24,21,0),0)),0)</f>
        <v>1.7749576075495077</v>
      </c>
      <c r="F4664" cm="1">
        <f t="array" ref="F4664">IFERROR(INDEX(Jesper!AJ$2:AJ$366,ROUNDDOWN($C4664/24,0)+1,1)*INDEX($D$3:$AA$30,INDEX(Jesper!$R$2:$R$366,ROW(INDEX(Jesper!AJ$2:AJ$366,ROUNDDOWN($C4664/24,0)+1,1))-1)+IF('Standard Profiles'!$G$20=$B$10,7,0)+IF('Standard Profiles'!$G$20=$B$17,14,0)+IF('Standard Profiles'!$G$20=$B$24,21,0),MOD($C4664,24)+1)/SUM(INDEX($D$3:$AA$30,INDEX(Jesper!$R$2:$R$366,ROW(INDEX(Jesper!AJ$2:AJ$366,ROUNDDOWN($C4664/24,0)+1,1))-1)+IF('Standard Profiles'!$G$20=$B$10,7,0)+IF('Standard Profiles'!$G$20=$B$17,14,0)+IF('Standard Profiles'!$G$20=$B$24,21,0),0)),0)</f>
        <v>0</v>
      </c>
      <c r="G4664" cm="1">
        <f t="array" ref="G4664">IFERROR(INDEX(Jesper!AK$2:AK$366,ROUNDDOWN($C4664/24,0)+1,1)*INDEX($D$3:$AA$30,INDEX(Jesper!$R$2:$R$366,ROW(INDEX(Jesper!AK$2:AK$366,ROUNDDOWN($C4664/24,0)+1,1))-1)+IF('Standard Profiles'!$G$21=$B$10,7,0)+IF('Standard Profiles'!$G$21=$B$17,14,0)+IF('Standard Profiles'!$G$21=$B$24,21,0),MOD($C4664,24)+1)/SUM(INDEX($D$3:$AA$30,INDEX(Jesper!$R$2:$R$366,ROW(INDEX(Jesper!AK$2:AK$366,ROUNDDOWN($C4664/24,0)+1,1))-1)+IF('Standard Profiles'!$G$21=$B$10,7,0)+IF('Standard Profiles'!$G$21=$B$17,14,0)+IF('Standard Profiles'!$G$21=$B$24,21,0),0)),0)</f>
        <v>0</v>
      </c>
      <c r="H4664" cm="1">
        <f t="array" ref="H4664">IFERROR(INDEX(Jesper!AL$2:AL$366,ROUNDDOWN($C4664/24,0)+1,1)*INDEX($D$3:$AA$30,INDEX(Jesper!$R$2:$R$366,ROW(INDEX(Jesper!AL$2:AL$366,ROUNDDOWN($C4664/24,0)+1,1))-1)+IF('Standard Profiles'!$G$22=$B$10,7,0)+IF('Standard Profiles'!$G$22=$B$17,14,0)+IF('Standard Profiles'!$G$22=$B$24,21,0),MOD($C4664,24)+1)/SUM(INDEX($D$3:$AA$30,INDEX(Jesper!$R$2:$R$366,ROW(INDEX(Jesper!AL$2:AL$366,ROUNDDOWN($C4664/24,0)+1,1))-1)+IF('Standard Profiles'!$G$22=$B$10,7,0)+IF('Standard Profiles'!$G$22=$B$17,14,0)+IF('Standard Profiles'!$G$22=$B$24,21,0),0)),0)</f>
        <v>0</v>
      </c>
      <c r="I4664">
        <f t="shared" si="524"/>
        <v>0</v>
      </c>
      <c r="J4664">
        <f t="shared" si="525"/>
        <v>6.0443566237351689</v>
      </c>
      <c r="K4664">
        <f t="shared" si="526"/>
        <v>0.54214590681722674</v>
      </c>
      <c r="L4664">
        <f t="shared" si="527"/>
        <v>0.27107295340861337</v>
      </c>
      <c r="M4664">
        <f t="shared" si="528"/>
        <v>0</v>
      </c>
      <c r="N4664" s="45">
        <f t="shared" si="529"/>
        <v>45119.916666655437</v>
      </c>
    </row>
    <row r="4665" spans="2:14" x14ac:dyDescent="0.25">
      <c r="B4665">
        <f t="shared" si="523"/>
        <v>3</v>
      </c>
      <c r="C4665" s="16">
        <v>4631</v>
      </c>
      <c r="D4665" cm="1">
        <f t="array" ref="D4665">IFERROR(INDEX(Jesper!AH$2:AH$366,ROUNDDOWN($C4665/24,0)+1,1)*INDEX($D$3:$AA$30,INDEX(Jesper!$R$2:$R$366,ROW(INDEX(Jesper!AH$2:AH$366,ROUNDDOWN($C4665/24,0)+1,1))-1)+IF('Standard Profiles'!$G$18=$B$10,7,0)+IF('Standard Profiles'!$G$18=$B$17,14,0)+IF('Standard Profiles'!$G$18=$B$24,21,0),MOD($C4665,24)+1)/SUM(INDEX($D$3:$AA$30,INDEX(Jesper!$R$2:$R$366,ROW(INDEX(Jesper!AH$2:AH$366,ROUNDDOWN($C4665/24,0)+1,1))-1)+IF('Standard Profiles'!$G$18=$B$10,7,0)+IF('Standard Profiles'!$G$18=$B$17,14,0)+IF('Standard Profiles'!$G$18=$B$24,21,0),0)),0)</f>
        <v>5.0826178764115006</v>
      </c>
      <c r="E4665" cm="1">
        <f t="array" ref="E4665">IFERROR(INDEX(Jesper!AI$2:AI$366,ROUNDDOWN($C4665/24,0)+1,1)*INDEX($D$3:$AA$30,INDEX(Jesper!$R$2:$R$366,ROW(INDEX(Jesper!AI$2:AI$366,ROUNDDOWN($C4665/24,0)+1,1))-1)+IF('Standard Profiles'!$G$19=$B$10,7,0)+IF('Standard Profiles'!$G$19=$B$17,14,0)+IF('Standard Profiles'!$G$19=$B$24,21,0),MOD($C4665,24)+1)/SUM(INDEX($D$3:$AA$30,INDEX(Jesper!$R$2:$R$366,ROW(INDEX(Jesper!AI$2:AI$366,ROUNDDOWN($C4665/24,0)+1,1))-1)+IF('Standard Profiles'!$G$19=$B$10,7,0)+IF('Standard Profiles'!$G$19=$B$17,14,0)+IF('Standard Profiles'!$G$19=$B$24,21,0),0)),0)</f>
        <v>1.7749576075495077</v>
      </c>
      <c r="F4665" cm="1">
        <f t="array" ref="F4665">IFERROR(INDEX(Jesper!AJ$2:AJ$366,ROUNDDOWN($C4665/24,0)+1,1)*INDEX($D$3:$AA$30,INDEX(Jesper!$R$2:$R$366,ROW(INDEX(Jesper!AJ$2:AJ$366,ROUNDDOWN($C4665/24,0)+1,1))-1)+IF('Standard Profiles'!$G$20=$B$10,7,0)+IF('Standard Profiles'!$G$20=$B$17,14,0)+IF('Standard Profiles'!$G$20=$B$24,21,0),MOD($C4665,24)+1)/SUM(INDEX($D$3:$AA$30,INDEX(Jesper!$R$2:$R$366,ROW(INDEX(Jesper!AJ$2:AJ$366,ROUNDDOWN($C4665/24,0)+1,1))-1)+IF('Standard Profiles'!$G$20=$B$10,7,0)+IF('Standard Profiles'!$G$20=$B$17,14,0)+IF('Standard Profiles'!$G$20=$B$24,21,0),0)),0)</f>
        <v>0</v>
      </c>
      <c r="G4665" cm="1">
        <f t="array" ref="G4665">IFERROR(INDEX(Jesper!AK$2:AK$366,ROUNDDOWN($C4665/24,0)+1,1)*INDEX($D$3:$AA$30,INDEX(Jesper!$R$2:$R$366,ROW(INDEX(Jesper!AK$2:AK$366,ROUNDDOWN($C4665/24,0)+1,1))-1)+IF('Standard Profiles'!$G$21=$B$10,7,0)+IF('Standard Profiles'!$G$21=$B$17,14,0)+IF('Standard Profiles'!$G$21=$B$24,21,0),MOD($C4665,24)+1)/SUM(INDEX($D$3:$AA$30,INDEX(Jesper!$R$2:$R$366,ROW(INDEX(Jesper!AK$2:AK$366,ROUNDDOWN($C4665/24,0)+1,1))-1)+IF('Standard Profiles'!$G$21=$B$10,7,0)+IF('Standard Profiles'!$G$21=$B$17,14,0)+IF('Standard Profiles'!$G$21=$B$24,21,0),0)),0)</f>
        <v>0</v>
      </c>
      <c r="H4665" cm="1">
        <f t="array" ref="H4665">IFERROR(INDEX(Jesper!AL$2:AL$366,ROUNDDOWN($C4665/24,0)+1,1)*INDEX($D$3:$AA$30,INDEX(Jesper!$R$2:$R$366,ROW(INDEX(Jesper!AL$2:AL$366,ROUNDDOWN($C4665/24,0)+1,1))-1)+IF('Standard Profiles'!$G$22=$B$10,7,0)+IF('Standard Profiles'!$G$22=$B$17,14,0)+IF('Standard Profiles'!$G$22=$B$24,21,0),MOD($C4665,24)+1)/SUM(INDEX($D$3:$AA$30,INDEX(Jesper!$R$2:$R$366,ROW(INDEX(Jesper!AL$2:AL$366,ROUNDDOWN($C4665/24,0)+1,1))-1)+IF('Standard Profiles'!$G$22=$B$10,7,0)+IF('Standard Profiles'!$G$22=$B$17,14,0)+IF('Standard Profiles'!$G$22=$B$24,21,0),0)),0)</f>
        <v>0</v>
      </c>
      <c r="I4665">
        <f t="shared" si="524"/>
        <v>0</v>
      </c>
      <c r="J4665">
        <f t="shared" si="525"/>
        <v>6.0443566237351689</v>
      </c>
      <c r="K4665">
        <f t="shared" si="526"/>
        <v>0.54214590681722674</v>
      </c>
      <c r="L4665">
        <f t="shared" si="527"/>
        <v>0.27107295340861337</v>
      </c>
      <c r="M4665">
        <f t="shared" si="528"/>
        <v>0</v>
      </c>
      <c r="N4665" s="45">
        <f t="shared" si="529"/>
        <v>45119.958333322102</v>
      </c>
    </row>
    <row r="4666" spans="2:14" x14ac:dyDescent="0.25">
      <c r="B4666">
        <f t="shared" si="523"/>
        <v>4</v>
      </c>
      <c r="C4666" s="16">
        <v>4632</v>
      </c>
      <c r="D4666" cm="1">
        <f t="array" ref="D4666">IFERROR(INDEX(Jesper!AH$2:AH$366,ROUNDDOWN($C4666/24,0)+1,1)*INDEX($D$3:$AA$30,INDEX(Jesper!$R$2:$R$366,ROW(INDEX(Jesper!AH$2:AH$366,ROUNDDOWN($C4666/24,0)+1,1))-1)+IF('Standard Profiles'!$G$18=$B$10,7,0)+IF('Standard Profiles'!$G$18=$B$17,14,0)+IF('Standard Profiles'!$G$18=$B$24,21,0),MOD($C4666,24)+1)/SUM(INDEX($D$3:$AA$30,INDEX(Jesper!$R$2:$R$366,ROW(INDEX(Jesper!AH$2:AH$366,ROUNDDOWN($C4666/24,0)+1,1))-1)+IF('Standard Profiles'!$G$18=$B$10,7,0)+IF('Standard Profiles'!$G$18=$B$17,14,0)+IF('Standard Profiles'!$G$18=$B$24,21,0),0)),0)</f>
        <v>5.2169975589239934</v>
      </c>
      <c r="E4666" cm="1">
        <f t="array" ref="E4666">IFERROR(INDEX(Jesper!AI$2:AI$366,ROUNDDOWN($C4666/24,0)+1,1)*INDEX($D$3:$AA$30,INDEX(Jesper!$R$2:$R$366,ROW(INDEX(Jesper!AI$2:AI$366,ROUNDDOWN($C4666/24,0)+1,1))-1)+IF('Standard Profiles'!$G$19=$B$10,7,0)+IF('Standard Profiles'!$G$19=$B$17,14,0)+IF('Standard Profiles'!$G$19=$B$24,21,0),MOD($C4666,24)+1)/SUM(INDEX($D$3:$AA$30,INDEX(Jesper!$R$2:$R$366,ROW(INDEX(Jesper!AI$2:AI$366,ROUNDDOWN($C4666/24,0)+1,1))-1)+IF('Standard Profiles'!$G$19=$B$10,7,0)+IF('Standard Profiles'!$G$19=$B$17,14,0)+IF('Standard Profiles'!$G$19=$B$24,21,0),0)),0)</f>
        <v>2.0261557903645189</v>
      </c>
      <c r="F4666" cm="1">
        <f t="array" ref="F4666">IFERROR(INDEX(Jesper!AJ$2:AJ$366,ROUNDDOWN($C4666/24,0)+1,1)*INDEX($D$3:$AA$30,INDEX(Jesper!$R$2:$R$366,ROW(INDEX(Jesper!AJ$2:AJ$366,ROUNDDOWN($C4666/24,0)+1,1))-1)+IF('Standard Profiles'!$G$20=$B$10,7,0)+IF('Standard Profiles'!$G$20=$B$17,14,0)+IF('Standard Profiles'!$G$20=$B$24,21,0),MOD($C4666,24)+1)/SUM(INDEX($D$3:$AA$30,INDEX(Jesper!$R$2:$R$366,ROW(INDEX(Jesper!AJ$2:AJ$366,ROUNDDOWN($C4666/24,0)+1,1))-1)+IF('Standard Profiles'!$G$20=$B$10,7,0)+IF('Standard Profiles'!$G$20=$B$17,14,0)+IF('Standard Profiles'!$G$20=$B$24,21,0),0)),0)</f>
        <v>0</v>
      </c>
      <c r="G4666" cm="1">
        <f t="array" ref="G4666">IFERROR(INDEX(Jesper!AK$2:AK$366,ROUNDDOWN($C4666/24,0)+1,1)*INDEX($D$3:$AA$30,INDEX(Jesper!$R$2:$R$366,ROW(INDEX(Jesper!AK$2:AK$366,ROUNDDOWN($C4666/24,0)+1,1))-1)+IF('Standard Profiles'!$G$21=$B$10,7,0)+IF('Standard Profiles'!$G$21=$B$17,14,0)+IF('Standard Profiles'!$G$21=$B$24,21,0),MOD($C4666,24)+1)/SUM(INDEX($D$3:$AA$30,INDEX(Jesper!$R$2:$R$366,ROW(INDEX(Jesper!AK$2:AK$366,ROUNDDOWN($C4666/24,0)+1,1))-1)+IF('Standard Profiles'!$G$21=$B$10,7,0)+IF('Standard Profiles'!$G$21=$B$17,14,0)+IF('Standard Profiles'!$G$21=$B$24,21,0),0)),0)</f>
        <v>0</v>
      </c>
      <c r="H4666" cm="1">
        <f t="array" ref="H4666">IFERROR(INDEX(Jesper!AL$2:AL$366,ROUNDDOWN($C4666/24,0)+1,1)*INDEX($D$3:$AA$30,INDEX(Jesper!$R$2:$R$366,ROW(INDEX(Jesper!AL$2:AL$366,ROUNDDOWN($C4666/24,0)+1,1))-1)+IF('Standard Profiles'!$G$22=$B$10,7,0)+IF('Standard Profiles'!$G$22=$B$17,14,0)+IF('Standard Profiles'!$G$22=$B$24,21,0),MOD($C4666,24)+1)/SUM(INDEX($D$3:$AA$30,INDEX(Jesper!$R$2:$R$366,ROW(INDEX(Jesper!AL$2:AL$366,ROUNDDOWN($C4666/24,0)+1,1))-1)+IF('Standard Profiles'!$G$22=$B$10,7,0)+IF('Standard Profiles'!$G$22=$B$17,14,0)+IF('Standard Profiles'!$G$22=$B$24,21,0),0)),0)</f>
        <v>0</v>
      </c>
      <c r="I4666">
        <f t="shared" si="524"/>
        <v>0</v>
      </c>
      <c r="J4666">
        <f t="shared" si="525"/>
        <v>6.4084337398606728</v>
      </c>
      <c r="K4666">
        <f t="shared" si="526"/>
        <v>0.55647973961855934</v>
      </c>
      <c r="L4666">
        <f t="shared" si="527"/>
        <v>0.27823986980927967</v>
      </c>
      <c r="M4666">
        <f t="shared" si="528"/>
        <v>0</v>
      </c>
      <c r="N4666" s="45">
        <f t="shared" si="529"/>
        <v>45119.999999988766</v>
      </c>
    </row>
    <row r="4667" spans="2:14" x14ac:dyDescent="0.25">
      <c r="B4667">
        <f t="shared" si="523"/>
        <v>4</v>
      </c>
      <c r="C4667" s="16">
        <v>4633</v>
      </c>
      <c r="D4667" cm="1">
        <f t="array" ref="D4667">IFERROR(INDEX(Jesper!AH$2:AH$366,ROUNDDOWN($C4667/24,0)+1,1)*INDEX($D$3:$AA$30,INDEX(Jesper!$R$2:$R$366,ROW(INDEX(Jesper!AH$2:AH$366,ROUNDDOWN($C4667/24,0)+1,1))-1)+IF('Standard Profiles'!$G$18=$B$10,7,0)+IF('Standard Profiles'!$G$18=$B$17,14,0)+IF('Standard Profiles'!$G$18=$B$24,21,0),MOD($C4667,24)+1)/SUM(INDEX($D$3:$AA$30,INDEX(Jesper!$R$2:$R$366,ROW(INDEX(Jesper!AH$2:AH$366,ROUNDDOWN($C4667/24,0)+1,1))-1)+IF('Standard Profiles'!$G$18=$B$10,7,0)+IF('Standard Profiles'!$G$18=$B$17,14,0)+IF('Standard Profiles'!$G$18=$B$24,21,0),0)),0)</f>
        <v>5.2169975589239934</v>
      </c>
      <c r="E4667" cm="1">
        <f t="array" ref="E4667">IFERROR(INDEX(Jesper!AI$2:AI$366,ROUNDDOWN($C4667/24,0)+1,1)*INDEX($D$3:$AA$30,INDEX(Jesper!$R$2:$R$366,ROW(INDEX(Jesper!AI$2:AI$366,ROUNDDOWN($C4667/24,0)+1,1))-1)+IF('Standard Profiles'!$G$19=$B$10,7,0)+IF('Standard Profiles'!$G$19=$B$17,14,0)+IF('Standard Profiles'!$G$19=$B$24,21,0),MOD($C4667,24)+1)/SUM(INDEX($D$3:$AA$30,INDEX(Jesper!$R$2:$R$366,ROW(INDEX(Jesper!AI$2:AI$366,ROUNDDOWN($C4667/24,0)+1,1))-1)+IF('Standard Profiles'!$G$19=$B$10,7,0)+IF('Standard Profiles'!$G$19=$B$17,14,0)+IF('Standard Profiles'!$G$19=$B$24,21,0),0)),0)</f>
        <v>2.0261557903645189</v>
      </c>
      <c r="F4667" cm="1">
        <f t="array" ref="F4667">IFERROR(INDEX(Jesper!AJ$2:AJ$366,ROUNDDOWN($C4667/24,0)+1,1)*INDEX($D$3:$AA$30,INDEX(Jesper!$R$2:$R$366,ROW(INDEX(Jesper!AJ$2:AJ$366,ROUNDDOWN($C4667/24,0)+1,1))-1)+IF('Standard Profiles'!$G$20=$B$10,7,0)+IF('Standard Profiles'!$G$20=$B$17,14,0)+IF('Standard Profiles'!$G$20=$B$24,21,0),MOD($C4667,24)+1)/SUM(INDEX($D$3:$AA$30,INDEX(Jesper!$R$2:$R$366,ROW(INDEX(Jesper!AJ$2:AJ$366,ROUNDDOWN($C4667/24,0)+1,1))-1)+IF('Standard Profiles'!$G$20=$B$10,7,0)+IF('Standard Profiles'!$G$20=$B$17,14,0)+IF('Standard Profiles'!$G$20=$B$24,21,0),0)),0)</f>
        <v>0</v>
      </c>
      <c r="G4667" cm="1">
        <f t="array" ref="G4667">IFERROR(INDEX(Jesper!AK$2:AK$366,ROUNDDOWN($C4667/24,0)+1,1)*INDEX($D$3:$AA$30,INDEX(Jesper!$R$2:$R$366,ROW(INDEX(Jesper!AK$2:AK$366,ROUNDDOWN($C4667/24,0)+1,1))-1)+IF('Standard Profiles'!$G$21=$B$10,7,0)+IF('Standard Profiles'!$G$21=$B$17,14,0)+IF('Standard Profiles'!$G$21=$B$24,21,0),MOD($C4667,24)+1)/SUM(INDEX($D$3:$AA$30,INDEX(Jesper!$R$2:$R$366,ROW(INDEX(Jesper!AK$2:AK$366,ROUNDDOWN($C4667/24,0)+1,1))-1)+IF('Standard Profiles'!$G$21=$B$10,7,0)+IF('Standard Profiles'!$G$21=$B$17,14,0)+IF('Standard Profiles'!$G$21=$B$24,21,0),0)),0)</f>
        <v>0</v>
      </c>
      <c r="H4667" cm="1">
        <f t="array" ref="H4667">IFERROR(INDEX(Jesper!AL$2:AL$366,ROUNDDOWN($C4667/24,0)+1,1)*INDEX($D$3:$AA$30,INDEX(Jesper!$R$2:$R$366,ROW(INDEX(Jesper!AL$2:AL$366,ROUNDDOWN($C4667/24,0)+1,1))-1)+IF('Standard Profiles'!$G$22=$B$10,7,0)+IF('Standard Profiles'!$G$22=$B$17,14,0)+IF('Standard Profiles'!$G$22=$B$24,21,0),MOD($C4667,24)+1)/SUM(INDEX($D$3:$AA$30,INDEX(Jesper!$R$2:$R$366,ROW(INDEX(Jesper!AL$2:AL$366,ROUNDDOWN($C4667/24,0)+1,1))-1)+IF('Standard Profiles'!$G$22=$B$10,7,0)+IF('Standard Profiles'!$G$22=$B$17,14,0)+IF('Standard Profiles'!$G$22=$B$24,21,0),0)),0)</f>
        <v>0</v>
      </c>
      <c r="I4667">
        <f t="shared" si="524"/>
        <v>0</v>
      </c>
      <c r="J4667">
        <f t="shared" si="525"/>
        <v>6.4084337398606728</v>
      </c>
      <c r="K4667">
        <f t="shared" si="526"/>
        <v>0.55647973961855934</v>
      </c>
      <c r="L4667">
        <f t="shared" si="527"/>
        <v>0.27823986980927967</v>
      </c>
      <c r="M4667">
        <f t="shared" si="528"/>
        <v>0</v>
      </c>
      <c r="N4667" s="45">
        <f t="shared" si="529"/>
        <v>45120.04166665543</v>
      </c>
    </row>
    <row r="4668" spans="2:14" x14ac:dyDescent="0.25">
      <c r="B4668">
        <f t="shared" si="523"/>
        <v>4</v>
      </c>
      <c r="C4668" s="16">
        <v>4634</v>
      </c>
      <c r="D4668" cm="1">
        <f t="array" ref="D4668">IFERROR(INDEX(Jesper!AH$2:AH$366,ROUNDDOWN($C4668/24,0)+1,1)*INDEX($D$3:$AA$30,INDEX(Jesper!$R$2:$R$366,ROW(INDEX(Jesper!AH$2:AH$366,ROUNDDOWN($C4668/24,0)+1,1))-1)+IF('Standard Profiles'!$G$18=$B$10,7,0)+IF('Standard Profiles'!$G$18=$B$17,14,0)+IF('Standard Profiles'!$G$18=$B$24,21,0),MOD($C4668,24)+1)/SUM(INDEX($D$3:$AA$30,INDEX(Jesper!$R$2:$R$366,ROW(INDEX(Jesper!AH$2:AH$366,ROUNDDOWN($C4668/24,0)+1,1))-1)+IF('Standard Profiles'!$G$18=$B$10,7,0)+IF('Standard Profiles'!$G$18=$B$17,14,0)+IF('Standard Profiles'!$G$18=$B$24,21,0),0)),0)</f>
        <v>5.2169975589239934</v>
      </c>
      <c r="E4668" cm="1">
        <f t="array" ref="E4668">IFERROR(INDEX(Jesper!AI$2:AI$366,ROUNDDOWN($C4668/24,0)+1,1)*INDEX($D$3:$AA$30,INDEX(Jesper!$R$2:$R$366,ROW(INDEX(Jesper!AI$2:AI$366,ROUNDDOWN($C4668/24,0)+1,1))-1)+IF('Standard Profiles'!$G$19=$B$10,7,0)+IF('Standard Profiles'!$G$19=$B$17,14,0)+IF('Standard Profiles'!$G$19=$B$24,21,0),MOD($C4668,24)+1)/SUM(INDEX($D$3:$AA$30,INDEX(Jesper!$R$2:$R$366,ROW(INDEX(Jesper!AI$2:AI$366,ROUNDDOWN($C4668/24,0)+1,1))-1)+IF('Standard Profiles'!$G$19=$B$10,7,0)+IF('Standard Profiles'!$G$19=$B$17,14,0)+IF('Standard Profiles'!$G$19=$B$24,21,0),0)),0)</f>
        <v>2.0261557903645189</v>
      </c>
      <c r="F4668" cm="1">
        <f t="array" ref="F4668">IFERROR(INDEX(Jesper!AJ$2:AJ$366,ROUNDDOWN($C4668/24,0)+1,1)*INDEX($D$3:$AA$30,INDEX(Jesper!$R$2:$R$366,ROW(INDEX(Jesper!AJ$2:AJ$366,ROUNDDOWN($C4668/24,0)+1,1))-1)+IF('Standard Profiles'!$G$20=$B$10,7,0)+IF('Standard Profiles'!$G$20=$B$17,14,0)+IF('Standard Profiles'!$G$20=$B$24,21,0),MOD($C4668,24)+1)/SUM(INDEX($D$3:$AA$30,INDEX(Jesper!$R$2:$R$366,ROW(INDEX(Jesper!AJ$2:AJ$366,ROUNDDOWN($C4668/24,0)+1,1))-1)+IF('Standard Profiles'!$G$20=$B$10,7,0)+IF('Standard Profiles'!$G$20=$B$17,14,0)+IF('Standard Profiles'!$G$20=$B$24,21,0),0)),0)</f>
        <v>0</v>
      </c>
      <c r="G4668" cm="1">
        <f t="array" ref="G4668">IFERROR(INDEX(Jesper!AK$2:AK$366,ROUNDDOWN($C4668/24,0)+1,1)*INDEX($D$3:$AA$30,INDEX(Jesper!$R$2:$R$366,ROW(INDEX(Jesper!AK$2:AK$366,ROUNDDOWN($C4668/24,0)+1,1))-1)+IF('Standard Profiles'!$G$21=$B$10,7,0)+IF('Standard Profiles'!$G$21=$B$17,14,0)+IF('Standard Profiles'!$G$21=$B$24,21,0),MOD($C4668,24)+1)/SUM(INDEX($D$3:$AA$30,INDEX(Jesper!$R$2:$R$366,ROW(INDEX(Jesper!AK$2:AK$366,ROUNDDOWN($C4668/24,0)+1,1))-1)+IF('Standard Profiles'!$G$21=$B$10,7,0)+IF('Standard Profiles'!$G$21=$B$17,14,0)+IF('Standard Profiles'!$G$21=$B$24,21,0),0)),0)</f>
        <v>0</v>
      </c>
      <c r="H4668" cm="1">
        <f t="array" ref="H4668">IFERROR(INDEX(Jesper!AL$2:AL$366,ROUNDDOWN($C4668/24,0)+1,1)*INDEX($D$3:$AA$30,INDEX(Jesper!$R$2:$R$366,ROW(INDEX(Jesper!AL$2:AL$366,ROUNDDOWN($C4668/24,0)+1,1))-1)+IF('Standard Profiles'!$G$22=$B$10,7,0)+IF('Standard Profiles'!$G$22=$B$17,14,0)+IF('Standard Profiles'!$G$22=$B$24,21,0),MOD($C4668,24)+1)/SUM(INDEX($D$3:$AA$30,INDEX(Jesper!$R$2:$R$366,ROW(INDEX(Jesper!AL$2:AL$366,ROUNDDOWN($C4668/24,0)+1,1))-1)+IF('Standard Profiles'!$G$22=$B$10,7,0)+IF('Standard Profiles'!$G$22=$B$17,14,0)+IF('Standard Profiles'!$G$22=$B$24,21,0),0)),0)</f>
        <v>0</v>
      </c>
      <c r="I4668">
        <f t="shared" si="524"/>
        <v>0</v>
      </c>
      <c r="J4668">
        <f t="shared" si="525"/>
        <v>6.4084337398606728</v>
      </c>
      <c r="K4668">
        <f t="shared" si="526"/>
        <v>0.55647973961855934</v>
      </c>
      <c r="L4668">
        <f t="shared" si="527"/>
        <v>0.27823986980927967</v>
      </c>
      <c r="M4668">
        <f t="shared" si="528"/>
        <v>0</v>
      </c>
      <c r="N4668" s="45">
        <f t="shared" si="529"/>
        <v>45120.083333322094</v>
      </c>
    </row>
    <row r="4669" spans="2:14" x14ac:dyDescent="0.25">
      <c r="B4669">
        <f t="shared" si="523"/>
        <v>4</v>
      </c>
      <c r="C4669" s="16">
        <v>4635</v>
      </c>
      <c r="D4669" cm="1">
        <f t="array" ref="D4669">IFERROR(INDEX(Jesper!AH$2:AH$366,ROUNDDOWN($C4669/24,0)+1,1)*INDEX($D$3:$AA$30,INDEX(Jesper!$R$2:$R$366,ROW(INDEX(Jesper!AH$2:AH$366,ROUNDDOWN($C4669/24,0)+1,1))-1)+IF('Standard Profiles'!$G$18=$B$10,7,0)+IF('Standard Profiles'!$G$18=$B$17,14,0)+IF('Standard Profiles'!$G$18=$B$24,21,0),MOD($C4669,24)+1)/SUM(INDEX($D$3:$AA$30,INDEX(Jesper!$R$2:$R$366,ROW(INDEX(Jesper!AH$2:AH$366,ROUNDDOWN($C4669/24,0)+1,1))-1)+IF('Standard Profiles'!$G$18=$B$10,7,0)+IF('Standard Profiles'!$G$18=$B$17,14,0)+IF('Standard Profiles'!$G$18=$B$24,21,0),0)),0)</f>
        <v>5.2169975589239934</v>
      </c>
      <c r="E4669" cm="1">
        <f t="array" ref="E4669">IFERROR(INDEX(Jesper!AI$2:AI$366,ROUNDDOWN($C4669/24,0)+1,1)*INDEX($D$3:$AA$30,INDEX(Jesper!$R$2:$R$366,ROW(INDEX(Jesper!AI$2:AI$366,ROUNDDOWN($C4669/24,0)+1,1))-1)+IF('Standard Profiles'!$G$19=$B$10,7,0)+IF('Standard Profiles'!$G$19=$B$17,14,0)+IF('Standard Profiles'!$G$19=$B$24,21,0),MOD($C4669,24)+1)/SUM(INDEX($D$3:$AA$30,INDEX(Jesper!$R$2:$R$366,ROW(INDEX(Jesper!AI$2:AI$366,ROUNDDOWN($C4669/24,0)+1,1))-1)+IF('Standard Profiles'!$G$19=$B$10,7,0)+IF('Standard Profiles'!$G$19=$B$17,14,0)+IF('Standard Profiles'!$G$19=$B$24,21,0),0)),0)</f>
        <v>2.0261557903645189</v>
      </c>
      <c r="F4669" cm="1">
        <f t="array" ref="F4669">IFERROR(INDEX(Jesper!AJ$2:AJ$366,ROUNDDOWN($C4669/24,0)+1,1)*INDEX($D$3:$AA$30,INDEX(Jesper!$R$2:$R$366,ROW(INDEX(Jesper!AJ$2:AJ$366,ROUNDDOWN($C4669/24,0)+1,1))-1)+IF('Standard Profiles'!$G$20=$B$10,7,0)+IF('Standard Profiles'!$G$20=$B$17,14,0)+IF('Standard Profiles'!$G$20=$B$24,21,0),MOD($C4669,24)+1)/SUM(INDEX($D$3:$AA$30,INDEX(Jesper!$R$2:$R$366,ROW(INDEX(Jesper!AJ$2:AJ$366,ROUNDDOWN($C4669/24,0)+1,1))-1)+IF('Standard Profiles'!$G$20=$B$10,7,0)+IF('Standard Profiles'!$G$20=$B$17,14,0)+IF('Standard Profiles'!$G$20=$B$24,21,0),0)),0)</f>
        <v>0</v>
      </c>
      <c r="G4669" cm="1">
        <f t="array" ref="G4669">IFERROR(INDEX(Jesper!AK$2:AK$366,ROUNDDOWN($C4669/24,0)+1,1)*INDEX($D$3:$AA$30,INDEX(Jesper!$R$2:$R$366,ROW(INDEX(Jesper!AK$2:AK$366,ROUNDDOWN($C4669/24,0)+1,1))-1)+IF('Standard Profiles'!$G$21=$B$10,7,0)+IF('Standard Profiles'!$G$21=$B$17,14,0)+IF('Standard Profiles'!$G$21=$B$24,21,0),MOD($C4669,24)+1)/SUM(INDEX($D$3:$AA$30,INDEX(Jesper!$R$2:$R$366,ROW(INDEX(Jesper!AK$2:AK$366,ROUNDDOWN($C4669/24,0)+1,1))-1)+IF('Standard Profiles'!$G$21=$B$10,7,0)+IF('Standard Profiles'!$G$21=$B$17,14,0)+IF('Standard Profiles'!$G$21=$B$24,21,0),0)),0)</f>
        <v>0</v>
      </c>
      <c r="H4669" cm="1">
        <f t="array" ref="H4669">IFERROR(INDEX(Jesper!AL$2:AL$366,ROUNDDOWN($C4669/24,0)+1,1)*INDEX($D$3:$AA$30,INDEX(Jesper!$R$2:$R$366,ROW(INDEX(Jesper!AL$2:AL$366,ROUNDDOWN($C4669/24,0)+1,1))-1)+IF('Standard Profiles'!$G$22=$B$10,7,0)+IF('Standard Profiles'!$G$22=$B$17,14,0)+IF('Standard Profiles'!$G$22=$B$24,21,0),MOD($C4669,24)+1)/SUM(INDEX($D$3:$AA$30,INDEX(Jesper!$R$2:$R$366,ROW(INDEX(Jesper!AL$2:AL$366,ROUNDDOWN($C4669/24,0)+1,1))-1)+IF('Standard Profiles'!$G$22=$B$10,7,0)+IF('Standard Profiles'!$G$22=$B$17,14,0)+IF('Standard Profiles'!$G$22=$B$24,21,0),0)),0)</f>
        <v>0</v>
      </c>
      <c r="I4669">
        <f t="shared" si="524"/>
        <v>0</v>
      </c>
      <c r="J4669">
        <f t="shared" si="525"/>
        <v>6.4084337398606728</v>
      </c>
      <c r="K4669">
        <f t="shared" si="526"/>
        <v>0.55647973961855934</v>
      </c>
      <c r="L4669">
        <f t="shared" si="527"/>
        <v>0.27823986980927967</v>
      </c>
      <c r="M4669">
        <f t="shared" si="528"/>
        <v>0</v>
      </c>
      <c r="N4669" s="45">
        <f t="shared" si="529"/>
        <v>45120.124999988759</v>
      </c>
    </row>
    <row r="4670" spans="2:14" x14ac:dyDescent="0.25">
      <c r="B4670">
        <f t="shared" si="523"/>
        <v>4</v>
      </c>
      <c r="C4670" s="16">
        <v>4636</v>
      </c>
      <c r="D4670" cm="1">
        <f t="array" ref="D4670">IFERROR(INDEX(Jesper!AH$2:AH$366,ROUNDDOWN($C4670/24,0)+1,1)*INDEX($D$3:$AA$30,INDEX(Jesper!$R$2:$R$366,ROW(INDEX(Jesper!AH$2:AH$366,ROUNDDOWN($C4670/24,0)+1,1))-1)+IF('Standard Profiles'!$G$18=$B$10,7,0)+IF('Standard Profiles'!$G$18=$B$17,14,0)+IF('Standard Profiles'!$G$18=$B$24,21,0),MOD($C4670,24)+1)/SUM(INDEX($D$3:$AA$30,INDEX(Jesper!$R$2:$R$366,ROW(INDEX(Jesper!AH$2:AH$366,ROUNDDOWN($C4670/24,0)+1,1))-1)+IF('Standard Profiles'!$G$18=$B$10,7,0)+IF('Standard Profiles'!$G$18=$B$17,14,0)+IF('Standard Profiles'!$G$18=$B$24,21,0),0)),0)</f>
        <v>5.2169975589239934</v>
      </c>
      <c r="E4670" cm="1">
        <f t="array" ref="E4670">IFERROR(INDEX(Jesper!AI$2:AI$366,ROUNDDOWN($C4670/24,0)+1,1)*INDEX($D$3:$AA$30,INDEX(Jesper!$R$2:$R$366,ROW(INDEX(Jesper!AI$2:AI$366,ROUNDDOWN($C4670/24,0)+1,1))-1)+IF('Standard Profiles'!$G$19=$B$10,7,0)+IF('Standard Profiles'!$G$19=$B$17,14,0)+IF('Standard Profiles'!$G$19=$B$24,21,0),MOD($C4670,24)+1)/SUM(INDEX($D$3:$AA$30,INDEX(Jesper!$R$2:$R$366,ROW(INDEX(Jesper!AI$2:AI$366,ROUNDDOWN($C4670/24,0)+1,1))-1)+IF('Standard Profiles'!$G$19=$B$10,7,0)+IF('Standard Profiles'!$G$19=$B$17,14,0)+IF('Standard Profiles'!$G$19=$B$24,21,0),0)),0)</f>
        <v>2.0261557903645189</v>
      </c>
      <c r="F4670" cm="1">
        <f t="array" ref="F4670">IFERROR(INDEX(Jesper!AJ$2:AJ$366,ROUNDDOWN($C4670/24,0)+1,1)*INDEX($D$3:$AA$30,INDEX(Jesper!$R$2:$R$366,ROW(INDEX(Jesper!AJ$2:AJ$366,ROUNDDOWN($C4670/24,0)+1,1))-1)+IF('Standard Profiles'!$G$20=$B$10,7,0)+IF('Standard Profiles'!$G$20=$B$17,14,0)+IF('Standard Profiles'!$G$20=$B$24,21,0),MOD($C4670,24)+1)/SUM(INDEX($D$3:$AA$30,INDEX(Jesper!$R$2:$R$366,ROW(INDEX(Jesper!AJ$2:AJ$366,ROUNDDOWN($C4670/24,0)+1,1))-1)+IF('Standard Profiles'!$G$20=$B$10,7,0)+IF('Standard Profiles'!$G$20=$B$17,14,0)+IF('Standard Profiles'!$G$20=$B$24,21,0),0)),0)</f>
        <v>0</v>
      </c>
      <c r="G4670" cm="1">
        <f t="array" ref="G4670">IFERROR(INDEX(Jesper!AK$2:AK$366,ROUNDDOWN($C4670/24,0)+1,1)*INDEX($D$3:$AA$30,INDEX(Jesper!$R$2:$R$366,ROW(INDEX(Jesper!AK$2:AK$366,ROUNDDOWN($C4670/24,0)+1,1))-1)+IF('Standard Profiles'!$G$21=$B$10,7,0)+IF('Standard Profiles'!$G$21=$B$17,14,0)+IF('Standard Profiles'!$G$21=$B$24,21,0),MOD($C4670,24)+1)/SUM(INDEX($D$3:$AA$30,INDEX(Jesper!$R$2:$R$366,ROW(INDEX(Jesper!AK$2:AK$366,ROUNDDOWN($C4670/24,0)+1,1))-1)+IF('Standard Profiles'!$G$21=$B$10,7,0)+IF('Standard Profiles'!$G$21=$B$17,14,0)+IF('Standard Profiles'!$G$21=$B$24,21,0),0)),0)</f>
        <v>0</v>
      </c>
      <c r="H4670" cm="1">
        <f t="array" ref="H4670">IFERROR(INDEX(Jesper!AL$2:AL$366,ROUNDDOWN($C4670/24,0)+1,1)*INDEX($D$3:$AA$30,INDEX(Jesper!$R$2:$R$366,ROW(INDEX(Jesper!AL$2:AL$366,ROUNDDOWN($C4670/24,0)+1,1))-1)+IF('Standard Profiles'!$G$22=$B$10,7,0)+IF('Standard Profiles'!$G$22=$B$17,14,0)+IF('Standard Profiles'!$G$22=$B$24,21,0),MOD($C4670,24)+1)/SUM(INDEX($D$3:$AA$30,INDEX(Jesper!$R$2:$R$366,ROW(INDEX(Jesper!AL$2:AL$366,ROUNDDOWN($C4670/24,0)+1,1))-1)+IF('Standard Profiles'!$G$22=$B$10,7,0)+IF('Standard Profiles'!$G$22=$B$17,14,0)+IF('Standard Profiles'!$G$22=$B$24,21,0),0)),0)</f>
        <v>0</v>
      </c>
      <c r="I4670">
        <f t="shared" si="524"/>
        <v>0</v>
      </c>
      <c r="J4670">
        <f t="shared" si="525"/>
        <v>6.4084337398606728</v>
      </c>
      <c r="K4670">
        <f t="shared" si="526"/>
        <v>0.55647973961855934</v>
      </c>
      <c r="L4670">
        <f t="shared" si="527"/>
        <v>0.27823986980927967</v>
      </c>
      <c r="M4670">
        <f t="shared" si="528"/>
        <v>0</v>
      </c>
      <c r="N4670" s="45">
        <f t="shared" si="529"/>
        <v>45120.166666655423</v>
      </c>
    </row>
    <row r="4671" spans="2:14" x14ac:dyDescent="0.25">
      <c r="B4671">
        <f t="shared" si="523"/>
        <v>4</v>
      </c>
      <c r="C4671" s="16">
        <v>4637</v>
      </c>
      <c r="D4671" cm="1">
        <f t="array" ref="D4671">IFERROR(INDEX(Jesper!AH$2:AH$366,ROUNDDOWN($C4671/24,0)+1,1)*INDEX($D$3:$AA$30,INDEX(Jesper!$R$2:$R$366,ROW(INDEX(Jesper!AH$2:AH$366,ROUNDDOWN($C4671/24,0)+1,1))-1)+IF('Standard Profiles'!$G$18=$B$10,7,0)+IF('Standard Profiles'!$G$18=$B$17,14,0)+IF('Standard Profiles'!$G$18=$B$24,21,0),MOD($C4671,24)+1)/SUM(INDEX($D$3:$AA$30,INDEX(Jesper!$R$2:$R$366,ROW(INDEX(Jesper!AH$2:AH$366,ROUNDDOWN($C4671/24,0)+1,1))-1)+IF('Standard Profiles'!$G$18=$B$10,7,0)+IF('Standard Profiles'!$G$18=$B$17,14,0)+IF('Standard Profiles'!$G$18=$B$24,21,0),0)),0)</f>
        <v>5.2169975589239934</v>
      </c>
      <c r="E4671" cm="1">
        <f t="array" ref="E4671">IFERROR(INDEX(Jesper!AI$2:AI$366,ROUNDDOWN($C4671/24,0)+1,1)*INDEX($D$3:$AA$30,INDEX(Jesper!$R$2:$R$366,ROW(INDEX(Jesper!AI$2:AI$366,ROUNDDOWN($C4671/24,0)+1,1))-1)+IF('Standard Profiles'!$G$19=$B$10,7,0)+IF('Standard Profiles'!$G$19=$B$17,14,0)+IF('Standard Profiles'!$G$19=$B$24,21,0),MOD($C4671,24)+1)/SUM(INDEX($D$3:$AA$30,INDEX(Jesper!$R$2:$R$366,ROW(INDEX(Jesper!AI$2:AI$366,ROUNDDOWN($C4671/24,0)+1,1))-1)+IF('Standard Profiles'!$G$19=$B$10,7,0)+IF('Standard Profiles'!$G$19=$B$17,14,0)+IF('Standard Profiles'!$G$19=$B$24,21,0),0)),0)</f>
        <v>2.0261557903645189</v>
      </c>
      <c r="F4671" cm="1">
        <f t="array" ref="F4671">IFERROR(INDEX(Jesper!AJ$2:AJ$366,ROUNDDOWN($C4671/24,0)+1,1)*INDEX($D$3:$AA$30,INDEX(Jesper!$R$2:$R$366,ROW(INDEX(Jesper!AJ$2:AJ$366,ROUNDDOWN($C4671/24,0)+1,1))-1)+IF('Standard Profiles'!$G$20=$B$10,7,0)+IF('Standard Profiles'!$G$20=$B$17,14,0)+IF('Standard Profiles'!$G$20=$B$24,21,0),MOD($C4671,24)+1)/SUM(INDEX($D$3:$AA$30,INDEX(Jesper!$R$2:$R$366,ROW(INDEX(Jesper!AJ$2:AJ$366,ROUNDDOWN($C4671/24,0)+1,1))-1)+IF('Standard Profiles'!$G$20=$B$10,7,0)+IF('Standard Profiles'!$G$20=$B$17,14,0)+IF('Standard Profiles'!$G$20=$B$24,21,0),0)),0)</f>
        <v>0</v>
      </c>
      <c r="G4671" cm="1">
        <f t="array" ref="G4671">IFERROR(INDEX(Jesper!AK$2:AK$366,ROUNDDOWN($C4671/24,0)+1,1)*INDEX($D$3:$AA$30,INDEX(Jesper!$R$2:$R$366,ROW(INDEX(Jesper!AK$2:AK$366,ROUNDDOWN($C4671/24,0)+1,1))-1)+IF('Standard Profiles'!$G$21=$B$10,7,0)+IF('Standard Profiles'!$G$21=$B$17,14,0)+IF('Standard Profiles'!$G$21=$B$24,21,0),MOD($C4671,24)+1)/SUM(INDEX($D$3:$AA$30,INDEX(Jesper!$R$2:$R$366,ROW(INDEX(Jesper!AK$2:AK$366,ROUNDDOWN($C4671/24,0)+1,1))-1)+IF('Standard Profiles'!$G$21=$B$10,7,0)+IF('Standard Profiles'!$G$21=$B$17,14,0)+IF('Standard Profiles'!$G$21=$B$24,21,0),0)),0)</f>
        <v>0</v>
      </c>
      <c r="H4671" cm="1">
        <f t="array" ref="H4671">IFERROR(INDEX(Jesper!AL$2:AL$366,ROUNDDOWN($C4671/24,0)+1,1)*INDEX($D$3:$AA$30,INDEX(Jesper!$R$2:$R$366,ROW(INDEX(Jesper!AL$2:AL$366,ROUNDDOWN($C4671/24,0)+1,1))-1)+IF('Standard Profiles'!$G$22=$B$10,7,0)+IF('Standard Profiles'!$G$22=$B$17,14,0)+IF('Standard Profiles'!$G$22=$B$24,21,0),MOD($C4671,24)+1)/SUM(INDEX($D$3:$AA$30,INDEX(Jesper!$R$2:$R$366,ROW(INDEX(Jesper!AL$2:AL$366,ROUNDDOWN($C4671/24,0)+1,1))-1)+IF('Standard Profiles'!$G$22=$B$10,7,0)+IF('Standard Profiles'!$G$22=$B$17,14,0)+IF('Standard Profiles'!$G$22=$B$24,21,0),0)),0)</f>
        <v>0</v>
      </c>
      <c r="I4671">
        <f t="shared" si="524"/>
        <v>0</v>
      </c>
      <c r="J4671">
        <f t="shared" si="525"/>
        <v>6.4084337398606728</v>
      </c>
      <c r="K4671">
        <f t="shared" si="526"/>
        <v>0.55647973961855934</v>
      </c>
      <c r="L4671">
        <f t="shared" si="527"/>
        <v>0.27823986980927967</v>
      </c>
      <c r="M4671">
        <f t="shared" si="528"/>
        <v>0</v>
      </c>
      <c r="N4671" s="45">
        <f t="shared" si="529"/>
        <v>45120.208333322087</v>
      </c>
    </row>
    <row r="4672" spans="2:14" x14ac:dyDescent="0.25">
      <c r="B4672">
        <f t="shared" si="523"/>
        <v>4</v>
      </c>
      <c r="C4672" s="16">
        <v>4638</v>
      </c>
      <c r="D4672" cm="1">
        <f t="array" ref="D4672">IFERROR(INDEX(Jesper!AH$2:AH$366,ROUNDDOWN($C4672/24,0)+1,1)*INDEX($D$3:$AA$30,INDEX(Jesper!$R$2:$R$366,ROW(INDEX(Jesper!AH$2:AH$366,ROUNDDOWN($C4672/24,0)+1,1))-1)+IF('Standard Profiles'!$G$18=$B$10,7,0)+IF('Standard Profiles'!$G$18=$B$17,14,0)+IF('Standard Profiles'!$G$18=$B$24,21,0),MOD($C4672,24)+1)/SUM(INDEX($D$3:$AA$30,INDEX(Jesper!$R$2:$R$366,ROW(INDEX(Jesper!AH$2:AH$366,ROUNDDOWN($C4672/24,0)+1,1))-1)+IF('Standard Profiles'!$G$18=$B$10,7,0)+IF('Standard Profiles'!$G$18=$B$17,14,0)+IF('Standard Profiles'!$G$18=$B$24,21,0),0)),0)</f>
        <v>5.2169975589239934</v>
      </c>
      <c r="E4672" cm="1">
        <f t="array" ref="E4672">IFERROR(INDEX(Jesper!AI$2:AI$366,ROUNDDOWN($C4672/24,0)+1,1)*INDEX($D$3:$AA$30,INDEX(Jesper!$R$2:$R$366,ROW(INDEX(Jesper!AI$2:AI$366,ROUNDDOWN($C4672/24,0)+1,1))-1)+IF('Standard Profiles'!$G$19=$B$10,7,0)+IF('Standard Profiles'!$G$19=$B$17,14,0)+IF('Standard Profiles'!$G$19=$B$24,21,0),MOD($C4672,24)+1)/SUM(INDEX($D$3:$AA$30,INDEX(Jesper!$R$2:$R$366,ROW(INDEX(Jesper!AI$2:AI$366,ROUNDDOWN($C4672/24,0)+1,1))-1)+IF('Standard Profiles'!$G$19=$B$10,7,0)+IF('Standard Profiles'!$G$19=$B$17,14,0)+IF('Standard Profiles'!$G$19=$B$24,21,0),0)),0)</f>
        <v>2.0261557903645189</v>
      </c>
      <c r="F4672" cm="1">
        <f t="array" ref="F4672">IFERROR(INDEX(Jesper!AJ$2:AJ$366,ROUNDDOWN($C4672/24,0)+1,1)*INDEX($D$3:$AA$30,INDEX(Jesper!$R$2:$R$366,ROW(INDEX(Jesper!AJ$2:AJ$366,ROUNDDOWN($C4672/24,0)+1,1))-1)+IF('Standard Profiles'!$G$20=$B$10,7,0)+IF('Standard Profiles'!$G$20=$B$17,14,0)+IF('Standard Profiles'!$G$20=$B$24,21,0),MOD($C4672,24)+1)/SUM(INDEX($D$3:$AA$30,INDEX(Jesper!$R$2:$R$366,ROW(INDEX(Jesper!AJ$2:AJ$366,ROUNDDOWN($C4672/24,0)+1,1))-1)+IF('Standard Profiles'!$G$20=$B$10,7,0)+IF('Standard Profiles'!$G$20=$B$17,14,0)+IF('Standard Profiles'!$G$20=$B$24,21,0),0)),0)</f>
        <v>0</v>
      </c>
      <c r="G4672" cm="1">
        <f t="array" ref="G4672">IFERROR(INDEX(Jesper!AK$2:AK$366,ROUNDDOWN($C4672/24,0)+1,1)*INDEX($D$3:$AA$30,INDEX(Jesper!$R$2:$R$366,ROW(INDEX(Jesper!AK$2:AK$366,ROUNDDOWN($C4672/24,0)+1,1))-1)+IF('Standard Profiles'!$G$21=$B$10,7,0)+IF('Standard Profiles'!$G$21=$B$17,14,0)+IF('Standard Profiles'!$G$21=$B$24,21,0),MOD($C4672,24)+1)/SUM(INDEX($D$3:$AA$30,INDEX(Jesper!$R$2:$R$366,ROW(INDEX(Jesper!AK$2:AK$366,ROUNDDOWN($C4672/24,0)+1,1))-1)+IF('Standard Profiles'!$G$21=$B$10,7,0)+IF('Standard Profiles'!$G$21=$B$17,14,0)+IF('Standard Profiles'!$G$21=$B$24,21,0),0)),0)</f>
        <v>0</v>
      </c>
      <c r="H4672" cm="1">
        <f t="array" ref="H4672">IFERROR(INDEX(Jesper!AL$2:AL$366,ROUNDDOWN($C4672/24,0)+1,1)*INDEX($D$3:$AA$30,INDEX(Jesper!$R$2:$R$366,ROW(INDEX(Jesper!AL$2:AL$366,ROUNDDOWN($C4672/24,0)+1,1))-1)+IF('Standard Profiles'!$G$22=$B$10,7,0)+IF('Standard Profiles'!$G$22=$B$17,14,0)+IF('Standard Profiles'!$G$22=$B$24,21,0),MOD($C4672,24)+1)/SUM(INDEX($D$3:$AA$30,INDEX(Jesper!$R$2:$R$366,ROW(INDEX(Jesper!AL$2:AL$366,ROUNDDOWN($C4672/24,0)+1,1))-1)+IF('Standard Profiles'!$G$22=$B$10,7,0)+IF('Standard Profiles'!$G$22=$B$17,14,0)+IF('Standard Profiles'!$G$22=$B$24,21,0),0)),0)</f>
        <v>0</v>
      </c>
      <c r="I4672">
        <f t="shared" si="524"/>
        <v>0</v>
      </c>
      <c r="J4672">
        <f t="shared" si="525"/>
        <v>6.4084337398606728</v>
      </c>
      <c r="K4672">
        <f t="shared" si="526"/>
        <v>0.55647973961855934</v>
      </c>
      <c r="L4672">
        <f t="shared" si="527"/>
        <v>0.27823986980927967</v>
      </c>
      <c r="M4672">
        <f t="shared" si="528"/>
        <v>0</v>
      </c>
      <c r="N4672" s="45">
        <f t="shared" si="529"/>
        <v>45120.249999988751</v>
      </c>
    </row>
    <row r="4673" spans="2:14" x14ac:dyDescent="0.25">
      <c r="B4673">
        <f t="shared" si="523"/>
        <v>4</v>
      </c>
      <c r="C4673" s="16">
        <v>4639</v>
      </c>
      <c r="D4673" cm="1">
        <f t="array" ref="D4673">IFERROR(INDEX(Jesper!AH$2:AH$366,ROUNDDOWN($C4673/24,0)+1,1)*INDEX($D$3:$AA$30,INDEX(Jesper!$R$2:$R$366,ROW(INDEX(Jesper!AH$2:AH$366,ROUNDDOWN($C4673/24,0)+1,1))-1)+IF('Standard Profiles'!$G$18=$B$10,7,0)+IF('Standard Profiles'!$G$18=$B$17,14,0)+IF('Standard Profiles'!$G$18=$B$24,21,0),MOD($C4673,24)+1)/SUM(INDEX($D$3:$AA$30,INDEX(Jesper!$R$2:$R$366,ROW(INDEX(Jesper!AH$2:AH$366,ROUNDDOWN($C4673/24,0)+1,1))-1)+IF('Standard Profiles'!$G$18=$B$10,7,0)+IF('Standard Profiles'!$G$18=$B$17,14,0)+IF('Standard Profiles'!$G$18=$B$24,21,0),0)),0)</f>
        <v>21.326453657540807</v>
      </c>
      <c r="E4673" cm="1">
        <f t="array" ref="E4673">IFERROR(INDEX(Jesper!AI$2:AI$366,ROUNDDOWN($C4673/24,0)+1,1)*INDEX($D$3:$AA$30,INDEX(Jesper!$R$2:$R$366,ROW(INDEX(Jesper!AI$2:AI$366,ROUNDDOWN($C4673/24,0)+1,1))-1)+IF('Standard Profiles'!$G$19=$B$10,7,0)+IF('Standard Profiles'!$G$19=$B$17,14,0)+IF('Standard Profiles'!$G$19=$B$24,21,0),MOD($C4673,24)+1)/SUM(INDEX($D$3:$AA$30,INDEX(Jesper!$R$2:$R$366,ROW(INDEX(Jesper!AI$2:AI$366,ROUNDDOWN($C4673/24,0)+1,1))-1)+IF('Standard Profiles'!$G$19=$B$10,7,0)+IF('Standard Profiles'!$G$19=$B$17,14,0)+IF('Standard Profiles'!$G$19=$B$24,21,0),0)),0)</f>
        <v>8.2826792763688957</v>
      </c>
      <c r="F4673" cm="1">
        <f t="array" ref="F4673">IFERROR(INDEX(Jesper!AJ$2:AJ$366,ROUNDDOWN($C4673/24,0)+1,1)*INDEX($D$3:$AA$30,INDEX(Jesper!$R$2:$R$366,ROW(INDEX(Jesper!AJ$2:AJ$366,ROUNDDOWN($C4673/24,0)+1,1))-1)+IF('Standard Profiles'!$G$20=$B$10,7,0)+IF('Standard Profiles'!$G$20=$B$17,14,0)+IF('Standard Profiles'!$G$20=$B$24,21,0),MOD($C4673,24)+1)/SUM(INDEX($D$3:$AA$30,INDEX(Jesper!$R$2:$R$366,ROW(INDEX(Jesper!AJ$2:AJ$366,ROUNDDOWN($C4673/24,0)+1,1))-1)+IF('Standard Profiles'!$G$20=$B$10,7,0)+IF('Standard Profiles'!$G$20=$B$17,14,0)+IF('Standard Profiles'!$G$20=$B$24,21,0),0)),0)</f>
        <v>0</v>
      </c>
      <c r="G4673" cm="1">
        <f t="array" ref="G4673">IFERROR(INDEX(Jesper!AK$2:AK$366,ROUNDDOWN($C4673/24,0)+1,1)*INDEX($D$3:$AA$30,INDEX(Jesper!$R$2:$R$366,ROW(INDEX(Jesper!AK$2:AK$366,ROUNDDOWN($C4673/24,0)+1,1))-1)+IF('Standard Profiles'!$G$21=$B$10,7,0)+IF('Standard Profiles'!$G$21=$B$17,14,0)+IF('Standard Profiles'!$G$21=$B$24,21,0),MOD($C4673,24)+1)/SUM(INDEX($D$3:$AA$30,INDEX(Jesper!$R$2:$R$366,ROW(INDEX(Jesper!AK$2:AK$366,ROUNDDOWN($C4673/24,0)+1,1))-1)+IF('Standard Profiles'!$G$21=$B$10,7,0)+IF('Standard Profiles'!$G$21=$B$17,14,0)+IF('Standard Profiles'!$G$21=$B$24,21,0),0)),0)</f>
        <v>0</v>
      </c>
      <c r="H4673" cm="1">
        <f t="array" ref="H4673">IFERROR(INDEX(Jesper!AL$2:AL$366,ROUNDDOWN($C4673/24,0)+1,1)*INDEX($D$3:$AA$30,INDEX(Jesper!$R$2:$R$366,ROW(INDEX(Jesper!AL$2:AL$366,ROUNDDOWN($C4673/24,0)+1,1))-1)+IF('Standard Profiles'!$G$22=$B$10,7,0)+IF('Standard Profiles'!$G$22=$B$17,14,0)+IF('Standard Profiles'!$G$22=$B$24,21,0),MOD($C4673,24)+1)/SUM(INDEX($D$3:$AA$30,INDEX(Jesper!$R$2:$R$366,ROW(INDEX(Jesper!AL$2:AL$366,ROUNDDOWN($C4673/24,0)+1,1))-1)+IF('Standard Profiles'!$G$22=$B$10,7,0)+IF('Standard Profiles'!$G$22=$B$17,14,0)+IF('Standard Profiles'!$G$22=$B$24,21,0),0)),0)</f>
        <v>0</v>
      </c>
      <c r="I4673">
        <f t="shared" si="524"/>
        <v>0</v>
      </c>
      <c r="J4673">
        <f t="shared" si="525"/>
        <v>26.196900348703174</v>
      </c>
      <c r="K4673">
        <f t="shared" si="526"/>
        <v>2.2748217234710193</v>
      </c>
      <c r="L4673">
        <f t="shared" si="527"/>
        <v>1.1374108617355096</v>
      </c>
      <c r="M4673">
        <f t="shared" si="528"/>
        <v>0</v>
      </c>
      <c r="N4673" s="45">
        <f t="shared" si="529"/>
        <v>45120.291666655416</v>
      </c>
    </row>
    <row r="4674" spans="2:14" x14ac:dyDescent="0.25">
      <c r="B4674">
        <f t="shared" si="523"/>
        <v>4</v>
      </c>
      <c r="C4674" s="16">
        <v>4640</v>
      </c>
      <c r="D4674" cm="1">
        <f t="array" ref="D4674">IFERROR(INDEX(Jesper!AH$2:AH$366,ROUNDDOWN($C4674/24,0)+1,1)*INDEX($D$3:$AA$30,INDEX(Jesper!$R$2:$R$366,ROW(INDEX(Jesper!AH$2:AH$366,ROUNDDOWN($C4674/24,0)+1,1))-1)+IF('Standard Profiles'!$G$18=$B$10,7,0)+IF('Standard Profiles'!$G$18=$B$17,14,0)+IF('Standard Profiles'!$G$18=$B$24,21,0),MOD($C4674,24)+1)/SUM(INDEX($D$3:$AA$30,INDEX(Jesper!$R$2:$R$366,ROW(INDEX(Jesper!AH$2:AH$366,ROUNDDOWN($C4674/24,0)+1,1))-1)+IF('Standard Profiles'!$G$18=$B$10,7,0)+IF('Standard Profiles'!$G$18=$B$17,14,0)+IF('Standard Profiles'!$G$18=$B$24,21,0),0)),0)</f>
        <v>23.795832502098165</v>
      </c>
      <c r="E4674" cm="1">
        <f t="array" ref="E4674">IFERROR(INDEX(Jesper!AI$2:AI$366,ROUNDDOWN($C4674/24,0)+1,1)*INDEX($D$3:$AA$30,INDEX(Jesper!$R$2:$R$366,ROW(INDEX(Jesper!AI$2:AI$366,ROUNDDOWN($C4674/24,0)+1,1))-1)+IF('Standard Profiles'!$G$19=$B$10,7,0)+IF('Standard Profiles'!$G$19=$B$17,14,0)+IF('Standard Profiles'!$G$19=$B$24,21,0),MOD($C4674,24)+1)/SUM(INDEX($D$3:$AA$30,INDEX(Jesper!$R$2:$R$366,ROW(INDEX(Jesper!AI$2:AI$366,ROUNDDOWN($C4674/24,0)+1,1))-1)+IF('Standard Profiles'!$G$19=$B$10,7,0)+IF('Standard Profiles'!$G$19=$B$17,14,0)+IF('Standard Profiles'!$G$19=$B$24,21,0),0)),0)</f>
        <v>9.2417263504747691</v>
      </c>
      <c r="F4674" cm="1">
        <f t="array" ref="F4674">IFERROR(INDEX(Jesper!AJ$2:AJ$366,ROUNDDOWN($C4674/24,0)+1,1)*INDEX($D$3:$AA$30,INDEX(Jesper!$R$2:$R$366,ROW(INDEX(Jesper!AJ$2:AJ$366,ROUNDDOWN($C4674/24,0)+1,1))-1)+IF('Standard Profiles'!$G$20=$B$10,7,0)+IF('Standard Profiles'!$G$20=$B$17,14,0)+IF('Standard Profiles'!$G$20=$B$24,21,0),MOD($C4674,24)+1)/SUM(INDEX($D$3:$AA$30,INDEX(Jesper!$R$2:$R$366,ROW(INDEX(Jesper!AJ$2:AJ$366,ROUNDDOWN($C4674/24,0)+1,1))-1)+IF('Standard Profiles'!$G$20=$B$10,7,0)+IF('Standard Profiles'!$G$20=$B$17,14,0)+IF('Standard Profiles'!$G$20=$B$24,21,0),0)),0)</f>
        <v>0</v>
      </c>
      <c r="G4674" cm="1">
        <f t="array" ref="G4674">IFERROR(INDEX(Jesper!AK$2:AK$366,ROUNDDOWN($C4674/24,0)+1,1)*INDEX($D$3:$AA$30,INDEX(Jesper!$R$2:$R$366,ROW(INDEX(Jesper!AK$2:AK$366,ROUNDDOWN($C4674/24,0)+1,1))-1)+IF('Standard Profiles'!$G$21=$B$10,7,0)+IF('Standard Profiles'!$G$21=$B$17,14,0)+IF('Standard Profiles'!$G$21=$B$24,21,0),MOD($C4674,24)+1)/SUM(INDEX($D$3:$AA$30,INDEX(Jesper!$R$2:$R$366,ROW(INDEX(Jesper!AK$2:AK$366,ROUNDDOWN($C4674/24,0)+1,1))-1)+IF('Standard Profiles'!$G$21=$B$10,7,0)+IF('Standard Profiles'!$G$21=$B$17,14,0)+IF('Standard Profiles'!$G$21=$B$24,21,0),0)),0)</f>
        <v>0</v>
      </c>
      <c r="H4674" cm="1">
        <f t="array" ref="H4674">IFERROR(INDEX(Jesper!AL$2:AL$366,ROUNDDOWN($C4674/24,0)+1,1)*INDEX($D$3:$AA$30,INDEX(Jesper!$R$2:$R$366,ROW(INDEX(Jesper!AL$2:AL$366,ROUNDDOWN($C4674/24,0)+1,1))-1)+IF('Standard Profiles'!$G$22=$B$10,7,0)+IF('Standard Profiles'!$G$22=$B$17,14,0)+IF('Standard Profiles'!$G$22=$B$24,21,0),MOD($C4674,24)+1)/SUM(INDEX($D$3:$AA$30,INDEX(Jesper!$R$2:$R$366,ROW(INDEX(Jesper!AL$2:AL$366,ROUNDDOWN($C4674/24,0)+1,1))-1)+IF('Standard Profiles'!$G$22=$B$10,7,0)+IF('Standard Profiles'!$G$22=$B$17,14,0)+IF('Standard Profiles'!$G$22=$B$24,21,0),0)),0)</f>
        <v>0</v>
      </c>
      <c r="I4674">
        <f t="shared" si="524"/>
        <v>0</v>
      </c>
      <c r="J4674">
        <f t="shared" si="525"/>
        <v>29.230225652237223</v>
      </c>
      <c r="K4674">
        <f t="shared" si="526"/>
        <v>2.5382221335571375</v>
      </c>
      <c r="L4674">
        <f t="shared" si="527"/>
        <v>1.2691110667785688</v>
      </c>
      <c r="M4674">
        <f t="shared" si="528"/>
        <v>0</v>
      </c>
      <c r="N4674" s="45">
        <f t="shared" si="529"/>
        <v>45120.33333332208</v>
      </c>
    </row>
    <row r="4675" spans="2:14" x14ac:dyDescent="0.25">
      <c r="B4675">
        <f t="shared" si="523"/>
        <v>4</v>
      </c>
      <c r="C4675" s="16">
        <v>4641</v>
      </c>
      <c r="D4675" cm="1">
        <f t="array" ref="D4675">IFERROR(INDEX(Jesper!AH$2:AH$366,ROUNDDOWN($C4675/24,0)+1,1)*INDEX($D$3:$AA$30,INDEX(Jesper!$R$2:$R$366,ROW(INDEX(Jesper!AH$2:AH$366,ROUNDDOWN($C4675/24,0)+1,1))-1)+IF('Standard Profiles'!$G$18=$B$10,7,0)+IF('Standard Profiles'!$G$18=$B$17,14,0)+IF('Standard Profiles'!$G$18=$B$24,21,0),MOD($C4675,24)+1)/SUM(INDEX($D$3:$AA$30,INDEX(Jesper!$R$2:$R$366,ROW(INDEX(Jesper!AH$2:AH$366,ROUNDDOWN($C4675/24,0)+1,1))-1)+IF('Standard Profiles'!$G$18=$B$10,7,0)+IF('Standard Profiles'!$G$18=$B$17,14,0)+IF('Standard Profiles'!$G$18=$B$24,21,0),0)),0)</f>
        <v>26.265211346655523</v>
      </c>
      <c r="E4675" cm="1">
        <f t="array" ref="E4675">IFERROR(INDEX(Jesper!AI$2:AI$366,ROUNDDOWN($C4675/24,0)+1,1)*INDEX($D$3:$AA$30,INDEX(Jesper!$R$2:$R$366,ROW(INDEX(Jesper!AI$2:AI$366,ROUNDDOWN($C4675/24,0)+1,1))-1)+IF('Standard Profiles'!$G$19=$B$10,7,0)+IF('Standard Profiles'!$G$19=$B$17,14,0)+IF('Standard Profiles'!$G$19=$B$24,21,0),MOD($C4675,24)+1)/SUM(INDEX($D$3:$AA$30,INDEX(Jesper!$R$2:$R$366,ROW(INDEX(Jesper!AI$2:AI$366,ROUNDDOWN($C4675/24,0)+1,1))-1)+IF('Standard Profiles'!$G$19=$B$10,7,0)+IF('Standard Profiles'!$G$19=$B$17,14,0)+IF('Standard Profiles'!$G$19=$B$24,21,0),0)),0)</f>
        <v>10.200773424580643</v>
      </c>
      <c r="F4675" cm="1">
        <f t="array" ref="F4675">IFERROR(INDEX(Jesper!AJ$2:AJ$366,ROUNDDOWN($C4675/24,0)+1,1)*INDEX($D$3:$AA$30,INDEX(Jesper!$R$2:$R$366,ROW(INDEX(Jesper!AJ$2:AJ$366,ROUNDDOWN($C4675/24,0)+1,1))-1)+IF('Standard Profiles'!$G$20=$B$10,7,0)+IF('Standard Profiles'!$G$20=$B$17,14,0)+IF('Standard Profiles'!$G$20=$B$24,21,0),MOD($C4675,24)+1)/SUM(INDEX($D$3:$AA$30,INDEX(Jesper!$R$2:$R$366,ROW(INDEX(Jesper!AJ$2:AJ$366,ROUNDDOWN($C4675/24,0)+1,1))-1)+IF('Standard Profiles'!$G$20=$B$10,7,0)+IF('Standard Profiles'!$G$20=$B$17,14,0)+IF('Standard Profiles'!$G$20=$B$24,21,0),0)),0)</f>
        <v>0</v>
      </c>
      <c r="G4675" cm="1">
        <f t="array" ref="G4675">IFERROR(INDEX(Jesper!AK$2:AK$366,ROUNDDOWN($C4675/24,0)+1,1)*INDEX($D$3:$AA$30,INDEX(Jesper!$R$2:$R$366,ROW(INDEX(Jesper!AK$2:AK$366,ROUNDDOWN($C4675/24,0)+1,1))-1)+IF('Standard Profiles'!$G$21=$B$10,7,0)+IF('Standard Profiles'!$G$21=$B$17,14,0)+IF('Standard Profiles'!$G$21=$B$24,21,0),MOD($C4675,24)+1)/SUM(INDEX($D$3:$AA$30,INDEX(Jesper!$R$2:$R$366,ROW(INDEX(Jesper!AK$2:AK$366,ROUNDDOWN($C4675/24,0)+1,1))-1)+IF('Standard Profiles'!$G$21=$B$10,7,0)+IF('Standard Profiles'!$G$21=$B$17,14,0)+IF('Standard Profiles'!$G$21=$B$24,21,0),0)),0)</f>
        <v>0</v>
      </c>
      <c r="H4675" cm="1">
        <f t="array" ref="H4675">IFERROR(INDEX(Jesper!AL$2:AL$366,ROUNDDOWN($C4675/24,0)+1,1)*INDEX($D$3:$AA$30,INDEX(Jesper!$R$2:$R$366,ROW(INDEX(Jesper!AL$2:AL$366,ROUNDDOWN($C4675/24,0)+1,1))-1)+IF('Standard Profiles'!$G$22=$B$10,7,0)+IF('Standard Profiles'!$G$22=$B$17,14,0)+IF('Standard Profiles'!$G$22=$B$24,21,0),MOD($C4675,24)+1)/SUM(INDEX($D$3:$AA$30,INDEX(Jesper!$R$2:$R$366,ROW(INDEX(Jesper!AL$2:AL$366,ROUNDDOWN($C4675/24,0)+1,1))-1)+IF('Standard Profiles'!$G$22=$B$10,7,0)+IF('Standard Profiles'!$G$22=$B$17,14,0)+IF('Standard Profiles'!$G$22=$B$24,21,0),0)),0)</f>
        <v>0</v>
      </c>
      <c r="I4675">
        <f t="shared" si="524"/>
        <v>0</v>
      </c>
      <c r="J4675">
        <f t="shared" si="525"/>
        <v>32.263550955771279</v>
      </c>
      <c r="K4675">
        <f t="shared" si="526"/>
        <v>2.8016225436432558</v>
      </c>
      <c r="L4675">
        <f t="shared" si="527"/>
        <v>1.4008112718216279</v>
      </c>
      <c r="M4675">
        <f t="shared" si="528"/>
        <v>0</v>
      </c>
      <c r="N4675" s="45">
        <f t="shared" si="529"/>
        <v>45120.374999988744</v>
      </c>
    </row>
    <row r="4676" spans="2:14" x14ac:dyDescent="0.25">
      <c r="B4676">
        <f t="shared" si="523"/>
        <v>4</v>
      </c>
      <c r="C4676" s="16">
        <v>4642</v>
      </c>
      <c r="D4676" cm="1">
        <f t="array" ref="D4676">IFERROR(INDEX(Jesper!AH$2:AH$366,ROUNDDOWN($C4676/24,0)+1,1)*INDEX($D$3:$AA$30,INDEX(Jesper!$R$2:$R$366,ROW(INDEX(Jesper!AH$2:AH$366,ROUNDDOWN($C4676/24,0)+1,1))-1)+IF('Standard Profiles'!$G$18=$B$10,7,0)+IF('Standard Profiles'!$G$18=$B$17,14,0)+IF('Standard Profiles'!$G$18=$B$24,21,0),MOD($C4676,24)+1)/SUM(INDEX($D$3:$AA$30,INDEX(Jesper!$R$2:$R$366,ROW(INDEX(Jesper!AH$2:AH$366,ROUNDDOWN($C4676/24,0)+1,1))-1)+IF('Standard Profiles'!$G$18=$B$10,7,0)+IF('Standard Profiles'!$G$18=$B$17,14,0)+IF('Standard Profiles'!$G$18=$B$24,21,0),0)),0)</f>
        <v>26.265211346655523</v>
      </c>
      <c r="E4676" cm="1">
        <f t="array" ref="E4676">IFERROR(INDEX(Jesper!AI$2:AI$366,ROUNDDOWN($C4676/24,0)+1,1)*INDEX($D$3:$AA$30,INDEX(Jesper!$R$2:$R$366,ROW(INDEX(Jesper!AI$2:AI$366,ROUNDDOWN($C4676/24,0)+1,1))-1)+IF('Standard Profiles'!$G$19=$B$10,7,0)+IF('Standard Profiles'!$G$19=$B$17,14,0)+IF('Standard Profiles'!$G$19=$B$24,21,0),MOD($C4676,24)+1)/SUM(INDEX($D$3:$AA$30,INDEX(Jesper!$R$2:$R$366,ROW(INDEX(Jesper!AI$2:AI$366,ROUNDDOWN($C4676/24,0)+1,1))-1)+IF('Standard Profiles'!$G$19=$B$10,7,0)+IF('Standard Profiles'!$G$19=$B$17,14,0)+IF('Standard Profiles'!$G$19=$B$24,21,0),0)),0)</f>
        <v>10.200773424580643</v>
      </c>
      <c r="F4676" cm="1">
        <f t="array" ref="F4676">IFERROR(INDEX(Jesper!AJ$2:AJ$366,ROUNDDOWN($C4676/24,0)+1,1)*INDEX($D$3:$AA$30,INDEX(Jesper!$R$2:$R$366,ROW(INDEX(Jesper!AJ$2:AJ$366,ROUNDDOWN($C4676/24,0)+1,1))-1)+IF('Standard Profiles'!$G$20=$B$10,7,0)+IF('Standard Profiles'!$G$20=$B$17,14,0)+IF('Standard Profiles'!$G$20=$B$24,21,0),MOD($C4676,24)+1)/SUM(INDEX($D$3:$AA$30,INDEX(Jesper!$R$2:$R$366,ROW(INDEX(Jesper!AJ$2:AJ$366,ROUNDDOWN($C4676/24,0)+1,1))-1)+IF('Standard Profiles'!$G$20=$B$10,7,0)+IF('Standard Profiles'!$G$20=$B$17,14,0)+IF('Standard Profiles'!$G$20=$B$24,21,0),0)),0)</f>
        <v>0</v>
      </c>
      <c r="G4676" cm="1">
        <f t="array" ref="G4676">IFERROR(INDEX(Jesper!AK$2:AK$366,ROUNDDOWN($C4676/24,0)+1,1)*INDEX($D$3:$AA$30,INDEX(Jesper!$R$2:$R$366,ROW(INDEX(Jesper!AK$2:AK$366,ROUNDDOWN($C4676/24,0)+1,1))-1)+IF('Standard Profiles'!$G$21=$B$10,7,0)+IF('Standard Profiles'!$G$21=$B$17,14,0)+IF('Standard Profiles'!$G$21=$B$24,21,0),MOD($C4676,24)+1)/SUM(INDEX($D$3:$AA$30,INDEX(Jesper!$R$2:$R$366,ROW(INDEX(Jesper!AK$2:AK$366,ROUNDDOWN($C4676/24,0)+1,1))-1)+IF('Standard Profiles'!$G$21=$B$10,7,0)+IF('Standard Profiles'!$G$21=$B$17,14,0)+IF('Standard Profiles'!$G$21=$B$24,21,0),0)),0)</f>
        <v>0</v>
      </c>
      <c r="H4676" cm="1">
        <f t="array" ref="H4676">IFERROR(INDEX(Jesper!AL$2:AL$366,ROUNDDOWN($C4676/24,0)+1,1)*INDEX($D$3:$AA$30,INDEX(Jesper!$R$2:$R$366,ROW(INDEX(Jesper!AL$2:AL$366,ROUNDDOWN($C4676/24,0)+1,1))-1)+IF('Standard Profiles'!$G$22=$B$10,7,0)+IF('Standard Profiles'!$G$22=$B$17,14,0)+IF('Standard Profiles'!$G$22=$B$24,21,0),MOD($C4676,24)+1)/SUM(INDEX($D$3:$AA$30,INDEX(Jesper!$R$2:$R$366,ROW(INDEX(Jesper!AL$2:AL$366,ROUNDDOWN($C4676/24,0)+1,1))-1)+IF('Standard Profiles'!$G$22=$B$10,7,0)+IF('Standard Profiles'!$G$22=$B$17,14,0)+IF('Standard Profiles'!$G$22=$B$24,21,0),0)),0)</f>
        <v>0</v>
      </c>
      <c r="I4676">
        <f t="shared" si="524"/>
        <v>0</v>
      </c>
      <c r="J4676">
        <f t="shared" si="525"/>
        <v>32.263550955771279</v>
      </c>
      <c r="K4676">
        <f t="shared" si="526"/>
        <v>2.8016225436432558</v>
      </c>
      <c r="L4676">
        <f t="shared" si="527"/>
        <v>1.4008112718216279</v>
      </c>
      <c r="M4676">
        <f t="shared" si="528"/>
        <v>0</v>
      </c>
      <c r="N4676" s="45">
        <f t="shared" si="529"/>
        <v>45120.416666655408</v>
      </c>
    </row>
    <row r="4677" spans="2:14" x14ac:dyDescent="0.25">
      <c r="B4677">
        <f t="shared" si="523"/>
        <v>4</v>
      </c>
      <c r="C4677" s="16">
        <v>4643</v>
      </c>
      <c r="D4677" cm="1">
        <f t="array" ref="D4677">IFERROR(INDEX(Jesper!AH$2:AH$366,ROUNDDOWN($C4677/24,0)+1,1)*INDEX($D$3:$AA$30,INDEX(Jesper!$R$2:$R$366,ROW(INDEX(Jesper!AH$2:AH$366,ROUNDDOWN($C4677/24,0)+1,1))-1)+IF('Standard Profiles'!$G$18=$B$10,7,0)+IF('Standard Profiles'!$G$18=$B$17,14,0)+IF('Standard Profiles'!$G$18=$B$24,21,0),MOD($C4677,24)+1)/SUM(INDEX($D$3:$AA$30,INDEX(Jesper!$R$2:$R$366,ROW(INDEX(Jesper!AH$2:AH$366,ROUNDDOWN($C4677/24,0)+1,1))-1)+IF('Standard Profiles'!$G$18=$B$10,7,0)+IF('Standard Profiles'!$G$18=$B$17,14,0)+IF('Standard Profiles'!$G$18=$B$24,21,0),0)),0)</f>
        <v>31.428458021639084</v>
      </c>
      <c r="E4677" cm="1">
        <f t="array" ref="E4677">IFERROR(INDEX(Jesper!AI$2:AI$366,ROUNDDOWN($C4677/24,0)+1,1)*INDEX($D$3:$AA$30,INDEX(Jesper!$R$2:$R$366,ROW(INDEX(Jesper!AI$2:AI$366,ROUNDDOWN($C4677/24,0)+1,1))-1)+IF('Standard Profiles'!$G$19=$B$10,7,0)+IF('Standard Profiles'!$G$19=$B$17,14,0)+IF('Standard Profiles'!$G$19=$B$24,21,0),MOD($C4677,24)+1)/SUM(INDEX($D$3:$AA$30,INDEX(Jesper!$R$2:$R$366,ROW(INDEX(Jesper!AI$2:AI$366,ROUNDDOWN($C4677/24,0)+1,1))-1)+IF('Standard Profiles'!$G$19=$B$10,7,0)+IF('Standard Profiles'!$G$19=$B$17,14,0)+IF('Standard Profiles'!$G$19=$B$24,21,0),0)),0)</f>
        <v>12.206053670438374</v>
      </c>
      <c r="F4677" cm="1">
        <f t="array" ref="F4677">IFERROR(INDEX(Jesper!AJ$2:AJ$366,ROUNDDOWN($C4677/24,0)+1,1)*INDEX($D$3:$AA$30,INDEX(Jesper!$R$2:$R$366,ROW(INDEX(Jesper!AJ$2:AJ$366,ROUNDDOWN($C4677/24,0)+1,1))-1)+IF('Standard Profiles'!$G$20=$B$10,7,0)+IF('Standard Profiles'!$G$20=$B$17,14,0)+IF('Standard Profiles'!$G$20=$B$24,21,0),MOD($C4677,24)+1)/SUM(INDEX($D$3:$AA$30,INDEX(Jesper!$R$2:$R$366,ROW(INDEX(Jesper!AJ$2:AJ$366,ROUNDDOWN($C4677/24,0)+1,1))-1)+IF('Standard Profiles'!$G$20=$B$10,7,0)+IF('Standard Profiles'!$G$20=$B$17,14,0)+IF('Standard Profiles'!$G$20=$B$24,21,0),0)),0)</f>
        <v>0</v>
      </c>
      <c r="G4677" cm="1">
        <f t="array" ref="G4677">IFERROR(INDEX(Jesper!AK$2:AK$366,ROUNDDOWN($C4677/24,0)+1,1)*INDEX($D$3:$AA$30,INDEX(Jesper!$R$2:$R$366,ROW(INDEX(Jesper!AK$2:AK$366,ROUNDDOWN($C4677/24,0)+1,1))-1)+IF('Standard Profiles'!$G$21=$B$10,7,0)+IF('Standard Profiles'!$G$21=$B$17,14,0)+IF('Standard Profiles'!$G$21=$B$24,21,0),MOD($C4677,24)+1)/SUM(INDEX($D$3:$AA$30,INDEX(Jesper!$R$2:$R$366,ROW(INDEX(Jesper!AK$2:AK$366,ROUNDDOWN($C4677/24,0)+1,1))-1)+IF('Standard Profiles'!$G$21=$B$10,7,0)+IF('Standard Profiles'!$G$21=$B$17,14,0)+IF('Standard Profiles'!$G$21=$B$24,21,0),0)),0)</f>
        <v>0</v>
      </c>
      <c r="H4677" cm="1">
        <f t="array" ref="H4677">IFERROR(INDEX(Jesper!AL$2:AL$366,ROUNDDOWN($C4677/24,0)+1,1)*INDEX($D$3:$AA$30,INDEX(Jesper!$R$2:$R$366,ROW(INDEX(Jesper!AL$2:AL$366,ROUNDDOWN($C4677/24,0)+1,1))-1)+IF('Standard Profiles'!$G$22=$B$10,7,0)+IF('Standard Profiles'!$G$22=$B$17,14,0)+IF('Standard Profiles'!$G$22=$B$24,21,0),MOD($C4677,24)+1)/SUM(INDEX($D$3:$AA$30,INDEX(Jesper!$R$2:$R$366,ROW(INDEX(Jesper!AL$2:AL$366,ROUNDDOWN($C4677/24,0)+1,1))-1)+IF('Standard Profiles'!$G$22=$B$10,7,0)+IF('Standard Profiles'!$G$22=$B$17,14,0)+IF('Standard Profiles'!$G$22=$B$24,21,0),0)),0)</f>
        <v>0</v>
      </c>
      <c r="I4677">
        <f t="shared" si="524"/>
        <v>0</v>
      </c>
      <c r="J4677">
        <f t="shared" si="525"/>
        <v>38.605958408615201</v>
      </c>
      <c r="K4677">
        <f t="shared" si="526"/>
        <v>3.3523688556415023</v>
      </c>
      <c r="L4677">
        <f t="shared" si="527"/>
        <v>1.6761844278207512</v>
      </c>
      <c r="M4677">
        <f t="shared" si="528"/>
        <v>0</v>
      </c>
      <c r="N4677" s="45">
        <f t="shared" si="529"/>
        <v>45120.458333322073</v>
      </c>
    </row>
    <row r="4678" spans="2:14" x14ac:dyDescent="0.25">
      <c r="B4678">
        <f t="shared" si="523"/>
        <v>4</v>
      </c>
      <c r="C4678" s="16">
        <v>4644</v>
      </c>
      <c r="D4678" cm="1">
        <f t="array" ref="D4678">IFERROR(INDEX(Jesper!AH$2:AH$366,ROUNDDOWN($C4678/24,0)+1,1)*INDEX($D$3:$AA$30,INDEX(Jesper!$R$2:$R$366,ROW(INDEX(Jesper!AH$2:AH$366,ROUNDDOWN($C4678/24,0)+1,1))-1)+IF('Standard Profiles'!$G$18=$B$10,7,0)+IF('Standard Profiles'!$G$18=$B$17,14,0)+IF('Standard Profiles'!$G$18=$B$24,21,0),MOD($C4678,24)+1)/SUM(INDEX($D$3:$AA$30,INDEX(Jesper!$R$2:$R$366,ROW(INDEX(Jesper!AH$2:AH$366,ROUNDDOWN($C4678/24,0)+1,1))-1)+IF('Standard Profiles'!$G$18=$B$10,7,0)+IF('Standard Profiles'!$G$18=$B$17,14,0)+IF('Standard Profiles'!$G$18=$B$24,21,0),0)),0)</f>
        <v>31.428458021639084</v>
      </c>
      <c r="E4678" cm="1">
        <f t="array" ref="E4678">IFERROR(INDEX(Jesper!AI$2:AI$366,ROUNDDOWN($C4678/24,0)+1,1)*INDEX($D$3:$AA$30,INDEX(Jesper!$R$2:$R$366,ROW(INDEX(Jesper!AI$2:AI$366,ROUNDDOWN($C4678/24,0)+1,1))-1)+IF('Standard Profiles'!$G$19=$B$10,7,0)+IF('Standard Profiles'!$G$19=$B$17,14,0)+IF('Standard Profiles'!$G$19=$B$24,21,0),MOD($C4678,24)+1)/SUM(INDEX($D$3:$AA$30,INDEX(Jesper!$R$2:$R$366,ROW(INDEX(Jesper!AI$2:AI$366,ROUNDDOWN($C4678/24,0)+1,1))-1)+IF('Standard Profiles'!$G$19=$B$10,7,0)+IF('Standard Profiles'!$G$19=$B$17,14,0)+IF('Standard Profiles'!$G$19=$B$24,21,0),0)),0)</f>
        <v>12.206053670438374</v>
      </c>
      <c r="F4678" cm="1">
        <f t="array" ref="F4678">IFERROR(INDEX(Jesper!AJ$2:AJ$366,ROUNDDOWN($C4678/24,0)+1,1)*INDEX($D$3:$AA$30,INDEX(Jesper!$R$2:$R$366,ROW(INDEX(Jesper!AJ$2:AJ$366,ROUNDDOWN($C4678/24,0)+1,1))-1)+IF('Standard Profiles'!$G$20=$B$10,7,0)+IF('Standard Profiles'!$G$20=$B$17,14,0)+IF('Standard Profiles'!$G$20=$B$24,21,0),MOD($C4678,24)+1)/SUM(INDEX($D$3:$AA$30,INDEX(Jesper!$R$2:$R$366,ROW(INDEX(Jesper!AJ$2:AJ$366,ROUNDDOWN($C4678/24,0)+1,1))-1)+IF('Standard Profiles'!$G$20=$B$10,7,0)+IF('Standard Profiles'!$G$20=$B$17,14,0)+IF('Standard Profiles'!$G$20=$B$24,21,0),0)),0)</f>
        <v>0</v>
      </c>
      <c r="G4678" cm="1">
        <f t="array" ref="G4678">IFERROR(INDEX(Jesper!AK$2:AK$366,ROUNDDOWN($C4678/24,0)+1,1)*INDEX($D$3:$AA$30,INDEX(Jesper!$R$2:$R$366,ROW(INDEX(Jesper!AK$2:AK$366,ROUNDDOWN($C4678/24,0)+1,1))-1)+IF('Standard Profiles'!$G$21=$B$10,7,0)+IF('Standard Profiles'!$G$21=$B$17,14,0)+IF('Standard Profiles'!$G$21=$B$24,21,0),MOD($C4678,24)+1)/SUM(INDEX($D$3:$AA$30,INDEX(Jesper!$R$2:$R$366,ROW(INDEX(Jesper!AK$2:AK$366,ROUNDDOWN($C4678/24,0)+1,1))-1)+IF('Standard Profiles'!$G$21=$B$10,7,0)+IF('Standard Profiles'!$G$21=$B$17,14,0)+IF('Standard Profiles'!$G$21=$B$24,21,0),0)),0)</f>
        <v>0</v>
      </c>
      <c r="H4678" cm="1">
        <f t="array" ref="H4678">IFERROR(INDEX(Jesper!AL$2:AL$366,ROUNDDOWN($C4678/24,0)+1,1)*INDEX($D$3:$AA$30,INDEX(Jesper!$R$2:$R$366,ROW(INDEX(Jesper!AL$2:AL$366,ROUNDDOWN($C4678/24,0)+1,1))-1)+IF('Standard Profiles'!$G$22=$B$10,7,0)+IF('Standard Profiles'!$G$22=$B$17,14,0)+IF('Standard Profiles'!$G$22=$B$24,21,0),MOD($C4678,24)+1)/SUM(INDEX($D$3:$AA$30,INDEX(Jesper!$R$2:$R$366,ROW(INDEX(Jesper!AL$2:AL$366,ROUNDDOWN($C4678/24,0)+1,1))-1)+IF('Standard Profiles'!$G$22=$B$10,7,0)+IF('Standard Profiles'!$G$22=$B$17,14,0)+IF('Standard Profiles'!$G$22=$B$24,21,0),0)),0)</f>
        <v>0</v>
      </c>
      <c r="I4678">
        <f t="shared" si="524"/>
        <v>0</v>
      </c>
      <c r="J4678">
        <f t="shared" si="525"/>
        <v>38.605958408615201</v>
      </c>
      <c r="K4678">
        <f t="shared" si="526"/>
        <v>3.3523688556415023</v>
      </c>
      <c r="L4678">
        <f t="shared" si="527"/>
        <v>1.6761844278207512</v>
      </c>
      <c r="M4678">
        <f t="shared" si="528"/>
        <v>0</v>
      </c>
      <c r="N4678" s="45">
        <f t="shared" si="529"/>
        <v>45120.499999988737</v>
      </c>
    </row>
    <row r="4679" spans="2:14" x14ac:dyDescent="0.25">
      <c r="B4679">
        <f t="shared" si="523"/>
        <v>4</v>
      </c>
      <c r="C4679" s="16">
        <v>4645</v>
      </c>
      <c r="D4679" cm="1">
        <f t="array" ref="D4679">IFERROR(INDEX(Jesper!AH$2:AH$366,ROUNDDOWN($C4679/24,0)+1,1)*INDEX($D$3:$AA$30,INDEX(Jesper!$R$2:$R$366,ROW(INDEX(Jesper!AH$2:AH$366,ROUNDDOWN($C4679/24,0)+1,1))-1)+IF('Standard Profiles'!$G$18=$B$10,7,0)+IF('Standard Profiles'!$G$18=$B$17,14,0)+IF('Standard Profiles'!$G$18=$B$24,21,0),MOD($C4679,24)+1)/SUM(INDEX($D$3:$AA$30,INDEX(Jesper!$R$2:$R$366,ROW(INDEX(Jesper!AH$2:AH$366,ROUNDDOWN($C4679/24,0)+1,1))-1)+IF('Standard Profiles'!$G$18=$B$10,7,0)+IF('Standard Profiles'!$G$18=$B$17,14,0)+IF('Standard Profiles'!$G$18=$B$24,21,0),0)),0)</f>
        <v>20.877475685803105</v>
      </c>
      <c r="E4679" cm="1">
        <f t="array" ref="E4679">IFERROR(INDEX(Jesper!AI$2:AI$366,ROUNDDOWN($C4679/24,0)+1,1)*INDEX($D$3:$AA$30,INDEX(Jesper!$R$2:$R$366,ROW(INDEX(Jesper!AI$2:AI$366,ROUNDDOWN($C4679/24,0)+1,1))-1)+IF('Standard Profiles'!$G$19=$B$10,7,0)+IF('Standard Profiles'!$G$19=$B$17,14,0)+IF('Standard Profiles'!$G$19=$B$24,21,0),MOD($C4679,24)+1)/SUM(INDEX($D$3:$AA$30,INDEX(Jesper!$R$2:$R$366,ROW(INDEX(Jesper!AI$2:AI$366,ROUNDDOWN($C4679/24,0)+1,1))-1)+IF('Standard Profiles'!$G$19=$B$10,7,0)+IF('Standard Profiles'!$G$19=$B$17,14,0)+IF('Standard Profiles'!$G$19=$B$24,21,0),0)),0)</f>
        <v>8.1083070810769211</v>
      </c>
      <c r="F4679" cm="1">
        <f t="array" ref="F4679">IFERROR(INDEX(Jesper!AJ$2:AJ$366,ROUNDDOWN($C4679/24,0)+1,1)*INDEX($D$3:$AA$30,INDEX(Jesper!$R$2:$R$366,ROW(INDEX(Jesper!AJ$2:AJ$366,ROUNDDOWN($C4679/24,0)+1,1))-1)+IF('Standard Profiles'!$G$20=$B$10,7,0)+IF('Standard Profiles'!$G$20=$B$17,14,0)+IF('Standard Profiles'!$G$20=$B$24,21,0),MOD($C4679,24)+1)/SUM(INDEX($D$3:$AA$30,INDEX(Jesper!$R$2:$R$366,ROW(INDEX(Jesper!AJ$2:AJ$366,ROUNDDOWN($C4679/24,0)+1,1))-1)+IF('Standard Profiles'!$G$20=$B$10,7,0)+IF('Standard Profiles'!$G$20=$B$17,14,0)+IF('Standard Profiles'!$G$20=$B$24,21,0),0)),0)</f>
        <v>0</v>
      </c>
      <c r="G4679" cm="1">
        <f t="array" ref="G4679">IFERROR(INDEX(Jesper!AK$2:AK$366,ROUNDDOWN($C4679/24,0)+1,1)*INDEX($D$3:$AA$30,INDEX(Jesper!$R$2:$R$366,ROW(INDEX(Jesper!AK$2:AK$366,ROUNDDOWN($C4679/24,0)+1,1))-1)+IF('Standard Profiles'!$G$21=$B$10,7,0)+IF('Standard Profiles'!$G$21=$B$17,14,0)+IF('Standard Profiles'!$G$21=$B$24,21,0),MOD($C4679,24)+1)/SUM(INDEX($D$3:$AA$30,INDEX(Jesper!$R$2:$R$366,ROW(INDEX(Jesper!AK$2:AK$366,ROUNDDOWN($C4679/24,0)+1,1))-1)+IF('Standard Profiles'!$G$21=$B$10,7,0)+IF('Standard Profiles'!$G$21=$B$17,14,0)+IF('Standard Profiles'!$G$21=$B$24,21,0),0)),0)</f>
        <v>0</v>
      </c>
      <c r="H4679" cm="1">
        <f t="array" ref="H4679">IFERROR(INDEX(Jesper!AL$2:AL$366,ROUNDDOWN($C4679/24,0)+1,1)*INDEX($D$3:$AA$30,INDEX(Jesper!$R$2:$R$366,ROW(INDEX(Jesper!AL$2:AL$366,ROUNDDOWN($C4679/24,0)+1,1))-1)+IF('Standard Profiles'!$G$22=$B$10,7,0)+IF('Standard Profiles'!$G$22=$B$17,14,0)+IF('Standard Profiles'!$G$22=$B$24,21,0),MOD($C4679,24)+1)/SUM(INDEX($D$3:$AA$30,INDEX(Jesper!$R$2:$R$366,ROW(INDEX(Jesper!AL$2:AL$366,ROUNDDOWN($C4679/24,0)+1,1))-1)+IF('Standard Profiles'!$G$22=$B$10,7,0)+IF('Standard Profiles'!$G$22=$B$17,14,0)+IF('Standard Profiles'!$G$22=$B$24,21,0),0)),0)</f>
        <v>0</v>
      </c>
      <c r="I4679">
        <f t="shared" si="524"/>
        <v>0</v>
      </c>
      <c r="J4679">
        <f t="shared" si="525"/>
        <v>25.645386657151526</v>
      </c>
      <c r="K4679">
        <f t="shared" si="526"/>
        <v>2.2269307398189979</v>
      </c>
      <c r="L4679">
        <f t="shared" si="527"/>
        <v>1.113465369909499</v>
      </c>
      <c r="M4679">
        <f t="shared" si="528"/>
        <v>0</v>
      </c>
      <c r="N4679" s="45">
        <f t="shared" si="529"/>
        <v>45120.541666655401</v>
      </c>
    </row>
    <row r="4680" spans="2:14" x14ac:dyDescent="0.25">
      <c r="B4680">
        <f t="shared" si="523"/>
        <v>4</v>
      </c>
      <c r="C4680" s="16">
        <v>4646</v>
      </c>
      <c r="D4680" cm="1">
        <f t="array" ref="D4680">IFERROR(INDEX(Jesper!AH$2:AH$366,ROUNDDOWN($C4680/24,0)+1,1)*INDEX($D$3:$AA$30,INDEX(Jesper!$R$2:$R$366,ROW(INDEX(Jesper!AH$2:AH$366,ROUNDDOWN($C4680/24,0)+1,1))-1)+IF('Standard Profiles'!$G$18=$B$10,7,0)+IF('Standard Profiles'!$G$18=$B$17,14,0)+IF('Standard Profiles'!$G$18=$B$24,21,0),MOD($C4680,24)+1)/SUM(INDEX($D$3:$AA$30,INDEX(Jesper!$R$2:$R$366,ROW(INDEX(Jesper!AH$2:AH$366,ROUNDDOWN($C4680/24,0)+1,1))-1)+IF('Standard Profiles'!$G$18=$B$10,7,0)+IF('Standard Profiles'!$G$18=$B$17,14,0)+IF('Standard Profiles'!$G$18=$B$24,21,0),0)),0)</f>
        <v>31.428458021639084</v>
      </c>
      <c r="E4680" cm="1">
        <f t="array" ref="E4680">IFERROR(INDEX(Jesper!AI$2:AI$366,ROUNDDOWN($C4680/24,0)+1,1)*INDEX($D$3:$AA$30,INDEX(Jesper!$R$2:$R$366,ROW(INDEX(Jesper!AI$2:AI$366,ROUNDDOWN($C4680/24,0)+1,1))-1)+IF('Standard Profiles'!$G$19=$B$10,7,0)+IF('Standard Profiles'!$G$19=$B$17,14,0)+IF('Standard Profiles'!$G$19=$B$24,21,0),MOD($C4680,24)+1)/SUM(INDEX($D$3:$AA$30,INDEX(Jesper!$R$2:$R$366,ROW(INDEX(Jesper!AI$2:AI$366,ROUNDDOWN($C4680/24,0)+1,1))-1)+IF('Standard Profiles'!$G$19=$B$10,7,0)+IF('Standard Profiles'!$G$19=$B$17,14,0)+IF('Standard Profiles'!$G$19=$B$24,21,0),0)),0)</f>
        <v>12.206053670438374</v>
      </c>
      <c r="F4680" cm="1">
        <f t="array" ref="F4680">IFERROR(INDEX(Jesper!AJ$2:AJ$366,ROUNDDOWN($C4680/24,0)+1,1)*INDEX($D$3:$AA$30,INDEX(Jesper!$R$2:$R$366,ROW(INDEX(Jesper!AJ$2:AJ$366,ROUNDDOWN($C4680/24,0)+1,1))-1)+IF('Standard Profiles'!$G$20=$B$10,7,0)+IF('Standard Profiles'!$G$20=$B$17,14,0)+IF('Standard Profiles'!$G$20=$B$24,21,0),MOD($C4680,24)+1)/SUM(INDEX($D$3:$AA$30,INDEX(Jesper!$R$2:$R$366,ROW(INDEX(Jesper!AJ$2:AJ$366,ROUNDDOWN($C4680/24,0)+1,1))-1)+IF('Standard Profiles'!$G$20=$B$10,7,0)+IF('Standard Profiles'!$G$20=$B$17,14,0)+IF('Standard Profiles'!$G$20=$B$24,21,0),0)),0)</f>
        <v>0</v>
      </c>
      <c r="G4680" cm="1">
        <f t="array" ref="G4680">IFERROR(INDEX(Jesper!AK$2:AK$366,ROUNDDOWN($C4680/24,0)+1,1)*INDEX($D$3:$AA$30,INDEX(Jesper!$R$2:$R$366,ROW(INDEX(Jesper!AK$2:AK$366,ROUNDDOWN($C4680/24,0)+1,1))-1)+IF('Standard Profiles'!$G$21=$B$10,7,0)+IF('Standard Profiles'!$G$21=$B$17,14,0)+IF('Standard Profiles'!$G$21=$B$24,21,0),MOD($C4680,24)+1)/SUM(INDEX($D$3:$AA$30,INDEX(Jesper!$R$2:$R$366,ROW(INDEX(Jesper!AK$2:AK$366,ROUNDDOWN($C4680/24,0)+1,1))-1)+IF('Standard Profiles'!$G$21=$B$10,7,0)+IF('Standard Profiles'!$G$21=$B$17,14,0)+IF('Standard Profiles'!$G$21=$B$24,21,0),0)),0)</f>
        <v>0</v>
      </c>
      <c r="H4680" cm="1">
        <f t="array" ref="H4680">IFERROR(INDEX(Jesper!AL$2:AL$366,ROUNDDOWN($C4680/24,0)+1,1)*INDEX($D$3:$AA$30,INDEX(Jesper!$R$2:$R$366,ROW(INDEX(Jesper!AL$2:AL$366,ROUNDDOWN($C4680/24,0)+1,1))-1)+IF('Standard Profiles'!$G$22=$B$10,7,0)+IF('Standard Profiles'!$G$22=$B$17,14,0)+IF('Standard Profiles'!$G$22=$B$24,21,0),MOD($C4680,24)+1)/SUM(INDEX($D$3:$AA$30,INDEX(Jesper!$R$2:$R$366,ROW(INDEX(Jesper!AL$2:AL$366,ROUNDDOWN($C4680/24,0)+1,1))-1)+IF('Standard Profiles'!$G$22=$B$10,7,0)+IF('Standard Profiles'!$G$22=$B$17,14,0)+IF('Standard Profiles'!$G$22=$B$24,21,0),0)),0)</f>
        <v>0</v>
      </c>
      <c r="I4680">
        <f t="shared" si="524"/>
        <v>0</v>
      </c>
      <c r="J4680">
        <f t="shared" si="525"/>
        <v>38.605958408615201</v>
      </c>
      <c r="K4680">
        <f t="shared" si="526"/>
        <v>3.3523688556415023</v>
      </c>
      <c r="L4680">
        <f t="shared" si="527"/>
        <v>1.6761844278207512</v>
      </c>
      <c r="M4680">
        <f t="shared" si="528"/>
        <v>0</v>
      </c>
      <c r="N4680" s="45">
        <f t="shared" si="529"/>
        <v>45120.583333322065</v>
      </c>
    </row>
    <row r="4681" spans="2:14" x14ac:dyDescent="0.25">
      <c r="B4681">
        <f t="shared" si="523"/>
        <v>4</v>
      </c>
      <c r="C4681" s="16">
        <v>4647</v>
      </c>
      <c r="D4681" cm="1">
        <f t="array" ref="D4681">IFERROR(INDEX(Jesper!AH$2:AH$366,ROUNDDOWN($C4681/24,0)+1,1)*INDEX($D$3:$AA$30,INDEX(Jesper!$R$2:$R$366,ROW(INDEX(Jesper!AH$2:AH$366,ROUNDDOWN($C4681/24,0)+1,1))-1)+IF('Standard Profiles'!$G$18=$B$10,7,0)+IF('Standard Profiles'!$G$18=$B$17,14,0)+IF('Standard Profiles'!$G$18=$B$24,21,0),MOD($C4681,24)+1)/SUM(INDEX($D$3:$AA$30,INDEX(Jesper!$R$2:$R$366,ROW(INDEX(Jesper!AH$2:AH$366,ROUNDDOWN($C4681/24,0)+1,1))-1)+IF('Standard Profiles'!$G$18=$B$10,7,0)+IF('Standard Profiles'!$G$18=$B$17,14,0)+IF('Standard Profiles'!$G$18=$B$24,21,0),0)),0)</f>
        <v>31.428458021639084</v>
      </c>
      <c r="E4681" cm="1">
        <f t="array" ref="E4681">IFERROR(INDEX(Jesper!AI$2:AI$366,ROUNDDOWN($C4681/24,0)+1,1)*INDEX($D$3:$AA$30,INDEX(Jesper!$R$2:$R$366,ROW(INDEX(Jesper!AI$2:AI$366,ROUNDDOWN($C4681/24,0)+1,1))-1)+IF('Standard Profiles'!$G$19=$B$10,7,0)+IF('Standard Profiles'!$G$19=$B$17,14,0)+IF('Standard Profiles'!$G$19=$B$24,21,0),MOD($C4681,24)+1)/SUM(INDEX($D$3:$AA$30,INDEX(Jesper!$R$2:$R$366,ROW(INDEX(Jesper!AI$2:AI$366,ROUNDDOWN($C4681/24,0)+1,1))-1)+IF('Standard Profiles'!$G$19=$B$10,7,0)+IF('Standard Profiles'!$G$19=$B$17,14,0)+IF('Standard Profiles'!$G$19=$B$24,21,0),0)),0)</f>
        <v>12.206053670438374</v>
      </c>
      <c r="F4681" cm="1">
        <f t="array" ref="F4681">IFERROR(INDEX(Jesper!AJ$2:AJ$366,ROUNDDOWN($C4681/24,0)+1,1)*INDEX($D$3:$AA$30,INDEX(Jesper!$R$2:$R$366,ROW(INDEX(Jesper!AJ$2:AJ$366,ROUNDDOWN($C4681/24,0)+1,1))-1)+IF('Standard Profiles'!$G$20=$B$10,7,0)+IF('Standard Profiles'!$G$20=$B$17,14,0)+IF('Standard Profiles'!$G$20=$B$24,21,0),MOD($C4681,24)+1)/SUM(INDEX($D$3:$AA$30,INDEX(Jesper!$R$2:$R$366,ROW(INDEX(Jesper!AJ$2:AJ$366,ROUNDDOWN($C4681/24,0)+1,1))-1)+IF('Standard Profiles'!$G$20=$B$10,7,0)+IF('Standard Profiles'!$G$20=$B$17,14,0)+IF('Standard Profiles'!$G$20=$B$24,21,0),0)),0)</f>
        <v>0</v>
      </c>
      <c r="G4681" cm="1">
        <f t="array" ref="G4681">IFERROR(INDEX(Jesper!AK$2:AK$366,ROUNDDOWN($C4681/24,0)+1,1)*INDEX($D$3:$AA$30,INDEX(Jesper!$R$2:$R$366,ROW(INDEX(Jesper!AK$2:AK$366,ROUNDDOWN($C4681/24,0)+1,1))-1)+IF('Standard Profiles'!$G$21=$B$10,7,0)+IF('Standard Profiles'!$G$21=$B$17,14,0)+IF('Standard Profiles'!$G$21=$B$24,21,0),MOD($C4681,24)+1)/SUM(INDEX($D$3:$AA$30,INDEX(Jesper!$R$2:$R$366,ROW(INDEX(Jesper!AK$2:AK$366,ROUNDDOWN($C4681/24,0)+1,1))-1)+IF('Standard Profiles'!$G$21=$B$10,7,0)+IF('Standard Profiles'!$G$21=$B$17,14,0)+IF('Standard Profiles'!$G$21=$B$24,21,0),0)),0)</f>
        <v>0</v>
      </c>
      <c r="H4681" cm="1">
        <f t="array" ref="H4681">IFERROR(INDEX(Jesper!AL$2:AL$366,ROUNDDOWN($C4681/24,0)+1,1)*INDEX($D$3:$AA$30,INDEX(Jesper!$R$2:$R$366,ROW(INDEX(Jesper!AL$2:AL$366,ROUNDDOWN($C4681/24,0)+1,1))-1)+IF('Standard Profiles'!$G$22=$B$10,7,0)+IF('Standard Profiles'!$G$22=$B$17,14,0)+IF('Standard Profiles'!$G$22=$B$24,21,0),MOD($C4681,24)+1)/SUM(INDEX($D$3:$AA$30,INDEX(Jesper!$R$2:$R$366,ROW(INDEX(Jesper!AL$2:AL$366,ROUNDDOWN($C4681/24,0)+1,1))-1)+IF('Standard Profiles'!$G$22=$B$10,7,0)+IF('Standard Profiles'!$G$22=$B$17,14,0)+IF('Standard Profiles'!$G$22=$B$24,21,0),0)),0)</f>
        <v>0</v>
      </c>
      <c r="I4681">
        <f t="shared" si="524"/>
        <v>0</v>
      </c>
      <c r="J4681">
        <f t="shared" si="525"/>
        <v>38.605958408615201</v>
      </c>
      <c r="K4681">
        <f t="shared" si="526"/>
        <v>3.3523688556415023</v>
      </c>
      <c r="L4681">
        <f t="shared" si="527"/>
        <v>1.6761844278207512</v>
      </c>
      <c r="M4681">
        <f t="shared" si="528"/>
        <v>0</v>
      </c>
      <c r="N4681" s="45">
        <f t="shared" si="529"/>
        <v>45120.62499998873</v>
      </c>
    </row>
    <row r="4682" spans="2:14" x14ac:dyDescent="0.25">
      <c r="B4682">
        <f t="shared" si="523"/>
        <v>4</v>
      </c>
      <c r="C4682" s="16">
        <v>4648</v>
      </c>
      <c r="D4682" cm="1">
        <f t="array" ref="D4682">IFERROR(INDEX(Jesper!AH$2:AH$366,ROUNDDOWN($C4682/24,0)+1,1)*INDEX($D$3:$AA$30,INDEX(Jesper!$R$2:$R$366,ROW(INDEX(Jesper!AH$2:AH$366,ROUNDDOWN($C4682/24,0)+1,1))-1)+IF('Standard Profiles'!$G$18=$B$10,7,0)+IF('Standard Profiles'!$G$18=$B$17,14,0)+IF('Standard Profiles'!$G$18=$B$24,21,0),MOD($C4682,24)+1)/SUM(INDEX($D$3:$AA$30,INDEX(Jesper!$R$2:$R$366,ROW(INDEX(Jesper!AH$2:AH$366,ROUNDDOWN($C4682/24,0)+1,1))-1)+IF('Standard Profiles'!$G$18=$B$10,7,0)+IF('Standard Profiles'!$G$18=$B$17,14,0)+IF('Standard Profiles'!$G$18=$B$24,21,0),0)),0)</f>
        <v>18.520341334180177</v>
      </c>
      <c r="E4682" cm="1">
        <f t="array" ref="E4682">IFERROR(INDEX(Jesper!AI$2:AI$366,ROUNDDOWN($C4682/24,0)+1,1)*INDEX($D$3:$AA$30,INDEX(Jesper!$R$2:$R$366,ROW(INDEX(Jesper!AI$2:AI$366,ROUNDDOWN($C4682/24,0)+1,1))-1)+IF('Standard Profiles'!$G$19=$B$10,7,0)+IF('Standard Profiles'!$G$19=$B$17,14,0)+IF('Standard Profiles'!$G$19=$B$24,21,0),MOD($C4682,24)+1)/SUM(INDEX($D$3:$AA$30,INDEX(Jesper!$R$2:$R$366,ROW(INDEX(Jesper!AI$2:AI$366,ROUNDDOWN($C4682/24,0)+1,1))-1)+IF('Standard Profiles'!$G$19=$B$10,7,0)+IF('Standard Profiles'!$G$19=$B$17,14,0)+IF('Standard Profiles'!$G$19=$B$24,21,0),0)),0)</f>
        <v>7.1928530557940427</v>
      </c>
      <c r="F4682" cm="1">
        <f t="array" ref="F4682">IFERROR(INDEX(Jesper!AJ$2:AJ$366,ROUNDDOWN($C4682/24,0)+1,1)*INDEX($D$3:$AA$30,INDEX(Jesper!$R$2:$R$366,ROW(INDEX(Jesper!AJ$2:AJ$366,ROUNDDOWN($C4682/24,0)+1,1))-1)+IF('Standard Profiles'!$G$20=$B$10,7,0)+IF('Standard Profiles'!$G$20=$B$17,14,0)+IF('Standard Profiles'!$G$20=$B$24,21,0),MOD($C4682,24)+1)/SUM(INDEX($D$3:$AA$30,INDEX(Jesper!$R$2:$R$366,ROW(INDEX(Jesper!AJ$2:AJ$366,ROUNDDOWN($C4682/24,0)+1,1))-1)+IF('Standard Profiles'!$G$20=$B$10,7,0)+IF('Standard Profiles'!$G$20=$B$17,14,0)+IF('Standard Profiles'!$G$20=$B$24,21,0),0)),0)</f>
        <v>0</v>
      </c>
      <c r="G4682" cm="1">
        <f t="array" ref="G4682">IFERROR(INDEX(Jesper!AK$2:AK$366,ROUNDDOWN($C4682/24,0)+1,1)*INDEX($D$3:$AA$30,INDEX(Jesper!$R$2:$R$366,ROW(INDEX(Jesper!AK$2:AK$366,ROUNDDOWN($C4682/24,0)+1,1))-1)+IF('Standard Profiles'!$G$21=$B$10,7,0)+IF('Standard Profiles'!$G$21=$B$17,14,0)+IF('Standard Profiles'!$G$21=$B$24,21,0),MOD($C4682,24)+1)/SUM(INDEX($D$3:$AA$30,INDEX(Jesper!$R$2:$R$366,ROW(INDEX(Jesper!AK$2:AK$366,ROUNDDOWN($C4682/24,0)+1,1))-1)+IF('Standard Profiles'!$G$21=$B$10,7,0)+IF('Standard Profiles'!$G$21=$B$17,14,0)+IF('Standard Profiles'!$G$21=$B$24,21,0),0)),0)</f>
        <v>0</v>
      </c>
      <c r="H4682" cm="1">
        <f t="array" ref="H4682">IFERROR(INDEX(Jesper!AL$2:AL$366,ROUNDDOWN($C4682/24,0)+1,1)*INDEX($D$3:$AA$30,INDEX(Jesper!$R$2:$R$366,ROW(INDEX(Jesper!AL$2:AL$366,ROUNDDOWN($C4682/24,0)+1,1))-1)+IF('Standard Profiles'!$G$22=$B$10,7,0)+IF('Standard Profiles'!$G$22=$B$17,14,0)+IF('Standard Profiles'!$G$22=$B$24,21,0),MOD($C4682,24)+1)/SUM(INDEX($D$3:$AA$30,INDEX(Jesper!$R$2:$R$366,ROW(INDEX(Jesper!AL$2:AL$366,ROUNDDOWN($C4682/24,0)+1,1))-1)+IF('Standard Profiles'!$G$22=$B$10,7,0)+IF('Standard Profiles'!$G$22=$B$17,14,0)+IF('Standard Profiles'!$G$22=$B$24,21,0),0)),0)</f>
        <v>0</v>
      </c>
      <c r="I4682">
        <f t="shared" si="524"/>
        <v>0</v>
      </c>
      <c r="J4682">
        <f t="shared" si="525"/>
        <v>22.749939776505393</v>
      </c>
      <c r="K4682">
        <f t="shared" si="526"/>
        <v>1.9755030756458858</v>
      </c>
      <c r="L4682">
        <f t="shared" si="527"/>
        <v>0.98775153782294289</v>
      </c>
      <c r="M4682">
        <f t="shared" si="528"/>
        <v>0</v>
      </c>
      <c r="N4682" s="45">
        <f t="shared" si="529"/>
        <v>45120.666666655394</v>
      </c>
    </row>
    <row r="4683" spans="2:14" x14ac:dyDescent="0.25">
      <c r="B4683">
        <f t="shared" si="523"/>
        <v>4</v>
      </c>
      <c r="C4683" s="16">
        <v>4649</v>
      </c>
      <c r="D4683" cm="1">
        <f t="array" ref="D4683">IFERROR(INDEX(Jesper!AH$2:AH$366,ROUNDDOWN($C4683/24,0)+1,1)*INDEX($D$3:$AA$30,INDEX(Jesper!$R$2:$R$366,ROW(INDEX(Jesper!AH$2:AH$366,ROUNDDOWN($C4683/24,0)+1,1))-1)+IF('Standard Profiles'!$G$18=$B$10,7,0)+IF('Standard Profiles'!$G$18=$B$17,14,0)+IF('Standard Profiles'!$G$18=$B$24,21,0),MOD($C4683,24)+1)/SUM(INDEX($D$3:$AA$30,INDEX(Jesper!$R$2:$R$366,ROW(INDEX(Jesper!AH$2:AH$366,ROUNDDOWN($C4683/24,0)+1,1))-1)+IF('Standard Profiles'!$G$18=$B$10,7,0)+IF('Standard Profiles'!$G$18=$B$17,14,0)+IF('Standard Profiles'!$G$18=$B$24,21,0),0)),0)</f>
        <v>7.9045417559454441</v>
      </c>
      <c r="E4683" cm="1">
        <f t="array" ref="E4683">IFERROR(INDEX(Jesper!AI$2:AI$366,ROUNDDOWN($C4683/24,0)+1,1)*INDEX($D$3:$AA$30,INDEX(Jesper!$R$2:$R$366,ROW(INDEX(Jesper!AI$2:AI$366,ROUNDDOWN($C4683/24,0)+1,1))-1)+IF('Standard Profiles'!$G$19=$B$10,7,0)+IF('Standard Profiles'!$G$19=$B$17,14,0)+IF('Standard Profiles'!$G$19=$B$24,21,0),MOD($C4683,24)+1)/SUM(INDEX($D$3:$AA$30,INDEX(Jesper!$R$2:$R$366,ROW(INDEX(Jesper!AI$2:AI$366,ROUNDDOWN($C4683/24,0)+1,1))-1)+IF('Standard Profiles'!$G$19=$B$10,7,0)+IF('Standard Profiles'!$G$19=$B$17,14,0)+IF('Standard Profiles'!$G$19=$B$24,21,0),0)),0)</f>
        <v>3.0699330157038167</v>
      </c>
      <c r="F4683" cm="1">
        <f t="array" ref="F4683">IFERROR(INDEX(Jesper!AJ$2:AJ$366,ROUNDDOWN($C4683/24,0)+1,1)*INDEX($D$3:$AA$30,INDEX(Jesper!$R$2:$R$366,ROW(INDEX(Jesper!AJ$2:AJ$366,ROUNDDOWN($C4683/24,0)+1,1))-1)+IF('Standard Profiles'!$G$20=$B$10,7,0)+IF('Standard Profiles'!$G$20=$B$17,14,0)+IF('Standard Profiles'!$G$20=$B$24,21,0),MOD($C4683,24)+1)/SUM(INDEX($D$3:$AA$30,INDEX(Jesper!$R$2:$R$366,ROW(INDEX(Jesper!AJ$2:AJ$366,ROUNDDOWN($C4683/24,0)+1,1))-1)+IF('Standard Profiles'!$G$20=$B$10,7,0)+IF('Standard Profiles'!$G$20=$B$17,14,0)+IF('Standard Profiles'!$G$20=$B$24,21,0),0)),0)</f>
        <v>0</v>
      </c>
      <c r="G4683" cm="1">
        <f t="array" ref="G4683">IFERROR(INDEX(Jesper!AK$2:AK$366,ROUNDDOWN($C4683/24,0)+1,1)*INDEX($D$3:$AA$30,INDEX(Jesper!$R$2:$R$366,ROW(INDEX(Jesper!AK$2:AK$366,ROUNDDOWN($C4683/24,0)+1,1))-1)+IF('Standard Profiles'!$G$21=$B$10,7,0)+IF('Standard Profiles'!$G$21=$B$17,14,0)+IF('Standard Profiles'!$G$21=$B$24,21,0),MOD($C4683,24)+1)/SUM(INDEX($D$3:$AA$30,INDEX(Jesper!$R$2:$R$366,ROW(INDEX(Jesper!AK$2:AK$366,ROUNDDOWN($C4683/24,0)+1,1))-1)+IF('Standard Profiles'!$G$21=$B$10,7,0)+IF('Standard Profiles'!$G$21=$B$17,14,0)+IF('Standard Profiles'!$G$21=$B$24,21,0),0)),0)</f>
        <v>0</v>
      </c>
      <c r="H4683" cm="1">
        <f t="array" ref="H4683">IFERROR(INDEX(Jesper!AL$2:AL$366,ROUNDDOWN($C4683/24,0)+1,1)*INDEX($D$3:$AA$30,INDEX(Jesper!$R$2:$R$366,ROW(INDEX(Jesper!AL$2:AL$366,ROUNDDOWN($C4683/24,0)+1,1))-1)+IF('Standard Profiles'!$G$22=$B$10,7,0)+IF('Standard Profiles'!$G$22=$B$17,14,0)+IF('Standard Profiles'!$G$22=$B$24,21,0),MOD($C4683,24)+1)/SUM(INDEX($D$3:$AA$30,INDEX(Jesper!$R$2:$R$366,ROW(INDEX(Jesper!AL$2:AL$366,ROUNDDOWN($C4683/24,0)+1,1))-1)+IF('Standard Profiles'!$G$22=$B$10,7,0)+IF('Standard Profiles'!$G$22=$B$17,14,0)+IF('Standard Profiles'!$G$22=$B$24,21,0),0)),0)</f>
        <v>0</v>
      </c>
      <c r="I4683">
        <f t="shared" si="524"/>
        <v>0</v>
      </c>
      <c r="J4683">
        <f t="shared" si="525"/>
        <v>9.7097480906979889</v>
      </c>
      <c r="K4683">
        <f t="shared" si="526"/>
        <v>0.84315112063418074</v>
      </c>
      <c r="L4683">
        <f t="shared" si="527"/>
        <v>0.42157556031709037</v>
      </c>
      <c r="M4683">
        <f t="shared" si="528"/>
        <v>0</v>
      </c>
      <c r="N4683" s="45">
        <f t="shared" si="529"/>
        <v>45120.708333322058</v>
      </c>
    </row>
    <row r="4684" spans="2:14" x14ac:dyDescent="0.25">
      <c r="B4684">
        <f t="shared" si="523"/>
        <v>4</v>
      </c>
      <c r="C4684" s="16">
        <v>4650</v>
      </c>
      <c r="D4684" cm="1">
        <f t="array" ref="D4684">IFERROR(INDEX(Jesper!AH$2:AH$366,ROUNDDOWN($C4684/24,0)+1,1)*INDEX($D$3:$AA$30,INDEX(Jesper!$R$2:$R$366,ROW(INDEX(Jesper!AH$2:AH$366,ROUNDDOWN($C4684/24,0)+1,1))-1)+IF('Standard Profiles'!$G$18=$B$10,7,0)+IF('Standard Profiles'!$G$18=$B$17,14,0)+IF('Standard Profiles'!$G$18=$B$24,21,0),MOD($C4684,24)+1)/SUM(INDEX($D$3:$AA$30,INDEX(Jesper!$R$2:$R$366,ROW(INDEX(Jesper!AH$2:AH$366,ROUNDDOWN($C4684/24,0)+1,1))-1)+IF('Standard Profiles'!$G$18=$B$10,7,0)+IF('Standard Profiles'!$G$18=$B$17,14,0)+IF('Standard Profiles'!$G$18=$B$24,21,0),0)),0)</f>
        <v>5.2169975589239934</v>
      </c>
      <c r="E4684" cm="1">
        <f t="array" ref="E4684">IFERROR(INDEX(Jesper!AI$2:AI$366,ROUNDDOWN($C4684/24,0)+1,1)*INDEX($D$3:$AA$30,INDEX(Jesper!$R$2:$R$366,ROW(INDEX(Jesper!AI$2:AI$366,ROUNDDOWN($C4684/24,0)+1,1))-1)+IF('Standard Profiles'!$G$19=$B$10,7,0)+IF('Standard Profiles'!$G$19=$B$17,14,0)+IF('Standard Profiles'!$G$19=$B$24,21,0),MOD($C4684,24)+1)/SUM(INDEX($D$3:$AA$30,INDEX(Jesper!$R$2:$R$366,ROW(INDEX(Jesper!AI$2:AI$366,ROUNDDOWN($C4684/24,0)+1,1))-1)+IF('Standard Profiles'!$G$19=$B$10,7,0)+IF('Standard Profiles'!$G$19=$B$17,14,0)+IF('Standard Profiles'!$G$19=$B$24,21,0),0)),0)</f>
        <v>2.0261557903645189</v>
      </c>
      <c r="F4684" cm="1">
        <f t="array" ref="F4684">IFERROR(INDEX(Jesper!AJ$2:AJ$366,ROUNDDOWN($C4684/24,0)+1,1)*INDEX($D$3:$AA$30,INDEX(Jesper!$R$2:$R$366,ROW(INDEX(Jesper!AJ$2:AJ$366,ROUNDDOWN($C4684/24,0)+1,1))-1)+IF('Standard Profiles'!$G$20=$B$10,7,0)+IF('Standard Profiles'!$G$20=$B$17,14,0)+IF('Standard Profiles'!$G$20=$B$24,21,0),MOD($C4684,24)+1)/SUM(INDEX($D$3:$AA$30,INDEX(Jesper!$R$2:$R$366,ROW(INDEX(Jesper!AJ$2:AJ$366,ROUNDDOWN($C4684/24,0)+1,1))-1)+IF('Standard Profiles'!$G$20=$B$10,7,0)+IF('Standard Profiles'!$G$20=$B$17,14,0)+IF('Standard Profiles'!$G$20=$B$24,21,0),0)),0)</f>
        <v>0</v>
      </c>
      <c r="G4684" cm="1">
        <f t="array" ref="G4684">IFERROR(INDEX(Jesper!AK$2:AK$366,ROUNDDOWN($C4684/24,0)+1,1)*INDEX($D$3:$AA$30,INDEX(Jesper!$R$2:$R$366,ROW(INDEX(Jesper!AK$2:AK$366,ROUNDDOWN($C4684/24,0)+1,1))-1)+IF('Standard Profiles'!$G$21=$B$10,7,0)+IF('Standard Profiles'!$G$21=$B$17,14,0)+IF('Standard Profiles'!$G$21=$B$24,21,0),MOD($C4684,24)+1)/SUM(INDEX($D$3:$AA$30,INDEX(Jesper!$R$2:$R$366,ROW(INDEX(Jesper!AK$2:AK$366,ROUNDDOWN($C4684/24,0)+1,1))-1)+IF('Standard Profiles'!$G$21=$B$10,7,0)+IF('Standard Profiles'!$G$21=$B$17,14,0)+IF('Standard Profiles'!$G$21=$B$24,21,0),0)),0)</f>
        <v>0</v>
      </c>
      <c r="H4684" cm="1">
        <f t="array" ref="H4684">IFERROR(INDEX(Jesper!AL$2:AL$366,ROUNDDOWN($C4684/24,0)+1,1)*INDEX($D$3:$AA$30,INDEX(Jesper!$R$2:$R$366,ROW(INDEX(Jesper!AL$2:AL$366,ROUNDDOWN($C4684/24,0)+1,1))-1)+IF('Standard Profiles'!$G$22=$B$10,7,0)+IF('Standard Profiles'!$G$22=$B$17,14,0)+IF('Standard Profiles'!$G$22=$B$24,21,0),MOD($C4684,24)+1)/SUM(INDEX($D$3:$AA$30,INDEX(Jesper!$R$2:$R$366,ROW(INDEX(Jesper!AL$2:AL$366,ROUNDDOWN($C4684/24,0)+1,1))-1)+IF('Standard Profiles'!$G$22=$B$10,7,0)+IF('Standard Profiles'!$G$22=$B$17,14,0)+IF('Standard Profiles'!$G$22=$B$24,21,0),0)),0)</f>
        <v>0</v>
      </c>
      <c r="I4684">
        <f t="shared" si="524"/>
        <v>0</v>
      </c>
      <c r="J4684">
        <f t="shared" si="525"/>
        <v>6.4084337398606728</v>
      </c>
      <c r="K4684">
        <f t="shared" si="526"/>
        <v>0.55647973961855934</v>
      </c>
      <c r="L4684">
        <f t="shared" si="527"/>
        <v>0.27823986980927967</v>
      </c>
      <c r="M4684">
        <f t="shared" si="528"/>
        <v>0</v>
      </c>
      <c r="N4684" s="45">
        <f t="shared" si="529"/>
        <v>45120.749999988722</v>
      </c>
    </row>
    <row r="4685" spans="2:14" x14ac:dyDescent="0.25">
      <c r="B4685">
        <f t="shared" si="523"/>
        <v>4</v>
      </c>
      <c r="C4685" s="16">
        <v>4651</v>
      </c>
      <c r="D4685" cm="1">
        <f t="array" ref="D4685">IFERROR(INDEX(Jesper!AH$2:AH$366,ROUNDDOWN($C4685/24,0)+1,1)*INDEX($D$3:$AA$30,INDEX(Jesper!$R$2:$R$366,ROW(INDEX(Jesper!AH$2:AH$366,ROUNDDOWN($C4685/24,0)+1,1))-1)+IF('Standard Profiles'!$G$18=$B$10,7,0)+IF('Standard Profiles'!$G$18=$B$17,14,0)+IF('Standard Profiles'!$G$18=$B$24,21,0),MOD($C4685,24)+1)/SUM(INDEX($D$3:$AA$30,INDEX(Jesper!$R$2:$R$366,ROW(INDEX(Jesper!AH$2:AH$366,ROUNDDOWN($C4685/24,0)+1,1))-1)+IF('Standard Profiles'!$G$18=$B$10,7,0)+IF('Standard Profiles'!$G$18=$B$17,14,0)+IF('Standard Profiles'!$G$18=$B$24,21,0),0)),0)</f>
        <v>5.2169975589239934</v>
      </c>
      <c r="E4685" cm="1">
        <f t="array" ref="E4685">IFERROR(INDEX(Jesper!AI$2:AI$366,ROUNDDOWN($C4685/24,0)+1,1)*INDEX($D$3:$AA$30,INDEX(Jesper!$R$2:$R$366,ROW(INDEX(Jesper!AI$2:AI$366,ROUNDDOWN($C4685/24,0)+1,1))-1)+IF('Standard Profiles'!$G$19=$B$10,7,0)+IF('Standard Profiles'!$G$19=$B$17,14,0)+IF('Standard Profiles'!$G$19=$B$24,21,0),MOD($C4685,24)+1)/SUM(INDEX($D$3:$AA$30,INDEX(Jesper!$R$2:$R$366,ROW(INDEX(Jesper!AI$2:AI$366,ROUNDDOWN($C4685/24,0)+1,1))-1)+IF('Standard Profiles'!$G$19=$B$10,7,0)+IF('Standard Profiles'!$G$19=$B$17,14,0)+IF('Standard Profiles'!$G$19=$B$24,21,0),0)),0)</f>
        <v>2.0261557903645189</v>
      </c>
      <c r="F4685" cm="1">
        <f t="array" ref="F4685">IFERROR(INDEX(Jesper!AJ$2:AJ$366,ROUNDDOWN($C4685/24,0)+1,1)*INDEX($D$3:$AA$30,INDEX(Jesper!$R$2:$R$366,ROW(INDEX(Jesper!AJ$2:AJ$366,ROUNDDOWN($C4685/24,0)+1,1))-1)+IF('Standard Profiles'!$G$20=$B$10,7,0)+IF('Standard Profiles'!$G$20=$B$17,14,0)+IF('Standard Profiles'!$G$20=$B$24,21,0),MOD($C4685,24)+1)/SUM(INDEX($D$3:$AA$30,INDEX(Jesper!$R$2:$R$366,ROW(INDEX(Jesper!AJ$2:AJ$366,ROUNDDOWN($C4685/24,0)+1,1))-1)+IF('Standard Profiles'!$G$20=$B$10,7,0)+IF('Standard Profiles'!$G$20=$B$17,14,0)+IF('Standard Profiles'!$G$20=$B$24,21,0),0)),0)</f>
        <v>0</v>
      </c>
      <c r="G4685" cm="1">
        <f t="array" ref="G4685">IFERROR(INDEX(Jesper!AK$2:AK$366,ROUNDDOWN($C4685/24,0)+1,1)*INDEX($D$3:$AA$30,INDEX(Jesper!$R$2:$R$366,ROW(INDEX(Jesper!AK$2:AK$366,ROUNDDOWN($C4685/24,0)+1,1))-1)+IF('Standard Profiles'!$G$21=$B$10,7,0)+IF('Standard Profiles'!$G$21=$B$17,14,0)+IF('Standard Profiles'!$G$21=$B$24,21,0),MOD($C4685,24)+1)/SUM(INDEX($D$3:$AA$30,INDEX(Jesper!$R$2:$R$366,ROW(INDEX(Jesper!AK$2:AK$366,ROUNDDOWN($C4685/24,0)+1,1))-1)+IF('Standard Profiles'!$G$21=$B$10,7,0)+IF('Standard Profiles'!$G$21=$B$17,14,0)+IF('Standard Profiles'!$G$21=$B$24,21,0),0)),0)</f>
        <v>0</v>
      </c>
      <c r="H4685" cm="1">
        <f t="array" ref="H4685">IFERROR(INDEX(Jesper!AL$2:AL$366,ROUNDDOWN($C4685/24,0)+1,1)*INDEX($D$3:$AA$30,INDEX(Jesper!$R$2:$R$366,ROW(INDEX(Jesper!AL$2:AL$366,ROUNDDOWN($C4685/24,0)+1,1))-1)+IF('Standard Profiles'!$G$22=$B$10,7,0)+IF('Standard Profiles'!$G$22=$B$17,14,0)+IF('Standard Profiles'!$G$22=$B$24,21,0),MOD($C4685,24)+1)/SUM(INDEX($D$3:$AA$30,INDEX(Jesper!$R$2:$R$366,ROW(INDEX(Jesper!AL$2:AL$366,ROUNDDOWN($C4685/24,0)+1,1))-1)+IF('Standard Profiles'!$G$22=$B$10,7,0)+IF('Standard Profiles'!$G$22=$B$17,14,0)+IF('Standard Profiles'!$G$22=$B$24,21,0),0)),0)</f>
        <v>0</v>
      </c>
      <c r="I4685">
        <f t="shared" si="524"/>
        <v>0</v>
      </c>
      <c r="J4685">
        <f t="shared" si="525"/>
        <v>6.4084337398606728</v>
      </c>
      <c r="K4685">
        <f t="shared" si="526"/>
        <v>0.55647973961855934</v>
      </c>
      <c r="L4685">
        <f t="shared" si="527"/>
        <v>0.27823986980927967</v>
      </c>
      <c r="M4685">
        <f t="shared" si="528"/>
        <v>0</v>
      </c>
      <c r="N4685" s="45">
        <f t="shared" si="529"/>
        <v>45120.791666655387</v>
      </c>
    </row>
    <row r="4686" spans="2:14" x14ac:dyDescent="0.25">
      <c r="B4686">
        <f t="shared" si="523"/>
        <v>4</v>
      </c>
      <c r="C4686" s="16">
        <v>4652</v>
      </c>
      <c r="D4686" cm="1">
        <f t="array" ref="D4686">IFERROR(INDEX(Jesper!AH$2:AH$366,ROUNDDOWN($C4686/24,0)+1,1)*INDEX($D$3:$AA$30,INDEX(Jesper!$R$2:$R$366,ROW(INDEX(Jesper!AH$2:AH$366,ROUNDDOWN($C4686/24,0)+1,1))-1)+IF('Standard Profiles'!$G$18=$B$10,7,0)+IF('Standard Profiles'!$G$18=$B$17,14,0)+IF('Standard Profiles'!$G$18=$B$24,21,0),MOD($C4686,24)+1)/SUM(INDEX($D$3:$AA$30,INDEX(Jesper!$R$2:$R$366,ROW(INDEX(Jesper!AH$2:AH$366,ROUNDDOWN($C4686/24,0)+1,1))-1)+IF('Standard Profiles'!$G$18=$B$10,7,0)+IF('Standard Profiles'!$G$18=$B$17,14,0)+IF('Standard Profiles'!$G$18=$B$24,21,0),0)),0)</f>
        <v>5.2169975589239934</v>
      </c>
      <c r="E4686" cm="1">
        <f t="array" ref="E4686">IFERROR(INDEX(Jesper!AI$2:AI$366,ROUNDDOWN($C4686/24,0)+1,1)*INDEX($D$3:$AA$30,INDEX(Jesper!$R$2:$R$366,ROW(INDEX(Jesper!AI$2:AI$366,ROUNDDOWN($C4686/24,0)+1,1))-1)+IF('Standard Profiles'!$G$19=$B$10,7,0)+IF('Standard Profiles'!$G$19=$B$17,14,0)+IF('Standard Profiles'!$G$19=$B$24,21,0),MOD($C4686,24)+1)/SUM(INDEX($D$3:$AA$30,INDEX(Jesper!$R$2:$R$366,ROW(INDEX(Jesper!AI$2:AI$366,ROUNDDOWN($C4686/24,0)+1,1))-1)+IF('Standard Profiles'!$G$19=$B$10,7,0)+IF('Standard Profiles'!$G$19=$B$17,14,0)+IF('Standard Profiles'!$G$19=$B$24,21,0),0)),0)</f>
        <v>2.0261557903645189</v>
      </c>
      <c r="F4686" cm="1">
        <f t="array" ref="F4686">IFERROR(INDEX(Jesper!AJ$2:AJ$366,ROUNDDOWN($C4686/24,0)+1,1)*INDEX($D$3:$AA$30,INDEX(Jesper!$R$2:$R$366,ROW(INDEX(Jesper!AJ$2:AJ$366,ROUNDDOWN($C4686/24,0)+1,1))-1)+IF('Standard Profiles'!$G$20=$B$10,7,0)+IF('Standard Profiles'!$G$20=$B$17,14,0)+IF('Standard Profiles'!$G$20=$B$24,21,0),MOD($C4686,24)+1)/SUM(INDEX($D$3:$AA$30,INDEX(Jesper!$R$2:$R$366,ROW(INDEX(Jesper!AJ$2:AJ$366,ROUNDDOWN($C4686/24,0)+1,1))-1)+IF('Standard Profiles'!$G$20=$B$10,7,0)+IF('Standard Profiles'!$G$20=$B$17,14,0)+IF('Standard Profiles'!$G$20=$B$24,21,0),0)),0)</f>
        <v>0</v>
      </c>
      <c r="G4686" cm="1">
        <f t="array" ref="G4686">IFERROR(INDEX(Jesper!AK$2:AK$366,ROUNDDOWN($C4686/24,0)+1,1)*INDEX($D$3:$AA$30,INDEX(Jesper!$R$2:$R$366,ROW(INDEX(Jesper!AK$2:AK$366,ROUNDDOWN($C4686/24,0)+1,1))-1)+IF('Standard Profiles'!$G$21=$B$10,7,0)+IF('Standard Profiles'!$G$21=$B$17,14,0)+IF('Standard Profiles'!$G$21=$B$24,21,0),MOD($C4686,24)+1)/SUM(INDEX($D$3:$AA$30,INDEX(Jesper!$R$2:$R$366,ROW(INDEX(Jesper!AK$2:AK$366,ROUNDDOWN($C4686/24,0)+1,1))-1)+IF('Standard Profiles'!$G$21=$B$10,7,0)+IF('Standard Profiles'!$G$21=$B$17,14,0)+IF('Standard Profiles'!$G$21=$B$24,21,0),0)),0)</f>
        <v>0</v>
      </c>
      <c r="H4686" cm="1">
        <f t="array" ref="H4686">IFERROR(INDEX(Jesper!AL$2:AL$366,ROUNDDOWN($C4686/24,0)+1,1)*INDEX($D$3:$AA$30,INDEX(Jesper!$R$2:$R$366,ROW(INDEX(Jesper!AL$2:AL$366,ROUNDDOWN($C4686/24,0)+1,1))-1)+IF('Standard Profiles'!$G$22=$B$10,7,0)+IF('Standard Profiles'!$G$22=$B$17,14,0)+IF('Standard Profiles'!$G$22=$B$24,21,0),MOD($C4686,24)+1)/SUM(INDEX($D$3:$AA$30,INDEX(Jesper!$R$2:$R$366,ROW(INDEX(Jesper!AL$2:AL$366,ROUNDDOWN($C4686/24,0)+1,1))-1)+IF('Standard Profiles'!$G$22=$B$10,7,0)+IF('Standard Profiles'!$G$22=$B$17,14,0)+IF('Standard Profiles'!$G$22=$B$24,21,0),0)),0)</f>
        <v>0</v>
      </c>
      <c r="I4686">
        <f t="shared" si="524"/>
        <v>0</v>
      </c>
      <c r="J4686">
        <f t="shared" si="525"/>
        <v>6.4084337398606728</v>
      </c>
      <c r="K4686">
        <f t="shared" si="526"/>
        <v>0.55647973961855934</v>
      </c>
      <c r="L4686">
        <f t="shared" si="527"/>
        <v>0.27823986980927967</v>
      </c>
      <c r="M4686">
        <f t="shared" si="528"/>
        <v>0</v>
      </c>
      <c r="N4686" s="45">
        <f t="shared" si="529"/>
        <v>45120.833333322051</v>
      </c>
    </row>
    <row r="4687" spans="2:14" x14ac:dyDescent="0.25">
      <c r="B4687">
        <f t="shared" si="523"/>
        <v>4</v>
      </c>
      <c r="C4687" s="16">
        <v>4653</v>
      </c>
      <c r="D4687" cm="1">
        <f t="array" ref="D4687">IFERROR(INDEX(Jesper!AH$2:AH$366,ROUNDDOWN($C4687/24,0)+1,1)*INDEX($D$3:$AA$30,INDEX(Jesper!$R$2:$R$366,ROW(INDEX(Jesper!AH$2:AH$366,ROUNDDOWN($C4687/24,0)+1,1))-1)+IF('Standard Profiles'!$G$18=$B$10,7,0)+IF('Standard Profiles'!$G$18=$B$17,14,0)+IF('Standard Profiles'!$G$18=$B$24,21,0),MOD($C4687,24)+1)/SUM(INDEX($D$3:$AA$30,INDEX(Jesper!$R$2:$R$366,ROW(INDEX(Jesper!AH$2:AH$366,ROUNDDOWN($C4687/24,0)+1,1))-1)+IF('Standard Profiles'!$G$18=$B$10,7,0)+IF('Standard Profiles'!$G$18=$B$17,14,0)+IF('Standard Profiles'!$G$18=$B$24,21,0),0)),0)</f>
        <v>5.2169975589239934</v>
      </c>
      <c r="E4687" cm="1">
        <f t="array" ref="E4687">IFERROR(INDEX(Jesper!AI$2:AI$366,ROUNDDOWN($C4687/24,0)+1,1)*INDEX($D$3:$AA$30,INDEX(Jesper!$R$2:$R$366,ROW(INDEX(Jesper!AI$2:AI$366,ROUNDDOWN($C4687/24,0)+1,1))-1)+IF('Standard Profiles'!$G$19=$B$10,7,0)+IF('Standard Profiles'!$G$19=$B$17,14,0)+IF('Standard Profiles'!$G$19=$B$24,21,0),MOD($C4687,24)+1)/SUM(INDEX($D$3:$AA$30,INDEX(Jesper!$R$2:$R$366,ROW(INDEX(Jesper!AI$2:AI$366,ROUNDDOWN($C4687/24,0)+1,1))-1)+IF('Standard Profiles'!$G$19=$B$10,7,0)+IF('Standard Profiles'!$G$19=$B$17,14,0)+IF('Standard Profiles'!$G$19=$B$24,21,0),0)),0)</f>
        <v>2.0261557903645189</v>
      </c>
      <c r="F4687" cm="1">
        <f t="array" ref="F4687">IFERROR(INDEX(Jesper!AJ$2:AJ$366,ROUNDDOWN($C4687/24,0)+1,1)*INDEX($D$3:$AA$30,INDEX(Jesper!$R$2:$R$366,ROW(INDEX(Jesper!AJ$2:AJ$366,ROUNDDOWN($C4687/24,0)+1,1))-1)+IF('Standard Profiles'!$G$20=$B$10,7,0)+IF('Standard Profiles'!$G$20=$B$17,14,0)+IF('Standard Profiles'!$G$20=$B$24,21,0),MOD($C4687,24)+1)/SUM(INDEX($D$3:$AA$30,INDEX(Jesper!$R$2:$R$366,ROW(INDEX(Jesper!AJ$2:AJ$366,ROUNDDOWN($C4687/24,0)+1,1))-1)+IF('Standard Profiles'!$G$20=$B$10,7,0)+IF('Standard Profiles'!$G$20=$B$17,14,0)+IF('Standard Profiles'!$G$20=$B$24,21,0),0)),0)</f>
        <v>0</v>
      </c>
      <c r="G4687" cm="1">
        <f t="array" ref="G4687">IFERROR(INDEX(Jesper!AK$2:AK$366,ROUNDDOWN($C4687/24,0)+1,1)*INDEX($D$3:$AA$30,INDEX(Jesper!$R$2:$R$366,ROW(INDEX(Jesper!AK$2:AK$366,ROUNDDOWN($C4687/24,0)+1,1))-1)+IF('Standard Profiles'!$G$21=$B$10,7,0)+IF('Standard Profiles'!$G$21=$B$17,14,0)+IF('Standard Profiles'!$G$21=$B$24,21,0),MOD($C4687,24)+1)/SUM(INDEX($D$3:$AA$30,INDEX(Jesper!$R$2:$R$366,ROW(INDEX(Jesper!AK$2:AK$366,ROUNDDOWN($C4687/24,0)+1,1))-1)+IF('Standard Profiles'!$G$21=$B$10,7,0)+IF('Standard Profiles'!$G$21=$B$17,14,0)+IF('Standard Profiles'!$G$21=$B$24,21,0),0)),0)</f>
        <v>0</v>
      </c>
      <c r="H4687" cm="1">
        <f t="array" ref="H4687">IFERROR(INDEX(Jesper!AL$2:AL$366,ROUNDDOWN($C4687/24,0)+1,1)*INDEX($D$3:$AA$30,INDEX(Jesper!$R$2:$R$366,ROW(INDEX(Jesper!AL$2:AL$366,ROUNDDOWN($C4687/24,0)+1,1))-1)+IF('Standard Profiles'!$G$22=$B$10,7,0)+IF('Standard Profiles'!$G$22=$B$17,14,0)+IF('Standard Profiles'!$G$22=$B$24,21,0),MOD($C4687,24)+1)/SUM(INDEX($D$3:$AA$30,INDEX(Jesper!$R$2:$R$366,ROW(INDEX(Jesper!AL$2:AL$366,ROUNDDOWN($C4687/24,0)+1,1))-1)+IF('Standard Profiles'!$G$22=$B$10,7,0)+IF('Standard Profiles'!$G$22=$B$17,14,0)+IF('Standard Profiles'!$G$22=$B$24,21,0),0)),0)</f>
        <v>0</v>
      </c>
      <c r="I4687">
        <f t="shared" si="524"/>
        <v>0</v>
      </c>
      <c r="J4687">
        <f t="shared" si="525"/>
        <v>6.4084337398606728</v>
      </c>
      <c r="K4687">
        <f t="shared" si="526"/>
        <v>0.55647973961855934</v>
      </c>
      <c r="L4687">
        <f t="shared" si="527"/>
        <v>0.27823986980927967</v>
      </c>
      <c r="M4687">
        <f t="shared" si="528"/>
        <v>0</v>
      </c>
      <c r="N4687" s="45">
        <f t="shared" si="529"/>
        <v>45120.874999988715</v>
      </c>
    </row>
    <row r="4688" spans="2:14" x14ac:dyDescent="0.25">
      <c r="B4688">
        <f t="shared" si="523"/>
        <v>4</v>
      </c>
      <c r="C4688" s="16">
        <v>4654</v>
      </c>
      <c r="D4688" cm="1">
        <f t="array" ref="D4688">IFERROR(INDEX(Jesper!AH$2:AH$366,ROUNDDOWN($C4688/24,0)+1,1)*INDEX($D$3:$AA$30,INDEX(Jesper!$R$2:$R$366,ROW(INDEX(Jesper!AH$2:AH$366,ROUNDDOWN($C4688/24,0)+1,1))-1)+IF('Standard Profiles'!$G$18=$B$10,7,0)+IF('Standard Profiles'!$G$18=$B$17,14,0)+IF('Standard Profiles'!$G$18=$B$24,21,0),MOD($C4688,24)+1)/SUM(INDEX($D$3:$AA$30,INDEX(Jesper!$R$2:$R$366,ROW(INDEX(Jesper!AH$2:AH$366,ROUNDDOWN($C4688/24,0)+1,1))-1)+IF('Standard Profiles'!$G$18=$B$10,7,0)+IF('Standard Profiles'!$G$18=$B$17,14,0)+IF('Standard Profiles'!$G$18=$B$24,21,0),0)),0)</f>
        <v>5.2169975589239934</v>
      </c>
      <c r="E4688" cm="1">
        <f t="array" ref="E4688">IFERROR(INDEX(Jesper!AI$2:AI$366,ROUNDDOWN($C4688/24,0)+1,1)*INDEX($D$3:$AA$30,INDEX(Jesper!$R$2:$R$366,ROW(INDEX(Jesper!AI$2:AI$366,ROUNDDOWN($C4688/24,0)+1,1))-1)+IF('Standard Profiles'!$G$19=$B$10,7,0)+IF('Standard Profiles'!$G$19=$B$17,14,0)+IF('Standard Profiles'!$G$19=$B$24,21,0),MOD($C4688,24)+1)/SUM(INDEX($D$3:$AA$30,INDEX(Jesper!$R$2:$R$366,ROW(INDEX(Jesper!AI$2:AI$366,ROUNDDOWN($C4688/24,0)+1,1))-1)+IF('Standard Profiles'!$G$19=$B$10,7,0)+IF('Standard Profiles'!$G$19=$B$17,14,0)+IF('Standard Profiles'!$G$19=$B$24,21,0),0)),0)</f>
        <v>2.0261557903645189</v>
      </c>
      <c r="F4688" cm="1">
        <f t="array" ref="F4688">IFERROR(INDEX(Jesper!AJ$2:AJ$366,ROUNDDOWN($C4688/24,0)+1,1)*INDEX($D$3:$AA$30,INDEX(Jesper!$R$2:$R$366,ROW(INDEX(Jesper!AJ$2:AJ$366,ROUNDDOWN($C4688/24,0)+1,1))-1)+IF('Standard Profiles'!$G$20=$B$10,7,0)+IF('Standard Profiles'!$G$20=$B$17,14,0)+IF('Standard Profiles'!$G$20=$B$24,21,0),MOD($C4688,24)+1)/SUM(INDEX($D$3:$AA$30,INDEX(Jesper!$R$2:$R$366,ROW(INDEX(Jesper!AJ$2:AJ$366,ROUNDDOWN($C4688/24,0)+1,1))-1)+IF('Standard Profiles'!$G$20=$B$10,7,0)+IF('Standard Profiles'!$G$20=$B$17,14,0)+IF('Standard Profiles'!$G$20=$B$24,21,0),0)),0)</f>
        <v>0</v>
      </c>
      <c r="G4688" cm="1">
        <f t="array" ref="G4688">IFERROR(INDEX(Jesper!AK$2:AK$366,ROUNDDOWN($C4688/24,0)+1,1)*INDEX($D$3:$AA$30,INDEX(Jesper!$R$2:$R$366,ROW(INDEX(Jesper!AK$2:AK$366,ROUNDDOWN($C4688/24,0)+1,1))-1)+IF('Standard Profiles'!$G$21=$B$10,7,0)+IF('Standard Profiles'!$G$21=$B$17,14,0)+IF('Standard Profiles'!$G$21=$B$24,21,0),MOD($C4688,24)+1)/SUM(INDEX($D$3:$AA$30,INDEX(Jesper!$R$2:$R$366,ROW(INDEX(Jesper!AK$2:AK$366,ROUNDDOWN($C4688/24,0)+1,1))-1)+IF('Standard Profiles'!$G$21=$B$10,7,0)+IF('Standard Profiles'!$G$21=$B$17,14,0)+IF('Standard Profiles'!$G$21=$B$24,21,0),0)),0)</f>
        <v>0</v>
      </c>
      <c r="H4688" cm="1">
        <f t="array" ref="H4688">IFERROR(INDEX(Jesper!AL$2:AL$366,ROUNDDOWN($C4688/24,0)+1,1)*INDEX($D$3:$AA$30,INDEX(Jesper!$R$2:$R$366,ROW(INDEX(Jesper!AL$2:AL$366,ROUNDDOWN($C4688/24,0)+1,1))-1)+IF('Standard Profiles'!$G$22=$B$10,7,0)+IF('Standard Profiles'!$G$22=$B$17,14,0)+IF('Standard Profiles'!$G$22=$B$24,21,0),MOD($C4688,24)+1)/SUM(INDEX($D$3:$AA$30,INDEX(Jesper!$R$2:$R$366,ROW(INDEX(Jesper!AL$2:AL$366,ROUNDDOWN($C4688/24,0)+1,1))-1)+IF('Standard Profiles'!$G$22=$B$10,7,0)+IF('Standard Profiles'!$G$22=$B$17,14,0)+IF('Standard Profiles'!$G$22=$B$24,21,0),0)),0)</f>
        <v>0</v>
      </c>
      <c r="I4688">
        <f t="shared" si="524"/>
        <v>0</v>
      </c>
      <c r="J4688">
        <f t="shared" si="525"/>
        <v>6.4084337398606728</v>
      </c>
      <c r="K4688">
        <f t="shared" si="526"/>
        <v>0.55647973961855934</v>
      </c>
      <c r="L4688">
        <f t="shared" si="527"/>
        <v>0.27823986980927967</v>
      </c>
      <c r="M4688">
        <f t="shared" si="528"/>
        <v>0</v>
      </c>
      <c r="N4688" s="45">
        <f t="shared" si="529"/>
        <v>45120.916666655379</v>
      </c>
    </row>
    <row r="4689" spans="2:14" x14ac:dyDescent="0.25">
      <c r="B4689">
        <f t="shared" si="523"/>
        <v>4</v>
      </c>
      <c r="C4689" s="16">
        <v>4655</v>
      </c>
      <c r="D4689" cm="1">
        <f t="array" ref="D4689">IFERROR(INDEX(Jesper!AH$2:AH$366,ROUNDDOWN($C4689/24,0)+1,1)*INDEX($D$3:$AA$30,INDEX(Jesper!$R$2:$R$366,ROW(INDEX(Jesper!AH$2:AH$366,ROUNDDOWN($C4689/24,0)+1,1))-1)+IF('Standard Profiles'!$G$18=$B$10,7,0)+IF('Standard Profiles'!$G$18=$B$17,14,0)+IF('Standard Profiles'!$G$18=$B$24,21,0),MOD($C4689,24)+1)/SUM(INDEX($D$3:$AA$30,INDEX(Jesper!$R$2:$R$366,ROW(INDEX(Jesper!AH$2:AH$366,ROUNDDOWN($C4689/24,0)+1,1))-1)+IF('Standard Profiles'!$G$18=$B$10,7,0)+IF('Standard Profiles'!$G$18=$B$17,14,0)+IF('Standard Profiles'!$G$18=$B$24,21,0),0)),0)</f>
        <v>5.2169975589239934</v>
      </c>
      <c r="E4689" cm="1">
        <f t="array" ref="E4689">IFERROR(INDEX(Jesper!AI$2:AI$366,ROUNDDOWN($C4689/24,0)+1,1)*INDEX($D$3:$AA$30,INDEX(Jesper!$R$2:$R$366,ROW(INDEX(Jesper!AI$2:AI$366,ROUNDDOWN($C4689/24,0)+1,1))-1)+IF('Standard Profiles'!$G$19=$B$10,7,0)+IF('Standard Profiles'!$G$19=$B$17,14,0)+IF('Standard Profiles'!$G$19=$B$24,21,0),MOD($C4689,24)+1)/SUM(INDEX($D$3:$AA$30,INDEX(Jesper!$R$2:$R$366,ROW(INDEX(Jesper!AI$2:AI$366,ROUNDDOWN($C4689/24,0)+1,1))-1)+IF('Standard Profiles'!$G$19=$B$10,7,0)+IF('Standard Profiles'!$G$19=$B$17,14,0)+IF('Standard Profiles'!$G$19=$B$24,21,0),0)),0)</f>
        <v>2.0261557903645189</v>
      </c>
      <c r="F4689" cm="1">
        <f t="array" ref="F4689">IFERROR(INDEX(Jesper!AJ$2:AJ$366,ROUNDDOWN($C4689/24,0)+1,1)*INDEX($D$3:$AA$30,INDEX(Jesper!$R$2:$R$366,ROW(INDEX(Jesper!AJ$2:AJ$366,ROUNDDOWN($C4689/24,0)+1,1))-1)+IF('Standard Profiles'!$G$20=$B$10,7,0)+IF('Standard Profiles'!$G$20=$B$17,14,0)+IF('Standard Profiles'!$G$20=$B$24,21,0),MOD($C4689,24)+1)/SUM(INDEX($D$3:$AA$30,INDEX(Jesper!$R$2:$R$366,ROW(INDEX(Jesper!AJ$2:AJ$366,ROUNDDOWN($C4689/24,0)+1,1))-1)+IF('Standard Profiles'!$G$20=$B$10,7,0)+IF('Standard Profiles'!$G$20=$B$17,14,0)+IF('Standard Profiles'!$G$20=$B$24,21,0),0)),0)</f>
        <v>0</v>
      </c>
      <c r="G4689" cm="1">
        <f t="array" ref="G4689">IFERROR(INDEX(Jesper!AK$2:AK$366,ROUNDDOWN($C4689/24,0)+1,1)*INDEX($D$3:$AA$30,INDEX(Jesper!$R$2:$R$366,ROW(INDEX(Jesper!AK$2:AK$366,ROUNDDOWN($C4689/24,0)+1,1))-1)+IF('Standard Profiles'!$G$21=$B$10,7,0)+IF('Standard Profiles'!$G$21=$B$17,14,0)+IF('Standard Profiles'!$G$21=$B$24,21,0),MOD($C4689,24)+1)/SUM(INDEX($D$3:$AA$30,INDEX(Jesper!$R$2:$R$366,ROW(INDEX(Jesper!AK$2:AK$366,ROUNDDOWN($C4689/24,0)+1,1))-1)+IF('Standard Profiles'!$G$21=$B$10,7,0)+IF('Standard Profiles'!$G$21=$B$17,14,0)+IF('Standard Profiles'!$G$21=$B$24,21,0),0)),0)</f>
        <v>0</v>
      </c>
      <c r="H4689" cm="1">
        <f t="array" ref="H4689">IFERROR(INDEX(Jesper!AL$2:AL$366,ROUNDDOWN($C4689/24,0)+1,1)*INDEX($D$3:$AA$30,INDEX(Jesper!$R$2:$R$366,ROW(INDEX(Jesper!AL$2:AL$366,ROUNDDOWN($C4689/24,0)+1,1))-1)+IF('Standard Profiles'!$G$22=$B$10,7,0)+IF('Standard Profiles'!$G$22=$B$17,14,0)+IF('Standard Profiles'!$G$22=$B$24,21,0),MOD($C4689,24)+1)/SUM(INDEX($D$3:$AA$30,INDEX(Jesper!$R$2:$R$366,ROW(INDEX(Jesper!AL$2:AL$366,ROUNDDOWN($C4689/24,0)+1,1))-1)+IF('Standard Profiles'!$G$22=$B$10,7,0)+IF('Standard Profiles'!$G$22=$B$17,14,0)+IF('Standard Profiles'!$G$22=$B$24,21,0),0)),0)</f>
        <v>0</v>
      </c>
      <c r="I4689">
        <f t="shared" si="524"/>
        <v>0</v>
      </c>
      <c r="J4689">
        <f t="shared" si="525"/>
        <v>6.4084337398606728</v>
      </c>
      <c r="K4689">
        <f t="shared" si="526"/>
        <v>0.55647973961855934</v>
      </c>
      <c r="L4689">
        <f t="shared" si="527"/>
        <v>0.27823986980927967</v>
      </c>
      <c r="M4689">
        <f t="shared" si="528"/>
        <v>0</v>
      </c>
      <c r="N4689" s="45">
        <f t="shared" si="529"/>
        <v>45120.958333322043</v>
      </c>
    </row>
    <row r="4690" spans="2:14" x14ac:dyDescent="0.25">
      <c r="B4690">
        <f t="shared" si="523"/>
        <v>5</v>
      </c>
      <c r="C4690" s="16">
        <v>4656</v>
      </c>
      <c r="D4690" cm="1">
        <f t="array" ref="D4690">IFERROR(INDEX(Jesper!AH$2:AH$366,ROUNDDOWN($C4690/24,0)+1,1)*INDEX($D$3:$AA$30,INDEX(Jesper!$R$2:$R$366,ROW(INDEX(Jesper!AH$2:AH$366,ROUNDDOWN($C4690/24,0)+1,1))-1)+IF('Standard Profiles'!$G$18=$B$10,7,0)+IF('Standard Profiles'!$G$18=$B$17,14,0)+IF('Standard Profiles'!$G$18=$B$24,21,0),MOD($C4690,24)+1)/SUM(INDEX($D$3:$AA$30,INDEX(Jesper!$R$2:$R$366,ROW(INDEX(Jesper!AH$2:AH$366,ROUNDDOWN($C4690/24,0)+1,1))-1)+IF('Standard Profiles'!$G$18=$B$10,7,0)+IF('Standard Profiles'!$G$18=$B$17,14,0)+IF('Standard Profiles'!$G$18=$B$24,21,0),0)),0)</f>
        <v>7.9426066470846362</v>
      </c>
      <c r="E4690" cm="1">
        <f t="array" ref="E4690">IFERROR(INDEX(Jesper!AI$2:AI$366,ROUNDDOWN($C4690/24,0)+1,1)*INDEX($D$3:$AA$30,INDEX(Jesper!$R$2:$R$366,ROW(INDEX(Jesper!AI$2:AI$366,ROUNDDOWN($C4690/24,0)+1,1))-1)+IF('Standard Profiles'!$G$19=$B$10,7,0)+IF('Standard Profiles'!$G$19=$B$17,14,0)+IF('Standard Profiles'!$G$19=$B$24,21,0),MOD($C4690,24)+1)/SUM(INDEX($D$3:$AA$30,INDEX(Jesper!$R$2:$R$366,ROW(INDEX(Jesper!AI$2:AI$366,ROUNDDOWN($C4690/24,0)+1,1))-1)+IF('Standard Profiles'!$G$19=$B$10,7,0)+IF('Standard Profiles'!$G$19=$B$17,14,0)+IF('Standard Profiles'!$G$19=$B$24,21,0),0)),0)</f>
        <v>3.0371845968042943</v>
      </c>
      <c r="F4690" cm="1">
        <f t="array" ref="F4690">IFERROR(INDEX(Jesper!AJ$2:AJ$366,ROUNDDOWN($C4690/24,0)+1,1)*INDEX($D$3:$AA$30,INDEX(Jesper!$R$2:$R$366,ROW(INDEX(Jesper!AJ$2:AJ$366,ROUNDDOWN($C4690/24,0)+1,1))-1)+IF('Standard Profiles'!$G$20=$B$10,7,0)+IF('Standard Profiles'!$G$20=$B$17,14,0)+IF('Standard Profiles'!$G$20=$B$24,21,0),MOD($C4690,24)+1)/SUM(INDEX($D$3:$AA$30,INDEX(Jesper!$R$2:$R$366,ROW(INDEX(Jesper!AJ$2:AJ$366,ROUNDDOWN($C4690/24,0)+1,1))-1)+IF('Standard Profiles'!$G$20=$B$10,7,0)+IF('Standard Profiles'!$G$20=$B$17,14,0)+IF('Standard Profiles'!$G$20=$B$24,21,0),0)),0)</f>
        <v>0</v>
      </c>
      <c r="G4690" cm="1">
        <f t="array" ref="G4690">IFERROR(INDEX(Jesper!AK$2:AK$366,ROUNDDOWN($C4690/24,0)+1,1)*INDEX($D$3:$AA$30,INDEX(Jesper!$R$2:$R$366,ROW(INDEX(Jesper!AK$2:AK$366,ROUNDDOWN($C4690/24,0)+1,1))-1)+IF('Standard Profiles'!$G$21=$B$10,7,0)+IF('Standard Profiles'!$G$21=$B$17,14,0)+IF('Standard Profiles'!$G$21=$B$24,21,0),MOD($C4690,24)+1)/SUM(INDEX($D$3:$AA$30,INDEX(Jesper!$R$2:$R$366,ROW(INDEX(Jesper!AK$2:AK$366,ROUNDDOWN($C4690/24,0)+1,1))-1)+IF('Standard Profiles'!$G$21=$B$10,7,0)+IF('Standard Profiles'!$G$21=$B$17,14,0)+IF('Standard Profiles'!$G$21=$B$24,21,0),0)),0)</f>
        <v>0</v>
      </c>
      <c r="H4690" cm="1">
        <f t="array" ref="H4690">IFERROR(INDEX(Jesper!AL$2:AL$366,ROUNDDOWN($C4690/24,0)+1,1)*INDEX($D$3:$AA$30,INDEX(Jesper!$R$2:$R$366,ROW(INDEX(Jesper!AL$2:AL$366,ROUNDDOWN($C4690/24,0)+1,1))-1)+IF('Standard Profiles'!$G$22=$B$10,7,0)+IF('Standard Profiles'!$G$22=$B$17,14,0)+IF('Standard Profiles'!$G$22=$B$24,21,0),MOD($C4690,24)+1)/SUM(INDEX($D$3:$AA$30,INDEX(Jesper!$R$2:$R$366,ROW(INDEX(Jesper!AL$2:AL$366,ROUNDDOWN($C4690/24,0)+1,1))-1)+IF('Standard Profiles'!$G$22=$B$10,7,0)+IF('Standard Profiles'!$G$22=$B$17,14,0)+IF('Standard Profiles'!$G$22=$B$24,21,0),0)),0)</f>
        <v>0</v>
      </c>
      <c r="I4690">
        <f t="shared" si="524"/>
        <v>0</v>
      </c>
      <c r="J4690">
        <f t="shared" si="525"/>
        <v>9.7089741803553888</v>
      </c>
      <c r="K4690">
        <f t="shared" si="526"/>
        <v>0.84721137568902793</v>
      </c>
      <c r="L4690">
        <f t="shared" si="527"/>
        <v>0.42360568784451397</v>
      </c>
      <c r="M4690">
        <f t="shared" si="528"/>
        <v>0</v>
      </c>
      <c r="N4690" s="45">
        <f t="shared" si="529"/>
        <v>45120.999999988708</v>
      </c>
    </row>
    <row r="4691" spans="2:14" x14ac:dyDescent="0.25">
      <c r="B4691">
        <f t="shared" si="523"/>
        <v>5</v>
      </c>
      <c r="C4691" s="16">
        <v>4657</v>
      </c>
      <c r="D4691" cm="1">
        <f t="array" ref="D4691">IFERROR(INDEX(Jesper!AH$2:AH$366,ROUNDDOWN($C4691/24,0)+1,1)*INDEX($D$3:$AA$30,INDEX(Jesper!$R$2:$R$366,ROW(INDEX(Jesper!AH$2:AH$366,ROUNDDOWN($C4691/24,0)+1,1))-1)+IF('Standard Profiles'!$G$18=$B$10,7,0)+IF('Standard Profiles'!$G$18=$B$17,14,0)+IF('Standard Profiles'!$G$18=$B$24,21,0),MOD($C4691,24)+1)/SUM(INDEX($D$3:$AA$30,INDEX(Jesper!$R$2:$R$366,ROW(INDEX(Jesper!AH$2:AH$366,ROUNDDOWN($C4691/24,0)+1,1))-1)+IF('Standard Profiles'!$G$18=$B$10,7,0)+IF('Standard Profiles'!$G$18=$B$17,14,0)+IF('Standard Profiles'!$G$18=$B$24,21,0),0)),0)</f>
        <v>4.8137009982331129</v>
      </c>
      <c r="E4691" cm="1">
        <f t="array" ref="E4691">IFERROR(INDEX(Jesper!AI$2:AI$366,ROUNDDOWN($C4691/24,0)+1,1)*INDEX($D$3:$AA$30,INDEX(Jesper!$R$2:$R$366,ROW(INDEX(Jesper!AI$2:AI$366,ROUNDDOWN($C4691/24,0)+1,1))-1)+IF('Standard Profiles'!$G$19=$B$10,7,0)+IF('Standard Profiles'!$G$19=$B$17,14,0)+IF('Standard Profiles'!$G$19=$B$24,21,0),MOD($C4691,24)+1)/SUM(INDEX($D$3:$AA$30,INDEX(Jesper!$R$2:$R$366,ROW(INDEX(Jesper!AI$2:AI$366,ROUNDDOWN($C4691/24,0)+1,1))-1)+IF('Standard Profiles'!$G$19=$B$10,7,0)+IF('Standard Profiles'!$G$19=$B$17,14,0)+IF('Standard Profiles'!$G$19=$B$24,21,0),0)),0)</f>
        <v>1.8407179374571483</v>
      </c>
      <c r="F4691" cm="1">
        <f t="array" ref="F4691">IFERROR(INDEX(Jesper!AJ$2:AJ$366,ROUNDDOWN($C4691/24,0)+1,1)*INDEX($D$3:$AA$30,INDEX(Jesper!$R$2:$R$366,ROW(INDEX(Jesper!AJ$2:AJ$366,ROUNDDOWN($C4691/24,0)+1,1))-1)+IF('Standard Profiles'!$G$20=$B$10,7,0)+IF('Standard Profiles'!$G$20=$B$17,14,0)+IF('Standard Profiles'!$G$20=$B$24,21,0),MOD($C4691,24)+1)/SUM(INDEX($D$3:$AA$30,INDEX(Jesper!$R$2:$R$366,ROW(INDEX(Jesper!AJ$2:AJ$366,ROUNDDOWN($C4691/24,0)+1,1))-1)+IF('Standard Profiles'!$G$20=$B$10,7,0)+IF('Standard Profiles'!$G$20=$B$17,14,0)+IF('Standard Profiles'!$G$20=$B$24,21,0),0)),0)</f>
        <v>0</v>
      </c>
      <c r="G4691" cm="1">
        <f t="array" ref="G4691">IFERROR(INDEX(Jesper!AK$2:AK$366,ROUNDDOWN($C4691/24,0)+1,1)*INDEX($D$3:$AA$30,INDEX(Jesper!$R$2:$R$366,ROW(INDEX(Jesper!AK$2:AK$366,ROUNDDOWN($C4691/24,0)+1,1))-1)+IF('Standard Profiles'!$G$21=$B$10,7,0)+IF('Standard Profiles'!$G$21=$B$17,14,0)+IF('Standard Profiles'!$G$21=$B$24,21,0),MOD($C4691,24)+1)/SUM(INDEX($D$3:$AA$30,INDEX(Jesper!$R$2:$R$366,ROW(INDEX(Jesper!AK$2:AK$366,ROUNDDOWN($C4691/24,0)+1,1))-1)+IF('Standard Profiles'!$G$21=$B$10,7,0)+IF('Standard Profiles'!$G$21=$B$17,14,0)+IF('Standard Profiles'!$G$21=$B$24,21,0),0)),0)</f>
        <v>0</v>
      </c>
      <c r="H4691" cm="1">
        <f t="array" ref="H4691">IFERROR(INDEX(Jesper!AL$2:AL$366,ROUNDDOWN($C4691/24,0)+1,1)*INDEX($D$3:$AA$30,INDEX(Jesper!$R$2:$R$366,ROW(INDEX(Jesper!AL$2:AL$366,ROUNDDOWN($C4691/24,0)+1,1))-1)+IF('Standard Profiles'!$G$22=$B$10,7,0)+IF('Standard Profiles'!$G$22=$B$17,14,0)+IF('Standard Profiles'!$G$22=$B$24,21,0),MOD($C4691,24)+1)/SUM(INDEX($D$3:$AA$30,INDEX(Jesper!$R$2:$R$366,ROW(INDEX(Jesper!AL$2:AL$366,ROUNDDOWN($C4691/24,0)+1,1))-1)+IF('Standard Profiles'!$G$22=$B$10,7,0)+IF('Standard Profiles'!$G$22=$B$17,14,0)+IF('Standard Profiles'!$G$22=$B$24,21,0),0)),0)</f>
        <v>0</v>
      </c>
      <c r="I4691">
        <f t="shared" si="524"/>
        <v>0</v>
      </c>
      <c r="J4691">
        <f t="shared" si="525"/>
        <v>5.8842267759729632</v>
      </c>
      <c r="K4691">
        <f t="shared" si="526"/>
        <v>0.51346143981153203</v>
      </c>
      <c r="L4691">
        <f t="shared" si="527"/>
        <v>0.25673071990576601</v>
      </c>
      <c r="M4691">
        <f t="shared" si="528"/>
        <v>0</v>
      </c>
      <c r="N4691" s="45">
        <f t="shared" si="529"/>
        <v>45121.041666655372</v>
      </c>
    </row>
    <row r="4692" spans="2:14" x14ac:dyDescent="0.25">
      <c r="B4692">
        <f t="shared" si="523"/>
        <v>5</v>
      </c>
      <c r="C4692" s="16">
        <v>4658</v>
      </c>
      <c r="D4692" cm="1">
        <f t="array" ref="D4692">IFERROR(INDEX(Jesper!AH$2:AH$366,ROUNDDOWN($C4692/24,0)+1,1)*INDEX($D$3:$AA$30,INDEX(Jesper!$R$2:$R$366,ROW(INDEX(Jesper!AH$2:AH$366,ROUNDDOWN($C4692/24,0)+1,1))-1)+IF('Standard Profiles'!$G$18=$B$10,7,0)+IF('Standard Profiles'!$G$18=$B$17,14,0)+IF('Standard Profiles'!$G$18=$B$24,21,0),MOD($C4692,24)+1)/SUM(INDEX($D$3:$AA$30,INDEX(Jesper!$R$2:$R$366,ROW(INDEX(Jesper!AH$2:AH$366,ROUNDDOWN($C4692/24,0)+1,1))-1)+IF('Standard Profiles'!$G$18=$B$10,7,0)+IF('Standard Profiles'!$G$18=$B$17,14,0)+IF('Standard Profiles'!$G$18=$B$24,21,0),0)),0)</f>
        <v>4.8137009982331129</v>
      </c>
      <c r="E4692" cm="1">
        <f t="array" ref="E4692">IFERROR(INDEX(Jesper!AI$2:AI$366,ROUNDDOWN($C4692/24,0)+1,1)*INDEX($D$3:$AA$30,INDEX(Jesper!$R$2:$R$366,ROW(INDEX(Jesper!AI$2:AI$366,ROUNDDOWN($C4692/24,0)+1,1))-1)+IF('Standard Profiles'!$G$19=$B$10,7,0)+IF('Standard Profiles'!$G$19=$B$17,14,0)+IF('Standard Profiles'!$G$19=$B$24,21,0),MOD($C4692,24)+1)/SUM(INDEX($D$3:$AA$30,INDEX(Jesper!$R$2:$R$366,ROW(INDEX(Jesper!AI$2:AI$366,ROUNDDOWN($C4692/24,0)+1,1))-1)+IF('Standard Profiles'!$G$19=$B$10,7,0)+IF('Standard Profiles'!$G$19=$B$17,14,0)+IF('Standard Profiles'!$G$19=$B$24,21,0),0)),0)</f>
        <v>1.8407179374571483</v>
      </c>
      <c r="F4692" cm="1">
        <f t="array" ref="F4692">IFERROR(INDEX(Jesper!AJ$2:AJ$366,ROUNDDOWN($C4692/24,0)+1,1)*INDEX($D$3:$AA$30,INDEX(Jesper!$R$2:$R$366,ROW(INDEX(Jesper!AJ$2:AJ$366,ROUNDDOWN($C4692/24,0)+1,1))-1)+IF('Standard Profiles'!$G$20=$B$10,7,0)+IF('Standard Profiles'!$G$20=$B$17,14,0)+IF('Standard Profiles'!$G$20=$B$24,21,0),MOD($C4692,24)+1)/SUM(INDEX($D$3:$AA$30,INDEX(Jesper!$R$2:$R$366,ROW(INDEX(Jesper!AJ$2:AJ$366,ROUNDDOWN($C4692/24,0)+1,1))-1)+IF('Standard Profiles'!$G$20=$B$10,7,0)+IF('Standard Profiles'!$G$20=$B$17,14,0)+IF('Standard Profiles'!$G$20=$B$24,21,0),0)),0)</f>
        <v>0</v>
      </c>
      <c r="G4692" cm="1">
        <f t="array" ref="G4692">IFERROR(INDEX(Jesper!AK$2:AK$366,ROUNDDOWN($C4692/24,0)+1,1)*INDEX($D$3:$AA$30,INDEX(Jesper!$R$2:$R$366,ROW(INDEX(Jesper!AK$2:AK$366,ROUNDDOWN($C4692/24,0)+1,1))-1)+IF('Standard Profiles'!$G$21=$B$10,7,0)+IF('Standard Profiles'!$G$21=$B$17,14,0)+IF('Standard Profiles'!$G$21=$B$24,21,0),MOD($C4692,24)+1)/SUM(INDEX($D$3:$AA$30,INDEX(Jesper!$R$2:$R$366,ROW(INDEX(Jesper!AK$2:AK$366,ROUNDDOWN($C4692/24,0)+1,1))-1)+IF('Standard Profiles'!$G$21=$B$10,7,0)+IF('Standard Profiles'!$G$21=$B$17,14,0)+IF('Standard Profiles'!$G$21=$B$24,21,0),0)),0)</f>
        <v>0</v>
      </c>
      <c r="H4692" cm="1">
        <f t="array" ref="H4692">IFERROR(INDEX(Jesper!AL$2:AL$366,ROUNDDOWN($C4692/24,0)+1,1)*INDEX($D$3:$AA$30,INDEX(Jesper!$R$2:$R$366,ROW(INDEX(Jesper!AL$2:AL$366,ROUNDDOWN($C4692/24,0)+1,1))-1)+IF('Standard Profiles'!$G$22=$B$10,7,0)+IF('Standard Profiles'!$G$22=$B$17,14,0)+IF('Standard Profiles'!$G$22=$B$24,21,0),MOD($C4692,24)+1)/SUM(INDEX($D$3:$AA$30,INDEX(Jesper!$R$2:$R$366,ROW(INDEX(Jesper!AL$2:AL$366,ROUNDDOWN($C4692/24,0)+1,1))-1)+IF('Standard Profiles'!$G$22=$B$10,7,0)+IF('Standard Profiles'!$G$22=$B$17,14,0)+IF('Standard Profiles'!$G$22=$B$24,21,0),0)),0)</f>
        <v>0</v>
      </c>
      <c r="I4692">
        <f t="shared" si="524"/>
        <v>0</v>
      </c>
      <c r="J4692">
        <f t="shared" si="525"/>
        <v>5.8842267759729632</v>
      </c>
      <c r="K4692">
        <f t="shared" si="526"/>
        <v>0.51346143981153203</v>
      </c>
      <c r="L4692">
        <f t="shared" si="527"/>
        <v>0.25673071990576601</v>
      </c>
      <c r="M4692">
        <f t="shared" si="528"/>
        <v>0</v>
      </c>
      <c r="N4692" s="45">
        <f t="shared" si="529"/>
        <v>45121.083333322036</v>
      </c>
    </row>
    <row r="4693" spans="2:14" x14ac:dyDescent="0.25">
      <c r="B4693">
        <f t="shared" si="523"/>
        <v>5</v>
      </c>
      <c r="C4693" s="16">
        <v>4659</v>
      </c>
      <c r="D4693" cm="1">
        <f t="array" ref="D4693">IFERROR(INDEX(Jesper!AH$2:AH$366,ROUNDDOWN($C4693/24,0)+1,1)*INDEX($D$3:$AA$30,INDEX(Jesper!$R$2:$R$366,ROW(INDEX(Jesper!AH$2:AH$366,ROUNDDOWN($C4693/24,0)+1,1))-1)+IF('Standard Profiles'!$G$18=$B$10,7,0)+IF('Standard Profiles'!$G$18=$B$17,14,0)+IF('Standard Profiles'!$G$18=$B$24,21,0),MOD($C4693,24)+1)/SUM(INDEX($D$3:$AA$30,INDEX(Jesper!$R$2:$R$366,ROW(INDEX(Jesper!AH$2:AH$366,ROUNDDOWN($C4693/24,0)+1,1))-1)+IF('Standard Profiles'!$G$18=$B$10,7,0)+IF('Standard Profiles'!$G$18=$B$17,14,0)+IF('Standard Profiles'!$G$18=$B$24,21,0),0)),0)</f>
        <v>4.8137009982331129</v>
      </c>
      <c r="E4693" cm="1">
        <f t="array" ref="E4693">IFERROR(INDEX(Jesper!AI$2:AI$366,ROUNDDOWN($C4693/24,0)+1,1)*INDEX($D$3:$AA$30,INDEX(Jesper!$R$2:$R$366,ROW(INDEX(Jesper!AI$2:AI$366,ROUNDDOWN($C4693/24,0)+1,1))-1)+IF('Standard Profiles'!$G$19=$B$10,7,0)+IF('Standard Profiles'!$G$19=$B$17,14,0)+IF('Standard Profiles'!$G$19=$B$24,21,0),MOD($C4693,24)+1)/SUM(INDEX($D$3:$AA$30,INDEX(Jesper!$R$2:$R$366,ROW(INDEX(Jesper!AI$2:AI$366,ROUNDDOWN($C4693/24,0)+1,1))-1)+IF('Standard Profiles'!$G$19=$B$10,7,0)+IF('Standard Profiles'!$G$19=$B$17,14,0)+IF('Standard Profiles'!$G$19=$B$24,21,0),0)),0)</f>
        <v>1.8407179374571483</v>
      </c>
      <c r="F4693" cm="1">
        <f t="array" ref="F4693">IFERROR(INDEX(Jesper!AJ$2:AJ$366,ROUNDDOWN($C4693/24,0)+1,1)*INDEX($D$3:$AA$30,INDEX(Jesper!$R$2:$R$366,ROW(INDEX(Jesper!AJ$2:AJ$366,ROUNDDOWN($C4693/24,0)+1,1))-1)+IF('Standard Profiles'!$G$20=$B$10,7,0)+IF('Standard Profiles'!$G$20=$B$17,14,0)+IF('Standard Profiles'!$G$20=$B$24,21,0),MOD($C4693,24)+1)/SUM(INDEX($D$3:$AA$30,INDEX(Jesper!$R$2:$R$366,ROW(INDEX(Jesper!AJ$2:AJ$366,ROUNDDOWN($C4693/24,0)+1,1))-1)+IF('Standard Profiles'!$G$20=$B$10,7,0)+IF('Standard Profiles'!$G$20=$B$17,14,0)+IF('Standard Profiles'!$G$20=$B$24,21,0),0)),0)</f>
        <v>0</v>
      </c>
      <c r="G4693" cm="1">
        <f t="array" ref="G4693">IFERROR(INDEX(Jesper!AK$2:AK$366,ROUNDDOWN($C4693/24,0)+1,1)*INDEX($D$3:$AA$30,INDEX(Jesper!$R$2:$R$366,ROW(INDEX(Jesper!AK$2:AK$366,ROUNDDOWN($C4693/24,0)+1,1))-1)+IF('Standard Profiles'!$G$21=$B$10,7,0)+IF('Standard Profiles'!$G$21=$B$17,14,0)+IF('Standard Profiles'!$G$21=$B$24,21,0),MOD($C4693,24)+1)/SUM(INDEX($D$3:$AA$30,INDEX(Jesper!$R$2:$R$366,ROW(INDEX(Jesper!AK$2:AK$366,ROUNDDOWN($C4693/24,0)+1,1))-1)+IF('Standard Profiles'!$G$21=$B$10,7,0)+IF('Standard Profiles'!$G$21=$B$17,14,0)+IF('Standard Profiles'!$G$21=$B$24,21,0),0)),0)</f>
        <v>0</v>
      </c>
      <c r="H4693" cm="1">
        <f t="array" ref="H4693">IFERROR(INDEX(Jesper!AL$2:AL$366,ROUNDDOWN($C4693/24,0)+1,1)*INDEX($D$3:$AA$30,INDEX(Jesper!$R$2:$R$366,ROW(INDEX(Jesper!AL$2:AL$366,ROUNDDOWN($C4693/24,0)+1,1))-1)+IF('Standard Profiles'!$G$22=$B$10,7,0)+IF('Standard Profiles'!$G$22=$B$17,14,0)+IF('Standard Profiles'!$G$22=$B$24,21,0),MOD($C4693,24)+1)/SUM(INDEX($D$3:$AA$30,INDEX(Jesper!$R$2:$R$366,ROW(INDEX(Jesper!AL$2:AL$366,ROUNDDOWN($C4693/24,0)+1,1))-1)+IF('Standard Profiles'!$G$22=$B$10,7,0)+IF('Standard Profiles'!$G$22=$B$17,14,0)+IF('Standard Profiles'!$G$22=$B$24,21,0),0)),0)</f>
        <v>0</v>
      </c>
      <c r="I4693">
        <f t="shared" si="524"/>
        <v>0</v>
      </c>
      <c r="J4693">
        <f t="shared" si="525"/>
        <v>5.8842267759729632</v>
      </c>
      <c r="K4693">
        <f t="shared" si="526"/>
        <v>0.51346143981153203</v>
      </c>
      <c r="L4693">
        <f t="shared" si="527"/>
        <v>0.25673071990576601</v>
      </c>
      <c r="M4693">
        <f t="shared" si="528"/>
        <v>0</v>
      </c>
      <c r="N4693" s="45">
        <f t="shared" si="529"/>
        <v>45121.1249999887</v>
      </c>
    </row>
    <row r="4694" spans="2:14" x14ac:dyDescent="0.25">
      <c r="B4694">
        <f t="shared" si="523"/>
        <v>5</v>
      </c>
      <c r="C4694" s="16">
        <v>4660</v>
      </c>
      <c r="D4694" cm="1">
        <f t="array" ref="D4694">IFERROR(INDEX(Jesper!AH$2:AH$366,ROUNDDOWN($C4694/24,0)+1,1)*INDEX($D$3:$AA$30,INDEX(Jesper!$R$2:$R$366,ROW(INDEX(Jesper!AH$2:AH$366,ROUNDDOWN($C4694/24,0)+1,1))-1)+IF('Standard Profiles'!$G$18=$B$10,7,0)+IF('Standard Profiles'!$G$18=$B$17,14,0)+IF('Standard Profiles'!$G$18=$B$24,21,0),MOD($C4694,24)+1)/SUM(INDEX($D$3:$AA$30,INDEX(Jesper!$R$2:$R$366,ROW(INDEX(Jesper!AH$2:AH$366,ROUNDDOWN($C4694/24,0)+1,1))-1)+IF('Standard Profiles'!$G$18=$B$10,7,0)+IF('Standard Profiles'!$G$18=$B$17,14,0)+IF('Standard Profiles'!$G$18=$B$24,21,0),0)),0)</f>
        <v>4.8137009982331129</v>
      </c>
      <c r="E4694" cm="1">
        <f t="array" ref="E4694">IFERROR(INDEX(Jesper!AI$2:AI$366,ROUNDDOWN($C4694/24,0)+1,1)*INDEX($D$3:$AA$30,INDEX(Jesper!$R$2:$R$366,ROW(INDEX(Jesper!AI$2:AI$366,ROUNDDOWN($C4694/24,0)+1,1))-1)+IF('Standard Profiles'!$G$19=$B$10,7,0)+IF('Standard Profiles'!$G$19=$B$17,14,0)+IF('Standard Profiles'!$G$19=$B$24,21,0),MOD($C4694,24)+1)/SUM(INDEX($D$3:$AA$30,INDEX(Jesper!$R$2:$R$366,ROW(INDEX(Jesper!AI$2:AI$366,ROUNDDOWN($C4694/24,0)+1,1))-1)+IF('Standard Profiles'!$G$19=$B$10,7,0)+IF('Standard Profiles'!$G$19=$B$17,14,0)+IF('Standard Profiles'!$G$19=$B$24,21,0),0)),0)</f>
        <v>1.8407179374571483</v>
      </c>
      <c r="F4694" cm="1">
        <f t="array" ref="F4694">IFERROR(INDEX(Jesper!AJ$2:AJ$366,ROUNDDOWN($C4694/24,0)+1,1)*INDEX($D$3:$AA$30,INDEX(Jesper!$R$2:$R$366,ROW(INDEX(Jesper!AJ$2:AJ$366,ROUNDDOWN($C4694/24,0)+1,1))-1)+IF('Standard Profiles'!$G$20=$B$10,7,0)+IF('Standard Profiles'!$G$20=$B$17,14,0)+IF('Standard Profiles'!$G$20=$B$24,21,0),MOD($C4694,24)+1)/SUM(INDEX($D$3:$AA$30,INDEX(Jesper!$R$2:$R$366,ROW(INDEX(Jesper!AJ$2:AJ$366,ROUNDDOWN($C4694/24,0)+1,1))-1)+IF('Standard Profiles'!$G$20=$B$10,7,0)+IF('Standard Profiles'!$G$20=$B$17,14,0)+IF('Standard Profiles'!$G$20=$B$24,21,0),0)),0)</f>
        <v>0</v>
      </c>
      <c r="G4694" cm="1">
        <f t="array" ref="G4694">IFERROR(INDEX(Jesper!AK$2:AK$366,ROUNDDOWN($C4694/24,0)+1,1)*INDEX($D$3:$AA$30,INDEX(Jesper!$R$2:$R$366,ROW(INDEX(Jesper!AK$2:AK$366,ROUNDDOWN($C4694/24,0)+1,1))-1)+IF('Standard Profiles'!$G$21=$B$10,7,0)+IF('Standard Profiles'!$G$21=$B$17,14,0)+IF('Standard Profiles'!$G$21=$B$24,21,0),MOD($C4694,24)+1)/SUM(INDEX($D$3:$AA$30,INDEX(Jesper!$R$2:$R$366,ROW(INDEX(Jesper!AK$2:AK$366,ROUNDDOWN($C4694/24,0)+1,1))-1)+IF('Standard Profiles'!$G$21=$B$10,7,0)+IF('Standard Profiles'!$G$21=$B$17,14,0)+IF('Standard Profiles'!$G$21=$B$24,21,0),0)),0)</f>
        <v>0</v>
      </c>
      <c r="H4694" cm="1">
        <f t="array" ref="H4694">IFERROR(INDEX(Jesper!AL$2:AL$366,ROUNDDOWN($C4694/24,0)+1,1)*INDEX($D$3:$AA$30,INDEX(Jesper!$R$2:$R$366,ROW(INDEX(Jesper!AL$2:AL$366,ROUNDDOWN($C4694/24,0)+1,1))-1)+IF('Standard Profiles'!$G$22=$B$10,7,0)+IF('Standard Profiles'!$G$22=$B$17,14,0)+IF('Standard Profiles'!$G$22=$B$24,21,0),MOD($C4694,24)+1)/SUM(INDEX($D$3:$AA$30,INDEX(Jesper!$R$2:$R$366,ROW(INDEX(Jesper!AL$2:AL$366,ROUNDDOWN($C4694/24,0)+1,1))-1)+IF('Standard Profiles'!$G$22=$B$10,7,0)+IF('Standard Profiles'!$G$22=$B$17,14,0)+IF('Standard Profiles'!$G$22=$B$24,21,0),0)),0)</f>
        <v>0</v>
      </c>
      <c r="I4694">
        <f t="shared" si="524"/>
        <v>0</v>
      </c>
      <c r="J4694">
        <f t="shared" si="525"/>
        <v>5.8842267759729632</v>
      </c>
      <c r="K4694">
        <f t="shared" si="526"/>
        <v>0.51346143981153203</v>
      </c>
      <c r="L4694">
        <f t="shared" si="527"/>
        <v>0.25673071990576601</v>
      </c>
      <c r="M4694">
        <f t="shared" si="528"/>
        <v>0</v>
      </c>
      <c r="N4694" s="45">
        <f t="shared" si="529"/>
        <v>45121.166666655365</v>
      </c>
    </row>
    <row r="4695" spans="2:14" x14ac:dyDescent="0.25">
      <c r="B4695">
        <f t="shared" si="523"/>
        <v>5</v>
      </c>
      <c r="C4695" s="16">
        <v>4661</v>
      </c>
      <c r="D4695" cm="1">
        <f t="array" ref="D4695">IFERROR(INDEX(Jesper!AH$2:AH$366,ROUNDDOWN($C4695/24,0)+1,1)*INDEX($D$3:$AA$30,INDEX(Jesper!$R$2:$R$366,ROW(INDEX(Jesper!AH$2:AH$366,ROUNDDOWN($C4695/24,0)+1,1))-1)+IF('Standard Profiles'!$G$18=$B$10,7,0)+IF('Standard Profiles'!$G$18=$B$17,14,0)+IF('Standard Profiles'!$G$18=$B$24,21,0),MOD($C4695,24)+1)/SUM(INDEX($D$3:$AA$30,INDEX(Jesper!$R$2:$R$366,ROW(INDEX(Jesper!AH$2:AH$366,ROUNDDOWN($C4695/24,0)+1,1))-1)+IF('Standard Profiles'!$G$18=$B$10,7,0)+IF('Standard Profiles'!$G$18=$B$17,14,0)+IF('Standard Profiles'!$G$18=$B$24,21,0),0)),0)</f>
        <v>4.8137009982331129</v>
      </c>
      <c r="E4695" cm="1">
        <f t="array" ref="E4695">IFERROR(INDEX(Jesper!AI$2:AI$366,ROUNDDOWN($C4695/24,0)+1,1)*INDEX($D$3:$AA$30,INDEX(Jesper!$R$2:$R$366,ROW(INDEX(Jesper!AI$2:AI$366,ROUNDDOWN($C4695/24,0)+1,1))-1)+IF('Standard Profiles'!$G$19=$B$10,7,0)+IF('Standard Profiles'!$G$19=$B$17,14,0)+IF('Standard Profiles'!$G$19=$B$24,21,0),MOD($C4695,24)+1)/SUM(INDEX($D$3:$AA$30,INDEX(Jesper!$R$2:$R$366,ROW(INDEX(Jesper!AI$2:AI$366,ROUNDDOWN($C4695/24,0)+1,1))-1)+IF('Standard Profiles'!$G$19=$B$10,7,0)+IF('Standard Profiles'!$G$19=$B$17,14,0)+IF('Standard Profiles'!$G$19=$B$24,21,0),0)),0)</f>
        <v>1.8407179374571483</v>
      </c>
      <c r="F4695" cm="1">
        <f t="array" ref="F4695">IFERROR(INDEX(Jesper!AJ$2:AJ$366,ROUNDDOWN($C4695/24,0)+1,1)*INDEX($D$3:$AA$30,INDEX(Jesper!$R$2:$R$366,ROW(INDEX(Jesper!AJ$2:AJ$366,ROUNDDOWN($C4695/24,0)+1,1))-1)+IF('Standard Profiles'!$G$20=$B$10,7,0)+IF('Standard Profiles'!$G$20=$B$17,14,0)+IF('Standard Profiles'!$G$20=$B$24,21,0),MOD($C4695,24)+1)/SUM(INDEX($D$3:$AA$30,INDEX(Jesper!$R$2:$R$366,ROW(INDEX(Jesper!AJ$2:AJ$366,ROUNDDOWN($C4695/24,0)+1,1))-1)+IF('Standard Profiles'!$G$20=$B$10,7,0)+IF('Standard Profiles'!$G$20=$B$17,14,0)+IF('Standard Profiles'!$G$20=$B$24,21,0),0)),0)</f>
        <v>0</v>
      </c>
      <c r="G4695" cm="1">
        <f t="array" ref="G4695">IFERROR(INDEX(Jesper!AK$2:AK$366,ROUNDDOWN($C4695/24,0)+1,1)*INDEX($D$3:$AA$30,INDEX(Jesper!$R$2:$R$366,ROW(INDEX(Jesper!AK$2:AK$366,ROUNDDOWN($C4695/24,0)+1,1))-1)+IF('Standard Profiles'!$G$21=$B$10,7,0)+IF('Standard Profiles'!$G$21=$B$17,14,0)+IF('Standard Profiles'!$G$21=$B$24,21,0),MOD($C4695,24)+1)/SUM(INDEX($D$3:$AA$30,INDEX(Jesper!$R$2:$R$366,ROW(INDEX(Jesper!AK$2:AK$366,ROUNDDOWN($C4695/24,0)+1,1))-1)+IF('Standard Profiles'!$G$21=$B$10,7,0)+IF('Standard Profiles'!$G$21=$B$17,14,0)+IF('Standard Profiles'!$G$21=$B$24,21,0),0)),0)</f>
        <v>0</v>
      </c>
      <c r="H4695" cm="1">
        <f t="array" ref="H4695">IFERROR(INDEX(Jesper!AL$2:AL$366,ROUNDDOWN($C4695/24,0)+1,1)*INDEX($D$3:$AA$30,INDEX(Jesper!$R$2:$R$366,ROW(INDEX(Jesper!AL$2:AL$366,ROUNDDOWN($C4695/24,0)+1,1))-1)+IF('Standard Profiles'!$G$22=$B$10,7,0)+IF('Standard Profiles'!$G$22=$B$17,14,0)+IF('Standard Profiles'!$G$22=$B$24,21,0),MOD($C4695,24)+1)/SUM(INDEX($D$3:$AA$30,INDEX(Jesper!$R$2:$R$366,ROW(INDEX(Jesper!AL$2:AL$366,ROUNDDOWN($C4695/24,0)+1,1))-1)+IF('Standard Profiles'!$G$22=$B$10,7,0)+IF('Standard Profiles'!$G$22=$B$17,14,0)+IF('Standard Profiles'!$G$22=$B$24,21,0),0)),0)</f>
        <v>0</v>
      </c>
      <c r="I4695">
        <f t="shared" si="524"/>
        <v>0</v>
      </c>
      <c r="J4695">
        <f t="shared" si="525"/>
        <v>5.8842267759729632</v>
      </c>
      <c r="K4695">
        <f t="shared" si="526"/>
        <v>0.51346143981153203</v>
      </c>
      <c r="L4695">
        <f t="shared" si="527"/>
        <v>0.25673071990576601</v>
      </c>
      <c r="M4695">
        <f t="shared" si="528"/>
        <v>0</v>
      </c>
      <c r="N4695" s="45">
        <f t="shared" si="529"/>
        <v>45121.208333322029</v>
      </c>
    </row>
    <row r="4696" spans="2:14" x14ac:dyDescent="0.25">
      <c r="B4696">
        <f t="shared" si="523"/>
        <v>5</v>
      </c>
      <c r="C4696" s="16">
        <v>4662</v>
      </c>
      <c r="D4696" cm="1">
        <f t="array" ref="D4696">IFERROR(INDEX(Jesper!AH$2:AH$366,ROUNDDOWN($C4696/24,0)+1,1)*INDEX($D$3:$AA$30,INDEX(Jesper!$R$2:$R$366,ROW(INDEX(Jesper!AH$2:AH$366,ROUNDDOWN($C4696/24,0)+1,1))-1)+IF('Standard Profiles'!$G$18=$B$10,7,0)+IF('Standard Profiles'!$G$18=$B$17,14,0)+IF('Standard Profiles'!$G$18=$B$24,21,0),MOD($C4696,24)+1)/SUM(INDEX($D$3:$AA$30,INDEX(Jesper!$R$2:$R$366,ROW(INDEX(Jesper!AH$2:AH$366,ROUNDDOWN($C4696/24,0)+1,1))-1)+IF('Standard Profiles'!$G$18=$B$10,7,0)+IF('Standard Profiles'!$G$18=$B$17,14,0)+IF('Standard Profiles'!$G$18=$B$24,21,0),0)),0)</f>
        <v>4.8137009982331129</v>
      </c>
      <c r="E4696" cm="1">
        <f t="array" ref="E4696">IFERROR(INDEX(Jesper!AI$2:AI$366,ROUNDDOWN($C4696/24,0)+1,1)*INDEX($D$3:$AA$30,INDEX(Jesper!$R$2:$R$366,ROW(INDEX(Jesper!AI$2:AI$366,ROUNDDOWN($C4696/24,0)+1,1))-1)+IF('Standard Profiles'!$G$19=$B$10,7,0)+IF('Standard Profiles'!$G$19=$B$17,14,0)+IF('Standard Profiles'!$G$19=$B$24,21,0),MOD($C4696,24)+1)/SUM(INDEX($D$3:$AA$30,INDEX(Jesper!$R$2:$R$366,ROW(INDEX(Jesper!AI$2:AI$366,ROUNDDOWN($C4696/24,0)+1,1))-1)+IF('Standard Profiles'!$G$19=$B$10,7,0)+IF('Standard Profiles'!$G$19=$B$17,14,0)+IF('Standard Profiles'!$G$19=$B$24,21,0),0)),0)</f>
        <v>1.8407179374571483</v>
      </c>
      <c r="F4696" cm="1">
        <f t="array" ref="F4696">IFERROR(INDEX(Jesper!AJ$2:AJ$366,ROUNDDOWN($C4696/24,0)+1,1)*INDEX($D$3:$AA$30,INDEX(Jesper!$R$2:$R$366,ROW(INDEX(Jesper!AJ$2:AJ$366,ROUNDDOWN($C4696/24,0)+1,1))-1)+IF('Standard Profiles'!$G$20=$B$10,7,0)+IF('Standard Profiles'!$G$20=$B$17,14,0)+IF('Standard Profiles'!$G$20=$B$24,21,0),MOD($C4696,24)+1)/SUM(INDEX($D$3:$AA$30,INDEX(Jesper!$R$2:$R$366,ROW(INDEX(Jesper!AJ$2:AJ$366,ROUNDDOWN($C4696/24,0)+1,1))-1)+IF('Standard Profiles'!$G$20=$B$10,7,0)+IF('Standard Profiles'!$G$20=$B$17,14,0)+IF('Standard Profiles'!$G$20=$B$24,21,0),0)),0)</f>
        <v>0</v>
      </c>
      <c r="G4696" cm="1">
        <f t="array" ref="G4696">IFERROR(INDEX(Jesper!AK$2:AK$366,ROUNDDOWN($C4696/24,0)+1,1)*INDEX($D$3:$AA$30,INDEX(Jesper!$R$2:$R$366,ROW(INDEX(Jesper!AK$2:AK$366,ROUNDDOWN($C4696/24,0)+1,1))-1)+IF('Standard Profiles'!$G$21=$B$10,7,0)+IF('Standard Profiles'!$G$21=$B$17,14,0)+IF('Standard Profiles'!$G$21=$B$24,21,0),MOD($C4696,24)+1)/SUM(INDEX($D$3:$AA$30,INDEX(Jesper!$R$2:$R$366,ROW(INDEX(Jesper!AK$2:AK$366,ROUNDDOWN($C4696/24,0)+1,1))-1)+IF('Standard Profiles'!$G$21=$B$10,7,0)+IF('Standard Profiles'!$G$21=$B$17,14,0)+IF('Standard Profiles'!$G$21=$B$24,21,0),0)),0)</f>
        <v>0</v>
      </c>
      <c r="H4696" cm="1">
        <f t="array" ref="H4696">IFERROR(INDEX(Jesper!AL$2:AL$366,ROUNDDOWN($C4696/24,0)+1,1)*INDEX($D$3:$AA$30,INDEX(Jesper!$R$2:$R$366,ROW(INDEX(Jesper!AL$2:AL$366,ROUNDDOWN($C4696/24,0)+1,1))-1)+IF('Standard Profiles'!$G$22=$B$10,7,0)+IF('Standard Profiles'!$G$22=$B$17,14,0)+IF('Standard Profiles'!$G$22=$B$24,21,0),MOD($C4696,24)+1)/SUM(INDEX($D$3:$AA$30,INDEX(Jesper!$R$2:$R$366,ROW(INDEX(Jesper!AL$2:AL$366,ROUNDDOWN($C4696/24,0)+1,1))-1)+IF('Standard Profiles'!$G$22=$B$10,7,0)+IF('Standard Profiles'!$G$22=$B$17,14,0)+IF('Standard Profiles'!$G$22=$B$24,21,0),0)),0)</f>
        <v>0</v>
      </c>
      <c r="I4696">
        <f t="shared" si="524"/>
        <v>0</v>
      </c>
      <c r="J4696">
        <f t="shared" si="525"/>
        <v>5.8842267759729632</v>
      </c>
      <c r="K4696">
        <f t="shared" si="526"/>
        <v>0.51346143981153203</v>
      </c>
      <c r="L4696">
        <f t="shared" si="527"/>
        <v>0.25673071990576601</v>
      </c>
      <c r="M4696">
        <f t="shared" si="528"/>
        <v>0</v>
      </c>
      <c r="N4696" s="45">
        <f t="shared" si="529"/>
        <v>45121.249999988693</v>
      </c>
    </row>
    <row r="4697" spans="2:14" x14ac:dyDescent="0.25">
      <c r="B4697">
        <f t="shared" si="523"/>
        <v>5</v>
      </c>
      <c r="C4697" s="16">
        <v>4663</v>
      </c>
      <c r="D4697" cm="1">
        <f t="array" ref="D4697">IFERROR(INDEX(Jesper!AH$2:AH$366,ROUNDDOWN($C4697/24,0)+1,1)*INDEX($D$3:$AA$30,INDEX(Jesper!$R$2:$R$366,ROW(INDEX(Jesper!AH$2:AH$366,ROUNDDOWN($C4697/24,0)+1,1))-1)+IF('Standard Profiles'!$G$18=$B$10,7,0)+IF('Standard Profiles'!$G$18=$B$17,14,0)+IF('Standard Profiles'!$G$18=$B$24,21,0),MOD($C4697,24)+1)/SUM(INDEX($D$3:$AA$30,INDEX(Jesper!$R$2:$R$366,ROW(INDEX(Jesper!AH$2:AH$366,ROUNDDOWN($C4697/24,0)+1,1))-1)+IF('Standard Profiles'!$G$18=$B$10,7,0)+IF('Standard Profiles'!$G$18=$B$17,14,0)+IF('Standard Profiles'!$G$18=$B$24,21,0),0)),0)</f>
        <v>20.506366252473057</v>
      </c>
      <c r="E4697" cm="1">
        <f t="array" ref="E4697">IFERROR(INDEX(Jesper!AI$2:AI$366,ROUNDDOWN($C4697/24,0)+1,1)*INDEX($D$3:$AA$30,INDEX(Jesper!$R$2:$R$366,ROW(INDEX(Jesper!AI$2:AI$366,ROUNDDOWN($C4697/24,0)+1,1))-1)+IF('Standard Profiles'!$G$19=$B$10,7,0)+IF('Standard Profiles'!$G$19=$B$17,14,0)+IF('Standard Profiles'!$G$19=$B$24,21,0),MOD($C4697,24)+1)/SUM(INDEX($D$3:$AA$30,INDEX(Jesper!$R$2:$R$366,ROW(INDEX(Jesper!AI$2:AI$366,ROUNDDOWN($C4697/24,0)+1,1))-1)+IF('Standard Profiles'!$G$19=$B$10,7,0)+IF('Standard Profiles'!$G$19=$B$17,14,0)+IF('Standard Profiles'!$G$19=$B$24,21,0),0)),0)</f>
        <v>7.8414584135674517</v>
      </c>
      <c r="F4697" cm="1">
        <f t="array" ref="F4697">IFERROR(INDEX(Jesper!AJ$2:AJ$366,ROUNDDOWN($C4697/24,0)+1,1)*INDEX($D$3:$AA$30,INDEX(Jesper!$R$2:$R$366,ROW(INDEX(Jesper!AJ$2:AJ$366,ROUNDDOWN($C4697/24,0)+1,1))-1)+IF('Standard Profiles'!$G$20=$B$10,7,0)+IF('Standard Profiles'!$G$20=$B$17,14,0)+IF('Standard Profiles'!$G$20=$B$24,21,0),MOD($C4697,24)+1)/SUM(INDEX($D$3:$AA$30,INDEX(Jesper!$R$2:$R$366,ROW(INDEX(Jesper!AJ$2:AJ$366,ROUNDDOWN($C4697/24,0)+1,1))-1)+IF('Standard Profiles'!$G$20=$B$10,7,0)+IF('Standard Profiles'!$G$20=$B$17,14,0)+IF('Standard Profiles'!$G$20=$B$24,21,0),0)),0)</f>
        <v>0</v>
      </c>
      <c r="G4697" cm="1">
        <f t="array" ref="G4697">IFERROR(INDEX(Jesper!AK$2:AK$366,ROUNDDOWN($C4697/24,0)+1,1)*INDEX($D$3:$AA$30,INDEX(Jesper!$R$2:$R$366,ROW(INDEX(Jesper!AK$2:AK$366,ROUNDDOWN($C4697/24,0)+1,1))-1)+IF('Standard Profiles'!$G$21=$B$10,7,0)+IF('Standard Profiles'!$G$21=$B$17,14,0)+IF('Standard Profiles'!$G$21=$B$24,21,0),MOD($C4697,24)+1)/SUM(INDEX($D$3:$AA$30,INDEX(Jesper!$R$2:$R$366,ROW(INDEX(Jesper!AK$2:AK$366,ROUNDDOWN($C4697/24,0)+1,1))-1)+IF('Standard Profiles'!$G$21=$B$10,7,0)+IF('Standard Profiles'!$G$21=$B$17,14,0)+IF('Standard Profiles'!$G$21=$B$24,21,0),0)),0)</f>
        <v>0</v>
      </c>
      <c r="H4697" cm="1">
        <f t="array" ref="H4697">IFERROR(INDEX(Jesper!AL$2:AL$366,ROUNDDOWN($C4697/24,0)+1,1)*INDEX($D$3:$AA$30,INDEX(Jesper!$R$2:$R$366,ROW(INDEX(Jesper!AL$2:AL$366,ROUNDDOWN($C4697/24,0)+1,1))-1)+IF('Standard Profiles'!$G$22=$B$10,7,0)+IF('Standard Profiles'!$G$22=$B$17,14,0)+IF('Standard Profiles'!$G$22=$B$24,21,0),MOD($C4697,24)+1)/SUM(INDEX($D$3:$AA$30,INDEX(Jesper!$R$2:$R$366,ROW(INDEX(Jesper!AL$2:AL$366,ROUNDDOWN($C4697/24,0)+1,1))-1)+IF('Standard Profiles'!$G$22=$B$10,7,0)+IF('Standard Profiles'!$G$22=$B$17,14,0)+IF('Standard Profiles'!$G$22=$B$24,21,0),0)),0)</f>
        <v>0</v>
      </c>
      <c r="I4697">
        <f t="shared" si="524"/>
        <v>0</v>
      </c>
      <c r="J4697">
        <f t="shared" si="525"/>
        <v>25.066806065644819</v>
      </c>
      <c r="K4697">
        <f t="shared" si="526"/>
        <v>2.1873457335971263</v>
      </c>
      <c r="L4697">
        <f t="shared" si="527"/>
        <v>1.0936728667985631</v>
      </c>
      <c r="M4697">
        <f t="shared" si="528"/>
        <v>0</v>
      </c>
      <c r="N4697" s="45">
        <f t="shared" si="529"/>
        <v>45121.291666655357</v>
      </c>
    </row>
    <row r="4698" spans="2:14" x14ac:dyDescent="0.25">
      <c r="B4698">
        <f t="shared" si="523"/>
        <v>5</v>
      </c>
      <c r="C4698" s="16">
        <v>4664</v>
      </c>
      <c r="D4698" cm="1">
        <f t="array" ref="D4698">IFERROR(INDEX(Jesper!AH$2:AH$366,ROUNDDOWN($C4698/24,0)+1,1)*INDEX($D$3:$AA$30,INDEX(Jesper!$R$2:$R$366,ROW(INDEX(Jesper!AH$2:AH$366,ROUNDDOWN($C4698/24,0)+1,1))-1)+IF('Standard Profiles'!$G$18=$B$10,7,0)+IF('Standard Profiles'!$G$18=$B$17,14,0)+IF('Standard Profiles'!$G$18=$B$24,21,0),MOD($C4698,24)+1)/SUM(INDEX($D$3:$AA$30,INDEX(Jesper!$R$2:$R$366,ROW(INDEX(Jesper!AH$2:AH$366,ROUNDDOWN($C4698/24,0)+1,1))-1)+IF('Standard Profiles'!$G$18=$B$10,7,0)+IF('Standard Profiles'!$G$18=$B$17,14,0)+IF('Standard Profiles'!$G$18=$B$24,21,0),0)),0)</f>
        <v>25.632957815591325</v>
      </c>
      <c r="E4698" cm="1">
        <f t="array" ref="E4698">IFERROR(INDEX(Jesper!AI$2:AI$366,ROUNDDOWN($C4698/24,0)+1,1)*INDEX($D$3:$AA$30,INDEX(Jesper!$R$2:$R$366,ROW(INDEX(Jesper!AI$2:AI$366,ROUNDDOWN($C4698/24,0)+1,1))-1)+IF('Standard Profiles'!$G$19=$B$10,7,0)+IF('Standard Profiles'!$G$19=$B$17,14,0)+IF('Standard Profiles'!$G$19=$B$24,21,0),MOD($C4698,24)+1)/SUM(INDEX($D$3:$AA$30,INDEX(Jesper!$R$2:$R$366,ROW(INDEX(Jesper!AI$2:AI$366,ROUNDDOWN($C4698/24,0)+1,1))-1)+IF('Standard Profiles'!$G$19=$B$10,7,0)+IF('Standard Profiles'!$G$19=$B$17,14,0)+IF('Standard Profiles'!$G$19=$B$24,21,0),0)),0)</f>
        <v>9.8018230169593128</v>
      </c>
      <c r="F4698" cm="1">
        <f t="array" ref="F4698">IFERROR(INDEX(Jesper!AJ$2:AJ$366,ROUNDDOWN($C4698/24,0)+1,1)*INDEX($D$3:$AA$30,INDEX(Jesper!$R$2:$R$366,ROW(INDEX(Jesper!AJ$2:AJ$366,ROUNDDOWN($C4698/24,0)+1,1))-1)+IF('Standard Profiles'!$G$20=$B$10,7,0)+IF('Standard Profiles'!$G$20=$B$17,14,0)+IF('Standard Profiles'!$G$20=$B$24,21,0),MOD($C4698,24)+1)/SUM(INDEX($D$3:$AA$30,INDEX(Jesper!$R$2:$R$366,ROW(INDEX(Jesper!AJ$2:AJ$366,ROUNDDOWN($C4698/24,0)+1,1))-1)+IF('Standard Profiles'!$G$20=$B$10,7,0)+IF('Standard Profiles'!$G$20=$B$17,14,0)+IF('Standard Profiles'!$G$20=$B$24,21,0),0)),0)</f>
        <v>0</v>
      </c>
      <c r="G4698" cm="1">
        <f t="array" ref="G4698">IFERROR(INDEX(Jesper!AK$2:AK$366,ROUNDDOWN($C4698/24,0)+1,1)*INDEX($D$3:$AA$30,INDEX(Jesper!$R$2:$R$366,ROW(INDEX(Jesper!AK$2:AK$366,ROUNDDOWN($C4698/24,0)+1,1))-1)+IF('Standard Profiles'!$G$21=$B$10,7,0)+IF('Standard Profiles'!$G$21=$B$17,14,0)+IF('Standard Profiles'!$G$21=$B$24,21,0),MOD($C4698,24)+1)/SUM(INDEX($D$3:$AA$30,INDEX(Jesper!$R$2:$R$366,ROW(INDEX(Jesper!AK$2:AK$366,ROUNDDOWN($C4698/24,0)+1,1))-1)+IF('Standard Profiles'!$G$21=$B$10,7,0)+IF('Standard Profiles'!$G$21=$B$17,14,0)+IF('Standard Profiles'!$G$21=$B$24,21,0),0)),0)</f>
        <v>0</v>
      </c>
      <c r="H4698" cm="1">
        <f t="array" ref="H4698">IFERROR(INDEX(Jesper!AL$2:AL$366,ROUNDDOWN($C4698/24,0)+1,1)*INDEX($D$3:$AA$30,INDEX(Jesper!$R$2:$R$366,ROW(INDEX(Jesper!AL$2:AL$366,ROUNDDOWN($C4698/24,0)+1,1))-1)+IF('Standard Profiles'!$G$22=$B$10,7,0)+IF('Standard Profiles'!$G$22=$B$17,14,0)+IF('Standard Profiles'!$G$22=$B$24,21,0),MOD($C4698,24)+1)/SUM(INDEX($D$3:$AA$30,INDEX(Jesper!$R$2:$R$366,ROW(INDEX(Jesper!AL$2:AL$366,ROUNDDOWN($C4698/24,0)+1,1))-1)+IF('Standard Profiles'!$G$22=$B$10,7,0)+IF('Standard Profiles'!$G$22=$B$17,14,0)+IF('Standard Profiles'!$G$22=$B$24,21,0),0)),0)</f>
        <v>0</v>
      </c>
      <c r="I4698">
        <f t="shared" si="524"/>
        <v>0</v>
      </c>
      <c r="J4698">
        <f t="shared" si="525"/>
        <v>31.333507582056022</v>
      </c>
      <c r="K4698">
        <f t="shared" si="526"/>
        <v>2.7341821669964084</v>
      </c>
      <c r="L4698">
        <f t="shared" si="527"/>
        <v>1.3670910834982042</v>
      </c>
      <c r="M4698">
        <f t="shared" si="528"/>
        <v>0</v>
      </c>
      <c r="N4698" s="45">
        <f t="shared" si="529"/>
        <v>45121.333333322022</v>
      </c>
    </row>
    <row r="4699" spans="2:14" x14ac:dyDescent="0.25">
      <c r="B4699">
        <f t="shared" si="523"/>
        <v>5</v>
      </c>
      <c r="C4699" s="16">
        <v>4665</v>
      </c>
      <c r="D4699" cm="1">
        <f t="array" ref="D4699">IFERROR(INDEX(Jesper!AH$2:AH$366,ROUNDDOWN($C4699/24,0)+1,1)*INDEX($D$3:$AA$30,INDEX(Jesper!$R$2:$R$366,ROW(INDEX(Jesper!AH$2:AH$366,ROUNDDOWN($C4699/24,0)+1,1))-1)+IF('Standard Profiles'!$G$18=$B$10,7,0)+IF('Standard Profiles'!$G$18=$B$17,14,0)+IF('Standard Profiles'!$G$18=$B$24,21,0),MOD($C4699,24)+1)/SUM(INDEX($D$3:$AA$30,INDEX(Jesper!$R$2:$R$366,ROW(INDEX(Jesper!AH$2:AH$366,ROUNDDOWN($C4699/24,0)+1,1))-1)+IF('Standard Profiles'!$G$18=$B$10,7,0)+IF('Standard Profiles'!$G$18=$B$17,14,0)+IF('Standard Profiles'!$G$18=$B$24,21,0),0)),0)</f>
        <v>28.196253597150456</v>
      </c>
      <c r="E4699" cm="1">
        <f t="array" ref="E4699">IFERROR(INDEX(Jesper!AI$2:AI$366,ROUNDDOWN($C4699/24,0)+1,1)*INDEX($D$3:$AA$30,INDEX(Jesper!$R$2:$R$366,ROW(INDEX(Jesper!AI$2:AI$366,ROUNDDOWN($C4699/24,0)+1,1))-1)+IF('Standard Profiles'!$G$19=$B$10,7,0)+IF('Standard Profiles'!$G$19=$B$17,14,0)+IF('Standard Profiles'!$G$19=$B$24,21,0),MOD($C4699,24)+1)/SUM(INDEX($D$3:$AA$30,INDEX(Jesper!$R$2:$R$366,ROW(INDEX(Jesper!AI$2:AI$366,ROUNDDOWN($C4699/24,0)+1,1))-1)+IF('Standard Profiles'!$G$19=$B$10,7,0)+IF('Standard Profiles'!$G$19=$B$17,14,0)+IF('Standard Profiles'!$G$19=$B$24,21,0),0)),0)</f>
        <v>10.782005318655244</v>
      </c>
      <c r="F4699" cm="1">
        <f t="array" ref="F4699">IFERROR(INDEX(Jesper!AJ$2:AJ$366,ROUNDDOWN($C4699/24,0)+1,1)*INDEX($D$3:$AA$30,INDEX(Jesper!$R$2:$R$366,ROW(INDEX(Jesper!AJ$2:AJ$366,ROUNDDOWN($C4699/24,0)+1,1))-1)+IF('Standard Profiles'!$G$20=$B$10,7,0)+IF('Standard Profiles'!$G$20=$B$17,14,0)+IF('Standard Profiles'!$G$20=$B$24,21,0),MOD($C4699,24)+1)/SUM(INDEX($D$3:$AA$30,INDEX(Jesper!$R$2:$R$366,ROW(INDEX(Jesper!AJ$2:AJ$366,ROUNDDOWN($C4699/24,0)+1,1))-1)+IF('Standard Profiles'!$G$20=$B$10,7,0)+IF('Standard Profiles'!$G$20=$B$17,14,0)+IF('Standard Profiles'!$G$20=$B$24,21,0),0)),0)</f>
        <v>0</v>
      </c>
      <c r="G4699" cm="1">
        <f t="array" ref="G4699">IFERROR(INDEX(Jesper!AK$2:AK$366,ROUNDDOWN($C4699/24,0)+1,1)*INDEX($D$3:$AA$30,INDEX(Jesper!$R$2:$R$366,ROW(INDEX(Jesper!AK$2:AK$366,ROUNDDOWN($C4699/24,0)+1,1))-1)+IF('Standard Profiles'!$G$21=$B$10,7,0)+IF('Standard Profiles'!$G$21=$B$17,14,0)+IF('Standard Profiles'!$G$21=$B$24,21,0),MOD($C4699,24)+1)/SUM(INDEX($D$3:$AA$30,INDEX(Jesper!$R$2:$R$366,ROW(INDEX(Jesper!AK$2:AK$366,ROUNDDOWN($C4699/24,0)+1,1))-1)+IF('Standard Profiles'!$G$21=$B$10,7,0)+IF('Standard Profiles'!$G$21=$B$17,14,0)+IF('Standard Profiles'!$G$21=$B$24,21,0),0)),0)</f>
        <v>0</v>
      </c>
      <c r="H4699" cm="1">
        <f t="array" ref="H4699">IFERROR(INDEX(Jesper!AL$2:AL$366,ROUNDDOWN($C4699/24,0)+1,1)*INDEX($D$3:$AA$30,INDEX(Jesper!$R$2:$R$366,ROW(INDEX(Jesper!AL$2:AL$366,ROUNDDOWN($C4699/24,0)+1,1))-1)+IF('Standard Profiles'!$G$22=$B$10,7,0)+IF('Standard Profiles'!$G$22=$B$17,14,0)+IF('Standard Profiles'!$G$22=$B$24,21,0),MOD($C4699,24)+1)/SUM(INDEX($D$3:$AA$30,INDEX(Jesper!$R$2:$R$366,ROW(INDEX(Jesper!AL$2:AL$366,ROUNDDOWN($C4699/24,0)+1,1))-1)+IF('Standard Profiles'!$G$22=$B$10,7,0)+IF('Standard Profiles'!$G$22=$B$17,14,0)+IF('Standard Profiles'!$G$22=$B$24,21,0),0)),0)</f>
        <v>0</v>
      </c>
      <c r="I4699">
        <f t="shared" si="524"/>
        <v>0</v>
      </c>
      <c r="J4699">
        <f t="shared" si="525"/>
        <v>34.466858340261624</v>
      </c>
      <c r="K4699">
        <f t="shared" si="526"/>
        <v>3.0076003836960488</v>
      </c>
      <c r="L4699">
        <f t="shared" si="527"/>
        <v>1.5038001918480244</v>
      </c>
      <c r="M4699">
        <f t="shared" si="528"/>
        <v>0</v>
      </c>
      <c r="N4699" s="45">
        <f t="shared" si="529"/>
        <v>45121.374999988686</v>
      </c>
    </row>
    <row r="4700" spans="2:14" x14ac:dyDescent="0.25">
      <c r="B4700">
        <f t="shared" si="523"/>
        <v>5</v>
      </c>
      <c r="C4700" s="16">
        <v>4666</v>
      </c>
      <c r="D4700" cm="1">
        <f t="array" ref="D4700">IFERROR(INDEX(Jesper!AH$2:AH$366,ROUNDDOWN($C4700/24,0)+1,1)*INDEX($D$3:$AA$30,INDEX(Jesper!$R$2:$R$366,ROW(INDEX(Jesper!AH$2:AH$366,ROUNDDOWN($C4700/24,0)+1,1))-1)+IF('Standard Profiles'!$G$18=$B$10,7,0)+IF('Standard Profiles'!$G$18=$B$17,14,0)+IF('Standard Profiles'!$G$18=$B$24,21,0),MOD($C4700,24)+1)/SUM(INDEX($D$3:$AA$30,INDEX(Jesper!$R$2:$R$366,ROW(INDEX(Jesper!AH$2:AH$366,ROUNDDOWN($C4700/24,0)+1,1))-1)+IF('Standard Profiles'!$G$18=$B$10,7,0)+IF('Standard Profiles'!$G$18=$B$17,14,0)+IF('Standard Profiles'!$G$18=$B$24,21,0),0)),0)</f>
        <v>28.196253597150456</v>
      </c>
      <c r="E4700" cm="1">
        <f t="array" ref="E4700">IFERROR(INDEX(Jesper!AI$2:AI$366,ROUNDDOWN($C4700/24,0)+1,1)*INDEX($D$3:$AA$30,INDEX(Jesper!$R$2:$R$366,ROW(INDEX(Jesper!AI$2:AI$366,ROUNDDOWN($C4700/24,0)+1,1))-1)+IF('Standard Profiles'!$G$19=$B$10,7,0)+IF('Standard Profiles'!$G$19=$B$17,14,0)+IF('Standard Profiles'!$G$19=$B$24,21,0),MOD($C4700,24)+1)/SUM(INDEX($D$3:$AA$30,INDEX(Jesper!$R$2:$R$366,ROW(INDEX(Jesper!AI$2:AI$366,ROUNDDOWN($C4700/24,0)+1,1))-1)+IF('Standard Profiles'!$G$19=$B$10,7,0)+IF('Standard Profiles'!$G$19=$B$17,14,0)+IF('Standard Profiles'!$G$19=$B$24,21,0),0)),0)</f>
        <v>10.782005318655244</v>
      </c>
      <c r="F4700" cm="1">
        <f t="array" ref="F4700">IFERROR(INDEX(Jesper!AJ$2:AJ$366,ROUNDDOWN($C4700/24,0)+1,1)*INDEX($D$3:$AA$30,INDEX(Jesper!$R$2:$R$366,ROW(INDEX(Jesper!AJ$2:AJ$366,ROUNDDOWN($C4700/24,0)+1,1))-1)+IF('Standard Profiles'!$G$20=$B$10,7,0)+IF('Standard Profiles'!$G$20=$B$17,14,0)+IF('Standard Profiles'!$G$20=$B$24,21,0),MOD($C4700,24)+1)/SUM(INDEX($D$3:$AA$30,INDEX(Jesper!$R$2:$R$366,ROW(INDEX(Jesper!AJ$2:AJ$366,ROUNDDOWN($C4700/24,0)+1,1))-1)+IF('Standard Profiles'!$G$20=$B$10,7,0)+IF('Standard Profiles'!$G$20=$B$17,14,0)+IF('Standard Profiles'!$G$20=$B$24,21,0),0)),0)</f>
        <v>0</v>
      </c>
      <c r="G4700" cm="1">
        <f t="array" ref="G4700">IFERROR(INDEX(Jesper!AK$2:AK$366,ROUNDDOWN($C4700/24,0)+1,1)*INDEX($D$3:$AA$30,INDEX(Jesper!$R$2:$R$366,ROW(INDEX(Jesper!AK$2:AK$366,ROUNDDOWN($C4700/24,0)+1,1))-1)+IF('Standard Profiles'!$G$21=$B$10,7,0)+IF('Standard Profiles'!$G$21=$B$17,14,0)+IF('Standard Profiles'!$G$21=$B$24,21,0),MOD($C4700,24)+1)/SUM(INDEX($D$3:$AA$30,INDEX(Jesper!$R$2:$R$366,ROW(INDEX(Jesper!AK$2:AK$366,ROUNDDOWN($C4700/24,0)+1,1))-1)+IF('Standard Profiles'!$G$21=$B$10,7,0)+IF('Standard Profiles'!$G$21=$B$17,14,0)+IF('Standard Profiles'!$G$21=$B$24,21,0),0)),0)</f>
        <v>0</v>
      </c>
      <c r="H4700" cm="1">
        <f t="array" ref="H4700">IFERROR(INDEX(Jesper!AL$2:AL$366,ROUNDDOWN($C4700/24,0)+1,1)*INDEX($D$3:$AA$30,INDEX(Jesper!$R$2:$R$366,ROW(INDEX(Jesper!AL$2:AL$366,ROUNDDOWN($C4700/24,0)+1,1))-1)+IF('Standard Profiles'!$G$22=$B$10,7,0)+IF('Standard Profiles'!$G$22=$B$17,14,0)+IF('Standard Profiles'!$G$22=$B$24,21,0),MOD($C4700,24)+1)/SUM(INDEX($D$3:$AA$30,INDEX(Jesper!$R$2:$R$366,ROW(INDEX(Jesper!AL$2:AL$366,ROUNDDOWN($C4700/24,0)+1,1))-1)+IF('Standard Profiles'!$G$22=$B$10,7,0)+IF('Standard Profiles'!$G$22=$B$17,14,0)+IF('Standard Profiles'!$G$22=$B$24,21,0),0)),0)</f>
        <v>0</v>
      </c>
      <c r="I4700">
        <f t="shared" si="524"/>
        <v>0</v>
      </c>
      <c r="J4700">
        <f t="shared" si="525"/>
        <v>34.466858340261624</v>
      </c>
      <c r="K4700">
        <f t="shared" si="526"/>
        <v>3.0076003836960488</v>
      </c>
      <c r="L4700">
        <f t="shared" si="527"/>
        <v>1.5038001918480244</v>
      </c>
      <c r="M4700">
        <f t="shared" si="528"/>
        <v>0</v>
      </c>
      <c r="N4700" s="45">
        <f t="shared" si="529"/>
        <v>45121.41666665535</v>
      </c>
    </row>
    <row r="4701" spans="2:14" x14ac:dyDescent="0.25">
      <c r="B4701">
        <f t="shared" si="523"/>
        <v>5</v>
      </c>
      <c r="C4701" s="16">
        <v>4667</v>
      </c>
      <c r="D4701" cm="1">
        <f t="array" ref="D4701">IFERROR(INDEX(Jesper!AH$2:AH$366,ROUNDDOWN($C4701/24,0)+1,1)*INDEX($D$3:$AA$30,INDEX(Jesper!$R$2:$R$366,ROW(INDEX(Jesper!AH$2:AH$366,ROUNDDOWN($C4701/24,0)+1,1))-1)+IF('Standard Profiles'!$G$18=$B$10,7,0)+IF('Standard Profiles'!$G$18=$B$17,14,0)+IF('Standard Profiles'!$G$18=$B$24,21,0),MOD($C4701,24)+1)/SUM(INDEX($D$3:$AA$30,INDEX(Jesper!$R$2:$R$366,ROW(INDEX(Jesper!AH$2:AH$366,ROUNDDOWN($C4701/24,0)+1,1))-1)+IF('Standard Profiles'!$G$18=$B$10,7,0)+IF('Standard Profiles'!$G$18=$B$17,14,0)+IF('Standard Profiles'!$G$18=$B$24,21,0),0)),0)</f>
        <v>33.32284516026872</v>
      </c>
      <c r="E4701" cm="1">
        <f t="array" ref="E4701">IFERROR(INDEX(Jesper!AI$2:AI$366,ROUNDDOWN($C4701/24,0)+1,1)*INDEX($D$3:$AA$30,INDEX(Jesper!$R$2:$R$366,ROW(INDEX(Jesper!AI$2:AI$366,ROUNDDOWN($C4701/24,0)+1,1))-1)+IF('Standard Profiles'!$G$19=$B$10,7,0)+IF('Standard Profiles'!$G$19=$B$17,14,0)+IF('Standard Profiles'!$G$19=$B$24,21,0),MOD($C4701,24)+1)/SUM(INDEX($D$3:$AA$30,INDEX(Jesper!$R$2:$R$366,ROW(INDEX(Jesper!AI$2:AI$366,ROUNDDOWN($C4701/24,0)+1,1))-1)+IF('Standard Profiles'!$G$19=$B$10,7,0)+IF('Standard Profiles'!$G$19=$B$17,14,0)+IF('Standard Profiles'!$G$19=$B$24,21,0),0)),0)</f>
        <v>12.742369922047107</v>
      </c>
      <c r="F4701" cm="1">
        <f t="array" ref="F4701">IFERROR(INDEX(Jesper!AJ$2:AJ$366,ROUNDDOWN($C4701/24,0)+1,1)*INDEX($D$3:$AA$30,INDEX(Jesper!$R$2:$R$366,ROW(INDEX(Jesper!AJ$2:AJ$366,ROUNDDOWN($C4701/24,0)+1,1))-1)+IF('Standard Profiles'!$G$20=$B$10,7,0)+IF('Standard Profiles'!$G$20=$B$17,14,0)+IF('Standard Profiles'!$G$20=$B$24,21,0),MOD($C4701,24)+1)/SUM(INDEX($D$3:$AA$30,INDEX(Jesper!$R$2:$R$366,ROW(INDEX(Jesper!AJ$2:AJ$366,ROUNDDOWN($C4701/24,0)+1,1))-1)+IF('Standard Profiles'!$G$20=$B$10,7,0)+IF('Standard Profiles'!$G$20=$B$17,14,0)+IF('Standard Profiles'!$G$20=$B$24,21,0),0)),0)</f>
        <v>0</v>
      </c>
      <c r="G4701" cm="1">
        <f t="array" ref="G4701">IFERROR(INDEX(Jesper!AK$2:AK$366,ROUNDDOWN($C4701/24,0)+1,1)*INDEX($D$3:$AA$30,INDEX(Jesper!$R$2:$R$366,ROW(INDEX(Jesper!AK$2:AK$366,ROUNDDOWN($C4701/24,0)+1,1))-1)+IF('Standard Profiles'!$G$21=$B$10,7,0)+IF('Standard Profiles'!$G$21=$B$17,14,0)+IF('Standard Profiles'!$G$21=$B$24,21,0),MOD($C4701,24)+1)/SUM(INDEX($D$3:$AA$30,INDEX(Jesper!$R$2:$R$366,ROW(INDEX(Jesper!AK$2:AK$366,ROUNDDOWN($C4701/24,0)+1,1))-1)+IF('Standard Profiles'!$G$21=$B$10,7,0)+IF('Standard Profiles'!$G$21=$B$17,14,0)+IF('Standard Profiles'!$G$21=$B$24,21,0),0)),0)</f>
        <v>0</v>
      </c>
      <c r="H4701" cm="1">
        <f t="array" ref="H4701">IFERROR(INDEX(Jesper!AL$2:AL$366,ROUNDDOWN($C4701/24,0)+1,1)*INDEX($D$3:$AA$30,INDEX(Jesper!$R$2:$R$366,ROW(INDEX(Jesper!AL$2:AL$366,ROUNDDOWN($C4701/24,0)+1,1))-1)+IF('Standard Profiles'!$G$22=$B$10,7,0)+IF('Standard Profiles'!$G$22=$B$17,14,0)+IF('Standard Profiles'!$G$22=$B$24,21,0),MOD($C4701,24)+1)/SUM(INDEX($D$3:$AA$30,INDEX(Jesper!$R$2:$R$366,ROW(INDEX(Jesper!AL$2:AL$366,ROUNDDOWN($C4701/24,0)+1,1))-1)+IF('Standard Profiles'!$G$22=$B$10,7,0)+IF('Standard Profiles'!$G$22=$B$17,14,0)+IF('Standard Profiles'!$G$22=$B$24,21,0),0)),0)</f>
        <v>0</v>
      </c>
      <c r="I4701">
        <f t="shared" si="524"/>
        <v>0</v>
      </c>
      <c r="J4701">
        <f t="shared" si="525"/>
        <v>40.733559856672827</v>
      </c>
      <c r="K4701">
        <f t="shared" si="526"/>
        <v>3.5544368170953304</v>
      </c>
      <c r="L4701">
        <f t="shared" si="527"/>
        <v>1.7772184085476652</v>
      </c>
      <c r="M4701">
        <f t="shared" si="528"/>
        <v>0</v>
      </c>
      <c r="N4701" s="45">
        <f t="shared" si="529"/>
        <v>45121.458333322014</v>
      </c>
    </row>
    <row r="4702" spans="2:14" x14ac:dyDescent="0.25">
      <c r="B4702">
        <f t="shared" si="523"/>
        <v>5</v>
      </c>
      <c r="C4702" s="16">
        <v>4668</v>
      </c>
      <c r="D4702" cm="1">
        <f t="array" ref="D4702">IFERROR(INDEX(Jesper!AH$2:AH$366,ROUNDDOWN($C4702/24,0)+1,1)*INDEX($D$3:$AA$30,INDEX(Jesper!$R$2:$R$366,ROW(INDEX(Jesper!AH$2:AH$366,ROUNDDOWN($C4702/24,0)+1,1))-1)+IF('Standard Profiles'!$G$18=$B$10,7,0)+IF('Standard Profiles'!$G$18=$B$17,14,0)+IF('Standard Profiles'!$G$18=$B$24,21,0),MOD($C4702,24)+1)/SUM(INDEX($D$3:$AA$30,INDEX(Jesper!$R$2:$R$366,ROW(INDEX(Jesper!AH$2:AH$366,ROUNDDOWN($C4702/24,0)+1,1))-1)+IF('Standard Profiles'!$G$18=$B$10,7,0)+IF('Standard Profiles'!$G$18=$B$17,14,0)+IF('Standard Profiles'!$G$18=$B$24,21,0),0)),0)</f>
        <v>33.32284516026872</v>
      </c>
      <c r="E4702" cm="1">
        <f t="array" ref="E4702">IFERROR(INDEX(Jesper!AI$2:AI$366,ROUNDDOWN($C4702/24,0)+1,1)*INDEX($D$3:$AA$30,INDEX(Jesper!$R$2:$R$366,ROW(INDEX(Jesper!AI$2:AI$366,ROUNDDOWN($C4702/24,0)+1,1))-1)+IF('Standard Profiles'!$G$19=$B$10,7,0)+IF('Standard Profiles'!$G$19=$B$17,14,0)+IF('Standard Profiles'!$G$19=$B$24,21,0),MOD($C4702,24)+1)/SUM(INDEX($D$3:$AA$30,INDEX(Jesper!$R$2:$R$366,ROW(INDEX(Jesper!AI$2:AI$366,ROUNDDOWN($C4702/24,0)+1,1))-1)+IF('Standard Profiles'!$G$19=$B$10,7,0)+IF('Standard Profiles'!$G$19=$B$17,14,0)+IF('Standard Profiles'!$G$19=$B$24,21,0),0)),0)</f>
        <v>12.742369922047107</v>
      </c>
      <c r="F4702" cm="1">
        <f t="array" ref="F4702">IFERROR(INDEX(Jesper!AJ$2:AJ$366,ROUNDDOWN($C4702/24,0)+1,1)*INDEX($D$3:$AA$30,INDEX(Jesper!$R$2:$R$366,ROW(INDEX(Jesper!AJ$2:AJ$366,ROUNDDOWN($C4702/24,0)+1,1))-1)+IF('Standard Profiles'!$G$20=$B$10,7,0)+IF('Standard Profiles'!$G$20=$B$17,14,0)+IF('Standard Profiles'!$G$20=$B$24,21,0),MOD($C4702,24)+1)/SUM(INDEX($D$3:$AA$30,INDEX(Jesper!$R$2:$R$366,ROW(INDEX(Jesper!AJ$2:AJ$366,ROUNDDOWN($C4702/24,0)+1,1))-1)+IF('Standard Profiles'!$G$20=$B$10,7,0)+IF('Standard Profiles'!$G$20=$B$17,14,0)+IF('Standard Profiles'!$G$20=$B$24,21,0),0)),0)</f>
        <v>0</v>
      </c>
      <c r="G4702" cm="1">
        <f t="array" ref="G4702">IFERROR(INDEX(Jesper!AK$2:AK$366,ROUNDDOWN($C4702/24,0)+1,1)*INDEX($D$3:$AA$30,INDEX(Jesper!$R$2:$R$366,ROW(INDEX(Jesper!AK$2:AK$366,ROUNDDOWN($C4702/24,0)+1,1))-1)+IF('Standard Profiles'!$G$21=$B$10,7,0)+IF('Standard Profiles'!$G$21=$B$17,14,0)+IF('Standard Profiles'!$G$21=$B$24,21,0),MOD($C4702,24)+1)/SUM(INDEX($D$3:$AA$30,INDEX(Jesper!$R$2:$R$366,ROW(INDEX(Jesper!AK$2:AK$366,ROUNDDOWN($C4702/24,0)+1,1))-1)+IF('Standard Profiles'!$G$21=$B$10,7,0)+IF('Standard Profiles'!$G$21=$B$17,14,0)+IF('Standard Profiles'!$G$21=$B$24,21,0),0)),0)</f>
        <v>0</v>
      </c>
      <c r="H4702" cm="1">
        <f t="array" ref="H4702">IFERROR(INDEX(Jesper!AL$2:AL$366,ROUNDDOWN($C4702/24,0)+1,1)*INDEX($D$3:$AA$30,INDEX(Jesper!$R$2:$R$366,ROW(INDEX(Jesper!AL$2:AL$366,ROUNDDOWN($C4702/24,0)+1,1))-1)+IF('Standard Profiles'!$G$22=$B$10,7,0)+IF('Standard Profiles'!$G$22=$B$17,14,0)+IF('Standard Profiles'!$G$22=$B$24,21,0),MOD($C4702,24)+1)/SUM(INDEX($D$3:$AA$30,INDEX(Jesper!$R$2:$R$366,ROW(INDEX(Jesper!AL$2:AL$366,ROUNDDOWN($C4702/24,0)+1,1))-1)+IF('Standard Profiles'!$G$22=$B$10,7,0)+IF('Standard Profiles'!$G$22=$B$17,14,0)+IF('Standard Profiles'!$G$22=$B$24,21,0),0)),0)</f>
        <v>0</v>
      </c>
      <c r="I4702">
        <f t="shared" si="524"/>
        <v>0</v>
      </c>
      <c r="J4702">
        <f t="shared" si="525"/>
        <v>40.733559856672827</v>
      </c>
      <c r="K4702">
        <f t="shared" si="526"/>
        <v>3.5544368170953304</v>
      </c>
      <c r="L4702">
        <f t="shared" si="527"/>
        <v>1.7772184085476652</v>
      </c>
      <c r="M4702">
        <f t="shared" si="528"/>
        <v>0</v>
      </c>
      <c r="N4702" s="45">
        <f t="shared" si="529"/>
        <v>45121.499999988679</v>
      </c>
    </row>
    <row r="4703" spans="2:14" x14ac:dyDescent="0.25">
      <c r="B4703">
        <f t="shared" si="523"/>
        <v>5</v>
      </c>
      <c r="C4703" s="16">
        <v>4669</v>
      </c>
      <c r="D4703" cm="1">
        <f t="array" ref="D4703">IFERROR(INDEX(Jesper!AH$2:AH$366,ROUNDDOWN($C4703/24,0)+1,1)*INDEX($D$3:$AA$30,INDEX(Jesper!$R$2:$R$366,ROW(INDEX(Jesper!AH$2:AH$366,ROUNDDOWN($C4703/24,0)+1,1))-1)+IF('Standard Profiles'!$G$18=$B$10,7,0)+IF('Standard Profiles'!$G$18=$B$17,14,0)+IF('Standard Profiles'!$G$18=$B$24,21,0),MOD($C4703,24)+1)/SUM(INDEX($D$3:$AA$30,INDEX(Jesper!$R$2:$R$366,ROW(INDEX(Jesper!AH$2:AH$366,ROUNDDOWN($C4703/24,0)+1,1))-1)+IF('Standard Profiles'!$G$18=$B$10,7,0)+IF('Standard Profiles'!$G$18=$B$17,14,0)+IF('Standard Profiles'!$G$18=$B$24,21,0),0)),0)</f>
        <v>23.069662034032191</v>
      </c>
      <c r="E4703" cm="1">
        <f t="array" ref="E4703">IFERROR(INDEX(Jesper!AI$2:AI$366,ROUNDDOWN($C4703/24,0)+1,1)*INDEX($D$3:$AA$30,INDEX(Jesper!$R$2:$R$366,ROW(INDEX(Jesper!AI$2:AI$366,ROUNDDOWN($C4703/24,0)+1,1))-1)+IF('Standard Profiles'!$G$19=$B$10,7,0)+IF('Standard Profiles'!$G$19=$B$17,14,0)+IF('Standard Profiles'!$G$19=$B$24,21,0),MOD($C4703,24)+1)/SUM(INDEX($D$3:$AA$30,INDEX(Jesper!$R$2:$R$366,ROW(INDEX(Jesper!AI$2:AI$366,ROUNDDOWN($C4703/24,0)+1,1))-1)+IF('Standard Profiles'!$G$19=$B$10,7,0)+IF('Standard Profiles'!$G$19=$B$17,14,0)+IF('Standard Profiles'!$G$19=$B$24,21,0),0)),0)</f>
        <v>8.8216407152633831</v>
      </c>
      <c r="F4703" cm="1">
        <f t="array" ref="F4703">IFERROR(INDEX(Jesper!AJ$2:AJ$366,ROUNDDOWN($C4703/24,0)+1,1)*INDEX($D$3:$AA$30,INDEX(Jesper!$R$2:$R$366,ROW(INDEX(Jesper!AJ$2:AJ$366,ROUNDDOWN($C4703/24,0)+1,1))-1)+IF('Standard Profiles'!$G$20=$B$10,7,0)+IF('Standard Profiles'!$G$20=$B$17,14,0)+IF('Standard Profiles'!$G$20=$B$24,21,0),MOD($C4703,24)+1)/SUM(INDEX($D$3:$AA$30,INDEX(Jesper!$R$2:$R$366,ROW(INDEX(Jesper!AJ$2:AJ$366,ROUNDDOWN($C4703/24,0)+1,1))-1)+IF('Standard Profiles'!$G$20=$B$10,7,0)+IF('Standard Profiles'!$G$20=$B$17,14,0)+IF('Standard Profiles'!$G$20=$B$24,21,0),0)),0)</f>
        <v>0</v>
      </c>
      <c r="G4703" cm="1">
        <f t="array" ref="G4703">IFERROR(INDEX(Jesper!AK$2:AK$366,ROUNDDOWN($C4703/24,0)+1,1)*INDEX($D$3:$AA$30,INDEX(Jesper!$R$2:$R$366,ROW(INDEX(Jesper!AK$2:AK$366,ROUNDDOWN($C4703/24,0)+1,1))-1)+IF('Standard Profiles'!$G$21=$B$10,7,0)+IF('Standard Profiles'!$G$21=$B$17,14,0)+IF('Standard Profiles'!$G$21=$B$24,21,0),MOD($C4703,24)+1)/SUM(INDEX($D$3:$AA$30,INDEX(Jesper!$R$2:$R$366,ROW(INDEX(Jesper!AK$2:AK$366,ROUNDDOWN($C4703/24,0)+1,1))-1)+IF('Standard Profiles'!$G$21=$B$10,7,0)+IF('Standard Profiles'!$G$21=$B$17,14,0)+IF('Standard Profiles'!$G$21=$B$24,21,0),0)),0)</f>
        <v>0</v>
      </c>
      <c r="H4703" cm="1">
        <f t="array" ref="H4703">IFERROR(INDEX(Jesper!AL$2:AL$366,ROUNDDOWN($C4703/24,0)+1,1)*INDEX($D$3:$AA$30,INDEX(Jesper!$R$2:$R$366,ROW(INDEX(Jesper!AL$2:AL$366,ROUNDDOWN($C4703/24,0)+1,1))-1)+IF('Standard Profiles'!$G$22=$B$10,7,0)+IF('Standard Profiles'!$G$22=$B$17,14,0)+IF('Standard Profiles'!$G$22=$B$24,21,0),MOD($C4703,24)+1)/SUM(INDEX($D$3:$AA$30,INDEX(Jesper!$R$2:$R$366,ROW(INDEX(Jesper!AL$2:AL$366,ROUNDDOWN($C4703/24,0)+1,1))-1)+IF('Standard Profiles'!$G$22=$B$10,7,0)+IF('Standard Profiles'!$G$22=$B$17,14,0)+IF('Standard Profiles'!$G$22=$B$24,21,0),0)),0)</f>
        <v>0</v>
      </c>
      <c r="I4703">
        <f t="shared" si="524"/>
        <v>0</v>
      </c>
      <c r="J4703">
        <f t="shared" si="525"/>
        <v>28.200156823850421</v>
      </c>
      <c r="K4703">
        <f t="shared" si="526"/>
        <v>2.4607639502967671</v>
      </c>
      <c r="L4703">
        <f t="shared" si="527"/>
        <v>1.2303819751483835</v>
      </c>
      <c r="M4703">
        <f t="shared" si="528"/>
        <v>0</v>
      </c>
      <c r="N4703" s="45">
        <f t="shared" si="529"/>
        <v>45121.541666655343</v>
      </c>
    </row>
    <row r="4704" spans="2:14" x14ac:dyDescent="0.25">
      <c r="B4704">
        <f t="shared" si="523"/>
        <v>5</v>
      </c>
      <c r="C4704" s="16">
        <v>4670</v>
      </c>
      <c r="D4704" cm="1">
        <f t="array" ref="D4704">IFERROR(INDEX(Jesper!AH$2:AH$366,ROUNDDOWN($C4704/24,0)+1,1)*INDEX($D$3:$AA$30,INDEX(Jesper!$R$2:$R$366,ROW(INDEX(Jesper!AH$2:AH$366,ROUNDDOWN($C4704/24,0)+1,1))-1)+IF('Standard Profiles'!$G$18=$B$10,7,0)+IF('Standard Profiles'!$G$18=$B$17,14,0)+IF('Standard Profiles'!$G$18=$B$24,21,0),MOD($C4704,24)+1)/SUM(INDEX($D$3:$AA$30,INDEX(Jesper!$R$2:$R$366,ROW(INDEX(Jesper!AH$2:AH$366,ROUNDDOWN($C4704/24,0)+1,1))-1)+IF('Standard Profiles'!$G$18=$B$10,7,0)+IF('Standard Profiles'!$G$18=$B$17,14,0)+IF('Standard Profiles'!$G$18=$B$24,21,0),0)),0)</f>
        <v>33.32284516026872</v>
      </c>
      <c r="E4704" cm="1">
        <f t="array" ref="E4704">IFERROR(INDEX(Jesper!AI$2:AI$366,ROUNDDOWN($C4704/24,0)+1,1)*INDEX($D$3:$AA$30,INDEX(Jesper!$R$2:$R$366,ROW(INDEX(Jesper!AI$2:AI$366,ROUNDDOWN($C4704/24,0)+1,1))-1)+IF('Standard Profiles'!$G$19=$B$10,7,0)+IF('Standard Profiles'!$G$19=$B$17,14,0)+IF('Standard Profiles'!$G$19=$B$24,21,0),MOD($C4704,24)+1)/SUM(INDEX($D$3:$AA$30,INDEX(Jesper!$R$2:$R$366,ROW(INDEX(Jesper!AI$2:AI$366,ROUNDDOWN($C4704/24,0)+1,1))-1)+IF('Standard Profiles'!$G$19=$B$10,7,0)+IF('Standard Profiles'!$G$19=$B$17,14,0)+IF('Standard Profiles'!$G$19=$B$24,21,0),0)),0)</f>
        <v>12.742369922047107</v>
      </c>
      <c r="F4704" cm="1">
        <f t="array" ref="F4704">IFERROR(INDEX(Jesper!AJ$2:AJ$366,ROUNDDOWN($C4704/24,0)+1,1)*INDEX($D$3:$AA$30,INDEX(Jesper!$R$2:$R$366,ROW(INDEX(Jesper!AJ$2:AJ$366,ROUNDDOWN($C4704/24,0)+1,1))-1)+IF('Standard Profiles'!$G$20=$B$10,7,0)+IF('Standard Profiles'!$G$20=$B$17,14,0)+IF('Standard Profiles'!$G$20=$B$24,21,0),MOD($C4704,24)+1)/SUM(INDEX($D$3:$AA$30,INDEX(Jesper!$R$2:$R$366,ROW(INDEX(Jesper!AJ$2:AJ$366,ROUNDDOWN($C4704/24,0)+1,1))-1)+IF('Standard Profiles'!$G$20=$B$10,7,0)+IF('Standard Profiles'!$G$20=$B$17,14,0)+IF('Standard Profiles'!$G$20=$B$24,21,0),0)),0)</f>
        <v>0</v>
      </c>
      <c r="G4704" cm="1">
        <f t="array" ref="G4704">IFERROR(INDEX(Jesper!AK$2:AK$366,ROUNDDOWN($C4704/24,0)+1,1)*INDEX($D$3:$AA$30,INDEX(Jesper!$R$2:$R$366,ROW(INDEX(Jesper!AK$2:AK$366,ROUNDDOWN($C4704/24,0)+1,1))-1)+IF('Standard Profiles'!$G$21=$B$10,7,0)+IF('Standard Profiles'!$G$21=$B$17,14,0)+IF('Standard Profiles'!$G$21=$B$24,21,0),MOD($C4704,24)+1)/SUM(INDEX($D$3:$AA$30,INDEX(Jesper!$R$2:$R$366,ROW(INDEX(Jesper!AK$2:AK$366,ROUNDDOWN($C4704/24,0)+1,1))-1)+IF('Standard Profiles'!$G$21=$B$10,7,0)+IF('Standard Profiles'!$G$21=$B$17,14,0)+IF('Standard Profiles'!$G$21=$B$24,21,0),0)),0)</f>
        <v>0</v>
      </c>
      <c r="H4704" cm="1">
        <f t="array" ref="H4704">IFERROR(INDEX(Jesper!AL$2:AL$366,ROUNDDOWN($C4704/24,0)+1,1)*INDEX($D$3:$AA$30,INDEX(Jesper!$R$2:$R$366,ROW(INDEX(Jesper!AL$2:AL$366,ROUNDDOWN($C4704/24,0)+1,1))-1)+IF('Standard Profiles'!$G$22=$B$10,7,0)+IF('Standard Profiles'!$G$22=$B$17,14,0)+IF('Standard Profiles'!$G$22=$B$24,21,0),MOD($C4704,24)+1)/SUM(INDEX($D$3:$AA$30,INDEX(Jesper!$R$2:$R$366,ROW(INDEX(Jesper!AL$2:AL$366,ROUNDDOWN($C4704/24,0)+1,1))-1)+IF('Standard Profiles'!$G$22=$B$10,7,0)+IF('Standard Profiles'!$G$22=$B$17,14,0)+IF('Standard Profiles'!$G$22=$B$24,21,0),0)),0)</f>
        <v>0</v>
      </c>
      <c r="I4704">
        <f t="shared" si="524"/>
        <v>0</v>
      </c>
      <c r="J4704">
        <f t="shared" si="525"/>
        <v>40.733559856672827</v>
      </c>
      <c r="K4704">
        <f t="shared" si="526"/>
        <v>3.5544368170953304</v>
      </c>
      <c r="L4704">
        <f t="shared" si="527"/>
        <v>1.7772184085476652</v>
      </c>
      <c r="M4704">
        <f t="shared" si="528"/>
        <v>0</v>
      </c>
      <c r="N4704" s="45">
        <f t="shared" si="529"/>
        <v>45121.583333322007</v>
      </c>
    </row>
    <row r="4705" spans="2:14" x14ac:dyDescent="0.25">
      <c r="B4705">
        <f t="shared" si="523"/>
        <v>5</v>
      </c>
      <c r="C4705" s="16">
        <v>4671</v>
      </c>
      <c r="D4705" cm="1">
        <f t="array" ref="D4705">IFERROR(INDEX(Jesper!AH$2:AH$366,ROUNDDOWN($C4705/24,0)+1,1)*INDEX($D$3:$AA$30,INDEX(Jesper!$R$2:$R$366,ROW(INDEX(Jesper!AH$2:AH$366,ROUNDDOWN($C4705/24,0)+1,1))-1)+IF('Standard Profiles'!$G$18=$B$10,7,0)+IF('Standard Profiles'!$G$18=$B$17,14,0)+IF('Standard Profiles'!$G$18=$B$24,21,0),MOD($C4705,24)+1)/SUM(INDEX($D$3:$AA$30,INDEX(Jesper!$R$2:$R$366,ROW(INDEX(Jesper!AH$2:AH$366,ROUNDDOWN($C4705/24,0)+1,1))-1)+IF('Standard Profiles'!$G$18=$B$10,7,0)+IF('Standard Profiles'!$G$18=$B$17,14,0)+IF('Standard Profiles'!$G$18=$B$24,21,0),0)),0)</f>
        <v>25.632957815591325</v>
      </c>
      <c r="E4705" cm="1">
        <f t="array" ref="E4705">IFERROR(INDEX(Jesper!AI$2:AI$366,ROUNDDOWN($C4705/24,0)+1,1)*INDEX($D$3:$AA$30,INDEX(Jesper!$R$2:$R$366,ROW(INDEX(Jesper!AI$2:AI$366,ROUNDDOWN($C4705/24,0)+1,1))-1)+IF('Standard Profiles'!$G$19=$B$10,7,0)+IF('Standard Profiles'!$G$19=$B$17,14,0)+IF('Standard Profiles'!$G$19=$B$24,21,0),MOD($C4705,24)+1)/SUM(INDEX($D$3:$AA$30,INDEX(Jesper!$R$2:$R$366,ROW(INDEX(Jesper!AI$2:AI$366,ROUNDDOWN($C4705/24,0)+1,1))-1)+IF('Standard Profiles'!$G$19=$B$10,7,0)+IF('Standard Profiles'!$G$19=$B$17,14,0)+IF('Standard Profiles'!$G$19=$B$24,21,0),0)),0)</f>
        <v>9.8018230169593128</v>
      </c>
      <c r="F4705" cm="1">
        <f t="array" ref="F4705">IFERROR(INDEX(Jesper!AJ$2:AJ$366,ROUNDDOWN($C4705/24,0)+1,1)*INDEX($D$3:$AA$30,INDEX(Jesper!$R$2:$R$366,ROW(INDEX(Jesper!AJ$2:AJ$366,ROUNDDOWN($C4705/24,0)+1,1))-1)+IF('Standard Profiles'!$G$20=$B$10,7,0)+IF('Standard Profiles'!$G$20=$B$17,14,0)+IF('Standard Profiles'!$G$20=$B$24,21,0),MOD($C4705,24)+1)/SUM(INDEX($D$3:$AA$30,INDEX(Jesper!$R$2:$R$366,ROW(INDEX(Jesper!AJ$2:AJ$366,ROUNDDOWN($C4705/24,0)+1,1))-1)+IF('Standard Profiles'!$G$20=$B$10,7,0)+IF('Standard Profiles'!$G$20=$B$17,14,0)+IF('Standard Profiles'!$G$20=$B$24,21,0),0)),0)</f>
        <v>0</v>
      </c>
      <c r="G4705" cm="1">
        <f t="array" ref="G4705">IFERROR(INDEX(Jesper!AK$2:AK$366,ROUNDDOWN($C4705/24,0)+1,1)*INDEX($D$3:$AA$30,INDEX(Jesper!$R$2:$R$366,ROW(INDEX(Jesper!AK$2:AK$366,ROUNDDOWN($C4705/24,0)+1,1))-1)+IF('Standard Profiles'!$G$21=$B$10,7,0)+IF('Standard Profiles'!$G$21=$B$17,14,0)+IF('Standard Profiles'!$G$21=$B$24,21,0),MOD($C4705,24)+1)/SUM(INDEX($D$3:$AA$30,INDEX(Jesper!$R$2:$R$366,ROW(INDEX(Jesper!AK$2:AK$366,ROUNDDOWN($C4705/24,0)+1,1))-1)+IF('Standard Profiles'!$G$21=$B$10,7,0)+IF('Standard Profiles'!$G$21=$B$17,14,0)+IF('Standard Profiles'!$G$21=$B$24,21,0),0)),0)</f>
        <v>0</v>
      </c>
      <c r="H4705" cm="1">
        <f t="array" ref="H4705">IFERROR(INDEX(Jesper!AL$2:AL$366,ROUNDDOWN($C4705/24,0)+1,1)*INDEX($D$3:$AA$30,INDEX(Jesper!$R$2:$R$366,ROW(INDEX(Jesper!AL$2:AL$366,ROUNDDOWN($C4705/24,0)+1,1))-1)+IF('Standard Profiles'!$G$22=$B$10,7,0)+IF('Standard Profiles'!$G$22=$B$17,14,0)+IF('Standard Profiles'!$G$22=$B$24,21,0),MOD($C4705,24)+1)/SUM(INDEX($D$3:$AA$30,INDEX(Jesper!$R$2:$R$366,ROW(INDEX(Jesper!AL$2:AL$366,ROUNDDOWN($C4705/24,0)+1,1))-1)+IF('Standard Profiles'!$G$22=$B$10,7,0)+IF('Standard Profiles'!$G$22=$B$17,14,0)+IF('Standard Profiles'!$G$22=$B$24,21,0),0)),0)</f>
        <v>0</v>
      </c>
      <c r="I4705">
        <f t="shared" si="524"/>
        <v>0</v>
      </c>
      <c r="J4705">
        <f t="shared" si="525"/>
        <v>31.333507582056022</v>
      </c>
      <c r="K4705">
        <f t="shared" si="526"/>
        <v>2.7341821669964084</v>
      </c>
      <c r="L4705">
        <f t="shared" si="527"/>
        <v>1.3670910834982042</v>
      </c>
      <c r="M4705">
        <f t="shared" si="528"/>
        <v>0</v>
      </c>
      <c r="N4705" s="45">
        <f t="shared" si="529"/>
        <v>45121.624999988671</v>
      </c>
    </row>
    <row r="4706" spans="2:14" x14ac:dyDescent="0.25">
      <c r="B4706">
        <f t="shared" si="523"/>
        <v>5</v>
      </c>
      <c r="C4706" s="16">
        <v>4672</v>
      </c>
      <c r="D4706" cm="1">
        <f t="array" ref="D4706">IFERROR(INDEX(Jesper!AH$2:AH$366,ROUNDDOWN($C4706/24,0)+1,1)*INDEX($D$3:$AA$30,INDEX(Jesper!$R$2:$R$366,ROW(INDEX(Jesper!AH$2:AH$366,ROUNDDOWN($C4706/24,0)+1,1))-1)+IF('Standard Profiles'!$G$18=$B$10,7,0)+IF('Standard Profiles'!$G$18=$B$17,14,0)+IF('Standard Profiles'!$G$18=$B$24,21,0),MOD($C4706,24)+1)/SUM(INDEX($D$3:$AA$30,INDEX(Jesper!$R$2:$R$366,ROW(INDEX(Jesper!AH$2:AH$366,ROUNDDOWN($C4706/24,0)+1,1))-1)+IF('Standard Profiles'!$G$18=$B$10,7,0)+IF('Standard Profiles'!$G$18=$B$17,14,0)+IF('Standard Profiles'!$G$18=$B$24,21,0),0)),0)</f>
        <v>12.034252495582782</v>
      </c>
      <c r="E4706" cm="1">
        <f t="array" ref="E4706">IFERROR(INDEX(Jesper!AI$2:AI$366,ROUNDDOWN($C4706/24,0)+1,1)*INDEX($D$3:$AA$30,INDEX(Jesper!$R$2:$R$366,ROW(INDEX(Jesper!AI$2:AI$366,ROUNDDOWN($C4706/24,0)+1,1))-1)+IF('Standard Profiles'!$G$19=$B$10,7,0)+IF('Standard Profiles'!$G$19=$B$17,14,0)+IF('Standard Profiles'!$G$19=$B$24,21,0),MOD($C4706,24)+1)/SUM(INDEX($D$3:$AA$30,INDEX(Jesper!$R$2:$R$366,ROW(INDEX(Jesper!AI$2:AI$366,ROUNDDOWN($C4706/24,0)+1,1))-1)+IF('Standard Profiles'!$G$19=$B$10,7,0)+IF('Standard Profiles'!$G$19=$B$17,14,0)+IF('Standard Profiles'!$G$19=$B$24,21,0),0)),0)</f>
        <v>4.6017948436428702</v>
      </c>
      <c r="F4706" cm="1">
        <f t="array" ref="F4706">IFERROR(INDEX(Jesper!AJ$2:AJ$366,ROUNDDOWN($C4706/24,0)+1,1)*INDEX($D$3:$AA$30,INDEX(Jesper!$R$2:$R$366,ROW(INDEX(Jesper!AJ$2:AJ$366,ROUNDDOWN($C4706/24,0)+1,1))-1)+IF('Standard Profiles'!$G$20=$B$10,7,0)+IF('Standard Profiles'!$G$20=$B$17,14,0)+IF('Standard Profiles'!$G$20=$B$24,21,0),MOD($C4706,24)+1)/SUM(INDEX($D$3:$AA$30,INDEX(Jesper!$R$2:$R$366,ROW(INDEX(Jesper!AJ$2:AJ$366,ROUNDDOWN($C4706/24,0)+1,1))-1)+IF('Standard Profiles'!$G$20=$B$10,7,0)+IF('Standard Profiles'!$G$20=$B$17,14,0)+IF('Standard Profiles'!$G$20=$B$24,21,0),0)),0)</f>
        <v>0</v>
      </c>
      <c r="G4706" cm="1">
        <f t="array" ref="G4706">IFERROR(INDEX(Jesper!AK$2:AK$366,ROUNDDOWN($C4706/24,0)+1,1)*INDEX($D$3:$AA$30,INDEX(Jesper!$R$2:$R$366,ROW(INDEX(Jesper!AK$2:AK$366,ROUNDDOWN($C4706/24,0)+1,1))-1)+IF('Standard Profiles'!$G$21=$B$10,7,0)+IF('Standard Profiles'!$G$21=$B$17,14,0)+IF('Standard Profiles'!$G$21=$B$24,21,0),MOD($C4706,24)+1)/SUM(INDEX($D$3:$AA$30,INDEX(Jesper!$R$2:$R$366,ROW(INDEX(Jesper!AK$2:AK$366,ROUNDDOWN($C4706/24,0)+1,1))-1)+IF('Standard Profiles'!$G$21=$B$10,7,0)+IF('Standard Profiles'!$G$21=$B$17,14,0)+IF('Standard Profiles'!$G$21=$B$24,21,0),0)),0)</f>
        <v>0</v>
      </c>
      <c r="H4706" cm="1">
        <f t="array" ref="H4706">IFERROR(INDEX(Jesper!AL$2:AL$366,ROUNDDOWN($C4706/24,0)+1,1)*INDEX($D$3:$AA$30,INDEX(Jesper!$R$2:$R$366,ROW(INDEX(Jesper!AL$2:AL$366,ROUNDDOWN($C4706/24,0)+1,1))-1)+IF('Standard Profiles'!$G$22=$B$10,7,0)+IF('Standard Profiles'!$G$22=$B$17,14,0)+IF('Standard Profiles'!$G$22=$B$24,21,0),MOD($C4706,24)+1)/SUM(INDEX($D$3:$AA$30,INDEX(Jesper!$R$2:$R$366,ROW(INDEX(Jesper!AL$2:AL$366,ROUNDDOWN($C4706/24,0)+1,1))-1)+IF('Standard Profiles'!$G$22=$B$10,7,0)+IF('Standard Profiles'!$G$22=$B$17,14,0)+IF('Standard Profiles'!$G$22=$B$24,21,0),0)),0)</f>
        <v>0</v>
      </c>
      <c r="I4706">
        <f t="shared" si="524"/>
        <v>0</v>
      </c>
      <c r="J4706">
        <f t="shared" si="525"/>
        <v>14.710566939932406</v>
      </c>
      <c r="K4706">
        <f t="shared" si="526"/>
        <v>1.2836535995288303</v>
      </c>
      <c r="L4706">
        <f t="shared" si="527"/>
        <v>0.64182679976441515</v>
      </c>
      <c r="M4706">
        <f t="shared" si="528"/>
        <v>0</v>
      </c>
      <c r="N4706" s="45">
        <f t="shared" si="529"/>
        <v>45121.666666655336</v>
      </c>
    </row>
    <row r="4707" spans="2:14" x14ac:dyDescent="0.25">
      <c r="B4707">
        <f t="shared" ref="B4707:B4770" si="530">WEEKDAY(N4707,2)</f>
        <v>5</v>
      </c>
      <c r="C4707" s="16">
        <v>4673</v>
      </c>
      <c r="D4707" cm="1">
        <f t="array" ref="D4707">IFERROR(INDEX(Jesper!AH$2:AH$366,ROUNDDOWN($C4707/24,0)+1,1)*INDEX($D$3:$AA$30,INDEX(Jesper!$R$2:$R$366,ROW(INDEX(Jesper!AH$2:AH$366,ROUNDDOWN($C4707/24,0)+1,1))-1)+IF('Standard Profiles'!$G$18=$B$10,7,0)+IF('Standard Profiles'!$G$18=$B$17,14,0)+IF('Standard Profiles'!$G$18=$B$24,21,0),MOD($C4707,24)+1)/SUM(INDEX($D$3:$AA$30,INDEX(Jesper!$R$2:$R$366,ROW(INDEX(Jesper!AH$2:AH$366,ROUNDDOWN($C4707/24,0)+1,1))-1)+IF('Standard Profiles'!$G$18=$B$10,7,0)+IF('Standard Profiles'!$G$18=$B$17,14,0)+IF('Standard Profiles'!$G$18=$B$24,21,0),0)),0)</f>
        <v>7.9426066470846362</v>
      </c>
      <c r="E4707" cm="1">
        <f t="array" ref="E4707">IFERROR(INDEX(Jesper!AI$2:AI$366,ROUNDDOWN($C4707/24,0)+1,1)*INDEX($D$3:$AA$30,INDEX(Jesper!$R$2:$R$366,ROW(INDEX(Jesper!AI$2:AI$366,ROUNDDOWN($C4707/24,0)+1,1))-1)+IF('Standard Profiles'!$G$19=$B$10,7,0)+IF('Standard Profiles'!$G$19=$B$17,14,0)+IF('Standard Profiles'!$G$19=$B$24,21,0),MOD($C4707,24)+1)/SUM(INDEX($D$3:$AA$30,INDEX(Jesper!$R$2:$R$366,ROW(INDEX(Jesper!AI$2:AI$366,ROUNDDOWN($C4707/24,0)+1,1))-1)+IF('Standard Profiles'!$G$19=$B$10,7,0)+IF('Standard Profiles'!$G$19=$B$17,14,0)+IF('Standard Profiles'!$G$19=$B$24,21,0),0)),0)</f>
        <v>3.0371845968042943</v>
      </c>
      <c r="F4707" cm="1">
        <f t="array" ref="F4707">IFERROR(INDEX(Jesper!AJ$2:AJ$366,ROUNDDOWN($C4707/24,0)+1,1)*INDEX($D$3:$AA$30,INDEX(Jesper!$R$2:$R$366,ROW(INDEX(Jesper!AJ$2:AJ$366,ROUNDDOWN($C4707/24,0)+1,1))-1)+IF('Standard Profiles'!$G$20=$B$10,7,0)+IF('Standard Profiles'!$G$20=$B$17,14,0)+IF('Standard Profiles'!$G$20=$B$24,21,0),MOD($C4707,24)+1)/SUM(INDEX($D$3:$AA$30,INDEX(Jesper!$R$2:$R$366,ROW(INDEX(Jesper!AJ$2:AJ$366,ROUNDDOWN($C4707/24,0)+1,1))-1)+IF('Standard Profiles'!$G$20=$B$10,7,0)+IF('Standard Profiles'!$G$20=$B$17,14,0)+IF('Standard Profiles'!$G$20=$B$24,21,0),0)),0)</f>
        <v>0</v>
      </c>
      <c r="G4707" cm="1">
        <f t="array" ref="G4707">IFERROR(INDEX(Jesper!AK$2:AK$366,ROUNDDOWN($C4707/24,0)+1,1)*INDEX($D$3:$AA$30,INDEX(Jesper!$R$2:$R$366,ROW(INDEX(Jesper!AK$2:AK$366,ROUNDDOWN($C4707/24,0)+1,1))-1)+IF('Standard Profiles'!$G$21=$B$10,7,0)+IF('Standard Profiles'!$G$21=$B$17,14,0)+IF('Standard Profiles'!$G$21=$B$24,21,0),MOD($C4707,24)+1)/SUM(INDEX($D$3:$AA$30,INDEX(Jesper!$R$2:$R$366,ROW(INDEX(Jesper!AK$2:AK$366,ROUNDDOWN($C4707/24,0)+1,1))-1)+IF('Standard Profiles'!$G$21=$B$10,7,0)+IF('Standard Profiles'!$G$21=$B$17,14,0)+IF('Standard Profiles'!$G$21=$B$24,21,0),0)),0)</f>
        <v>0</v>
      </c>
      <c r="H4707" cm="1">
        <f t="array" ref="H4707">IFERROR(INDEX(Jesper!AL$2:AL$366,ROUNDDOWN($C4707/24,0)+1,1)*INDEX($D$3:$AA$30,INDEX(Jesper!$R$2:$R$366,ROW(INDEX(Jesper!AL$2:AL$366,ROUNDDOWN($C4707/24,0)+1,1))-1)+IF('Standard Profiles'!$G$22=$B$10,7,0)+IF('Standard Profiles'!$G$22=$B$17,14,0)+IF('Standard Profiles'!$G$22=$B$24,21,0),MOD($C4707,24)+1)/SUM(INDEX($D$3:$AA$30,INDEX(Jesper!$R$2:$R$366,ROW(INDEX(Jesper!AL$2:AL$366,ROUNDDOWN($C4707/24,0)+1,1))-1)+IF('Standard Profiles'!$G$22=$B$10,7,0)+IF('Standard Profiles'!$G$22=$B$17,14,0)+IF('Standard Profiles'!$G$22=$B$24,21,0),0)),0)</f>
        <v>0</v>
      </c>
      <c r="I4707">
        <f t="shared" ref="I4707:I4770" si="531">IF($B4707&lt;6,AC$37*$D4707+AC$38*$E4707+AC$39*$F4707+AC$40*$G4707,AC$46*$D4707+AC$47*$E4707+AC$48*$F4707+AC$49*$G4707+AC$50*$H4707)</f>
        <v>0</v>
      </c>
      <c r="J4707">
        <f t="shared" ref="J4707:J4770" si="532">IF($B4707&lt;6,AD$37*$D4707+AD$38*$E4707+AD$39*$F4707+AD$40*$G4707,AD$46*$D4707+AD$47*$E4707+AD$48*$F4707+AD$49*$G4707+AD$50*$H4707)</f>
        <v>9.7089741803553888</v>
      </c>
      <c r="K4707">
        <f t="shared" ref="K4707:K4770" si="533">IF($B4707&lt;6,AE$37*$D4707+AE$38*$E4707+AE$39*$F4707+AE$40*$G4707,AE$46*$D4707+AE$47*$E4707+AE$48*$F4707+AE$49*$G4707+AE$50*$H4707)</f>
        <v>0.84721137568902793</v>
      </c>
      <c r="L4707">
        <f t="shared" ref="L4707:L4770" si="534">IF($B4707&lt;6,AF$37*$D4707+AF$38*$E4707+AF$39*$F4707+AF$40*$G4707,AF$46*$D4707+AF$47*$E4707+AF$48*$F4707+AF$49*$G4707+AF$50*$H4707)</f>
        <v>0.42360568784451397</v>
      </c>
      <c r="M4707">
        <f t="shared" ref="M4707:M4770" si="535">IF($B4707&lt;6,AG$37*$D4707+AG$38*$E4707+AG$39*$F4707+AG$40*$G4707,AG$46*$D4707+AG$47*$E4707+AG$48*$F4707+AG$49*$G4707+AG$50*$H4707)</f>
        <v>0</v>
      </c>
      <c r="N4707" s="45">
        <f t="shared" si="529"/>
        <v>45121.708333322</v>
      </c>
    </row>
    <row r="4708" spans="2:14" x14ac:dyDescent="0.25">
      <c r="B4708">
        <f t="shared" si="530"/>
        <v>5</v>
      </c>
      <c r="C4708" s="16">
        <v>4674</v>
      </c>
      <c r="D4708" cm="1">
        <f t="array" ref="D4708">IFERROR(INDEX(Jesper!AH$2:AH$366,ROUNDDOWN($C4708/24,0)+1,1)*INDEX($D$3:$AA$30,INDEX(Jesper!$R$2:$R$366,ROW(INDEX(Jesper!AH$2:AH$366,ROUNDDOWN($C4708/24,0)+1,1))-1)+IF('Standard Profiles'!$G$18=$B$10,7,0)+IF('Standard Profiles'!$G$18=$B$17,14,0)+IF('Standard Profiles'!$G$18=$B$24,21,0),MOD($C4708,24)+1)/SUM(INDEX($D$3:$AA$30,INDEX(Jesper!$R$2:$R$366,ROW(INDEX(Jesper!AH$2:AH$366,ROUNDDOWN($C4708/24,0)+1,1))-1)+IF('Standard Profiles'!$G$18=$B$10,7,0)+IF('Standard Profiles'!$G$18=$B$17,14,0)+IF('Standard Profiles'!$G$18=$B$24,21,0),0)),0)</f>
        <v>5.0543860481447682</v>
      </c>
      <c r="E4708" cm="1">
        <f t="array" ref="E4708">IFERROR(INDEX(Jesper!AI$2:AI$366,ROUNDDOWN($C4708/24,0)+1,1)*INDEX($D$3:$AA$30,INDEX(Jesper!$R$2:$R$366,ROW(INDEX(Jesper!AI$2:AI$366,ROUNDDOWN($C4708/24,0)+1,1))-1)+IF('Standard Profiles'!$G$19=$B$10,7,0)+IF('Standard Profiles'!$G$19=$B$17,14,0)+IF('Standard Profiles'!$G$19=$B$24,21,0),MOD($C4708,24)+1)/SUM(INDEX($D$3:$AA$30,INDEX(Jesper!$R$2:$R$366,ROW(INDEX(Jesper!AI$2:AI$366,ROUNDDOWN($C4708/24,0)+1,1))-1)+IF('Standard Profiles'!$G$19=$B$10,7,0)+IF('Standard Profiles'!$G$19=$B$17,14,0)+IF('Standard Profiles'!$G$19=$B$24,21,0),0)),0)</f>
        <v>1.9327538343300055</v>
      </c>
      <c r="F4708" cm="1">
        <f t="array" ref="F4708">IFERROR(INDEX(Jesper!AJ$2:AJ$366,ROUNDDOWN($C4708/24,0)+1,1)*INDEX($D$3:$AA$30,INDEX(Jesper!$R$2:$R$366,ROW(INDEX(Jesper!AJ$2:AJ$366,ROUNDDOWN($C4708/24,0)+1,1))-1)+IF('Standard Profiles'!$G$20=$B$10,7,0)+IF('Standard Profiles'!$G$20=$B$17,14,0)+IF('Standard Profiles'!$G$20=$B$24,21,0),MOD($C4708,24)+1)/SUM(INDEX($D$3:$AA$30,INDEX(Jesper!$R$2:$R$366,ROW(INDEX(Jesper!AJ$2:AJ$366,ROUNDDOWN($C4708/24,0)+1,1))-1)+IF('Standard Profiles'!$G$20=$B$10,7,0)+IF('Standard Profiles'!$G$20=$B$17,14,0)+IF('Standard Profiles'!$G$20=$B$24,21,0),0)),0)</f>
        <v>0</v>
      </c>
      <c r="G4708" cm="1">
        <f t="array" ref="G4708">IFERROR(INDEX(Jesper!AK$2:AK$366,ROUNDDOWN($C4708/24,0)+1,1)*INDEX($D$3:$AA$30,INDEX(Jesper!$R$2:$R$366,ROW(INDEX(Jesper!AK$2:AK$366,ROUNDDOWN($C4708/24,0)+1,1))-1)+IF('Standard Profiles'!$G$21=$B$10,7,0)+IF('Standard Profiles'!$G$21=$B$17,14,0)+IF('Standard Profiles'!$G$21=$B$24,21,0),MOD($C4708,24)+1)/SUM(INDEX($D$3:$AA$30,INDEX(Jesper!$R$2:$R$366,ROW(INDEX(Jesper!AK$2:AK$366,ROUNDDOWN($C4708/24,0)+1,1))-1)+IF('Standard Profiles'!$G$21=$B$10,7,0)+IF('Standard Profiles'!$G$21=$B$17,14,0)+IF('Standard Profiles'!$G$21=$B$24,21,0),0)),0)</f>
        <v>0</v>
      </c>
      <c r="H4708" cm="1">
        <f t="array" ref="H4708">IFERROR(INDEX(Jesper!AL$2:AL$366,ROUNDDOWN($C4708/24,0)+1,1)*INDEX($D$3:$AA$30,INDEX(Jesper!$R$2:$R$366,ROW(INDEX(Jesper!AL$2:AL$366,ROUNDDOWN($C4708/24,0)+1,1))-1)+IF('Standard Profiles'!$G$22=$B$10,7,0)+IF('Standard Profiles'!$G$22=$B$17,14,0)+IF('Standard Profiles'!$G$22=$B$24,21,0),MOD($C4708,24)+1)/SUM(INDEX($D$3:$AA$30,INDEX(Jesper!$R$2:$R$366,ROW(INDEX(Jesper!AL$2:AL$366,ROUNDDOWN($C4708/24,0)+1,1))-1)+IF('Standard Profiles'!$G$22=$B$10,7,0)+IF('Standard Profiles'!$G$22=$B$17,14,0)+IF('Standard Profiles'!$G$22=$B$24,21,0),0)),0)</f>
        <v>0</v>
      </c>
      <c r="I4708">
        <f t="shared" si="531"/>
        <v>0</v>
      </c>
      <c r="J4708">
        <f t="shared" si="532"/>
        <v>6.1784381147716108</v>
      </c>
      <c r="K4708">
        <f t="shared" si="533"/>
        <v>0.5391345118021087</v>
      </c>
      <c r="L4708">
        <f t="shared" si="534"/>
        <v>0.26956725590105435</v>
      </c>
      <c r="M4708">
        <f t="shared" si="535"/>
        <v>0</v>
      </c>
      <c r="N4708" s="45">
        <f t="shared" ref="N4708:N4771" si="536">N4707+1/24</f>
        <v>45121.749999988664</v>
      </c>
    </row>
    <row r="4709" spans="2:14" x14ac:dyDescent="0.25">
      <c r="B4709">
        <f t="shared" si="530"/>
        <v>5</v>
      </c>
      <c r="C4709" s="16">
        <v>4675</v>
      </c>
      <c r="D4709" cm="1">
        <f t="array" ref="D4709">IFERROR(INDEX(Jesper!AH$2:AH$366,ROUNDDOWN($C4709/24,0)+1,1)*INDEX($D$3:$AA$30,INDEX(Jesper!$R$2:$R$366,ROW(INDEX(Jesper!AH$2:AH$366,ROUNDDOWN($C4709/24,0)+1,1))-1)+IF('Standard Profiles'!$G$18=$B$10,7,0)+IF('Standard Profiles'!$G$18=$B$17,14,0)+IF('Standard Profiles'!$G$18=$B$24,21,0),MOD($C4709,24)+1)/SUM(INDEX($D$3:$AA$30,INDEX(Jesper!$R$2:$R$366,ROW(INDEX(Jesper!AH$2:AH$366,ROUNDDOWN($C4709/24,0)+1,1))-1)+IF('Standard Profiles'!$G$18=$B$10,7,0)+IF('Standard Profiles'!$G$18=$B$17,14,0)+IF('Standard Profiles'!$G$18=$B$24,21,0),0)),0)</f>
        <v>4.8137009982331129</v>
      </c>
      <c r="E4709" cm="1">
        <f t="array" ref="E4709">IFERROR(INDEX(Jesper!AI$2:AI$366,ROUNDDOWN($C4709/24,0)+1,1)*INDEX($D$3:$AA$30,INDEX(Jesper!$R$2:$R$366,ROW(INDEX(Jesper!AI$2:AI$366,ROUNDDOWN($C4709/24,0)+1,1))-1)+IF('Standard Profiles'!$G$19=$B$10,7,0)+IF('Standard Profiles'!$G$19=$B$17,14,0)+IF('Standard Profiles'!$G$19=$B$24,21,0),MOD($C4709,24)+1)/SUM(INDEX($D$3:$AA$30,INDEX(Jesper!$R$2:$R$366,ROW(INDEX(Jesper!AI$2:AI$366,ROUNDDOWN($C4709/24,0)+1,1))-1)+IF('Standard Profiles'!$G$19=$B$10,7,0)+IF('Standard Profiles'!$G$19=$B$17,14,0)+IF('Standard Profiles'!$G$19=$B$24,21,0),0)),0)</f>
        <v>1.8407179374571483</v>
      </c>
      <c r="F4709" cm="1">
        <f t="array" ref="F4709">IFERROR(INDEX(Jesper!AJ$2:AJ$366,ROUNDDOWN($C4709/24,0)+1,1)*INDEX($D$3:$AA$30,INDEX(Jesper!$R$2:$R$366,ROW(INDEX(Jesper!AJ$2:AJ$366,ROUNDDOWN($C4709/24,0)+1,1))-1)+IF('Standard Profiles'!$G$20=$B$10,7,0)+IF('Standard Profiles'!$G$20=$B$17,14,0)+IF('Standard Profiles'!$G$20=$B$24,21,0),MOD($C4709,24)+1)/SUM(INDEX($D$3:$AA$30,INDEX(Jesper!$R$2:$R$366,ROW(INDEX(Jesper!AJ$2:AJ$366,ROUNDDOWN($C4709/24,0)+1,1))-1)+IF('Standard Profiles'!$G$20=$B$10,7,0)+IF('Standard Profiles'!$G$20=$B$17,14,0)+IF('Standard Profiles'!$G$20=$B$24,21,0),0)),0)</f>
        <v>0</v>
      </c>
      <c r="G4709" cm="1">
        <f t="array" ref="G4709">IFERROR(INDEX(Jesper!AK$2:AK$366,ROUNDDOWN($C4709/24,0)+1,1)*INDEX($D$3:$AA$30,INDEX(Jesper!$R$2:$R$366,ROW(INDEX(Jesper!AK$2:AK$366,ROUNDDOWN($C4709/24,0)+1,1))-1)+IF('Standard Profiles'!$G$21=$B$10,7,0)+IF('Standard Profiles'!$G$21=$B$17,14,0)+IF('Standard Profiles'!$G$21=$B$24,21,0),MOD($C4709,24)+1)/SUM(INDEX($D$3:$AA$30,INDEX(Jesper!$R$2:$R$366,ROW(INDEX(Jesper!AK$2:AK$366,ROUNDDOWN($C4709/24,0)+1,1))-1)+IF('Standard Profiles'!$G$21=$B$10,7,0)+IF('Standard Profiles'!$G$21=$B$17,14,0)+IF('Standard Profiles'!$G$21=$B$24,21,0),0)),0)</f>
        <v>0</v>
      </c>
      <c r="H4709" cm="1">
        <f t="array" ref="H4709">IFERROR(INDEX(Jesper!AL$2:AL$366,ROUNDDOWN($C4709/24,0)+1,1)*INDEX($D$3:$AA$30,INDEX(Jesper!$R$2:$R$366,ROW(INDEX(Jesper!AL$2:AL$366,ROUNDDOWN($C4709/24,0)+1,1))-1)+IF('Standard Profiles'!$G$22=$B$10,7,0)+IF('Standard Profiles'!$G$22=$B$17,14,0)+IF('Standard Profiles'!$G$22=$B$24,21,0),MOD($C4709,24)+1)/SUM(INDEX($D$3:$AA$30,INDEX(Jesper!$R$2:$R$366,ROW(INDEX(Jesper!AL$2:AL$366,ROUNDDOWN($C4709/24,0)+1,1))-1)+IF('Standard Profiles'!$G$22=$B$10,7,0)+IF('Standard Profiles'!$G$22=$B$17,14,0)+IF('Standard Profiles'!$G$22=$B$24,21,0),0)),0)</f>
        <v>0</v>
      </c>
      <c r="I4709">
        <f t="shared" si="531"/>
        <v>0</v>
      </c>
      <c r="J4709">
        <f t="shared" si="532"/>
        <v>5.8842267759729632</v>
      </c>
      <c r="K4709">
        <f t="shared" si="533"/>
        <v>0.51346143981153203</v>
      </c>
      <c r="L4709">
        <f t="shared" si="534"/>
        <v>0.25673071990576601</v>
      </c>
      <c r="M4709">
        <f t="shared" si="535"/>
        <v>0</v>
      </c>
      <c r="N4709" s="45">
        <f t="shared" si="536"/>
        <v>45121.791666655328</v>
      </c>
    </row>
    <row r="4710" spans="2:14" x14ac:dyDescent="0.25">
      <c r="B4710">
        <f t="shared" si="530"/>
        <v>5</v>
      </c>
      <c r="C4710" s="16">
        <v>4676</v>
      </c>
      <c r="D4710" cm="1">
        <f t="array" ref="D4710">IFERROR(INDEX(Jesper!AH$2:AH$366,ROUNDDOWN($C4710/24,0)+1,1)*INDEX($D$3:$AA$30,INDEX(Jesper!$R$2:$R$366,ROW(INDEX(Jesper!AH$2:AH$366,ROUNDDOWN($C4710/24,0)+1,1))-1)+IF('Standard Profiles'!$G$18=$B$10,7,0)+IF('Standard Profiles'!$G$18=$B$17,14,0)+IF('Standard Profiles'!$G$18=$B$24,21,0),MOD($C4710,24)+1)/SUM(INDEX($D$3:$AA$30,INDEX(Jesper!$R$2:$R$366,ROW(INDEX(Jesper!AH$2:AH$366,ROUNDDOWN($C4710/24,0)+1,1))-1)+IF('Standard Profiles'!$G$18=$B$10,7,0)+IF('Standard Profiles'!$G$18=$B$17,14,0)+IF('Standard Profiles'!$G$18=$B$24,21,0),0)),0)</f>
        <v>4.8137009982331129</v>
      </c>
      <c r="E4710" cm="1">
        <f t="array" ref="E4710">IFERROR(INDEX(Jesper!AI$2:AI$366,ROUNDDOWN($C4710/24,0)+1,1)*INDEX($D$3:$AA$30,INDEX(Jesper!$R$2:$R$366,ROW(INDEX(Jesper!AI$2:AI$366,ROUNDDOWN($C4710/24,0)+1,1))-1)+IF('Standard Profiles'!$G$19=$B$10,7,0)+IF('Standard Profiles'!$G$19=$B$17,14,0)+IF('Standard Profiles'!$G$19=$B$24,21,0),MOD($C4710,24)+1)/SUM(INDEX($D$3:$AA$30,INDEX(Jesper!$R$2:$R$366,ROW(INDEX(Jesper!AI$2:AI$366,ROUNDDOWN($C4710/24,0)+1,1))-1)+IF('Standard Profiles'!$G$19=$B$10,7,0)+IF('Standard Profiles'!$G$19=$B$17,14,0)+IF('Standard Profiles'!$G$19=$B$24,21,0),0)),0)</f>
        <v>1.8407179374571483</v>
      </c>
      <c r="F4710" cm="1">
        <f t="array" ref="F4710">IFERROR(INDEX(Jesper!AJ$2:AJ$366,ROUNDDOWN($C4710/24,0)+1,1)*INDEX($D$3:$AA$30,INDEX(Jesper!$R$2:$R$366,ROW(INDEX(Jesper!AJ$2:AJ$366,ROUNDDOWN($C4710/24,0)+1,1))-1)+IF('Standard Profiles'!$G$20=$B$10,7,0)+IF('Standard Profiles'!$G$20=$B$17,14,0)+IF('Standard Profiles'!$G$20=$B$24,21,0),MOD($C4710,24)+1)/SUM(INDEX($D$3:$AA$30,INDEX(Jesper!$R$2:$R$366,ROW(INDEX(Jesper!AJ$2:AJ$366,ROUNDDOWN($C4710/24,0)+1,1))-1)+IF('Standard Profiles'!$G$20=$B$10,7,0)+IF('Standard Profiles'!$G$20=$B$17,14,0)+IF('Standard Profiles'!$G$20=$B$24,21,0),0)),0)</f>
        <v>0</v>
      </c>
      <c r="G4710" cm="1">
        <f t="array" ref="G4710">IFERROR(INDEX(Jesper!AK$2:AK$366,ROUNDDOWN($C4710/24,0)+1,1)*INDEX($D$3:$AA$30,INDEX(Jesper!$R$2:$R$366,ROW(INDEX(Jesper!AK$2:AK$366,ROUNDDOWN($C4710/24,0)+1,1))-1)+IF('Standard Profiles'!$G$21=$B$10,7,0)+IF('Standard Profiles'!$G$21=$B$17,14,0)+IF('Standard Profiles'!$G$21=$B$24,21,0),MOD($C4710,24)+1)/SUM(INDEX($D$3:$AA$30,INDEX(Jesper!$R$2:$R$366,ROW(INDEX(Jesper!AK$2:AK$366,ROUNDDOWN($C4710/24,0)+1,1))-1)+IF('Standard Profiles'!$G$21=$B$10,7,0)+IF('Standard Profiles'!$G$21=$B$17,14,0)+IF('Standard Profiles'!$G$21=$B$24,21,0),0)),0)</f>
        <v>0</v>
      </c>
      <c r="H4710" cm="1">
        <f t="array" ref="H4710">IFERROR(INDEX(Jesper!AL$2:AL$366,ROUNDDOWN($C4710/24,0)+1,1)*INDEX($D$3:$AA$30,INDEX(Jesper!$R$2:$R$366,ROW(INDEX(Jesper!AL$2:AL$366,ROUNDDOWN($C4710/24,0)+1,1))-1)+IF('Standard Profiles'!$G$22=$B$10,7,0)+IF('Standard Profiles'!$G$22=$B$17,14,0)+IF('Standard Profiles'!$G$22=$B$24,21,0),MOD($C4710,24)+1)/SUM(INDEX($D$3:$AA$30,INDEX(Jesper!$R$2:$R$366,ROW(INDEX(Jesper!AL$2:AL$366,ROUNDDOWN($C4710/24,0)+1,1))-1)+IF('Standard Profiles'!$G$22=$B$10,7,0)+IF('Standard Profiles'!$G$22=$B$17,14,0)+IF('Standard Profiles'!$G$22=$B$24,21,0),0)),0)</f>
        <v>0</v>
      </c>
      <c r="I4710">
        <f t="shared" si="531"/>
        <v>0</v>
      </c>
      <c r="J4710">
        <f t="shared" si="532"/>
        <v>5.8842267759729632</v>
      </c>
      <c r="K4710">
        <f t="shared" si="533"/>
        <v>0.51346143981153203</v>
      </c>
      <c r="L4710">
        <f t="shared" si="534"/>
        <v>0.25673071990576601</v>
      </c>
      <c r="M4710">
        <f t="shared" si="535"/>
        <v>0</v>
      </c>
      <c r="N4710" s="45">
        <f t="shared" si="536"/>
        <v>45121.833333321993</v>
      </c>
    </row>
    <row r="4711" spans="2:14" x14ac:dyDescent="0.25">
      <c r="B4711">
        <f t="shared" si="530"/>
        <v>5</v>
      </c>
      <c r="C4711" s="16">
        <v>4677</v>
      </c>
      <c r="D4711" cm="1">
        <f t="array" ref="D4711">IFERROR(INDEX(Jesper!AH$2:AH$366,ROUNDDOWN($C4711/24,0)+1,1)*INDEX($D$3:$AA$30,INDEX(Jesper!$R$2:$R$366,ROW(INDEX(Jesper!AH$2:AH$366,ROUNDDOWN($C4711/24,0)+1,1))-1)+IF('Standard Profiles'!$G$18=$B$10,7,0)+IF('Standard Profiles'!$G$18=$B$17,14,0)+IF('Standard Profiles'!$G$18=$B$24,21,0),MOD($C4711,24)+1)/SUM(INDEX($D$3:$AA$30,INDEX(Jesper!$R$2:$R$366,ROW(INDEX(Jesper!AH$2:AH$366,ROUNDDOWN($C4711/24,0)+1,1))-1)+IF('Standard Profiles'!$G$18=$B$10,7,0)+IF('Standard Profiles'!$G$18=$B$17,14,0)+IF('Standard Profiles'!$G$18=$B$24,21,0),0)),0)</f>
        <v>4.8137009982331129</v>
      </c>
      <c r="E4711" cm="1">
        <f t="array" ref="E4711">IFERROR(INDEX(Jesper!AI$2:AI$366,ROUNDDOWN($C4711/24,0)+1,1)*INDEX($D$3:$AA$30,INDEX(Jesper!$R$2:$R$366,ROW(INDEX(Jesper!AI$2:AI$366,ROUNDDOWN($C4711/24,0)+1,1))-1)+IF('Standard Profiles'!$G$19=$B$10,7,0)+IF('Standard Profiles'!$G$19=$B$17,14,0)+IF('Standard Profiles'!$G$19=$B$24,21,0),MOD($C4711,24)+1)/SUM(INDEX($D$3:$AA$30,INDEX(Jesper!$R$2:$R$366,ROW(INDEX(Jesper!AI$2:AI$366,ROUNDDOWN($C4711/24,0)+1,1))-1)+IF('Standard Profiles'!$G$19=$B$10,7,0)+IF('Standard Profiles'!$G$19=$B$17,14,0)+IF('Standard Profiles'!$G$19=$B$24,21,0),0)),0)</f>
        <v>1.8407179374571483</v>
      </c>
      <c r="F4711" cm="1">
        <f t="array" ref="F4711">IFERROR(INDEX(Jesper!AJ$2:AJ$366,ROUNDDOWN($C4711/24,0)+1,1)*INDEX($D$3:$AA$30,INDEX(Jesper!$R$2:$R$366,ROW(INDEX(Jesper!AJ$2:AJ$366,ROUNDDOWN($C4711/24,0)+1,1))-1)+IF('Standard Profiles'!$G$20=$B$10,7,0)+IF('Standard Profiles'!$G$20=$B$17,14,0)+IF('Standard Profiles'!$G$20=$B$24,21,0),MOD($C4711,24)+1)/SUM(INDEX($D$3:$AA$30,INDEX(Jesper!$R$2:$R$366,ROW(INDEX(Jesper!AJ$2:AJ$366,ROUNDDOWN($C4711/24,0)+1,1))-1)+IF('Standard Profiles'!$G$20=$B$10,7,0)+IF('Standard Profiles'!$G$20=$B$17,14,0)+IF('Standard Profiles'!$G$20=$B$24,21,0),0)),0)</f>
        <v>0</v>
      </c>
      <c r="G4711" cm="1">
        <f t="array" ref="G4711">IFERROR(INDEX(Jesper!AK$2:AK$366,ROUNDDOWN($C4711/24,0)+1,1)*INDEX($D$3:$AA$30,INDEX(Jesper!$R$2:$R$366,ROW(INDEX(Jesper!AK$2:AK$366,ROUNDDOWN($C4711/24,0)+1,1))-1)+IF('Standard Profiles'!$G$21=$B$10,7,0)+IF('Standard Profiles'!$G$21=$B$17,14,0)+IF('Standard Profiles'!$G$21=$B$24,21,0),MOD($C4711,24)+1)/SUM(INDEX($D$3:$AA$30,INDEX(Jesper!$R$2:$R$366,ROW(INDEX(Jesper!AK$2:AK$366,ROUNDDOWN($C4711/24,0)+1,1))-1)+IF('Standard Profiles'!$G$21=$B$10,7,0)+IF('Standard Profiles'!$G$21=$B$17,14,0)+IF('Standard Profiles'!$G$21=$B$24,21,0),0)),0)</f>
        <v>0</v>
      </c>
      <c r="H4711" cm="1">
        <f t="array" ref="H4711">IFERROR(INDEX(Jesper!AL$2:AL$366,ROUNDDOWN($C4711/24,0)+1,1)*INDEX($D$3:$AA$30,INDEX(Jesper!$R$2:$R$366,ROW(INDEX(Jesper!AL$2:AL$366,ROUNDDOWN($C4711/24,0)+1,1))-1)+IF('Standard Profiles'!$G$22=$B$10,7,0)+IF('Standard Profiles'!$G$22=$B$17,14,0)+IF('Standard Profiles'!$G$22=$B$24,21,0),MOD($C4711,24)+1)/SUM(INDEX($D$3:$AA$30,INDEX(Jesper!$R$2:$R$366,ROW(INDEX(Jesper!AL$2:AL$366,ROUNDDOWN($C4711/24,0)+1,1))-1)+IF('Standard Profiles'!$G$22=$B$10,7,0)+IF('Standard Profiles'!$G$22=$B$17,14,0)+IF('Standard Profiles'!$G$22=$B$24,21,0),0)),0)</f>
        <v>0</v>
      </c>
      <c r="I4711">
        <f t="shared" si="531"/>
        <v>0</v>
      </c>
      <c r="J4711">
        <f t="shared" si="532"/>
        <v>5.8842267759729632</v>
      </c>
      <c r="K4711">
        <f t="shared" si="533"/>
        <v>0.51346143981153203</v>
      </c>
      <c r="L4711">
        <f t="shared" si="534"/>
        <v>0.25673071990576601</v>
      </c>
      <c r="M4711">
        <f t="shared" si="535"/>
        <v>0</v>
      </c>
      <c r="N4711" s="45">
        <f t="shared" si="536"/>
        <v>45121.874999988657</v>
      </c>
    </row>
    <row r="4712" spans="2:14" x14ac:dyDescent="0.25">
      <c r="B4712">
        <f t="shared" si="530"/>
        <v>5</v>
      </c>
      <c r="C4712" s="16">
        <v>4678</v>
      </c>
      <c r="D4712" cm="1">
        <f t="array" ref="D4712">IFERROR(INDEX(Jesper!AH$2:AH$366,ROUNDDOWN($C4712/24,0)+1,1)*INDEX($D$3:$AA$30,INDEX(Jesper!$R$2:$R$366,ROW(INDEX(Jesper!AH$2:AH$366,ROUNDDOWN($C4712/24,0)+1,1))-1)+IF('Standard Profiles'!$G$18=$B$10,7,0)+IF('Standard Profiles'!$G$18=$B$17,14,0)+IF('Standard Profiles'!$G$18=$B$24,21,0),MOD($C4712,24)+1)/SUM(INDEX($D$3:$AA$30,INDEX(Jesper!$R$2:$R$366,ROW(INDEX(Jesper!AH$2:AH$366,ROUNDDOWN($C4712/24,0)+1,1))-1)+IF('Standard Profiles'!$G$18=$B$10,7,0)+IF('Standard Profiles'!$G$18=$B$17,14,0)+IF('Standard Profiles'!$G$18=$B$24,21,0),0)),0)</f>
        <v>4.8137009982331129</v>
      </c>
      <c r="E4712" cm="1">
        <f t="array" ref="E4712">IFERROR(INDEX(Jesper!AI$2:AI$366,ROUNDDOWN($C4712/24,0)+1,1)*INDEX($D$3:$AA$30,INDEX(Jesper!$R$2:$R$366,ROW(INDEX(Jesper!AI$2:AI$366,ROUNDDOWN($C4712/24,0)+1,1))-1)+IF('Standard Profiles'!$G$19=$B$10,7,0)+IF('Standard Profiles'!$G$19=$B$17,14,0)+IF('Standard Profiles'!$G$19=$B$24,21,0),MOD($C4712,24)+1)/SUM(INDEX($D$3:$AA$30,INDEX(Jesper!$R$2:$R$366,ROW(INDEX(Jesper!AI$2:AI$366,ROUNDDOWN($C4712/24,0)+1,1))-1)+IF('Standard Profiles'!$G$19=$B$10,7,0)+IF('Standard Profiles'!$G$19=$B$17,14,0)+IF('Standard Profiles'!$G$19=$B$24,21,0),0)),0)</f>
        <v>1.8407179374571483</v>
      </c>
      <c r="F4712" cm="1">
        <f t="array" ref="F4712">IFERROR(INDEX(Jesper!AJ$2:AJ$366,ROUNDDOWN($C4712/24,0)+1,1)*INDEX($D$3:$AA$30,INDEX(Jesper!$R$2:$R$366,ROW(INDEX(Jesper!AJ$2:AJ$366,ROUNDDOWN($C4712/24,0)+1,1))-1)+IF('Standard Profiles'!$G$20=$B$10,7,0)+IF('Standard Profiles'!$G$20=$B$17,14,0)+IF('Standard Profiles'!$G$20=$B$24,21,0),MOD($C4712,24)+1)/SUM(INDEX($D$3:$AA$30,INDEX(Jesper!$R$2:$R$366,ROW(INDEX(Jesper!AJ$2:AJ$366,ROUNDDOWN($C4712/24,0)+1,1))-1)+IF('Standard Profiles'!$G$20=$B$10,7,0)+IF('Standard Profiles'!$G$20=$B$17,14,0)+IF('Standard Profiles'!$G$20=$B$24,21,0),0)),0)</f>
        <v>0</v>
      </c>
      <c r="G4712" cm="1">
        <f t="array" ref="G4712">IFERROR(INDEX(Jesper!AK$2:AK$366,ROUNDDOWN($C4712/24,0)+1,1)*INDEX($D$3:$AA$30,INDEX(Jesper!$R$2:$R$366,ROW(INDEX(Jesper!AK$2:AK$366,ROUNDDOWN($C4712/24,0)+1,1))-1)+IF('Standard Profiles'!$G$21=$B$10,7,0)+IF('Standard Profiles'!$G$21=$B$17,14,0)+IF('Standard Profiles'!$G$21=$B$24,21,0),MOD($C4712,24)+1)/SUM(INDEX($D$3:$AA$30,INDEX(Jesper!$R$2:$R$366,ROW(INDEX(Jesper!AK$2:AK$366,ROUNDDOWN($C4712/24,0)+1,1))-1)+IF('Standard Profiles'!$G$21=$B$10,7,0)+IF('Standard Profiles'!$G$21=$B$17,14,0)+IF('Standard Profiles'!$G$21=$B$24,21,0),0)),0)</f>
        <v>0</v>
      </c>
      <c r="H4712" cm="1">
        <f t="array" ref="H4712">IFERROR(INDEX(Jesper!AL$2:AL$366,ROUNDDOWN($C4712/24,0)+1,1)*INDEX($D$3:$AA$30,INDEX(Jesper!$R$2:$R$366,ROW(INDEX(Jesper!AL$2:AL$366,ROUNDDOWN($C4712/24,0)+1,1))-1)+IF('Standard Profiles'!$G$22=$B$10,7,0)+IF('Standard Profiles'!$G$22=$B$17,14,0)+IF('Standard Profiles'!$G$22=$B$24,21,0),MOD($C4712,24)+1)/SUM(INDEX($D$3:$AA$30,INDEX(Jesper!$R$2:$R$366,ROW(INDEX(Jesper!AL$2:AL$366,ROUNDDOWN($C4712/24,0)+1,1))-1)+IF('Standard Profiles'!$G$22=$B$10,7,0)+IF('Standard Profiles'!$G$22=$B$17,14,0)+IF('Standard Profiles'!$G$22=$B$24,21,0),0)),0)</f>
        <v>0</v>
      </c>
      <c r="I4712">
        <f t="shared" si="531"/>
        <v>0</v>
      </c>
      <c r="J4712">
        <f t="shared" si="532"/>
        <v>5.8842267759729632</v>
      </c>
      <c r="K4712">
        <f t="shared" si="533"/>
        <v>0.51346143981153203</v>
      </c>
      <c r="L4712">
        <f t="shared" si="534"/>
        <v>0.25673071990576601</v>
      </c>
      <c r="M4712">
        <f t="shared" si="535"/>
        <v>0</v>
      </c>
      <c r="N4712" s="45">
        <f t="shared" si="536"/>
        <v>45121.916666655321</v>
      </c>
    </row>
    <row r="4713" spans="2:14" x14ac:dyDescent="0.25">
      <c r="B4713">
        <f t="shared" si="530"/>
        <v>5</v>
      </c>
      <c r="C4713" s="16">
        <v>4679</v>
      </c>
      <c r="D4713" cm="1">
        <f t="array" ref="D4713">IFERROR(INDEX(Jesper!AH$2:AH$366,ROUNDDOWN($C4713/24,0)+1,1)*INDEX($D$3:$AA$30,INDEX(Jesper!$R$2:$R$366,ROW(INDEX(Jesper!AH$2:AH$366,ROUNDDOWN($C4713/24,0)+1,1))-1)+IF('Standard Profiles'!$G$18=$B$10,7,0)+IF('Standard Profiles'!$G$18=$B$17,14,0)+IF('Standard Profiles'!$G$18=$B$24,21,0),MOD($C4713,24)+1)/SUM(INDEX($D$3:$AA$30,INDEX(Jesper!$R$2:$R$366,ROW(INDEX(Jesper!AH$2:AH$366,ROUNDDOWN($C4713/24,0)+1,1))-1)+IF('Standard Profiles'!$G$18=$B$10,7,0)+IF('Standard Profiles'!$G$18=$B$17,14,0)+IF('Standard Profiles'!$G$18=$B$24,21,0),0)),0)</f>
        <v>4.8137009982331129</v>
      </c>
      <c r="E4713" cm="1">
        <f t="array" ref="E4713">IFERROR(INDEX(Jesper!AI$2:AI$366,ROUNDDOWN($C4713/24,0)+1,1)*INDEX($D$3:$AA$30,INDEX(Jesper!$R$2:$R$366,ROW(INDEX(Jesper!AI$2:AI$366,ROUNDDOWN($C4713/24,0)+1,1))-1)+IF('Standard Profiles'!$G$19=$B$10,7,0)+IF('Standard Profiles'!$G$19=$B$17,14,0)+IF('Standard Profiles'!$G$19=$B$24,21,0),MOD($C4713,24)+1)/SUM(INDEX($D$3:$AA$30,INDEX(Jesper!$R$2:$R$366,ROW(INDEX(Jesper!AI$2:AI$366,ROUNDDOWN($C4713/24,0)+1,1))-1)+IF('Standard Profiles'!$G$19=$B$10,7,0)+IF('Standard Profiles'!$G$19=$B$17,14,0)+IF('Standard Profiles'!$G$19=$B$24,21,0),0)),0)</f>
        <v>1.8407179374571483</v>
      </c>
      <c r="F4713" cm="1">
        <f t="array" ref="F4713">IFERROR(INDEX(Jesper!AJ$2:AJ$366,ROUNDDOWN($C4713/24,0)+1,1)*INDEX($D$3:$AA$30,INDEX(Jesper!$R$2:$R$366,ROW(INDEX(Jesper!AJ$2:AJ$366,ROUNDDOWN($C4713/24,0)+1,1))-1)+IF('Standard Profiles'!$G$20=$B$10,7,0)+IF('Standard Profiles'!$G$20=$B$17,14,0)+IF('Standard Profiles'!$G$20=$B$24,21,0),MOD($C4713,24)+1)/SUM(INDEX($D$3:$AA$30,INDEX(Jesper!$R$2:$R$366,ROW(INDEX(Jesper!AJ$2:AJ$366,ROUNDDOWN($C4713/24,0)+1,1))-1)+IF('Standard Profiles'!$G$20=$B$10,7,0)+IF('Standard Profiles'!$G$20=$B$17,14,0)+IF('Standard Profiles'!$G$20=$B$24,21,0),0)),0)</f>
        <v>0</v>
      </c>
      <c r="G4713" cm="1">
        <f t="array" ref="G4713">IFERROR(INDEX(Jesper!AK$2:AK$366,ROUNDDOWN($C4713/24,0)+1,1)*INDEX($D$3:$AA$30,INDEX(Jesper!$R$2:$R$366,ROW(INDEX(Jesper!AK$2:AK$366,ROUNDDOWN($C4713/24,0)+1,1))-1)+IF('Standard Profiles'!$G$21=$B$10,7,0)+IF('Standard Profiles'!$G$21=$B$17,14,0)+IF('Standard Profiles'!$G$21=$B$24,21,0),MOD($C4713,24)+1)/SUM(INDEX($D$3:$AA$30,INDEX(Jesper!$R$2:$R$366,ROW(INDEX(Jesper!AK$2:AK$366,ROUNDDOWN($C4713/24,0)+1,1))-1)+IF('Standard Profiles'!$G$21=$B$10,7,0)+IF('Standard Profiles'!$G$21=$B$17,14,0)+IF('Standard Profiles'!$G$21=$B$24,21,0),0)),0)</f>
        <v>0</v>
      </c>
      <c r="H4713" cm="1">
        <f t="array" ref="H4713">IFERROR(INDEX(Jesper!AL$2:AL$366,ROUNDDOWN($C4713/24,0)+1,1)*INDEX($D$3:$AA$30,INDEX(Jesper!$R$2:$R$366,ROW(INDEX(Jesper!AL$2:AL$366,ROUNDDOWN($C4713/24,0)+1,1))-1)+IF('Standard Profiles'!$G$22=$B$10,7,0)+IF('Standard Profiles'!$G$22=$B$17,14,0)+IF('Standard Profiles'!$G$22=$B$24,21,0),MOD($C4713,24)+1)/SUM(INDEX($D$3:$AA$30,INDEX(Jesper!$R$2:$R$366,ROW(INDEX(Jesper!AL$2:AL$366,ROUNDDOWN($C4713/24,0)+1,1))-1)+IF('Standard Profiles'!$G$22=$B$10,7,0)+IF('Standard Profiles'!$G$22=$B$17,14,0)+IF('Standard Profiles'!$G$22=$B$24,21,0),0)),0)</f>
        <v>0</v>
      </c>
      <c r="I4713">
        <f t="shared" si="531"/>
        <v>0</v>
      </c>
      <c r="J4713">
        <f t="shared" si="532"/>
        <v>5.8842267759729632</v>
      </c>
      <c r="K4713">
        <f t="shared" si="533"/>
        <v>0.51346143981153203</v>
      </c>
      <c r="L4713">
        <f t="shared" si="534"/>
        <v>0.25673071990576601</v>
      </c>
      <c r="M4713">
        <f t="shared" si="535"/>
        <v>0</v>
      </c>
      <c r="N4713" s="45">
        <f t="shared" si="536"/>
        <v>45121.958333321985</v>
      </c>
    </row>
    <row r="4714" spans="2:14" x14ac:dyDescent="0.25">
      <c r="B4714">
        <f t="shared" si="530"/>
        <v>6</v>
      </c>
      <c r="C4714" s="16">
        <v>4680</v>
      </c>
      <c r="D4714" cm="1">
        <f t="array" ref="D4714">IFERROR(INDEX(Jesper!AH$2:AH$366,ROUNDDOWN($C4714/24,0)+1,1)*INDEX($D$3:$AA$30,INDEX(Jesper!$R$2:$R$366,ROW(INDEX(Jesper!AH$2:AH$366,ROUNDDOWN($C4714/24,0)+1,1))-1)+IF('Standard Profiles'!$G$18=$B$10,7,0)+IF('Standard Profiles'!$G$18=$B$17,14,0)+IF('Standard Profiles'!$G$18=$B$24,21,0),MOD($C4714,24)+1)/SUM(INDEX($D$3:$AA$30,INDEX(Jesper!$R$2:$R$366,ROW(INDEX(Jesper!AH$2:AH$366,ROUNDDOWN($C4714/24,0)+1,1))-1)+IF('Standard Profiles'!$G$18=$B$10,7,0)+IF('Standard Profiles'!$G$18=$B$17,14,0)+IF('Standard Profiles'!$G$18=$B$24,21,0),0)),0)</f>
        <v>0</v>
      </c>
      <c r="E4714" cm="1">
        <f t="array" ref="E4714">IFERROR(INDEX(Jesper!AI$2:AI$366,ROUNDDOWN($C4714/24,0)+1,1)*INDEX($D$3:$AA$30,INDEX(Jesper!$R$2:$R$366,ROW(INDEX(Jesper!AI$2:AI$366,ROUNDDOWN($C4714/24,0)+1,1))-1)+IF('Standard Profiles'!$G$19=$B$10,7,0)+IF('Standard Profiles'!$G$19=$B$17,14,0)+IF('Standard Profiles'!$G$19=$B$24,21,0),MOD($C4714,24)+1)/SUM(INDEX($D$3:$AA$30,INDEX(Jesper!$R$2:$R$366,ROW(INDEX(Jesper!AI$2:AI$366,ROUNDDOWN($C4714/24,0)+1,1))-1)+IF('Standard Profiles'!$G$19=$B$10,7,0)+IF('Standard Profiles'!$G$19=$B$17,14,0)+IF('Standard Profiles'!$G$19=$B$24,21,0),0)),0)</f>
        <v>2.9544941455803881</v>
      </c>
      <c r="F4714" cm="1">
        <f t="array" ref="F4714">IFERROR(INDEX(Jesper!AJ$2:AJ$366,ROUNDDOWN($C4714/24,0)+1,1)*INDEX($D$3:$AA$30,INDEX(Jesper!$R$2:$R$366,ROW(INDEX(Jesper!AJ$2:AJ$366,ROUNDDOWN($C4714/24,0)+1,1))-1)+IF('Standard Profiles'!$G$20=$B$10,7,0)+IF('Standard Profiles'!$G$20=$B$17,14,0)+IF('Standard Profiles'!$G$20=$B$24,21,0),MOD($C4714,24)+1)/SUM(INDEX($D$3:$AA$30,INDEX(Jesper!$R$2:$R$366,ROW(INDEX(Jesper!AJ$2:AJ$366,ROUNDDOWN($C4714/24,0)+1,1))-1)+IF('Standard Profiles'!$G$20=$B$10,7,0)+IF('Standard Profiles'!$G$20=$B$17,14,0)+IF('Standard Profiles'!$G$20=$B$24,21,0),0)),0)</f>
        <v>0.86792196939559252</v>
      </c>
      <c r="G4714" cm="1">
        <f t="array" ref="G4714">IFERROR(INDEX(Jesper!AK$2:AK$366,ROUNDDOWN($C4714/24,0)+1,1)*INDEX($D$3:$AA$30,INDEX(Jesper!$R$2:$R$366,ROW(INDEX(Jesper!AK$2:AK$366,ROUNDDOWN($C4714/24,0)+1,1))-1)+IF('Standard Profiles'!$G$21=$B$10,7,0)+IF('Standard Profiles'!$G$21=$B$17,14,0)+IF('Standard Profiles'!$G$21=$B$24,21,0),MOD($C4714,24)+1)/SUM(INDEX($D$3:$AA$30,INDEX(Jesper!$R$2:$R$366,ROW(INDEX(Jesper!AK$2:AK$366,ROUNDDOWN($C4714/24,0)+1,1))-1)+IF('Standard Profiles'!$G$21=$B$10,7,0)+IF('Standard Profiles'!$G$21=$B$17,14,0)+IF('Standard Profiles'!$G$21=$B$24,21,0),0)),0)</f>
        <v>0.19270215731554308</v>
      </c>
      <c r="H4714" cm="1">
        <f t="array" ref="H4714">IFERROR(INDEX(Jesper!AL$2:AL$366,ROUNDDOWN($C4714/24,0)+1,1)*INDEX($D$3:$AA$30,INDEX(Jesper!$R$2:$R$366,ROW(INDEX(Jesper!AL$2:AL$366,ROUNDDOWN($C4714/24,0)+1,1))-1)+IF('Standard Profiles'!$G$22=$B$10,7,0)+IF('Standard Profiles'!$G$22=$B$17,14,0)+IF('Standard Profiles'!$G$22=$B$24,21,0),MOD($C4714,24)+1)/SUM(INDEX($D$3:$AA$30,INDEX(Jesper!$R$2:$R$366,ROW(INDEX(Jesper!AL$2:AL$366,ROUNDDOWN($C4714/24,0)+1,1))-1)+IF('Standard Profiles'!$G$22=$B$10,7,0)+IF('Standard Profiles'!$G$22=$B$17,14,0)+IF('Standard Profiles'!$G$22=$B$24,21,0),0)),0)</f>
        <v>0</v>
      </c>
      <c r="I4714">
        <f t="shared" si="531"/>
        <v>0</v>
      </c>
      <c r="J4714">
        <f t="shared" si="532"/>
        <v>3.6605789748218771</v>
      </c>
      <c r="K4714">
        <f t="shared" si="533"/>
        <v>0.23635953164643106</v>
      </c>
      <c r="L4714">
        <f t="shared" si="534"/>
        <v>0.11817976582321553</v>
      </c>
      <c r="M4714">
        <f t="shared" si="535"/>
        <v>0</v>
      </c>
      <c r="N4714" s="45">
        <f t="shared" si="536"/>
        <v>45121.99999998865</v>
      </c>
    </row>
    <row r="4715" spans="2:14" x14ac:dyDescent="0.25">
      <c r="B4715">
        <f t="shared" si="530"/>
        <v>6</v>
      </c>
      <c r="C4715" s="16">
        <v>4681</v>
      </c>
      <c r="D4715" cm="1">
        <f t="array" ref="D4715">IFERROR(INDEX(Jesper!AH$2:AH$366,ROUNDDOWN($C4715/24,0)+1,1)*INDEX($D$3:$AA$30,INDEX(Jesper!$R$2:$R$366,ROW(INDEX(Jesper!AH$2:AH$366,ROUNDDOWN($C4715/24,0)+1,1))-1)+IF('Standard Profiles'!$G$18=$B$10,7,0)+IF('Standard Profiles'!$G$18=$B$17,14,0)+IF('Standard Profiles'!$G$18=$B$24,21,0),MOD($C4715,24)+1)/SUM(INDEX($D$3:$AA$30,INDEX(Jesper!$R$2:$R$366,ROW(INDEX(Jesper!AH$2:AH$366,ROUNDDOWN($C4715/24,0)+1,1))-1)+IF('Standard Profiles'!$G$18=$B$10,7,0)+IF('Standard Profiles'!$G$18=$B$17,14,0)+IF('Standard Profiles'!$G$18=$B$24,21,0),0)),0)</f>
        <v>0</v>
      </c>
      <c r="E4715" cm="1">
        <f t="array" ref="E4715">IFERROR(INDEX(Jesper!AI$2:AI$366,ROUNDDOWN($C4715/24,0)+1,1)*INDEX($D$3:$AA$30,INDEX(Jesper!$R$2:$R$366,ROW(INDEX(Jesper!AI$2:AI$366,ROUNDDOWN($C4715/24,0)+1,1))-1)+IF('Standard Profiles'!$G$19=$B$10,7,0)+IF('Standard Profiles'!$G$19=$B$17,14,0)+IF('Standard Profiles'!$G$19=$B$24,21,0),MOD($C4715,24)+1)/SUM(INDEX($D$3:$AA$30,INDEX(Jesper!$R$2:$R$366,ROW(INDEX(Jesper!AI$2:AI$366,ROUNDDOWN($C4715/24,0)+1,1))-1)+IF('Standard Profiles'!$G$19=$B$10,7,0)+IF('Standard Profiles'!$G$19=$B$17,14,0)+IF('Standard Profiles'!$G$19=$B$24,21,0),0)),0)</f>
        <v>2.6590447310223491</v>
      </c>
      <c r="F4715" cm="1">
        <f t="array" ref="F4715">IFERROR(INDEX(Jesper!AJ$2:AJ$366,ROUNDDOWN($C4715/24,0)+1,1)*INDEX($D$3:$AA$30,INDEX(Jesper!$R$2:$R$366,ROW(INDEX(Jesper!AJ$2:AJ$366,ROUNDDOWN($C4715/24,0)+1,1))-1)+IF('Standard Profiles'!$G$20=$B$10,7,0)+IF('Standard Profiles'!$G$20=$B$17,14,0)+IF('Standard Profiles'!$G$20=$B$24,21,0),MOD($C4715,24)+1)/SUM(INDEX($D$3:$AA$30,INDEX(Jesper!$R$2:$R$366,ROW(INDEX(Jesper!AJ$2:AJ$366,ROUNDDOWN($C4715/24,0)+1,1))-1)+IF('Standard Profiles'!$G$20=$B$10,7,0)+IF('Standard Profiles'!$G$20=$B$17,14,0)+IF('Standard Profiles'!$G$20=$B$24,21,0),0)),0)</f>
        <v>0.78112977245603321</v>
      </c>
      <c r="G4715" cm="1">
        <f t="array" ref="G4715">IFERROR(INDEX(Jesper!AK$2:AK$366,ROUNDDOWN($C4715/24,0)+1,1)*INDEX($D$3:$AA$30,INDEX(Jesper!$R$2:$R$366,ROW(INDEX(Jesper!AK$2:AK$366,ROUNDDOWN($C4715/24,0)+1,1))-1)+IF('Standard Profiles'!$G$21=$B$10,7,0)+IF('Standard Profiles'!$G$21=$B$17,14,0)+IF('Standard Profiles'!$G$21=$B$24,21,0),MOD($C4715,24)+1)/SUM(INDEX($D$3:$AA$30,INDEX(Jesper!$R$2:$R$366,ROW(INDEX(Jesper!AK$2:AK$366,ROUNDDOWN($C4715/24,0)+1,1))-1)+IF('Standard Profiles'!$G$21=$B$10,7,0)+IF('Standard Profiles'!$G$21=$B$17,14,0)+IF('Standard Profiles'!$G$21=$B$24,21,0),0)),0)</f>
        <v>0.19270215731554308</v>
      </c>
      <c r="H4715" cm="1">
        <f t="array" ref="H4715">IFERROR(INDEX(Jesper!AL$2:AL$366,ROUNDDOWN($C4715/24,0)+1,1)*INDEX($D$3:$AA$30,INDEX(Jesper!$R$2:$R$366,ROW(INDEX(Jesper!AL$2:AL$366,ROUNDDOWN($C4715/24,0)+1,1))-1)+IF('Standard Profiles'!$G$22=$B$10,7,0)+IF('Standard Profiles'!$G$22=$B$17,14,0)+IF('Standard Profiles'!$G$22=$B$24,21,0),MOD($C4715,24)+1)/SUM(INDEX($D$3:$AA$30,INDEX(Jesper!$R$2:$R$366,ROW(INDEX(Jesper!AL$2:AL$366,ROUNDDOWN($C4715/24,0)+1,1))-1)+IF('Standard Profiles'!$G$22=$B$10,7,0)+IF('Standard Profiles'!$G$22=$B$17,14,0)+IF('Standard Profiles'!$G$22=$B$24,21,0),0)),0)</f>
        <v>0</v>
      </c>
      <c r="I4715">
        <f t="shared" si="531"/>
        <v>0</v>
      </c>
      <c r="J4715">
        <f t="shared" si="532"/>
        <v>3.3137912930712434</v>
      </c>
      <c r="K4715">
        <f t="shared" si="533"/>
        <v>0.21272357848178794</v>
      </c>
      <c r="L4715">
        <f t="shared" si="534"/>
        <v>0.10636178924089397</v>
      </c>
      <c r="M4715">
        <f t="shared" si="535"/>
        <v>0</v>
      </c>
      <c r="N4715" s="45">
        <f t="shared" si="536"/>
        <v>45122.041666655314</v>
      </c>
    </row>
    <row r="4716" spans="2:14" x14ac:dyDescent="0.25">
      <c r="B4716">
        <f t="shared" si="530"/>
        <v>6</v>
      </c>
      <c r="C4716" s="16">
        <v>4682</v>
      </c>
      <c r="D4716" cm="1">
        <f t="array" ref="D4716">IFERROR(INDEX(Jesper!AH$2:AH$366,ROUNDDOWN($C4716/24,0)+1,1)*INDEX($D$3:$AA$30,INDEX(Jesper!$R$2:$R$366,ROW(INDEX(Jesper!AH$2:AH$366,ROUNDDOWN($C4716/24,0)+1,1))-1)+IF('Standard Profiles'!$G$18=$B$10,7,0)+IF('Standard Profiles'!$G$18=$B$17,14,0)+IF('Standard Profiles'!$G$18=$B$24,21,0),MOD($C4716,24)+1)/SUM(INDEX($D$3:$AA$30,INDEX(Jesper!$R$2:$R$366,ROW(INDEX(Jesper!AH$2:AH$366,ROUNDDOWN($C4716/24,0)+1,1))-1)+IF('Standard Profiles'!$G$18=$B$10,7,0)+IF('Standard Profiles'!$G$18=$B$17,14,0)+IF('Standard Profiles'!$G$18=$B$24,21,0),0)),0)</f>
        <v>0</v>
      </c>
      <c r="E4716" cm="1">
        <f t="array" ref="E4716">IFERROR(INDEX(Jesper!AI$2:AI$366,ROUNDDOWN($C4716/24,0)+1,1)*INDEX($D$3:$AA$30,INDEX(Jesper!$R$2:$R$366,ROW(INDEX(Jesper!AI$2:AI$366,ROUNDDOWN($C4716/24,0)+1,1))-1)+IF('Standard Profiles'!$G$19=$B$10,7,0)+IF('Standard Profiles'!$G$19=$B$17,14,0)+IF('Standard Profiles'!$G$19=$B$24,21,0),MOD($C4716,24)+1)/SUM(INDEX($D$3:$AA$30,INDEX(Jesper!$R$2:$R$366,ROW(INDEX(Jesper!AI$2:AI$366,ROUNDDOWN($C4716/24,0)+1,1))-1)+IF('Standard Profiles'!$G$19=$B$10,7,0)+IF('Standard Profiles'!$G$19=$B$17,14,0)+IF('Standard Profiles'!$G$19=$B$24,21,0),0)),0)</f>
        <v>2.6590447310223491</v>
      </c>
      <c r="F4716" cm="1">
        <f t="array" ref="F4716">IFERROR(INDEX(Jesper!AJ$2:AJ$366,ROUNDDOWN($C4716/24,0)+1,1)*INDEX($D$3:$AA$30,INDEX(Jesper!$R$2:$R$366,ROW(INDEX(Jesper!AJ$2:AJ$366,ROUNDDOWN($C4716/24,0)+1,1))-1)+IF('Standard Profiles'!$G$20=$B$10,7,0)+IF('Standard Profiles'!$G$20=$B$17,14,0)+IF('Standard Profiles'!$G$20=$B$24,21,0),MOD($C4716,24)+1)/SUM(INDEX($D$3:$AA$30,INDEX(Jesper!$R$2:$R$366,ROW(INDEX(Jesper!AJ$2:AJ$366,ROUNDDOWN($C4716/24,0)+1,1))-1)+IF('Standard Profiles'!$G$20=$B$10,7,0)+IF('Standard Profiles'!$G$20=$B$17,14,0)+IF('Standard Profiles'!$G$20=$B$24,21,0),0)),0)</f>
        <v>0.78112977245603321</v>
      </c>
      <c r="G4716" cm="1">
        <f t="array" ref="G4716">IFERROR(INDEX(Jesper!AK$2:AK$366,ROUNDDOWN($C4716/24,0)+1,1)*INDEX($D$3:$AA$30,INDEX(Jesper!$R$2:$R$366,ROW(INDEX(Jesper!AK$2:AK$366,ROUNDDOWN($C4716/24,0)+1,1))-1)+IF('Standard Profiles'!$G$21=$B$10,7,0)+IF('Standard Profiles'!$G$21=$B$17,14,0)+IF('Standard Profiles'!$G$21=$B$24,21,0),MOD($C4716,24)+1)/SUM(INDEX($D$3:$AA$30,INDEX(Jesper!$R$2:$R$366,ROW(INDEX(Jesper!AK$2:AK$366,ROUNDDOWN($C4716/24,0)+1,1))-1)+IF('Standard Profiles'!$G$21=$B$10,7,0)+IF('Standard Profiles'!$G$21=$B$17,14,0)+IF('Standard Profiles'!$G$21=$B$24,21,0),0)),0)</f>
        <v>0.19270215731554308</v>
      </c>
      <c r="H4716" cm="1">
        <f t="array" ref="H4716">IFERROR(INDEX(Jesper!AL$2:AL$366,ROUNDDOWN($C4716/24,0)+1,1)*INDEX($D$3:$AA$30,INDEX(Jesper!$R$2:$R$366,ROW(INDEX(Jesper!AL$2:AL$366,ROUNDDOWN($C4716/24,0)+1,1))-1)+IF('Standard Profiles'!$G$22=$B$10,7,0)+IF('Standard Profiles'!$G$22=$B$17,14,0)+IF('Standard Profiles'!$G$22=$B$24,21,0),MOD($C4716,24)+1)/SUM(INDEX($D$3:$AA$30,INDEX(Jesper!$R$2:$R$366,ROW(INDEX(Jesper!AL$2:AL$366,ROUNDDOWN($C4716/24,0)+1,1))-1)+IF('Standard Profiles'!$G$22=$B$10,7,0)+IF('Standard Profiles'!$G$22=$B$17,14,0)+IF('Standard Profiles'!$G$22=$B$24,21,0),0)),0)</f>
        <v>0</v>
      </c>
      <c r="I4716">
        <f t="shared" si="531"/>
        <v>0</v>
      </c>
      <c r="J4716">
        <f t="shared" si="532"/>
        <v>3.3137912930712434</v>
      </c>
      <c r="K4716">
        <f t="shared" si="533"/>
        <v>0.21272357848178794</v>
      </c>
      <c r="L4716">
        <f t="shared" si="534"/>
        <v>0.10636178924089397</v>
      </c>
      <c r="M4716">
        <f t="shared" si="535"/>
        <v>0</v>
      </c>
      <c r="N4716" s="45">
        <f t="shared" si="536"/>
        <v>45122.083333321978</v>
      </c>
    </row>
    <row r="4717" spans="2:14" x14ac:dyDescent="0.25">
      <c r="B4717">
        <f t="shared" si="530"/>
        <v>6</v>
      </c>
      <c r="C4717" s="16">
        <v>4683</v>
      </c>
      <c r="D4717" cm="1">
        <f t="array" ref="D4717">IFERROR(INDEX(Jesper!AH$2:AH$366,ROUNDDOWN($C4717/24,0)+1,1)*INDEX($D$3:$AA$30,INDEX(Jesper!$R$2:$R$366,ROW(INDEX(Jesper!AH$2:AH$366,ROUNDDOWN($C4717/24,0)+1,1))-1)+IF('Standard Profiles'!$G$18=$B$10,7,0)+IF('Standard Profiles'!$G$18=$B$17,14,0)+IF('Standard Profiles'!$G$18=$B$24,21,0),MOD($C4717,24)+1)/SUM(INDEX($D$3:$AA$30,INDEX(Jesper!$R$2:$R$366,ROW(INDEX(Jesper!AH$2:AH$366,ROUNDDOWN($C4717/24,0)+1,1))-1)+IF('Standard Profiles'!$G$18=$B$10,7,0)+IF('Standard Profiles'!$G$18=$B$17,14,0)+IF('Standard Profiles'!$G$18=$B$24,21,0),0)),0)</f>
        <v>0</v>
      </c>
      <c r="E4717" cm="1">
        <f t="array" ref="E4717">IFERROR(INDEX(Jesper!AI$2:AI$366,ROUNDDOWN($C4717/24,0)+1,1)*INDEX($D$3:$AA$30,INDEX(Jesper!$R$2:$R$366,ROW(INDEX(Jesper!AI$2:AI$366,ROUNDDOWN($C4717/24,0)+1,1))-1)+IF('Standard Profiles'!$G$19=$B$10,7,0)+IF('Standard Profiles'!$G$19=$B$17,14,0)+IF('Standard Profiles'!$G$19=$B$24,21,0),MOD($C4717,24)+1)/SUM(INDEX($D$3:$AA$30,INDEX(Jesper!$R$2:$R$366,ROW(INDEX(Jesper!AI$2:AI$366,ROUNDDOWN($C4717/24,0)+1,1))-1)+IF('Standard Profiles'!$G$19=$B$10,7,0)+IF('Standard Profiles'!$G$19=$B$17,14,0)+IF('Standard Profiles'!$G$19=$B$24,21,0),0)),0)</f>
        <v>2.6590447310223491</v>
      </c>
      <c r="F4717" cm="1">
        <f t="array" ref="F4717">IFERROR(INDEX(Jesper!AJ$2:AJ$366,ROUNDDOWN($C4717/24,0)+1,1)*INDEX($D$3:$AA$30,INDEX(Jesper!$R$2:$R$366,ROW(INDEX(Jesper!AJ$2:AJ$366,ROUNDDOWN($C4717/24,0)+1,1))-1)+IF('Standard Profiles'!$G$20=$B$10,7,0)+IF('Standard Profiles'!$G$20=$B$17,14,0)+IF('Standard Profiles'!$G$20=$B$24,21,0),MOD($C4717,24)+1)/SUM(INDEX($D$3:$AA$30,INDEX(Jesper!$R$2:$R$366,ROW(INDEX(Jesper!AJ$2:AJ$366,ROUNDDOWN($C4717/24,0)+1,1))-1)+IF('Standard Profiles'!$G$20=$B$10,7,0)+IF('Standard Profiles'!$G$20=$B$17,14,0)+IF('Standard Profiles'!$G$20=$B$24,21,0),0)),0)</f>
        <v>0.78112977245603321</v>
      </c>
      <c r="G4717" cm="1">
        <f t="array" ref="G4717">IFERROR(INDEX(Jesper!AK$2:AK$366,ROUNDDOWN($C4717/24,0)+1,1)*INDEX($D$3:$AA$30,INDEX(Jesper!$R$2:$R$366,ROW(INDEX(Jesper!AK$2:AK$366,ROUNDDOWN($C4717/24,0)+1,1))-1)+IF('Standard Profiles'!$G$21=$B$10,7,0)+IF('Standard Profiles'!$G$21=$B$17,14,0)+IF('Standard Profiles'!$G$21=$B$24,21,0),MOD($C4717,24)+1)/SUM(INDEX($D$3:$AA$30,INDEX(Jesper!$R$2:$R$366,ROW(INDEX(Jesper!AK$2:AK$366,ROUNDDOWN($C4717/24,0)+1,1))-1)+IF('Standard Profiles'!$G$21=$B$10,7,0)+IF('Standard Profiles'!$G$21=$B$17,14,0)+IF('Standard Profiles'!$G$21=$B$24,21,0),0)),0)</f>
        <v>0.19270215731554308</v>
      </c>
      <c r="H4717" cm="1">
        <f t="array" ref="H4717">IFERROR(INDEX(Jesper!AL$2:AL$366,ROUNDDOWN($C4717/24,0)+1,1)*INDEX($D$3:$AA$30,INDEX(Jesper!$R$2:$R$366,ROW(INDEX(Jesper!AL$2:AL$366,ROUNDDOWN($C4717/24,0)+1,1))-1)+IF('Standard Profiles'!$G$22=$B$10,7,0)+IF('Standard Profiles'!$G$22=$B$17,14,0)+IF('Standard Profiles'!$G$22=$B$24,21,0),MOD($C4717,24)+1)/SUM(INDEX($D$3:$AA$30,INDEX(Jesper!$R$2:$R$366,ROW(INDEX(Jesper!AL$2:AL$366,ROUNDDOWN($C4717/24,0)+1,1))-1)+IF('Standard Profiles'!$G$22=$B$10,7,0)+IF('Standard Profiles'!$G$22=$B$17,14,0)+IF('Standard Profiles'!$G$22=$B$24,21,0),0)),0)</f>
        <v>0</v>
      </c>
      <c r="I4717">
        <f t="shared" si="531"/>
        <v>0</v>
      </c>
      <c r="J4717">
        <f t="shared" si="532"/>
        <v>3.3137912930712434</v>
      </c>
      <c r="K4717">
        <f t="shared" si="533"/>
        <v>0.21272357848178794</v>
      </c>
      <c r="L4717">
        <f t="shared" si="534"/>
        <v>0.10636178924089397</v>
      </c>
      <c r="M4717">
        <f t="shared" si="535"/>
        <v>0</v>
      </c>
      <c r="N4717" s="45">
        <f t="shared" si="536"/>
        <v>45122.124999988642</v>
      </c>
    </row>
    <row r="4718" spans="2:14" x14ac:dyDescent="0.25">
      <c r="B4718">
        <f t="shared" si="530"/>
        <v>6</v>
      </c>
      <c r="C4718" s="16">
        <v>4684</v>
      </c>
      <c r="D4718" cm="1">
        <f t="array" ref="D4718">IFERROR(INDEX(Jesper!AH$2:AH$366,ROUNDDOWN($C4718/24,0)+1,1)*INDEX($D$3:$AA$30,INDEX(Jesper!$R$2:$R$366,ROW(INDEX(Jesper!AH$2:AH$366,ROUNDDOWN($C4718/24,0)+1,1))-1)+IF('Standard Profiles'!$G$18=$B$10,7,0)+IF('Standard Profiles'!$G$18=$B$17,14,0)+IF('Standard Profiles'!$G$18=$B$24,21,0),MOD($C4718,24)+1)/SUM(INDEX($D$3:$AA$30,INDEX(Jesper!$R$2:$R$366,ROW(INDEX(Jesper!AH$2:AH$366,ROUNDDOWN($C4718/24,0)+1,1))-1)+IF('Standard Profiles'!$G$18=$B$10,7,0)+IF('Standard Profiles'!$G$18=$B$17,14,0)+IF('Standard Profiles'!$G$18=$B$24,21,0),0)),0)</f>
        <v>0</v>
      </c>
      <c r="E4718" cm="1">
        <f t="array" ref="E4718">IFERROR(INDEX(Jesper!AI$2:AI$366,ROUNDDOWN($C4718/24,0)+1,1)*INDEX($D$3:$AA$30,INDEX(Jesper!$R$2:$R$366,ROW(INDEX(Jesper!AI$2:AI$366,ROUNDDOWN($C4718/24,0)+1,1))-1)+IF('Standard Profiles'!$G$19=$B$10,7,0)+IF('Standard Profiles'!$G$19=$B$17,14,0)+IF('Standard Profiles'!$G$19=$B$24,21,0),MOD($C4718,24)+1)/SUM(INDEX($D$3:$AA$30,INDEX(Jesper!$R$2:$R$366,ROW(INDEX(Jesper!AI$2:AI$366,ROUNDDOWN($C4718/24,0)+1,1))-1)+IF('Standard Profiles'!$G$19=$B$10,7,0)+IF('Standard Profiles'!$G$19=$B$17,14,0)+IF('Standard Profiles'!$G$19=$B$24,21,0),0)),0)</f>
        <v>2.6590447310223491</v>
      </c>
      <c r="F4718" cm="1">
        <f t="array" ref="F4718">IFERROR(INDEX(Jesper!AJ$2:AJ$366,ROUNDDOWN($C4718/24,0)+1,1)*INDEX($D$3:$AA$30,INDEX(Jesper!$R$2:$R$366,ROW(INDEX(Jesper!AJ$2:AJ$366,ROUNDDOWN($C4718/24,0)+1,1))-1)+IF('Standard Profiles'!$G$20=$B$10,7,0)+IF('Standard Profiles'!$G$20=$B$17,14,0)+IF('Standard Profiles'!$G$20=$B$24,21,0),MOD($C4718,24)+1)/SUM(INDEX($D$3:$AA$30,INDEX(Jesper!$R$2:$R$366,ROW(INDEX(Jesper!AJ$2:AJ$366,ROUNDDOWN($C4718/24,0)+1,1))-1)+IF('Standard Profiles'!$G$20=$B$10,7,0)+IF('Standard Profiles'!$G$20=$B$17,14,0)+IF('Standard Profiles'!$G$20=$B$24,21,0),0)),0)</f>
        <v>0.78112977245603321</v>
      </c>
      <c r="G4718" cm="1">
        <f t="array" ref="G4718">IFERROR(INDEX(Jesper!AK$2:AK$366,ROUNDDOWN($C4718/24,0)+1,1)*INDEX($D$3:$AA$30,INDEX(Jesper!$R$2:$R$366,ROW(INDEX(Jesper!AK$2:AK$366,ROUNDDOWN($C4718/24,0)+1,1))-1)+IF('Standard Profiles'!$G$21=$B$10,7,0)+IF('Standard Profiles'!$G$21=$B$17,14,0)+IF('Standard Profiles'!$G$21=$B$24,21,0),MOD($C4718,24)+1)/SUM(INDEX($D$3:$AA$30,INDEX(Jesper!$R$2:$R$366,ROW(INDEX(Jesper!AK$2:AK$366,ROUNDDOWN($C4718/24,0)+1,1))-1)+IF('Standard Profiles'!$G$21=$B$10,7,0)+IF('Standard Profiles'!$G$21=$B$17,14,0)+IF('Standard Profiles'!$G$21=$B$24,21,0),0)),0)</f>
        <v>0.19270215731554308</v>
      </c>
      <c r="H4718" cm="1">
        <f t="array" ref="H4718">IFERROR(INDEX(Jesper!AL$2:AL$366,ROUNDDOWN($C4718/24,0)+1,1)*INDEX($D$3:$AA$30,INDEX(Jesper!$R$2:$R$366,ROW(INDEX(Jesper!AL$2:AL$366,ROUNDDOWN($C4718/24,0)+1,1))-1)+IF('Standard Profiles'!$G$22=$B$10,7,0)+IF('Standard Profiles'!$G$22=$B$17,14,0)+IF('Standard Profiles'!$G$22=$B$24,21,0),MOD($C4718,24)+1)/SUM(INDEX($D$3:$AA$30,INDEX(Jesper!$R$2:$R$366,ROW(INDEX(Jesper!AL$2:AL$366,ROUNDDOWN($C4718/24,0)+1,1))-1)+IF('Standard Profiles'!$G$22=$B$10,7,0)+IF('Standard Profiles'!$G$22=$B$17,14,0)+IF('Standard Profiles'!$G$22=$B$24,21,0),0)),0)</f>
        <v>0</v>
      </c>
      <c r="I4718">
        <f t="shared" si="531"/>
        <v>0</v>
      </c>
      <c r="J4718">
        <f t="shared" si="532"/>
        <v>3.3137912930712434</v>
      </c>
      <c r="K4718">
        <f t="shared" si="533"/>
        <v>0.21272357848178794</v>
      </c>
      <c r="L4718">
        <f t="shared" si="534"/>
        <v>0.10636178924089397</v>
      </c>
      <c r="M4718">
        <f t="shared" si="535"/>
        <v>0</v>
      </c>
      <c r="N4718" s="45">
        <f t="shared" si="536"/>
        <v>45122.166666655306</v>
      </c>
    </row>
    <row r="4719" spans="2:14" x14ac:dyDescent="0.25">
      <c r="B4719">
        <f t="shared" si="530"/>
        <v>6</v>
      </c>
      <c r="C4719" s="16">
        <v>4685</v>
      </c>
      <c r="D4719" cm="1">
        <f t="array" ref="D4719">IFERROR(INDEX(Jesper!AH$2:AH$366,ROUNDDOWN($C4719/24,0)+1,1)*INDEX($D$3:$AA$30,INDEX(Jesper!$R$2:$R$366,ROW(INDEX(Jesper!AH$2:AH$366,ROUNDDOWN($C4719/24,0)+1,1))-1)+IF('Standard Profiles'!$G$18=$B$10,7,0)+IF('Standard Profiles'!$G$18=$B$17,14,0)+IF('Standard Profiles'!$G$18=$B$24,21,0),MOD($C4719,24)+1)/SUM(INDEX($D$3:$AA$30,INDEX(Jesper!$R$2:$R$366,ROW(INDEX(Jesper!AH$2:AH$366,ROUNDDOWN($C4719/24,0)+1,1))-1)+IF('Standard Profiles'!$G$18=$B$10,7,0)+IF('Standard Profiles'!$G$18=$B$17,14,0)+IF('Standard Profiles'!$G$18=$B$24,21,0),0)),0)</f>
        <v>0</v>
      </c>
      <c r="E4719" cm="1">
        <f t="array" ref="E4719">IFERROR(INDEX(Jesper!AI$2:AI$366,ROUNDDOWN($C4719/24,0)+1,1)*INDEX($D$3:$AA$30,INDEX(Jesper!$R$2:$R$366,ROW(INDEX(Jesper!AI$2:AI$366,ROUNDDOWN($C4719/24,0)+1,1))-1)+IF('Standard Profiles'!$G$19=$B$10,7,0)+IF('Standard Profiles'!$G$19=$B$17,14,0)+IF('Standard Profiles'!$G$19=$B$24,21,0),MOD($C4719,24)+1)/SUM(INDEX($D$3:$AA$30,INDEX(Jesper!$R$2:$R$366,ROW(INDEX(Jesper!AI$2:AI$366,ROUNDDOWN($C4719/24,0)+1,1))-1)+IF('Standard Profiles'!$G$19=$B$10,7,0)+IF('Standard Profiles'!$G$19=$B$17,14,0)+IF('Standard Profiles'!$G$19=$B$24,21,0),0)),0)</f>
        <v>2.6590447310223491</v>
      </c>
      <c r="F4719" cm="1">
        <f t="array" ref="F4719">IFERROR(INDEX(Jesper!AJ$2:AJ$366,ROUNDDOWN($C4719/24,0)+1,1)*INDEX($D$3:$AA$30,INDEX(Jesper!$R$2:$R$366,ROW(INDEX(Jesper!AJ$2:AJ$366,ROUNDDOWN($C4719/24,0)+1,1))-1)+IF('Standard Profiles'!$G$20=$B$10,7,0)+IF('Standard Profiles'!$G$20=$B$17,14,0)+IF('Standard Profiles'!$G$20=$B$24,21,0),MOD($C4719,24)+1)/SUM(INDEX($D$3:$AA$30,INDEX(Jesper!$R$2:$R$366,ROW(INDEX(Jesper!AJ$2:AJ$366,ROUNDDOWN($C4719/24,0)+1,1))-1)+IF('Standard Profiles'!$G$20=$B$10,7,0)+IF('Standard Profiles'!$G$20=$B$17,14,0)+IF('Standard Profiles'!$G$20=$B$24,21,0),0)),0)</f>
        <v>0.78112977245603321</v>
      </c>
      <c r="G4719" cm="1">
        <f t="array" ref="G4719">IFERROR(INDEX(Jesper!AK$2:AK$366,ROUNDDOWN($C4719/24,0)+1,1)*INDEX($D$3:$AA$30,INDEX(Jesper!$R$2:$R$366,ROW(INDEX(Jesper!AK$2:AK$366,ROUNDDOWN($C4719/24,0)+1,1))-1)+IF('Standard Profiles'!$G$21=$B$10,7,0)+IF('Standard Profiles'!$G$21=$B$17,14,0)+IF('Standard Profiles'!$G$21=$B$24,21,0),MOD($C4719,24)+1)/SUM(INDEX($D$3:$AA$30,INDEX(Jesper!$R$2:$R$366,ROW(INDEX(Jesper!AK$2:AK$366,ROUNDDOWN($C4719/24,0)+1,1))-1)+IF('Standard Profiles'!$G$21=$B$10,7,0)+IF('Standard Profiles'!$G$21=$B$17,14,0)+IF('Standard Profiles'!$G$21=$B$24,21,0),0)),0)</f>
        <v>0.19270215731554308</v>
      </c>
      <c r="H4719" cm="1">
        <f t="array" ref="H4719">IFERROR(INDEX(Jesper!AL$2:AL$366,ROUNDDOWN($C4719/24,0)+1,1)*INDEX($D$3:$AA$30,INDEX(Jesper!$R$2:$R$366,ROW(INDEX(Jesper!AL$2:AL$366,ROUNDDOWN($C4719/24,0)+1,1))-1)+IF('Standard Profiles'!$G$22=$B$10,7,0)+IF('Standard Profiles'!$G$22=$B$17,14,0)+IF('Standard Profiles'!$G$22=$B$24,21,0),MOD($C4719,24)+1)/SUM(INDEX($D$3:$AA$30,INDEX(Jesper!$R$2:$R$366,ROW(INDEX(Jesper!AL$2:AL$366,ROUNDDOWN($C4719/24,0)+1,1))-1)+IF('Standard Profiles'!$G$22=$B$10,7,0)+IF('Standard Profiles'!$G$22=$B$17,14,0)+IF('Standard Profiles'!$G$22=$B$24,21,0),0)),0)</f>
        <v>0</v>
      </c>
      <c r="I4719">
        <f t="shared" si="531"/>
        <v>0</v>
      </c>
      <c r="J4719">
        <f t="shared" si="532"/>
        <v>3.3137912930712434</v>
      </c>
      <c r="K4719">
        <f t="shared" si="533"/>
        <v>0.21272357848178794</v>
      </c>
      <c r="L4719">
        <f t="shared" si="534"/>
        <v>0.10636178924089397</v>
      </c>
      <c r="M4719">
        <f t="shared" si="535"/>
        <v>0</v>
      </c>
      <c r="N4719" s="45">
        <f t="shared" si="536"/>
        <v>45122.208333321971</v>
      </c>
    </row>
    <row r="4720" spans="2:14" x14ac:dyDescent="0.25">
      <c r="B4720">
        <f t="shared" si="530"/>
        <v>6</v>
      </c>
      <c r="C4720" s="16">
        <v>4686</v>
      </c>
      <c r="D4720" cm="1">
        <f t="array" ref="D4720">IFERROR(INDEX(Jesper!AH$2:AH$366,ROUNDDOWN($C4720/24,0)+1,1)*INDEX($D$3:$AA$30,INDEX(Jesper!$R$2:$R$366,ROW(INDEX(Jesper!AH$2:AH$366,ROUNDDOWN($C4720/24,0)+1,1))-1)+IF('Standard Profiles'!$G$18=$B$10,7,0)+IF('Standard Profiles'!$G$18=$B$17,14,0)+IF('Standard Profiles'!$G$18=$B$24,21,0),MOD($C4720,24)+1)/SUM(INDEX($D$3:$AA$30,INDEX(Jesper!$R$2:$R$366,ROW(INDEX(Jesper!AH$2:AH$366,ROUNDDOWN($C4720/24,0)+1,1))-1)+IF('Standard Profiles'!$G$18=$B$10,7,0)+IF('Standard Profiles'!$G$18=$B$17,14,0)+IF('Standard Profiles'!$G$18=$B$24,21,0),0)),0)</f>
        <v>0</v>
      </c>
      <c r="E4720" cm="1">
        <f t="array" ref="E4720">IFERROR(INDEX(Jesper!AI$2:AI$366,ROUNDDOWN($C4720/24,0)+1,1)*INDEX($D$3:$AA$30,INDEX(Jesper!$R$2:$R$366,ROW(INDEX(Jesper!AI$2:AI$366,ROUNDDOWN($C4720/24,0)+1,1))-1)+IF('Standard Profiles'!$G$19=$B$10,7,0)+IF('Standard Profiles'!$G$19=$B$17,14,0)+IF('Standard Profiles'!$G$19=$B$24,21,0),MOD($C4720,24)+1)/SUM(INDEX($D$3:$AA$30,INDEX(Jesper!$R$2:$R$366,ROW(INDEX(Jesper!AI$2:AI$366,ROUNDDOWN($C4720/24,0)+1,1))-1)+IF('Standard Profiles'!$G$19=$B$10,7,0)+IF('Standard Profiles'!$G$19=$B$17,14,0)+IF('Standard Profiles'!$G$19=$B$24,21,0),0)),0)</f>
        <v>2.6590447310223491</v>
      </c>
      <c r="F4720" cm="1">
        <f t="array" ref="F4720">IFERROR(INDEX(Jesper!AJ$2:AJ$366,ROUNDDOWN($C4720/24,0)+1,1)*INDEX($D$3:$AA$30,INDEX(Jesper!$R$2:$R$366,ROW(INDEX(Jesper!AJ$2:AJ$366,ROUNDDOWN($C4720/24,0)+1,1))-1)+IF('Standard Profiles'!$G$20=$B$10,7,0)+IF('Standard Profiles'!$G$20=$B$17,14,0)+IF('Standard Profiles'!$G$20=$B$24,21,0),MOD($C4720,24)+1)/SUM(INDEX($D$3:$AA$30,INDEX(Jesper!$R$2:$R$366,ROW(INDEX(Jesper!AJ$2:AJ$366,ROUNDDOWN($C4720/24,0)+1,1))-1)+IF('Standard Profiles'!$G$20=$B$10,7,0)+IF('Standard Profiles'!$G$20=$B$17,14,0)+IF('Standard Profiles'!$G$20=$B$24,21,0),0)),0)</f>
        <v>0.78112977245603321</v>
      </c>
      <c r="G4720" cm="1">
        <f t="array" ref="G4720">IFERROR(INDEX(Jesper!AK$2:AK$366,ROUNDDOWN($C4720/24,0)+1,1)*INDEX($D$3:$AA$30,INDEX(Jesper!$R$2:$R$366,ROW(INDEX(Jesper!AK$2:AK$366,ROUNDDOWN($C4720/24,0)+1,1))-1)+IF('Standard Profiles'!$G$21=$B$10,7,0)+IF('Standard Profiles'!$G$21=$B$17,14,0)+IF('Standard Profiles'!$G$21=$B$24,21,0),MOD($C4720,24)+1)/SUM(INDEX($D$3:$AA$30,INDEX(Jesper!$R$2:$R$366,ROW(INDEX(Jesper!AK$2:AK$366,ROUNDDOWN($C4720/24,0)+1,1))-1)+IF('Standard Profiles'!$G$21=$B$10,7,0)+IF('Standard Profiles'!$G$21=$B$17,14,0)+IF('Standard Profiles'!$G$21=$B$24,21,0),0)),0)</f>
        <v>0.19270215731554308</v>
      </c>
      <c r="H4720" cm="1">
        <f t="array" ref="H4720">IFERROR(INDEX(Jesper!AL$2:AL$366,ROUNDDOWN($C4720/24,0)+1,1)*INDEX($D$3:$AA$30,INDEX(Jesper!$R$2:$R$366,ROW(INDEX(Jesper!AL$2:AL$366,ROUNDDOWN($C4720/24,0)+1,1))-1)+IF('Standard Profiles'!$G$22=$B$10,7,0)+IF('Standard Profiles'!$G$22=$B$17,14,0)+IF('Standard Profiles'!$G$22=$B$24,21,0),MOD($C4720,24)+1)/SUM(INDEX($D$3:$AA$30,INDEX(Jesper!$R$2:$R$366,ROW(INDEX(Jesper!AL$2:AL$366,ROUNDDOWN($C4720/24,0)+1,1))-1)+IF('Standard Profiles'!$G$22=$B$10,7,0)+IF('Standard Profiles'!$G$22=$B$17,14,0)+IF('Standard Profiles'!$G$22=$B$24,21,0),0)),0)</f>
        <v>0</v>
      </c>
      <c r="I4720">
        <f t="shared" si="531"/>
        <v>0</v>
      </c>
      <c r="J4720">
        <f t="shared" si="532"/>
        <v>3.3137912930712434</v>
      </c>
      <c r="K4720">
        <f t="shared" si="533"/>
        <v>0.21272357848178794</v>
      </c>
      <c r="L4720">
        <f t="shared" si="534"/>
        <v>0.10636178924089397</v>
      </c>
      <c r="M4720">
        <f t="shared" si="535"/>
        <v>0</v>
      </c>
      <c r="N4720" s="45">
        <f t="shared" si="536"/>
        <v>45122.249999988635</v>
      </c>
    </row>
    <row r="4721" spans="2:14" x14ac:dyDescent="0.25">
      <c r="B4721">
        <f t="shared" si="530"/>
        <v>6</v>
      </c>
      <c r="C4721" s="16">
        <v>4687</v>
      </c>
      <c r="D4721" cm="1">
        <f t="array" ref="D4721">IFERROR(INDEX(Jesper!AH$2:AH$366,ROUNDDOWN($C4721/24,0)+1,1)*INDEX($D$3:$AA$30,INDEX(Jesper!$R$2:$R$366,ROW(INDEX(Jesper!AH$2:AH$366,ROUNDDOWN($C4721/24,0)+1,1))-1)+IF('Standard Profiles'!$G$18=$B$10,7,0)+IF('Standard Profiles'!$G$18=$B$17,14,0)+IF('Standard Profiles'!$G$18=$B$24,21,0),MOD($C4721,24)+1)/SUM(INDEX($D$3:$AA$30,INDEX(Jesper!$R$2:$R$366,ROW(INDEX(Jesper!AH$2:AH$366,ROUNDDOWN($C4721/24,0)+1,1))-1)+IF('Standard Profiles'!$G$18=$B$10,7,0)+IF('Standard Profiles'!$G$18=$B$17,14,0)+IF('Standard Profiles'!$G$18=$B$24,21,0),0)),0)</f>
        <v>0</v>
      </c>
      <c r="E4721" cm="1">
        <f t="array" ref="E4721">IFERROR(INDEX(Jesper!AI$2:AI$366,ROUNDDOWN($C4721/24,0)+1,1)*INDEX($D$3:$AA$30,INDEX(Jesper!$R$2:$R$366,ROW(INDEX(Jesper!AI$2:AI$366,ROUNDDOWN($C4721/24,0)+1,1))-1)+IF('Standard Profiles'!$G$19=$B$10,7,0)+IF('Standard Profiles'!$G$19=$B$17,14,0)+IF('Standard Profiles'!$G$19=$B$24,21,0),MOD($C4721,24)+1)/SUM(INDEX($D$3:$AA$30,INDEX(Jesper!$R$2:$R$366,ROW(INDEX(Jesper!AI$2:AI$366,ROUNDDOWN($C4721/24,0)+1,1))-1)+IF('Standard Profiles'!$G$19=$B$10,7,0)+IF('Standard Profiles'!$G$19=$B$17,14,0)+IF('Standard Profiles'!$G$19=$B$24,21,0),0)),0)</f>
        <v>2.6590447310223491</v>
      </c>
      <c r="F4721" cm="1">
        <f t="array" ref="F4721">IFERROR(INDEX(Jesper!AJ$2:AJ$366,ROUNDDOWN($C4721/24,0)+1,1)*INDEX($D$3:$AA$30,INDEX(Jesper!$R$2:$R$366,ROW(INDEX(Jesper!AJ$2:AJ$366,ROUNDDOWN($C4721/24,0)+1,1))-1)+IF('Standard Profiles'!$G$20=$B$10,7,0)+IF('Standard Profiles'!$G$20=$B$17,14,0)+IF('Standard Profiles'!$G$20=$B$24,21,0),MOD($C4721,24)+1)/SUM(INDEX($D$3:$AA$30,INDEX(Jesper!$R$2:$R$366,ROW(INDEX(Jesper!AJ$2:AJ$366,ROUNDDOWN($C4721/24,0)+1,1))-1)+IF('Standard Profiles'!$G$20=$B$10,7,0)+IF('Standard Profiles'!$G$20=$B$17,14,0)+IF('Standard Profiles'!$G$20=$B$24,21,0),0)),0)</f>
        <v>0.78112977245603321</v>
      </c>
      <c r="G4721" cm="1">
        <f t="array" ref="G4721">IFERROR(INDEX(Jesper!AK$2:AK$366,ROUNDDOWN($C4721/24,0)+1,1)*INDEX($D$3:$AA$30,INDEX(Jesper!$R$2:$R$366,ROW(INDEX(Jesper!AK$2:AK$366,ROUNDDOWN($C4721/24,0)+1,1))-1)+IF('Standard Profiles'!$G$21=$B$10,7,0)+IF('Standard Profiles'!$G$21=$B$17,14,0)+IF('Standard Profiles'!$G$21=$B$24,21,0),MOD($C4721,24)+1)/SUM(INDEX($D$3:$AA$30,INDEX(Jesper!$R$2:$R$366,ROW(INDEX(Jesper!AK$2:AK$366,ROUNDDOWN($C4721/24,0)+1,1))-1)+IF('Standard Profiles'!$G$21=$B$10,7,0)+IF('Standard Profiles'!$G$21=$B$17,14,0)+IF('Standard Profiles'!$G$21=$B$24,21,0),0)),0)</f>
        <v>0.19270215731554308</v>
      </c>
      <c r="H4721" cm="1">
        <f t="array" ref="H4721">IFERROR(INDEX(Jesper!AL$2:AL$366,ROUNDDOWN($C4721/24,0)+1,1)*INDEX($D$3:$AA$30,INDEX(Jesper!$R$2:$R$366,ROW(INDEX(Jesper!AL$2:AL$366,ROUNDDOWN($C4721/24,0)+1,1))-1)+IF('Standard Profiles'!$G$22=$B$10,7,0)+IF('Standard Profiles'!$G$22=$B$17,14,0)+IF('Standard Profiles'!$G$22=$B$24,21,0),MOD($C4721,24)+1)/SUM(INDEX($D$3:$AA$30,INDEX(Jesper!$R$2:$R$366,ROW(INDEX(Jesper!AL$2:AL$366,ROUNDDOWN($C4721/24,0)+1,1))-1)+IF('Standard Profiles'!$G$22=$B$10,7,0)+IF('Standard Profiles'!$G$22=$B$17,14,0)+IF('Standard Profiles'!$G$22=$B$24,21,0),0)),0)</f>
        <v>0</v>
      </c>
      <c r="I4721">
        <f t="shared" si="531"/>
        <v>0</v>
      </c>
      <c r="J4721">
        <f t="shared" si="532"/>
        <v>3.3137912930712434</v>
      </c>
      <c r="K4721">
        <f t="shared" si="533"/>
        <v>0.21272357848178794</v>
      </c>
      <c r="L4721">
        <f t="shared" si="534"/>
        <v>0.10636178924089397</v>
      </c>
      <c r="M4721">
        <f t="shared" si="535"/>
        <v>0</v>
      </c>
      <c r="N4721" s="45">
        <f t="shared" si="536"/>
        <v>45122.291666655299</v>
      </c>
    </row>
    <row r="4722" spans="2:14" x14ac:dyDescent="0.25">
      <c r="B4722">
        <f t="shared" si="530"/>
        <v>6</v>
      </c>
      <c r="C4722" s="16">
        <v>4688</v>
      </c>
      <c r="D4722" cm="1">
        <f t="array" ref="D4722">IFERROR(INDEX(Jesper!AH$2:AH$366,ROUNDDOWN($C4722/24,0)+1,1)*INDEX($D$3:$AA$30,INDEX(Jesper!$R$2:$R$366,ROW(INDEX(Jesper!AH$2:AH$366,ROUNDDOWN($C4722/24,0)+1,1))-1)+IF('Standard Profiles'!$G$18=$B$10,7,0)+IF('Standard Profiles'!$G$18=$B$17,14,0)+IF('Standard Profiles'!$G$18=$B$24,21,0),MOD($C4722,24)+1)/SUM(INDEX($D$3:$AA$30,INDEX(Jesper!$R$2:$R$366,ROW(INDEX(Jesper!AH$2:AH$366,ROUNDDOWN($C4722/24,0)+1,1))-1)+IF('Standard Profiles'!$G$18=$B$10,7,0)+IF('Standard Profiles'!$G$18=$B$17,14,0)+IF('Standard Profiles'!$G$18=$B$24,21,0),0)),0)</f>
        <v>0</v>
      </c>
      <c r="E4722" cm="1">
        <f t="array" ref="E4722">IFERROR(INDEX(Jesper!AI$2:AI$366,ROUNDDOWN($C4722/24,0)+1,1)*INDEX($D$3:$AA$30,INDEX(Jesper!$R$2:$R$366,ROW(INDEX(Jesper!AI$2:AI$366,ROUNDDOWN($C4722/24,0)+1,1))-1)+IF('Standard Profiles'!$G$19=$B$10,7,0)+IF('Standard Profiles'!$G$19=$B$17,14,0)+IF('Standard Profiles'!$G$19=$B$24,21,0),MOD($C4722,24)+1)/SUM(INDEX($D$3:$AA$30,INDEX(Jesper!$R$2:$R$366,ROW(INDEX(Jesper!AI$2:AI$366,ROUNDDOWN($C4722/24,0)+1,1))-1)+IF('Standard Profiles'!$G$19=$B$10,7,0)+IF('Standard Profiles'!$G$19=$B$17,14,0)+IF('Standard Profiles'!$G$19=$B$24,21,0),0)),0)</f>
        <v>2.6590447310223491</v>
      </c>
      <c r="F4722" cm="1">
        <f t="array" ref="F4722">IFERROR(INDEX(Jesper!AJ$2:AJ$366,ROUNDDOWN($C4722/24,0)+1,1)*INDEX($D$3:$AA$30,INDEX(Jesper!$R$2:$R$366,ROW(INDEX(Jesper!AJ$2:AJ$366,ROUNDDOWN($C4722/24,0)+1,1))-1)+IF('Standard Profiles'!$G$20=$B$10,7,0)+IF('Standard Profiles'!$G$20=$B$17,14,0)+IF('Standard Profiles'!$G$20=$B$24,21,0),MOD($C4722,24)+1)/SUM(INDEX($D$3:$AA$30,INDEX(Jesper!$R$2:$R$366,ROW(INDEX(Jesper!AJ$2:AJ$366,ROUNDDOWN($C4722/24,0)+1,1))-1)+IF('Standard Profiles'!$G$20=$B$10,7,0)+IF('Standard Profiles'!$G$20=$B$17,14,0)+IF('Standard Profiles'!$G$20=$B$24,21,0),0)),0)</f>
        <v>0.78112977245603321</v>
      </c>
      <c r="G4722" cm="1">
        <f t="array" ref="G4722">IFERROR(INDEX(Jesper!AK$2:AK$366,ROUNDDOWN($C4722/24,0)+1,1)*INDEX($D$3:$AA$30,INDEX(Jesper!$R$2:$R$366,ROW(INDEX(Jesper!AK$2:AK$366,ROUNDDOWN($C4722/24,0)+1,1))-1)+IF('Standard Profiles'!$G$21=$B$10,7,0)+IF('Standard Profiles'!$G$21=$B$17,14,0)+IF('Standard Profiles'!$G$21=$B$24,21,0),MOD($C4722,24)+1)/SUM(INDEX($D$3:$AA$30,INDEX(Jesper!$R$2:$R$366,ROW(INDEX(Jesper!AK$2:AK$366,ROUNDDOWN($C4722/24,0)+1,1))-1)+IF('Standard Profiles'!$G$21=$B$10,7,0)+IF('Standard Profiles'!$G$21=$B$17,14,0)+IF('Standard Profiles'!$G$21=$B$24,21,0),0)),0)</f>
        <v>0.19270215731554308</v>
      </c>
      <c r="H4722" cm="1">
        <f t="array" ref="H4722">IFERROR(INDEX(Jesper!AL$2:AL$366,ROUNDDOWN($C4722/24,0)+1,1)*INDEX($D$3:$AA$30,INDEX(Jesper!$R$2:$R$366,ROW(INDEX(Jesper!AL$2:AL$366,ROUNDDOWN($C4722/24,0)+1,1))-1)+IF('Standard Profiles'!$G$22=$B$10,7,0)+IF('Standard Profiles'!$G$22=$B$17,14,0)+IF('Standard Profiles'!$G$22=$B$24,21,0),MOD($C4722,24)+1)/SUM(INDEX($D$3:$AA$30,INDEX(Jesper!$R$2:$R$366,ROW(INDEX(Jesper!AL$2:AL$366,ROUNDDOWN($C4722/24,0)+1,1))-1)+IF('Standard Profiles'!$G$22=$B$10,7,0)+IF('Standard Profiles'!$G$22=$B$17,14,0)+IF('Standard Profiles'!$G$22=$B$24,21,0),0)),0)</f>
        <v>0</v>
      </c>
      <c r="I4722">
        <f t="shared" si="531"/>
        <v>0</v>
      </c>
      <c r="J4722">
        <f t="shared" si="532"/>
        <v>3.3137912930712434</v>
      </c>
      <c r="K4722">
        <f t="shared" si="533"/>
        <v>0.21272357848178794</v>
      </c>
      <c r="L4722">
        <f t="shared" si="534"/>
        <v>0.10636178924089397</v>
      </c>
      <c r="M4722">
        <f t="shared" si="535"/>
        <v>0</v>
      </c>
      <c r="N4722" s="45">
        <f t="shared" si="536"/>
        <v>45122.333333321963</v>
      </c>
    </row>
    <row r="4723" spans="2:14" x14ac:dyDescent="0.25">
      <c r="B4723">
        <f t="shared" si="530"/>
        <v>6</v>
      </c>
      <c r="C4723" s="16">
        <v>4689</v>
      </c>
      <c r="D4723" cm="1">
        <f t="array" ref="D4723">IFERROR(INDEX(Jesper!AH$2:AH$366,ROUNDDOWN($C4723/24,0)+1,1)*INDEX($D$3:$AA$30,INDEX(Jesper!$R$2:$R$366,ROW(INDEX(Jesper!AH$2:AH$366,ROUNDDOWN($C4723/24,0)+1,1))-1)+IF('Standard Profiles'!$G$18=$B$10,7,0)+IF('Standard Profiles'!$G$18=$B$17,14,0)+IF('Standard Profiles'!$G$18=$B$24,21,0),MOD($C4723,24)+1)/SUM(INDEX($D$3:$AA$30,INDEX(Jesper!$R$2:$R$366,ROW(INDEX(Jesper!AH$2:AH$366,ROUNDDOWN($C4723/24,0)+1,1))-1)+IF('Standard Profiles'!$G$18=$B$10,7,0)+IF('Standard Profiles'!$G$18=$B$17,14,0)+IF('Standard Profiles'!$G$18=$B$24,21,0),0)),0)</f>
        <v>0</v>
      </c>
      <c r="E4723" cm="1">
        <f t="array" ref="E4723">IFERROR(INDEX(Jesper!AI$2:AI$366,ROUNDDOWN($C4723/24,0)+1,1)*INDEX($D$3:$AA$30,INDEX(Jesper!$R$2:$R$366,ROW(INDEX(Jesper!AI$2:AI$366,ROUNDDOWN($C4723/24,0)+1,1))-1)+IF('Standard Profiles'!$G$19=$B$10,7,0)+IF('Standard Profiles'!$G$19=$B$17,14,0)+IF('Standard Profiles'!$G$19=$B$24,21,0),MOD($C4723,24)+1)/SUM(INDEX($D$3:$AA$30,INDEX(Jesper!$R$2:$R$366,ROW(INDEX(Jesper!AI$2:AI$366,ROUNDDOWN($C4723/24,0)+1,1))-1)+IF('Standard Profiles'!$G$19=$B$10,7,0)+IF('Standard Profiles'!$G$19=$B$17,14,0)+IF('Standard Profiles'!$G$19=$B$24,21,0),0)),0)</f>
        <v>2.6590447310223491</v>
      </c>
      <c r="F4723" cm="1">
        <f t="array" ref="F4723">IFERROR(INDEX(Jesper!AJ$2:AJ$366,ROUNDDOWN($C4723/24,0)+1,1)*INDEX($D$3:$AA$30,INDEX(Jesper!$R$2:$R$366,ROW(INDEX(Jesper!AJ$2:AJ$366,ROUNDDOWN($C4723/24,0)+1,1))-1)+IF('Standard Profiles'!$G$20=$B$10,7,0)+IF('Standard Profiles'!$G$20=$B$17,14,0)+IF('Standard Profiles'!$G$20=$B$24,21,0),MOD($C4723,24)+1)/SUM(INDEX($D$3:$AA$30,INDEX(Jesper!$R$2:$R$366,ROW(INDEX(Jesper!AJ$2:AJ$366,ROUNDDOWN($C4723/24,0)+1,1))-1)+IF('Standard Profiles'!$G$20=$B$10,7,0)+IF('Standard Profiles'!$G$20=$B$17,14,0)+IF('Standard Profiles'!$G$20=$B$24,21,0),0)),0)</f>
        <v>0.78112977245603321</v>
      </c>
      <c r="G4723" cm="1">
        <f t="array" ref="G4723">IFERROR(INDEX(Jesper!AK$2:AK$366,ROUNDDOWN($C4723/24,0)+1,1)*INDEX($D$3:$AA$30,INDEX(Jesper!$R$2:$R$366,ROW(INDEX(Jesper!AK$2:AK$366,ROUNDDOWN($C4723/24,0)+1,1))-1)+IF('Standard Profiles'!$G$21=$B$10,7,0)+IF('Standard Profiles'!$G$21=$B$17,14,0)+IF('Standard Profiles'!$G$21=$B$24,21,0),MOD($C4723,24)+1)/SUM(INDEX($D$3:$AA$30,INDEX(Jesper!$R$2:$R$366,ROW(INDEX(Jesper!AK$2:AK$366,ROUNDDOWN($C4723/24,0)+1,1))-1)+IF('Standard Profiles'!$G$21=$B$10,7,0)+IF('Standard Profiles'!$G$21=$B$17,14,0)+IF('Standard Profiles'!$G$21=$B$24,21,0),0)),0)</f>
        <v>0.19270215731554308</v>
      </c>
      <c r="H4723" cm="1">
        <f t="array" ref="H4723">IFERROR(INDEX(Jesper!AL$2:AL$366,ROUNDDOWN($C4723/24,0)+1,1)*INDEX($D$3:$AA$30,INDEX(Jesper!$R$2:$R$366,ROW(INDEX(Jesper!AL$2:AL$366,ROUNDDOWN($C4723/24,0)+1,1))-1)+IF('Standard Profiles'!$G$22=$B$10,7,0)+IF('Standard Profiles'!$G$22=$B$17,14,0)+IF('Standard Profiles'!$G$22=$B$24,21,0),MOD($C4723,24)+1)/SUM(INDEX($D$3:$AA$30,INDEX(Jesper!$R$2:$R$366,ROW(INDEX(Jesper!AL$2:AL$366,ROUNDDOWN($C4723/24,0)+1,1))-1)+IF('Standard Profiles'!$G$22=$B$10,7,0)+IF('Standard Profiles'!$G$22=$B$17,14,0)+IF('Standard Profiles'!$G$22=$B$24,21,0),0)),0)</f>
        <v>0</v>
      </c>
      <c r="I4723">
        <f t="shared" si="531"/>
        <v>0</v>
      </c>
      <c r="J4723">
        <f t="shared" si="532"/>
        <v>3.3137912930712434</v>
      </c>
      <c r="K4723">
        <f t="shared" si="533"/>
        <v>0.21272357848178794</v>
      </c>
      <c r="L4723">
        <f t="shared" si="534"/>
        <v>0.10636178924089397</v>
      </c>
      <c r="M4723">
        <f t="shared" si="535"/>
        <v>0</v>
      </c>
      <c r="N4723" s="45">
        <f t="shared" si="536"/>
        <v>45122.374999988628</v>
      </c>
    </row>
    <row r="4724" spans="2:14" x14ac:dyDescent="0.25">
      <c r="B4724">
        <f t="shared" si="530"/>
        <v>6</v>
      </c>
      <c r="C4724" s="16">
        <v>4690</v>
      </c>
      <c r="D4724" cm="1">
        <f t="array" ref="D4724">IFERROR(INDEX(Jesper!AH$2:AH$366,ROUNDDOWN($C4724/24,0)+1,1)*INDEX($D$3:$AA$30,INDEX(Jesper!$R$2:$R$366,ROW(INDEX(Jesper!AH$2:AH$366,ROUNDDOWN($C4724/24,0)+1,1))-1)+IF('Standard Profiles'!$G$18=$B$10,7,0)+IF('Standard Profiles'!$G$18=$B$17,14,0)+IF('Standard Profiles'!$G$18=$B$24,21,0),MOD($C4724,24)+1)/SUM(INDEX($D$3:$AA$30,INDEX(Jesper!$R$2:$R$366,ROW(INDEX(Jesper!AH$2:AH$366,ROUNDDOWN($C4724/24,0)+1,1))-1)+IF('Standard Profiles'!$G$18=$B$10,7,0)+IF('Standard Profiles'!$G$18=$B$17,14,0)+IF('Standard Profiles'!$G$18=$B$24,21,0),0)),0)</f>
        <v>0</v>
      </c>
      <c r="E4724" cm="1">
        <f t="array" ref="E4724">IFERROR(INDEX(Jesper!AI$2:AI$366,ROUNDDOWN($C4724/24,0)+1,1)*INDEX($D$3:$AA$30,INDEX(Jesper!$R$2:$R$366,ROW(INDEX(Jesper!AI$2:AI$366,ROUNDDOWN($C4724/24,0)+1,1))-1)+IF('Standard Profiles'!$G$19=$B$10,7,0)+IF('Standard Profiles'!$G$19=$B$17,14,0)+IF('Standard Profiles'!$G$19=$B$24,21,0),MOD($C4724,24)+1)/SUM(INDEX($D$3:$AA$30,INDEX(Jesper!$R$2:$R$366,ROW(INDEX(Jesper!AI$2:AI$366,ROUNDDOWN($C4724/24,0)+1,1))-1)+IF('Standard Profiles'!$G$19=$B$10,7,0)+IF('Standard Profiles'!$G$19=$B$17,14,0)+IF('Standard Profiles'!$G$19=$B$24,21,0),0)),0)</f>
        <v>2.6590447310223491</v>
      </c>
      <c r="F4724" cm="1">
        <f t="array" ref="F4724">IFERROR(INDEX(Jesper!AJ$2:AJ$366,ROUNDDOWN($C4724/24,0)+1,1)*INDEX($D$3:$AA$30,INDEX(Jesper!$R$2:$R$366,ROW(INDEX(Jesper!AJ$2:AJ$366,ROUNDDOWN($C4724/24,0)+1,1))-1)+IF('Standard Profiles'!$G$20=$B$10,7,0)+IF('Standard Profiles'!$G$20=$B$17,14,0)+IF('Standard Profiles'!$G$20=$B$24,21,0),MOD($C4724,24)+1)/SUM(INDEX($D$3:$AA$30,INDEX(Jesper!$R$2:$R$366,ROW(INDEX(Jesper!AJ$2:AJ$366,ROUNDDOWN($C4724/24,0)+1,1))-1)+IF('Standard Profiles'!$G$20=$B$10,7,0)+IF('Standard Profiles'!$G$20=$B$17,14,0)+IF('Standard Profiles'!$G$20=$B$24,21,0),0)),0)</f>
        <v>0.78112977245603321</v>
      </c>
      <c r="G4724" cm="1">
        <f t="array" ref="G4724">IFERROR(INDEX(Jesper!AK$2:AK$366,ROUNDDOWN($C4724/24,0)+1,1)*INDEX($D$3:$AA$30,INDEX(Jesper!$R$2:$R$366,ROW(INDEX(Jesper!AK$2:AK$366,ROUNDDOWN($C4724/24,0)+1,1))-1)+IF('Standard Profiles'!$G$21=$B$10,7,0)+IF('Standard Profiles'!$G$21=$B$17,14,0)+IF('Standard Profiles'!$G$21=$B$24,21,0),MOD($C4724,24)+1)/SUM(INDEX($D$3:$AA$30,INDEX(Jesper!$R$2:$R$366,ROW(INDEX(Jesper!AK$2:AK$366,ROUNDDOWN($C4724/24,0)+1,1))-1)+IF('Standard Profiles'!$G$21=$B$10,7,0)+IF('Standard Profiles'!$G$21=$B$17,14,0)+IF('Standard Profiles'!$G$21=$B$24,21,0),0)),0)</f>
        <v>0.19270215731554308</v>
      </c>
      <c r="H4724" cm="1">
        <f t="array" ref="H4724">IFERROR(INDEX(Jesper!AL$2:AL$366,ROUNDDOWN($C4724/24,0)+1,1)*INDEX($D$3:$AA$30,INDEX(Jesper!$R$2:$R$366,ROW(INDEX(Jesper!AL$2:AL$366,ROUNDDOWN($C4724/24,0)+1,1))-1)+IF('Standard Profiles'!$G$22=$B$10,7,0)+IF('Standard Profiles'!$G$22=$B$17,14,0)+IF('Standard Profiles'!$G$22=$B$24,21,0),MOD($C4724,24)+1)/SUM(INDEX($D$3:$AA$30,INDEX(Jesper!$R$2:$R$366,ROW(INDEX(Jesper!AL$2:AL$366,ROUNDDOWN($C4724/24,0)+1,1))-1)+IF('Standard Profiles'!$G$22=$B$10,7,0)+IF('Standard Profiles'!$G$22=$B$17,14,0)+IF('Standard Profiles'!$G$22=$B$24,21,0),0)),0)</f>
        <v>0</v>
      </c>
      <c r="I4724">
        <f t="shared" si="531"/>
        <v>0</v>
      </c>
      <c r="J4724">
        <f t="shared" si="532"/>
        <v>3.3137912930712434</v>
      </c>
      <c r="K4724">
        <f t="shared" si="533"/>
        <v>0.21272357848178794</v>
      </c>
      <c r="L4724">
        <f t="shared" si="534"/>
        <v>0.10636178924089397</v>
      </c>
      <c r="M4724">
        <f t="shared" si="535"/>
        <v>0</v>
      </c>
      <c r="N4724" s="45">
        <f t="shared" si="536"/>
        <v>45122.416666655292</v>
      </c>
    </row>
    <row r="4725" spans="2:14" x14ac:dyDescent="0.25">
      <c r="B4725">
        <f t="shared" si="530"/>
        <v>6</v>
      </c>
      <c r="C4725" s="16">
        <v>4691</v>
      </c>
      <c r="D4725" cm="1">
        <f t="array" ref="D4725">IFERROR(INDEX(Jesper!AH$2:AH$366,ROUNDDOWN($C4725/24,0)+1,1)*INDEX($D$3:$AA$30,INDEX(Jesper!$R$2:$R$366,ROW(INDEX(Jesper!AH$2:AH$366,ROUNDDOWN($C4725/24,0)+1,1))-1)+IF('Standard Profiles'!$G$18=$B$10,7,0)+IF('Standard Profiles'!$G$18=$B$17,14,0)+IF('Standard Profiles'!$G$18=$B$24,21,0),MOD($C4725,24)+1)/SUM(INDEX($D$3:$AA$30,INDEX(Jesper!$R$2:$R$366,ROW(INDEX(Jesper!AH$2:AH$366,ROUNDDOWN($C4725/24,0)+1,1))-1)+IF('Standard Profiles'!$G$18=$B$10,7,0)+IF('Standard Profiles'!$G$18=$B$17,14,0)+IF('Standard Profiles'!$G$18=$B$24,21,0),0)),0)</f>
        <v>0</v>
      </c>
      <c r="E4725" cm="1">
        <f t="array" ref="E4725">IFERROR(INDEX(Jesper!AI$2:AI$366,ROUNDDOWN($C4725/24,0)+1,1)*INDEX($D$3:$AA$30,INDEX(Jesper!$R$2:$R$366,ROW(INDEX(Jesper!AI$2:AI$366,ROUNDDOWN($C4725/24,0)+1,1))-1)+IF('Standard Profiles'!$G$19=$B$10,7,0)+IF('Standard Profiles'!$G$19=$B$17,14,0)+IF('Standard Profiles'!$G$19=$B$24,21,0),MOD($C4725,24)+1)/SUM(INDEX($D$3:$AA$30,INDEX(Jesper!$R$2:$R$366,ROW(INDEX(Jesper!AI$2:AI$366,ROUNDDOWN($C4725/24,0)+1,1))-1)+IF('Standard Profiles'!$G$19=$B$10,7,0)+IF('Standard Profiles'!$G$19=$B$17,14,0)+IF('Standard Profiles'!$G$19=$B$24,21,0),0)),0)</f>
        <v>2.6590447310223491</v>
      </c>
      <c r="F4725" cm="1">
        <f t="array" ref="F4725">IFERROR(INDEX(Jesper!AJ$2:AJ$366,ROUNDDOWN($C4725/24,0)+1,1)*INDEX($D$3:$AA$30,INDEX(Jesper!$R$2:$R$366,ROW(INDEX(Jesper!AJ$2:AJ$366,ROUNDDOWN($C4725/24,0)+1,1))-1)+IF('Standard Profiles'!$G$20=$B$10,7,0)+IF('Standard Profiles'!$G$20=$B$17,14,0)+IF('Standard Profiles'!$G$20=$B$24,21,0),MOD($C4725,24)+1)/SUM(INDEX($D$3:$AA$30,INDEX(Jesper!$R$2:$R$366,ROW(INDEX(Jesper!AJ$2:AJ$366,ROUNDDOWN($C4725/24,0)+1,1))-1)+IF('Standard Profiles'!$G$20=$B$10,7,0)+IF('Standard Profiles'!$G$20=$B$17,14,0)+IF('Standard Profiles'!$G$20=$B$24,21,0),0)),0)</f>
        <v>0.78112977245603321</v>
      </c>
      <c r="G4725" cm="1">
        <f t="array" ref="G4725">IFERROR(INDEX(Jesper!AK$2:AK$366,ROUNDDOWN($C4725/24,0)+1,1)*INDEX($D$3:$AA$30,INDEX(Jesper!$R$2:$R$366,ROW(INDEX(Jesper!AK$2:AK$366,ROUNDDOWN($C4725/24,0)+1,1))-1)+IF('Standard Profiles'!$G$21=$B$10,7,0)+IF('Standard Profiles'!$G$21=$B$17,14,0)+IF('Standard Profiles'!$G$21=$B$24,21,0),MOD($C4725,24)+1)/SUM(INDEX($D$3:$AA$30,INDEX(Jesper!$R$2:$R$366,ROW(INDEX(Jesper!AK$2:AK$366,ROUNDDOWN($C4725/24,0)+1,1))-1)+IF('Standard Profiles'!$G$21=$B$10,7,0)+IF('Standard Profiles'!$G$21=$B$17,14,0)+IF('Standard Profiles'!$G$21=$B$24,21,0),0)),0)</f>
        <v>0.19270215731554308</v>
      </c>
      <c r="H4725" cm="1">
        <f t="array" ref="H4725">IFERROR(INDEX(Jesper!AL$2:AL$366,ROUNDDOWN($C4725/24,0)+1,1)*INDEX($D$3:$AA$30,INDEX(Jesper!$R$2:$R$366,ROW(INDEX(Jesper!AL$2:AL$366,ROUNDDOWN($C4725/24,0)+1,1))-1)+IF('Standard Profiles'!$G$22=$B$10,7,0)+IF('Standard Profiles'!$G$22=$B$17,14,0)+IF('Standard Profiles'!$G$22=$B$24,21,0),MOD($C4725,24)+1)/SUM(INDEX($D$3:$AA$30,INDEX(Jesper!$R$2:$R$366,ROW(INDEX(Jesper!AL$2:AL$366,ROUNDDOWN($C4725/24,0)+1,1))-1)+IF('Standard Profiles'!$G$22=$B$10,7,0)+IF('Standard Profiles'!$G$22=$B$17,14,0)+IF('Standard Profiles'!$G$22=$B$24,21,0),0)),0)</f>
        <v>0</v>
      </c>
      <c r="I4725">
        <f t="shared" si="531"/>
        <v>0</v>
      </c>
      <c r="J4725">
        <f t="shared" si="532"/>
        <v>3.3137912930712434</v>
      </c>
      <c r="K4725">
        <f t="shared" si="533"/>
        <v>0.21272357848178794</v>
      </c>
      <c r="L4725">
        <f t="shared" si="534"/>
        <v>0.10636178924089397</v>
      </c>
      <c r="M4725">
        <f t="shared" si="535"/>
        <v>0</v>
      </c>
      <c r="N4725" s="45">
        <f t="shared" si="536"/>
        <v>45122.458333321956</v>
      </c>
    </row>
    <row r="4726" spans="2:14" x14ac:dyDescent="0.25">
      <c r="B4726">
        <f t="shared" si="530"/>
        <v>6</v>
      </c>
      <c r="C4726" s="16">
        <v>4692</v>
      </c>
      <c r="D4726" cm="1">
        <f t="array" ref="D4726">IFERROR(INDEX(Jesper!AH$2:AH$366,ROUNDDOWN($C4726/24,0)+1,1)*INDEX($D$3:$AA$30,INDEX(Jesper!$R$2:$R$366,ROW(INDEX(Jesper!AH$2:AH$366,ROUNDDOWN($C4726/24,0)+1,1))-1)+IF('Standard Profiles'!$G$18=$B$10,7,0)+IF('Standard Profiles'!$G$18=$B$17,14,0)+IF('Standard Profiles'!$G$18=$B$24,21,0),MOD($C4726,24)+1)/SUM(INDEX($D$3:$AA$30,INDEX(Jesper!$R$2:$R$366,ROW(INDEX(Jesper!AH$2:AH$366,ROUNDDOWN($C4726/24,0)+1,1))-1)+IF('Standard Profiles'!$G$18=$B$10,7,0)+IF('Standard Profiles'!$G$18=$B$17,14,0)+IF('Standard Profiles'!$G$18=$B$24,21,0),0)),0)</f>
        <v>0</v>
      </c>
      <c r="E4726" cm="1">
        <f t="array" ref="E4726">IFERROR(INDEX(Jesper!AI$2:AI$366,ROUNDDOWN($C4726/24,0)+1,1)*INDEX($D$3:$AA$30,INDEX(Jesper!$R$2:$R$366,ROW(INDEX(Jesper!AI$2:AI$366,ROUNDDOWN($C4726/24,0)+1,1))-1)+IF('Standard Profiles'!$G$19=$B$10,7,0)+IF('Standard Profiles'!$G$19=$B$17,14,0)+IF('Standard Profiles'!$G$19=$B$24,21,0),MOD($C4726,24)+1)/SUM(INDEX($D$3:$AA$30,INDEX(Jesper!$R$2:$R$366,ROW(INDEX(Jesper!AI$2:AI$366,ROUNDDOWN($C4726/24,0)+1,1))-1)+IF('Standard Profiles'!$G$19=$B$10,7,0)+IF('Standard Profiles'!$G$19=$B$17,14,0)+IF('Standard Profiles'!$G$19=$B$24,21,0),0)),0)</f>
        <v>2.6590447310223491</v>
      </c>
      <c r="F4726" cm="1">
        <f t="array" ref="F4726">IFERROR(INDEX(Jesper!AJ$2:AJ$366,ROUNDDOWN($C4726/24,0)+1,1)*INDEX($D$3:$AA$30,INDEX(Jesper!$R$2:$R$366,ROW(INDEX(Jesper!AJ$2:AJ$366,ROUNDDOWN($C4726/24,0)+1,1))-1)+IF('Standard Profiles'!$G$20=$B$10,7,0)+IF('Standard Profiles'!$G$20=$B$17,14,0)+IF('Standard Profiles'!$G$20=$B$24,21,0),MOD($C4726,24)+1)/SUM(INDEX($D$3:$AA$30,INDEX(Jesper!$R$2:$R$366,ROW(INDEX(Jesper!AJ$2:AJ$366,ROUNDDOWN($C4726/24,0)+1,1))-1)+IF('Standard Profiles'!$G$20=$B$10,7,0)+IF('Standard Profiles'!$G$20=$B$17,14,0)+IF('Standard Profiles'!$G$20=$B$24,21,0),0)),0)</f>
        <v>0.78112977245603321</v>
      </c>
      <c r="G4726" cm="1">
        <f t="array" ref="G4726">IFERROR(INDEX(Jesper!AK$2:AK$366,ROUNDDOWN($C4726/24,0)+1,1)*INDEX($D$3:$AA$30,INDEX(Jesper!$R$2:$R$366,ROW(INDEX(Jesper!AK$2:AK$366,ROUNDDOWN($C4726/24,0)+1,1))-1)+IF('Standard Profiles'!$G$21=$B$10,7,0)+IF('Standard Profiles'!$G$21=$B$17,14,0)+IF('Standard Profiles'!$G$21=$B$24,21,0),MOD($C4726,24)+1)/SUM(INDEX($D$3:$AA$30,INDEX(Jesper!$R$2:$R$366,ROW(INDEX(Jesper!AK$2:AK$366,ROUNDDOWN($C4726/24,0)+1,1))-1)+IF('Standard Profiles'!$G$21=$B$10,7,0)+IF('Standard Profiles'!$G$21=$B$17,14,0)+IF('Standard Profiles'!$G$21=$B$24,21,0),0)),0)</f>
        <v>0.19270215731554308</v>
      </c>
      <c r="H4726" cm="1">
        <f t="array" ref="H4726">IFERROR(INDEX(Jesper!AL$2:AL$366,ROUNDDOWN($C4726/24,0)+1,1)*INDEX($D$3:$AA$30,INDEX(Jesper!$R$2:$R$366,ROW(INDEX(Jesper!AL$2:AL$366,ROUNDDOWN($C4726/24,0)+1,1))-1)+IF('Standard Profiles'!$G$22=$B$10,7,0)+IF('Standard Profiles'!$G$22=$B$17,14,0)+IF('Standard Profiles'!$G$22=$B$24,21,0),MOD($C4726,24)+1)/SUM(INDEX($D$3:$AA$30,INDEX(Jesper!$R$2:$R$366,ROW(INDEX(Jesper!AL$2:AL$366,ROUNDDOWN($C4726/24,0)+1,1))-1)+IF('Standard Profiles'!$G$22=$B$10,7,0)+IF('Standard Profiles'!$G$22=$B$17,14,0)+IF('Standard Profiles'!$G$22=$B$24,21,0),0)),0)</f>
        <v>0</v>
      </c>
      <c r="I4726">
        <f t="shared" si="531"/>
        <v>0</v>
      </c>
      <c r="J4726">
        <f t="shared" si="532"/>
        <v>3.3137912930712434</v>
      </c>
      <c r="K4726">
        <f t="shared" si="533"/>
        <v>0.21272357848178794</v>
      </c>
      <c r="L4726">
        <f t="shared" si="534"/>
        <v>0.10636178924089397</v>
      </c>
      <c r="M4726">
        <f t="shared" si="535"/>
        <v>0</v>
      </c>
      <c r="N4726" s="45">
        <f t="shared" si="536"/>
        <v>45122.49999998862</v>
      </c>
    </row>
    <row r="4727" spans="2:14" x14ac:dyDescent="0.25">
      <c r="B4727">
        <f t="shared" si="530"/>
        <v>6</v>
      </c>
      <c r="C4727" s="16">
        <v>4693</v>
      </c>
      <c r="D4727" cm="1">
        <f t="array" ref="D4727">IFERROR(INDEX(Jesper!AH$2:AH$366,ROUNDDOWN($C4727/24,0)+1,1)*INDEX($D$3:$AA$30,INDEX(Jesper!$R$2:$R$366,ROW(INDEX(Jesper!AH$2:AH$366,ROUNDDOWN($C4727/24,0)+1,1))-1)+IF('Standard Profiles'!$G$18=$B$10,7,0)+IF('Standard Profiles'!$G$18=$B$17,14,0)+IF('Standard Profiles'!$G$18=$B$24,21,0),MOD($C4727,24)+1)/SUM(INDEX($D$3:$AA$30,INDEX(Jesper!$R$2:$R$366,ROW(INDEX(Jesper!AH$2:AH$366,ROUNDDOWN($C4727/24,0)+1,1))-1)+IF('Standard Profiles'!$G$18=$B$10,7,0)+IF('Standard Profiles'!$G$18=$B$17,14,0)+IF('Standard Profiles'!$G$18=$B$24,21,0),0)),0)</f>
        <v>0</v>
      </c>
      <c r="E4727" cm="1">
        <f t="array" ref="E4727">IFERROR(INDEX(Jesper!AI$2:AI$366,ROUNDDOWN($C4727/24,0)+1,1)*INDEX($D$3:$AA$30,INDEX(Jesper!$R$2:$R$366,ROW(INDEX(Jesper!AI$2:AI$366,ROUNDDOWN($C4727/24,0)+1,1))-1)+IF('Standard Profiles'!$G$19=$B$10,7,0)+IF('Standard Profiles'!$G$19=$B$17,14,0)+IF('Standard Profiles'!$G$19=$B$24,21,0),MOD($C4727,24)+1)/SUM(INDEX($D$3:$AA$30,INDEX(Jesper!$R$2:$R$366,ROW(INDEX(Jesper!AI$2:AI$366,ROUNDDOWN($C4727/24,0)+1,1))-1)+IF('Standard Profiles'!$G$19=$B$10,7,0)+IF('Standard Profiles'!$G$19=$B$17,14,0)+IF('Standard Profiles'!$G$19=$B$24,21,0),0)),0)</f>
        <v>2.6590447310223491</v>
      </c>
      <c r="F4727" cm="1">
        <f t="array" ref="F4727">IFERROR(INDEX(Jesper!AJ$2:AJ$366,ROUNDDOWN($C4727/24,0)+1,1)*INDEX($D$3:$AA$30,INDEX(Jesper!$R$2:$R$366,ROW(INDEX(Jesper!AJ$2:AJ$366,ROUNDDOWN($C4727/24,0)+1,1))-1)+IF('Standard Profiles'!$G$20=$B$10,7,0)+IF('Standard Profiles'!$G$20=$B$17,14,0)+IF('Standard Profiles'!$G$20=$B$24,21,0),MOD($C4727,24)+1)/SUM(INDEX($D$3:$AA$30,INDEX(Jesper!$R$2:$R$366,ROW(INDEX(Jesper!AJ$2:AJ$366,ROUNDDOWN($C4727/24,0)+1,1))-1)+IF('Standard Profiles'!$G$20=$B$10,7,0)+IF('Standard Profiles'!$G$20=$B$17,14,0)+IF('Standard Profiles'!$G$20=$B$24,21,0),0)),0)</f>
        <v>0.78112977245603321</v>
      </c>
      <c r="G4727" cm="1">
        <f t="array" ref="G4727">IFERROR(INDEX(Jesper!AK$2:AK$366,ROUNDDOWN($C4727/24,0)+1,1)*INDEX($D$3:$AA$30,INDEX(Jesper!$R$2:$R$366,ROW(INDEX(Jesper!AK$2:AK$366,ROUNDDOWN($C4727/24,0)+1,1))-1)+IF('Standard Profiles'!$G$21=$B$10,7,0)+IF('Standard Profiles'!$G$21=$B$17,14,0)+IF('Standard Profiles'!$G$21=$B$24,21,0),MOD($C4727,24)+1)/SUM(INDEX($D$3:$AA$30,INDEX(Jesper!$R$2:$R$366,ROW(INDEX(Jesper!AK$2:AK$366,ROUNDDOWN($C4727/24,0)+1,1))-1)+IF('Standard Profiles'!$G$21=$B$10,7,0)+IF('Standard Profiles'!$G$21=$B$17,14,0)+IF('Standard Profiles'!$G$21=$B$24,21,0),0)),0)</f>
        <v>0.19270215731554308</v>
      </c>
      <c r="H4727" cm="1">
        <f t="array" ref="H4727">IFERROR(INDEX(Jesper!AL$2:AL$366,ROUNDDOWN($C4727/24,0)+1,1)*INDEX($D$3:$AA$30,INDEX(Jesper!$R$2:$R$366,ROW(INDEX(Jesper!AL$2:AL$366,ROUNDDOWN($C4727/24,0)+1,1))-1)+IF('Standard Profiles'!$G$22=$B$10,7,0)+IF('Standard Profiles'!$G$22=$B$17,14,0)+IF('Standard Profiles'!$G$22=$B$24,21,0),MOD($C4727,24)+1)/SUM(INDEX($D$3:$AA$30,INDEX(Jesper!$R$2:$R$366,ROW(INDEX(Jesper!AL$2:AL$366,ROUNDDOWN($C4727/24,0)+1,1))-1)+IF('Standard Profiles'!$G$22=$B$10,7,0)+IF('Standard Profiles'!$G$22=$B$17,14,0)+IF('Standard Profiles'!$G$22=$B$24,21,0),0)),0)</f>
        <v>0</v>
      </c>
      <c r="I4727">
        <f t="shared" si="531"/>
        <v>0</v>
      </c>
      <c r="J4727">
        <f t="shared" si="532"/>
        <v>3.3137912930712434</v>
      </c>
      <c r="K4727">
        <f t="shared" si="533"/>
        <v>0.21272357848178794</v>
      </c>
      <c r="L4727">
        <f t="shared" si="534"/>
        <v>0.10636178924089397</v>
      </c>
      <c r="M4727">
        <f t="shared" si="535"/>
        <v>0</v>
      </c>
      <c r="N4727" s="45">
        <f t="shared" si="536"/>
        <v>45122.541666655285</v>
      </c>
    </row>
    <row r="4728" spans="2:14" x14ac:dyDescent="0.25">
      <c r="B4728">
        <f t="shared" si="530"/>
        <v>6</v>
      </c>
      <c r="C4728" s="16">
        <v>4694</v>
      </c>
      <c r="D4728" cm="1">
        <f t="array" ref="D4728">IFERROR(INDEX(Jesper!AH$2:AH$366,ROUNDDOWN($C4728/24,0)+1,1)*INDEX($D$3:$AA$30,INDEX(Jesper!$R$2:$R$366,ROW(INDEX(Jesper!AH$2:AH$366,ROUNDDOWN($C4728/24,0)+1,1))-1)+IF('Standard Profiles'!$G$18=$B$10,7,0)+IF('Standard Profiles'!$G$18=$B$17,14,0)+IF('Standard Profiles'!$G$18=$B$24,21,0),MOD($C4728,24)+1)/SUM(INDEX($D$3:$AA$30,INDEX(Jesper!$R$2:$R$366,ROW(INDEX(Jesper!AH$2:AH$366,ROUNDDOWN($C4728/24,0)+1,1))-1)+IF('Standard Profiles'!$G$18=$B$10,7,0)+IF('Standard Profiles'!$G$18=$B$17,14,0)+IF('Standard Profiles'!$G$18=$B$24,21,0),0)),0)</f>
        <v>0</v>
      </c>
      <c r="E4728" cm="1">
        <f t="array" ref="E4728">IFERROR(INDEX(Jesper!AI$2:AI$366,ROUNDDOWN($C4728/24,0)+1,1)*INDEX($D$3:$AA$30,INDEX(Jesper!$R$2:$R$366,ROW(INDEX(Jesper!AI$2:AI$366,ROUNDDOWN($C4728/24,0)+1,1))-1)+IF('Standard Profiles'!$G$19=$B$10,7,0)+IF('Standard Profiles'!$G$19=$B$17,14,0)+IF('Standard Profiles'!$G$19=$B$24,21,0),MOD($C4728,24)+1)/SUM(INDEX($D$3:$AA$30,INDEX(Jesper!$R$2:$R$366,ROW(INDEX(Jesper!AI$2:AI$366,ROUNDDOWN($C4728/24,0)+1,1))-1)+IF('Standard Profiles'!$G$19=$B$10,7,0)+IF('Standard Profiles'!$G$19=$B$17,14,0)+IF('Standard Profiles'!$G$19=$B$24,21,0),0)),0)</f>
        <v>2.6590447310223491</v>
      </c>
      <c r="F4728" cm="1">
        <f t="array" ref="F4728">IFERROR(INDEX(Jesper!AJ$2:AJ$366,ROUNDDOWN($C4728/24,0)+1,1)*INDEX($D$3:$AA$30,INDEX(Jesper!$R$2:$R$366,ROW(INDEX(Jesper!AJ$2:AJ$366,ROUNDDOWN($C4728/24,0)+1,1))-1)+IF('Standard Profiles'!$G$20=$B$10,7,0)+IF('Standard Profiles'!$G$20=$B$17,14,0)+IF('Standard Profiles'!$G$20=$B$24,21,0),MOD($C4728,24)+1)/SUM(INDEX($D$3:$AA$30,INDEX(Jesper!$R$2:$R$366,ROW(INDEX(Jesper!AJ$2:AJ$366,ROUNDDOWN($C4728/24,0)+1,1))-1)+IF('Standard Profiles'!$G$20=$B$10,7,0)+IF('Standard Profiles'!$G$20=$B$17,14,0)+IF('Standard Profiles'!$G$20=$B$24,21,0),0)),0)</f>
        <v>0.78112977245603321</v>
      </c>
      <c r="G4728" cm="1">
        <f t="array" ref="G4728">IFERROR(INDEX(Jesper!AK$2:AK$366,ROUNDDOWN($C4728/24,0)+1,1)*INDEX($D$3:$AA$30,INDEX(Jesper!$R$2:$R$366,ROW(INDEX(Jesper!AK$2:AK$366,ROUNDDOWN($C4728/24,0)+1,1))-1)+IF('Standard Profiles'!$G$21=$B$10,7,0)+IF('Standard Profiles'!$G$21=$B$17,14,0)+IF('Standard Profiles'!$G$21=$B$24,21,0),MOD($C4728,24)+1)/SUM(INDEX($D$3:$AA$30,INDEX(Jesper!$R$2:$R$366,ROW(INDEX(Jesper!AK$2:AK$366,ROUNDDOWN($C4728/24,0)+1,1))-1)+IF('Standard Profiles'!$G$21=$B$10,7,0)+IF('Standard Profiles'!$G$21=$B$17,14,0)+IF('Standard Profiles'!$G$21=$B$24,21,0),0)),0)</f>
        <v>0.19270215731554308</v>
      </c>
      <c r="H4728" cm="1">
        <f t="array" ref="H4728">IFERROR(INDEX(Jesper!AL$2:AL$366,ROUNDDOWN($C4728/24,0)+1,1)*INDEX($D$3:$AA$30,INDEX(Jesper!$R$2:$R$366,ROW(INDEX(Jesper!AL$2:AL$366,ROUNDDOWN($C4728/24,0)+1,1))-1)+IF('Standard Profiles'!$G$22=$B$10,7,0)+IF('Standard Profiles'!$G$22=$B$17,14,0)+IF('Standard Profiles'!$G$22=$B$24,21,0),MOD($C4728,24)+1)/SUM(INDEX($D$3:$AA$30,INDEX(Jesper!$R$2:$R$366,ROW(INDEX(Jesper!AL$2:AL$366,ROUNDDOWN($C4728/24,0)+1,1))-1)+IF('Standard Profiles'!$G$22=$B$10,7,0)+IF('Standard Profiles'!$G$22=$B$17,14,0)+IF('Standard Profiles'!$G$22=$B$24,21,0),0)),0)</f>
        <v>0</v>
      </c>
      <c r="I4728">
        <f t="shared" si="531"/>
        <v>0</v>
      </c>
      <c r="J4728">
        <f t="shared" si="532"/>
        <v>3.3137912930712434</v>
      </c>
      <c r="K4728">
        <f t="shared" si="533"/>
        <v>0.21272357848178794</v>
      </c>
      <c r="L4728">
        <f t="shared" si="534"/>
        <v>0.10636178924089397</v>
      </c>
      <c r="M4728">
        <f t="shared" si="535"/>
        <v>0</v>
      </c>
      <c r="N4728" s="45">
        <f t="shared" si="536"/>
        <v>45122.583333321949</v>
      </c>
    </row>
    <row r="4729" spans="2:14" x14ac:dyDescent="0.25">
      <c r="B4729">
        <f t="shared" si="530"/>
        <v>6</v>
      </c>
      <c r="C4729" s="16">
        <v>4695</v>
      </c>
      <c r="D4729" cm="1">
        <f t="array" ref="D4729">IFERROR(INDEX(Jesper!AH$2:AH$366,ROUNDDOWN($C4729/24,0)+1,1)*INDEX($D$3:$AA$30,INDEX(Jesper!$R$2:$R$366,ROW(INDEX(Jesper!AH$2:AH$366,ROUNDDOWN($C4729/24,0)+1,1))-1)+IF('Standard Profiles'!$G$18=$B$10,7,0)+IF('Standard Profiles'!$G$18=$B$17,14,0)+IF('Standard Profiles'!$G$18=$B$24,21,0),MOD($C4729,24)+1)/SUM(INDEX($D$3:$AA$30,INDEX(Jesper!$R$2:$R$366,ROW(INDEX(Jesper!AH$2:AH$366,ROUNDDOWN($C4729/24,0)+1,1))-1)+IF('Standard Profiles'!$G$18=$B$10,7,0)+IF('Standard Profiles'!$G$18=$B$17,14,0)+IF('Standard Profiles'!$G$18=$B$24,21,0),0)),0)</f>
        <v>0</v>
      </c>
      <c r="E4729" cm="1">
        <f t="array" ref="E4729">IFERROR(INDEX(Jesper!AI$2:AI$366,ROUNDDOWN($C4729/24,0)+1,1)*INDEX($D$3:$AA$30,INDEX(Jesper!$R$2:$R$366,ROW(INDEX(Jesper!AI$2:AI$366,ROUNDDOWN($C4729/24,0)+1,1))-1)+IF('Standard Profiles'!$G$19=$B$10,7,0)+IF('Standard Profiles'!$G$19=$B$17,14,0)+IF('Standard Profiles'!$G$19=$B$24,21,0),MOD($C4729,24)+1)/SUM(INDEX($D$3:$AA$30,INDEX(Jesper!$R$2:$R$366,ROW(INDEX(Jesper!AI$2:AI$366,ROUNDDOWN($C4729/24,0)+1,1))-1)+IF('Standard Profiles'!$G$19=$B$10,7,0)+IF('Standard Profiles'!$G$19=$B$17,14,0)+IF('Standard Profiles'!$G$19=$B$24,21,0),0)),0)</f>
        <v>2.6590447310223491</v>
      </c>
      <c r="F4729" cm="1">
        <f t="array" ref="F4729">IFERROR(INDEX(Jesper!AJ$2:AJ$366,ROUNDDOWN($C4729/24,0)+1,1)*INDEX($D$3:$AA$30,INDEX(Jesper!$R$2:$R$366,ROW(INDEX(Jesper!AJ$2:AJ$366,ROUNDDOWN($C4729/24,0)+1,1))-1)+IF('Standard Profiles'!$G$20=$B$10,7,0)+IF('Standard Profiles'!$G$20=$B$17,14,0)+IF('Standard Profiles'!$G$20=$B$24,21,0),MOD($C4729,24)+1)/SUM(INDEX($D$3:$AA$30,INDEX(Jesper!$R$2:$R$366,ROW(INDEX(Jesper!AJ$2:AJ$366,ROUNDDOWN($C4729/24,0)+1,1))-1)+IF('Standard Profiles'!$G$20=$B$10,7,0)+IF('Standard Profiles'!$G$20=$B$17,14,0)+IF('Standard Profiles'!$G$20=$B$24,21,0),0)),0)</f>
        <v>0.78112977245603321</v>
      </c>
      <c r="G4729" cm="1">
        <f t="array" ref="G4729">IFERROR(INDEX(Jesper!AK$2:AK$366,ROUNDDOWN($C4729/24,0)+1,1)*INDEX($D$3:$AA$30,INDEX(Jesper!$R$2:$R$366,ROW(INDEX(Jesper!AK$2:AK$366,ROUNDDOWN($C4729/24,0)+1,1))-1)+IF('Standard Profiles'!$G$21=$B$10,7,0)+IF('Standard Profiles'!$G$21=$B$17,14,0)+IF('Standard Profiles'!$G$21=$B$24,21,0),MOD($C4729,24)+1)/SUM(INDEX($D$3:$AA$30,INDEX(Jesper!$R$2:$R$366,ROW(INDEX(Jesper!AK$2:AK$366,ROUNDDOWN($C4729/24,0)+1,1))-1)+IF('Standard Profiles'!$G$21=$B$10,7,0)+IF('Standard Profiles'!$G$21=$B$17,14,0)+IF('Standard Profiles'!$G$21=$B$24,21,0),0)),0)</f>
        <v>0.19270215731554308</v>
      </c>
      <c r="H4729" cm="1">
        <f t="array" ref="H4729">IFERROR(INDEX(Jesper!AL$2:AL$366,ROUNDDOWN($C4729/24,0)+1,1)*INDEX($D$3:$AA$30,INDEX(Jesper!$R$2:$R$366,ROW(INDEX(Jesper!AL$2:AL$366,ROUNDDOWN($C4729/24,0)+1,1))-1)+IF('Standard Profiles'!$G$22=$B$10,7,0)+IF('Standard Profiles'!$G$22=$B$17,14,0)+IF('Standard Profiles'!$G$22=$B$24,21,0),MOD($C4729,24)+1)/SUM(INDEX($D$3:$AA$30,INDEX(Jesper!$R$2:$R$366,ROW(INDEX(Jesper!AL$2:AL$366,ROUNDDOWN($C4729/24,0)+1,1))-1)+IF('Standard Profiles'!$G$22=$B$10,7,0)+IF('Standard Profiles'!$G$22=$B$17,14,0)+IF('Standard Profiles'!$G$22=$B$24,21,0),0)),0)</f>
        <v>0</v>
      </c>
      <c r="I4729">
        <f t="shared" si="531"/>
        <v>0</v>
      </c>
      <c r="J4729">
        <f t="shared" si="532"/>
        <v>3.3137912930712434</v>
      </c>
      <c r="K4729">
        <f t="shared" si="533"/>
        <v>0.21272357848178794</v>
      </c>
      <c r="L4729">
        <f t="shared" si="534"/>
        <v>0.10636178924089397</v>
      </c>
      <c r="M4729">
        <f t="shared" si="535"/>
        <v>0</v>
      </c>
      <c r="N4729" s="45">
        <f t="shared" si="536"/>
        <v>45122.624999988613</v>
      </c>
    </row>
    <row r="4730" spans="2:14" x14ac:dyDescent="0.25">
      <c r="B4730">
        <f t="shared" si="530"/>
        <v>6</v>
      </c>
      <c r="C4730" s="16">
        <v>4696</v>
      </c>
      <c r="D4730" cm="1">
        <f t="array" ref="D4730">IFERROR(INDEX(Jesper!AH$2:AH$366,ROUNDDOWN($C4730/24,0)+1,1)*INDEX($D$3:$AA$30,INDEX(Jesper!$R$2:$R$366,ROW(INDEX(Jesper!AH$2:AH$366,ROUNDDOWN($C4730/24,0)+1,1))-1)+IF('Standard Profiles'!$G$18=$B$10,7,0)+IF('Standard Profiles'!$G$18=$B$17,14,0)+IF('Standard Profiles'!$G$18=$B$24,21,0),MOD($C4730,24)+1)/SUM(INDEX($D$3:$AA$30,INDEX(Jesper!$R$2:$R$366,ROW(INDEX(Jesper!AH$2:AH$366,ROUNDDOWN($C4730/24,0)+1,1))-1)+IF('Standard Profiles'!$G$18=$B$10,7,0)+IF('Standard Profiles'!$G$18=$B$17,14,0)+IF('Standard Profiles'!$G$18=$B$24,21,0),0)),0)</f>
        <v>0</v>
      </c>
      <c r="E4730" cm="1">
        <f t="array" ref="E4730">IFERROR(INDEX(Jesper!AI$2:AI$366,ROUNDDOWN($C4730/24,0)+1,1)*INDEX($D$3:$AA$30,INDEX(Jesper!$R$2:$R$366,ROW(INDEX(Jesper!AI$2:AI$366,ROUNDDOWN($C4730/24,0)+1,1))-1)+IF('Standard Profiles'!$G$19=$B$10,7,0)+IF('Standard Profiles'!$G$19=$B$17,14,0)+IF('Standard Profiles'!$G$19=$B$24,21,0),MOD($C4730,24)+1)/SUM(INDEX($D$3:$AA$30,INDEX(Jesper!$R$2:$R$366,ROW(INDEX(Jesper!AI$2:AI$366,ROUNDDOWN($C4730/24,0)+1,1))-1)+IF('Standard Profiles'!$G$19=$B$10,7,0)+IF('Standard Profiles'!$G$19=$B$17,14,0)+IF('Standard Profiles'!$G$19=$B$24,21,0),0)),0)</f>
        <v>2.6590447310223491</v>
      </c>
      <c r="F4730" cm="1">
        <f t="array" ref="F4730">IFERROR(INDEX(Jesper!AJ$2:AJ$366,ROUNDDOWN($C4730/24,0)+1,1)*INDEX($D$3:$AA$30,INDEX(Jesper!$R$2:$R$366,ROW(INDEX(Jesper!AJ$2:AJ$366,ROUNDDOWN($C4730/24,0)+1,1))-1)+IF('Standard Profiles'!$G$20=$B$10,7,0)+IF('Standard Profiles'!$G$20=$B$17,14,0)+IF('Standard Profiles'!$G$20=$B$24,21,0),MOD($C4730,24)+1)/SUM(INDEX($D$3:$AA$30,INDEX(Jesper!$R$2:$R$366,ROW(INDEX(Jesper!AJ$2:AJ$366,ROUNDDOWN($C4730/24,0)+1,1))-1)+IF('Standard Profiles'!$G$20=$B$10,7,0)+IF('Standard Profiles'!$G$20=$B$17,14,0)+IF('Standard Profiles'!$G$20=$B$24,21,0),0)),0)</f>
        <v>0.78112977245603321</v>
      </c>
      <c r="G4730" cm="1">
        <f t="array" ref="G4730">IFERROR(INDEX(Jesper!AK$2:AK$366,ROUNDDOWN($C4730/24,0)+1,1)*INDEX($D$3:$AA$30,INDEX(Jesper!$R$2:$R$366,ROW(INDEX(Jesper!AK$2:AK$366,ROUNDDOWN($C4730/24,0)+1,1))-1)+IF('Standard Profiles'!$G$21=$B$10,7,0)+IF('Standard Profiles'!$G$21=$B$17,14,0)+IF('Standard Profiles'!$G$21=$B$24,21,0),MOD($C4730,24)+1)/SUM(INDEX($D$3:$AA$30,INDEX(Jesper!$R$2:$R$366,ROW(INDEX(Jesper!AK$2:AK$366,ROUNDDOWN($C4730/24,0)+1,1))-1)+IF('Standard Profiles'!$G$21=$B$10,7,0)+IF('Standard Profiles'!$G$21=$B$17,14,0)+IF('Standard Profiles'!$G$21=$B$24,21,0),0)),0)</f>
        <v>0.19270215731554308</v>
      </c>
      <c r="H4730" cm="1">
        <f t="array" ref="H4730">IFERROR(INDEX(Jesper!AL$2:AL$366,ROUNDDOWN($C4730/24,0)+1,1)*INDEX($D$3:$AA$30,INDEX(Jesper!$R$2:$R$366,ROW(INDEX(Jesper!AL$2:AL$366,ROUNDDOWN($C4730/24,0)+1,1))-1)+IF('Standard Profiles'!$G$22=$B$10,7,0)+IF('Standard Profiles'!$G$22=$B$17,14,0)+IF('Standard Profiles'!$G$22=$B$24,21,0),MOD($C4730,24)+1)/SUM(INDEX($D$3:$AA$30,INDEX(Jesper!$R$2:$R$366,ROW(INDEX(Jesper!AL$2:AL$366,ROUNDDOWN($C4730/24,0)+1,1))-1)+IF('Standard Profiles'!$G$22=$B$10,7,0)+IF('Standard Profiles'!$G$22=$B$17,14,0)+IF('Standard Profiles'!$G$22=$B$24,21,0),0)),0)</f>
        <v>0</v>
      </c>
      <c r="I4730">
        <f t="shared" si="531"/>
        <v>0</v>
      </c>
      <c r="J4730">
        <f t="shared" si="532"/>
        <v>3.3137912930712434</v>
      </c>
      <c r="K4730">
        <f t="shared" si="533"/>
        <v>0.21272357848178794</v>
      </c>
      <c r="L4730">
        <f t="shared" si="534"/>
        <v>0.10636178924089397</v>
      </c>
      <c r="M4730">
        <f t="shared" si="535"/>
        <v>0</v>
      </c>
      <c r="N4730" s="45">
        <f t="shared" si="536"/>
        <v>45122.666666655277</v>
      </c>
    </row>
    <row r="4731" spans="2:14" x14ac:dyDescent="0.25">
      <c r="B4731">
        <f t="shared" si="530"/>
        <v>6</v>
      </c>
      <c r="C4731" s="16">
        <v>4697</v>
      </c>
      <c r="D4731" cm="1">
        <f t="array" ref="D4731">IFERROR(INDEX(Jesper!AH$2:AH$366,ROUNDDOWN($C4731/24,0)+1,1)*INDEX($D$3:$AA$30,INDEX(Jesper!$R$2:$R$366,ROW(INDEX(Jesper!AH$2:AH$366,ROUNDDOWN($C4731/24,0)+1,1))-1)+IF('Standard Profiles'!$G$18=$B$10,7,0)+IF('Standard Profiles'!$G$18=$B$17,14,0)+IF('Standard Profiles'!$G$18=$B$24,21,0),MOD($C4731,24)+1)/SUM(INDEX($D$3:$AA$30,INDEX(Jesper!$R$2:$R$366,ROW(INDEX(Jesper!AH$2:AH$366,ROUNDDOWN($C4731/24,0)+1,1))-1)+IF('Standard Profiles'!$G$18=$B$10,7,0)+IF('Standard Profiles'!$G$18=$B$17,14,0)+IF('Standard Profiles'!$G$18=$B$24,21,0),0)),0)</f>
        <v>0</v>
      </c>
      <c r="E4731" cm="1">
        <f t="array" ref="E4731">IFERROR(INDEX(Jesper!AI$2:AI$366,ROUNDDOWN($C4731/24,0)+1,1)*INDEX($D$3:$AA$30,INDEX(Jesper!$R$2:$R$366,ROW(INDEX(Jesper!AI$2:AI$366,ROUNDDOWN($C4731/24,0)+1,1))-1)+IF('Standard Profiles'!$G$19=$B$10,7,0)+IF('Standard Profiles'!$G$19=$B$17,14,0)+IF('Standard Profiles'!$G$19=$B$24,21,0),MOD($C4731,24)+1)/SUM(INDEX($D$3:$AA$30,INDEX(Jesper!$R$2:$R$366,ROW(INDEX(Jesper!AI$2:AI$366,ROUNDDOWN($C4731/24,0)+1,1))-1)+IF('Standard Profiles'!$G$19=$B$10,7,0)+IF('Standard Profiles'!$G$19=$B$17,14,0)+IF('Standard Profiles'!$G$19=$B$24,21,0),0)),0)</f>
        <v>2.6590447310223491</v>
      </c>
      <c r="F4731" cm="1">
        <f t="array" ref="F4731">IFERROR(INDEX(Jesper!AJ$2:AJ$366,ROUNDDOWN($C4731/24,0)+1,1)*INDEX($D$3:$AA$30,INDEX(Jesper!$R$2:$R$366,ROW(INDEX(Jesper!AJ$2:AJ$366,ROUNDDOWN($C4731/24,0)+1,1))-1)+IF('Standard Profiles'!$G$20=$B$10,7,0)+IF('Standard Profiles'!$G$20=$B$17,14,0)+IF('Standard Profiles'!$G$20=$B$24,21,0),MOD($C4731,24)+1)/SUM(INDEX($D$3:$AA$30,INDEX(Jesper!$R$2:$R$366,ROW(INDEX(Jesper!AJ$2:AJ$366,ROUNDDOWN($C4731/24,0)+1,1))-1)+IF('Standard Profiles'!$G$20=$B$10,7,0)+IF('Standard Profiles'!$G$20=$B$17,14,0)+IF('Standard Profiles'!$G$20=$B$24,21,0),0)),0)</f>
        <v>0.78112977245603321</v>
      </c>
      <c r="G4731" cm="1">
        <f t="array" ref="G4731">IFERROR(INDEX(Jesper!AK$2:AK$366,ROUNDDOWN($C4731/24,0)+1,1)*INDEX($D$3:$AA$30,INDEX(Jesper!$R$2:$R$366,ROW(INDEX(Jesper!AK$2:AK$366,ROUNDDOWN($C4731/24,0)+1,1))-1)+IF('Standard Profiles'!$G$21=$B$10,7,0)+IF('Standard Profiles'!$G$21=$B$17,14,0)+IF('Standard Profiles'!$G$21=$B$24,21,0),MOD($C4731,24)+1)/SUM(INDEX($D$3:$AA$30,INDEX(Jesper!$R$2:$R$366,ROW(INDEX(Jesper!AK$2:AK$366,ROUNDDOWN($C4731/24,0)+1,1))-1)+IF('Standard Profiles'!$G$21=$B$10,7,0)+IF('Standard Profiles'!$G$21=$B$17,14,0)+IF('Standard Profiles'!$G$21=$B$24,21,0),0)),0)</f>
        <v>0.19270215731554308</v>
      </c>
      <c r="H4731" cm="1">
        <f t="array" ref="H4731">IFERROR(INDEX(Jesper!AL$2:AL$366,ROUNDDOWN($C4731/24,0)+1,1)*INDEX($D$3:$AA$30,INDEX(Jesper!$R$2:$R$366,ROW(INDEX(Jesper!AL$2:AL$366,ROUNDDOWN($C4731/24,0)+1,1))-1)+IF('Standard Profiles'!$G$22=$B$10,7,0)+IF('Standard Profiles'!$G$22=$B$17,14,0)+IF('Standard Profiles'!$G$22=$B$24,21,0),MOD($C4731,24)+1)/SUM(INDEX($D$3:$AA$30,INDEX(Jesper!$R$2:$R$366,ROW(INDEX(Jesper!AL$2:AL$366,ROUNDDOWN($C4731/24,0)+1,1))-1)+IF('Standard Profiles'!$G$22=$B$10,7,0)+IF('Standard Profiles'!$G$22=$B$17,14,0)+IF('Standard Profiles'!$G$22=$B$24,21,0),0)),0)</f>
        <v>0</v>
      </c>
      <c r="I4731">
        <f t="shared" si="531"/>
        <v>0</v>
      </c>
      <c r="J4731">
        <f t="shared" si="532"/>
        <v>3.3137912930712434</v>
      </c>
      <c r="K4731">
        <f t="shared" si="533"/>
        <v>0.21272357848178794</v>
      </c>
      <c r="L4731">
        <f t="shared" si="534"/>
        <v>0.10636178924089397</v>
      </c>
      <c r="M4731">
        <f t="shared" si="535"/>
        <v>0</v>
      </c>
      <c r="N4731" s="45">
        <f t="shared" si="536"/>
        <v>45122.708333321942</v>
      </c>
    </row>
    <row r="4732" spans="2:14" x14ac:dyDescent="0.25">
      <c r="B4732">
        <f t="shared" si="530"/>
        <v>6</v>
      </c>
      <c r="C4732" s="16">
        <v>4698</v>
      </c>
      <c r="D4732" cm="1">
        <f t="array" ref="D4732">IFERROR(INDEX(Jesper!AH$2:AH$366,ROUNDDOWN($C4732/24,0)+1,1)*INDEX($D$3:$AA$30,INDEX(Jesper!$R$2:$R$366,ROW(INDEX(Jesper!AH$2:AH$366,ROUNDDOWN($C4732/24,0)+1,1))-1)+IF('Standard Profiles'!$G$18=$B$10,7,0)+IF('Standard Profiles'!$G$18=$B$17,14,0)+IF('Standard Profiles'!$G$18=$B$24,21,0),MOD($C4732,24)+1)/SUM(INDEX($D$3:$AA$30,INDEX(Jesper!$R$2:$R$366,ROW(INDEX(Jesper!AH$2:AH$366,ROUNDDOWN($C4732/24,0)+1,1))-1)+IF('Standard Profiles'!$G$18=$B$10,7,0)+IF('Standard Profiles'!$G$18=$B$17,14,0)+IF('Standard Profiles'!$G$18=$B$24,21,0),0)),0)</f>
        <v>0</v>
      </c>
      <c r="E4732" cm="1">
        <f t="array" ref="E4732">IFERROR(INDEX(Jesper!AI$2:AI$366,ROUNDDOWN($C4732/24,0)+1,1)*INDEX($D$3:$AA$30,INDEX(Jesper!$R$2:$R$366,ROW(INDEX(Jesper!AI$2:AI$366,ROUNDDOWN($C4732/24,0)+1,1))-1)+IF('Standard Profiles'!$G$19=$B$10,7,0)+IF('Standard Profiles'!$G$19=$B$17,14,0)+IF('Standard Profiles'!$G$19=$B$24,21,0),MOD($C4732,24)+1)/SUM(INDEX($D$3:$AA$30,INDEX(Jesper!$R$2:$R$366,ROW(INDEX(Jesper!AI$2:AI$366,ROUNDDOWN($C4732/24,0)+1,1))-1)+IF('Standard Profiles'!$G$19=$B$10,7,0)+IF('Standard Profiles'!$G$19=$B$17,14,0)+IF('Standard Profiles'!$G$19=$B$24,21,0),0)),0)</f>
        <v>2.6590447310223491</v>
      </c>
      <c r="F4732" cm="1">
        <f t="array" ref="F4732">IFERROR(INDEX(Jesper!AJ$2:AJ$366,ROUNDDOWN($C4732/24,0)+1,1)*INDEX($D$3:$AA$30,INDEX(Jesper!$R$2:$R$366,ROW(INDEX(Jesper!AJ$2:AJ$366,ROUNDDOWN($C4732/24,0)+1,1))-1)+IF('Standard Profiles'!$G$20=$B$10,7,0)+IF('Standard Profiles'!$G$20=$B$17,14,0)+IF('Standard Profiles'!$G$20=$B$24,21,0),MOD($C4732,24)+1)/SUM(INDEX($D$3:$AA$30,INDEX(Jesper!$R$2:$R$366,ROW(INDEX(Jesper!AJ$2:AJ$366,ROUNDDOWN($C4732/24,0)+1,1))-1)+IF('Standard Profiles'!$G$20=$B$10,7,0)+IF('Standard Profiles'!$G$20=$B$17,14,0)+IF('Standard Profiles'!$G$20=$B$24,21,0),0)),0)</f>
        <v>0.78112977245603321</v>
      </c>
      <c r="G4732" cm="1">
        <f t="array" ref="G4732">IFERROR(INDEX(Jesper!AK$2:AK$366,ROUNDDOWN($C4732/24,0)+1,1)*INDEX($D$3:$AA$30,INDEX(Jesper!$R$2:$R$366,ROW(INDEX(Jesper!AK$2:AK$366,ROUNDDOWN($C4732/24,0)+1,1))-1)+IF('Standard Profiles'!$G$21=$B$10,7,0)+IF('Standard Profiles'!$G$21=$B$17,14,0)+IF('Standard Profiles'!$G$21=$B$24,21,0),MOD($C4732,24)+1)/SUM(INDEX($D$3:$AA$30,INDEX(Jesper!$R$2:$R$366,ROW(INDEX(Jesper!AK$2:AK$366,ROUNDDOWN($C4732/24,0)+1,1))-1)+IF('Standard Profiles'!$G$21=$B$10,7,0)+IF('Standard Profiles'!$G$21=$B$17,14,0)+IF('Standard Profiles'!$G$21=$B$24,21,0),0)),0)</f>
        <v>0.19270215731554308</v>
      </c>
      <c r="H4732" cm="1">
        <f t="array" ref="H4732">IFERROR(INDEX(Jesper!AL$2:AL$366,ROUNDDOWN($C4732/24,0)+1,1)*INDEX($D$3:$AA$30,INDEX(Jesper!$R$2:$R$366,ROW(INDEX(Jesper!AL$2:AL$366,ROUNDDOWN($C4732/24,0)+1,1))-1)+IF('Standard Profiles'!$G$22=$B$10,7,0)+IF('Standard Profiles'!$G$22=$B$17,14,0)+IF('Standard Profiles'!$G$22=$B$24,21,0),MOD($C4732,24)+1)/SUM(INDEX($D$3:$AA$30,INDEX(Jesper!$R$2:$R$366,ROW(INDEX(Jesper!AL$2:AL$366,ROUNDDOWN($C4732/24,0)+1,1))-1)+IF('Standard Profiles'!$G$22=$B$10,7,0)+IF('Standard Profiles'!$G$22=$B$17,14,0)+IF('Standard Profiles'!$G$22=$B$24,21,0),0)),0)</f>
        <v>0</v>
      </c>
      <c r="I4732">
        <f t="shared" si="531"/>
        <v>0</v>
      </c>
      <c r="J4732">
        <f t="shared" si="532"/>
        <v>3.3137912930712434</v>
      </c>
      <c r="K4732">
        <f t="shared" si="533"/>
        <v>0.21272357848178794</v>
      </c>
      <c r="L4732">
        <f t="shared" si="534"/>
        <v>0.10636178924089397</v>
      </c>
      <c r="M4732">
        <f t="shared" si="535"/>
        <v>0</v>
      </c>
      <c r="N4732" s="45">
        <f t="shared" si="536"/>
        <v>45122.749999988606</v>
      </c>
    </row>
    <row r="4733" spans="2:14" x14ac:dyDescent="0.25">
      <c r="B4733">
        <f t="shared" si="530"/>
        <v>6</v>
      </c>
      <c r="C4733" s="16">
        <v>4699</v>
      </c>
      <c r="D4733" cm="1">
        <f t="array" ref="D4733">IFERROR(INDEX(Jesper!AH$2:AH$366,ROUNDDOWN($C4733/24,0)+1,1)*INDEX($D$3:$AA$30,INDEX(Jesper!$R$2:$R$366,ROW(INDEX(Jesper!AH$2:AH$366,ROUNDDOWN($C4733/24,0)+1,1))-1)+IF('Standard Profiles'!$G$18=$B$10,7,0)+IF('Standard Profiles'!$G$18=$B$17,14,0)+IF('Standard Profiles'!$G$18=$B$24,21,0),MOD($C4733,24)+1)/SUM(INDEX($D$3:$AA$30,INDEX(Jesper!$R$2:$R$366,ROW(INDEX(Jesper!AH$2:AH$366,ROUNDDOWN($C4733/24,0)+1,1))-1)+IF('Standard Profiles'!$G$18=$B$10,7,0)+IF('Standard Profiles'!$G$18=$B$17,14,0)+IF('Standard Profiles'!$G$18=$B$24,21,0),0)),0)</f>
        <v>0</v>
      </c>
      <c r="E4733" cm="1">
        <f t="array" ref="E4733">IFERROR(INDEX(Jesper!AI$2:AI$366,ROUNDDOWN($C4733/24,0)+1,1)*INDEX($D$3:$AA$30,INDEX(Jesper!$R$2:$R$366,ROW(INDEX(Jesper!AI$2:AI$366,ROUNDDOWN($C4733/24,0)+1,1))-1)+IF('Standard Profiles'!$G$19=$B$10,7,0)+IF('Standard Profiles'!$G$19=$B$17,14,0)+IF('Standard Profiles'!$G$19=$B$24,21,0),MOD($C4733,24)+1)/SUM(INDEX($D$3:$AA$30,INDEX(Jesper!$R$2:$R$366,ROW(INDEX(Jesper!AI$2:AI$366,ROUNDDOWN($C4733/24,0)+1,1))-1)+IF('Standard Profiles'!$G$19=$B$10,7,0)+IF('Standard Profiles'!$G$19=$B$17,14,0)+IF('Standard Profiles'!$G$19=$B$24,21,0),0)),0)</f>
        <v>2.6590447310223491</v>
      </c>
      <c r="F4733" cm="1">
        <f t="array" ref="F4733">IFERROR(INDEX(Jesper!AJ$2:AJ$366,ROUNDDOWN($C4733/24,0)+1,1)*INDEX($D$3:$AA$30,INDEX(Jesper!$R$2:$R$366,ROW(INDEX(Jesper!AJ$2:AJ$366,ROUNDDOWN($C4733/24,0)+1,1))-1)+IF('Standard Profiles'!$G$20=$B$10,7,0)+IF('Standard Profiles'!$G$20=$B$17,14,0)+IF('Standard Profiles'!$G$20=$B$24,21,0),MOD($C4733,24)+1)/SUM(INDEX($D$3:$AA$30,INDEX(Jesper!$R$2:$R$366,ROW(INDEX(Jesper!AJ$2:AJ$366,ROUNDDOWN($C4733/24,0)+1,1))-1)+IF('Standard Profiles'!$G$20=$B$10,7,0)+IF('Standard Profiles'!$G$20=$B$17,14,0)+IF('Standard Profiles'!$G$20=$B$24,21,0),0)),0)</f>
        <v>0.78112977245603321</v>
      </c>
      <c r="G4733" cm="1">
        <f t="array" ref="G4733">IFERROR(INDEX(Jesper!AK$2:AK$366,ROUNDDOWN($C4733/24,0)+1,1)*INDEX($D$3:$AA$30,INDEX(Jesper!$R$2:$R$366,ROW(INDEX(Jesper!AK$2:AK$366,ROUNDDOWN($C4733/24,0)+1,1))-1)+IF('Standard Profiles'!$G$21=$B$10,7,0)+IF('Standard Profiles'!$G$21=$B$17,14,0)+IF('Standard Profiles'!$G$21=$B$24,21,0),MOD($C4733,24)+1)/SUM(INDEX($D$3:$AA$30,INDEX(Jesper!$R$2:$R$366,ROW(INDEX(Jesper!AK$2:AK$366,ROUNDDOWN($C4733/24,0)+1,1))-1)+IF('Standard Profiles'!$G$21=$B$10,7,0)+IF('Standard Profiles'!$G$21=$B$17,14,0)+IF('Standard Profiles'!$G$21=$B$24,21,0),0)),0)</f>
        <v>0.19270215731554308</v>
      </c>
      <c r="H4733" cm="1">
        <f t="array" ref="H4733">IFERROR(INDEX(Jesper!AL$2:AL$366,ROUNDDOWN($C4733/24,0)+1,1)*INDEX($D$3:$AA$30,INDEX(Jesper!$R$2:$R$366,ROW(INDEX(Jesper!AL$2:AL$366,ROUNDDOWN($C4733/24,0)+1,1))-1)+IF('Standard Profiles'!$G$22=$B$10,7,0)+IF('Standard Profiles'!$G$22=$B$17,14,0)+IF('Standard Profiles'!$G$22=$B$24,21,0),MOD($C4733,24)+1)/SUM(INDEX($D$3:$AA$30,INDEX(Jesper!$R$2:$R$366,ROW(INDEX(Jesper!AL$2:AL$366,ROUNDDOWN($C4733/24,0)+1,1))-1)+IF('Standard Profiles'!$G$22=$B$10,7,0)+IF('Standard Profiles'!$G$22=$B$17,14,0)+IF('Standard Profiles'!$G$22=$B$24,21,0),0)),0)</f>
        <v>0</v>
      </c>
      <c r="I4733">
        <f t="shared" si="531"/>
        <v>0</v>
      </c>
      <c r="J4733">
        <f t="shared" si="532"/>
        <v>3.3137912930712434</v>
      </c>
      <c r="K4733">
        <f t="shared" si="533"/>
        <v>0.21272357848178794</v>
      </c>
      <c r="L4733">
        <f t="shared" si="534"/>
        <v>0.10636178924089397</v>
      </c>
      <c r="M4733">
        <f t="shared" si="535"/>
        <v>0</v>
      </c>
      <c r="N4733" s="45">
        <f t="shared" si="536"/>
        <v>45122.79166665527</v>
      </c>
    </row>
    <row r="4734" spans="2:14" x14ac:dyDescent="0.25">
      <c r="B4734">
        <f t="shared" si="530"/>
        <v>6</v>
      </c>
      <c r="C4734" s="16">
        <v>4700</v>
      </c>
      <c r="D4734" cm="1">
        <f t="array" ref="D4734">IFERROR(INDEX(Jesper!AH$2:AH$366,ROUNDDOWN($C4734/24,0)+1,1)*INDEX($D$3:$AA$30,INDEX(Jesper!$R$2:$R$366,ROW(INDEX(Jesper!AH$2:AH$366,ROUNDDOWN($C4734/24,0)+1,1))-1)+IF('Standard Profiles'!$G$18=$B$10,7,0)+IF('Standard Profiles'!$G$18=$B$17,14,0)+IF('Standard Profiles'!$G$18=$B$24,21,0),MOD($C4734,24)+1)/SUM(INDEX($D$3:$AA$30,INDEX(Jesper!$R$2:$R$366,ROW(INDEX(Jesper!AH$2:AH$366,ROUNDDOWN($C4734/24,0)+1,1))-1)+IF('Standard Profiles'!$G$18=$B$10,7,0)+IF('Standard Profiles'!$G$18=$B$17,14,0)+IF('Standard Profiles'!$G$18=$B$24,21,0),0)),0)</f>
        <v>0</v>
      </c>
      <c r="E4734" cm="1">
        <f t="array" ref="E4734">IFERROR(INDEX(Jesper!AI$2:AI$366,ROUNDDOWN($C4734/24,0)+1,1)*INDEX($D$3:$AA$30,INDEX(Jesper!$R$2:$R$366,ROW(INDEX(Jesper!AI$2:AI$366,ROUNDDOWN($C4734/24,0)+1,1))-1)+IF('Standard Profiles'!$G$19=$B$10,7,0)+IF('Standard Profiles'!$G$19=$B$17,14,0)+IF('Standard Profiles'!$G$19=$B$24,21,0),MOD($C4734,24)+1)/SUM(INDEX($D$3:$AA$30,INDEX(Jesper!$R$2:$R$366,ROW(INDEX(Jesper!AI$2:AI$366,ROUNDDOWN($C4734/24,0)+1,1))-1)+IF('Standard Profiles'!$G$19=$B$10,7,0)+IF('Standard Profiles'!$G$19=$B$17,14,0)+IF('Standard Profiles'!$G$19=$B$24,21,0),0)),0)</f>
        <v>2.6590447310223491</v>
      </c>
      <c r="F4734" cm="1">
        <f t="array" ref="F4734">IFERROR(INDEX(Jesper!AJ$2:AJ$366,ROUNDDOWN($C4734/24,0)+1,1)*INDEX($D$3:$AA$30,INDEX(Jesper!$R$2:$R$366,ROW(INDEX(Jesper!AJ$2:AJ$366,ROUNDDOWN($C4734/24,0)+1,1))-1)+IF('Standard Profiles'!$G$20=$B$10,7,0)+IF('Standard Profiles'!$G$20=$B$17,14,0)+IF('Standard Profiles'!$G$20=$B$24,21,0),MOD($C4734,24)+1)/SUM(INDEX($D$3:$AA$30,INDEX(Jesper!$R$2:$R$366,ROW(INDEX(Jesper!AJ$2:AJ$366,ROUNDDOWN($C4734/24,0)+1,1))-1)+IF('Standard Profiles'!$G$20=$B$10,7,0)+IF('Standard Profiles'!$G$20=$B$17,14,0)+IF('Standard Profiles'!$G$20=$B$24,21,0),0)),0)</f>
        <v>0.78112977245603321</v>
      </c>
      <c r="G4734" cm="1">
        <f t="array" ref="G4734">IFERROR(INDEX(Jesper!AK$2:AK$366,ROUNDDOWN($C4734/24,0)+1,1)*INDEX($D$3:$AA$30,INDEX(Jesper!$R$2:$R$366,ROW(INDEX(Jesper!AK$2:AK$366,ROUNDDOWN($C4734/24,0)+1,1))-1)+IF('Standard Profiles'!$G$21=$B$10,7,0)+IF('Standard Profiles'!$G$21=$B$17,14,0)+IF('Standard Profiles'!$G$21=$B$24,21,0),MOD($C4734,24)+1)/SUM(INDEX($D$3:$AA$30,INDEX(Jesper!$R$2:$R$366,ROW(INDEX(Jesper!AK$2:AK$366,ROUNDDOWN($C4734/24,0)+1,1))-1)+IF('Standard Profiles'!$G$21=$B$10,7,0)+IF('Standard Profiles'!$G$21=$B$17,14,0)+IF('Standard Profiles'!$G$21=$B$24,21,0),0)),0)</f>
        <v>0.19270215731554308</v>
      </c>
      <c r="H4734" cm="1">
        <f t="array" ref="H4734">IFERROR(INDEX(Jesper!AL$2:AL$366,ROUNDDOWN($C4734/24,0)+1,1)*INDEX($D$3:$AA$30,INDEX(Jesper!$R$2:$R$366,ROW(INDEX(Jesper!AL$2:AL$366,ROUNDDOWN($C4734/24,0)+1,1))-1)+IF('Standard Profiles'!$G$22=$B$10,7,0)+IF('Standard Profiles'!$G$22=$B$17,14,0)+IF('Standard Profiles'!$G$22=$B$24,21,0),MOD($C4734,24)+1)/SUM(INDEX($D$3:$AA$30,INDEX(Jesper!$R$2:$R$366,ROW(INDEX(Jesper!AL$2:AL$366,ROUNDDOWN($C4734/24,0)+1,1))-1)+IF('Standard Profiles'!$G$22=$B$10,7,0)+IF('Standard Profiles'!$G$22=$B$17,14,0)+IF('Standard Profiles'!$G$22=$B$24,21,0),0)),0)</f>
        <v>0</v>
      </c>
      <c r="I4734">
        <f t="shared" si="531"/>
        <v>0</v>
      </c>
      <c r="J4734">
        <f t="shared" si="532"/>
        <v>3.3137912930712434</v>
      </c>
      <c r="K4734">
        <f t="shared" si="533"/>
        <v>0.21272357848178794</v>
      </c>
      <c r="L4734">
        <f t="shared" si="534"/>
        <v>0.10636178924089397</v>
      </c>
      <c r="M4734">
        <f t="shared" si="535"/>
        <v>0</v>
      </c>
      <c r="N4734" s="45">
        <f t="shared" si="536"/>
        <v>45122.833333321934</v>
      </c>
    </row>
    <row r="4735" spans="2:14" x14ac:dyDescent="0.25">
      <c r="B4735">
        <f t="shared" si="530"/>
        <v>6</v>
      </c>
      <c r="C4735" s="16">
        <v>4701</v>
      </c>
      <c r="D4735" cm="1">
        <f t="array" ref="D4735">IFERROR(INDEX(Jesper!AH$2:AH$366,ROUNDDOWN($C4735/24,0)+1,1)*INDEX($D$3:$AA$30,INDEX(Jesper!$R$2:$R$366,ROW(INDEX(Jesper!AH$2:AH$366,ROUNDDOWN($C4735/24,0)+1,1))-1)+IF('Standard Profiles'!$G$18=$B$10,7,0)+IF('Standard Profiles'!$G$18=$B$17,14,0)+IF('Standard Profiles'!$G$18=$B$24,21,0),MOD($C4735,24)+1)/SUM(INDEX($D$3:$AA$30,INDEX(Jesper!$R$2:$R$366,ROW(INDEX(Jesper!AH$2:AH$366,ROUNDDOWN($C4735/24,0)+1,1))-1)+IF('Standard Profiles'!$G$18=$B$10,7,0)+IF('Standard Profiles'!$G$18=$B$17,14,0)+IF('Standard Profiles'!$G$18=$B$24,21,0),0)),0)</f>
        <v>0</v>
      </c>
      <c r="E4735" cm="1">
        <f t="array" ref="E4735">IFERROR(INDEX(Jesper!AI$2:AI$366,ROUNDDOWN($C4735/24,0)+1,1)*INDEX($D$3:$AA$30,INDEX(Jesper!$R$2:$R$366,ROW(INDEX(Jesper!AI$2:AI$366,ROUNDDOWN($C4735/24,0)+1,1))-1)+IF('Standard Profiles'!$G$19=$B$10,7,0)+IF('Standard Profiles'!$G$19=$B$17,14,0)+IF('Standard Profiles'!$G$19=$B$24,21,0),MOD($C4735,24)+1)/SUM(INDEX($D$3:$AA$30,INDEX(Jesper!$R$2:$R$366,ROW(INDEX(Jesper!AI$2:AI$366,ROUNDDOWN($C4735/24,0)+1,1))-1)+IF('Standard Profiles'!$G$19=$B$10,7,0)+IF('Standard Profiles'!$G$19=$B$17,14,0)+IF('Standard Profiles'!$G$19=$B$24,21,0),0)),0)</f>
        <v>2.6590447310223491</v>
      </c>
      <c r="F4735" cm="1">
        <f t="array" ref="F4735">IFERROR(INDEX(Jesper!AJ$2:AJ$366,ROUNDDOWN($C4735/24,0)+1,1)*INDEX($D$3:$AA$30,INDEX(Jesper!$R$2:$R$366,ROW(INDEX(Jesper!AJ$2:AJ$366,ROUNDDOWN($C4735/24,0)+1,1))-1)+IF('Standard Profiles'!$G$20=$B$10,7,0)+IF('Standard Profiles'!$G$20=$B$17,14,0)+IF('Standard Profiles'!$G$20=$B$24,21,0),MOD($C4735,24)+1)/SUM(INDEX($D$3:$AA$30,INDEX(Jesper!$R$2:$R$366,ROW(INDEX(Jesper!AJ$2:AJ$366,ROUNDDOWN($C4735/24,0)+1,1))-1)+IF('Standard Profiles'!$G$20=$B$10,7,0)+IF('Standard Profiles'!$G$20=$B$17,14,0)+IF('Standard Profiles'!$G$20=$B$24,21,0),0)),0)</f>
        <v>0.78112977245603321</v>
      </c>
      <c r="G4735" cm="1">
        <f t="array" ref="G4735">IFERROR(INDEX(Jesper!AK$2:AK$366,ROUNDDOWN($C4735/24,0)+1,1)*INDEX($D$3:$AA$30,INDEX(Jesper!$R$2:$R$366,ROW(INDEX(Jesper!AK$2:AK$366,ROUNDDOWN($C4735/24,0)+1,1))-1)+IF('Standard Profiles'!$G$21=$B$10,7,0)+IF('Standard Profiles'!$G$21=$B$17,14,0)+IF('Standard Profiles'!$G$21=$B$24,21,0),MOD($C4735,24)+1)/SUM(INDEX($D$3:$AA$30,INDEX(Jesper!$R$2:$R$366,ROW(INDEX(Jesper!AK$2:AK$366,ROUNDDOWN($C4735/24,0)+1,1))-1)+IF('Standard Profiles'!$G$21=$B$10,7,0)+IF('Standard Profiles'!$G$21=$B$17,14,0)+IF('Standard Profiles'!$G$21=$B$24,21,0),0)),0)</f>
        <v>0.19270215731554308</v>
      </c>
      <c r="H4735" cm="1">
        <f t="array" ref="H4735">IFERROR(INDEX(Jesper!AL$2:AL$366,ROUNDDOWN($C4735/24,0)+1,1)*INDEX($D$3:$AA$30,INDEX(Jesper!$R$2:$R$366,ROW(INDEX(Jesper!AL$2:AL$366,ROUNDDOWN($C4735/24,0)+1,1))-1)+IF('Standard Profiles'!$G$22=$B$10,7,0)+IF('Standard Profiles'!$G$22=$B$17,14,0)+IF('Standard Profiles'!$G$22=$B$24,21,0),MOD($C4735,24)+1)/SUM(INDEX($D$3:$AA$30,INDEX(Jesper!$R$2:$R$366,ROW(INDEX(Jesper!AL$2:AL$366,ROUNDDOWN($C4735/24,0)+1,1))-1)+IF('Standard Profiles'!$G$22=$B$10,7,0)+IF('Standard Profiles'!$G$22=$B$17,14,0)+IF('Standard Profiles'!$G$22=$B$24,21,0),0)),0)</f>
        <v>0</v>
      </c>
      <c r="I4735">
        <f t="shared" si="531"/>
        <v>0</v>
      </c>
      <c r="J4735">
        <f t="shared" si="532"/>
        <v>3.3137912930712434</v>
      </c>
      <c r="K4735">
        <f t="shared" si="533"/>
        <v>0.21272357848178794</v>
      </c>
      <c r="L4735">
        <f t="shared" si="534"/>
        <v>0.10636178924089397</v>
      </c>
      <c r="M4735">
        <f t="shared" si="535"/>
        <v>0</v>
      </c>
      <c r="N4735" s="45">
        <f t="shared" si="536"/>
        <v>45122.874999988599</v>
      </c>
    </row>
    <row r="4736" spans="2:14" x14ac:dyDescent="0.25">
      <c r="B4736">
        <f t="shared" si="530"/>
        <v>6</v>
      </c>
      <c r="C4736" s="16">
        <v>4702</v>
      </c>
      <c r="D4736" cm="1">
        <f t="array" ref="D4736">IFERROR(INDEX(Jesper!AH$2:AH$366,ROUNDDOWN($C4736/24,0)+1,1)*INDEX($D$3:$AA$30,INDEX(Jesper!$R$2:$R$366,ROW(INDEX(Jesper!AH$2:AH$366,ROUNDDOWN($C4736/24,0)+1,1))-1)+IF('Standard Profiles'!$G$18=$B$10,7,0)+IF('Standard Profiles'!$G$18=$B$17,14,0)+IF('Standard Profiles'!$G$18=$B$24,21,0),MOD($C4736,24)+1)/SUM(INDEX($D$3:$AA$30,INDEX(Jesper!$R$2:$R$366,ROW(INDEX(Jesper!AH$2:AH$366,ROUNDDOWN($C4736/24,0)+1,1))-1)+IF('Standard Profiles'!$G$18=$B$10,7,0)+IF('Standard Profiles'!$G$18=$B$17,14,0)+IF('Standard Profiles'!$G$18=$B$24,21,0),0)),0)</f>
        <v>0</v>
      </c>
      <c r="E4736" cm="1">
        <f t="array" ref="E4736">IFERROR(INDEX(Jesper!AI$2:AI$366,ROUNDDOWN($C4736/24,0)+1,1)*INDEX($D$3:$AA$30,INDEX(Jesper!$R$2:$R$366,ROW(INDEX(Jesper!AI$2:AI$366,ROUNDDOWN($C4736/24,0)+1,1))-1)+IF('Standard Profiles'!$G$19=$B$10,7,0)+IF('Standard Profiles'!$G$19=$B$17,14,0)+IF('Standard Profiles'!$G$19=$B$24,21,0),MOD($C4736,24)+1)/SUM(INDEX($D$3:$AA$30,INDEX(Jesper!$R$2:$R$366,ROW(INDEX(Jesper!AI$2:AI$366,ROUNDDOWN($C4736/24,0)+1,1))-1)+IF('Standard Profiles'!$G$19=$B$10,7,0)+IF('Standard Profiles'!$G$19=$B$17,14,0)+IF('Standard Profiles'!$G$19=$B$24,21,0),0)),0)</f>
        <v>2.6590447310223491</v>
      </c>
      <c r="F4736" cm="1">
        <f t="array" ref="F4736">IFERROR(INDEX(Jesper!AJ$2:AJ$366,ROUNDDOWN($C4736/24,0)+1,1)*INDEX($D$3:$AA$30,INDEX(Jesper!$R$2:$R$366,ROW(INDEX(Jesper!AJ$2:AJ$366,ROUNDDOWN($C4736/24,0)+1,1))-1)+IF('Standard Profiles'!$G$20=$B$10,7,0)+IF('Standard Profiles'!$G$20=$B$17,14,0)+IF('Standard Profiles'!$G$20=$B$24,21,0),MOD($C4736,24)+1)/SUM(INDEX($D$3:$AA$30,INDEX(Jesper!$R$2:$R$366,ROW(INDEX(Jesper!AJ$2:AJ$366,ROUNDDOWN($C4736/24,0)+1,1))-1)+IF('Standard Profiles'!$G$20=$B$10,7,0)+IF('Standard Profiles'!$G$20=$B$17,14,0)+IF('Standard Profiles'!$G$20=$B$24,21,0),0)),0)</f>
        <v>0.78112977245603321</v>
      </c>
      <c r="G4736" cm="1">
        <f t="array" ref="G4736">IFERROR(INDEX(Jesper!AK$2:AK$366,ROUNDDOWN($C4736/24,0)+1,1)*INDEX($D$3:$AA$30,INDEX(Jesper!$R$2:$R$366,ROW(INDEX(Jesper!AK$2:AK$366,ROUNDDOWN($C4736/24,0)+1,1))-1)+IF('Standard Profiles'!$G$21=$B$10,7,0)+IF('Standard Profiles'!$G$21=$B$17,14,0)+IF('Standard Profiles'!$G$21=$B$24,21,0),MOD($C4736,24)+1)/SUM(INDEX($D$3:$AA$30,INDEX(Jesper!$R$2:$R$366,ROW(INDEX(Jesper!AK$2:AK$366,ROUNDDOWN($C4736/24,0)+1,1))-1)+IF('Standard Profiles'!$G$21=$B$10,7,0)+IF('Standard Profiles'!$G$21=$B$17,14,0)+IF('Standard Profiles'!$G$21=$B$24,21,0),0)),0)</f>
        <v>0.19270215731554308</v>
      </c>
      <c r="H4736" cm="1">
        <f t="array" ref="H4736">IFERROR(INDEX(Jesper!AL$2:AL$366,ROUNDDOWN($C4736/24,0)+1,1)*INDEX($D$3:$AA$30,INDEX(Jesper!$R$2:$R$366,ROW(INDEX(Jesper!AL$2:AL$366,ROUNDDOWN($C4736/24,0)+1,1))-1)+IF('Standard Profiles'!$G$22=$B$10,7,0)+IF('Standard Profiles'!$G$22=$B$17,14,0)+IF('Standard Profiles'!$G$22=$B$24,21,0),MOD($C4736,24)+1)/SUM(INDEX($D$3:$AA$30,INDEX(Jesper!$R$2:$R$366,ROW(INDEX(Jesper!AL$2:AL$366,ROUNDDOWN($C4736/24,0)+1,1))-1)+IF('Standard Profiles'!$G$22=$B$10,7,0)+IF('Standard Profiles'!$G$22=$B$17,14,0)+IF('Standard Profiles'!$G$22=$B$24,21,0),0)),0)</f>
        <v>0</v>
      </c>
      <c r="I4736">
        <f t="shared" si="531"/>
        <v>0</v>
      </c>
      <c r="J4736">
        <f t="shared" si="532"/>
        <v>3.3137912930712434</v>
      </c>
      <c r="K4736">
        <f t="shared" si="533"/>
        <v>0.21272357848178794</v>
      </c>
      <c r="L4736">
        <f t="shared" si="534"/>
        <v>0.10636178924089397</v>
      </c>
      <c r="M4736">
        <f t="shared" si="535"/>
        <v>0</v>
      </c>
      <c r="N4736" s="45">
        <f t="shared" si="536"/>
        <v>45122.916666655263</v>
      </c>
    </row>
    <row r="4737" spans="2:14" x14ac:dyDescent="0.25">
      <c r="B4737">
        <f t="shared" si="530"/>
        <v>6</v>
      </c>
      <c r="C4737" s="16">
        <v>4703</v>
      </c>
      <c r="D4737" cm="1">
        <f t="array" ref="D4737">IFERROR(INDEX(Jesper!AH$2:AH$366,ROUNDDOWN($C4737/24,0)+1,1)*INDEX($D$3:$AA$30,INDEX(Jesper!$R$2:$R$366,ROW(INDEX(Jesper!AH$2:AH$366,ROUNDDOWN($C4737/24,0)+1,1))-1)+IF('Standard Profiles'!$G$18=$B$10,7,0)+IF('Standard Profiles'!$G$18=$B$17,14,0)+IF('Standard Profiles'!$G$18=$B$24,21,0),MOD($C4737,24)+1)/SUM(INDEX($D$3:$AA$30,INDEX(Jesper!$R$2:$R$366,ROW(INDEX(Jesper!AH$2:AH$366,ROUNDDOWN($C4737/24,0)+1,1))-1)+IF('Standard Profiles'!$G$18=$B$10,7,0)+IF('Standard Profiles'!$G$18=$B$17,14,0)+IF('Standard Profiles'!$G$18=$B$24,21,0),0)),0)</f>
        <v>0</v>
      </c>
      <c r="E4737" cm="1">
        <f t="array" ref="E4737">IFERROR(INDEX(Jesper!AI$2:AI$366,ROUNDDOWN($C4737/24,0)+1,1)*INDEX($D$3:$AA$30,INDEX(Jesper!$R$2:$R$366,ROW(INDEX(Jesper!AI$2:AI$366,ROUNDDOWN($C4737/24,0)+1,1))-1)+IF('Standard Profiles'!$G$19=$B$10,7,0)+IF('Standard Profiles'!$G$19=$B$17,14,0)+IF('Standard Profiles'!$G$19=$B$24,21,0),MOD($C4737,24)+1)/SUM(INDEX($D$3:$AA$30,INDEX(Jesper!$R$2:$R$366,ROW(INDEX(Jesper!AI$2:AI$366,ROUNDDOWN($C4737/24,0)+1,1))-1)+IF('Standard Profiles'!$G$19=$B$10,7,0)+IF('Standard Profiles'!$G$19=$B$17,14,0)+IF('Standard Profiles'!$G$19=$B$24,21,0),0)),0)</f>
        <v>2.6590447310223491</v>
      </c>
      <c r="F4737" cm="1">
        <f t="array" ref="F4737">IFERROR(INDEX(Jesper!AJ$2:AJ$366,ROUNDDOWN($C4737/24,0)+1,1)*INDEX($D$3:$AA$30,INDEX(Jesper!$R$2:$R$366,ROW(INDEX(Jesper!AJ$2:AJ$366,ROUNDDOWN($C4737/24,0)+1,1))-1)+IF('Standard Profiles'!$G$20=$B$10,7,0)+IF('Standard Profiles'!$G$20=$B$17,14,0)+IF('Standard Profiles'!$G$20=$B$24,21,0),MOD($C4737,24)+1)/SUM(INDEX($D$3:$AA$30,INDEX(Jesper!$R$2:$R$366,ROW(INDEX(Jesper!AJ$2:AJ$366,ROUNDDOWN($C4737/24,0)+1,1))-1)+IF('Standard Profiles'!$G$20=$B$10,7,0)+IF('Standard Profiles'!$G$20=$B$17,14,0)+IF('Standard Profiles'!$G$20=$B$24,21,0),0)),0)</f>
        <v>0.78112977245603321</v>
      </c>
      <c r="G4737" cm="1">
        <f t="array" ref="G4737">IFERROR(INDEX(Jesper!AK$2:AK$366,ROUNDDOWN($C4737/24,0)+1,1)*INDEX($D$3:$AA$30,INDEX(Jesper!$R$2:$R$366,ROW(INDEX(Jesper!AK$2:AK$366,ROUNDDOWN($C4737/24,0)+1,1))-1)+IF('Standard Profiles'!$G$21=$B$10,7,0)+IF('Standard Profiles'!$G$21=$B$17,14,0)+IF('Standard Profiles'!$G$21=$B$24,21,0),MOD($C4737,24)+1)/SUM(INDEX($D$3:$AA$30,INDEX(Jesper!$R$2:$R$366,ROW(INDEX(Jesper!AK$2:AK$366,ROUNDDOWN($C4737/24,0)+1,1))-1)+IF('Standard Profiles'!$G$21=$B$10,7,0)+IF('Standard Profiles'!$G$21=$B$17,14,0)+IF('Standard Profiles'!$G$21=$B$24,21,0),0)),0)</f>
        <v>0.19270215731554308</v>
      </c>
      <c r="H4737" cm="1">
        <f t="array" ref="H4737">IFERROR(INDEX(Jesper!AL$2:AL$366,ROUNDDOWN($C4737/24,0)+1,1)*INDEX($D$3:$AA$30,INDEX(Jesper!$R$2:$R$366,ROW(INDEX(Jesper!AL$2:AL$366,ROUNDDOWN($C4737/24,0)+1,1))-1)+IF('Standard Profiles'!$G$22=$B$10,7,0)+IF('Standard Profiles'!$G$22=$B$17,14,0)+IF('Standard Profiles'!$G$22=$B$24,21,0),MOD($C4737,24)+1)/SUM(INDEX($D$3:$AA$30,INDEX(Jesper!$R$2:$R$366,ROW(INDEX(Jesper!AL$2:AL$366,ROUNDDOWN($C4737/24,0)+1,1))-1)+IF('Standard Profiles'!$G$22=$B$10,7,0)+IF('Standard Profiles'!$G$22=$B$17,14,0)+IF('Standard Profiles'!$G$22=$B$24,21,0),0)),0)</f>
        <v>0</v>
      </c>
      <c r="I4737">
        <f t="shared" si="531"/>
        <v>0</v>
      </c>
      <c r="J4737">
        <f t="shared" si="532"/>
        <v>3.3137912930712434</v>
      </c>
      <c r="K4737">
        <f t="shared" si="533"/>
        <v>0.21272357848178794</v>
      </c>
      <c r="L4737">
        <f t="shared" si="534"/>
        <v>0.10636178924089397</v>
      </c>
      <c r="M4737">
        <f t="shared" si="535"/>
        <v>0</v>
      </c>
      <c r="N4737" s="45">
        <f t="shared" si="536"/>
        <v>45122.958333321927</v>
      </c>
    </row>
    <row r="4738" spans="2:14" x14ac:dyDescent="0.25">
      <c r="B4738">
        <f t="shared" si="530"/>
        <v>7</v>
      </c>
      <c r="C4738" s="16">
        <v>4704</v>
      </c>
      <c r="D4738" cm="1">
        <f t="array" ref="D4738">IFERROR(INDEX(Jesper!AH$2:AH$366,ROUNDDOWN($C4738/24,0)+1,1)*INDEX($D$3:$AA$30,INDEX(Jesper!$R$2:$R$366,ROW(INDEX(Jesper!AH$2:AH$366,ROUNDDOWN($C4738/24,0)+1,1))-1)+IF('Standard Profiles'!$G$18=$B$10,7,0)+IF('Standard Profiles'!$G$18=$B$17,14,0)+IF('Standard Profiles'!$G$18=$B$24,21,0),MOD($C4738,24)+1)/SUM(INDEX($D$3:$AA$30,INDEX(Jesper!$R$2:$R$366,ROW(INDEX(Jesper!AH$2:AH$366,ROUNDDOWN($C4738/24,0)+1,1))-1)+IF('Standard Profiles'!$G$18=$B$10,7,0)+IF('Standard Profiles'!$G$18=$B$17,14,0)+IF('Standard Profiles'!$G$18=$B$24,21,0),0)),0)</f>
        <v>0</v>
      </c>
      <c r="E4738" cm="1">
        <f t="array" ref="E4738">IFERROR(INDEX(Jesper!AI$2:AI$366,ROUNDDOWN($C4738/24,0)+1,1)*INDEX($D$3:$AA$30,INDEX(Jesper!$R$2:$R$366,ROW(INDEX(Jesper!AI$2:AI$366,ROUNDDOWN($C4738/24,0)+1,1))-1)+IF('Standard Profiles'!$G$19=$B$10,7,0)+IF('Standard Profiles'!$G$19=$B$17,14,0)+IF('Standard Profiles'!$G$19=$B$24,21,0),MOD($C4738,24)+1)/SUM(INDEX($D$3:$AA$30,INDEX(Jesper!$R$2:$R$366,ROW(INDEX(Jesper!AI$2:AI$366,ROUNDDOWN($C4738/24,0)+1,1))-1)+IF('Standard Profiles'!$G$19=$B$10,7,0)+IF('Standard Profiles'!$G$19=$B$17,14,0)+IF('Standard Profiles'!$G$19=$B$24,21,0),0)),0)</f>
        <v>2.6574043664303155</v>
      </c>
      <c r="F4738" cm="1">
        <f t="array" ref="F4738">IFERROR(INDEX(Jesper!AJ$2:AJ$366,ROUNDDOWN($C4738/24,0)+1,1)*INDEX($D$3:$AA$30,INDEX(Jesper!$R$2:$R$366,ROW(INDEX(Jesper!AJ$2:AJ$366,ROUNDDOWN($C4738/24,0)+1,1))-1)+IF('Standard Profiles'!$G$20=$B$10,7,0)+IF('Standard Profiles'!$G$20=$B$17,14,0)+IF('Standard Profiles'!$G$20=$B$24,21,0),MOD($C4738,24)+1)/SUM(INDEX($D$3:$AA$30,INDEX(Jesper!$R$2:$R$366,ROW(INDEX(Jesper!AJ$2:AJ$366,ROUNDDOWN($C4738/24,0)+1,1))-1)+IF('Standard Profiles'!$G$20=$B$10,7,0)+IF('Standard Profiles'!$G$20=$B$17,14,0)+IF('Standard Profiles'!$G$20=$B$24,21,0),0)),0)</f>
        <v>0.69495303990416923</v>
      </c>
      <c r="G4738" cm="1">
        <f t="array" ref="G4738">IFERROR(INDEX(Jesper!AK$2:AK$366,ROUNDDOWN($C4738/24,0)+1,1)*INDEX($D$3:$AA$30,INDEX(Jesper!$R$2:$R$366,ROW(INDEX(Jesper!AK$2:AK$366,ROUNDDOWN($C4738/24,0)+1,1))-1)+IF('Standard Profiles'!$G$21=$B$10,7,0)+IF('Standard Profiles'!$G$21=$B$17,14,0)+IF('Standard Profiles'!$G$21=$B$24,21,0),MOD($C4738,24)+1)/SUM(INDEX($D$3:$AA$30,INDEX(Jesper!$R$2:$R$366,ROW(INDEX(Jesper!AK$2:AK$366,ROUNDDOWN($C4738/24,0)+1,1))-1)+IF('Standard Profiles'!$G$21=$B$10,7,0)+IF('Standard Profiles'!$G$21=$B$17,14,0)+IF('Standard Profiles'!$G$21=$B$24,21,0),0)),0)</f>
        <v>8.336432153769717E-2</v>
      </c>
      <c r="H4738" cm="1">
        <f t="array" ref="H4738">IFERROR(INDEX(Jesper!AL$2:AL$366,ROUNDDOWN($C4738/24,0)+1,1)*INDEX($D$3:$AA$30,INDEX(Jesper!$R$2:$R$366,ROW(INDEX(Jesper!AL$2:AL$366,ROUNDDOWN($C4738/24,0)+1,1))-1)+IF('Standard Profiles'!$G$22=$B$10,7,0)+IF('Standard Profiles'!$G$22=$B$17,14,0)+IF('Standard Profiles'!$G$22=$B$24,21,0),MOD($C4738,24)+1)/SUM(INDEX($D$3:$AA$30,INDEX(Jesper!$R$2:$R$366,ROW(INDEX(Jesper!AL$2:AL$366,ROUNDDOWN($C4738/24,0)+1,1))-1)+IF('Standard Profiles'!$G$22=$B$10,7,0)+IF('Standard Profiles'!$G$22=$B$17,14,0)+IF('Standard Profiles'!$G$22=$B$24,21,0),0)),0)</f>
        <v>0</v>
      </c>
      <c r="I4738">
        <f t="shared" si="531"/>
        <v>0</v>
      </c>
      <c r="J4738">
        <f t="shared" si="532"/>
        <v>3.1168332039005442</v>
      </c>
      <c r="K4738">
        <f t="shared" si="533"/>
        <v>0.21259234931442525</v>
      </c>
      <c r="L4738">
        <f t="shared" si="534"/>
        <v>0.10629617465721262</v>
      </c>
      <c r="M4738">
        <f t="shared" si="535"/>
        <v>0</v>
      </c>
      <c r="N4738" s="45">
        <f t="shared" si="536"/>
        <v>45122.999999988591</v>
      </c>
    </row>
    <row r="4739" spans="2:14" x14ac:dyDescent="0.25">
      <c r="B4739">
        <f t="shared" si="530"/>
        <v>7</v>
      </c>
      <c r="C4739" s="16">
        <v>4705</v>
      </c>
      <c r="D4739" cm="1">
        <f t="array" ref="D4739">IFERROR(INDEX(Jesper!AH$2:AH$366,ROUNDDOWN($C4739/24,0)+1,1)*INDEX($D$3:$AA$30,INDEX(Jesper!$R$2:$R$366,ROW(INDEX(Jesper!AH$2:AH$366,ROUNDDOWN($C4739/24,0)+1,1))-1)+IF('Standard Profiles'!$G$18=$B$10,7,0)+IF('Standard Profiles'!$G$18=$B$17,14,0)+IF('Standard Profiles'!$G$18=$B$24,21,0),MOD($C4739,24)+1)/SUM(INDEX($D$3:$AA$30,INDEX(Jesper!$R$2:$R$366,ROW(INDEX(Jesper!AH$2:AH$366,ROUNDDOWN($C4739/24,0)+1,1))-1)+IF('Standard Profiles'!$G$18=$B$10,7,0)+IF('Standard Profiles'!$G$18=$B$17,14,0)+IF('Standard Profiles'!$G$18=$B$24,21,0),0)),0)</f>
        <v>0</v>
      </c>
      <c r="E4739" cm="1">
        <f t="array" ref="E4739">IFERROR(INDEX(Jesper!AI$2:AI$366,ROUNDDOWN($C4739/24,0)+1,1)*INDEX($D$3:$AA$30,INDEX(Jesper!$R$2:$R$366,ROW(INDEX(Jesper!AI$2:AI$366,ROUNDDOWN($C4739/24,0)+1,1))-1)+IF('Standard Profiles'!$G$19=$B$10,7,0)+IF('Standard Profiles'!$G$19=$B$17,14,0)+IF('Standard Profiles'!$G$19=$B$24,21,0),MOD($C4739,24)+1)/SUM(INDEX($D$3:$AA$30,INDEX(Jesper!$R$2:$R$366,ROW(INDEX(Jesper!AI$2:AI$366,ROUNDDOWN($C4739/24,0)+1,1))-1)+IF('Standard Profiles'!$G$19=$B$10,7,0)+IF('Standard Profiles'!$G$19=$B$17,14,0)+IF('Standard Profiles'!$G$19=$B$24,21,0),0)),0)</f>
        <v>2.6574043664303155</v>
      </c>
      <c r="F4739" cm="1">
        <f t="array" ref="F4739">IFERROR(INDEX(Jesper!AJ$2:AJ$366,ROUNDDOWN($C4739/24,0)+1,1)*INDEX($D$3:$AA$30,INDEX(Jesper!$R$2:$R$366,ROW(INDEX(Jesper!AJ$2:AJ$366,ROUNDDOWN($C4739/24,0)+1,1))-1)+IF('Standard Profiles'!$G$20=$B$10,7,0)+IF('Standard Profiles'!$G$20=$B$17,14,0)+IF('Standard Profiles'!$G$20=$B$24,21,0),MOD($C4739,24)+1)/SUM(INDEX($D$3:$AA$30,INDEX(Jesper!$R$2:$R$366,ROW(INDEX(Jesper!AJ$2:AJ$366,ROUNDDOWN($C4739/24,0)+1,1))-1)+IF('Standard Profiles'!$G$20=$B$10,7,0)+IF('Standard Profiles'!$G$20=$B$17,14,0)+IF('Standard Profiles'!$G$20=$B$24,21,0),0)),0)</f>
        <v>0.69495303990416923</v>
      </c>
      <c r="G4739" cm="1">
        <f t="array" ref="G4739">IFERROR(INDEX(Jesper!AK$2:AK$366,ROUNDDOWN($C4739/24,0)+1,1)*INDEX($D$3:$AA$30,INDEX(Jesper!$R$2:$R$366,ROW(INDEX(Jesper!AK$2:AK$366,ROUNDDOWN($C4739/24,0)+1,1))-1)+IF('Standard Profiles'!$G$21=$B$10,7,0)+IF('Standard Profiles'!$G$21=$B$17,14,0)+IF('Standard Profiles'!$G$21=$B$24,21,0),MOD($C4739,24)+1)/SUM(INDEX($D$3:$AA$30,INDEX(Jesper!$R$2:$R$366,ROW(INDEX(Jesper!AK$2:AK$366,ROUNDDOWN($C4739/24,0)+1,1))-1)+IF('Standard Profiles'!$G$21=$B$10,7,0)+IF('Standard Profiles'!$G$21=$B$17,14,0)+IF('Standard Profiles'!$G$21=$B$24,21,0),0)),0)</f>
        <v>8.336432153769717E-2</v>
      </c>
      <c r="H4739" cm="1">
        <f t="array" ref="H4739">IFERROR(INDEX(Jesper!AL$2:AL$366,ROUNDDOWN($C4739/24,0)+1,1)*INDEX($D$3:$AA$30,INDEX(Jesper!$R$2:$R$366,ROW(INDEX(Jesper!AL$2:AL$366,ROUNDDOWN($C4739/24,0)+1,1))-1)+IF('Standard Profiles'!$G$22=$B$10,7,0)+IF('Standard Profiles'!$G$22=$B$17,14,0)+IF('Standard Profiles'!$G$22=$B$24,21,0),MOD($C4739,24)+1)/SUM(INDEX($D$3:$AA$30,INDEX(Jesper!$R$2:$R$366,ROW(INDEX(Jesper!AL$2:AL$366,ROUNDDOWN($C4739/24,0)+1,1))-1)+IF('Standard Profiles'!$G$22=$B$10,7,0)+IF('Standard Profiles'!$G$22=$B$17,14,0)+IF('Standard Profiles'!$G$22=$B$24,21,0),0)),0)</f>
        <v>0</v>
      </c>
      <c r="I4739">
        <f t="shared" si="531"/>
        <v>0</v>
      </c>
      <c r="J4739">
        <f t="shared" si="532"/>
        <v>3.1168332039005442</v>
      </c>
      <c r="K4739">
        <f t="shared" si="533"/>
        <v>0.21259234931442525</v>
      </c>
      <c r="L4739">
        <f t="shared" si="534"/>
        <v>0.10629617465721262</v>
      </c>
      <c r="M4739">
        <f t="shared" si="535"/>
        <v>0</v>
      </c>
      <c r="N4739" s="45">
        <f t="shared" si="536"/>
        <v>45123.041666655256</v>
      </c>
    </row>
    <row r="4740" spans="2:14" x14ac:dyDescent="0.25">
      <c r="B4740">
        <f t="shared" si="530"/>
        <v>7</v>
      </c>
      <c r="C4740" s="16">
        <v>4706</v>
      </c>
      <c r="D4740" cm="1">
        <f t="array" ref="D4740">IFERROR(INDEX(Jesper!AH$2:AH$366,ROUNDDOWN($C4740/24,0)+1,1)*INDEX($D$3:$AA$30,INDEX(Jesper!$R$2:$R$366,ROW(INDEX(Jesper!AH$2:AH$366,ROUNDDOWN($C4740/24,0)+1,1))-1)+IF('Standard Profiles'!$G$18=$B$10,7,0)+IF('Standard Profiles'!$G$18=$B$17,14,0)+IF('Standard Profiles'!$G$18=$B$24,21,0),MOD($C4740,24)+1)/SUM(INDEX($D$3:$AA$30,INDEX(Jesper!$R$2:$R$366,ROW(INDEX(Jesper!AH$2:AH$366,ROUNDDOWN($C4740/24,0)+1,1))-1)+IF('Standard Profiles'!$G$18=$B$10,7,0)+IF('Standard Profiles'!$G$18=$B$17,14,0)+IF('Standard Profiles'!$G$18=$B$24,21,0),0)),0)</f>
        <v>0</v>
      </c>
      <c r="E4740" cm="1">
        <f t="array" ref="E4740">IFERROR(INDEX(Jesper!AI$2:AI$366,ROUNDDOWN($C4740/24,0)+1,1)*INDEX($D$3:$AA$30,INDEX(Jesper!$R$2:$R$366,ROW(INDEX(Jesper!AI$2:AI$366,ROUNDDOWN($C4740/24,0)+1,1))-1)+IF('Standard Profiles'!$G$19=$B$10,7,0)+IF('Standard Profiles'!$G$19=$B$17,14,0)+IF('Standard Profiles'!$G$19=$B$24,21,0),MOD($C4740,24)+1)/SUM(INDEX($D$3:$AA$30,INDEX(Jesper!$R$2:$R$366,ROW(INDEX(Jesper!AI$2:AI$366,ROUNDDOWN($C4740/24,0)+1,1))-1)+IF('Standard Profiles'!$G$19=$B$10,7,0)+IF('Standard Profiles'!$G$19=$B$17,14,0)+IF('Standard Profiles'!$G$19=$B$24,21,0),0)),0)</f>
        <v>2.6574043664303155</v>
      </c>
      <c r="F4740" cm="1">
        <f t="array" ref="F4740">IFERROR(INDEX(Jesper!AJ$2:AJ$366,ROUNDDOWN($C4740/24,0)+1,1)*INDEX($D$3:$AA$30,INDEX(Jesper!$R$2:$R$366,ROW(INDEX(Jesper!AJ$2:AJ$366,ROUNDDOWN($C4740/24,0)+1,1))-1)+IF('Standard Profiles'!$G$20=$B$10,7,0)+IF('Standard Profiles'!$G$20=$B$17,14,0)+IF('Standard Profiles'!$G$20=$B$24,21,0),MOD($C4740,24)+1)/SUM(INDEX($D$3:$AA$30,INDEX(Jesper!$R$2:$R$366,ROW(INDEX(Jesper!AJ$2:AJ$366,ROUNDDOWN($C4740/24,0)+1,1))-1)+IF('Standard Profiles'!$G$20=$B$10,7,0)+IF('Standard Profiles'!$G$20=$B$17,14,0)+IF('Standard Profiles'!$G$20=$B$24,21,0),0)),0)</f>
        <v>0.69495303990416923</v>
      </c>
      <c r="G4740" cm="1">
        <f t="array" ref="G4740">IFERROR(INDEX(Jesper!AK$2:AK$366,ROUNDDOWN($C4740/24,0)+1,1)*INDEX($D$3:$AA$30,INDEX(Jesper!$R$2:$R$366,ROW(INDEX(Jesper!AK$2:AK$366,ROUNDDOWN($C4740/24,0)+1,1))-1)+IF('Standard Profiles'!$G$21=$B$10,7,0)+IF('Standard Profiles'!$G$21=$B$17,14,0)+IF('Standard Profiles'!$G$21=$B$24,21,0),MOD($C4740,24)+1)/SUM(INDEX($D$3:$AA$30,INDEX(Jesper!$R$2:$R$366,ROW(INDEX(Jesper!AK$2:AK$366,ROUNDDOWN($C4740/24,0)+1,1))-1)+IF('Standard Profiles'!$G$21=$B$10,7,0)+IF('Standard Profiles'!$G$21=$B$17,14,0)+IF('Standard Profiles'!$G$21=$B$24,21,0),0)),0)</f>
        <v>8.336432153769717E-2</v>
      </c>
      <c r="H4740" cm="1">
        <f t="array" ref="H4740">IFERROR(INDEX(Jesper!AL$2:AL$366,ROUNDDOWN($C4740/24,0)+1,1)*INDEX($D$3:$AA$30,INDEX(Jesper!$R$2:$R$366,ROW(INDEX(Jesper!AL$2:AL$366,ROUNDDOWN($C4740/24,0)+1,1))-1)+IF('Standard Profiles'!$G$22=$B$10,7,0)+IF('Standard Profiles'!$G$22=$B$17,14,0)+IF('Standard Profiles'!$G$22=$B$24,21,0),MOD($C4740,24)+1)/SUM(INDEX($D$3:$AA$30,INDEX(Jesper!$R$2:$R$366,ROW(INDEX(Jesper!AL$2:AL$366,ROUNDDOWN($C4740/24,0)+1,1))-1)+IF('Standard Profiles'!$G$22=$B$10,7,0)+IF('Standard Profiles'!$G$22=$B$17,14,0)+IF('Standard Profiles'!$G$22=$B$24,21,0),0)),0)</f>
        <v>0</v>
      </c>
      <c r="I4740">
        <f t="shared" si="531"/>
        <v>0</v>
      </c>
      <c r="J4740">
        <f t="shared" si="532"/>
        <v>3.1168332039005442</v>
      </c>
      <c r="K4740">
        <f t="shared" si="533"/>
        <v>0.21259234931442525</v>
      </c>
      <c r="L4740">
        <f t="shared" si="534"/>
        <v>0.10629617465721262</v>
      </c>
      <c r="M4740">
        <f t="shared" si="535"/>
        <v>0</v>
      </c>
      <c r="N4740" s="45">
        <f t="shared" si="536"/>
        <v>45123.08333332192</v>
      </c>
    </row>
    <row r="4741" spans="2:14" x14ac:dyDescent="0.25">
      <c r="B4741">
        <f t="shared" si="530"/>
        <v>7</v>
      </c>
      <c r="C4741" s="16">
        <v>4707</v>
      </c>
      <c r="D4741" cm="1">
        <f t="array" ref="D4741">IFERROR(INDEX(Jesper!AH$2:AH$366,ROUNDDOWN($C4741/24,0)+1,1)*INDEX($D$3:$AA$30,INDEX(Jesper!$R$2:$R$366,ROW(INDEX(Jesper!AH$2:AH$366,ROUNDDOWN($C4741/24,0)+1,1))-1)+IF('Standard Profiles'!$G$18=$B$10,7,0)+IF('Standard Profiles'!$G$18=$B$17,14,0)+IF('Standard Profiles'!$G$18=$B$24,21,0),MOD($C4741,24)+1)/SUM(INDEX($D$3:$AA$30,INDEX(Jesper!$R$2:$R$366,ROW(INDEX(Jesper!AH$2:AH$366,ROUNDDOWN($C4741/24,0)+1,1))-1)+IF('Standard Profiles'!$G$18=$B$10,7,0)+IF('Standard Profiles'!$G$18=$B$17,14,0)+IF('Standard Profiles'!$G$18=$B$24,21,0),0)),0)</f>
        <v>0</v>
      </c>
      <c r="E4741" cm="1">
        <f t="array" ref="E4741">IFERROR(INDEX(Jesper!AI$2:AI$366,ROUNDDOWN($C4741/24,0)+1,1)*INDEX($D$3:$AA$30,INDEX(Jesper!$R$2:$R$366,ROW(INDEX(Jesper!AI$2:AI$366,ROUNDDOWN($C4741/24,0)+1,1))-1)+IF('Standard Profiles'!$G$19=$B$10,7,0)+IF('Standard Profiles'!$G$19=$B$17,14,0)+IF('Standard Profiles'!$G$19=$B$24,21,0),MOD($C4741,24)+1)/SUM(INDEX($D$3:$AA$30,INDEX(Jesper!$R$2:$R$366,ROW(INDEX(Jesper!AI$2:AI$366,ROUNDDOWN($C4741/24,0)+1,1))-1)+IF('Standard Profiles'!$G$19=$B$10,7,0)+IF('Standard Profiles'!$G$19=$B$17,14,0)+IF('Standard Profiles'!$G$19=$B$24,21,0),0)),0)</f>
        <v>2.6574043664303155</v>
      </c>
      <c r="F4741" cm="1">
        <f t="array" ref="F4741">IFERROR(INDEX(Jesper!AJ$2:AJ$366,ROUNDDOWN($C4741/24,0)+1,1)*INDEX($D$3:$AA$30,INDEX(Jesper!$R$2:$R$366,ROW(INDEX(Jesper!AJ$2:AJ$366,ROUNDDOWN($C4741/24,0)+1,1))-1)+IF('Standard Profiles'!$G$20=$B$10,7,0)+IF('Standard Profiles'!$G$20=$B$17,14,0)+IF('Standard Profiles'!$G$20=$B$24,21,0),MOD($C4741,24)+1)/SUM(INDEX($D$3:$AA$30,INDEX(Jesper!$R$2:$R$366,ROW(INDEX(Jesper!AJ$2:AJ$366,ROUNDDOWN($C4741/24,0)+1,1))-1)+IF('Standard Profiles'!$G$20=$B$10,7,0)+IF('Standard Profiles'!$G$20=$B$17,14,0)+IF('Standard Profiles'!$G$20=$B$24,21,0),0)),0)</f>
        <v>0.69495303990416923</v>
      </c>
      <c r="G4741" cm="1">
        <f t="array" ref="G4741">IFERROR(INDEX(Jesper!AK$2:AK$366,ROUNDDOWN($C4741/24,0)+1,1)*INDEX($D$3:$AA$30,INDEX(Jesper!$R$2:$R$366,ROW(INDEX(Jesper!AK$2:AK$366,ROUNDDOWN($C4741/24,0)+1,1))-1)+IF('Standard Profiles'!$G$21=$B$10,7,0)+IF('Standard Profiles'!$G$21=$B$17,14,0)+IF('Standard Profiles'!$G$21=$B$24,21,0),MOD($C4741,24)+1)/SUM(INDEX($D$3:$AA$30,INDEX(Jesper!$R$2:$R$366,ROW(INDEX(Jesper!AK$2:AK$366,ROUNDDOWN($C4741/24,0)+1,1))-1)+IF('Standard Profiles'!$G$21=$B$10,7,0)+IF('Standard Profiles'!$G$21=$B$17,14,0)+IF('Standard Profiles'!$G$21=$B$24,21,0),0)),0)</f>
        <v>8.336432153769717E-2</v>
      </c>
      <c r="H4741" cm="1">
        <f t="array" ref="H4741">IFERROR(INDEX(Jesper!AL$2:AL$366,ROUNDDOWN($C4741/24,0)+1,1)*INDEX($D$3:$AA$30,INDEX(Jesper!$R$2:$R$366,ROW(INDEX(Jesper!AL$2:AL$366,ROUNDDOWN($C4741/24,0)+1,1))-1)+IF('Standard Profiles'!$G$22=$B$10,7,0)+IF('Standard Profiles'!$G$22=$B$17,14,0)+IF('Standard Profiles'!$G$22=$B$24,21,0),MOD($C4741,24)+1)/SUM(INDEX($D$3:$AA$30,INDEX(Jesper!$R$2:$R$366,ROW(INDEX(Jesper!AL$2:AL$366,ROUNDDOWN($C4741/24,0)+1,1))-1)+IF('Standard Profiles'!$G$22=$B$10,7,0)+IF('Standard Profiles'!$G$22=$B$17,14,0)+IF('Standard Profiles'!$G$22=$B$24,21,0),0)),0)</f>
        <v>0</v>
      </c>
      <c r="I4741">
        <f t="shared" si="531"/>
        <v>0</v>
      </c>
      <c r="J4741">
        <f t="shared" si="532"/>
        <v>3.1168332039005442</v>
      </c>
      <c r="K4741">
        <f t="shared" si="533"/>
        <v>0.21259234931442525</v>
      </c>
      <c r="L4741">
        <f t="shared" si="534"/>
        <v>0.10629617465721262</v>
      </c>
      <c r="M4741">
        <f t="shared" si="535"/>
        <v>0</v>
      </c>
      <c r="N4741" s="45">
        <f t="shared" si="536"/>
        <v>45123.124999988584</v>
      </c>
    </row>
    <row r="4742" spans="2:14" x14ac:dyDescent="0.25">
      <c r="B4742">
        <f t="shared" si="530"/>
        <v>7</v>
      </c>
      <c r="C4742" s="16">
        <v>4708</v>
      </c>
      <c r="D4742" cm="1">
        <f t="array" ref="D4742">IFERROR(INDEX(Jesper!AH$2:AH$366,ROUNDDOWN($C4742/24,0)+1,1)*INDEX($D$3:$AA$30,INDEX(Jesper!$R$2:$R$366,ROW(INDEX(Jesper!AH$2:AH$366,ROUNDDOWN($C4742/24,0)+1,1))-1)+IF('Standard Profiles'!$G$18=$B$10,7,0)+IF('Standard Profiles'!$G$18=$B$17,14,0)+IF('Standard Profiles'!$G$18=$B$24,21,0),MOD($C4742,24)+1)/SUM(INDEX($D$3:$AA$30,INDEX(Jesper!$R$2:$R$366,ROW(INDEX(Jesper!AH$2:AH$366,ROUNDDOWN($C4742/24,0)+1,1))-1)+IF('Standard Profiles'!$G$18=$B$10,7,0)+IF('Standard Profiles'!$G$18=$B$17,14,0)+IF('Standard Profiles'!$G$18=$B$24,21,0),0)),0)</f>
        <v>0</v>
      </c>
      <c r="E4742" cm="1">
        <f t="array" ref="E4742">IFERROR(INDEX(Jesper!AI$2:AI$366,ROUNDDOWN($C4742/24,0)+1,1)*INDEX($D$3:$AA$30,INDEX(Jesper!$R$2:$R$366,ROW(INDEX(Jesper!AI$2:AI$366,ROUNDDOWN($C4742/24,0)+1,1))-1)+IF('Standard Profiles'!$G$19=$B$10,7,0)+IF('Standard Profiles'!$G$19=$B$17,14,0)+IF('Standard Profiles'!$G$19=$B$24,21,0),MOD($C4742,24)+1)/SUM(INDEX($D$3:$AA$30,INDEX(Jesper!$R$2:$R$366,ROW(INDEX(Jesper!AI$2:AI$366,ROUNDDOWN($C4742/24,0)+1,1))-1)+IF('Standard Profiles'!$G$19=$B$10,7,0)+IF('Standard Profiles'!$G$19=$B$17,14,0)+IF('Standard Profiles'!$G$19=$B$24,21,0),0)),0)</f>
        <v>2.6574043664303155</v>
      </c>
      <c r="F4742" cm="1">
        <f t="array" ref="F4742">IFERROR(INDEX(Jesper!AJ$2:AJ$366,ROUNDDOWN($C4742/24,0)+1,1)*INDEX($D$3:$AA$30,INDEX(Jesper!$R$2:$R$366,ROW(INDEX(Jesper!AJ$2:AJ$366,ROUNDDOWN($C4742/24,0)+1,1))-1)+IF('Standard Profiles'!$G$20=$B$10,7,0)+IF('Standard Profiles'!$G$20=$B$17,14,0)+IF('Standard Profiles'!$G$20=$B$24,21,0),MOD($C4742,24)+1)/SUM(INDEX($D$3:$AA$30,INDEX(Jesper!$R$2:$R$366,ROW(INDEX(Jesper!AJ$2:AJ$366,ROUNDDOWN($C4742/24,0)+1,1))-1)+IF('Standard Profiles'!$G$20=$B$10,7,0)+IF('Standard Profiles'!$G$20=$B$17,14,0)+IF('Standard Profiles'!$G$20=$B$24,21,0),0)),0)</f>
        <v>0.69495303990416923</v>
      </c>
      <c r="G4742" cm="1">
        <f t="array" ref="G4742">IFERROR(INDEX(Jesper!AK$2:AK$366,ROUNDDOWN($C4742/24,0)+1,1)*INDEX($D$3:$AA$30,INDEX(Jesper!$R$2:$R$366,ROW(INDEX(Jesper!AK$2:AK$366,ROUNDDOWN($C4742/24,0)+1,1))-1)+IF('Standard Profiles'!$G$21=$B$10,7,0)+IF('Standard Profiles'!$G$21=$B$17,14,0)+IF('Standard Profiles'!$G$21=$B$24,21,0),MOD($C4742,24)+1)/SUM(INDEX($D$3:$AA$30,INDEX(Jesper!$R$2:$R$366,ROW(INDEX(Jesper!AK$2:AK$366,ROUNDDOWN($C4742/24,0)+1,1))-1)+IF('Standard Profiles'!$G$21=$B$10,7,0)+IF('Standard Profiles'!$G$21=$B$17,14,0)+IF('Standard Profiles'!$G$21=$B$24,21,0),0)),0)</f>
        <v>8.336432153769717E-2</v>
      </c>
      <c r="H4742" cm="1">
        <f t="array" ref="H4742">IFERROR(INDEX(Jesper!AL$2:AL$366,ROUNDDOWN($C4742/24,0)+1,1)*INDEX($D$3:$AA$30,INDEX(Jesper!$R$2:$R$366,ROW(INDEX(Jesper!AL$2:AL$366,ROUNDDOWN($C4742/24,0)+1,1))-1)+IF('Standard Profiles'!$G$22=$B$10,7,0)+IF('Standard Profiles'!$G$22=$B$17,14,0)+IF('Standard Profiles'!$G$22=$B$24,21,0),MOD($C4742,24)+1)/SUM(INDEX($D$3:$AA$30,INDEX(Jesper!$R$2:$R$366,ROW(INDEX(Jesper!AL$2:AL$366,ROUNDDOWN($C4742/24,0)+1,1))-1)+IF('Standard Profiles'!$G$22=$B$10,7,0)+IF('Standard Profiles'!$G$22=$B$17,14,0)+IF('Standard Profiles'!$G$22=$B$24,21,0),0)),0)</f>
        <v>0</v>
      </c>
      <c r="I4742">
        <f t="shared" si="531"/>
        <v>0</v>
      </c>
      <c r="J4742">
        <f t="shared" si="532"/>
        <v>3.1168332039005442</v>
      </c>
      <c r="K4742">
        <f t="shared" si="533"/>
        <v>0.21259234931442525</v>
      </c>
      <c r="L4742">
        <f t="shared" si="534"/>
        <v>0.10629617465721262</v>
      </c>
      <c r="M4742">
        <f t="shared" si="535"/>
        <v>0</v>
      </c>
      <c r="N4742" s="45">
        <f t="shared" si="536"/>
        <v>45123.166666655248</v>
      </c>
    </row>
    <row r="4743" spans="2:14" x14ac:dyDescent="0.25">
      <c r="B4743">
        <f t="shared" si="530"/>
        <v>7</v>
      </c>
      <c r="C4743" s="16">
        <v>4709</v>
      </c>
      <c r="D4743" cm="1">
        <f t="array" ref="D4743">IFERROR(INDEX(Jesper!AH$2:AH$366,ROUNDDOWN($C4743/24,0)+1,1)*INDEX($D$3:$AA$30,INDEX(Jesper!$R$2:$R$366,ROW(INDEX(Jesper!AH$2:AH$366,ROUNDDOWN($C4743/24,0)+1,1))-1)+IF('Standard Profiles'!$G$18=$B$10,7,0)+IF('Standard Profiles'!$G$18=$B$17,14,0)+IF('Standard Profiles'!$G$18=$B$24,21,0),MOD($C4743,24)+1)/SUM(INDEX($D$3:$AA$30,INDEX(Jesper!$R$2:$R$366,ROW(INDEX(Jesper!AH$2:AH$366,ROUNDDOWN($C4743/24,0)+1,1))-1)+IF('Standard Profiles'!$G$18=$B$10,7,0)+IF('Standard Profiles'!$G$18=$B$17,14,0)+IF('Standard Profiles'!$G$18=$B$24,21,0),0)),0)</f>
        <v>0</v>
      </c>
      <c r="E4743" cm="1">
        <f t="array" ref="E4743">IFERROR(INDEX(Jesper!AI$2:AI$366,ROUNDDOWN($C4743/24,0)+1,1)*INDEX($D$3:$AA$30,INDEX(Jesper!$R$2:$R$366,ROW(INDEX(Jesper!AI$2:AI$366,ROUNDDOWN($C4743/24,0)+1,1))-1)+IF('Standard Profiles'!$G$19=$B$10,7,0)+IF('Standard Profiles'!$G$19=$B$17,14,0)+IF('Standard Profiles'!$G$19=$B$24,21,0),MOD($C4743,24)+1)/SUM(INDEX($D$3:$AA$30,INDEX(Jesper!$R$2:$R$366,ROW(INDEX(Jesper!AI$2:AI$366,ROUNDDOWN($C4743/24,0)+1,1))-1)+IF('Standard Profiles'!$G$19=$B$10,7,0)+IF('Standard Profiles'!$G$19=$B$17,14,0)+IF('Standard Profiles'!$G$19=$B$24,21,0),0)),0)</f>
        <v>2.6574043664303155</v>
      </c>
      <c r="F4743" cm="1">
        <f t="array" ref="F4743">IFERROR(INDEX(Jesper!AJ$2:AJ$366,ROUNDDOWN($C4743/24,0)+1,1)*INDEX($D$3:$AA$30,INDEX(Jesper!$R$2:$R$366,ROW(INDEX(Jesper!AJ$2:AJ$366,ROUNDDOWN($C4743/24,0)+1,1))-1)+IF('Standard Profiles'!$G$20=$B$10,7,0)+IF('Standard Profiles'!$G$20=$B$17,14,0)+IF('Standard Profiles'!$G$20=$B$24,21,0),MOD($C4743,24)+1)/SUM(INDEX($D$3:$AA$30,INDEX(Jesper!$R$2:$R$366,ROW(INDEX(Jesper!AJ$2:AJ$366,ROUNDDOWN($C4743/24,0)+1,1))-1)+IF('Standard Profiles'!$G$20=$B$10,7,0)+IF('Standard Profiles'!$G$20=$B$17,14,0)+IF('Standard Profiles'!$G$20=$B$24,21,0),0)),0)</f>
        <v>0.69495303990416923</v>
      </c>
      <c r="G4743" cm="1">
        <f t="array" ref="G4743">IFERROR(INDEX(Jesper!AK$2:AK$366,ROUNDDOWN($C4743/24,0)+1,1)*INDEX($D$3:$AA$30,INDEX(Jesper!$R$2:$R$366,ROW(INDEX(Jesper!AK$2:AK$366,ROUNDDOWN($C4743/24,0)+1,1))-1)+IF('Standard Profiles'!$G$21=$B$10,7,0)+IF('Standard Profiles'!$G$21=$B$17,14,0)+IF('Standard Profiles'!$G$21=$B$24,21,0),MOD($C4743,24)+1)/SUM(INDEX($D$3:$AA$30,INDEX(Jesper!$R$2:$R$366,ROW(INDEX(Jesper!AK$2:AK$366,ROUNDDOWN($C4743/24,0)+1,1))-1)+IF('Standard Profiles'!$G$21=$B$10,7,0)+IF('Standard Profiles'!$G$21=$B$17,14,0)+IF('Standard Profiles'!$G$21=$B$24,21,0),0)),0)</f>
        <v>8.336432153769717E-2</v>
      </c>
      <c r="H4743" cm="1">
        <f t="array" ref="H4743">IFERROR(INDEX(Jesper!AL$2:AL$366,ROUNDDOWN($C4743/24,0)+1,1)*INDEX($D$3:$AA$30,INDEX(Jesper!$R$2:$R$366,ROW(INDEX(Jesper!AL$2:AL$366,ROUNDDOWN($C4743/24,0)+1,1))-1)+IF('Standard Profiles'!$G$22=$B$10,7,0)+IF('Standard Profiles'!$G$22=$B$17,14,0)+IF('Standard Profiles'!$G$22=$B$24,21,0),MOD($C4743,24)+1)/SUM(INDEX($D$3:$AA$30,INDEX(Jesper!$R$2:$R$366,ROW(INDEX(Jesper!AL$2:AL$366,ROUNDDOWN($C4743/24,0)+1,1))-1)+IF('Standard Profiles'!$G$22=$B$10,7,0)+IF('Standard Profiles'!$G$22=$B$17,14,0)+IF('Standard Profiles'!$G$22=$B$24,21,0),0)),0)</f>
        <v>0</v>
      </c>
      <c r="I4743">
        <f t="shared" si="531"/>
        <v>0</v>
      </c>
      <c r="J4743">
        <f t="shared" si="532"/>
        <v>3.1168332039005442</v>
      </c>
      <c r="K4743">
        <f t="shared" si="533"/>
        <v>0.21259234931442525</v>
      </c>
      <c r="L4743">
        <f t="shared" si="534"/>
        <v>0.10629617465721262</v>
      </c>
      <c r="M4743">
        <f t="shared" si="535"/>
        <v>0</v>
      </c>
      <c r="N4743" s="45">
        <f t="shared" si="536"/>
        <v>45123.208333321913</v>
      </c>
    </row>
    <row r="4744" spans="2:14" x14ac:dyDescent="0.25">
      <c r="B4744">
        <f t="shared" si="530"/>
        <v>7</v>
      </c>
      <c r="C4744" s="16">
        <v>4710</v>
      </c>
      <c r="D4744" cm="1">
        <f t="array" ref="D4744">IFERROR(INDEX(Jesper!AH$2:AH$366,ROUNDDOWN($C4744/24,0)+1,1)*INDEX($D$3:$AA$30,INDEX(Jesper!$R$2:$R$366,ROW(INDEX(Jesper!AH$2:AH$366,ROUNDDOWN($C4744/24,0)+1,1))-1)+IF('Standard Profiles'!$G$18=$B$10,7,0)+IF('Standard Profiles'!$G$18=$B$17,14,0)+IF('Standard Profiles'!$G$18=$B$24,21,0),MOD($C4744,24)+1)/SUM(INDEX($D$3:$AA$30,INDEX(Jesper!$R$2:$R$366,ROW(INDEX(Jesper!AH$2:AH$366,ROUNDDOWN($C4744/24,0)+1,1))-1)+IF('Standard Profiles'!$G$18=$B$10,7,0)+IF('Standard Profiles'!$G$18=$B$17,14,0)+IF('Standard Profiles'!$G$18=$B$24,21,0),0)),0)</f>
        <v>0</v>
      </c>
      <c r="E4744" cm="1">
        <f t="array" ref="E4744">IFERROR(INDEX(Jesper!AI$2:AI$366,ROUNDDOWN($C4744/24,0)+1,1)*INDEX($D$3:$AA$30,INDEX(Jesper!$R$2:$R$366,ROW(INDEX(Jesper!AI$2:AI$366,ROUNDDOWN($C4744/24,0)+1,1))-1)+IF('Standard Profiles'!$G$19=$B$10,7,0)+IF('Standard Profiles'!$G$19=$B$17,14,0)+IF('Standard Profiles'!$G$19=$B$24,21,0),MOD($C4744,24)+1)/SUM(INDEX($D$3:$AA$30,INDEX(Jesper!$R$2:$R$366,ROW(INDEX(Jesper!AI$2:AI$366,ROUNDDOWN($C4744/24,0)+1,1))-1)+IF('Standard Profiles'!$G$19=$B$10,7,0)+IF('Standard Profiles'!$G$19=$B$17,14,0)+IF('Standard Profiles'!$G$19=$B$24,21,0),0)),0)</f>
        <v>2.6574043664303155</v>
      </c>
      <c r="F4744" cm="1">
        <f t="array" ref="F4744">IFERROR(INDEX(Jesper!AJ$2:AJ$366,ROUNDDOWN($C4744/24,0)+1,1)*INDEX($D$3:$AA$30,INDEX(Jesper!$R$2:$R$366,ROW(INDEX(Jesper!AJ$2:AJ$366,ROUNDDOWN($C4744/24,0)+1,1))-1)+IF('Standard Profiles'!$G$20=$B$10,7,0)+IF('Standard Profiles'!$G$20=$B$17,14,0)+IF('Standard Profiles'!$G$20=$B$24,21,0),MOD($C4744,24)+1)/SUM(INDEX($D$3:$AA$30,INDEX(Jesper!$R$2:$R$366,ROW(INDEX(Jesper!AJ$2:AJ$366,ROUNDDOWN($C4744/24,0)+1,1))-1)+IF('Standard Profiles'!$G$20=$B$10,7,0)+IF('Standard Profiles'!$G$20=$B$17,14,0)+IF('Standard Profiles'!$G$20=$B$24,21,0),0)),0)</f>
        <v>0.69495303990416923</v>
      </c>
      <c r="G4744" cm="1">
        <f t="array" ref="G4744">IFERROR(INDEX(Jesper!AK$2:AK$366,ROUNDDOWN($C4744/24,0)+1,1)*INDEX($D$3:$AA$30,INDEX(Jesper!$R$2:$R$366,ROW(INDEX(Jesper!AK$2:AK$366,ROUNDDOWN($C4744/24,0)+1,1))-1)+IF('Standard Profiles'!$G$21=$B$10,7,0)+IF('Standard Profiles'!$G$21=$B$17,14,0)+IF('Standard Profiles'!$G$21=$B$24,21,0),MOD($C4744,24)+1)/SUM(INDEX($D$3:$AA$30,INDEX(Jesper!$R$2:$R$366,ROW(INDEX(Jesper!AK$2:AK$366,ROUNDDOWN($C4744/24,0)+1,1))-1)+IF('Standard Profiles'!$G$21=$B$10,7,0)+IF('Standard Profiles'!$G$21=$B$17,14,0)+IF('Standard Profiles'!$G$21=$B$24,21,0),0)),0)</f>
        <v>8.336432153769717E-2</v>
      </c>
      <c r="H4744" cm="1">
        <f t="array" ref="H4744">IFERROR(INDEX(Jesper!AL$2:AL$366,ROUNDDOWN($C4744/24,0)+1,1)*INDEX($D$3:$AA$30,INDEX(Jesper!$R$2:$R$366,ROW(INDEX(Jesper!AL$2:AL$366,ROUNDDOWN($C4744/24,0)+1,1))-1)+IF('Standard Profiles'!$G$22=$B$10,7,0)+IF('Standard Profiles'!$G$22=$B$17,14,0)+IF('Standard Profiles'!$G$22=$B$24,21,0),MOD($C4744,24)+1)/SUM(INDEX($D$3:$AA$30,INDEX(Jesper!$R$2:$R$366,ROW(INDEX(Jesper!AL$2:AL$366,ROUNDDOWN($C4744/24,0)+1,1))-1)+IF('Standard Profiles'!$G$22=$B$10,7,0)+IF('Standard Profiles'!$G$22=$B$17,14,0)+IF('Standard Profiles'!$G$22=$B$24,21,0),0)),0)</f>
        <v>0</v>
      </c>
      <c r="I4744">
        <f t="shared" si="531"/>
        <v>0</v>
      </c>
      <c r="J4744">
        <f t="shared" si="532"/>
        <v>3.1168332039005442</v>
      </c>
      <c r="K4744">
        <f t="shared" si="533"/>
        <v>0.21259234931442525</v>
      </c>
      <c r="L4744">
        <f t="shared" si="534"/>
        <v>0.10629617465721262</v>
      </c>
      <c r="M4744">
        <f t="shared" si="535"/>
        <v>0</v>
      </c>
      <c r="N4744" s="45">
        <f t="shared" si="536"/>
        <v>45123.249999988577</v>
      </c>
    </row>
    <row r="4745" spans="2:14" x14ac:dyDescent="0.25">
      <c r="B4745">
        <f t="shared" si="530"/>
        <v>7</v>
      </c>
      <c r="C4745" s="16">
        <v>4711</v>
      </c>
      <c r="D4745" cm="1">
        <f t="array" ref="D4745">IFERROR(INDEX(Jesper!AH$2:AH$366,ROUNDDOWN($C4745/24,0)+1,1)*INDEX($D$3:$AA$30,INDEX(Jesper!$R$2:$R$366,ROW(INDEX(Jesper!AH$2:AH$366,ROUNDDOWN($C4745/24,0)+1,1))-1)+IF('Standard Profiles'!$G$18=$B$10,7,0)+IF('Standard Profiles'!$G$18=$B$17,14,0)+IF('Standard Profiles'!$G$18=$B$24,21,0),MOD($C4745,24)+1)/SUM(INDEX($D$3:$AA$30,INDEX(Jesper!$R$2:$R$366,ROW(INDEX(Jesper!AH$2:AH$366,ROUNDDOWN($C4745/24,0)+1,1))-1)+IF('Standard Profiles'!$G$18=$B$10,7,0)+IF('Standard Profiles'!$G$18=$B$17,14,0)+IF('Standard Profiles'!$G$18=$B$24,21,0),0)),0)</f>
        <v>0</v>
      </c>
      <c r="E4745" cm="1">
        <f t="array" ref="E4745">IFERROR(INDEX(Jesper!AI$2:AI$366,ROUNDDOWN($C4745/24,0)+1,1)*INDEX($D$3:$AA$30,INDEX(Jesper!$R$2:$R$366,ROW(INDEX(Jesper!AI$2:AI$366,ROUNDDOWN($C4745/24,0)+1,1))-1)+IF('Standard Profiles'!$G$19=$B$10,7,0)+IF('Standard Profiles'!$G$19=$B$17,14,0)+IF('Standard Profiles'!$G$19=$B$24,21,0),MOD($C4745,24)+1)/SUM(INDEX($D$3:$AA$30,INDEX(Jesper!$R$2:$R$366,ROW(INDEX(Jesper!AI$2:AI$366,ROUNDDOWN($C4745/24,0)+1,1))-1)+IF('Standard Profiles'!$G$19=$B$10,7,0)+IF('Standard Profiles'!$G$19=$B$17,14,0)+IF('Standard Profiles'!$G$19=$B$24,21,0),0)),0)</f>
        <v>2.6574043664303155</v>
      </c>
      <c r="F4745" cm="1">
        <f t="array" ref="F4745">IFERROR(INDEX(Jesper!AJ$2:AJ$366,ROUNDDOWN($C4745/24,0)+1,1)*INDEX($D$3:$AA$30,INDEX(Jesper!$R$2:$R$366,ROW(INDEX(Jesper!AJ$2:AJ$366,ROUNDDOWN($C4745/24,0)+1,1))-1)+IF('Standard Profiles'!$G$20=$B$10,7,0)+IF('Standard Profiles'!$G$20=$B$17,14,0)+IF('Standard Profiles'!$G$20=$B$24,21,0),MOD($C4745,24)+1)/SUM(INDEX($D$3:$AA$30,INDEX(Jesper!$R$2:$R$366,ROW(INDEX(Jesper!AJ$2:AJ$366,ROUNDDOWN($C4745/24,0)+1,1))-1)+IF('Standard Profiles'!$G$20=$B$10,7,0)+IF('Standard Profiles'!$G$20=$B$17,14,0)+IF('Standard Profiles'!$G$20=$B$24,21,0),0)),0)</f>
        <v>0.69495303990416923</v>
      </c>
      <c r="G4745" cm="1">
        <f t="array" ref="G4745">IFERROR(INDEX(Jesper!AK$2:AK$366,ROUNDDOWN($C4745/24,0)+1,1)*INDEX($D$3:$AA$30,INDEX(Jesper!$R$2:$R$366,ROW(INDEX(Jesper!AK$2:AK$366,ROUNDDOWN($C4745/24,0)+1,1))-1)+IF('Standard Profiles'!$G$21=$B$10,7,0)+IF('Standard Profiles'!$G$21=$B$17,14,0)+IF('Standard Profiles'!$G$21=$B$24,21,0),MOD($C4745,24)+1)/SUM(INDEX($D$3:$AA$30,INDEX(Jesper!$R$2:$R$366,ROW(INDEX(Jesper!AK$2:AK$366,ROUNDDOWN($C4745/24,0)+1,1))-1)+IF('Standard Profiles'!$G$21=$B$10,7,0)+IF('Standard Profiles'!$G$21=$B$17,14,0)+IF('Standard Profiles'!$G$21=$B$24,21,0),0)),0)</f>
        <v>8.336432153769717E-2</v>
      </c>
      <c r="H4745" cm="1">
        <f t="array" ref="H4745">IFERROR(INDEX(Jesper!AL$2:AL$366,ROUNDDOWN($C4745/24,0)+1,1)*INDEX($D$3:$AA$30,INDEX(Jesper!$R$2:$R$366,ROW(INDEX(Jesper!AL$2:AL$366,ROUNDDOWN($C4745/24,0)+1,1))-1)+IF('Standard Profiles'!$G$22=$B$10,7,0)+IF('Standard Profiles'!$G$22=$B$17,14,0)+IF('Standard Profiles'!$G$22=$B$24,21,0),MOD($C4745,24)+1)/SUM(INDEX($D$3:$AA$30,INDEX(Jesper!$R$2:$R$366,ROW(INDEX(Jesper!AL$2:AL$366,ROUNDDOWN($C4745/24,0)+1,1))-1)+IF('Standard Profiles'!$G$22=$B$10,7,0)+IF('Standard Profiles'!$G$22=$B$17,14,0)+IF('Standard Profiles'!$G$22=$B$24,21,0),0)),0)</f>
        <v>0</v>
      </c>
      <c r="I4745">
        <f t="shared" si="531"/>
        <v>0</v>
      </c>
      <c r="J4745">
        <f t="shared" si="532"/>
        <v>3.1168332039005442</v>
      </c>
      <c r="K4745">
        <f t="shared" si="533"/>
        <v>0.21259234931442525</v>
      </c>
      <c r="L4745">
        <f t="shared" si="534"/>
        <v>0.10629617465721262</v>
      </c>
      <c r="M4745">
        <f t="shared" si="535"/>
        <v>0</v>
      </c>
      <c r="N4745" s="45">
        <f t="shared" si="536"/>
        <v>45123.291666655241</v>
      </c>
    </row>
    <row r="4746" spans="2:14" x14ac:dyDescent="0.25">
      <c r="B4746">
        <f t="shared" si="530"/>
        <v>7</v>
      </c>
      <c r="C4746" s="16">
        <v>4712</v>
      </c>
      <c r="D4746" cm="1">
        <f t="array" ref="D4746">IFERROR(INDEX(Jesper!AH$2:AH$366,ROUNDDOWN($C4746/24,0)+1,1)*INDEX($D$3:$AA$30,INDEX(Jesper!$R$2:$R$366,ROW(INDEX(Jesper!AH$2:AH$366,ROUNDDOWN($C4746/24,0)+1,1))-1)+IF('Standard Profiles'!$G$18=$B$10,7,0)+IF('Standard Profiles'!$G$18=$B$17,14,0)+IF('Standard Profiles'!$G$18=$B$24,21,0),MOD($C4746,24)+1)/SUM(INDEX($D$3:$AA$30,INDEX(Jesper!$R$2:$R$366,ROW(INDEX(Jesper!AH$2:AH$366,ROUNDDOWN($C4746/24,0)+1,1))-1)+IF('Standard Profiles'!$G$18=$B$10,7,0)+IF('Standard Profiles'!$G$18=$B$17,14,0)+IF('Standard Profiles'!$G$18=$B$24,21,0),0)),0)</f>
        <v>0</v>
      </c>
      <c r="E4746" cm="1">
        <f t="array" ref="E4746">IFERROR(INDEX(Jesper!AI$2:AI$366,ROUNDDOWN($C4746/24,0)+1,1)*INDEX($D$3:$AA$30,INDEX(Jesper!$R$2:$R$366,ROW(INDEX(Jesper!AI$2:AI$366,ROUNDDOWN($C4746/24,0)+1,1))-1)+IF('Standard Profiles'!$G$19=$B$10,7,0)+IF('Standard Profiles'!$G$19=$B$17,14,0)+IF('Standard Profiles'!$G$19=$B$24,21,0),MOD($C4746,24)+1)/SUM(INDEX($D$3:$AA$30,INDEX(Jesper!$R$2:$R$366,ROW(INDEX(Jesper!AI$2:AI$366,ROUNDDOWN($C4746/24,0)+1,1))-1)+IF('Standard Profiles'!$G$19=$B$10,7,0)+IF('Standard Profiles'!$G$19=$B$17,14,0)+IF('Standard Profiles'!$G$19=$B$24,21,0),0)),0)</f>
        <v>2.6574043664303155</v>
      </c>
      <c r="F4746" cm="1">
        <f t="array" ref="F4746">IFERROR(INDEX(Jesper!AJ$2:AJ$366,ROUNDDOWN($C4746/24,0)+1,1)*INDEX($D$3:$AA$30,INDEX(Jesper!$R$2:$R$366,ROW(INDEX(Jesper!AJ$2:AJ$366,ROUNDDOWN($C4746/24,0)+1,1))-1)+IF('Standard Profiles'!$G$20=$B$10,7,0)+IF('Standard Profiles'!$G$20=$B$17,14,0)+IF('Standard Profiles'!$G$20=$B$24,21,0),MOD($C4746,24)+1)/SUM(INDEX($D$3:$AA$30,INDEX(Jesper!$R$2:$R$366,ROW(INDEX(Jesper!AJ$2:AJ$366,ROUNDDOWN($C4746/24,0)+1,1))-1)+IF('Standard Profiles'!$G$20=$B$10,7,0)+IF('Standard Profiles'!$G$20=$B$17,14,0)+IF('Standard Profiles'!$G$20=$B$24,21,0),0)),0)</f>
        <v>0.69495303990416923</v>
      </c>
      <c r="G4746" cm="1">
        <f t="array" ref="G4746">IFERROR(INDEX(Jesper!AK$2:AK$366,ROUNDDOWN($C4746/24,0)+1,1)*INDEX($D$3:$AA$30,INDEX(Jesper!$R$2:$R$366,ROW(INDEX(Jesper!AK$2:AK$366,ROUNDDOWN($C4746/24,0)+1,1))-1)+IF('Standard Profiles'!$G$21=$B$10,7,0)+IF('Standard Profiles'!$G$21=$B$17,14,0)+IF('Standard Profiles'!$G$21=$B$24,21,0),MOD($C4746,24)+1)/SUM(INDEX($D$3:$AA$30,INDEX(Jesper!$R$2:$R$366,ROW(INDEX(Jesper!AK$2:AK$366,ROUNDDOWN($C4746/24,0)+1,1))-1)+IF('Standard Profiles'!$G$21=$B$10,7,0)+IF('Standard Profiles'!$G$21=$B$17,14,0)+IF('Standard Profiles'!$G$21=$B$24,21,0),0)),0)</f>
        <v>8.336432153769717E-2</v>
      </c>
      <c r="H4746" cm="1">
        <f t="array" ref="H4746">IFERROR(INDEX(Jesper!AL$2:AL$366,ROUNDDOWN($C4746/24,0)+1,1)*INDEX($D$3:$AA$30,INDEX(Jesper!$R$2:$R$366,ROW(INDEX(Jesper!AL$2:AL$366,ROUNDDOWN($C4746/24,0)+1,1))-1)+IF('Standard Profiles'!$G$22=$B$10,7,0)+IF('Standard Profiles'!$G$22=$B$17,14,0)+IF('Standard Profiles'!$G$22=$B$24,21,0),MOD($C4746,24)+1)/SUM(INDEX($D$3:$AA$30,INDEX(Jesper!$R$2:$R$366,ROW(INDEX(Jesper!AL$2:AL$366,ROUNDDOWN($C4746/24,0)+1,1))-1)+IF('Standard Profiles'!$G$22=$B$10,7,0)+IF('Standard Profiles'!$G$22=$B$17,14,0)+IF('Standard Profiles'!$G$22=$B$24,21,0),0)),0)</f>
        <v>0</v>
      </c>
      <c r="I4746">
        <f t="shared" si="531"/>
        <v>0</v>
      </c>
      <c r="J4746">
        <f t="shared" si="532"/>
        <v>3.1168332039005442</v>
      </c>
      <c r="K4746">
        <f t="shared" si="533"/>
        <v>0.21259234931442525</v>
      </c>
      <c r="L4746">
        <f t="shared" si="534"/>
        <v>0.10629617465721262</v>
      </c>
      <c r="M4746">
        <f t="shared" si="535"/>
        <v>0</v>
      </c>
      <c r="N4746" s="45">
        <f t="shared" si="536"/>
        <v>45123.333333321905</v>
      </c>
    </row>
    <row r="4747" spans="2:14" x14ac:dyDescent="0.25">
      <c r="B4747">
        <f t="shared" si="530"/>
        <v>7</v>
      </c>
      <c r="C4747" s="16">
        <v>4713</v>
      </c>
      <c r="D4747" cm="1">
        <f t="array" ref="D4747">IFERROR(INDEX(Jesper!AH$2:AH$366,ROUNDDOWN($C4747/24,0)+1,1)*INDEX($D$3:$AA$30,INDEX(Jesper!$R$2:$R$366,ROW(INDEX(Jesper!AH$2:AH$366,ROUNDDOWN($C4747/24,0)+1,1))-1)+IF('Standard Profiles'!$G$18=$B$10,7,0)+IF('Standard Profiles'!$G$18=$B$17,14,0)+IF('Standard Profiles'!$G$18=$B$24,21,0),MOD($C4747,24)+1)/SUM(INDEX($D$3:$AA$30,INDEX(Jesper!$R$2:$R$366,ROW(INDEX(Jesper!AH$2:AH$366,ROUNDDOWN($C4747/24,0)+1,1))-1)+IF('Standard Profiles'!$G$18=$B$10,7,0)+IF('Standard Profiles'!$G$18=$B$17,14,0)+IF('Standard Profiles'!$G$18=$B$24,21,0),0)),0)</f>
        <v>0</v>
      </c>
      <c r="E4747" cm="1">
        <f t="array" ref="E4747">IFERROR(INDEX(Jesper!AI$2:AI$366,ROUNDDOWN($C4747/24,0)+1,1)*INDEX($D$3:$AA$30,INDEX(Jesper!$R$2:$R$366,ROW(INDEX(Jesper!AI$2:AI$366,ROUNDDOWN($C4747/24,0)+1,1))-1)+IF('Standard Profiles'!$G$19=$B$10,7,0)+IF('Standard Profiles'!$G$19=$B$17,14,0)+IF('Standard Profiles'!$G$19=$B$24,21,0),MOD($C4747,24)+1)/SUM(INDEX($D$3:$AA$30,INDEX(Jesper!$R$2:$R$366,ROW(INDEX(Jesper!AI$2:AI$366,ROUNDDOWN($C4747/24,0)+1,1))-1)+IF('Standard Profiles'!$G$19=$B$10,7,0)+IF('Standard Profiles'!$G$19=$B$17,14,0)+IF('Standard Profiles'!$G$19=$B$24,21,0),0)),0)</f>
        <v>2.6574043664303155</v>
      </c>
      <c r="F4747" cm="1">
        <f t="array" ref="F4747">IFERROR(INDEX(Jesper!AJ$2:AJ$366,ROUNDDOWN($C4747/24,0)+1,1)*INDEX($D$3:$AA$30,INDEX(Jesper!$R$2:$R$366,ROW(INDEX(Jesper!AJ$2:AJ$366,ROUNDDOWN($C4747/24,0)+1,1))-1)+IF('Standard Profiles'!$G$20=$B$10,7,0)+IF('Standard Profiles'!$G$20=$B$17,14,0)+IF('Standard Profiles'!$G$20=$B$24,21,0),MOD($C4747,24)+1)/SUM(INDEX($D$3:$AA$30,INDEX(Jesper!$R$2:$R$366,ROW(INDEX(Jesper!AJ$2:AJ$366,ROUNDDOWN($C4747/24,0)+1,1))-1)+IF('Standard Profiles'!$G$20=$B$10,7,0)+IF('Standard Profiles'!$G$20=$B$17,14,0)+IF('Standard Profiles'!$G$20=$B$24,21,0),0)),0)</f>
        <v>0.69495303990416923</v>
      </c>
      <c r="G4747" cm="1">
        <f t="array" ref="G4747">IFERROR(INDEX(Jesper!AK$2:AK$366,ROUNDDOWN($C4747/24,0)+1,1)*INDEX($D$3:$AA$30,INDEX(Jesper!$R$2:$R$366,ROW(INDEX(Jesper!AK$2:AK$366,ROUNDDOWN($C4747/24,0)+1,1))-1)+IF('Standard Profiles'!$G$21=$B$10,7,0)+IF('Standard Profiles'!$G$21=$B$17,14,0)+IF('Standard Profiles'!$G$21=$B$24,21,0),MOD($C4747,24)+1)/SUM(INDEX($D$3:$AA$30,INDEX(Jesper!$R$2:$R$366,ROW(INDEX(Jesper!AK$2:AK$366,ROUNDDOWN($C4747/24,0)+1,1))-1)+IF('Standard Profiles'!$G$21=$B$10,7,0)+IF('Standard Profiles'!$G$21=$B$17,14,0)+IF('Standard Profiles'!$G$21=$B$24,21,0),0)),0)</f>
        <v>8.336432153769717E-2</v>
      </c>
      <c r="H4747" cm="1">
        <f t="array" ref="H4747">IFERROR(INDEX(Jesper!AL$2:AL$366,ROUNDDOWN($C4747/24,0)+1,1)*INDEX($D$3:$AA$30,INDEX(Jesper!$R$2:$R$366,ROW(INDEX(Jesper!AL$2:AL$366,ROUNDDOWN($C4747/24,0)+1,1))-1)+IF('Standard Profiles'!$G$22=$B$10,7,0)+IF('Standard Profiles'!$G$22=$B$17,14,0)+IF('Standard Profiles'!$G$22=$B$24,21,0),MOD($C4747,24)+1)/SUM(INDEX($D$3:$AA$30,INDEX(Jesper!$R$2:$R$366,ROW(INDEX(Jesper!AL$2:AL$366,ROUNDDOWN($C4747/24,0)+1,1))-1)+IF('Standard Profiles'!$G$22=$B$10,7,0)+IF('Standard Profiles'!$G$22=$B$17,14,0)+IF('Standard Profiles'!$G$22=$B$24,21,0),0)),0)</f>
        <v>0</v>
      </c>
      <c r="I4747">
        <f t="shared" si="531"/>
        <v>0</v>
      </c>
      <c r="J4747">
        <f t="shared" si="532"/>
        <v>3.1168332039005442</v>
      </c>
      <c r="K4747">
        <f t="shared" si="533"/>
        <v>0.21259234931442525</v>
      </c>
      <c r="L4747">
        <f t="shared" si="534"/>
        <v>0.10629617465721262</v>
      </c>
      <c r="M4747">
        <f t="shared" si="535"/>
        <v>0</v>
      </c>
      <c r="N4747" s="45">
        <f t="shared" si="536"/>
        <v>45123.374999988569</v>
      </c>
    </row>
    <row r="4748" spans="2:14" x14ac:dyDescent="0.25">
      <c r="B4748">
        <f t="shared" si="530"/>
        <v>7</v>
      </c>
      <c r="C4748" s="16">
        <v>4714</v>
      </c>
      <c r="D4748" cm="1">
        <f t="array" ref="D4748">IFERROR(INDEX(Jesper!AH$2:AH$366,ROUNDDOWN($C4748/24,0)+1,1)*INDEX($D$3:$AA$30,INDEX(Jesper!$R$2:$R$366,ROW(INDEX(Jesper!AH$2:AH$366,ROUNDDOWN($C4748/24,0)+1,1))-1)+IF('Standard Profiles'!$G$18=$B$10,7,0)+IF('Standard Profiles'!$G$18=$B$17,14,0)+IF('Standard Profiles'!$G$18=$B$24,21,0),MOD($C4748,24)+1)/SUM(INDEX($D$3:$AA$30,INDEX(Jesper!$R$2:$R$366,ROW(INDEX(Jesper!AH$2:AH$366,ROUNDDOWN($C4748/24,0)+1,1))-1)+IF('Standard Profiles'!$G$18=$B$10,7,0)+IF('Standard Profiles'!$G$18=$B$17,14,0)+IF('Standard Profiles'!$G$18=$B$24,21,0),0)),0)</f>
        <v>0</v>
      </c>
      <c r="E4748" cm="1">
        <f t="array" ref="E4748">IFERROR(INDEX(Jesper!AI$2:AI$366,ROUNDDOWN($C4748/24,0)+1,1)*INDEX($D$3:$AA$30,INDEX(Jesper!$R$2:$R$366,ROW(INDEX(Jesper!AI$2:AI$366,ROUNDDOWN($C4748/24,0)+1,1))-1)+IF('Standard Profiles'!$G$19=$B$10,7,0)+IF('Standard Profiles'!$G$19=$B$17,14,0)+IF('Standard Profiles'!$G$19=$B$24,21,0),MOD($C4748,24)+1)/SUM(INDEX($D$3:$AA$30,INDEX(Jesper!$R$2:$R$366,ROW(INDEX(Jesper!AI$2:AI$366,ROUNDDOWN($C4748/24,0)+1,1))-1)+IF('Standard Profiles'!$G$19=$B$10,7,0)+IF('Standard Profiles'!$G$19=$B$17,14,0)+IF('Standard Profiles'!$G$19=$B$24,21,0),0)),0)</f>
        <v>2.6574043664303155</v>
      </c>
      <c r="F4748" cm="1">
        <f t="array" ref="F4748">IFERROR(INDEX(Jesper!AJ$2:AJ$366,ROUNDDOWN($C4748/24,0)+1,1)*INDEX($D$3:$AA$30,INDEX(Jesper!$R$2:$R$366,ROW(INDEX(Jesper!AJ$2:AJ$366,ROUNDDOWN($C4748/24,0)+1,1))-1)+IF('Standard Profiles'!$G$20=$B$10,7,0)+IF('Standard Profiles'!$G$20=$B$17,14,0)+IF('Standard Profiles'!$G$20=$B$24,21,0),MOD($C4748,24)+1)/SUM(INDEX($D$3:$AA$30,INDEX(Jesper!$R$2:$R$366,ROW(INDEX(Jesper!AJ$2:AJ$366,ROUNDDOWN($C4748/24,0)+1,1))-1)+IF('Standard Profiles'!$G$20=$B$10,7,0)+IF('Standard Profiles'!$G$20=$B$17,14,0)+IF('Standard Profiles'!$G$20=$B$24,21,0),0)),0)</f>
        <v>0.69495303990416923</v>
      </c>
      <c r="G4748" cm="1">
        <f t="array" ref="G4748">IFERROR(INDEX(Jesper!AK$2:AK$366,ROUNDDOWN($C4748/24,0)+1,1)*INDEX($D$3:$AA$30,INDEX(Jesper!$R$2:$R$366,ROW(INDEX(Jesper!AK$2:AK$366,ROUNDDOWN($C4748/24,0)+1,1))-1)+IF('Standard Profiles'!$G$21=$B$10,7,0)+IF('Standard Profiles'!$G$21=$B$17,14,0)+IF('Standard Profiles'!$G$21=$B$24,21,0),MOD($C4748,24)+1)/SUM(INDEX($D$3:$AA$30,INDEX(Jesper!$R$2:$R$366,ROW(INDEX(Jesper!AK$2:AK$366,ROUNDDOWN($C4748/24,0)+1,1))-1)+IF('Standard Profiles'!$G$21=$B$10,7,0)+IF('Standard Profiles'!$G$21=$B$17,14,0)+IF('Standard Profiles'!$G$21=$B$24,21,0),0)),0)</f>
        <v>8.336432153769717E-2</v>
      </c>
      <c r="H4748" cm="1">
        <f t="array" ref="H4748">IFERROR(INDEX(Jesper!AL$2:AL$366,ROUNDDOWN($C4748/24,0)+1,1)*INDEX($D$3:$AA$30,INDEX(Jesper!$R$2:$R$366,ROW(INDEX(Jesper!AL$2:AL$366,ROUNDDOWN($C4748/24,0)+1,1))-1)+IF('Standard Profiles'!$G$22=$B$10,7,0)+IF('Standard Profiles'!$G$22=$B$17,14,0)+IF('Standard Profiles'!$G$22=$B$24,21,0),MOD($C4748,24)+1)/SUM(INDEX($D$3:$AA$30,INDEX(Jesper!$R$2:$R$366,ROW(INDEX(Jesper!AL$2:AL$366,ROUNDDOWN($C4748/24,0)+1,1))-1)+IF('Standard Profiles'!$G$22=$B$10,7,0)+IF('Standard Profiles'!$G$22=$B$17,14,0)+IF('Standard Profiles'!$G$22=$B$24,21,0),0)),0)</f>
        <v>0</v>
      </c>
      <c r="I4748">
        <f t="shared" si="531"/>
        <v>0</v>
      </c>
      <c r="J4748">
        <f t="shared" si="532"/>
        <v>3.1168332039005442</v>
      </c>
      <c r="K4748">
        <f t="shared" si="533"/>
        <v>0.21259234931442525</v>
      </c>
      <c r="L4748">
        <f t="shared" si="534"/>
        <v>0.10629617465721262</v>
      </c>
      <c r="M4748">
        <f t="shared" si="535"/>
        <v>0</v>
      </c>
      <c r="N4748" s="45">
        <f t="shared" si="536"/>
        <v>45123.416666655234</v>
      </c>
    </row>
    <row r="4749" spans="2:14" x14ac:dyDescent="0.25">
      <c r="B4749">
        <f t="shared" si="530"/>
        <v>7</v>
      </c>
      <c r="C4749" s="16">
        <v>4715</v>
      </c>
      <c r="D4749" cm="1">
        <f t="array" ref="D4749">IFERROR(INDEX(Jesper!AH$2:AH$366,ROUNDDOWN($C4749/24,0)+1,1)*INDEX($D$3:$AA$30,INDEX(Jesper!$R$2:$R$366,ROW(INDEX(Jesper!AH$2:AH$366,ROUNDDOWN($C4749/24,0)+1,1))-1)+IF('Standard Profiles'!$G$18=$B$10,7,0)+IF('Standard Profiles'!$G$18=$B$17,14,0)+IF('Standard Profiles'!$G$18=$B$24,21,0),MOD($C4749,24)+1)/SUM(INDEX($D$3:$AA$30,INDEX(Jesper!$R$2:$R$366,ROW(INDEX(Jesper!AH$2:AH$366,ROUNDDOWN($C4749/24,0)+1,1))-1)+IF('Standard Profiles'!$G$18=$B$10,7,0)+IF('Standard Profiles'!$G$18=$B$17,14,0)+IF('Standard Profiles'!$G$18=$B$24,21,0),0)),0)</f>
        <v>0</v>
      </c>
      <c r="E4749" cm="1">
        <f t="array" ref="E4749">IFERROR(INDEX(Jesper!AI$2:AI$366,ROUNDDOWN($C4749/24,0)+1,1)*INDEX($D$3:$AA$30,INDEX(Jesper!$R$2:$R$366,ROW(INDEX(Jesper!AI$2:AI$366,ROUNDDOWN($C4749/24,0)+1,1))-1)+IF('Standard Profiles'!$G$19=$B$10,7,0)+IF('Standard Profiles'!$G$19=$B$17,14,0)+IF('Standard Profiles'!$G$19=$B$24,21,0),MOD($C4749,24)+1)/SUM(INDEX($D$3:$AA$30,INDEX(Jesper!$R$2:$R$366,ROW(INDEX(Jesper!AI$2:AI$366,ROUNDDOWN($C4749/24,0)+1,1))-1)+IF('Standard Profiles'!$G$19=$B$10,7,0)+IF('Standard Profiles'!$G$19=$B$17,14,0)+IF('Standard Profiles'!$G$19=$B$24,21,0),0)),0)</f>
        <v>2.6574043664303155</v>
      </c>
      <c r="F4749" cm="1">
        <f t="array" ref="F4749">IFERROR(INDEX(Jesper!AJ$2:AJ$366,ROUNDDOWN($C4749/24,0)+1,1)*INDEX($D$3:$AA$30,INDEX(Jesper!$R$2:$R$366,ROW(INDEX(Jesper!AJ$2:AJ$366,ROUNDDOWN($C4749/24,0)+1,1))-1)+IF('Standard Profiles'!$G$20=$B$10,7,0)+IF('Standard Profiles'!$G$20=$B$17,14,0)+IF('Standard Profiles'!$G$20=$B$24,21,0),MOD($C4749,24)+1)/SUM(INDEX($D$3:$AA$30,INDEX(Jesper!$R$2:$R$366,ROW(INDEX(Jesper!AJ$2:AJ$366,ROUNDDOWN($C4749/24,0)+1,1))-1)+IF('Standard Profiles'!$G$20=$B$10,7,0)+IF('Standard Profiles'!$G$20=$B$17,14,0)+IF('Standard Profiles'!$G$20=$B$24,21,0),0)),0)</f>
        <v>0.69495303990416923</v>
      </c>
      <c r="G4749" cm="1">
        <f t="array" ref="G4749">IFERROR(INDEX(Jesper!AK$2:AK$366,ROUNDDOWN($C4749/24,0)+1,1)*INDEX($D$3:$AA$30,INDEX(Jesper!$R$2:$R$366,ROW(INDEX(Jesper!AK$2:AK$366,ROUNDDOWN($C4749/24,0)+1,1))-1)+IF('Standard Profiles'!$G$21=$B$10,7,0)+IF('Standard Profiles'!$G$21=$B$17,14,0)+IF('Standard Profiles'!$G$21=$B$24,21,0),MOD($C4749,24)+1)/SUM(INDEX($D$3:$AA$30,INDEX(Jesper!$R$2:$R$366,ROW(INDEX(Jesper!AK$2:AK$366,ROUNDDOWN($C4749/24,0)+1,1))-1)+IF('Standard Profiles'!$G$21=$B$10,7,0)+IF('Standard Profiles'!$G$21=$B$17,14,0)+IF('Standard Profiles'!$G$21=$B$24,21,0),0)),0)</f>
        <v>8.336432153769717E-2</v>
      </c>
      <c r="H4749" cm="1">
        <f t="array" ref="H4749">IFERROR(INDEX(Jesper!AL$2:AL$366,ROUNDDOWN($C4749/24,0)+1,1)*INDEX($D$3:$AA$30,INDEX(Jesper!$R$2:$R$366,ROW(INDEX(Jesper!AL$2:AL$366,ROUNDDOWN($C4749/24,0)+1,1))-1)+IF('Standard Profiles'!$G$22=$B$10,7,0)+IF('Standard Profiles'!$G$22=$B$17,14,0)+IF('Standard Profiles'!$G$22=$B$24,21,0),MOD($C4749,24)+1)/SUM(INDEX($D$3:$AA$30,INDEX(Jesper!$R$2:$R$366,ROW(INDEX(Jesper!AL$2:AL$366,ROUNDDOWN($C4749/24,0)+1,1))-1)+IF('Standard Profiles'!$G$22=$B$10,7,0)+IF('Standard Profiles'!$G$22=$B$17,14,0)+IF('Standard Profiles'!$G$22=$B$24,21,0),0)),0)</f>
        <v>0</v>
      </c>
      <c r="I4749">
        <f t="shared" si="531"/>
        <v>0</v>
      </c>
      <c r="J4749">
        <f t="shared" si="532"/>
        <v>3.1168332039005442</v>
      </c>
      <c r="K4749">
        <f t="shared" si="533"/>
        <v>0.21259234931442525</v>
      </c>
      <c r="L4749">
        <f t="shared" si="534"/>
        <v>0.10629617465721262</v>
      </c>
      <c r="M4749">
        <f t="shared" si="535"/>
        <v>0</v>
      </c>
      <c r="N4749" s="45">
        <f t="shared" si="536"/>
        <v>45123.458333321898</v>
      </c>
    </row>
    <row r="4750" spans="2:14" x14ac:dyDescent="0.25">
      <c r="B4750">
        <f t="shared" si="530"/>
        <v>7</v>
      </c>
      <c r="C4750" s="16">
        <v>4716</v>
      </c>
      <c r="D4750" cm="1">
        <f t="array" ref="D4750">IFERROR(INDEX(Jesper!AH$2:AH$366,ROUNDDOWN($C4750/24,0)+1,1)*INDEX($D$3:$AA$30,INDEX(Jesper!$R$2:$R$366,ROW(INDEX(Jesper!AH$2:AH$366,ROUNDDOWN($C4750/24,0)+1,1))-1)+IF('Standard Profiles'!$G$18=$B$10,7,0)+IF('Standard Profiles'!$G$18=$B$17,14,0)+IF('Standard Profiles'!$G$18=$B$24,21,0),MOD($C4750,24)+1)/SUM(INDEX($D$3:$AA$30,INDEX(Jesper!$R$2:$R$366,ROW(INDEX(Jesper!AH$2:AH$366,ROUNDDOWN($C4750/24,0)+1,1))-1)+IF('Standard Profiles'!$G$18=$B$10,7,0)+IF('Standard Profiles'!$G$18=$B$17,14,0)+IF('Standard Profiles'!$G$18=$B$24,21,0),0)),0)</f>
        <v>0</v>
      </c>
      <c r="E4750" cm="1">
        <f t="array" ref="E4750">IFERROR(INDEX(Jesper!AI$2:AI$366,ROUNDDOWN($C4750/24,0)+1,1)*INDEX($D$3:$AA$30,INDEX(Jesper!$R$2:$R$366,ROW(INDEX(Jesper!AI$2:AI$366,ROUNDDOWN($C4750/24,0)+1,1))-1)+IF('Standard Profiles'!$G$19=$B$10,7,0)+IF('Standard Profiles'!$G$19=$B$17,14,0)+IF('Standard Profiles'!$G$19=$B$24,21,0),MOD($C4750,24)+1)/SUM(INDEX($D$3:$AA$30,INDEX(Jesper!$R$2:$R$366,ROW(INDEX(Jesper!AI$2:AI$366,ROUNDDOWN($C4750/24,0)+1,1))-1)+IF('Standard Profiles'!$G$19=$B$10,7,0)+IF('Standard Profiles'!$G$19=$B$17,14,0)+IF('Standard Profiles'!$G$19=$B$24,21,0),0)),0)</f>
        <v>2.6574043664303155</v>
      </c>
      <c r="F4750" cm="1">
        <f t="array" ref="F4750">IFERROR(INDEX(Jesper!AJ$2:AJ$366,ROUNDDOWN($C4750/24,0)+1,1)*INDEX($D$3:$AA$30,INDEX(Jesper!$R$2:$R$366,ROW(INDEX(Jesper!AJ$2:AJ$366,ROUNDDOWN($C4750/24,0)+1,1))-1)+IF('Standard Profiles'!$G$20=$B$10,7,0)+IF('Standard Profiles'!$G$20=$B$17,14,0)+IF('Standard Profiles'!$G$20=$B$24,21,0),MOD($C4750,24)+1)/SUM(INDEX($D$3:$AA$30,INDEX(Jesper!$R$2:$R$366,ROW(INDEX(Jesper!AJ$2:AJ$366,ROUNDDOWN($C4750/24,0)+1,1))-1)+IF('Standard Profiles'!$G$20=$B$10,7,0)+IF('Standard Profiles'!$G$20=$B$17,14,0)+IF('Standard Profiles'!$G$20=$B$24,21,0),0)),0)</f>
        <v>0.69495303990416923</v>
      </c>
      <c r="G4750" cm="1">
        <f t="array" ref="G4750">IFERROR(INDEX(Jesper!AK$2:AK$366,ROUNDDOWN($C4750/24,0)+1,1)*INDEX($D$3:$AA$30,INDEX(Jesper!$R$2:$R$366,ROW(INDEX(Jesper!AK$2:AK$366,ROUNDDOWN($C4750/24,0)+1,1))-1)+IF('Standard Profiles'!$G$21=$B$10,7,0)+IF('Standard Profiles'!$G$21=$B$17,14,0)+IF('Standard Profiles'!$G$21=$B$24,21,0),MOD($C4750,24)+1)/SUM(INDEX($D$3:$AA$30,INDEX(Jesper!$R$2:$R$366,ROW(INDEX(Jesper!AK$2:AK$366,ROUNDDOWN($C4750/24,0)+1,1))-1)+IF('Standard Profiles'!$G$21=$B$10,7,0)+IF('Standard Profiles'!$G$21=$B$17,14,0)+IF('Standard Profiles'!$G$21=$B$24,21,0),0)),0)</f>
        <v>8.336432153769717E-2</v>
      </c>
      <c r="H4750" cm="1">
        <f t="array" ref="H4750">IFERROR(INDEX(Jesper!AL$2:AL$366,ROUNDDOWN($C4750/24,0)+1,1)*INDEX($D$3:$AA$30,INDEX(Jesper!$R$2:$R$366,ROW(INDEX(Jesper!AL$2:AL$366,ROUNDDOWN($C4750/24,0)+1,1))-1)+IF('Standard Profiles'!$G$22=$B$10,7,0)+IF('Standard Profiles'!$G$22=$B$17,14,0)+IF('Standard Profiles'!$G$22=$B$24,21,0),MOD($C4750,24)+1)/SUM(INDEX($D$3:$AA$30,INDEX(Jesper!$R$2:$R$366,ROW(INDEX(Jesper!AL$2:AL$366,ROUNDDOWN($C4750/24,0)+1,1))-1)+IF('Standard Profiles'!$G$22=$B$10,7,0)+IF('Standard Profiles'!$G$22=$B$17,14,0)+IF('Standard Profiles'!$G$22=$B$24,21,0),0)),0)</f>
        <v>0</v>
      </c>
      <c r="I4750">
        <f t="shared" si="531"/>
        <v>0</v>
      </c>
      <c r="J4750">
        <f t="shared" si="532"/>
        <v>3.1168332039005442</v>
      </c>
      <c r="K4750">
        <f t="shared" si="533"/>
        <v>0.21259234931442525</v>
      </c>
      <c r="L4750">
        <f t="shared" si="534"/>
        <v>0.10629617465721262</v>
      </c>
      <c r="M4750">
        <f t="shared" si="535"/>
        <v>0</v>
      </c>
      <c r="N4750" s="45">
        <f t="shared" si="536"/>
        <v>45123.499999988562</v>
      </c>
    </row>
    <row r="4751" spans="2:14" x14ac:dyDescent="0.25">
      <c r="B4751">
        <f t="shared" si="530"/>
        <v>7</v>
      </c>
      <c r="C4751" s="16">
        <v>4717</v>
      </c>
      <c r="D4751" cm="1">
        <f t="array" ref="D4751">IFERROR(INDEX(Jesper!AH$2:AH$366,ROUNDDOWN($C4751/24,0)+1,1)*INDEX($D$3:$AA$30,INDEX(Jesper!$R$2:$R$366,ROW(INDEX(Jesper!AH$2:AH$366,ROUNDDOWN($C4751/24,0)+1,1))-1)+IF('Standard Profiles'!$G$18=$B$10,7,0)+IF('Standard Profiles'!$G$18=$B$17,14,0)+IF('Standard Profiles'!$G$18=$B$24,21,0),MOD($C4751,24)+1)/SUM(INDEX($D$3:$AA$30,INDEX(Jesper!$R$2:$R$366,ROW(INDEX(Jesper!AH$2:AH$366,ROUNDDOWN($C4751/24,0)+1,1))-1)+IF('Standard Profiles'!$G$18=$B$10,7,0)+IF('Standard Profiles'!$G$18=$B$17,14,0)+IF('Standard Profiles'!$G$18=$B$24,21,0),0)),0)</f>
        <v>0</v>
      </c>
      <c r="E4751" cm="1">
        <f t="array" ref="E4751">IFERROR(INDEX(Jesper!AI$2:AI$366,ROUNDDOWN($C4751/24,0)+1,1)*INDEX($D$3:$AA$30,INDEX(Jesper!$R$2:$R$366,ROW(INDEX(Jesper!AI$2:AI$366,ROUNDDOWN($C4751/24,0)+1,1))-1)+IF('Standard Profiles'!$G$19=$B$10,7,0)+IF('Standard Profiles'!$G$19=$B$17,14,0)+IF('Standard Profiles'!$G$19=$B$24,21,0),MOD($C4751,24)+1)/SUM(INDEX($D$3:$AA$30,INDEX(Jesper!$R$2:$R$366,ROW(INDEX(Jesper!AI$2:AI$366,ROUNDDOWN($C4751/24,0)+1,1))-1)+IF('Standard Profiles'!$G$19=$B$10,7,0)+IF('Standard Profiles'!$G$19=$B$17,14,0)+IF('Standard Profiles'!$G$19=$B$24,21,0),0)),0)</f>
        <v>2.6574043664303155</v>
      </c>
      <c r="F4751" cm="1">
        <f t="array" ref="F4751">IFERROR(INDEX(Jesper!AJ$2:AJ$366,ROUNDDOWN($C4751/24,0)+1,1)*INDEX($D$3:$AA$30,INDEX(Jesper!$R$2:$R$366,ROW(INDEX(Jesper!AJ$2:AJ$366,ROUNDDOWN($C4751/24,0)+1,1))-1)+IF('Standard Profiles'!$G$20=$B$10,7,0)+IF('Standard Profiles'!$G$20=$B$17,14,0)+IF('Standard Profiles'!$G$20=$B$24,21,0),MOD($C4751,24)+1)/SUM(INDEX($D$3:$AA$30,INDEX(Jesper!$R$2:$R$366,ROW(INDEX(Jesper!AJ$2:AJ$366,ROUNDDOWN($C4751/24,0)+1,1))-1)+IF('Standard Profiles'!$G$20=$B$10,7,0)+IF('Standard Profiles'!$G$20=$B$17,14,0)+IF('Standard Profiles'!$G$20=$B$24,21,0),0)),0)</f>
        <v>0.69495303990416923</v>
      </c>
      <c r="G4751" cm="1">
        <f t="array" ref="G4751">IFERROR(INDEX(Jesper!AK$2:AK$366,ROUNDDOWN($C4751/24,0)+1,1)*INDEX($D$3:$AA$30,INDEX(Jesper!$R$2:$R$366,ROW(INDEX(Jesper!AK$2:AK$366,ROUNDDOWN($C4751/24,0)+1,1))-1)+IF('Standard Profiles'!$G$21=$B$10,7,0)+IF('Standard Profiles'!$G$21=$B$17,14,0)+IF('Standard Profiles'!$G$21=$B$24,21,0),MOD($C4751,24)+1)/SUM(INDEX($D$3:$AA$30,INDEX(Jesper!$R$2:$R$366,ROW(INDEX(Jesper!AK$2:AK$366,ROUNDDOWN($C4751/24,0)+1,1))-1)+IF('Standard Profiles'!$G$21=$B$10,7,0)+IF('Standard Profiles'!$G$21=$B$17,14,0)+IF('Standard Profiles'!$G$21=$B$24,21,0),0)),0)</f>
        <v>8.336432153769717E-2</v>
      </c>
      <c r="H4751" cm="1">
        <f t="array" ref="H4751">IFERROR(INDEX(Jesper!AL$2:AL$366,ROUNDDOWN($C4751/24,0)+1,1)*INDEX($D$3:$AA$30,INDEX(Jesper!$R$2:$R$366,ROW(INDEX(Jesper!AL$2:AL$366,ROUNDDOWN($C4751/24,0)+1,1))-1)+IF('Standard Profiles'!$G$22=$B$10,7,0)+IF('Standard Profiles'!$G$22=$B$17,14,0)+IF('Standard Profiles'!$G$22=$B$24,21,0),MOD($C4751,24)+1)/SUM(INDEX($D$3:$AA$30,INDEX(Jesper!$R$2:$R$366,ROW(INDEX(Jesper!AL$2:AL$366,ROUNDDOWN($C4751/24,0)+1,1))-1)+IF('Standard Profiles'!$G$22=$B$10,7,0)+IF('Standard Profiles'!$G$22=$B$17,14,0)+IF('Standard Profiles'!$G$22=$B$24,21,0),0)),0)</f>
        <v>0</v>
      </c>
      <c r="I4751">
        <f t="shared" si="531"/>
        <v>0</v>
      </c>
      <c r="J4751">
        <f t="shared" si="532"/>
        <v>3.1168332039005442</v>
      </c>
      <c r="K4751">
        <f t="shared" si="533"/>
        <v>0.21259234931442525</v>
      </c>
      <c r="L4751">
        <f t="shared" si="534"/>
        <v>0.10629617465721262</v>
      </c>
      <c r="M4751">
        <f t="shared" si="535"/>
        <v>0</v>
      </c>
      <c r="N4751" s="45">
        <f t="shared" si="536"/>
        <v>45123.541666655226</v>
      </c>
    </row>
    <row r="4752" spans="2:14" x14ac:dyDescent="0.25">
      <c r="B4752">
        <f t="shared" si="530"/>
        <v>7</v>
      </c>
      <c r="C4752" s="16">
        <v>4718</v>
      </c>
      <c r="D4752" cm="1">
        <f t="array" ref="D4752">IFERROR(INDEX(Jesper!AH$2:AH$366,ROUNDDOWN($C4752/24,0)+1,1)*INDEX($D$3:$AA$30,INDEX(Jesper!$R$2:$R$366,ROW(INDEX(Jesper!AH$2:AH$366,ROUNDDOWN($C4752/24,0)+1,1))-1)+IF('Standard Profiles'!$G$18=$B$10,7,0)+IF('Standard Profiles'!$G$18=$B$17,14,0)+IF('Standard Profiles'!$G$18=$B$24,21,0),MOD($C4752,24)+1)/SUM(INDEX($D$3:$AA$30,INDEX(Jesper!$R$2:$R$366,ROW(INDEX(Jesper!AH$2:AH$366,ROUNDDOWN($C4752/24,0)+1,1))-1)+IF('Standard Profiles'!$G$18=$B$10,7,0)+IF('Standard Profiles'!$G$18=$B$17,14,0)+IF('Standard Profiles'!$G$18=$B$24,21,0),0)),0)</f>
        <v>0</v>
      </c>
      <c r="E4752" cm="1">
        <f t="array" ref="E4752">IFERROR(INDEX(Jesper!AI$2:AI$366,ROUNDDOWN($C4752/24,0)+1,1)*INDEX($D$3:$AA$30,INDEX(Jesper!$R$2:$R$366,ROW(INDEX(Jesper!AI$2:AI$366,ROUNDDOWN($C4752/24,0)+1,1))-1)+IF('Standard Profiles'!$G$19=$B$10,7,0)+IF('Standard Profiles'!$G$19=$B$17,14,0)+IF('Standard Profiles'!$G$19=$B$24,21,0),MOD($C4752,24)+1)/SUM(INDEX($D$3:$AA$30,INDEX(Jesper!$R$2:$R$366,ROW(INDEX(Jesper!AI$2:AI$366,ROUNDDOWN($C4752/24,0)+1,1))-1)+IF('Standard Profiles'!$G$19=$B$10,7,0)+IF('Standard Profiles'!$G$19=$B$17,14,0)+IF('Standard Profiles'!$G$19=$B$24,21,0),0)),0)</f>
        <v>2.6574043664303155</v>
      </c>
      <c r="F4752" cm="1">
        <f t="array" ref="F4752">IFERROR(INDEX(Jesper!AJ$2:AJ$366,ROUNDDOWN($C4752/24,0)+1,1)*INDEX($D$3:$AA$30,INDEX(Jesper!$R$2:$R$366,ROW(INDEX(Jesper!AJ$2:AJ$366,ROUNDDOWN($C4752/24,0)+1,1))-1)+IF('Standard Profiles'!$G$20=$B$10,7,0)+IF('Standard Profiles'!$G$20=$B$17,14,0)+IF('Standard Profiles'!$G$20=$B$24,21,0),MOD($C4752,24)+1)/SUM(INDEX($D$3:$AA$30,INDEX(Jesper!$R$2:$R$366,ROW(INDEX(Jesper!AJ$2:AJ$366,ROUNDDOWN($C4752/24,0)+1,1))-1)+IF('Standard Profiles'!$G$20=$B$10,7,0)+IF('Standard Profiles'!$G$20=$B$17,14,0)+IF('Standard Profiles'!$G$20=$B$24,21,0),0)),0)</f>
        <v>0.69495303990416923</v>
      </c>
      <c r="G4752" cm="1">
        <f t="array" ref="G4752">IFERROR(INDEX(Jesper!AK$2:AK$366,ROUNDDOWN($C4752/24,0)+1,1)*INDEX($D$3:$AA$30,INDEX(Jesper!$R$2:$R$366,ROW(INDEX(Jesper!AK$2:AK$366,ROUNDDOWN($C4752/24,0)+1,1))-1)+IF('Standard Profiles'!$G$21=$B$10,7,0)+IF('Standard Profiles'!$G$21=$B$17,14,0)+IF('Standard Profiles'!$G$21=$B$24,21,0),MOD($C4752,24)+1)/SUM(INDEX($D$3:$AA$30,INDEX(Jesper!$R$2:$R$366,ROW(INDEX(Jesper!AK$2:AK$366,ROUNDDOWN($C4752/24,0)+1,1))-1)+IF('Standard Profiles'!$G$21=$B$10,7,0)+IF('Standard Profiles'!$G$21=$B$17,14,0)+IF('Standard Profiles'!$G$21=$B$24,21,0),0)),0)</f>
        <v>8.336432153769717E-2</v>
      </c>
      <c r="H4752" cm="1">
        <f t="array" ref="H4752">IFERROR(INDEX(Jesper!AL$2:AL$366,ROUNDDOWN($C4752/24,0)+1,1)*INDEX($D$3:$AA$30,INDEX(Jesper!$R$2:$R$366,ROW(INDEX(Jesper!AL$2:AL$366,ROUNDDOWN($C4752/24,0)+1,1))-1)+IF('Standard Profiles'!$G$22=$B$10,7,0)+IF('Standard Profiles'!$G$22=$B$17,14,0)+IF('Standard Profiles'!$G$22=$B$24,21,0),MOD($C4752,24)+1)/SUM(INDEX($D$3:$AA$30,INDEX(Jesper!$R$2:$R$366,ROW(INDEX(Jesper!AL$2:AL$366,ROUNDDOWN($C4752/24,0)+1,1))-1)+IF('Standard Profiles'!$G$22=$B$10,7,0)+IF('Standard Profiles'!$G$22=$B$17,14,0)+IF('Standard Profiles'!$G$22=$B$24,21,0),0)),0)</f>
        <v>0</v>
      </c>
      <c r="I4752">
        <f t="shared" si="531"/>
        <v>0</v>
      </c>
      <c r="J4752">
        <f t="shared" si="532"/>
        <v>3.1168332039005442</v>
      </c>
      <c r="K4752">
        <f t="shared" si="533"/>
        <v>0.21259234931442525</v>
      </c>
      <c r="L4752">
        <f t="shared" si="534"/>
        <v>0.10629617465721262</v>
      </c>
      <c r="M4752">
        <f t="shared" si="535"/>
        <v>0</v>
      </c>
      <c r="N4752" s="45">
        <f t="shared" si="536"/>
        <v>45123.583333321891</v>
      </c>
    </row>
    <row r="4753" spans="2:14" x14ac:dyDescent="0.25">
      <c r="B4753">
        <f t="shared" si="530"/>
        <v>7</v>
      </c>
      <c r="C4753" s="16">
        <v>4719</v>
      </c>
      <c r="D4753" cm="1">
        <f t="array" ref="D4753">IFERROR(INDEX(Jesper!AH$2:AH$366,ROUNDDOWN($C4753/24,0)+1,1)*INDEX($D$3:$AA$30,INDEX(Jesper!$R$2:$R$366,ROW(INDEX(Jesper!AH$2:AH$366,ROUNDDOWN($C4753/24,0)+1,1))-1)+IF('Standard Profiles'!$G$18=$B$10,7,0)+IF('Standard Profiles'!$G$18=$B$17,14,0)+IF('Standard Profiles'!$G$18=$B$24,21,0),MOD($C4753,24)+1)/SUM(INDEX($D$3:$AA$30,INDEX(Jesper!$R$2:$R$366,ROW(INDEX(Jesper!AH$2:AH$366,ROUNDDOWN($C4753/24,0)+1,1))-1)+IF('Standard Profiles'!$G$18=$B$10,7,0)+IF('Standard Profiles'!$G$18=$B$17,14,0)+IF('Standard Profiles'!$G$18=$B$24,21,0),0)),0)</f>
        <v>0</v>
      </c>
      <c r="E4753" cm="1">
        <f t="array" ref="E4753">IFERROR(INDEX(Jesper!AI$2:AI$366,ROUNDDOWN($C4753/24,0)+1,1)*INDEX($D$3:$AA$30,INDEX(Jesper!$R$2:$R$366,ROW(INDEX(Jesper!AI$2:AI$366,ROUNDDOWN($C4753/24,0)+1,1))-1)+IF('Standard Profiles'!$G$19=$B$10,7,0)+IF('Standard Profiles'!$G$19=$B$17,14,0)+IF('Standard Profiles'!$G$19=$B$24,21,0),MOD($C4753,24)+1)/SUM(INDEX($D$3:$AA$30,INDEX(Jesper!$R$2:$R$366,ROW(INDEX(Jesper!AI$2:AI$366,ROUNDDOWN($C4753/24,0)+1,1))-1)+IF('Standard Profiles'!$G$19=$B$10,7,0)+IF('Standard Profiles'!$G$19=$B$17,14,0)+IF('Standard Profiles'!$G$19=$B$24,21,0),0)),0)</f>
        <v>2.6574043664303155</v>
      </c>
      <c r="F4753" cm="1">
        <f t="array" ref="F4753">IFERROR(INDEX(Jesper!AJ$2:AJ$366,ROUNDDOWN($C4753/24,0)+1,1)*INDEX($D$3:$AA$30,INDEX(Jesper!$R$2:$R$366,ROW(INDEX(Jesper!AJ$2:AJ$366,ROUNDDOWN($C4753/24,0)+1,1))-1)+IF('Standard Profiles'!$G$20=$B$10,7,0)+IF('Standard Profiles'!$G$20=$B$17,14,0)+IF('Standard Profiles'!$G$20=$B$24,21,0),MOD($C4753,24)+1)/SUM(INDEX($D$3:$AA$30,INDEX(Jesper!$R$2:$R$366,ROW(INDEX(Jesper!AJ$2:AJ$366,ROUNDDOWN($C4753/24,0)+1,1))-1)+IF('Standard Profiles'!$G$20=$B$10,7,0)+IF('Standard Profiles'!$G$20=$B$17,14,0)+IF('Standard Profiles'!$G$20=$B$24,21,0),0)),0)</f>
        <v>0.69495303990416923</v>
      </c>
      <c r="G4753" cm="1">
        <f t="array" ref="G4753">IFERROR(INDEX(Jesper!AK$2:AK$366,ROUNDDOWN($C4753/24,0)+1,1)*INDEX($D$3:$AA$30,INDEX(Jesper!$R$2:$R$366,ROW(INDEX(Jesper!AK$2:AK$366,ROUNDDOWN($C4753/24,0)+1,1))-1)+IF('Standard Profiles'!$G$21=$B$10,7,0)+IF('Standard Profiles'!$G$21=$B$17,14,0)+IF('Standard Profiles'!$G$21=$B$24,21,0),MOD($C4753,24)+1)/SUM(INDEX($D$3:$AA$30,INDEX(Jesper!$R$2:$R$366,ROW(INDEX(Jesper!AK$2:AK$366,ROUNDDOWN($C4753/24,0)+1,1))-1)+IF('Standard Profiles'!$G$21=$B$10,7,0)+IF('Standard Profiles'!$G$21=$B$17,14,0)+IF('Standard Profiles'!$G$21=$B$24,21,0),0)),0)</f>
        <v>8.336432153769717E-2</v>
      </c>
      <c r="H4753" cm="1">
        <f t="array" ref="H4753">IFERROR(INDEX(Jesper!AL$2:AL$366,ROUNDDOWN($C4753/24,0)+1,1)*INDEX($D$3:$AA$30,INDEX(Jesper!$R$2:$R$366,ROW(INDEX(Jesper!AL$2:AL$366,ROUNDDOWN($C4753/24,0)+1,1))-1)+IF('Standard Profiles'!$G$22=$B$10,7,0)+IF('Standard Profiles'!$G$22=$B$17,14,0)+IF('Standard Profiles'!$G$22=$B$24,21,0),MOD($C4753,24)+1)/SUM(INDEX($D$3:$AA$30,INDEX(Jesper!$R$2:$R$366,ROW(INDEX(Jesper!AL$2:AL$366,ROUNDDOWN($C4753/24,0)+1,1))-1)+IF('Standard Profiles'!$G$22=$B$10,7,0)+IF('Standard Profiles'!$G$22=$B$17,14,0)+IF('Standard Profiles'!$G$22=$B$24,21,0),0)),0)</f>
        <v>0</v>
      </c>
      <c r="I4753">
        <f t="shared" si="531"/>
        <v>0</v>
      </c>
      <c r="J4753">
        <f t="shared" si="532"/>
        <v>3.1168332039005442</v>
      </c>
      <c r="K4753">
        <f t="shared" si="533"/>
        <v>0.21259234931442525</v>
      </c>
      <c r="L4753">
        <f t="shared" si="534"/>
        <v>0.10629617465721262</v>
      </c>
      <c r="M4753">
        <f t="shared" si="535"/>
        <v>0</v>
      </c>
      <c r="N4753" s="45">
        <f t="shared" si="536"/>
        <v>45123.624999988555</v>
      </c>
    </row>
    <row r="4754" spans="2:14" x14ac:dyDescent="0.25">
      <c r="B4754">
        <f t="shared" si="530"/>
        <v>7</v>
      </c>
      <c r="C4754" s="16">
        <v>4720</v>
      </c>
      <c r="D4754" cm="1">
        <f t="array" ref="D4754">IFERROR(INDEX(Jesper!AH$2:AH$366,ROUNDDOWN($C4754/24,0)+1,1)*INDEX($D$3:$AA$30,INDEX(Jesper!$R$2:$R$366,ROW(INDEX(Jesper!AH$2:AH$366,ROUNDDOWN($C4754/24,0)+1,1))-1)+IF('Standard Profiles'!$G$18=$B$10,7,0)+IF('Standard Profiles'!$G$18=$B$17,14,0)+IF('Standard Profiles'!$G$18=$B$24,21,0),MOD($C4754,24)+1)/SUM(INDEX($D$3:$AA$30,INDEX(Jesper!$R$2:$R$366,ROW(INDEX(Jesper!AH$2:AH$366,ROUNDDOWN($C4754/24,0)+1,1))-1)+IF('Standard Profiles'!$G$18=$B$10,7,0)+IF('Standard Profiles'!$G$18=$B$17,14,0)+IF('Standard Profiles'!$G$18=$B$24,21,0),0)),0)</f>
        <v>0</v>
      </c>
      <c r="E4754" cm="1">
        <f t="array" ref="E4754">IFERROR(INDEX(Jesper!AI$2:AI$366,ROUNDDOWN($C4754/24,0)+1,1)*INDEX($D$3:$AA$30,INDEX(Jesper!$R$2:$R$366,ROW(INDEX(Jesper!AI$2:AI$366,ROUNDDOWN($C4754/24,0)+1,1))-1)+IF('Standard Profiles'!$G$19=$B$10,7,0)+IF('Standard Profiles'!$G$19=$B$17,14,0)+IF('Standard Profiles'!$G$19=$B$24,21,0),MOD($C4754,24)+1)/SUM(INDEX($D$3:$AA$30,INDEX(Jesper!$R$2:$R$366,ROW(INDEX(Jesper!AI$2:AI$366,ROUNDDOWN($C4754/24,0)+1,1))-1)+IF('Standard Profiles'!$G$19=$B$10,7,0)+IF('Standard Profiles'!$G$19=$B$17,14,0)+IF('Standard Profiles'!$G$19=$B$24,21,0),0)),0)</f>
        <v>2.6574043664303155</v>
      </c>
      <c r="F4754" cm="1">
        <f t="array" ref="F4754">IFERROR(INDEX(Jesper!AJ$2:AJ$366,ROUNDDOWN($C4754/24,0)+1,1)*INDEX($D$3:$AA$30,INDEX(Jesper!$R$2:$R$366,ROW(INDEX(Jesper!AJ$2:AJ$366,ROUNDDOWN($C4754/24,0)+1,1))-1)+IF('Standard Profiles'!$G$20=$B$10,7,0)+IF('Standard Profiles'!$G$20=$B$17,14,0)+IF('Standard Profiles'!$G$20=$B$24,21,0),MOD($C4754,24)+1)/SUM(INDEX($D$3:$AA$30,INDEX(Jesper!$R$2:$R$366,ROW(INDEX(Jesper!AJ$2:AJ$366,ROUNDDOWN($C4754/24,0)+1,1))-1)+IF('Standard Profiles'!$G$20=$B$10,7,0)+IF('Standard Profiles'!$G$20=$B$17,14,0)+IF('Standard Profiles'!$G$20=$B$24,21,0),0)),0)</f>
        <v>0.69495303990416923</v>
      </c>
      <c r="G4754" cm="1">
        <f t="array" ref="G4754">IFERROR(INDEX(Jesper!AK$2:AK$366,ROUNDDOWN($C4754/24,0)+1,1)*INDEX($D$3:$AA$30,INDEX(Jesper!$R$2:$R$366,ROW(INDEX(Jesper!AK$2:AK$366,ROUNDDOWN($C4754/24,0)+1,1))-1)+IF('Standard Profiles'!$G$21=$B$10,7,0)+IF('Standard Profiles'!$G$21=$B$17,14,0)+IF('Standard Profiles'!$G$21=$B$24,21,0),MOD($C4754,24)+1)/SUM(INDEX($D$3:$AA$30,INDEX(Jesper!$R$2:$R$366,ROW(INDEX(Jesper!AK$2:AK$366,ROUNDDOWN($C4754/24,0)+1,1))-1)+IF('Standard Profiles'!$G$21=$B$10,7,0)+IF('Standard Profiles'!$G$21=$B$17,14,0)+IF('Standard Profiles'!$G$21=$B$24,21,0),0)),0)</f>
        <v>8.336432153769717E-2</v>
      </c>
      <c r="H4754" cm="1">
        <f t="array" ref="H4754">IFERROR(INDEX(Jesper!AL$2:AL$366,ROUNDDOWN($C4754/24,0)+1,1)*INDEX($D$3:$AA$30,INDEX(Jesper!$R$2:$R$366,ROW(INDEX(Jesper!AL$2:AL$366,ROUNDDOWN($C4754/24,0)+1,1))-1)+IF('Standard Profiles'!$G$22=$B$10,7,0)+IF('Standard Profiles'!$G$22=$B$17,14,0)+IF('Standard Profiles'!$G$22=$B$24,21,0),MOD($C4754,24)+1)/SUM(INDEX($D$3:$AA$30,INDEX(Jesper!$R$2:$R$366,ROW(INDEX(Jesper!AL$2:AL$366,ROUNDDOWN($C4754/24,0)+1,1))-1)+IF('Standard Profiles'!$G$22=$B$10,7,0)+IF('Standard Profiles'!$G$22=$B$17,14,0)+IF('Standard Profiles'!$G$22=$B$24,21,0),0)),0)</f>
        <v>0</v>
      </c>
      <c r="I4754">
        <f t="shared" si="531"/>
        <v>0</v>
      </c>
      <c r="J4754">
        <f t="shared" si="532"/>
        <v>3.1168332039005442</v>
      </c>
      <c r="K4754">
        <f t="shared" si="533"/>
        <v>0.21259234931442525</v>
      </c>
      <c r="L4754">
        <f t="shared" si="534"/>
        <v>0.10629617465721262</v>
      </c>
      <c r="M4754">
        <f t="shared" si="535"/>
        <v>0</v>
      </c>
      <c r="N4754" s="45">
        <f t="shared" si="536"/>
        <v>45123.666666655219</v>
      </c>
    </row>
    <row r="4755" spans="2:14" x14ac:dyDescent="0.25">
      <c r="B4755">
        <f t="shared" si="530"/>
        <v>7</v>
      </c>
      <c r="C4755" s="16">
        <v>4721</v>
      </c>
      <c r="D4755" cm="1">
        <f t="array" ref="D4755">IFERROR(INDEX(Jesper!AH$2:AH$366,ROUNDDOWN($C4755/24,0)+1,1)*INDEX($D$3:$AA$30,INDEX(Jesper!$R$2:$R$366,ROW(INDEX(Jesper!AH$2:AH$366,ROUNDDOWN($C4755/24,0)+1,1))-1)+IF('Standard Profiles'!$G$18=$B$10,7,0)+IF('Standard Profiles'!$G$18=$B$17,14,0)+IF('Standard Profiles'!$G$18=$B$24,21,0),MOD($C4755,24)+1)/SUM(INDEX($D$3:$AA$30,INDEX(Jesper!$R$2:$R$366,ROW(INDEX(Jesper!AH$2:AH$366,ROUNDDOWN($C4755/24,0)+1,1))-1)+IF('Standard Profiles'!$G$18=$B$10,7,0)+IF('Standard Profiles'!$G$18=$B$17,14,0)+IF('Standard Profiles'!$G$18=$B$24,21,0),0)),0)</f>
        <v>0</v>
      </c>
      <c r="E4755" cm="1">
        <f t="array" ref="E4755">IFERROR(INDEX(Jesper!AI$2:AI$366,ROUNDDOWN($C4755/24,0)+1,1)*INDEX($D$3:$AA$30,INDEX(Jesper!$R$2:$R$366,ROW(INDEX(Jesper!AI$2:AI$366,ROUNDDOWN($C4755/24,0)+1,1))-1)+IF('Standard Profiles'!$G$19=$B$10,7,0)+IF('Standard Profiles'!$G$19=$B$17,14,0)+IF('Standard Profiles'!$G$19=$B$24,21,0),MOD($C4755,24)+1)/SUM(INDEX($D$3:$AA$30,INDEX(Jesper!$R$2:$R$366,ROW(INDEX(Jesper!AI$2:AI$366,ROUNDDOWN($C4755/24,0)+1,1))-1)+IF('Standard Profiles'!$G$19=$B$10,7,0)+IF('Standard Profiles'!$G$19=$B$17,14,0)+IF('Standard Profiles'!$G$19=$B$24,21,0),0)),0)</f>
        <v>2.6574043664303155</v>
      </c>
      <c r="F4755" cm="1">
        <f t="array" ref="F4755">IFERROR(INDEX(Jesper!AJ$2:AJ$366,ROUNDDOWN($C4755/24,0)+1,1)*INDEX($D$3:$AA$30,INDEX(Jesper!$R$2:$R$366,ROW(INDEX(Jesper!AJ$2:AJ$366,ROUNDDOWN($C4755/24,0)+1,1))-1)+IF('Standard Profiles'!$G$20=$B$10,7,0)+IF('Standard Profiles'!$G$20=$B$17,14,0)+IF('Standard Profiles'!$G$20=$B$24,21,0),MOD($C4755,24)+1)/SUM(INDEX($D$3:$AA$30,INDEX(Jesper!$R$2:$R$366,ROW(INDEX(Jesper!AJ$2:AJ$366,ROUNDDOWN($C4755/24,0)+1,1))-1)+IF('Standard Profiles'!$G$20=$B$10,7,0)+IF('Standard Profiles'!$G$20=$B$17,14,0)+IF('Standard Profiles'!$G$20=$B$24,21,0),0)),0)</f>
        <v>0.69495303990416923</v>
      </c>
      <c r="G4755" cm="1">
        <f t="array" ref="G4755">IFERROR(INDEX(Jesper!AK$2:AK$366,ROUNDDOWN($C4755/24,0)+1,1)*INDEX($D$3:$AA$30,INDEX(Jesper!$R$2:$R$366,ROW(INDEX(Jesper!AK$2:AK$366,ROUNDDOWN($C4755/24,0)+1,1))-1)+IF('Standard Profiles'!$G$21=$B$10,7,0)+IF('Standard Profiles'!$G$21=$B$17,14,0)+IF('Standard Profiles'!$G$21=$B$24,21,0),MOD($C4755,24)+1)/SUM(INDEX($D$3:$AA$30,INDEX(Jesper!$R$2:$R$366,ROW(INDEX(Jesper!AK$2:AK$366,ROUNDDOWN($C4755/24,0)+1,1))-1)+IF('Standard Profiles'!$G$21=$B$10,7,0)+IF('Standard Profiles'!$G$21=$B$17,14,0)+IF('Standard Profiles'!$G$21=$B$24,21,0),0)),0)</f>
        <v>8.336432153769717E-2</v>
      </c>
      <c r="H4755" cm="1">
        <f t="array" ref="H4755">IFERROR(INDEX(Jesper!AL$2:AL$366,ROUNDDOWN($C4755/24,0)+1,1)*INDEX($D$3:$AA$30,INDEX(Jesper!$R$2:$R$366,ROW(INDEX(Jesper!AL$2:AL$366,ROUNDDOWN($C4755/24,0)+1,1))-1)+IF('Standard Profiles'!$G$22=$B$10,7,0)+IF('Standard Profiles'!$G$22=$B$17,14,0)+IF('Standard Profiles'!$G$22=$B$24,21,0),MOD($C4755,24)+1)/SUM(INDEX($D$3:$AA$30,INDEX(Jesper!$R$2:$R$366,ROW(INDEX(Jesper!AL$2:AL$366,ROUNDDOWN($C4755/24,0)+1,1))-1)+IF('Standard Profiles'!$G$22=$B$10,7,0)+IF('Standard Profiles'!$G$22=$B$17,14,0)+IF('Standard Profiles'!$G$22=$B$24,21,0),0)),0)</f>
        <v>0</v>
      </c>
      <c r="I4755">
        <f t="shared" si="531"/>
        <v>0</v>
      </c>
      <c r="J4755">
        <f t="shared" si="532"/>
        <v>3.1168332039005442</v>
      </c>
      <c r="K4755">
        <f t="shared" si="533"/>
        <v>0.21259234931442525</v>
      </c>
      <c r="L4755">
        <f t="shared" si="534"/>
        <v>0.10629617465721262</v>
      </c>
      <c r="M4755">
        <f t="shared" si="535"/>
        <v>0</v>
      </c>
      <c r="N4755" s="45">
        <f t="shared" si="536"/>
        <v>45123.708333321883</v>
      </c>
    </row>
    <row r="4756" spans="2:14" x14ac:dyDescent="0.25">
      <c r="B4756">
        <f t="shared" si="530"/>
        <v>7</v>
      </c>
      <c r="C4756" s="16">
        <v>4722</v>
      </c>
      <c r="D4756" cm="1">
        <f t="array" ref="D4756">IFERROR(INDEX(Jesper!AH$2:AH$366,ROUNDDOWN($C4756/24,0)+1,1)*INDEX($D$3:$AA$30,INDEX(Jesper!$R$2:$R$366,ROW(INDEX(Jesper!AH$2:AH$366,ROUNDDOWN($C4756/24,0)+1,1))-1)+IF('Standard Profiles'!$G$18=$B$10,7,0)+IF('Standard Profiles'!$G$18=$B$17,14,0)+IF('Standard Profiles'!$G$18=$B$24,21,0),MOD($C4756,24)+1)/SUM(INDEX($D$3:$AA$30,INDEX(Jesper!$R$2:$R$366,ROW(INDEX(Jesper!AH$2:AH$366,ROUNDDOWN($C4756/24,0)+1,1))-1)+IF('Standard Profiles'!$G$18=$B$10,7,0)+IF('Standard Profiles'!$G$18=$B$17,14,0)+IF('Standard Profiles'!$G$18=$B$24,21,0),0)),0)</f>
        <v>0</v>
      </c>
      <c r="E4756" cm="1">
        <f t="array" ref="E4756">IFERROR(INDEX(Jesper!AI$2:AI$366,ROUNDDOWN($C4756/24,0)+1,1)*INDEX($D$3:$AA$30,INDEX(Jesper!$R$2:$R$366,ROW(INDEX(Jesper!AI$2:AI$366,ROUNDDOWN($C4756/24,0)+1,1))-1)+IF('Standard Profiles'!$G$19=$B$10,7,0)+IF('Standard Profiles'!$G$19=$B$17,14,0)+IF('Standard Profiles'!$G$19=$B$24,21,0),MOD($C4756,24)+1)/SUM(INDEX($D$3:$AA$30,INDEX(Jesper!$R$2:$R$366,ROW(INDEX(Jesper!AI$2:AI$366,ROUNDDOWN($C4756/24,0)+1,1))-1)+IF('Standard Profiles'!$G$19=$B$10,7,0)+IF('Standard Profiles'!$G$19=$B$17,14,0)+IF('Standard Profiles'!$G$19=$B$24,21,0),0)),0)</f>
        <v>2.6574043664303155</v>
      </c>
      <c r="F4756" cm="1">
        <f t="array" ref="F4756">IFERROR(INDEX(Jesper!AJ$2:AJ$366,ROUNDDOWN($C4756/24,0)+1,1)*INDEX($D$3:$AA$30,INDEX(Jesper!$R$2:$R$366,ROW(INDEX(Jesper!AJ$2:AJ$366,ROUNDDOWN($C4756/24,0)+1,1))-1)+IF('Standard Profiles'!$G$20=$B$10,7,0)+IF('Standard Profiles'!$G$20=$B$17,14,0)+IF('Standard Profiles'!$G$20=$B$24,21,0),MOD($C4756,24)+1)/SUM(INDEX($D$3:$AA$30,INDEX(Jesper!$R$2:$R$366,ROW(INDEX(Jesper!AJ$2:AJ$366,ROUNDDOWN($C4756/24,0)+1,1))-1)+IF('Standard Profiles'!$G$20=$B$10,7,0)+IF('Standard Profiles'!$G$20=$B$17,14,0)+IF('Standard Profiles'!$G$20=$B$24,21,0),0)),0)</f>
        <v>0.69495303990416923</v>
      </c>
      <c r="G4756" cm="1">
        <f t="array" ref="G4756">IFERROR(INDEX(Jesper!AK$2:AK$366,ROUNDDOWN($C4756/24,0)+1,1)*INDEX($D$3:$AA$30,INDEX(Jesper!$R$2:$R$366,ROW(INDEX(Jesper!AK$2:AK$366,ROUNDDOWN($C4756/24,0)+1,1))-1)+IF('Standard Profiles'!$G$21=$B$10,7,0)+IF('Standard Profiles'!$G$21=$B$17,14,0)+IF('Standard Profiles'!$G$21=$B$24,21,0),MOD($C4756,24)+1)/SUM(INDEX($D$3:$AA$30,INDEX(Jesper!$R$2:$R$366,ROW(INDEX(Jesper!AK$2:AK$366,ROUNDDOWN($C4756/24,0)+1,1))-1)+IF('Standard Profiles'!$G$21=$B$10,7,0)+IF('Standard Profiles'!$G$21=$B$17,14,0)+IF('Standard Profiles'!$G$21=$B$24,21,0),0)),0)</f>
        <v>8.336432153769717E-2</v>
      </c>
      <c r="H4756" cm="1">
        <f t="array" ref="H4756">IFERROR(INDEX(Jesper!AL$2:AL$366,ROUNDDOWN($C4756/24,0)+1,1)*INDEX($D$3:$AA$30,INDEX(Jesper!$R$2:$R$366,ROW(INDEX(Jesper!AL$2:AL$366,ROUNDDOWN($C4756/24,0)+1,1))-1)+IF('Standard Profiles'!$G$22=$B$10,7,0)+IF('Standard Profiles'!$G$22=$B$17,14,0)+IF('Standard Profiles'!$G$22=$B$24,21,0),MOD($C4756,24)+1)/SUM(INDEX($D$3:$AA$30,INDEX(Jesper!$R$2:$R$366,ROW(INDEX(Jesper!AL$2:AL$366,ROUNDDOWN($C4756/24,0)+1,1))-1)+IF('Standard Profiles'!$G$22=$B$10,7,0)+IF('Standard Profiles'!$G$22=$B$17,14,0)+IF('Standard Profiles'!$G$22=$B$24,21,0),0)),0)</f>
        <v>0</v>
      </c>
      <c r="I4756">
        <f t="shared" si="531"/>
        <v>0</v>
      </c>
      <c r="J4756">
        <f t="shared" si="532"/>
        <v>3.1168332039005442</v>
      </c>
      <c r="K4756">
        <f t="shared" si="533"/>
        <v>0.21259234931442525</v>
      </c>
      <c r="L4756">
        <f t="shared" si="534"/>
        <v>0.10629617465721262</v>
      </c>
      <c r="M4756">
        <f t="shared" si="535"/>
        <v>0</v>
      </c>
      <c r="N4756" s="45">
        <f t="shared" si="536"/>
        <v>45123.749999988548</v>
      </c>
    </row>
    <row r="4757" spans="2:14" x14ac:dyDescent="0.25">
      <c r="B4757">
        <f t="shared" si="530"/>
        <v>7</v>
      </c>
      <c r="C4757" s="16">
        <v>4723</v>
      </c>
      <c r="D4757" cm="1">
        <f t="array" ref="D4757">IFERROR(INDEX(Jesper!AH$2:AH$366,ROUNDDOWN($C4757/24,0)+1,1)*INDEX($D$3:$AA$30,INDEX(Jesper!$R$2:$R$366,ROW(INDEX(Jesper!AH$2:AH$366,ROUNDDOWN($C4757/24,0)+1,1))-1)+IF('Standard Profiles'!$G$18=$B$10,7,0)+IF('Standard Profiles'!$G$18=$B$17,14,0)+IF('Standard Profiles'!$G$18=$B$24,21,0),MOD($C4757,24)+1)/SUM(INDEX($D$3:$AA$30,INDEX(Jesper!$R$2:$R$366,ROW(INDEX(Jesper!AH$2:AH$366,ROUNDDOWN($C4757/24,0)+1,1))-1)+IF('Standard Profiles'!$G$18=$B$10,7,0)+IF('Standard Profiles'!$G$18=$B$17,14,0)+IF('Standard Profiles'!$G$18=$B$24,21,0),0)),0)</f>
        <v>0</v>
      </c>
      <c r="E4757" cm="1">
        <f t="array" ref="E4757">IFERROR(INDEX(Jesper!AI$2:AI$366,ROUNDDOWN($C4757/24,0)+1,1)*INDEX($D$3:$AA$30,INDEX(Jesper!$R$2:$R$366,ROW(INDEX(Jesper!AI$2:AI$366,ROUNDDOWN($C4757/24,0)+1,1))-1)+IF('Standard Profiles'!$G$19=$B$10,7,0)+IF('Standard Profiles'!$G$19=$B$17,14,0)+IF('Standard Profiles'!$G$19=$B$24,21,0),MOD($C4757,24)+1)/SUM(INDEX($D$3:$AA$30,INDEX(Jesper!$R$2:$R$366,ROW(INDEX(Jesper!AI$2:AI$366,ROUNDDOWN($C4757/24,0)+1,1))-1)+IF('Standard Profiles'!$G$19=$B$10,7,0)+IF('Standard Profiles'!$G$19=$B$17,14,0)+IF('Standard Profiles'!$G$19=$B$24,21,0),0)),0)</f>
        <v>2.6574043664303155</v>
      </c>
      <c r="F4757" cm="1">
        <f t="array" ref="F4757">IFERROR(INDEX(Jesper!AJ$2:AJ$366,ROUNDDOWN($C4757/24,0)+1,1)*INDEX($D$3:$AA$30,INDEX(Jesper!$R$2:$R$366,ROW(INDEX(Jesper!AJ$2:AJ$366,ROUNDDOWN($C4757/24,0)+1,1))-1)+IF('Standard Profiles'!$G$20=$B$10,7,0)+IF('Standard Profiles'!$G$20=$B$17,14,0)+IF('Standard Profiles'!$G$20=$B$24,21,0),MOD($C4757,24)+1)/SUM(INDEX($D$3:$AA$30,INDEX(Jesper!$R$2:$R$366,ROW(INDEX(Jesper!AJ$2:AJ$366,ROUNDDOWN($C4757/24,0)+1,1))-1)+IF('Standard Profiles'!$G$20=$B$10,7,0)+IF('Standard Profiles'!$G$20=$B$17,14,0)+IF('Standard Profiles'!$G$20=$B$24,21,0),0)),0)</f>
        <v>0.69495303990416923</v>
      </c>
      <c r="G4757" cm="1">
        <f t="array" ref="G4757">IFERROR(INDEX(Jesper!AK$2:AK$366,ROUNDDOWN($C4757/24,0)+1,1)*INDEX($D$3:$AA$30,INDEX(Jesper!$R$2:$R$366,ROW(INDEX(Jesper!AK$2:AK$366,ROUNDDOWN($C4757/24,0)+1,1))-1)+IF('Standard Profiles'!$G$21=$B$10,7,0)+IF('Standard Profiles'!$G$21=$B$17,14,0)+IF('Standard Profiles'!$G$21=$B$24,21,0),MOD($C4757,24)+1)/SUM(INDEX($D$3:$AA$30,INDEX(Jesper!$R$2:$R$366,ROW(INDEX(Jesper!AK$2:AK$366,ROUNDDOWN($C4757/24,0)+1,1))-1)+IF('Standard Profiles'!$G$21=$B$10,7,0)+IF('Standard Profiles'!$G$21=$B$17,14,0)+IF('Standard Profiles'!$G$21=$B$24,21,0),0)),0)</f>
        <v>8.336432153769717E-2</v>
      </c>
      <c r="H4757" cm="1">
        <f t="array" ref="H4757">IFERROR(INDEX(Jesper!AL$2:AL$366,ROUNDDOWN($C4757/24,0)+1,1)*INDEX($D$3:$AA$30,INDEX(Jesper!$R$2:$R$366,ROW(INDEX(Jesper!AL$2:AL$366,ROUNDDOWN($C4757/24,0)+1,1))-1)+IF('Standard Profiles'!$G$22=$B$10,7,0)+IF('Standard Profiles'!$G$22=$B$17,14,0)+IF('Standard Profiles'!$G$22=$B$24,21,0),MOD($C4757,24)+1)/SUM(INDEX($D$3:$AA$30,INDEX(Jesper!$R$2:$R$366,ROW(INDEX(Jesper!AL$2:AL$366,ROUNDDOWN($C4757/24,0)+1,1))-1)+IF('Standard Profiles'!$G$22=$B$10,7,0)+IF('Standard Profiles'!$G$22=$B$17,14,0)+IF('Standard Profiles'!$G$22=$B$24,21,0),0)),0)</f>
        <v>0</v>
      </c>
      <c r="I4757">
        <f t="shared" si="531"/>
        <v>0</v>
      </c>
      <c r="J4757">
        <f t="shared" si="532"/>
        <v>3.1168332039005442</v>
      </c>
      <c r="K4757">
        <f t="shared" si="533"/>
        <v>0.21259234931442525</v>
      </c>
      <c r="L4757">
        <f t="shared" si="534"/>
        <v>0.10629617465721262</v>
      </c>
      <c r="M4757">
        <f t="shared" si="535"/>
        <v>0</v>
      </c>
      <c r="N4757" s="45">
        <f t="shared" si="536"/>
        <v>45123.791666655212</v>
      </c>
    </row>
    <row r="4758" spans="2:14" x14ac:dyDescent="0.25">
      <c r="B4758">
        <f t="shared" si="530"/>
        <v>7</v>
      </c>
      <c r="C4758" s="16">
        <v>4724</v>
      </c>
      <c r="D4758" cm="1">
        <f t="array" ref="D4758">IFERROR(INDEX(Jesper!AH$2:AH$366,ROUNDDOWN($C4758/24,0)+1,1)*INDEX($D$3:$AA$30,INDEX(Jesper!$R$2:$R$366,ROW(INDEX(Jesper!AH$2:AH$366,ROUNDDOWN($C4758/24,0)+1,1))-1)+IF('Standard Profiles'!$G$18=$B$10,7,0)+IF('Standard Profiles'!$G$18=$B$17,14,0)+IF('Standard Profiles'!$G$18=$B$24,21,0),MOD($C4758,24)+1)/SUM(INDEX($D$3:$AA$30,INDEX(Jesper!$R$2:$R$366,ROW(INDEX(Jesper!AH$2:AH$366,ROUNDDOWN($C4758/24,0)+1,1))-1)+IF('Standard Profiles'!$G$18=$B$10,7,0)+IF('Standard Profiles'!$G$18=$B$17,14,0)+IF('Standard Profiles'!$G$18=$B$24,21,0),0)),0)</f>
        <v>0</v>
      </c>
      <c r="E4758" cm="1">
        <f t="array" ref="E4758">IFERROR(INDEX(Jesper!AI$2:AI$366,ROUNDDOWN($C4758/24,0)+1,1)*INDEX($D$3:$AA$30,INDEX(Jesper!$R$2:$R$366,ROW(INDEX(Jesper!AI$2:AI$366,ROUNDDOWN($C4758/24,0)+1,1))-1)+IF('Standard Profiles'!$G$19=$B$10,7,0)+IF('Standard Profiles'!$G$19=$B$17,14,0)+IF('Standard Profiles'!$G$19=$B$24,21,0),MOD($C4758,24)+1)/SUM(INDEX($D$3:$AA$30,INDEX(Jesper!$R$2:$R$366,ROW(INDEX(Jesper!AI$2:AI$366,ROUNDDOWN($C4758/24,0)+1,1))-1)+IF('Standard Profiles'!$G$19=$B$10,7,0)+IF('Standard Profiles'!$G$19=$B$17,14,0)+IF('Standard Profiles'!$G$19=$B$24,21,0),0)),0)</f>
        <v>2.6574043664303155</v>
      </c>
      <c r="F4758" cm="1">
        <f t="array" ref="F4758">IFERROR(INDEX(Jesper!AJ$2:AJ$366,ROUNDDOWN($C4758/24,0)+1,1)*INDEX($D$3:$AA$30,INDEX(Jesper!$R$2:$R$366,ROW(INDEX(Jesper!AJ$2:AJ$366,ROUNDDOWN($C4758/24,0)+1,1))-1)+IF('Standard Profiles'!$G$20=$B$10,7,0)+IF('Standard Profiles'!$G$20=$B$17,14,0)+IF('Standard Profiles'!$G$20=$B$24,21,0),MOD($C4758,24)+1)/SUM(INDEX($D$3:$AA$30,INDEX(Jesper!$R$2:$R$366,ROW(INDEX(Jesper!AJ$2:AJ$366,ROUNDDOWN($C4758/24,0)+1,1))-1)+IF('Standard Profiles'!$G$20=$B$10,7,0)+IF('Standard Profiles'!$G$20=$B$17,14,0)+IF('Standard Profiles'!$G$20=$B$24,21,0),0)),0)</f>
        <v>0.69495303990416923</v>
      </c>
      <c r="G4758" cm="1">
        <f t="array" ref="G4758">IFERROR(INDEX(Jesper!AK$2:AK$366,ROUNDDOWN($C4758/24,0)+1,1)*INDEX($D$3:$AA$30,INDEX(Jesper!$R$2:$R$366,ROW(INDEX(Jesper!AK$2:AK$366,ROUNDDOWN($C4758/24,0)+1,1))-1)+IF('Standard Profiles'!$G$21=$B$10,7,0)+IF('Standard Profiles'!$G$21=$B$17,14,0)+IF('Standard Profiles'!$G$21=$B$24,21,0),MOD($C4758,24)+1)/SUM(INDEX($D$3:$AA$30,INDEX(Jesper!$R$2:$R$366,ROW(INDEX(Jesper!AK$2:AK$366,ROUNDDOWN($C4758/24,0)+1,1))-1)+IF('Standard Profiles'!$G$21=$B$10,7,0)+IF('Standard Profiles'!$G$21=$B$17,14,0)+IF('Standard Profiles'!$G$21=$B$24,21,0),0)),0)</f>
        <v>8.336432153769717E-2</v>
      </c>
      <c r="H4758" cm="1">
        <f t="array" ref="H4758">IFERROR(INDEX(Jesper!AL$2:AL$366,ROUNDDOWN($C4758/24,0)+1,1)*INDEX($D$3:$AA$30,INDEX(Jesper!$R$2:$R$366,ROW(INDEX(Jesper!AL$2:AL$366,ROUNDDOWN($C4758/24,0)+1,1))-1)+IF('Standard Profiles'!$G$22=$B$10,7,0)+IF('Standard Profiles'!$G$22=$B$17,14,0)+IF('Standard Profiles'!$G$22=$B$24,21,0),MOD($C4758,24)+1)/SUM(INDEX($D$3:$AA$30,INDEX(Jesper!$R$2:$R$366,ROW(INDEX(Jesper!AL$2:AL$366,ROUNDDOWN($C4758/24,0)+1,1))-1)+IF('Standard Profiles'!$G$22=$B$10,7,0)+IF('Standard Profiles'!$G$22=$B$17,14,0)+IF('Standard Profiles'!$G$22=$B$24,21,0),0)),0)</f>
        <v>0</v>
      </c>
      <c r="I4758">
        <f t="shared" si="531"/>
        <v>0</v>
      </c>
      <c r="J4758">
        <f t="shared" si="532"/>
        <v>3.1168332039005442</v>
      </c>
      <c r="K4758">
        <f t="shared" si="533"/>
        <v>0.21259234931442525</v>
      </c>
      <c r="L4758">
        <f t="shared" si="534"/>
        <v>0.10629617465721262</v>
      </c>
      <c r="M4758">
        <f t="shared" si="535"/>
        <v>0</v>
      </c>
      <c r="N4758" s="45">
        <f t="shared" si="536"/>
        <v>45123.833333321876</v>
      </c>
    </row>
    <row r="4759" spans="2:14" x14ac:dyDescent="0.25">
      <c r="B4759">
        <f t="shared" si="530"/>
        <v>7</v>
      </c>
      <c r="C4759" s="16">
        <v>4725</v>
      </c>
      <c r="D4759" cm="1">
        <f t="array" ref="D4759">IFERROR(INDEX(Jesper!AH$2:AH$366,ROUNDDOWN($C4759/24,0)+1,1)*INDEX($D$3:$AA$30,INDEX(Jesper!$R$2:$R$366,ROW(INDEX(Jesper!AH$2:AH$366,ROUNDDOWN($C4759/24,0)+1,1))-1)+IF('Standard Profiles'!$G$18=$B$10,7,0)+IF('Standard Profiles'!$G$18=$B$17,14,0)+IF('Standard Profiles'!$G$18=$B$24,21,0),MOD($C4759,24)+1)/SUM(INDEX($D$3:$AA$30,INDEX(Jesper!$R$2:$R$366,ROW(INDEX(Jesper!AH$2:AH$366,ROUNDDOWN($C4759/24,0)+1,1))-1)+IF('Standard Profiles'!$G$18=$B$10,7,0)+IF('Standard Profiles'!$G$18=$B$17,14,0)+IF('Standard Profiles'!$G$18=$B$24,21,0),0)),0)</f>
        <v>0</v>
      </c>
      <c r="E4759" cm="1">
        <f t="array" ref="E4759">IFERROR(INDEX(Jesper!AI$2:AI$366,ROUNDDOWN($C4759/24,0)+1,1)*INDEX($D$3:$AA$30,INDEX(Jesper!$R$2:$R$366,ROW(INDEX(Jesper!AI$2:AI$366,ROUNDDOWN($C4759/24,0)+1,1))-1)+IF('Standard Profiles'!$G$19=$B$10,7,0)+IF('Standard Profiles'!$G$19=$B$17,14,0)+IF('Standard Profiles'!$G$19=$B$24,21,0),MOD($C4759,24)+1)/SUM(INDEX($D$3:$AA$30,INDEX(Jesper!$R$2:$R$366,ROW(INDEX(Jesper!AI$2:AI$366,ROUNDDOWN($C4759/24,0)+1,1))-1)+IF('Standard Profiles'!$G$19=$B$10,7,0)+IF('Standard Profiles'!$G$19=$B$17,14,0)+IF('Standard Profiles'!$G$19=$B$24,21,0),0)),0)</f>
        <v>2.6574043664303155</v>
      </c>
      <c r="F4759" cm="1">
        <f t="array" ref="F4759">IFERROR(INDEX(Jesper!AJ$2:AJ$366,ROUNDDOWN($C4759/24,0)+1,1)*INDEX($D$3:$AA$30,INDEX(Jesper!$R$2:$R$366,ROW(INDEX(Jesper!AJ$2:AJ$366,ROUNDDOWN($C4759/24,0)+1,1))-1)+IF('Standard Profiles'!$G$20=$B$10,7,0)+IF('Standard Profiles'!$G$20=$B$17,14,0)+IF('Standard Profiles'!$G$20=$B$24,21,0),MOD($C4759,24)+1)/SUM(INDEX($D$3:$AA$30,INDEX(Jesper!$R$2:$R$366,ROW(INDEX(Jesper!AJ$2:AJ$366,ROUNDDOWN($C4759/24,0)+1,1))-1)+IF('Standard Profiles'!$G$20=$B$10,7,0)+IF('Standard Profiles'!$G$20=$B$17,14,0)+IF('Standard Profiles'!$G$20=$B$24,21,0),0)),0)</f>
        <v>0.69495303990416923</v>
      </c>
      <c r="G4759" cm="1">
        <f t="array" ref="G4759">IFERROR(INDEX(Jesper!AK$2:AK$366,ROUNDDOWN($C4759/24,0)+1,1)*INDEX($D$3:$AA$30,INDEX(Jesper!$R$2:$R$366,ROW(INDEX(Jesper!AK$2:AK$366,ROUNDDOWN($C4759/24,0)+1,1))-1)+IF('Standard Profiles'!$G$21=$B$10,7,0)+IF('Standard Profiles'!$G$21=$B$17,14,0)+IF('Standard Profiles'!$G$21=$B$24,21,0),MOD($C4759,24)+1)/SUM(INDEX($D$3:$AA$30,INDEX(Jesper!$R$2:$R$366,ROW(INDEX(Jesper!AK$2:AK$366,ROUNDDOWN($C4759/24,0)+1,1))-1)+IF('Standard Profiles'!$G$21=$B$10,7,0)+IF('Standard Profiles'!$G$21=$B$17,14,0)+IF('Standard Profiles'!$G$21=$B$24,21,0),0)),0)</f>
        <v>8.336432153769717E-2</v>
      </c>
      <c r="H4759" cm="1">
        <f t="array" ref="H4759">IFERROR(INDEX(Jesper!AL$2:AL$366,ROUNDDOWN($C4759/24,0)+1,1)*INDEX($D$3:$AA$30,INDEX(Jesper!$R$2:$R$366,ROW(INDEX(Jesper!AL$2:AL$366,ROUNDDOWN($C4759/24,0)+1,1))-1)+IF('Standard Profiles'!$G$22=$B$10,7,0)+IF('Standard Profiles'!$G$22=$B$17,14,0)+IF('Standard Profiles'!$G$22=$B$24,21,0),MOD($C4759,24)+1)/SUM(INDEX($D$3:$AA$30,INDEX(Jesper!$R$2:$R$366,ROW(INDEX(Jesper!AL$2:AL$366,ROUNDDOWN($C4759/24,0)+1,1))-1)+IF('Standard Profiles'!$G$22=$B$10,7,0)+IF('Standard Profiles'!$G$22=$B$17,14,0)+IF('Standard Profiles'!$G$22=$B$24,21,0),0)),0)</f>
        <v>0</v>
      </c>
      <c r="I4759">
        <f t="shared" si="531"/>
        <v>0</v>
      </c>
      <c r="J4759">
        <f t="shared" si="532"/>
        <v>3.1168332039005442</v>
      </c>
      <c r="K4759">
        <f t="shared" si="533"/>
        <v>0.21259234931442525</v>
      </c>
      <c r="L4759">
        <f t="shared" si="534"/>
        <v>0.10629617465721262</v>
      </c>
      <c r="M4759">
        <f t="shared" si="535"/>
        <v>0</v>
      </c>
      <c r="N4759" s="45">
        <f t="shared" si="536"/>
        <v>45123.87499998854</v>
      </c>
    </row>
    <row r="4760" spans="2:14" x14ac:dyDescent="0.25">
      <c r="B4760">
        <f t="shared" si="530"/>
        <v>7</v>
      </c>
      <c r="C4760" s="16">
        <v>4726</v>
      </c>
      <c r="D4760" cm="1">
        <f t="array" ref="D4760">IFERROR(INDEX(Jesper!AH$2:AH$366,ROUNDDOWN($C4760/24,0)+1,1)*INDEX($D$3:$AA$30,INDEX(Jesper!$R$2:$R$366,ROW(INDEX(Jesper!AH$2:AH$366,ROUNDDOWN($C4760/24,0)+1,1))-1)+IF('Standard Profiles'!$G$18=$B$10,7,0)+IF('Standard Profiles'!$G$18=$B$17,14,0)+IF('Standard Profiles'!$G$18=$B$24,21,0),MOD($C4760,24)+1)/SUM(INDEX($D$3:$AA$30,INDEX(Jesper!$R$2:$R$366,ROW(INDEX(Jesper!AH$2:AH$366,ROUNDDOWN($C4760/24,0)+1,1))-1)+IF('Standard Profiles'!$G$18=$B$10,7,0)+IF('Standard Profiles'!$G$18=$B$17,14,0)+IF('Standard Profiles'!$G$18=$B$24,21,0),0)),0)</f>
        <v>0</v>
      </c>
      <c r="E4760" cm="1">
        <f t="array" ref="E4760">IFERROR(INDEX(Jesper!AI$2:AI$366,ROUNDDOWN($C4760/24,0)+1,1)*INDEX($D$3:$AA$30,INDEX(Jesper!$R$2:$R$366,ROW(INDEX(Jesper!AI$2:AI$366,ROUNDDOWN($C4760/24,0)+1,1))-1)+IF('Standard Profiles'!$G$19=$B$10,7,0)+IF('Standard Profiles'!$G$19=$B$17,14,0)+IF('Standard Profiles'!$G$19=$B$24,21,0),MOD($C4760,24)+1)/SUM(INDEX($D$3:$AA$30,INDEX(Jesper!$R$2:$R$366,ROW(INDEX(Jesper!AI$2:AI$366,ROUNDDOWN($C4760/24,0)+1,1))-1)+IF('Standard Profiles'!$G$19=$B$10,7,0)+IF('Standard Profiles'!$G$19=$B$17,14,0)+IF('Standard Profiles'!$G$19=$B$24,21,0),0)),0)</f>
        <v>2.6574043664303155</v>
      </c>
      <c r="F4760" cm="1">
        <f t="array" ref="F4760">IFERROR(INDEX(Jesper!AJ$2:AJ$366,ROUNDDOWN($C4760/24,0)+1,1)*INDEX($D$3:$AA$30,INDEX(Jesper!$R$2:$R$366,ROW(INDEX(Jesper!AJ$2:AJ$366,ROUNDDOWN($C4760/24,0)+1,1))-1)+IF('Standard Profiles'!$G$20=$B$10,7,0)+IF('Standard Profiles'!$G$20=$B$17,14,0)+IF('Standard Profiles'!$G$20=$B$24,21,0),MOD($C4760,24)+1)/SUM(INDEX($D$3:$AA$30,INDEX(Jesper!$R$2:$R$366,ROW(INDEX(Jesper!AJ$2:AJ$366,ROUNDDOWN($C4760/24,0)+1,1))-1)+IF('Standard Profiles'!$G$20=$B$10,7,0)+IF('Standard Profiles'!$G$20=$B$17,14,0)+IF('Standard Profiles'!$G$20=$B$24,21,0),0)),0)</f>
        <v>0.69495303990416923</v>
      </c>
      <c r="G4760" cm="1">
        <f t="array" ref="G4760">IFERROR(INDEX(Jesper!AK$2:AK$366,ROUNDDOWN($C4760/24,0)+1,1)*INDEX($D$3:$AA$30,INDEX(Jesper!$R$2:$R$366,ROW(INDEX(Jesper!AK$2:AK$366,ROUNDDOWN($C4760/24,0)+1,1))-1)+IF('Standard Profiles'!$G$21=$B$10,7,0)+IF('Standard Profiles'!$G$21=$B$17,14,0)+IF('Standard Profiles'!$G$21=$B$24,21,0),MOD($C4760,24)+1)/SUM(INDEX($D$3:$AA$30,INDEX(Jesper!$R$2:$R$366,ROW(INDEX(Jesper!AK$2:AK$366,ROUNDDOWN($C4760/24,0)+1,1))-1)+IF('Standard Profiles'!$G$21=$B$10,7,0)+IF('Standard Profiles'!$G$21=$B$17,14,0)+IF('Standard Profiles'!$G$21=$B$24,21,0),0)),0)</f>
        <v>8.336432153769717E-2</v>
      </c>
      <c r="H4760" cm="1">
        <f t="array" ref="H4760">IFERROR(INDEX(Jesper!AL$2:AL$366,ROUNDDOWN($C4760/24,0)+1,1)*INDEX($D$3:$AA$30,INDEX(Jesper!$R$2:$R$366,ROW(INDEX(Jesper!AL$2:AL$366,ROUNDDOWN($C4760/24,0)+1,1))-1)+IF('Standard Profiles'!$G$22=$B$10,7,0)+IF('Standard Profiles'!$G$22=$B$17,14,0)+IF('Standard Profiles'!$G$22=$B$24,21,0),MOD($C4760,24)+1)/SUM(INDEX($D$3:$AA$30,INDEX(Jesper!$R$2:$R$366,ROW(INDEX(Jesper!AL$2:AL$366,ROUNDDOWN($C4760/24,0)+1,1))-1)+IF('Standard Profiles'!$G$22=$B$10,7,0)+IF('Standard Profiles'!$G$22=$B$17,14,0)+IF('Standard Profiles'!$G$22=$B$24,21,0),0)),0)</f>
        <v>0</v>
      </c>
      <c r="I4760">
        <f t="shared" si="531"/>
        <v>0</v>
      </c>
      <c r="J4760">
        <f t="shared" si="532"/>
        <v>3.1168332039005442</v>
      </c>
      <c r="K4760">
        <f t="shared" si="533"/>
        <v>0.21259234931442525</v>
      </c>
      <c r="L4760">
        <f t="shared" si="534"/>
        <v>0.10629617465721262</v>
      </c>
      <c r="M4760">
        <f t="shared" si="535"/>
        <v>0</v>
      </c>
      <c r="N4760" s="45">
        <f t="shared" si="536"/>
        <v>45123.916666655205</v>
      </c>
    </row>
    <row r="4761" spans="2:14" x14ac:dyDescent="0.25">
      <c r="B4761">
        <f t="shared" si="530"/>
        <v>7</v>
      </c>
      <c r="C4761" s="16">
        <v>4727</v>
      </c>
      <c r="D4761" cm="1">
        <f t="array" ref="D4761">IFERROR(INDEX(Jesper!AH$2:AH$366,ROUNDDOWN($C4761/24,0)+1,1)*INDEX($D$3:$AA$30,INDEX(Jesper!$R$2:$R$366,ROW(INDEX(Jesper!AH$2:AH$366,ROUNDDOWN($C4761/24,0)+1,1))-1)+IF('Standard Profiles'!$G$18=$B$10,7,0)+IF('Standard Profiles'!$G$18=$B$17,14,0)+IF('Standard Profiles'!$G$18=$B$24,21,0),MOD($C4761,24)+1)/SUM(INDEX($D$3:$AA$30,INDEX(Jesper!$R$2:$R$366,ROW(INDEX(Jesper!AH$2:AH$366,ROUNDDOWN($C4761/24,0)+1,1))-1)+IF('Standard Profiles'!$G$18=$B$10,7,0)+IF('Standard Profiles'!$G$18=$B$17,14,0)+IF('Standard Profiles'!$G$18=$B$24,21,0),0)),0)</f>
        <v>0</v>
      </c>
      <c r="E4761" cm="1">
        <f t="array" ref="E4761">IFERROR(INDEX(Jesper!AI$2:AI$366,ROUNDDOWN($C4761/24,0)+1,1)*INDEX($D$3:$AA$30,INDEX(Jesper!$R$2:$R$366,ROW(INDEX(Jesper!AI$2:AI$366,ROUNDDOWN($C4761/24,0)+1,1))-1)+IF('Standard Profiles'!$G$19=$B$10,7,0)+IF('Standard Profiles'!$G$19=$B$17,14,0)+IF('Standard Profiles'!$G$19=$B$24,21,0),MOD($C4761,24)+1)/SUM(INDEX($D$3:$AA$30,INDEX(Jesper!$R$2:$R$366,ROW(INDEX(Jesper!AI$2:AI$366,ROUNDDOWN($C4761/24,0)+1,1))-1)+IF('Standard Profiles'!$G$19=$B$10,7,0)+IF('Standard Profiles'!$G$19=$B$17,14,0)+IF('Standard Profiles'!$G$19=$B$24,21,0),0)),0)</f>
        <v>2.6574043664303155</v>
      </c>
      <c r="F4761" cm="1">
        <f t="array" ref="F4761">IFERROR(INDEX(Jesper!AJ$2:AJ$366,ROUNDDOWN($C4761/24,0)+1,1)*INDEX($D$3:$AA$30,INDEX(Jesper!$R$2:$R$366,ROW(INDEX(Jesper!AJ$2:AJ$366,ROUNDDOWN($C4761/24,0)+1,1))-1)+IF('Standard Profiles'!$G$20=$B$10,7,0)+IF('Standard Profiles'!$G$20=$B$17,14,0)+IF('Standard Profiles'!$G$20=$B$24,21,0),MOD($C4761,24)+1)/SUM(INDEX($D$3:$AA$30,INDEX(Jesper!$R$2:$R$366,ROW(INDEX(Jesper!AJ$2:AJ$366,ROUNDDOWN($C4761/24,0)+1,1))-1)+IF('Standard Profiles'!$G$20=$B$10,7,0)+IF('Standard Profiles'!$G$20=$B$17,14,0)+IF('Standard Profiles'!$G$20=$B$24,21,0),0)),0)</f>
        <v>0.69495303990416923</v>
      </c>
      <c r="G4761" cm="1">
        <f t="array" ref="G4761">IFERROR(INDEX(Jesper!AK$2:AK$366,ROUNDDOWN($C4761/24,0)+1,1)*INDEX($D$3:$AA$30,INDEX(Jesper!$R$2:$R$366,ROW(INDEX(Jesper!AK$2:AK$366,ROUNDDOWN($C4761/24,0)+1,1))-1)+IF('Standard Profiles'!$G$21=$B$10,7,0)+IF('Standard Profiles'!$G$21=$B$17,14,0)+IF('Standard Profiles'!$G$21=$B$24,21,0),MOD($C4761,24)+1)/SUM(INDEX($D$3:$AA$30,INDEX(Jesper!$R$2:$R$366,ROW(INDEX(Jesper!AK$2:AK$366,ROUNDDOWN($C4761/24,0)+1,1))-1)+IF('Standard Profiles'!$G$21=$B$10,7,0)+IF('Standard Profiles'!$G$21=$B$17,14,0)+IF('Standard Profiles'!$G$21=$B$24,21,0),0)),0)</f>
        <v>8.336432153769717E-2</v>
      </c>
      <c r="H4761" cm="1">
        <f t="array" ref="H4761">IFERROR(INDEX(Jesper!AL$2:AL$366,ROUNDDOWN($C4761/24,0)+1,1)*INDEX($D$3:$AA$30,INDEX(Jesper!$R$2:$R$366,ROW(INDEX(Jesper!AL$2:AL$366,ROUNDDOWN($C4761/24,0)+1,1))-1)+IF('Standard Profiles'!$G$22=$B$10,7,0)+IF('Standard Profiles'!$G$22=$B$17,14,0)+IF('Standard Profiles'!$G$22=$B$24,21,0),MOD($C4761,24)+1)/SUM(INDEX($D$3:$AA$30,INDEX(Jesper!$R$2:$R$366,ROW(INDEX(Jesper!AL$2:AL$366,ROUNDDOWN($C4761/24,0)+1,1))-1)+IF('Standard Profiles'!$G$22=$B$10,7,0)+IF('Standard Profiles'!$G$22=$B$17,14,0)+IF('Standard Profiles'!$G$22=$B$24,21,0),0)),0)</f>
        <v>0</v>
      </c>
      <c r="I4761">
        <f t="shared" si="531"/>
        <v>0</v>
      </c>
      <c r="J4761">
        <f t="shared" si="532"/>
        <v>3.1168332039005442</v>
      </c>
      <c r="K4761">
        <f t="shared" si="533"/>
        <v>0.21259234931442525</v>
      </c>
      <c r="L4761">
        <f t="shared" si="534"/>
        <v>0.10629617465721262</v>
      </c>
      <c r="M4761">
        <f t="shared" si="535"/>
        <v>0</v>
      </c>
      <c r="N4761" s="45">
        <f t="shared" si="536"/>
        <v>45123.958333321869</v>
      </c>
    </row>
    <row r="4762" spans="2:14" x14ac:dyDescent="0.25">
      <c r="B4762">
        <f t="shared" si="530"/>
        <v>1</v>
      </c>
      <c r="C4762" s="16">
        <v>4728</v>
      </c>
      <c r="D4762" cm="1">
        <f t="array" ref="D4762">IFERROR(INDEX(Jesper!AH$2:AH$366,ROUNDDOWN($C4762/24,0)+1,1)*INDEX($D$3:$AA$30,INDEX(Jesper!$R$2:$R$366,ROW(INDEX(Jesper!AH$2:AH$366,ROUNDDOWN($C4762/24,0)+1,1))-1)+IF('Standard Profiles'!$G$18=$B$10,7,0)+IF('Standard Profiles'!$G$18=$B$17,14,0)+IF('Standard Profiles'!$G$18=$B$24,21,0),MOD($C4762,24)+1)/SUM(INDEX($D$3:$AA$30,INDEX(Jesper!$R$2:$R$366,ROW(INDEX(Jesper!AH$2:AH$366,ROUNDDOWN($C4762/24,0)+1,1))-1)+IF('Standard Profiles'!$G$18=$B$10,7,0)+IF('Standard Profiles'!$G$18=$B$17,14,0)+IF('Standard Profiles'!$G$18=$B$24,21,0),0)),0)</f>
        <v>4.8771874455701427</v>
      </c>
      <c r="E4762" cm="1">
        <f t="array" ref="E4762">IFERROR(INDEX(Jesper!AI$2:AI$366,ROUNDDOWN($C4762/24,0)+1,1)*INDEX($D$3:$AA$30,INDEX(Jesper!$R$2:$R$366,ROW(INDEX(Jesper!AI$2:AI$366,ROUNDDOWN($C4762/24,0)+1,1))-1)+IF('Standard Profiles'!$G$19=$B$10,7,0)+IF('Standard Profiles'!$G$19=$B$17,14,0)+IF('Standard Profiles'!$G$19=$B$24,21,0),MOD($C4762,24)+1)/SUM(INDEX($D$3:$AA$30,INDEX(Jesper!$R$2:$R$366,ROW(INDEX(Jesper!AI$2:AI$366,ROUNDDOWN($C4762/24,0)+1,1))-1)+IF('Standard Profiles'!$G$19=$B$10,7,0)+IF('Standard Profiles'!$G$19=$B$17,14,0)+IF('Standard Profiles'!$G$19=$B$24,21,0),0)),0)</f>
        <v>1.7032169583584096</v>
      </c>
      <c r="F4762" cm="1">
        <f t="array" ref="F4762">IFERROR(INDEX(Jesper!AJ$2:AJ$366,ROUNDDOWN($C4762/24,0)+1,1)*INDEX($D$3:$AA$30,INDEX(Jesper!$R$2:$R$366,ROW(INDEX(Jesper!AJ$2:AJ$366,ROUNDDOWN($C4762/24,0)+1,1))-1)+IF('Standard Profiles'!$G$20=$B$10,7,0)+IF('Standard Profiles'!$G$20=$B$17,14,0)+IF('Standard Profiles'!$G$20=$B$24,21,0),MOD($C4762,24)+1)/SUM(INDEX($D$3:$AA$30,INDEX(Jesper!$R$2:$R$366,ROW(INDEX(Jesper!AJ$2:AJ$366,ROUNDDOWN($C4762/24,0)+1,1))-1)+IF('Standard Profiles'!$G$20=$B$10,7,0)+IF('Standard Profiles'!$G$20=$B$17,14,0)+IF('Standard Profiles'!$G$20=$B$24,21,0),0)),0)</f>
        <v>0</v>
      </c>
      <c r="G4762" cm="1">
        <f t="array" ref="G4762">IFERROR(INDEX(Jesper!AK$2:AK$366,ROUNDDOWN($C4762/24,0)+1,1)*INDEX($D$3:$AA$30,INDEX(Jesper!$R$2:$R$366,ROW(INDEX(Jesper!AK$2:AK$366,ROUNDDOWN($C4762/24,0)+1,1))-1)+IF('Standard Profiles'!$G$21=$B$10,7,0)+IF('Standard Profiles'!$G$21=$B$17,14,0)+IF('Standard Profiles'!$G$21=$B$24,21,0),MOD($C4762,24)+1)/SUM(INDEX($D$3:$AA$30,INDEX(Jesper!$R$2:$R$366,ROW(INDEX(Jesper!AK$2:AK$366,ROUNDDOWN($C4762/24,0)+1,1))-1)+IF('Standard Profiles'!$G$21=$B$10,7,0)+IF('Standard Profiles'!$G$21=$B$17,14,0)+IF('Standard Profiles'!$G$21=$B$24,21,0),0)),0)</f>
        <v>0</v>
      </c>
      <c r="H4762" cm="1">
        <f t="array" ref="H4762">IFERROR(INDEX(Jesper!AL$2:AL$366,ROUNDDOWN($C4762/24,0)+1,1)*INDEX($D$3:$AA$30,INDEX(Jesper!$R$2:$R$366,ROW(INDEX(Jesper!AL$2:AL$366,ROUNDDOWN($C4762/24,0)+1,1))-1)+IF('Standard Profiles'!$G$22=$B$10,7,0)+IF('Standard Profiles'!$G$22=$B$17,14,0)+IF('Standard Profiles'!$G$22=$B$24,21,0),MOD($C4762,24)+1)/SUM(INDEX($D$3:$AA$30,INDEX(Jesper!$R$2:$R$366,ROW(INDEX(Jesper!AL$2:AL$366,ROUNDDOWN($C4762/24,0)+1,1))-1)+IF('Standard Profiles'!$G$22=$B$10,7,0)+IF('Standard Profiles'!$G$22=$B$17,14,0)+IF('Standard Profiles'!$G$22=$B$24,21,0),0)),0)</f>
        <v>0</v>
      </c>
      <c r="I4762">
        <f t="shared" si="531"/>
        <v>0</v>
      </c>
      <c r="J4762">
        <f t="shared" si="532"/>
        <v>5.8000544126373299</v>
      </c>
      <c r="K4762">
        <f t="shared" si="533"/>
        <v>0.52023332752748197</v>
      </c>
      <c r="L4762">
        <f t="shared" si="534"/>
        <v>0.26011666376374099</v>
      </c>
      <c r="M4762">
        <f t="shared" si="535"/>
        <v>0</v>
      </c>
      <c r="N4762" s="45">
        <f t="shared" si="536"/>
        <v>45123.999999988533</v>
      </c>
    </row>
    <row r="4763" spans="2:14" x14ac:dyDescent="0.25">
      <c r="B4763">
        <f t="shared" si="530"/>
        <v>1</v>
      </c>
      <c r="C4763" s="16">
        <v>4729</v>
      </c>
      <c r="D4763" cm="1">
        <f t="array" ref="D4763">IFERROR(INDEX(Jesper!AH$2:AH$366,ROUNDDOWN($C4763/24,0)+1,1)*INDEX($D$3:$AA$30,INDEX(Jesper!$R$2:$R$366,ROW(INDEX(Jesper!AH$2:AH$366,ROUNDDOWN($C4763/24,0)+1,1))-1)+IF('Standard Profiles'!$G$18=$B$10,7,0)+IF('Standard Profiles'!$G$18=$B$17,14,0)+IF('Standard Profiles'!$G$18=$B$24,21,0),MOD($C4763,24)+1)/SUM(INDEX($D$3:$AA$30,INDEX(Jesper!$R$2:$R$366,ROW(INDEX(Jesper!AH$2:AH$366,ROUNDDOWN($C4763/24,0)+1,1))-1)+IF('Standard Profiles'!$G$18=$B$10,7,0)+IF('Standard Profiles'!$G$18=$B$17,14,0)+IF('Standard Profiles'!$G$18=$B$24,21,0),0)),0)</f>
        <v>4.8771874455701427</v>
      </c>
      <c r="E4763" cm="1">
        <f t="array" ref="E4763">IFERROR(INDEX(Jesper!AI$2:AI$366,ROUNDDOWN($C4763/24,0)+1,1)*INDEX($D$3:$AA$30,INDEX(Jesper!$R$2:$R$366,ROW(INDEX(Jesper!AI$2:AI$366,ROUNDDOWN($C4763/24,0)+1,1))-1)+IF('Standard Profiles'!$G$19=$B$10,7,0)+IF('Standard Profiles'!$G$19=$B$17,14,0)+IF('Standard Profiles'!$G$19=$B$24,21,0),MOD($C4763,24)+1)/SUM(INDEX($D$3:$AA$30,INDEX(Jesper!$R$2:$R$366,ROW(INDEX(Jesper!AI$2:AI$366,ROUNDDOWN($C4763/24,0)+1,1))-1)+IF('Standard Profiles'!$G$19=$B$10,7,0)+IF('Standard Profiles'!$G$19=$B$17,14,0)+IF('Standard Profiles'!$G$19=$B$24,21,0),0)),0)</f>
        <v>1.7032169583584096</v>
      </c>
      <c r="F4763" cm="1">
        <f t="array" ref="F4763">IFERROR(INDEX(Jesper!AJ$2:AJ$366,ROUNDDOWN($C4763/24,0)+1,1)*INDEX($D$3:$AA$30,INDEX(Jesper!$R$2:$R$366,ROW(INDEX(Jesper!AJ$2:AJ$366,ROUNDDOWN($C4763/24,0)+1,1))-1)+IF('Standard Profiles'!$G$20=$B$10,7,0)+IF('Standard Profiles'!$G$20=$B$17,14,0)+IF('Standard Profiles'!$G$20=$B$24,21,0),MOD($C4763,24)+1)/SUM(INDEX($D$3:$AA$30,INDEX(Jesper!$R$2:$R$366,ROW(INDEX(Jesper!AJ$2:AJ$366,ROUNDDOWN($C4763/24,0)+1,1))-1)+IF('Standard Profiles'!$G$20=$B$10,7,0)+IF('Standard Profiles'!$G$20=$B$17,14,0)+IF('Standard Profiles'!$G$20=$B$24,21,0),0)),0)</f>
        <v>0</v>
      </c>
      <c r="G4763" cm="1">
        <f t="array" ref="G4763">IFERROR(INDEX(Jesper!AK$2:AK$366,ROUNDDOWN($C4763/24,0)+1,1)*INDEX($D$3:$AA$30,INDEX(Jesper!$R$2:$R$366,ROW(INDEX(Jesper!AK$2:AK$366,ROUNDDOWN($C4763/24,0)+1,1))-1)+IF('Standard Profiles'!$G$21=$B$10,7,0)+IF('Standard Profiles'!$G$21=$B$17,14,0)+IF('Standard Profiles'!$G$21=$B$24,21,0),MOD($C4763,24)+1)/SUM(INDEX($D$3:$AA$30,INDEX(Jesper!$R$2:$R$366,ROW(INDEX(Jesper!AK$2:AK$366,ROUNDDOWN($C4763/24,0)+1,1))-1)+IF('Standard Profiles'!$G$21=$B$10,7,0)+IF('Standard Profiles'!$G$21=$B$17,14,0)+IF('Standard Profiles'!$G$21=$B$24,21,0),0)),0)</f>
        <v>0</v>
      </c>
      <c r="H4763" cm="1">
        <f t="array" ref="H4763">IFERROR(INDEX(Jesper!AL$2:AL$366,ROUNDDOWN($C4763/24,0)+1,1)*INDEX($D$3:$AA$30,INDEX(Jesper!$R$2:$R$366,ROW(INDEX(Jesper!AL$2:AL$366,ROUNDDOWN($C4763/24,0)+1,1))-1)+IF('Standard Profiles'!$G$22=$B$10,7,0)+IF('Standard Profiles'!$G$22=$B$17,14,0)+IF('Standard Profiles'!$G$22=$B$24,21,0),MOD($C4763,24)+1)/SUM(INDEX($D$3:$AA$30,INDEX(Jesper!$R$2:$R$366,ROW(INDEX(Jesper!AL$2:AL$366,ROUNDDOWN($C4763/24,0)+1,1))-1)+IF('Standard Profiles'!$G$22=$B$10,7,0)+IF('Standard Profiles'!$G$22=$B$17,14,0)+IF('Standard Profiles'!$G$22=$B$24,21,0),0)),0)</f>
        <v>0</v>
      </c>
      <c r="I4763">
        <f t="shared" si="531"/>
        <v>0</v>
      </c>
      <c r="J4763">
        <f t="shared" si="532"/>
        <v>5.8000544126373299</v>
      </c>
      <c r="K4763">
        <f t="shared" si="533"/>
        <v>0.52023332752748197</v>
      </c>
      <c r="L4763">
        <f t="shared" si="534"/>
        <v>0.26011666376374099</v>
      </c>
      <c r="M4763">
        <f t="shared" si="535"/>
        <v>0</v>
      </c>
      <c r="N4763" s="45">
        <f t="shared" si="536"/>
        <v>45124.041666655197</v>
      </c>
    </row>
    <row r="4764" spans="2:14" x14ac:dyDescent="0.25">
      <c r="B4764">
        <f t="shared" si="530"/>
        <v>1</v>
      </c>
      <c r="C4764" s="16">
        <v>4730</v>
      </c>
      <c r="D4764" cm="1">
        <f t="array" ref="D4764">IFERROR(INDEX(Jesper!AH$2:AH$366,ROUNDDOWN($C4764/24,0)+1,1)*INDEX($D$3:$AA$30,INDEX(Jesper!$R$2:$R$366,ROW(INDEX(Jesper!AH$2:AH$366,ROUNDDOWN($C4764/24,0)+1,1))-1)+IF('Standard Profiles'!$G$18=$B$10,7,0)+IF('Standard Profiles'!$G$18=$B$17,14,0)+IF('Standard Profiles'!$G$18=$B$24,21,0),MOD($C4764,24)+1)/SUM(INDEX($D$3:$AA$30,INDEX(Jesper!$R$2:$R$366,ROW(INDEX(Jesper!AH$2:AH$366,ROUNDDOWN($C4764/24,0)+1,1))-1)+IF('Standard Profiles'!$G$18=$B$10,7,0)+IF('Standard Profiles'!$G$18=$B$17,14,0)+IF('Standard Profiles'!$G$18=$B$24,21,0),0)),0)</f>
        <v>4.8771874455701427</v>
      </c>
      <c r="E4764" cm="1">
        <f t="array" ref="E4764">IFERROR(INDEX(Jesper!AI$2:AI$366,ROUNDDOWN($C4764/24,0)+1,1)*INDEX($D$3:$AA$30,INDEX(Jesper!$R$2:$R$366,ROW(INDEX(Jesper!AI$2:AI$366,ROUNDDOWN($C4764/24,0)+1,1))-1)+IF('Standard Profiles'!$G$19=$B$10,7,0)+IF('Standard Profiles'!$G$19=$B$17,14,0)+IF('Standard Profiles'!$G$19=$B$24,21,0),MOD($C4764,24)+1)/SUM(INDEX($D$3:$AA$30,INDEX(Jesper!$R$2:$R$366,ROW(INDEX(Jesper!AI$2:AI$366,ROUNDDOWN($C4764/24,0)+1,1))-1)+IF('Standard Profiles'!$G$19=$B$10,7,0)+IF('Standard Profiles'!$G$19=$B$17,14,0)+IF('Standard Profiles'!$G$19=$B$24,21,0),0)),0)</f>
        <v>1.7032169583584096</v>
      </c>
      <c r="F4764" cm="1">
        <f t="array" ref="F4764">IFERROR(INDEX(Jesper!AJ$2:AJ$366,ROUNDDOWN($C4764/24,0)+1,1)*INDEX($D$3:$AA$30,INDEX(Jesper!$R$2:$R$366,ROW(INDEX(Jesper!AJ$2:AJ$366,ROUNDDOWN($C4764/24,0)+1,1))-1)+IF('Standard Profiles'!$G$20=$B$10,7,0)+IF('Standard Profiles'!$G$20=$B$17,14,0)+IF('Standard Profiles'!$G$20=$B$24,21,0),MOD($C4764,24)+1)/SUM(INDEX($D$3:$AA$30,INDEX(Jesper!$R$2:$R$366,ROW(INDEX(Jesper!AJ$2:AJ$366,ROUNDDOWN($C4764/24,0)+1,1))-1)+IF('Standard Profiles'!$G$20=$B$10,7,0)+IF('Standard Profiles'!$G$20=$B$17,14,0)+IF('Standard Profiles'!$G$20=$B$24,21,0),0)),0)</f>
        <v>0</v>
      </c>
      <c r="G4764" cm="1">
        <f t="array" ref="G4764">IFERROR(INDEX(Jesper!AK$2:AK$366,ROUNDDOWN($C4764/24,0)+1,1)*INDEX($D$3:$AA$30,INDEX(Jesper!$R$2:$R$366,ROW(INDEX(Jesper!AK$2:AK$366,ROUNDDOWN($C4764/24,0)+1,1))-1)+IF('Standard Profiles'!$G$21=$B$10,7,0)+IF('Standard Profiles'!$G$21=$B$17,14,0)+IF('Standard Profiles'!$G$21=$B$24,21,0),MOD($C4764,24)+1)/SUM(INDEX($D$3:$AA$30,INDEX(Jesper!$R$2:$R$366,ROW(INDEX(Jesper!AK$2:AK$366,ROUNDDOWN($C4764/24,0)+1,1))-1)+IF('Standard Profiles'!$G$21=$B$10,7,0)+IF('Standard Profiles'!$G$21=$B$17,14,0)+IF('Standard Profiles'!$G$21=$B$24,21,0),0)),0)</f>
        <v>0</v>
      </c>
      <c r="H4764" cm="1">
        <f t="array" ref="H4764">IFERROR(INDEX(Jesper!AL$2:AL$366,ROUNDDOWN($C4764/24,0)+1,1)*INDEX($D$3:$AA$30,INDEX(Jesper!$R$2:$R$366,ROW(INDEX(Jesper!AL$2:AL$366,ROUNDDOWN($C4764/24,0)+1,1))-1)+IF('Standard Profiles'!$G$22=$B$10,7,0)+IF('Standard Profiles'!$G$22=$B$17,14,0)+IF('Standard Profiles'!$G$22=$B$24,21,0),MOD($C4764,24)+1)/SUM(INDEX($D$3:$AA$30,INDEX(Jesper!$R$2:$R$366,ROW(INDEX(Jesper!AL$2:AL$366,ROUNDDOWN($C4764/24,0)+1,1))-1)+IF('Standard Profiles'!$G$22=$B$10,7,0)+IF('Standard Profiles'!$G$22=$B$17,14,0)+IF('Standard Profiles'!$G$22=$B$24,21,0),0)),0)</f>
        <v>0</v>
      </c>
      <c r="I4764">
        <f t="shared" si="531"/>
        <v>0</v>
      </c>
      <c r="J4764">
        <f t="shared" si="532"/>
        <v>5.8000544126373299</v>
      </c>
      <c r="K4764">
        <f t="shared" si="533"/>
        <v>0.52023332752748197</v>
      </c>
      <c r="L4764">
        <f t="shared" si="534"/>
        <v>0.26011666376374099</v>
      </c>
      <c r="M4764">
        <f t="shared" si="535"/>
        <v>0</v>
      </c>
      <c r="N4764" s="45">
        <f t="shared" si="536"/>
        <v>45124.083333321862</v>
      </c>
    </row>
    <row r="4765" spans="2:14" x14ac:dyDescent="0.25">
      <c r="B4765">
        <f t="shared" si="530"/>
        <v>1</v>
      </c>
      <c r="C4765" s="16">
        <v>4731</v>
      </c>
      <c r="D4765" cm="1">
        <f t="array" ref="D4765">IFERROR(INDEX(Jesper!AH$2:AH$366,ROUNDDOWN($C4765/24,0)+1,1)*INDEX($D$3:$AA$30,INDEX(Jesper!$R$2:$R$366,ROW(INDEX(Jesper!AH$2:AH$366,ROUNDDOWN($C4765/24,0)+1,1))-1)+IF('Standard Profiles'!$G$18=$B$10,7,0)+IF('Standard Profiles'!$G$18=$B$17,14,0)+IF('Standard Profiles'!$G$18=$B$24,21,0),MOD($C4765,24)+1)/SUM(INDEX($D$3:$AA$30,INDEX(Jesper!$R$2:$R$366,ROW(INDEX(Jesper!AH$2:AH$366,ROUNDDOWN($C4765/24,0)+1,1))-1)+IF('Standard Profiles'!$G$18=$B$10,7,0)+IF('Standard Profiles'!$G$18=$B$17,14,0)+IF('Standard Profiles'!$G$18=$B$24,21,0),0)),0)</f>
        <v>4.8771874455701427</v>
      </c>
      <c r="E4765" cm="1">
        <f t="array" ref="E4765">IFERROR(INDEX(Jesper!AI$2:AI$366,ROUNDDOWN($C4765/24,0)+1,1)*INDEX($D$3:$AA$30,INDEX(Jesper!$R$2:$R$366,ROW(INDEX(Jesper!AI$2:AI$366,ROUNDDOWN($C4765/24,0)+1,1))-1)+IF('Standard Profiles'!$G$19=$B$10,7,0)+IF('Standard Profiles'!$G$19=$B$17,14,0)+IF('Standard Profiles'!$G$19=$B$24,21,0),MOD($C4765,24)+1)/SUM(INDEX($D$3:$AA$30,INDEX(Jesper!$R$2:$R$366,ROW(INDEX(Jesper!AI$2:AI$366,ROUNDDOWN($C4765/24,0)+1,1))-1)+IF('Standard Profiles'!$G$19=$B$10,7,0)+IF('Standard Profiles'!$G$19=$B$17,14,0)+IF('Standard Profiles'!$G$19=$B$24,21,0),0)),0)</f>
        <v>1.7032169583584096</v>
      </c>
      <c r="F4765" cm="1">
        <f t="array" ref="F4765">IFERROR(INDEX(Jesper!AJ$2:AJ$366,ROUNDDOWN($C4765/24,0)+1,1)*INDEX($D$3:$AA$30,INDEX(Jesper!$R$2:$R$366,ROW(INDEX(Jesper!AJ$2:AJ$366,ROUNDDOWN($C4765/24,0)+1,1))-1)+IF('Standard Profiles'!$G$20=$B$10,7,0)+IF('Standard Profiles'!$G$20=$B$17,14,0)+IF('Standard Profiles'!$G$20=$B$24,21,0),MOD($C4765,24)+1)/SUM(INDEX($D$3:$AA$30,INDEX(Jesper!$R$2:$R$366,ROW(INDEX(Jesper!AJ$2:AJ$366,ROUNDDOWN($C4765/24,0)+1,1))-1)+IF('Standard Profiles'!$G$20=$B$10,7,0)+IF('Standard Profiles'!$G$20=$B$17,14,0)+IF('Standard Profiles'!$G$20=$B$24,21,0),0)),0)</f>
        <v>0</v>
      </c>
      <c r="G4765" cm="1">
        <f t="array" ref="G4765">IFERROR(INDEX(Jesper!AK$2:AK$366,ROUNDDOWN($C4765/24,0)+1,1)*INDEX($D$3:$AA$30,INDEX(Jesper!$R$2:$R$366,ROW(INDEX(Jesper!AK$2:AK$366,ROUNDDOWN($C4765/24,0)+1,1))-1)+IF('Standard Profiles'!$G$21=$B$10,7,0)+IF('Standard Profiles'!$G$21=$B$17,14,0)+IF('Standard Profiles'!$G$21=$B$24,21,0),MOD($C4765,24)+1)/SUM(INDEX($D$3:$AA$30,INDEX(Jesper!$R$2:$R$366,ROW(INDEX(Jesper!AK$2:AK$366,ROUNDDOWN($C4765/24,0)+1,1))-1)+IF('Standard Profiles'!$G$21=$B$10,7,0)+IF('Standard Profiles'!$G$21=$B$17,14,0)+IF('Standard Profiles'!$G$21=$B$24,21,0),0)),0)</f>
        <v>0</v>
      </c>
      <c r="H4765" cm="1">
        <f t="array" ref="H4765">IFERROR(INDEX(Jesper!AL$2:AL$366,ROUNDDOWN($C4765/24,0)+1,1)*INDEX($D$3:$AA$30,INDEX(Jesper!$R$2:$R$366,ROW(INDEX(Jesper!AL$2:AL$366,ROUNDDOWN($C4765/24,0)+1,1))-1)+IF('Standard Profiles'!$G$22=$B$10,7,0)+IF('Standard Profiles'!$G$22=$B$17,14,0)+IF('Standard Profiles'!$G$22=$B$24,21,0),MOD($C4765,24)+1)/SUM(INDEX($D$3:$AA$30,INDEX(Jesper!$R$2:$R$366,ROW(INDEX(Jesper!AL$2:AL$366,ROUNDDOWN($C4765/24,0)+1,1))-1)+IF('Standard Profiles'!$G$22=$B$10,7,0)+IF('Standard Profiles'!$G$22=$B$17,14,0)+IF('Standard Profiles'!$G$22=$B$24,21,0),0)),0)</f>
        <v>0</v>
      </c>
      <c r="I4765">
        <f t="shared" si="531"/>
        <v>0</v>
      </c>
      <c r="J4765">
        <f t="shared" si="532"/>
        <v>5.8000544126373299</v>
      </c>
      <c r="K4765">
        <f t="shared" si="533"/>
        <v>0.52023332752748197</v>
      </c>
      <c r="L4765">
        <f t="shared" si="534"/>
        <v>0.26011666376374099</v>
      </c>
      <c r="M4765">
        <f t="shared" si="535"/>
        <v>0</v>
      </c>
      <c r="N4765" s="45">
        <f t="shared" si="536"/>
        <v>45124.124999988526</v>
      </c>
    </row>
    <row r="4766" spans="2:14" x14ac:dyDescent="0.25">
      <c r="B4766">
        <f t="shared" si="530"/>
        <v>1</v>
      </c>
      <c r="C4766" s="16">
        <v>4732</v>
      </c>
      <c r="D4766" cm="1">
        <f t="array" ref="D4766">IFERROR(INDEX(Jesper!AH$2:AH$366,ROUNDDOWN($C4766/24,0)+1,1)*INDEX($D$3:$AA$30,INDEX(Jesper!$R$2:$R$366,ROW(INDEX(Jesper!AH$2:AH$366,ROUNDDOWN($C4766/24,0)+1,1))-1)+IF('Standard Profiles'!$G$18=$B$10,7,0)+IF('Standard Profiles'!$G$18=$B$17,14,0)+IF('Standard Profiles'!$G$18=$B$24,21,0),MOD($C4766,24)+1)/SUM(INDEX($D$3:$AA$30,INDEX(Jesper!$R$2:$R$366,ROW(INDEX(Jesper!AH$2:AH$366,ROUNDDOWN($C4766/24,0)+1,1))-1)+IF('Standard Profiles'!$G$18=$B$10,7,0)+IF('Standard Profiles'!$G$18=$B$17,14,0)+IF('Standard Profiles'!$G$18=$B$24,21,0),0)),0)</f>
        <v>4.8771874455701427</v>
      </c>
      <c r="E4766" cm="1">
        <f t="array" ref="E4766">IFERROR(INDEX(Jesper!AI$2:AI$366,ROUNDDOWN($C4766/24,0)+1,1)*INDEX($D$3:$AA$30,INDEX(Jesper!$R$2:$R$366,ROW(INDEX(Jesper!AI$2:AI$366,ROUNDDOWN($C4766/24,0)+1,1))-1)+IF('Standard Profiles'!$G$19=$B$10,7,0)+IF('Standard Profiles'!$G$19=$B$17,14,0)+IF('Standard Profiles'!$G$19=$B$24,21,0),MOD($C4766,24)+1)/SUM(INDEX($D$3:$AA$30,INDEX(Jesper!$R$2:$R$366,ROW(INDEX(Jesper!AI$2:AI$366,ROUNDDOWN($C4766/24,0)+1,1))-1)+IF('Standard Profiles'!$G$19=$B$10,7,0)+IF('Standard Profiles'!$G$19=$B$17,14,0)+IF('Standard Profiles'!$G$19=$B$24,21,0),0)),0)</f>
        <v>1.7032169583584096</v>
      </c>
      <c r="F4766" cm="1">
        <f t="array" ref="F4766">IFERROR(INDEX(Jesper!AJ$2:AJ$366,ROUNDDOWN($C4766/24,0)+1,1)*INDEX($D$3:$AA$30,INDEX(Jesper!$R$2:$R$366,ROW(INDEX(Jesper!AJ$2:AJ$366,ROUNDDOWN($C4766/24,0)+1,1))-1)+IF('Standard Profiles'!$G$20=$B$10,7,0)+IF('Standard Profiles'!$G$20=$B$17,14,0)+IF('Standard Profiles'!$G$20=$B$24,21,0),MOD($C4766,24)+1)/SUM(INDEX($D$3:$AA$30,INDEX(Jesper!$R$2:$R$366,ROW(INDEX(Jesper!AJ$2:AJ$366,ROUNDDOWN($C4766/24,0)+1,1))-1)+IF('Standard Profiles'!$G$20=$B$10,7,0)+IF('Standard Profiles'!$G$20=$B$17,14,0)+IF('Standard Profiles'!$G$20=$B$24,21,0),0)),0)</f>
        <v>0</v>
      </c>
      <c r="G4766" cm="1">
        <f t="array" ref="G4766">IFERROR(INDEX(Jesper!AK$2:AK$366,ROUNDDOWN($C4766/24,0)+1,1)*INDEX($D$3:$AA$30,INDEX(Jesper!$R$2:$R$366,ROW(INDEX(Jesper!AK$2:AK$366,ROUNDDOWN($C4766/24,0)+1,1))-1)+IF('Standard Profiles'!$G$21=$B$10,7,0)+IF('Standard Profiles'!$G$21=$B$17,14,0)+IF('Standard Profiles'!$G$21=$B$24,21,0),MOD($C4766,24)+1)/SUM(INDEX($D$3:$AA$30,INDEX(Jesper!$R$2:$R$366,ROW(INDEX(Jesper!AK$2:AK$366,ROUNDDOWN($C4766/24,0)+1,1))-1)+IF('Standard Profiles'!$G$21=$B$10,7,0)+IF('Standard Profiles'!$G$21=$B$17,14,0)+IF('Standard Profiles'!$G$21=$B$24,21,0),0)),0)</f>
        <v>0</v>
      </c>
      <c r="H4766" cm="1">
        <f t="array" ref="H4766">IFERROR(INDEX(Jesper!AL$2:AL$366,ROUNDDOWN($C4766/24,0)+1,1)*INDEX($D$3:$AA$30,INDEX(Jesper!$R$2:$R$366,ROW(INDEX(Jesper!AL$2:AL$366,ROUNDDOWN($C4766/24,0)+1,1))-1)+IF('Standard Profiles'!$G$22=$B$10,7,0)+IF('Standard Profiles'!$G$22=$B$17,14,0)+IF('Standard Profiles'!$G$22=$B$24,21,0),MOD($C4766,24)+1)/SUM(INDEX($D$3:$AA$30,INDEX(Jesper!$R$2:$R$366,ROW(INDEX(Jesper!AL$2:AL$366,ROUNDDOWN($C4766/24,0)+1,1))-1)+IF('Standard Profiles'!$G$22=$B$10,7,0)+IF('Standard Profiles'!$G$22=$B$17,14,0)+IF('Standard Profiles'!$G$22=$B$24,21,0),0)),0)</f>
        <v>0</v>
      </c>
      <c r="I4766">
        <f t="shared" si="531"/>
        <v>0</v>
      </c>
      <c r="J4766">
        <f t="shared" si="532"/>
        <v>5.8000544126373299</v>
      </c>
      <c r="K4766">
        <f t="shared" si="533"/>
        <v>0.52023332752748197</v>
      </c>
      <c r="L4766">
        <f t="shared" si="534"/>
        <v>0.26011666376374099</v>
      </c>
      <c r="M4766">
        <f t="shared" si="535"/>
        <v>0</v>
      </c>
      <c r="N4766" s="45">
        <f t="shared" si="536"/>
        <v>45124.16666665519</v>
      </c>
    </row>
    <row r="4767" spans="2:14" x14ac:dyDescent="0.25">
      <c r="B4767">
        <f t="shared" si="530"/>
        <v>1</v>
      </c>
      <c r="C4767" s="16">
        <v>4733</v>
      </c>
      <c r="D4767" cm="1">
        <f t="array" ref="D4767">IFERROR(INDEX(Jesper!AH$2:AH$366,ROUNDDOWN($C4767/24,0)+1,1)*INDEX($D$3:$AA$30,INDEX(Jesper!$R$2:$R$366,ROW(INDEX(Jesper!AH$2:AH$366,ROUNDDOWN($C4767/24,0)+1,1))-1)+IF('Standard Profiles'!$G$18=$B$10,7,0)+IF('Standard Profiles'!$G$18=$B$17,14,0)+IF('Standard Profiles'!$G$18=$B$24,21,0),MOD($C4767,24)+1)/SUM(INDEX($D$3:$AA$30,INDEX(Jesper!$R$2:$R$366,ROW(INDEX(Jesper!AH$2:AH$366,ROUNDDOWN($C4767/24,0)+1,1))-1)+IF('Standard Profiles'!$G$18=$B$10,7,0)+IF('Standard Profiles'!$G$18=$B$17,14,0)+IF('Standard Profiles'!$G$18=$B$24,21,0),0)),0)</f>
        <v>4.8771874455701427</v>
      </c>
      <c r="E4767" cm="1">
        <f t="array" ref="E4767">IFERROR(INDEX(Jesper!AI$2:AI$366,ROUNDDOWN($C4767/24,0)+1,1)*INDEX($D$3:$AA$30,INDEX(Jesper!$R$2:$R$366,ROW(INDEX(Jesper!AI$2:AI$366,ROUNDDOWN($C4767/24,0)+1,1))-1)+IF('Standard Profiles'!$G$19=$B$10,7,0)+IF('Standard Profiles'!$G$19=$B$17,14,0)+IF('Standard Profiles'!$G$19=$B$24,21,0),MOD($C4767,24)+1)/SUM(INDEX($D$3:$AA$30,INDEX(Jesper!$R$2:$R$366,ROW(INDEX(Jesper!AI$2:AI$366,ROUNDDOWN($C4767/24,0)+1,1))-1)+IF('Standard Profiles'!$G$19=$B$10,7,0)+IF('Standard Profiles'!$G$19=$B$17,14,0)+IF('Standard Profiles'!$G$19=$B$24,21,0),0)),0)</f>
        <v>1.7032169583584096</v>
      </c>
      <c r="F4767" cm="1">
        <f t="array" ref="F4767">IFERROR(INDEX(Jesper!AJ$2:AJ$366,ROUNDDOWN($C4767/24,0)+1,1)*INDEX($D$3:$AA$30,INDEX(Jesper!$R$2:$R$366,ROW(INDEX(Jesper!AJ$2:AJ$366,ROUNDDOWN($C4767/24,0)+1,1))-1)+IF('Standard Profiles'!$G$20=$B$10,7,0)+IF('Standard Profiles'!$G$20=$B$17,14,0)+IF('Standard Profiles'!$G$20=$B$24,21,0),MOD($C4767,24)+1)/SUM(INDEX($D$3:$AA$30,INDEX(Jesper!$R$2:$R$366,ROW(INDEX(Jesper!AJ$2:AJ$366,ROUNDDOWN($C4767/24,0)+1,1))-1)+IF('Standard Profiles'!$G$20=$B$10,7,0)+IF('Standard Profiles'!$G$20=$B$17,14,0)+IF('Standard Profiles'!$G$20=$B$24,21,0),0)),0)</f>
        <v>0</v>
      </c>
      <c r="G4767" cm="1">
        <f t="array" ref="G4767">IFERROR(INDEX(Jesper!AK$2:AK$366,ROUNDDOWN($C4767/24,0)+1,1)*INDEX($D$3:$AA$30,INDEX(Jesper!$R$2:$R$366,ROW(INDEX(Jesper!AK$2:AK$366,ROUNDDOWN($C4767/24,0)+1,1))-1)+IF('Standard Profiles'!$G$21=$B$10,7,0)+IF('Standard Profiles'!$G$21=$B$17,14,0)+IF('Standard Profiles'!$G$21=$B$24,21,0),MOD($C4767,24)+1)/SUM(INDEX($D$3:$AA$30,INDEX(Jesper!$R$2:$R$366,ROW(INDEX(Jesper!AK$2:AK$366,ROUNDDOWN($C4767/24,0)+1,1))-1)+IF('Standard Profiles'!$G$21=$B$10,7,0)+IF('Standard Profiles'!$G$21=$B$17,14,0)+IF('Standard Profiles'!$G$21=$B$24,21,0),0)),0)</f>
        <v>0</v>
      </c>
      <c r="H4767" cm="1">
        <f t="array" ref="H4767">IFERROR(INDEX(Jesper!AL$2:AL$366,ROUNDDOWN($C4767/24,0)+1,1)*INDEX($D$3:$AA$30,INDEX(Jesper!$R$2:$R$366,ROW(INDEX(Jesper!AL$2:AL$366,ROUNDDOWN($C4767/24,0)+1,1))-1)+IF('Standard Profiles'!$G$22=$B$10,7,0)+IF('Standard Profiles'!$G$22=$B$17,14,0)+IF('Standard Profiles'!$G$22=$B$24,21,0),MOD($C4767,24)+1)/SUM(INDEX($D$3:$AA$30,INDEX(Jesper!$R$2:$R$366,ROW(INDEX(Jesper!AL$2:AL$366,ROUNDDOWN($C4767/24,0)+1,1))-1)+IF('Standard Profiles'!$G$22=$B$10,7,0)+IF('Standard Profiles'!$G$22=$B$17,14,0)+IF('Standard Profiles'!$G$22=$B$24,21,0),0)),0)</f>
        <v>0</v>
      </c>
      <c r="I4767">
        <f t="shared" si="531"/>
        <v>0</v>
      </c>
      <c r="J4767">
        <f t="shared" si="532"/>
        <v>5.8000544126373299</v>
      </c>
      <c r="K4767">
        <f t="shared" si="533"/>
        <v>0.52023332752748197</v>
      </c>
      <c r="L4767">
        <f t="shared" si="534"/>
        <v>0.26011666376374099</v>
      </c>
      <c r="M4767">
        <f t="shared" si="535"/>
        <v>0</v>
      </c>
      <c r="N4767" s="45">
        <f t="shared" si="536"/>
        <v>45124.208333321854</v>
      </c>
    </row>
    <row r="4768" spans="2:14" x14ac:dyDescent="0.25">
      <c r="B4768">
        <f t="shared" si="530"/>
        <v>1</v>
      </c>
      <c r="C4768" s="16">
        <v>4734</v>
      </c>
      <c r="D4768" cm="1">
        <f t="array" ref="D4768">IFERROR(INDEX(Jesper!AH$2:AH$366,ROUNDDOWN($C4768/24,0)+1,1)*INDEX($D$3:$AA$30,INDEX(Jesper!$R$2:$R$366,ROW(INDEX(Jesper!AH$2:AH$366,ROUNDDOWN($C4768/24,0)+1,1))-1)+IF('Standard Profiles'!$G$18=$B$10,7,0)+IF('Standard Profiles'!$G$18=$B$17,14,0)+IF('Standard Profiles'!$G$18=$B$24,21,0),MOD($C4768,24)+1)/SUM(INDEX($D$3:$AA$30,INDEX(Jesper!$R$2:$R$366,ROW(INDEX(Jesper!AH$2:AH$366,ROUNDDOWN($C4768/24,0)+1,1))-1)+IF('Standard Profiles'!$G$18=$B$10,7,0)+IF('Standard Profiles'!$G$18=$B$17,14,0)+IF('Standard Profiles'!$G$18=$B$24,21,0),0)),0)</f>
        <v>4.8771874455701427</v>
      </c>
      <c r="E4768" cm="1">
        <f t="array" ref="E4768">IFERROR(INDEX(Jesper!AI$2:AI$366,ROUNDDOWN($C4768/24,0)+1,1)*INDEX($D$3:$AA$30,INDEX(Jesper!$R$2:$R$366,ROW(INDEX(Jesper!AI$2:AI$366,ROUNDDOWN($C4768/24,0)+1,1))-1)+IF('Standard Profiles'!$G$19=$B$10,7,0)+IF('Standard Profiles'!$G$19=$B$17,14,0)+IF('Standard Profiles'!$G$19=$B$24,21,0),MOD($C4768,24)+1)/SUM(INDEX($D$3:$AA$30,INDEX(Jesper!$R$2:$R$366,ROW(INDEX(Jesper!AI$2:AI$366,ROUNDDOWN($C4768/24,0)+1,1))-1)+IF('Standard Profiles'!$G$19=$B$10,7,0)+IF('Standard Profiles'!$G$19=$B$17,14,0)+IF('Standard Profiles'!$G$19=$B$24,21,0),0)),0)</f>
        <v>1.7032169583584096</v>
      </c>
      <c r="F4768" cm="1">
        <f t="array" ref="F4768">IFERROR(INDEX(Jesper!AJ$2:AJ$366,ROUNDDOWN($C4768/24,0)+1,1)*INDEX($D$3:$AA$30,INDEX(Jesper!$R$2:$R$366,ROW(INDEX(Jesper!AJ$2:AJ$366,ROUNDDOWN($C4768/24,0)+1,1))-1)+IF('Standard Profiles'!$G$20=$B$10,7,0)+IF('Standard Profiles'!$G$20=$B$17,14,0)+IF('Standard Profiles'!$G$20=$B$24,21,0),MOD($C4768,24)+1)/SUM(INDEX($D$3:$AA$30,INDEX(Jesper!$R$2:$R$366,ROW(INDEX(Jesper!AJ$2:AJ$366,ROUNDDOWN($C4768/24,0)+1,1))-1)+IF('Standard Profiles'!$G$20=$B$10,7,0)+IF('Standard Profiles'!$G$20=$B$17,14,0)+IF('Standard Profiles'!$G$20=$B$24,21,0),0)),0)</f>
        <v>0</v>
      </c>
      <c r="G4768" cm="1">
        <f t="array" ref="G4768">IFERROR(INDEX(Jesper!AK$2:AK$366,ROUNDDOWN($C4768/24,0)+1,1)*INDEX($D$3:$AA$30,INDEX(Jesper!$R$2:$R$366,ROW(INDEX(Jesper!AK$2:AK$366,ROUNDDOWN($C4768/24,0)+1,1))-1)+IF('Standard Profiles'!$G$21=$B$10,7,0)+IF('Standard Profiles'!$G$21=$B$17,14,0)+IF('Standard Profiles'!$G$21=$B$24,21,0),MOD($C4768,24)+1)/SUM(INDEX($D$3:$AA$30,INDEX(Jesper!$R$2:$R$366,ROW(INDEX(Jesper!AK$2:AK$366,ROUNDDOWN($C4768/24,0)+1,1))-1)+IF('Standard Profiles'!$G$21=$B$10,7,0)+IF('Standard Profiles'!$G$21=$B$17,14,0)+IF('Standard Profiles'!$G$21=$B$24,21,0),0)),0)</f>
        <v>0</v>
      </c>
      <c r="H4768" cm="1">
        <f t="array" ref="H4768">IFERROR(INDEX(Jesper!AL$2:AL$366,ROUNDDOWN($C4768/24,0)+1,1)*INDEX($D$3:$AA$30,INDEX(Jesper!$R$2:$R$366,ROW(INDEX(Jesper!AL$2:AL$366,ROUNDDOWN($C4768/24,0)+1,1))-1)+IF('Standard Profiles'!$G$22=$B$10,7,0)+IF('Standard Profiles'!$G$22=$B$17,14,0)+IF('Standard Profiles'!$G$22=$B$24,21,0),MOD($C4768,24)+1)/SUM(INDEX($D$3:$AA$30,INDEX(Jesper!$R$2:$R$366,ROW(INDEX(Jesper!AL$2:AL$366,ROUNDDOWN($C4768/24,0)+1,1))-1)+IF('Standard Profiles'!$G$22=$B$10,7,0)+IF('Standard Profiles'!$G$22=$B$17,14,0)+IF('Standard Profiles'!$G$22=$B$24,21,0),0)),0)</f>
        <v>0</v>
      </c>
      <c r="I4768">
        <f t="shared" si="531"/>
        <v>0</v>
      </c>
      <c r="J4768">
        <f t="shared" si="532"/>
        <v>5.8000544126373299</v>
      </c>
      <c r="K4768">
        <f t="shared" si="533"/>
        <v>0.52023332752748197</v>
      </c>
      <c r="L4768">
        <f t="shared" si="534"/>
        <v>0.26011666376374099</v>
      </c>
      <c r="M4768">
        <f t="shared" si="535"/>
        <v>0</v>
      </c>
      <c r="N4768" s="45">
        <f t="shared" si="536"/>
        <v>45124.249999988519</v>
      </c>
    </row>
    <row r="4769" spans="2:14" x14ac:dyDescent="0.25">
      <c r="B4769">
        <f t="shared" si="530"/>
        <v>1</v>
      </c>
      <c r="C4769" s="16">
        <v>4735</v>
      </c>
      <c r="D4769" cm="1">
        <f t="array" ref="D4769">IFERROR(INDEX(Jesper!AH$2:AH$366,ROUNDDOWN($C4769/24,0)+1,1)*INDEX($D$3:$AA$30,INDEX(Jesper!$R$2:$R$366,ROW(INDEX(Jesper!AH$2:AH$366,ROUNDDOWN($C4769/24,0)+1,1))-1)+IF('Standard Profiles'!$G$18=$B$10,7,0)+IF('Standard Profiles'!$G$18=$B$17,14,0)+IF('Standard Profiles'!$G$18=$B$24,21,0),MOD($C4769,24)+1)/SUM(INDEX($D$3:$AA$30,INDEX(Jesper!$R$2:$R$366,ROW(INDEX(Jesper!AH$2:AH$366,ROUNDDOWN($C4769/24,0)+1,1))-1)+IF('Standard Profiles'!$G$18=$B$10,7,0)+IF('Standard Profiles'!$G$18=$B$17,14,0)+IF('Standard Profiles'!$G$18=$B$24,21,0),0)),0)</f>
        <v>20.776818518128806</v>
      </c>
      <c r="E4769" cm="1">
        <f t="array" ref="E4769">IFERROR(INDEX(Jesper!AI$2:AI$366,ROUNDDOWN($C4769/24,0)+1,1)*INDEX($D$3:$AA$30,INDEX(Jesper!$R$2:$R$366,ROW(INDEX(Jesper!AI$2:AI$366,ROUNDDOWN($C4769/24,0)+1,1))-1)+IF('Standard Profiles'!$G$19=$B$10,7,0)+IF('Standard Profiles'!$G$19=$B$17,14,0)+IF('Standard Profiles'!$G$19=$B$24,21,0),MOD($C4769,24)+1)/SUM(INDEX($D$3:$AA$30,INDEX(Jesper!$R$2:$R$366,ROW(INDEX(Jesper!AI$2:AI$366,ROUNDDOWN($C4769/24,0)+1,1))-1)+IF('Standard Profiles'!$G$19=$B$10,7,0)+IF('Standard Profiles'!$G$19=$B$17,14,0)+IF('Standard Profiles'!$G$19=$B$24,21,0),0)),0)</f>
        <v>7.2557042426068241</v>
      </c>
      <c r="F4769" cm="1">
        <f t="array" ref="F4769">IFERROR(INDEX(Jesper!AJ$2:AJ$366,ROUNDDOWN($C4769/24,0)+1,1)*INDEX($D$3:$AA$30,INDEX(Jesper!$R$2:$R$366,ROW(INDEX(Jesper!AJ$2:AJ$366,ROUNDDOWN($C4769/24,0)+1,1))-1)+IF('Standard Profiles'!$G$20=$B$10,7,0)+IF('Standard Profiles'!$G$20=$B$17,14,0)+IF('Standard Profiles'!$G$20=$B$24,21,0),MOD($C4769,24)+1)/SUM(INDEX($D$3:$AA$30,INDEX(Jesper!$R$2:$R$366,ROW(INDEX(Jesper!AJ$2:AJ$366,ROUNDDOWN($C4769/24,0)+1,1))-1)+IF('Standard Profiles'!$G$20=$B$10,7,0)+IF('Standard Profiles'!$G$20=$B$17,14,0)+IF('Standard Profiles'!$G$20=$B$24,21,0),0)),0)</f>
        <v>0</v>
      </c>
      <c r="G4769" cm="1">
        <f t="array" ref="G4769">IFERROR(INDEX(Jesper!AK$2:AK$366,ROUNDDOWN($C4769/24,0)+1,1)*INDEX($D$3:$AA$30,INDEX(Jesper!$R$2:$R$366,ROW(INDEX(Jesper!AK$2:AK$366,ROUNDDOWN($C4769/24,0)+1,1))-1)+IF('Standard Profiles'!$G$21=$B$10,7,0)+IF('Standard Profiles'!$G$21=$B$17,14,0)+IF('Standard Profiles'!$G$21=$B$24,21,0),MOD($C4769,24)+1)/SUM(INDEX($D$3:$AA$30,INDEX(Jesper!$R$2:$R$366,ROW(INDEX(Jesper!AK$2:AK$366,ROUNDDOWN($C4769/24,0)+1,1))-1)+IF('Standard Profiles'!$G$21=$B$10,7,0)+IF('Standard Profiles'!$G$21=$B$17,14,0)+IF('Standard Profiles'!$G$21=$B$24,21,0),0)),0)</f>
        <v>0</v>
      </c>
      <c r="H4769" cm="1">
        <f t="array" ref="H4769">IFERROR(INDEX(Jesper!AL$2:AL$366,ROUNDDOWN($C4769/24,0)+1,1)*INDEX($D$3:$AA$30,INDEX(Jesper!$R$2:$R$366,ROW(INDEX(Jesper!AL$2:AL$366,ROUNDDOWN($C4769/24,0)+1,1))-1)+IF('Standard Profiles'!$G$22=$B$10,7,0)+IF('Standard Profiles'!$G$22=$B$17,14,0)+IF('Standard Profiles'!$G$22=$B$24,21,0),MOD($C4769,24)+1)/SUM(INDEX($D$3:$AA$30,INDEX(Jesper!$R$2:$R$366,ROW(INDEX(Jesper!AL$2:AL$366,ROUNDDOWN($C4769/24,0)+1,1))-1)+IF('Standard Profiles'!$G$22=$B$10,7,0)+IF('Standard Profiles'!$G$22=$B$17,14,0)+IF('Standard Profiles'!$G$22=$B$24,21,0),0)),0)</f>
        <v>0</v>
      </c>
      <c r="I4769">
        <f t="shared" si="531"/>
        <v>0</v>
      </c>
      <c r="J4769">
        <f t="shared" si="532"/>
        <v>24.708231797835023</v>
      </c>
      <c r="K4769">
        <f t="shared" si="533"/>
        <v>2.216193975267073</v>
      </c>
      <c r="L4769">
        <f t="shared" si="534"/>
        <v>1.1080969876335365</v>
      </c>
      <c r="M4769">
        <f t="shared" si="535"/>
        <v>0</v>
      </c>
      <c r="N4769" s="45">
        <f t="shared" si="536"/>
        <v>45124.291666655183</v>
      </c>
    </row>
    <row r="4770" spans="2:14" x14ac:dyDescent="0.25">
      <c r="B4770">
        <f t="shared" si="530"/>
        <v>1</v>
      </c>
      <c r="C4770" s="16">
        <v>4736</v>
      </c>
      <c r="D4770" cm="1">
        <f t="array" ref="D4770">IFERROR(INDEX(Jesper!AH$2:AH$366,ROUNDDOWN($C4770/24,0)+1,1)*INDEX($D$3:$AA$30,INDEX(Jesper!$R$2:$R$366,ROW(INDEX(Jesper!AH$2:AH$366,ROUNDDOWN($C4770/24,0)+1,1))-1)+IF('Standard Profiles'!$G$18=$B$10,7,0)+IF('Standard Profiles'!$G$18=$B$17,14,0)+IF('Standard Profiles'!$G$18=$B$24,21,0),MOD($C4770,24)+1)/SUM(INDEX($D$3:$AA$30,INDEX(Jesper!$R$2:$R$366,ROW(INDEX(Jesper!AH$2:AH$366,ROUNDDOWN($C4770/24,0)+1,1))-1)+IF('Standard Profiles'!$G$18=$B$10,7,0)+IF('Standard Profiles'!$G$18=$B$17,14,0)+IF('Standard Profiles'!$G$18=$B$24,21,0),0)),0)</f>
        <v>23.37392083289491</v>
      </c>
      <c r="E4770" cm="1">
        <f t="array" ref="E4770">IFERROR(INDEX(Jesper!AI$2:AI$366,ROUNDDOWN($C4770/24,0)+1,1)*INDEX($D$3:$AA$30,INDEX(Jesper!$R$2:$R$366,ROW(INDEX(Jesper!AI$2:AI$366,ROUNDDOWN($C4770/24,0)+1,1))-1)+IF('Standard Profiles'!$G$19=$B$10,7,0)+IF('Standard Profiles'!$G$19=$B$17,14,0)+IF('Standard Profiles'!$G$19=$B$24,21,0),MOD($C4770,24)+1)/SUM(INDEX($D$3:$AA$30,INDEX(Jesper!$R$2:$R$366,ROW(INDEX(Jesper!AI$2:AI$366,ROUNDDOWN($C4770/24,0)+1,1))-1)+IF('Standard Profiles'!$G$19=$B$10,7,0)+IF('Standard Profiles'!$G$19=$B$17,14,0)+IF('Standard Profiles'!$G$19=$B$24,21,0),0)),0)</f>
        <v>8.1626672729326764</v>
      </c>
      <c r="F4770" cm="1">
        <f t="array" ref="F4770">IFERROR(INDEX(Jesper!AJ$2:AJ$366,ROUNDDOWN($C4770/24,0)+1,1)*INDEX($D$3:$AA$30,INDEX(Jesper!$R$2:$R$366,ROW(INDEX(Jesper!AJ$2:AJ$366,ROUNDDOWN($C4770/24,0)+1,1))-1)+IF('Standard Profiles'!$G$20=$B$10,7,0)+IF('Standard Profiles'!$G$20=$B$17,14,0)+IF('Standard Profiles'!$G$20=$B$24,21,0),MOD($C4770,24)+1)/SUM(INDEX($D$3:$AA$30,INDEX(Jesper!$R$2:$R$366,ROW(INDEX(Jesper!AJ$2:AJ$366,ROUNDDOWN($C4770/24,0)+1,1))-1)+IF('Standard Profiles'!$G$20=$B$10,7,0)+IF('Standard Profiles'!$G$20=$B$17,14,0)+IF('Standard Profiles'!$G$20=$B$24,21,0),0)),0)</f>
        <v>0</v>
      </c>
      <c r="G4770" cm="1">
        <f t="array" ref="G4770">IFERROR(INDEX(Jesper!AK$2:AK$366,ROUNDDOWN($C4770/24,0)+1,1)*INDEX($D$3:$AA$30,INDEX(Jesper!$R$2:$R$366,ROW(INDEX(Jesper!AK$2:AK$366,ROUNDDOWN($C4770/24,0)+1,1))-1)+IF('Standard Profiles'!$G$21=$B$10,7,0)+IF('Standard Profiles'!$G$21=$B$17,14,0)+IF('Standard Profiles'!$G$21=$B$24,21,0),MOD($C4770,24)+1)/SUM(INDEX($D$3:$AA$30,INDEX(Jesper!$R$2:$R$366,ROW(INDEX(Jesper!AK$2:AK$366,ROUNDDOWN($C4770/24,0)+1,1))-1)+IF('Standard Profiles'!$G$21=$B$10,7,0)+IF('Standard Profiles'!$G$21=$B$17,14,0)+IF('Standard Profiles'!$G$21=$B$24,21,0),0)),0)</f>
        <v>0</v>
      </c>
      <c r="H4770" cm="1">
        <f t="array" ref="H4770">IFERROR(INDEX(Jesper!AL$2:AL$366,ROUNDDOWN($C4770/24,0)+1,1)*INDEX($D$3:$AA$30,INDEX(Jesper!$R$2:$R$366,ROW(INDEX(Jesper!AL$2:AL$366,ROUNDDOWN($C4770/24,0)+1,1))-1)+IF('Standard Profiles'!$G$22=$B$10,7,0)+IF('Standard Profiles'!$G$22=$B$17,14,0)+IF('Standard Profiles'!$G$22=$B$24,21,0),MOD($C4770,24)+1)/SUM(INDEX($D$3:$AA$30,INDEX(Jesper!$R$2:$R$366,ROW(INDEX(Jesper!AL$2:AL$366,ROUNDDOWN($C4770/24,0)+1,1))-1)+IF('Standard Profiles'!$G$22=$B$10,7,0)+IF('Standard Profiles'!$G$22=$B$17,14,0)+IF('Standard Profiles'!$G$22=$B$24,21,0),0)),0)</f>
        <v>0</v>
      </c>
      <c r="I4770">
        <f t="shared" si="531"/>
        <v>0</v>
      </c>
      <c r="J4770">
        <f t="shared" si="532"/>
        <v>27.796760772564401</v>
      </c>
      <c r="K4770">
        <f t="shared" si="533"/>
        <v>2.4932182221754573</v>
      </c>
      <c r="L4770">
        <f t="shared" si="534"/>
        <v>1.2466091110877286</v>
      </c>
      <c r="M4770">
        <f t="shared" si="535"/>
        <v>0</v>
      </c>
      <c r="N4770" s="45">
        <f t="shared" si="536"/>
        <v>45124.333333321847</v>
      </c>
    </row>
    <row r="4771" spans="2:14" x14ac:dyDescent="0.25">
      <c r="B4771">
        <f t="shared" ref="B4771:B4834" si="537">WEEKDAY(N4771,2)</f>
        <v>1</v>
      </c>
      <c r="C4771" s="16">
        <v>4737</v>
      </c>
      <c r="D4771" cm="1">
        <f t="array" ref="D4771">IFERROR(INDEX(Jesper!AH$2:AH$366,ROUNDDOWN($C4771/24,0)+1,1)*INDEX($D$3:$AA$30,INDEX(Jesper!$R$2:$R$366,ROW(INDEX(Jesper!AH$2:AH$366,ROUNDDOWN($C4771/24,0)+1,1))-1)+IF('Standard Profiles'!$G$18=$B$10,7,0)+IF('Standard Profiles'!$G$18=$B$17,14,0)+IF('Standard Profiles'!$G$18=$B$24,21,0),MOD($C4771,24)+1)/SUM(INDEX($D$3:$AA$30,INDEX(Jesper!$R$2:$R$366,ROW(INDEX(Jesper!AH$2:AH$366,ROUNDDOWN($C4771/24,0)+1,1))-1)+IF('Standard Profiles'!$G$18=$B$10,7,0)+IF('Standard Profiles'!$G$18=$B$17,14,0)+IF('Standard Profiles'!$G$18=$B$24,21,0),0)),0)</f>
        <v>25.971023147661011</v>
      </c>
      <c r="E4771" cm="1">
        <f t="array" ref="E4771">IFERROR(INDEX(Jesper!AI$2:AI$366,ROUNDDOWN($C4771/24,0)+1,1)*INDEX($D$3:$AA$30,INDEX(Jesper!$R$2:$R$366,ROW(INDEX(Jesper!AI$2:AI$366,ROUNDDOWN($C4771/24,0)+1,1))-1)+IF('Standard Profiles'!$G$19=$B$10,7,0)+IF('Standard Profiles'!$G$19=$B$17,14,0)+IF('Standard Profiles'!$G$19=$B$24,21,0),MOD($C4771,24)+1)/SUM(INDEX($D$3:$AA$30,INDEX(Jesper!$R$2:$R$366,ROW(INDEX(Jesper!AI$2:AI$366,ROUNDDOWN($C4771/24,0)+1,1))-1)+IF('Standard Profiles'!$G$19=$B$10,7,0)+IF('Standard Profiles'!$G$19=$B$17,14,0)+IF('Standard Profiles'!$G$19=$B$24,21,0),0)),0)</f>
        <v>9.0696303032585313</v>
      </c>
      <c r="F4771" cm="1">
        <f t="array" ref="F4771">IFERROR(INDEX(Jesper!AJ$2:AJ$366,ROUNDDOWN($C4771/24,0)+1,1)*INDEX($D$3:$AA$30,INDEX(Jesper!$R$2:$R$366,ROW(INDEX(Jesper!AJ$2:AJ$366,ROUNDDOWN($C4771/24,0)+1,1))-1)+IF('Standard Profiles'!$G$20=$B$10,7,0)+IF('Standard Profiles'!$G$20=$B$17,14,0)+IF('Standard Profiles'!$G$20=$B$24,21,0),MOD($C4771,24)+1)/SUM(INDEX($D$3:$AA$30,INDEX(Jesper!$R$2:$R$366,ROW(INDEX(Jesper!AJ$2:AJ$366,ROUNDDOWN($C4771/24,0)+1,1))-1)+IF('Standard Profiles'!$G$20=$B$10,7,0)+IF('Standard Profiles'!$G$20=$B$17,14,0)+IF('Standard Profiles'!$G$20=$B$24,21,0),0)),0)</f>
        <v>0</v>
      </c>
      <c r="G4771" cm="1">
        <f t="array" ref="G4771">IFERROR(INDEX(Jesper!AK$2:AK$366,ROUNDDOWN($C4771/24,0)+1,1)*INDEX($D$3:$AA$30,INDEX(Jesper!$R$2:$R$366,ROW(INDEX(Jesper!AK$2:AK$366,ROUNDDOWN($C4771/24,0)+1,1))-1)+IF('Standard Profiles'!$G$21=$B$10,7,0)+IF('Standard Profiles'!$G$21=$B$17,14,0)+IF('Standard Profiles'!$G$21=$B$24,21,0),MOD($C4771,24)+1)/SUM(INDEX($D$3:$AA$30,INDEX(Jesper!$R$2:$R$366,ROW(INDEX(Jesper!AK$2:AK$366,ROUNDDOWN($C4771/24,0)+1,1))-1)+IF('Standard Profiles'!$G$21=$B$10,7,0)+IF('Standard Profiles'!$G$21=$B$17,14,0)+IF('Standard Profiles'!$G$21=$B$24,21,0),0)),0)</f>
        <v>0</v>
      </c>
      <c r="H4771" cm="1">
        <f t="array" ref="H4771">IFERROR(INDEX(Jesper!AL$2:AL$366,ROUNDDOWN($C4771/24,0)+1,1)*INDEX($D$3:$AA$30,INDEX(Jesper!$R$2:$R$366,ROW(INDEX(Jesper!AL$2:AL$366,ROUNDDOWN($C4771/24,0)+1,1))-1)+IF('Standard Profiles'!$G$22=$B$10,7,0)+IF('Standard Profiles'!$G$22=$B$17,14,0)+IF('Standard Profiles'!$G$22=$B$24,21,0),MOD($C4771,24)+1)/SUM(INDEX($D$3:$AA$30,INDEX(Jesper!$R$2:$R$366,ROW(INDEX(Jesper!AL$2:AL$366,ROUNDDOWN($C4771/24,0)+1,1))-1)+IF('Standard Profiles'!$G$22=$B$10,7,0)+IF('Standard Profiles'!$G$22=$B$17,14,0)+IF('Standard Profiles'!$G$22=$B$24,21,0),0)),0)</f>
        <v>0</v>
      </c>
      <c r="I4771">
        <f t="shared" ref="I4771:I4834" si="538">IF($B4771&lt;6,AC$37*$D4771+AC$38*$E4771+AC$39*$F4771+AC$40*$G4771,AC$46*$D4771+AC$47*$E4771+AC$48*$F4771+AC$49*$G4771+AC$50*$H4771)</f>
        <v>0</v>
      </c>
      <c r="J4771">
        <f t="shared" ref="J4771:J4834" si="539">IF($B4771&lt;6,AD$37*$D4771+AD$38*$E4771+AD$39*$F4771+AD$40*$G4771,AD$46*$D4771+AD$47*$E4771+AD$48*$F4771+AD$49*$G4771+AD$50*$H4771)</f>
        <v>30.885289747293779</v>
      </c>
      <c r="K4771">
        <f t="shared" ref="K4771:K4834" si="540">IF($B4771&lt;6,AE$37*$D4771+AE$38*$E4771+AE$39*$F4771+AE$40*$G4771,AE$46*$D4771+AE$47*$E4771+AE$48*$F4771+AE$49*$G4771+AE$50*$H4771)</f>
        <v>2.7702424690838412</v>
      </c>
      <c r="L4771">
        <f t="shared" ref="L4771:L4834" si="541">IF($B4771&lt;6,AF$37*$D4771+AF$38*$E4771+AF$39*$F4771+AF$40*$G4771,AF$46*$D4771+AF$47*$E4771+AF$48*$F4771+AF$49*$G4771+AF$50*$H4771)</f>
        <v>1.3851212345419206</v>
      </c>
      <c r="M4771">
        <f t="shared" ref="M4771:M4834" si="542">IF($B4771&lt;6,AG$37*$D4771+AG$38*$E4771+AG$39*$F4771+AG$40*$G4771,AG$46*$D4771+AG$47*$E4771+AG$48*$F4771+AG$49*$G4771+AG$50*$H4771)</f>
        <v>0</v>
      </c>
      <c r="N4771" s="45">
        <f t="shared" si="536"/>
        <v>45124.374999988511</v>
      </c>
    </row>
    <row r="4772" spans="2:14" x14ac:dyDescent="0.25">
      <c r="B4772">
        <f t="shared" si="537"/>
        <v>1</v>
      </c>
      <c r="C4772" s="16">
        <v>4738</v>
      </c>
      <c r="D4772" cm="1">
        <f t="array" ref="D4772">IFERROR(INDEX(Jesper!AH$2:AH$366,ROUNDDOWN($C4772/24,0)+1,1)*INDEX($D$3:$AA$30,INDEX(Jesper!$R$2:$R$366,ROW(INDEX(Jesper!AH$2:AH$366,ROUNDDOWN($C4772/24,0)+1,1))-1)+IF('Standard Profiles'!$G$18=$B$10,7,0)+IF('Standard Profiles'!$G$18=$B$17,14,0)+IF('Standard Profiles'!$G$18=$B$24,21,0),MOD($C4772,24)+1)/SUM(INDEX($D$3:$AA$30,INDEX(Jesper!$R$2:$R$366,ROW(INDEX(Jesper!AH$2:AH$366,ROUNDDOWN($C4772/24,0)+1,1))-1)+IF('Standard Profiles'!$G$18=$B$10,7,0)+IF('Standard Profiles'!$G$18=$B$17,14,0)+IF('Standard Profiles'!$G$18=$B$24,21,0),0)),0)</f>
        <v>25.971023147661011</v>
      </c>
      <c r="E4772" cm="1">
        <f t="array" ref="E4772">IFERROR(INDEX(Jesper!AI$2:AI$366,ROUNDDOWN($C4772/24,0)+1,1)*INDEX($D$3:$AA$30,INDEX(Jesper!$R$2:$R$366,ROW(INDEX(Jesper!AI$2:AI$366,ROUNDDOWN($C4772/24,0)+1,1))-1)+IF('Standard Profiles'!$G$19=$B$10,7,0)+IF('Standard Profiles'!$G$19=$B$17,14,0)+IF('Standard Profiles'!$G$19=$B$24,21,0),MOD($C4772,24)+1)/SUM(INDEX($D$3:$AA$30,INDEX(Jesper!$R$2:$R$366,ROW(INDEX(Jesper!AI$2:AI$366,ROUNDDOWN($C4772/24,0)+1,1))-1)+IF('Standard Profiles'!$G$19=$B$10,7,0)+IF('Standard Profiles'!$G$19=$B$17,14,0)+IF('Standard Profiles'!$G$19=$B$24,21,0),0)),0)</f>
        <v>9.0696303032585313</v>
      </c>
      <c r="F4772" cm="1">
        <f t="array" ref="F4772">IFERROR(INDEX(Jesper!AJ$2:AJ$366,ROUNDDOWN($C4772/24,0)+1,1)*INDEX($D$3:$AA$30,INDEX(Jesper!$R$2:$R$366,ROW(INDEX(Jesper!AJ$2:AJ$366,ROUNDDOWN($C4772/24,0)+1,1))-1)+IF('Standard Profiles'!$G$20=$B$10,7,0)+IF('Standard Profiles'!$G$20=$B$17,14,0)+IF('Standard Profiles'!$G$20=$B$24,21,0),MOD($C4772,24)+1)/SUM(INDEX($D$3:$AA$30,INDEX(Jesper!$R$2:$R$366,ROW(INDEX(Jesper!AJ$2:AJ$366,ROUNDDOWN($C4772/24,0)+1,1))-1)+IF('Standard Profiles'!$G$20=$B$10,7,0)+IF('Standard Profiles'!$G$20=$B$17,14,0)+IF('Standard Profiles'!$G$20=$B$24,21,0),0)),0)</f>
        <v>0</v>
      </c>
      <c r="G4772" cm="1">
        <f t="array" ref="G4772">IFERROR(INDEX(Jesper!AK$2:AK$366,ROUNDDOWN($C4772/24,0)+1,1)*INDEX($D$3:$AA$30,INDEX(Jesper!$R$2:$R$366,ROW(INDEX(Jesper!AK$2:AK$366,ROUNDDOWN($C4772/24,0)+1,1))-1)+IF('Standard Profiles'!$G$21=$B$10,7,0)+IF('Standard Profiles'!$G$21=$B$17,14,0)+IF('Standard Profiles'!$G$21=$B$24,21,0),MOD($C4772,24)+1)/SUM(INDEX($D$3:$AA$30,INDEX(Jesper!$R$2:$R$366,ROW(INDEX(Jesper!AK$2:AK$366,ROUNDDOWN($C4772/24,0)+1,1))-1)+IF('Standard Profiles'!$G$21=$B$10,7,0)+IF('Standard Profiles'!$G$21=$B$17,14,0)+IF('Standard Profiles'!$G$21=$B$24,21,0),0)),0)</f>
        <v>0</v>
      </c>
      <c r="H4772" cm="1">
        <f t="array" ref="H4772">IFERROR(INDEX(Jesper!AL$2:AL$366,ROUNDDOWN($C4772/24,0)+1,1)*INDEX($D$3:$AA$30,INDEX(Jesper!$R$2:$R$366,ROW(INDEX(Jesper!AL$2:AL$366,ROUNDDOWN($C4772/24,0)+1,1))-1)+IF('Standard Profiles'!$G$22=$B$10,7,0)+IF('Standard Profiles'!$G$22=$B$17,14,0)+IF('Standard Profiles'!$G$22=$B$24,21,0),MOD($C4772,24)+1)/SUM(INDEX($D$3:$AA$30,INDEX(Jesper!$R$2:$R$366,ROW(INDEX(Jesper!AL$2:AL$366,ROUNDDOWN($C4772/24,0)+1,1))-1)+IF('Standard Profiles'!$G$22=$B$10,7,0)+IF('Standard Profiles'!$G$22=$B$17,14,0)+IF('Standard Profiles'!$G$22=$B$24,21,0),0)),0)</f>
        <v>0</v>
      </c>
      <c r="I4772">
        <f t="shared" si="538"/>
        <v>0</v>
      </c>
      <c r="J4772">
        <f t="shared" si="539"/>
        <v>30.885289747293779</v>
      </c>
      <c r="K4772">
        <f t="shared" si="540"/>
        <v>2.7702424690838412</v>
      </c>
      <c r="L4772">
        <f t="shared" si="541"/>
        <v>1.3851212345419206</v>
      </c>
      <c r="M4772">
        <f t="shared" si="542"/>
        <v>0</v>
      </c>
      <c r="N4772" s="45">
        <f t="shared" ref="N4772:N4835" si="543">N4771+1/24</f>
        <v>45124.416666655176</v>
      </c>
    </row>
    <row r="4773" spans="2:14" x14ac:dyDescent="0.25">
      <c r="B4773">
        <f t="shared" si="537"/>
        <v>1</v>
      </c>
      <c r="C4773" s="16">
        <v>4739</v>
      </c>
      <c r="D4773" cm="1">
        <f t="array" ref="D4773">IFERROR(INDEX(Jesper!AH$2:AH$366,ROUNDDOWN($C4773/24,0)+1,1)*INDEX($D$3:$AA$30,INDEX(Jesper!$R$2:$R$366,ROW(INDEX(Jesper!AH$2:AH$366,ROUNDDOWN($C4773/24,0)+1,1))-1)+IF('Standard Profiles'!$G$18=$B$10,7,0)+IF('Standard Profiles'!$G$18=$B$17,14,0)+IF('Standard Profiles'!$G$18=$B$24,21,0),MOD($C4773,24)+1)/SUM(INDEX($D$3:$AA$30,INDEX(Jesper!$R$2:$R$366,ROW(INDEX(Jesper!AH$2:AH$366,ROUNDDOWN($C4773/24,0)+1,1))-1)+IF('Standard Profiles'!$G$18=$B$10,7,0)+IF('Standard Profiles'!$G$18=$B$17,14,0)+IF('Standard Profiles'!$G$18=$B$24,21,0),0)),0)</f>
        <v>31.165227777193209</v>
      </c>
      <c r="E4773" cm="1">
        <f t="array" ref="E4773">IFERROR(INDEX(Jesper!AI$2:AI$366,ROUNDDOWN($C4773/24,0)+1,1)*INDEX($D$3:$AA$30,INDEX(Jesper!$R$2:$R$366,ROW(INDEX(Jesper!AI$2:AI$366,ROUNDDOWN($C4773/24,0)+1,1))-1)+IF('Standard Profiles'!$G$19=$B$10,7,0)+IF('Standard Profiles'!$G$19=$B$17,14,0)+IF('Standard Profiles'!$G$19=$B$24,21,0),MOD($C4773,24)+1)/SUM(INDEX($D$3:$AA$30,INDEX(Jesper!$R$2:$R$366,ROW(INDEX(Jesper!AI$2:AI$366,ROUNDDOWN($C4773/24,0)+1,1))-1)+IF('Standard Profiles'!$G$19=$B$10,7,0)+IF('Standard Profiles'!$G$19=$B$17,14,0)+IF('Standard Profiles'!$G$19=$B$24,21,0),0)),0)</f>
        <v>10.883556363910236</v>
      </c>
      <c r="F4773" cm="1">
        <f t="array" ref="F4773">IFERROR(INDEX(Jesper!AJ$2:AJ$366,ROUNDDOWN($C4773/24,0)+1,1)*INDEX($D$3:$AA$30,INDEX(Jesper!$R$2:$R$366,ROW(INDEX(Jesper!AJ$2:AJ$366,ROUNDDOWN($C4773/24,0)+1,1))-1)+IF('Standard Profiles'!$G$20=$B$10,7,0)+IF('Standard Profiles'!$G$20=$B$17,14,0)+IF('Standard Profiles'!$G$20=$B$24,21,0),MOD($C4773,24)+1)/SUM(INDEX($D$3:$AA$30,INDEX(Jesper!$R$2:$R$366,ROW(INDEX(Jesper!AJ$2:AJ$366,ROUNDDOWN($C4773/24,0)+1,1))-1)+IF('Standard Profiles'!$G$20=$B$10,7,0)+IF('Standard Profiles'!$G$20=$B$17,14,0)+IF('Standard Profiles'!$G$20=$B$24,21,0),0)),0)</f>
        <v>0</v>
      </c>
      <c r="G4773" cm="1">
        <f t="array" ref="G4773">IFERROR(INDEX(Jesper!AK$2:AK$366,ROUNDDOWN($C4773/24,0)+1,1)*INDEX($D$3:$AA$30,INDEX(Jesper!$R$2:$R$366,ROW(INDEX(Jesper!AK$2:AK$366,ROUNDDOWN($C4773/24,0)+1,1))-1)+IF('Standard Profiles'!$G$21=$B$10,7,0)+IF('Standard Profiles'!$G$21=$B$17,14,0)+IF('Standard Profiles'!$G$21=$B$24,21,0),MOD($C4773,24)+1)/SUM(INDEX($D$3:$AA$30,INDEX(Jesper!$R$2:$R$366,ROW(INDEX(Jesper!AK$2:AK$366,ROUNDDOWN($C4773/24,0)+1,1))-1)+IF('Standard Profiles'!$G$21=$B$10,7,0)+IF('Standard Profiles'!$G$21=$B$17,14,0)+IF('Standard Profiles'!$G$21=$B$24,21,0),0)),0)</f>
        <v>0</v>
      </c>
      <c r="H4773" cm="1">
        <f t="array" ref="H4773">IFERROR(INDEX(Jesper!AL$2:AL$366,ROUNDDOWN($C4773/24,0)+1,1)*INDEX($D$3:$AA$30,INDEX(Jesper!$R$2:$R$366,ROW(INDEX(Jesper!AL$2:AL$366,ROUNDDOWN($C4773/24,0)+1,1))-1)+IF('Standard Profiles'!$G$22=$B$10,7,0)+IF('Standard Profiles'!$G$22=$B$17,14,0)+IF('Standard Profiles'!$G$22=$B$24,21,0),MOD($C4773,24)+1)/SUM(INDEX($D$3:$AA$30,INDEX(Jesper!$R$2:$R$366,ROW(INDEX(Jesper!AL$2:AL$366,ROUNDDOWN($C4773/24,0)+1,1))-1)+IF('Standard Profiles'!$G$22=$B$10,7,0)+IF('Standard Profiles'!$G$22=$B$17,14,0)+IF('Standard Profiles'!$G$22=$B$24,21,0),0)),0)</f>
        <v>0</v>
      </c>
      <c r="I4773">
        <f t="shared" si="538"/>
        <v>0</v>
      </c>
      <c r="J4773">
        <f t="shared" si="539"/>
        <v>37.062347696752532</v>
      </c>
      <c r="K4773">
        <f t="shared" si="540"/>
        <v>3.324290962900609</v>
      </c>
      <c r="L4773">
        <f t="shared" si="541"/>
        <v>1.6621454814503045</v>
      </c>
      <c r="M4773">
        <f t="shared" si="542"/>
        <v>0</v>
      </c>
      <c r="N4773" s="45">
        <f t="shared" si="543"/>
        <v>45124.45833332184</v>
      </c>
    </row>
    <row r="4774" spans="2:14" x14ac:dyDescent="0.25">
      <c r="B4774">
        <f t="shared" si="537"/>
        <v>1</v>
      </c>
      <c r="C4774" s="16">
        <v>4740</v>
      </c>
      <c r="D4774" cm="1">
        <f t="array" ref="D4774">IFERROR(INDEX(Jesper!AH$2:AH$366,ROUNDDOWN($C4774/24,0)+1,1)*INDEX($D$3:$AA$30,INDEX(Jesper!$R$2:$R$366,ROW(INDEX(Jesper!AH$2:AH$366,ROUNDDOWN($C4774/24,0)+1,1))-1)+IF('Standard Profiles'!$G$18=$B$10,7,0)+IF('Standard Profiles'!$G$18=$B$17,14,0)+IF('Standard Profiles'!$G$18=$B$24,21,0),MOD($C4774,24)+1)/SUM(INDEX($D$3:$AA$30,INDEX(Jesper!$R$2:$R$366,ROW(INDEX(Jesper!AH$2:AH$366,ROUNDDOWN($C4774/24,0)+1,1))-1)+IF('Standard Profiles'!$G$18=$B$10,7,0)+IF('Standard Profiles'!$G$18=$B$17,14,0)+IF('Standard Profiles'!$G$18=$B$24,21,0),0)),0)</f>
        <v>31.165227777193209</v>
      </c>
      <c r="E4774" cm="1">
        <f t="array" ref="E4774">IFERROR(INDEX(Jesper!AI$2:AI$366,ROUNDDOWN($C4774/24,0)+1,1)*INDEX($D$3:$AA$30,INDEX(Jesper!$R$2:$R$366,ROW(INDEX(Jesper!AI$2:AI$366,ROUNDDOWN($C4774/24,0)+1,1))-1)+IF('Standard Profiles'!$G$19=$B$10,7,0)+IF('Standard Profiles'!$G$19=$B$17,14,0)+IF('Standard Profiles'!$G$19=$B$24,21,0),MOD($C4774,24)+1)/SUM(INDEX($D$3:$AA$30,INDEX(Jesper!$R$2:$R$366,ROW(INDEX(Jesper!AI$2:AI$366,ROUNDDOWN($C4774/24,0)+1,1))-1)+IF('Standard Profiles'!$G$19=$B$10,7,0)+IF('Standard Profiles'!$G$19=$B$17,14,0)+IF('Standard Profiles'!$G$19=$B$24,21,0),0)),0)</f>
        <v>10.883556363910236</v>
      </c>
      <c r="F4774" cm="1">
        <f t="array" ref="F4774">IFERROR(INDEX(Jesper!AJ$2:AJ$366,ROUNDDOWN($C4774/24,0)+1,1)*INDEX($D$3:$AA$30,INDEX(Jesper!$R$2:$R$366,ROW(INDEX(Jesper!AJ$2:AJ$366,ROUNDDOWN($C4774/24,0)+1,1))-1)+IF('Standard Profiles'!$G$20=$B$10,7,0)+IF('Standard Profiles'!$G$20=$B$17,14,0)+IF('Standard Profiles'!$G$20=$B$24,21,0),MOD($C4774,24)+1)/SUM(INDEX($D$3:$AA$30,INDEX(Jesper!$R$2:$R$366,ROW(INDEX(Jesper!AJ$2:AJ$366,ROUNDDOWN($C4774/24,0)+1,1))-1)+IF('Standard Profiles'!$G$20=$B$10,7,0)+IF('Standard Profiles'!$G$20=$B$17,14,0)+IF('Standard Profiles'!$G$20=$B$24,21,0),0)),0)</f>
        <v>0</v>
      </c>
      <c r="G4774" cm="1">
        <f t="array" ref="G4774">IFERROR(INDEX(Jesper!AK$2:AK$366,ROUNDDOWN($C4774/24,0)+1,1)*INDEX($D$3:$AA$30,INDEX(Jesper!$R$2:$R$366,ROW(INDEX(Jesper!AK$2:AK$366,ROUNDDOWN($C4774/24,0)+1,1))-1)+IF('Standard Profiles'!$G$21=$B$10,7,0)+IF('Standard Profiles'!$G$21=$B$17,14,0)+IF('Standard Profiles'!$G$21=$B$24,21,0),MOD($C4774,24)+1)/SUM(INDEX($D$3:$AA$30,INDEX(Jesper!$R$2:$R$366,ROW(INDEX(Jesper!AK$2:AK$366,ROUNDDOWN($C4774/24,0)+1,1))-1)+IF('Standard Profiles'!$G$21=$B$10,7,0)+IF('Standard Profiles'!$G$21=$B$17,14,0)+IF('Standard Profiles'!$G$21=$B$24,21,0),0)),0)</f>
        <v>0</v>
      </c>
      <c r="H4774" cm="1">
        <f t="array" ref="H4774">IFERROR(INDEX(Jesper!AL$2:AL$366,ROUNDDOWN($C4774/24,0)+1,1)*INDEX($D$3:$AA$30,INDEX(Jesper!$R$2:$R$366,ROW(INDEX(Jesper!AL$2:AL$366,ROUNDDOWN($C4774/24,0)+1,1))-1)+IF('Standard Profiles'!$G$22=$B$10,7,0)+IF('Standard Profiles'!$G$22=$B$17,14,0)+IF('Standard Profiles'!$G$22=$B$24,21,0),MOD($C4774,24)+1)/SUM(INDEX($D$3:$AA$30,INDEX(Jesper!$R$2:$R$366,ROW(INDEX(Jesper!AL$2:AL$366,ROUNDDOWN($C4774/24,0)+1,1))-1)+IF('Standard Profiles'!$G$22=$B$10,7,0)+IF('Standard Profiles'!$G$22=$B$17,14,0)+IF('Standard Profiles'!$G$22=$B$24,21,0),0)),0)</f>
        <v>0</v>
      </c>
      <c r="I4774">
        <f t="shared" si="538"/>
        <v>0</v>
      </c>
      <c r="J4774">
        <f t="shared" si="539"/>
        <v>37.062347696752532</v>
      </c>
      <c r="K4774">
        <f t="shared" si="540"/>
        <v>3.324290962900609</v>
      </c>
      <c r="L4774">
        <f t="shared" si="541"/>
        <v>1.6621454814503045</v>
      </c>
      <c r="M4774">
        <f t="shared" si="542"/>
        <v>0</v>
      </c>
      <c r="N4774" s="45">
        <f t="shared" si="543"/>
        <v>45124.499999988504</v>
      </c>
    </row>
    <row r="4775" spans="2:14" x14ac:dyDescent="0.25">
      <c r="B4775">
        <f t="shared" si="537"/>
        <v>1</v>
      </c>
      <c r="C4775" s="16">
        <v>4741</v>
      </c>
      <c r="D4775" cm="1">
        <f t="array" ref="D4775">IFERROR(INDEX(Jesper!AH$2:AH$366,ROUNDDOWN($C4775/24,0)+1,1)*INDEX($D$3:$AA$30,INDEX(Jesper!$R$2:$R$366,ROW(INDEX(Jesper!AH$2:AH$366,ROUNDDOWN($C4775/24,0)+1,1))-1)+IF('Standard Profiles'!$G$18=$B$10,7,0)+IF('Standard Profiles'!$G$18=$B$17,14,0)+IF('Standard Profiles'!$G$18=$B$24,21,0),MOD($C4775,24)+1)/SUM(INDEX($D$3:$AA$30,INDEX(Jesper!$R$2:$R$366,ROW(INDEX(Jesper!AH$2:AH$366,ROUNDDOWN($C4775/24,0)+1,1))-1)+IF('Standard Profiles'!$G$18=$B$10,7,0)+IF('Standard Profiles'!$G$18=$B$17,14,0)+IF('Standard Profiles'!$G$18=$B$24,21,0),0)),0)</f>
        <v>20.776818518128806</v>
      </c>
      <c r="E4775" cm="1">
        <f t="array" ref="E4775">IFERROR(INDEX(Jesper!AI$2:AI$366,ROUNDDOWN($C4775/24,0)+1,1)*INDEX($D$3:$AA$30,INDEX(Jesper!$R$2:$R$366,ROW(INDEX(Jesper!AI$2:AI$366,ROUNDDOWN($C4775/24,0)+1,1))-1)+IF('Standard Profiles'!$G$19=$B$10,7,0)+IF('Standard Profiles'!$G$19=$B$17,14,0)+IF('Standard Profiles'!$G$19=$B$24,21,0),MOD($C4775,24)+1)/SUM(INDEX($D$3:$AA$30,INDEX(Jesper!$R$2:$R$366,ROW(INDEX(Jesper!AI$2:AI$366,ROUNDDOWN($C4775/24,0)+1,1))-1)+IF('Standard Profiles'!$G$19=$B$10,7,0)+IF('Standard Profiles'!$G$19=$B$17,14,0)+IF('Standard Profiles'!$G$19=$B$24,21,0),0)),0)</f>
        <v>7.2557042426068241</v>
      </c>
      <c r="F4775" cm="1">
        <f t="array" ref="F4775">IFERROR(INDEX(Jesper!AJ$2:AJ$366,ROUNDDOWN($C4775/24,0)+1,1)*INDEX($D$3:$AA$30,INDEX(Jesper!$R$2:$R$366,ROW(INDEX(Jesper!AJ$2:AJ$366,ROUNDDOWN($C4775/24,0)+1,1))-1)+IF('Standard Profiles'!$G$20=$B$10,7,0)+IF('Standard Profiles'!$G$20=$B$17,14,0)+IF('Standard Profiles'!$G$20=$B$24,21,0),MOD($C4775,24)+1)/SUM(INDEX($D$3:$AA$30,INDEX(Jesper!$R$2:$R$366,ROW(INDEX(Jesper!AJ$2:AJ$366,ROUNDDOWN($C4775/24,0)+1,1))-1)+IF('Standard Profiles'!$G$20=$B$10,7,0)+IF('Standard Profiles'!$G$20=$B$17,14,0)+IF('Standard Profiles'!$G$20=$B$24,21,0),0)),0)</f>
        <v>0</v>
      </c>
      <c r="G4775" cm="1">
        <f t="array" ref="G4775">IFERROR(INDEX(Jesper!AK$2:AK$366,ROUNDDOWN($C4775/24,0)+1,1)*INDEX($D$3:$AA$30,INDEX(Jesper!$R$2:$R$366,ROW(INDEX(Jesper!AK$2:AK$366,ROUNDDOWN($C4775/24,0)+1,1))-1)+IF('Standard Profiles'!$G$21=$B$10,7,0)+IF('Standard Profiles'!$G$21=$B$17,14,0)+IF('Standard Profiles'!$G$21=$B$24,21,0),MOD($C4775,24)+1)/SUM(INDEX($D$3:$AA$30,INDEX(Jesper!$R$2:$R$366,ROW(INDEX(Jesper!AK$2:AK$366,ROUNDDOWN($C4775/24,0)+1,1))-1)+IF('Standard Profiles'!$G$21=$B$10,7,0)+IF('Standard Profiles'!$G$21=$B$17,14,0)+IF('Standard Profiles'!$G$21=$B$24,21,0),0)),0)</f>
        <v>0</v>
      </c>
      <c r="H4775" cm="1">
        <f t="array" ref="H4775">IFERROR(INDEX(Jesper!AL$2:AL$366,ROUNDDOWN($C4775/24,0)+1,1)*INDEX($D$3:$AA$30,INDEX(Jesper!$R$2:$R$366,ROW(INDEX(Jesper!AL$2:AL$366,ROUNDDOWN($C4775/24,0)+1,1))-1)+IF('Standard Profiles'!$G$22=$B$10,7,0)+IF('Standard Profiles'!$G$22=$B$17,14,0)+IF('Standard Profiles'!$G$22=$B$24,21,0),MOD($C4775,24)+1)/SUM(INDEX($D$3:$AA$30,INDEX(Jesper!$R$2:$R$366,ROW(INDEX(Jesper!AL$2:AL$366,ROUNDDOWN($C4775/24,0)+1,1))-1)+IF('Standard Profiles'!$G$22=$B$10,7,0)+IF('Standard Profiles'!$G$22=$B$17,14,0)+IF('Standard Profiles'!$G$22=$B$24,21,0),0)),0)</f>
        <v>0</v>
      </c>
      <c r="I4775">
        <f t="shared" si="538"/>
        <v>0</v>
      </c>
      <c r="J4775">
        <f t="shared" si="539"/>
        <v>24.708231797835023</v>
      </c>
      <c r="K4775">
        <f t="shared" si="540"/>
        <v>2.216193975267073</v>
      </c>
      <c r="L4775">
        <f t="shared" si="541"/>
        <v>1.1080969876335365</v>
      </c>
      <c r="M4775">
        <f t="shared" si="542"/>
        <v>0</v>
      </c>
      <c r="N4775" s="45">
        <f t="shared" si="543"/>
        <v>45124.541666655168</v>
      </c>
    </row>
    <row r="4776" spans="2:14" x14ac:dyDescent="0.25">
      <c r="B4776">
        <f t="shared" si="537"/>
        <v>1</v>
      </c>
      <c r="C4776" s="16">
        <v>4742</v>
      </c>
      <c r="D4776" cm="1">
        <f t="array" ref="D4776">IFERROR(INDEX(Jesper!AH$2:AH$366,ROUNDDOWN($C4776/24,0)+1,1)*INDEX($D$3:$AA$30,INDEX(Jesper!$R$2:$R$366,ROW(INDEX(Jesper!AH$2:AH$366,ROUNDDOWN($C4776/24,0)+1,1))-1)+IF('Standard Profiles'!$G$18=$B$10,7,0)+IF('Standard Profiles'!$G$18=$B$17,14,0)+IF('Standard Profiles'!$G$18=$B$24,21,0),MOD($C4776,24)+1)/SUM(INDEX($D$3:$AA$30,INDEX(Jesper!$R$2:$R$366,ROW(INDEX(Jesper!AH$2:AH$366,ROUNDDOWN($C4776/24,0)+1,1))-1)+IF('Standard Profiles'!$G$18=$B$10,7,0)+IF('Standard Profiles'!$G$18=$B$17,14,0)+IF('Standard Profiles'!$G$18=$B$24,21,0),0)),0)</f>
        <v>31.165227777193209</v>
      </c>
      <c r="E4776" cm="1">
        <f t="array" ref="E4776">IFERROR(INDEX(Jesper!AI$2:AI$366,ROUNDDOWN($C4776/24,0)+1,1)*INDEX($D$3:$AA$30,INDEX(Jesper!$R$2:$R$366,ROW(INDEX(Jesper!AI$2:AI$366,ROUNDDOWN($C4776/24,0)+1,1))-1)+IF('Standard Profiles'!$G$19=$B$10,7,0)+IF('Standard Profiles'!$G$19=$B$17,14,0)+IF('Standard Profiles'!$G$19=$B$24,21,0),MOD($C4776,24)+1)/SUM(INDEX($D$3:$AA$30,INDEX(Jesper!$R$2:$R$366,ROW(INDEX(Jesper!AI$2:AI$366,ROUNDDOWN($C4776/24,0)+1,1))-1)+IF('Standard Profiles'!$G$19=$B$10,7,0)+IF('Standard Profiles'!$G$19=$B$17,14,0)+IF('Standard Profiles'!$G$19=$B$24,21,0),0)),0)</f>
        <v>10.883556363910236</v>
      </c>
      <c r="F4776" cm="1">
        <f t="array" ref="F4776">IFERROR(INDEX(Jesper!AJ$2:AJ$366,ROUNDDOWN($C4776/24,0)+1,1)*INDEX($D$3:$AA$30,INDEX(Jesper!$R$2:$R$366,ROW(INDEX(Jesper!AJ$2:AJ$366,ROUNDDOWN($C4776/24,0)+1,1))-1)+IF('Standard Profiles'!$G$20=$B$10,7,0)+IF('Standard Profiles'!$G$20=$B$17,14,0)+IF('Standard Profiles'!$G$20=$B$24,21,0),MOD($C4776,24)+1)/SUM(INDEX($D$3:$AA$30,INDEX(Jesper!$R$2:$R$366,ROW(INDEX(Jesper!AJ$2:AJ$366,ROUNDDOWN($C4776/24,0)+1,1))-1)+IF('Standard Profiles'!$G$20=$B$10,7,0)+IF('Standard Profiles'!$G$20=$B$17,14,0)+IF('Standard Profiles'!$G$20=$B$24,21,0),0)),0)</f>
        <v>0</v>
      </c>
      <c r="G4776" cm="1">
        <f t="array" ref="G4776">IFERROR(INDEX(Jesper!AK$2:AK$366,ROUNDDOWN($C4776/24,0)+1,1)*INDEX($D$3:$AA$30,INDEX(Jesper!$R$2:$R$366,ROW(INDEX(Jesper!AK$2:AK$366,ROUNDDOWN($C4776/24,0)+1,1))-1)+IF('Standard Profiles'!$G$21=$B$10,7,0)+IF('Standard Profiles'!$G$21=$B$17,14,0)+IF('Standard Profiles'!$G$21=$B$24,21,0),MOD($C4776,24)+1)/SUM(INDEX($D$3:$AA$30,INDEX(Jesper!$R$2:$R$366,ROW(INDEX(Jesper!AK$2:AK$366,ROUNDDOWN($C4776/24,0)+1,1))-1)+IF('Standard Profiles'!$G$21=$B$10,7,0)+IF('Standard Profiles'!$G$21=$B$17,14,0)+IF('Standard Profiles'!$G$21=$B$24,21,0),0)),0)</f>
        <v>0</v>
      </c>
      <c r="H4776" cm="1">
        <f t="array" ref="H4776">IFERROR(INDEX(Jesper!AL$2:AL$366,ROUNDDOWN($C4776/24,0)+1,1)*INDEX($D$3:$AA$30,INDEX(Jesper!$R$2:$R$366,ROW(INDEX(Jesper!AL$2:AL$366,ROUNDDOWN($C4776/24,0)+1,1))-1)+IF('Standard Profiles'!$G$22=$B$10,7,0)+IF('Standard Profiles'!$G$22=$B$17,14,0)+IF('Standard Profiles'!$G$22=$B$24,21,0),MOD($C4776,24)+1)/SUM(INDEX($D$3:$AA$30,INDEX(Jesper!$R$2:$R$366,ROW(INDEX(Jesper!AL$2:AL$366,ROUNDDOWN($C4776/24,0)+1,1))-1)+IF('Standard Profiles'!$G$22=$B$10,7,0)+IF('Standard Profiles'!$G$22=$B$17,14,0)+IF('Standard Profiles'!$G$22=$B$24,21,0),0)),0)</f>
        <v>0</v>
      </c>
      <c r="I4776">
        <f t="shared" si="538"/>
        <v>0</v>
      </c>
      <c r="J4776">
        <f t="shared" si="539"/>
        <v>37.062347696752532</v>
      </c>
      <c r="K4776">
        <f t="shared" si="540"/>
        <v>3.324290962900609</v>
      </c>
      <c r="L4776">
        <f t="shared" si="541"/>
        <v>1.6621454814503045</v>
      </c>
      <c r="M4776">
        <f t="shared" si="542"/>
        <v>0</v>
      </c>
      <c r="N4776" s="45">
        <f t="shared" si="543"/>
        <v>45124.583333321832</v>
      </c>
    </row>
    <row r="4777" spans="2:14" x14ac:dyDescent="0.25">
      <c r="B4777">
        <f t="shared" si="537"/>
        <v>1</v>
      </c>
      <c r="C4777" s="16">
        <v>4743</v>
      </c>
      <c r="D4777" cm="1">
        <f t="array" ref="D4777">IFERROR(INDEX(Jesper!AH$2:AH$366,ROUNDDOWN($C4777/24,0)+1,1)*INDEX($D$3:$AA$30,INDEX(Jesper!$R$2:$R$366,ROW(INDEX(Jesper!AH$2:AH$366,ROUNDDOWN($C4777/24,0)+1,1))-1)+IF('Standard Profiles'!$G$18=$B$10,7,0)+IF('Standard Profiles'!$G$18=$B$17,14,0)+IF('Standard Profiles'!$G$18=$B$24,21,0),MOD($C4777,24)+1)/SUM(INDEX($D$3:$AA$30,INDEX(Jesper!$R$2:$R$366,ROW(INDEX(Jesper!AH$2:AH$366,ROUNDDOWN($C4777/24,0)+1,1))-1)+IF('Standard Profiles'!$G$18=$B$10,7,0)+IF('Standard Profiles'!$G$18=$B$17,14,0)+IF('Standard Profiles'!$G$18=$B$24,21,0),0)),0)</f>
        <v>31.165227777193209</v>
      </c>
      <c r="E4777" cm="1">
        <f t="array" ref="E4777">IFERROR(INDEX(Jesper!AI$2:AI$366,ROUNDDOWN($C4777/24,0)+1,1)*INDEX($D$3:$AA$30,INDEX(Jesper!$R$2:$R$366,ROW(INDEX(Jesper!AI$2:AI$366,ROUNDDOWN($C4777/24,0)+1,1))-1)+IF('Standard Profiles'!$G$19=$B$10,7,0)+IF('Standard Profiles'!$G$19=$B$17,14,0)+IF('Standard Profiles'!$G$19=$B$24,21,0),MOD($C4777,24)+1)/SUM(INDEX($D$3:$AA$30,INDEX(Jesper!$R$2:$R$366,ROW(INDEX(Jesper!AI$2:AI$366,ROUNDDOWN($C4777/24,0)+1,1))-1)+IF('Standard Profiles'!$G$19=$B$10,7,0)+IF('Standard Profiles'!$G$19=$B$17,14,0)+IF('Standard Profiles'!$G$19=$B$24,21,0),0)),0)</f>
        <v>10.883556363910236</v>
      </c>
      <c r="F4777" cm="1">
        <f t="array" ref="F4777">IFERROR(INDEX(Jesper!AJ$2:AJ$366,ROUNDDOWN($C4777/24,0)+1,1)*INDEX($D$3:$AA$30,INDEX(Jesper!$R$2:$R$366,ROW(INDEX(Jesper!AJ$2:AJ$366,ROUNDDOWN($C4777/24,0)+1,1))-1)+IF('Standard Profiles'!$G$20=$B$10,7,0)+IF('Standard Profiles'!$G$20=$B$17,14,0)+IF('Standard Profiles'!$G$20=$B$24,21,0),MOD($C4777,24)+1)/SUM(INDEX($D$3:$AA$30,INDEX(Jesper!$R$2:$R$366,ROW(INDEX(Jesper!AJ$2:AJ$366,ROUNDDOWN($C4777/24,0)+1,1))-1)+IF('Standard Profiles'!$G$20=$B$10,7,0)+IF('Standard Profiles'!$G$20=$B$17,14,0)+IF('Standard Profiles'!$G$20=$B$24,21,0),0)),0)</f>
        <v>0</v>
      </c>
      <c r="G4777" cm="1">
        <f t="array" ref="G4777">IFERROR(INDEX(Jesper!AK$2:AK$366,ROUNDDOWN($C4777/24,0)+1,1)*INDEX($D$3:$AA$30,INDEX(Jesper!$R$2:$R$366,ROW(INDEX(Jesper!AK$2:AK$366,ROUNDDOWN($C4777/24,0)+1,1))-1)+IF('Standard Profiles'!$G$21=$B$10,7,0)+IF('Standard Profiles'!$G$21=$B$17,14,0)+IF('Standard Profiles'!$G$21=$B$24,21,0),MOD($C4777,24)+1)/SUM(INDEX($D$3:$AA$30,INDEX(Jesper!$R$2:$R$366,ROW(INDEX(Jesper!AK$2:AK$366,ROUNDDOWN($C4777/24,0)+1,1))-1)+IF('Standard Profiles'!$G$21=$B$10,7,0)+IF('Standard Profiles'!$G$21=$B$17,14,0)+IF('Standard Profiles'!$G$21=$B$24,21,0),0)),0)</f>
        <v>0</v>
      </c>
      <c r="H4777" cm="1">
        <f t="array" ref="H4777">IFERROR(INDEX(Jesper!AL$2:AL$366,ROUNDDOWN($C4777/24,0)+1,1)*INDEX($D$3:$AA$30,INDEX(Jesper!$R$2:$R$366,ROW(INDEX(Jesper!AL$2:AL$366,ROUNDDOWN($C4777/24,0)+1,1))-1)+IF('Standard Profiles'!$G$22=$B$10,7,0)+IF('Standard Profiles'!$G$22=$B$17,14,0)+IF('Standard Profiles'!$G$22=$B$24,21,0),MOD($C4777,24)+1)/SUM(INDEX($D$3:$AA$30,INDEX(Jesper!$R$2:$R$366,ROW(INDEX(Jesper!AL$2:AL$366,ROUNDDOWN($C4777/24,0)+1,1))-1)+IF('Standard Profiles'!$G$22=$B$10,7,0)+IF('Standard Profiles'!$G$22=$B$17,14,0)+IF('Standard Profiles'!$G$22=$B$24,21,0),0)),0)</f>
        <v>0</v>
      </c>
      <c r="I4777">
        <f t="shared" si="538"/>
        <v>0</v>
      </c>
      <c r="J4777">
        <f t="shared" si="539"/>
        <v>37.062347696752532</v>
      </c>
      <c r="K4777">
        <f t="shared" si="540"/>
        <v>3.324290962900609</v>
      </c>
      <c r="L4777">
        <f t="shared" si="541"/>
        <v>1.6621454814503045</v>
      </c>
      <c r="M4777">
        <f t="shared" si="542"/>
        <v>0</v>
      </c>
      <c r="N4777" s="45">
        <f t="shared" si="543"/>
        <v>45124.624999988497</v>
      </c>
    </row>
    <row r="4778" spans="2:14" x14ac:dyDescent="0.25">
      <c r="B4778">
        <f t="shared" si="537"/>
        <v>1</v>
      </c>
      <c r="C4778" s="16">
        <v>4744</v>
      </c>
      <c r="D4778" cm="1">
        <f t="array" ref="D4778">IFERROR(INDEX(Jesper!AH$2:AH$366,ROUNDDOWN($C4778/24,0)+1,1)*INDEX($D$3:$AA$30,INDEX(Jesper!$R$2:$R$366,ROW(INDEX(Jesper!AH$2:AH$366,ROUNDDOWN($C4778/24,0)+1,1))-1)+IF('Standard Profiles'!$G$18=$B$10,7,0)+IF('Standard Profiles'!$G$18=$B$17,14,0)+IF('Standard Profiles'!$G$18=$B$24,21,0),MOD($C4778,24)+1)/SUM(INDEX($D$3:$AA$30,INDEX(Jesper!$R$2:$R$366,ROW(INDEX(Jesper!AH$2:AH$366,ROUNDDOWN($C4778/24,0)+1,1))-1)+IF('Standard Profiles'!$G$18=$B$10,7,0)+IF('Standard Profiles'!$G$18=$B$17,14,0)+IF('Standard Profiles'!$G$18=$B$24,21,0),0)),0)</f>
        <v>18.179716203362705</v>
      </c>
      <c r="E4778" cm="1">
        <f t="array" ref="E4778">IFERROR(INDEX(Jesper!AI$2:AI$366,ROUNDDOWN($C4778/24,0)+1,1)*INDEX($D$3:$AA$30,INDEX(Jesper!$R$2:$R$366,ROW(INDEX(Jesper!AI$2:AI$366,ROUNDDOWN($C4778/24,0)+1,1))-1)+IF('Standard Profiles'!$G$19=$B$10,7,0)+IF('Standard Profiles'!$G$19=$B$17,14,0)+IF('Standard Profiles'!$G$19=$B$24,21,0),MOD($C4778,24)+1)/SUM(INDEX($D$3:$AA$30,INDEX(Jesper!$R$2:$R$366,ROW(INDEX(Jesper!AI$2:AI$366,ROUNDDOWN($C4778/24,0)+1,1))-1)+IF('Standard Profiles'!$G$19=$B$10,7,0)+IF('Standard Profiles'!$G$19=$B$17,14,0)+IF('Standard Profiles'!$G$19=$B$24,21,0),0)),0)</f>
        <v>6.3487412122809701</v>
      </c>
      <c r="F4778" cm="1">
        <f t="array" ref="F4778">IFERROR(INDEX(Jesper!AJ$2:AJ$366,ROUNDDOWN($C4778/24,0)+1,1)*INDEX($D$3:$AA$30,INDEX(Jesper!$R$2:$R$366,ROW(INDEX(Jesper!AJ$2:AJ$366,ROUNDDOWN($C4778/24,0)+1,1))-1)+IF('Standard Profiles'!$G$20=$B$10,7,0)+IF('Standard Profiles'!$G$20=$B$17,14,0)+IF('Standard Profiles'!$G$20=$B$24,21,0),MOD($C4778,24)+1)/SUM(INDEX($D$3:$AA$30,INDEX(Jesper!$R$2:$R$366,ROW(INDEX(Jesper!AJ$2:AJ$366,ROUNDDOWN($C4778/24,0)+1,1))-1)+IF('Standard Profiles'!$G$20=$B$10,7,0)+IF('Standard Profiles'!$G$20=$B$17,14,0)+IF('Standard Profiles'!$G$20=$B$24,21,0),0)),0)</f>
        <v>0</v>
      </c>
      <c r="G4778" cm="1">
        <f t="array" ref="G4778">IFERROR(INDEX(Jesper!AK$2:AK$366,ROUNDDOWN($C4778/24,0)+1,1)*INDEX($D$3:$AA$30,INDEX(Jesper!$R$2:$R$366,ROW(INDEX(Jesper!AK$2:AK$366,ROUNDDOWN($C4778/24,0)+1,1))-1)+IF('Standard Profiles'!$G$21=$B$10,7,0)+IF('Standard Profiles'!$G$21=$B$17,14,0)+IF('Standard Profiles'!$G$21=$B$24,21,0),MOD($C4778,24)+1)/SUM(INDEX($D$3:$AA$30,INDEX(Jesper!$R$2:$R$366,ROW(INDEX(Jesper!AK$2:AK$366,ROUNDDOWN($C4778/24,0)+1,1))-1)+IF('Standard Profiles'!$G$21=$B$10,7,0)+IF('Standard Profiles'!$G$21=$B$17,14,0)+IF('Standard Profiles'!$G$21=$B$24,21,0),0)),0)</f>
        <v>0</v>
      </c>
      <c r="H4778" cm="1">
        <f t="array" ref="H4778">IFERROR(INDEX(Jesper!AL$2:AL$366,ROUNDDOWN($C4778/24,0)+1,1)*INDEX($D$3:$AA$30,INDEX(Jesper!$R$2:$R$366,ROW(INDEX(Jesper!AL$2:AL$366,ROUNDDOWN($C4778/24,0)+1,1))-1)+IF('Standard Profiles'!$G$22=$B$10,7,0)+IF('Standard Profiles'!$G$22=$B$17,14,0)+IF('Standard Profiles'!$G$22=$B$24,21,0),MOD($C4778,24)+1)/SUM(INDEX($D$3:$AA$30,INDEX(Jesper!$R$2:$R$366,ROW(INDEX(Jesper!AL$2:AL$366,ROUNDDOWN($C4778/24,0)+1,1))-1)+IF('Standard Profiles'!$G$22=$B$10,7,0)+IF('Standard Profiles'!$G$22=$B$17,14,0)+IF('Standard Profiles'!$G$22=$B$24,21,0),0)),0)</f>
        <v>0</v>
      </c>
      <c r="I4778">
        <f t="shared" si="538"/>
        <v>0</v>
      </c>
      <c r="J4778">
        <f t="shared" si="539"/>
        <v>21.619702823105641</v>
      </c>
      <c r="K4778">
        <f t="shared" si="540"/>
        <v>1.9391697283586886</v>
      </c>
      <c r="L4778">
        <f t="shared" si="541"/>
        <v>0.96958486417934431</v>
      </c>
      <c r="M4778">
        <f t="shared" si="542"/>
        <v>0</v>
      </c>
      <c r="N4778" s="45">
        <f t="shared" si="543"/>
        <v>45124.666666655161</v>
      </c>
    </row>
    <row r="4779" spans="2:14" x14ac:dyDescent="0.25">
      <c r="B4779">
        <f t="shared" si="537"/>
        <v>1</v>
      </c>
      <c r="C4779" s="16">
        <v>4745</v>
      </c>
      <c r="D4779" cm="1">
        <f t="array" ref="D4779">IFERROR(INDEX(Jesper!AH$2:AH$366,ROUNDDOWN($C4779/24,0)+1,1)*INDEX($D$3:$AA$30,INDEX(Jesper!$R$2:$R$366,ROW(INDEX(Jesper!AH$2:AH$366,ROUNDDOWN($C4779/24,0)+1,1))-1)+IF('Standard Profiles'!$G$18=$B$10,7,0)+IF('Standard Profiles'!$G$18=$B$17,14,0)+IF('Standard Profiles'!$G$18=$B$24,21,0),MOD($C4779,24)+1)/SUM(INDEX($D$3:$AA$30,INDEX(Jesper!$R$2:$R$366,ROW(INDEX(Jesper!AH$2:AH$366,ROUNDDOWN($C4779/24,0)+1,1))-1)+IF('Standard Profiles'!$G$18=$B$10,7,0)+IF('Standard Profiles'!$G$18=$B$17,14,0)+IF('Standard Profiles'!$G$18=$B$24,21,0),0)),0)</f>
        <v>5.1942046295322015</v>
      </c>
      <c r="E4779" cm="1">
        <f t="array" ref="E4779">IFERROR(INDEX(Jesper!AI$2:AI$366,ROUNDDOWN($C4779/24,0)+1,1)*INDEX($D$3:$AA$30,INDEX(Jesper!$R$2:$R$366,ROW(INDEX(Jesper!AI$2:AI$366,ROUNDDOWN($C4779/24,0)+1,1))-1)+IF('Standard Profiles'!$G$19=$B$10,7,0)+IF('Standard Profiles'!$G$19=$B$17,14,0)+IF('Standard Profiles'!$G$19=$B$24,21,0),MOD($C4779,24)+1)/SUM(INDEX($D$3:$AA$30,INDEX(Jesper!$R$2:$R$366,ROW(INDEX(Jesper!AI$2:AI$366,ROUNDDOWN($C4779/24,0)+1,1))-1)+IF('Standard Profiles'!$G$19=$B$10,7,0)+IF('Standard Profiles'!$G$19=$B$17,14,0)+IF('Standard Profiles'!$G$19=$B$24,21,0),0)),0)</f>
        <v>1.813926060651706</v>
      </c>
      <c r="F4779" cm="1">
        <f t="array" ref="F4779">IFERROR(INDEX(Jesper!AJ$2:AJ$366,ROUNDDOWN($C4779/24,0)+1,1)*INDEX($D$3:$AA$30,INDEX(Jesper!$R$2:$R$366,ROW(INDEX(Jesper!AJ$2:AJ$366,ROUNDDOWN($C4779/24,0)+1,1))-1)+IF('Standard Profiles'!$G$20=$B$10,7,0)+IF('Standard Profiles'!$G$20=$B$17,14,0)+IF('Standard Profiles'!$G$20=$B$24,21,0),MOD($C4779,24)+1)/SUM(INDEX($D$3:$AA$30,INDEX(Jesper!$R$2:$R$366,ROW(INDEX(Jesper!AJ$2:AJ$366,ROUNDDOWN($C4779/24,0)+1,1))-1)+IF('Standard Profiles'!$G$20=$B$10,7,0)+IF('Standard Profiles'!$G$20=$B$17,14,0)+IF('Standard Profiles'!$G$20=$B$24,21,0),0)),0)</f>
        <v>0</v>
      </c>
      <c r="G4779" cm="1">
        <f t="array" ref="G4779">IFERROR(INDEX(Jesper!AK$2:AK$366,ROUNDDOWN($C4779/24,0)+1,1)*INDEX($D$3:$AA$30,INDEX(Jesper!$R$2:$R$366,ROW(INDEX(Jesper!AK$2:AK$366,ROUNDDOWN($C4779/24,0)+1,1))-1)+IF('Standard Profiles'!$G$21=$B$10,7,0)+IF('Standard Profiles'!$G$21=$B$17,14,0)+IF('Standard Profiles'!$G$21=$B$24,21,0),MOD($C4779,24)+1)/SUM(INDEX($D$3:$AA$30,INDEX(Jesper!$R$2:$R$366,ROW(INDEX(Jesper!AK$2:AK$366,ROUNDDOWN($C4779/24,0)+1,1))-1)+IF('Standard Profiles'!$G$21=$B$10,7,0)+IF('Standard Profiles'!$G$21=$B$17,14,0)+IF('Standard Profiles'!$G$21=$B$24,21,0),0)),0)</f>
        <v>0</v>
      </c>
      <c r="H4779" cm="1">
        <f t="array" ref="H4779">IFERROR(INDEX(Jesper!AL$2:AL$366,ROUNDDOWN($C4779/24,0)+1,1)*INDEX($D$3:$AA$30,INDEX(Jesper!$R$2:$R$366,ROW(INDEX(Jesper!AL$2:AL$366,ROUNDDOWN($C4779/24,0)+1,1))-1)+IF('Standard Profiles'!$G$22=$B$10,7,0)+IF('Standard Profiles'!$G$22=$B$17,14,0)+IF('Standard Profiles'!$G$22=$B$24,21,0),MOD($C4779,24)+1)/SUM(INDEX($D$3:$AA$30,INDEX(Jesper!$R$2:$R$366,ROW(INDEX(Jesper!AL$2:AL$366,ROUNDDOWN($C4779/24,0)+1,1))-1)+IF('Standard Profiles'!$G$22=$B$10,7,0)+IF('Standard Profiles'!$G$22=$B$17,14,0)+IF('Standard Profiles'!$G$22=$B$24,21,0),0)),0)</f>
        <v>0</v>
      </c>
      <c r="I4779">
        <f t="shared" si="538"/>
        <v>0</v>
      </c>
      <c r="J4779">
        <f t="shared" si="539"/>
        <v>6.1770579494587556</v>
      </c>
      <c r="K4779">
        <f t="shared" si="540"/>
        <v>0.55404849381676824</v>
      </c>
      <c r="L4779">
        <f t="shared" si="541"/>
        <v>0.27702424690838412</v>
      </c>
      <c r="M4779">
        <f t="shared" si="542"/>
        <v>0</v>
      </c>
      <c r="N4779" s="45">
        <f t="shared" si="543"/>
        <v>45124.708333321825</v>
      </c>
    </row>
    <row r="4780" spans="2:14" x14ac:dyDescent="0.25">
      <c r="B4780">
        <f t="shared" si="537"/>
        <v>1</v>
      </c>
      <c r="C4780" s="16">
        <v>4746</v>
      </c>
      <c r="D4780" cm="1">
        <f t="array" ref="D4780">IFERROR(INDEX(Jesper!AH$2:AH$366,ROUNDDOWN($C4780/24,0)+1,1)*INDEX($D$3:$AA$30,INDEX(Jesper!$R$2:$R$366,ROW(INDEX(Jesper!AH$2:AH$366,ROUNDDOWN($C4780/24,0)+1,1))-1)+IF('Standard Profiles'!$G$18=$B$10,7,0)+IF('Standard Profiles'!$G$18=$B$17,14,0)+IF('Standard Profiles'!$G$18=$B$24,21,0),MOD($C4780,24)+1)/SUM(INDEX($D$3:$AA$30,INDEX(Jesper!$R$2:$R$366,ROW(INDEX(Jesper!AH$2:AH$366,ROUNDDOWN($C4780/24,0)+1,1))-1)+IF('Standard Profiles'!$G$18=$B$10,7,0)+IF('Standard Profiles'!$G$18=$B$17,14,0)+IF('Standard Profiles'!$G$18=$B$24,21,0),0)),0)</f>
        <v>5.1210468178486499</v>
      </c>
      <c r="E4780" cm="1">
        <f t="array" ref="E4780">IFERROR(INDEX(Jesper!AI$2:AI$366,ROUNDDOWN($C4780/24,0)+1,1)*INDEX($D$3:$AA$30,INDEX(Jesper!$R$2:$R$366,ROW(INDEX(Jesper!AI$2:AI$366,ROUNDDOWN($C4780/24,0)+1,1))-1)+IF('Standard Profiles'!$G$19=$B$10,7,0)+IF('Standard Profiles'!$G$19=$B$17,14,0)+IF('Standard Profiles'!$G$19=$B$24,21,0),MOD($C4780,24)+1)/SUM(INDEX($D$3:$AA$30,INDEX(Jesper!$R$2:$R$366,ROW(INDEX(Jesper!AI$2:AI$366,ROUNDDOWN($C4780/24,0)+1,1))-1)+IF('Standard Profiles'!$G$19=$B$10,7,0)+IF('Standard Profiles'!$G$19=$B$17,14,0)+IF('Standard Profiles'!$G$19=$B$24,21,0),0)),0)</f>
        <v>1.7883778062763298</v>
      </c>
      <c r="F4780" cm="1">
        <f t="array" ref="F4780">IFERROR(INDEX(Jesper!AJ$2:AJ$366,ROUNDDOWN($C4780/24,0)+1,1)*INDEX($D$3:$AA$30,INDEX(Jesper!$R$2:$R$366,ROW(INDEX(Jesper!AJ$2:AJ$366,ROUNDDOWN($C4780/24,0)+1,1))-1)+IF('Standard Profiles'!$G$20=$B$10,7,0)+IF('Standard Profiles'!$G$20=$B$17,14,0)+IF('Standard Profiles'!$G$20=$B$24,21,0),MOD($C4780,24)+1)/SUM(INDEX($D$3:$AA$30,INDEX(Jesper!$R$2:$R$366,ROW(INDEX(Jesper!AJ$2:AJ$366,ROUNDDOWN($C4780/24,0)+1,1))-1)+IF('Standard Profiles'!$G$20=$B$10,7,0)+IF('Standard Profiles'!$G$20=$B$17,14,0)+IF('Standard Profiles'!$G$20=$B$24,21,0),0)),0)</f>
        <v>0</v>
      </c>
      <c r="G4780" cm="1">
        <f t="array" ref="G4780">IFERROR(INDEX(Jesper!AK$2:AK$366,ROUNDDOWN($C4780/24,0)+1,1)*INDEX($D$3:$AA$30,INDEX(Jesper!$R$2:$R$366,ROW(INDEX(Jesper!AK$2:AK$366,ROUNDDOWN($C4780/24,0)+1,1))-1)+IF('Standard Profiles'!$G$21=$B$10,7,0)+IF('Standard Profiles'!$G$21=$B$17,14,0)+IF('Standard Profiles'!$G$21=$B$24,21,0),MOD($C4780,24)+1)/SUM(INDEX($D$3:$AA$30,INDEX(Jesper!$R$2:$R$366,ROW(INDEX(Jesper!AK$2:AK$366,ROUNDDOWN($C4780/24,0)+1,1))-1)+IF('Standard Profiles'!$G$21=$B$10,7,0)+IF('Standard Profiles'!$G$21=$B$17,14,0)+IF('Standard Profiles'!$G$21=$B$24,21,0),0)),0)</f>
        <v>0</v>
      </c>
      <c r="H4780" cm="1">
        <f t="array" ref="H4780">IFERROR(INDEX(Jesper!AL$2:AL$366,ROUNDDOWN($C4780/24,0)+1,1)*INDEX($D$3:$AA$30,INDEX(Jesper!$R$2:$R$366,ROW(INDEX(Jesper!AL$2:AL$366,ROUNDDOWN($C4780/24,0)+1,1))-1)+IF('Standard Profiles'!$G$22=$B$10,7,0)+IF('Standard Profiles'!$G$22=$B$17,14,0)+IF('Standard Profiles'!$G$22=$B$24,21,0),MOD($C4780,24)+1)/SUM(INDEX($D$3:$AA$30,INDEX(Jesper!$R$2:$R$366,ROW(INDEX(Jesper!AL$2:AL$366,ROUNDDOWN($C4780/24,0)+1,1))-1)+IF('Standard Profiles'!$G$22=$B$10,7,0)+IF('Standard Profiles'!$G$22=$B$17,14,0)+IF('Standard Profiles'!$G$22=$B$24,21,0),0)),0)</f>
        <v>0</v>
      </c>
      <c r="I4780">
        <f t="shared" si="538"/>
        <v>0</v>
      </c>
      <c r="J4780">
        <f t="shared" si="539"/>
        <v>6.0900571332691955</v>
      </c>
      <c r="K4780">
        <f t="shared" si="540"/>
        <v>0.54624499390385606</v>
      </c>
      <c r="L4780">
        <f t="shared" si="541"/>
        <v>0.27312249695192803</v>
      </c>
      <c r="M4780">
        <f t="shared" si="542"/>
        <v>0</v>
      </c>
      <c r="N4780" s="45">
        <f t="shared" si="543"/>
        <v>45124.749999988489</v>
      </c>
    </row>
    <row r="4781" spans="2:14" x14ac:dyDescent="0.25">
      <c r="B4781">
        <f t="shared" si="537"/>
        <v>1</v>
      </c>
      <c r="C4781" s="16">
        <v>4747</v>
      </c>
      <c r="D4781" cm="1">
        <f t="array" ref="D4781">IFERROR(INDEX(Jesper!AH$2:AH$366,ROUNDDOWN($C4781/24,0)+1,1)*INDEX($D$3:$AA$30,INDEX(Jesper!$R$2:$R$366,ROW(INDEX(Jesper!AH$2:AH$366,ROUNDDOWN($C4781/24,0)+1,1))-1)+IF('Standard Profiles'!$G$18=$B$10,7,0)+IF('Standard Profiles'!$G$18=$B$17,14,0)+IF('Standard Profiles'!$G$18=$B$24,21,0),MOD($C4781,24)+1)/SUM(INDEX($D$3:$AA$30,INDEX(Jesper!$R$2:$R$366,ROW(INDEX(Jesper!AH$2:AH$366,ROUNDDOWN($C4781/24,0)+1,1))-1)+IF('Standard Profiles'!$G$18=$B$10,7,0)+IF('Standard Profiles'!$G$18=$B$17,14,0)+IF('Standard Profiles'!$G$18=$B$24,21,0),0)),0)</f>
        <v>5.1210468178486499</v>
      </c>
      <c r="E4781" cm="1">
        <f t="array" ref="E4781">IFERROR(INDEX(Jesper!AI$2:AI$366,ROUNDDOWN($C4781/24,0)+1,1)*INDEX($D$3:$AA$30,INDEX(Jesper!$R$2:$R$366,ROW(INDEX(Jesper!AI$2:AI$366,ROUNDDOWN($C4781/24,0)+1,1))-1)+IF('Standard Profiles'!$G$19=$B$10,7,0)+IF('Standard Profiles'!$G$19=$B$17,14,0)+IF('Standard Profiles'!$G$19=$B$24,21,0),MOD($C4781,24)+1)/SUM(INDEX($D$3:$AA$30,INDEX(Jesper!$R$2:$R$366,ROW(INDEX(Jesper!AI$2:AI$366,ROUNDDOWN($C4781/24,0)+1,1))-1)+IF('Standard Profiles'!$G$19=$B$10,7,0)+IF('Standard Profiles'!$G$19=$B$17,14,0)+IF('Standard Profiles'!$G$19=$B$24,21,0),0)),0)</f>
        <v>1.7883778062763298</v>
      </c>
      <c r="F4781" cm="1">
        <f t="array" ref="F4781">IFERROR(INDEX(Jesper!AJ$2:AJ$366,ROUNDDOWN($C4781/24,0)+1,1)*INDEX($D$3:$AA$30,INDEX(Jesper!$R$2:$R$366,ROW(INDEX(Jesper!AJ$2:AJ$366,ROUNDDOWN($C4781/24,0)+1,1))-1)+IF('Standard Profiles'!$G$20=$B$10,7,0)+IF('Standard Profiles'!$G$20=$B$17,14,0)+IF('Standard Profiles'!$G$20=$B$24,21,0),MOD($C4781,24)+1)/SUM(INDEX($D$3:$AA$30,INDEX(Jesper!$R$2:$R$366,ROW(INDEX(Jesper!AJ$2:AJ$366,ROUNDDOWN($C4781/24,0)+1,1))-1)+IF('Standard Profiles'!$G$20=$B$10,7,0)+IF('Standard Profiles'!$G$20=$B$17,14,0)+IF('Standard Profiles'!$G$20=$B$24,21,0),0)),0)</f>
        <v>0</v>
      </c>
      <c r="G4781" cm="1">
        <f t="array" ref="G4781">IFERROR(INDEX(Jesper!AK$2:AK$366,ROUNDDOWN($C4781/24,0)+1,1)*INDEX($D$3:$AA$30,INDEX(Jesper!$R$2:$R$366,ROW(INDEX(Jesper!AK$2:AK$366,ROUNDDOWN($C4781/24,0)+1,1))-1)+IF('Standard Profiles'!$G$21=$B$10,7,0)+IF('Standard Profiles'!$G$21=$B$17,14,0)+IF('Standard Profiles'!$G$21=$B$24,21,0),MOD($C4781,24)+1)/SUM(INDEX($D$3:$AA$30,INDEX(Jesper!$R$2:$R$366,ROW(INDEX(Jesper!AK$2:AK$366,ROUNDDOWN($C4781/24,0)+1,1))-1)+IF('Standard Profiles'!$G$21=$B$10,7,0)+IF('Standard Profiles'!$G$21=$B$17,14,0)+IF('Standard Profiles'!$G$21=$B$24,21,0),0)),0)</f>
        <v>0</v>
      </c>
      <c r="H4781" cm="1">
        <f t="array" ref="H4781">IFERROR(INDEX(Jesper!AL$2:AL$366,ROUNDDOWN($C4781/24,0)+1,1)*INDEX($D$3:$AA$30,INDEX(Jesper!$R$2:$R$366,ROW(INDEX(Jesper!AL$2:AL$366,ROUNDDOWN($C4781/24,0)+1,1))-1)+IF('Standard Profiles'!$G$22=$B$10,7,0)+IF('Standard Profiles'!$G$22=$B$17,14,0)+IF('Standard Profiles'!$G$22=$B$24,21,0),MOD($C4781,24)+1)/SUM(INDEX($D$3:$AA$30,INDEX(Jesper!$R$2:$R$366,ROW(INDEX(Jesper!AL$2:AL$366,ROUNDDOWN($C4781/24,0)+1,1))-1)+IF('Standard Profiles'!$G$22=$B$10,7,0)+IF('Standard Profiles'!$G$22=$B$17,14,0)+IF('Standard Profiles'!$G$22=$B$24,21,0),0)),0)</f>
        <v>0</v>
      </c>
      <c r="I4781">
        <f t="shared" si="538"/>
        <v>0</v>
      </c>
      <c r="J4781">
        <f t="shared" si="539"/>
        <v>6.0900571332691955</v>
      </c>
      <c r="K4781">
        <f t="shared" si="540"/>
        <v>0.54624499390385606</v>
      </c>
      <c r="L4781">
        <f t="shared" si="541"/>
        <v>0.27312249695192803</v>
      </c>
      <c r="M4781">
        <f t="shared" si="542"/>
        <v>0</v>
      </c>
      <c r="N4781" s="45">
        <f t="shared" si="543"/>
        <v>45124.791666655154</v>
      </c>
    </row>
    <row r="4782" spans="2:14" x14ac:dyDescent="0.25">
      <c r="B4782">
        <f t="shared" si="537"/>
        <v>1</v>
      </c>
      <c r="C4782" s="16">
        <v>4748</v>
      </c>
      <c r="D4782" cm="1">
        <f t="array" ref="D4782">IFERROR(INDEX(Jesper!AH$2:AH$366,ROUNDDOWN($C4782/24,0)+1,1)*INDEX($D$3:$AA$30,INDEX(Jesper!$R$2:$R$366,ROW(INDEX(Jesper!AH$2:AH$366,ROUNDDOWN($C4782/24,0)+1,1))-1)+IF('Standard Profiles'!$G$18=$B$10,7,0)+IF('Standard Profiles'!$G$18=$B$17,14,0)+IF('Standard Profiles'!$G$18=$B$24,21,0),MOD($C4782,24)+1)/SUM(INDEX($D$3:$AA$30,INDEX(Jesper!$R$2:$R$366,ROW(INDEX(Jesper!AH$2:AH$366,ROUNDDOWN($C4782/24,0)+1,1))-1)+IF('Standard Profiles'!$G$18=$B$10,7,0)+IF('Standard Profiles'!$G$18=$B$17,14,0)+IF('Standard Profiles'!$G$18=$B$24,21,0),0)),0)</f>
        <v>5.1210468178486499</v>
      </c>
      <c r="E4782" cm="1">
        <f t="array" ref="E4782">IFERROR(INDEX(Jesper!AI$2:AI$366,ROUNDDOWN($C4782/24,0)+1,1)*INDEX($D$3:$AA$30,INDEX(Jesper!$R$2:$R$366,ROW(INDEX(Jesper!AI$2:AI$366,ROUNDDOWN($C4782/24,0)+1,1))-1)+IF('Standard Profiles'!$G$19=$B$10,7,0)+IF('Standard Profiles'!$G$19=$B$17,14,0)+IF('Standard Profiles'!$G$19=$B$24,21,0),MOD($C4782,24)+1)/SUM(INDEX($D$3:$AA$30,INDEX(Jesper!$R$2:$R$366,ROW(INDEX(Jesper!AI$2:AI$366,ROUNDDOWN($C4782/24,0)+1,1))-1)+IF('Standard Profiles'!$G$19=$B$10,7,0)+IF('Standard Profiles'!$G$19=$B$17,14,0)+IF('Standard Profiles'!$G$19=$B$24,21,0),0)),0)</f>
        <v>1.7883778062763298</v>
      </c>
      <c r="F4782" cm="1">
        <f t="array" ref="F4782">IFERROR(INDEX(Jesper!AJ$2:AJ$366,ROUNDDOWN($C4782/24,0)+1,1)*INDEX($D$3:$AA$30,INDEX(Jesper!$R$2:$R$366,ROW(INDEX(Jesper!AJ$2:AJ$366,ROUNDDOWN($C4782/24,0)+1,1))-1)+IF('Standard Profiles'!$G$20=$B$10,7,0)+IF('Standard Profiles'!$G$20=$B$17,14,0)+IF('Standard Profiles'!$G$20=$B$24,21,0),MOD($C4782,24)+1)/SUM(INDEX($D$3:$AA$30,INDEX(Jesper!$R$2:$R$366,ROW(INDEX(Jesper!AJ$2:AJ$366,ROUNDDOWN($C4782/24,0)+1,1))-1)+IF('Standard Profiles'!$G$20=$B$10,7,0)+IF('Standard Profiles'!$G$20=$B$17,14,0)+IF('Standard Profiles'!$G$20=$B$24,21,0),0)),0)</f>
        <v>0</v>
      </c>
      <c r="G4782" cm="1">
        <f t="array" ref="G4782">IFERROR(INDEX(Jesper!AK$2:AK$366,ROUNDDOWN($C4782/24,0)+1,1)*INDEX($D$3:$AA$30,INDEX(Jesper!$R$2:$R$366,ROW(INDEX(Jesper!AK$2:AK$366,ROUNDDOWN($C4782/24,0)+1,1))-1)+IF('Standard Profiles'!$G$21=$B$10,7,0)+IF('Standard Profiles'!$G$21=$B$17,14,0)+IF('Standard Profiles'!$G$21=$B$24,21,0),MOD($C4782,24)+1)/SUM(INDEX($D$3:$AA$30,INDEX(Jesper!$R$2:$R$366,ROW(INDEX(Jesper!AK$2:AK$366,ROUNDDOWN($C4782/24,0)+1,1))-1)+IF('Standard Profiles'!$G$21=$B$10,7,0)+IF('Standard Profiles'!$G$21=$B$17,14,0)+IF('Standard Profiles'!$G$21=$B$24,21,0),0)),0)</f>
        <v>0</v>
      </c>
      <c r="H4782" cm="1">
        <f t="array" ref="H4782">IFERROR(INDEX(Jesper!AL$2:AL$366,ROUNDDOWN($C4782/24,0)+1,1)*INDEX($D$3:$AA$30,INDEX(Jesper!$R$2:$R$366,ROW(INDEX(Jesper!AL$2:AL$366,ROUNDDOWN($C4782/24,0)+1,1))-1)+IF('Standard Profiles'!$G$22=$B$10,7,0)+IF('Standard Profiles'!$G$22=$B$17,14,0)+IF('Standard Profiles'!$G$22=$B$24,21,0),MOD($C4782,24)+1)/SUM(INDEX($D$3:$AA$30,INDEX(Jesper!$R$2:$R$366,ROW(INDEX(Jesper!AL$2:AL$366,ROUNDDOWN($C4782/24,0)+1,1))-1)+IF('Standard Profiles'!$G$22=$B$10,7,0)+IF('Standard Profiles'!$G$22=$B$17,14,0)+IF('Standard Profiles'!$G$22=$B$24,21,0),0)),0)</f>
        <v>0</v>
      </c>
      <c r="I4782">
        <f t="shared" si="538"/>
        <v>0</v>
      </c>
      <c r="J4782">
        <f t="shared" si="539"/>
        <v>6.0900571332691955</v>
      </c>
      <c r="K4782">
        <f t="shared" si="540"/>
        <v>0.54624499390385606</v>
      </c>
      <c r="L4782">
        <f t="shared" si="541"/>
        <v>0.27312249695192803</v>
      </c>
      <c r="M4782">
        <f t="shared" si="542"/>
        <v>0</v>
      </c>
      <c r="N4782" s="45">
        <f t="shared" si="543"/>
        <v>45124.833333321818</v>
      </c>
    </row>
    <row r="4783" spans="2:14" x14ac:dyDescent="0.25">
      <c r="B4783">
        <f t="shared" si="537"/>
        <v>1</v>
      </c>
      <c r="C4783" s="16">
        <v>4749</v>
      </c>
      <c r="D4783" cm="1">
        <f t="array" ref="D4783">IFERROR(INDEX(Jesper!AH$2:AH$366,ROUNDDOWN($C4783/24,0)+1,1)*INDEX($D$3:$AA$30,INDEX(Jesper!$R$2:$R$366,ROW(INDEX(Jesper!AH$2:AH$366,ROUNDDOWN($C4783/24,0)+1,1))-1)+IF('Standard Profiles'!$G$18=$B$10,7,0)+IF('Standard Profiles'!$G$18=$B$17,14,0)+IF('Standard Profiles'!$G$18=$B$24,21,0),MOD($C4783,24)+1)/SUM(INDEX($D$3:$AA$30,INDEX(Jesper!$R$2:$R$366,ROW(INDEX(Jesper!AH$2:AH$366,ROUNDDOWN($C4783/24,0)+1,1))-1)+IF('Standard Profiles'!$G$18=$B$10,7,0)+IF('Standard Profiles'!$G$18=$B$17,14,0)+IF('Standard Profiles'!$G$18=$B$24,21,0),0)),0)</f>
        <v>5.1210468178486499</v>
      </c>
      <c r="E4783" cm="1">
        <f t="array" ref="E4783">IFERROR(INDEX(Jesper!AI$2:AI$366,ROUNDDOWN($C4783/24,0)+1,1)*INDEX($D$3:$AA$30,INDEX(Jesper!$R$2:$R$366,ROW(INDEX(Jesper!AI$2:AI$366,ROUNDDOWN($C4783/24,0)+1,1))-1)+IF('Standard Profiles'!$G$19=$B$10,7,0)+IF('Standard Profiles'!$G$19=$B$17,14,0)+IF('Standard Profiles'!$G$19=$B$24,21,0),MOD($C4783,24)+1)/SUM(INDEX($D$3:$AA$30,INDEX(Jesper!$R$2:$R$366,ROW(INDEX(Jesper!AI$2:AI$366,ROUNDDOWN($C4783/24,0)+1,1))-1)+IF('Standard Profiles'!$G$19=$B$10,7,0)+IF('Standard Profiles'!$G$19=$B$17,14,0)+IF('Standard Profiles'!$G$19=$B$24,21,0),0)),0)</f>
        <v>1.7883778062763298</v>
      </c>
      <c r="F4783" cm="1">
        <f t="array" ref="F4783">IFERROR(INDEX(Jesper!AJ$2:AJ$366,ROUNDDOWN($C4783/24,0)+1,1)*INDEX($D$3:$AA$30,INDEX(Jesper!$R$2:$R$366,ROW(INDEX(Jesper!AJ$2:AJ$366,ROUNDDOWN($C4783/24,0)+1,1))-1)+IF('Standard Profiles'!$G$20=$B$10,7,0)+IF('Standard Profiles'!$G$20=$B$17,14,0)+IF('Standard Profiles'!$G$20=$B$24,21,0),MOD($C4783,24)+1)/SUM(INDEX($D$3:$AA$30,INDEX(Jesper!$R$2:$R$366,ROW(INDEX(Jesper!AJ$2:AJ$366,ROUNDDOWN($C4783/24,0)+1,1))-1)+IF('Standard Profiles'!$G$20=$B$10,7,0)+IF('Standard Profiles'!$G$20=$B$17,14,0)+IF('Standard Profiles'!$G$20=$B$24,21,0),0)),0)</f>
        <v>0</v>
      </c>
      <c r="G4783" cm="1">
        <f t="array" ref="G4783">IFERROR(INDEX(Jesper!AK$2:AK$366,ROUNDDOWN($C4783/24,0)+1,1)*INDEX($D$3:$AA$30,INDEX(Jesper!$R$2:$R$366,ROW(INDEX(Jesper!AK$2:AK$366,ROUNDDOWN($C4783/24,0)+1,1))-1)+IF('Standard Profiles'!$G$21=$B$10,7,0)+IF('Standard Profiles'!$G$21=$B$17,14,0)+IF('Standard Profiles'!$G$21=$B$24,21,0),MOD($C4783,24)+1)/SUM(INDEX($D$3:$AA$30,INDEX(Jesper!$R$2:$R$366,ROW(INDEX(Jesper!AK$2:AK$366,ROUNDDOWN($C4783/24,0)+1,1))-1)+IF('Standard Profiles'!$G$21=$B$10,7,0)+IF('Standard Profiles'!$G$21=$B$17,14,0)+IF('Standard Profiles'!$G$21=$B$24,21,0),0)),0)</f>
        <v>0</v>
      </c>
      <c r="H4783" cm="1">
        <f t="array" ref="H4783">IFERROR(INDEX(Jesper!AL$2:AL$366,ROUNDDOWN($C4783/24,0)+1,1)*INDEX($D$3:$AA$30,INDEX(Jesper!$R$2:$R$366,ROW(INDEX(Jesper!AL$2:AL$366,ROUNDDOWN($C4783/24,0)+1,1))-1)+IF('Standard Profiles'!$G$22=$B$10,7,0)+IF('Standard Profiles'!$G$22=$B$17,14,0)+IF('Standard Profiles'!$G$22=$B$24,21,0),MOD($C4783,24)+1)/SUM(INDEX($D$3:$AA$30,INDEX(Jesper!$R$2:$R$366,ROW(INDEX(Jesper!AL$2:AL$366,ROUNDDOWN($C4783/24,0)+1,1))-1)+IF('Standard Profiles'!$G$22=$B$10,7,0)+IF('Standard Profiles'!$G$22=$B$17,14,0)+IF('Standard Profiles'!$G$22=$B$24,21,0),0)),0)</f>
        <v>0</v>
      </c>
      <c r="I4783">
        <f t="shared" si="538"/>
        <v>0</v>
      </c>
      <c r="J4783">
        <f t="shared" si="539"/>
        <v>6.0900571332691955</v>
      </c>
      <c r="K4783">
        <f t="shared" si="540"/>
        <v>0.54624499390385606</v>
      </c>
      <c r="L4783">
        <f t="shared" si="541"/>
        <v>0.27312249695192803</v>
      </c>
      <c r="M4783">
        <f t="shared" si="542"/>
        <v>0</v>
      </c>
      <c r="N4783" s="45">
        <f t="shared" si="543"/>
        <v>45124.874999988482</v>
      </c>
    </row>
    <row r="4784" spans="2:14" x14ac:dyDescent="0.25">
      <c r="B4784">
        <f t="shared" si="537"/>
        <v>1</v>
      </c>
      <c r="C4784" s="16">
        <v>4750</v>
      </c>
      <c r="D4784" cm="1">
        <f t="array" ref="D4784">IFERROR(INDEX(Jesper!AH$2:AH$366,ROUNDDOWN($C4784/24,0)+1,1)*INDEX($D$3:$AA$30,INDEX(Jesper!$R$2:$R$366,ROW(INDEX(Jesper!AH$2:AH$366,ROUNDDOWN($C4784/24,0)+1,1))-1)+IF('Standard Profiles'!$G$18=$B$10,7,0)+IF('Standard Profiles'!$G$18=$B$17,14,0)+IF('Standard Profiles'!$G$18=$B$24,21,0),MOD($C4784,24)+1)/SUM(INDEX($D$3:$AA$30,INDEX(Jesper!$R$2:$R$366,ROW(INDEX(Jesper!AH$2:AH$366,ROUNDDOWN($C4784/24,0)+1,1))-1)+IF('Standard Profiles'!$G$18=$B$10,7,0)+IF('Standard Profiles'!$G$18=$B$17,14,0)+IF('Standard Profiles'!$G$18=$B$24,21,0),0)),0)</f>
        <v>5.1210468178486499</v>
      </c>
      <c r="E4784" cm="1">
        <f t="array" ref="E4784">IFERROR(INDEX(Jesper!AI$2:AI$366,ROUNDDOWN($C4784/24,0)+1,1)*INDEX($D$3:$AA$30,INDEX(Jesper!$R$2:$R$366,ROW(INDEX(Jesper!AI$2:AI$366,ROUNDDOWN($C4784/24,0)+1,1))-1)+IF('Standard Profiles'!$G$19=$B$10,7,0)+IF('Standard Profiles'!$G$19=$B$17,14,0)+IF('Standard Profiles'!$G$19=$B$24,21,0),MOD($C4784,24)+1)/SUM(INDEX($D$3:$AA$30,INDEX(Jesper!$R$2:$R$366,ROW(INDEX(Jesper!AI$2:AI$366,ROUNDDOWN($C4784/24,0)+1,1))-1)+IF('Standard Profiles'!$G$19=$B$10,7,0)+IF('Standard Profiles'!$G$19=$B$17,14,0)+IF('Standard Profiles'!$G$19=$B$24,21,0),0)),0)</f>
        <v>1.7883778062763298</v>
      </c>
      <c r="F4784" cm="1">
        <f t="array" ref="F4784">IFERROR(INDEX(Jesper!AJ$2:AJ$366,ROUNDDOWN($C4784/24,0)+1,1)*INDEX($D$3:$AA$30,INDEX(Jesper!$R$2:$R$366,ROW(INDEX(Jesper!AJ$2:AJ$366,ROUNDDOWN($C4784/24,0)+1,1))-1)+IF('Standard Profiles'!$G$20=$B$10,7,0)+IF('Standard Profiles'!$G$20=$B$17,14,0)+IF('Standard Profiles'!$G$20=$B$24,21,0),MOD($C4784,24)+1)/SUM(INDEX($D$3:$AA$30,INDEX(Jesper!$R$2:$R$366,ROW(INDEX(Jesper!AJ$2:AJ$366,ROUNDDOWN($C4784/24,0)+1,1))-1)+IF('Standard Profiles'!$G$20=$B$10,7,0)+IF('Standard Profiles'!$G$20=$B$17,14,0)+IF('Standard Profiles'!$G$20=$B$24,21,0),0)),0)</f>
        <v>0</v>
      </c>
      <c r="G4784" cm="1">
        <f t="array" ref="G4784">IFERROR(INDEX(Jesper!AK$2:AK$366,ROUNDDOWN($C4784/24,0)+1,1)*INDEX($D$3:$AA$30,INDEX(Jesper!$R$2:$R$366,ROW(INDEX(Jesper!AK$2:AK$366,ROUNDDOWN($C4784/24,0)+1,1))-1)+IF('Standard Profiles'!$G$21=$B$10,7,0)+IF('Standard Profiles'!$G$21=$B$17,14,0)+IF('Standard Profiles'!$G$21=$B$24,21,0),MOD($C4784,24)+1)/SUM(INDEX($D$3:$AA$30,INDEX(Jesper!$R$2:$R$366,ROW(INDEX(Jesper!AK$2:AK$366,ROUNDDOWN($C4784/24,0)+1,1))-1)+IF('Standard Profiles'!$G$21=$B$10,7,0)+IF('Standard Profiles'!$G$21=$B$17,14,0)+IF('Standard Profiles'!$G$21=$B$24,21,0),0)),0)</f>
        <v>0</v>
      </c>
      <c r="H4784" cm="1">
        <f t="array" ref="H4784">IFERROR(INDEX(Jesper!AL$2:AL$366,ROUNDDOWN($C4784/24,0)+1,1)*INDEX($D$3:$AA$30,INDEX(Jesper!$R$2:$R$366,ROW(INDEX(Jesper!AL$2:AL$366,ROUNDDOWN($C4784/24,0)+1,1))-1)+IF('Standard Profiles'!$G$22=$B$10,7,0)+IF('Standard Profiles'!$G$22=$B$17,14,0)+IF('Standard Profiles'!$G$22=$B$24,21,0),MOD($C4784,24)+1)/SUM(INDEX($D$3:$AA$30,INDEX(Jesper!$R$2:$R$366,ROW(INDEX(Jesper!AL$2:AL$366,ROUNDDOWN($C4784/24,0)+1,1))-1)+IF('Standard Profiles'!$G$22=$B$10,7,0)+IF('Standard Profiles'!$G$22=$B$17,14,0)+IF('Standard Profiles'!$G$22=$B$24,21,0),0)),0)</f>
        <v>0</v>
      </c>
      <c r="I4784">
        <f t="shared" si="538"/>
        <v>0</v>
      </c>
      <c r="J4784">
        <f t="shared" si="539"/>
        <v>6.0900571332691955</v>
      </c>
      <c r="K4784">
        <f t="shared" si="540"/>
        <v>0.54624499390385606</v>
      </c>
      <c r="L4784">
        <f t="shared" si="541"/>
        <v>0.27312249695192803</v>
      </c>
      <c r="M4784">
        <f t="shared" si="542"/>
        <v>0</v>
      </c>
      <c r="N4784" s="45">
        <f t="shared" si="543"/>
        <v>45124.916666655146</v>
      </c>
    </row>
    <row r="4785" spans="2:14" x14ac:dyDescent="0.25">
      <c r="B4785">
        <f t="shared" si="537"/>
        <v>1</v>
      </c>
      <c r="C4785" s="16">
        <v>4751</v>
      </c>
      <c r="D4785" cm="1">
        <f t="array" ref="D4785">IFERROR(INDEX(Jesper!AH$2:AH$366,ROUNDDOWN($C4785/24,0)+1,1)*INDEX($D$3:$AA$30,INDEX(Jesper!$R$2:$R$366,ROW(INDEX(Jesper!AH$2:AH$366,ROUNDDOWN($C4785/24,0)+1,1))-1)+IF('Standard Profiles'!$G$18=$B$10,7,0)+IF('Standard Profiles'!$G$18=$B$17,14,0)+IF('Standard Profiles'!$G$18=$B$24,21,0),MOD($C4785,24)+1)/SUM(INDEX($D$3:$AA$30,INDEX(Jesper!$R$2:$R$366,ROW(INDEX(Jesper!AH$2:AH$366,ROUNDDOWN($C4785/24,0)+1,1))-1)+IF('Standard Profiles'!$G$18=$B$10,7,0)+IF('Standard Profiles'!$G$18=$B$17,14,0)+IF('Standard Profiles'!$G$18=$B$24,21,0),0)),0)</f>
        <v>5.1210468178486499</v>
      </c>
      <c r="E4785" cm="1">
        <f t="array" ref="E4785">IFERROR(INDEX(Jesper!AI$2:AI$366,ROUNDDOWN($C4785/24,0)+1,1)*INDEX($D$3:$AA$30,INDEX(Jesper!$R$2:$R$366,ROW(INDEX(Jesper!AI$2:AI$366,ROUNDDOWN($C4785/24,0)+1,1))-1)+IF('Standard Profiles'!$G$19=$B$10,7,0)+IF('Standard Profiles'!$G$19=$B$17,14,0)+IF('Standard Profiles'!$G$19=$B$24,21,0),MOD($C4785,24)+1)/SUM(INDEX($D$3:$AA$30,INDEX(Jesper!$R$2:$R$366,ROW(INDEX(Jesper!AI$2:AI$366,ROUNDDOWN($C4785/24,0)+1,1))-1)+IF('Standard Profiles'!$G$19=$B$10,7,0)+IF('Standard Profiles'!$G$19=$B$17,14,0)+IF('Standard Profiles'!$G$19=$B$24,21,0),0)),0)</f>
        <v>1.7883778062763298</v>
      </c>
      <c r="F4785" cm="1">
        <f t="array" ref="F4785">IFERROR(INDEX(Jesper!AJ$2:AJ$366,ROUNDDOWN($C4785/24,0)+1,1)*INDEX($D$3:$AA$30,INDEX(Jesper!$R$2:$R$366,ROW(INDEX(Jesper!AJ$2:AJ$366,ROUNDDOWN($C4785/24,0)+1,1))-1)+IF('Standard Profiles'!$G$20=$B$10,7,0)+IF('Standard Profiles'!$G$20=$B$17,14,0)+IF('Standard Profiles'!$G$20=$B$24,21,0),MOD($C4785,24)+1)/SUM(INDEX($D$3:$AA$30,INDEX(Jesper!$R$2:$R$366,ROW(INDEX(Jesper!AJ$2:AJ$366,ROUNDDOWN($C4785/24,0)+1,1))-1)+IF('Standard Profiles'!$G$20=$B$10,7,0)+IF('Standard Profiles'!$G$20=$B$17,14,0)+IF('Standard Profiles'!$G$20=$B$24,21,0),0)),0)</f>
        <v>0</v>
      </c>
      <c r="G4785" cm="1">
        <f t="array" ref="G4785">IFERROR(INDEX(Jesper!AK$2:AK$366,ROUNDDOWN($C4785/24,0)+1,1)*INDEX($D$3:$AA$30,INDEX(Jesper!$R$2:$R$366,ROW(INDEX(Jesper!AK$2:AK$366,ROUNDDOWN($C4785/24,0)+1,1))-1)+IF('Standard Profiles'!$G$21=$B$10,7,0)+IF('Standard Profiles'!$G$21=$B$17,14,0)+IF('Standard Profiles'!$G$21=$B$24,21,0),MOD($C4785,24)+1)/SUM(INDEX($D$3:$AA$30,INDEX(Jesper!$R$2:$R$366,ROW(INDEX(Jesper!AK$2:AK$366,ROUNDDOWN($C4785/24,0)+1,1))-1)+IF('Standard Profiles'!$G$21=$B$10,7,0)+IF('Standard Profiles'!$G$21=$B$17,14,0)+IF('Standard Profiles'!$G$21=$B$24,21,0),0)),0)</f>
        <v>0</v>
      </c>
      <c r="H4785" cm="1">
        <f t="array" ref="H4785">IFERROR(INDEX(Jesper!AL$2:AL$366,ROUNDDOWN($C4785/24,0)+1,1)*INDEX($D$3:$AA$30,INDEX(Jesper!$R$2:$R$366,ROW(INDEX(Jesper!AL$2:AL$366,ROUNDDOWN($C4785/24,0)+1,1))-1)+IF('Standard Profiles'!$G$22=$B$10,7,0)+IF('Standard Profiles'!$G$22=$B$17,14,0)+IF('Standard Profiles'!$G$22=$B$24,21,0),MOD($C4785,24)+1)/SUM(INDEX($D$3:$AA$30,INDEX(Jesper!$R$2:$R$366,ROW(INDEX(Jesper!AL$2:AL$366,ROUNDDOWN($C4785/24,0)+1,1))-1)+IF('Standard Profiles'!$G$22=$B$10,7,0)+IF('Standard Profiles'!$G$22=$B$17,14,0)+IF('Standard Profiles'!$G$22=$B$24,21,0),0)),0)</f>
        <v>0</v>
      </c>
      <c r="I4785">
        <f t="shared" si="538"/>
        <v>0</v>
      </c>
      <c r="J4785">
        <f t="shared" si="539"/>
        <v>6.0900571332691955</v>
      </c>
      <c r="K4785">
        <f t="shared" si="540"/>
        <v>0.54624499390385606</v>
      </c>
      <c r="L4785">
        <f t="shared" si="541"/>
        <v>0.27312249695192803</v>
      </c>
      <c r="M4785">
        <f t="shared" si="542"/>
        <v>0</v>
      </c>
      <c r="N4785" s="45">
        <f t="shared" si="543"/>
        <v>45124.958333321811</v>
      </c>
    </row>
    <row r="4786" spans="2:14" x14ac:dyDescent="0.25">
      <c r="B4786">
        <f t="shared" si="537"/>
        <v>2</v>
      </c>
      <c r="C4786" s="16">
        <v>4752</v>
      </c>
      <c r="D4786" cm="1">
        <f t="array" ref="D4786">IFERROR(INDEX(Jesper!AH$2:AH$366,ROUNDDOWN($C4786/24,0)+1,1)*INDEX($D$3:$AA$30,INDEX(Jesper!$R$2:$R$366,ROW(INDEX(Jesper!AH$2:AH$366,ROUNDDOWN($C4786/24,0)+1,1))-1)+IF('Standard Profiles'!$G$18=$B$10,7,0)+IF('Standard Profiles'!$G$18=$B$17,14,0)+IF('Standard Profiles'!$G$18=$B$24,21,0),MOD($C4786,24)+1)/SUM(INDEX($D$3:$AA$30,INDEX(Jesper!$R$2:$R$366,ROW(INDEX(Jesper!AH$2:AH$366,ROUNDDOWN($C4786/24,0)+1,1))-1)+IF('Standard Profiles'!$G$18=$B$10,7,0)+IF('Standard Profiles'!$G$18=$B$17,14,0)+IF('Standard Profiles'!$G$18=$B$24,21,0),0)),0)</f>
        <v>3.2698997347104641</v>
      </c>
      <c r="E4786" cm="1">
        <f t="array" ref="E4786">IFERROR(INDEX(Jesper!AI$2:AI$366,ROUNDDOWN($C4786/24,0)+1,1)*INDEX($D$3:$AA$30,INDEX(Jesper!$R$2:$R$366,ROW(INDEX(Jesper!AI$2:AI$366,ROUNDDOWN($C4786/24,0)+1,1))-1)+IF('Standard Profiles'!$G$19=$B$10,7,0)+IF('Standard Profiles'!$G$19=$B$17,14,0)+IF('Standard Profiles'!$G$19=$B$24,21,0),MOD($C4786,24)+1)/SUM(INDEX($D$3:$AA$30,INDEX(Jesper!$R$2:$R$366,ROW(INDEX(Jesper!AI$2:AI$366,ROUNDDOWN($C4786/24,0)+1,1))-1)+IF('Standard Profiles'!$G$19=$B$10,7,0)+IF('Standard Profiles'!$G$19=$B$17,14,0)+IF('Standard Profiles'!$G$19=$B$24,21,0),0)),0)</f>
        <v>1.1542079912730685</v>
      </c>
      <c r="F4786" cm="1">
        <f t="array" ref="F4786">IFERROR(INDEX(Jesper!AJ$2:AJ$366,ROUNDDOWN($C4786/24,0)+1,1)*INDEX($D$3:$AA$30,INDEX(Jesper!$R$2:$R$366,ROW(INDEX(Jesper!AJ$2:AJ$366,ROUNDDOWN($C4786/24,0)+1,1))-1)+IF('Standard Profiles'!$G$20=$B$10,7,0)+IF('Standard Profiles'!$G$20=$B$17,14,0)+IF('Standard Profiles'!$G$20=$B$24,21,0),MOD($C4786,24)+1)/SUM(INDEX($D$3:$AA$30,INDEX(Jesper!$R$2:$R$366,ROW(INDEX(Jesper!AJ$2:AJ$366,ROUNDDOWN($C4786/24,0)+1,1))-1)+IF('Standard Profiles'!$G$20=$B$10,7,0)+IF('Standard Profiles'!$G$20=$B$17,14,0)+IF('Standard Profiles'!$G$20=$B$24,21,0),0)),0)</f>
        <v>0</v>
      </c>
      <c r="G4786" cm="1">
        <f t="array" ref="G4786">IFERROR(INDEX(Jesper!AK$2:AK$366,ROUNDDOWN($C4786/24,0)+1,1)*INDEX($D$3:$AA$30,INDEX(Jesper!$R$2:$R$366,ROW(INDEX(Jesper!AK$2:AK$366,ROUNDDOWN($C4786/24,0)+1,1))-1)+IF('Standard Profiles'!$G$21=$B$10,7,0)+IF('Standard Profiles'!$G$21=$B$17,14,0)+IF('Standard Profiles'!$G$21=$B$24,21,0),MOD($C4786,24)+1)/SUM(INDEX($D$3:$AA$30,INDEX(Jesper!$R$2:$R$366,ROW(INDEX(Jesper!AK$2:AK$366,ROUNDDOWN($C4786/24,0)+1,1))-1)+IF('Standard Profiles'!$G$21=$B$10,7,0)+IF('Standard Profiles'!$G$21=$B$17,14,0)+IF('Standard Profiles'!$G$21=$B$24,21,0),0)),0)</f>
        <v>0</v>
      </c>
      <c r="H4786" cm="1">
        <f t="array" ref="H4786">IFERROR(INDEX(Jesper!AL$2:AL$366,ROUNDDOWN($C4786/24,0)+1,1)*INDEX($D$3:$AA$30,INDEX(Jesper!$R$2:$R$366,ROW(INDEX(Jesper!AL$2:AL$366,ROUNDDOWN($C4786/24,0)+1,1))-1)+IF('Standard Profiles'!$G$22=$B$10,7,0)+IF('Standard Profiles'!$G$22=$B$17,14,0)+IF('Standard Profiles'!$G$22=$B$24,21,0),MOD($C4786,24)+1)/SUM(INDEX($D$3:$AA$30,INDEX(Jesper!$R$2:$R$366,ROW(INDEX(Jesper!AL$2:AL$366,ROUNDDOWN($C4786/24,0)+1,1))-1)+IF('Standard Profiles'!$G$22=$B$10,7,0)+IF('Standard Profiles'!$G$22=$B$17,14,0)+IF('Standard Profiles'!$G$22=$B$24,21,0),0)),0)</f>
        <v>0</v>
      </c>
      <c r="I4786">
        <f t="shared" si="538"/>
        <v>0</v>
      </c>
      <c r="J4786">
        <f t="shared" si="539"/>
        <v>3.9009237684298581</v>
      </c>
      <c r="K4786">
        <f t="shared" si="540"/>
        <v>0.34878930503578287</v>
      </c>
      <c r="L4786">
        <f t="shared" si="541"/>
        <v>0.17439465251789144</v>
      </c>
      <c r="M4786">
        <f t="shared" si="542"/>
        <v>0</v>
      </c>
      <c r="N4786" s="45">
        <f t="shared" si="543"/>
        <v>45124.999999988475</v>
      </c>
    </row>
    <row r="4787" spans="2:14" x14ac:dyDescent="0.25">
      <c r="B4787">
        <f t="shared" si="537"/>
        <v>2</v>
      </c>
      <c r="C4787" s="16">
        <v>4753</v>
      </c>
      <c r="D4787" cm="1">
        <f t="array" ref="D4787">IFERROR(INDEX(Jesper!AH$2:AH$366,ROUNDDOWN($C4787/24,0)+1,1)*INDEX($D$3:$AA$30,INDEX(Jesper!$R$2:$R$366,ROW(INDEX(Jesper!AH$2:AH$366,ROUNDDOWN($C4787/24,0)+1,1))-1)+IF('Standard Profiles'!$G$18=$B$10,7,0)+IF('Standard Profiles'!$G$18=$B$17,14,0)+IF('Standard Profiles'!$G$18=$B$24,21,0),MOD($C4787,24)+1)/SUM(INDEX($D$3:$AA$30,INDEX(Jesper!$R$2:$R$366,ROW(INDEX(Jesper!AH$2:AH$366,ROUNDDOWN($C4787/24,0)+1,1))-1)+IF('Standard Profiles'!$G$18=$B$10,7,0)+IF('Standard Profiles'!$G$18=$B$17,14,0)+IF('Standard Profiles'!$G$18=$B$24,21,0),0)),0)</f>
        <v>4.9827043576540406</v>
      </c>
      <c r="E4787" cm="1">
        <f t="array" ref="E4787">IFERROR(INDEX(Jesper!AI$2:AI$366,ROUNDDOWN($C4787/24,0)+1,1)*INDEX($D$3:$AA$30,INDEX(Jesper!$R$2:$R$366,ROW(INDEX(Jesper!AI$2:AI$366,ROUNDDOWN($C4787/24,0)+1,1))-1)+IF('Standard Profiles'!$G$19=$B$10,7,0)+IF('Standard Profiles'!$G$19=$B$17,14,0)+IF('Standard Profiles'!$G$19=$B$24,21,0),MOD($C4787,24)+1)/SUM(INDEX($D$3:$AA$30,INDEX(Jesper!$R$2:$R$366,ROW(INDEX(Jesper!AI$2:AI$366,ROUNDDOWN($C4787/24,0)+1,1))-1)+IF('Standard Profiles'!$G$19=$B$10,7,0)+IF('Standard Profiles'!$G$19=$B$17,14,0)+IF('Standard Profiles'!$G$19=$B$24,21,0),0)),0)</f>
        <v>1.7587931295589621</v>
      </c>
      <c r="F4787" cm="1">
        <f t="array" ref="F4787">IFERROR(INDEX(Jesper!AJ$2:AJ$366,ROUNDDOWN($C4787/24,0)+1,1)*INDEX($D$3:$AA$30,INDEX(Jesper!$R$2:$R$366,ROW(INDEX(Jesper!AJ$2:AJ$366,ROUNDDOWN($C4787/24,0)+1,1))-1)+IF('Standard Profiles'!$G$20=$B$10,7,0)+IF('Standard Profiles'!$G$20=$B$17,14,0)+IF('Standard Profiles'!$G$20=$B$24,21,0),MOD($C4787,24)+1)/SUM(INDEX($D$3:$AA$30,INDEX(Jesper!$R$2:$R$366,ROW(INDEX(Jesper!AJ$2:AJ$366,ROUNDDOWN($C4787/24,0)+1,1))-1)+IF('Standard Profiles'!$G$20=$B$10,7,0)+IF('Standard Profiles'!$G$20=$B$17,14,0)+IF('Standard Profiles'!$G$20=$B$24,21,0),0)),0)</f>
        <v>0</v>
      </c>
      <c r="G4787" cm="1">
        <f t="array" ref="G4787">IFERROR(INDEX(Jesper!AK$2:AK$366,ROUNDDOWN($C4787/24,0)+1,1)*INDEX($D$3:$AA$30,INDEX(Jesper!$R$2:$R$366,ROW(INDEX(Jesper!AK$2:AK$366,ROUNDDOWN($C4787/24,0)+1,1))-1)+IF('Standard Profiles'!$G$21=$B$10,7,0)+IF('Standard Profiles'!$G$21=$B$17,14,0)+IF('Standard Profiles'!$G$21=$B$24,21,0),MOD($C4787,24)+1)/SUM(INDEX($D$3:$AA$30,INDEX(Jesper!$R$2:$R$366,ROW(INDEX(Jesper!AK$2:AK$366,ROUNDDOWN($C4787/24,0)+1,1))-1)+IF('Standard Profiles'!$G$21=$B$10,7,0)+IF('Standard Profiles'!$G$21=$B$17,14,0)+IF('Standard Profiles'!$G$21=$B$24,21,0),0)),0)</f>
        <v>0</v>
      </c>
      <c r="H4787" cm="1">
        <f t="array" ref="H4787">IFERROR(INDEX(Jesper!AL$2:AL$366,ROUNDDOWN($C4787/24,0)+1,1)*INDEX($D$3:$AA$30,INDEX(Jesper!$R$2:$R$366,ROW(INDEX(Jesper!AL$2:AL$366,ROUNDDOWN($C4787/24,0)+1,1))-1)+IF('Standard Profiles'!$G$22=$B$10,7,0)+IF('Standard Profiles'!$G$22=$B$17,14,0)+IF('Standard Profiles'!$G$22=$B$24,21,0),MOD($C4787,24)+1)/SUM(INDEX($D$3:$AA$30,INDEX(Jesper!$R$2:$R$366,ROW(INDEX(Jesper!AL$2:AL$366,ROUNDDOWN($C4787/24,0)+1,1))-1)+IF('Standard Profiles'!$G$22=$B$10,7,0)+IF('Standard Profiles'!$G$22=$B$17,14,0)+IF('Standard Profiles'!$G$22=$B$24,21,0),0)),0)</f>
        <v>0</v>
      </c>
      <c r="I4787">
        <f t="shared" si="538"/>
        <v>0</v>
      </c>
      <c r="J4787">
        <f t="shared" si="539"/>
        <v>5.9442647899883561</v>
      </c>
      <c r="K4787">
        <f t="shared" si="540"/>
        <v>0.53148846481643108</v>
      </c>
      <c r="L4787">
        <f t="shared" si="541"/>
        <v>0.26574423240821554</v>
      </c>
      <c r="M4787">
        <f t="shared" si="542"/>
        <v>0</v>
      </c>
      <c r="N4787" s="45">
        <f t="shared" si="543"/>
        <v>45125.041666655139</v>
      </c>
    </row>
    <row r="4788" spans="2:14" x14ac:dyDescent="0.25">
      <c r="B4788">
        <f t="shared" si="537"/>
        <v>2</v>
      </c>
      <c r="C4788" s="16">
        <v>4754</v>
      </c>
      <c r="D4788" cm="1">
        <f t="array" ref="D4788">IFERROR(INDEX(Jesper!AH$2:AH$366,ROUNDDOWN($C4788/24,0)+1,1)*INDEX($D$3:$AA$30,INDEX(Jesper!$R$2:$R$366,ROW(INDEX(Jesper!AH$2:AH$366,ROUNDDOWN($C4788/24,0)+1,1))-1)+IF('Standard Profiles'!$G$18=$B$10,7,0)+IF('Standard Profiles'!$G$18=$B$17,14,0)+IF('Standard Profiles'!$G$18=$B$24,21,0),MOD($C4788,24)+1)/SUM(INDEX($D$3:$AA$30,INDEX(Jesper!$R$2:$R$366,ROW(INDEX(Jesper!AH$2:AH$366,ROUNDDOWN($C4788/24,0)+1,1))-1)+IF('Standard Profiles'!$G$18=$B$10,7,0)+IF('Standard Profiles'!$G$18=$B$17,14,0)+IF('Standard Profiles'!$G$18=$B$24,21,0),0)),0)</f>
        <v>4.9827043576540406</v>
      </c>
      <c r="E4788" cm="1">
        <f t="array" ref="E4788">IFERROR(INDEX(Jesper!AI$2:AI$366,ROUNDDOWN($C4788/24,0)+1,1)*INDEX($D$3:$AA$30,INDEX(Jesper!$R$2:$R$366,ROW(INDEX(Jesper!AI$2:AI$366,ROUNDDOWN($C4788/24,0)+1,1))-1)+IF('Standard Profiles'!$G$19=$B$10,7,0)+IF('Standard Profiles'!$G$19=$B$17,14,0)+IF('Standard Profiles'!$G$19=$B$24,21,0),MOD($C4788,24)+1)/SUM(INDEX($D$3:$AA$30,INDEX(Jesper!$R$2:$R$366,ROW(INDEX(Jesper!AI$2:AI$366,ROUNDDOWN($C4788/24,0)+1,1))-1)+IF('Standard Profiles'!$G$19=$B$10,7,0)+IF('Standard Profiles'!$G$19=$B$17,14,0)+IF('Standard Profiles'!$G$19=$B$24,21,0),0)),0)</f>
        <v>1.7587931295589621</v>
      </c>
      <c r="F4788" cm="1">
        <f t="array" ref="F4788">IFERROR(INDEX(Jesper!AJ$2:AJ$366,ROUNDDOWN($C4788/24,0)+1,1)*INDEX($D$3:$AA$30,INDEX(Jesper!$R$2:$R$366,ROW(INDEX(Jesper!AJ$2:AJ$366,ROUNDDOWN($C4788/24,0)+1,1))-1)+IF('Standard Profiles'!$G$20=$B$10,7,0)+IF('Standard Profiles'!$G$20=$B$17,14,0)+IF('Standard Profiles'!$G$20=$B$24,21,0),MOD($C4788,24)+1)/SUM(INDEX($D$3:$AA$30,INDEX(Jesper!$R$2:$R$366,ROW(INDEX(Jesper!AJ$2:AJ$366,ROUNDDOWN($C4788/24,0)+1,1))-1)+IF('Standard Profiles'!$G$20=$B$10,7,0)+IF('Standard Profiles'!$G$20=$B$17,14,0)+IF('Standard Profiles'!$G$20=$B$24,21,0),0)),0)</f>
        <v>0</v>
      </c>
      <c r="G4788" cm="1">
        <f t="array" ref="G4788">IFERROR(INDEX(Jesper!AK$2:AK$366,ROUNDDOWN($C4788/24,0)+1,1)*INDEX($D$3:$AA$30,INDEX(Jesper!$R$2:$R$366,ROW(INDEX(Jesper!AK$2:AK$366,ROUNDDOWN($C4788/24,0)+1,1))-1)+IF('Standard Profiles'!$G$21=$B$10,7,0)+IF('Standard Profiles'!$G$21=$B$17,14,0)+IF('Standard Profiles'!$G$21=$B$24,21,0),MOD($C4788,24)+1)/SUM(INDEX($D$3:$AA$30,INDEX(Jesper!$R$2:$R$366,ROW(INDEX(Jesper!AK$2:AK$366,ROUNDDOWN($C4788/24,0)+1,1))-1)+IF('Standard Profiles'!$G$21=$B$10,7,0)+IF('Standard Profiles'!$G$21=$B$17,14,0)+IF('Standard Profiles'!$G$21=$B$24,21,0),0)),0)</f>
        <v>0</v>
      </c>
      <c r="H4788" cm="1">
        <f t="array" ref="H4788">IFERROR(INDEX(Jesper!AL$2:AL$366,ROUNDDOWN($C4788/24,0)+1,1)*INDEX($D$3:$AA$30,INDEX(Jesper!$R$2:$R$366,ROW(INDEX(Jesper!AL$2:AL$366,ROUNDDOWN($C4788/24,0)+1,1))-1)+IF('Standard Profiles'!$G$22=$B$10,7,0)+IF('Standard Profiles'!$G$22=$B$17,14,0)+IF('Standard Profiles'!$G$22=$B$24,21,0),MOD($C4788,24)+1)/SUM(INDEX($D$3:$AA$30,INDEX(Jesper!$R$2:$R$366,ROW(INDEX(Jesper!AL$2:AL$366,ROUNDDOWN($C4788/24,0)+1,1))-1)+IF('Standard Profiles'!$G$22=$B$10,7,0)+IF('Standard Profiles'!$G$22=$B$17,14,0)+IF('Standard Profiles'!$G$22=$B$24,21,0),0)),0)</f>
        <v>0</v>
      </c>
      <c r="I4788">
        <f t="shared" si="538"/>
        <v>0</v>
      </c>
      <c r="J4788">
        <f t="shared" si="539"/>
        <v>5.9442647899883561</v>
      </c>
      <c r="K4788">
        <f t="shared" si="540"/>
        <v>0.53148846481643108</v>
      </c>
      <c r="L4788">
        <f t="shared" si="541"/>
        <v>0.26574423240821554</v>
      </c>
      <c r="M4788">
        <f t="shared" si="542"/>
        <v>0</v>
      </c>
      <c r="N4788" s="45">
        <f t="shared" si="543"/>
        <v>45125.083333321803</v>
      </c>
    </row>
    <row r="4789" spans="2:14" x14ac:dyDescent="0.25">
      <c r="B4789">
        <f t="shared" si="537"/>
        <v>2</v>
      </c>
      <c r="C4789" s="16">
        <v>4755</v>
      </c>
      <c r="D4789" cm="1">
        <f t="array" ref="D4789">IFERROR(INDEX(Jesper!AH$2:AH$366,ROUNDDOWN($C4789/24,0)+1,1)*INDEX($D$3:$AA$30,INDEX(Jesper!$R$2:$R$366,ROW(INDEX(Jesper!AH$2:AH$366,ROUNDDOWN($C4789/24,0)+1,1))-1)+IF('Standard Profiles'!$G$18=$B$10,7,0)+IF('Standard Profiles'!$G$18=$B$17,14,0)+IF('Standard Profiles'!$G$18=$B$24,21,0),MOD($C4789,24)+1)/SUM(INDEX($D$3:$AA$30,INDEX(Jesper!$R$2:$R$366,ROW(INDEX(Jesper!AH$2:AH$366,ROUNDDOWN($C4789/24,0)+1,1))-1)+IF('Standard Profiles'!$G$18=$B$10,7,0)+IF('Standard Profiles'!$G$18=$B$17,14,0)+IF('Standard Profiles'!$G$18=$B$24,21,0),0)),0)</f>
        <v>4.9827043576540406</v>
      </c>
      <c r="E4789" cm="1">
        <f t="array" ref="E4789">IFERROR(INDEX(Jesper!AI$2:AI$366,ROUNDDOWN($C4789/24,0)+1,1)*INDEX($D$3:$AA$30,INDEX(Jesper!$R$2:$R$366,ROW(INDEX(Jesper!AI$2:AI$366,ROUNDDOWN($C4789/24,0)+1,1))-1)+IF('Standard Profiles'!$G$19=$B$10,7,0)+IF('Standard Profiles'!$G$19=$B$17,14,0)+IF('Standard Profiles'!$G$19=$B$24,21,0),MOD($C4789,24)+1)/SUM(INDEX($D$3:$AA$30,INDEX(Jesper!$R$2:$R$366,ROW(INDEX(Jesper!AI$2:AI$366,ROUNDDOWN($C4789/24,0)+1,1))-1)+IF('Standard Profiles'!$G$19=$B$10,7,0)+IF('Standard Profiles'!$G$19=$B$17,14,0)+IF('Standard Profiles'!$G$19=$B$24,21,0),0)),0)</f>
        <v>1.7587931295589621</v>
      </c>
      <c r="F4789" cm="1">
        <f t="array" ref="F4789">IFERROR(INDEX(Jesper!AJ$2:AJ$366,ROUNDDOWN($C4789/24,0)+1,1)*INDEX($D$3:$AA$30,INDEX(Jesper!$R$2:$R$366,ROW(INDEX(Jesper!AJ$2:AJ$366,ROUNDDOWN($C4789/24,0)+1,1))-1)+IF('Standard Profiles'!$G$20=$B$10,7,0)+IF('Standard Profiles'!$G$20=$B$17,14,0)+IF('Standard Profiles'!$G$20=$B$24,21,0),MOD($C4789,24)+1)/SUM(INDEX($D$3:$AA$30,INDEX(Jesper!$R$2:$R$366,ROW(INDEX(Jesper!AJ$2:AJ$366,ROUNDDOWN($C4789/24,0)+1,1))-1)+IF('Standard Profiles'!$G$20=$B$10,7,0)+IF('Standard Profiles'!$G$20=$B$17,14,0)+IF('Standard Profiles'!$G$20=$B$24,21,0),0)),0)</f>
        <v>0</v>
      </c>
      <c r="G4789" cm="1">
        <f t="array" ref="G4789">IFERROR(INDEX(Jesper!AK$2:AK$366,ROUNDDOWN($C4789/24,0)+1,1)*INDEX($D$3:$AA$30,INDEX(Jesper!$R$2:$R$366,ROW(INDEX(Jesper!AK$2:AK$366,ROUNDDOWN($C4789/24,0)+1,1))-1)+IF('Standard Profiles'!$G$21=$B$10,7,0)+IF('Standard Profiles'!$G$21=$B$17,14,0)+IF('Standard Profiles'!$G$21=$B$24,21,0),MOD($C4789,24)+1)/SUM(INDEX($D$3:$AA$30,INDEX(Jesper!$R$2:$R$366,ROW(INDEX(Jesper!AK$2:AK$366,ROUNDDOWN($C4789/24,0)+1,1))-1)+IF('Standard Profiles'!$G$21=$B$10,7,0)+IF('Standard Profiles'!$G$21=$B$17,14,0)+IF('Standard Profiles'!$G$21=$B$24,21,0),0)),0)</f>
        <v>0</v>
      </c>
      <c r="H4789" cm="1">
        <f t="array" ref="H4789">IFERROR(INDEX(Jesper!AL$2:AL$366,ROUNDDOWN($C4789/24,0)+1,1)*INDEX($D$3:$AA$30,INDEX(Jesper!$R$2:$R$366,ROW(INDEX(Jesper!AL$2:AL$366,ROUNDDOWN($C4789/24,0)+1,1))-1)+IF('Standard Profiles'!$G$22=$B$10,7,0)+IF('Standard Profiles'!$G$22=$B$17,14,0)+IF('Standard Profiles'!$G$22=$B$24,21,0),MOD($C4789,24)+1)/SUM(INDEX($D$3:$AA$30,INDEX(Jesper!$R$2:$R$366,ROW(INDEX(Jesper!AL$2:AL$366,ROUNDDOWN($C4789/24,0)+1,1))-1)+IF('Standard Profiles'!$G$22=$B$10,7,0)+IF('Standard Profiles'!$G$22=$B$17,14,0)+IF('Standard Profiles'!$G$22=$B$24,21,0),0)),0)</f>
        <v>0</v>
      </c>
      <c r="I4789">
        <f t="shared" si="538"/>
        <v>0</v>
      </c>
      <c r="J4789">
        <f t="shared" si="539"/>
        <v>5.9442647899883561</v>
      </c>
      <c r="K4789">
        <f t="shared" si="540"/>
        <v>0.53148846481643108</v>
      </c>
      <c r="L4789">
        <f t="shared" si="541"/>
        <v>0.26574423240821554</v>
      </c>
      <c r="M4789">
        <f t="shared" si="542"/>
        <v>0</v>
      </c>
      <c r="N4789" s="45">
        <f t="shared" si="543"/>
        <v>45125.124999988468</v>
      </c>
    </row>
    <row r="4790" spans="2:14" x14ac:dyDescent="0.25">
      <c r="B4790">
        <f t="shared" si="537"/>
        <v>2</v>
      </c>
      <c r="C4790" s="16">
        <v>4756</v>
      </c>
      <c r="D4790" cm="1">
        <f t="array" ref="D4790">IFERROR(INDEX(Jesper!AH$2:AH$366,ROUNDDOWN($C4790/24,0)+1,1)*INDEX($D$3:$AA$30,INDEX(Jesper!$R$2:$R$366,ROW(INDEX(Jesper!AH$2:AH$366,ROUNDDOWN($C4790/24,0)+1,1))-1)+IF('Standard Profiles'!$G$18=$B$10,7,0)+IF('Standard Profiles'!$G$18=$B$17,14,0)+IF('Standard Profiles'!$G$18=$B$24,21,0),MOD($C4790,24)+1)/SUM(INDEX($D$3:$AA$30,INDEX(Jesper!$R$2:$R$366,ROW(INDEX(Jesper!AH$2:AH$366,ROUNDDOWN($C4790/24,0)+1,1))-1)+IF('Standard Profiles'!$G$18=$B$10,7,0)+IF('Standard Profiles'!$G$18=$B$17,14,0)+IF('Standard Profiles'!$G$18=$B$24,21,0),0)),0)</f>
        <v>4.9827043576540406</v>
      </c>
      <c r="E4790" cm="1">
        <f t="array" ref="E4790">IFERROR(INDEX(Jesper!AI$2:AI$366,ROUNDDOWN($C4790/24,0)+1,1)*INDEX($D$3:$AA$30,INDEX(Jesper!$R$2:$R$366,ROW(INDEX(Jesper!AI$2:AI$366,ROUNDDOWN($C4790/24,0)+1,1))-1)+IF('Standard Profiles'!$G$19=$B$10,7,0)+IF('Standard Profiles'!$G$19=$B$17,14,0)+IF('Standard Profiles'!$G$19=$B$24,21,0),MOD($C4790,24)+1)/SUM(INDEX($D$3:$AA$30,INDEX(Jesper!$R$2:$R$366,ROW(INDEX(Jesper!AI$2:AI$366,ROUNDDOWN($C4790/24,0)+1,1))-1)+IF('Standard Profiles'!$G$19=$B$10,7,0)+IF('Standard Profiles'!$G$19=$B$17,14,0)+IF('Standard Profiles'!$G$19=$B$24,21,0),0)),0)</f>
        <v>1.7587931295589621</v>
      </c>
      <c r="F4790" cm="1">
        <f t="array" ref="F4790">IFERROR(INDEX(Jesper!AJ$2:AJ$366,ROUNDDOWN($C4790/24,0)+1,1)*INDEX($D$3:$AA$30,INDEX(Jesper!$R$2:$R$366,ROW(INDEX(Jesper!AJ$2:AJ$366,ROUNDDOWN($C4790/24,0)+1,1))-1)+IF('Standard Profiles'!$G$20=$B$10,7,0)+IF('Standard Profiles'!$G$20=$B$17,14,0)+IF('Standard Profiles'!$G$20=$B$24,21,0),MOD($C4790,24)+1)/SUM(INDEX($D$3:$AA$30,INDEX(Jesper!$R$2:$R$366,ROW(INDEX(Jesper!AJ$2:AJ$366,ROUNDDOWN($C4790/24,0)+1,1))-1)+IF('Standard Profiles'!$G$20=$B$10,7,0)+IF('Standard Profiles'!$G$20=$B$17,14,0)+IF('Standard Profiles'!$G$20=$B$24,21,0),0)),0)</f>
        <v>0</v>
      </c>
      <c r="G4790" cm="1">
        <f t="array" ref="G4790">IFERROR(INDEX(Jesper!AK$2:AK$366,ROUNDDOWN($C4790/24,0)+1,1)*INDEX($D$3:$AA$30,INDEX(Jesper!$R$2:$R$366,ROW(INDEX(Jesper!AK$2:AK$366,ROUNDDOWN($C4790/24,0)+1,1))-1)+IF('Standard Profiles'!$G$21=$B$10,7,0)+IF('Standard Profiles'!$G$21=$B$17,14,0)+IF('Standard Profiles'!$G$21=$B$24,21,0),MOD($C4790,24)+1)/SUM(INDEX($D$3:$AA$30,INDEX(Jesper!$R$2:$R$366,ROW(INDEX(Jesper!AK$2:AK$366,ROUNDDOWN($C4790/24,0)+1,1))-1)+IF('Standard Profiles'!$G$21=$B$10,7,0)+IF('Standard Profiles'!$G$21=$B$17,14,0)+IF('Standard Profiles'!$G$21=$B$24,21,0),0)),0)</f>
        <v>0</v>
      </c>
      <c r="H4790" cm="1">
        <f t="array" ref="H4790">IFERROR(INDEX(Jesper!AL$2:AL$366,ROUNDDOWN($C4790/24,0)+1,1)*INDEX($D$3:$AA$30,INDEX(Jesper!$R$2:$R$366,ROW(INDEX(Jesper!AL$2:AL$366,ROUNDDOWN($C4790/24,0)+1,1))-1)+IF('Standard Profiles'!$G$22=$B$10,7,0)+IF('Standard Profiles'!$G$22=$B$17,14,0)+IF('Standard Profiles'!$G$22=$B$24,21,0),MOD($C4790,24)+1)/SUM(INDEX($D$3:$AA$30,INDEX(Jesper!$R$2:$R$366,ROW(INDEX(Jesper!AL$2:AL$366,ROUNDDOWN($C4790/24,0)+1,1))-1)+IF('Standard Profiles'!$G$22=$B$10,7,0)+IF('Standard Profiles'!$G$22=$B$17,14,0)+IF('Standard Profiles'!$G$22=$B$24,21,0),0)),0)</f>
        <v>0</v>
      </c>
      <c r="I4790">
        <f t="shared" si="538"/>
        <v>0</v>
      </c>
      <c r="J4790">
        <f t="shared" si="539"/>
        <v>5.9442647899883561</v>
      </c>
      <c r="K4790">
        <f t="shared" si="540"/>
        <v>0.53148846481643108</v>
      </c>
      <c r="L4790">
        <f t="shared" si="541"/>
        <v>0.26574423240821554</v>
      </c>
      <c r="M4790">
        <f t="shared" si="542"/>
        <v>0</v>
      </c>
      <c r="N4790" s="45">
        <f t="shared" si="543"/>
        <v>45125.166666655132</v>
      </c>
    </row>
    <row r="4791" spans="2:14" x14ac:dyDescent="0.25">
      <c r="B4791">
        <f t="shared" si="537"/>
        <v>2</v>
      </c>
      <c r="C4791" s="16">
        <v>4757</v>
      </c>
      <c r="D4791" cm="1">
        <f t="array" ref="D4791">IFERROR(INDEX(Jesper!AH$2:AH$366,ROUNDDOWN($C4791/24,0)+1,1)*INDEX($D$3:$AA$30,INDEX(Jesper!$R$2:$R$366,ROW(INDEX(Jesper!AH$2:AH$366,ROUNDDOWN($C4791/24,0)+1,1))-1)+IF('Standard Profiles'!$G$18=$B$10,7,0)+IF('Standard Profiles'!$G$18=$B$17,14,0)+IF('Standard Profiles'!$G$18=$B$24,21,0),MOD($C4791,24)+1)/SUM(INDEX($D$3:$AA$30,INDEX(Jesper!$R$2:$R$366,ROW(INDEX(Jesper!AH$2:AH$366,ROUNDDOWN($C4791/24,0)+1,1))-1)+IF('Standard Profiles'!$G$18=$B$10,7,0)+IF('Standard Profiles'!$G$18=$B$17,14,0)+IF('Standard Profiles'!$G$18=$B$24,21,0),0)),0)</f>
        <v>4.9827043576540406</v>
      </c>
      <c r="E4791" cm="1">
        <f t="array" ref="E4791">IFERROR(INDEX(Jesper!AI$2:AI$366,ROUNDDOWN($C4791/24,0)+1,1)*INDEX($D$3:$AA$30,INDEX(Jesper!$R$2:$R$366,ROW(INDEX(Jesper!AI$2:AI$366,ROUNDDOWN($C4791/24,0)+1,1))-1)+IF('Standard Profiles'!$G$19=$B$10,7,0)+IF('Standard Profiles'!$G$19=$B$17,14,0)+IF('Standard Profiles'!$G$19=$B$24,21,0),MOD($C4791,24)+1)/SUM(INDEX($D$3:$AA$30,INDEX(Jesper!$R$2:$R$366,ROW(INDEX(Jesper!AI$2:AI$366,ROUNDDOWN($C4791/24,0)+1,1))-1)+IF('Standard Profiles'!$G$19=$B$10,7,0)+IF('Standard Profiles'!$G$19=$B$17,14,0)+IF('Standard Profiles'!$G$19=$B$24,21,0),0)),0)</f>
        <v>1.7587931295589621</v>
      </c>
      <c r="F4791" cm="1">
        <f t="array" ref="F4791">IFERROR(INDEX(Jesper!AJ$2:AJ$366,ROUNDDOWN($C4791/24,0)+1,1)*INDEX($D$3:$AA$30,INDEX(Jesper!$R$2:$R$366,ROW(INDEX(Jesper!AJ$2:AJ$366,ROUNDDOWN($C4791/24,0)+1,1))-1)+IF('Standard Profiles'!$G$20=$B$10,7,0)+IF('Standard Profiles'!$G$20=$B$17,14,0)+IF('Standard Profiles'!$G$20=$B$24,21,0),MOD($C4791,24)+1)/SUM(INDEX($D$3:$AA$30,INDEX(Jesper!$R$2:$R$366,ROW(INDEX(Jesper!AJ$2:AJ$366,ROUNDDOWN($C4791/24,0)+1,1))-1)+IF('Standard Profiles'!$G$20=$B$10,7,0)+IF('Standard Profiles'!$G$20=$B$17,14,0)+IF('Standard Profiles'!$G$20=$B$24,21,0),0)),0)</f>
        <v>0</v>
      </c>
      <c r="G4791" cm="1">
        <f t="array" ref="G4791">IFERROR(INDEX(Jesper!AK$2:AK$366,ROUNDDOWN($C4791/24,0)+1,1)*INDEX($D$3:$AA$30,INDEX(Jesper!$R$2:$R$366,ROW(INDEX(Jesper!AK$2:AK$366,ROUNDDOWN($C4791/24,0)+1,1))-1)+IF('Standard Profiles'!$G$21=$B$10,7,0)+IF('Standard Profiles'!$G$21=$B$17,14,0)+IF('Standard Profiles'!$G$21=$B$24,21,0),MOD($C4791,24)+1)/SUM(INDEX($D$3:$AA$30,INDEX(Jesper!$R$2:$R$366,ROW(INDEX(Jesper!AK$2:AK$366,ROUNDDOWN($C4791/24,0)+1,1))-1)+IF('Standard Profiles'!$G$21=$B$10,7,0)+IF('Standard Profiles'!$G$21=$B$17,14,0)+IF('Standard Profiles'!$G$21=$B$24,21,0),0)),0)</f>
        <v>0</v>
      </c>
      <c r="H4791" cm="1">
        <f t="array" ref="H4791">IFERROR(INDEX(Jesper!AL$2:AL$366,ROUNDDOWN($C4791/24,0)+1,1)*INDEX($D$3:$AA$30,INDEX(Jesper!$R$2:$R$366,ROW(INDEX(Jesper!AL$2:AL$366,ROUNDDOWN($C4791/24,0)+1,1))-1)+IF('Standard Profiles'!$G$22=$B$10,7,0)+IF('Standard Profiles'!$G$22=$B$17,14,0)+IF('Standard Profiles'!$G$22=$B$24,21,0),MOD($C4791,24)+1)/SUM(INDEX($D$3:$AA$30,INDEX(Jesper!$R$2:$R$366,ROW(INDEX(Jesper!AL$2:AL$366,ROUNDDOWN($C4791/24,0)+1,1))-1)+IF('Standard Profiles'!$G$22=$B$10,7,0)+IF('Standard Profiles'!$G$22=$B$17,14,0)+IF('Standard Profiles'!$G$22=$B$24,21,0),0)),0)</f>
        <v>0</v>
      </c>
      <c r="I4791">
        <f t="shared" si="538"/>
        <v>0</v>
      </c>
      <c r="J4791">
        <f t="shared" si="539"/>
        <v>5.9442647899883561</v>
      </c>
      <c r="K4791">
        <f t="shared" si="540"/>
        <v>0.53148846481643108</v>
      </c>
      <c r="L4791">
        <f t="shared" si="541"/>
        <v>0.26574423240821554</v>
      </c>
      <c r="M4791">
        <f t="shared" si="542"/>
        <v>0</v>
      </c>
      <c r="N4791" s="45">
        <f t="shared" si="543"/>
        <v>45125.208333321796</v>
      </c>
    </row>
    <row r="4792" spans="2:14" x14ac:dyDescent="0.25">
      <c r="B4792">
        <f t="shared" si="537"/>
        <v>2</v>
      </c>
      <c r="C4792" s="16">
        <v>4758</v>
      </c>
      <c r="D4792" cm="1">
        <f t="array" ref="D4792">IFERROR(INDEX(Jesper!AH$2:AH$366,ROUNDDOWN($C4792/24,0)+1,1)*INDEX($D$3:$AA$30,INDEX(Jesper!$R$2:$R$366,ROW(INDEX(Jesper!AH$2:AH$366,ROUNDDOWN($C4792/24,0)+1,1))-1)+IF('Standard Profiles'!$G$18=$B$10,7,0)+IF('Standard Profiles'!$G$18=$B$17,14,0)+IF('Standard Profiles'!$G$18=$B$24,21,0),MOD($C4792,24)+1)/SUM(INDEX($D$3:$AA$30,INDEX(Jesper!$R$2:$R$366,ROW(INDEX(Jesper!AH$2:AH$366,ROUNDDOWN($C4792/24,0)+1,1))-1)+IF('Standard Profiles'!$G$18=$B$10,7,0)+IF('Standard Profiles'!$G$18=$B$17,14,0)+IF('Standard Profiles'!$G$18=$B$24,21,0),0)),0)</f>
        <v>4.9827043576540406</v>
      </c>
      <c r="E4792" cm="1">
        <f t="array" ref="E4792">IFERROR(INDEX(Jesper!AI$2:AI$366,ROUNDDOWN($C4792/24,0)+1,1)*INDEX($D$3:$AA$30,INDEX(Jesper!$R$2:$R$366,ROW(INDEX(Jesper!AI$2:AI$366,ROUNDDOWN($C4792/24,0)+1,1))-1)+IF('Standard Profiles'!$G$19=$B$10,7,0)+IF('Standard Profiles'!$G$19=$B$17,14,0)+IF('Standard Profiles'!$G$19=$B$24,21,0),MOD($C4792,24)+1)/SUM(INDEX($D$3:$AA$30,INDEX(Jesper!$R$2:$R$366,ROW(INDEX(Jesper!AI$2:AI$366,ROUNDDOWN($C4792/24,0)+1,1))-1)+IF('Standard Profiles'!$G$19=$B$10,7,0)+IF('Standard Profiles'!$G$19=$B$17,14,0)+IF('Standard Profiles'!$G$19=$B$24,21,0),0)),0)</f>
        <v>1.7587931295589621</v>
      </c>
      <c r="F4792" cm="1">
        <f t="array" ref="F4792">IFERROR(INDEX(Jesper!AJ$2:AJ$366,ROUNDDOWN($C4792/24,0)+1,1)*INDEX($D$3:$AA$30,INDEX(Jesper!$R$2:$R$366,ROW(INDEX(Jesper!AJ$2:AJ$366,ROUNDDOWN($C4792/24,0)+1,1))-1)+IF('Standard Profiles'!$G$20=$B$10,7,0)+IF('Standard Profiles'!$G$20=$B$17,14,0)+IF('Standard Profiles'!$G$20=$B$24,21,0),MOD($C4792,24)+1)/SUM(INDEX($D$3:$AA$30,INDEX(Jesper!$R$2:$R$366,ROW(INDEX(Jesper!AJ$2:AJ$366,ROUNDDOWN($C4792/24,0)+1,1))-1)+IF('Standard Profiles'!$G$20=$B$10,7,0)+IF('Standard Profiles'!$G$20=$B$17,14,0)+IF('Standard Profiles'!$G$20=$B$24,21,0),0)),0)</f>
        <v>0</v>
      </c>
      <c r="G4792" cm="1">
        <f t="array" ref="G4792">IFERROR(INDEX(Jesper!AK$2:AK$366,ROUNDDOWN($C4792/24,0)+1,1)*INDEX($D$3:$AA$30,INDEX(Jesper!$R$2:$R$366,ROW(INDEX(Jesper!AK$2:AK$366,ROUNDDOWN($C4792/24,0)+1,1))-1)+IF('Standard Profiles'!$G$21=$B$10,7,0)+IF('Standard Profiles'!$G$21=$B$17,14,0)+IF('Standard Profiles'!$G$21=$B$24,21,0),MOD($C4792,24)+1)/SUM(INDEX($D$3:$AA$30,INDEX(Jesper!$R$2:$R$366,ROW(INDEX(Jesper!AK$2:AK$366,ROUNDDOWN($C4792/24,0)+1,1))-1)+IF('Standard Profiles'!$G$21=$B$10,7,0)+IF('Standard Profiles'!$G$21=$B$17,14,0)+IF('Standard Profiles'!$G$21=$B$24,21,0),0)),0)</f>
        <v>0</v>
      </c>
      <c r="H4792" cm="1">
        <f t="array" ref="H4792">IFERROR(INDEX(Jesper!AL$2:AL$366,ROUNDDOWN($C4792/24,0)+1,1)*INDEX($D$3:$AA$30,INDEX(Jesper!$R$2:$R$366,ROW(INDEX(Jesper!AL$2:AL$366,ROUNDDOWN($C4792/24,0)+1,1))-1)+IF('Standard Profiles'!$G$22=$B$10,7,0)+IF('Standard Profiles'!$G$22=$B$17,14,0)+IF('Standard Profiles'!$G$22=$B$24,21,0),MOD($C4792,24)+1)/SUM(INDEX($D$3:$AA$30,INDEX(Jesper!$R$2:$R$366,ROW(INDEX(Jesper!AL$2:AL$366,ROUNDDOWN($C4792/24,0)+1,1))-1)+IF('Standard Profiles'!$G$22=$B$10,7,0)+IF('Standard Profiles'!$G$22=$B$17,14,0)+IF('Standard Profiles'!$G$22=$B$24,21,0),0)),0)</f>
        <v>0</v>
      </c>
      <c r="I4792">
        <f t="shared" si="538"/>
        <v>0</v>
      </c>
      <c r="J4792">
        <f t="shared" si="539"/>
        <v>5.9442647899883561</v>
      </c>
      <c r="K4792">
        <f t="shared" si="540"/>
        <v>0.53148846481643108</v>
      </c>
      <c r="L4792">
        <f t="shared" si="541"/>
        <v>0.26574423240821554</v>
      </c>
      <c r="M4792">
        <f t="shared" si="542"/>
        <v>0</v>
      </c>
      <c r="N4792" s="45">
        <f t="shared" si="543"/>
        <v>45125.24999998846</v>
      </c>
    </row>
    <row r="4793" spans="2:14" x14ac:dyDescent="0.25">
      <c r="B4793">
        <f t="shared" si="537"/>
        <v>2</v>
      </c>
      <c r="C4793" s="16">
        <v>4759</v>
      </c>
      <c r="D4793" cm="1">
        <f t="array" ref="D4793">IFERROR(INDEX(Jesper!AH$2:AH$366,ROUNDDOWN($C4793/24,0)+1,1)*INDEX($D$3:$AA$30,INDEX(Jesper!$R$2:$R$366,ROW(INDEX(Jesper!AH$2:AH$366,ROUNDDOWN($C4793/24,0)+1,1))-1)+IF('Standard Profiles'!$G$18=$B$10,7,0)+IF('Standard Profiles'!$G$18=$B$17,14,0)+IF('Standard Profiles'!$G$18=$B$24,21,0),MOD($C4793,24)+1)/SUM(INDEX($D$3:$AA$30,INDEX(Jesper!$R$2:$R$366,ROW(INDEX(Jesper!AH$2:AH$366,ROUNDDOWN($C4793/24,0)+1,1))-1)+IF('Standard Profiles'!$G$18=$B$10,7,0)+IF('Standard Profiles'!$G$18=$B$17,14,0)+IF('Standard Profiles'!$G$18=$B$24,21,0),0)),0)</f>
        <v>21.005213057735311</v>
      </c>
      <c r="E4793" cm="1">
        <f t="array" ref="E4793">IFERROR(INDEX(Jesper!AI$2:AI$366,ROUNDDOWN($C4793/24,0)+1,1)*INDEX($D$3:$AA$30,INDEX(Jesper!$R$2:$R$366,ROW(INDEX(Jesper!AI$2:AI$366,ROUNDDOWN($C4793/24,0)+1,1))-1)+IF('Standard Profiles'!$G$19=$B$10,7,0)+IF('Standard Profiles'!$G$19=$B$17,14,0)+IF('Standard Profiles'!$G$19=$B$24,21,0),MOD($C4793,24)+1)/SUM(INDEX($D$3:$AA$30,INDEX(Jesper!$R$2:$R$366,ROW(INDEX(Jesper!AI$2:AI$366,ROUNDDOWN($C4793/24,0)+1,1))-1)+IF('Standard Profiles'!$G$19=$B$10,7,0)+IF('Standard Profiles'!$G$19=$B$17,14,0)+IF('Standard Profiles'!$G$19=$B$24,21,0),0)),0)</f>
        <v>7.4144122867969973</v>
      </c>
      <c r="F4793" cm="1">
        <f t="array" ref="F4793">IFERROR(INDEX(Jesper!AJ$2:AJ$366,ROUNDDOWN($C4793/24,0)+1,1)*INDEX($D$3:$AA$30,INDEX(Jesper!$R$2:$R$366,ROW(INDEX(Jesper!AJ$2:AJ$366,ROUNDDOWN($C4793/24,0)+1,1))-1)+IF('Standard Profiles'!$G$20=$B$10,7,0)+IF('Standard Profiles'!$G$20=$B$17,14,0)+IF('Standard Profiles'!$G$20=$B$24,21,0),MOD($C4793,24)+1)/SUM(INDEX($D$3:$AA$30,INDEX(Jesper!$R$2:$R$366,ROW(INDEX(Jesper!AJ$2:AJ$366,ROUNDDOWN($C4793/24,0)+1,1))-1)+IF('Standard Profiles'!$G$20=$B$10,7,0)+IF('Standard Profiles'!$G$20=$B$17,14,0)+IF('Standard Profiles'!$G$20=$B$24,21,0),0)),0)</f>
        <v>0</v>
      </c>
      <c r="G4793" cm="1">
        <f t="array" ref="G4793">IFERROR(INDEX(Jesper!AK$2:AK$366,ROUNDDOWN($C4793/24,0)+1,1)*INDEX($D$3:$AA$30,INDEX(Jesper!$R$2:$R$366,ROW(INDEX(Jesper!AK$2:AK$366,ROUNDDOWN($C4793/24,0)+1,1))-1)+IF('Standard Profiles'!$G$21=$B$10,7,0)+IF('Standard Profiles'!$G$21=$B$17,14,0)+IF('Standard Profiles'!$G$21=$B$24,21,0),MOD($C4793,24)+1)/SUM(INDEX($D$3:$AA$30,INDEX(Jesper!$R$2:$R$366,ROW(INDEX(Jesper!AK$2:AK$366,ROUNDDOWN($C4793/24,0)+1,1))-1)+IF('Standard Profiles'!$G$21=$B$10,7,0)+IF('Standard Profiles'!$G$21=$B$17,14,0)+IF('Standard Profiles'!$G$21=$B$24,21,0),0)),0)</f>
        <v>0</v>
      </c>
      <c r="H4793" cm="1">
        <f t="array" ref="H4793">IFERROR(INDEX(Jesper!AL$2:AL$366,ROUNDDOWN($C4793/24,0)+1,1)*INDEX($D$3:$AA$30,INDEX(Jesper!$R$2:$R$366,ROW(INDEX(Jesper!AL$2:AL$366,ROUNDDOWN($C4793/24,0)+1,1))-1)+IF('Standard Profiles'!$G$22=$B$10,7,0)+IF('Standard Profiles'!$G$22=$B$17,14,0)+IF('Standard Profiles'!$G$22=$B$24,21,0),MOD($C4793,24)+1)/SUM(INDEX($D$3:$AA$30,INDEX(Jesper!$R$2:$R$366,ROW(INDEX(Jesper!AL$2:AL$366,ROUNDDOWN($C4793/24,0)+1,1))-1)+IF('Standard Profiles'!$G$22=$B$10,7,0)+IF('Standard Profiles'!$G$22=$B$17,14,0)+IF('Standard Profiles'!$G$22=$B$24,21,0),0)),0)</f>
        <v>0</v>
      </c>
      <c r="I4793">
        <f t="shared" si="538"/>
        <v>0</v>
      </c>
      <c r="J4793">
        <f t="shared" si="539"/>
        <v>25.058791255294658</v>
      </c>
      <c r="K4793">
        <f t="shared" si="540"/>
        <v>2.2405560594917668</v>
      </c>
      <c r="L4793">
        <f t="shared" si="541"/>
        <v>1.1202780297458834</v>
      </c>
      <c r="M4793">
        <f t="shared" si="542"/>
        <v>0</v>
      </c>
      <c r="N4793" s="45">
        <f t="shared" si="543"/>
        <v>45125.291666655125</v>
      </c>
    </row>
    <row r="4794" spans="2:14" x14ac:dyDescent="0.25">
      <c r="B4794">
        <f t="shared" si="537"/>
        <v>2</v>
      </c>
      <c r="C4794" s="16">
        <v>4760</v>
      </c>
      <c r="D4794" cm="1">
        <f t="array" ref="D4794">IFERROR(INDEX(Jesper!AH$2:AH$366,ROUNDDOWN($C4794/24,0)+1,1)*INDEX($D$3:$AA$30,INDEX(Jesper!$R$2:$R$366,ROW(INDEX(Jesper!AH$2:AH$366,ROUNDDOWN($C4794/24,0)+1,1))-1)+IF('Standard Profiles'!$G$18=$B$10,7,0)+IF('Standard Profiles'!$G$18=$B$17,14,0)+IF('Standard Profiles'!$G$18=$B$24,21,0),MOD($C4794,24)+1)/SUM(INDEX($D$3:$AA$30,INDEX(Jesper!$R$2:$R$366,ROW(INDEX(Jesper!AH$2:AH$366,ROUNDDOWN($C4794/24,0)+1,1))-1)+IF('Standard Profiles'!$G$18=$B$10,7,0)+IF('Standard Profiles'!$G$18=$B$17,14,0)+IF('Standard Profiles'!$G$18=$B$24,21,0),0)),0)</f>
        <v>23.437395622315194</v>
      </c>
      <c r="E4794" cm="1">
        <f t="array" ref="E4794">IFERROR(INDEX(Jesper!AI$2:AI$366,ROUNDDOWN($C4794/24,0)+1,1)*INDEX($D$3:$AA$30,INDEX(Jesper!$R$2:$R$366,ROW(INDEX(Jesper!AI$2:AI$366,ROUNDDOWN($C4794/24,0)+1,1))-1)+IF('Standard Profiles'!$G$19=$B$10,7,0)+IF('Standard Profiles'!$G$19=$B$17,14,0)+IF('Standard Profiles'!$G$19=$B$24,21,0),MOD($C4794,24)+1)/SUM(INDEX($D$3:$AA$30,INDEX(Jesper!$R$2:$R$366,ROW(INDEX(Jesper!AI$2:AI$366,ROUNDDOWN($C4794/24,0)+1,1))-1)+IF('Standard Profiles'!$G$19=$B$10,7,0)+IF('Standard Profiles'!$G$19=$B$17,14,0)+IF('Standard Profiles'!$G$19=$B$24,21,0),0)),0)</f>
        <v>8.2729231831629662</v>
      </c>
      <c r="F4794" cm="1">
        <f t="array" ref="F4794">IFERROR(INDEX(Jesper!AJ$2:AJ$366,ROUNDDOWN($C4794/24,0)+1,1)*INDEX($D$3:$AA$30,INDEX(Jesper!$R$2:$R$366,ROW(INDEX(Jesper!AJ$2:AJ$366,ROUNDDOWN($C4794/24,0)+1,1))-1)+IF('Standard Profiles'!$G$20=$B$10,7,0)+IF('Standard Profiles'!$G$20=$B$17,14,0)+IF('Standard Profiles'!$G$20=$B$24,21,0),MOD($C4794,24)+1)/SUM(INDEX($D$3:$AA$30,INDEX(Jesper!$R$2:$R$366,ROW(INDEX(Jesper!AJ$2:AJ$366,ROUNDDOWN($C4794/24,0)+1,1))-1)+IF('Standard Profiles'!$G$20=$B$10,7,0)+IF('Standard Profiles'!$G$20=$B$17,14,0)+IF('Standard Profiles'!$G$20=$B$24,21,0),0)),0)</f>
        <v>0</v>
      </c>
      <c r="G4794" cm="1">
        <f t="array" ref="G4794">IFERROR(INDEX(Jesper!AK$2:AK$366,ROUNDDOWN($C4794/24,0)+1,1)*INDEX($D$3:$AA$30,INDEX(Jesper!$R$2:$R$366,ROW(INDEX(Jesper!AK$2:AK$366,ROUNDDOWN($C4794/24,0)+1,1))-1)+IF('Standard Profiles'!$G$21=$B$10,7,0)+IF('Standard Profiles'!$G$21=$B$17,14,0)+IF('Standard Profiles'!$G$21=$B$24,21,0),MOD($C4794,24)+1)/SUM(INDEX($D$3:$AA$30,INDEX(Jesper!$R$2:$R$366,ROW(INDEX(Jesper!AK$2:AK$366,ROUNDDOWN($C4794/24,0)+1,1))-1)+IF('Standard Profiles'!$G$21=$B$10,7,0)+IF('Standard Profiles'!$G$21=$B$17,14,0)+IF('Standard Profiles'!$G$21=$B$24,21,0),0)),0)</f>
        <v>0</v>
      </c>
      <c r="H4794" cm="1">
        <f t="array" ref="H4794">IFERROR(INDEX(Jesper!AL$2:AL$366,ROUNDDOWN($C4794/24,0)+1,1)*INDEX($D$3:$AA$30,INDEX(Jesper!$R$2:$R$366,ROW(INDEX(Jesper!AL$2:AL$366,ROUNDDOWN($C4794/24,0)+1,1))-1)+IF('Standard Profiles'!$G$22=$B$10,7,0)+IF('Standard Profiles'!$G$22=$B$17,14,0)+IF('Standard Profiles'!$G$22=$B$24,21,0),MOD($C4794,24)+1)/SUM(INDEX($D$3:$AA$30,INDEX(Jesper!$R$2:$R$366,ROW(INDEX(Jesper!AL$2:AL$366,ROUNDDOWN($C4794/24,0)+1,1))-1)+IF('Standard Profiles'!$G$22=$B$10,7,0)+IF('Standard Profiles'!$G$22=$B$17,14,0)+IF('Standard Profiles'!$G$22=$B$24,21,0),0)),0)</f>
        <v>0</v>
      </c>
      <c r="I4794">
        <f t="shared" si="538"/>
        <v>0</v>
      </c>
      <c r="J4794">
        <f t="shared" si="539"/>
        <v>27.960335505907729</v>
      </c>
      <c r="K4794">
        <f t="shared" si="540"/>
        <v>2.4999888663802876</v>
      </c>
      <c r="L4794">
        <f t="shared" si="541"/>
        <v>1.2499944331901438</v>
      </c>
      <c r="M4794">
        <f t="shared" si="542"/>
        <v>0</v>
      </c>
      <c r="N4794" s="45">
        <f t="shared" si="543"/>
        <v>45125.333333321789</v>
      </c>
    </row>
    <row r="4795" spans="2:14" x14ac:dyDescent="0.25">
      <c r="B4795">
        <f t="shared" si="537"/>
        <v>2</v>
      </c>
      <c r="C4795" s="16">
        <v>4761</v>
      </c>
      <c r="D4795" cm="1">
        <f t="array" ref="D4795">IFERROR(INDEX(Jesper!AH$2:AH$366,ROUNDDOWN($C4795/24,0)+1,1)*INDEX($D$3:$AA$30,INDEX(Jesper!$R$2:$R$366,ROW(INDEX(Jesper!AH$2:AH$366,ROUNDDOWN($C4795/24,0)+1,1))-1)+IF('Standard Profiles'!$G$18=$B$10,7,0)+IF('Standard Profiles'!$G$18=$B$17,14,0)+IF('Standard Profiles'!$G$18=$B$24,21,0),MOD($C4795,24)+1)/SUM(INDEX($D$3:$AA$30,INDEX(Jesper!$R$2:$R$366,ROW(INDEX(Jesper!AH$2:AH$366,ROUNDDOWN($C4795/24,0)+1,1))-1)+IF('Standard Profiles'!$G$18=$B$10,7,0)+IF('Standard Profiles'!$G$18=$B$17,14,0)+IF('Standard Profiles'!$G$18=$B$24,21,0),0)),0)</f>
        <v>25.869578186895072</v>
      </c>
      <c r="E4795" cm="1">
        <f t="array" ref="E4795">IFERROR(INDEX(Jesper!AI$2:AI$366,ROUNDDOWN($C4795/24,0)+1,1)*INDEX($D$3:$AA$30,INDEX(Jesper!$R$2:$R$366,ROW(INDEX(Jesper!AI$2:AI$366,ROUNDDOWN($C4795/24,0)+1,1))-1)+IF('Standard Profiles'!$G$19=$B$10,7,0)+IF('Standard Profiles'!$G$19=$B$17,14,0)+IF('Standard Profiles'!$G$19=$B$24,21,0),MOD($C4795,24)+1)/SUM(INDEX($D$3:$AA$30,INDEX(Jesper!$R$2:$R$366,ROW(INDEX(Jesper!AI$2:AI$366,ROUNDDOWN($C4795/24,0)+1,1))-1)+IF('Standard Profiles'!$G$19=$B$10,7,0)+IF('Standard Profiles'!$G$19=$B$17,14,0)+IF('Standard Profiles'!$G$19=$B$24,21,0),0)),0)</f>
        <v>9.131434079528935</v>
      </c>
      <c r="F4795" cm="1">
        <f t="array" ref="F4795">IFERROR(INDEX(Jesper!AJ$2:AJ$366,ROUNDDOWN($C4795/24,0)+1,1)*INDEX($D$3:$AA$30,INDEX(Jesper!$R$2:$R$366,ROW(INDEX(Jesper!AJ$2:AJ$366,ROUNDDOWN($C4795/24,0)+1,1))-1)+IF('Standard Profiles'!$G$20=$B$10,7,0)+IF('Standard Profiles'!$G$20=$B$17,14,0)+IF('Standard Profiles'!$G$20=$B$24,21,0),MOD($C4795,24)+1)/SUM(INDEX($D$3:$AA$30,INDEX(Jesper!$R$2:$R$366,ROW(INDEX(Jesper!AJ$2:AJ$366,ROUNDDOWN($C4795/24,0)+1,1))-1)+IF('Standard Profiles'!$G$20=$B$10,7,0)+IF('Standard Profiles'!$G$20=$B$17,14,0)+IF('Standard Profiles'!$G$20=$B$24,21,0),0)),0)</f>
        <v>0</v>
      </c>
      <c r="G4795" cm="1">
        <f t="array" ref="G4795">IFERROR(INDEX(Jesper!AK$2:AK$366,ROUNDDOWN($C4795/24,0)+1,1)*INDEX($D$3:$AA$30,INDEX(Jesper!$R$2:$R$366,ROW(INDEX(Jesper!AK$2:AK$366,ROUNDDOWN($C4795/24,0)+1,1))-1)+IF('Standard Profiles'!$G$21=$B$10,7,0)+IF('Standard Profiles'!$G$21=$B$17,14,0)+IF('Standard Profiles'!$G$21=$B$24,21,0),MOD($C4795,24)+1)/SUM(INDEX($D$3:$AA$30,INDEX(Jesper!$R$2:$R$366,ROW(INDEX(Jesper!AK$2:AK$366,ROUNDDOWN($C4795/24,0)+1,1))-1)+IF('Standard Profiles'!$G$21=$B$10,7,0)+IF('Standard Profiles'!$G$21=$B$17,14,0)+IF('Standard Profiles'!$G$21=$B$24,21,0),0)),0)</f>
        <v>0</v>
      </c>
      <c r="H4795" cm="1">
        <f t="array" ref="H4795">IFERROR(INDEX(Jesper!AL$2:AL$366,ROUNDDOWN($C4795/24,0)+1,1)*INDEX($D$3:$AA$30,INDEX(Jesper!$R$2:$R$366,ROW(INDEX(Jesper!AL$2:AL$366,ROUNDDOWN($C4795/24,0)+1,1))-1)+IF('Standard Profiles'!$G$22=$B$10,7,0)+IF('Standard Profiles'!$G$22=$B$17,14,0)+IF('Standard Profiles'!$G$22=$B$24,21,0),MOD($C4795,24)+1)/SUM(INDEX($D$3:$AA$30,INDEX(Jesper!$R$2:$R$366,ROW(INDEX(Jesper!AL$2:AL$366,ROUNDDOWN($C4795/24,0)+1,1))-1)+IF('Standard Profiles'!$G$22=$B$10,7,0)+IF('Standard Profiles'!$G$22=$B$17,14,0)+IF('Standard Profiles'!$G$22=$B$24,21,0),0)),0)</f>
        <v>0</v>
      </c>
      <c r="I4795">
        <f t="shared" si="538"/>
        <v>0</v>
      </c>
      <c r="J4795">
        <f t="shared" si="539"/>
        <v>30.861879756520793</v>
      </c>
      <c r="K4795">
        <f t="shared" si="540"/>
        <v>2.7594216732688079</v>
      </c>
      <c r="L4795">
        <f t="shared" si="541"/>
        <v>1.379710836634404</v>
      </c>
      <c r="M4795">
        <f t="shared" si="542"/>
        <v>0</v>
      </c>
      <c r="N4795" s="45">
        <f t="shared" si="543"/>
        <v>45125.374999988453</v>
      </c>
    </row>
    <row r="4796" spans="2:14" x14ac:dyDescent="0.25">
      <c r="B4796">
        <f t="shared" si="537"/>
        <v>2</v>
      </c>
      <c r="C4796" s="16">
        <v>4762</v>
      </c>
      <c r="D4796" cm="1">
        <f t="array" ref="D4796">IFERROR(INDEX(Jesper!AH$2:AH$366,ROUNDDOWN($C4796/24,0)+1,1)*INDEX($D$3:$AA$30,INDEX(Jesper!$R$2:$R$366,ROW(INDEX(Jesper!AH$2:AH$366,ROUNDDOWN($C4796/24,0)+1,1))-1)+IF('Standard Profiles'!$G$18=$B$10,7,0)+IF('Standard Profiles'!$G$18=$B$17,14,0)+IF('Standard Profiles'!$G$18=$B$24,21,0),MOD($C4796,24)+1)/SUM(INDEX($D$3:$AA$30,INDEX(Jesper!$R$2:$R$366,ROW(INDEX(Jesper!AH$2:AH$366,ROUNDDOWN($C4796/24,0)+1,1))-1)+IF('Standard Profiles'!$G$18=$B$10,7,0)+IF('Standard Profiles'!$G$18=$B$17,14,0)+IF('Standard Profiles'!$G$18=$B$24,21,0),0)),0)</f>
        <v>25.869578186895072</v>
      </c>
      <c r="E4796" cm="1">
        <f t="array" ref="E4796">IFERROR(INDEX(Jesper!AI$2:AI$366,ROUNDDOWN($C4796/24,0)+1,1)*INDEX($D$3:$AA$30,INDEX(Jesper!$R$2:$R$366,ROW(INDEX(Jesper!AI$2:AI$366,ROUNDDOWN($C4796/24,0)+1,1))-1)+IF('Standard Profiles'!$G$19=$B$10,7,0)+IF('Standard Profiles'!$G$19=$B$17,14,0)+IF('Standard Profiles'!$G$19=$B$24,21,0),MOD($C4796,24)+1)/SUM(INDEX($D$3:$AA$30,INDEX(Jesper!$R$2:$R$366,ROW(INDEX(Jesper!AI$2:AI$366,ROUNDDOWN($C4796/24,0)+1,1))-1)+IF('Standard Profiles'!$G$19=$B$10,7,0)+IF('Standard Profiles'!$G$19=$B$17,14,0)+IF('Standard Profiles'!$G$19=$B$24,21,0),0)),0)</f>
        <v>9.131434079528935</v>
      </c>
      <c r="F4796" cm="1">
        <f t="array" ref="F4796">IFERROR(INDEX(Jesper!AJ$2:AJ$366,ROUNDDOWN($C4796/24,0)+1,1)*INDEX($D$3:$AA$30,INDEX(Jesper!$R$2:$R$366,ROW(INDEX(Jesper!AJ$2:AJ$366,ROUNDDOWN($C4796/24,0)+1,1))-1)+IF('Standard Profiles'!$G$20=$B$10,7,0)+IF('Standard Profiles'!$G$20=$B$17,14,0)+IF('Standard Profiles'!$G$20=$B$24,21,0),MOD($C4796,24)+1)/SUM(INDEX($D$3:$AA$30,INDEX(Jesper!$R$2:$R$366,ROW(INDEX(Jesper!AJ$2:AJ$366,ROUNDDOWN($C4796/24,0)+1,1))-1)+IF('Standard Profiles'!$G$20=$B$10,7,0)+IF('Standard Profiles'!$G$20=$B$17,14,0)+IF('Standard Profiles'!$G$20=$B$24,21,0),0)),0)</f>
        <v>0</v>
      </c>
      <c r="G4796" cm="1">
        <f t="array" ref="G4796">IFERROR(INDEX(Jesper!AK$2:AK$366,ROUNDDOWN($C4796/24,0)+1,1)*INDEX($D$3:$AA$30,INDEX(Jesper!$R$2:$R$366,ROW(INDEX(Jesper!AK$2:AK$366,ROUNDDOWN($C4796/24,0)+1,1))-1)+IF('Standard Profiles'!$G$21=$B$10,7,0)+IF('Standard Profiles'!$G$21=$B$17,14,0)+IF('Standard Profiles'!$G$21=$B$24,21,0),MOD($C4796,24)+1)/SUM(INDEX($D$3:$AA$30,INDEX(Jesper!$R$2:$R$366,ROW(INDEX(Jesper!AK$2:AK$366,ROUNDDOWN($C4796/24,0)+1,1))-1)+IF('Standard Profiles'!$G$21=$B$10,7,0)+IF('Standard Profiles'!$G$21=$B$17,14,0)+IF('Standard Profiles'!$G$21=$B$24,21,0),0)),0)</f>
        <v>0</v>
      </c>
      <c r="H4796" cm="1">
        <f t="array" ref="H4796">IFERROR(INDEX(Jesper!AL$2:AL$366,ROUNDDOWN($C4796/24,0)+1,1)*INDEX($D$3:$AA$30,INDEX(Jesper!$R$2:$R$366,ROW(INDEX(Jesper!AL$2:AL$366,ROUNDDOWN($C4796/24,0)+1,1))-1)+IF('Standard Profiles'!$G$22=$B$10,7,0)+IF('Standard Profiles'!$G$22=$B$17,14,0)+IF('Standard Profiles'!$G$22=$B$24,21,0),MOD($C4796,24)+1)/SUM(INDEX($D$3:$AA$30,INDEX(Jesper!$R$2:$R$366,ROW(INDEX(Jesper!AL$2:AL$366,ROUNDDOWN($C4796/24,0)+1,1))-1)+IF('Standard Profiles'!$G$22=$B$10,7,0)+IF('Standard Profiles'!$G$22=$B$17,14,0)+IF('Standard Profiles'!$G$22=$B$24,21,0),0)),0)</f>
        <v>0</v>
      </c>
      <c r="I4796">
        <f t="shared" si="538"/>
        <v>0</v>
      </c>
      <c r="J4796">
        <f t="shared" si="539"/>
        <v>30.861879756520793</v>
      </c>
      <c r="K4796">
        <f t="shared" si="540"/>
        <v>2.7594216732688079</v>
      </c>
      <c r="L4796">
        <f t="shared" si="541"/>
        <v>1.379710836634404</v>
      </c>
      <c r="M4796">
        <f t="shared" si="542"/>
        <v>0</v>
      </c>
      <c r="N4796" s="45">
        <f t="shared" si="543"/>
        <v>45125.416666655117</v>
      </c>
    </row>
    <row r="4797" spans="2:14" x14ac:dyDescent="0.25">
      <c r="B4797">
        <f t="shared" si="537"/>
        <v>2</v>
      </c>
      <c r="C4797" s="16">
        <v>4763</v>
      </c>
      <c r="D4797" cm="1">
        <f t="array" ref="D4797">IFERROR(INDEX(Jesper!AH$2:AH$366,ROUNDDOWN($C4797/24,0)+1,1)*INDEX($D$3:$AA$30,INDEX(Jesper!$R$2:$R$366,ROW(INDEX(Jesper!AH$2:AH$366,ROUNDDOWN($C4797/24,0)+1,1))-1)+IF('Standard Profiles'!$G$18=$B$10,7,0)+IF('Standard Profiles'!$G$18=$B$17,14,0)+IF('Standard Profiles'!$G$18=$B$24,21,0),MOD($C4797,24)+1)/SUM(INDEX($D$3:$AA$30,INDEX(Jesper!$R$2:$R$366,ROW(INDEX(Jesper!AH$2:AH$366,ROUNDDOWN($C4797/24,0)+1,1))-1)+IF('Standard Profiles'!$G$18=$B$10,7,0)+IF('Standard Profiles'!$G$18=$B$17,14,0)+IF('Standard Profiles'!$G$18=$B$24,21,0),0)),0)</f>
        <v>30.95505082192572</v>
      </c>
      <c r="E4797" cm="1">
        <f t="array" ref="E4797">IFERROR(INDEX(Jesper!AI$2:AI$366,ROUNDDOWN($C4797/24,0)+1,1)*INDEX($D$3:$AA$30,INDEX(Jesper!$R$2:$R$366,ROW(INDEX(Jesper!AI$2:AI$366,ROUNDDOWN($C4797/24,0)+1,1))-1)+IF('Standard Profiles'!$G$19=$B$10,7,0)+IF('Standard Profiles'!$G$19=$B$17,14,0)+IF('Standard Profiles'!$G$19=$B$24,21,0),MOD($C4797,24)+1)/SUM(INDEX($D$3:$AA$30,INDEX(Jesper!$R$2:$R$366,ROW(INDEX(Jesper!AI$2:AI$366,ROUNDDOWN($C4797/24,0)+1,1))-1)+IF('Standard Profiles'!$G$19=$B$10,7,0)+IF('Standard Profiles'!$G$19=$B$17,14,0)+IF('Standard Profiles'!$G$19=$B$24,21,0),0)),0)</f>
        <v>10.926502317385049</v>
      </c>
      <c r="F4797" cm="1">
        <f t="array" ref="F4797">IFERROR(INDEX(Jesper!AJ$2:AJ$366,ROUNDDOWN($C4797/24,0)+1,1)*INDEX($D$3:$AA$30,INDEX(Jesper!$R$2:$R$366,ROW(INDEX(Jesper!AJ$2:AJ$366,ROUNDDOWN($C4797/24,0)+1,1))-1)+IF('Standard Profiles'!$G$20=$B$10,7,0)+IF('Standard Profiles'!$G$20=$B$17,14,0)+IF('Standard Profiles'!$G$20=$B$24,21,0),MOD($C4797,24)+1)/SUM(INDEX($D$3:$AA$30,INDEX(Jesper!$R$2:$R$366,ROW(INDEX(Jesper!AJ$2:AJ$366,ROUNDDOWN($C4797/24,0)+1,1))-1)+IF('Standard Profiles'!$G$20=$B$10,7,0)+IF('Standard Profiles'!$G$20=$B$17,14,0)+IF('Standard Profiles'!$G$20=$B$24,21,0),0)),0)</f>
        <v>0</v>
      </c>
      <c r="G4797" cm="1">
        <f t="array" ref="G4797">IFERROR(INDEX(Jesper!AK$2:AK$366,ROUNDDOWN($C4797/24,0)+1,1)*INDEX($D$3:$AA$30,INDEX(Jesper!$R$2:$R$366,ROW(INDEX(Jesper!AK$2:AK$366,ROUNDDOWN($C4797/24,0)+1,1))-1)+IF('Standard Profiles'!$G$21=$B$10,7,0)+IF('Standard Profiles'!$G$21=$B$17,14,0)+IF('Standard Profiles'!$G$21=$B$24,21,0),MOD($C4797,24)+1)/SUM(INDEX($D$3:$AA$30,INDEX(Jesper!$R$2:$R$366,ROW(INDEX(Jesper!AK$2:AK$366,ROUNDDOWN($C4797/24,0)+1,1))-1)+IF('Standard Profiles'!$G$21=$B$10,7,0)+IF('Standard Profiles'!$G$21=$B$17,14,0)+IF('Standard Profiles'!$G$21=$B$24,21,0),0)),0)</f>
        <v>0</v>
      </c>
      <c r="H4797" cm="1">
        <f t="array" ref="H4797">IFERROR(INDEX(Jesper!AL$2:AL$366,ROUNDDOWN($C4797/24,0)+1,1)*INDEX($D$3:$AA$30,INDEX(Jesper!$R$2:$R$366,ROW(INDEX(Jesper!AL$2:AL$366,ROUNDDOWN($C4797/24,0)+1,1))-1)+IF('Standard Profiles'!$G$22=$B$10,7,0)+IF('Standard Profiles'!$G$22=$B$17,14,0)+IF('Standard Profiles'!$G$22=$B$24,21,0),MOD($C4797,24)+1)/SUM(INDEX($D$3:$AA$30,INDEX(Jesper!$R$2:$R$366,ROW(INDEX(Jesper!AL$2:AL$366,ROUNDDOWN($C4797/24,0)+1,1))-1)+IF('Standard Profiles'!$G$22=$B$10,7,0)+IF('Standard Profiles'!$G$22=$B$17,14,0)+IF('Standard Profiles'!$G$22=$B$24,21,0),0)),0)</f>
        <v>0</v>
      </c>
      <c r="I4797">
        <f t="shared" si="538"/>
        <v>0</v>
      </c>
      <c r="J4797">
        <f t="shared" si="539"/>
        <v>36.928745007802654</v>
      </c>
      <c r="K4797">
        <f t="shared" si="540"/>
        <v>3.3018720876720771</v>
      </c>
      <c r="L4797">
        <f t="shared" si="541"/>
        <v>1.6509360438360385</v>
      </c>
      <c r="M4797">
        <f t="shared" si="542"/>
        <v>0</v>
      </c>
      <c r="N4797" s="45">
        <f t="shared" si="543"/>
        <v>45125.458333321782</v>
      </c>
    </row>
    <row r="4798" spans="2:14" x14ac:dyDescent="0.25">
      <c r="B4798">
        <f t="shared" si="537"/>
        <v>2</v>
      </c>
      <c r="C4798" s="16">
        <v>4764</v>
      </c>
      <c r="D4798" cm="1">
        <f t="array" ref="D4798">IFERROR(INDEX(Jesper!AH$2:AH$366,ROUNDDOWN($C4798/24,0)+1,1)*INDEX($D$3:$AA$30,INDEX(Jesper!$R$2:$R$366,ROW(INDEX(Jesper!AH$2:AH$366,ROUNDDOWN($C4798/24,0)+1,1))-1)+IF('Standard Profiles'!$G$18=$B$10,7,0)+IF('Standard Profiles'!$G$18=$B$17,14,0)+IF('Standard Profiles'!$G$18=$B$24,21,0),MOD($C4798,24)+1)/SUM(INDEX($D$3:$AA$30,INDEX(Jesper!$R$2:$R$366,ROW(INDEX(Jesper!AH$2:AH$366,ROUNDDOWN($C4798/24,0)+1,1))-1)+IF('Standard Profiles'!$G$18=$B$10,7,0)+IF('Standard Profiles'!$G$18=$B$17,14,0)+IF('Standard Profiles'!$G$18=$B$24,21,0),0)),0)</f>
        <v>30.95505082192572</v>
      </c>
      <c r="E4798" cm="1">
        <f t="array" ref="E4798">IFERROR(INDEX(Jesper!AI$2:AI$366,ROUNDDOWN($C4798/24,0)+1,1)*INDEX($D$3:$AA$30,INDEX(Jesper!$R$2:$R$366,ROW(INDEX(Jesper!AI$2:AI$366,ROUNDDOWN($C4798/24,0)+1,1))-1)+IF('Standard Profiles'!$G$19=$B$10,7,0)+IF('Standard Profiles'!$G$19=$B$17,14,0)+IF('Standard Profiles'!$G$19=$B$24,21,0),MOD($C4798,24)+1)/SUM(INDEX($D$3:$AA$30,INDEX(Jesper!$R$2:$R$366,ROW(INDEX(Jesper!AI$2:AI$366,ROUNDDOWN($C4798/24,0)+1,1))-1)+IF('Standard Profiles'!$G$19=$B$10,7,0)+IF('Standard Profiles'!$G$19=$B$17,14,0)+IF('Standard Profiles'!$G$19=$B$24,21,0),0)),0)</f>
        <v>10.926502317385049</v>
      </c>
      <c r="F4798" cm="1">
        <f t="array" ref="F4798">IFERROR(INDEX(Jesper!AJ$2:AJ$366,ROUNDDOWN($C4798/24,0)+1,1)*INDEX($D$3:$AA$30,INDEX(Jesper!$R$2:$R$366,ROW(INDEX(Jesper!AJ$2:AJ$366,ROUNDDOWN($C4798/24,0)+1,1))-1)+IF('Standard Profiles'!$G$20=$B$10,7,0)+IF('Standard Profiles'!$G$20=$B$17,14,0)+IF('Standard Profiles'!$G$20=$B$24,21,0),MOD($C4798,24)+1)/SUM(INDEX($D$3:$AA$30,INDEX(Jesper!$R$2:$R$366,ROW(INDEX(Jesper!AJ$2:AJ$366,ROUNDDOWN($C4798/24,0)+1,1))-1)+IF('Standard Profiles'!$G$20=$B$10,7,0)+IF('Standard Profiles'!$G$20=$B$17,14,0)+IF('Standard Profiles'!$G$20=$B$24,21,0),0)),0)</f>
        <v>0</v>
      </c>
      <c r="G4798" cm="1">
        <f t="array" ref="G4798">IFERROR(INDEX(Jesper!AK$2:AK$366,ROUNDDOWN($C4798/24,0)+1,1)*INDEX($D$3:$AA$30,INDEX(Jesper!$R$2:$R$366,ROW(INDEX(Jesper!AK$2:AK$366,ROUNDDOWN($C4798/24,0)+1,1))-1)+IF('Standard Profiles'!$G$21=$B$10,7,0)+IF('Standard Profiles'!$G$21=$B$17,14,0)+IF('Standard Profiles'!$G$21=$B$24,21,0),MOD($C4798,24)+1)/SUM(INDEX($D$3:$AA$30,INDEX(Jesper!$R$2:$R$366,ROW(INDEX(Jesper!AK$2:AK$366,ROUNDDOWN($C4798/24,0)+1,1))-1)+IF('Standard Profiles'!$G$21=$B$10,7,0)+IF('Standard Profiles'!$G$21=$B$17,14,0)+IF('Standard Profiles'!$G$21=$B$24,21,0),0)),0)</f>
        <v>0</v>
      </c>
      <c r="H4798" cm="1">
        <f t="array" ref="H4798">IFERROR(INDEX(Jesper!AL$2:AL$366,ROUNDDOWN($C4798/24,0)+1,1)*INDEX($D$3:$AA$30,INDEX(Jesper!$R$2:$R$366,ROW(INDEX(Jesper!AL$2:AL$366,ROUNDDOWN($C4798/24,0)+1,1))-1)+IF('Standard Profiles'!$G$22=$B$10,7,0)+IF('Standard Profiles'!$G$22=$B$17,14,0)+IF('Standard Profiles'!$G$22=$B$24,21,0),MOD($C4798,24)+1)/SUM(INDEX($D$3:$AA$30,INDEX(Jesper!$R$2:$R$366,ROW(INDEX(Jesper!AL$2:AL$366,ROUNDDOWN($C4798/24,0)+1,1))-1)+IF('Standard Profiles'!$G$22=$B$10,7,0)+IF('Standard Profiles'!$G$22=$B$17,14,0)+IF('Standard Profiles'!$G$22=$B$24,21,0),0)),0)</f>
        <v>0</v>
      </c>
      <c r="I4798">
        <f t="shared" si="538"/>
        <v>0</v>
      </c>
      <c r="J4798">
        <f t="shared" si="539"/>
        <v>36.928745007802654</v>
      </c>
      <c r="K4798">
        <f t="shared" si="540"/>
        <v>3.3018720876720771</v>
      </c>
      <c r="L4798">
        <f t="shared" si="541"/>
        <v>1.6509360438360385</v>
      </c>
      <c r="M4798">
        <f t="shared" si="542"/>
        <v>0</v>
      </c>
      <c r="N4798" s="45">
        <f t="shared" si="543"/>
        <v>45125.499999988446</v>
      </c>
    </row>
    <row r="4799" spans="2:14" x14ac:dyDescent="0.25">
      <c r="B4799">
        <f t="shared" si="537"/>
        <v>2</v>
      </c>
      <c r="C4799" s="16">
        <v>4765</v>
      </c>
      <c r="D4799" cm="1">
        <f t="array" ref="D4799">IFERROR(INDEX(Jesper!AH$2:AH$366,ROUNDDOWN($C4799/24,0)+1,1)*INDEX($D$3:$AA$30,INDEX(Jesper!$R$2:$R$366,ROW(INDEX(Jesper!AH$2:AH$366,ROUNDDOWN($C4799/24,0)+1,1))-1)+IF('Standard Profiles'!$G$18=$B$10,7,0)+IF('Standard Profiles'!$G$18=$B$17,14,0)+IF('Standard Profiles'!$G$18=$B$24,21,0),MOD($C4799,24)+1)/SUM(INDEX($D$3:$AA$30,INDEX(Jesper!$R$2:$R$366,ROW(INDEX(Jesper!AH$2:AH$366,ROUNDDOWN($C4799/24,0)+1,1))-1)+IF('Standard Profiles'!$G$18=$B$10,7,0)+IF('Standard Profiles'!$G$18=$B$17,14,0)+IF('Standard Profiles'!$G$18=$B$24,21,0),0)),0)</f>
        <v>20.562998045993517</v>
      </c>
      <c r="E4799" cm="1">
        <f t="array" ref="E4799">IFERROR(INDEX(Jesper!AI$2:AI$366,ROUNDDOWN($C4799/24,0)+1,1)*INDEX($D$3:$AA$30,INDEX(Jesper!$R$2:$R$366,ROW(INDEX(Jesper!AI$2:AI$366,ROUNDDOWN($C4799/24,0)+1,1))-1)+IF('Standard Profiles'!$G$19=$B$10,7,0)+IF('Standard Profiles'!$G$19=$B$17,14,0)+IF('Standard Profiles'!$G$19=$B$24,21,0),MOD($C4799,24)+1)/SUM(INDEX($D$3:$AA$30,INDEX(Jesper!$R$2:$R$366,ROW(INDEX(Jesper!AI$2:AI$366,ROUNDDOWN($C4799/24,0)+1,1))-1)+IF('Standard Profiles'!$G$19=$B$10,7,0)+IF('Standard Profiles'!$G$19=$B$17,14,0)+IF('Standard Profiles'!$G$19=$B$24,21,0),0)),0)</f>
        <v>7.2583193965486394</v>
      </c>
      <c r="F4799" cm="1">
        <f t="array" ref="F4799">IFERROR(INDEX(Jesper!AJ$2:AJ$366,ROUNDDOWN($C4799/24,0)+1,1)*INDEX($D$3:$AA$30,INDEX(Jesper!$R$2:$R$366,ROW(INDEX(Jesper!AJ$2:AJ$366,ROUNDDOWN($C4799/24,0)+1,1))-1)+IF('Standard Profiles'!$G$20=$B$10,7,0)+IF('Standard Profiles'!$G$20=$B$17,14,0)+IF('Standard Profiles'!$G$20=$B$24,21,0),MOD($C4799,24)+1)/SUM(INDEX($D$3:$AA$30,INDEX(Jesper!$R$2:$R$366,ROW(INDEX(Jesper!AJ$2:AJ$366,ROUNDDOWN($C4799/24,0)+1,1))-1)+IF('Standard Profiles'!$G$20=$B$10,7,0)+IF('Standard Profiles'!$G$20=$B$17,14,0)+IF('Standard Profiles'!$G$20=$B$24,21,0),0)),0)</f>
        <v>0</v>
      </c>
      <c r="G4799" cm="1">
        <f t="array" ref="G4799">IFERROR(INDEX(Jesper!AK$2:AK$366,ROUNDDOWN($C4799/24,0)+1,1)*INDEX($D$3:$AA$30,INDEX(Jesper!$R$2:$R$366,ROW(INDEX(Jesper!AK$2:AK$366,ROUNDDOWN($C4799/24,0)+1,1))-1)+IF('Standard Profiles'!$G$21=$B$10,7,0)+IF('Standard Profiles'!$G$21=$B$17,14,0)+IF('Standard Profiles'!$G$21=$B$24,21,0),MOD($C4799,24)+1)/SUM(INDEX($D$3:$AA$30,INDEX(Jesper!$R$2:$R$366,ROW(INDEX(Jesper!AK$2:AK$366,ROUNDDOWN($C4799/24,0)+1,1))-1)+IF('Standard Profiles'!$G$21=$B$10,7,0)+IF('Standard Profiles'!$G$21=$B$17,14,0)+IF('Standard Profiles'!$G$21=$B$24,21,0),0)),0)</f>
        <v>0</v>
      </c>
      <c r="H4799" cm="1">
        <f t="array" ref="H4799">IFERROR(INDEX(Jesper!AL$2:AL$366,ROUNDDOWN($C4799/24,0)+1,1)*INDEX($D$3:$AA$30,INDEX(Jesper!$R$2:$R$366,ROW(INDEX(Jesper!AL$2:AL$366,ROUNDDOWN($C4799/24,0)+1,1))-1)+IF('Standard Profiles'!$G$22=$B$10,7,0)+IF('Standard Profiles'!$G$22=$B$17,14,0)+IF('Standard Profiles'!$G$22=$B$24,21,0),MOD($C4799,24)+1)/SUM(INDEX($D$3:$AA$30,INDEX(Jesper!$R$2:$R$366,ROW(INDEX(Jesper!AL$2:AL$366,ROUNDDOWN($C4799/24,0)+1,1))-1)+IF('Standard Profiles'!$G$22=$B$10,7,0)+IF('Standard Profiles'!$G$22=$B$17,14,0)+IF('Standard Profiles'!$G$22=$B$24,21,0),0)),0)</f>
        <v>0</v>
      </c>
      <c r="I4799">
        <f t="shared" si="538"/>
        <v>0</v>
      </c>
      <c r="J4799">
        <f t="shared" si="539"/>
        <v>24.531237755183191</v>
      </c>
      <c r="K4799">
        <f t="shared" si="540"/>
        <v>2.1933864582393086</v>
      </c>
      <c r="L4799">
        <f t="shared" si="541"/>
        <v>1.0966932291196543</v>
      </c>
      <c r="M4799">
        <f t="shared" si="542"/>
        <v>0</v>
      </c>
      <c r="N4799" s="45">
        <f t="shared" si="543"/>
        <v>45125.54166665511</v>
      </c>
    </row>
    <row r="4800" spans="2:14" x14ac:dyDescent="0.25">
      <c r="B4800">
        <f t="shared" si="537"/>
        <v>2</v>
      </c>
      <c r="C4800" s="16">
        <v>4766</v>
      </c>
      <c r="D4800" cm="1">
        <f t="array" ref="D4800">IFERROR(INDEX(Jesper!AH$2:AH$366,ROUNDDOWN($C4800/24,0)+1,1)*INDEX($D$3:$AA$30,INDEX(Jesper!$R$2:$R$366,ROW(INDEX(Jesper!AH$2:AH$366,ROUNDDOWN($C4800/24,0)+1,1))-1)+IF('Standard Profiles'!$G$18=$B$10,7,0)+IF('Standard Profiles'!$G$18=$B$17,14,0)+IF('Standard Profiles'!$G$18=$B$24,21,0),MOD($C4800,24)+1)/SUM(INDEX($D$3:$AA$30,INDEX(Jesper!$R$2:$R$366,ROW(INDEX(Jesper!AH$2:AH$366,ROUNDDOWN($C4800/24,0)+1,1))-1)+IF('Standard Profiles'!$G$18=$B$10,7,0)+IF('Standard Profiles'!$G$18=$B$17,14,0)+IF('Standard Profiles'!$G$18=$B$24,21,0),0)),0)</f>
        <v>30.95505082192572</v>
      </c>
      <c r="E4800" cm="1">
        <f t="array" ref="E4800">IFERROR(INDEX(Jesper!AI$2:AI$366,ROUNDDOWN($C4800/24,0)+1,1)*INDEX($D$3:$AA$30,INDEX(Jesper!$R$2:$R$366,ROW(INDEX(Jesper!AI$2:AI$366,ROUNDDOWN($C4800/24,0)+1,1))-1)+IF('Standard Profiles'!$G$19=$B$10,7,0)+IF('Standard Profiles'!$G$19=$B$17,14,0)+IF('Standard Profiles'!$G$19=$B$24,21,0),MOD($C4800,24)+1)/SUM(INDEX($D$3:$AA$30,INDEX(Jesper!$R$2:$R$366,ROW(INDEX(Jesper!AI$2:AI$366,ROUNDDOWN($C4800/24,0)+1,1))-1)+IF('Standard Profiles'!$G$19=$B$10,7,0)+IF('Standard Profiles'!$G$19=$B$17,14,0)+IF('Standard Profiles'!$G$19=$B$24,21,0),0)),0)</f>
        <v>10.926502317385049</v>
      </c>
      <c r="F4800" cm="1">
        <f t="array" ref="F4800">IFERROR(INDEX(Jesper!AJ$2:AJ$366,ROUNDDOWN($C4800/24,0)+1,1)*INDEX($D$3:$AA$30,INDEX(Jesper!$R$2:$R$366,ROW(INDEX(Jesper!AJ$2:AJ$366,ROUNDDOWN($C4800/24,0)+1,1))-1)+IF('Standard Profiles'!$G$20=$B$10,7,0)+IF('Standard Profiles'!$G$20=$B$17,14,0)+IF('Standard Profiles'!$G$20=$B$24,21,0),MOD($C4800,24)+1)/SUM(INDEX($D$3:$AA$30,INDEX(Jesper!$R$2:$R$366,ROW(INDEX(Jesper!AJ$2:AJ$366,ROUNDDOWN($C4800/24,0)+1,1))-1)+IF('Standard Profiles'!$G$20=$B$10,7,0)+IF('Standard Profiles'!$G$20=$B$17,14,0)+IF('Standard Profiles'!$G$20=$B$24,21,0),0)),0)</f>
        <v>0</v>
      </c>
      <c r="G4800" cm="1">
        <f t="array" ref="G4800">IFERROR(INDEX(Jesper!AK$2:AK$366,ROUNDDOWN($C4800/24,0)+1,1)*INDEX($D$3:$AA$30,INDEX(Jesper!$R$2:$R$366,ROW(INDEX(Jesper!AK$2:AK$366,ROUNDDOWN($C4800/24,0)+1,1))-1)+IF('Standard Profiles'!$G$21=$B$10,7,0)+IF('Standard Profiles'!$G$21=$B$17,14,0)+IF('Standard Profiles'!$G$21=$B$24,21,0),MOD($C4800,24)+1)/SUM(INDEX($D$3:$AA$30,INDEX(Jesper!$R$2:$R$366,ROW(INDEX(Jesper!AK$2:AK$366,ROUNDDOWN($C4800/24,0)+1,1))-1)+IF('Standard Profiles'!$G$21=$B$10,7,0)+IF('Standard Profiles'!$G$21=$B$17,14,0)+IF('Standard Profiles'!$G$21=$B$24,21,0),0)),0)</f>
        <v>0</v>
      </c>
      <c r="H4800" cm="1">
        <f t="array" ref="H4800">IFERROR(INDEX(Jesper!AL$2:AL$366,ROUNDDOWN($C4800/24,0)+1,1)*INDEX($D$3:$AA$30,INDEX(Jesper!$R$2:$R$366,ROW(INDEX(Jesper!AL$2:AL$366,ROUNDDOWN($C4800/24,0)+1,1))-1)+IF('Standard Profiles'!$G$22=$B$10,7,0)+IF('Standard Profiles'!$G$22=$B$17,14,0)+IF('Standard Profiles'!$G$22=$B$24,21,0),MOD($C4800,24)+1)/SUM(INDEX($D$3:$AA$30,INDEX(Jesper!$R$2:$R$366,ROW(INDEX(Jesper!AL$2:AL$366,ROUNDDOWN($C4800/24,0)+1,1))-1)+IF('Standard Profiles'!$G$22=$B$10,7,0)+IF('Standard Profiles'!$G$22=$B$17,14,0)+IF('Standard Profiles'!$G$22=$B$24,21,0),0)),0)</f>
        <v>0</v>
      </c>
      <c r="I4800">
        <f t="shared" si="538"/>
        <v>0</v>
      </c>
      <c r="J4800">
        <f t="shared" si="539"/>
        <v>36.928745007802654</v>
      </c>
      <c r="K4800">
        <f t="shared" si="540"/>
        <v>3.3018720876720771</v>
      </c>
      <c r="L4800">
        <f t="shared" si="541"/>
        <v>1.6509360438360385</v>
      </c>
      <c r="M4800">
        <f t="shared" si="542"/>
        <v>0</v>
      </c>
      <c r="N4800" s="45">
        <f t="shared" si="543"/>
        <v>45125.583333321774</v>
      </c>
    </row>
    <row r="4801" spans="2:14" x14ac:dyDescent="0.25">
      <c r="B4801">
        <f t="shared" si="537"/>
        <v>2</v>
      </c>
      <c r="C4801" s="16">
        <v>4767</v>
      </c>
      <c r="D4801" cm="1">
        <f t="array" ref="D4801">IFERROR(INDEX(Jesper!AH$2:AH$366,ROUNDDOWN($C4801/24,0)+1,1)*INDEX($D$3:$AA$30,INDEX(Jesper!$R$2:$R$366,ROW(INDEX(Jesper!AH$2:AH$366,ROUNDDOWN($C4801/24,0)+1,1))-1)+IF('Standard Profiles'!$G$18=$B$10,7,0)+IF('Standard Profiles'!$G$18=$B$17,14,0)+IF('Standard Profiles'!$G$18=$B$24,21,0),MOD($C4801,24)+1)/SUM(INDEX($D$3:$AA$30,INDEX(Jesper!$R$2:$R$366,ROW(INDEX(Jesper!AH$2:AH$366,ROUNDDOWN($C4801/24,0)+1,1))-1)+IF('Standard Profiles'!$G$18=$B$10,7,0)+IF('Standard Profiles'!$G$18=$B$17,14,0)+IF('Standard Profiles'!$G$18=$B$24,21,0),0)),0)</f>
        <v>30.95505082192572</v>
      </c>
      <c r="E4801" cm="1">
        <f t="array" ref="E4801">IFERROR(INDEX(Jesper!AI$2:AI$366,ROUNDDOWN($C4801/24,0)+1,1)*INDEX($D$3:$AA$30,INDEX(Jesper!$R$2:$R$366,ROW(INDEX(Jesper!AI$2:AI$366,ROUNDDOWN($C4801/24,0)+1,1))-1)+IF('Standard Profiles'!$G$19=$B$10,7,0)+IF('Standard Profiles'!$G$19=$B$17,14,0)+IF('Standard Profiles'!$G$19=$B$24,21,0),MOD($C4801,24)+1)/SUM(INDEX($D$3:$AA$30,INDEX(Jesper!$R$2:$R$366,ROW(INDEX(Jesper!AI$2:AI$366,ROUNDDOWN($C4801/24,0)+1,1))-1)+IF('Standard Profiles'!$G$19=$B$10,7,0)+IF('Standard Profiles'!$G$19=$B$17,14,0)+IF('Standard Profiles'!$G$19=$B$24,21,0),0)),0)</f>
        <v>10.926502317385049</v>
      </c>
      <c r="F4801" cm="1">
        <f t="array" ref="F4801">IFERROR(INDEX(Jesper!AJ$2:AJ$366,ROUNDDOWN($C4801/24,0)+1,1)*INDEX($D$3:$AA$30,INDEX(Jesper!$R$2:$R$366,ROW(INDEX(Jesper!AJ$2:AJ$366,ROUNDDOWN($C4801/24,0)+1,1))-1)+IF('Standard Profiles'!$G$20=$B$10,7,0)+IF('Standard Profiles'!$G$20=$B$17,14,0)+IF('Standard Profiles'!$G$20=$B$24,21,0),MOD($C4801,24)+1)/SUM(INDEX($D$3:$AA$30,INDEX(Jesper!$R$2:$R$366,ROW(INDEX(Jesper!AJ$2:AJ$366,ROUNDDOWN($C4801/24,0)+1,1))-1)+IF('Standard Profiles'!$G$20=$B$10,7,0)+IF('Standard Profiles'!$G$20=$B$17,14,0)+IF('Standard Profiles'!$G$20=$B$24,21,0),0)),0)</f>
        <v>0</v>
      </c>
      <c r="G4801" cm="1">
        <f t="array" ref="G4801">IFERROR(INDEX(Jesper!AK$2:AK$366,ROUNDDOWN($C4801/24,0)+1,1)*INDEX($D$3:$AA$30,INDEX(Jesper!$R$2:$R$366,ROW(INDEX(Jesper!AK$2:AK$366,ROUNDDOWN($C4801/24,0)+1,1))-1)+IF('Standard Profiles'!$G$21=$B$10,7,0)+IF('Standard Profiles'!$G$21=$B$17,14,0)+IF('Standard Profiles'!$G$21=$B$24,21,0),MOD($C4801,24)+1)/SUM(INDEX($D$3:$AA$30,INDEX(Jesper!$R$2:$R$366,ROW(INDEX(Jesper!AK$2:AK$366,ROUNDDOWN($C4801/24,0)+1,1))-1)+IF('Standard Profiles'!$G$21=$B$10,7,0)+IF('Standard Profiles'!$G$21=$B$17,14,0)+IF('Standard Profiles'!$G$21=$B$24,21,0),0)),0)</f>
        <v>0</v>
      </c>
      <c r="H4801" cm="1">
        <f t="array" ref="H4801">IFERROR(INDEX(Jesper!AL$2:AL$366,ROUNDDOWN($C4801/24,0)+1,1)*INDEX($D$3:$AA$30,INDEX(Jesper!$R$2:$R$366,ROW(INDEX(Jesper!AL$2:AL$366,ROUNDDOWN($C4801/24,0)+1,1))-1)+IF('Standard Profiles'!$G$22=$B$10,7,0)+IF('Standard Profiles'!$G$22=$B$17,14,0)+IF('Standard Profiles'!$G$22=$B$24,21,0),MOD($C4801,24)+1)/SUM(INDEX($D$3:$AA$30,INDEX(Jesper!$R$2:$R$366,ROW(INDEX(Jesper!AL$2:AL$366,ROUNDDOWN($C4801/24,0)+1,1))-1)+IF('Standard Profiles'!$G$22=$B$10,7,0)+IF('Standard Profiles'!$G$22=$B$17,14,0)+IF('Standard Profiles'!$G$22=$B$24,21,0),0)),0)</f>
        <v>0</v>
      </c>
      <c r="I4801">
        <f t="shared" si="538"/>
        <v>0</v>
      </c>
      <c r="J4801">
        <f t="shared" si="539"/>
        <v>36.928745007802654</v>
      </c>
      <c r="K4801">
        <f t="shared" si="540"/>
        <v>3.3018720876720771</v>
      </c>
      <c r="L4801">
        <f t="shared" si="541"/>
        <v>1.6509360438360385</v>
      </c>
      <c r="M4801">
        <f t="shared" si="542"/>
        <v>0</v>
      </c>
      <c r="N4801" s="45">
        <f t="shared" si="543"/>
        <v>45125.624999988439</v>
      </c>
    </row>
    <row r="4802" spans="2:14" x14ac:dyDescent="0.25">
      <c r="B4802">
        <f t="shared" si="537"/>
        <v>2</v>
      </c>
      <c r="C4802" s="16">
        <v>4768</v>
      </c>
      <c r="D4802" cm="1">
        <f t="array" ref="D4802">IFERROR(INDEX(Jesper!AH$2:AH$366,ROUNDDOWN($C4802/24,0)+1,1)*INDEX($D$3:$AA$30,INDEX(Jesper!$R$2:$R$366,ROW(INDEX(Jesper!AH$2:AH$366,ROUNDDOWN($C4802/24,0)+1,1))-1)+IF('Standard Profiles'!$G$18=$B$10,7,0)+IF('Standard Profiles'!$G$18=$B$17,14,0)+IF('Standard Profiles'!$G$18=$B$24,21,0),MOD($C4802,24)+1)/SUM(INDEX($D$3:$AA$30,INDEX(Jesper!$R$2:$R$366,ROW(INDEX(Jesper!AH$2:AH$366,ROUNDDOWN($C4802/24,0)+1,1))-1)+IF('Standard Profiles'!$G$18=$B$10,7,0)+IF('Standard Profiles'!$G$18=$B$17,14,0)+IF('Standard Profiles'!$G$18=$B$24,21,0),0)),0)</f>
        <v>18.24136923434909</v>
      </c>
      <c r="E4802" cm="1">
        <f t="array" ref="E4802">IFERROR(INDEX(Jesper!AI$2:AI$366,ROUNDDOWN($C4802/24,0)+1,1)*INDEX($D$3:$AA$30,INDEX(Jesper!$R$2:$R$366,ROW(INDEX(Jesper!AI$2:AI$366,ROUNDDOWN($C4802/24,0)+1,1))-1)+IF('Standard Profiles'!$G$19=$B$10,7,0)+IF('Standard Profiles'!$G$19=$B$17,14,0)+IF('Standard Profiles'!$G$19=$B$24,21,0),MOD($C4802,24)+1)/SUM(INDEX($D$3:$AA$30,INDEX(Jesper!$R$2:$R$366,ROW(INDEX(Jesper!AI$2:AI$366,ROUNDDOWN($C4802/24,0)+1,1))-1)+IF('Standard Profiles'!$G$19=$B$10,7,0)+IF('Standard Profiles'!$G$19=$B$17,14,0)+IF('Standard Profiles'!$G$19=$B$24,21,0),0)),0)</f>
        <v>6.4388317227447613</v>
      </c>
      <c r="F4802" cm="1">
        <f t="array" ref="F4802">IFERROR(INDEX(Jesper!AJ$2:AJ$366,ROUNDDOWN($C4802/24,0)+1,1)*INDEX($D$3:$AA$30,INDEX(Jesper!$R$2:$R$366,ROW(INDEX(Jesper!AJ$2:AJ$366,ROUNDDOWN($C4802/24,0)+1,1))-1)+IF('Standard Profiles'!$G$20=$B$10,7,0)+IF('Standard Profiles'!$G$20=$B$17,14,0)+IF('Standard Profiles'!$G$20=$B$24,21,0),MOD($C4802,24)+1)/SUM(INDEX($D$3:$AA$30,INDEX(Jesper!$R$2:$R$366,ROW(INDEX(Jesper!AJ$2:AJ$366,ROUNDDOWN($C4802/24,0)+1,1))-1)+IF('Standard Profiles'!$G$20=$B$10,7,0)+IF('Standard Profiles'!$G$20=$B$17,14,0)+IF('Standard Profiles'!$G$20=$B$24,21,0),0)),0)</f>
        <v>0</v>
      </c>
      <c r="G4802" cm="1">
        <f t="array" ref="G4802">IFERROR(INDEX(Jesper!AK$2:AK$366,ROUNDDOWN($C4802/24,0)+1,1)*INDEX($D$3:$AA$30,INDEX(Jesper!$R$2:$R$366,ROW(INDEX(Jesper!AK$2:AK$366,ROUNDDOWN($C4802/24,0)+1,1))-1)+IF('Standard Profiles'!$G$21=$B$10,7,0)+IF('Standard Profiles'!$G$21=$B$17,14,0)+IF('Standard Profiles'!$G$21=$B$24,21,0),MOD($C4802,24)+1)/SUM(INDEX($D$3:$AA$30,INDEX(Jesper!$R$2:$R$366,ROW(INDEX(Jesper!AK$2:AK$366,ROUNDDOWN($C4802/24,0)+1,1))-1)+IF('Standard Profiles'!$G$21=$B$10,7,0)+IF('Standard Profiles'!$G$21=$B$17,14,0)+IF('Standard Profiles'!$G$21=$B$24,21,0),0)),0)</f>
        <v>0</v>
      </c>
      <c r="H4802" cm="1">
        <f t="array" ref="H4802">IFERROR(INDEX(Jesper!AL$2:AL$366,ROUNDDOWN($C4802/24,0)+1,1)*INDEX($D$3:$AA$30,INDEX(Jesper!$R$2:$R$366,ROW(INDEX(Jesper!AL$2:AL$366,ROUNDDOWN($C4802/24,0)+1,1))-1)+IF('Standard Profiles'!$G$22=$B$10,7,0)+IF('Standard Profiles'!$G$22=$B$17,14,0)+IF('Standard Profiles'!$G$22=$B$24,21,0),MOD($C4802,24)+1)/SUM(INDEX($D$3:$AA$30,INDEX(Jesper!$R$2:$R$366,ROW(INDEX(Jesper!AL$2:AL$366,ROUNDDOWN($C4802/24,0)+1,1))-1)+IF('Standard Profiles'!$G$22=$B$10,7,0)+IF('Standard Profiles'!$G$22=$B$17,14,0)+IF('Standard Profiles'!$G$22=$B$24,21,0),0)),0)</f>
        <v>0</v>
      </c>
      <c r="I4802">
        <f t="shared" si="538"/>
        <v>0</v>
      </c>
      <c r="J4802">
        <f t="shared" si="539"/>
        <v>21.761581879597998</v>
      </c>
      <c r="K4802">
        <f t="shared" si="540"/>
        <v>1.9457460516639031</v>
      </c>
      <c r="L4802">
        <f t="shared" si="541"/>
        <v>0.97287302583195157</v>
      </c>
      <c r="M4802">
        <f t="shared" si="542"/>
        <v>0</v>
      </c>
      <c r="N4802" s="45">
        <f t="shared" si="543"/>
        <v>45125.666666655103</v>
      </c>
    </row>
    <row r="4803" spans="2:14" x14ac:dyDescent="0.25">
      <c r="B4803">
        <f t="shared" si="537"/>
        <v>2</v>
      </c>
      <c r="C4803" s="16">
        <v>4769</v>
      </c>
      <c r="D4803" cm="1">
        <f t="array" ref="D4803">IFERROR(INDEX(Jesper!AH$2:AH$366,ROUNDDOWN($C4803/24,0)+1,1)*INDEX($D$3:$AA$30,INDEX(Jesper!$R$2:$R$366,ROW(INDEX(Jesper!AH$2:AH$366,ROUNDDOWN($C4803/24,0)+1,1))-1)+IF('Standard Profiles'!$G$18=$B$10,7,0)+IF('Standard Profiles'!$G$18=$B$17,14,0)+IF('Standard Profiles'!$G$18=$B$24,21,0),MOD($C4803,24)+1)/SUM(INDEX($D$3:$AA$30,INDEX(Jesper!$R$2:$R$366,ROW(INDEX(Jesper!AH$2:AH$366,ROUNDDOWN($C4803/24,0)+1,1))-1)+IF('Standard Profiles'!$G$18=$B$10,7,0)+IF('Standard Profiles'!$G$18=$B$17,14,0)+IF('Standard Profiles'!$G$18=$B$24,21,0),0)),0)</f>
        <v>7.7854755588344391</v>
      </c>
      <c r="E4803" cm="1">
        <f t="array" ref="E4803">IFERROR(INDEX(Jesper!AI$2:AI$366,ROUNDDOWN($C4803/24,0)+1,1)*INDEX($D$3:$AA$30,INDEX(Jesper!$R$2:$R$366,ROW(INDEX(Jesper!AI$2:AI$366,ROUNDDOWN($C4803/24,0)+1,1))-1)+IF('Standard Profiles'!$G$19=$B$10,7,0)+IF('Standard Profiles'!$G$19=$B$17,14,0)+IF('Standard Profiles'!$G$19=$B$24,21,0),MOD($C4803,24)+1)/SUM(INDEX($D$3:$AA$30,INDEX(Jesper!$R$2:$R$366,ROW(INDEX(Jesper!AI$2:AI$366,ROUNDDOWN($C4803/24,0)+1,1))-1)+IF('Standard Profiles'!$G$19=$B$10,7,0)+IF('Standard Profiles'!$G$19=$B$17,14,0)+IF('Standard Profiles'!$G$19=$B$24,21,0),0)),0)</f>
        <v>2.7481142649358778</v>
      </c>
      <c r="F4803" cm="1">
        <f t="array" ref="F4803">IFERROR(INDEX(Jesper!AJ$2:AJ$366,ROUNDDOWN($C4803/24,0)+1,1)*INDEX($D$3:$AA$30,INDEX(Jesper!$R$2:$R$366,ROW(INDEX(Jesper!AJ$2:AJ$366,ROUNDDOWN($C4803/24,0)+1,1))-1)+IF('Standard Profiles'!$G$20=$B$10,7,0)+IF('Standard Profiles'!$G$20=$B$17,14,0)+IF('Standard Profiles'!$G$20=$B$24,21,0),MOD($C4803,24)+1)/SUM(INDEX($D$3:$AA$30,INDEX(Jesper!$R$2:$R$366,ROW(INDEX(Jesper!AJ$2:AJ$366,ROUNDDOWN($C4803/24,0)+1,1))-1)+IF('Standard Profiles'!$G$20=$B$10,7,0)+IF('Standard Profiles'!$G$20=$B$17,14,0)+IF('Standard Profiles'!$G$20=$B$24,21,0),0)),0)</f>
        <v>0</v>
      </c>
      <c r="G4803" cm="1">
        <f t="array" ref="G4803">IFERROR(INDEX(Jesper!AK$2:AK$366,ROUNDDOWN($C4803/24,0)+1,1)*INDEX($D$3:$AA$30,INDEX(Jesper!$R$2:$R$366,ROW(INDEX(Jesper!AK$2:AK$366,ROUNDDOWN($C4803/24,0)+1,1))-1)+IF('Standard Profiles'!$G$21=$B$10,7,0)+IF('Standard Profiles'!$G$21=$B$17,14,0)+IF('Standard Profiles'!$G$21=$B$24,21,0),MOD($C4803,24)+1)/SUM(INDEX($D$3:$AA$30,INDEX(Jesper!$R$2:$R$366,ROW(INDEX(Jesper!AK$2:AK$366,ROUNDDOWN($C4803/24,0)+1,1))-1)+IF('Standard Profiles'!$G$21=$B$10,7,0)+IF('Standard Profiles'!$G$21=$B$17,14,0)+IF('Standard Profiles'!$G$21=$B$24,21,0),0)),0)</f>
        <v>0</v>
      </c>
      <c r="H4803" cm="1">
        <f t="array" ref="H4803">IFERROR(INDEX(Jesper!AL$2:AL$366,ROUNDDOWN($C4803/24,0)+1,1)*INDEX($D$3:$AA$30,INDEX(Jesper!$R$2:$R$366,ROW(INDEX(Jesper!AL$2:AL$366,ROUNDDOWN($C4803/24,0)+1,1))-1)+IF('Standard Profiles'!$G$22=$B$10,7,0)+IF('Standard Profiles'!$G$22=$B$17,14,0)+IF('Standard Profiles'!$G$22=$B$24,21,0),MOD($C4803,24)+1)/SUM(INDEX($D$3:$AA$30,INDEX(Jesper!$R$2:$R$366,ROW(INDEX(Jesper!AL$2:AL$366,ROUNDDOWN($C4803/24,0)+1,1))-1)+IF('Standard Profiles'!$G$22=$B$10,7,0)+IF('Standard Profiles'!$G$22=$B$17,14,0)+IF('Standard Profiles'!$G$22=$B$24,21,0),0)),0)</f>
        <v>0</v>
      </c>
      <c r="I4803">
        <f t="shared" si="538"/>
        <v>0</v>
      </c>
      <c r="J4803">
        <f t="shared" si="539"/>
        <v>9.2879137343568061</v>
      </c>
      <c r="K4803">
        <f t="shared" si="540"/>
        <v>0.83045072627567351</v>
      </c>
      <c r="L4803">
        <f t="shared" si="541"/>
        <v>0.41522536313783676</v>
      </c>
      <c r="M4803">
        <f t="shared" si="542"/>
        <v>0</v>
      </c>
      <c r="N4803" s="45">
        <f t="shared" si="543"/>
        <v>45125.708333321767</v>
      </c>
    </row>
    <row r="4804" spans="2:14" x14ac:dyDescent="0.25">
      <c r="B4804">
        <f t="shared" si="537"/>
        <v>2</v>
      </c>
      <c r="C4804" s="16">
        <v>4770</v>
      </c>
      <c r="D4804" cm="1">
        <f t="array" ref="D4804">IFERROR(INDEX(Jesper!AH$2:AH$366,ROUNDDOWN($C4804/24,0)+1,1)*INDEX($D$3:$AA$30,INDEX(Jesper!$R$2:$R$366,ROW(INDEX(Jesper!AH$2:AH$366,ROUNDDOWN($C4804/24,0)+1,1))-1)+IF('Standard Profiles'!$G$18=$B$10,7,0)+IF('Standard Profiles'!$G$18=$B$17,14,0)+IF('Standard Profiles'!$G$18=$B$24,21,0),MOD($C4804,24)+1)/SUM(INDEX($D$3:$AA$30,INDEX(Jesper!$R$2:$R$366,ROW(INDEX(Jesper!AH$2:AH$366,ROUNDDOWN($C4804/24,0)+1,1))-1)+IF('Standard Profiles'!$G$18=$B$10,7,0)+IF('Standard Profiles'!$G$18=$B$17,14,0)+IF('Standard Profiles'!$G$18=$B$24,21,0),0)),0)</f>
        <v>5.138413868830729</v>
      </c>
      <c r="E4804" cm="1">
        <f t="array" ref="E4804">IFERROR(INDEX(Jesper!AI$2:AI$366,ROUNDDOWN($C4804/24,0)+1,1)*INDEX($D$3:$AA$30,INDEX(Jesper!$R$2:$R$366,ROW(INDEX(Jesper!AI$2:AI$366,ROUNDDOWN($C4804/24,0)+1,1))-1)+IF('Standard Profiles'!$G$19=$B$10,7,0)+IF('Standard Profiles'!$G$19=$B$17,14,0)+IF('Standard Profiles'!$G$19=$B$24,21,0),MOD($C4804,24)+1)/SUM(INDEX($D$3:$AA$30,INDEX(Jesper!$R$2:$R$366,ROW(INDEX(Jesper!AI$2:AI$366,ROUNDDOWN($C4804/24,0)+1,1))-1)+IF('Standard Profiles'!$G$19=$B$10,7,0)+IF('Standard Profiles'!$G$19=$B$17,14,0)+IF('Standard Profiles'!$G$19=$B$24,21,0),0)),0)</f>
        <v>1.8137554148576793</v>
      </c>
      <c r="F4804" cm="1">
        <f t="array" ref="F4804">IFERROR(INDEX(Jesper!AJ$2:AJ$366,ROUNDDOWN($C4804/24,0)+1,1)*INDEX($D$3:$AA$30,INDEX(Jesper!$R$2:$R$366,ROW(INDEX(Jesper!AJ$2:AJ$366,ROUNDDOWN($C4804/24,0)+1,1))-1)+IF('Standard Profiles'!$G$20=$B$10,7,0)+IF('Standard Profiles'!$G$20=$B$17,14,0)+IF('Standard Profiles'!$G$20=$B$24,21,0),MOD($C4804,24)+1)/SUM(INDEX($D$3:$AA$30,INDEX(Jesper!$R$2:$R$366,ROW(INDEX(Jesper!AJ$2:AJ$366,ROUNDDOWN($C4804/24,0)+1,1))-1)+IF('Standard Profiles'!$G$20=$B$10,7,0)+IF('Standard Profiles'!$G$20=$B$17,14,0)+IF('Standard Profiles'!$G$20=$B$24,21,0),0)),0)</f>
        <v>0</v>
      </c>
      <c r="G4804" cm="1">
        <f t="array" ref="G4804">IFERROR(INDEX(Jesper!AK$2:AK$366,ROUNDDOWN($C4804/24,0)+1,1)*INDEX($D$3:$AA$30,INDEX(Jesper!$R$2:$R$366,ROW(INDEX(Jesper!AK$2:AK$366,ROUNDDOWN($C4804/24,0)+1,1))-1)+IF('Standard Profiles'!$G$21=$B$10,7,0)+IF('Standard Profiles'!$G$21=$B$17,14,0)+IF('Standard Profiles'!$G$21=$B$24,21,0),MOD($C4804,24)+1)/SUM(INDEX($D$3:$AA$30,INDEX(Jesper!$R$2:$R$366,ROW(INDEX(Jesper!AK$2:AK$366,ROUNDDOWN($C4804/24,0)+1,1))-1)+IF('Standard Profiles'!$G$21=$B$10,7,0)+IF('Standard Profiles'!$G$21=$B$17,14,0)+IF('Standard Profiles'!$G$21=$B$24,21,0),0)),0)</f>
        <v>0</v>
      </c>
      <c r="H4804" cm="1">
        <f t="array" ref="H4804">IFERROR(INDEX(Jesper!AL$2:AL$366,ROUNDDOWN($C4804/24,0)+1,1)*INDEX($D$3:$AA$30,INDEX(Jesper!$R$2:$R$366,ROW(INDEX(Jesper!AL$2:AL$366,ROUNDDOWN($C4804/24,0)+1,1))-1)+IF('Standard Profiles'!$G$22=$B$10,7,0)+IF('Standard Profiles'!$G$22=$B$17,14,0)+IF('Standard Profiles'!$G$22=$B$24,21,0),MOD($C4804,24)+1)/SUM(INDEX($D$3:$AA$30,INDEX(Jesper!$R$2:$R$366,ROW(INDEX(Jesper!AL$2:AL$366,ROUNDDOWN($C4804/24,0)+1,1))-1)+IF('Standard Profiles'!$G$22=$B$10,7,0)+IF('Standard Profiles'!$G$22=$B$17,14,0)+IF('Standard Profiles'!$G$22=$B$24,21,0),0)),0)</f>
        <v>0</v>
      </c>
      <c r="I4804">
        <f t="shared" si="538"/>
        <v>0</v>
      </c>
      <c r="J4804">
        <f t="shared" si="539"/>
        <v>6.1300230646754912</v>
      </c>
      <c r="K4804">
        <f t="shared" si="540"/>
        <v>0.54809747934194442</v>
      </c>
      <c r="L4804">
        <f t="shared" si="541"/>
        <v>0.27404873967097221</v>
      </c>
      <c r="M4804">
        <f t="shared" si="542"/>
        <v>0</v>
      </c>
      <c r="N4804" s="45">
        <f t="shared" si="543"/>
        <v>45125.749999988431</v>
      </c>
    </row>
    <row r="4805" spans="2:14" x14ac:dyDescent="0.25">
      <c r="B4805">
        <f t="shared" si="537"/>
        <v>2</v>
      </c>
      <c r="C4805" s="16">
        <v>4771</v>
      </c>
      <c r="D4805" cm="1">
        <f t="array" ref="D4805">IFERROR(INDEX(Jesper!AH$2:AH$366,ROUNDDOWN($C4805/24,0)+1,1)*INDEX($D$3:$AA$30,INDEX(Jesper!$R$2:$R$366,ROW(INDEX(Jesper!AH$2:AH$366,ROUNDDOWN($C4805/24,0)+1,1))-1)+IF('Standard Profiles'!$G$18=$B$10,7,0)+IF('Standard Profiles'!$G$18=$B$17,14,0)+IF('Standard Profiles'!$G$18=$B$24,21,0),MOD($C4805,24)+1)/SUM(INDEX($D$3:$AA$30,INDEX(Jesper!$R$2:$R$366,ROW(INDEX(Jesper!AH$2:AH$366,ROUNDDOWN($C4805/24,0)+1,1))-1)+IF('Standard Profiles'!$G$18=$B$10,7,0)+IF('Standard Profiles'!$G$18=$B$17,14,0)+IF('Standard Profiles'!$G$18=$B$24,21,0),0)),0)</f>
        <v>5.138413868830729</v>
      </c>
      <c r="E4805" cm="1">
        <f t="array" ref="E4805">IFERROR(INDEX(Jesper!AI$2:AI$366,ROUNDDOWN($C4805/24,0)+1,1)*INDEX($D$3:$AA$30,INDEX(Jesper!$R$2:$R$366,ROW(INDEX(Jesper!AI$2:AI$366,ROUNDDOWN($C4805/24,0)+1,1))-1)+IF('Standard Profiles'!$G$19=$B$10,7,0)+IF('Standard Profiles'!$G$19=$B$17,14,0)+IF('Standard Profiles'!$G$19=$B$24,21,0),MOD($C4805,24)+1)/SUM(INDEX($D$3:$AA$30,INDEX(Jesper!$R$2:$R$366,ROW(INDEX(Jesper!AI$2:AI$366,ROUNDDOWN($C4805/24,0)+1,1))-1)+IF('Standard Profiles'!$G$19=$B$10,7,0)+IF('Standard Profiles'!$G$19=$B$17,14,0)+IF('Standard Profiles'!$G$19=$B$24,21,0),0)),0)</f>
        <v>1.8137554148576793</v>
      </c>
      <c r="F4805" cm="1">
        <f t="array" ref="F4805">IFERROR(INDEX(Jesper!AJ$2:AJ$366,ROUNDDOWN($C4805/24,0)+1,1)*INDEX($D$3:$AA$30,INDEX(Jesper!$R$2:$R$366,ROW(INDEX(Jesper!AJ$2:AJ$366,ROUNDDOWN($C4805/24,0)+1,1))-1)+IF('Standard Profiles'!$G$20=$B$10,7,0)+IF('Standard Profiles'!$G$20=$B$17,14,0)+IF('Standard Profiles'!$G$20=$B$24,21,0),MOD($C4805,24)+1)/SUM(INDEX($D$3:$AA$30,INDEX(Jesper!$R$2:$R$366,ROW(INDEX(Jesper!AJ$2:AJ$366,ROUNDDOWN($C4805/24,0)+1,1))-1)+IF('Standard Profiles'!$G$20=$B$10,7,0)+IF('Standard Profiles'!$G$20=$B$17,14,0)+IF('Standard Profiles'!$G$20=$B$24,21,0),0)),0)</f>
        <v>0</v>
      </c>
      <c r="G4805" cm="1">
        <f t="array" ref="G4805">IFERROR(INDEX(Jesper!AK$2:AK$366,ROUNDDOWN($C4805/24,0)+1,1)*INDEX($D$3:$AA$30,INDEX(Jesper!$R$2:$R$366,ROW(INDEX(Jesper!AK$2:AK$366,ROUNDDOWN($C4805/24,0)+1,1))-1)+IF('Standard Profiles'!$G$21=$B$10,7,0)+IF('Standard Profiles'!$G$21=$B$17,14,0)+IF('Standard Profiles'!$G$21=$B$24,21,0),MOD($C4805,24)+1)/SUM(INDEX($D$3:$AA$30,INDEX(Jesper!$R$2:$R$366,ROW(INDEX(Jesper!AK$2:AK$366,ROUNDDOWN($C4805/24,0)+1,1))-1)+IF('Standard Profiles'!$G$21=$B$10,7,0)+IF('Standard Profiles'!$G$21=$B$17,14,0)+IF('Standard Profiles'!$G$21=$B$24,21,0),0)),0)</f>
        <v>0</v>
      </c>
      <c r="H4805" cm="1">
        <f t="array" ref="H4805">IFERROR(INDEX(Jesper!AL$2:AL$366,ROUNDDOWN($C4805/24,0)+1,1)*INDEX($D$3:$AA$30,INDEX(Jesper!$R$2:$R$366,ROW(INDEX(Jesper!AL$2:AL$366,ROUNDDOWN($C4805/24,0)+1,1))-1)+IF('Standard Profiles'!$G$22=$B$10,7,0)+IF('Standard Profiles'!$G$22=$B$17,14,0)+IF('Standard Profiles'!$G$22=$B$24,21,0),MOD($C4805,24)+1)/SUM(INDEX($D$3:$AA$30,INDEX(Jesper!$R$2:$R$366,ROW(INDEX(Jesper!AL$2:AL$366,ROUNDDOWN($C4805/24,0)+1,1))-1)+IF('Standard Profiles'!$G$22=$B$10,7,0)+IF('Standard Profiles'!$G$22=$B$17,14,0)+IF('Standard Profiles'!$G$22=$B$24,21,0),0)),0)</f>
        <v>0</v>
      </c>
      <c r="I4805">
        <f t="shared" si="538"/>
        <v>0</v>
      </c>
      <c r="J4805">
        <f t="shared" si="539"/>
        <v>6.1300230646754912</v>
      </c>
      <c r="K4805">
        <f t="shared" si="540"/>
        <v>0.54809747934194442</v>
      </c>
      <c r="L4805">
        <f t="shared" si="541"/>
        <v>0.27404873967097221</v>
      </c>
      <c r="M4805">
        <f t="shared" si="542"/>
        <v>0</v>
      </c>
      <c r="N4805" s="45">
        <f t="shared" si="543"/>
        <v>45125.791666655095</v>
      </c>
    </row>
    <row r="4806" spans="2:14" x14ac:dyDescent="0.25">
      <c r="B4806">
        <f t="shared" si="537"/>
        <v>2</v>
      </c>
      <c r="C4806" s="16">
        <v>4772</v>
      </c>
      <c r="D4806" cm="1">
        <f t="array" ref="D4806">IFERROR(INDEX(Jesper!AH$2:AH$366,ROUNDDOWN($C4806/24,0)+1,1)*INDEX($D$3:$AA$30,INDEX(Jesper!$R$2:$R$366,ROW(INDEX(Jesper!AH$2:AH$366,ROUNDDOWN($C4806/24,0)+1,1))-1)+IF('Standard Profiles'!$G$18=$B$10,7,0)+IF('Standard Profiles'!$G$18=$B$17,14,0)+IF('Standard Profiles'!$G$18=$B$24,21,0),MOD($C4806,24)+1)/SUM(INDEX($D$3:$AA$30,INDEX(Jesper!$R$2:$R$366,ROW(INDEX(Jesper!AH$2:AH$366,ROUNDDOWN($C4806/24,0)+1,1))-1)+IF('Standard Profiles'!$G$18=$B$10,7,0)+IF('Standard Profiles'!$G$18=$B$17,14,0)+IF('Standard Profiles'!$G$18=$B$24,21,0),0)),0)</f>
        <v>5.138413868830729</v>
      </c>
      <c r="E4806" cm="1">
        <f t="array" ref="E4806">IFERROR(INDEX(Jesper!AI$2:AI$366,ROUNDDOWN($C4806/24,0)+1,1)*INDEX($D$3:$AA$30,INDEX(Jesper!$R$2:$R$366,ROW(INDEX(Jesper!AI$2:AI$366,ROUNDDOWN($C4806/24,0)+1,1))-1)+IF('Standard Profiles'!$G$19=$B$10,7,0)+IF('Standard Profiles'!$G$19=$B$17,14,0)+IF('Standard Profiles'!$G$19=$B$24,21,0),MOD($C4806,24)+1)/SUM(INDEX($D$3:$AA$30,INDEX(Jesper!$R$2:$R$366,ROW(INDEX(Jesper!AI$2:AI$366,ROUNDDOWN($C4806/24,0)+1,1))-1)+IF('Standard Profiles'!$G$19=$B$10,7,0)+IF('Standard Profiles'!$G$19=$B$17,14,0)+IF('Standard Profiles'!$G$19=$B$24,21,0),0)),0)</f>
        <v>1.8137554148576793</v>
      </c>
      <c r="F4806" cm="1">
        <f t="array" ref="F4806">IFERROR(INDEX(Jesper!AJ$2:AJ$366,ROUNDDOWN($C4806/24,0)+1,1)*INDEX($D$3:$AA$30,INDEX(Jesper!$R$2:$R$366,ROW(INDEX(Jesper!AJ$2:AJ$366,ROUNDDOWN($C4806/24,0)+1,1))-1)+IF('Standard Profiles'!$G$20=$B$10,7,0)+IF('Standard Profiles'!$G$20=$B$17,14,0)+IF('Standard Profiles'!$G$20=$B$24,21,0),MOD($C4806,24)+1)/SUM(INDEX($D$3:$AA$30,INDEX(Jesper!$R$2:$R$366,ROW(INDEX(Jesper!AJ$2:AJ$366,ROUNDDOWN($C4806/24,0)+1,1))-1)+IF('Standard Profiles'!$G$20=$B$10,7,0)+IF('Standard Profiles'!$G$20=$B$17,14,0)+IF('Standard Profiles'!$G$20=$B$24,21,0),0)),0)</f>
        <v>0</v>
      </c>
      <c r="G4806" cm="1">
        <f t="array" ref="G4806">IFERROR(INDEX(Jesper!AK$2:AK$366,ROUNDDOWN($C4806/24,0)+1,1)*INDEX($D$3:$AA$30,INDEX(Jesper!$R$2:$R$366,ROW(INDEX(Jesper!AK$2:AK$366,ROUNDDOWN($C4806/24,0)+1,1))-1)+IF('Standard Profiles'!$G$21=$B$10,7,0)+IF('Standard Profiles'!$G$21=$B$17,14,0)+IF('Standard Profiles'!$G$21=$B$24,21,0),MOD($C4806,24)+1)/SUM(INDEX($D$3:$AA$30,INDEX(Jesper!$R$2:$R$366,ROW(INDEX(Jesper!AK$2:AK$366,ROUNDDOWN($C4806/24,0)+1,1))-1)+IF('Standard Profiles'!$G$21=$B$10,7,0)+IF('Standard Profiles'!$G$21=$B$17,14,0)+IF('Standard Profiles'!$G$21=$B$24,21,0),0)),0)</f>
        <v>0</v>
      </c>
      <c r="H4806" cm="1">
        <f t="array" ref="H4806">IFERROR(INDEX(Jesper!AL$2:AL$366,ROUNDDOWN($C4806/24,0)+1,1)*INDEX($D$3:$AA$30,INDEX(Jesper!$R$2:$R$366,ROW(INDEX(Jesper!AL$2:AL$366,ROUNDDOWN($C4806/24,0)+1,1))-1)+IF('Standard Profiles'!$G$22=$B$10,7,0)+IF('Standard Profiles'!$G$22=$B$17,14,0)+IF('Standard Profiles'!$G$22=$B$24,21,0),MOD($C4806,24)+1)/SUM(INDEX($D$3:$AA$30,INDEX(Jesper!$R$2:$R$366,ROW(INDEX(Jesper!AL$2:AL$366,ROUNDDOWN($C4806/24,0)+1,1))-1)+IF('Standard Profiles'!$G$22=$B$10,7,0)+IF('Standard Profiles'!$G$22=$B$17,14,0)+IF('Standard Profiles'!$G$22=$B$24,21,0),0)),0)</f>
        <v>0</v>
      </c>
      <c r="I4806">
        <f t="shared" si="538"/>
        <v>0</v>
      </c>
      <c r="J4806">
        <f t="shared" si="539"/>
        <v>6.1300230646754912</v>
      </c>
      <c r="K4806">
        <f t="shared" si="540"/>
        <v>0.54809747934194442</v>
      </c>
      <c r="L4806">
        <f t="shared" si="541"/>
        <v>0.27404873967097221</v>
      </c>
      <c r="M4806">
        <f t="shared" si="542"/>
        <v>0</v>
      </c>
      <c r="N4806" s="45">
        <f t="shared" si="543"/>
        <v>45125.83333332176</v>
      </c>
    </row>
    <row r="4807" spans="2:14" x14ac:dyDescent="0.25">
      <c r="B4807">
        <f t="shared" si="537"/>
        <v>2</v>
      </c>
      <c r="C4807" s="16">
        <v>4773</v>
      </c>
      <c r="D4807" cm="1">
        <f t="array" ref="D4807">IFERROR(INDEX(Jesper!AH$2:AH$366,ROUNDDOWN($C4807/24,0)+1,1)*INDEX($D$3:$AA$30,INDEX(Jesper!$R$2:$R$366,ROW(INDEX(Jesper!AH$2:AH$366,ROUNDDOWN($C4807/24,0)+1,1))-1)+IF('Standard Profiles'!$G$18=$B$10,7,0)+IF('Standard Profiles'!$G$18=$B$17,14,0)+IF('Standard Profiles'!$G$18=$B$24,21,0),MOD($C4807,24)+1)/SUM(INDEX($D$3:$AA$30,INDEX(Jesper!$R$2:$R$366,ROW(INDEX(Jesper!AH$2:AH$366,ROUNDDOWN($C4807/24,0)+1,1))-1)+IF('Standard Profiles'!$G$18=$B$10,7,0)+IF('Standard Profiles'!$G$18=$B$17,14,0)+IF('Standard Profiles'!$G$18=$B$24,21,0),0)),0)</f>
        <v>5.138413868830729</v>
      </c>
      <c r="E4807" cm="1">
        <f t="array" ref="E4807">IFERROR(INDEX(Jesper!AI$2:AI$366,ROUNDDOWN($C4807/24,0)+1,1)*INDEX($D$3:$AA$30,INDEX(Jesper!$R$2:$R$366,ROW(INDEX(Jesper!AI$2:AI$366,ROUNDDOWN($C4807/24,0)+1,1))-1)+IF('Standard Profiles'!$G$19=$B$10,7,0)+IF('Standard Profiles'!$G$19=$B$17,14,0)+IF('Standard Profiles'!$G$19=$B$24,21,0),MOD($C4807,24)+1)/SUM(INDEX($D$3:$AA$30,INDEX(Jesper!$R$2:$R$366,ROW(INDEX(Jesper!AI$2:AI$366,ROUNDDOWN($C4807/24,0)+1,1))-1)+IF('Standard Profiles'!$G$19=$B$10,7,0)+IF('Standard Profiles'!$G$19=$B$17,14,0)+IF('Standard Profiles'!$G$19=$B$24,21,0),0)),0)</f>
        <v>1.8137554148576793</v>
      </c>
      <c r="F4807" cm="1">
        <f t="array" ref="F4807">IFERROR(INDEX(Jesper!AJ$2:AJ$366,ROUNDDOWN($C4807/24,0)+1,1)*INDEX($D$3:$AA$30,INDEX(Jesper!$R$2:$R$366,ROW(INDEX(Jesper!AJ$2:AJ$366,ROUNDDOWN($C4807/24,0)+1,1))-1)+IF('Standard Profiles'!$G$20=$B$10,7,0)+IF('Standard Profiles'!$G$20=$B$17,14,0)+IF('Standard Profiles'!$G$20=$B$24,21,0),MOD($C4807,24)+1)/SUM(INDEX($D$3:$AA$30,INDEX(Jesper!$R$2:$R$366,ROW(INDEX(Jesper!AJ$2:AJ$366,ROUNDDOWN($C4807/24,0)+1,1))-1)+IF('Standard Profiles'!$G$20=$B$10,7,0)+IF('Standard Profiles'!$G$20=$B$17,14,0)+IF('Standard Profiles'!$G$20=$B$24,21,0),0)),0)</f>
        <v>0</v>
      </c>
      <c r="G4807" cm="1">
        <f t="array" ref="G4807">IFERROR(INDEX(Jesper!AK$2:AK$366,ROUNDDOWN($C4807/24,0)+1,1)*INDEX($D$3:$AA$30,INDEX(Jesper!$R$2:$R$366,ROW(INDEX(Jesper!AK$2:AK$366,ROUNDDOWN($C4807/24,0)+1,1))-1)+IF('Standard Profiles'!$G$21=$B$10,7,0)+IF('Standard Profiles'!$G$21=$B$17,14,0)+IF('Standard Profiles'!$G$21=$B$24,21,0),MOD($C4807,24)+1)/SUM(INDEX($D$3:$AA$30,INDEX(Jesper!$R$2:$R$366,ROW(INDEX(Jesper!AK$2:AK$366,ROUNDDOWN($C4807/24,0)+1,1))-1)+IF('Standard Profiles'!$G$21=$B$10,7,0)+IF('Standard Profiles'!$G$21=$B$17,14,0)+IF('Standard Profiles'!$G$21=$B$24,21,0),0)),0)</f>
        <v>0</v>
      </c>
      <c r="H4807" cm="1">
        <f t="array" ref="H4807">IFERROR(INDEX(Jesper!AL$2:AL$366,ROUNDDOWN($C4807/24,0)+1,1)*INDEX($D$3:$AA$30,INDEX(Jesper!$R$2:$R$366,ROW(INDEX(Jesper!AL$2:AL$366,ROUNDDOWN($C4807/24,0)+1,1))-1)+IF('Standard Profiles'!$G$22=$B$10,7,0)+IF('Standard Profiles'!$G$22=$B$17,14,0)+IF('Standard Profiles'!$G$22=$B$24,21,0),MOD($C4807,24)+1)/SUM(INDEX($D$3:$AA$30,INDEX(Jesper!$R$2:$R$366,ROW(INDEX(Jesper!AL$2:AL$366,ROUNDDOWN($C4807/24,0)+1,1))-1)+IF('Standard Profiles'!$G$22=$B$10,7,0)+IF('Standard Profiles'!$G$22=$B$17,14,0)+IF('Standard Profiles'!$G$22=$B$24,21,0),0)),0)</f>
        <v>0</v>
      </c>
      <c r="I4807">
        <f t="shared" si="538"/>
        <v>0</v>
      </c>
      <c r="J4807">
        <f t="shared" si="539"/>
        <v>6.1300230646754912</v>
      </c>
      <c r="K4807">
        <f t="shared" si="540"/>
        <v>0.54809747934194442</v>
      </c>
      <c r="L4807">
        <f t="shared" si="541"/>
        <v>0.27404873967097221</v>
      </c>
      <c r="M4807">
        <f t="shared" si="542"/>
        <v>0</v>
      </c>
      <c r="N4807" s="45">
        <f t="shared" si="543"/>
        <v>45125.874999988424</v>
      </c>
    </row>
    <row r="4808" spans="2:14" x14ac:dyDescent="0.25">
      <c r="B4808">
        <f t="shared" si="537"/>
        <v>2</v>
      </c>
      <c r="C4808" s="16">
        <v>4774</v>
      </c>
      <c r="D4808" cm="1">
        <f t="array" ref="D4808">IFERROR(INDEX(Jesper!AH$2:AH$366,ROUNDDOWN($C4808/24,0)+1,1)*INDEX($D$3:$AA$30,INDEX(Jesper!$R$2:$R$366,ROW(INDEX(Jesper!AH$2:AH$366,ROUNDDOWN($C4808/24,0)+1,1))-1)+IF('Standard Profiles'!$G$18=$B$10,7,0)+IF('Standard Profiles'!$G$18=$B$17,14,0)+IF('Standard Profiles'!$G$18=$B$24,21,0),MOD($C4808,24)+1)/SUM(INDEX($D$3:$AA$30,INDEX(Jesper!$R$2:$R$366,ROW(INDEX(Jesper!AH$2:AH$366,ROUNDDOWN($C4808/24,0)+1,1))-1)+IF('Standard Profiles'!$G$18=$B$10,7,0)+IF('Standard Profiles'!$G$18=$B$17,14,0)+IF('Standard Profiles'!$G$18=$B$24,21,0),0)),0)</f>
        <v>5.138413868830729</v>
      </c>
      <c r="E4808" cm="1">
        <f t="array" ref="E4808">IFERROR(INDEX(Jesper!AI$2:AI$366,ROUNDDOWN($C4808/24,0)+1,1)*INDEX($D$3:$AA$30,INDEX(Jesper!$R$2:$R$366,ROW(INDEX(Jesper!AI$2:AI$366,ROUNDDOWN($C4808/24,0)+1,1))-1)+IF('Standard Profiles'!$G$19=$B$10,7,0)+IF('Standard Profiles'!$G$19=$B$17,14,0)+IF('Standard Profiles'!$G$19=$B$24,21,0),MOD($C4808,24)+1)/SUM(INDEX($D$3:$AA$30,INDEX(Jesper!$R$2:$R$366,ROW(INDEX(Jesper!AI$2:AI$366,ROUNDDOWN($C4808/24,0)+1,1))-1)+IF('Standard Profiles'!$G$19=$B$10,7,0)+IF('Standard Profiles'!$G$19=$B$17,14,0)+IF('Standard Profiles'!$G$19=$B$24,21,0),0)),0)</f>
        <v>1.8137554148576793</v>
      </c>
      <c r="F4808" cm="1">
        <f t="array" ref="F4808">IFERROR(INDEX(Jesper!AJ$2:AJ$366,ROUNDDOWN($C4808/24,0)+1,1)*INDEX($D$3:$AA$30,INDEX(Jesper!$R$2:$R$366,ROW(INDEX(Jesper!AJ$2:AJ$366,ROUNDDOWN($C4808/24,0)+1,1))-1)+IF('Standard Profiles'!$G$20=$B$10,7,0)+IF('Standard Profiles'!$G$20=$B$17,14,0)+IF('Standard Profiles'!$G$20=$B$24,21,0),MOD($C4808,24)+1)/SUM(INDEX($D$3:$AA$30,INDEX(Jesper!$R$2:$R$366,ROW(INDEX(Jesper!AJ$2:AJ$366,ROUNDDOWN($C4808/24,0)+1,1))-1)+IF('Standard Profiles'!$G$20=$B$10,7,0)+IF('Standard Profiles'!$G$20=$B$17,14,0)+IF('Standard Profiles'!$G$20=$B$24,21,0),0)),0)</f>
        <v>0</v>
      </c>
      <c r="G4808" cm="1">
        <f t="array" ref="G4808">IFERROR(INDEX(Jesper!AK$2:AK$366,ROUNDDOWN($C4808/24,0)+1,1)*INDEX($D$3:$AA$30,INDEX(Jesper!$R$2:$R$366,ROW(INDEX(Jesper!AK$2:AK$366,ROUNDDOWN($C4808/24,0)+1,1))-1)+IF('Standard Profiles'!$G$21=$B$10,7,0)+IF('Standard Profiles'!$G$21=$B$17,14,0)+IF('Standard Profiles'!$G$21=$B$24,21,0),MOD($C4808,24)+1)/SUM(INDEX($D$3:$AA$30,INDEX(Jesper!$R$2:$R$366,ROW(INDEX(Jesper!AK$2:AK$366,ROUNDDOWN($C4808/24,0)+1,1))-1)+IF('Standard Profiles'!$G$21=$B$10,7,0)+IF('Standard Profiles'!$G$21=$B$17,14,0)+IF('Standard Profiles'!$G$21=$B$24,21,0),0)),0)</f>
        <v>0</v>
      </c>
      <c r="H4808" cm="1">
        <f t="array" ref="H4808">IFERROR(INDEX(Jesper!AL$2:AL$366,ROUNDDOWN($C4808/24,0)+1,1)*INDEX($D$3:$AA$30,INDEX(Jesper!$R$2:$R$366,ROW(INDEX(Jesper!AL$2:AL$366,ROUNDDOWN($C4808/24,0)+1,1))-1)+IF('Standard Profiles'!$G$22=$B$10,7,0)+IF('Standard Profiles'!$G$22=$B$17,14,0)+IF('Standard Profiles'!$G$22=$B$24,21,0),MOD($C4808,24)+1)/SUM(INDEX($D$3:$AA$30,INDEX(Jesper!$R$2:$R$366,ROW(INDEX(Jesper!AL$2:AL$366,ROUNDDOWN($C4808/24,0)+1,1))-1)+IF('Standard Profiles'!$G$22=$B$10,7,0)+IF('Standard Profiles'!$G$22=$B$17,14,0)+IF('Standard Profiles'!$G$22=$B$24,21,0),0)),0)</f>
        <v>0</v>
      </c>
      <c r="I4808">
        <f t="shared" si="538"/>
        <v>0</v>
      </c>
      <c r="J4808">
        <f t="shared" si="539"/>
        <v>6.1300230646754912</v>
      </c>
      <c r="K4808">
        <f t="shared" si="540"/>
        <v>0.54809747934194442</v>
      </c>
      <c r="L4808">
        <f t="shared" si="541"/>
        <v>0.27404873967097221</v>
      </c>
      <c r="M4808">
        <f t="shared" si="542"/>
        <v>0</v>
      </c>
      <c r="N4808" s="45">
        <f t="shared" si="543"/>
        <v>45125.916666655088</v>
      </c>
    </row>
    <row r="4809" spans="2:14" x14ac:dyDescent="0.25">
      <c r="B4809">
        <f t="shared" si="537"/>
        <v>2</v>
      </c>
      <c r="C4809" s="16">
        <v>4775</v>
      </c>
      <c r="D4809" cm="1">
        <f t="array" ref="D4809">IFERROR(INDEX(Jesper!AH$2:AH$366,ROUNDDOWN($C4809/24,0)+1,1)*INDEX($D$3:$AA$30,INDEX(Jesper!$R$2:$R$366,ROW(INDEX(Jesper!AH$2:AH$366,ROUNDDOWN($C4809/24,0)+1,1))-1)+IF('Standard Profiles'!$G$18=$B$10,7,0)+IF('Standard Profiles'!$G$18=$B$17,14,0)+IF('Standard Profiles'!$G$18=$B$24,21,0),MOD($C4809,24)+1)/SUM(INDEX($D$3:$AA$30,INDEX(Jesper!$R$2:$R$366,ROW(INDEX(Jesper!AH$2:AH$366,ROUNDDOWN($C4809/24,0)+1,1))-1)+IF('Standard Profiles'!$G$18=$B$10,7,0)+IF('Standard Profiles'!$G$18=$B$17,14,0)+IF('Standard Profiles'!$G$18=$B$24,21,0),0)),0)</f>
        <v>5.138413868830729</v>
      </c>
      <c r="E4809" cm="1">
        <f t="array" ref="E4809">IFERROR(INDEX(Jesper!AI$2:AI$366,ROUNDDOWN($C4809/24,0)+1,1)*INDEX($D$3:$AA$30,INDEX(Jesper!$R$2:$R$366,ROW(INDEX(Jesper!AI$2:AI$366,ROUNDDOWN($C4809/24,0)+1,1))-1)+IF('Standard Profiles'!$G$19=$B$10,7,0)+IF('Standard Profiles'!$G$19=$B$17,14,0)+IF('Standard Profiles'!$G$19=$B$24,21,0),MOD($C4809,24)+1)/SUM(INDEX($D$3:$AA$30,INDEX(Jesper!$R$2:$R$366,ROW(INDEX(Jesper!AI$2:AI$366,ROUNDDOWN($C4809/24,0)+1,1))-1)+IF('Standard Profiles'!$G$19=$B$10,7,0)+IF('Standard Profiles'!$G$19=$B$17,14,0)+IF('Standard Profiles'!$G$19=$B$24,21,0),0)),0)</f>
        <v>1.8137554148576793</v>
      </c>
      <c r="F4809" cm="1">
        <f t="array" ref="F4809">IFERROR(INDEX(Jesper!AJ$2:AJ$366,ROUNDDOWN($C4809/24,0)+1,1)*INDEX($D$3:$AA$30,INDEX(Jesper!$R$2:$R$366,ROW(INDEX(Jesper!AJ$2:AJ$366,ROUNDDOWN($C4809/24,0)+1,1))-1)+IF('Standard Profiles'!$G$20=$B$10,7,0)+IF('Standard Profiles'!$G$20=$B$17,14,0)+IF('Standard Profiles'!$G$20=$B$24,21,0),MOD($C4809,24)+1)/SUM(INDEX($D$3:$AA$30,INDEX(Jesper!$R$2:$R$366,ROW(INDEX(Jesper!AJ$2:AJ$366,ROUNDDOWN($C4809/24,0)+1,1))-1)+IF('Standard Profiles'!$G$20=$B$10,7,0)+IF('Standard Profiles'!$G$20=$B$17,14,0)+IF('Standard Profiles'!$G$20=$B$24,21,0),0)),0)</f>
        <v>0</v>
      </c>
      <c r="G4809" cm="1">
        <f t="array" ref="G4809">IFERROR(INDEX(Jesper!AK$2:AK$366,ROUNDDOWN($C4809/24,0)+1,1)*INDEX($D$3:$AA$30,INDEX(Jesper!$R$2:$R$366,ROW(INDEX(Jesper!AK$2:AK$366,ROUNDDOWN($C4809/24,0)+1,1))-1)+IF('Standard Profiles'!$G$21=$B$10,7,0)+IF('Standard Profiles'!$G$21=$B$17,14,0)+IF('Standard Profiles'!$G$21=$B$24,21,0),MOD($C4809,24)+1)/SUM(INDEX($D$3:$AA$30,INDEX(Jesper!$R$2:$R$366,ROW(INDEX(Jesper!AK$2:AK$366,ROUNDDOWN($C4809/24,0)+1,1))-1)+IF('Standard Profiles'!$G$21=$B$10,7,0)+IF('Standard Profiles'!$G$21=$B$17,14,0)+IF('Standard Profiles'!$G$21=$B$24,21,0),0)),0)</f>
        <v>0</v>
      </c>
      <c r="H4809" cm="1">
        <f t="array" ref="H4809">IFERROR(INDEX(Jesper!AL$2:AL$366,ROUNDDOWN($C4809/24,0)+1,1)*INDEX($D$3:$AA$30,INDEX(Jesper!$R$2:$R$366,ROW(INDEX(Jesper!AL$2:AL$366,ROUNDDOWN($C4809/24,0)+1,1))-1)+IF('Standard Profiles'!$G$22=$B$10,7,0)+IF('Standard Profiles'!$G$22=$B$17,14,0)+IF('Standard Profiles'!$G$22=$B$24,21,0),MOD($C4809,24)+1)/SUM(INDEX($D$3:$AA$30,INDEX(Jesper!$R$2:$R$366,ROW(INDEX(Jesper!AL$2:AL$366,ROUNDDOWN($C4809/24,0)+1,1))-1)+IF('Standard Profiles'!$G$22=$B$10,7,0)+IF('Standard Profiles'!$G$22=$B$17,14,0)+IF('Standard Profiles'!$G$22=$B$24,21,0),0)),0)</f>
        <v>0</v>
      </c>
      <c r="I4809">
        <f t="shared" si="538"/>
        <v>0</v>
      </c>
      <c r="J4809">
        <f t="shared" si="539"/>
        <v>6.1300230646754912</v>
      </c>
      <c r="K4809">
        <f t="shared" si="540"/>
        <v>0.54809747934194442</v>
      </c>
      <c r="L4809">
        <f t="shared" si="541"/>
        <v>0.27404873967097221</v>
      </c>
      <c r="M4809">
        <f t="shared" si="542"/>
        <v>0</v>
      </c>
      <c r="N4809" s="45">
        <f t="shared" si="543"/>
        <v>45125.958333321752</v>
      </c>
    </row>
    <row r="4810" spans="2:14" x14ac:dyDescent="0.25">
      <c r="B4810">
        <f t="shared" si="537"/>
        <v>3</v>
      </c>
      <c r="C4810" s="16">
        <v>4776</v>
      </c>
      <c r="D4810" cm="1">
        <f t="array" ref="D4810">IFERROR(INDEX(Jesper!AH$2:AH$366,ROUNDDOWN($C4810/24,0)+1,1)*INDEX($D$3:$AA$30,INDEX(Jesper!$R$2:$R$366,ROW(INDEX(Jesper!AH$2:AH$366,ROUNDDOWN($C4810/24,0)+1,1))-1)+IF('Standard Profiles'!$G$18=$B$10,7,0)+IF('Standard Profiles'!$G$18=$B$17,14,0)+IF('Standard Profiles'!$G$18=$B$24,21,0),MOD($C4810,24)+1)/SUM(INDEX($D$3:$AA$30,INDEX(Jesper!$R$2:$R$366,ROW(INDEX(Jesper!AH$2:AH$366,ROUNDDOWN($C4810/24,0)+1,1))-1)+IF('Standard Profiles'!$G$18=$B$10,7,0)+IF('Standard Profiles'!$G$18=$B$17,14,0)+IF('Standard Profiles'!$G$18=$B$24,21,0),0)),0)</f>
        <v>5.0868172414900155</v>
      </c>
      <c r="E4810" cm="1">
        <f t="array" ref="E4810">IFERROR(INDEX(Jesper!AI$2:AI$366,ROUNDDOWN($C4810/24,0)+1,1)*INDEX($D$3:$AA$30,INDEX(Jesper!$R$2:$R$366,ROW(INDEX(Jesper!AI$2:AI$366,ROUNDDOWN($C4810/24,0)+1,1))-1)+IF('Standard Profiles'!$G$19=$B$10,7,0)+IF('Standard Profiles'!$G$19=$B$17,14,0)+IF('Standard Profiles'!$G$19=$B$24,21,0),MOD($C4810,24)+1)/SUM(INDEX($D$3:$AA$30,INDEX(Jesper!$R$2:$R$366,ROW(INDEX(Jesper!AI$2:AI$366,ROUNDDOWN($C4810/24,0)+1,1))-1)+IF('Standard Profiles'!$G$19=$B$10,7,0)+IF('Standard Profiles'!$G$19=$B$17,14,0)+IF('Standard Profiles'!$G$19=$B$24,21,0),0)),0)</f>
        <v>1.7828075507624772</v>
      </c>
      <c r="F4810" cm="1">
        <f t="array" ref="F4810">IFERROR(INDEX(Jesper!AJ$2:AJ$366,ROUNDDOWN($C4810/24,0)+1,1)*INDEX($D$3:$AA$30,INDEX(Jesper!$R$2:$R$366,ROW(INDEX(Jesper!AJ$2:AJ$366,ROUNDDOWN($C4810/24,0)+1,1))-1)+IF('Standard Profiles'!$G$20=$B$10,7,0)+IF('Standard Profiles'!$G$20=$B$17,14,0)+IF('Standard Profiles'!$G$20=$B$24,21,0),MOD($C4810,24)+1)/SUM(INDEX($D$3:$AA$30,INDEX(Jesper!$R$2:$R$366,ROW(INDEX(Jesper!AJ$2:AJ$366,ROUNDDOWN($C4810/24,0)+1,1))-1)+IF('Standard Profiles'!$G$20=$B$10,7,0)+IF('Standard Profiles'!$G$20=$B$17,14,0)+IF('Standard Profiles'!$G$20=$B$24,21,0),0)),0)</f>
        <v>0</v>
      </c>
      <c r="G4810" cm="1">
        <f t="array" ref="G4810">IFERROR(INDEX(Jesper!AK$2:AK$366,ROUNDDOWN($C4810/24,0)+1,1)*INDEX($D$3:$AA$30,INDEX(Jesper!$R$2:$R$366,ROW(INDEX(Jesper!AK$2:AK$366,ROUNDDOWN($C4810/24,0)+1,1))-1)+IF('Standard Profiles'!$G$21=$B$10,7,0)+IF('Standard Profiles'!$G$21=$B$17,14,0)+IF('Standard Profiles'!$G$21=$B$24,21,0),MOD($C4810,24)+1)/SUM(INDEX($D$3:$AA$30,INDEX(Jesper!$R$2:$R$366,ROW(INDEX(Jesper!AK$2:AK$366,ROUNDDOWN($C4810/24,0)+1,1))-1)+IF('Standard Profiles'!$G$21=$B$10,7,0)+IF('Standard Profiles'!$G$21=$B$17,14,0)+IF('Standard Profiles'!$G$21=$B$24,21,0),0)),0)</f>
        <v>0</v>
      </c>
      <c r="H4810" cm="1">
        <f t="array" ref="H4810">IFERROR(INDEX(Jesper!AL$2:AL$366,ROUNDDOWN($C4810/24,0)+1,1)*INDEX($D$3:$AA$30,INDEX(Jesper!$R$2:$R$366,ROW(INDEX(Jesper!AL$2:AL$366,ROUNDDOWN($C4810/24,0)+1,1))-1)+IF('Standard Profiles'!$G$22=$B$10,7,0)+IF('Standard Profiles'!$G$22=$B$17,14,0)+IF('Standard Profiles'!$G$22=$B$24,21,0),MOD($C4810,24)+1)/SUM(INDEX($D$3:$AA$30,INDEX(Jesper!$R$2:$R$366,ROW(INDEX(Jesper!AL$2:AL$366,ROUNDDOWN($C4810/24,0)+1,1))-1)+IF('Standard Profiles'!$G$22=$B$10,7,0)+IF('Standard Profiles'!$G$22=$B$17,14,0)+IF('Standard Profiles'!$G$22=$B$24,21,0),0)),0)</f>
        <v>0</v>
      </c>
      <c r="I4810">
        <f t="shared" si="538"/>
        <v>0</v>
      </c>
      <c r="J4810">
        <f t="shared" si="539"/>
        <v>6.0557340336140904</v>
      </c>
      <c r="K4810">
        <f t="shared" si="540"/>
        <v>0.54259383909226833</v>
      </c>
      <c r="L4810">
        <f t="shared" si="541"/>
        <v>0.27129691954613416</v>
      </c>
      <c r="M4810">
        <f t="shared" si="542"/>
        <v>0</v>
      </c>
      <c r="N4810" s="45">
        <f t="shared" si="543"/>
        <v>45125.999999988417</v>
      </c>
    </row>
    <row r="4811" spans="2:14" x14ac:dyDescent="0.25">
      <c r="B4811">
        <f t="shared" si="537"/>
        <v>3</v>
      </c>
      <c r="C4811" s="16">
        <v>4777</v>
      </c>
      <c r="D4811" cm="1">
        <f t="array" ref="D4811">IFERROR(INDEX(Jesper!AH$2:AH$366,ROUNDDOWN($C4811/24,0)+1,1)*INDEX($D$3:$AA$30,INDEX(Jesper!$R$2:$R$366,ROW(INDEX(Jesper!AH$2:AH$366,ROUNDDOWN($C4811/24,0)+1,1))-1)+IF('Standard Profiles'!$G$18=$B$10,7,0)+IF('Standard Profiles'!$G$18=$B$17,14,0)+IF('Standard Profiles'!$G$18=$B$24,21,0),MOD($C4811,24)+1)/SUM(INDEX($D$3:$AA$30,INDEX(Jesper!$R$2:$R$366,ROW(INDEX(Jesper!AH$2:AH$366,ROUNDDOWN($C4811/24,0)+1,1))-1)+IF('Standard Profiles'!$G$18=$B$10,7,0)+IF('Standard Profiles'!$G$18=$B$17,14,0)+IF('Standard Profiles'!$G$18=$B$24,21,0),0)),0)</f>
        <v>5.0868172414900155</v>
      </c>
      <c r="E4811" cm="1">
        <f t="array" ref="E4811">IFERROR(INDEX(Jesper!AI$2:AI$366,ROUNDDOWN($C4811/24,0)+1,1)*INDEX($D$3:$AA$30,INDEX(Jesper!$R$2:$R$366,ROW(INDEX(Jesper!AI$2:AI$366,ROUNDDOWN($C4811/24,0)+1,1))-1)+IF('Standard Profiles'!$G$19=$B$10,7,0)+IF('Standard Profiles'!$G$19=$B$17,14,0)+IF('Standard Profiles'!$G$19=$B$24,21,0),MOD($C4811,24)+1)/SUM(INDEX($D$3:$AA$30,INDEX(Jesper!$R$2:$R$366,ROW(INDEX(Jesper!AI$2:AI$366,ROUNDDOWN($C4811/24,0)+1,1))-1)+IF('Standard Profiles'!$G$19=$B$10,7,0)+IF('Standard Profiles'!$G$19=$B$17,14,0)+IF('Standard Profiles'!$G$19=$B$24,21,0),0)),0)</f>
        <v>1.7828075507624772</v>
      </c>
      <c r="F4811" cm="1">
        <f t="array" ref="F4811">IFERROR(INDEX(Jesper!AJ$2:AJ$366,ROUNDDOWN($C4811/24,0)+1,1)*INDEX($D$3:$AA$30,INDEX(Jesper!$R$2:$R$366,ROW(INDEX(Jesper!AJ$2:AJ$366,ROUNDDOWN($C4811/24,0)+1,1))-1)+IF('Standard Profiles'!$G$20=$B$10,7,0)+IF('Standard Profiles'!$G$20=$B$17,14,0)+IF('Standard Profiles'!$G$20=$B$24,21,0),MOD($C4811,24)+1)/SUM(INDEX($D$3:$AA$30,INDEX(Jesper!$R$2:$R$366,ROW(INDEX(Jesper!AJ$2:AJ$366,ROUNDDOWN($C4811/24,0)+1,1))-1)+IF('Standard Profiles'!$G$20=$B$10,7,0)+IF('Standard Profiles'!$G$20=$B$17,14,0)+IF('Standard Profiles'!$G$20=$B$24,21,0),0)),0)</f>
        <v>0</v>
      </c>
      <c r="G4811" cm="1">
        <f t="array" ref="G4811">IFERROR(INDEX(Jesper!AK$2:AK$366,ROUNDDOWN($C4811/24,0)+1,1)*INDEX($D$3:$AA$30,INDEX(Jesper!$R$2:$R$366,ROW(INDEX(Jesper!AK$2:AK$366,ROUNDDOWN($C4811/24,0)+1,1))-1)+IF('Standard Profiles'!$G$21=$B$10,7,0)+IF('Standard Profiles'!$G$21=$B$17,14,0)+IF('Standard Profiles'!$G$21=$B$24,21,0),MOD($C4811,24)+1)/SUM(INDEX($D$3:$AA$30,INDEX(Jesper!$R$2:$R$366,ROW(INDEX(Jesper!AK$2:AK$366,ROUNDDOWN($C4811/24,0)+1,1))-1)+IF('Standard Profiles'!$G$21=$B$10,7,0)+IF('Standard Profiles'!$G$21=$B$17,14,0)+IF('Standard Profiles'!$G$21=$B$24,21,0),0)),0)</f>
        <v>0</v>
      </c>
      <c r="H4811" cm="1">
        <f t="array" ref="H4811">IFERROR(INDEX(Jesper!AL$2:AL$366,ROUNDDOWN($C4811/24,0)+1,1)*INDEX($D$3:$AA$30,INDEX(Jesper!$R$2:$R$366,ROW(INDEX(Jesper!AL$2:AL$366,ROUNDDOWN($C4811/24,0)+1,1))-1)+IF('Standard Profiles'!$G$22=$B$10,7,0)+IF('Standard Profiles'!$G$22=$B$17,14,0)+IF('Standard Profiles'!$G$22=$B$24,21,0),MOD($C4811,24)+1)/SUM(INDEX($D$3:$AA$30,INDEX(Jesper!$R$2:$R$366,ROW(INDEX(Jesper!AL$2:AL$366,ROUNDDOWN($C4811/24,0)+1,1))-1)+IF('Standard Profiles'!$G$22=$B$10,7,0)+IF('Standard Profiles'!$G$22=$B$17,14,0)+IF('Standard Profiles'!$G$22=$B$24,21,0),0)),0)</f>
        <v>0</v>
      </c>
      <c r="I4811">
        <f t="shared" si="538"/>
        <v>0</v>
      </c>
      <c r="J4811">
        <f t="shared" si="539"/>
        <v>6.0557340336140904</v>
      </c>
      <c r="K4811">
        <f t="shared" si="540"/>
        <v>0.54259383909226833</v>
      </c>
      <c r="L4811">
        <f t="shared" si="541"/>
        <v>0.27129691954613416</v>
      </c>
      <c r="M4811">
        <f t="shared" si="542"/>
        <v>0</v>
      </c>
      <c r="N4811" s="45">
        <f t="shared" si="543"/>
        <v>45126.041666655081</v>
      </c>
    </row>
    <row r="4812" spans="2:14" x14ac:dyDescent="0.25">
      <c r="B4812">
        <f t="shared" si="537"/>
        <v>3</v>
      </c>
      <c r="C4812" s="16">
        <v>4778</v>
      </c>
      <c r="D4812" cm="1">
        <f t="array" ref="D4812">IFERROR(INDEX(Jesper!AH$2:AH$366,ROUNDDOWN($C4812/24,0)+1,1)*INDEX($D$3:$AA$30,INDEX(Jesper!$R$2:$R$366,ROW(INDEX(Jesper!AH$2:AH$366,ROUNDDOWN($C4812/24,0)+1,1))-1)+IF('Standard Profiles'!$G$18=$B$10,7,0)+IF('Standard Profiles'!$G$18=$B$17,14,0)+IF('Standard Profiles'!$G$18=$B$24,21,0),MOD($C4812,24)+1)/SUM(INDEX($D$3:$AA$30,INDEX(Jesper!$R$2:$R$366,ROW(INDEX(Jesper!AH$2:AH$366,ROUNDDOWN($C4812/24,0)+1,1))-1)+IF('Standard Profiles'!$G$18=$B$10,7,0)+IF('Standard Profiles'!$G$18=$B$17,14,0)+IF('Standard Profiles'!$G$18=$B$24,21,0),0)),0)</f>
        <v>5.0868172414900155</v>
      </c>
      <c r="E4812" cm="1">
        <f t="array" ref="E4812">IFERROR(INDEX(Jesper!AI$2:AI$366,ROUNDDOWN($C4812/24,0)+1,1)*INDEX($D$3:$AA$30,INDEX(Jesper!$R$2:$R$366,ROW(INDEX(Jesper!AI$2:AI$366,ROUNDDOWN($C4812/24,0)+1,1))-1)+IF('Standard Profiles'!$G$19=$B$10,7,0)+IF('Standard Profiles'!$G$19=$B$17,14,0)+IF('Standard Profiles'!$G$19=$B$24,21,0),MOD($C4812,24)+1)/SUM(INDEX($D$3:$AA$30,INDEX(Jesper!$R$2:$R$366,ROW(INDEX(Jesper!AI$2:AI$366,ROUNDDOWN($C4812/24,0)+1,1))-1)+IF('Standard Profiles'!$G$19=$B$10,7,0)+IF('Standard Profiles'!$G$19=$B$17,14,0)+IF('Standard Profiles'!$G$19=$B$24,21,0),0)),0)</f>
        <v>1.7828075507624772</v>
      </c>
      <c r="F4812" cm="1">
        <f t="array" ref="F4812">IFERROR(INDEX(Jesper!AJ$2:AJ$366,ROUNDDOWN($C4812/24,0)+1,1)*INDEX($D$3:$AA$30,INDEX(Jesper!$R$2:$R$366,ROW(INDEX(Jesper!AJ$2:AJ$366,ROUNDDOWN($C4812/24,0)+1,1))-1)+IF('Standard Profiles'!$G$20=$B$10,7,0)+IF('Standard Profiles'!$G$20=$B$17,14,0)+IF('Standard Profiles'!$G$20=$B$24,21,0),MOD($C4812,24)+1)/SUM(INDEX($D$3:$AA$30,INDEX(Jesper!$R$2:$R$366,ROW(INDEX(Jesper!AJ$2:AJ$366,ROUNDDOWN($C4812/24,0)+1,1))-1)+IF('Standard Profiles'!$G$20=$B$10,7,0)+IF('Standard Profiles'!$G$20=$B$17,14,0)+IF('Standard Profiles'!$G$20=$B$24,21,0),0)),0)</f>
        <v>0</v>
      </c>
      <c r="G4812" cm="1">
        <f t="array" ref="G4812">IFERROR(INDEX(Jesper!AK$2:AK$366,ROUNDDOWN($C4812/24,0)+1,1)*INDEX($D$3:$AA$30,INDEX(Jesper!$R$2:$R$366,ROW(INDEX(Jesper!AK$2:AK$366,ROUNDDOWN($C4812/24,0)+1,1))-1)+IF('Standard Profiles'!$G$21=$B$10,7,0)+IF('Standard Profiles'!$G$21=$B$17,14,0)+IF('Standard Profiles'!$G$21=$B$24,21,0),MOD($C4812,24)+1)/SUM(INDEX($D$3:$AA$30,INDEX(Jesper!$R$2:$R$366,ROW(INDEX(Jesper!AK$2:AK$366,ROUNDDOWN($C4812/24,0)+1,1))-1)+IF('Standard Profiles'!$G$21=$B$10,7,0)+IF('Standard Profiles'!$G$21=$B$17,14,0)+IF('Standard Profiles'!$G$21=$B$24,21,0),0)),0)</f>
        <v>0</v>
      </c>
      <c r="H4812" cm="1">
        <f t="array" ref="H4812">IFERROR(INDEX(Jesper!AL$2:AL$366,ROUNDDOWN($C4812/24,0)+1,1)*INDEX($D$3:$AA$30,INDEX(Jesper!$R$2:$R$366,ROW(INDEX(Jesper!AL$2:AL$366,ROUNDDOWN($C4812/24,0)+1,1))-1)+IF('Standard Profiles'!$G$22=$B$10,7,0)+IF('Standard Profiles'!$G$22=$B$17,14,0)+IF('Standard Profiles'!$G$22=$B$24,21,0),MOD($C4812,24)+1)/SUM(INDEX($D$3:$AA$30,INDEX(Jesper!$R$2:$R$366,ROW(INDEX(Jesper!AL$2:AL$366,ROUNDDOWN($C4812/24,0)+1,1))-1)+IF('Standard Profiles'!$G$22=$B$10,7,0)+IF('Standard Profiles'!$G$22=$B$17,14,0)+IF('Standard Profiles'!$G$22=$B$24,21,0),0)),0)</f>
        <v>0</v>
      </c>
      <c r="I4812">
        <f t="shared" si="538"/>
        <v>0</v>
      </c>
      <c r="J4812">
        <f t="shared" si="539"/>
        <v>6.0557340336140904</v>
      </c>
      <c r="K4812">
        <f t="shared" si="540"/>
        <v>0.54259383909226833</v>
      </c>
      <c r="L4812">
        <f t="shared" si="541"/>
        <v>0.27129691954613416</v>
      </c>
      <c r="M4812">
        <f t="shared" si="542"/>
        <v>0</v>
      </c>
      <c r="N4812" s="45">
        <f t="shared" si="543"/>
        <v>45126.083333321745</v>
      </c>
    </row>
    <row r="4813" spans="2:14" x14ac:dyDescent="0.25">
      <c r="B4813">
        <f t="shared" si="537"/>
        <v>3</v>
      </c>
      <c r="C4813" s="16">
        <v>4779</v>
      </c>
      <c r="D4813" cm="1">
        <f t="array" ref="D4813">IFERROR(INDEX(Jesper!AH$2:AH$366,ROUNDDOWN($C4813/24,0)+1,1)*INDEX($D$3:$AA$30,INDEX(Jesper!$R$2:$R$366,ROW(INDEX(Jesper!AH$2:AH$366,ROUNDDOWN($C4813/24,0)+1,1))-1)+IF('Standard Profiles'!$G$18=$B$10,7,0)+IF('Standard Profiles'!$G$18=$B$17,14,0)+IF('Standard Profiles'!$G$18=$B$24,21,0),MOD($C4813,24)+1)/SUM(INDEX($D$3:$AA$30,INDEX(Jesper!$R$2:$R$366,ROW(INDEX(Jesper!AH$2:AH$366,ROUNDDOWN($C4813/24,0)+1,1))-1)+IF('Standard Profiles'!$G$18=$B$10,7,0)+IF('Standard Profiles'!$G$18=$B$17,14,0)+IF('Standard Profiles'!$G$18=$B$24,21,0),0)),0)</f>
        <v>5.0868172414900155</v>
      </c>
      <c r="E4813" cm="1">
        <f t="array" ref="E4813">IFERROR(INDEX(Jesper!AI$2:AI$366,ROUNDDOWN($C4813/24,0)+1,1)*INDEX($D$3:$AA$30,INDEX(Jesper!$R$2:$R$366,ROW(INDEX(Jesper!AI$2:AI$366,ROUNDDOWN($C4813/24,0)+1,1))-1)+IF('Standard Profiles'!$G$19=$B$10,7,0)+IF('Standard Profiles'!$G$19=$B$17,14,0)+IF('Standard Profiles'!$G$19=$B$24,21,0),MOD($C4813,24)+1)/SUM(INDEX($D$3:$AA$30,INDEX(Jesper!$R$2:$R$366,ROW(INDEX(Jesper!AI$2:AI$366,ROUNDDOWN($C4813/24,0)+1,1))-1)+IF('Standard Profiles'!$G$19=$B$10,7,0)+IF('Standard Profiles'!$G$19=$B$17,14,0)+IF('Standard Profiles'!$G$19=$B$24,21,0),0)),0)</f>
        <v>1.7828075507624772</v>
      </c>
      <c r="F4813" cm="1">
        <f t="array" ref="F4813">IFERROR(INDEX(Jesper!AJ$2:AJ$366,ROUNDDOWN($C4813/24,0)+1,1)*INDEX($D$3:$AA$30,INDEX(Jesper!$R$2:$R$366,ROW(INDEX(Jesper!AJ$2:AJ$366,ROUNDDOWN($C4813/24,0)+1,1))-1)+IF('Standard Profiles'!$G$20=$B$10,7,0)+IF('Standard Profiles'!$G$20=$B$17,14,0)+IF('Standard Profiles'!$G$20=$B$24,21,0),MOD($C4813,24)+1)/SUM(INDEX($D$3:$AA$30,INDEX(Jesper!$R$2:$R$366,ROW(INDEX(Jesper!AJ$2:AJ$366,ROUNDDOWN($C4813/24,0)+1,1))-1)+IF('Standard Profiles'!$G$20=$B$10,7,0)+IF('Standard Profiles'!$G$20=$B$17,14,0)+IF('Standard Profiles'!$G$20=$B$24,21,0),0)),0)</f>
        <v>0</v>
      </c>
      <c r="G4813" cm="1">
        <f t="array" ref="G4813">IFERROR(INDEX(Jesper!AK$2:AK$366,ROUNDDOWN($C4813/24,0)+1,1)*INDEX($D$3:$AA$30,INDEX(Jesper!$R$2:$R$366,ROW(INDEX(Jesper!AK$2:AK$366,ROUNDDOWN($C4813/24,0)+1,1))-1)+IF('Standard Profiles'!$G$21=$B$10,7,0)+IF('Standard Profiles'!$G$21=$B$17,14,0)+IF('Standard Profiles'!$G$21=$B$24,21,0),MOD($C4813,24)+1)/SUM(INDEX($D$3:$AA$30,INDEX(Jesper!$R$2:$R$366,ROW(INDEX(Jesper!AK$2:AK$366,ROUNDDOWN($C4813/24,0)+1,1))-1)+IF('Standard Profiles'!$G$21=$B$10,7,0)+IF('Standard Profiles'!$G$21=$B$17,14,0)+IF('Standard Profiles'!$G$21=$B$24,21,0),0)),0)</f>
        <v>0</v>
      </c>
      <c r="H4813" cm="1">
        <f t="array" ref="H4813">IFERROR(INDEX(Jesper!AL$2:AL$366,ROUNDDOWN($C4813/24,0)+1,1)*INDEX($D$3:$AA$30,INDEX(Jesper!$R$2:$R$366,ROW(INDEX(Jesper!AL$2:AL$366,ROUNDDOWN($C4813/24,0)+1,1))-1)+IF('Standard Profiles'!$G$22=$B$10,7,0)+IF('Standard Profiles'!$G$22=$B$17,14,0)+IF('Standard Profiles'!$G$22=$B$24,21,0),MOD($C4813,24)+1)/SUM(INDEX($D$3:$AA$30,INDEX(Jesper!$R$2:$R$366,ROW(INDEX(Jesper!AL$2:AL$366,ROUNDDOWN($C4813/24,0)+1,1))-1)+IF('Standard Profiles'!$G$22=$B$10,7,0)+IF('Standard Profiles'!$G$22=$B$17,14,0)+IF('Standard Profiles'!$G$22=$B$24,21,0),0)),0)</f>
        <v>0</v>
      </c>
      <c r="I4813">
        <f t="shared" si="538"/>
        <v>0</v>
      </c>
      <c r="J4813">
        <f t="shared" si="539"/>
        <v>6.0557340336140904</v>
      </c>
      <c r="K4813">
        <f t="shared" si="540"/>
        <v>0.54259383909226833</v>
      </c>
      <c r="L4813">
        <f t="shared" si="541"/>
        <v>0.27129691954613416</v>
      </c>
      <c r="M4813">
        <f t="shared" si="542"/>
        <v>0</v>
      </c>
      <c r="N4813" s="45">
        <f t="shared" si="543"/>
        <v>45126.124999988409</v>
      </c>
    </row>
    <row r="4814" spans="2:14" x14ac:dyDescent="0.25">
      <c r="B4814">
        <f t="shared" si="537"/>
        <v>3</v>
      </c>
      <c r="C4814" s="16">
        <v>4780</v>
      </c>
      <c r="D4814" cm="1">
        <f t="array" ref="D4814">IFERROR(INDEX(Jesper!AH$2:AH$366,ROUNDDOWN($C4814/24,0)+1,1)*INDEX($D$3:$AA$30,INDEX(Jesper!$R$2:$R$366,ROW(INDEX(Jesper!AH$2:AH$366,ROUNDDOWN($C4814/24,0)+1,1))-1)+IF('Standard Profiles'!$G$18=$B$10,7,0)+IF('Standard Profiles'!$G$18=$B$17,14,0)+IF('Standard Profiles'!$G$18=$B$24,21,0),MOD($C4814,24)+1)/SUM(INDEX($D$3:$AA$30,INDEX(Jesper!$R$2:$R$366,ROW(INDEX(Jesper!AH$2:AH$366,ROUNDDOWN($C4814/24,0)+1,1))-1)+IF('Standard Profiles'!$G$18=$B$10,7,0)+IF('Standard Profiles'!$G$18=$B$17,14,0)+IF('Standard Profiles'!$G$18=$B$24,21,0),0)),0)</f>
        <v>5.0868172414900155</v>
      </c>
      <c r="E4814" cm="1">
        <f t="array" ref="E4814">IFERROR(INDEX(Jesper!AI$2:AI$366,ROUNDDOWN($C4814/24,0)+1,1)*INDEX($D$3:$AA$30,INDEX(Jesper!$R$2:$R$366,ROW(INDEX(Jesper!AI$2:AI$366,ROUNDDOWN($C4814/24,0)+1,1))-1)+IF('Standard Profiles'!$G$19=$B$10,7,0)+IF('Standard Profiles'!$G$19=$B$17,14,0)+IF('Standard Profiles'!$G$19=$B$24,21,0),MOD($C4814,24)+1)/SUM(INDEX($D$3:$AA$30,INDEX(Jesper!$R$2:$R$366,ROW(INDEX(Jesper!AI$2:AI$366,ROUNDDOWN($C4814/24,0)+1,1))-1)+IF('Standard Profiles'!$G$19=$B$10,7,0)+IF('Standard Profiles'!$G$19=$B$17,14,0)+IF('Standard Profiles'!$G$19=$B$24,21,0),0)),0)</f>
        <v>1.7828075507624772</v>
      </c>
      <c r="F4814" cm="1">
        <f t="array" ref="F4814">IFERROR(INDEX(Jesper!AJ$2:AJ$366,ROUNDDOWN($C4814/24,0)+1,1)*INDEX($D$3:$AA$30,INDEX(Jesper!$R$2:$R$366,ROW(INDEX(Jesper!AJ$2:AJ$366,ROUNDDOWN($C4814/24,0)+1,1))-1)+IF('Standard Profiles'!$G$20=$B$10,7,0)+IF('Standard Profiles'!$G$20=$B$17,14,0)+IF('Standard Profiles'!$G$20=$B$24,21,0),MOD($C4814,24)+1)/SUM(INDEX($D$3:$AA$30,INDEX(Jesper!$R$2:$R$366,ROW(INDEX(Jesper!AJ$2:AJ$366,ROUNDDOWN($C4814/24,0)+1,1))-1)+IF('Standard Profiles'!$G$20=$B$10,7,0)+IF('Standard Profiles'!$G$20=$B$17,14,0)+IF('Standard Profiles'!$G$20=$B$24,21,0),0)),0)</f>
        <v>0</v>
      </c>
      <c r="G4814" cm="1">
        <f t="array" ref="G4814">IFERROR(INDEX(Jesper!AK$2:AK$366,ROUNDDOWN($C4814/24,0)+1,1)*INDEX($D$3:$AA$30,INDEX(Jesper!$R$2:$R$366,ROW(INDEX(Jesper!AK$2:AK$366,ROUNDDOWN($C4814/24,0)+1,1))-1)+IF('Standard Profiles'!$G$21=$B$10,7,0)+IF('Standard Profiles'!$G$21=$B$17,14,0)+IF('Standard Profiles'!$G$21=$B$24,21,0),MOD($C4814,24)+1)/SUM(INDEX($D$3:$AA$30,INDEX(Jesper!$R$2:$R$366,ROW(INDEX(Jesper!AK$2:AK$366,ROUNDDOWN($C4814/24,0)+1,1))-1)+IF('Standard Profiles'!$G$21=$B$10,7,0)+IF('Standard Profiles'!$G$21=$B$17,14,0)+IF('Standard Profiles'!$G$21=$B$24,21,0),0)),0)</f>
        <v>0</v>
      </c>
      <c r="H4814" cm="1">
        <f t="array" ref="H4814">IFERROR(INDEX(Jesper!AL$2:AL$366,ROUNDDOWN($C4814/24,0)+1,1)*INDEX($D$3:$AA$30,INDEX(Jesper!$R$2:$R$366,ROW(INDEX(Jesper!AL$2:AL$366,ROUNDDOWN($C4814/24,0)+1,1))-1)+IF('Standard Profiles'!$G$22=$B$10,7,0)+IF('Standard Profiles'!$G$22=$B$17,14,0)+IF('Standard Profiles'!$G$22=$B$24,21,0),MOD($C4814,24)+1)/SUM(INDEX($D$3:$AA$30,INDEX(Jesper!$R$2:$R$366,ROW(INDEX(Jesper!AL$2:AL$366,ROUNDDOWN($C4814/24,0)+1,1))-1)+IF('Standard Profiles'!$G$22=$B$10,7,0)+IF('Standard Profiles'!$G$22=$B$17,14,0)+IF('Standard Profiles'!$G$22=$B$24,21,0),0)),0)</f>
        <v>0</v>
      </c>
      <c r="I4814">
        <f t="shared" si="538"/>
        <v>0</v>
      </c>
      <c r="J4814">
        <f t="shared" si="539"/>
        <v>6.0557340336140904</v>
      </c>
      <c r="K4814">
        <f t="shared" si="540"/>
        <v>0.54259383909226833</v>
      </c>
      <c r="L4814">
        <f t="shared" si="541"/>
        <v>0.27129691954613416</v>
      </c>
      <c r="M4814">
        <f t="shared" si="542"/>
        <v>0</v>
      </c>
      <c r="N4814" s="45">
        <f t="shared" si="543"/>
        <v>45126.166666655074</v>
      </c>
    </row>
    <row r="4815" spans="2:14" x14ac:dyDescent="0.25">
      <c r="B4815">
        <f t="shared" si="537"/>
        <v>3</v>
      </c>
      <c r="C4815" s="16">
        <v>4781</v>
      </c>
      <c r="D4815" cm="1">
        <f t="array" ref="D4815">IFERROR(INDEX(Jesper!AH$2:AH$366,ROUNDDOWN($C4815/24,0)+1,1)*INDEX($D$3:$AA$30,INDEX(Jesper!$R$2:$R$366,ROW(INDEX(Jesper!AH$2:AH$366,ROUNDDOWN($C4815/24,0)+1,1))-1)+IF('Standard Profiles'!$G$18=$B$10,7,0)+IF('Standard Profiles'!$G$18=$B$17,14,0)+IF('Standard Profiles'!$G$18=$B$24,21,0),MOD($C4815,24)+1)/SUM(INDEX($D$3:$AA$30,INDEX(Jesper!$R$2:$R$366,ROW(INDEX(Jesper!AH$2:AH$366,ROUNDDOWN($C4815/24,0)+1,1))-1)+IF('Standard Profiles'!$G$18=$B$10,7,0)+IF('Standard Profiles'!$G$18=$B$17,14,0)+IF('Standard Profiles'!$G$18=$B$24,21,0),0)),0)</f>
        <v>5.0868172414900155</v>
      </c>
      <c r="E4815" cm="1">
        <f t="array" ref="E4815">IFERROR(INDEX(Jesper!AI$2:AI$366,ROUNDDOWN($C4815/24,0)+1,1)*INDEX($D$3:$AA$30,INDEX(Jesper!$R$2:$R$366,ROW(INDEX(Jesper!AI$2:AI$366,ROUNDDOWN($C4815/24,0)+1,1))-1)+IF('Standard Profiles'!$G$19=$B$10,7,0)+IF('Standard Profiles'!$G$19=$B$17,14,0)+IF('Standard Profiles'!$G$19=$B$24,21,0),MOD($C4815,24)+1)/SUM(INDEX($D$3:$AA$30,INDEX(Jesper!$R$2:$R$366,ROW(INDEX(Jesper!AI$2:AI$366,ROUNDDOWN($C4815/24,0)+1,1))-1)+IF('Standard Profiles'!$G$19=$B$10,7,0)+IF('Standard Profiles'!$G$19=$B$17,14,0)+IF('Standard Profiles'!$G$19=$B$24,21,0),0)),0)</f>
        <v>1.7828075507624772</v>
      </c>
      <c r="F4815" cm="1">
        <f t="array" ref="F4815">IFERROR(INDEX(Jesper!AJ$2:AJ$366,ROUNDDOWN($C4815/24,0)+1,1)*INDEX($D$3:$AA$30,INDEX(Jesper!$R$2:$R$366,ROW(INDEX(Jesper!AJ$2:AJ$366,ROUNDDOWN($C4815/24,0)+1,1))-1)+IF('Standard Profiles'!$G$20=$B$10,7,0)+IF('Standard Profiles'!$G$20=$B$17,14,0)+IF('Standard Profiles'!$G$20=$B$24,21,0),MOD($C4815,24)+1)/SUM(INDEX($D$3:$AA$30,INDEX(Jesper!$R$2:$R$366,ROW(INDEX(Jesper!AJ$2:AJ$366,ROUNDDOWN($C4815/24,0)+1,1))-1)+IF('Standard Profiles'!$G$20=$B$10,7,0)+IF('Standard Profiles'!$G$20=$B$17,14,0)+IF('Standard Profiles'!$G$20=$B$24,21,0),0)),0)</f>
        <v>0</v>
      </c>
      <c r="G4815" cm="1">
        <f t="array" ref="G4815">IFERROR(INDEX(Jesper!AK$2:AK$366,ROUNDDOWN($C4815/24,0)+1,1)*INDEX($D$3:$AA$30,INDEX(Jesper!$R$2:$R$366,ROW(INDEX(Jesper!AK$2:AK$366,ROUNDDOWN($C4815/24,0)+1,1))-1)+IF('Standard Profiles'!$G$21=$B$10,7,0)+IF('Standard Profiles'!$G$21=$B$17,14,0)+IF('Standard Profiles'!$G$21=$B$24,21,0),MOD($C4815,24)+1)/SUM(INDEX($D$3:$AA$30,INDEX(Jesper!$R$2:$R$366,ROW(INDEX(Jesper!AK$2:AK$366,ROUNDDOWN($C4815/24,0)+1,1))-1)+IF('Standard Profiles'!$G$21=$B$10,7,0)+IF('Standard Profiles'!$G$21=$B$17,14,0)+IF('Standard Profiles'!$G$21=$B$24,21,0),0)),0)</f>
        <v>0</v>
      </c>
      <c r="H4815" cm="1">
        <f t="array" ref="H4815">IFERROR(INDEX(Jesper!AL$2:AL$366,ROUNDDOWN($C4815/24,0)+1,1)*INDEX($D$3:$AA$30,INDEX(Jesper!$R$2:$R$366,ROW(INDEX(Jesper!AL$2:AL$366,ROUNDDOWN($C4815/24,0)+1,1))-1)+IF('Standard Profiles'!$G$22=$B$10,7,0)+IF('Standard Profiles'!$G$22=$B$17,14,0)+IF('Standard Profiles'!$G$22=$B$24,21,0),MOD($C4815,24)+1)/SUM(INDEX($D$3:$AA$30,INDEX(Jesper!$R$2:$R$366,ROW(INDEX(Jesper!AL$2:AL$366,ROUNDDOWN($C4815/24,0)+1,1))-1)+IF('Standard Profiles'!$G$22=$B$10,7,0)+IF('Standard Profiles'!$G$22=$B$17,14,0)+IF('Standard Profiles'!$G$22=$B$24,21,0),0)),0)</f>
        <v>0</v>
      </c>
      <c r="I4815">
        <f t="shared" si="538"/>
        <v>0</v>
      </c>
      <c r="J4815">
        <f t="shared" si="539"/>
        <v>6.0557340336140904</v>
      </c>
      <c r="K4815">
        <f t="shared" si="540"/>
        <v>0.54259383909226833</v>
      </c>
      <c r="L4815">
        <f t="shared" si="541"/>
        <v>0.27129691954613416</v>
      </c>
      <c r="M4815">
        <f t="shared" si="542"/>
        <v>0</v>
      </c>
      <c r="N4815" s="45">
        <f t="shared" si="543"/>
        <v>45126.208333321738</v>
      </c>
    </row>
    <row r="4816" spans="2:14" x14ac:dyDescent="0.25">
      <c r="B4816">
        <f t="shared" si="537"/>
        <v>3</v>
      </c>
      <c r="C4816" s="16">
        <v>4782</v>
      </c>
      <c r="D4816" cm="1">
        <f t="array" ref="D4816">IFERROR(INDEX(Jesper!AH$2:AH$366,ROUNDDOWN($C4816/24,0)+1,1)*INDEX($D$3:$AA$30,INDEX(Jesper!$R$2:$R$366,ROW(INDEX(Jesper!AH$2:AH$366,ROUNDDOWN($C4816/24,0)+1,1))-1)+IF('Standard Profiles'!$G$18=$B$10,7,0)+IF('Standard Profiles'!$G$18=$B$17,14,0)+IF('Standard Profiles'!$G$18=$B$24,21,0),MOD($C4816,24)+1)/SUM(INDEX($D$3:$AA$30,INDEX(Jesper!$R$2:$R$366,ROW(INDEX(Jesper!AH$2:AH$366,ROUNDDOWN($C4816/24,0)+1,1))-1)+IF('Standard Profiles'!$G$18=$B$10,7,0)+IF('Standard Profiles'!$G$18=$B$17,14,0)+IF('Standard Profiles'!$G$18=$B$24,21,0),0)),0)</f>
        <v>5.0868172414900155</v>
      </c>
      <c r="E4816" cm="1">
        <f t="array" ref="E4816">IFERROR(INDEX(Jesper!AI$2:AI$366,ROUNDDOWN($C4816/24,0)+1,1)*INDEX($D$3:$AA$30,INDEX(Jesper!$R$2:$R$366,ROW(INDEX(Jesper!AI$2:AI$366,ROUNDDOWN($C4816/24,0)+1,1))-1)+IF('Standard Profiles'!$G$19=$B$10,7,0)+IF('Standard Profiles'!$G$19=$B$17,14,0)+IF('Standard Profiles'!$G$19=$B$24,21,0),MOD($C4816,24)+1)/SUM(INDEX($D$3:$AA$30,INDEX(Jesper!$R$2:$R$366,ROW(INDEX(Jesper!AI$2:AI$366,ROUNDDOWN($C4816/24,0)+1,1))-1)+IF('Standard Profiles'!$G$19=$B$10,7,0)+IF('Standard Profiles'!$G$19=$B$17,14,0)+IF('Standard Profiles'!$G$19=$B$24,21,0),0)),0)</f>
        <v>1.7828075507624772</v>
      </c>
      <c r="F4816" cm="1">
        <f t="array" ref="F4816">IFERROR(INDEX(Jesper!AJ$2:AJ$366,ROUNDDOWN($C4816/24,0)+1,1)*INDEX($D$3:$AA$30,INDEX(Jesper!$R$2:$R$366,ROW(INDEX(Jesper!AJ$2:AJ$366,ROUNDDOWN($C4816/24,0)+1,1))-1)+IF('Standard Profiles'!$G$20=$B$10,7,0)+IF('Standard Profiles'!$G$20=$B$17,14,0)+IF('Standard Profiles'!$G$20=$B$24,21,0),MOD($C4816,24)+1)/SUM(INDEX($D$3:$AA$30,INDEX(Jesper!$R$2:$R$366,ROW(INDEX(Jesper!AJ$2:AJ$366,ROUNDDOWN($C4816/24,0)+1,1))-1)+IF('Standard Profiles'!$G$20=$B$10,7,0)+IF('Standard Profiles'!$G$20=$B$17,14,0)+IF('Standard Profiles'!$G$20=$B$24,21,0),0)),0)</f>
        <v>0</v>
      </c>
      <c r="G4816" cm="1">
        <f t="array" ref="G4816">IFERROR(INDEX(Jesper!AK$2:AK$366,ROUNDDOWN($C4816/24,0)+1,1)*INDEX($D$3:$AA$30,INDEX(Jesper!$R$2:$R$366,ROW(INDEX(Jesper!AK$2:AK$366,ROUNDDOWN($C4816/24,0)+1,1))-1)+IF('Standard Profiles'!$G$21=$B$10,7,0)+IF('Standard Profiles'!$G$21=$B$17,14,0)+IF('Standard Profiles'!$G$21=$B$24,21,0),MOD($C4816,24)+1)/SUM(INDEX($D$3:$AA$30,INDEX(Jesper!$R$2:$R$366,ROW(INDEX(Jesper!AK$2:AK$366,ROUNDDOWN($C4816/24,0)+1,1))-1)+IF('Standard Profiles'!$G$21=$B$10,7,0)+IF('Standard Profiles'!$G$21=$B$17,14,0)+IF('Standard Profiles'!$G$21=$B$24,21,0),0)),0)</f>
        <v>0</v>
      </c>
      <c r="H4816" cm="1">
        <f t="array" ref="H4816">IFERROR(INDEX(Jesper!AL$2:AL$366,ROUNDDOWN($C4816/24,0)+1,1)*INDEX($D$3:$AA$30,INDEX(Jesper!$R$2:$R$366,ROW(INDEX(Jesper!AL$2:AL$366,ROUNDDOWN($C4816/24,0)+1,1))-1)+IF('Standard Profiles'!$G$22=$B$10,7,0)+IF('Standard Profiles'!$G$22=$B$17,14,0)+IF('Standard Profiles'!$G$22=$B$24,21,0),MOD($C4816,24)+1)/SUM(INDEX($D$3:$AA$30,INDEX(Jesper!$R$2:$R$366,ROW(INDEX(Jesper!AL$2:AL$366,ROUNDDOWN($C4816/24,0)+1,1))-1)+IF('Standard Profiles'!$G$22=$B$10,7,0)+IF('Standard Profiles'!$G$22=$B$17,14,0)+IF('Standard Profiles'!$G$22=$B$24,21,0),0)),0)</f>
        <v>0</v>
      </c>
      <c r="I4816">
        <f t="shared" si="538"/>
        <v>0</v>
      </c>
      <c r="J4816">
        <f t="shared" si="539"/>
        <v>6.0557340336140904</v>
      </c>
      <c r="K4816">
        <f t="shared" si="540"/>
        <v>0.54259383909226833</v>
      </c>
      <c r="L4816">
        <f t="shared" si="541"/>
        <v>0.27129691954613416</v>
      </c>
      <c r="M4816">
        <f t="shared" si="542"/>
        <v>0</v>
      </c>
      <c r="N4816" s="45">
        <f t="shared" si="543"/>
        <v>45126.249999988402</v>
      </c>
    </row>
    <row r="4817" spans="2:14" x14ac:dyDescent="0.25">
      <c r="B4817">
        <f t="shared" si="537"/>
        <v>3</v>
      </c>
      <c r="C4817" s="16">
        <v>4783</v>
      </c>
      <c r="D4817" cm="1">
        <f t="array" ref="D4817">IFERROR(INDEX(Jesper!AH$2:AH$366,ROUNDDOWN($C4817/24,0)+1,1)*INDEX($D$3:$AA$30,INDEX(Jesper!$R$2:$R$366,ROW(INDEX(Jesper!AH$2:AH$366,ROUNDDOWN($C4817/24,0)+1,1))-1)+IF('Standard Profiles'!$G$18=$B$10,7,0)+IF('Standard Profiles'!$G$18=$B$17,14,0)+IF('Standard Profiles'!$G$18=$B$24,21,0),MOD($C4817,24)+1)/SUM(INDEX($D$3:$AA$30,INDEX(Jesper!$R$2:$R$366,ROW(INDEX(Jesper!AH$2:AH$366,ROUNDDOWN($C4817/24,0)+1,1))-1)+IF('Standard Profiles'!$G$18=$B$10,7,0)+IF('Standard Profiles'!$G$18=$B$17,14,0)+IF('Standard Profiles'!$G$18=$B$24,21,0),0)),0)</f>
        <v>20.794292299303123</v>
      </c>
      <c r="E4817" cm="1">
        <f t="array" ref="E4817">IFERROR(INDEX(Jesper!AI$2:AI$366,ROUNDDOWN($C4817/24,0)+1,1)*INDEX($D$3:$AA$30,INDEX(Jesper!$R$2:$R$366,ROW(INDEX(Jesper!AI$2:AI$366,ROUNDDOWN($C4817/24,0)+1,1))-1)+IF('Standard Profiles'!$G$19=$B$10,7,0)+IF('Standard Profiles'!$G$19=$B$17,14,0)+IF('Standard Profiles'!$G$19=$B$24,21,0),MOD($C4817,24)+1)/SUM(INDEX($D$3:$AA$30,INDEX(Jesper!$R$2:$R$366,ROW(INDEX(Jesper!AI$2:AI$366,ROUNDDOWN($C4817/24,0)+1,1))-1)+IF('Standard Profiles'!$G$19=$B$10,7,0)+IF('Standard Profiles'!$G$19=$B$17,14,0)+IF('Standard Profiles'!$G$19=$B$24,21,0),0)),0)</f>
        <v>7.2879011696320655</v>
      </c>
      <c r="F4817" cm="1">
        <f t="array" ref="F4817">IFERROR(INDEX(Jesper!AJ$2:AJ$366,ROUNDDOWN($C4817/24,0)+1,1)*INDEX($D$3:$AA$30,INDEX(Jesper!$R$2:$R$366,ROW(INDEX(Jesper!AJ$2:AJ$366,ROUNDDOWN($C4817/24,0)+1,1))-1)+IF('Standard Profiles'!$G$20=$B$10,7,0)+IF('Standard Profiles'!$G$20=$B$17,14,0)+IF('Standard Profiles'!$G$20=$B$24,21,0),MOD($C4817,24)+1)/SUM(INDEX($D$3:$AA$30,INDEX(Jesper!$R$2:$R$366,ROW(INDEX(Jesper!AJ$2:AJ$366,ROUNDDOWN($C4817/24,0)+1,1))-1)+IF('Standard Profiles'!$G$20=$B$10,7,0)+IF('Standard Profiles'!$G$20=$B$17,14,0)+IF('Standard Profiles'!$G$20=$B$24,21,0),0)),0)</f>
        <v>0</v>
      </c>
      <c r="G4817" cm="1">
        <f t="array" ref="G4817">IFERROR(INDEX(Jesper!AK$2:AK$366,ROUNDDOWN($C4817/24,0)+1,1)*INDEX($D$3:$AA$30,INDEX(Jesper!$R$2:$R$366,ROW(INDEX(Jesper!AK$2:AK$366,ROUNDDOWN($C4817/24,0)+1,1))-1)+IF('Standard Profiles'!$G$21=$B$10,7,0)+IF('Standard Profiles'!$G$21=$B$17,14,0)+IF('Standard Profiles'!$G$21=$B$24,21,0),MOD($C4817,24)+1)/SUM(INDEX($D$3:$AA$30,INDEX(Jesper!$R$2:$R$366,ROW(INDEX(Jesper!AK$2:AK$366,ROUNDDOWN($C4817/24,0)+1,1))-1)+IF('Standard Profiles'!$G$21=$B$10,7,0)+IF('Standard Profiles'!$G$21=$B$17,14,0)+IF('Standard Profiles'!$G$21=$B$24,21,0),0)),0)</f>
        <v>0</v>
      </c>
      <c r="H4817" cm="1">
        <f t="array" ref="H4817">IFERROR(INDEX(Jesper!AL$2:AL$366,ROUNDDOWN($C4817/24,0)+1,1)*INDEX($D$3:$AA$30,INDEX(Jesper!$R$2:$R$366,ROW(INDEX(Jesper!AL$2:AL$366,ROUNDDOWN($C4817/24,0)+1,1))-1)+IF('Standard Profiles'!$G$22=$B$10,7,0)+IF('Standard Profiles'!$G$22=$B$17,14,0)+IF('Standard Profiles'!$G$22=$B$24,21,0),MOD($C4817,24)+1)/SUM(INDEX($D$3:$AA$30,INDEX(Jesper!$R$2:$R$366,ROW(INDEX(Jesper!AL$2:AL$366,ROUNDDOWN($C4817/24,0)+1,1))-1)+IF('Standard Profiles'!$G$22=$B$10,7,0)+IF('Standard Profiles'!$G$22=$B$17,14,0)+IF('Standard Profiles'!$G$22=$B$24,21,0),0)),0)</f>
        <v>0</v>
      </c>
      <c r="I4817">
        <f t="shared" si="538"/>
        <v>0</v>
      </c>
      <c r="J4817">
        <f t="shared" si="539"/>
        <v>24.755106701046689</v>
      </c>
      <c r="K4817">
        <f t="shared" si="540"/>
        <v>2.2180578452590001</v>
      </c>
      <c r="L4817">
        <f t="shared" si="541"/>
        <v>1.1090289226295</v>
      </c>
      <c r="M4817">
        <f t="shared" si="542"/>
        <v>0</v>
      </c>
      <c r="N4817" s="45">
        <f t="shared" si="543"/>
        <v>45126.291666655066</v>
      </c>
    </row>
    <row r="4818" spans="2:14" x14ac:dyDescent="0.25">
      <c r="B4818">
        <f t="shared" si="537"/>
        <v>3</v>
      </c>
      <c r="C4818" s="16">
        <v>4784</v>
      </c>
      <c r="D4818" cm="1">
        <f t="array" ref="D4818">IFERROR(INDEX(Jesper!AH$2:AH$366,ROUNDDOWN($C4818/24,0)+1,1)*INDEX($D$3:$AA$30,INDEX(Jesper!$R$2:$R$366,ROW(INDEX(Jesper!AH$2:AH$366,ROUNDDOWN($C4818/24,0)+1,1))-1)+IF('Standard Profiles'!$G$18=$B$10,7,0)+IF('Standard Profiles'!$G$18=$B$17,14,0)+IF('Standard Profiles'!$G$18=$B$24,21,0),MOD($C4818,24)+1)/SUM(INDEX($D$3:$AA$30,INDEX(Jesper!$R$2:$R$366,ROW(INDEX(Jesper!AH$2:AH$366,ROUNDDOWN($C4818/24,0)+1,1))-1)+IF('Standard Profiles'!$G$18=$B$10,7,0)+IF('Standard Profiles'!$G$18=$B$17,14,0)+IF('Standard Profiles'!$G$18=$B$24,21,0),0)),0)</f>
        <v>23.202052460275066</v>
      </c>
      <c r="E4818" cm="1">
        <f t="array" ref="E4818">IFERROR(INDEX(Jesper!AI$2:AI$366,ROUNDDOWN($C4818/24,0)+1,1)*INDEX($D$3:$AA$30,INDEX(Jesper!$R$2:$R$366,ROW(INDEX(Jesper!AI$2:AI$366,ROUNDDOWN($C4818/24,0)+1,1))-1)+IF('Standard Profiles'!$G$19=$B$10,7,0)+IF('Standard Profiles'!$G$19=$B$17,14,0)+IF('Standard Profiles'!$G$19=$B$24,21,0),MOD($C4818,24)+1)/SUM(INDEX($D$3:$AA$30,INDEX(Jesper!$R$2:$R$366,ROW(INDEX(Jesper!AI$2:AI$366,ROUNDDOWN($C4818/24,0)+1,1))-1)+IF('Standard Profiles'!$G$19=$B$10,7,0)+IF('Standard Profiles'!$G$19=$B$17,14,0)+IF('Standard Profiles'!$G$19=$B$24,21,0),0)),0)</f>
        <v>8.1317634103263057</v>
      </c>
      <c r="F4818" cm="1">
        <f t="array" ref="F4818">IFERROR(INDEX(Jesper!AJ$2:AJ$366,ROUNDDOWN($C4818/24,0)+1,1)*INDEX($D$3:$AA$30,INDEX(Jesper!$R$2:$R$366,ROW(INDEX(Jesper!AJ$2:AJ$366,ROUNDDOWN($C4818/24,0)+1,1))-1)+IF('Standard Profiles'!$G$20=$B$10,7,0)+IF('Standard Profiles'!$G$20=$B$17,14,0)+IF('Standard Profiles'!$G$20=$B$24,21,0),MOD($C4818,24)+1)/SUM(INDEX($D$3:$AA$30,INDEX(Jesper!$R$2:$R$366,ROW(INDEX(Jesper!AJ$2:AJ$366,ROUNDDOWN($C4818/24,0)+1,1))-1)+IF('Standard Profiles'!$G$20=$B$10,7,0)+IF('Standard Profiles'!$G$20=$B$17,14,0)+IF('Standard Profiles'!$G$20=$B$24,21,0),0)),0)</f>
        <v>0</v>
      </c>
      <c r="G4818" cm="1">
        <f t="array" ref="G4818">IFERROR(INDEX(Jesper!AK$2:AK$366,ROUNDDOWN($C4818/24,0)+1,1)*INDEX($D$3:$AA$30,INDEX(Jesper!$R$2:$R$366,ROW(INDEX(Jesper!AK$2:AK$366,ROUNDDOWN($C4818/24,0)+1,1))-1)+IF('Standard Profiles'!$G$21=$B$10,7,0)+IF('Standard Profiles'!$G$21=$B$17,14,0)+IF('Standard Profiles'!$G$21=$B$24,21,0),MOD($C4818,24)+1)/SUM(INDEX($D$3:$AA$30,INDEX(Jesper!$R$2:$R$366,ROW(INDEX(Jesper!AK$2:AK$366,ROUNDDOWN($C4818/24,0)+1,1))-1)+IF('Standard Profiles'!$G$21=$B$10,7,0)+IF('Standard Profiles'!$G$21=$B$17,14,0)+IF('Standard Profiles'!$G$21=$B$24,21,0),0)),0)</f>
        <v>0</v>
      </c>
      <c r="H4818" cm="1">
        <f t="array" ref="H4818">IFERROR(INDEX(Jesper!AL$2:AL$366,ROUNDDOWN($C4818/24,0)+1,1)*INDEX($D$3:$AA$30,INDEX(Jesper!$R$2:$R$366,ROW(INDEX(Jesper!AL$2:AL$366,ROUNDDOWN($C4818/24,0)+1,1))-1)+IF('Standard Profiles'!$G$22=$B$10,7,0)+IF('Standard Profiles'!$G$22=$B$17,14,0)+IF('Standard Profiles'!$G$22=$B$24,21,0),MOD($C4818,24)+1)/SUM(INDEX($D$3:$AA$30,INDEX(Jesper!$R$2:$R$366,ROW(INDEX(Jesper!AL$2:AL$366,ROUNDDOWN($C4818/24,0)+1,1))-1)+IF('Standard Profiles'!$G$22=$B$10,7,0)+IF('Standard Profiles'!$G$22=$B$17,14,0)+IF('Standard Profiles'!$G$22=$B$24,21,0),0)),0)</f>
        <v>0</v>
      </c>
      <c r="I4818">
        <f t="shared" si="538"/>
        <v>0</v>
      </c>
      <c r="J4818">
        <f t="shared" si="539"/>
        <v>27.621487476957363</v>
      </c>
      <c r="K4818">
        <f t="shared" si="540"/>
        <v>2.4748855957626739</v>
      </c>
      <c r="L4818">
        <f t="shared" si="541"/>
        <v>1.2374427978813369</v>
      </c>
      <c r="M4818">
        <f t="shared" si="542"/>
        <v>0</v>
      </c>
      <c r="N4818" s="45">
        <f t="shared" si="543"/>
        <v>45126.333333321731</v>
      </c>
    </row>
    <row r="4819" spans="2:14" x14ac:dyDescent="0.25">
      <c r="B4819">
        <f t="shared" si="537"/>
        <v>3</v>
      </c>
      <c r="C4819" s="16">
        <v>4785</v>
      </c>
      <c r="D4819" cm="1">
        <f t="array" ref="D4819">IFERROR(INDEX(Jesper!AH$2:AH$366,ROUNDDOWN($C4819/24,0)+1,1)*INDEX($D$3:$AA$30,INDEX(Jesper!$R$2:$R$366,ROW(INDEX(Jesper!AH$2:AH$366,ROUNDDOWN($C4819/24,0)+1,1))-1)+IF('Standard Profiles'!$G$18=$B$10,7,0)+IF('Standard Profiles'!$G$18=$B$17,14,0)+IF('Standard Profiles'!$G$18=$B$24,21,0),MOD($C4819,24)+1)/SUM(INDEX($D$3:$AA$30,INDEX(Jesper!$R$2:$R$366,ROW(INDEX(Jesper!AH$2:AH$366,ROUNDDOWN($C4819/24,0)+1,1))-1)+IF('Standard Profiles'!$G$18=$B$10,7,0)+IF('Standard Profiles'!$G$18=$B$17,14,0)+IF('Standard Profiles'!$G$18=$B$24,21,0),0)),0)</f>
        <v>25.609812621247009</v>
      </c>
      <c r="E4819" cm="1">
        <f t="array" ref="E4819">IFERROR(INDEX(Jesper!AI$2:AI$366,ROUNDDOWN($C4819/24,0)+1,1)*INDEX($D$3:$AA$30,INDEX(Jesper!$R$2:$R$366,ROW(INDEX(Jesper!AI$2:AI$366,ROUNDDOWN($C4819/24,0)+1,1))-1)+IF('Standard Profiles'!$G$19=$B$10,7,0)+IF('Standard Profiles'!$G$19=$B$17,14,0)+IF('Standard Profiles'!$G$19=$B$24,21,0),MOD($C4819,24)+1)/SUM(INDEX($D$3:$AA$30,INDEX(Jesper!$R$2:$R$366,ROW(INDEX(Jesper!AI$2:AI$366,ROUNDDOWN($C4819/24,0)+1,1))-1)+IF('Standard Profiles'!$G$19=$B$10,7,0)+IF('Standard Profiles'!$G$19=$B$17,14,0)+IF('Standard Profiles'!$G$19=$B$24,21,0),0)),0)</f>
        <v>8.975625651020545</v>
      </c>
      <c r="F4819" cm="1">
        <f t="array" ref="F4819">IFERROR(INDEX(Jesper!AJ$2:AJ$366,ROUNDDOWN($C4819/24,0)+1,1)*INDEX($D$3:$AA$30,INDEX(Jesper!$R$2:$R$366,ROW(INDEX(Jesper!AJ$2:AJ$366,ROUNDDOWN($C4819/24,0)+1,1))-1)+IF('Standard Profiles'!$G$20=$B$10,7,0)+IF('Standard Profiles'!$G$20=$B$17,14,0)+IF('Standard Profiles'!$G$20=$B$24,21,0),MOD($C4819,24)+1)/SUM(INDEX($D$3:$AA$30,INDEX(Jesper!$R$2:$R$366,ROW(INDEX(Jesper!AJ$2:AJ$366,ROUNDDOWN($C4819/24,0)+1,1))-1)+IF('Standard Profiles'!$G$20=$B$10,7,0)+IF('Standard Profiles'!$G$20=$B$17,14,0)+IF('Standard Profiles'!$G$20=$B$24,21,0),0)),0)</f>
        <v>0</v>
      </c>
      <c r="G4819" cm="1">
        <f t="array" ref="G4819">IFERROR(INDEX(Jesper!AK$2:AK$366,ROUNDDOWN($C4819/24,0)+1,1)*INDEX($D$3:$AA$30,INDEX(Jesper!$R$2:$R$366,ROW(INDEX(Jesper!AK$2:AK$366,ROUNDDOWN($C4819/24,0)+1,1))-1)+IF('Standard Profiles'!$G$21=$B$10,7,0)+IF('Standard Profiles'!$G$21=$B$17,14,0)+IF('Standard Profiles'!$G$21=$B$24,21,0),MOD($C4819,24)+1)/SUM(INDEX($D$3:$AA$30,INDEX(Jesper!$R$2:$R$366,ROW(INDEX(Jesper!AK$2:AK$366,ROUNDDOWN($C4819/24,0)+1,1))-1)+IF('Standard Profiles'!$G$21=$B$10,7,0)+IF('Standard Profiles'!$G$21=$B$17,14,0)+IF('Standard Profiles'!$G$21=$B$24,21,0),0)),0)</f>
        <v>0</v>
      </c>
      <c r="H4819" cm="1">
        <f t="array" ref="H4819">IFERROR(INDEX(Jesper!AL$2:AL$366,ROUNDDOWN($C4819/24,0)+1,1)*INDEX($D$3:$AA$30,INDEX(Jesper!$R$2:$R$366,ROW(INDEX(Jesper!AL$2:AL$366,ROUNDDOWN($C4819/24,0)+1,1))-1)+IF('Standard Profiles'!$G$22=$B$10,7,0)+IF('Standard Profiles'!$G$22=$B$17,14,0)+IF('Standard Profiles'!$G$22=$B$24,21,0),MOD($C4819,24)+1)/SUM(INDEX($D$3:$AA$30,INDEX(Jesper!$R$2:$R$366,ROW(INDEX(Jesper!AL$2:AL$366,ROUNDDOWN($C4819/24,0)+1,1))-1)+IF('Standard Profiles'!$G$22=$B$10,7,0)+IF('Standard Profiles'!$G$22=$B$17,14,0)+IF('Standard Profiles'!$G$22=$B$24,21,0),0)),0)</f>
        <v>0</v>
      </c>
      <c r="I4819">
        <f t="shared" si="538"/>
        <v>0</v>
      </c>
      <c r="J4819">
        <f t="shared" si="539"/>
        <v>30.487868252868033</v>
      </c>
      <c r="K4819">
        <f t="shared" si="540"/>
        <v>2.7317133462663477</v>
      </c>
      <c r="L4819">
        <f t="shared" si="541"/>
        <v>1.3658566731331738</v>
      </c>
      <c r="M4819">
        <f t="shared" si="542"/>
        <v>0</v>
      </c>
      <c r="N4819" s="45">
        <f t="shared" si="543"/>
        <v>45126.374999988395</v>
      </c>
    </row>
    <row r="4820" spans="2:14" x14ac:dyDescent="0.25">
      <c r="B4820">
        <f t="shared" si="537"/>
        <v>3</v>
      </c>
      <c r="C4820" s="16">
        <v>4786</v>
      </c>
      <c r="D4820" cm="1">
        <f t="array" ref="D4820">IFERROR(INDEX(Jesper!AH$2:AH$366,ROUNDDOWN($C4820/24,0)+1,1)*INDEX($D$3:$AA$30,INDEX(Jesper!$R$2:$R$366,ROW(INDEX(Jesper!AH$2:AH$366,ROUNDDOWN($C4820/24,0)+1,1))-1)+IF('Standard Profiles'!$G$18=$B$10,7,0)+IF('Standard Profiles'!$G$18=$B$17,14,0)+IF('Standard Profiles'!$G$18=$B$24,21,0),MOD($C4820,24)+1)/SUM(INDEX($D$3:$AA$30,INDEX(Jesper!$R$2:$R$366,ROW(INDEX(Jesper!AH$2:AH$366,ROUNDDOWN($C4820/24,0)+1,1))-1)+IF('Standard Profiles'!$G$18=$B$10,7,0)+IF('Standard Profiles'!$G$18=$B$17,14,0)+IF('Standard Profiles'!$G$18=$B$24,21,0),0)),0)</f>
        <v>25.609812621247009</v>
      </c>
      <c r="E4820" cm="1">
        <f t="array" ref="E4820">IFERROR(INDEX(Jesper!AI$2:AI$366,ROUNDDOWN($C4820/24,0)+1,1)*INDEX($D$3:$AA$30,INDEX(Jesper!$R$2:$R$366,ROW(INDEX(Jesper!AI$2:AI$366,ROUNDDOWN($C4820/24,0)+1,1))-1)+IF('Standard Profiles'!$G$19=$B$10,7,0)+IF('Standard Profiles'!$G$19=$B$17,14,0)+IF('Standard Profiles'!$G$19=$B$24,21,0),MOD($C4820,24)+1)/SUM(INDEX($D$3:$AA$30,INDEX(Jesper!$R$2:$R$366,ROW(INDEX(Jesper!AI$2:AI$366,ROUNDDOWN($C4820/24,0)+1,1))-1)+IF('Standard Profiles'!$G$19=$B$10,7,0)+IF('Standard Profiles'!$G$19=$B$17,14,0)+IF('Standard Profiles'!$G$19=$B$24,21,0),0)),0)</f>
        <v>8.975625651020545</v>
      </c>
      <c r="F4820" cm="1">
        <f t="array" ref="F4820">IFERROR(INDEX(Jesper!AJ$2:AJ$366,ROUNDDOWN($C4820/24,0)+1,1)*INDEX($D$3:$AA$30,INDEX(Jesper!$R$2:$R$366,ROW(INDEX(Jesper!AJ$2:AJ$366,ROUNDDOWN($C4820/24,0)+1,1))-1)+IF('Standard Profiles'!$G$20=$B$10,7,0)+IF('Standard Profiles'!$G$20=$B$17,14,0)+IF('Standard Profiles'!$G$20=$B$24,21,0),MOD($C4820,24)+1)/SUM(INDEX($D$3:$AA$30,INDEX(Jesper!$R$2:$R$366,ROW(INDEX(Jesper!AJ$2:AJ$366,ROUNDDOWN($C4820/24,0)+1,1))-1)+IF('Standard Profiles'!$G$20=$B$10,7,0)+IF('Standard Profiles'!$G$20=$B$17,14,0)+IF('Standard Profiles'!$G$20=$B$24,21,0),0)),0)</f>
        <v>0</v>
      </c>
      <c r="G4820" cm="1">
        <f t="array" ref="G4820">IFERROR(INDEX(Jesper!AK$2:AK$366,ROUNDDOWN($C4820/24,0)+1,1)*INDEX($D$3:$AA$30,INDEX(Jesper!$R$2:$R$366,ROW(INDEX(Jesper!AK$2:AK$366,ROUNDDOWN($C4820/24,0)+1,1))-1)+IF('Standard Profiles'!$G$21=$B$10,7,0)+IF('Standard Profiles'!$G$21=$B$17,14,0)+IF('Standard Profiles'!$G$21=$B$24,21,0),MOD($C4820,24)+1)/SUM(INDEX($D$3:$AA$30,INDEX(Jesper!$R$2:$R$366,ROW(INDEX(Jesper!AK$2:AK$366,ROUNDDOWN($C4820/24,0)+1,1))-1)+IF('Standard Profiles'!$G$21=$B$10,7,0)+IF('Standard Profiles'!$G$21=$B$17,14,0)+IF('Standard Profiles'!$G$21=$B$24,21,0),0)),0)</f>
        <v>0</v>
      </c>
      <c r="H4820" cm="1">
        <f t="array" ref="H4820">IFERROR(INDEX(Jesper!AL$2:AL$366,ROUNDDOWN($C4820/24,0)+1,1)*INDEX($D$3:$AA$30,INDEX(Jesper!$R$2:$R$366,ROW(INDEX(Jesper!AL$2:AL$366,ROUNDDOWN($C4820/24,0)+1,1))-1)+IF('Standard Profiles'!$G$22=$B$10,7,0)+IF('Standard Profiles'!$G$22=$B$17,14,0)+IF('Standard Profiles'!$G$22=$B$24,21,0),MOD($C4820,24)+1)/SUM(INDEX($D$3:$AA$30,INDEX(Jesper!$R$2:$R$366,ROW(INDEX(Jesper!AL$2:AL$366,ROUNDDOWN($C4820/24,0)+1,1))-1)+IF('Standard Profiles'!$G$22=$B$10,7,0)+IF('Standard Profiles'!$G$22=$B$17,14,0)+IF('Standard Profiles'!$G$22=$B$24,21,0),0)),0)</f>
        <v>0</v>
      </c>
      <c r="I4820">
        <f t="shared" si="538"/>
        <v>0</v>
      </c>
      <c r="J4820">
        <f t="shared" si="539"/>
        <v>30.487868252868033</v>
      </c>
      <c r="K4820">
        <f t="shared" si="540"/>
        <v>2.7317133462663477</v>
      </c>
      <c r="L4820">
        <f t="shared" si="541"/>
        <v>1.3658566731331738</v>
      </c>
      <c r="M4820">
        <f t="shared" si="542"/>
        <v>0</v>
      </c>
      <c r="N4820" s="45">
        <f t="shared" si="543"/>
        <v>45126.416666655059</v>
      </c>
    </row>
    <row r="4821" spans="2:14" x14ac:dyDescent="0.25">
      <c r="B4821">
        <f t="shared" si="537"/>
        <v>3</v>
      </c>
      <c r="C4821" s="16">
        <v>4787</v>
      </c>
      <c r="D4821" cm="1">
        <f t="array" ref="D4821">IFERROR(INDEX(Jesper!AH$2:AH$366,ROUNDDOWN($C4821/24,0)+1,1)*INDEX($D$3:$AA$30,INDEX(Jesper!$R$2:$R$366,ROW(INDEX(Jesper!AH$2:AH$366,ROUNDDOWN($C4821/24,0)+1,1))-1)+IF('Standard Profiles'!$G$18=$B$10,7,0)+IF('Standard Profiles'!$G$18=$B$17,14,0)+IF('Standard Profiles'!$G$18=$B$24,21,0),MOD($C4821,24)+1)/SUM(INDEX($D$3:$AA$30,INDEX(Jesper!$R$2:$R$366,ROW(INDEX(Jesper!AH$2:AH$366,ROUNDDOWN($C4821/24,0)+1,1))-1)+IF('Standard Profiles'!$G$18=$B$10,7,0)+IF('Standard Profiles'!$G$18=$B$17,14,0)+IF('Standard Profiles'!$G$18=$B$24,21,0),0)),0)</f>
        <v>30.644220230551973</v>
      </c>
      <c r="E4821" cm="1">
        <f t="array" ref="E4821">IFERROR(INDEX(Jesper!AI$2:AI$366,ROUNDDOWN($C4821/24,0)+1,1)*INDEX($D$3:$AA$30,INDEX(Jesper!$R$2:$R$366,ROW(INDEX(Jesper!AI$2:AI$366,ROUNDDOWN($C4821/24,0)+1,1))-1)+IF('Standard Profiles'!$G$19=$B$10,7,0)+IF('Standard Profiles'!$G$19=$B$17,14,0)+IF('Standard Profiles'!$G$19=$B$24,21,0),MOD($C4821,24)+1)/SUM(INDEX($D$3:$AA$30,INDEX(Jesper!$R$2:$R$366,ROW(INDEX(Jesper!AI$2:AI$366,ROUNDDOWN($C4821/24,0)+1,1))-1)+IF('Standard Profiles'!$G$19=$B$10,7,0)+IF('Standard Profiles'!$G$19=$B$17,14,0)+IF('Standard Profiles'!$G$19=$B$24,21,0),0)),0)</f>
        <v>10.740064881563043</v>
      </c>
      <c r="F4821" cm="1">
        <f t="array" ref="F4821">IFERROR(INDEX(Jesper!AJ$2:AJ$366,ROUNDDOWN($C4821/24,0)+1,1)*INDEX($D$3:$AA$30,INDEX(Jesper!$R$2:$R$366,ROW(INDEX(Jesper!AJ$2:AJ$366,ROUNDDOWN($C4821/24,0)+1,1))-1)+IF('Standard Profiles'!$G$20=$B$10,7,0)+IF('Standard Profiles'!$G$20=$B$17,14,0)+IF('Standard Profiles'!$G$20=$B$24,21,0),MOD($C4821,24)+1)/SUM(INDEX($D$3:$AA$30,INDEX(Jesper!$R$2:$R$366,ROW(INDEX(Jesper!AJ$2:AJ$366,ROUNDDOWN($C4821/24,0)+1,1))-1)+IF('Standard Profiles'!$G$20=$B$10,7,0)+IF('Standard Profiles'!$G$20=$B$17,14,0)+IF('Standard Profiles'!$G$20=$B$24,21,0),0)),0)</f>
        <v>0</v>
      </c>
      <c r="G4821" cm="1">
        <f t="array" ref="G4821">IFERROR(INDEX(Jesper!AK$2:AK$366,ROUNDDOWN($C4821/24,0)+1,1)*INDEX($D$3:$AA$30,INDEX(Jesper!$R$2:$R$366,ROW(INDEX(Jesper!AK$2:AK$366,ROUNDDOWN($C4821/24,0)+1,1))-1)+IF('Standard Profiles'!$G$21=$B$10,7,0)+IF('Standard Profiles'!$G$21=$B$17,14,0)+IF('Standard Profiles'!$G$21=$B$24,21,0),MOD($C4821,24)+1)/SUM(INDEX($D$3:$AA$30,INDEX(Jesper!$R$2:$R$366,ROW(INDEX(Jesper!AK$2:AK$366,ROUNDDOWN($C4821/24,0)+1,1))-1)+IF('Standard Profiles'!$G$21=$B$10,7,0)+IF('Standard Profiles'!$G$21=$B$17,14,0)+IF('Standard Profiles'!$G$21=$B$24,21,0),0)),0)</f>
        <v>0</v>
      </c>
      <c r="H4821" cm="1">
        <f t="array" ref="H4821">IFERROR(INDEX(Jesper!AL$2:AL$366,ROUNDDOWN($C4821/24,0)+1,1)*INDEX($D$3:$AA$30,INDEX(Jesper!$R$2:$R$366,ROW(INDEX(Jesper!AL$2:AL$366,ROUNDDOWN($C4821/24,0)+1,1))-1)+IF('Standard Profiles'!$G$22=$B$10,7,0)+IF('Standard Profiles'!$G$22=$B$17,14,0)+IF('Standard Profiles'!$G$22=$B$24,21,0),MOD($C4821,24)+1)/SUM(INDEX($D$3:$AA$30,INDEX(Jesper!$R$2:$R$366,ROW(INDEX(Jesper!AL$2:AL$366,ROUNDDOWN($C4821/24,0)+1,1))-1)+IF('Standard Profiles'!$G$22=$B$10,7,0)+IF('Standard Profiles'!$G$22=$B$17,14,0)+IF('Standard Profiles'!$G$22=$B$24,21,0),0)),0)</f>
        <v>0</v>
      </c>
      <c r="I4821">
        <f t="shared" si="538"/>
        <v>0</v>
      </c>
      <c r="J4821">
        <f t="shared" si="539"/>
        <v>36.481209875226696</v>
      </c>
      <c r="K4821">
        <f t="shared" si="540"/>
        <v>3.2687168245922105</v>
      </c>
      <c r="L4821">
        <f t="shared" si="541"/>
        <v>1.6343584122961052</v>
      </c>
      <c r="M4821">
        <f t="shared" si="542"/>
        <v>0</v>
      </c>
      <c r="N4821" s="45">
        <f t="shared" si="543"/>
        <v>45126.458333321723</v>
      </c>
    </row>
    <row r="4822" spans="2:14" x14ac:dyDescent="0.25">
      <c r="B4822">
        <f t="shared" si="537"/>
        <v>3</v>
      </c>
      <c r="C4822" s="16">
        <v>4788</v>
      </c>
      <c r="D4822" cm="1">
        <f t="array" ref="D4822">IFERROR(INDEX(Jesper!AH$2:AH$366,ROUNDDOWN($C4822/24,0)+1,1)*INDEX($D$3:$AA$30,INDEX(Jesper!$R$2:$R$366,ROW(INDEX(Jesper!AH$2:AH$366,ROUNDDOWN($C4822/24,0)+1,1))-1)+IF('Standard Profiles'!$G$18=$B$10,7,0)+IF('Standard Profiles'!$G$18=$B$17,14,0)+IF('Standard Profiles'!$G$18=$B$24,21,0),MOD($C4822,24)+1)/SUM(INDEX($D$3:$AA$30,INDEX(Jesper!$R$2:$R$366,ROW(INDEX(Jesper!AH$2:AH$366,ROUNDDOWN($C4822/24,0)+1,1))-1)+IF('Standard Profiles'!$G$18=$B$10,7,0)+IF('Standard Profiles'!$G$18=$B$17,14,0)+IF('Standard Profiles'!$G$18=$B$24,21,0),0)),0)</f>
        <v>30.644220230551973</v>
      </c>
      <c r="E4822" cm="1">
        <f t="array" ref="E4822">IFERROR(INDEX(Jesper!AI$2:AI$366,ROUNDDOWN($C4822/24,0)+1,1)*INDEX($D$3:$AA$30,INDEX(Jesper!$R$2:$R$366,ROW(INDEX(Jesper!AI$2:AI$366,ROUNDDOWN($C4822/24,0)+1,1))-1)+IF('Standard Profiles'!$G$19=$B$10,7,0)+IF('Standard Profiles'!$G$19=$B$17,14,0)+IF('Standard Profiles'!$G$19=$B$24,21,0),MOD($C4822,24)+1)/SUM(INDEX($D$3:$AA$30,INDEX(Jesper!$R$2:$R$366,ROW(INDEX(Jesper!AI$2:AI$366,ROUNDDOWN($C4822/24,0)+1,1))-1)+IF('Standard Profiles'!$G$19=$B$10,7,0)+IF('Standard Profiles'!$G$19=$B$17,14,0)+IF('Standard Profiles'!$G$19=$B$24,21,0),0)),0)</f>
        <v>10.740064881563043</v>
      </c>
      <c r="F4822" cm="1">
        <f t="array" ref="F4822">IFERROR(INDEX(Jesper!AJ$2:AJ$366,ROUNDDOWN($C4822/24,0)+1,1)*INDEX($D$3:$AA$30,INDEX(Jesper!$R$2:$R$366,ROW(INDEX(Jesper!AJ$2:AJ$366,ROUNDDOWN($C4822/24,0)+1,1))-1)+IF('Standard Profiles'!$G$20=$B$10,7,0)+IF('Standard Profiles'!$G$20=$B$17,14,0)+IF('Standard Profiles'!$G$20=$B$24,21,0),MOD($C4822,24)+1)/SUM(INDEX($D$3:$AA$30,INDEX(Jesper!$R$2:$R$366,ROW(INDEX(Jesper!AJ$2:AJ$366,ROUNDDOWN($C4822/24,0)+1,1))-1)+IF('Standard Profiles'!$G$20=$B$10,7,0)+IF('Standard Profiles'!$G$20=$B$17,14,0)+IF('Standard Profiles'!$G$20=$B$24,21,0),0)),0)</f>
        <v>0</v>
      </c>
      <c r="G4822" cm="1">
        <f t="array" ref="G4822">IFERROR(INDEX(Jesper!AK$2:AK$366,ROUNDDOWN($C4822/24,0)+1,1)*INDEX($D$3:$AA$30,INDEX(Jesper!$R$2:$R$366,ROW(INDEX(Jesper!AK$2:AK$366,ROUNDDOWN($C4822/24,0)+1,1))-1)+IF('Standard Profiles'!$G$21=$B$10,7,0)+IF('Standard Profiles'!$G$21=$B$17,14,0)+IF('Standard Profiles'!$G$21=$B$24,21,0),MOD($C4822,24)+1)/SUM(INDEX($D$3:$AA$30,INDEX(Jesper!$R$2:$R$366,ROW(INDEX(Jesper!AK$2:AK$366,ROUNDDOWN($C4822/24,0)+1,1))-1)+IF('Standard Profiles'!$G$21=$B$10,7,0)+IF('Standard Profiles'!$G$21=$B$17,14,0)+IF('Standard Profiles'!$G$21=$B$24,21,0),0)),0)</f>
        <v>0</v>
      </c>
      <c r="H4822" cm="1">
        <f t="array" ref="H4822">IFERROR(INDEX(Jesper!AL$2:AL$366,ROUNDDOWN($C4822/24,0)+1,1)*INDEX($D$3:$AA$30,INDEX(Jesper!$R$2:$R$366,ROW(INDEX(Jesper!AL$2:AL$366,ROUNDDOWN($C4822/24,0)+1,1))-1)+IF('Standard Profiles'!$G$22=$B$10,7,0)+IF('Standard Profiles'!$G$22=$B$17,14,0)+IF('Standard Profiles'!$G$22=$B$24,21,0),MOD($C4822,24)+1)/SUM(INDEX($D$3:$AA$30,INDEX(Jesper!$R$2:$R$366,ROW(INDEX(Jesper!AL$2:AL$366,ROUNDDOWN($C4822/24,0)+1,1))-1)+IF('Standard Profiles'!$G$22=$B$10,7,0)+IF('Standard Profiles'!$G$22=$B$17,14,0)+IF('Standard Profiles'!$G$22=$B$24,21,0),0)),0)</f>
        <v>0</v>
      </c>
      <c r="I4822">
        <f t="shared" si="538"/>
        <v>0</v>
      </c>
      <c r="J4822">
        <f t="shared" si="539"/>
        <v>36.481209875226696</v>
      </c>
      <c r="K4822">
        <f t="shared" si="540"/>
        <v>3.2687168245922105</v>
      </c>
      <c r="L4822">
        <f t="shared" si="541"/>
        <v>1.6343584122961052</v>
      </c>
      <c r="M4822">
        <f t="shared" si="542"/>
        <v>0</v>
      </c>
      <c r="N4822" s="45">
        <f t="shared" si="543"/>
        <v>45126.499999988388</v>
      </c>
    </row>
    <row r="4823" spans="2:14" x14ac:dyDescent="0.25">
      <c r="B4823">
        <f t="shared" si="537"/>
        <v>3</v>
      </c>
      <c r="C4823" s="16">
        <v>4789</v>
      </c>
      <c r="D4823" cm="1">
        <f t="array" ref="D4823">IFERROR(INDEX(Jesper!AH$2:AH$366,ROUNDDOWN($C4823/24,0)+1,1)*INDEX($D$3:$AA$30,INDEX(Jesper!$R$2:$R$366,ROW(INDEX(Jesper!AH$2:AH$366,ROUNDDOWN($C4823/24,0)+1,1))-1)+IF('Standard Profiles'!$G$18=$B$10,7,0)+IF('Standard Profiles'!$G$18=$B$17,14,0)+IF('Standard Profiles'!$G$18=$B$24,21,0),MOD($C4823,24)+1)/SUM(INDEX($D$3:$AA$30,INDEX(Jesper!$R$2:$R$366,ROW(INDEX(Jesper!AH$2:AH$366,ROUNDDOWN($C4823/24,0)+1,1))-1)+IF('Standard Profiles'!$G$18=$B$10,7,0)+IF('Standard Profiles'!$G$18=$B$17,14,0)+IF('Standard Profiles'!$G$18=$B$24,21,0),0)),0)</f>
        <v>20.356517724580954</v>
      </c>
      <c r="E4823" cm="1">
        <f t="array" ref="E4823">IFERROR(INDEX(Jesper!AI$2:AI$366,ROUNDDOWN($C4823/24,0)+1,1)*INDEX($D$3:$AA$30,INDEX(Jesper!$R$2:$R$366,ROW(INDEX(Jesper!AI$2:AI$366,ROUNDDOWN($C4823/24,0)+1,1))-1)+IF('Standard Profiles'!$G$19=$B$10,7,0)+IF('Standard Profiles'!$G$19=$B$17,14,0)+IF('Standard Profiles'!$G$19=$B$24,21,0),MOD($C4823,24)+1)/SUM(INDEX($D$3:$AA$30,INDEX(Jesper!$R$2:$R$366,ROW(INDEX(Jesper!AI$2:AI$366,ROUNDDOWN($C4823/24,0)+1,1))-1)+IF('Standard Profiles'!$G$19=$B$10,7,0)+IF('Standard Profiles'!$G$19=$B$17,14,0)+IF('Standard Profiles'!$G$19=$B$24,21,0),0)),0)</f>
        <v>7.1344716713240217</v>
      </c>
      <c r="F4823" cm="1">
        <f t="array" ref="F4823">IFERROR(INDEX(Jesper!AJ$2:AJ$366,ROUNDDOWN($C4823/24,0)+1,1)*INDEX($D$3:$AA$30,INDEX(Jesper!$R$2:$R$366,ROW(INDEX(Jesper!AJ$2:AJ$366,ROUNDDOWN($C4823/24,0)+1,1))-1)+IF('Standard Profiles'!$G$20=$B$10,7,0)+IF('Standard Profiles'!$G$20=$B$17,14,0)+IF('Standard Profiles'!$G$20=$B$24,21,0),MOD($C4823,24)+1)/SUM(INDEX($D$3:$AA$30,INDEX(Jesper!$R$2:$R$366,ROW(INDEX(Jesper!AJ$2:AJ$366,ROUNDDOWN($C4823/24,0)+1,1))-1)+IF('Standard Profiles'!$G$20=$B$10,7,0)+IF('Standard Profiles'!$G$20=$B$17,14,0)+IF('Standard Profiles'!$G$20=$B$24,21,0),0)),0)</f>
        <v>0</v>
      </c>
      <c r="G4823" cm="1">
        <f t="array" ref="G4823">IFERROR(INDEX(Jesper!AK$2:AK$366,ROUNDDOWN($C4823/24,0)+1,1)*INDEX($D$3:$AA$30,INDEX(Jesper!$R$2:$R$366,ROW(INDEX(Jesper!AK$2:AK$366,ROUNDDOWN($C4823/24,0)+1,1))-1)+IF('Standard Profiles'!$G$21=$B$10,7,0)+IF('Standard Profiles'!$G$21=$B$17,14,0)+IF('Standard Profiles'!$G$21=$B$24,21,0),MOD($C4823,24)+1)/SUM(INDEX($D$3:$AA$30,INDEX(Jesper!$R$2:$R$366,ROW(INDEX(Jesper!AK$2:AK$366,ROUNDDOWN($C4823/24,0)+1,1))-1)+IF('Standard Profiles'!$G$21=$B$10,7,0)+IF('Standard Profiles'!$G$21=$B$17,14,0)+IF('Standard Profiles'!$G$21=$B$24,21,0),0)),0)</f>
        <v>0</v>
      </c>
      <c r="H4823" cm="1">
        <f t="array" ref="H4823">IFERROR(INDEX(Jesper!AL$2:AL$366,ROUNDDOWN($C4823/24,0)+1,1)*INDEX($D$3:$AA$30,INDEX(Jesper!$R$2:$R$366,ROW(INDEX(Jesper!AL$2:AL$366,ROUNDDOWN($C4823/24,0)+1,1))-1)+IF('Standard Profiles'!$G$22=$B$10,7,0)+IF('Standard Profiles'!$G$22=$B$17,14,0)+IF('Standard Profiles'!$G$22=$B$24,21,0),MOD($C4823,24)+1)/SUM(INDEX($D$3:$AA$30,INDEX(Jesper!$R$2:$R$366,ROW(INDEX(Jesper!AL$2:AL$366,ROUNDDOWN($C4823/24,0)+1,1))-1)+IF('Standard Profiles'!$G$22=$B$10,7,0)+IF('Standard Profiles'!$G$22=$B$17,14,0)+IF('Standard Profiles'!$G$22=$B$24,21,0),0)),0)</f>
        <v>0</v>
      </c>
      <c r="I4823">
        <f t="shared" si="538"/>
        <v>0</v>
      </c>
      <c r="J4823">
        <f t="shared" si="539"/>
        <v>24.233946559972022</v>
      </c>
      <c r="K4823">
        <f t="shared" si="540"/>
        <v>2.1713618906219687</v>
      </c>
      <c r="L4823">
        <f t="shared" si="541"/>
        <v>1.0856809453109844</v>
      </c>
      <c r="M4823">
        <f t="shared" si="542"/>
        <v>0</v>
      </c>
      <c r="N4823" s="45">
        <f t="shared" si="543"/>
        <v>45126.541666655052</v>
      </c>
    </row>
    <row r="4824" spans="2:14" x14ac:dyDescent="0.25">
      <c r="B4824">
        <f t="shared" si="537"/>
        <v>3</v>
      </c>
      <c r="C4824" s="16">
        <v>4790</v>
      </c>
      <c r="D4824" cm="1">
        <f t="array" ref="D4824">IFERROR(INDEX(Jesper!AH$2:AH$366,ROUNDDOWN($C4824/24,0)+1,1)*INDEX($D$3:$AA$30,INDEX(Jesper!$R$2:$R$366,ROW(INDEX(Jesper!AH$2:AH$366,ROUNDDOWN($C4824/24,0)+1,1))-1)+IF('Standard Profiles'!$G$18=$B$10,7,0)+IF('Standard Profiles'!$G$18=$B$17,14,0)+IF('Standard Profiles'!$G$18=$B$24,21,0),MOD($C4824,24)+1)/SUM(INDEX($D$3:$AA$30,INDEX(Jesper!$R$2:$R$366,ROW(INDEX(Jesper!AH$2:AH$366,ROUNDDOWN($C4824/24,0)+1,1))-1)+IF('Standard Profiles'!$G$18=$B$10,7,0)+IF('Standard Profiles'!$G$18=$B$17,14,0)+IF('Standard Profiles'!$G$18=$B$24,21,0),0)),0)</f>
        <v>30.644220230551973</v>
      </c>
      <c r="E4824" cm="1">
        <f t="array" ref="E4824">IFERROR(INDEX(Jesper!AI$2:AI$366,ROUNDDOWN($C4824/24,0)+1,1)*INDEX($D$3:$AA$30,INDEX(Jesper!$R$2:$R$366,ROW(INDEX(Jesper!AI$2:AI$366,ROUNDDOWN($C4824/24,0)+1,1))-1)+IF('Standard Profiles'!$G$19=$B$10,7,0)+IF('Standard Profiles'!$G$19=$B$17,14,0)+IF('Standard Profiles'!$G$19=$B$24,21,0),MOD($C4824,24)+1)/SUM(INDEX($D$3:$AA$30,INDEX(Jesper!$R$2:$R$366,ROW(INDEX(Jesper!AI$2:AI$366,ROUNDDOWN($C4824/24,0)+1,1))-1)+IF('Standard Profiles'!$G$19=$B$10,7,0)+IF('Standard Profiles'!$G$19=$B$17,14,0)+IF('Standard Profiles'!$G$19=$B$24,21,0),0)),0)</f>
        <v>10.740064881563043</v>
      </c>
      <c r="F4824" cm="1">
        <f t="array" ref="F4824">IFERROR(INDEX(Jesper!AJ$2:AJ$366,ROUNDDOWN($C4824/24,0)+1,1)*INDEX($D$3:$AA$30,INDEX(Jesper!$R$2:$R$366,ROW(INDEX(Jesper!AJ$2:AJ$366,ROUNDDOWN($C4824/24,0)+1,1))-1)+IF('Standard Profiles'!$G$20=$B$10,7,0)+IF('Standard Profiles'!$G$20=$B$17,14,0)+IF('Standard Profiles'!$G$20=$B$24,21,0),MOD($C4824,24)+1)/SUM(INDEX($D$3:$AA$30,INDEX(Jesper!$R$2:$R$366,ROW(INDEX(Jesper!AJ$2:AJ$366,ROUNDDOWN($C4824/24,0)+1,1))-1)+IF('Standard Profiles'!$G$20=$B$10,7,0)+IF('Standard Profiles'!$G$20=$B$17,14,0)+IF('Standard Profiles'!$G$20=$B$24,21,0),0)),0)</f>
        <v>0</v>
      </c>
      <c r="G4824" cm="1">
        <f t="array" ref="G4824">IFERROR(INDEX(Jesper!AK$2:AK$366,ROUNDDOWN($C4824/24,0)+1,1)*INDEX($D$3:$AA$30,INDEX(Jesper!$R$2:$R$366,ROW(INDEX(Jesper!AK$2:AK$366,ROUNDDOWN($C4824/24,0)+1,1))-1)+IF('Standard Profiles'!$G$21=$B$10,7,0)+IF('Standard Profiles'!$G$21=$B$17,14,0)+IF('Standard Profiles'!$G$21=$B$24,21,0),MOD($C4824,24)+1)/SUM(INDEX($D$3:$AA$30,INDEX(Jesper!$R$2:$R$366,ROW(INDEX(Jesper!AK$2:AK$366,ROUNDDOWN($C4824/24,0)+1,1))-1)+IF('Standard Profiles'!$G$21=$B$10,7,0)+IF('Standard Profiles'!$G$21=$B$17,14,0)+IF('Standard Profiles'!$G$21=$B$24,21,0),0)),0)</f>
        <v>0</v>
      </c>
      <c r="H4824" cm="1">
        <f t="array" ref="H4824">IFERROR(INDEX(Jesper!AL$2:AL$366,ROUNDDOWN($C4824/24,0)+1,1)*INDEX($D$3:$AA$30,INDEX(Jesper!$R$2:$R$366,ROW(INDEX(Jesper!AL$2:AL$366,ROUNDDOWN($C4824/24,0)+1,1))-1)+IF('Standard Profiles'!$G$22=$B$10,7,0)+IF('Standard Profiles'!$G$22=$B$17,14,0)+IF('Standard Profiles'!$G$22=$B$24,21,0),MOD($C4824,24)+1)/SUM(INDEX($D$3:$AA$30,INDEX(Jesper!$R$2:$R$366,ROW(INDEX(Jesper!AL$2:AL$366,ROUNDDOWN($C4824/24,0)+1,1))-1)+IF('Standard Profiles'!$G$22=$B$10,7,0)+IF('Standard Profiles'!$G$22=$B$17,14,0)+IF('Standard Profiles'!$G$22=$B$24,21,0),0)),0)</f>
        <v>0</v>
      </c>
      <c r="I4824">
        <f t="shared" si="538"/>
        <v>0</v>
      </c>
      <c r="J4824">
        <f t="shared" si="539"/>
        <v>36.481209875226696</v>
      </c>
      <c r="K4824">
        <f t="shared" si="540"/>
        <v>3.2687168245922105</v>
      </c>
      <c r="L4824">
        <f t="shared" si="541"/>
        <v>1.6343584122961052</v>
      </c>
      <c r="M4824">
        <f t="shared" si="542"/>
        <v>0</v>
      </c>
      <c r="N4824" s="45">
        <f t="shared" si="543"/>
        <v>45126.583333321716</v>
      </c>
    </row>
    <row r="4825" spans="2:14" x14ac:dyDescent="0.25">
      <c r="B4825">
        <f t="shared" si="537"/>
        <v>3</v>
      </c>
      <c r="C4825" s="16">
        <v>4791</v>
      </c>
      <c r="D4825" cm="1">
        <f t="array" ref="D4825">IFERROR(INDEX(Jesper!AH$2:AH$366,ROUNDDOWN($C4825/24,0)+1,1)*INDEX($D$3:$AA$30,INDEX(Jesper!$R$2:$R$366,ROW(INDEX(Jesper!AH$2:AH$366,ROUNDDOWN($C4825/24,0)+1,1))-1)+IF('Standard Profiles'!$G$18=$B$10,7,0)+IF('Standard Profiles'!$G$18=$B$17,14,0)+IF('Standard Profiles'!$G$18=$B$24,21,0),MOD($C4825,24)+1)/SUM(INDEX($D$3:$AA$30,INDEX(Jesper!$R$2:$R$366,ROW(INDEX(Jesper!AH$2:AH$366,ROUNDDOWN($C4825/24,0)+1,1))-1)+IF('Standard Profiles'!$G$18=$B$10,7,0)+IF('Standard Profiles'!$G$18=$B$17,14,0)+IF('Standard Profiles'!$G$18=$B$24,21,0),0)),0)</f>
        <v>30.644220230551973</v>
      </c>
      <c r="E4825" cm="1">
        <f t="array" ref="E4825">IFERROR(INDEX(Jesper!AI$2:AI$366,ROUNDDOWN($C4825/24,0)+1,1)*INDEX($D$3:$AA$30,INDEX(Jesper!$R$2:$R$366,ROW(INDEX(Jesper!AI$2:AI$366,ROUNDDOWN($C4825/24,0)+1,1))-1)+IF('Standard Profiles'!$G$19=$B$10,7,0)+IF('Standard Profiles'!$G$19=$B$17,14,0)+IF('Standard Profiles'!$G$19=$B$24,21,0),MOD($C4825,24)+1)/SUM(INDEX($D$3:$AA$30,INDEX(Jesper!$R$2:$R$366,ROW(INDEX(Jesper!AI$2:AI$366,ROUNDDOWN($C4825/24,0)+1,1))-1)+IF('Standard Profiles'!$G$19=$B$10,7,0)+IF('Standard Profiles'!$G$19=$B$17,14,0)+IF('Standard Profiles'!$G$19=$B$24,21,0),0)),0)</f>
        <v>10.740064881563043</v>
      </c>
      <c r="F4825" cm="1">
        <f t="array" ref="F4825">IFERROR(INDEX(Jesper!AJ$2:AJ$366,ROUNDDOWN($C4825/24,0)+1,1)*INDEX($D$3:$AA$30,INDEX(Jesper!$R$2:$R$366,ROW(INDEX(Jesper!AJ$2:AJ$366,ROUNDDOWN($C4825/24,0)+1,1))-1)+IF('Standard Profiles'!$G$20=$B$10,7,0)+IF('Standard Profiles'!$G$20=$B$17,14,0)+IF('Standard Profiles'!$G$20=$B$24,21,0),MOD($C4825,24)+1)/SUM(INDEX($D$3:$AA$30,INDEX(Jesper!$R$2:$R$366,ROW(INDEX(Jesper!AJ$2:AJ$366,ROUNDDOWN($C4825/24,0)+1,1))-1)+IF('Standard Profiles'!$G$20=$B$10,7,0)+IF('Standard Profiles'!$G$20=$B$17,14,0)+IF('Standard Profiles'!$G$20=$B$24,21,0),0)),0)</f>
        <v>0</v>
      </c>
      <c r="G4825" cm="1">
        <f t="array" ref="G4825">IFERROR(INDEX(Jesper!AK$2:AK$366,ROUNDDOWN($C4825/24,0)+1,1)*INDEX($D$3:$AA$30,INDEX(Jesper!$R$2:$R$366,ROW(INDEX(Jesper!AK$2:AK$366,ROUNDDOWN($C4825/24,0)+1,1))-1)+IF('Standard Profiles'!$G$21=$B$10,7,0)+IF('Standard Profiles'!$G$21=$B$17,14,0)+IF('Standard Profiles'!$G$21=$B$24,21,0),MOD($C4825,24)+1)/SUM(INDEX($D$3:$AA$30,INDEX(Jesper!$R$2:$R$366,ROW(INDEX(Jesper!AK$2:AK$366,ROUNDDOWN($C4825/24,0)+1,1))-1)+IF('Standard Profiles'!$G$21=$B$10,7,0)+IF('Standard Profiles'!$G$21=$B$17,14,0)+IF('Standard Profiles'!$G$21=$B$24,21,0),0)),0)</f>
        <v>0</v>
      </c>
      <c r="H4825" cm="1">
        <f t="array" ref="H4825">IFERROR(INDEX(Jesper!AL$2:AL$366,ROUNDDOWN($C4825/24,0)+1,1)*INDEX($D$3:$AA$30,INDEX(Jesper!$R$2:$R$366,ROW(INDEX(Jesper!AL$2:AL$366,ROUNDDOWN($C4825/24,0)+1,1))-1)+IF('Standard Profiles'!$G$22=$B$10,7,0)+IF('Standard Profiles'!$G$22=$B$17,14,0)+IF('Standard Profiles'!$G$22=$B$24,21,0),MOD($C4825,24)+1)/SUM(INDEX($D$3:$AA$30,INDEX(Jesper!$R$2:$R$366,ROW(INDEX(Jesper!AL$2:AL$366,ROUNDDOWN($C4825/24,0)+1,1))-1)+IF('Standard Profiles'!$G$22=$B$10,7,0)+IF('Standard Profiles'!$G$22=$B$17,14,0)+IF('Standard Profiles'!$G$22=$B$24,21,0),0)),0)</f>
        <v>0</v>
      </c>
      <c r="I4825">
        <f t="shared" si="538"/>
        <v>0</v>
      </c>
      <c r="J4825">
        <f t="shared" si="539"/>
        <v>36.481209875226696</v>
      </c>
      <c r="K4825">
        <f t="shared" si="540"/>
        <v>3.2687168245922105</v>
      </c>
      <c r="L4825">
        <f t="shared" si="541"/>
        <v>1.6343584122961052</v>
      </c>
      <c r="M4825">
        <f t="shared" si="542"/>
        <v>0</v>
      </c>
      <c r="N4825" s="45">
        <f t="shared" si="543"/>
        <v>45126.62499998838</v>
      </c>
    </row>
    <row r="4826" spans="2:14" x14ac:dyDescent="0.25">
      <c r="B4826">
        <f t="shared" si="537"/>
        <v>3</v>
      </c>
      <c r="C4826" s="16">
        <v>4792</v>
      </c>
      <c r="D4826" cm="1">
        <f t="array" ref="D4826">IFERROR(INDEX(Jesper!AH$2:AH$366,ROUNDDOWN($C4826/24,0)+1,1)*INDEX($D$3:$AA$30,INDEX(Jesper!$R$2:$R$366,ROW(INDEX(Jesper!AH$2:AH$366,ROUNDDOWN($C4826/24,0)+1,1))-1)+IF('Standard Profiles'!$G$18=$B$10,7,0)+IF('Standard Profiles'!$G$18=$B$17,14,0)+IF('Standard Profiles'!$G$18=$B$24,21,0),MOD($C4826,24)+1)/SUM(INDEX($D$3:$AA$30,INDEX(Jesper!$R$2:$R$366,ROW(INDEX(Jesper!AH$2:AH$366,ROUNDDOWN($C4826/24,0)+1,1))-1)+IF('Standard Profiles'!$G$18=$B$10,7,0)+IF('Standard Profiles'!$G$18=$B$17,14,0)+IF('Standard Profiles'!$G$18=$B$24,21,0),0)),0)</f>
        <v>18.058201207289557</v>
      </c>
      <c r="E4826" cm="1">
        <f t="array" ref="E4826">IFERROR(INDEX(Jesper!AI$2:AI$366,ROUNDDOWN($C4826/24,0)+1,1)*INDEX($D$3:$AA$30,INDEX(Jesper!$R$2:$R$366,ROW(INDEX(Jesper!AI$2:AI$366,ROUNDDOWN($C4826/24,0)+1,1))-1)+IF('Standard Profiles'!$G$19=$B$10,7,0)+IF('Standard Profiles'!$G$19=$B$17,14,0)+IF('Standard Profiles'!$G$19=$B$24,21,0),MOD($C4826,24)+1)/SUM(INDEX($D$3:$AA$30,INDEX(Jesper!$R$2:$R$366,ROW(INDEX(Jesper!AI$2:AI$366,ROUNDDOWN($C4826/24,0)+1,1))-1)+IF('Standard Profiles'!$G$19=$B$10,7,0)+IF('Standard Profiles'!$G$19=$B$17,14,0)+IF('Standard Profiles'!$G$19=$B$24,21,0),0)),0)</f>
        <v>6.328966805206794</v>
      </c>
      <c r="F4826" cm="1">
        <f t="array" ref="F4826">IFERROR(INDEX(Jesper!AJ$2:AJ$366,ROUNDDOWN($C4826/24,0)+1,1)*INDEX($D$3:$AA$30,INDEX(Jesper!$R$2:$R$366,ROW(INDEX(Jesper!AJ$2:AJ$366,ROUNDDOWN($C4826/24,0)+1,1))-1)+IF('Standard Profiles'!$G$20=$B$10,7,0)+IF('Standard Profiles'!$G$20=$B$17,14,0)+IF('Standard Profiles'!$G$20=$B$24,21,0),MOD($C4826,24)+1)/SUM(INDEX($D$3:$AA$30,INDEX(Jesper!$R$2:$R$366,ROW(INDEX(Jesper!AJ$2:AJ$366,ROUNDDOWN($C4826/24,0)+1,1))-1)+IF('Standard Profiles'!$G$20=$B$10,7,0)+IF('Standard Profiles'!$G$20=$B$17,14,0)+IF('Standard Profiles'!$G$20=$B$24,21,0),0)),0)</f>
        <v>0</v>
      </c>
      <c r="G4826" cm="1">
        <f t="array" ref="G4826">IFERROR(INDEX(Jesper!AK$2:AK$366,ROUNDDOWN($C4826/24,0)+1,1)*INDEX($D$3:$AA$30,INDEX(Jesper!$R$2:$R$366,ROW(INDEX(Jesper!AK$2:AK$366,ROUNDDOWN($C4826/24,0)+1,1))-1)+IF('Standard Profiles'!$G$21=$B$10,7,0)+IF('Standard Profiles'!$G$21=$B$17,14,0)+IF('Standard Profiles'!$G$21=$B$24,21,0),MOD($C4826,24)+1)/SUM(INDEX($D$3:$AA$30,INDEX(Jesper!$R$2:$R$366,ROW(INDEX(Jesper!AK$2:AK$366,ROUNDDOWN($C4826/24,0)+1,1))-1)+IF('Standard Profiles'!$G$21=$B$10,7,0)+IF('Standard Profiles'!$G$21=$B$17,14,0)+IF('Standard Profiles'!$G$21=$B$24,21,0),0)),0)</f>
        <v>0</v>
      </c>
      <c r="H4826" cm="1">
        <f t="array" ref="H4826">IFERROR(INDEX(Jesper!AL$2:AL$366,ROUNDDOWN($C4826/24,0)+1,1)*INDEX($D$3:$AA$30,INDEX(Jesper!$R$2:$R$366,ROW(INDEX(Jesper!AL$2:AL$366,ROUNDDOWN($C4826/24,0)+1,1))-1)+IF('Standard Profiles'!$G$22=$B$10,7,0)+IF('Standard Profiles'!$G$22=$B$17,14,0)+IF('Standard Profiles'!$G$22=$B$24,21,0),MOD($C4826,24)+1)/SUM(INDEX($D$3:$AA$30,INDEX(Jesper!$R$2:$R$366,ROW(INDEX(Jesper!AL$2:AL$366,ROUNDDOWN($C4826/24,0)+1,1))-1)+IF('Standard Profiles'!$G$22=$B$10,7,0)+IF('Standard Profiles'!$G$22=$B$17,14,0)+IF('Standard Profiles'!$G$22=$B$24,21,0),0)),0)</f>
        <v>0</v>
      </c>
      <c r="I4826">
        <f t="shared" si="538"/>
        <v>0</v>
      </c>
      <c r="J4826">
        <f t="shared" si="539"/>
        <v>21.49785581933002</v>
      </c>
      <c r="K4826">
        <f t="shared" si="540"/>
        <v>1.9262081287775528</v>
      </c>
      <c r="L4826">
        <f t="shared" si="541"/>
        <v>0.96310406438877638</v>
      </c>
      <c r="M4826">
        <f t="shared" si="542"/>
        <v>0</v>
      </c>
      <c r="N4826" s="45">
        <f t="shared" si="543"/>
        <v>45126.666666655045</v>
      </c>
    </row>
    <row r="4827" spans="2:14" x14ac:dyDescent="0.25">
      <c r="B4827">
        <f t="shared" si="537"/>
        <v>3</v>
      </c>
      <c r="C4827" s="16">
        <v>4793</v>
      </c>
      <c r="D4827" cm="1">
        <f t="array" ref="D4827">IFERROR(INDEX(Jesper!AH$2:AH$366,ROUNDDOWN($C4827/24,0)+1,1)*INDEX($D$3:$AA$30,INDEX(Jesper!$R$2:$R$366,ROW(INDEX(Jesper!AH$2:AH$366,ROUNDDOWN($C4827/24,0)+1,1))-1)+IF('Standard Profiles'!$G$18=$B$10,7,0)+IF('Standard Profiles'!$G$18=$B$17,14,0)+IF('Standard Profiles'!$G$18=$B$24,21,0),MOD($C4827,24)+1)/SUM(INDEX($D$3:$AA$30,INDEX(Jesper!$R$2:$R$366,ROW(INDEX(Jesper!AH$2:AH$366,ROUNDDOWN($C4827/24,0)+1,1))-1)+IF('Standard Profiles'!$G$18=$B$10,7,0)+IF('Standard Profiles'!$G$18=$B$17,14,0)+IF('Standard Profiles'!$G$18=$B$24,21,0),0)),0)</f>
        <v>7.7072988507424496</v>
      </c>
      <c r="E4827" cm="1">
        <f t="array" ref="E4827">IFERROR(INDEX(Jesper!AI$2:AI$366,ROUNDDOWN($C4827/24,0)+1,1)*INDEX($D$3:$AA$30,INDEX(Jesper!$R$2:$R$366,ROW(INDEX(Jesper!AI$2:AI$366,ROUNDDOWN($C4827/24,0)+1,1))-1)+IF('Standard Profiles'!$G$19=$B$10,7,0)+IF('Standard Profiles'!$G$19=$B$17,14,0)+IF('Standard Profiles'!$G$19=$B$24,21,0),MOD($C4827,24)+1)/SUM(INDEX($D$3:$AA$30,INDEX(Jesper!$R$2:$R$366,ROW(INDEX(Jesper!AI$2:AI$366,ROUNDDOWN($C4827/24,0)+1,1))-1)+IF('Standard Profiles'!$G$19=$B$10,7,0)+IF('Standard Profiles'!$G$19=$B$17,14,0)+IF('Standard Profiles'!$G$19=$B$24,21,0),0)),0)</f>
        <v>2.7012235617613296</v>
      </c>
      <c r="F4827" cm="1">
        <f t="array" ref="F4827">IFERROR(INDEX(Jesper!AJ$2:AJ$366,ROUNDDOWN($C4827/24,0)+1,1)*INDEX($D$3:$AA$30,INDEX(Jesper!$R$2:$R$366,ROW(INDEX(Jesper!AJ$2:AJ$366,ROUNDDOWN($C4827/24,0)+1,1))-1)+IF('Standard Profiles'!$G$20=$B$10,7,0)+IF('Standard Profiles'!$G$20=$B$17,14,0)+IF('Standard Profiles'!$G$20=$B$24,21,0),MOD($C4827,24)+1)/SUM(INDEX($D$3:$AA$30,INDEX(Jesper!$R$2:$R$366,ROW(INDEX(Jesper!AJ$2:AJ$366,ROUNDDOWN($C4827/24,0)+1,1))-1)+IF('Standard Profiles'!$G$20=$B$10,7,0)+IF('Standard Profiles'!$G$20=$B$17,14,0)+IF('Standard Profiles'!$G$20=$B$24,21,0),0)),0)</f>
        <v>0</v>
      </c>
      <c r="G4827" cm="1">
        <f t="array" ref="G4827">IFERROR(INDEX(Jesper!AK$2:AK$366,ROUNDDOWN($C4827/24,0)+1,1)*INDEX($D$3:$AA$30,INDEX(Jesper!$R$2:$R$366,ROW(INDEX(Jesper!AK$2:AK$366,ROUNDDOWN($C4827/24,0)+1,1))-1)+IF('Standard Profiles'!$G$21=$B$10,7,0)+IF('Standard Profiles'!$G$21=$B$17,14,0)+IF('Standard Profiles'!$G$21=$B$24,21,0),MOD($C4827,24)+1)/SUM(INDEX($D$3:$AA$30,INDEX(Jesper!$R$2:$R$366,ROW(INDEX(Jesper!AK$2:AK$366,ROUNDDOWN($C4827/24,0)+1,1))-1)+IF('Standard Profiles'!$G$21=$B$10,7,0)+IF('Standard Profiles'!$G$21=$B$17,14,0)+IF('Standard Profiles'!$G$21=$B$24,21,0),0)),0)</f>
        <v>0</v>
      </c>
      <c r="H4827" cm="1">
        <f t="array" ref="H4827">IFERROR(INDEX(Jesper!AL$2:AL$366,ROUNDDOWN($C4827/24,0)+1,1)*INDEX($D$3:$AA$30,INDEX(Jesper!$R$2:$R$366,ROW(INDEX(Jesper!AL$2:AL$366,ROUNDDOWN($C4827/24,0)+1,1))-1)+IF('Standard Profiles'!$G$22=$B$10,7,0)+IF('Standard Profiles'!$G$22=$B$17,14,0)+IF('Standard Profiles'!$G$22=$B$24,21,0),MOD($C4827,24)+1)/SUM(INDEX($D$3:$AA$30,INDEX(Jesper!$R$2:$R$366,ROW(INDEX(Jesper!AL$2:AL$366,ROUNDDOWN($C4827/24,0)+1,1))-1)+IF('Standard Profiles'!$G$22=$B$10,7,0)+IF('Standard Profiles'!$G$22=$B$17,14,0)+IF('Standard Profiles'!$G$22=$B$24,21,0),0)),0)</f>
        <v>0</v>
      </c>
      <c r="I4827">
        <f t="shared" si="538"/>
        <v>0</v>
      </c>
      <c r="J4827">
        <f t="shared" si="539"/>
        <v>9.1753545963849881</v>
      </c>
      <c r="K4827">
        <f t="shared" si="540"/>
        <v>0.822111877412528</v>
      </c>
      <c r="L4827">
        <f t="shared" si="541"/>
        <v>0.411055938706264</v>
      </c>
      <c r="M4827">
        <f t="shared" si="542"/>
        <v>0</v>
      </c>
      <c r="N4827" s="45">
        <f t="shared" si="543"/>
        <v>45126.708333321709</v>
      </c>
    </row>
    <row r="4828" spans="2:14" x14ac:dyDescent="0.25">
      <c r="B4828">
        <f t="shared" si="537"/>
        <v>3</v>
      </c>
      <c r="C4828" s="16">
        <v>4794</v>
      </c>
      <c r="D4828" cm="1">
        <f t="array" ref="D4828">IFERROR(INDEX(Jesper!AH$2:AH$366,ROUNDDOWN($C4828/24,0)+1,1)*INDEX($D$3:$AA$30,INDEX(Jesper!$R$2:$R$366,ROW(INDEX(Jesper!AH$2:AH$366,ROUNDDOWN($C4828/24,0)+1,1))-1)+IF('Standard Profiles'!$G$18=$B$10,7,0)+IF('Standard Profiles'!$G$18=$B$17,14,0)+IF('Standard Profiles'!$G$18=$B$24,21,0),MOD($C4828,24)+1)/SUM(INDEX($D$3:$AA$30,INDEX(Jesper!$R$2:$R$366,ROW(INDEX(Jesper!AH$2:AH$366,ROUNDDOWN($C4828/24,0)+1,1))-1)+IF('Standard Profiles'!$G$18=$B$10,7,0)+IF('Standard Profiles'!$G$18=$B$17,14,0)+IF('Standard Profiles'!$G$18=$B$24,21,0),0)),0)</f>
        <v>5.0868172414900155</v>
      </c>
      <c r="E4828" cm="1">
        <f t="array" ref="E4828">IFERROR(INDEX(Jesper!AI$2:AI$366,ROUNDDOWN($C4828/24,0)+1,1)*INDEX($D$3:$AA$30,INDEX(Jesper!$R$2:$R$366,ROW(INDEX(Jesper!AI$2:AI$366,ROUNDDOWN($C4828/24,0)+1,1))-1)+IF('Standard Profiles'!$G$19=$B$10,7,0)+IF('Standard Profiles'!$G$19=$B$17,14,0)+IF('Standard Profiles'!$G$19=$B$24,21,0),MOD($C4828,24)+1)/SUM(INDEX($D$3:$AA$30,INDEX(Jesper!$R$2:$R$366,ROW(INDEX(Jesper!AI$2:AI$366,ROUNDDOWN($C4828/24,0)+1,1))-1)+IF('Standard Profiles'!$G$19=$B$10,7,0)+IF('Standard Profiles'!$G$19=$B$17,14,0)+IF('Standard Profiles'!$G$19=$B$24,21,0),0)),0)</f>
        <v>1.7828075507624772</v>
      </c>
      <c r="F4828" cm="1">
        <f t="array" ref="F4828">IFERROR(INDEX(Jesper!AJ$2:AJ$366,ROUNDDOWN($C4828/24,0)+1,1)*INDEX($D$3:$AA$30,INDEX(Jesper!$R$2:$R$366,ROW(INDEX(Jesper!AJ$2:AJ$366,ROUNDDOWN($C4828/24,0)+1,1))-1)+IF('Standard Profiles'!$G$20=$B$10,7,0)+IF('Standard Profiles'!$G$20=$B$17,14,0)+IF('Standard Profiles'!$G$20=$B$24,21,0),MOD($C4828,24)+1)/SUM(INDEX($D$3:$AA$30,INDEX(Jesper!$R$2:$R$366,ROW(INDEX(Jesper!AJ$2:AJ$366,ROUNDDOWN($C4828/24,0)+1,1))-1)+IF('Standard Profiles'!$G$20=$B$10,7,0)+IF('Standard Profiles'!$G$20=$B$17,14,0)+IF('Standard Profiles'!$G$20=$B$24,21,0),0)),0)</f>
        <v>0</v>
      </c>
      <c r="G4828" cm="1">
        <f t="array" ref="G4828">IFERROR(INDEX(Jesper!AK$2:AK$366,ROUNDDOWN($C4828/24,0)+1,1)*INDEX($D$3:$AA$30,INDEX(Jesper!$R$2:$R$366,ROW(INDEX(Jesper!AK$2:AK$366,ROUNDDOWN($C4828/24,0)+1,1))-1)+IF('Standard Profiles'!$G$21=$B$10,7,0)+IF('Standard Profiles'!$G$21=$B$17,14,0)+IF('Standard Profiles'!$G$21=$B$24,21,0),MOD($C4828,24)+1)/SUM(INDEX($D$3:$AA$30,INDEX(Jesper!$R$2:$R$366,ROW(INDEX(Jesper!AK$2:AK$366,ROUNDDOWN($C4828/24,0)+1,1))-1)+IF('Standard Profiles'!$G$21=$B$10,7,0)+IF('Standard Profiles'!$G$21=$B$17,14,0)+IF('Standard Profiles'!$G$21=$B$24,21,0),0)),0)</f>
        <v>0</v>
      </c>
      <c r="H4828" cm="1">
        <f t="array" ref="H4828">IFERROR(INDEX(Jesper!AL$2:AL$366,ROUNDDOWN($C4828/24,0)+1,1)*INDEX($D$3:$AA$30,INDEX(Jesper!$R$2:$R$366,ROW(INDEX(Jesper!AL$2:AL$366,ROUNDDOWN($C4828/24,0)+1,1))-1)+IF('Standard Profiles'!$G$22=$B$10,7,0)+IF('Standard Profiles'!$G$22=$B$17,14,0)+IF('Standard Profiles'!$G$22=$B$24,21,0),MOD($C4828,24)+1)/SUM(INDEX($D$3:$AA$30,INDEX(Jesper!$R$2:$R$366,ROW(INDEX(Jesper!AL$2:AL$366,ROUNDDOWN($C4828/24,0)+1,1))-1)+IF('Standard Profiles'!$G$22=$B$10,7,0)+IF('Standard Profiles'!$G$22=$B$17,14,0)+IF('Standard Profiles'!$G$22=$B$24,21,0),0)),0)</f>
        <v>0</v>
      </c>
      <c r="I4828">
        <f t="shared" si="538"/>
        <v>0</v>
      </c>
      <c r="J4828">
        <f t="shared" si="539"/>
        <v>6.0557340336140904</v>
      </c>
      <c r="K4828">
        <f t="shared" si="540"/>
        <v>0.54259383909226833</v>
      </c>
      <c r="L4828">
        <f t="shared" si="541"/>
        <v>0.27129691954613416</v>
      </c>
      <c r="M4828">
        <f t="shared" si="542"/>
        <v>0</v>
      </c>
      <c r="N4828" s="45">
        <f t="shared" si="543"/>
        <v>45126.749999988373</v>
      </c>
    </row>
    <row r="4829" spans="2:14" x14ac:dyDescent="0.25">
      <c r="B4829">
        <f t="shared" si="537"/>
        <v>3</v>
      </c>
      <c r="C4829" s="16">
        <v>4795</v>
      </c>
      <c r="D4829" cm="1">
        <f t="array" ref="D4829">IFERROR(INDEX(Jesper!AH$2:AH$366,ROUNDDOWN($C4829/24,0)+1,1)*INDEX($D$3:$AA$30,INDEX(Jesper!$R$2:$R$366,ROW(INDEX(Jesper!AH$2:AH$366,ROUNDDOWN($C4829/24,0)+1,1))-1)+IF('Standard Profiles'!$G$18=$B$10,7,0)+IF('Standard Profiles'!$G$18=$B$17,14,0)+IF('Standard Profiles'!$G$18=$B$24,21,0),MOD($C4829,24)+1)/SUM(INDEX($D$3:$AA$30,INDEX(Jesper!$R$2:$R$366,ROW(INDEX(Jesper!AH$2:AH$366,ROUNDDOWN($C4829/24,0)+1,1))-1)+IF('Standard Profiles'!$G$18=$B$10,7,0)+IF('Standard Profiles'!$G$18=$B$17,14,0)+IF('Standard Profiles'!$G$18=$B$24,21,0),0)),0)</f>
        <v>5.0868172414900155</v>
      </c>
      <c r="E4829" cm="1">
        <f t="array" ref="E4829">IFERROR(INDEX(Jesper!AI$2:AI$366,ROUNDDOWN($C4829/24,0)+1,1)*INDEX($D$3:$AA$30,INDEX(Jesper!$R$2:$R$366,ROW(INDEX(Jesper!AI$2:AI$366,ROUNDDOWN($C4829/24,0)+1,1))-1)+IF('Standard Profiles'!$G$19=$B$10,7,0)+IF('Standard Profiles'!$G$19=$B$17,14,0)+IF('Standard Profiles'!$G$19=$B$24,21,0),MOD($C4829,24)+1)/SUM(INDEX($D$3:$AA$30,INDEX(Jesper!$R$2:$R$366,ROW(INDEX(Jesper!AI$2:AI$366,ROUNDDOWN($C4829/24,0)+1,1))-1)+IF('Standard Profiles'!$G$19=$B$10,7,0)+IF('Standard Profiles'!$G$19=$B$17,14,0)+IF('Standard Profiles'!$G$19=$B$24,21,0),0)),0)</f>
        <v>1.7828075507624772</v>
      </c>
      <c r="F4829" cm="1">
        <f t="array" ref="F4829">IFERROR(INDEX(Jesper!AJ$2:AJ$366,ROUNDDOWN($C4829/24,0)+1,1)*INDEX($D$3:$AA$30,INDEX(Jesper!$R$2:$R$366,ROW(INDEX(Jesper!AJ$2:AJ$366,ROUNDDOWN($C4829/24,0)+1,1))-1)+IF('Standard Profiles'!$G$20=$B$10,7,0)+IF('Standard Profiles'!$G$20=$B$17,14,0)+IF('Standard Profiles'!$G$20=$B$24,21,0),MOD($C4829,24)+1)/SUM(INDEX($D$3:$AA$30,INDEX(Jesper!$R$2:$R$366,ROW(INDEX(Jesper!AJ$2:AJ$366,ROUNDDOWN($C4829/24,0)+1,1))-1)+IF('Standard Profiles'!$G$20=$B$10,7,0)+IF('Standard Profiles'!$G$20=$B$17,14,0)+IF('Standard Profiles'!$G$20=$B$24,21,0),0)),0)</f>
        <v>0</v>
      </c>
      <c r="G4829" cm="1">
        <f t="array" ref="G4829">IFERROR(INDEX(Jesper!AK$2:AK$366,ROUNDDOWN($C4829/24,0)+1,1)*INDEX($D$3:$AA$30,INDEX(Jesper!$R$2:$R$366,ROW(INDEX(Jesper!AK$2:AK$366,ROUNDDOWN($C4829/24,0)+1,1))-1)+IF('Standard Profiles'!$G$21=$B$10,7,0)+IF('Standard Profiles'!$G$21=$B$17,14,0)+IF('Standard Profiles'!$G$21=$B$24,21,0),MOD($C4829,24)+1)/SUM(INDEX($D$3:$AA$30,INDEX(Jesper!$R$2:$R$366,ROW(INDEX(Jesper!AK$2:AK$366,ROUNDDOWN($C4829/24,0)+1,1))-1)+IF('Standard Profiles'!$G$21=$B$10,7,0)+IF('Standard Profiles'!$G$21=$B$17,14,0)+IF('Standard Profiles'!$G$21=$B$24,21,0),0)),0)</f>
        <v>0</v>
      </c>
      <c r="H4829" cm="1">
        <f t="array" ref="H4829">IFERROR(INDEX(Jesper!AL$2:AL$366,ROUNDDOWN($C4829/24,0)+1,1)*INDEX($D$3:$AA$30,INDEX(Jesper!$R$2:$R$366,ROW(INDEX(Jesper!AL$2:AL$366,ROUNDDOWN($C4829/24,0)+1,1))-1)+IF('Standard Profiles'!$G$22=$B$10,7,0)+IF('Standard Profiles'!$G$22=$B$17,14,0)+IF('Standard Profiles'!$G$22=$B$24,21,0),MOD($C4829,24)+1)/SUM(INDEX($D$3:$AA$30,INDEX(Jesper!$R$2:$R$366,ROW(INDEX(Jesper!AL$2:AL$366,ROUNDDOWN($C4829/24,0)+1,1))-1)+IF('Standard Profiles'!$G$22=$B$10,7,0)+IF('Standard Profiles'!$G$22=$B$17,14,0)+IF('Standard Profiles'!$G$22=$B$24,21,0),0)),0)</f>
        <v>0</v>
      </c>
      <c r="I4829">
        <f t="shared" si="538"/>
        <v>0</v>
      </c>
      <c r="J4829">
        <f t="shared" si="539"/>
        <v>6.0557340336140904</v>
      </c>
      <c r="K4829">
        <f t="shared" si="540"/>
        <v>0.54259383909226833</v>
      </c>
      <c r="L4829">
        <f t="shared" si="541"/>
        <v>0.27129691954613416</v>
      </c>
      <c r="M4829">
        <f t="shared" si="542"/>
        <v>0</v>
      </c>
      <c r="N4829" s="45">
        <f t="shared" si="543"/>
        <v>45126.791666655037</v>
      </c>
    </row>
    <row r="4830" spans="2:14" x14ac:dyDescent="0.25">
      <c r="B4830">
        <f t="shared" si="537"/>
        <v>3</v>
      </c>
      <c r="C4830" s="16">
        <v>4796</v>
      </c>
      <c r="D4830" cm="1">
        <f t="array" ref="D4830">IFERROR(INDEX(Jesper!AH$2:AH$366,ROUNDDOWN($C4830/24,0)+1,1)*INDEX($D$3:$AA$30,INDEX(Jesper!$R$2:$R$366,ROW(INDEX(Jesper!AH$2:AH$366,ROUNDDOWN($C4830/24,0)+1,1))-1)+IF('Standard Profiles'!$G$18=$B$10,7,0)+IF('Standard Profiles'!$G$18=$B$17,14,0)+IF('Standard Profiles'!$G$18=$B$24,21,0),MOD($C4830,24)+1)/SUM(INDEX($D$3:$AA$30,INDEX(Jesper!$R$2:$R$366,ROW(INDEX(Jesper!AH$2:AH$366,ROUNDDOWN($C4830/24,0)+1,1))-1)+IF('Standard Profiles'!$G$18=$B$10,7,0)+IF('Standard Profiles'!$G$18=$B$17,14,0)+IF('Standard Profiles'!$G$18=$B$24,21,0),0)),0)</f>
        <v>5.0868172414900155</v>
      </c>
      <c r="E4830" cm="1">
        <f t="array" ref="E4830">IFERROR(INDEX(Jesper!AI$2:AI$366,ROUNDDOWN($C4830/24,0)+1,1)*INDEX($D$3:$AA$30,INDEX(Jesper!$R$2:$R$366,ROW(INDEX(Jesper!AI$2:AI$366,ROUNDDOWN($C4830/24,0)+1,1))-1)+IF('Standard Profiles'!$G$19=$B$10,7,0)+IF('Standard Profiles'!$G$19=$B$17,14,0)+IF('Standard Profiles'!$G$19=$B$24,21,0),MOD($C4830,24)+1)/SUM(INDEX($D$3:$AA$30,INDEX(Jesper!$R$2:$R$366,ROW(INDEX(Jesper!AI$2:AI$366,ROUNDDOWN($C4830/24,0)+1,1))-1)+IF('Standard Profiles'!$G$19=$B$10,7,0)+IF('Standard Profiles'!$G$19=$B$17,14,0)+IF('Standard Profiles'!$G$19=$B$24,21,0),0)),0)</f>
        <v>1.7828075507624772</v>
      </c>
      <c r="F4830" cm="1">
        <f t="array" ref="F4830">IFERROR(INDEX(Jesper!AJ$2:AJ$366,ROUNDDOWN($C4830/24,0)+1,1)*INDEX($D$3:$AA$30,INDEX(Jesper!$R$2:$R$366,ROW(INDEX(Jesper!AJ$2:AJ$366,ROUNDDOWN($C4830/24,0)+1,1))-1)+IF('Standard Profiles'!$G$20=$B$10,7,0)+IF('Standard Profiles'!$G$20=$B$17,14,0)+IF('Standard Profiles'!$G$20=$B$24,21,0),MOD($C4830,24)+1)/SUM(INDEX($D$3:$AA$30,INDEX(Jesper!$R$2:$R$366,ROW(INDEX(Jesper!AJ$2:AJ$366,ROUNDDOWN($C4830/24,0)+1,1))-1)+IF('Standard Profiles'!$G$20=$B$10,7,0)+IF('Standard Profiles'!$G$20=$B$17,14,0)+IF('Standard Profiles'!$G$20=$B$24,21,0),0)),0)</f>
        <v>0</v>
      </c>
      <c r="G4830" cm="1">
        <f t="array" ref="G4830">IFERROR(INDEX(Jesper!AK$2:AK$366,ROUNDDOWN($C4830/24,0)+1,1)*INDEX($D$3:$AA$30,INDEX(Jesper!$R$2:$R$366,ROW(INDEX(Jesper!AK$2:AK$366,ROUNDDOWN($C4830/24,0)+1,1))-1)+IF('Standard Profiles'!$G$21=$B$10,7,0)+IF('Standard Profiles'!$G$21=$B$17,14,0)+IF('Standard Profiles'!$G$21=$B$24,21,0),MOD($C4830,24)+1)/SUM(INDEX($D$3:$AA$30,INDEX(Jesper!$R$2:$R$366,ROW(INDEX(Jesper!AK$2:AK$366,ROUNDDOWN($C4830/24,0)+1,1))-1)+IF('Standard Profiles'!$G$21=$B$10,7,0)+IF('Standard Profiles'!$G$21=$B$17,14,0)+IF('Standard Profiles'!$G$21=$B$24,21,0),0)),0)</f>
        <v>0</v>
      </c>
      <c r="H4830" cm="1">
        <f t="array" ref="H4830">IFERROR(INDEX(Jesper!AL$2:AL$366,ROUNDDOWN($C4830/24,0)+1,1)*INDEX($D$3:$AA$30,INDEX(Jesper!$R$2:$R$366,ROW(INDEX(Jesper!AL$2:AL$366,ROUNDDOWN($C4830/24,0)+1,1))-1)+IF('Standard Profiles'!$G$22=$B$10,7,0)+IF('Standard Profiles'!$G$22=$B$17,14,0)+IF('Standard Profiles'!$G$22=$B$24,21,0),MOD($C4830,24)+1)/SUM(INDEX($D$3:$AA$30,INDEX(Jesper!$R$2:$R$366,ROW(INDEX(Jesper!AL$2:AL$366,ROUNDDOWN($C4830/24,0)+1,1))-1)+IF('Standard Profiles'!$G$22=$B$10,7,0)+IF('Standard Profiles'!$G$22=$B$17,14,0)+IF('Standard Profiles'!$G$22=$B$24,21,0),0)),0)</f>
        <v>0</v>
      </c>
      <c r="I4830">
        <f t="shared" si="538"/>
        <v>0</v>
      </c>
      <c r="J4830">
        <f t="shared" si="539"/>
        <v>6.0557340336140904</v>
      </c>
      <c r="K4830">
        <f t="shared" si="540"/>
        <v>0.54259383909226833</v>
      </c>
      <c r="L4830">
        <f t="shared" si="541"/>
        <v>0.27129691954613416</v>
      </c>
      <c r="M4830">
        <f t="shared" si="542"/>
        <v>0</v>
      </c>
      <c r="N4830" s="45">
        <f t="shared" si="543"/>
        <v>45126.833333321702</v>
      </c>
    </row>
    <row r="4831" spans="2:14" x14ac:dyDescent="0.25">
      <c r="B4831">
        <f t="shared" si="537"/>
        <v>3</v>
      </c>
      <c r="C4831" s="16">
        <v>4797</v>
      </c>
      <c r="D4831" cm="1">
        <f t="array" ref="D4831">IFERROR(INDEX(Jesper!AH$2:AH$366,ROUNDDOWN($C4831/24,0)+1,1)*INDEX($D$3:$AA$30,INDEX(Jesper!$R$2:$R$366,ROW(INDEX(Jesper!AH$2:AH$366,ROUNDDOWN($C4831/24,0)+1,1))-1)+IF('Standard Profiles'!$G$18=$B$10,7,0)+IF('Standard Profiles'!$G$18=$B$17,14,0)+IF('Standard Profiles'!$G$18=$B$24,21,0),MOD($C4831,24)+1)/SUM(INDEX($D$3:$AA$30,INDEX(Jesper!$R$2:$R$366,ROW(INDEX(Jesper!AH$2:AH$366,ROUNDDOWN($C4831/24,0)+1,1))-1)+IF('Standard Profiles'!$G$18=$B$10,7,0)+IF('Standard Profiles'!$G$18=$B$17,14,0)+IF('Standard Profiles'!$G$18=$B$24,21,0),0)),0)</f>
        <v>5.0868172414900155</v>
      </c>
      <c r="E4831" cm="1">
        <f t="array" ref="E4831">IFERROR(INDEX(Jesper!AI$2:AI$366,ROUNDDOWN($C4831/24,0)+1,1)*INDEX($D$3:$AA$30,INDEX(Jesper!$R$2:$R$366,ROW(INDEX(Jesper!AI$2:AI$366,ROUNDDOWN($C4831/24,0)+1,1))-1)+IF('Standard Profiles'!$G$19=$B$10,7,0)+IF('Standard Profiles'!$G$19=$B$17,14,0)+IF('Standard Profiles'!$G$19=$B$24,21,0),MOD($C4831,24)+1)/SUM(INDEX($D$3:$AA$30,INDEX(Jesper!$R$2:$R$366,ROW(INDEX(Jesper!AI$2:AI$366,ROUNDDOWN($C4831/24,0)+1,1))-1)+IF('Standard Profiles'!$G$19=$B$10,7,0)+IF('Standard Profiles'!$G$19=$B$17,14,0)+IF('Standard Profiles'!$G$19=$B$24,21,0),0)),0)</f>
        <v>1.7828075507624772</v>
      </c>
      <c r="F4831" cm="1">
        <f t="array" ref="F4831">IFERROR(INDEX(Jesper!AJ$2:AJ$366,ROUNDDOWN($C4831/24,0)+1,1)*INDEX($D$3:$AA$30,INDEX(Jesper!$R$2:$R$366,ROW(INDEX(Jesper!AJ$2:AJ$366,ROUNDDOWN($C4831/24,0)+1,1))-1)+IF('Standard Profiles'!$G$20=$B$10,7,0)+IF('Standard Profiles'!$G$20=$B$17,14,0)+IF('Standard Profiles'!$G$20=$B$24,21,0),MOD($C4831,24)+1)/SUM(INDEX($D$3:$AA$30,INDEX(Jesper!$R$2:$R$366,ROW(INDEX(Jesper!AJ$2:AJ$366,ROUNDDOWN($C4831/24,0)+1,1))-1)+IF('Standard Profiles'!$G$20=$B$10,7,0)+IF('Standard Profiles'!$G$20=$B$17,14,0)+IF('Standard Profiles'!$G$20=$B$24,21,0),0)),0)</f>
        <v>0</v>
      </c>
      <c r="G4831" cm="1">
        <f t="array" ref="G4831">IFERROR(INDEX(Jesper!AK$2:AK$366,ROUNDDOWN($C4831/24,0)+1,1)*INDEX($D$3:$AA$30,INDEX(Jesper!$R$2:$R$366,ROW(INDEX(Jesper!AK$2:AK$366,ROUNDDOWN($C4831/24,0)+1,1))-1)+IF('Standard Profiles'!$G$21=$B$10,7,0)+IF('Standard Profiles'!$G$21=$B$17,14,0)+IF('Standard Profiles'!$G$21=$B$24,21,0),MOD($C4831,24)+1)/SUM(INDEX($D$3:$AA$30,INDEX(Jesper!$R$2:$R$366,ROW(INDEX(Jesper!AK$2:AK$366,ROUNDDOWN($C4831/24,0)+1,1))-1)+IF('Standard Profiles'!$G$21=$B$10,7,0)+IF('Standard Profiles'!$G$21=$B$17,14,0)+IF('Standard Profiles'!$G$21=$B$24,21,0),0)),0)</f>
        <v>0</v>
      </c>
      <c r="H4831" cm="1">
        <f t="array" ref="H4831">IFERROR(INDEX(Jesper!AL$2:AL$366,ROUNDDOWN($C4831/24,0)+1,1)*INDEX($D$3:$AA$30,INDEX(Jesper!$R$2:$R$366,ROW(INDEX(Jesper!AL$2:AL$366,ROUNDDOWN($C4831/24,0)+1,1))-1)+IF('Standard Profiles'!$G$22=$B$10,7,0)+IF('Standard Profiles'!$G$22=$B$17,14,0)+IF('Standard Profiles'!$G$22=$B$24,21,0),MOD($C4831,24)+1)/SUM(INDEX($D$3:$AA$30,INDEX(Jesper!$R$2:$R$366,ROW(INDEX(Jesper!AL$2:AL$366,ROUNDDOWN($C4831/24,0)+1,1))-1)+IF('Standard Profiles'!$G$22=$B$10,7,0)+IF('Standard Profiles'!$G$22=$B$17,14,0)+IF('Standard Profiles'!$G$22=$B$24,21,0),0)),0)</f>
        <v>0</v>
      </c>
      <c r="I4831">
        <f t="shared" si="538"/>
        <v>0</v>
      </c>
      <c r="J4831">
        <f t="shared" si="539"/>
        <v>6.0557340336140904</v>
      </c>
      <c r="K4831">
        <f t="shared" si="540"/>
        <v>0.54259383909226833</v>
      </c>
      <c r="L4831">
        <f t="shared" si="541"/>
        <v>0.27129691954613416</v>
      </c>
      <c r="M4831">
        <f t="shared" si="542"/>
        <v>0</v>
      </c>
      <c r="N4831" s="45">
        <f t="shared" si="543"/>
        <v>45126.874999988366</v>
      </c>
    </row>
    <row r="4832" spans="2:14" x14ac:dyDescent="0.25">
      <c r="B4832">
        <f t="shared" si="537"/>
        <v>3</v>
      </c>
      <c r="C4832" s="16">
        <v>4798</v>
      </c>
      <c r="D4832" cm="1">
        <f t="array" ref="D4832">IFERROR(INDEX(Jesper!AH$2:AH$366,ROUNDDOWN($C4832/24,0)+1,1)*INDEX($D$3:$AA$30,INDEX(Jesper!$R$2:$R$366,ROW(INDEX(Jesper!AH$2:AH$366,ROUNDDOWN($C4832/24,0)+1,1))-1)+IF('Standard Profiles'!$G$18=$B$10,7,0)+IF('Standard Profiles'!$G$18=$B$17,14,0)+IF('Standard Profiles'!$G$18=$B$24,21,0),MOD($C4832,24)+1)/SUM(INDEX($D$3:$AA$30,INDEX(Jesper!$R$2:$R$366,ROW(INDEX(Jesper!AH$2:AH$366,ROUNDDOWN($C4832/24,0)+1,1))-1)+IF('Standard Profiles'!$G$18=$B$10,7,0)+IF('Standard Profiles'!$G$18=$B$17,14,0)+IF('Standard Profiles'!$G$18=$B$24,21,0),0)),0)</f>
        <v>5.0868172414900155</v>
      </c>
      <c r="E4832" cm="1">
        <f t="array" ref="E4832">IFERROR(INDEX(Jesper!AI$2:AI$366,ROUNDDOWN($C4832/24,0)+1,1)*INDEX($D$3:$AA$30,INDEX(Jesper!$R$2:$R$366,ROW(INDEX(Jesper!AI$2:AI$366,ROUNDDOWN($C4832/24,0)+1,1))-1)+IF('Standard Profiles'!$G$19=$B$10,7,0)+IF('Standard Profiles'!$G$19=$B$17,14,0)+IF('Standard Profiles'!$G$19=$B$24,21,0),MOD($C4832,24)+1)/SUM(INDEX($D$3:$AA$30,INDEX(Jesper!$R$2:$R$366,ROW(INDEX(Jesper!AI$2:AI$366,ROUNDDOWN($C4832/24,0)+1,1))-1)+IF('Standard Profiles'!$G$19=$B$10,7,0)+IF('Standard Profiles'!$G$19=$B$17,14,0)+IF('Standard Profiles'!$G$19=$B$24,21,0),0)),0)</f>
        <v>1.7828075507624772</v>
      </c>
      <c r="F4832" cm="1">
        <f t="array" ref="F4832">IFERROR(INDEX(Jesper!AJ$2:AJ$366,ROUNDDOWN($C4832/24,0)+1,1)*INDEX($D$3:$AA$30,INDEX(Jesper!$R$2:$R$366,ROW(INDEX(Jesper!AJ$2:AJ$366,ROUNDDOWN($C4832/24,0)+1,1))-1)+IF('Standard Profiles'!$G$20=$B$10,7,0)+IF('Standard Profiles'!$G$20=$B$17,14,0)+IF('Standard Profiles'!$G$20=$B$24,21,0),MOD($C4832,24)+1)/SUM(INDEX($D$3:$AA$30,INDEX(Jesper!$R$2:$R$366,ROW(INDEX(Jesper!AJ$2:AJ$366,ROUNDDOWN($C4832/24,0)+1,1))-1)+IF('Standard Profiles'!$G$20=$B$10,7,0)+IF('Standard Profiles'!$G$20=$B$17,14,0)+IF('Standard Profiles'!$G$20=$B$24,21,0),0)),0)</f>
        <v>0</v>
      </c>
      <c r="G4832" cm="1">
        <f t="array" ref="G4832">IFERROR(INDEX(Jesper!AK$2:AK$366,ROUNDDOWN($C4832/24,0)+1,1)*INDEX($D$3:$AA$30,INDEX(Jesper!$R$2:$R$366,ROW(INDEX(Jesper!AK$2:AK$366,ROUNDDOWN($C4832/24,0)+1,1))-1)+IF('Standard Profiles'!$G$21=$B$10,7,0)+IF('Standard Profiles'!$G$21=$B$17,14,0)+IF('Standard Profiles'!$G$21=$B$24,21,0),MOD($C4832,24)+1)/SUM(INDEX($D$3:$AA$30,INDEX(Jesper!$R$2:$R$366,ROW(INDEX(Jesper!AK$2:AK$366,ROUNDDOWN($C4832/24,0)+1,1))-1)+IF('Standard Profiles'!$G$21=$B$10,7,0)+IF('Standard Profiles'!$G$21=$B$17,14,0)+IF('Standard Profiles'!$G$21=$B$24,21,0),0)),0)</f>
        <v>0</v>
      </c>
      <c r="H4832" cm="1">
        <f t="array" ref="H4832">IFERROR(INDEX(Jesper!AL$2:AL$366,ROUNDDOWN($C4832/24,0)+1,1)*INDEX($D$3:$AA$30,INDEX(Jesper!$R$2:$R$366,ROW(INDEX(Jesper!AL$2:AL$366,ROUNDDOWN($C4832/24,0)+1,1))-1)+IF('Standard Profiles'!$G$22=$B$10,7,0)+IF('Standard Profiles'!$G$22=$B$17,14,0)+IF('Standard Profiles'!$G$22=$B$24,21,0),MOD($C4832,24)+1)/SUM(INDEX($D$3:$AA$30,INDEX(Jesper!$R$2:$R$366,ROW(INDEX(Jesper!AL$2:AL$366,ROUNDDOWN($C4832/24,0)+1,1))-1)+IF('Standard Profiles'!$G$22=$B$10,7,0)+IF('Standard Profiles'!$G$22=$B$17,14,0)+IF('Standard Profiles'!$G$22=$B$24,21,0),0)),0)</f>
        <v>0</v>
      </c>
      <c r="I4832">
        <f t="shared" si="538"/>
        <v>0</v>
      </c>
      <c r="J4832">
        <f t="shared" si="539"/>
        <v>6.0557340336140904</v>
      </c>
      <c r="K4832">
        <f t="shared" si="540"/>
        <v>0.54259383909226833</v>
      </c>
      <c r="L4832">
        <f t="shared" si="541"/>
        <v>0.27129691954613416</v>
      </c>
      <c r="M4832">
        <f t="shared" si="542"/>
        <v>0</v>
      </c>
      <c r="N4832" s="45">
        <f t="shared" si="543"/>
        <v>45126.91666665503</v>
      </c>
    </row>
    <row r="4833" spans="2:14" x14ac:dyDescent="0.25">
      <c r="B4833">
        <f t="shared" si="537"/>
        <v>3</v>
      </c>
      <c r="C4833" s="16">
        <v>4799</v>
      </c>
      <c r="D4833" cm="1">
        <f t="array" ref="D4833">IFERROR(INDEX(Jesper!AH$2:AH$366,ROUNDDOWN($C4833/24,0)+1,1)*INDEX($D$3:$AA$30,INDEX(Jesper!$R$2:$R$366,ROW(INDEX(Jesper!AH$2:AH$366,ROUNDDOWN($C4833/24,0)+1,1))-1)+IF('Standard Profiles'!$G$18=$B$10,7,0)+IF('Standard Profiles'!$G$18=$B$17,14,0)+IF('Standard Profiles'!$G$18=$B$24,21,0),MOD($C4833,24)+1)/SUM(INDEX($D$3:$AA$30,INDEX(Jesper!$R$2:$R$366,ROW(INDEX(Jesper!AH$2:AH$366,ROUNDDOWN($C4833/24,0)+1,1))-1)+IF('Standard Profiles'!$G$18=$B$10,7,0)+IF('Standard Profiles'!$G$18=$B$17,14,0)+IF('Standard Profiles'!$G$18=$B$24,21,0),0)),0)</f>
        <v>5.0868172414900155</v>
      </c>
      <c r="E4833" cm="1">
        <f t="array" ref="E4833">IFERROR(INDEX(Jesper!AI$2:AI$366,ROUNDDOWN($C4833/24,0)+1,1)*INDEX($D$3:$AA$30,INDEX(Jesper!$R$2:$R$366,ROW(INDEX(Jesper!AI$2:AI$366,ROUNDDOWN($C4833/24,0)+1,1))-1)+IF('Standard Profiles'!$G$19=$B$10,7,0)+IF('Standard Profiles'!$G$19=$B$17,14,0)+IF('Standard Profiles'!$G$19=$B$24,21,0),MOD($C4833,24)+1)/SUM(INDEX($D$3:$AA$30,INDEX(Jesper!$R$2:$R$366,ROW(INDEX(Jesper!AI$2:AI$366,ROUNDDOWN($C4833/24,0)+1,1))-1)+IF('Standard Profiles'!$G$19=$B$10,7,0)+IF('Standard Profiles'!$G$19=$B$17,14,0)+IF('Standard Profiles'!$G$19=$B$24,21,0),0)),0)</f>
        <v>1.7828075507624772</v>
      </c>
      <c r="F4833" cm="1">
        <f t="array" ref="F4833">IFERROR(INDEX(Jesper!AJ$2:AJ$366,ROUNDDOWN($C4833/24,0)+1,1)*INDEX($D$3:$AA$30,INDEX(Jesper!$R$2:$R$366,ROW(INDEX(Jesper!AJ$2:AJ$366,ROUNDDOWN($C4833/24,0)+1,1))-1)+IF('Standard Profiles'!$G$20=$B$10,7,0)+IF('Standard Profiles'!$G$20=$B$17,14,0)+IF('Standard Profiles'!$G$20=$B$24,21,0),MOD($C4833,24)+1)/SUM(INDEX($D$3:$AA$30,INDEX(Jesper!$R$2:$R$366,ROW(INDEX(Jesper!AJ$2:AJ$366,ROUNDDOWN($C4833/24,0)+1,1))-1)+IF('Standard Profiles'!$G$20=$B$10,7,0)+IF('Standard Profiles'!$G$20=$B$17,14,0)+IF('Standard Profiles'!$G$20=$B$24,21,0),0)),0)</f>
        <v>0</v>
      </c>
      <c r="G4833" cm="1">
        <f t="array" ref="G4833">IFERROR(INDEX(Jesper!AK$2:AK$366,ROUNDDOWN($C4833/24,0)+1,1)*INDEX($D$3:$AA$30,INDEX(Jesper!$R$2:$R$366,ROW(INDEX(Jesper!AK$2:AK$366,ROUNDDOWN($C4833/24,0)+1,1))-1)+IF('Standard Profiles'!$G$21=$B$10,7,0)+IF('Standard Profiles'!$G$21=$B$17,14,0)+IF('Standard Profiles'!$G$21=$B$24,21,0),MOD($C4833,24)+1)/SUM(INDEX($D$3:$AA$30,INDEX(Jesper!$R$2:$R$366,ROW(INDEX(Jesper!AK$2:AK$366,ROUNDDOWN($C4833/24,0)+1,1))-1)+IF('Standard Profiles'!$G$21=$B$10,7,0)+IF('Standard Profiles'!$G$21=$B$17,14,0)+IF('Standard Profiles'!$G$21=$B$24,21,0),0)),0)</f>
        <v>0</v>
      </c>
      <c r="H4833" cm="1">
        <f t="array" ref="H4833">IFERROR(INDEX(Jesper!AL$2:AL$366,ROUNDDOWN($C4833/24,0)+1,1)*INDEX($D$3:$AA$30,INDEX(Jesper!$R$2:$R$366,ROW(INDEX(Jesper!AL$2:AL$366,ROUNDDOWN($C4833/24,0)+1,1))-1)+IF('Standard Profiles'!$G$22=$B$10,7,0)+IF('Standard Profiles'!$G$22=$B$17,14,0)+IF('Standard Profiles'!$G$22=$B$24,21,0),MOD($C4833,24)+1)/SUM(INDEX($D$3:$AA$30,INDEX(Jesper!$R$2:$R$366,ROW(INDEX(Jesper!AL$2:AL$366,ROUNDDOWN($C4833/24,0)+1,1))-1)+IF('Standard Profiles'!$G$22=$B$10,7,0)+IF('Standard Profiles'!$G$22=$B$17,14,0)+IF('Standard Profiles'!$G$22=$B$24,21,0),0)),0)</f>
        <v>0</v>
      </c>
      <c r="I4833">
        <f t="shared" si="538"/>
        <v>0</v>
      </c>
      <c r="J4833">
        <f t="shared" si="539"/>
        <v>6.0557340336140904</v>
      </c>
      <c r="K4833">
        <f t="shared" si="540"/>
        <v>0.54259383909226833</v>
      </c>
      <c r="L4833">
        <f t="shared" si="541"/>
        <v>0.27129691954613416</v>
      </c>
      <c r="M4833">
        <f t="shared" si="542"/>
        <v>0</v>
      </c>
      <c r="N4833" s="45">
        <f t="shared" si="543"/>
        <v>45126.958333321694</v>
      </c>
    </row>
    <row r="4834" spans="2:14" x14ac:dyDescent="0.25">
      <c r="B4834">
        <f t="shared" si="537"/>
        <v>4</v>
      </c>
      <c r="C4834" s="16">
        <v>4800</v>
      </c>
      <c r="D4834" cm="1">
        <f t="array" ref="D4834">IFERROR(INDEX(Jesper!AH$2:AH$366,ROUNDDOWN($C4834/24,0)+1,1)*INDEX($D$3:$AA$30,INDEX(Jesper!$R$2:$R$366,ROW(INDEX(Jesper!AH$2:AH$366,ROUNDDOWN($C4834/24,0)+1,1))-1)+IF('Standard Profiles'!$G$18=$B$10,7,0)+IF('Standard Profiles'!$G$18=$B$17,14,0)+IF('Standard Profiles'!$G$18=$B$24,21,0),MOD($C4834,24)+1)/SUM(INDEX($D$3:$AA$30,INDEX(Jesper!$R$2:$R$366,ROW(INDEX(Jesper!AH$2:AH$366,ROUNDDOWN($C4834/24,0)+1,1))-1)+IF('Standard Profiles'!$G$18=$B$10,7,0)+IF('Standard Profiles'!$G$18=$B$17,14,0)+IF('Standard Profiles'!$G$18=$B$24,21,0),0)),0)</f>
        <v>5.191801368452901</v>
      </c>
      <c r="E4834" cm="1">
        <f t="array" ref="E4834">IFERROR(INDEX(Jesper!AI$2:AI$366,ROUNDDOWN($C4834/24,0)+1,1)*INDEX($D$3:$AA$30,INDEX(Jesper!$R$2:$R$366,ROW(INDEX(Jesper!AI$2:AI$366,ROUNDDOWN($C4834/24,0)+1,1))-1)+IF('Standard Profiles'!$G$19=$B$10,7,0)+IF('Standard Profiles'!$G$19=$B$17,14,0)+IF('Standard Profiles'!$G$19=$B$24,21,0),MOD($C4834,24)+1)/SUM(INDEX($D$3:$AA$30,INDEX(Jesper!$R$2:$R$366,ROW(INDEX(Jesper!AI$2:AI$366,ROUNDDOWN($C4834/24,0)+1,1))-1)+IF('Standard Profiles'!$G$19=$B$10,7,0)+IF('Standard Profiles'!$G$19=$B$17,14,0)+IF('Standard Profiles'!$G$19=$B$24,21,0),0)),0)</f>
        <v>1.9790561310867045</v>
      </c>
      <c r="F4834" cm="1">
        <f t="array" ref="F4834">IFERROR(INDEX(Jesper!AJ$2:AJ$366,ROUNDDOWN($C4834/24,0)+1,1)*INDEX($D$3:$AA$30,INDEX(Jesper!$R$2:$R$366,ROW(INDEX(Jesper!AJ$2:AJ$366,ROUNDDOWN($C4834/24,0)+1,1))-1)+IF('Standard Profiles'!$G$20=$B$10,7,0)+IF('Standard Profiles'!$G$20=$B$17,14,0)+IF('Standard Profiles'!$G$20=$B$24,21,0),MOD($C4834,24)+1)/SUM(INDEX($D$3:$AA$30,INDEX(Jesper!$R$2:$R$366,ROW(INDEX(Jesper!AJ$2:AJ$366,ROUNDDOWN($C4834/24,0)+1,1))-1)+IF('Standard Profiles'!$G$20=$B$10,7,0)+IF('Standard Profiles'!$G$20=$B$17,14,0)+IF('Standard Profiles'!$G$20=$B$24,21,0),0)),0)</f>
        <v>0</v>
      </c>
      <c r="G4834" cm="1">
        <f t="array" ref="G4834">IFERROR(INDEX(Jesper!AK$2:AK$366,ROUNDDOWN($C4834/24,0)+1,1)*INDEX($D$3:$AA$30,INDEX(Jesper!$R$2:$R$366,ROW(INDEX(Jesper!AK$2:AK$366,ROUNDDOWN($C4834/24,0)+1,1))-1)+IF('Standard Profiles'!$G$21=$B$10,7,0)+IF('Standard Profiles'!$G$21=$B$17,14,0)+IF('Standard Profiles'!$G$21=$B$24,21,0),MOD($C4834,24)+1)/SUM(INDEX($D$3:$AA$30,INDEX(Jesper!$R$2:$R$366,ROW(INDEX(Jesper!AK$2:AK$366,ROUNDDOWN($C4834/24,0)+1,1))-1)+IF('Standard Profiles'!$G$21=$B$10,7,0)+IF('Standard Profiles'!$G$21=$B$17,14,0)+IF('Standard Profiles'!$G$21=$B$24,21,0),0)),0)</f>
        <v>0</v>
      </c>
      <c r="H4834" cm="1">
        <f t="array" ref="H4834">IFERROR(INDEX(Jesper!AL$2:AL$366,ROUNDDOWN($C4834/24,0)+1,1)*INDEX($D$3:$AA$30,INDEX(Jesper!$R$2:$R$366,ROW(INDEX(Jesper!AL$2:AL$366,ROUNDDOWN($C4834/24,0)+1,1))-1)+IF('Standard Profiles'!$G$22=$B$10,7,0)+IF('Standard Profiles'!$G$22=$B$17,14,0)+IF('Standard Profiles'!$G$22=$B$24,21,0),MOD($C4834,24)+1)/SUM(INDEX($D$3:$AA$30,INDEX(Jesper!$R$2:$R$366,ROW(INDEX(Jesper!AL$2:AL$366,ROUNDDOWN($C4834/24,0)+1,1))-1)+IF('Standard Profiles'!$G$22=$B$10,7,0)+IF('Standard Profiles'!$G$22=$B$17,14,0)+IF('Standard Profiles'!$G$22=$B$24,21,0),0)),0)</f>
        <v>0</v>
      </c>
      <c r="I4834">
        <f t="shared" si="538"/>
        <v>0</v>
      </c>
      <c r="J4834">
        <f t="shared" si="539"/>
        <v>6.3401692805871406</v>
      </c>
      <c r="K4834">
        <f t="shared" si="540"/>
        <v>0.5537921459683095</v>
      </c>
      <c r="L4834">
        <f t="shared" si="541"/>
        <v>0.27689607298415475</v>
      </c>
      <c r="M4834">
        <f t="shared" si="542"/>
        <v>0</v>
      </c>
      <c r="N4834" s="45">
        <f t="shared" si="543"/>
        <v>45126.999999988358</v>
      </c>
    </row>
    <row r="4835" spans="2:14" x14ac:dyDescent="0.25">
      <c r="B4835">
        <f t="shared" ref="B4835:B4898" si="544">WEEKDAY(N4835,2)</f>
        <v>4</v>
      </c>
      <c r="C4835" s="16">
        <v>4801</v>
      </c>
      <c r="D4835" cm="1">
        <f t="array" ref="D4835">IFERROR(INDEX(Jesper!AH$2:AH$366,ROUNDDOWN($C4835/24,0)+1,1)*INDEX($D$3:$AA$30,INDEX(Jesper!$R$2:$R$366,ROW(INDEX(Jesper!AH$2:AH$366,ROUNDDOWN($C4835/24,0)+1,1))-1)+IF('Standard Profiles'!$G$18=$B$10,7,0)+IF('Standard Profiles'!$G$18=$B$17,14,0)+IF('Standard Profiles'!$G$18=$B$24,21,0),MOD($C4835,24)+1)/SUM(INDEX($D$3:$AA$30,INDEX(Jesper!$R$2:$R$366,ROW(INDEX(Jesper!AH$2:AH$366,ROUNDDOWN($C4835/24,0)+1,1))-1)+IF('Standard Profiles'!$G$18=$B$10,7,0)+IF('Standard Profiles'!$G$18=$B$17,14,0)+IF('Standard Profiles'!$G$18=$B$24,21,0),0)),0)</f>
        <v>5.191801368452901</v>
      </c>
      <c r="E4835" cm="1">
        <f t="array" ref="E4835">IFERROR(INDEX(Jesper!AI$2:AI$366,ROUNDDOWN($C4835/24,0)+1,1)*INDEX($D$3:$AA$30,INDEX(Jesper!$R$2:$R$366,ROW(INDEX(Jesper!AI$2:AI$366,ROUNDDOWN($C4835/24,0)+1,1))-1)+IF('Standard Profiles'!$G$19=$B$10,7,0)+IF('Standard Profiles'!$G$19=$B$17,14,0)+IF('Standard Profiles'!$G$19=$B$24,21,0),MOD($C4835,24)+1)/SUM(INDEX($D$3:$AA$30,INDEX(Jesper!$R$2:$R$366,ROW(INDEX(Jesper!AI$2:AI$366,ROUNDDOWN($C4835/24,0)+1,1))-1)+IF('Standard Profiles'!$G$19=$B$10,7,0)+IF('Standard Profiles'!$G$19=$B$17,14,0)+IF('Standard Profiles'!$G$19=$B$24,21,0),0)),0)</f>
        <v>1.9790561310867045</v>
      </c>
      <c r="F4835" cm="1">
        <f t="array" ref="F4835">IFERROR(INDEX(Jesper!AJ$2:AJ$366,ROUNDDOWN($C4835/24,0)+1,1)*INDEX($D$3:$AA$30,INDEX(Jesper!$R$2:$R$366,ROW(INDEX(Jesper!AJ$2:AJ$366,ROUNDDOWN($C4835/24,0)+1,1))-1)+IF('Standard Profiles'!$G$20=$B$10,7,0)+IF('Standard Profiles'!$G$20=$B$17,14,0)+IF('Standard Profiles'!$G$20=$B$24,21,0),MOD($C4835,24)+1)/SUM(INDEX($D$3:$AA$30,INDEX(Jesper!$R$2:$R$366,ROW(INDEX(Jesper!AJ$2:AJ$366,ROUNDDOWN($C4835/24,0)+1,1))-1)+IF('Standard Profiles'!$G$20=$B$10,7,0)+IF('Standard Profiles'!$G$20=$B$17,14,0)+IF('Standard Profiles'!$G$20=$B$24,21,0),0)),0)</f>
        <v>0</v>
      </c>
      <c r="G4835" cm="1">
        <f t="array" ref="G4835">IFERROR(INDEX(Jesper!AK$2:AK$366,ROUNDDOWN($C4835/24,0)+1,1)*INDEX($D$3:$AA$30,INDEX(Jesper!$R$2:$R$366,ROW(INDEX(Jesper!AK$2:AK$366,ROUNDDOWN($C4835/24,0)+1,1))-1)+IF('Standard Profiles'!$G$21=$B$10,7,0)+IF('Standard Profiles'!$G$21=$B$17,14,0)+IF('Standard Profiles'!$G$21=$B$24,21,0),MOD($C4835,24)+1)/SUM(INDEX($D$3:$AA$30,INDEX(Jesper!$R$2:$R$366,ROW(INDEX(Jesper!AK$2:AK$366,ROUNDDOWN($C4835/24,0)+1,1))-1)+IF('Standard Profiles'!$G$21=$B$10,7,0)+IF('Standard Profiles'!$G$21=$B$17,14,0)+IF('Standard Profiles'!$G$21=$B$24,21,0),0)),0)</f>
        <v>0</v>
      </c>
      <c r="H4835" cm="1">
        <f t="array" ref="H4835">IFERROR(INDEX(Jesper!AL$2:AL$366,ROUNDDOWN($C4835/24,0)+1,1)*INDEX($D$3:$AA$30,INDEX(Jesper!$R$2:$R$366,ROW(INDEX(Jesper!AL$2:AL$366,ROUNDDOWN($C4835/24,0)+1,1))-1)+IF('Standard Profiles'!$G$22=$B$10,7,0)+IF('Standard Profiles'!$G$22=$B$17,14,0)+IF('Standard Profiles'!$G$22=$B$24,21,0),MOD($C4835,24)+1)/SUM(INDEX($D$3:$AA$30,INDEX(Jesper!$R$2:$R$366,ROW(INDEX(Jesper!AL$2:AL$366,ROUNDDOWN($C4835/24,0)+1,1))-1)+IF('Standard Profiles'!$G$22=$B$10,7,0)+IF('Standard Profiles'!$G$22=$B$17,14,0)+IF('Standard Profiles'!$G$22=$B$24,21,0),0)),0)</f>
        <v>0</v>
      </c>
      <c r="I4835">
        <f t="shared" ref="I4835:I4898" si="545">IF($B4835&lt;6,AC$37*$D4835+AC$38*$E4835+AC$39*$F4835+AC$40*$G4835,AC$46*$D4835+AC$47*$E4835+AC$48*$F4835+AC$49*$G4835+AC$50*$H4835)</f>
        <v>0</v>
      </c>
      <c r="J4835">
        <f t="shared" ref="J4835:J4898" si="546">IF($B4835&lt;6,AD$37*$D4835+AD$38*$E4835+AD$39*$F4835+AD$40*$G4835,AD$46*$D4835+AD$47*$E4835+AD$48*$F4835+AD$49*$G4835+AD$50*$H4835)</f>
        <v>6.3401692805871406</v>
      </c>
      <c r="K4835">
        <f t="shared" ref="K4835:K4898" si="547">IF($B4835&lt;6,AE$37*$D4835+AE$38*$E4835+AE$39*$F4835+AE$40*$G4835,AE$46*$D4835+AE$47*$E4835+AE$48*$F4835+AE$49*$G4835+AE$50*$H4835)</f>
        <v>0.5537921459683095</v>
      </c>
      <c r="L4835">
        <f t="shared" ref="L4835:L4898" si="548">IF($B4835&lt;6,AF$37*$D4835+AF$38*$E4835+AF$39*$F4835+AF$40*$G4835,AF$46*$D4835+AF$47*$E4835+AF$48*$F4835+AF$49*$G4835+AF$50*$H4835)</f>
        <v>0.27689607298415475</v>
      </c>
      <c r="M4835">
        <f t="shared" ref="M4835:M4898" si="549">IF($B4835&lt;6,AG$37*$D4835+AG$38*$E4835+AG$39*$F4835+AG$40*$G4835,AG$46*$D4835+AG$47*$E4835+AG$48*$F4835+AG$49*$G4835+AG$50*$H4835)</f>
        <v>0</v>
      </c>
      <c r="N4835" s="45">
        <f t="shared" si="543"/>
        <v>45127.041666655023</v>
      </c>
    </row>
    <row r="4836" spans="2:14" x14ac:dyDescent="0.25">
      <c r="B4836">
        <f t="shared" si="544"/>
        <v>4</v>
      </c>
      <c r="C4836" s="16">
        <v>4802</v>
      </c>
      <c r="D4836" cm="1">
        <f t="array" ref="D4836">IFERROR(INDEX(Jesper!AH$2:AH$366,ROUNDDOWN($C4836/24,0)+1,1)*INDEX($D$3:$AA$30,INDEX(Jesper!$R$2:$R$366,ROW(INDEX(Jesper!AH$2:AH$366,ROUNDDOWN($C4836/24,0)+1,1))-1)+IF('Standard Profiles'!$G$18=$B$10,7,0)+IF('Standard Profiles'!$G$18=$B$17,14,0)+IF('Standard Profiles'!$G$18=$B$24,21,0),MOD($C4836,24)+1)/SUM(INDEX($D$3:$AA$30,INDEX(Jesper!$R$2:$R$366,ROW(INDEX(Jesper!AH$2:AH$366,ROUNDDOWN($C4836/24,0)+1,1))-1)+IF('Standard Profiles'!$G$18=$B$10,7,0)+IF('Standard Profiles'!$G$18=$B$17,14,0)+IF('Standard Profiles'!$G$18=$B$24,21,0),0)),0)</f>
        <v>5.191801368452901</v>
      </c>
      <c r="E4836" cm="1">
        <f t="array" ref="E4836">IFERROR(INDEX(Jesper!AI$2:AI$366,ROUNDDOWN($C4836/24,0)+1,1)*INDEX($D$3:$AA$30,INDEX(Jesper!$R$2:$R$366,ROW(INDEX(Jesper!AI$2:AI$366,ROUNDDOWN($C4836/24,0)+1,1))-1)+IF('Standard Profiles'!$G$19=$B$10,7,0)+IF('Standard Profiles'!$G$19=$B$17,14,0)+IF('Standard Profiles'!$G$19=$B$24,21,0),MOD($C4836,24)+1)/SUM(INDEX($D$3:$AA$30,INDEX(Jesper!$R$2:$R$366,ROW(INDEX(Jesper!AI$2:AI$366,ROUNDDOWN($C4836/24,0)+1,1))-1)+IF('Standard Profiles'!$G$19=$B$10,7,0)+IF('Standard Profiles'!$G$19=$B$17,14,0)+IF('Standard Profiles'!$G$19=$B$24,21,0),0)),0)</f>
        <v>1.9790561310867045</v>
      </c>
      <c r="F4836" cm="1">
        <f t="array" ref="F4836">IFERROR(INDEX(Jesper!AJ$2:AJ$366,ROUNDDOWN($C4836/24,0)+1,1)*INDEX($D$3:$AA$30,INDEX(Jesper!$R$2:$R$366,ROW(INDEX(Jesper!AJ$2:AJ$366,ROUNDDOWN($C4836/24,0)+1,1))-1)+IF('Standard Profiles'!$G$20=$B$10,7,0)+IF('Standard Profiles'!$G$20=$B$17,14,0)+IF('Standard Profiles'!$G$20=$B$24,21,0),MOD($C4836,24)+1)/SUM(INDEX($D$3:$AA$30,INDEX(Jesper!$R$2:$R$366,ROW(INDEX(Jesper!AJ$2:AJ$366,ROUNDDOWN($C4836/24,0)+1,1))-1)+IF('Standard Profiles'!$G$20=$B$10,7,0)+IF('Standard Profiles'!$G$20=$B$17,14,0)+IF('Standard Profiles'!$G$20=$B$24,21,0),0)),0)</f>
        <v>0</v>
      </c>
      <c r="G4836" cm="1">
        <f t="array" ref="G4836">IFERROR(INDEX(Jesper!AK$2:AK$366,ROUNDDOWN($C4836/24,0)+1,1)*INDEX($D$3:$AA$30,INDEX(Jesper!$R$2:$R$366,ROW(INDEX(Jesper!AK$2:AK$366,ROUNDDOWN($C4836/24,0)+1,1))-1)+IF('Standard Profiles'!$G$21=$B$10,7,0)+IF('Standard Profiles'!$G$21=$B$17,14,0)+IF('Standard Profiles'!$G$21=$B$24,21,0),MOD($C4836,24)+1)/SUM(INDEX($D$3:$AA$30,INDEX(Jesper!$R$2:$R$366,ROW(INDEX(Jesper!AK$2:AK$366,ROUNDDOWN($C4836/24,0)+1,1))-1)+IF('Standard Profiles'!$G$21=$B$10,7,0)+IF('Standard Profiles'!$G$21=$B$17,14,0)+IF('Standard Profiles'!$G$21=$B$24,21,0),0)),0)</f>
        <v>0</v>
      </c>
      <c r="H4836" cm="1">
        <f t="array" ref="H4836">IFERROR(INDEX(Jesper!AL$2:AL$366,ROUNDDOWN($C4836/24,0)+1,1)*INDEX($D$3:$AA$30,INDEX(Jesper!$R$2:$R$366,ROW(INDEX(Jesper!AL$2:AL$366,ROUNDDOWN($C4836/24,0)+1,1))-1)+IF('Standard Profiles'!$G$22=$B$10,7,0)+IF('Standard Profiles'!$G$22=$B$17,14,0)+IF('Standard Profiles'!$G$22=$B$24,21,0),MOD($C4836,24)+1)/SUM(INDEX($D$3:$AA$30,INDEX(Jesper!$R$2:$R$366,ROW(INDEX(Jesper!AL$2:AL$366,ROUNDDOWN($C4836/24,0)+1,1))-1)+IF('Standard Profiles'!$G$22=$B$10,7,0)+IF('Standard Profiles'!$G$22=$B$17,14,0)+IF('Standard Profiles'!$G$22=$B$24,21,0),0)),0)</f>
        <v>0</v>
      </c>
      <c r="I4836">
        <f t="shared" si="545"/>
        <v>0</v>
      </c>
      <c r="J4836">
        <f t="shared" si="546"/>
        <v>6.3401692805871406</v>
      </c>
      <c r="K4836">
        <f t="shared" si="547"/>
        <v>0.5537921459683095</v>
      </c>
      <c r="L4836">
        <f t="shared" si="548"/>
        <v>0.27689607298415475</v>
      </c>
      <c r="M4836">
        <f t="shared" si="549"/>
        <v>0</v>
      </c>
      <c r="N4836" s="45">
        <f t="shared" ref="N4836:N4899" si="550">N4835+1/24</f>
        <v>45127.083333321687</v>
      </c>
    </row>
    <row r="4837" spans="2:14" x14ac:dyDescent="0.25">
      <c r="B4837">
        <f t="shared" si="544"/>
        <v>4</v>
      </c>
      <c r="C4837" s="16">
        <v>4803</v>
      </c>
      <c r="D4837" cm="1">
        <f t="array" ref="D4837">IFERROR(INDEX(Jesper!AH$2:AH$366,ROUNDDOWN($C4837/24,0)+1,1)*INDEX($D$3:$AA$30,INDEX(Jesper!$R$2:$R$366,ROW(INDEX(Jesper!AH$2:AH$366,ROUNDDOWN($C4837/24,0)+1,1))-1)+IF('Standard Profiles'!$G$18=$B$10,7,0)+IF('Standard Profiles'!$G$18=$B$17,14,0)+IF('Standard Profiles'!$G$18=$B$24,21,0),MOD($C4837,24)+1)/SUM(INDEX($D$3:$AA$30,INDEX(Jesper!$R$2:$R$366,ROW(INDEX(Jesper!AH$2:AH$366,ROUNDDOWN($C4837/24,0)+1,1))-1)+IF('Standard Profiles'!$G$18=$B$10,7,0)+IF('Standard Profiles'!$G$18=$B$17,14,0)+IF('Standard Profiles'!$G$18=$B$24,21,0),0)),0)</f>
        <v>5.191801368452901</v>
      </c>
      <c r="E4837" cm="1">
        <f t="array" ref="E4837">IFERROR(INDEX(Jesper!AI$2:AI$366,ROUNDDOWN($C4837/24,0)+1,1)*INDEX($D$3:$AA$30,INDEX(Jesper!$R$2:$R$366,ROW(INDEX(Jesper!AI$2:AI$366,ROUNDDOWN($C4837/24,0)+1,1))-1)+IF('Standard Profiles'!$G$19=$B$10,7,0)+IF('Standard Profiles'!$G$19=$B$17,14,0)+IF('Standard Profiles'!$G$19=$B$24,21,0),MOD($C4837,24)+1)/SUM(INDEX($D$3:$AA$30,INDEX(Jesper!$R$2:$R$366,ROW(INDEX(Jesper!AI$2:AI$366,ROUNDDOWN($C4837/24,0)+1,1))-1)+IF('Standard Profiles'!$G$19=$B$10,7,0)+IF('Standard Profiles'!$G$19=$B$17,14,0)+IF('Standard Profiles'!$G$19=$B$24,21,0),0)),0)</f>
        <v>1.9790561310867045</v>
      </c>
      <c r="F4837" cm="1">
        <f t="array" ref="F4837">IFERROR(INDEX(Jesper!AJ$2:AJ$366,ROUNDDOWN($C4837/24,0)+1,1)*INDEX($D$3:$AA$30,INDEX(Jesper!$R$2:$R$366,ROW(INDEX(Jesper!AJ$2:AJ$366,ROUNDDOWN($C4837/24,0)+1,1))-1)+IF('Standard Profiles'!$G$20=$B$10,7,0)+IF('Standard Profiles'!$G$20=$B$17,14,0)+IF('Standard Profiles'!$G$20=$B$24,21,0),MOD($C4837,24)+1)/SUM(INDEX($D$3:$AA$30,INDEX(Jesper!$R$2:$R$366,ROW(INDEX(Jesper!AJ$2:AJ$366,ROUNDDOWN($C4837/24,0)+1,1))-1)+IF('Standard Profiles'!$G$20=$B$10,7,0)+IF('Standard Profiles'!$G$20=$B$17,14,0)+IF('Standard Profiles'!$G$20=$B$24,21,0),0)),0)</f>
        <v>0</v>
      </c>
      <c r="G4837" cm="1">
        <f t="array" ref="G4837">IFERROR(INDEX(Jesper!AK$2:AK$366,ROUNDDOWN($C4837/24,0)+1,1)*INDEX($D$3:$AA$30,INDEX(Jesper!$R$2:$R$366,ROW(INDEX(Jesper!AK$2:AK$366,ROUNDDOWN($C4837/24,0)+1,1))-1)+IF('Standard Profiles'!$G$21=$B$10,7,0)+IF('Standard Profiles'!$G$21=$B$17,14,0)+IF('Standard Profiles'!$G$21=$B$24,21,0),MOD($C4837,24)+1)/SUM(INDEX($D$3:$AA$30,INDEX(Jesper!$R$2:$R$366,ROW(INDEX(Jesper!AK$2:AK$366,ROUNDDOWN($C4837/24,0)+1,1))-1)+IF('Standard Profiles'!$G$21=$B$10,7,0)+IF('Standard Profiles'!$G$21=$B$17,14,0)+IF('Standard Profiles'!$G$21=$B$24,21,0),0)),0)</f>
        <v>0</v>
      </c>
      <c r="H4837" cm="1">
        <f t="array" ref="H4837">IFERROR(INDEX(Jesper!AL$2:AL$366,ROUNDDOWN($C4837/24,0)+1,1)*INDEX($D$3:$AA$30,INDEX(Jesper!$R$2:$R$366,ROW(INDEX(Jesper!AL$2:AL$366,ROUNDDOWN($C4837/24,0)+1,1))-1)+IF('Standard Profiles'!$G$22=$B$10,7,0)+IF('Standard Profiles'!$G$22=$B$17,14,0)+IF('Standard Profiles'!$G$22=$B$24,21,0),MOD($C4837,24)+1)/SUM(INDEX($D$3:$AA$30,INDEX(Jesper!$R$2:$R$366,ROW(INDEX(Jesper!AL$2:AL$366,ROUNDDOWN($C4837/24,0)+1,1))-1)+IF('Standard Profiles'!$G$22=$B$10,7,0)+IF('Standard Profiles'!$G$22=$B$17,14,0)+IF('Standard Profiles'!$G$22=$B$24,21,0),0)),0)</f>
        <v>0</v>
      </c>
      <c r="I4837">
        <f t="shared" si="545"/>
        <v>0</v>
      </c>
      <c r="J4837">
        <f t="shared" si="546"/>
        <v>6.3401692805871406</v>
      </c>
      <c r="K4837">
        <f t="shared" si="547"/>
        <v>0.5537921459683095</v>
      </c>
      <c r="L4837">
        <f t="shared" si="548"/>
        <v>0.27689607298415475</v>
      </c>
      <c r="M4837">
        <f t="shared" si="549"/>
        <v>0</v>
      </c>
      <c r="N4837" s="45">
        <f t="shared" si="550"/>
        <v>45127.124999988351</v>
      </c>
    </row>
    <row r="4838" spans="2:14" x14ac:dyDescent="0.25">
      <c r="B4838">
        <f t="shared" si="544"/>
        <v>4</v>
      </c>
      <c r="C4838" s="16">
        <v>4804</v>
      </c>
      <c r="D4838" cm="1">
        <f t="array" ref="D4838">IFERROR(INDEX(Jesper!AH$2:AH$366,ROUNDDOWN($C4838/24,0)+1,1)*INDEX($D$3:$AA$30,INDEX(Jesper!$R$2:$R$366,ROW(INDEX(Jesper!AH$2:AH$366,ROUNDDOWN($C4838/24,0)+1,1))-1)+IF('Standard Profiles'!$G$18=$B$10,7,0)+IF('Standard Profiles'!$G$18=$B$17,14,0)+IF('Standard Profiles'!$G$18=$B$24,21,0),MOD($C4838,24)+1)/SUM(INDEX($D$3:$AA$30,INDEX(Jesper!$R$2:$R$366,ROW(INDEX(Jesper!AH$2:AH$366,ROUNDDOWN($C4838/24,0)+1,1))-1)+IF('Standard Profiles'!$G$18=$B$10,7,0)+IF('Standard Profiles'!$G$18=$B$17,14,0)+IF('Standard Profiles'!$G$18=$B$24,21,0),0)),0)</f>
        <v>5.191801368452901</v>
      </c>
      <c r="E4838" cm="1">
        <f t="array" ref="E4838">IFERROR(INDEX(Jesper!AI$2:AI$366,ROUNDDOWN($C4838/24,0)+1,1)*INDEX($D$3:$AA$30,INDEX(Jesper!$R$2:$R$366,ROW(INDEX(Jesper!AI$2:AI$366,ROUNDDOWN($C4838/24,0)+1,1))-1)+IF('Standard Profiles'!$G$19=$B$10,7,0)+IF('Standard Profiles'!$G$19=$B$17,14,0)+IF('Standard Profiles'!$G$19=$B$24,21,0),MOD($C4838,24)+1)/SUM(INDEX($D$3:$AA$30,INDEX(Jesper!$R$2:$R$366,ROW(INDEX(Jesper!AI$2:AI$366,ROUNDDOWN($C4838/24,0)+1,1))-1)+IF('Standard Profiles'!$G$19=$B$10,7,0)+IF('Standard Profiles'!$G$19=$B$17,14,0)+IF('Standard Profiles'!$G$19=$B$24,21,0),0)),0)</f>
        <v>1.9790561310867045</v>
      </c>
      <c r="F4838" cm="1">
        <f t="array" ref="F4838">IFERROR(INDEX(Jesper!AJ$2:AJ$366,ROUNDDOWN($C4838/24,0)+1,1)*INDEX($D$3:$AA$30,INDEX(Jesper!$R$2:$R$366,ROW(INDEX(Jesper!AJ$2:AJ$366,ROUNDDOWN($C4838/24,0)+1,1))-1)+IF('Standard Profiles'!$G$20=$B$10,7,0)+IF('Standard Profiles'!$G$20=$B$17,14,0)+IF('Standard Profiles'!$G$20=$B$24,21,0),MOD($C4838,24)+1)/SUM(INDEX($D$3:$AA$30,INDEX(Jesper!$R$2:$R$366,ROW(INDEX(Jesper!AJ$2:AJ$366,ROUNDDOWN($C4838/24,0)+1,1))-1)+IF('Standard Profiles'!$G$20=$B$10,7,0)+IF('Standard Profiles'!$G$20=$B$17,14,0)+IF('Standard Profiles'!$G$20=$B$24,21,0),0)),0)</f>
        <v>0</v>
      </c>
      <c r="G4838" cm="1">
        <f t="array" ref="G4838">IFERROR(INDEX(Jesper!AK$2:AK$366,ROUNDDOWN($C4838/24,0)+1,1)*INDEX($D$3:$AA$30,INDEX(Jesper!$R$2:$R$366,ROW(INDEX(Jesper!AK$2:AK$366,ROUNDDOWN($C4838/24,0)+1,1))-1)+IF('Standard Profiles'!$G$21=$B$10,7,0)+IF('Standard Profiles'!$G$21=$B$17,14,0)+IF('Standard Profiles'!$G$21=$B$24,21,0),MOD($C4838,24)+1)/SUM(INDEX($D$3:$AA$30,INDEX(Jesper!$R$2:$R$366,ROW(INDEX(Jesper!AK$2:AK$366,ROUNDDOWN($C4838/24,0)+1,1))-1)+IF('Standard Profiles'!$G$21=$B$10,7,0)+IF('Standard Profiles'!$G$21=$B$17,14,0)+IF('Standard Profiles'!$G$21=$B$24,21,0),0)),0)</f>
        <v>0</v>
      </c>
      <c r="H4838" cm="1">
        <f t="array" ref="H4838">IFERROR(INDEX(Jesper!AL$2:AL$366,ROUNDDOWN($C4838/24,0)+1,1)*INDEX($D$3:$AA$30,INDEX(Jesper!$R$2:$R$366,ROW(INDEX(Jesper!AL$2:AL$366,ROUNDDOWN($C4838/24,0)+1,1))-1)+IF('Standard Profiles'!$G$22=$B$10,7,0)+IF('Standard Profiles'!$G$22=$B$17,14,0)+IF('Standard Profiles'!$G$22=$B$24,21,0),MOD($C4838,24)+1)/SUM(INDEX($D$3:$AA$30,INDEX(Jesper!$R$2:$R$366,ROW(INDEX(Jesper!AL$2:AL$366,ROUNDDOWN($C4838/24,0)+1,1))-1)+IF('Standard Profiles'!$G$22=$B$10,7,0)+IF('Standard Profiles'!$G$22=$B$17,14,0)+IF('Standard Profiles'!$G$22=$B$24,21,0),0)),0)</f>
        <v>0</v>
      </c>
      <c r="I4838">
        <f t="shared" si="545"/>
        <v>0</v>
      </c>
      <c r="J4838">
        <f t="shared" si="546"/>
        <v>6.3401692805871406</v>
      </c>
      <c r="K4838">
        <f t="shared" si="547"/>
        <v>0.5537921459683095</v>
      </c>
      <c r="L4838">
        <f t="shared" si="548"/>
        <v>0.27689607298415475</v>
      </c>
      <c r="M4838">
        <f t="shared" si="549"/>
        <v>0</v>
      </c>
      <c r="N4838" s="45">
        <f t="shared" si="550"/>
        <v>45127.166666655015</v>
      </c>
    </row>
    <row r="4839" spans="2:14" x14ac:dyDescent="0.25">
      <c r="B4839">
        <f t="shared" si="544"/>
        <v>4</v>
      </c>
      <c r="C4839" s="16">
        <v>4805</v>
      </c>
      <c r="D4839" cm="1">
        <f t="array" ref="D4839">IFERROR(INDEX(Jesper!AH$2:AH$366,ROUNDDOWN($C4839/24,0)+1,1)*INDEX($D$3:$AA$30,INDEX(Jesper!$R$2:$R$366,ROW(INDEX(Jesper!AH$2:AH$366,ROUNDDOWN($C4839/24,0)+1,1))-1)+IF('Standard Profiles'!$G$18=$B$10,7,0)+IF('Standard Profiles'!$G$18=$B$17,14,0)+IF('Standard Profiles'!$G$18=$B$24,21,0),MOD($C4839,24)+1)/SUM(INDEX($D$3:$AA$30,INDEX(Jesper!$R$2:$R$366,ROW(INDEX(Jesper!AH$2:AH$366,ROUNDDOWN($C4839/24,0)+1,1))-1)+IF('Standard Profiles'!$G$18=$B$10,7,0)+IF('Standard Profiles'!$G$18=$B$17,14,0)+IF('Standard Profiles'!$G$18=$B$24,21,0),0)),0)</f>
        <v>5.191801368452901</v>
      </c>
      <c r="E4839" cm="1">
        <f t="array" ref="E4839">IFERROR(INDEX(Jesper!AI$2:AI$366,ROUNDDOWN($C4839/24,0)+1,1)*INDEX($D$3:$AA$30,INDEX(Jesper!$R$2:$R$366,ROW(INDEX(Jesper!AI$2:AI$366,ROUNDDOWN($C4839/24,0)+1,1))-1)+IF('Standard Profiles'!$G$19=$B$10,7,0)+IF('Standard Profiles'!$G$19=$B$17,14,0)+IF('Standard Profiles'!$G$19=$B$24,21,0),MOD($C4839,24)+1)/SUM(INDEX($D$3:$AA$30,INDEX(Jesper!$R$2:$R$366,ROW(INDEX(Jesper!AI$2:AI$366,ROUNDDOWN($C4839/24,0)+1,1))-1)+IF('Standard Profiles'!$G$19=$B$10,7,0)+IF('Standard Profiles'!$G$19=$B$17,14,0)+IF('Standard Profiles'!$G$19=$B$24,21,0),0)),0)</f>
        <v>1.9790561310867045</v>
      </c>
      <c r="F4839" cm="1">
        <f t="array" ref="F4839">IFERROR(INDEX(Jesper!AJ$2:AJ$366,ROUNDDOWN($C4839/24,0)+1,1)*INDEX($D$3:$AA$30,INDEX(Jesper!$R$2:$R$366,ROW(INDEX(Jesper!AJ$2:AJ$366,ROUNDDOWN($C4839/24,0)+1,1))-1)+IF('Standard Profiles'!$G$20=$B$10,7,0)+IF('Standard Profiles'!$G$20=$B$17,14,0)+IF('Standard Profiles'!$G$20=$B$24,21,0),MOD($C4839,24)+1)/SUM(INDEX($D$3:$AA$30,INDEX(Jesper!$R$2:$R$366,ROW(INDEX(Jesper!AJ$2:AJ$366,ROUNDDOWN($C4839/24,0)+1,1))-1)+IF('Standard Profiles'!$G$20=$B$10,7,0)+IF('Standard Profiles'!$G$20=$B$17,14,0)+IF('Standard Profiles'!$G$20=$B$24,21,0),0)),0)</f>
        <v>0</v>
      </c>
      <c r="G4839" cm="1">
        <f t="array" ref="G4839">IFERROR(INDEX(Jesper!AK$2:AK$366,ROUNDDOWN($C4839/24,0)+1,1)*INDEX($D$3:$AA$30,INDEX(Jesper!$R$2:$R$366,ROW(INDEX(Jesper!AK$2:AK$366,ROUNDDOWN($C4839/24,0)+1,1))-1)+IF('Standard Profiles'!$G$21=$B$10,7,0)+IF('Standard Profiles'!$G$21=$B$17,14,0)+IF('Standard Profiles'!$G$21=$B$24,21,0),MOD($C4839,24)+1)/SUM(INDEX($D$3:$AA$30,INDEX(Jesper!$R$2:$R$366,ROW(INDEX(Jesper!AK$2:AK$366,ROUNDDOWN($C4839/24,0)+1,1))-1)+IF('Standard Profiles'!$G$21=$B$10,7,0)+IF('Standard Profiles'!$G$21=$B$17,14,0)+IF('Standard Profiles'!$G$21=$B$24,21,0),0)),0)</f>
        <v>0</v>
      </c>
      <c r="H4839" cm="1">
        <f t="array" ref="H4839">IFERROR(INDEX(Jesper!AL$2:AL$366,ROUNDDOWN($C4839/24,0)+1,1)*INDEX($D$3:$AA$30,INDEX(Jesper!$R$2:$R$366,ROW(INDEX(Jesper!AL$2:AL$366,ROUNDDOWN($C4839/24,0)+1,1))-1)+IF('Standard Profiles'!$G$22=$B$10,7,0)+IF('Standard Profiles'!$G$22=$B$17,14,0)+IF('Standard Profiles'!$G$22=$B$24,21,0),MOD($C4839,24)+1)/SUM(INDEX($D$3:$AA$30,INDEX(Jesper!$R$2:$R$366,ROW(INDEX(Jesper!AL$2:AL$366,ROUNDDOWN($C4839/24,0)+1,1))-1)+IF('Standard Profiles'!$G$22=$B$10,7,0)+IF('Standard Profiles'!$G$22=$B$17,14,0)+IF('Standard Profiles'!$G$22=$B$24,21,0),0)),0)</f>
        <v>0</v>
      </c>
      <c r="I4839">
        <f t="shared" si="545"/>
        <v>0</v>
      </c>
      <c r="J4839">
        <f t="shared" si="546"/>
        <v>6.3401692805871406</v>
      </c>
      <c r="K4839">
        <f t="shared" si="547"/>
        <v>0.5537921459683095</v>
      </c>
      <c r="L4839">
        <f t="shared" si="548"/>
        <v>0.27689607298415475</v>
      </c>
      <c r="M4839">
        <f t="shared" si="549"/>
        <v>0</v>
      </c>
      <c r="N4839" s="45">
        <f t="shared" si="550"/>
        <v>45127.20833332168</v>
      </c>
    </row>
    <row r="4840" spans="2:14" x14ac:dyDescent="0.25">
      <c r="B4840">
        <f t="shared" si="544"/>
        <v>4</v>
      </c>
      <c r="C4840" s="16">
        <v>4806</v>
      </c>
      <c r="D4840" cm="1">
        <f t="array" ref="D4840">IFERROR(INDEX(Jesper!AH$2:AH$366,ROUNDDOWN($C4840/24,0)+1,1)*INDEX($D$3:$AA$30,INDEX(Jesper!$R$2:$R$366,ROW(INDEX(Jesper!AH$2:AH$366,ROUNDDOWN($C4840/24,0)+1,1))-1)+IF('Standard Profiles'!$G$18=$B$10,7,0)+IF('Standard Profiles'!$G$18=$B$17,14,0)+IF('Standard Profiles'!$G$18=$B$24,21,0),MOD($C4840,24)+1)/SUM(INDEX($D$3:$AA$30,INDEX(Jesper!$R$2:$R$366,ROW(INDEX(Jesper!AH$2:AH$366,ROUNDDOWN($C4840/24,0)+1,1))-1)+IF('Standard Profiles'!$G$18=$B$10,7,0)+IF('Standard Profiles'!$G$18=$B$17,14,0)+IF('Standard Profiles'!$G$18=$B$24,21,0),0)),0)</f>
        <v>5.191801368452901</v>
      </c>
      <c r="E4840" cm="1">
        <f t="array" ref="E4840">IFERROR(INDEX(Jesper!AI$2:AI$366,ROUNDDOWN($C4840/24,0)+1,1)*INDEX($D$3:$AA$30,INDEX(Jesper!$R$2:$R$366,ROW(INDEX(Jesper!AI$2:AI$366,ROUNDDOWN($C4840/24,0)+1,1))-1)+IF('Standard Profiles'!$G$19=$B$10,7,0)+IF('Standard Profiles'!$G$19=$B$17,14,0)+IF('Standard Profiles'!$G$19=$B$24,21,0),MOD($C4840,24)+1)/SUM(INDEX($D$3:$AA$30,INDEX(Jesper!$R$2:$R$366,ROW(INDEX(Jesper!AI$2:AI$366,ROUNDDOWN($C4840/24,0)+1,1))-1)+IF('Standard Profiles'!$G$19=$B$10,7,0)+IF('Standard Profiles'!$G$19=$B$17,14,0)+IF('Standard Profiles'!$G$19=$B$24,21,0),0)),0)</f>
        <v>1.9790561310867045</v>
      </c>
      <c r="F4840" cm="1">
        <f t="array" ref="F4840">IFERROR(INDEX(Jesper!AJ$2:AJ$366,ROUNDDOWN($C4840/24,0)+1,1)*INDEX($D$3:$AA$30,INDEX(Jesper!$R$2:$R$366,ROW(INDEX(Jesper!AJ$2:AJ$366,ROUNDDOWN($C4840/24,0)+1,1))-1)+IF('Standard Profiles'!$G$20=$B$10,7,0)+IF('Standard Profiles'!$G$20=$B$17,14,0)+IF('Standard Profiles'!$G$20=$B$24,21,0),MOD($C4840,24)+1)/SUM(INDEX($D$3:$AA$30,INDEX(Jesper!$R$2:$R$366,ROW(INDEX(Jesper!AJ$2:AJ$366,ROUNDDOWN($C4840/24,0)+1,1))-1)+IF('Standard Profiles'!$G$20=$B$10,7,0)+IF('Standard Profiles'!$G$20=$B$17,14,0)+IF('Standard Profiles'!$G$20=$B$24,21,0),0)),0)</f>
        <v>0</v>
      </c>
      <c r="G4840" cm="1">
        <f t="array" ref="G4840">IFERROR(INDEX(Jesper!AK$2:AK$366,ROUNDDOWN($C4840/24,0)+1,1)*INDEX($D$3:$AA$30,INDEX(Jesper!$R$2:$R$366,ROW(INDEX(Jesper!AK$2:AK$366,ROUNDDOWN($C4840/24,0)+1,1))-1)+IF('Standard Profiles'!$G$21=$B$10,7,0)+IF('Standard Profiles'!$G$21=$B$17,14,0)+IF('Standard Profiles'!$G$21=$B$24,21,0),MOD($C4840,24)+1)/SUM(INDEX($D$3:$AA$30,INDEX(Jesper!$R$2:$R$366,ROW(INDEX(Jesper!AK$2:AK$366,ROUNDDOWN($C4840/24,0)+1,1))-1)+IF('Standard Profiles'!$G$21=$B$10,7,0)+IF('Standard Profiles'!$G$21=$B$17,14,0)+IF('Standard Profiles'!$G$21=$B$24,21,0),0)),0)</f>
        <v>0</v>
      </c>
      <c r="H4840" cm="1">
        <f t="array" ref="H4840">IFERROR(INDEX(Jesper!AL$2:AL$366,ROUNDDOWN($C4840/24,0)+1,1)*INDEX($D$3:$AA$30,INDEX(Jesper!$R$2:$R$366,ROW(INDEX(Jesper!AL$2:AL$366,ROUNDDOWN($C4840/24,0)+1,1))-1)+IF('Standard Profiles'!$G$22=$B$10,7,0)+IF('Standard Profiles'!$G$22=$B$17,14,0)+IF('Standard Profiles'!$G$22=$B$24,21,0),MOD($C4840,24)+1)/SUM(INDEX($D$3:$AA$30,INDEX(Jesper!$R$2:$R$366,ROW(INDEX(Jesper!AL$2:AL$366,ROUNDDOWN($C4840/24,0)+1,1))-1)+IF('Standard Profiles'!$G$22=$B$10,7,0)+IF('Standard Profiles'!$G$22=$B$17,14,0)+IF('Standard Profiles'!$G$22=$B$24,21,0),0)),0)</f>
        <v>0</v>
      </c>
      <c r="I4840">
        <f t="shared" si="545"/>
        <v>0</v>
      </c>
      <c r="J4840">
        <f t="shared" si="546"/>
        <v>6.3401692805871406</v>
      </c>
      <c r="K4840">
        <f t="shared" si="547"/>
        <v>0.5537921459683095</v>
      </c>
      <c r="L4840">
        <f t="shared" si="548"/>
        <v>0.27689607298415475</v>
      </c>
      <c r="M4840">
        <f t="shared" si="549"/>
        <v>0</v>
      </c>
      <c r="N4840" s="45">
        <f t="shared" si="550"/>
        <v>45127.249999988344</v>
      </c>
    </row>
    <row r="4841" spans="2:14" x14ac:dyDescent="0.25">
      <c r="B4841">
        <f t="shared" si="544"/>
        <v>4</v>
      </c>
      <c r="C4841" s="16">
        <v>4807</v>
      </c>
      <c r="D4841" cm="1">
        <f t="array" ref="D4841">IFERROR(INDEX(Jesper!AH$2:AH$366,ROUNDDOWN($C4841/24,0)+1,1)*INDEX($D$3:$AA$30,INDEX(Jesper!$R$2:$R$366,ROW(INDEX(Jesper!AH$2:AH$366,ROUNDDOWN($C4841/24,0)+1,1))-1)+IF('Standard Profiles'!$G$18=$B$10,7,0)+IF('Standard Profiles'!$G$18=$B$17,14,0)+IF('Standard Profiles'!$G$18=$B$24,21,0),MOD($C4841,24)+1)/SUM(INDEX($D$3:$AA$30,INDEX(Jesper!$R$2:$R$366,ROW(INDEX(Jesper!AH$2:AH$366,ROUNDDOWN($C4841/24,0)+1,1))-1)+IF('Standard Profiles'!$G$18=$B$10,7,0)+IF('Standard Profiles'!$G$18=$B$17,14,0)+IF('Standard Profiles'!$G$18=$B$24,21,0),0)),0)</f>
        <v>21.223454684978673</v>
      </c>
      <c r="E4841" cm="1">
        <f t="array" ref="E4841">IFERROR(INDEX(Jesper!AI$2:AI$366,ROUNDDOWN($C4841/24,0)+1,1)*INDEX($D$3:$AA$30,INDEX(Jesper!$R$2:$R$366,ROW(INDEX(Jesper!AI$2:AI$366,ROUNDDOWN($C4841/24,0)+1,1))-1)+IF('Standard Profiles'!$G$19=$B$10,7,0)+IF('Standard Profiles'!$G$19=$B$17,14,0)+IF('Standard Profiles'!$G$19=$B$24,21,0),MOD($C4841,24)+1)/SUM(INDEX($D$3:$AA$30,INDEX(Jesper!$R$2:$R$366,ROW(INDEX(Jesper!AI$2:AI$366,ROUNDDOWN($C4841/24,0)+1,1))-1)+IF('Standard Profiles'!$G$19=$B$10,7,0)+IF('Standard Profiles'!$G$19=$B$17,14,0)+IF('Standard Profiles'!$G$19=$B$24,21,0),0)),0)</f>
        <v>8.0901415782907993</v>
      </c>
      <c r="F4841" cm="1">
        <f t="array" ref="F4841">IFERROR(INDEX(Jesper!AJ$2:AJ$366,ROUNDDOWN($C4841/24,0)+1,1)*INDEX($D$3:$AA$30,INDEX(Jesper!$R$2:$R$366,ROW(INDEX(Jesper!AJ$2:AJ$366,ROUNDDOWN($C4841/24,0)+1,1))-1)+IF('Standard Profiles'!$G$20=$B$10,7,0)+IF('Standard Profiles'!$G$20=$B$17,14,0)+IF('Standard Profiles'!$G$20=$B$24,21,0),MOD($C4841,24)+1)/SUM(INDEX($D$3:$AA$30,INDEX(Jesper!$R$2:$R$366,ROW(INDEX(Jesper!AJ$2:AJ$366,ROUNDDOWN($C4841/24,0)+1,1))-1)+IF('Standard Profiles'!$G$20=$B$10,7,0)+IF('Standard Profiles'!$G$20=$B$17,14,0)+IF('Standard Profiles'!$G$20=$B$24,21,0),0)),0)</f>
        <v>0</v>
      </c>
      <c r="G4841" cm="1">
        <f t="array" ref="G4841">IFERROR(INDEX(Jesper!AK$2:AK$366,ROUNDDOWN($C4841/24,0)+1,1)*INDEX($D$3:$AA$30,INDEX(Jesper!$R$2:$R$366,ROW(INDEX(Jesper!AK$2:AK$366,ROUNDDOWN($C4841/24,0)+1,1))-1)+IF('Standard Profiles'!$G$21=$B$10,7,0)+IF('Standard Profiles'!$G$21=$B$17,14,0)+IF('Standard Profiles'!$G$21=$B$24,21,0),MOD($C4841,24)+1)/SUM(INDEX($D$3:$AA$30,INDEX(Jesper!$R$2:$R$366,ROW(INDEX(Jesper!AK$2:AK$366,ROUNDDOWN($C4841/24,0)+1,1))-1)+IF('Standard Profiles'!$G$21=$B$10,7,0)+IF('Standard Profiles'!$G$21=$B$17,14,0)+IF('Standard Profiles'!$G$21=$B$24,21,0),0)),0)</f>
        <v>0</v>
      </c>
      <c r="H4841" cm="1">
        <f t="array" ref="H4841">IFERROR(INDEX(Jesper!AL$2:AL$366,ROUNDDOWN($C4841/24,0)+1,1)*INDEX($D$3:$AA$30,INDEX(Jesper!$R$2:$R$366,ROW(INDEX(Jesper!AL$2:AL$366,ROUNDDOWN($C4841/24,0)+1,1))-1)+IF('Standard Profiles'!$G$22=$B$10,7,0)+IF('Standard Profiles'!$G$22=$B$17,14,0)+IF('Standard Profiles'!$G$22=$B$24,21,0),MOD($C4841,24)+1)/SUM(INDEX($D$3:$AA$30,INDEX(Jesper!$R$2:$R$366,ROW(INDEX(Jesper!AL$2:AL$366,ROUNDDOWN($C4841/24,0)+1,1))-1)+IF('Standard Profiles'!$G$22=$B$10,7,0)+IF('Standard Profiles'!$G$22=$B$17,14,0)+IF('Standard Profiles'!$G$22=$B$24,21,0),0)),0)</f>
        <v>0</v>
      </c>
      <c r="I4841">
        <f t="shared" si="545"/>
        <v>0</v>
      </c>
      <c r="J4841">
        <f t="shared" si="546"/>
        <v>25.917843513672885</v>
      </c>
      <c r="K4841">
        <f t="shared" si="547"/>
        <v>2.2638351663977252</v>
      </c>
      <c r="L4841">
        <f t="shared" si="548"/>
        <v>1.1319175831988626</v>
      </c>
      <c r="M4841">
        <f t="shared" si="549"/>
        <v>0</v>
      </c>
      <c r="N4841" s="45">
        <f t="shared" si="550"/>
        <v>45127.291666655008</v>
      </c>
    </row>
    <row r="4842" spans="2:14" x14ac:dyDescent="0.25">
      <c r="B4842">
        <f t="shared" si="544"/>
        <v>4</v>
      </c>
      <c r="C4842" s="16">
        <v>4808</v>
      </c>
      <c r="D4842" cm="1">
        <f t="array" ref="D4842">IFERROR(INDEX(Jesper!AH$2:AH$366,ROUNDDOWN($C4842/24,0)+1,1)*INDEX($D$3:$AA$30,INDEX(Jesper!$R$2:$R$366,ROW(INDEX(Jesper!AH$2:AH$366,ROUNDDOWN($C4842/24,0)+1,1))-1)+IF('Standard Profiles'!$G$18=$B$10,7,0)+IF('Standard Profiles'!$G$18=$B$17,14,0)+IF('Standard Profiles'!$G$18=$B$24,21,0),MOD($C4842,24)+1)/SUM(INDEX($D$3:$AA$30,INDEX(Jesper!$R$2:$R$366,ROW(INDEX(Jesper!AH$2:AH$366,ROUNDDOWN($C4842/24,0)+1,1))-1)+IF('Standard Profiles'!$G$18=$B$10,7,0)+IF('Standard Profiles'!$G$18=$B$17,14,0)+IF('Standard Profiles'!$G$18=$B$24,21,0),0)),0)</f>
        <v>23.680907332713048</v>
      </c>
      <c r="E4842" cm="1">
        <f t="array" ref="E4842">IFERROR(INDEX(Jesper!AI$2:AI$366,ROUNDDOWN($C4842/24,0)+1,1)*INDEX($D$3:$AA$30,INDEX(Jesper!$R$2:$R$366,ROW(INDEX(Jesper!AI$2:AI$366,ROUNDDOWN($C4842/24,0)+1,1))-1)+IF('Standard Profiles'!$G$19=$B$10,7,0)+IF('Standard Profiles'!$G$19=$B$17,14,0)+IF('Standard Profiles'!$G$19=$B$24,21,0),MOD($C4842,24)+1)/SUM(INDEX($D$3:$AA$30,INDEX(Jesper!$R$2:$R$366,ROW(INDEX(Jesper!AI$2:AI$366,ROUNDDOWN($C4842/24,0)+1,1))-1)+IF('Standard Profiles'!$G$19=$B$10,7,0)+IF('Standard Profiles'!$G$19=$B$17,14,0)+IF('Standard Profiles'!$G$19=$B$24,21,0),0)),0)</f>
        <v>9.0268948136718414</v>
      </c>
      <c r="F4842" cm="1">
        <f t="array" ref="F4842">IFERROR(INDEX(Jesper!AJ$2:AJ$366,ROUNDDOWN($C4842/24,0)+1,1)*INDEX($D$3:$AA$30,INDEX(Jesper!$R$2:$R$366,ROW(INDEX(Jesper!AJ$2:AJ$366,ROUNDDOWN($C4842/24,0)+1,1))-1)+IF('Standard Profiles'!$G$20=$B$10,7,0)+IF('Standard Profiles'!$G$20=$B$17,14,0)+IF('Standard Profiles'!$G$20=$B$24,21,0),MOD($C4842,24)+1)/SUM(INDEX($D$3:$AA$30,INDEX(Jesper!$R$2:$R$366,ROW(INDEX(Jesper!AJ$2:AJ$366,ROUNDDOWN($C4842/24,0)+1,1))-1)+IF('Standard Profiles'!$G$20=$B$10,7,0)+IF('Standard Profiles'!$G$20=$B$17,14,0)+IF('Standard Profiles'!$G$20=$B$24,21,0),0)),0)</f>
        <v>0</v>
      </c>
      <c r="G4842" cm="1">
        <f t="array" ref="G4842">IFERROR(INDEX(Jesper!AK$2:AK$366,ROUNDDOWN($C4842/24,0)+1,1)*INDEX($D$3:$AA$30,INDEX(Jesper!$R$2:$R$366,ROW(INDEX(Jesper!AK$2:AK$366,ROUNDDOWN($C4842/24,0)+1,1))-1)+IF('Standard Profiles'!$G$21=$B$10,7,0)+IF('Standard Profiles'!$G$21=$B$17,14,0)+IF('Standard Profiles'!$G$21=$B$24,21,0),MOD($C4842,24)+1)/SUM(INDEX($D$3:$AA$30,INDEX(Jesper!$R$2:$R$366,ROW(INDEX(Jesper!AK$2:AK$366,ROUNDDOWN($C4842/24,0)+1,1))-1)+IF('Standard Profiles'!$G$21=$B$10,7,0)+IF('Standard Profiles'!$G$21=$B$17,14,0)+IF('Standard Profiles'!$G$21=$B$24,21,0),0)),0)</f>
        <v>0</v>
      </c>
      <c r="H4842" cm="1">
        <f t="array" ref="H4842">IFERROR(INDEX(Jesper!AL$2:AL$366,ROUNDDOWN($C4842/24,0)+1,1)*INDEX($D$3:$AA$30,INDEX(Jesper!$R$2:$R$366,ROW(INDEX(Jesper!AL$2:AL$366,ROUNDDOWN($C4842/24,0)+1,1))-1)+IF('Standard Profiles'!$G$22=$B$10,7,0)+IF('Standard Profiles'!$G$22=$B$17,14,0)+IF('Standard Profiles'!$G$22=$B$24,21,0),MOD($C4842,24)+1)/SUM(INDEX($D$3:$AA$30,INDEX(Jesper!$R$2:$R$366,ROW(INDEX(Jesper!AL$2:AL$366,ROUNDDOWN($C4842/24,0)+1,1))-1)+IF('Standard Profiles'!$G$22=$B$10,7,0)+IF('Standard Profiles'!$G$22=$B$17,14,0)+IF('Standard Profiles'!$G$22=$B$24,21,0),0)),0)</f>
        <v>0</v>
      </c>
      <c r="I4842">
        <f t="shared" si="545"/>
        <v>0</v>
      </c>
      <c r="J4842">
        <f t="shared" si="546"/>
        <v>28.918856973150803</v>
      </c>
      <c r="K4842">
        <f t="shared" si="547"/>
        <v>2.5259634488227252</v>
      </c>
      <c r="L4842">
        <f t="shared" si="548"/>
        <v>1.2629817244113626</v>
      </c>
      <c r="M4842">
        <f t="shared" si="549"/>
        <v>0</v>
      </c>
      <c r="N4842" s="45">
        <f t="shared" si="550"/>
        <v>45127.333333321672</v>
      </c>
    </row>
    <row r="4843" spans="2:14" x14ac:dyDescent="0.25">
      <c r="B4843">
        <f t="shared" si="544"/>
        <v>4</v>
      </c>
      <c r="C4843" s="16">
        <v>4809</v>
      </c>
      <c r="D4843" cm="1">
        <f t="array" ref="D4843">IFERROR(INDEX(Jesper!AH$2:AH$366,ROUNDDOWN($C4843/24,0)+1,1)*INDEX($D$3:$AA$30,INDEX(Jesper!$R$2:$R$366,ROW(INDEX(Jesper!AH$2:AH$366,ROUNDDOWN($C4843/24,0)+1,1))-1)+IF('Standard Profiles'!$G$18=$B$10,7,0)+IF('Standard Profiles'!$G$18=$B$17,14,0)+IF('Standard Profiles'!$G$18=$B$24,21,0),MOD($C4843,24)+1)/SUM(INDEX($D$3:$AA$30,INDEX(Jesper!$R$2:$R$366,ROW(INDEX(Jesper!AH$2:AH$366,ROUNDDOWN($C4843/24,0)+1,1))-1)+IF('Standard Profiles'!$G$18=$B$10,7,0)+IF('Standard Profiles'!$G$18=$B$17,14,0)+IF('Standard Profiles'!$G$18=$B$24,21,0),0)),0)</f>
        <v>26.138359980447422</v>
      </c>
      <c r="E4843" cm="1">
        <f t="array" ref="E4843">IFERROR(INDEX(Jesper!AI$2:AI$366,ROUNDDOWN($C4843/24,0)+1,1)*INDEX($D$3:$AA$30,INDEX(Jesper!$R$2:$R$366,ROW(INDEX(Jesper!AI$2:AI$366,ROUNDDOWN($C4843/24,0)+1,1))-1)+IF('Standard Profiles'!$G$19=$B$10,7,0)+IF('Standard Profiles'!$G$19=$B$17,14,0)+IF('Standard Profiles'!$G$19=$B$24,21,0),MOD($C4843,24)+1)/SUM(INDEX($D$3:$AA$30,INDEX(Jesper!$R$2:$R$366,ROW(INDEX(Jesper!AI$2:AI$366,ROUNDDOWN($C4843/24,0)+1,1))-1)+IF('Standard Profiles'!$G$19=$B$10,7,0)+IF('Standard Profiles'!$G$19=$B$17,14,0)+IF('Standard Profiles'!$G$19=$B$24,21,0),0)),0)</f>
        <v>9.96364804905288</v>
      </c>
      <c r="F4843" cm="1">
        <f t="array" ref="F4843">IFERROR(INDEX(Jesper!AJ$2:AJ$366,ROUNDDOWN($C4843/24,0)+1,1)*INDEX($D$3:$AA$30,INDEX(Jesper!$R$2:$R$366,ROW(INDEX(Jesper!AJ$2:AJ$366,ROUNDDOWN($C4843/24,0)+1,1))-1)+IF('Standard Profiles'!$G$20=$B$10,7,0)+IF('Standard Profiles'!$G$20=$B$17,14,0)+IF('Standard Profiles'!$G$20=$B$24,21,0),MOD($C4843,24)+1)/SUM(INDEX($D$3:$AA$30,INDEX(Jesper!$R$2:$R$366,ROW(INDEX(Jesper!AJ$2:AJ$366,ROUNDDOWN($C4843/24,0)+1,1))-1)+IF('Standard Profiles'!$G$20=$B$10,7,0)+IF('Standard Profiles'!$G$20=$B$17,14,0)+IF('Standard Profiles'!$G$20=$B$24,21,0),0)),0)</f>
        <v>0</v>
      </c>
      <c r="G4843" cm="1">
        <f t="array" ref="G4843">IFERROR(INDEX(Jesper!AK$2:AK$366,ROUNDDOWN($C4843/24,0)+1,1)*INDEX($D$3:$AA$30,INDEX(Jesper!$R$2:$R$366,ROW(INDEX(Jesper!AK$2:AK$366,ROUNDDOWN($C4843/24,0)+1,1))-1)+IF('Standard Profiles'!$G$21=$B$10,7,0)+IF('Standard Profiles'!$G$21=$B$17,14,0)+IF('Standard Profiles'!$G$21=$B$24,21,0),MOD($C4843,24)+1)/SUM(INDEX($D$3:$AA$30,INDEX(Jesper!$R$2:$R$366,ROW(INDEX(Jesper!AK$2:AK$366,ROUNDDOWN($C4843/24,0)+1,1))-1)+IF('Standard Profiles'!$G$21=$B$10,7,0)+IF('Standard Profiles'!$G$21=$B$17,14,0)+IF('Standard Profiles'!$G$21=$B$24,21,0),0)),0)</f>
        <v>0</v>
      </c>
      <c r="H4843" cm="1">
        <f t="array" ref="H4843">IFERROR(INDEX(Jesper!AL$2:AL$366,ROUNDDOWN($C4843/24,0)+1,1)*INDEX($D$3:$AA$30,INDEX(Jesper!$R$2:$R$366,ROW(INDEX(Jesper!AL$2:AL$366,ROUNDDOWN($C4843/24,0)+1,1))-1)+IF('Standard Profiles'!$G$22=$B$10,7,0)+IF('Standard Profiles'!$G$22=$B$17,14,0)+IF('Standard Profiles'!$G$22=$B$24,21,0),MOD($C4843,24)+1)/SUM(INDEX($D$3:$AA$30,INDEX(Jesper!$R$2:$R$366,ROW(INDEX(Jesper!AL$2:AL$366,ROUNDDOWN($C4843/24,0)+1,1))-1)+IF('Standard Profiles'!$G$22=$B$10,7,0)+IF('Standard Profiles'!$G$22=$B$17,14,0)+IF('Standard Profiles'!$G$22=$B$24,21,0),0)),0)</f>
        <v>0</v>
      </c>
      <c r="I4843">
        <f t="shared" si="545"/>
        <v>0</v>
      </c>
      <c r="J4843">
        <f t="shared" si="546"/>
        <v>31.919870432628713</v>
      </c>
      <c r="K4843">
        <f t="shared" si="547"/>
        <v>2.7880917312477251</v>
      </c>
      <c r="L4843">
        <f t="shared" si="548"/>
        <v>1.3940458656238626</v>
      </c>
      <c r="M4843">
        <f t="shared" si="549"/>
        <v>0</v>
      </c>
      <c r="N4843" s="45">
        <f t="shared" si="550"/>
        <v>45127.374999988337</v>
      </c>
    </row>
    <row r="4844" spans="2:14" x14ac:dyDescent="0.25">
      <c r="B4844">
        <f t="shared" si="544"/>
        <v>4</v>
      </c>
      <c r="C4844" s="16">
        <v>4810</v>
      </c>
      <c r="D4844" cm="1">
        <f t="array" ref="D4844">IFERROR(INDEX(Jesper!AH$2:AH$366,ROUNDDOWN($C4844/24,0)+1,1)*INDEX($D$3:$AA$30,INDEX(Jesper!$R$2:$R$366,ROW(INDEX(Jesper!AH$2:AH$366,ROUNDDOWN($C4844/24,0)+1,1))-1)+IF('Standard Profiles'!$G$18=$B$10,7,0)+IF('Standard Profiles'!$G$18=$B$17,14,0)+IF('Standard Profiles'!$G$18=$B$24,21,0),MOD($C4844,24)+1)/SUM(INDEX($D$3:$AA$30,INDEX(Jesper!$R$2:$R$366,ROW(INDEX(Jesper!AH$2:AH$366,ROUNDDOWN($C4844/24,0)+1,1))-1)+IF('Standard Profiles'!$G$18=$B$10,7,0)+IF('Standard Profiles'!$G$18=$B$17,14,0)+IF('Standard Profiles'!$G$18=$B$24,21,0),0)),0)</f>
        <v>26.138359980447422</v>
      </c>
      <c r="E4844" cm="1">
        <f t="array" ref="E4844">IFERROR(INDEX(Jesper!AI$2:AI$366,ROUNDDOWN($C4844/24,0)+1,1)*INDEX($D$3:$AA$30,INDEX(Jesper!$R$2:$R$366,ROW(INDEX(Jesper!AI$2:AI$366,ROUNDDOWN($C4844/24,0)+1,1))-1)+IF('Standard Profiles'!$G$19=$B$10,7,0)+IF('Standard Profiles'!$G$19=$B$17,14,0)+IF('Standard Profiles'!$G$19=$B$24,21,0),MOD($C4844,24)+1)/SUM(INDEX($D$3:$AA$30,INDEX(Jesper!$R$2:$R$366,ROW(INDEX(Jesper!AI$2:AI$366,ROUNDDOWN($C4844/24,0)+1,1))-1)+IF('Standard Profiles'!$G$19=$B$10,7,0)+IF('Standard Profiles'!$G$19=$B$17,14,0)+IF('Standard Profiles'!$G$19=$B$24,21,0),0)),0)</f>
        <v>9.96364804905288</v>
      </c>
      <c r="F4844" cm="1">
        <f t="array" ref="F4844">IFERROR(INDEX(Jesper!AJ$2:AJ$366,ROUNDDOWN($C4844/24,0)+1,1)*INDEX($D$3:$AA$30,INDEX(Jesper!$R$2:$R$366,ROW(INDEX(Jesper!AJ$2:AJ$366,ROUNDDOWN($C4844/24,0)+1,1))-1)+IF('Standard Profiles'!$G$20=$B$10,7,0)+IF('Standard Profiles'!$G$20=$B$17,14,0)+IF('Standard Profiles'!$G$20=$B$24,21,0),MOD($C4844,24)+1)/SUM(INDEX($D$3:$AA$30,INDEX(Jesper!$R$2:$R$366,ROW(INDEX(Jesper!AJ$2:AJ$366,ROUNDDOWN($C4844/24,0)+1,1))-1)+IF('Standard Profiles'!$G$20=$B$10,7,0)+IF('Standard Profiles'!$G$20=$B$17,14,0)+IF('Standard Profiles'!$G$20=$B$24,21,0),0)),0)</f>
        <v>0</v>
      </c>
      <c r="G4844" cm="1">
        <f t="array" ref="G4844">IFERROR(INDEX(Jesper!AK$2:AK$366,ROUNDDOWN($C4844/24,0)+1,1)*INDEX($D$3:$AA$30,INDEX(Jesper!$R$2:$R$366,ROW(INDEX(Jesper!AK$2:AK$366,ROUNDDOWN($C4844/24,0)+1,1))-1)+IF('Standard Profiles'!$G$21=$B$10,7,0)+IF('Standard Profiles'!$G$21=$B$17,14,0)+IF('Standard Profiles'!$G$21=$B$24,21,0),MOD($C4844,24)+1)/SUM(INDEX($D$3:$AA$30,INDEX(Jesper!$R$2:$R$366,ROW(INDEX(Jesper!AK$2:AK$366,ROUNDDOWN($C4844/24,0)+1,1))-1)+IF('Standard Profiles'!$G$21=$B$10,7,0)+IF('Standard Profiles'!$G$21=$B$17,14,0)+IF('Standard Profiles'!$G$21=$B$24,21,0),0)),0)</f>
        <v>0</v>
      </c>
      <c r="H4844" cm="1">
        <f t="array" ref="H4844">IFERROR(INDEX(Jesper!AL$2:AL$366,ROUNDDOWN($C4844/24,0)+1,1)*INDEX($D$3:$AA$30,INDEX(Jesper!$R$2:$R$366,ROW(INDEX(Jesper!AL$2:AL$366,ROUNDDOWN($C4844/24,0)+1,1))-1)+IF('Standard Profiles'!$G$22=$B$10,7,0)+IF('Standard Profiles'!$G$22=$B$17,14,0)+IF('Standard Profiles'!$G$22=$B$24,21,0),MOD($C4844,24)+1)/SUM(INDEX($D$3:$AA$30,INDEX(Jesper!$R$2:$R$366,ROW(INDEX(Jesper!AL$2:AL$366,ROUNDDOWN($C4844/24,0)+1,1))-1)+IF('Standard Profiles'!$G$22=$B$10,7,0)+IF('Standard Profiles'!$G$22=$B$17,14,0)+IF('Standard Profiles'!$G$22=$B$24,21,0),0)),0)</f>
        <v>0</v>
      </c>
      <c r="I4844">
        <f t="shared" si="545"/>
        <v>0</v>
      </c>
      <c r="J4844">
        <f t="shared" si="546"/>
        <v>31.919870432628713</v>
      </c>
      <c r="K4844">
        <f t="shared" si="547"/>
        <v>2.7880917312477251</v>
      </c>
      <c r="L4844">
        <f t="shared" si="548"/>
        <v>1.3940458656238626</v>
      </c>
      <c r="M4844">
        <f t="shared" si="549"/>
        <v>0</v>
      </c>
      <c r="N4844" s="45">
        <f t="shared" si="550"/>
        <v>45127.416666655001</v>
      </c>
    </row>
    <row r="4845" spans="2:14" x14ac:dyDescent="0.25">
      <c r="B4845">
        <f t="shared" si="544"/>
        <v>4</v>
      </c>
      <c r="C4845" s="16">
        <v>4811</v>
      </c>
      <c r="D4845" cm="1">
        <f t="array" ref="D4845">IFERROR(INDEX(Jesper!AH$2:AH$366,ROUNDDOWN($C4845/24,0)+1,1)*INDEX($D$3:$AA$30,INDEX(Jesper!$R$2:$R$366,ROW(INDEX(Jesper!AH$2:AH$366,ROUNDDOWN($C4845/24,0)+1,1))-1)+IF('Standard Profiles'!$G$18=$B$10,7,0)+IF('Standard Profiles'!$G$18=$B$17,14,0)+IF('Standard Profiles'!$G$18=$B$24,21,0),MOD($C4845,24)+1)/SUM(INDEX($D$3:$AA$30,INDEX(Jesper!$R$2:$R$366,ROW(INDEX(Jesper!AH$2:AH$366,ROUNDDOWN($C4845/24,0)+1,1))-1)+IF('Standard Profiles'!$G$18=$B$10,7,0)+IF('Standard Profiles'!$G$18=$B$17,14,0)+IF('Standard Profiles'!$G$18=$B$24,21,0),0)),0)</f>
        <v>31.276670062073837</v>
      </c>
      <c r="E4845" cm="1">
        <f t="array" ref="E4845">IFERROR(INDEX(Jesper!AI$2:AI$366,ROUNDDOWN($C4845/24,0)+1,1)*INDEX($D$3:$AA$30,INDEX(Jesper!$R$2:$R$366,ROW(INDEX(Jesper!AI$2:AI$366,ROUNDDOWN($C4845/24,0)+1,1))-1)+IF('Standard Profiles'!$G$19=$B$10,7,0)+IF('Standard Profiles'!$G$19=$B$17,14,0)+IF('Standard Profiles'!$G$19=$B$24,21,0),MOD($C4845,24)+1)/SUM(INDEX($D$3:$AA$30,INDEX(Jesper!$R$2:$R$366,ROW(INDEX(Jesper!AI$2:AI$366,ROUNDDOWN($C4845/24,0)+1,1))-1)+IF('Standard Profiles'!$G$19=$B$10,7,0)+IF('Standard Profiles'!$G$19=$B$17,14,0)+IF('Standard Profiles'!$G$19=$B$24,21,0),0)),0)</f>
        <v>11.922313904849601</v>
      </c>
      <c r="F4845" cm="1">
        <f t="array" ref="F4845">IFERROR(INDEX(Jesper!AJ$2:AJ$366,ROUNDDOWN($C4845/24,0)+1,1)*INDEX($D$3:$AA$30,INDEX(Jesper!$R$2:$R$366,ROW(INDEX(Jesper!AJ$2:AJ$366,ROUNDDOWN($C4845/24,0)+1,1))-1)+IF('Standard Profiles'!$G$20=$B$10,7,0)+IF('Standard Profiles'!$G$20=$B$17,14,0)+IF('Standard Profiles'!$G$20=$B$24,21,0),MOD($C4845,24)+1)/SUM(INDEX($D$3:$AA$30,INDEX(Jesper!$R$2:$R$366,ROW(INDEX(Jesper!AJ$2:AJ$366,ROUNDDOWN($C4845/24,0)+1,1))-1)+IF('Standard Profiles'!$G$20=$B$10,7,0)+IF('Standard Profiles'!$G$20=$B$17,14,0)+IF('Standard Profiles'!$G$20=$B$24,21,0),0)),0)</f>
        <v>0</v>
      </c>
      <c r="G4845" cm="1">
        <f t="array" ref="G4845">IFERROR(INDEX(Jesper!AK$2:AK$366,ROUNDDOWN($C4845/24,0)+1,1)*INDEX($D$3:$AA$30,INDEX(Jesper!$R$2:$R$366,ROW(INDEX(Jesper!AK$2:AK$366,ROUNDDOWN($C4845/24,0)+1,1))-1)+IF('Standard Profiles'!$G$21=$B$10,7,0)+IF('Standard Profiles'!$G$21=$B$17,14,0)+IF('Standard Profiles'!$G$21=$B$24,21,0),MOD($C4845,24)+1)/SUM(INDEX($D$3:$AA$30,INDEX(Jesper!$R$2:$R$366,ROW(INDEX(Jesper!AK$2:AK$366,ROUNDDOWN($C4845/24,0)+1,1))-1)+IF('Standard Profiles'!$G$21=$B$10,7,0)+IF('Standard Profiles'!$G$21=$B$17,14,0)+IF('Standard Profiles'!$G$21=$B$24,21,0),0)),0)</f>
        <v>0</v>
      </c>
      <c r="H4845" cm="1">
        <f t="array" ref="H4845">IFERROR(INDEX(Jesper!AL$2:AL$366,ROUNDDOWN($C4845/24,0)+1,1)*INDEX($D$3:$AA$30,INDEX(Jesper!$R$2:$R$366,ROW(INDEX(Jesper!AL$2:AL$366,ROUNDDOWN($C4845/24,0)+1,1))-1)+IF('Standard Profiles'!$G$22=$B$10,7,0)+IF('Standard Profiles'!$G$22=$B$17,14,0)+IF('Standard Profiles'!$G$22=$B$24,21,0),MOD($C4845,24)+1)/SUM(INDEX($D$3:$AA$30,INDEX(Jesper!$R$2:$R$366,ROW(INDEX(Jesper!AL$2:AL$366,ROUNDDOWN($C4845/24,0)+1,1))-1)+IF('Standard Profiles'!$G$22=$B$10,7,0)+IF('Standard Profiles'!$G$22=$B$17,14,0)+IF('Standard Profiles'!$G$22=$B$24,21,0),0)),0)</f>
        <v>0</v>
      </c>
      <c r="I4845">
        <f t="shared" si="545"/>
        <v>0</v>
      </c>
      <c r="J4845">
        <f t="shared" si="546"/>
        <v>38.194716756991625</v>
      </c>
      <c r="K4845">
        <f t="shared" si="547"/>
        <v>3.3361781399545429</v>
      </c>
      <c r="L4845">
        <f t="shared" si="548"/>
        <v>1.6680890699772715</v>
      </c>
      <c r="M4845">
        <f t="shared" si="549"/>
        <v>0</v>
      </c>
      <c r="N4845" s="45">
        <f t="shared" si="550"/>
        <v>45127.458333321665</v>
      </c>
    </row>
    <row r="4846" spans="2:14" x14ac:dyDescent="0.25">
      <c r="B4846">
        <f t="shared" si="544"/>
        <v>4</v>
      </c>
      <c r="C4846" s="16">
        <v>4812</v>
      </c>
      <c r="D4846" cm="1">
        <f t="array" ref="D4846">IFERROR(INDEX(Jesper!AH$2:AH$366,ROUNDDOWN($C4846/24,0)+1,1)*INDEX($D$3:$AA$30,INDEX(Jesper!$R$2:$R$366,ROW(INDEX(Jesper!AH$2:AH$366,ROUNDDOWN($C4846/24,0)+1,1))-1)+IF('Standard Profiles'!$G$18=$B$10,7,0)+IF('Standard Profiles'!$G$18=$B$17,14,0)+IF('Standard Profiles'!$G$18=$B$24,21,0),MOD($C4846,24)+1)/SUM(INDEX($D$3:$AA$30,INDEX(Jesper!$R$2:$R$366,ROW(INDEX(Jesper!AH$2:AH$366,ROUNDDOWN($C4846/24,0)+1,1))-1)+IF('Standard Profiles'!$G$18=$B$10,7,0)+IF('Standard Profiles'!$G$18=$B$17,14,0)+IF('Standard Profiles'!$G$18=$B$24,21,0),0)),0)</f>
        <v>31.276670062073837</v>
      </c>
      <c r="E4846" cm="1">
        <f t="array" ref="E4846">IFERROR(INDEX(Jesper!AI$2:AI$366,ROUNDDOWN($C4846/24,0)+1,1)*INDEX($D$3:$AA$30,INDEX(Jesper!$R$2:$R$366,ROW(INDEX(Jesper!AI$2:AI$366,ROUNDDOWN($C4846/24,0)+1,1))-1)+IF('Standard Profiles'!$G$19=$B$10,7,0)+IF('Standard Profiles'!$G$19=$B$17,14,0)+IF('Standard Profiles'!$G$19=$B$24,21,0),MOD($C4846,24)+1)/SUM(INDEX($D$3:$AA$30,INDEX(Jesper!$R$2:$R$366,ROW(INDEX(Jesper!AI$2:AI$366,ROUNDDOWN($C4846/24,0)+1,1))-1)+IF('Standard Profiles'!$G$19=$B$10,7,0)+IF('Standard Profiles'!$G$19=$B$17,14,0)+IF('Standard Profiles'!$G$19=$B$24,21,0),0)),0)</f>
        <v>11.922313904849601</v>
      </c>
      <c r="F4846" cm="1">
        <f t="array" ref="F4846">IFERROR(INDEX(Jesper!AJ$2:AJ$366,ROUNDDOWN($C4846/24,0)+1,1)*INDEX($D$3:$AA$30,INDEX(Jesper!$R$2:$R$366,ROW(INDEX(Jesper!AJ$2:AJ$366,ROUNDDOWN($C4846/24,0)+1,1))-1)+IF('Standard Profiles'!$G$20=$B$10,7,0)+IF('Standard Profiles'!$G$20=$B$17,14,0)+IF('Standard Profiles'!$G$20=$B$24,21,0),MOD($C4846,24)+1)/SUM(INDEX($D$3:$AA$30,INDEX(Jesper!$R$2:$R$366,ROW(INDEX(Jesper!AJ$2:AJ$366,ROUNDDOWN($C4846/24,0)+1,1))-1)+IF('Standard Profiles'!$G$20=$B$10,7,0)+IF('Standard Profiles'!$G$20=$B$17,14,0)+IF('Standard Profiles'!$G$20=$B$24,21,0),0)),0)</f>
        <v>0</v>
      </c>
      <c r="G4846" cm="1">
        <f t="array" ref="G4846">IFERROR(INDEX(Jesper!AK$2:AK$366,ROUNDDOWN($C4846/24,0)+1,1)*INDEX($D$3:$AA$30,INDEX(Jesper!$R$2:$R$366,ROW(INDEX(Jesper!AK$2:AK$366,ROUNDDOWN($C4846/24,0)+1,1))-1)+IF('Standard Profiles'!$G$21=$B$10,7,0)+IF('Standard Profiles'!$G$21=$B$17,14,0)+IF('Standard Profiles'!$G$21=$B$24,21,0),MOD($C4846,24)+1)/SUM(INDEX($D$3:$AA$30,INDEX(Jesper!$R$2:$R$366,ROW(INDEX(Jesper!AK$2:AK$366,ROUNDDOWN($C4846/24,0)+1,1))-1)+IF('Standard Profiles'!$G$21=$B$10,7,0)+IF('Standard Profiles'!$G$21=$B$17,14,0)+IF('Standard Profiles'!$G$21=$B$24,21,0),0)),0)</f>
        <v>0</v>
      </c>
      <c r="H4846" cm="1">
        <f t="array" ref="H4846">IFERROR(INDEX(Jesper!AL$2:AL$366,ROUNDDOWN($C4846/24,0)+1,1)*INDEX($D$3:$AA$30,INDEX(Jesper!$R$2:$R$366,ROW(INDEX(Jesper!AL$2:AL$366,ROUNDDOWN($C4846/24,0)+1,1))-1)+IF('Standard Profiles'!$G$22=$B$10,7,0)+IF('Standard Profiles'!$G$22=$B$17,14,0)+IF('Standard Profiles'!$G$22=$B$24,21,0),MOD($C4846,24)+1)/SUM(INDEX($D$3:$AA$30,INDEX(Jesper!$R$2:$R$366,ROW(INDEX(Jesper!AL$2:AL$366,ROUNDDOWN($C4846/24,0)+1,1))-1)+IF('Standard Profiles'!$G$22=$B$10,7,0)+IF('Standard Profiles'!$G$22=$B$17,14,0)+IF('Standard Profiles'!$G$22=$B$24,21,0),0)),0)</f>
        <v>0</v>
      </c>
      <c r="I4846">
        <f t="shared" si="545"/>
        <v>0</v>
      </c>
      <c r="J4846">
        <f t="shared" si="546"/>
        <v>38.194716756991625</v>
      </c>
      <c r="K4846">
        <f t="shared" si="547"/>
        <v>3.3361781399545429</v>
      </c>
      <c r="L4846">
        <f t="shared" si="548"/>
        <v>1.6680890699772715</v>
      </c>
      <c r="M4846">
        <f t="shared" si="549"/>
        <v>0</v>
      </c>
      <c r="N4846" s="45">
        <f t="shared" si="550"/>
        <v>45127.499999988329</v>
      </c>
    </row>
    <row r="4847" spans="2:14" x14ac:dyDescent="0.25">
      <c r="B4847">
        <f t="shared" si="544"/>
        <v>4</v>
      </c>
      <c r="C4847" s="16">
        <v>4813</v>
      </c>
      <c r="D4847" cm="1">
        <f t="array" ref="D4847">IFERROR(INDEX(Jesper!AH$2:AH$366,ROUNDDOWN($C4847/24,0)+1,1)*INDEX($D$3:$AA$30,INDEX(Jesper!$R$2:$R$366,ROW(INDEX(Jesper!AH$2:AH$366,ROUNDDOWN($C4847/24,0)+1,1))-1)+IF('Standard Profiles'!$G$18=$B$10,7,0)+IF('Standard Profiles'!$G$18=$B$17,14,0)+IF('Standard Profiles'!$G$18=$B$24,21,0),MOD($C4847,24)+1)/SUM(INDEX($D$3:$AA$30,INDEX(Jesper!$R$2:$R$366,ROW(INDEX(Jesper!AH$2:AH$366,ROUNDDOWN($C4847/24,0)+1,1))-1)+IF('Standard Profiles'!$G$18=$B$10,7,0)+IF('Standard Profiles'!$G$18=$B$17,14,0)+IF('Standard Profiles'!$G$18=$B$24,21,0),0)),0)</f>
        <v>20.776645112663331</v>
      </c>
      <c r="E4847" cm="1">
        <f t="array" ref="E4847">IFERROR(INDEX(Jesper!AI$2:AI$366,ROUNDDOWN($C4847/24,0)+1,1)*INDEX($D$3:$AA$30,INDEX(Jesper!$R$2:$R$366,ROW(INDEX(Jesper!AI$2:AI$366,ROUNDDOWN($C4847/24,0)+1,1))-1)+IF('Standard Profiles'!$G$19=$B$10,7,0)+IF('Standard Profiles'!$G$19=$B$17,14,0)+IF('Standard Profiles'!$G$19=$B$24,21,0),MOD($C4847,24)+1)/SUM(INDEX($D$3:$AA$30,INDEX(Jesper!$R$2:$R$366,ROW(INDEX(Jesper!AI$2:AI$366,ROUNDDOWN($C4847/24,0)+1,1))-1)+IF('Standard Profiles'!$G$19=$B$10,7,0)+IF('Standard Profiles'!$G$19=$B$17,14,0)+IF('Standard Profiles'!$G$19=$B$24,21,0),0)),0)</f>
        <v>7.9198228082215207</v>
      </c>
      <c r="F4847" cm="1">
        <f t="array" ref="F4847">IFERROR(INDEX(Jesper!AJ$2:AJ$366,ROUNDDOWN($C4847/24,0)+1,1)*INDEX($D$3:$AA$30,INDEX(Jesper!$R$2:$R$366,ROW(INDEX(Jesper!AJ$2:AJ$366,ROUNDDOWN($C4847/24,0)+1,1))-1)+IF('Standard Profiles'!$G$20=$B$10,7,0)+IF('Standard Profiles'!$G$20=$B$17,14,0)+IF('Standard Profiles'!$G$20=$B$24,21,0),MOD($C4847,24)+1)/SUM(INDEX($D$3:$AA$30,INDEX(Jesper!$R$2:$R$366,ROW(INDEX(Jesper!AJ$2:AJ$366,ROUNDDOWN($C4847/24,0)+1,1))-1)+IF('Standard Profiles'!$G$20=$B$10,7,0)+IF('Standard Profiles'!$G$20=$B$17,14,0)+IF('Standard Profiles'!$G$20=$B$24,21,0),0)),0)</f>
        <v>0</v>
      </c>
      <c r="G4847" cm="1">
        <f t="array" ref="G4847">IFERROR(INDEX(Jesper!AK$2:AK$366,ROUNDDOWN($C4847/24,0)+1,1)*INDEX($D$3:$AA$30,INDEX(Jesper!$R$2:$R$366,ROW(INDEX(Jesper!AK$2:AK$366,ROUNDDOWN($C4847/24,0)+1,1))-1)+IF('Standard Profiles'!$G$21=$B$10,7,0)+IF('Standard Profiles'!$G$21=$B$17,14,0)+IF('Standard Profiles'!$G$21=$B$24,21,0),MOD($C4847,24)+1)/SUM(INDEX($D$3:$AA$30,INDEX(Jesper!$R$2:$R$366,ROW(INDEX(Jesper!AK$2:AK$366,ROUNDDOWN($C4847/24,0)+1,1))-1)+IF('Standard Profiles'!$G$21=$B$10,7,0)+IF('Standard Profiles'!$G$21=$B$17,14,0)+IF('Standard Profiles'!$G$21=$B$24,21,0),0)),0)</f>
        <v>0</v>
      </c>
      <c r="H4847" cm="1">
        <f t="array" ref="H4847">IFERROR(INDEX(Jesper!AL$2:AL$366,ROUNDDOWN($C4847/24,0)+1,1)*INDEX($D$3:$AA$30,INDEX(Jesper!$R$2:$R$366,ROW(INDEX(Jesper!AL$2:AL$366,ROUNDDOWN($C4847/24,0)+1,1))-1)+IF('Standard Profiles'!$G$22=$B$10,7,0)+IF('Standard Profiles'!$G$22=$B$17,14,0)+IF('Standard Profiles'!$G$22=$B$24,21,0),MOD($C4847,24)+1)/SUM(INDEX($D$3:$AA$30,INDEX(Jesper!$R$2:$R$366,ROW(INDEX(Jesper!AL$2:AL$366,ROUNDDOWN($C4847/24,0)+1,1))-1)+IF('Standard Profiles'!$G$22=$B$10,7,0)+IF('Standard Profiles'!$G$22=$B$17,14,0)+IF('Standard Profiles'!$G$22=$B$24,21,0),0)),0)</f>
        <v>0</v>
      </c>
      <c r="I4847">
        <f t="shared" si="545"/>
        <v>0</v>
      </c>
      <c r="J4847">
        <f t="shared" si="546"/>
        <v>25.372204702858721</v>
      </c>
      <c r="K4847">
        <f t="shared" si="547"/>
        <v>2.216175478684089</v>
      </c>
      <c r="L4847">
        <f t="shared" si="548"/>
        <v>1.1080877393420445</v>
      </c>
      <c r="M4847">
        <f t="shared" si="549"/>
        <v>0</v>
      </c>
      <c r="N4847" s="45">
        <f t="shared" si="550"/>
        <v>45127.541666654994</v>
      </c>
    </row>
    <row r="4848" spans="2:14" x14ac:dyDescent="0.25">
      <c r="B4848">
        <f t="shared" si="544"/>
        <v>4</v>
      </c>
      <c r="C4848" s="16">
        <v>4814</v>
      </c>
      <c r="D4848" cm="1">
        <f t="array" ref="D4848">IFERROR(INDEX(Jesper!AH$2:AH$366,ROUNDDOWN($C4848/24,0)+1,1)*INDEX($D$3:$AA$30,INDEX(Jesper!$R$2:$R$366,ROW(INDEX(Jesper!AH$2:AH$366,ROUNDDOWN($C4848/24,0)+1,1))-1)+IF('Standard Profiles'!$G$18=$B$10,7,0)+IF('Standard Profiles'!$G$18=$B$17,14,0)+IF('Standard Profiles'!$G$18=$B$24,21,0),MOD($C4848,24)+1)/SUM(INDEX($D$3:$AA$30,INDEX(Jesper!$R$2:$R$366,ROW(INDEX(Jesper!AH$2:AH$366,ROUNDDOWN($C4848/24,0)+1,1))-1)+IF('Standard Profiles'!$G$18=$B$10,7,0)+IF('Standard Profiles'!$G$18=$B$17,14,0)+IF('Standard Profiles'!$G$18=$B$24,21,0),0)),0)</f>
        <v>31.276670062073837</v>
      </c>
      <c r="E4848" cm="1">
        <f t="array" ref="E4848">IFERROR(INDEX(Jesper!AI$2:AI$366,ROUNDDOWN($C4848/24,0)+1,1)*INDEX($D$3:$AA$30,INDEX(Jesper!$R$2:$R$366,ROW(INDEX(Jesper!AI$2:AI$366,ROUNDDOWN($C4848/24,0)+1,1))-1)+IF('Standard Profiles'!$G$19=$B$10,7,0)+IF('Standard Profiles'!$G$19=$B$17,14,0)+IF('Standard Profiles'!$G$19=$B$24,21,0),MOD($C4848,24)+1)/SUM(INDEX($D$3:$AA$30,INDEX(Jesper!$R$2:$R$366,ROW(INDEX(Jesper!AI$2:AI$366,ROUNDDOWN($C4848/24,0)+1,1))-1)+IF('Standard Profiles'!$G$19=$B$10,7,0)+IF('Standard Profiles'!$G$19=$B$17,14,0)+IF('Standard Profiles'!$G$19=$B$24,21,0),0)),0)</f>
        <v>11.922313904849601</v>
      </c>
      <c r="F4848" cm="1">
        <f t="array" ref="F4848">IFERROR(INDEX(Jesper!AJ$2:AJ$366,ROUNDDOWN($C4848/24,0)+1,1)*INDEX($D$3:$AA$30,INDEX(Jesper!$R$2:$R$366,ROW(INDEX(Jesper!AJ$2:AJ$366,ROUNDDOWN($C4848/24,0)+1,1))-1)+IF('Standard Profiles'!$G$20=$B$10,7,0)+IF('Standard Profiles'!$G$20=$B$17,14,0)+IF('Standard Profiles'!$G$20=$B$24,21,0),MOD($C4848,24)+1)/SUM(INDEX($D$3:$AA$30,INDEX(Jesper!$R$2:$R$366,ROW(INDEX(Jesper!AJ$2:AJ$366,ROUNDDOWN($C4848/24,0)+1,1))-1)+IF('Standard Profiles'!$G$20=$B$10,7,0)+IF('Standard Profiles'!$G$20=$B$17,14,0)+IF('Standard Profiles'!$G$20=$B$24,21,0),0)),0)</f>
        <v>0</v>
      </c>
      <c r="G4848" cm="1">
        <f t="array" ref="G4848">IFERROR(INDEX(Jesper!AK$2:AK$366,ROUNDDOWN($C4848/24,0)+1,1)*INDEX($D$3:$AA$30,INDEX(Jesper!$R$2:$R$366,ROW(INDEX(Jesper!AK$2:AK$366,ROUNDDOWN($C4848/24,0)+1,1))-1)+IF('Standard Profiles'!$G$21=$B$10,7,0)+IF('Standard Profiles'!$G$21=$B$17,14,0)+IF('Standard Profiles'!$G$21=$B$24,21,0),MOD($C4848,24)+1)/SUM(INDEX($D$3:$AA$30,INDEX(Jesper!$R$2:$R$366,ROW(INDEX(Jesper!AK$2:AK$366,ROUNDDOWN($C4848/24,0)+1,1))-1)+IF('Standard Profiles'!$G$21=$B$10,7,0)+IF('Standard Profiles'!$G$21=$B$17,14,0)+IF('Standard Profiles'!$G$21=$B$24,21,0),0)),0)</f>
        <v>0</v>
      </c>
      <c r="H4848" cm="1">
        <f t="array" ref="H4848">IFERROR(INDEX(Jesper!AL$2:AL$366,ROUNDDOWN($C4848/24,0)+1,1)*INDEX($D$3:$AA$30,INDEX(Jesper!$R$2:$R$366,ROW(INDEX(Jesper!AL$2:AL$366,ROUNDDOWN($C4848/24,0)+1,1))-1)+IF('Standard Profiles'!$G$22=$B$10,7,0)+IF('Standard Profiles'!$G$22=$B$17,14,0)+IF('Standard Profiles'!$G$22=$B$24,21,0),MOD($C4848,24)+1)/SUM(INDEX($D$3:$AA$30,INDEX(Jesper!$R$2:$R$366,ROW(INDEX(Jesper!AL$2:AL$366,ROUNDDOWN($C4848/24,0)+1,1))-1)+IF('Standard Profiles'!$G$22=$B$10,7,0)+IF('Standard Profiles'!$G$22=$B$17,14,0)+IF('Standard Profiles'!$G$22=$B$24,21,0),0)),0)</f>
        <v>0</v>
      </c>
      <c r="I4848">
        <f t="shared" si="545"/>
        <v>0</v>
      </c>
      <c r="J4848">
        <f t="shared" si="546"/>
        <v>38.194716756991625</v>
      </c>
      <c r="K4848">
        <f t="shared" si="547"/>
        <v>3.3361781399545429</v>
      </c>
      <c r="L4848">
        <f t="shared" si="548"/>
        <v>1.6680890699772715</v>
      </c>
      <c r="M4848">
        <f t="shared" si="549"/>
        <v>0</v>
      </c>
      <c r="N4848" s="45">
        <f t="shared" si="550"/>
        <v>45127.583333321658</v>
      </c>
    </row>
    <row r="4849" spans="2:14" x14ac:dyDescent="0.25">
      <c r="B4849">
        <f t="shared" si="544"/>
        <v>4</v>
      </c>
      <c r="C4849" s="16">
        <v>4815</v>
      </c>
      <c r="D4849" cm="1">
        <f t="array" ref="D4849">IFERROR(INDEX(Jesper!AH$2:AH$366,ROUNDDOWN($C4849/24,0)+1,1)*INDEX($D$3:$AA$30,INDEX(Jesper!$R$2:$R$366,ROW(INDEX(Jesper!AH$2:AH$366,ROUNDDOWN($C4849/24,0)+1,1))-1)+IF('Standard Profiles'!$G$18=$B$10,7,0)+IF('Standard Profiles'!$G$18=$B$17,14,0)+IF('Standard Profiles'!$G$18=$B$24,21,0),MOD($C4849,24)+1)/SUM(INDEX($D$3:$AA$30,INDEX(Jesper!$R$2:$R$366,ROW(INDEX(Jesper!AH$2:AH$366,ROUNDDOWN($C4849/24,0)+1,1))-1)+IF('Standard Profiles'!$G$18=$B$10,7,0)+IF('Standard Profiles'!$G$18=$B$17,14,0)+IF('Standard Profiles'!$G$18=$B$24,21,0),0)),0)</f>
        <v>31.276670062073837</v>
      </c>
      <c r="E4849" cm="1">
        <f t="array" ref="E4849">IFERROR(INDEX(Jesper!AI$2:AI$366,ROUNDDOWN($C4849/24,0)+1,1)*INDEX($D$3:$AA$30,INDEX(Jesper!$R$2:$R$366,ROW(INDEX(Jesper!AI$2:AI$366,ROUNDDOWN($C4849/24,0)+1,1))-1)+IF('Standard Profiles'!$G$19=$B$10,7,0)+IF('Standard Profiles'!$G$19=$B$17,14,0)+IF('Standard Profiles'!$G$19=$B$24,21,0),MOD($C4849,24)+1)/SUM(INDEX($D$3:$AA$30,INDEX(Jesper!$R$2:$R$366,ROW(INDEX(Jesper!AI$2:AI$366,ROUNDDOWN($C4849/24,0)+1,1))-1)+IF('Standard Profiles'!$G$19=$B$10,7,0)+IF('Standard Profiles'!$G$19=$B$17,14,0)+IF('Standard Profiles'!$G$19=$B$24,21,0),0)),0)</f>
        <v>11.922313904849601</v>
      </c>
      <c r="F4849" cm="1">
        <f t="array" ref="F4849">IFERROR(INDEX(Jesper!AJ$2:AJ$366,ROUNDDOWN($C4849/24,0)+1,1)*INDEX($D$3:$AA$30,INDEX(Jesper!$R$2:$R$366,ROW(INDEX(Jesper!AJ$2:AJ$366,ROUNDDOWN($C4849/24,0)+1,1))-1)+IF('Standard Profiles'!$G$20=$B$10,7,0)+IF('Standard Profiles'!$G$20=$B$17,14,0)+IF('Standard Profiles'!$G$20=$B$24,21,0),MOD($C4849,24)+1)/SUM(INDEX($D$3:$AA$30,INDEX(Jesper!$R$2:$R$366,ROW(INDEX(Jesper!AJ$2:AJ$366,ROUNDDOWN($C4849/24,0)+1,1))-1)+IF('Standard Profiles'!$G$20=$B$10,7,0)+IF('Standard Profiles'!$G$20=$B$17,14,0)+IF('Standard Profiles'!$G$20=$B$24,21,0),0)),0)</f>
        <v>0</v>
      </c>
      <c r="G4849" cm="1">
        <f t="array" ref="G4849">IFERROR(INDEX(Jesper!AK$2:AK$366,ROUNDDOWN($C4849/24,0)+1,1)*INDEX($D$3:$AA$30,INDEX(Jesper!$R$2:$R$366,ROW(INDEX(Jesper!AK$2:AK$366,ROUNDDOWN($C4849/24,0)+1,1))-1)+IF('Standard Profiles'!$G$21=$B$10,7,0)+IF('Standard Profiles'!$G$21=$B$17,14,0)+IF('Standard Profiles'!$G$21=$B$24,21,0),MOD($C4849,24)+1)/SUM(INDEX($D$3:$AA$30,INDEX(Jesper!$R$2:$R$366,ROW(INDEX(Jesper!AK$2:AK$366,ROUNDDOWN($C4849/24,0)+1,1))-1)+IF('Standard Profiles'!$G$21=$B$10,7,0)+IF('Standard Profiles'!$G$21=$B$17,14,0)+IF('Standard Profiles'!$G$21=$B$24,21,0),0)),0)</f>
        <v>0</v>
      </c>
      <c r="H4849" cm="1">
        <f t="array" ref="H4849">IFERROR(INDEX(Jesper!AL$2:AL$366,ROUNDDOWN($C4849/24,0)+1,1)*INDEX($D$3:$AA$30,INDEX(Jesper!$R$2:$R$366,ROW(INDEX(Jesper!AL$2:AL$366,ROUNDDOWN($C4849/24,0)+1,1))-1)+IF('Standard Profiles'!$G$22=$B$10,7,0)+IF('Standard Profiles'!$G$22=$B$17,14,0)+IF('Standard Profiles'!$G$22=$B$24,21,0),MOD($C4849,24)+1)/SUM(INDEX($D$3:$AA$30,INDEX(Jesper!$R$2:$R$366,ROW(INDEX(Jesper!AL$2:AL$366,ROUNDDOWN($C4849/24,0)+1,1))-1)+IF('Standard Profiles'!$G$22=$B$10,7,0)+IF('Standard Profiles'!$G$22=$B$17,14,0)+IF('Standard Profiles'!$G$22=$B$24,21,0),0)),0)</f>
        <v>0</v>
      </c>
      <c r="I4849">
        <f t="shared" si="545"/>
        <v>0</v>
      </c>
      <c r="J4849">
        <f t="shared" si="546"/>
        <v>38.194716756991625</v>
      </c>
      <c r="K4849">
        <f t="shared" si="547"/>
        <v>3.3361781399545429</v>
      </c>
      <c r="L4849">
        <f t="shared" si="548"/>
        <v>1.6680890699772715</v>
      </c>
      <c r="M4849">
        <f t="shared" si="549"/>
        <v>0</v>
      </c>
      <c r="N4849" s="45">
        <f t="shared" si="550"/>
        <v>45127.624999988322</v>
      </c>
    </row>
    <row r="4850" spans="2:14" x14ac:dyDescent="0.25">
      <c r="B4850">
        <f t="shared" si="544"/>
        <v>4</v>
      </c>
      <c r="C4850" s="16">
        <v>4816</v>
      </c>
      <c r="D4850" cm="1">
        <f t="array" ref="D4850">IFERROR(INDEX(Jesper!AH$2:AH$366,ROUNDDOWN($C4850/24,0)+1,1)*INDEX($D$3:$AA$30,INDEX(Jesper!$R$2:$R$366,ROW(INDEX(Jesper!AH$2:AH$366,ROUNDDOWN($C4850/24,0)+1,1))-1)+IF('Standard Profiles'!$G$18=$B$10,7,0)+IF('Standard Profiles'!$G$18=$B$17,14,0)+IF('Standard Profiles'!$G$18=$B$24,21,0),MOD($C4850,24)+1)/SUM(INDEX($D$3:$AA$30,INDEX(Jesper!$R$2:$R$366,ROW(INDEX(Jesper!AH$2:AH$366,ROUNDDOWN($C4850/24,0)+1,1))-1)+IF('Standard Profiles'!$G$18=$B$10,7,0)+IF('Standard Profiles'!$G$18=$B$17,14,0)+IF('Standard Profiles'!$G$18=$B$24,21,0),0)),0)</f>
        <v>18.430894858007797</v>
      </c>
      <c r="E4850" cm="1">
        <f t="array" ref="E4850">IFERROR(INDEX(Jesper!AI$2:AI$366,ROUNDDOWN($C4850/24,0)+1,1)*INDEX($D$3:$AA$30,INDEX(Jesper!$R$2:$R$366,ROW(INDEX(Jesper!AI$2:AI$366,ROUNDDOWN($C4850/24,0)+1,1))-1)+IF('Standard Profiles'!$G$19=$B$10,7,0)+IF('Standard Profiles'!$G$19=$B$17,14,0)+IF('Standard Profiles'!$G$19=$B$24,21,0),MOD($C4850,24)+1)/SUM(INDEX($D$3:$AA$30,INDEX(Jesper!$R$2:$R$366,ROW(INDEX(Jesper!AI$2:AI$366,ROUNDDOWN($C4850/24,0)+1,1))-1)+IF('Standard Profiles'!$G$19=$B$10,7,0)+IF('Standard Profiles'!$G$19=$B$17,14,0)+IF('Standard Profiles'!$G$19=$B$24,21,0),0)),0)</f>
        <v>7.0256492653578002</v>
      </c>
      <c r="F4850" cm="1">
        <f t="array" ref="F4850">IFERROR(INDEX(Jesper!AJ$2:AJ$366,ROUNDDOWN($C4850/24,0)+1,1)*INDEX($D$3:$AA$30,INDEX(Jesper!$R$2:$R$366,ROW(INDEX(Jesper!AJ$2:AJ$366,ROUNDDOWN($C4850/24,0)+1,1))-1)+IF('Standard Profiles'!$G$20=$B$10,7,0)+IF('Standard Profiles'!$G$20=$B$17,14,0)+IF('Standard Profiles'!$G$20=$B$24,21,0),MOD($C4850,24)+1)/SUM(INDEX($D$3:$AA$30,INDEX(Jesper!$R$2:$R$366,ROW(INDEX(Jesper!AJ$2:AJ$366,ROUNDDOWN($C4850/24,0)+1,1))-1)+IF('Standard Profiles'!$G$20=$B$10,7,0)+IF('Standard Profiles'!$G$20=$B$17,14,0)+IF('Standard Profiles'!$G$20=$B$24,21,0),0)),0)</f>
        <v>0</v>
      </c>
      <c r="G4850" cm="1">
        <f t="array" ref="G4850">IFERROR(INDEX(Jesper!AK$2:AK$366,ROUNDDOWN($C4850/24,0)+1,1)*INDEX($D$3:$AA$30,INDEX(Jesper!$R$2:$R$366,ROW(INDEX(Jesper!AK$2:AK$366,ROUNDDOWN($C4850/24,0)+1,1))-1)+IF('Standard Profiles'!$G$21=$B$10,7,0)+IF('Standard Profiles'!$G$21=$B$17,14,0)+IF('Standard Profiles'!$G$21=$B$24,21,0),MOD($C4850,24)+1)/SUM(INDEX($D$3:$AA$30,INDEX(Jesper!$R$2:$R$366,ROW(INDEX(Jesper!AK$2:AK$366,ROUNDDOWN($C4850/24,0)+1,1))-1)+IF('Standard Profiles'!$G$21=$B$10,7,0)+IF('Standard Profiles'!$G$21=$B$17,14,0)+IF('Standard Profiles'!$G$21=$B$24,21,0),0)),0)</f>
        <v>0</v>
      </c>
      <c r="H4850" cm="1">
        <f t="array" ref="H4850">IFERROR(INDEX(Jesper!AL$2:AL$366,ROUNDDOWN($C4850/24,0)+1,1)*INDEX($D$3:$AA$30,INDEX(Jesper!$R$2:$R$366,ROW(INDEX(Jesper!AL$2:AL$366,ROUNDDOWN($C4850/24,0)+1,1))-1)+IF('Standard Profiles'!$G$22=$B$10,7,0)+IF('Standard Profiles'!$G$22=$B$17,14,0)+IF('Standard Profiles'!$G$22=$B$24,21,0),MOD($C4850,24)+1)/SUM(INDEX($D$3:$AA$30,INDEX(Jesper!$R$2:$R$366,ROW(INDEX(Jesper!AL$2:AL$366,ROUNDDOWN($C4850/24,0)+1,1))-1)+IF('Standard Profiles'!$G$22=$B$10,7,0)+IF('Standard Profiles'!$G$22=$B$17,14,0)+IF('Standard Profiles'!$G$22=$B$24,21,0),0)),0)</f>
        <v>0</v>
      </c>
      <c r="I4850">
        <f t="shared" si="545"/>
        <v>0</v>
      </c>
      <c r="J4850">
        <f t="shared" si="546"/>
        <v>22.507600946084349</v>
      </c>
      <c r="K4850">
        <f t="shared" si="547"/>
        <v>1.9659621181874984</v>
      </c>
      <c r="L4850">
        <f t="shared" si="548"/>
        <v>0.98298105909374922</v>
      </c>
      <c r="M4850">
        <f t="shared" si="549"/>
        <v>0</v>
      </c>
      <c r="N4850" s="45">
        <f t="shared" si="550"/>
        <v>45127.666666654986</v>
      </c>
    </row>
    <row r="4851" spans="2:14" x14ac:dyDescent="0.25">
      <c r="B4851">
        <f t="shared" si="544"/>
        <v>4</v>
      </c>
      <c r="C4851" s="16">
        <v>4817</v>
      </c>
      <c r="D4851" cm="1">
        <f t="array" ref="D4851">IFERROR(INDEX(Jesper!AH$2:AH$366,ROUNDDOWN($C4851/24,0)+1,1)*INDEX($D$3:$AA$30,INDEX(Jesper!$R$2:$R$366,ROW(INDEX(Jesper!AH$2:AH$366,ROUNDDOWN($C4851/24,0)+1,1))-1)+IF('Standard Profiles'!$G$18=$B$10,7,0)+IF('Standard Profiles'!$G$18=$B$17,14,0)+IF('Standard Profiles'!$G$18=$B$24,21,0),MOD($C4851,24)+1)/SUM(INDEX($D$3:$AA$30,INDEX(Jesper!$R$2:$R$366,ROW(INDEX(Jesper!AH$2:AH$366,ROUNDDOWN($C4851/24,0)+1,1))-1)+IF('Standard Profiles'!$G$18=$B$10,7,0)+IF('Standard Profiles'!$G$18=$B$17,14,0)+IF('Standard Profiles'!$G$18=$B$24,21,0),0)),0)</f>
        <v>7.8663657097771225</v>
      </c>
      <c r="E4851" cm="1">
        <f t="array" ref="E4851">IFERROR(INDEX(Jesper!AI$2:AI$366,ROUNDDOWN($C4851/24,0)+1,1)*INDEX($D$3:$AA$30,INDEX(Jesper!$R$2:$R$366,ROW(INDEX(Jesper!AI$2:AI$366,ROUNDDOWN($C4851/24,0)+1,1))-1)+IF('Standard Profiles'!$G$19=$B$10,7,0)+IF('Standard Profiles'!$G$19=$B$17,14,0)+IF('Standard Profiles'!$G$19=$B$24,21,0),MOD($C4851,24)+1)/SUM(INDEX($D$3:$AA$30,INDEX(Jesper!$R$2:$R$366,ROW(INDEX(Jesper!AI$2:AI$366,ROUNDDOWN($C4851/24,0)+1,1))-1)+IF('Standard Profiles'!$G$19=$B$10,7,0)+IF('Standard Profiles'!$G$19=$B$17,14,0)+IF('Standard Profiles'!$G$19=$B$24,21,0),0)),0)</f>
        <v>2.9985698955859159</v>
      </c>
      <c r="F4851" cm="1">
        <f t="array" ref="F4851">IFERROR(INDEX(Jesper!AJ$2:AJ$366,ROUNDDOWN($C4851/24,0)+1,1)*INDEX($D$3:$AA$30,INDEX(Jesper!$R$2:$R$366,ROW(INDEX(Jesper!AJ$2:AJ$366,ROUNDDOWN($C4851/24,0)+1,1))-1)+IF('Standard Profiles'!$G$20=$B$10,7,0)+IF('Standard Profiles'!$G$20=$B$17,14,0)+IF('Standard Profiles'!$G$20=$B$24,21,0),MOD($C4851,24)+1)/SUM(INDEX($D$3:$AA$30,INDEX(Jesper!$R$2:$R$366,ROW(INDEX(Jesper!AJ$2:AJ$366,ROUNDDOWN($C4851/24,0)+1,1))-1)+IF('Standard Profiles'!$G$20=$B$10,7,0)+IF('Standard Profiles'!$G$20=$B$17,14,0)+IF('Standard Profiles'!$G$20=$B$24,21,0),0)),0)</f>
        <v>0</v>
      </c>
      <c r="G4851" cm="1">
        <f t="array" ref="G4851">IFERROR(INDEX(Jesper!AK$2:AK$366,ROUNDDOWN($C4851/24,0)+1,1)*INDEX($D$3:$AA$30,INDEX(Jesper!$R$2:$R$366,ROW(INDEX(Jesper!AK$2:AK$366,ROUNDDOWN($C4851/24,0)+1,1))-1)+IF('Standard Profiles'!$G$21=$B$10,7,0)+IF('Standard Profiles'!$G$21=$B$17,14,0)+IF('Standard Profiles'!$G$21=$B$24,21,0),MOD($C4851,24)+1)/SUM(INDEX($D$3:$AA$30,INDEX(Jesper!$R$2:$R$366,ROW(INDEX(Jesper!AK$2:AK$366,ROUNDDOWN($C4851/24,0)+1,1))-1)+IF('Standard Profiles'!$G$21=$B$10,7,0)+IF('Standard Profiles'!$G$21=$B$17,14,0)+IF('Standard Profiles'!$G$21=$B$24,21,0),0)),0)</f>
        <v>0</v>
      </c>
      <c r="H4851" cm="1">
        <f t="array" ref="H4851">IFERROR(INDEX(Jesper!AL$2:AL$366,ROUNDDOWN($C4851/24,0)+1,1)*INDEX($D$3:$AA$30,INDEX(Jesper!$R$2:$R$366,ROW(INDEX(Jesper!AL$2:AL$366,ROUNDDOWN($C4851/24,0)+1,1))-1)+IF('Standard Profiles'!$G$22=$B$10,7,0)+IF('Standard Profiles'!$G$22=$B$17,14,0)+IF('Standard Profiles'!$G$22=$B$24,21,0),MOD($C4851,24)+1)/SUM(INDEX($D$3:$AA$30,INDEX(Jesper!$R$2:$R$366,ROW(INDEX(Jesper!AL$2:AL$366,ROUNDDOWN($C4851/24,0)+1,1))-1)+IF('Standard Profiles'!$G$22=$B$10,7,0)+IF('Standard Profiles'!$G$22=$B$17,14,0)+IF('Standard Profiles'!$G$22=$B$24,21,0),0)),0)</f>
        <v>0</v>
      </c>
      <c r="I4851">
        <f t="shared" si="545"/>
        <v>0</v>
      </c>
      <c r="J4851">
        <f t="shared" si="546"/>
        <v>9.6063170917986991</v>
      </c>
      <c r="K4851">
        <f t="shared" si="547"/>
        <v>0.83907900904289312</v>
      </c>
      <c r="L4851">
        <f t="shared" si="548"/>
        <v>0.41953950452144656</v>
      </c>
      <c r="M4851">
        <f t="shared" si="549"/>
        <v>0</v>
      </c>
      <c r="N4851" s="45">
        <f t="shared" si="550"/>
        <v>45127.708333321651</v>
      </c>
    </row>
    <row r="4852" spans="2:14" x14ac:dyDescent="0.25">
      <c r="B4852">
        <f t="shared" si="544"/>
        <v>4</v>
      </c>
      <c r="C4852" s="16">
        <v>4818</v>
      </c>
      <c r="D4852" cm="1">
        <f t="array" ref="D4852">IFERROR(INDEX(Jesper!AH$2:AH$366,ROUNDDOWN($C4852/24,0)+1,1)*INDEX($D$3:$AA$30,INDEX(Jesper!$R$2:$R$366,ROW(INDEX(Jesper!AH$2:AH$366,ROUNDDOWN($C4852/24,0)+1,1))-1)+IF('Standard Profiles'!$G$18=$B$10,7,0)+IF('Standard Profiles'!$G$18=$B$17,14,0)+IF('Standard Profiles'!$G$18=$B$24,21,0),MOD($C4852,24)+1)/SUM(INDEX($D$3:$AA$30,INDEX(Jesper!$R$2:$R$366,ROW(INDEX(Jesper!AH$2:AH$366,ROUNDDOWN($C4852/24,0)+1,1))-1)+IF('Standard Profiles'!$G$18=$B$10,7,0)+IF('Standard Profiles'!$G$18=$B$17,14,0)+IF('Standard Profiles'!$G$18=$B$24,21,0),0)),0)</f>
        <v>5.191801368452901</v>
      </c>
      <c r="E4852" cm="1">
        <f t="array" ref="E4852">IFERROR(INDEX(Jesper!AI$2:AI$366,ROUNDDOWN($C4852/24,0)+1,1)*INDEX($D$3:$AA$30,INDEX(Jesper!$R$2:$R$366,ROW(INDEX(Jesper!AI$2:AI$366,ROUNDDOWN($C4852/24,0)+1,1))-1)+IF('Standard Profiles'!$G$19=$B$10,7,0)+IF('Standard Profiles'!$G$19=$B$17,14,0)+IF('Standard Profiles'!$G$19=$B$24,21,0),MOD($C4852,24)+1)/SUM(INDEX($D$3:$AA$30,INDEX(Jesper!$R$2:$R$366,ROW(INDEX(Jesper!AI$2:AI$366,ROUNDDOWN($C4852/24,0)+1,1))-1)+IF('Standard Profiles'!$G$19=$B$10,7,0)+IF('Standard Profiles'!$G$19=$B$17,14,0)+IF('Standard Profiles'!$G$19=$B$24,21,0),0)),0)</f>
        <v>1.9790561310867045</v>
      </c>
      <c r="F4852" cm="1">
        <f t="array" ref="F4852">IFERROR(INDEX(Jesper!AJ$2:AJ$366,ROUNDDOWN($C4852/24,0)+1,1)*INDEX($D$3:$AA$30,INDEX(Jesper!$R$2:$R$366,ROW(INDEX(Jesper!AJ$2:AJ$366,ROUNDDOWN($C4852/24,0)+1,1))-1)+IF('Standard Profiles'!$G$20=$B$10,7,0)+IF('Standard Profiles'!$G$20=$B$17,14,0)+IF('Standard Profiles'!$G$20=$B$24,21,0),MOD($C4852,24)+1)/SUM(INDEX($D$3:$AA$30,INDEX(Jesper!$R$2:$R$366,ROW(INDEX(Jesper!AJ$2:AJ$366,ROUNDDOWN($C4852/24,0)+1,1))-1)+IF('Standard Profiles'!$G$20=$B$10,7,0)+IF('Standard Profiles'!$G$20=$B$17,14,0)+IF('Standard Profiles'!$G$20=$B$24,21,0),0)),0)</f>
        <v>0</v>
      </c>
      <c r="G4852" cm="1">
        <f t="array" ref="G4852">IFERROR(INDEX(Jesper!AK$2:AK$366,ROUNDDOWN($C4852/24,0)+1,1)*INDEX($D$3:$AA$30,INDEX(Jesper!$R$2:$R$366,ROW(INDEX(Jesper!AK$2:AK$366,ROUNDDOWN($C4852/24,0)+1,1))-1)+IF('Standard Profiles'!$G$21=$B$10,7,0)+IF('Standard Profiles'!$G$21=$B$17,14,0)+IF('Standard Profiles'!$G$21=$B$24,21,0),MOD($C4852,24)+1)/SUM(INDEX($D$3:$AA$30,INDEX(Jesper!$R$2:$R$366,ROW(INDEX(Jesper!AK$2:AK$366,ROUNDDOWN($C4852/24,0)+1,1))-1)+IF('Standard Profiles'!$G$21=$B$10,7,0)+IF('Standard Profiles'!$G$21=$B$17,14,0)+IF('Standard Profiles'!$G$21=$B$24,21,0),0)),0)</f>
        <v>0</v>
      </c>
      <c r="H4852" cm="1">
        <f t="array" ref="H4852">IFERROR(INDEX(Jesper!AL$2:AL$366,ROUNDDOWN($C4852/24,0)+1,1)*INDEX($D$3:$AA$30,INDEX(Jesper!$R$2:$R$366,ROW(INDEX(Jesper!AL$2:AL$366,ROUNDDOWN($C4852/24,0)+1,1))-1)+IF('Standard Profiles'!$G$22=$B$10,7,0)+IF('Standard Profiles'!$G$22=$B$17,14,0)+IF('Standard Profiles'!$G$22=$B$24,21,0),MOD($C4852,24)+1)/SUM(INDEX($D$3:$AA$30,INDEX(Jesper!$R$2:$R$366,ROW(INDEX(Jesper!AL$2:AL$366,ROUNDDOWN($C4852/24,0)+1,1))-1)+IF('Standard Profiles'!$G$22=$B$10,7,0)+IF('Standard Profiles'!$G$22=$B$17,14,0)+IF('Standard Profiles'!$G$22=$B$24,21,0),0)),0)</f>
        <v>0</v>
      </c>
      <c r="I4852">
        <f t="shared" si="545"/>
        <v>0</v>
      </c>
      <c r="J4852">
        <f t="shared" si="546"/>
        <v>6.3401692805871406</v>
      </c>
      <c r="K4852">
        <f t="shared" si="547"/>
        <v>0.5537921459683095</v>
      </c>
      <c r="L4852">
        <f t="shared" si="548"/>
        <v>0.27689607298415475</v>
      </c>
      <c r="M4852">
        <f t="shared" si="549"/>
        <v>0</v>
      </c>
      <c r="N4852" s="45">
        <f t="shared" si="550"/>
        <v>45127.749999988315</v>
      </c>
    </row>
    <row r="4853" spans="2:14" x14ac:dyDescent="0.25">
      <c r="B4853">
        <f t="shared" si="544"/>
        <v>4</v>
      </c>
      <c r="C4853" s="16">
        <v>4819</v>
      </c>
      <c r="D4853" cm="1">
        <f t="array" ref="D4853">IFERROR(INDEX(Jesper!AH$2:AH$366,ROUNDDOWN($C4853/24,0)+1,1)*INDEX($D$3:$AA$30,INDEX(Jesper!$R$2:$R$366,ROW(INDEX(Jesper!AH$2:AH$366,ROUNDDOWN($C4853/24,0)+1,1))-1)+IF('Standard Profiles'!$G$18=$B$10,7,0)+IF('Standard Profiles'!$G$18=$B$17,14,0)+IF('Standard Profiles'!$G$18=$B$24,21,0),MOD($C4853,24)+1)/SUM(INDEX($D$3:$AA$30,INDEX(Jesper!$R$2:$R$366,ROW(INDEX(Jesper!AH$2:AH$366,ROUNDDOWN($C4853/24,0)+1,1))-1)+IF('Standard Profiles'!$G$18=$B$10,7,0)+IF('Standard Profiles'!$G$18=$B$17,14,0)+IF('Standard Profiles'!$G$18=$B$24,21,0),0)),0)</f>
        <v>5.191801368452901</v>
      </c>
      <c r="E4853" cm="1">
        <f t="array" ref="E4853">IFERROR(INDEX(Jesper!AI$2:AI$366,ROUNDDOWN($C4853/24,0)+1,1)*INDEX($D$3:$AA$30,INDEX(Jesper!$R$2:$R$366,ROW(INDEX(Jesper!AI$2:AI$366,ROUNDDOWN($C4853/24,0)+1,1))-1)+IF('Standard Profiles'!$G$19=$B$10,7,0)+IF('Standard Profiles'!$G$19=$B$17,14,0)+IF('Standard Profiles'!$G$19=$B$24,21,0),MOD($C4853,24)+1)/SUM(INDEX($D$3:$AA$30,INDEX(Jesper!$R$2:$R$366,ROW(INDEX(Jesper!AI$2:AI$366,ROUNDDOWN($C4853/24,0)+1,1))-1)+IF('Standard Profiles'!$G$19=$B$10,7,0)+IF('Standard Profiles'!$G$19=$B$17,14,0)+IF('Standard Profiles'!$G$19=$B$24,21,0),0)),0)</f>
        <v>1.9790561310867045</v>
      </c>
      <c r="F4853" cm="1">
        <f t="array" ref="F4853">IFERROR(INDEX(Jesper!AJ$2:AJ$366,ROUNDDOWN($C4853/24,0)+1,1)*INDEX($D$3:$AA$30,INDEX(Jesper!$R$2:$R$366,ROW(INDEX(Jesper!AJ$2:AJ$366,ROUNDDOWN($C4853/24,0)+1,1))-1)+IF('Standard Profiles'!$G$20=$B$10,7,0)+IF('Standard Profiles'!$G$20=$B$17,14,0)+IF('Standard Profiles'!$G$20=$B$24,21,0),MOD($C4853,24)+1)/SUM(INDEX($D$3:$AA$30,INDEX(Jesper!$R$2:$R$366,ROW(INDEX(Jesper!AJ$2:AJ$366,ROUNDDOWN($C4853/24,0)+1,1))-1)+IF('Standard Profiles'!$G$20=$B$10,7,0)+IF('Standard Profiles'!$G$20=$B$17,14,0)+IF('Standard Profiles'!$G$20=$B$24,21,0),0)),0)</f>
        <v>0</v>
      </c>
      <c r="G4853" cm="1">
        <f t="array" ref="G4853">IFERROR(INDEX(Jesper!AK$2:AK$366,ROUNDDOWN($C4853/24,0)+1,1)*INDEX($D$3:$AA$30,INDEX(Jesper!$R$2:$R$366,ROW(INDEX(Jesper!AK$2:AK$366,ROUNDDOWN($C4853/24,0)+1,1))-1)+IF('Standard Profiles'!$G$21=$B$10,7,0)+IF('Standard Profiles'!$G$21=$B$17,14,0)+IF('Standard Profiles'!$G$21=$B$24,21,0),MOD($C4853,24)+1)/SUM(INDEX($D$3:$AA$30,INDEX(Jesper!$R$2:$R$366,ROW(INDEX(Jesper!AK$2:AK$366,ROUNDDOWN($C4853/24,0)+1,1))-1)+IF('Standard Profiles'!$G$21=$B$10,7,0)+IF('Standard Profiles'!$G$21=$B$17,14,0)+IF('Standard Profiles'!$G$21=$B$24,21,0),0)),0)</f>
        <v>0</v>
      </c>
      <c r="H4853" cm="1">
        <f t="array" ref="H4853">IFERROR(INDEX(Jesper!AL$2:AL$366,ROUNDDOWN($C4853/24,0)+1,1)*INDEX($D$3:$AA$30,INDEX(Jesper!$R$2:$R$366,ROW(INDEX(Jesper!AL$2:AL$366,ROUNDDOWN($C4853/24,0)+1,1))-1)+IF('Standard Profiles'!$G$22=$B$10,7,0)+IF('Standard Profiles'!$G$22=$B$17,14,0)+IF('Standard Profiles'!$G$22=$B$24,21,0),MOD($C4853,24)+1)/SUM(INDEX($D$3:$AA$30,INDEX(Jesper!$R$2:$R$366,ROW(INDEX(Jesper!AL$2:AL$366,ROUNDDOWN($C4853/24,0)+1,1))-1)+IF('Standard Profiles'!$G$22=$B$10,7,0)+IF('Standard Profiles'!$G$22=$B$17,14,0)+IF('Standard Profiles'!$G$22=$B$24,21,0),0)),0)</f>
        <v>0</v>
      </c>
      <c r="I4853">
        <f t="shared" si="545"/>
        <v>0</v>
      </c>
      <c r="J4853">
        <f t="shared" si="546"/>
        <v>6.3401692805871406</v>
      </c>
      <c r="K4853">
        <f t="shared" si="547"/>
        <v>0.5537921459683095</v>
      </c>
      <c r="L4853">
        <f t="shared" si="548"/>
        <v>0.27689607298415475</v>
      </c>
      <c r="M4853">
        <f t="shared" si="549"/>
        <v>0</v>
      </c>
      <c r="N4853" s="45">
        <f t="shared" si="550"/>
        <v>45127.791666654979</v>
      </c>
    </row>
    <row r="4854" spans="2:14" x14ac:dyDescent="0.25">
      <c r="B4854">
        <f t="shared" si="544"/>
        <v>4</v>
      </c>
      <c r="C4854" s="16">
        <v>4820</v>
      </c>
      <c r="D4854" cm="1">
        <f t="array" ref="D4854">IFERROR(INDEX(Jesper!AH$2:AH$366,ROUNDDOWN($C4854/24,0)+1,1)*INDEX($D$3:$AA$30,INDEX(Jesper!$R$2:$R$366,ROW(INDEX(Jesper!AH$2:AH$366,ROUNDDOWN($C4854/24,0)+1,1))-1)+IF('Standard Profiles'!$G$18=$B$10,7,0)+IF('Standard Profiles'!$G$18=$B$17,14,0)+IF('Standard Profiles'!$G$18=$B$24,21,0),MOD($C4854,24)+1)/SUM(INDEX($D$3:$AA$30,INDEX(Jesper!$R$2:$R$366,ROW(INDEX(Jesper!AH$2:AH$366,ROUNDDOWN($C4854/24,0)+1,1))-1)+IF('Standard Profiles'!$G$18=$B$10,7,0)+IF('Standard Profiles'!$G$18=$B$17,14,0)+IF('Standard Profiles'!$G$18=$B$24,21,0),0)),0)</f>
        <v>5.191801368452901</v>
      </c>
      <c r="E4854" cm="1">
        <f t="array" ref="E4854">IFERROR(INDEX(Jesper!AI$2:AI$366,ROUNDDOWN($C4854/24,0)+1,1)*INDEX($D$3:$AA$30,INDEX(Jesper!$R$2:$R$366,ROW(INDEX(Jesper!AI$2:AI$366,ROUNDDOWN($C4854/24,0)+1,1))-1)+IF('Standard Profiles'!$G$19=$B$10,7,0)+IF('Standard Profiles'!$G$19=$B$17,14,0)+IF('Standard Profiles'!$G$19=$B$24,21,0),MOD($C4854,24)+1)/SUM(INDEX($D$3:$AA$30,INDEX(Jesper!$R$2:$R$366,ROW(INDEX(Jesper!AI$2:AI$366,ROUNDDOWN($C4854/24,0)+1,1))-1)+IF('Standard Profiles'!$G$19=$B$10,7,0)+IF('Standard Profiles'!$G$19=$B$17,14,0)+IF('Standard Profiles'!$G$19=$B$24,21,0),0)),0)</f>
        <v>1.9790561310867045</v>
      </c>
      <c r="F4854" cm="1">
        <f t="array" ref="F4854">IFERROR(INDEX(Jesper!AJ$2:AJ$366,ROUNDDOWN($C4854/24,0)+1,1)*INDEX($D$3:$AA$30,INDEX(Jesper!$R$2:$R$366,ROW(INDEX(Jesper!AJ$2:AJ$366,ROUNDDOWN($C4854/24,0)+1,1))-1)+IF('Standard Profiles'!$G$20=$B$10,7,0)+IF('Standard Profiles'!$G$20=$B$17,14,0)+IF('Standard Profiles'!$G$20=$B$24,21,0),MOD($C4854,24)+1)/SUM(INDEX($D$3:$AA$30,INDEX(Jesper!$R$2:$R$366,ROW(INDEX(Jesper!AJ$2:AJ$366,ROUNDDOWN($C4854/24,0)+1,1))-1)+IF('Standard Profiles'!$G$20=$B$10,7,0)+IF('Standard Profiles'!$G$20=$B$17,14,0)+IF('Standard Profiles'!$G$20=$B$24,21,0),0)),0)</f>
        <v>0</v>
      </c>
      <c r="G4854" cm="1">
        <f t="array" ref="G4854">IFERROR(INDEX(Jesper!AK$2:AK$366,ROUNDDOWN($C4854/24,0)+1,1)*INDEX($D$3:$AA$30,INDEX(Jesper!$R$2:$R$366,ROW(INDEX(Jesper!AK$2:AK$366,ROUNDDOWN($C4854/24,0)+1,1))-1)+IF('Standard Profiles'!$G$21=$B$10,7,0)+IF('Standard Profiles'!$G$21=$B$17,14,0)+IF('Standard Profiles'!$G$21=$B$24,21,0),MOD($C4854,24)+1)/SUM(INDEX($D$3:$AA$30,INDEX(Jesper!$R$2:$R$366,ROW(INDEX(Jesper!AK$2:AK$366,ROUNDDOWN($C4854/24,0)+1,1))-1)+IF('Standard Profiles'!$G$21=$B$10,7,0)+IF('Standard Profiles'!$G$21=$B$17,14,0)+IF('Standard Profiles'!$G$21=$B$24,21,0),0)),0)</f>
        <v>0</v>
      </c>
      <c r="H4854" cm="1">
        <f t="array" ref="H4854">IFERROR(INDEX(Jesper!AL$2:AL$366,ROUNDDOWN($C4854/24,0)+1,1)*INDEX($D$3:$AA$30,INDEX(Jesper!$R$2:$R$366,ROW(INDEX(Jesper!AL$2:AL$366,ROUNDDOWN($C4854/24,0)+1,1))-1)+IF('Standard Profiles'!$G$22=$B$10,7,0)+IF('Standard Profiles'!$G$22=$B$17,14,0)+IF('Standard Profiles'!$G$22=$B$24,21,0),MOD($C4854,24)+1)/SUM(INDEX($D$3:$AA$30,INDEX(Jesper!$R$2:$R$366,ROW(INDEX(Jesper!AL$2:AL$366,ROUNDDOWN($C4854/24,0)+1,1))-1)+IF('Standard Profiles'!$G$22=$B$10,7,0)+IF('Standard Profiles'!$G$22=$B$17,14,0)+IF('Standard Profiles'!$G$22=$B$24,21,0),0)),0)</f>
        <v>0</v>
      </c>
      <c r="I4854">
        <f t="shared" si="545"/>
        <v>0</v>
      </c>
      <c r="J4854">
        <f t="shared" si="546"/>
        <v>6.3401692805871406</v>
      </c>
      <c r="K4854">
        <f t="shared" si="547"/>
        <v>0.5537921459683095</v>
      </c>
      <c r="L4854">
        <f t="shared" si="548"/>
        <v>0.27689607298415475</v>
      </c>
      <c r="M4854">
        <f t="shared" si="549"/>
        <v>0</v>
      </c>
      <c r="N4854" s="45">
        <f t="shared" si="550"/>
        <v>45127.833333321643</v>
      </c>
    </row>
    <row r="4855" spans="2:14" x14ac:dyDescent="0.25">
      <c r="B4855">
        <f t="shared" si="544"/>
        <v>4</v>
      </c>
      <c r="C4855" s="16">
        <v>4821</v>
      </c>
      <c r="D4855" cm="1">
        <f t="array" ref="D4855">IFERROR(INDEX(Jesper!AH$2:AH$366,ROUNDDOWN($C4855/24,0)+1,1)*INDEX($D$3:$AA$30,INDEX(Jesper!$R$2:$R$366,ROW(INDEX(Jesper!AH$2:AH$366,ROUNDDOWN($C4855/24,0)+1,1))-1)+IF('Standard Profiles'!$G$18=$B$10,7,0)+IF('Standard Profiles'!$G$18=$B$17,14,0)+IF('Standard Profiles'!$G$18=$B$24,21,0),MOD($C4855,24)+1)/SUM(INDEX($D$3:$AA$30,INDEX(Jesper!$R$2:$R$366,ROW(INDEX(Jesper!AH$2:AH$366,ROUNDDOWN($C4855/24,0)+1,1))-1)+IF('Standard Profiles'!$G$18=$B$10,7,0)+IF('Standard Profiles'!$G$18=$B$17,14,0)+IF('Standard Profiles'!$G$18=$B$24,21,0),0)),0)</f>
        <v>5.191801368452901</v>
      </c>
      <c r="E4855" cm="1">
        <f t="array" ref="E4855">IFERROR(INDEX(Jesper!AI$2:AI$366,ROUNDDOWN($C4855/24,0)+1,1)*INDEX($D$3:$AA$30,INDEX(Jesper!$R$2:$R$366,ROW(INDEX(Jesper!AI$2:AI$366,ROUNDDOWN($C4855/24,0)+1,1))-1)+IF('Standard Profiles'!$G$19=$B$10,7,0)+IF('Standard Profiles'!$G$19=$B$17,14,0)+IF('Standard Profiles'!$G$19=$B$24,21,0),MOD($C4855,24)+1)/SUM(INDEX($D$3:$AA$30,INDEX(Jesper!$R$2:$R$366,ROW(INDEX(Jesper!AI$2:AI$366,ROUNDDOWN($C4855/24,0)+1,1))-1)+IF('Standard Profiles'!$G$19=$B$10,7,0)+IF('Standard Profiles'!$G$19=$B$17,14,0)+IF('Standard Profiles'!$G$19=$B$24,21,0),0)),0)</f>
        <v>1.9790561310867045</v>
      </c>
      <c r="F4855" cm="1">
        <f t="array" ref="F4855">IFERROR(INDEX(Jesper!AJ$2:AJ$366,ROUNDDOWN($C4855/24,0)+1,1)*INDEX($D$3:$AA$30,INDEX(Jesper!$R$2:$R$366,ROW(INDEX(Jesper!AJ$2:AJ$366,ROUNDDOWN($C4855/24,0)+1,1))-1)+IF('Standard Profiles'!$G$20=$B$10,7,0)+IF('Standard Profiles'!$G$20=$B$17,14,0)+IF('Standard Profiles'!$G$20=$B$24,21,0),MOD($C4855,24)+1)/SUM(INDEX($D$3:$AA$30,INDEX(Jesper!$R$2:$R$366,ROW(INDEX(Jesper!AJ$2:AJ$366,ROUNDDOWN($C4855/24,0)+1,1))-1)+IF('Standard Profiles'!$G$20=$B$10,7,0)+IF('Standard Profiles'!$G$20=$B$17,14,0)+IF('Standard Profiles'!$G$20=$B$24,21,0),0)),0)</f>
        <v>0</v>
      </c>
      <c r="G4855" cm="1">
        <f t="array" ref="G4855">IFERROR(INDEX(Jesper!AK$2:AK$366,ROUNDDOWN($C4855/24,0)+1,1)*INDEX($D$3:$AA$30,INDEX(Jesper!$R$2:$R$366,ROW(INDEX(Jesper!AK$2:AK$366,ROUNDDOWN($C4855/24,0)+1,1))-1)+IF('Standard Profiles'!$G$21=$B$10,7,0)+IF('Standard Profiles'!$G$21=$B$17,14,0)+IF('Standard Profiles'!$G$21=$B$24,21,0),MOD($C4855,24)+1)/SUM(INDEX($D$3:$AA$30,INDEX(Jesper!$R$2:$R$366,ROW(INDEX(Jesper!AK$2:AK$366,ROUNDDOWN($C4855/24,0)+1,1))-1)+IF('Standard Profiles'!$G$21=$B$10,7,0)+IF('Standard Profiles'!$G$21=$B$17,14,0)+IF('Standard Profiles'!$G$21=$B$24,21,0),0)),0)</f>
        <v>0</v>
      </c>
      <c r="H4855" cm="1">
        <f t="array" ref="H4855">IFERROR(INDEX(Jesper!AL$2:AL$366,ROUNDDOWN($C4855/24,0)+1,1)*INDEX($D$3:$AA$30,INDEX(Jesper!$R$2:$R$366,ROW(INDEX(Jesper!AL$2:AL$366,ROUNDDOWN($C4855/24,0)+1,1))-1)+IF('Standard Profiles'!$G$22=$B$10,7,0)+IF('Standard Profiles'!$G$22=$B$17,14,0)+IF('Standard Profiles'!$G$22=$B$24,21,0),MOD($C4855,24)+1)/SUM(INDEX($D$3:$AA$30,INDEX(Jesper!$R$2:$R$366,ROW(INDEX(Jesper!AL$2:AL$366,ROUNDDOWN($C4855/24,0)+1,1))-1)+IF('Standard Profiles'!$G$22=$B$10,7,0)+IF('Standard Profiles'!$G$22=$B$17,14,0)+IF('Standard Profiles'!$G$22=$B$24,21,0),0)),0)</f>
        <v>0</v>
      </c>
      <c r="I4855">
        <f t="shared" si="545"/>
        <v>0</v>
      </c>
      <c r="J4855">
        <f t="shared" si="546"/>
        <v>6.3401692805871406</v>
      </c>
      <c r="K4855">
        <f t="shared" si="547"/>
        <v>0.5537921459683095</v>
      </c>
      <c r="L4855">
        <f t="shared" si="548"/>
        <v>0.27689607298415475</v>
      </c>
      <c r="M4855">
        <f t="shared" si="549"/>
        <v>0</v>
      </c>
      <c r="N4855" s="45">
        <f t="shared" si="550"/>
        <v>45127.874999988308</v>
      </c>
    </row>
    <row r="4856" spans="2:14" x14ac:dyDescent="0.25">
      <c r="B4856">
        <f t="shared" si="544"/>
        <v>4</v>
      </c>
      <c r="C4856" s="16">
        <v>4822</v>
      </c>
      <c r="D4856" cm="1">
        <f t="array" ref="D4856">IFERROR(INDEX(Jesper!AH$2:AH$366,ROUNDDOWN($C4856/24,0)+1,1)*INDEX($D$3:$AA$30,INDEX(Jesper!$R$2:$R$366,ROW(INDEX(Jesper!AH$2:AH$366,ROUNDDOWN($C4856/24,0)+1,1))-1)+IF('Standard Profiles'!$G$18=$B$10,7,0)+IF('Standard Profiles'!$G$18=$B$17,14,0)+IF('Standard Profiles'!$G$18=$B$24,21,0),MOD($C4856,24)+1)/SUM(INDEX($D$3:$AA$30,INDEX(Jesper!$R$2:$R$366,ROW(INDEX(Jesper!AH$2:AH$366,ROUNDDOWN($C4856/24,0)+1,1))-1)+IF('Standard Profiles'!$G$18=$B$10,7,0)+IF('Standard Profiles'!$G$18=$B$17,14,0)+IF('Standard Profiles'!$G$18=$B$24,21,0),0)),0)</f>
        <v>5.191801368452901</v>
      </c>
      <c r="E4856" cm="1">
        <f t="array" ref="E4856">IFERROR(INDEX(Jesper!AI$2:AI$366,ROUNDDOWN($C4856/24,0)+1,1)*INDEX($D$3:$AA$30,INDEX(Jesper!$R$2:$R$366,ROW(INDEX(Jesper!AI$2:AI$366,ROUNDDOWN($C4856/24,0)+1,1))-1)+IF('Standard Profiles'!$G$19=$B$10,7,0)+IF('Standard Profiles'!$G$19=$B$17,14,0)+IF('Standard Profiles'!$G$19=$B$24,21,0),MOD($C4856,24)+1)/SUM(INDEX($D$3:$AA$30,INDEX(Jesper!$R$2:$R$366,ROW(INDEX(Jesper!AI$2:AI$366,ROUNDDOWN($C4856/24,0)+1,1))-1)+IF('Standard Profiles'!$G$19=$B$10,7,0)+IF('Standard Profiles'!$G$19=$B$17,14,0)+IF('Standard Profiles'!$G$19=$B$24,21,0),0)),0)</f>
        <v>1.9790561310867045</v>
      </c>
      <c r="F4856" cm="1">
        <f t="array" ref="F4856">IFERROR(INDEX(Jesper!AJ$2:AJ$366,ROUNDDOWN($C4856/24,0)+1,1)*INDEX($D$3:$AA$30,INDEX(Jesper!$R$2:$R$366,ROW(INDEX(Jesper!AJ$2:AJ$366,ROUNDDOWN($C4856/24,0)+1,1))-1)+IF('Standard Profiles'!$G$20=$B$10,7,0)+IF('Standard Profiles'!$G$20=$B$17,14,0)+IF('Standard Profiles'!$G$20=$B$24,21,0),MOD($C4856,24)+1)/SUM(INDEX($D$3:$AA$30,INDEX(Jesper!$R$2:$R$366,ROW(INDEX(Jesper!AJ$2:AJ$366,ROUNDDOWN($C4856/24,0)+1,1))-1)+IF('Standard Profiles'!$G$20=$B$10,7,0)+IF('Standard Profiles'!$G$20=$B$17,14,0)+IF('Standard Profiles'!$G$20=$B$24,21,0),0)),0)</f>
        <v>0</v>
      </c>
      <c r="G4856" cm="1">
        <f t="array" ref="G4856">IFERROR(INDEX(Jesper!AK$2:AK$366,ROUNDDOWN($C4856/24,0)+1,1)*INDEX($D$3:$AA$30,INDEX(Jesper!$R$2:$R$366,ROW(INDEX(Jesper!AK$2:AK$366,ROUNDDOWN($C4856/24,0)+1,1))-1)+IF('Standard Profiles'!$G$21=$B$10,7,0)+IF('Standard Profiles'!$G$21=$B$17,14,0)+IF('Standard Profiles'!$G$21=$B$24,21,0),MOD($C4856,24)+1)/SUM(INDEX($D$3:$AA$30,INDEX(Jesper!$R$2:$R$366,ROW(INDEX(Jesper!AK$2:AK$366,ROUNDDOWN($C4856/24,0)+1,1))-1)+IF('Standard Profiles'!$G$21=$B$10,7,0)+IF('Standard Profiles'!$G$21=$B$17,14,0)+IF('Standard Profiles'!$G$21=$B$24,21,0),0)),0)</f>
        <v>0</v>
      </c>
      <c r="H4856" cm="1">
        <f t="array" ref="H4856">IFERROR(INDEX(Jesper!AL$2:AL$366,ROUNDDOWN($C4856/24,0)+1,1)*INDEX($D$3:$AA$30,INDEX(Jesper!$R$2:$R$366,ROW(INDEX(Jesper!AL$2:AL$366,ROUNDDOWN($C4856/24,0)+1,1))-1)+IF('Standard Profiles'!$G$22=$B$10,7,0)+IF('Standard Profiles'!$G$22=$B$17,14,0)+IF('Standard Profiles'!$G$22=$B$24,21,0),MOD($C4856,24)+1)/SUM(INDEX($D$3:$AA$30,INDEX(Jesper!$R$2:$R$366,ROW(INDEX(Jesper!AL$2:AL$366,ROUNDDOWN($C4856/24,0)+1,1))-1)+IF('Standard Profiles'!$G$22=$B$10,7,0)+IF('Standard Profiles'!$G$22=$B$17,14,0)+IF('Standard Profiles'!$G$22=$B$24,21,0),0)),0)</f>
        <v>0</v>
      </c>
      <c r="I4856">
        <f t="shared" si="545"/>
        <v>0</v>
      </c>
      <c r="J4856">
        <f t="shared" si="546"/>
        <v>6.3401692805871406</v>
      </c>
      <c r="K4856">
        <f t="shared" si="547"/>
        <v>0.5537921459683095</v>
      </c>
      <c r="L4856">
        <f t="shared" si="548"/>
        <v>0.27689607298415475</v>
      </c>
      <c r="M4856">
        <f t="shared" si="549"/>
        <v>0</v>
      </c>
      <c r="N4856" s="45">
        <f t="shared" si="550"/>
        <v>45127.916666654972</v>
      </c>
    </row>
    <row r="4857" spans="2:14" x14ac:dyDescent="0.25">
      <c r="B4857">
        <f t="shared" si="544"/>
        <v>4</v>
      </c>
      <c r="C4857" s="16">
        <v>4823</v>
      </c>
      <c r="D4857" cm="1">
        <f t="array" ref="D4857">IFERROR(INDEX(Jesper!AH$2:AH$366,ROUNDDOWN($C4857/24,0)+1,1)*INDEX($D$3:$AA$30,INDEX(Jesper!$R$2:$R$366,ROW(INDEX(Jesper!AH$2:AH$366,ROUNDDOWN($C4857/24,0)+1,1))-1)+IF('Standard Profiles'!$G$18=$B$10,7,0)+IF('Standard Profiles'!$G$18=$B$17,14,0)+IF('Standard Profiles'!$G$18=$B$24,21,0),MOD($C4857,24)+1)/SUM(INDEX($D$3:$AA$30,INDEX(Jesper!$R$2:$R$366,ROW(INDEX(Jesper!AH$2:AH$366,ROUNDDOWN($C4857/24,0)+1,1))-1)+IF('Standard Profiles'!$G$18=$B$10,7,0)+IF('Standard Profiles'!$G$18=$B$17,14,0)+IF('Standard Profiles'!$G$18=$B$24,21,0),0)),0)</f>
        <v>5.191801368452901</v>
      </c>
      <c r="E4857" cm="1">
        <f t="array" ref="E4857">IFERROR(INDEX(Jesper!AI$2:AI$366,ROUNDDOWN($C4857/24,0)+1,1)*INDEX($D$3:$AA$30,INDEX(Jesper!$R$2:$R$366,ROW(INDEX(Jesper!AI$2:AI$366,ROUNDDOWN($C4857/24,0)+1,1))-1)+IF('Standard Profiles'!$G$19=$B$10,7,0)+IF('Standard Profiles'!$G$19=$B$17,14,0)+IF('Standard Profiles'!$G$19=$B$24,21,0),MOD($C4857,24)+1)/SUM(INDEX($D$3:$AA$30,INDEX(Jesper!$R$2:$R$366,ROW(INDEX(Jesper!AI$2:AI$366,ROUNDDOWN($C4857/24,0)+1,1))-1)+IF('Standard Profiles'!$G$19=$B$10,7,0)+IF('Standard Profiles'!$G$19=$B$17,14,0)+IF('Standard Profiles'!$G$19=$B$24,21,0),0)),0)</f>
        <v>1.9790561310867045</v>
      </c>
      <c r="F4857" cm="1">
        <f t="array" ref="F4857">IFERROR(INDEX(Jesper!AJ$2:AJ$366,ROUNDDOWN($C4857/24,0)+1,1)*INDEX($D$3:$AA$30,INDEX(Jesper!$R$2:$R$366,ROW(INDEX(Jesper!AJ$2:AJ$366,ROUNDDOWN($C4857/24,0)+1,1))-1)+IF('Standard Profiles'!$G$20=$B$10,7,0)+IF('Standard Profiles'!$G$20=$B$17,14,0)+IF('Standard Profiles'!$G$20=$B$24,21,0),MOD($C4857,24)+1)/SUM(INDEX($D$3:$AA$30,INDEX(Jesper!$R$2:$R$366,ROW(INDEX(Jesper!AJ$2:AJ$366,ROUNDDOWN($C4857/24,0)+1,1))-1)+IF('Standard Profiles'!$G$20=$B$10,7,0)+IF('Standard Profiles'!$G$20=$B$17,14,0)+IF('Standard Profiles'!$G$20=$B$24,21,0),0)),0)</f>
        <v>0</v>
      </c>
      <c r="G4857" cm="1">
        <f t="array" ref="G4857">IFERROR(INDEX(Jesper!AK$2:AK$366,ROUNDDOWN($C4857/24,0)+1,1)*INDEX($D$3:$AA$30,INDEX(Jesper!$R$2:$R$366,ROW(INDEX(Jesper!AK$2:AK$366,ROUNDDOWN($C4857/24,0)+1,1))-1)+IF('Standard Profiles'!$G$21=$B$10,7,0)+IF('Standard Profiles'!$G$21=$B$17,14,0)+IF('Standard Profiles'!$G$21=$B$24,21,0),MOD($C4857,24)+1)/SUM(INDEX($D$3:$AA$30,INDEX(Jesper!$R$2:$R$366,ROW(INDEX(Jesper!AK$2:AK$366,ROUNDDOWN($C4857/24,0)+1,1))-1)+IF('Standard Profiles'!$G$21=$B$10,7,0)+IF('Standard Profiles'!$G$21=$B$17,14,0)+IF('Standard Profiles'!$G$21=$B$24,21,0),0)),0)</f>
        <v>0</v>
      </c>
      <c r="H4857" cm="1">
        <f t="array" ref="H4857">IFERROR(INDEX(Jesper!AL$2:AL$366,ROUNDDOWN($C4857/24,0)+1,1)*INDEX($D$3:$AA$30,INDEX(Jesper!$R$2:$R$366,ROW(INDEX(Jesper!AL$2:AL$366,ROUNDDOWN($C4857/24,0)+1,1))-1)+IF('Standard Profiles'!$G$22=$B$10,7,0)+IF('Standard Profiles'!$G$22=$B$17,14,0)+IF('Standard Profiles'!$G$22=$B$24,21,0),MOD($C4857,24)+1)/SUM(INDEX($D$3:$AA$30,INDEX(Jesper!$R$2:$R$366,ROW(INDEX(Jesper!AL$2:AL$366,ROUNDDOWN($C4857/24,0)+1,1))-1)+IF('Standard Profiles'!$G$22=$B$10,7,0)+IF('Standard Profiles'!$G$22=$B$17,14,0)+IF('Standard Profiles'!$G$22=$B$24,21,0),0)),0)</f>
        <v>0</v>
      </c>
      <c r="I4857">
        <f t="shared" si="545"/>
        <v>0</v>
      </c>
      <c r="J4857">
        <f t="shared" si="546"/>
        <v>6.3401692805871406</v>
      </c>
      <c r="K4857">
        <f t="shared" si="547"/>
        <v>0.5537921459683095</v>
      </c>
      <c r="L4857">
        <f t="shared" si="548"/>
        <v>0.27689607298415475</v>
      </c>
      <c r="M4857">
        <f t="shared" si="549"/>
        <v>0</v>
      </c>
      <c r="N4857" s="45">
        <f t="shared" si="550"/>
        <v>45127.958333321636</v>
      </c>
    </row>
    <row r="4858" spans="2:14" x14ac:dyDescent="0.25">
      <c r="B4858">
        <f t="shared" si="544"/>
        <v>5</v>
      </c>
      <c r="C4858" s="16">
        <v>4824</v>
      </c>
      <c r="D4858" cm="1">
        <f t="array" ref="D4858">IFERROR(INDEX(Jesper!AH$2:AH$366,ROUNDDOWN($C4858/24,0)+1,1)*INDEX($D$3:$AA$30,INDEX(Jesper!$R$2:$R$366,ROW(INDEX(Jesper!AH$2:AH$366,ROUNDDOWN($C4858/24,0)+1,1))-1)+IF('Standard Profiles'!$G$18=$B$10,7,0)+IF('Standard Profiles'!$G$18=$B$17,14,0)+IF('Standard Profiles'!$G$18=$B$24,21,0),MOD($C4858,24)+1)/SUM(INDEX($D$3:$AA$30,INDEX(Jesper!$R$2:$R$366,ROW(INDEX(Jesper!AH$2:AH$366,ROUNDDOWN($C4858/24,0)+1,1))-1)+IF('Standard Profiles'!$G$18=$B$10,7,0)+IF('Standard Profiles'!$G$18=$B$17,14,0)+IF('Standard Profiles'!$G$18=$B$24,21,0),0)),0)</f>
        <v>8.0645704856667315</v>
      </c>
      <c r="E4858" cm="1">
        <f t="array" ref="E4858">IFERROR(INDEX(Jesper!AI$2:AI$366,ROUNDDOWN($C4858/24,0)+1,1)*INDEX($D$3:$AA$30,INDEX(Jesper!$R$2:$R$366,ROW(INDEX(Jesper!AI$2:AI$366,ROUNDDOWN($C4858/24,0)+1,1))-1)+IF('Standard Profiles'!$G$19=$B$10,7,0)+IF('Standard Profiles'!$G$19=$B$17,14,0)+IF('Standard Profiles'!$G$19=$B$24,21,0),MOD($C4858,24)+1)/SUM(INDEX($D$3:$AA$30,INDEX(Jesper!$R$2:$R$366,ROW(INDEX(Jesper!AI$2:AI$366,ROUNDDOWN($C4858/24,0)+1,1))-1)+IF('Standard Profiles'!$G$19=$B$10,7,0)+IF('Standard Profiles'!$G$19=$B$17,14,0)+IF('Standard Profiles'!$G$19=$B$24,21,0),0)),0)</f>
        <v>3.2651736353862071</v>
      </c>
      <c r="F4858" cm="1">
        <f t="array" ref="F4858">IFERROR(INDEX(Jesper!AJ$2:AJ$366,ROUNDDOWN($C4858/24,0)+1,1)*INDEX($D$3:$AA$30,INDEX(Jesper!$R$2:$R$366,ROW(INDEX(Jesper!AJ$2:AJ$366,ROUNDDOWN($C4858/24,0)+1,1))-1)+IF('Standard Profiles'!$G$20=$B$10,7,0)+IF('Standard Profiles'!$G$20=$B$17,14,0)+IF('Standard Profiles'!$G$20=$B$24,21,0),MOD($C4858,24)+1)/SUM(INDEX($D$3:$AA$30,INDEX(Jesper!$R$2:$R$366,ROW(INDEX(Jesper!AJ$2:AJ$366,ROUNDDOWN($C4858/24,0)+1,1))-1)+IF('Standard Profiles'!$G$20=$B$10,7,0)+IF('Standard Profiles'!$G$20=$B$17,14,0)+IF('Standard Profiles'!$G$20=$B$24,21,0),0)),0)</f>
        <v>0</v>
      </c>
      <c r="G4858" cm="1">
        <f t="array" ref="G4858">IFERROR(INDEX(Jesper!AK$2:AK$366,ROUNDDOWN($C4858/24,0)+1,1)*INDEX($D$3:$AA$30,INDEX(Jesper!$R$2:$R$366,ROW(INDEX(Jesper!AK$2:AK$366,ROUNDDOWN($C4858/24,0)+1,1))-1)+IF('Standard Profiles'!$G$21=$B$10,7,0)+IF('Standard Profiles'!$G$21=$B$17,14,0)+IF('Standard Profiles'!$G$21=$B$24,21,0),MOD($C4858,24)+1)/SUM(INDEX($D$3:$AA$30,INDEX(Jesper!$R$2:$R$366,ROW(INDEX(Jesper!AK$2:AK$366,ROUNDDOWN($C4858/24,0)+1,1))-1)+IF('Standard Profiles'!$G$21=$B$10,7,0)+IF('Standard Profiles'!$G$21=$B$17,14,0)+IF('Standard Profiles'!$G$21=$B$24,21,0),0)),0)</f>
        <v>3.7815530485662503E-2</v>
      </c>
      <c r="H4858" cm="1">
        <f t="array" ref="H4858">IFERROR(INDEX(Jesper!AL$2:AL$366,ROUNDDOWN($C4858/24,0)+1,1)*INDEX($D$3:$AA$30,INDEX(Jesper!$R$2:$R$366,ROW(INDEX(Jesper!AL$2:AL$366,ROUNDDOWN($C4858/24,0)+1,1))-1)+IF('Standard Profiles'!$G$22=$B$10,7,0)+IF('Standard Profiles'!$G$22=$B$17,14,0)+IF('Standard Profiles'!$G$22=$B$24,21,0),MOD($C4858,24)+1)/SUM(INDEX($D$3:$AA$30,INDEX(Jesper!$R$2:$R$366,ROW(INDEX(Jesper!AL$2:AL$366,ROUNDDOWN($C4858/24,0)+1,1))-1)+IF('Standard Profiles'!$G$22=$B$10,7,0)+IF('Standard Profiles'!$G$22=$B$17,14,0)+IF('Standard Profiles'!$G$22=$B$24,21,0),0)),0)</f>
        <v>0</v>
      </c>
      <c r="I4858">
        <f t="shared" si="545"/>
        <v>1.8151454633117993E-2</v>
      </c>
      <c r="J4858">
        <f t="shared" si="546"/>
        <v>10.059076919198805</v>
      </c>
      <c r="K4858">
        <f t="shared" si="547"/>
        <v>0.8602208518044514</v>
      </c>
      <c r="L4858">
        <f t="shared" si="548"/>
        <v>0.4301104259022257</v>
      </c>
      <c r="M4858">
        <f t="shared" si="549"/>
        <v>0</v>
      </c>
      <c r="N4858" s="45">
        <f t="shared" si="550"/>
        <v>45127.9999999883</v>
      </c>
    </row>
    <row r="4859" spans="2:14" x14ac:dyDescent="0.25">
      <c r="B4859">
        <f t="shared" si="544"/>
        <v>5</v>
      </c>
      <c r="C4859" s="16">
        <v>4825</v>
      </c>
      <c r="D4859" cm="1">
        <f t="array" ref="D4859">IFERROR(INDEX(Jesper!AH$2:AH$366,ROUNDDOWN($C4859/24,0)+1,1)*INDEX($D$3:$AA$30,INDEX(Jesper!$R$2:$R$366,ROW(INDEX(Jesper!AH$2:AH$366,ROUNDDOWN($C4859/24,0)+1,1))-1)+IF('Standard Profiles'!$G$18=$B$10,7,0)+IF('Standard Profiles'!$G$18=$B$17,14,0)+IF('Standard Profiles'!$G$18=$B$24,21,0),MOD($C4859,24)+1)/SUM(INDEX($D$3:$AA$30,INDEX(Jesper!$R$2:$R$366,ROW(INDEX(Jesper!AH$2:AH$366,ROUNDDOWN($C4859/24,0)+1,1))-1)+IF('Standard Profiles'!$G$18=$B$10,7,0)+IF('Standard Profiles'!$G$18=$B$17,14,0)+IF('Standard Profiles'!$G$18=$B$24,21,0),0)),0)</f>
        <v>4.8876184761616566</v>
      </c>
      <c r="E4859" cm="1">
        <f t="array" ref="E4859">IFERROR(INDEX(Jesper!AI$2:AI$366,ROUNDDOWN($C4859/24,0)+1,1)*INDEX($D$3:$AA$30,INDEX(Jesper!$R$2:$R$366,ROW(INDEX(Jesper!AI$2:AI$366,ROUNDDOWN($C4859/24,0)+1,1))-1)+IF('Standard Profiles'!$G$19=$B$10,7,0)+IF('Standard Profiles'!$G$19=$B$17,14,0)+IF('Standard Profiles'!$G$19=$B$24,21,0),MOD($C4859,24)+1)/SUM(INDEX($D$3:$AA$30,INDEX(Jesper!$R$2:$R$366,ROW(INDEX(Jesper!AI$2:AI$366,ROUNDDOWN($C4859/24,0)+1,1))-1)+IF('Standard Profiles'!$G$19=$B$10,7,0)+IF('Standard Profiles'!$G$19=$B$17,14,0)+IF('Standard Profiles'!$G$19=$B$24,21,0),0)),0)</f>
        <v>1.9788931123552775</v>
      </c>
      <c r="F4859" cm="1">
        <f t="array" ref="F4859">IFERROR(INDEX(Jesper!AJ$2:AJ$366,ROUNDDOWN($C4859/24,0)+1,1)*INDEX($D$3:$AA$30,INDEX(Jesper!$R$2:$R$366,ROW(INDEX(Jesper!AJ$2:AJ$366,ROUNDDOWN($C4859/24,0)+1,1))-1)+IF('Standard Profiles'!$G$20=$B$10,7,0)+IF('Standard Profiles'!$G$20=$B$17,14,0)+IF('Standard Profiles'!$G$20=$B$24,21,0),MOD($C4859,24)+1)/SUM(INDEX($D$3:$AA$30,INDEX(Jesper!$R$2:$R$366,ROW(INDEX(Jesper!AJ$2:AJ$366,ROUNDDOWN($C4859/24,0)+1,1))-1)+IF('Standard Profiles'!$G$20=$B$10,7,0)+IF('Standard Profiles'!$G$20=$B$17,14,0)+IF('Standard Profiles'!$G$20=$B$24,21,0),0)),0)</f>
        <v>0</v>
      </c>
      <c r="G4859" cm="1">
        <f t="array" ref="G4859">IFERROR(INDEX(Jesper!AK$2:AK$366,ROUNDDOWN($C4859/24,0)+1,1)*INDEX($D$3:$AA$30,INDEX(Jesper!$R$2:$R$366,ROW(INDEX(Jesper!AK$2:AK$366,ROUNDDOWN($C4859/24,0)+1,1))-1)+IF('Standard Profiles'!$G$21=$B$10,7,0)+IF('Standard Profiles'!$G$21=$B$17,14,0)+IF('Standard Profiles'!$G$21=$B$24,21,0),MOD($C4859,24)+1)/SUM(INDEX($D$3:$AA$30,INDEX(Jesper!$R$2:$R$366,ROW(INDEX(Jesper!AK$2:AK$366,ROUNDDOWN($C4859/24,0)+1,1))-1)+IF('Standard Profiles'!$G$21=$B$10,7,0)+IF('Standard Profiles'!$G$21=$B$17,14,0)+IF('Standard Profiles'!$G$21=$B$24,21,0),0)),0)</f>
        <v>3.7815530485662503E-2</v>
      </c>
      <c r="H4859" cm="1">
        <f t="array" ref="H4859">IFERROR(INDEX(Jesper!AL$2:AL$366,ROUNDDOWN($C4859/24,0)+1,1)*INDEX($D$3:$AA$30,INDEX(Jesper!$R$2:$R$366,ROW(INDEX(Jesper!AL$2:AL$366,ROUNDDOWN($C4859/24,0)+1,1))-1)+IF('Standard Profiles'!$G$22=$B$10,7,0)+IF('Standard Profiles'!$G$22=$B$17,14,0)+IF('Standard Profiles'!$G$22=$B$24,21,0),MOD($C4859,24)+1)/SUM(INDEX($D$3:$AA$30,INDEX(Jesper!$R$2:$R$366,ROW(INDEX(Jesper!AL$2:AL$366,ROUNDDOWN($C4859/24,0)+1,1))-1)+IF('Standard Profiles'!$G$22=$B$10,7,0)+IF('Standard Profiles'!$G$22=$B$17,14,0)+IF('Standard Profiles'!$G$22=$B$24,21,0),0)),0)</f>
        <v>0</v>
      </c>
      <c r="I4859">
        <f t="shared" si="545"/>
        <v>1.8151454633117993E-2</v>
      </c>
      <c r="J4859">
        <f t="shared" si="546"/>
        <v>6.1041567081836128</v>
      </c>
      <c r="K4859">
        <f t="shared" si="547"/>
        <v>0.52134597079057676</v>
      </c>
      <c r="L4859">
        <f t="shared" si="548"/>
        <v>0.26067298539528838</v>
      </c>
      <c r="M4859">
        <f t="shared" si="549"/>
        <v>0</v>
      </c>
      <c r="N4859" s="45">
        <f t="shared" si="550"/>
        <v>45128.041666654965</v>
      </c>
    </row>
    <row r="4860" spans="2:14" x14ac:dyDescent="0.25">
      <c r="B4860">
        <f t="shared" si="544"/>
        <v>5</v>
      </c>
      <c r="C4860" s="16">
        <v>4826</v>
      </c>
      <c r="D4860" cm="1">
        <f t="array" ref="D4860">IFERROR(INDEX(Jesper!AH$2:AH$366,ROUNDDOWN($C4860/24,0)+1,1)*INDEX($D$3:$AA$30,INDEX(Jesper!$R$2:$R$366,ROW(INDEX(Jesper!AH$2:AH$366,ROUNDDOWN($C4860/24,0)+1,1))-1)+IF('Standard Profiles'!$G$18=$B$10,7,0)+IF('Standard Profiles'!$G$18=$B$17,14,0)+IF('Standard Profiles'!$G$18=$B$24,21,0),MOD($C4860,24)+1)/SUM(INDEX($D$3:$AA$30,INDEX(Jesper!$R$2:$R$366,ROW(INDEX(Jesper!AH$2:AH$366,ROUNDDOWN($C4860/24,0)+1,1))-1)+IF('Standard Profiles'!$G$18=$B$10,7,0)+IF('Standard Profiles'!$G$18=$B$17,14,0)+IF('Standard Profiles'!$G$18=$B$24,21,0),0)),0)</f>
        <v>4.8876184761616566</v>
      </c>
      <c r="E4860" cm="1">
        <f t="array" ref="E4860">IFERROR(INDEX(Jesper!AI$2:AI$366,ROUNDDOWN($C4860/24,0)+1,1)*INDEX($D$3:$AA$30,INDEX(Jesper!$R$2:$R$366,ROW(INDEX(Jesper!AI$2:AI$366,ROUNDDOWN($C4860/24,0)+1,1))-1)+IF('Standard Profiles'!$G$19=$B$10,7,0)+IF('Standard Profiles'!$G$19=$B$17,14,0)+IF('Standard Profiles'!$G$19=$B$24,21,0),MOD($C4860,24)+1)/SUM(INDEX($D$3:$AA$30,INDEX(Jesper!$R$2:$R$366,ROW(INDEX(Jesper!AI$2:AI$366,ROUNDDOWN($C4860/24,0)+1,1))-1)+IF('Standard Profiles'!$G$19=$B$10,7,0)+IF('Standard Profiles'!$G$19=$B$17,14,0)+IF('Standard Profiles'!$G$19=$B$24,21,0),0)),0)</f>
        <v>1.9788931123552775</v>
      </c>
      <c r="F4860" cm="1">
        <f t="array" ref="F4860">IFERROR(INDEX(Jesper!AJ$2:AJ$366,ROUNDDOWN($C4860/24,0)+1,1)*INDEX($D$3:$AA$30,INDEX(Jesper!$R$2:$R$366,ROW(INDEX(Jesper!AJ$2:AJ$366,ROUNDDOWN($C4860/24,0)+1,1))-1)+IF('Standard Profiles'!$G$20=$B$10,7,0)+IF('Standard Profiles'!$G$20=$B$17,14,0)+IF('Standard Profiles'!$G$20=$B$24,21,0),MOD($C4860,24)+1)/SUM(INDEX($D$3:$AA$30,INDEX(Jesper!$R$2:$R$366,ROW(INDEX(Jesper!AJ$2:AJ$366,ROUNDDOWN($C4860/24,0)+1,1))-1)+IF('Standard Profiles'!$G$20=$B$10,7,0)+IF('Standard Profiles'!$G$20=$B$17,14,0)+IF('Standard Profiles'!$G$20=$B$24,21,0),0)),0)</f>
        <v>0</v>
      </c>
      <c r="G4860" cm="1">
        <f t="array" ref="G4860">IFERROR(INDEX(Jesper!AK$2:AK$366,ROUNDDOWN($C4860/24,0)+1,1)*INDEX($D$3:$AA$30,INDEX(Jesper!$R$2:$R$366,ROW(INDEX(Jesper!AK$2:AK$366,ROUNDDOWN($C4860/24,0)+1,1))-1)+IF('Standard Profiles'!$G$21=$B$10,7,0)+IF('Standard Profiles'!$G$21=$B$17,14,0)+IF('Standard Profiles'!$G$21=$B$24,21,0),MOD($C4860,24)+1)/SUM(INDEX($D$3:$AA$30,INDEX(Jesper!$R$2:$R$366,ROW(INDEX(Jesper!AK$2:AK$366,ROUNDDOWN($C4860/24,0)+1,1))-1)+IF('Standard Profiles'!$G$21=$B$10,7,0)+IF('Standard Profiles'!$G$21=$B$17,14,0)+IF('Standard Profiles'!$G$21=$B$24,21,0),0)),0)</f>
        <v>3.7815530485662503E-2</v>
      </c>
      <c r="H4860" cm="1">
        <f t="array" ref="H4860">IFERROR(INDEX(Jesper!AL$2:AL$366,ROUNDDOWN($C4860/24,0)+1,1)*INDEX($D$3:$AA$30,INDEX(Jesper!$R$2:$R$366,ROW(INDEX(Jesper!AL$2:AL$366,ROUNDDOWN($C4860/24,0)+1,1))-1)+IF('Standard Profiles'!$G$22=$B$10,7,0)+IF('Standard Profiles'!$G$22=$B$17,14,0)+IF('Standard Profiles'!$G$22=$B$24,21,0),MOD($C4860,24)+1)/SUM(INDEX($D$3:$AA$30,INDEX(Jesper!$R$2:$R$366,ROW(INDEX(Jesper!AL$2:AL$366,ROUNDDOWN($C4860/24,0)+1,1))-1)+IF('Standard Profiles'!$G$22=$B$10,7,0)+IF('Standard Profiles'!$G$22=$B$17,14,0)+IF('Standard Profiles'!$G$22=$B$24,21,0),0)),0)</f>
        <v>0</v>
      </c>
      <c r="I4860">
        <f t="shared" si="545"/>
        <v>1.8151454633117993E-2</v>
      </c>
      <c r="J4860">
        <f t="shared" si="546"/>
        <v>6.1041567081836128</v>
      </c>
      <c r="K4860">
        <f t="shared" si="547"/>
        <v>0.52134597079057676</v>
      </c>
      <c r="L4860">
        <f t="shared" si="548"/>
        <v>0.26067298539528838</v>
      </c>
      <c r="M4860">
        <f t="shared" si="549"/>
        <v>0</v>
      </c>
      <c r="N4860" s="45">
        <f t="shared" si="550"/>
        <v>45128.083333321629</v>
      </c>
    </row>
    <row r="4861" spans="2:14" x14ac:dyDescent="0.25">
      <c r="B4861">
        <f t="shared" si="544"/>
        <v>5</v>
      </c>
      <c r="C4861" s="16">
        <v>4827</v>
      </c>
      <c r="D4861" cm="1">
        <f t="array" ref="D4861">IFERROR(INDEX(Jesper!AH$2:AH$366,ROUNDDOWN($C4861/24,0)+1,1)*INDEX($D$3:$AA$30,INDEX(Jesper!$R$2:$R$366,ROW(INDEX(Jesper!AH$2:AH$366,ROUNDDOWN($C4861/24,0)+1,1))-1)+IF('Standard Profiles'!$G$18=$B$10,7,0)+IF('Standard Profiles'!$G$18=$B$17,14,0)+IF('Standard Profiles'!$G$18=$B$24,21,0),MOD($C4861,24)+1)/SUM(INDEX($D$3:$AA$30,INDEX(Jesper!$R$2:$R$366,ROW(INDEX(Jesper!AH$2:AH$366,ROUNDDOWN($C4861/24,0)+1,1))-1)+IF('Standard Profiles'!$G$18=$B$10,7,0)+IF('Standard Profiles'!$G$18=$B$17,14,0)+IF('Standard Profiles'!$G$18=$B$24,21,0),0)),0)</f>
        <v>4.8876184761616566</v>
      </c>
      <c r="E4861" cm="1">
        <f t="array" ref="E4861">IFERROR(INDEX(Jesper!AI$2:AI$366,ROUNDDOWN($C4861/24,0)+1,1)*INDEX($D$3:$AA$30,INDEX(Jesper!$R$2:$R$366,ROW(INDEX(Jesper!AI$2:AI$366,ROUNDDOWN($C4861/24,0)+1,1))-1)+IF('Standard Profiles'!$G$19=$B$10,7,0)+IF('Standard Profiles'!$G$19=$B$17,14,0)+IF('Standard Profiles'!$G$19=$B$24,21,0),MOD($C4861,24)+1)/SUM(INDEX($D$3:$AA$30,INDEX(Jesper!$R$2:$R$366,ROW(INDEX(Jesper!AI$2:AI$366,ROUNDDOWN($C4861/24,0)+1,1))-1)+IF('Standard Profiles'!$G$19=$B$10,7,0)+IF('Standard Profiles'!$G$19=$B$17,14,0)+IF('Standard Profiles'!$G$19=$B$24,21,0),0)),0)</f>
        <v>1.9788931123552775</v>
      </c>
      <c r="F4861" cm="1">
        <f t="array" ref="F4861">IFERROR(INDEX(Jesper!AJ$2:AJ$366,ROUNDDOWN($C4861/24,0)+1,1)*INDEX($D$3:$AA$30,INDEX(Jesper!$R$2:$R$366,ROW(INDEX(Jesper!AJ$2:AJ$366,ROUNDDOWN($C4861/24,0)+1,1))-1)+IF('Standard Profiles'!$G$20=$B$10,7,0)+IF('Standard Profiles'!$G$20=$B$17,14,0)+IF('Standard Profiles'!$G$20=$B$24,21,0),MOD($C4861,24)+1)/SUM(INDEX($D$3:$AA$30,INDEX(Jesper!$R$2:$R$366,ROW(INDEX(Jesper!AJ$2:AJ$366,ROUNDDOWN($C4861/24,0)+1,1))-1)+IF('Standard Profiles'!$G$20=$B$10,7,0)+IF('Standard Profiles'!$G$20=$B$17,14,0)+IF('Standard Profiles'!$G$20=$B$24,21,0),0)),0)</f>
        <v>0</v>
      </c>
      <c r="G4861" cm="1">
        <f t="array" ref="G4861">IFERROR(INDEX(Jesper!AK$2:AK$366,ROUNDDOWN($C4861/24,0)+1,1)*INDEX($D$3:$AA$30,INDEX(Jesper!$R$2:$R$366,ROW(INDEX(Jesper!AK$2:AK$366,ROUNDDOWN($C4861/24,0)+1,1))-1)+IF('Standard Profiles'!$G$21=$B$10,7,0)+IF('Standard Profiles'!$G$21=$B$17,14,0)+IF('Standard Profiles'!$G$21=$B$24,21,0),MOD($C4861,24)+1)/SUM(INDEX($D$3:$AA$30,INDEX(Jesper!$R$2:$R$366,ROW(INDEX(Jesper!AK$2:AK$366,ROUNDDOWN($C4861/24,0)+1,1))-1)+IF('Standard Profiles'!$G$21=$B$10,7,0)+IF('Standard Profiles'!$G$21=$B$17,14,0)+IF('Standard Profiles'!$G$21=$B$24,21,0),0)),0)</f>
        <v>3.7815530485662503E-2</v>
      </c>
      <c r="H4861" cm="1">
        <f t="array" ref="H4861">IFERROR(INDEX(Jesper!AL$2:AL$366,ROUNDDOWN($C4861/24,0)+1,1)*INDEX($D$3:$AA$30,INDEX(Jesper!$R$2:$R$366,ROW(INDEX(Jesper!AL$2:AL$366,ROUNDDOWN($C4861/24,0)+1,1))-1)+IF('Standard Profiles'!$G$22=$B$10,7,0)+IF('Standard Profiles'!$G$22=$B$17,14,0)+IF('Standard Profiles'!$G$22=$B$24,21,0),MOD($C4861,24)+1)/SUM(INDEX($D$3:$AA$30,INDEX(Jesper!$R$2:$R$366,ROW(INDEX(Jesper!AL$2:AL$366,ROUNDDOWN($C4861/24,0)+1,1))-1)+IF('Standard Profiles'!$G$22=$B$10,7,0)+IF('Standard Profiles'!$G$22=$B$17,14,0)+IF('Standard Profiles'!$G$22=$B$24,21,0),0)),0)</f>
        <v>0</v>
      </c>
      <c r="I4861">
        <f t="shared" si="545"/>
        <v>1.8151454633117993E-2</v>
      </c>
      <c r="J4861">
        <f t="shared" si="546"/>
        <v>6.1041567081836128</v>
      </c>
      <c r="K4861">
        <f t="shared" si="547"/>
        <v>0.52134597079057676</v>
      </c>
      <c r="L4861">
        <f t="shared" si="548"/>
        <v>0.26067298539528838</v>
      </c>
      <c r="M4861">
        <f t="shared" si="549"/>
        <v>0</v>
      </c>
      <c r="N4861" s="45">
        <f t="shared" si="550"/>
        <v>45128.124999988293</v>
      </c>
    </row>
    <row r="4862" spans="2:14" x14ac:dyDescent="0.25">
      <c r="B4862">
        <f t="shared" si="544"/>
        <v>5</v>
      </c>
      <c r="C4862" s="16">
        <v>4828</v>
      </c>
      <c r="D4862" cm="1">
        <f t="array" ref="D4862">IFERROR(INDEX(Jesper!AH$2:AH$366,ROUNDDOWN($C4862/24,0)+1,1)*INDEX($D$3:$AA$30,INDEX(Jesper!$R$2:$R$366,ROW(INDEX(Jesper!AH$2:AH$366,ROUNDDOWN($C4862/24,0)+1,1))-1)+IF('Standard Profiles'!$G$18=$B$10,7,0)+IF('Standard Profiles'!$G$18=$B$17,14,0)+IF('Standard Profiles'!$G$18=$B$24,21,0),MOD($C4862,24)+1)/SUM(INDEX($D$3:$AA$30,INDEX(Jesper!$R$2:$R$366,ROW(INDEX(Jesper!AH$2:AH$366,ROUNDDOWN($C4862/24,0)+1,1))-1)+IF('Standard Profiles'!$G$18=$B$10,7,0)+IF('Standard Profiles'!$G$18=$B$17,14,0)+IF('Standard Profiles'!$G$18=$B$24,21,0),0)),0)</f>
        <v>4.8876184761616566</v>
      </c>
      <c r="E4862" cm="1">
        <f t="array" ref="E4862">IFERROR(INDEX(Jesper!AI$2:AI$366,ROUNDDOWN($C4862/24,0)+1,1)*INDEX($D$3:$AA$30,INDEX(Jesper!$R$2:$R$366,ROW(INDEX(Jesper!AI$2:AI$366,ROUNDDOWN($C4862/24,0)+1,1))-1)+IF('Standard Profiles'!$G$19=$B$10,7,0)+IF('Standard Profiles'!$G$19=$B$17,14,0)+IF('Standard Profiles'!$G$19=$B$24,21,0),MOD($C4862,24)+1)/SUM(INDEX($D$3:$AA$30,INDEX(Jesper!$R$2:$R$366,ROW(INDEX(Jesper!AI$2:AI$366,ROUNDDOWN($C4862/24,0)+1,1))-1)+IF('Standard Profiles'!$G$19=$B$10,7,0)+IF('Standard Profiles'!$G$19=$B$17,14,0)+IF('Standard Profiles'!$G$19=$B$24,21,0),0)),0)</f>
        <v>1.9788931123552775</v>
      </c>
      <c r="F4862" cm="1">
        <f t="array" ref="F4862">IFERROR(INDEX(Jesper!AJ$2:AJ$366,ROUNDDOWN($C4862/24,0)+1,1)*INDEX($D$3:$AA$30,INDEX(Jesper!$R$2:$R$366,ROW(INDEX(Jesper!AJ$2:AJ$366,ROUNDDOWN($C4862/24,0)+1,1))-1)+IF('Standard Profiles'!$G$20=$B$10,7,0)+IF('Standard Profiles'!$G$20=$B$17,14,0)+IF('Standard Profiles'!$G$20=$B$24,21,0),MOD($C4862,24)+1)/SUM(INDEX($D$3:$AA$30,INDEX(Jesper!$R$2:$R$366,ROW(INDEX(Jesper!AJ$2:AJ$366,ROUNDDOWN($C4862/24,0)+1,1))-1)+IF('Standard Profiles'!$G$20=$B$10,7,0)+IF('Standard Profiles'!$G$20=$B$17,14,0)+IF('Standard Profiles'!$G$20=$B$24,21,0),0)),0)</f>
        <v>0</v>
      </c>
      <c r="G4862" cm="1">
        <f t="array" ref="G4862">IFERROR(INDEX(Jesper!AK$2:AK$366,ROUNDDOWN($C4862/24,0)+1,1)*INDEX($D$3:$AA$30,INDEX(Jesper!$R$2:$R$366,ROW(INDEX(Jesper!AK$2:AK$366,ROUNDDOWN($C4862/24,0)+1,1))-1)+IF('Standard Profiles'!$G$21=$B$10,7,0)+IF('Standard Profiles'!$G$21=$B$17,14,0)+IF('Standard Profiles'!$G$21=$B$24,21,0),MOD($C4862,24)+1)/SUM(INDEX($D$3:$AA$30,INDEX(Jesper!$R$2:$R$366,ROW(INDEX(Jesper!AK$2:AK$366,ROUNDDOWN($C4862/24,0)+1,1))-1)+IF('Standard Profiles'!$G$21=$B$10,7,0)+IF('Standard Profiles'!$G$21=$B$17,14,0)+IF('Standard Profiles'!$G$21=$B$24,21,0),0)),0)</f>
        <v>3.7815530485662503E-2</v>
      </c>
      <c r="H4862" cm="1">
        <f t="array" ref="H4862">IFERROR(INDEX(Jesper!AL$2:AL$366,ROUNDDOWN($C4862/24,0)+1,1)*INDEX($D$3:$AA$30,INDEX(Jesper!$R$2:$R$366,ROW(INDEX(Jesper!AL$2:AL$366,ROUNDDOWN($C4862/24,0)+1,1))-1)+IF('Standard Profiles'!$G$22=$B$10,7,0)+IF('Standard Profiles'!$G$22=$B$17,14,0)+IF('Standard Profiles'!$G$22=$B$24,21,0),MOD($C4862,24)+1)/SUM(INDEX($D$3:$AA$30,INDEX(Jesper!$R$2:$R$366,ROW(INDEX(Jesper!AL$2:AL$366,ROUNDDOWN($C4862/24,0)+1,1))-1)+IF('Standard Profiles'!$G$22=$B$10,7,0)+IF('Standard Profiles'!$G$22=$B$17,14,0)+IF('Standard Profiles'!$G$22=$B$24,21,0),0)),0)</f>
        <v>0</v>
      </c>
      <c r="I4862">
        <f t="shared" si="545"/>
        <v>1.8151454633117993E-2</v>
      </c>
      <c r="J4862">
        <f t="shared" si="546"/>
        <v>6.1041567081836128</v>
      </c>
      <c r="K4862">
        <f t="shared" si="547"/>
        <v>0.52134597079057676</v>
      </c>
      <c r="L4862">
        <f t="shared" si="548"/>
        <v>0.26067298539528838</v>
      </c>
      <c r="M4862">
        <f t="shared" si="549"/>
        <v>0</v>
      </c>
      <c r="N4862" s="45">
        <f t="shared" si="550"/>
        <v>45128.166666654957</v>
      </c>
    </row>
    <row r="4863" spans="2:14" x14ac:dyDescent="0.25">
      <c r="B4863">
        <f t="shared" si="544"/>
        <v>5</v>
      </c>
      <c r="C4863" s="16">
        <v>4829</v>
      </c>
      <c r="D4863" cm="1">
        <f t="array" ref="D4863">IFERROR(INDEX(Jesper!AH$2:AH$366,ROUNDDOWN($C4863/24,0)+1,1)*INDEX($D$3:$AA$30,INDEX(Jesper!$R$2:$R$366,ROW(INDEX(Jesper!AH$2:AH$366,ROUNDDOWN($C4863/24,0)+1,1))-1)+IF('Standard Profiles'!$G$18=$B$10,7,0)+IF('Standard Profiles'!$G$18=$B$17,14,0)+IF('Standard Profiles'!$G$18=$B$24,21,0),MOD($C4863,24)+1)/SUM(INDEX($D$3:$AA$30,INDEX(Jesper!$R$2:$R$366,ROW(INDEX(Jesper!AH$2:AH$366,ROUNDDOWN($C4863/24,0)+1,1))-1)+IF('Standard Profiles'!$G$18=$B$10,7,0)+IF('Standard Profiles'!$G$18=$B$17,14,0)+IF('Standard Profiles'!$G$18=$B$24,21,0),0)),0)</f>
        <v>4.8876184761616566</v>
      </c>
      <c r="E4863" cm="1">
        <f t="array" ref="E4863">IFERROR(INDEX(Jesper!AI$2:AI$366,ROUNDDOWN($C4863/24,0)+1,1)*INDEX($D$3:$AA$30,INDEX(Jesper!$R$2:$R$366,ROW(INDEX(Jesper!AI$2:AI$366,ROUNDDOWN($C4863/24,0)+1,1))-1)+IF('Standard Profiles'!$G$19=$B$10,7,0)+IF('Standard Profiles'!$G$19=$B$17,14,0)+IF('Standard Profiles'!$G$19=$B$24,21,0),MOD($C4863,24)+1)/SUM(INDEX($D$3:$AA$30,INDEX(Jesper!$R$2:$R$366,ROW(INDEX(Jesper!AI$2:AI$366,ROUNDDOWN($C4863/24,0)+1,1))-1)+IF('Standard Profiles'!$G$19=$B$10,7,0)+IF('Standard Profiles'!$G$19=$B$17,14,0)+IF('Standard Profiles'!$G$19=$B$24,21,0),0)),0)</f>
        <v>1.9788931123552775</v>
      </c>
      <c r="F4863" cm="1">
        <f t="array" ref="F4863">IFERROR(INDEX(Jesper!AJ$2:AJ$366,ROUNDDOWN($C4863/24,0)+1,1)*INDEX($D$3:$AA$30,INDEX(Jesper!$R$2:$R$366,ROW(INDEX(Jesper!AJ$2:AJ$366,ROUNDDOWN($C4863/24,0)+1,1))-1)+IF('Standard Profiles'!$G$20=$B$10,7,0)+IF('Standard Profiles'!$G$20=$B$17,14,0)+IF('Standard Profiles'!$G$20=$B$24,21,0),MOD($C4863,24)+1)/SUM(INDEX($D$3:$AA$30,INDEX(Jesper!$R$2:$R$366,ROW(INDEX(Jesper!AJ$2:AJ$366,ROUNDDOWN($C4863/24,0)+1,1))-1)+IF('Standard Profiles'!$G$20=$B$10,7,0)+IF('Standard Profiles'!$G$20=$B$17,14,0)+IF('Standard Profiles'!$G$20=$B$24,21,0),0)),0)</f>
        <v>0</v>
      </c>
      <c r="G4863" cm="1">
        <f t="array" ref="G4863">IFERROR(INDEX(Jesper!AK$2:AK$366,ROUNDDOWN($C4863/24,0)+1,1)*INDEX($D$3:$AA$30,INDEX(Jesper!$R$2:$R$366,ROW(INDEX(Jesper!AK$2:AK$366,ROUNDDOWN($C4863/24,0)+1,1))-1)+IF('Standard Profiles'!$G$21=$B$10,7,0)+IF('Standard Profiles'!$G$21=$B$17,14,0)+IF('Standard Profiles'!$G$21=$B$24,21,0),MOD($C4863,24)+1)/SUM(INDEX($D$3:$AA$30,INDEX(Jesper!$R$2:$R$366,ROW(INDEX(Jesper!AK$2:AK$366,ROUNDDOWN($C4863/24,0)+1,1))-1)+IF('Standard Profiles'!$G$21=$B$10,7,0)+IF('Standard Profiles'!$G$21=$B$17,14,0)+IF('Standard Profiles'!$G$21=$B$24,21,0),0)),0)</f>
        <v>3.7815530485662503E-2</v>
      </c>
      <c r="H4863" cm="1">
        <f t="array" ref="H4863">IFERROR(INDEX(Jesper!AL$2:AL$366,ROUNDDOWN($C4863/24,0)+1,1)*INDEX($D$3:$AA$30,INDEX(Jesper!$R$2:$R$366,ROW(INDEX(Jesper!AL$2:AL$366,ROUNDDOWN($C4863/24,0)+1,1))-1)+IF('Standard Profiles'!$G$22=$B$10,7,0)+IF('Standard Profiles'!$G$22=$B$17,14,0)+IF('Standard Profiles'!$G$22=$B$24,21,0),MOD($C4863,24)+1)/SUM(INDEX($D$3:$AA$30,INDEX(Jesper!$R$2:$R$366,ROW(INDEX(Jesper!AL$2:AL$366,ROUNDDOWN($C4863/24,0)+1,1))-1)+IF('Standard Profiles'!$G$22=$B$10,7,0)+IF('Standard Profiles'!$G$22=$B$17,14,0)+IF('Standard Profiles'!$G$22=$B$24,21,0),0)),0)</f>
        <v>0</v>
      </c>
      <c r="I4863">
        <f t="shared" si="545"/>
        <v>1.8151454633117993E-2</v>
      </c>
      <c r="J4863">
        <f t="shared" si="546"/>
        <v>6.1041567081836128</v>
      </c>
      <c r="K4863">
        <f t="shared" si="547"/>
        <v>0.52134597079057676</v>
      </c>
      <c r="L4863">
        <f t="shared" si="548"/>
        <v>0.26067298539528838</v>
      </c>
      <c r="M4863">
        <f t="shared" si="549"/>
        <v>0</v>
      </c>
      <c r="N4863" s="45">
        <f t="shared" si="550"/>
        <v>45128.208333321621</v>
      </c>
    </row>
    <row r="4864" spans="2:14" x14ac:dyDescent="0.25">
      <c r="B4864">
        <f t="shared" si="544"/>
        <v>5</v>
      </c>
      <c r="C4864" s="16">
        <v>4830</v>
      </c>
      <c r="D4864" cm="1">
        <f t="array" ref="D4864">IFERROR(INDEX(Jesper!AH$2:AH$366,ROUNDDOWN($C4864/24,0)+1,1)*INDEX($D$3:$AA$30,INDEX(Jesper!$R$2:$R$366,ROW(INDEX(Jesper!AH$2:AH$366,ROUNDDOWN($C4864/24,0)+1,1))-1)+IF('Standard Profiles'!$G$18=$B$10,7,0)+IF('Standard Profiles'!$G$18=$B$17,14,0)+IF('Standard Profiles'!$G$18=$B$24,21,0),MOD($C4864,24)+1)/SUM(INDEX($D$3:$AA$30,INDEX(Jesper!$R$2:$R$366,ROW(INDEX(Jesper!AH$2:AH$366,ROUNDDOWN($C4864/24,0)+1,1))-1)+IF('Standard Profiles'!$G$18=$B$10,7,0)+IF('Standard Profiles'!$G$18=$B$17,14,0)+IF('Standard Profiles'!$G$18=$B$24,21,0),0)),0)</f>
        <v>4.8876184761616566</v>
      </c>
      <c r="E4864" cm="1">
        <f t="array" ref="E4864">IFERROR(INDEX(Jesper!AI$2:AI$366,ROUNDDOWN($C4864/24,0)+1,1)*INDEX($D$3:$AA$30,INDEX(Jesper!$R$2:$R$366,ROW(INDEX(Jesper!AI$2:AI$366,ROUNDDOWN($C4864/24,0)+1,1))-1)+IF('Standard Profiles'!$G$19=$B$10,7,0)+IF('Standard Profiles'!$G$19=$B$17,14,0)+IF('Standard Profiles'!$G$19=$B$24,21,0),MOD($C4864,24)+1)/SUM(INDEX($D$3:$AA$30,INDEX(Jesper!$R$2:$R$366,ROW(INDEX(Jesper!AI$2:AI$366,ROUNDDOWN($C4864/24,0)+1,1))-1)+IF('Standard Profiles'!$G$19=$B$10,7,0)+IF('Standard Profiles'!$G$19=$B$17,14,0)+IF('Standard Profiles'!$G$19=$B$24,21,0),0)),0)</f>
        <v>1.9788931123552775</v>
      </c>
      <c r="F4864" cm="1">
        <f t="array" ref="F4864">IFERROR(INDEX(Jesper!AJ$2:AJ$366,ROUNDDOWN($C4864/24,0)+1,1)*INDEX($D$3:$AA$30,INDEX(Jesper!$R$2:$R$366,ROW(INDEX(Jesper!AJ$2:AJ$366,ROUNDDOWN($C4864/24,0)+1,1))-1)+IF('Standard Profiles'!$G$20=$B$10,7,0)+IF('Standard Profiles'!$G$20=$B$17,14,0)+IF('Standard Profiles'!$G$20=$B$24,21,0),MOD($C4864,24)+1)/SUM(INDEX($D$3:$AA$30,INDEX(Jesper!$R$2:$R$366,ROW(INDEX(Jesper!AJ$2:AJ$366,ROUNDDOWN($C4864/24,0)+1,1))-1)+IF('Standard Profiles'!$G$20=$B$10,7,0)+IF('Standard Profiles'!$G$20=$B$17,14,0)+IF('Standard Profiles'!$G$20=$B$24,21,0),0)),0)</f>
        <v>0</v>
      </c>
      <c r="G4864" cm="1">
        <f t="array" ref="G4864">IFERROR(INDEX(Jesper!AK$2:AK$366,ROUNDDOWN($C4864/24,0)+1,1)*INDEX($D$3:$AA$30,INDEX(Jesper!$R$2:$R$366,ROW(INDEX(Jesper!AK$2:AK$366,ROUNDDOWN($C4864/24,0)+1,1))-1)+IF('Standard Profiles'!$G$21=$B$10,7,0)+IF('Standard Profiles'!$G$21=$B$17,14,0)+IF('Standard Profiles'!$G$21=$B$24,21,0),MOD($C4864,24)+1)/SUM(INDEX($D$3:$AA$30,INDEX(Jesper!$R$2:$R$366,ROW(INDEX(Jesper!AK$2:AK$366,ROUNDDOWN($C4864/24,0)+1,1))-1)+IF('Standard Profiles'!$G$21=$B$10,7,0)+IF('Standard Profiles'!$G$21=$B$17,14,0)+IF('Standard Profiles'!$G$21=$B$24,21,0),0)),0)</f>
        <v>3.7815530485662503E-2</v>
      </c>
      <c r="H4864" cm="1">
        <f t="array" ref="H4864">IFERROR(INDEX(Jesper!AL$2:AL$366,ROUNDDOWN($C4864/24,0)+1,1)*INDEX($D$3:$AA$30,INDEX(Jesper!$R$2:$R$366,ROW(INDEX(Jesper!AL$2:AL$366,ROUNDDOWN($C4864/24,0)+1,1))-1)+IF('Standard Profiles'!$G$22=$B$10,7,0)+IF('Standard Profiles'!$G$22=$B$17,14,0)+IF('Standard Profiles'!$G$22=$B$24,21,0),MOD($C4864,24)+1)/SUM(INDEX($D$3:$AA$30,INDEX(Jesper!$R$2:$R$366,ROW(INDEX(Jesper!AL$2:AL$366,ROUNDDOWN($C4864/24,0)+1,1))-1)+IF('Standard Profiles'!$G$22=$B$10,7,0)+IF('Standard Profiles'!$G$22=$B$17,14,0)+IF('Standard Profiles'!$G$22=$B$24,21,0),0)),0)</f>
        <v>0</v>
      </c>
      <c r="I4864">
        <f t="shared" si="545"/>
        <v>1.8151454633117993E-2</v>
      </c>
      <c r="J4864">
        <f t="shared" si="546"/>
        <v>6.1041567081836128</v>
      </c>
      <c r="K4864">
        <f t="shared" si="547"/>
        <v>0.52134597079057676</v>
      </c>
      <c r="L4864">
        <f t="shared" si="548"/>
        <v>0.26067298539528838</v>
      </c>
      <c r="M4864">
        <f t="shared" si="549"/>
        <v>0</v>
      </c>
      <c r="N4864" s="45">
        <f t="shared" si="550"/>
        <v>45128.249999988286</v>
      </c>
    </row>
    <row r="4865" spans="2:14" x14ac:dyDescent="0.25">
      <c r="B4865">
        <f t="shared" si="544"/>
        <v>5</v>
      </c>
      <c r="C4865" s="16">
        <v>4831</v>
      </c>
      <c r="D4865" cm="1">
        <f t="array" ref="D4865">IFERROR(INDEX(Jesper!AH$2:AH$366,ROUNDDOWN($C4865/24,0)+1,1)*INDEX($D$3:$AA$30,INDEX(Jesper!$R$2:$R$366,ROW(INDEX(Jesper!AH$2:AH$366,ROUNDDOWN($C4865/24,0)+1,1))-1)+IF('Standard Profiles'!$G$18=$B$10,7,0)+IF('Standard Profiles'!$G$18=$B$17,14,0)+IF('Standard Profiles'!$G$18=$B$24,21,0),MOD($C4865,24)+1)/SUM(INDEX($D$3:$AA$30,INDEX(Jesper!$R$2:$R$366,ROW(INDEX(Jesper!AH$2:AH$366,ROUNDDOWN($C4865/24,0)+1,1))-1)+IF('Standard Profiles'!$G$18=$B$10,7,0)+IF('Standard Profiles'!$G$18=$B$17,14,0)+IF('Standard Profiles'!$G$18=$B$24,21,0),0)),0)</f>
        <v>20.821254708448652</v>
      </c>
      <c r="E4865" cm="1">
        <f t="array" ref="E4865">IFERROR(INDEX(Jesper!AI$2:AI$366,ROUNDDOWN($C4865/24,0)+1,1)*INDEX($D$3:$AA$30,INDEX(Jesper!$R$2:$R$366,ROW(INDEX(Jesper!AI$2:AI$366,ROUNDDOWN($C4865/24,0)+1,1))-1)+IF('Standard Profiles'!$G$19=$B$10,7,0)+IF('Standard Profiles'!$G$19=$B$17,14,0)+IF('Standard Profiles'!$G$19=$B$24,21,0),MOD($C4865,24)+1)/SUM(INDEX($D$3:$AA$30,INDEX(Jesper!$R$2:$R$366,ROW(INDEX(Jesper!AI$2:AI$366,ROUNDDOWN($C4865/24,0)+1,1))-1)+IF('Standard Profiles'!$G$19=$B$10,7,0)+IF('Standard Profiles'!$G$19=$B$17,14,0)+IF('Standard Profiles'!$G$19=$B$24,21,0),0)),0)</f>
        <v>8.430084658633481</v>
      </c>
      <c r="F4865" cm="1">
        <f t="array" ref="F4865">IFERROR(INDEX(Jesper!AJ$2:AJ$366,ROUNDDOWN($C4865/24,0)+1,1)*INDEX($D$3:$AA$30,INDEX(Jesper!$R$2:$R$366,ROW(INDEX(Jesper!AJ$2:AJ$366,ROUNDDOWN($C4865/24,0)+1,1))-1)+IF('Standard Profiles'!$G$20=$B$10,7,0)+IF('Standard Profiles'!$G$20=$B$17,14,0)+IF('Standard Profiles'!$G$20=$B$24,21,0),MOD($C4865,24)+1)/SUM(INDEX($D$3:$AA$30,INDEX(Jesper!$R$2:$R$366,ROW(INDEX(Jesper!AJ$2:AJ$366,ROUNDDOWN($C4865/24,0)+1,1))-1)+IF('Standard Profiles'!$G$20=$B$10,7,0)+IF('Standard Profiles'!$G$20=$B$17,14,0)+IF('Standard Profiles'!$G$20=$B$24,21,0),0)),0)</f>
        <v>0</v>
      </c>
      <c r="G4865" cm="1">
        <f t="array" ref="G4865">IFERROR(INDEX(Jesper!AK$2:AK$366,ROUNDDOWN($C4865/24,0)+1,1)*INDEX($D$3:$AA$30,INDEX(Jesper!$R$2:$R$366,ROW(INDEX(Jesper!AK$2:AK$366,ROUNDDOWN($C4865/24,0)+1,1))-1)+IF('Standard Profiles'!$G$21=$B$10,7,0)+IF('Standard Profiles'!$G$21=$B$17,14,0)+IF('Standard Profiles'!$G$21=$B$24,21,0),MOD($C4865,24)+1)/SUM(INDEX($D$3:$AA$30,INDEX(Jesper!$R$2:$R$366,ROW(INDEX(Jesper!AK$2:AK$366,ROUNDDOWN($C4865/24,0)+1,1))-1)+IF('Standard Profiles'!$G$21=$B$10,7,0)+IF('Standard Profiles'!$G$21=$B$17,14,0)+IF('Standard Profiles'!$G$21=$B$24,21,0),0)),0)</f>
        <v>0.10246788905792421</v>
      </c>
      <c r="H4865" cm="1">
        <f t="array" ref="H4865">IFERROR(INDEX(Jesper!AL$2:AL$366,ROUNDDOWN($C4865/24,0)+1,1)*INDEX($D$3:$AA$30,INDEX(Jesper!$R$2:$R$366,ROW(INDEX(Jesper!AL$2:AL$366,ROUNDDOWN($C4865/24,0)+1,1))-1)+IF('Standard Profiles'!$G$22=$B$10,7,0)+IF('Standard Profiles'!$G$22=$B$17,14,0)+IF('Standard Profiles'!$G$22=$B$24,21,0),MOD($C4865,24)+1)/SUM(INDEX($D$3:$AA$30,INDEX(Jesper!$R$2:$R$366,ROW(INDEX(Jesper!AL$2:AL$366,ROUNDDOWN($C4865/24,0)+1,1))-1)+IF('Standard Profiles'!$G$22=$B$10,7,0)+IF('Standard Profiles'!$G$22=$B$17,14,0)+IF('Standard Profiles'!$G$22=$B$24,21,0),0)),0)</f>
        <v>0</v>
      </c>
      <c r="I4865">
        <f t="shared" si="545"/>
        <v>4.9184586747803599E-2</v>
      </c>
      <c r="J4865">
        <f t="shared" si="546"/>
        <v>25.973221916040465</v>
      </c>
      <c r="K4865">
        <f t="shared" si="547"/>
        <v>2.2209338355678563</v>
      </c>
      <c r="L4865">
        <f t="shared" si="548"/>
        <v>1.1104669177839281</v>
      </c>
      <c r="M4865">
        <f t="shared" si="549"/>
        <v>0</v>
      </c>
      <c r="N4865" s="45">
        <f t="shared" si="550"/>
        <v>45128.29166665495</v>
      </c>
    </row>
    <row r="4866" spans="2:14" x14ac:dyDescent="0.25">
      <c r="B4866">
        <f t="shared" si="544"/>
        <v>5</v>
      </c>
      <c r="C4866" s="16">
        <v>4832</v>
      </c>
      <c r="D4866" cm="1">
        <f t="array" ref="D4866">IFERROR(INDEX(Jesper!AH$2:AH$366,ROUNDDOWN($C4866/24,0)+1,1)*INDEX($D$3:$AA$30,INDEX(Jesper!$R$2:$R$366,ROW(INDEX(Jesper!AH$2:AH$366,ROUNDDOWN($C4866/24,0)+1,1))-1)+IF('Standard Profiles'!$G$18=$B$10,7,0)+IF('Standard Profiles'!$G$18=$B$17,14,0)+IF('Standard Profiles'!$G$18=$B$24,21,0),MOD($C4866,24)+1)/SUM(INDEX($D$3:$AA$30,INDEX(Jesper!$R$2:$R$366,ROW(INDEX(Jesper!AH$2:AH$366,ROUNDDOWN($C4866/24,0)+1,1))-1)+IF('Standard Profiles'!$G$18=$B$10,7,0)+IF('Standard Profiles'!$G$18=$B$17,14,0)+IF('Standard Profiles'!$G$18=$B$24,21,0),0)),0)</f>
        <v>26.026568385560818</v>
      </c>
      <c r="E4866" cm="1">
        <f t="array" ref="E4866">IFERROR(INDEX(Jesper!AI$2:AI$366,ROUNDDOWN($C4866/24,0)+1,1)*INDEX($D$3:$AA$30,INDEX(Jesper!$R$2:$R$366,ROW(INDEX(Jesper!AI$2:AI$366,ROUNDDOWN($C4866/24,0)+1,1))-1)+IF('Standard Profiles'!$G$19=$B$10,7,0)+IF('Standard Profiles'!$G$19=$B$17,14,0)+IF('Standard Profiles'!$G$19=$B$24,21,0),MOD($C4866,24)+1)/SUM(INDEX($D$3:$AA$30,INDEX(Jesper!$R$2:$R$366,ROW(INDEX(Jesper!AI$2:AI$366,ROUNDDOWN($C4866/24,0)+1,1))-1)+IF('Standard Profiles'!$G$19=$B$10,7,0)+IF('Standard Profiles'!$G$19=$B$17,14,0)+IF('Standard Profiles'!$G$19=$B$24,21,0),0)),0)</f>
        <v>10.537605823291852</v>
      </c>
      <c r="F4866" cm="1">
        <f t="array" ref="F4866">IFERROR(INDEX(Jesper!AJ$2:AJ$366,ROUNDDOWN($C4866/24,0)+1,1)*INDEX($D$3:$AA$30,INDEX(Jesper!$R$2:$R$366,ROW(INDEX(Jesper!AJ$2:AJ$366,ROUNDDOWN($C4866/24,0)+1,1))-1)+IF('Standard Profiles'!$G$20=$B$10,7,0)+IF('Standard Profiles'!$G$20=$B$17,14,0)+IF('Standard Profiles'!$G$20=$B$24,21,0),MOD($C4866,24)+1)/SUM(INDEX($D$3:$AA$30,INDEX(Jesper!$R$2:$R$366,ROW(INDEX(Jesper!AJ$2:AJ$366,ROUNDDOWN($C4866/24,0)+1,1))-1)+IF('Standard Profiles'!$G$20=$B$10,7,0)+IF('Standard Profiles'!$G$20=$B$17,14,0)+IF('Standard Profiles'!$G$20=$B$24,21,0),0)),0)</f>
        <v>0</v>
      </c>
      <c r="G4866" cm="1">
        <f t="array" ref="G4866">IFERROR(INDEX(Jesper!AK$2:AK$366,ROUNDDOWN($C4866/24,0)+1,1)*INDEX($D$3:$AA$30,INDEX(Jesper!$R$2:$R$366,ROW(INDEX(Jesper!AK$2:AK$366,ROUNDDOWN($C4866/24,0)+1,1))-1)+IF('Standard Profiles'!$G$21=$B$10,7,0)+IF('Standard Profiles'!$G$21=$B$17,14,0)+IF('Standard Profiles'!$G$21=$B$24,21,0),MOD($C4866,24)+1)/SUM(INDEX($D$3:$AA$30,INDEX(Jesper!$R$2:$R$366,ROW(INDEX(Jesper!AK$2:AK$366,ROUNDDOWN($C4866/24,0)+1,1))-1)+IF('Standard Profiles'!$G$21=$B$10,7,0)+IF('Standard Profiles'!$G$21=$B$17,14,0)+IF('Standard Profiles'!$G$21=$B$24,21,0),0)),0)</f>
        <v>0.12808486132240526</v>
      </c>
      <c r="H4866" cm="1">
        <f t="array" ref="H4866">IFERROR(INDEX(Jesper!AL$2:AL$366,ROUNDDOWN($C4866/24,0)+1,1)*INDEX($D$3:$AA$30,INDEX(Jesper!$R$2:$R$366,ROW(INDEX(Jesper!AL$2:AL$366,ROUNDDOWN($C4866/24,0)+1,1))-1)+IF('Standard Profiles'!$G$22=$B$10,7,0)+IF('Standard Profiles'!$G$22=$B$17,14,0)+IF('Standard Profiles'!$G$22=$B$24,21,0),MOD($C4866,24)+1)/SUM(INDEX($D$3:$AA$30,INDEX(Jesper!$R$2:$R$366,ROW(INDEX(Jesper!AL$2:AL$366,ROUNDDOWN($C4866/24,0)+1,1))-1)+IF('Standard Profiles'!$G$22=$B$10,7,0)+IF('Standard Profiles'!$G$22=$B$17,14,0)+IF('Standard Profiles'!$G$22=$B$24,21,0),0)),0)</f>
        <v>0</v>
      </c>
      <c r="I4866">
        <f t="shared" si="545"/>
        <v>6.1480733434754499E-2</v>
      </c>
      <c r="J4866">
        <f t="shared" si="546"/>
        <v>32.466527395050583</v>
      </c>
      <c r="K4866">
        <f t="shared" si="547"/>
        <v>2.7761672944598206</v>
      </c>
      <c r="L4866">
        <f t="shared" si="548"/>
        <v>1.3880836472299103</v>
      </c>
      <c r="M4866">
        <f t="shared" si="549"/>
        <v>0</v>
      </c>
      <c r="N4866" s="45">
        <f t="shared" si="550"/>
        <v>45128.333333321614</v>
      </c>
    </row>
    <row r="4867" spans="2:14" x14ac:dyDescent="0.25">
      <c r="B4867">
        <f t="shared" si="544"/>
        <v>5</v>
      </c>
      <c r="C4867" s="16">
        <v>4833</v>
      </c>
      <c r="D4867" cm="1">
        <f t="array" ref="D4867">IFERROR(INDEX(Jesper!AH$2:AH$366,ROUNDDOWN($C4867/24,0)+1,1)*INDEX($D$3:$AA$30,INDEX(Jesper!$R$2:$R$366,ROW(INDEX(Jesper!AH$2:AH$366,ROUNDDOWN($C4867/24,0)+1,1))-1)+IF('Standard Profiles'!$G$18=$B$10,7,0)+IF('Standard Profiles'!$G$18=$B$17,14,0)+IF('Standard Profiles'!$G$18=$B$24,21,0),MOD($C4867,24)+1)/SUM(INDEX($D$3:$AA$30,INDEX(Jesper!$R$2:$R$366,ROW(INDEX(Jesper!AH$2:AH$366,ROUNDDOWN($C4867/24,0)+1,1))-1)+IF('Standard Profiles'!$G$18=$B$10,7,0)+IF('Standard Profiles'!$G$18=$B$17,14,0)+IF('Standard Profiles'!$G$18=$B$24,21,0),0)),0)</f>
        <v>28.629225224116897</v>
      </c>
      <c r="E4867" cm="1">
        <f t="array" ref="E4867">IFERROR(INDEX(Jesper!AI$2:AI$366,ROUNDDOWN($C4867/24,0)+1,1)*INDEX($D$3:$AA$30,INDEX(Jesper!$R$2:$R$366,ROW(INDEX(Jesper!AI$2:AI$366,ROUNDDOWN($C4867/24,0)+1,1))-1)+IF('Standard Profiles'!$G$19=$B$10,7,0)+IF('Standard Profiles'!$G$19=$B$17,14,0)+IF('Standard Profiles'!$G$19=$B$24,21,0),MOD($C4867,24)+1)/SUM(INDEX($D$3:$AA$30,INDEX(Jesper!$R$2:$R$366,ROW(INDEX(Jesper!AI$2:AI$366,ROUNDDOWN($C4867/24,0)+1,1))-1)+IF('Standard Profiles'!$G$19=$B$10,7,0)+IF('Standard Profiles'!$G$19=$B$17,14,0)+IF('Standard Profiles'!$G$19=$B$24,21,0),0)),0)</f>
        <v>11.591366405621036</v>
      </c>
      <c r="F4867" cm="1">
        <f t="array" ref="F4867">IFERROR(INDEX(Jesper!AJ$2:AJ$366,ROUNDDOWN($C4867/24,0)+1,1)*INDEX($D$3:$AA$30,INDEX(Jesper!$R$2:$R$366,ROW(INDEX(Jesper!AJ$2:AJ$366,ROUNDDOWN($C4867/24,0)+1,1))-1)+IF('Standard Profiles'!$G$20=$B$10,7,0)+IF('Standard Profiles'!$G$20=$B$17,14,0)+IF('Standard Profiles'!$G$20=$B$24,21,0),MOD($C4867,24)+1)/SUM(INDEX($D$3:$AA$30,INDEX(Jesper!$R$2:$R$366,ROW(INDEX(Jesper!AJ$2:AJ$366,ROUNDDOWN($C4867/24,0)+1,1))-1)+IF('Standard Profiles'!$G$20=$B$10,7,0)+IF('Standard Profiles'!$G$20=$B$17,14,0)+IF('Standard Profiles'!$G$20=$B$24,21,0),0)),0)</f>
        <v>0</v>
      </c>
      <c r="G4867" cm="1">
        <f t="array" ref="G4867">IFERROR(INDEX(Jesper!AK$2:AK$366,ROUNDDOWN($C4867/24,0)+1,1)*INDEX($D$3:$AA$30,INDEX(Jesper!$R$2:$R$366,ROW(INDEX(Jesper!AK$2:AK$366,ROUNDDOWN($C4867/24,0)+1,1))-1)+IF('Standard Profiles'!$G$21=$B$10,7,0)+IF('Standard Profiles'!$G$21=$B$17,14,0)+IF('Standard Profiles'!$G$21=$B$24,21,0),MOD($C4867,24)+1)/SUM(INDEX($D$3:$AA$30,INDEX(Jesper!$R$2:$R$366,ROW(INDEX(Jesper!AK$2:AK$366,ROUNDDOWN($C4867/24,0)+1,1))-1)+IF('Standard Profiles'!$G$21=$B$10,7,0)+IF('Standard Profiles'!$G$21=$B$17,14,0)+IF('Standard Profiles'!$G$21=$B$24,21,0),0)),0)</f>
        <v>0.1408933474546458</v>
      </c>
      <c r="H4867" cm="1">
        <f t="array" ref="H4867">IFERROR(INDEX(Jesper!AL$2:AL$366,ROUNDDOWN($C4867/24,0)+1,1)*INDEX($D$3:$AA$30,INDEX(Jesper!$R$2:$R$366,ROW(INDEX(Jesper!AL$2:AL$366,ROUNDDOWN($C4867/24,0)+1,1))-1)+IF('Standard Profiles'!$G$22=$B$10,7,0)+IF('Standard Profiles'!$G$22=$B$17,14,0)+IF('Standard Profiles'!$G$22=$B$24,21,0),MOD($C4867,24)+1)/SUM(INDEX($D$3:$AA$30,INDEX(Jesper!$R$2:$R$366,ROW(INDEX(Jesper!AL$2:AL$366,ROUNDDOWN($C4867/24,0)+1,1))-1)+IF('Standard Profiles'!$G$22=$B$10,7,0)+IF('Standard Profiles'!$G$22=$B$17,14,0)+IF('Standard Profiles'!$G$22=$B$24,21,0),0)),0)</f>
        <v>0</v>
      </c>
      <c r="I4867">
        <f t="shared" si="545"/>
        <v>6.7628806778229952E-2</v>
      </c>
      <c r="J4867">
        <f t="shared" si="546"/>
        <v>35.71318013455565</v>
      </c>
      <c r="K4867">
        <f t="shared" si="547"/>
        <v>3.0537840239058025</v>
      </c>
      <c r="L4867">
        <f t="shared" si="548"/>
        <v>1.5268920119529013</v>
      </c>
      <c r="M4867">
        <f t="shared" si="549"/>
        <v>0</v>
      </c>
      <c r="N4867" s="45">
        <f t="shared" si="550"/>
        <v>45128.374999988278</v>
      </c>
    </row>
    <row r="4868" spans="2:14" x14ac:dyDescent="0.25">
      <c r="B4868">
        <f t="shared" si="544"/>
        <v>5</v>
      </c>
      <c r="C4868" s="16">
        <v>4834</v>
      </c>
      <c r="D4868" cm="1">
        <f t="array" ref="D4868">IFERROR(INDEX(Jesper!AH$2:AH$366,ROUNDDOWN($C4868/24,0)+1,1)*INDEX($D$3:$AA$30,INDEX(Jesper!$R$2:$R$366,ROW(INDEX(Jesper!AH$2:AH$366,ROUNDDOWN($C4868/24,0)+1,1))-1)+IF('Standard Profiles'!$G$18=$B$10,7,0)+IF('Standard Profiles'!$G$18=$B$17,14,0)+IF('Standard Profiles'!$G$18=$B$24,21,0),MOD($C4868,24)+1)/SUM(INDEX($D$3:$AA$30,INDEX(Jesper!$R$2:$R$366,ROW(INDEX(Jesper!AH$2:AH$366,ROUNDDOWN($C4868/24,0)+1,1))-1)+IF('Standard Profiles'!$G$18=$B$10,7,0)+IF('Standard Profiles'!$G$18=$B$17,14,0)+IF('Standard Profiles'!$G$18=$B$24,21,0),0)),0)</f>
        <v>28.629225224116897</v>
      </c>
      <c r="E4868" cm="1">
        <f t="array" ref="E4868">IFERROR(INDEX(Jesper!AI$2:AI$366,ROUNDDOWN($C4868/24,0)+1,1)*INDEX($D$3:$AA$30,INDEX(Jesper!$R$2:$R$366,ROW(INDEX(Jesper!AI$2:AI$366,ROUNDDOWN($C4868/24,0)+1,1))-1)+IF('Standard Profiles'!$G$19=$B$10,7,0)+IF('Standard Profiles'!$G$19=$B$17,14,0)+IF('Standard Profiles'!$G$19=$B$24,21,0),MOD($C4868,24)+1)/SUM(INDEX($D$3:$AA$30,INDEX(Jesper!$R$2:$R$366,ROW(INDEX(Jesper!AI$2:AI$366,ROUNDDOWN($C4868/24,0)+1,1))-1)+IF('Standard Profiles'!$G$19=$B$10,7,0)+IF('Standard Profiles'!$G$19=$B$17,14,0)+IF('Standard Profiles'!$G$19=$B$24,21,0),0)),0)</f>
        <v>11.591366405621036</v>
      </c>
      <c r="F4868" cm="1">
        <f t="array" ref="F4868">IFERROR(INDEX(Jesper!AJ$2:AJ$366,ROUNDDOWN($C4868/24,0)+1,1)*INDEX($D$3:$AA$30,INDEX(Jesper!$R$2:$R$366,ROW(INDEX(Jesper!AJ$2:AJ$366,ROUNDDOWN($C4868/24,0)+1,1))-1)+IF('Standard Profiles'!$G$20=$B$10,7,0)+IF('Standard Profiles'!$G$20=$B$17,14,0)+IF('Standard Profiles'!$G$20=$B$24,21,0),MOD($C4868,24)+1)/SUM(INDEX($D$3:$AA$30,INDEX(Jesper!$R$2:$R$366,ROW(INDEX(Jesper!AJ$2:AJ$366,ROUNDDOWN($C4868/24,0)+1,1))-1)+IF('Standard Profiles'!$G$20=$B$10,7,0)+IF('Standard Profiles'!$G$20=$B$17,14,0)+IF('Standard Profiles'!$G$20=$B$24,21,0),0)),0)</f>
        <v>0</v>
      </c>
      <c r="G4868" cm="1">
        <f t="array" ref="G4868">IFERROR(INDEX(Jesper!AK$2:AK$366,ROUNDDOWN($C4868/24,0)+1,1)*INDEX($D$3:$AA$30,INDEX(Jesper!$R$2:$R$366,ROW(INDEX(Jesper!AK$2:AK$366,ROUNDDOWN($C4868/24,0)+1,1))-1)+IF('Standard Profiles'!$G$21=$B$10,7,0)+IF('Standard Profiles'!$G$21=$B$17,14,0)+IF('Standard Profiles'!$G$21=$B$24,21,0),MOD($C4868,24)+1)/SUM(INDEX($D$3:$AA$30,INDEX(Jesper!$R$2:$R$366,ROW(INDEX(Jesper!AK$2:AK$366,ROUNDDOWN($C4868/24,0)+1,1))-1)+IF('Standard Profiles'!$G$21=$B$10,7,0)+IF('Standard Profiles'!$G$21=$B$17,14,0)+IF('Standard Profiles'!$G$21=$B$24,21,0),0)),0)</f>
        <v>0.1408933474546458</v>
      </c>
      <c r="H4868" cm="1">
        <f t="array" ref="H4868">IFERROR(INDEX(Jesper!AL$2:AL$366,ROUNDDOWN($C4868/24,0)+1,1)*INDEX($D$3:$AA$30,INDEX(Jesper!$R$2:$R$366,ROW(INDEX(Jesper!AL$2:AL$366,ROUNDDOWN($C4868/24,0)+1,1))-1)+IF('Standard Profiles'!$G$22=$B$10,7,0)+IF('Standard Profiles'!$G$22=$B$17,14,0)+IF('Standard Profiles'!$G$22=$B$24,21,0),MOD($C4868,24)+1)/SUM(INDEX($D$3:$AA$30,INDEX(Jesper!$R$2:$R$366,ROW(INDEX(Jesper!AL$2:AL$366,ROUNDDOWN($C4868/24,0)+1,1))-1)+IF('Standard Profiles'!$G$22=$B$10,7,0)+IF('Standard Profiles'!$G$22=$B$17,14,0)+IF('Standard Profiles'!$G$22=$B$24,21,0),0)),0)</f>
        <v>0</v>
      </c>
      <c r="I4868">
        <f t="shared" si="545"/>
        <v>6.7628806778229952E-2</v>
      </c>
      <c r="J4868">
        <f t="shared" si="546"/>
        <v>35.71318013455565</v>
      </c>
      <c r="K4868">
        <f t="shared" si="547"/>
        <v>3.0537840239058025</v>
      </c>
      <c r="L4868">
        <f t="shared" si="548"/>
        <v>1.5268920119529013</v>
      </c>
      <c r="M4868">
        <f t="shared" si="549"/>
        <v>0</v>
      </c>
      <c r="N4868" s="45">
        <f t="shared" si="550"/>
        <v>45128.416666654943</v>
      </c>
    </row>
    <row r="4869" spans="2:14" x14ac:dyDescent="0.25">
      <c r="B4869">
        <f t="shared" si="544"/>
        <v>5</v>
      </c>
      <c r="C4869" s="16">
        <v>4835</v>
      </c>
      <c r="D4869" cm="1">
        <f t="array" ref="D4869">IFERROR(INDEX(Jesper!AH$2:AH$366,ROUNDDOWN($C4869/24,0)+1,1)*INDEX($D$3:$AA$30,INDEX(Jesper!$R$2:$R$366,ROW(INDEX(Jesper!AH$2:AH$366,ROUNDDOWN($C4869/24,0)+1,1))-1)+IF('Standard Profiles'!$G$18=$B$10,7,0)+IF('Standard Profiles'!$G$18=$B$17,14,0)+IF('Standard Profiles'!$G$18=$B$24,21,0),MOD($C4869,24)+1)/SUM(INDEX($D$3:$AA$30,INDEX(Jesper!$R$2:$R$366,ROW(INDEX(Jesper!AH$2:AH$366,ROUNDDOWN($C4869/24,0)+1,1))-1)+IF('Standard Profiles'!$G$18=$B$10,7,0)+IF('Standard Profiles'!$G$18=$B$17,14,0)+IF('Standard Profiles'!$G$18=$B$24,21,0),0)),0)</f>
        <v>33.83453890122906</v>
      </c>
      <c r="E4869" cm="1">
        <f t="array" ref="E4869">IFERROR(INDEX(Jesper!AI$2:AI$366,ROUNDDOWN($C4869/24,0)+1,1)*INDEX($D$3:$AA$30,INDEX(Jesper!$R$2:$R$366,ROW(INDEX(Jesper!AI$2:AI$366,ROUNDDOWN($C4869/24,0)+1,1))-1)+IF('Standard Profiles'!$G$19=$B$10,7,0)+IF('Standard Profiles'!$G$19=$B$17,14,0)+IF('Standard Profiles'!$G$19=$B$24,21,0),MOD($C4869,24)+1)/SUM(INDEX($D$3:$AA$30,INDEX(Jesper!$R$2:$R$366,ROW(INDEX(Jesper!AI$2:AI$366,ROUNDDOWN($C4869/24,0)+1,1))-1)+IF('Standard Profiles'!$G$19=$B$10,7,0)+IF('Standard Profiles'!$G$19=$B$17,14,0)+IF('Standard Profiles'!$G$19=$B$24,21,0),0)),0)</f>
        <v>13.698887570279407</v>
      </c>
      <c r="F4869" cm="1">
        <f t="array" ref="F4869">IFERROR(INDEX(Jesper!AJ$2:AJ$366,ROUNDDOWN($C4869/24,0)+1,1)*INDEX($D$3:$AA$30,INDEX(Jesper!$R$2:$R$366,ROW(INDEX(Jesper!AJ$2:AJ$366,ROUNDDOWN($C4869/24,0)+1,1))-1)+IF('Standard Profiles'!$G$20=$B$10,7,0)+IF('Standard Profiles'!$G$20=$B$17,14,0)+IF('Standard Profiles'!$G$20=$B$24,21,0),MOD($C4869,24)+1)/SUM(INDEX($D$3:$AA$30,INDEX(Jesper!$R$2:$R$366,ROW(INDEX(Jesper!AJ$2:AJ$366,ROUNDDOWN($C4869/24,0)+1,1))-1)+IF('Standard Profiles'!$G$20=$B$10,7,0)+IF('Standard Profiles'!$G$20=$B$17,14,0)+IF('Standard Profiles'!$G$20=$B$24,21,0),0)),0)</f>
        <v>0</v>
      </c>
      <c r="G4869" cm="1">
        <f t="array" ref="G4869">IFERROR(INDEX(Jesper!AK$2:AK$366,ROUNDDOWN($C4869/24,0)+1,1)*INDEX($D$3:$AA$30,INDEX(Jesper!$R$2:$R$366,ROW(INDEX(Jesper!AK$2:AK$366,ROUNDDOWN($C4869/24,0)+1,1))-1)+IF('Standard Profiles'!$G$21=$B$10,7,0)+IF('Standard Profiles'!$G$21=$B$17,14,0)+IF('Standard Profiles'!$G$21=$B$24,21,0),MOD($C4869,24)+1)/SUM(INDEX($D$3:$AA$30,INDEX(Jesper!$R$2:$R$366,ROW(INDEX(Jesper!AK$2:AK$366,ROUNDDOWN($C4869/24,0)+1,1))-1)+IF('Standard Profiles'!$G$21=$B$10,7,0)+IF('Standard Profiles'!$G$21=$B$17,14,0)+IF('Standard Profiles'!$G$21=$B$24,21,0),0)),0)</f>
        <v>0.1665103197191268</v>
      </c>
      <c r="H4869" cm="1">
        <f t="array" ref="H4869">IFERROR(INDEX(Jesper!AL$2:AL$366,ROUNDDOWN($C4869/24,0)+1,1)*INDEX($D$3:$AA$30,INDEX(Jesper!$R$2:$R$366,ROW(INDEX(Jesper!AL$2:AL$366,ROUNDDOWN($C4869/24,0)+1,1))-1)+IF('Standard Profiles'!$G$22=$B$10,7,0)+IF('Standard Profiles'!$G$22=$B$17,14,0)+IF('Standard Profiles'!$G$22=$B$24,21,0),MOD($C4869,24)+1)/SUM(INDEX($D$3:$AA$30,INDEX(Jesper!$R$2:$R$366,ROW(INDEX(Jesper!AL$2:AL$366,ROUNDDOWN($C4869/24,0)+1,1))-1)+IF('Standard Profiles'!$G$22=$B$10,7,0)+IF('Standard Profiles'!$G$22=$B$17,14,0)+IF('Standard Profiles'!$G$22=$B$24,21,0),0)),0)</f>
        <v>0</v>
      </c>
      <c r="I4869">
        <f t="shared" si="545"/>
        <v>7.9924953465180831E-2</v>
      </c>
      <c r="J4869">
        <f t="shared" si="546"/>
        <v>42.206485613565768</v>
      </c>
      <c r="K4869">
        <f t="shared" si="547"/>
        <v>3.6090174827977668</v>
      </c>
      <c r="L4869">
        <f t="shared" si="548"/>
        <v>1.8045087413988834</v>
      </c>
      <c r="M4869">
        <f t="shared" si="549"/>
        <v>0</v>
      </c>
      <c r="N4869" s="45">
        <f t="shared" si="550"/>
        <v>45128.458333321607</v>
      </c>
    </row>
    <row r="4870" spans="2:14" x14ac:dyDescent="0.25">
      <c r="B4870">
        <f t="shared" si="544"/>
        <v>5</v>
      </c>
      <c r="C4870" s="16">
        <v>4836</v>
      </c>
      <c r="D4870" cm="1">
        <f t="array" ref="D4870">IFERROR(INDEX(Jesper!AH$2:AH$366,ROUNDDOWN($C4870/24,0)+1,1)*INDEX($D$3:$AA$30,INDEX(Jesper!$R$2:$R$366,ROW(INDEX(Jesper!AH$2:AH$366,ROUNDDOWN($C4870/24,0)+1,1))-1)+IF('Standard Profiles'!$G$18=$B$10,7,0)+IF('Standard Profiles'!$G$18=$B$17,14,0)+IF('Standard Profiles'!$G$18=$B$24,21,0),MOD($C4870,24)+1)/SUM(INDEX($D$3:$AA$30,INDEX(Jesper!$R$2:$R$366,ROW(INDEX(Jesper!AH$2:AH$366,ROUNDDOWN($C4870/24,0)+1,1))-1)+IF('Standard Profiles'!$G$18=$B$10,7,0)+IF('Standard Profiles'!$G$18=$B$17,14,0)+IF('Standard Profiles'!$G$18=$B$24,21,0),0)),0)</f>
        <v>33.83453890122906</v>
      </c>
      <c r="E4870" cm="1">
        <f t="array" ref="E4870">IFERROR(INDEX(Jesper!AI$2:AI$366,ROUNDDOWN($C4870/24,0)+1,1)*INDEX($D$3:$AA$30,INDEX(Jesper!$R$2:$R$366,ROW(INDEX(Jesper!AI$2:AI$366,ROUNDDOWN($C4870/24,0)+1,1))-1)+IF('Standard Profiles'!$G$19=$B$10,7,0)+IF('Standard Profiles'!$G$19=$B$17,14,0)+IF('Standard Profiles'!$G$19=$B$24,21,0),MOD($C4870,24)+1)/SUM(INDEX($D$3:$AA$30,INDEX(Jesper!$R$2:$R$366,ROW(INDEX(Jesper!AI$2:AI$366,ROUNDDOWN($C4870/24,0)+1,1))-1)+IF('Standard Profiles'!$G$19=$B$10,7,0)+IF('Standard Profiles'!$G$19=$B$17,14,0)+IF('Standard Profiles'!$G$19=$B$24,21,0),0)),0)</f>
        <v>13.698887570279407</v>
      </c>
      <c r="F4870" cm="1">
        <f t="array" ref="F4870">IFERROR(INDEX(Jesper!AJ$2:AJ$366,ROUNDDOWN($C4870/24,0)+1,1)*INDEX($D$3:$AA$30,INDEX(Jesper!$R$2:$R$366,ROW(INDEX(Jesper!AJ$2:AJ$366,ROUNDDOWN($C4870/24,0)+1,1))-1)+IF('Standard Profiles'!$G$20=$B$10,7,0)+IF('Standard Profiles'!$G$20=$B$17,14,0)+IF('Standard Profiles'!$G$20=$B$24,21,0),MOD($C4870,24)+1)/SUM(INDEX($D$3:$AA$30,INDEX(Jesper!$R$2:$R$366,ROW(INDEX(Jesper!AJ$2:AJ$366,ROUNDDOWN($C4870/24,0)+1,1))-1)+IF('Standard Profiles'!$G$20=$B$10,7,0)+IF('Standard Profiles'!$G$20=$B$17,14,0)+IF('Standard Profiles'!$G$20=$B$24,21,0),0)),0)</f>
        <v>0</v>
      </c>
      <c r="G4870" cm="1">
        <f t="array" ref="G4870">IFERROR(INDEX(Jesper!AK$2:AK$366,ROUNDDOWN($C4870/24,0)+1,1)*INDEX($D$3:$AA$30,INDEX(Jesper!$R$2:$R$366,ROW(INDEX(Jesper!AK$2:AK$366,ROUNDDOWN($C4870/24,0)+1,1))-1)+IF('Standard Profiles'!$G$21=$B$10,7,0)+IF('Standard Profiles'!$G$21=$B$17,14,0)+IF('Standard Profiles'!$G$21=$B$24,21,0),MOD($C4870,24)+1)/SUM(INDEX($D$3:$AA$30,INDEX(Jesper!$R$2:$R$366,ROW(INDEX(Jesper!AK$2:AK$366,ROUNDDOWN($C4870/24,0)+1,1))-1)+IF('Standard Profiles'!$G$21=$B$10,7,0)+IF('Standard Profiles'!$G$21=$B$17,14,0)+IF('Standard Profiles'!$G$21=$B$24,21,0),0)),0)</f>
        <v>0.1665103197191268</v>
      </c>
      <c r="H4870" cm="1">
        <f t="array" ref="H4870">IFERROR(INDEX(Jesper!AL$2:AL$366,ROUNDDOWN($C4870/24,0)+1,1)*INDEX($D$3:$AA$30,INDEX(Jesper!$R$2:$R$366,ROW(INDEX(Jesper!AL$2:AL$366,ROUNDDOWN($C4870/24,0)+1,1))-1)+IF('Standard Profiles'!$G$22=$B$10,7,0)+IF('Standard Profiles'!$G$22=$B$17,14,0)+IF('Standard Profiles'!$G$22=$B$24,21,0),MOD($C4870,24)+1)/SUM(INDEX($D$3:$AA$30,INDEX(Jesper!$R$2:$R$366,ROW(INDEX(Jesper!AL$2:AL$366,ROUNDDOWN($C4870/24,0)+1,1))-1)+IF('Standard Profiles'!$G$22=$B$10,7,0)+IF('Standard Profiles'!$G$22=$B$17,14,0)+IF('Standard Profiles'!$G$22=$B$24,21,0),0)),0)</f>
        <v>0</v>
      </c>
      <c r="I4870">
        <f t="shared" si="545"/>
        <v>7.9924953465180831E-2</v>
      </c>
      <c r="J4870">
        <f t="shared" si="546"/>
        <v>42.206485613565768</v>
      </c>
      <c r="K4870">
        <f t="shared" si="547"/>
        <v>3.6090174827977668</v>
      </c>
      <c r="L4870">
        <f t="shared" si="548"/>
        <v>1.8045087413988834</v>
      </c>
      <c r="M4870">
        <f t="shared" si="549"/>
        <v>0</v>
      </c>
      <c r="N4870" s="45">
        <f t="shared" si="550"/>
        <v>45128.499999988271</v>
      </c>
    </row>
    <row r="4871" spans="2:14" x14ac:dyDescent="0.25">
      <c r="B4871">
        <f t="shared" si="544"/>
        <v>5</v>
      </c>
      <c r="C4871" s="16">
        <v>4837</v>
      </c>
      <c r="D4871" cm="1">
        <f t="array" ref="D4871">IFERROR(INDEX(Jesper!AH$2:AH$366,ROUNDDOWN($C4871/24,0)+1,1)*INDEX($D$3:$AA$30,INDEX(Jesper!$R$2:$R$366,ROW(INDEX(Jesper!AH$2:AH$366,ROUNDDOWN($C4871/24,0)+1,1))-1)+IF('Standard Profiles'!$G$18=$B$10,7,0)+IF('Standard Profiles'!$G$18=$B$17,14,0)+IF('Standard Profiles'!$G$18=$B$24,21,0),MOD($C4871,24)+1)/SUM(INDEX($D$3:$AA$30,INDEX(Jesper!$R$2:$R$366,ROW(INDEX(Jesper!AH$2:AH$366,ROUNDDOWN($C4871/24,0)+1,1))-1)+IF('Standard Profiles'!$G$18=$B$10,7,0)+IF('Standard Profiles'!$G$18=$B$17,14,0)+IF('Standard Profiles'!$G$18=$B$24,21,0),0)),0)</f>
        <v>23.423911547004732</v>
      </c>
      <c r="E4871" cm="1">
        <f t="array" ref="E4871">IFERROR(INDEX(Jesper!AI$2:AI$366,ROUNDDOWN($C4871/24,0)+1,1)*INDEX($D$3:$AA$30,INDEX(Jesper!$R$2:$R$366,ROW(INDEX(Jesper!AI$2:AI$366,ROUNDDOWN($C4871/24,0)+1,1))-1)+IF('Standard Profiles'!$G$19=$B$10,7,0)+IF('Standard Profiles'!$G$19=$B$17,14,0)+IF('Standard Profiles'!$G$19=$B$24,21,0),MOD($C4871,24)+1)/SUM(INDEX($D$3:$AA$30,INDEX(Jesper!$R$2:$R$366,ROW(INDEX(Jesper!AI$2:AI$366,ROUNDDOWN($C4871/24,0)+1,1))-1)+IF('Standard Profiles'!$G$19=$B$10,7,0)+IF('Standard Profiles'!$G$19=$B$17,14,0)+IF('Standard Profiles'!$G$19=$B$24,21,0),0)),0)</f>
        <v>9.4838452409626672</v>
      </c>
      <c r="F4871" cm="1">
        <f t="array" ref="F4871">IFERROR(INDEX(Jesper!AJ$2:AJ$366,ROUNDDOWN($C4871/24,0)+1,1)*INDEX($D$3:$AA$30,INDEX(Jesper!$R$2:$R$366,ROW(INDEX(Jesper!AJ$2:AJ$366,ROUNDDOWN($C4871/24,0)+1,1))-1)+IF('Standard Profiles'!$G$20=$B$10,7,0)+IF('Standard Profiles'!$G$20=$B$17,14,0)+IF('Standard Profiles'!$G$20=$B$24,21,0),MOD($C4871,24)+1)/SUM(INDEX($D$3:$AA$30,INDEX(Jesper!$R$2:$R$366,ROW(INDEX(Jesper!AJ$2:AJ$366,ROUNDDOWN($C4871/24,0)+1,1))-1)+IF('Standard Profiles'!$G$20=$B$10,7,0)+IF('Standard Profiles'!$G$20=$B$17,14,0)+IF('Standard Profiles'!$G$20=$B$24,21,0),0)),0)</f>
        <v>0</v>
      </c>
      <c r="G4871" cm="1">
        <f t="array" ref="G4871">IFERROR(INDEX(Jesper!AK$2:AK$366,ROUNDDOWN($C4871/24,0)+1,1)*INDEX($D$3:$AA$30,INDEX(Jesper!$R$2:$R$366,ROW(INDEX(Jesper!AK$2:AK$366,ROUNDDOWN($C4871/24,0)+1,1))-1)+IF('Standard Profiles'!$G$21=$B$10,7,0)+IF('Standard Profiles'!$G$21=$B$17,14,0)+IF('Standard Profiles'!$G$21=$B$24,21,0),MOD($C4871,24)+1)/SUM(INDEX($D$3:$AA$30,INDEX(Jesper!$R$2:$R$366,ROW(INDEX(Jesper!AK$2:AK$366,ROUNDDOWN($C4871/24,0)+1,1))-1)+IF('Standard Profiles'!$G$21=$B$10,7,0)+IF('Standard Profiles'!$G$21=$B$17,14,0)+IF('Standard Profiles'!$G$21=$B$24,21,0),0)),0)</f>
        <v>0.11527637519016475</v>
      </c>
      <c r="H4871" cm="1">
        <f t="array" ref="H4871">IFERROR(INDEX(Jesper!AL$2:AL$366,ROUNDDOWN($C4871/24,0)+1,1)*INDEX($D$3:$AA$30,INDEX(Jesper!$R$2:$R$366,ROW(INDEX(Jesper!AL$2:AL$366,ROUNDDOWN($C4871/24,0)+1,1))-1)+IF('Standard Profiles'!$G$22=$B$10,7,0)+IF('Standard Profiles'!$G$22=$B$17,14,0)+IF('Standard Profiles'!$G$22=$B$24,21,0),MOD($C4871,24)+1)/SUM(INDEX($D$3:$AA$30,INDEX(Jesper!$R$2:$R$366,ROW(INDEX(Jesper!AL$2:AL$366,ROUNDDOWN($C4871/24,0)+1,1))-1)+IF('Standard Profiles'!$G$22=$B$10,7,0)+IF('Standard Profiles'!$G$22=$B$17,14,0)+IF('Standard Profiles'!$G$22=$B$24,21,0),0)),0)</f>
        <v>0</v>
      </c>
      <c r="I4871">
        <f t="shared" si="545"/>
        <v>5.5332660091279053E-2</v>
      </c>
      <c r="J4871">
        <f t="shared" si="546"/>
        <v>29.219874655545528</v>
      </c>
      <c r="K4871">
        <f t="shared" si="547"/>
        <v>2.4985505650138382</v>
      </c>
      <c r="L4871">
        <f t="shared" si="548"/>
        <v>1.2492752825069191</v>
      </c>
      <c r="M4871">
        <f t="shared" si="549"/>
        <v>0</v>
      </c>
      <c r="N4871" s="45">
        <f t="shared" si="550"/>
        <v>45128.541666654935</v>
      </c>
    </row>
    <row r="4872" spans="2:14" x14ac:dyDescent="0.25">
      <c r="B4872">
        <f t="shared" si="544"/>
        <v>5</v>
      </c>
      <c r="C4872" s="16">
        <v>4838</v>
      </c>
      <c r="D4872" cm="1">
        <f t="array" ref="D4872">IFERROR(INDEX(Jesper!AH$2:AH$366,ROUNDDOWN($C4872/24,0)+1,1)*INDEX($D$3:$AA$30,INDEX(Jesper!$R$2:$R$366,ROW(INDEX(Jesper!AH$2:AH$366,ROUNDDOWN($C4872/24,0)+1,1))-1)+IF('Standard Profiles'!$G$18=$B$10,7,0)+IF('Standard Profiles'!$G$18=$B$17,14,0)+IF('Standard Profiles'!$G$18=$B$24,21,0),MOD($C4872,24)+1)/SUM(INDEX($D$3:$AA$30,INDEX(Jesper!$R$2:$R$366,ROW(INDEX(Jesper!AH$2:AH$366,ROUNDDOWN($C4872/24,0)+1,1))-1)+IF('Standard Profiles'!$G$18=$B$10,7,0)+IF('Standard Profiles'!$G$18=$B$17,14,0)+IF('Standard Profiles'!$G$18=$B$24,21,0),0)),0)</f>
        <v>33.83453890122906</v>
      </c>
      <c r="E4872" cm="1">
        <f t="array" ref="E4872">IFERROR(INDEX(Jesper!AI$2:AI$366,ROUNDDOWN($C4872/24,0)+1,1)*INDEX($D$3:$AA$30,INDEX(Jesper!$R$2:$R$366,ROW(INDEX(Jesper!AI$2:AI$366,ROUNDDOWN($C4872/24,0)+1,1))-1)+IF('Standard Profiles'!$G$19=$B$10,7,0)+IF('Standard Profiles'!$G$19=$B$17,14,0)+IF('Standard Profiles'!$G$19=$B$24,21,0),MOD($C4872,24)+1)/SUM(INDEX($D$3:$AA$30,INDEX(Jesper!$R$2:$R$366,ROW(INDEX(Jesper!AI$2:AI$366,ROUNDDOWN($C4872/24,0)+1,1))-1)+IF('Standard Profiles'!$G$19=$B$10,7,0)+IF('Standard Profiles'!$G$19=$B$17,14,0)+IF('Standard Profiles'!$G$19=$B$24,21,0),0)),0)</f>
        <v>13.698887570279407</v>
      </c>
      <c r="F4872" cm="1">
        <f t="array" ref="F4872">IFERROR(INDEX(Jesper!AJ$2:AJ$366,ROUNDDOWN($C4872/24,0)+1,1)*INDEX($D$3:$AA$30,INDEX(Jesper!$R$2:$R$366,ROW(INDEX(Jesper!AJ$2:AJ$366,ROUNDDOWN($C4872/24,0)+1,1))-1)+IF('Standard Profiles'!$G$20=$B$10,7,0)+IF('Standard Profiles'!$G$20=$B$17,14,0)+IF('Standard Profiles'!$G$20=$B$24,21,0),MOD($C4872,24)+1)/SUM(INDEX($D$3:$AA$30,INDEX(Jesper!$R$2:$R$366,ROW(INDEX(Jesper!AJ$2:AJ$366,ROUNDDOWN($C4872/24,0)+1,1))-1)+IF('Standard Profiles'!$G$20=$B$10,7,0)+IF('Standard Profiles'!$G$20=$B$17,14,0)+IF('Standard Profiles'!$G$20=$B$24,21,0),0)),0)</f>
        <v>0</v>
      </c>
      <c r="G4872" cm="1">
        <f t="array" ref="G4872">IFERROR(INDEX(Jesper!AK$2:AK$366,ROUNDDOWN($C4872/24,0)+1,1)*INDEX($D$3:$AA$30,INDEX(Jesper!$R$2:$R$366,ROW(INDEX(Jesper!AK$2:AK$366,ROUNDDOWN($C4872/24,0)+1,1))-1)+IF('Standard Profiles'!$G$21=$B$10,7,0)+IF('Standard Profiles'!$G$21=$B$17,14,0)+IF('Standard Profiles'!$G$21=$B$24,21,0),MOD($C4872,24)+1)/SUM(INDEX($D$3:$AA$30,INDEX(Jesper!$R$2:$R$366,ROW(INDEX(Jesper!AK$2:AK$366,ROUNDDOWN($C4872/24,0)+1,1))-1)+IF('Standard Profiles'!$G$21=$B$10,7,0)+IF('Standard Profiles'!$G$21=$B$17,14,0)+IF('Standard Profiles'!$G$21=$B$24,21,0),0)),0)</f>
        <v>0.1665103197191268</v>
      </c>
      <c r="H4872" cm="1">
        <f t="array" ref="H4872">IFERROR(INDEX(Jesper!AL$2:AL$366,ROUNDDOWN($C4872/24,0)+1,1)*INDEX($D$3:$AA$30,INDEX(Jesper!$R$2:$R$366,ROW(INDEX(Jesper!AL$2:AL$366,ROUNDDOWN($C4872/24,0)+1,1))-1)+IF('Standard Profiles'!$G$22=$B$10,7,0)+IF('Standard Profiles'!$G$22=$B$17,14,0)+IF('Standard Profiles'!$G$22=$B$24,21,0),MOD($C4872,24)+1)/SUM(INDEX($D$3:$AA$30,INDEX(Jesper!$R$2:$R$366,ROW(INDEX(Jesper!AL$2:AL$366,ROUNDDOWN($C4872/24,0)+1,1))-1)+IF('Standard Profiles'!$G$22=$B$10,7,0)+IF('Standard Profiles'!$G$22=$B$17,14,0)+IF('Standard Profiles'!$G$22=$B$24,21,0),0)),0)</f>
        <v>0</v>
      </c>
      <c r="I4872">
        <f t="shared" si="545"/>
        <v>7.9924953465180831E-2</v>
      </c>
      <c r="J4872">
        <f t="shared" si="546"/>
        <v>42.206485613565768</v>
      </c>
      <c r="K4872">
        <f t="shared" si="547"/>
        <v>3.6090174827977668</v>
      </c>
      <c r="L4872">
        <f t="shared" si="548"/>
        <v>1.8045087413988834</v>
      </c>
      <c r="M4872">
        <f t="shared" si="549"/>
        <v>0</v>
      </c>
      <c r="N4872" s="45">
        <f t="shared" si="550"/>
        <v>45128.5833333216</v>
      </c>
    </row>
    <row r="4873" spans="2:14" x14ac:dyDescent="0.25">
      <c r="B4873">
        <f t="shared" si="544"/>
        <v>5</v>
      </c>
      <c r="C4873" s="16">
        <v>4839</v>
      </c>
      <c r="D4873" cm="1">
        <f t="array" ref="D4873">IFERROR(INDEX(Jesper!AH$2:AH$366,ROUNDDOWN($C4873/24,0)+1,1)*INDEX($D$3:$AA$30,INDEX(Jesper!$R$2:$R$366,ROW(INDEX(Jesper!AH$2:AH$366,ROUNDDOWN($C4873/24,0)+1,1))-1)+IF('Standard Profiles'!$G$18=$B$10,7,0)+IF('Standard Profiles'!$G$18=$B$17,14,0)+IF('Standard Profiles'!$G$18=$B$24,21,0),MOD($C4873,24)+1)/SUM(INDEX($D$3:$AA$30,INDEX(Jesper!$R$2:$R$366,ROW(INDEX(Jesper!AH$2:AH$366,ROUNDDOWN($C4873/24,0)+1,1))-1)+IF('Standard Profiles'!$G$18=$B$10,7,0)+IF('Standard Profiles'!$G$18=$B$17,14,0)+IF('Standard Profiles'!$G$18=$B$24,21,0),0)),0)</f>
        <v>26.026568385560818</v>
      </c>
      <c r="E4873" cm="1">
        <f t="array" ref="E4873">IFERROR(INDEX(Jesper!AI$2:AI$366,ROUNDDOWN($C4873/24,0)+1,1)*INDEX($D$3:$AA$30,INDEX(Jesper!$R$2:$R$366,ROW(INDEX(Jesper!AI$2:AI$366,ROUNDDOWN($C4873/24,0)+1,1))-1)+IF('Standard Profiles'!$G$19=$B$10,7,0)+IF('Standard Profiles'!$G$19=$B$17,14,0)+IF('Standard Profiles'!$G$19=$B$24,21,0),MOD($C4873,24)+1)/SUM(INDEX($D$3:$AA$30,INDEX(Jesper!$R$2:$R$366,ROW(INDEX(Jesper!AI$2:AI$366,ROUNDDOWN($C4873/24,0)+1,1))-1)+IF('Standard Profiles'!$G$19=$B$10,7,0)+IF('Standard Profiles'!$G$19=$B$17,14,0)+IF('Standard Profiles'!$G$19=$B$24,21,0),0)),0)</f>
        <v>10.537605823291852</v>
      </c>
      <c r="F4873" cm="1">
        <f t="array" ref="F4873">IFERROR(INDEX(Jesper!AJ$2:AJ$366,ROUNDDOWN($C4873/24,0)+1,1)*INDEX($D$3:$AA$30,INDEX(Jesper!$R$2:$R$366,ROW(INDEX(Jesper!AJ$2:AJ$366,ROUNDDOWN($C4873/24,0)+1,1))-1)+IF('Standard Profiles'!$G$20=$B$10,7,0)+IF('Standard Profiles'!$G$20=$B$17,14,0)+IF('Standard Profiles'!$G$20=$B$24,21,0),MOD($C4873,24)+1)/SUM(INDEX($D$3:$AA$30,INDEX(Jesper!$R$2:$R$366,ROW(INDEX(Jesper!AJ$2:AJ$366,ROUNDDOWN($C4873/24,0)+1,1))-1)+IF('Standard Profiles'!$G$20=$B$10,7,0)+IF('Standard Profiles'!$G$20=$B$17,14,0)+IF('Standard Profiles'!$G$20=$B$24,21,0),0)),0)</f>
        <v>0</v>
      </c>
      <c r="G4873" cm="1">
        <f t="array" ref="G4873">IFERROR(INDEX(Jesper!AK$2:AK$366,ROUNDDOWN($C4873/24,0)+1,1)*INDEX($D$3:$AA$30,INDEX(Jesper!$R$2:$R$366,ROW(INDEX(Jesper!AK$2:AK$366,ROUNDDOWN($C4873/24,0)+1,1))-1)+IF('Standard Profiles'!$G$21=$B$10,7,0)+IF('Standard Profiles'!$G$21=$B$17,14,0)+IF('Standard Profiles'!$G$21=$B$24,21,0),MOD($C4873,24)+1)/SUM(INDEX($D$3:$AA$30,INDEX(Jesper!$R$2:$R$366,ROW(INDEX(Jesper!AK$2:AK$366,ROUNDDOWN($C4873/24,0)+1,1))-1)+IF('Standard Profiles'!$G$21=$B$10,7,0)+IF('Standard Profiles'!$G$21=$B$17,14,0)+IF('Standard Profiles'!$G$21=$B$24,21,0),0)),0)</f>
        <v>0.1408933474546458</v>
      </c>
      <c r="H4873" cm="1">
        <f t="array" ref="H4873">IFERROR(INDEX(Jesper!AL$2:AL$366,ROUNDDOWN($C4873/24,0)+1,1)*INDEX($D$3:$AA$30,INDEX(Jesper!$R$2:$R$366,ROW(INDEX(Jesper!AL$2:AL$366,ROUNDDOWN($C4873/24,0)+1,1))-1)+IF('Standard Profiles'!$G$22=$B$10,7,0)+IF('Standard Profiles'!$G$22=$B$17,14,0)+IF('Standard Profiles'!$G$22=$B$24,21,0),MOD($C4873,24)+1)/SUM(INDEX($D$3:$AA$30,INDEX(Jesper!$R$2:$R$366,ROW(INDEX(Jesper!AL$2:AL$366,ROUNDDOWN($C4873/24,0)+1,1))-1)+IF('Standard Profiles'!$G$22=$B$10,7,0)+IF('Standard Profiles'!$G$22=$B$17,14,0)+IF('Standard Profiles'!$G$22=$B$24,21,0),0)),0)</f>
        <v>0</v>
      </c>
      <c r="I4873">
        <f t="shared" si="545"/>
        <v>6.7628806778229952E-2</v>
      </c>
      <c r="J4873">
        <f t="shared" si="546"/>
        <v>32.473187807839352</v>
      </c>
      <c r="K4873">
        <f t="shared" si="547"/>
        <v>2.7761672944598206</v>
      </c>
      <c r="L4873">
        <f t="shared" si="548"/>
        <v>1.3880836472299103</v>
      </c>
      <c r="M4873">
        <f t="shared" si="549"/>
        <v>0</v>
      </c>
      <c r="N4873" s="45">
        <f t="shared" si="550"/>
        <v>45128.624999988264</v>
      </c>
    </row>
    <row r="4874" spans="2:14" x14ac:dyDescent="0.25">
      <c r="B4874">
        <f t="shared" si="544"/>
        <v>5</v>
      </c>
      <c r="C4874" s="16">
        <v>4840</v>
      </c>
      <c r="D4874" cm="1">
        <f t="array" ref="D4874">IFERROR(INDEX(Jesper!AH$2:AH$366,ROUNDDOWN($C4874/24,0)+1,1)*INDEX($D$3:$AA$30,INDEX(Jesper!$R$2:$R$366,ROW(INDEX(Jesper!AH$2:AH$366,ROUNDDOWN($C4874/24,0)+1,1))-1)+IF('Standard Profiles'!$G$18=$B$10,7,0)+IF('Standard Profiles'!$G$18=$B$17,14,0)+IF('Standard Profiles'!$G$18=$B$24,21,0),MOD($C4874,24)+1)/SUM(INDEX($D$3:$AA$30,INDEX(Jesper!$R$2:$R$366,ROW(INDEX(Jesper!AH$2:AH$366,ROUNDDOWN($C4874/24,0)+1,1))-1)+IF('Standard Profiles'!$G$18=$B$10,7,0)+IF('Standard Profiles'!$G$18=$B$17,14,0)+IF('Standard Profiles'!$G$18=$B$24,21,0),0)),0)</f>
        <v>12.219046190404141</v>
      </c>
      <c r="E4874" cm="1">
        <f t="array" ref="E4874">IFERROR(INDEX(Jesper!AI$2:AI$366,ROUNDDOWN($C4874/24,0)+1,1)*INDEX($D$3:$AA$30,INDEX(Jesper!$R$2:$R$366,ROW(INDEX(Jesper!AI$2:AI$366,ROUNDDOWN($C4874/24,0)+1,1))-1)+IF('Standard Profiles'!$G$19=$B$10,7,0)+IF('Standard Profiles'!$G$19=$B$17,14,0)+IF('Standard Profiles'!$G$19=$B$24,21,0),MOD($C4874,24)+1)/SUM(INDEX($D$3:$AA$30,INDEX(Jesper!$R$2:$R$366,ROW(INDEX(Jesper!AI$2:AI$366,ROUNDDOWN($C4874/24,0)+1,1))-1)+IF('Standard Profiles'!$G$19=$B$10,7,0)+IF('Standard Profiles'!$G$19=$B$17,14,0)+IF('Standard Profiles'!$G$19=$B$24,21,0),0)),0)</f>
        <v>4.9472327808881937</v>
      </c>
      <c r="F4874" cm="1">
        <f t="array" ref="F4874">IFERROR(INDEX(Jesper!AJ$2:AJ$366,ROUNDDOWN($C4874/24,0)+1,1)*INDEX($D$3:$AA$30,INDEX(Jesper!$R$2:$R$366,ROW(INDEX(Jesper!AJ$2:AJ$366,ROUNDDOWN($C4874/24,0)+1,1))-1)+IF('Standard Profiles'!$G$20=$B$10,7,0)+IF('Standard Profiles'!$G$20=$B$17,14,0)+IF('Standard Profiles'!$G$20=$B$24,21,0),MOD($C4874,24)+1)/SUM(INDEX($D$3:$AA$30,INDEX(Jesper!$R$2:$R$366,ROW(INDEX(Jesper!AJ$2:AJ$366,ROUNDDOWN($C4874/24,0)+1,1))-1)+IF('Standard Profiles'!$G$20=$B$10,7,0)+IF('Standard Profiles'!$G$20=$B$17,14,0)+IF('Standard Profiles'!$G$20=$B$24,21,0),0)),0)</f>
        <v>0</v>
      </c>
      <c r="G4874" cm="1">
        <f t="array" ref="G4874">IFERROR(INDEX(Jesper!AK$2:AK$366,ROUNDDOWN($C4874/24,0)+1,1)*INDEX($D$3:$AA$30,INDEX(Jesper!$R$2:$R$366,ROW(INDEX(Jesper!AK$2:AK$366,ROUNDDOWN($C4874/24,0)+1,1))-1)+IF('Standard Profiles'!$G$21=$B$10,7,0)+IF('Standard Profiles'!$G$21=$B$17,14,0)+IF('Standard Profiles'!$G$21=$B$24,21,0),MOD($C4874,24)+1)/SUM(INDEX($D$3:$AA$30,INDEX(Jesper!$R$2:$R$366,ROW(INDEX(Jesper!AK$2:AK$366,ROUNDDOWN($C4874/24,0)+1,1))-1)+IF('Standard Profiles'!$G$21=$B$10,7,0)+IF('Standard Profiles'!$G$21=$B$17,14,0)+IF('Standard Profiles'!$G$21=$B$24,21,0),0)),0)</f>
        <v>0.12198558221181453</v>
      </c>
      <c r="H4874" cm="1">
        <f t="array" ref="H4874">IFERROR(INDEX(Jesper!AL$2:AL$366,ROUNDDOWN($C4874/24,0)+1,1)*INDEX($D$3:$AA$30,INDEX(Jesper!$R$2:$R$366,ROW(INDEX(Jesper!AL$2:AL$366,ROUNDDOWN($C4874/24,0)+1,1))-1)+IF('Standard Profiles'!$G$22=$B$10,7,0)+IF('Standard Profiles'!$G$22=$B$17,14,0)+IF('Standard Profiles'!$G$22=$B$24,21,0),MOD($C4874,24)+1)/SUM(INDEX($D$3:$AA$30,INDEX(Jesper!$R$2:$R$366,ROW(INDEX(Jesper!AL$2:AL$366,ROUNDDOWN($C4874/24,0)+1,1))-1)+IF('Standard Profiles'!$G$22=$B$10,7,0)+IF('Standard Profiles'!$G$22=$B$17,14,0)+IF('Standard Profiles'!$G$22=$B$24,21,0),0)),0)</f>
        <v>0</v>
      </c>
      <c r="I4874">
        <f t="shared" si="545"/>
        <v>5.8553079461670945E-2</v>
      </c>
      <c r="J4874">
        <f t="shared" si="546"/>
        <v>15.274664083577816</v>
      </c>
      <c r="K4874">
        <f t="shared" si="547"/>
        <v>1.3033649269764418</v>
      </c>
      <c r="L4874">
        <f t="shared" si="548"/>
        <v>0.6516824634882209</v>
      </c>
      <c r="M4874">
        <f t="shared" si="549"/>
        <v>0</v>
      </c>
      <c r="N4874" s="45">
        <f t="shared" si="550"/>
        <v>45128.666666654928</v>
      </c>
    </row>
    <row r="4875" spans="2:14" x14ac:dyDescent="0.25">
      <c r="B4875">
        <f t="shared" si="544"/>
        <v>5</v>
      </c>
      <c r="C4875" s="16">
        <v>4841</v>
      </c>
      <c r="D4875" cm="1">
        <f t="array" ref="D4875">IFERROR(INDEX(Jesper!AH$2:AH$366,ROUNDDOWN($C4875/24,0)+1,1)*INDEX($D$3:$AA$30,INDEX(Jesper!$R$2:$R$366,ROW(INDEX(Jesper!AH$2:AH$366,ROUNDDOWN($C4875/24,0)+1,1))-1)+IF('Standard Profiles'!$G$18=$B$10,7,0)+IF('Standard Profiles'!$G$18=$B$17,14,0)+IF('Standard Profiles'!$G$18=$B$24,21,0),MOD($C4875,24)+1)/SUM(INDEX($D$3:$AA$30,INDEX(Jesper!$R$2:$R$366,ROW(INDEX(Jesper!AH$2:AH$366,ROUNDDOWN($C4875/24,0)+1,1))-1)+IF('Standard Profiles'!$G$18=$B$10,7,0)+IF('Standard Profiles'!$G$18=$B$17,14,0)+IF('Standard Profiles'!$G$18=$B$24,21,0),0)),0)</f>
        <v>8.0645704856667315</v>
      </c>
      <c r="E4875" cm="1">
        <f t="array" ref="E4875">IFERROR(INDEX(Jesper!AI$2:AI$366,ROUNDDOWN($C4875/24,0)+1,1)*INDEX($D$3:$AA$30,INDEX(Jesper!$R$2:$R$366,ROW(INDEX(Jesper!AI$2:AI$366,ROUNDDOWN($C4875/24,0)+1,1))-1)+IF('Standard Profiles'!$G$19=$B$10,7,0)+IF('Standard Profiles'!$G$19=$B$17,14,0)+IF('Standard Profiles'!$G$19=$B$24,21,0),MOD($C4875,24)+1)/SUM(INDEX($D$3:$AA$30,INDEX(Jesper!$R$2:$R$366,ROW(INDEX(Jesper!AI$2:AI$366,ROUNDDOWN($C4875/24,0)+1,1))-1)+IF('Standard Profiles'!$G$19=$B$10,7,0)+IF('Standard Profiles'!$G$19=$B$17,14,0)+IF('Standard Profiles'!$G$19=$B$24,21,0),0)),0)</f>
        <v>3.2651736353862071</v>
      </c>
      <c r="F4875" cm="1">
        <f t="array" ref="F4875">IFERROR(INDEX(Jesper!AJ$2:AJ$366,ROUNDDOWN($C4875/24,0)+1,1)*INDEX($D$3:$AA$30,INDEX(Jesper!$R$2:$R$366,ROW(INDEX(Jesper!AJ$2:AJ$366,ROUNDDOWN($C4875/24,0)+1,1))-1)+IF('Standard Profiles'!$G$20=$B$10,7,0)+IF('Standard Profiles'!$G$20=$B$17,14,0)+IF('Standard Profiles'!$G$20=$B$24,21,0),MOD($C4875,24)+1)/SUM(INDEX($D$3:$AA$30,INDEX(Jesper!$R$2:$R$366,ROW(INDEX(Jesper!AJ$2:AJ$366,ROUNDDOWN($C4875/24,0)+1,1))-1)+IF('Standard Profiles'!$G$20=$B$10,7,0)+IF('Standard Profiles'!$G$20=$B$17,14,0)+IF('Standard Profiles'!$G$20=$B$24,21,0),0)),0)</f>
        <v>0</v>
      </c>
      <c r="G4875" cm="1">
        <f t="array" ref="G4875">IFERROR(INDEX(Jesper!AK$2:AK$366,ROUNDDOWN($C4875/24,0)+1,1)*INDEX($D$3:$AA$30,INDEX(Jesper!$R$2:$R$366,ROW(INDEX(Jesper!AK$2:AK$366,ROUNDDOWN($C4875/24,0)+1,1))-1)+IF('Standard Profiles'!$G$21=$B$10,7,0)+IF('Standard Profiles'!$G$21=$B$17,14,0)+IF('Standard Profiles'!$G$21=$B$24,21,0),MOD($C4875,24)+1)/SUM(INDEX($D$3:$AA$30,INDEX(Jesper!$R$2:$R$366,ROW(INDEX(Jesper!AK$2:AK$366,ROUNDDOWN($C4875/24,0)+1,1))-1)+IF('Standard Profiles'!$G$21=$B$10,7,0)+IF('Standard Profiles'!$G$21=$B$17,14,0)+IF('Standard Profiles'!$G$21=$B$24,21,0),0)),0)</f>
        <v>0.10246788905792421</v>
      </c>
      <c r="H4875" cm="1">
        <f t="array" ref="H4875">IFERROR(INDEX(Jesper!AL$2:AL$366,ROUNDDOWN($C4875/24,0)+1,1)*INDEX($D$3:$AA$30,INDEX(Jesper!$R$2:$R$366,ROW(INDEX(Jesper!AL$2:AL$366,ROUNDDOWN($C4875/24,0)+1,1))-1)+IF('Standard Profiles'!$G$22=$B$10,7,0)+IF('Standard Profiles'!$G$22=$B$17,14,0)+IF('Standard Profiles'!$G$22=$B$24,21,0),MOD($C4875,24)+1)/SUM(INDEX($D$3:$AA$30,INDEX(Jesper!$R$2:$R$366,ROW(INDEX(Jesper!AL$2:AL$366,ROUNDDOWN($C4875/24,0)+1,1))-1)+IF('Standard Profiles'!$G$22=$B$10,7,0)+IF('Standard Profiles'!$G$22=$B$17,14,0)+IF('Standard Profiles'!$G$22=$B$24,21,0),0)),0)</f>
        <v>0</v>
      </c>
      <c r="I4875">
        <f t="shared" si="545"/>
        <v>4.9184586747803599E-2</v>
      </c>
      <c r="J4875">
        <f t="shared" si="546"/>
        <v>10.092696145656381</v>
      </c>
      <c r="K4875">
        <f t="shared" si="547"/>
        <v>0.8602208518044514</v>
      </c>
      <c r="L4875">
        <f t="shared" si="548"/>
        <v>0.4301104259022257</v>
      </c>
      <c r="M4875">
        <f t="shared" si="549"/>
        <v>0</v>
      </c>
      <c r="N4875" s="45">
        <f t="shared" si="550"/>
        <v>45128.708333321592</v>
      </c>
    </row>
    <row r="4876" spans="2:14" x14ac:dyDescent="0.25">
      <c r="B4876">
        <f t="shared" si="544"/>
        <v>5</v>
      </c>
      <c r="C4876" s="16">
        <v>4842</v>
      </c>
      <c r="D4876" cm="1">
        <f t="array" ref="D4876">IFERROR(INDEX(Jesper!AH$2:AH$366,ROUNDDOWN($C4876/24,0)+1,1)*INDEX($D$3:$AA$30,INDEX(Jesper!$R$2:$R$366,ROW(INDEX(Jesper!AH$2:AH$366,ROUNDDOWN($C4876/24,0)+1,1))-1)+IF('Standard Profiles'!$G$18=$B$10,7,0)+IF('Standard Profiles'!$G$18=$B$17,14,0)+IF('Standard Profiles'!$G$18=$B$24,21,0),MOD($C4876,24)+1)/SUM(INDEX($D$3:$AA$30,INDEX(Jesper!$R$2:$R$366,ROW(INDEX(Jesper!AH$2:AH$366,ROUNDDOWN($C4876/24,0)+1,1))-1)+IF('Standard Profiles'!$G$18=$B$10,7,0)+IF('Standard Profiles'!$G$18=$B$17,14,0)+IF('Standard Profiles'!$G$18=$B$24,21,0),0)),0)</f>
        <v>5.1319993999697386</v>
      </c>
      <c r="E4876" cm="1">
        <f t="array" ref="E4876">IFERROR(INDEX(Jesper!AI$2:AI$366,ROUNDDOWN($C4876/24,0)+1,1)*INDEX($D$3:$AA$30,INDEX(Jesper!$R$2:$R$366,ROW(INDEX(Jesper!AI$2:AI$366,ROUNDDOWN($C4876/24,0)+1,1))-1)+IF('Standard Profiles'!$G$19=$B$10,7,0)+IF('Standard Profiles'!$G$19=$B$17,14,0)+IF('Standard Profiles'!$G$19=$B$24,21,0),MOD($C4876,24)+1)/SUM(INDEX($D$3:$AA$30,INDEX(Jesper!$R$2:$R$366,ROW(INDEX(Jesper!AI$2:AI$366,ROUNDDOWN($C4876/24,0)+1,1))-1)+IF('Standard Profiles'!$G$19=$B$10,7,0)+IF('Standard Profiles'!$G$19=$B$17,14,0)+IF('Standard Profiles'!$G$19=$B$24,21,0),0)),0)</f>
        <v>2.0778377679730409</v>
      </c>
      <c r="F4876" cm="1">
        <f t="array" ref="F4876">IFERROR(INDEX(Jesper!AJ$2:AJ$366,ROUNDDOWN($C4876/24,0)+1,1)*INDEX($D$3:$AA$30,INDEX(Jesper!$R$2:$R$366,ROW(INDEX(Jesper!AJ$2:AJ$366,ROUNDDOWN($C4876/24,0)+1,1))-1)+IF('Standard Profiles'!$G$20=$B$10,7,0)+IF('Standard Profiles'!$G$20=$B$17,14,0)+IF('Standard Profiles'!$G$20=$B$24,21,0),MOD($C4876,24)+1)/SUM(INDEX($D$3:$AA$30,INDEX(Jesper!$R$2:$R$366,ROW(INDEX(Jesper!AJ$2:AJ$366,ROUNDDOWN($C4876/24,0)+1,1))-1)+IF('Standard Profiles'!$G$20=$B$10,7,0)+IF('Standard Profiles'!$G$20=$B$17,14,0)+IF('Standard Profiles'!$G$20=$B$24,21,0),0)),0)</f>
        <v>0</v>
      </c>
      <c r="G4876" cm="1">
        <f t="array" ref="G4876">IFERROR(INDEX(Jesper!AK$2:AK$366,ROUNDDOWN($C4876/24,0)+1,1)*INDEX($D$3:$AA$30,INDEX(Jesper!$R$2:$R$366,ROW(INDEX(Jesper!AK$2:AK$366,ROUNDDOWN($C4876/24,0)+1,1))-1)+IF('Standard Profiles'!$G$21=$B$10,7,0)+IF('Standard Profiles'!$G$21=$B$17,14,0)+IF('Standard Profiles'!$G$21=$B$24,21,0),MOD($C4876,24)+1)/SUM(INDEX($D$3:$AA$30,INDEX(Jesper!$R$2:$R$366,ROW(INDEX(Jesper!AK$2:AK$366,ROUNDDOWN($C4876/24,0)+1,1))-1)+IF('Standard Profiles'!$G$21=$B$10,7,0)+IF('Standard Profiles'!$G$21=$B$17,14,0)+IF('Standard Profiles'!$G$21=$B$24,21,0),0)),0)</f>
        <v>3.7815530485662503E-2</v>
      </c>
      <c r="H4876" cm="1">
        <f t="array" ref="H4876">IFERROR(INDEX(Jesper!AL$2:AL$366,ROUNDDOWN($C4876/24,0)+1,1)*INDEX($D$3:$AA$30,INDEX(Jesper!$R$2:$R$366,ROW(INDEX(Jesper!AL$2:AL$366,ROUNDDOWN($C4876/24,0)+1,1))-1)+IF('Standard Profiles'!$G$22=$B$10,7,0)+IF('Standard Profiles'!$G$22=$B$17,14,0)+IF('Standard Profiles'!$G$22=$B$24,21,0),MOD($C4876,24)+1)/SUM(INDEX($D$3:$AA$30,INDEX(Jesper!$R$2:$R$366,ROW(INDEX(Jesper!AL$2:AL$366,ROUNDDOWN($C4876/24,0)+1,1))-1)+IF('Standard Profiles'!$G$22=$B$10,7,0)+IF('Standard Profiles'!$G$22=$B$17,14,0)+IF('Standard Profiles'!$G$22=$B$24,21,0),0)),0)</f>
        <v>0</v>
      </c>
      <c r="I4876">
        <f t="shared" si="545"/>
        <v>1.8151454633117993E-2</v>
      </c>
      <c r="J4876">
        <f t="shared" si="546"/>
        <v>6.4083813398001652</v>
      </c>
      <c r="K4876">
        <f t="shared" si="547"/>
        <v>0.54741326933010548</v>
      </c>
      <c r="L4876">
        <f t="shared" si="548"/>
        <v>0.27370663466505274</v>
      </c>
      <c r="M4876">
        <f t="shared" si="549"/>
        <v>0</v>
      </c>
      <c r="N4876" s="45">
        <f t="shared" si="550"/>
        <v>45128.749999988257</v>
      </c>
    </row>
    <row r="4877" spans="2:14" x14ac:dyDescent="0.25">
      <c r="B4877">
        <f t="shared" si="544"/>
        <v>5</v>
      </c>
      <c r="C4877" s="16">
        <v>4843</v>
      </c>
      <c r="D4877" cm="1">
        <f t="array" ref="D4877">IFERROR(INDEX(Jesper!AH$2:AH$366,ROUNDDOWN($C4877/24,0)+1,1)*INDEX($D$3:$AA$30,INDEX(Jesper!$R$2:$R$366,ROW(INDEX(Jesper!AH$2:AH$366,ROUNDDOWN($C4877/24,0)+1,1))-1)+IF('Standard Profiles'!$G$18=$B$10,7,0)+IF('Standard Profiles'!$G$18=$B$17,14,0)+IF('Standard Profiles'!$G$18=$B$24,21,0),MOD($C4877,24)+1)/SUM(INDEX($D$3:$AA$30,INDEX(Jesper!$R$2:$R$366,ROW(INDEX(Jesper!AH$2:AH$366,ROUNDDOWN($C4877/24,0)+1,1))-1)+IF('Standard Profiles'!$G$18=$B$10,7,0)+IF('Standard Profiles'!$G$18=$B$17,14,0)+IF('Standard Profiles'!$G$18=$B$24,21,0),0)),0)</f>
        <v>4.8876184761616566</v>
      </c>
      <c r="E4877" cm="1">
        <f t="array" ref="E4877">IFERROR(INDEX(Jesper!AI$2:AI$366,ROUNDDOWN($C4877/24,0)+1,1)*INDEX($D$3:$AA$30,INDEX(Jesper!$R$2:$R$366,ROW(INDEX(Jesper!AI$2:AI$366,ROUNDDOWN($C4877/24,0)+1,1))-1)+IF('Standard Profiles'!$G$19=$B$10,7,0)+IF('Standard Profiles'!$G$19=$B$17,14,0)+IF('Standard Profiles'!$G$19=$B$24,21,0),MOD($C4877,24)+1)/SUM(INDEX($D$3:$AA$30,INDEX(Jesper!$R$2:$R$366,ROW(INDEX(Jesper!AI$2:AI$366,ROUNDDOWN($C4877/24,0)+1,1))-1)+IF('Standard Profiles'!$G$19=$B$10,7,0)+IF('Standard Profiles'!$G$19=$B$17,14,0)+IF('Standard Profiles'!$G$19=$B$24,21,0),0)),0)</f>
        <v>1.9788931123552775</v>
      </c>
      <c r="F4877" cm="1">
        <f t="array" ref="F4877">IFERROR(INDEX(Jesper!AJ$2:AJ$366,ROUNDDOWN($C4877/24,0)+1,1)*INDEX($D$3:$AA$30,INDEX(Jesper!$R$2:$R$366,ROW(INDEX(Jesper!AJ$2:AJ$366,ROUNDDOWN($C4877/24,0)+1,1))-1)+IF('Standard Profiles'!$G$20=$B$10,7,0)+IF('Standard Profiles'!$G$20=$B$17,14,0)+IF('Standard Profiles'!$G$20=$B$24,21,0),MOD($C4877,24)+1)/SUM(INDEX($D$3:$AA$30,INDEX(Jesper!$R$2:$R$366,ROW(INDEX(Jesper!AJ$2:AJ$366,ROUNDDOWN($C4877/24,0)+1,1))-1)+IF('Standard Profiles'!$G$20=$B$10,7,0)+IF('Standard Profiles'!$G$20=$B$17,14,0)+IF('Standard Profiles'!$G$20=$B$24,21,0),0)),0)</f>
        <v>0</v>
      </c>
      <c r="G4877" cm="1">
        <f t="array" ref="G4877">IFERROR(INDEX(Jesper!AK$2:AK$366,ROUNDDOWN($C4877/24,0)+1,1)*INDEX($D$3:$AA$30,INDEX(Jesper!$R$2:$R$366,ROW(INDEX(Jesper!AK$2:AK$366,ROUNDDOWN($C4877/24,0)+1,1))-1)+IF('Standard Profiles'!$G$21=$B$10,7,0)+IF('Standard Profiles'!$G$21=$B$17,14,0)+IF('Standard Profiles'!$G$21=$B$24,21,0),MOD($C4877,24)+1)/SUM(INDEX($D$3:$AA$30,INDEX(Jesper!$R$2:$R$366,ROW(INDEX(Jesper!AK$2:AK$366,ROUNDDOWN($C4877/24,0)+1,1))-1)+IF('Standard Profiles'!$G$21=$B$10,7,0)+IF('Standard Profiles'!$G$21=$B$17,14,0)+IF('Standard Profiles'!$G$21=$B$24,21,0),0)),0)</f>
        <v>3.7815530485662503E-2</v>
      </c>
      <c r="H4877" cm="1">
        <f t="array" ref="H4877">IFERROR(INDEX(Jesper!AL$2:AL$366,ROUNDDOWN($C4877/24,0)+1,1)*INDEX($D$3:$AA$30,INDEX(Jesper!$R$2:$R$366,ROW(INDEX(Jesper!AL$2:AL$366,ROUNDDOWN($C4877/24,0)+1,1))-1)+IF('Standard Profiles'!$G$22=$B$10,7,0)+IF('Standard Profiles'!$G$22=$B$17,14,0)+IF('Standard Profiles'!$G$22=$B$24,21,0),MOD($C4877,24)+1)/SUM(INDEX($D$3:$AA$30,INDEX(Jesper!$R$2:$R$366,ROW(INDEX(Jesper!AL$2:AL$366,ROUNDDOWN($C4877/24,0)+1,1))-1)+IF('Standard Profiles'!$G$22=$B$10,7,0)+IF('Standard Profiles'!$G$22=$B$17,14,0)+IF('Standard Profiles'!$G$22=$B$24,21,0),0)),0)</f>
        <v>0</v>
      </c>
      <c r="I4877">
        <f t="shared" si="545"/>
        <v>1.8151454633117993E-2</v>
      </c>
      <c r="J4877">
        <f t="shared" si="546"/>
        <v>6.1041567081836128</v>
      </c>
      <c r="K4877">
        <f t="shared" si="547"/>
        <v>0.52134597079057676</v>
      </c>
      <c r="L4877">
        <f t="shared" si="548"/>
        <v>0.26067298539528838</v>
      </c>
      <c r="M4877">
        <f t="shared" si="549"/>
        <v>0</v>
      </c>
      <c r="N4877" s="45">
        <f t="shared" si="550"/>
        <v>45128.791666654921</v>
      </c>
    </row>
    <row r="4878" spans="2:14" x14ac:dyDescent="0.25">
      <c r="B4878">
        <f t="shared" si="544"/>
        <v>5</v>
      </c>
      <c r="C4878" s="16">
        <v>4844</v>
      </c>
      <c r="D4878" cm="1">
        <f t="array" ref="D4878">IFERROR(INDEX(Jesper!AH$2:AH$366,ROUNDDOWN($C4878/24,0)+1,1)*INDEX($D$3:$AA$30,INDEX(Jesper!$R$2:$R$366,ROW(INDEX(Jesper!AH$2:AH$366,ROUNDDOWN($C4878/24,0)+1,1))-1)+IF('Standard Profiles'!$G$18=$B$10,7,0)+IF('Standard Profiles'!$G$18=$B$17,14,0)+IF('Standard Profiles'!$G$18=$B$24,21,0),MOD($C4878,24)+1)/SUM(INDEX($D$3:$AA$30,INDEX(Jesper!$R$2:$R$366,ROW(INDEX(Jesper!AH$2:AH$366,ROUNDDOWN($C4878/24,0)+1,1))-1)+IF('Standard Profiles'!$G$18=$B$10,7,0)+IF('Standard Profiles'!$G$18=$B$17,14,0)+IF('Standard Profiles'!$G$18=$B$24,21,0),0)),0)</f>
        <v>4.8876184761616566</v>
      </c>
      <c r="E4878" cm="1">
        <f t="array" ref="E4878">IFERROR(INDEX(Jesper!AI$2:AI$366,ROUNDDOWN($C4878/24,0)+1,1)*INDEX($D$3:$AA$30,INDEX(Jesper!$R$2:$R$366,ROW(INDEX(Jesper!AI$2:AI$366,ROUNDDOWN($C4878/24,0)+1,1))-1)+IF('Standard Profiles'!$G$19=$B$10,7,0)+IF('Standard Profiles'!$G$19=$B$17,14,0)+IF('Standard Profiles'!$G$19=$B$24,21,0),MOD($C4878,24)+1)/SUM(INDEX($D$3:$AA$30,INDEX(Jesper!$R$2:$R$366,ROW(INDEX(Jesper!AI$2:AI$366,ROUNDDOWN($C4878/24,0)+1,1))-1)+IF('Standard Profiles'!$G$19=$B$10,7,0)+IF('Standard Profiles'!$G$19=$B$17,14,0)+IF('Standard Profiles'!$G$19=$B$24,21,0),0)),0)</f>
        <v>1.9788931123552775</v>
      </c>
      <c r="F4878" cm="1">
        <f t="array" ref="F4878">IFERROR(INDEX(Jesper!AJ$2:AJ$366,ROUNDDOWN($C4878/24,0)+1,1)*INDEX($D$3:$AA$30,INDEX(Jesper!$R$2:$R$366,ROW(INDEX(Jesper!AJ$2:AJ$366,ROUNDDOWN($C4878/24,0)+1,1))-1)+IF('Standard Profiles'!$G$20=$B$10,7,0)+IF('Standard Profiles'!$G$20=$B$17,14,0)+IF('Standard Profiles'!$G$20=$B$24,21,0),MOD($C4878,24)+1)/SUM(INDEX($D$3:$AA$30,INDEX(Jesper!$R$2:$R$366,ROW(INDEX(Jesper!AJ$2:AJ$366,ROUNDDOWN($C4878/24,0)+1,1))-1)+IF('Standard Profiles'!$G$20=$B$10,7,0)+IF('Standard Profiles'!$G$20=$B$17,14,0)+IF('Standard Profiles'!$G$20=$B$24,21,0),0)),0)</f>
        <v>0</v>
      </c>
      <c r="G4878" cm="1">
        <f t="array" ref="G4878">IFERROR(INDEX(Jesper!AK$2:AK$366,ROUNDDOWN($C4878/24,0)+1,1)*INDEX($D$3:$AA$30,INDEX(Jesper!$R$2:$R$366,ROW(INDEX(Jesper!AK$2:AK$366,ROUNDDOWN($C4878/24,0)+1,1))-1)+IF('Standard Profiles'!$G$21=$B$10,7,0)+IF('Standard Profiles'!$G$21=$B$17,14,0)+IF('Standard Profiles'!$G$21=$B$24,21,0),MOD($C4878,24)+1)/SUM(INDEX($D$3:$AA$30,INDEX(Jesper!$R$2:$R$366,ROW(INDEX(Jesper!AK$2:AK$366,ROUNDDOWN($C4878/24,0)+1,1))-1)+IF('Standard Profiles'!$G$21=$B$10,7,0)+IF('Standard Profiles'!$G$21=$B$17,14,0)+IF('Standard Profiles'!$G$21=$B$24,21,0),0)),0)</f>
        <v>3.7815530485662503E-2</v>
      </c>
      <c r="H4878" cm="1">
        <f t="array" ref="H4878">IFERROR(INDEX(Jesper!AL$2:AL$366,ROUNDDOWN($C4878/24,0)+1,1)*INDEX($D$3:$AA$30,INDEX(Jesper!$R$2:$R$366,ROW(INDEX(Jesper!AL$2:AL$366,ROUNDDOWN($C4878/24,0)+1,1))-1)+IF('Standard Profiles'!$G$22=$B$10,7,0)+IF('Standard Profiles'!$G$22=$B$17,14,0)+IF('Standard Profiles'!$G$22=$B$24,21,0),MOD($C4878,24)+1)/SUM(INDEX($D$3:$AA$30,INDEX(Jesper!$R$2:$R$366,ROW(INDEX(Jesper!AL$2:AL$366,ROUNDDOWN($C4878/24,0)+1,1))-1)+IF('Standard Profiles'!$G$22=$B$10,7,0)+IF('Standard Profiles'!$G$22=$B$17,14,0)+IF('Standard Profiles'!$G$22=$B$24,21,0),0)),0)</f>
        <v>0</v>
      </c>
      <c r="I4878">
        <f t="shared" si="545"/>
        <v>1.8151454633117993E-2</v>
      </c>
      <c r="J4878">
        <f t="shared" si="546"/>
        <v>6.1041567081836128</v>
      </c>
      <c r="K4878">
        <f t="shared" si="547"/>
        <v>0.52134597079057676</v>
      </c>
      <c r="L4878">
        <f t="shared" si="548"/>
        <v>0.26067298539528838</v>
      </c>
      <c r="M4878">
        <f t="shared" si="549"/>
        <v>0</v>
      </c>
      <c r="N4878" s="45">
        <f t="shared" si="550"/>
        <v>45128.833333321585</v>
      </c>
    </row>
    <row r="4879" spans="2:14" x14ac:dyDescent="0.25">
      <c r="B4879">
        <f t="shared" si="544"/>
        <v>5</v>
      </c>
      <c r="C4879" s="16">
        <v>4845</v>
      </c>
      <c r="D4879" cm="1">
        <f t="array" ref="D4879">IFERROR(INDEX(Jesper!AH$2:AH$366,ROUNDDOWN($C4879/24,0)+1,1)*INDEX($D$3:$AA$30,INDEX(Jesper!$R$2:$R$366,ROW(INDEX(Jesper!AH$2:AH$366,ROUNDDOWN($C4879/24,0)+1,1))-1)+IF('Standard Profiles'!$G$18=$B$10,7,0)+IF('Standard Profiles'!$G$18=$B$17,14,0)+IF('Standard Profiles'!$G$18=$B$24,21,0),MOD($C4879,24)+1)/SUM(INDEX($D$3:$AA$30,INDEX(Jesper!$R$2:$R$366,ROW(INDEX(Jesper!AH$2:AH$366,ROUNDDOWN($C4879/24,0)+1,1))-1)+IF('Standard Profiles'!$G$18=$B$10,7,0)+IF('Standard Profiles'!$G$18=$B$17,14,0)+IF('Standard Profiles'!$G$18=$B$24,21,0),0)),0)</f>
        <v>4.8876184761616566</v>
      </c>
      <c r="E4879" cm="1">
        <f t="array" ref="E4879">IFERROR(INDEX(Jesper!AI$2:AI$366,ROUNDDOWN($C4879/24,0)+1,1)*INDEX($D$3:$AA$30,INDEX(Jesper!$R$2:$R$366,ROW(INDEX(Jesper!AI$2:AI$366,ROUNDDOWN($C4879/24,0)+1,1))-1)+IF('Standard Profiles'!$G$19=$B$10,7,0)+IF('Standard Profiles'!$G$19=$B$17,14,0)+IF('Standard Profiles'!$G$19=$B$24,21,0),MOD($C4879,24)+1)/SUM(INDEX($D$3:$AA$30,INDEX(Jesper!$R$2:$R$366,ROW(INDEX(Jesper!AI$2:AI$366,ROUNDDOWN($C4879/24,0)+1,1))-1)+IF('Standard Profiles'!$G$19=$B$10,7,0)+IF('Standard Profiles'!$G$19=$B$17,14,0)+IF('Standard Profiles'!$G$19=$B$24,21,0),0)),0)</f>
        <v>1.9788931123552775</v>
      </c>
      <c r="F4879" cm="1">
        <f t="array" ref="F4879">IFERROR(INDEX(Jesper!AJ$2:AJ$366,ROUNDDOWN($C4879/24,0)+1,1)*INDEX($D$3:$AA$30,INDEX(Jesper!$R$2:$R$366,ROW(INDEX(Jesper!AJ$2:AJ$366,ROUNDDOWN($C4879/24,0)+1,1))-1)+IF('Standard Profiles'!$G$20=$B$10,7,0)+IF('Standard Profiles'!$G$20=$B$17,14,0)+IF('Standard Profiles'!$G$20=$B$24,21,0),MOD($C4879,24)+1)/SUM(INDEX($D$3:$AA$30,INDEX(Jesper!$R$2:$R$366,ROW(INDEX(Jesper!AJ$2:AJ$366,ROUNDDOWN($C4879/24,0)+1,1))-1)+IF('Standard Profiles'!$G$20=$B$10,7,0)+IF('Standard Profiles'!$G$20=$B$17,14,0)+IF('Standard Profiles'!$G$20=$B$24,21,0),0)),0)</f>
        <v>0</v>
      </c>
      <c r="G4879" cm="1">
        <f t="array" ref="G4879">IFERROR(INDEX(Jesper!AK$2:AK$366,ROUNDDOWN($C4879/24,0)+1,1)*INDEX($D$3:$AA$30,INDEX(Jesper!$R$2:$R$366,ROW(INDEX(Jesper!AK$2:AK$366,ROUNDDOWN($C4879/24,0)+1,1))-1)+IF('Standard Profiles'!$G$21=$B$10,7,0)+IF('Standard Profiles'!$G$21=$B$17,14,0)+IF('Standard Profiles'!$G$21=$B$24,21,0),MOD($C4879,24)+1)/SUM(INDEX($D$3:$AA$30,INDEX(Jesper!$R$2:$R$366,ROW(INDEX(Jesper!AK$2:AK$366,ROUNDDOWN($C4879/24,0)+1,1))-1)+IF('Standard Profiles'!$G$21=$B$10,7,0)+IF('Standard Profiles'!$G$21=$B$17,14,0)+IF('Standard Profiles'!$G$21=$B$24,21,0),0)),0)</f>
        <v>3.7815530485662503E-2</v>
      </c>
      <c r="H4879" cm="1">
        <f t="array" ref="H4879">IFERROR(INDEX(Jesper!AL$2:AL$366,ROUNDDOWN($C4879/24,0)+1,1)*INDEX($D$3:$AA$30,INDEX(Jesper!$R$2:$R$366,ROW(INDEX(Jesper!AL$2:AL$366,ROUNDDOWN($C4879/24,0)+1,1))-1)+IF('Standard Profiles'!$G$22=$B$10,7,0)+IF('Standard Profiles'!$G$22=$B$17,14,0)+IF('Standard Profiles'!$G$22=$B$24,21,0),MOD($C4879,24)+1)/SUM(INDEX($D$3:$AA$30,INDEX(Jesper!$R$2:$R$366,ROW(INDEX(Jesper!AL$2:AL$366,ROUNDDOWN($C4879/24,0)+1,1))-1)+IF('Standard Profiles'!$G$22=$B$10,7,0)+IF('Standard Profiles'!$G$22=$B$17,14,0)+IF('Standard Profiles'!$G$22=$B$24,21,0),0)),0)</f>
        <v>0</v>
      </c>
      <c r="I4879">
        <f t="shared" si="545"/>
        <v>1.8151454633117993E-2</v>
      </c>
      <c r="J4879">
        <f t="shared" si="546"/>
        <v>6.1041567081836128</v>
      </c>
      <c r="K4879">
        <f t="shared" si="547"/>
        <v>0.52134597079057676</v>
      </c>
      <c r="L4879">
        <f t="shared" si="548"/>
        <v>0.26067298539528838</v>
      </c>
      <c r="M4879">
        <f t="shared" si="549"/>
        <v>0</v>
      </c>
      <c r="N4879" s="45">
        <f t="shared" si="550"/>
        <v>45128.874999988249</v>
      </c>
    </row>
    <row r="4880" spans="2:14" x14ac:dyDescent="0.25">
      <c r="B4880">
        <f t="shared" si="544"/>
        <v>5</v>
      </c>
      <c r="C4880" s="16">
        <v>4846</v>
      </c>
      <c r="D4880" cm="1">
        <f t="array" ref="D4880">IFERROR(INDEX(Jesper!AH$2:AH$366,ROUNDDOWN($C4880/24,0)+1,1)*INDEX($D$3:$AA$30,INDEX(Jesper!$R$2:$R$366,ROW(INDEX(Jesper!AH$2:AH$366,ROUNDDOWN($C4880/24,0)+1,1))-1)+IF('Standard Profiles'!$G$18=$B$10,7,0)+IF('Standard Profiles'!$G$18=$B$17,14,0)+IF('Standard Profiles'!$G$18=$B$24,21,0),MOD($C4880,24)+1)/SUM(INDEX($D$3:$AA$30,INDEX(Jesper!$R$2:$R$366,ROW(INDEX(Jesper!AH$2:AH$366,ROUNDDOWN($C4880/24,0)+1,1))-1)+IF('Standard Profiles'!$G$18=$B$10,7,0)+IF('Standard Profiles'!$G$18=$B$17,14,0)+IF('Standard Profiles'!$G$18=$B$24,21,0),0)),0)</f>
        <v>4.8876184761616566</v>
      </c>
      <c r="E4880" cm="1">
        <f t="array" ref="E4880">IFERROR(INDEX(Jesper!AI$2:AI$366,ROUNDDOWN($C4880/24,0)+1,1)*INDEX($D$3:$AA$30,INDEX(Jesper!$R$2:$R$366,ROW(INDEX(Jesper!AI$2:AI$366,ROUNDDOWN($C4880/24,0)+1,1))-1)+IF('Standard Profiles'!$G$19=$B$10,7,0)+IF('Standard Profiles'!$G$19=$B$17,14,0)+IF('Standard Profiles'!$G$19=$B$24,21,0),MOD($C4880,24)+1)/SUM(INDEX($D$3:$AA$30,INDEX(Jesper!$R$2:$R$366,ROW(INDEX(Jesper!AI$2:AI$366,ROUNDDOWN($C4880/24,0)+1,1))-1)+IF('Standard Profiles'!$G$19=$B$10,7,0)+IF('Standard Profiles'!$G$19=$B$17,14,0)+IF('Standard Profiles'!$G$19=$B$24,21,0),0)),0)</f>
        <v>1.9788931123552775</v>
      </c>
      <c r="F4880" cm="1">
        <f t="array" ref="F4880">IFERROR(INDEX(Jesper!AJ$2:AJ$366,ROUNDDOWN($C4880/24,0)+1,1)*INDEX($D$3:$AA$30,INDEX(Jesper!$R$2:$R$366,ROW(INDEX(Jesper!AJ$2:AJ$366,ROUNDDOWN($C4880/24,0)+1,1))-1)+IF('Standard Profiles'!$G$20=$B$10,7,0)+IF('Standard Profiles'!$G$20=$B$17,14,0)+IF('Standard Profiles'!$G$20=$B$24,21,0),MOD($C4880,24)+1)/SUM(INDEX($D$3:$AA$30,INDEX(Jesper!$R$2:$R$366,ROW(INDEX(Jesper!AJ$2:AJ$366,ROUNDDOWN($C4880/24,0)+1,1))-1)+IF('Standard Profiles'!$G$20=$B$10,7,0)+IF('Standard Profiles'!$G$20=$B$17,14,0)+IF('Standard Profiles'!$G$20=$B$24,21,0),0)),0)</f>
        <v>0</v>
      </c>
      <c r="G4880" cm="1">
        <f t="array" ref="G4880">IFERROR(INDEX(Jesper!AK$2:AK$366,ROUNDDOWN($C4880/24,0)+1,1)*INDEX($D$3:$AA$30,INDEX(Jesper!$R$2:$R$366,ROW(INDEX(Jesper!AK$2:AK$366,ROUNDDOWN($C4880/24,0)+1,1))-1)+IF('Standard Profiles'!$G$21=$B$10,7,0)+IF('Standard Profiles'!$G$21=$B$17,14,0)+IF('Standard Profiles'!$G$21=$B$24,21,0),MOD($C4880,24)+1)/SUM(INDEX($D$3:$AA$30,INDEX(Jesper!$R$2:$R$366,ROW(INDEX(Jesper!AK$2:AK$366,ROUNDDOWN($C4880/24,0)+1,1))-1)+IF('Standard Profiles'!$G$21=$B$10,7,0)+IF('Standard Profiles'!$G$21=$B$17,14,0)+IF('Standard Profiles'!$G$21=$B$24,21,0),0)),0)</f>
        <v>3.7815530485662503E-2</v>
      </c>
      <c r="H4880" cm="1">
        <f t="array" ref="H4880">IFERROR(INDEX(Jesper!AL$2:AL$366,ROUNDDOWN($C4880/24,0)+1,1)*INDEX($D$3:$AA$30,INDEX(Jesper!$R$2:$R$366,ROW(INDEX(Jesper!AL$2:AL$366,ROUNDDOWN($C4880/24,0)+1,1))-1)+IF('Standard Profiles'!$G$22=$B$10,7,0)+IF('Standard Profiles'!$G$22=$B$17,14,0)+IF('Standard Profiles'!$G$22=$B$24,21,0),MOD($C4880,24)+1)/SUM(INDEX($D$3:$AA$30,INDEX(Jesper!$R$2:$R$366,ROW(INDEX(Jesper!AL$2:AL$366,ROUNDDOWN($C4880/24,0)+1,1))-1)+IF('Standard Profiles'!$G$22=$B$10,7,0)+IF('Standard Profiles'!$G$22=$B$17,14,0)+IF('Standard Profiles'!$G$22=$B$24,21,0),0)),0)</f>
        <v>0</v>
      </c>
      <c r="I4880">
        <f t="shared" si="545"/>
        <v>1.8151454633117993E-2</v>
      </c>
      <c r="J4880">
        <f t="shared" si="546"/>
        <v>6.1041567081836128</v>
      </c>
      <c r="K4880">
        <f t="shared" si="547"/>
        <v>0.52134597079057676</v>
      </c>
      <c r="L4880">
        <f t="shared" si="548"/>
        <v>0.26067298539528838</v>
      </c>
      <c r="M4880">
        <f t="shared" si="549"/>
        <v>0</v>
      </c>
      <c r="N4880" s="45">
        <f t="shared" si="550"/>
        <v>45128.916666654914</v>
      </c>
    </row>
    <row r="4881" spans="2:14" x14ac:dyDescent="0.25">
      <c r="B4881">
        <f t="shared" si="544"/>
        <v>5</v>
      </c>
      <c r="C4881" s="16">
        <v>4847</v>
      </c>
      <c r="D4881" cm="1">
        <f t="array" ref="D4881">IFERROR(INDEX(Jesper!AH$2:AH$366,ROUNDDOWN($C4881/24,0)+1,1)*INDEX($D$3:$AA$30,INDEX(Jesper!$R$2:$R$366,ROW(INDEX(Jesper!AH$2:AH$366,ROUNDDOWN($C4881/24,0)+1,1))-1)+IF('Standard Profiles'!$G$18=$B$10,7,0)+IF('Standard Profiles'!$G$18=$B$17,14,0)+IF('Standard Profiles'!$G$18=$B$24,21,0),MOD($C4881,24)+1)/SUM(INDEX($D$3:$AA$30,INDEX(Jesper!$R$2:$R$366,ROW(INDEX(Jesper!AH$2:AH$366,ROUNDDOWN($C4881/24,0)+1,1))-1)+IF('Standard Profiles'!$G$18=$B$10,7,0)+IF('Standard Profiles'!$G$18=$B$17,14,0)+IF('Standard Profiles'!$G$18=$B$24,21,0),0)),0)</f>
        <v>4.8876184761616566</v>
      </c>
      <c r="E4881" cm="1">
        <f t="array" ref="E4881">IFERROR(INDEX(Jesper!AI$2:AI$366,ROUNDDOWN($C4881/24,0)+1,1)*INDEX($D$3:$AA$30,INDEX(Jesper!$R$2:$R$366,ROW(INDEX(Jesper!AI$2:AI$366,ROUNDDOWN($C4881/24,0)+1,1))-1)+IF('Standard Profiles'!$G$19=$B$10,7,0)+IF('Standard Profiles'!$G$19=$B$17,14,0)+IF('Standard Profiles'!$G$19=$B$24,21,0),MOD($C4881,24)+1)/SUM(INDEX($D$3:$AA$30,INDEX(Jesper!$R$2:$R$366,ROW(INDEX(Jesper!AI$2:AI$366,ROUNDDOWN($C4881/24,0)+1,1))-1)+IF('Standard Profiles'!$G$19=$B$10,7,0)+IF('Standard Profiles'!$G$19=$B$17,14,0)+IF('Standard Profiles'!$G$19=$B$24,21,0),0)),0)</f>
        <v>1.9788931123552775</v>
      </c>
      <c r="F4881" cm="1">
        <f t="array" ref="F4881">IFERROR(INDEX(Jesper!AJ$2:AJ$366,ROUNDDOWN($C4881/24,0)+1,1)*INDEX($D$3:$AA$30,INDEX(Jesper!$R$2:$R$366,ROW(INDEX(Jesper!AJ$2:AJ$366,ROUNDDOWN($C4881/24,0)+1,1))-1)+IF('Standard Profiles'!$G$20=$B$10,7,0)+IF('Standard Profiles'!$G$20=$B$17,14,0)+IF('Standard Profiles'!$G$20=$B$24,21,0),MOD($C4881,24)+1)/SUM(INDEX($D$3:$AA$30,INDEX(Jesper!$R$2:$R$366,ROW(INDEX(Jesper!AJ$2:AJ$366,ROUNDDOWN($C4881/24,0)+1,1))-1)+IF('Standard Profiles'!$G$20=$B$10,7,0)+IF('Standard Profiles'!$G$20=$B$17,14,0)+IF('Standard Profiles'!$G$20=$B$24,21,0),0)),0)</f>
        <v>0</v>
      </c>
      <c r="G4881" cm="1">
        <f t="array" ref="G4881">IFERROR(INDEX(Jesper!AK$2:AK$366,ROUNDDOWN($C4881/24,0)+1,1)*INDEX($D$3:$AA$30,INDEX(Jesper!$R$2:$R$366,ROW(INDEX(Jesper!AK$2:AK$366,ROUNDDOWN($C4881/24,0)+1,1))-1)+IF('Standard Profiles'!$G$21=$B$10,7,0)+IF('Standard Profiles'!$G$21=$B$17,14,0)+IF('Standard Profiles'!$G$21=$B$24,21,0),MOD($C4881,24)+1)/SUM(INDEX($D$3:$AA$30,INDEX(Jesper!$R$2:$R$366,ROW(INDEX(Jesper!AK$2:AK$366,ROUNDDOWN($C4881/24,0)+1,1))-1)+IF('Standard Profiles'!$G$21=$B$10,7,0)+IF('Standard Profiles'!$G$21=$B$17,14,0)+IF('Standard Profiles'!$G$21=$B$24,21,0),0)),0)</f>
        <v>3.7815530485662503E-2</v>
      </c>
      <c r="H4881" cm="1">
        <f t="array" ref="H4881">IFERROR(INDEX(Jesper!AL$2:AL$366,ROUNDDOWN($C4881/24,0)+1,1)*INDEX($D$3:$AA$30,INDEX(Jesper!$R$2:$R$366,ROW(INDEX(Jesper!AL$2:AL$366,ROUNDDOWN($C4881/24,0)+1,1))-1)+IF('Standard Profiles'!$G$22=$B$10,7,0)+IF('Standard Profiles'!$G$22=$B$17,14,0)+IF('Standard Profiles'!$G$22=$B$24,21,0),MOD($C4881,24)+1)/SUM(INDEX($D$3:$AA$30,INDEX(Jesper!$R$2:$R$366,ROW(INDEX(Jesper!AL$2:AL$366,ROUNDDOWN($C4881/24,0)+1,1))-1)+IF('Standard Profiles'!$G$22=$B$10,7,0)+IF('Standard Profiles'!$G$22=$B$17,14,0)+IF('Standard Profiles'!$G$22=$B$24,21,0),0)),0)</f>
        <v>0</v>
      </c>
      <c r="I4881">
        <f t="shared" si="545"/>
        <v>1.8151454633117993E-2</v>
      </c>
      <c r="J4881">
        <f t="shared" si="546"/>
        <v>6.1041567081836128</v>
      </c>
      <c r="K4881">
        <f t="shared" si="547"/>
        <v>0.52134597079057676</v>
      </c>
      <c r="L4881">
        <f t="shared" si="548"/>
        <v>0.26067298539528838</v>
      </c>
      <c r="M4881">
        <f t="shared" si="549"/>
        <v>0</v>
      </c>
      <c r="N4881" s="45">
        <f t="shared" si="550"/>
        <v>45128.958333321578</v>
      </c>
    </row>
    <row r="4882" spans="2:14" x14ac:dyDescent="0.25">
      <c r="B4882">
        <f t="shared" si="544"/>
        <v>6</v>
      </c>
      <c r="C4882" s="16">
        <v>4848</v>
      </c>
      <c r="D4882" cm="1">
        <f t="array" ref="D4882">IFERROR(INDEX(Jesper!AH$2:AH$366,ROUNDDOWN($C4882/24,0)+1,1)*INDEX($D$3:$AA$30,INDEX(Jesper!$R$2:$R$366,ROW(INDEX(Jesper!AH$2:AH$366,ROUNDDOWN($C4882/24,0)+1,1))-1)+IF('Standard Profiles'!$G$18=$B$10,7,0)+IF('Standard Profiles'!$G$18=$B$17,14,0)+IF('Standard Profiles'!$G$18=$B$24,21,0),MOD($C4882,24)+1)/SUM(INDEX($D$3:$AA$30,INDEX(Jesper!$R$2:$R$366,ROW(INDEX(Jesper!AH$2:AH$366,ROUNDDOWN($C4882/24,0)+1,1))-1)+IF('Standard Profiles'!$G$18=$B$10,7,0)+IF('Standard Profiles'!$G$18=$B$17,14,0)+IF('Standard Profiles'!$G$18=$B$24,21,0),0)),0)</f>
        <v>0</v>
      </c>
      <c r="E4882" cm="1">
        <f t="array" ref="E4882">IFERROR(INDEX(Jesper!AI$2:AI$366,ROUNDDOWN($C4882/24,0)+1,1)*INDEX($D$3:$AA$30,INDEX(Jesper!$R$2:$R$366,ROW(INDEX(Jesper!AI$2:AI$366,ROUNDDOWN($C4882/24,0)+1,1))-1)+IF('Standard Profiles'!$G$19=$B$10,7,0)+IF('Standard Profiles'!$G$19=$B$17,14,0)+IF('Standard Profiles'!$G$19=$B$24,21,0),MOD($C4882,24)+1)/SUM(INDEX($D$3:$AA$30,INDEX(Jesper!$R$2:$R$366,ROW(INDEX(Jesper!AI$2:AI$366,ROUNDDOWN($C4882/24,0)+1,1))-1)+IF('Standard Profiles'!$G$19=$B$10,7,0)+IF('Standard Profiles'!$G$19=$B$17,14,0)+IF('Standard Profiles'!$G$19=$B$24,21,0),0)),0)</f>
        <v>2.9925533532497401</v>
      </c>
      <c r="F4882" cm="1">
        <f t="array" ref="F4882">IFERROR(INDEX(Jesper!AJ$2:AJ$366,ROUNDDOWN($C4882/24,0)+1,1)*INDEX($D$3:$AA$30,INDEX(Jesper!$R$2:$R$366,ROW(INDEX(Jesper!AJ$2:AJ$366,ROUNDDOWN($C4882/24,0)+1,1))-1)+IF('Standard Profiles'!$G$20=$B$10,7,0)+IF('Standard Profiles'!$G$20=$B$17,14,0)+IF('Standard Profiles'!$G$20=$B$24,21,0),MOD($C4882,24)+1)/SUM(INDEX($D$3:$AA$30,INDEX(Jesper!$R$2:$R$366,ROW(INDEX(Jesper!AJ$2:AJ$366,ROUNDDOWN($C4882/24,0)+1,1))-1)+IF('Standard Profiles'!$G$20=$B$10,7,0)+IF('Standard Profiles'!$G$20=$B$17,14,0)+IF('Standard Profiles'!$G$20=$B$24,21,0),0)),0)</f>
        <v>1.1128874065471099</v>
      </c>
      <c r="G4882" cm="1">
        <f t="array" ref="G4882">IFERROR(INDEX(Jesper!AK$2:AK$366,ROUNDDOWN($C4882/24,0)+1,1)*INDEX($D$3:$AA$30,INDEX(Jesper!$R$2:$R$366,ROW(INDEX(Jesper!AK$2:AK$366,ROUNDDOWN($C4882/24,0)+1,1))-1)+IF('Standard Profiles'!$G$21=$B$10,7,0)+IF('Standard Profiles'!$G$21=$B$17,14,0)+IF('Standard Profiles'!$G$21=$B$24,21,0),MOD($C4882,24)+1)/SUM(INDEX($D$3:$AA$30,INDEX(Jesper!$R$2:$R$366,ROW(INDEX(Jesper!AK$2:AK$366,ROUNDDOWN($C4882/24,0)+1,1))-1)+IF('Standard Profiles'!$G$21=$B$10,7,0)+IF('Standard Profiles'!$G$21=$B$17,14,0)+IF('Standard Profiles'!$G$21=$B$24,21,0),0)),0)</f>
        <v>0.46240215223422948</v>
      </c>
      <c r="H4882" cm="1">
        <f t="array" ref="H4882">IFERROR(INDEX(Jesper!AL$2:AL$366,ROUNDDOWN($C4882/24,0)+1,1)*INDEX($D$3:$AA$30,INDEX(Jesper!$R$2:$R$366,ROW(INDEX(Jesper!AL$2:AL$366,ROUNDDOWN($C4882/24,0)+1,1))-1)+IF('Standard Profiles'!$G$22=$B$10,7,0)+IF('Standard Profiles'!$G$22=$B$17,14,0)+IF('Standard Profiles'!$G$22=$B$24,21,0),MOD($C4882,24)+1)/SUM(INDEX($D$3:$AA$30,INDEX(Jesper!$R$2:$R$366,ROW(INDEX(Jesper!AL$2:AL$366,ROUNDDOWN($C4882/24,0)+1,1))-1)+IF('Standard Profiles'!$G$22=$B$10,7,0)+IF('Standard Profiles'!$G$22=$B$17,14,0)+IF('Standard Profiles'!$G$22=$B$24,21,0),0)),0)</f>
        <v>3.967821349403873E-2</v>
      </c>
      <c r="I4882">
        <f t="shared" si="545"/>
        <v>3.8091084954277203E-2</v>
      </c>
      <c r="J4882">
        <f t="shared" si="546"/>
        <v>4.2103236381808724</v>
      </c>
      <c r="K4882">
        <f t="shared" si="547"/>
        <v>0.23940426825997921</v>
      </c>
      <c r="L4882">
        <f t="shared" si="548"/>
        <v>0.1197021341299896</v>
      </c>
      <c r="M4882">
        <f t="shared" si="549"/>
        <v>0</v>
      </c>
      <c r="N4882" s="45">
        <f t="shared" si="550"/>
        <v>45128.999999988242</v>
      </c>
    </row>
    <row r="4883" spans="2:14" x14ac:dyDescent="0.25">
      <c r="B4883">
        <f t="shared" si="544"/>
        <v>6</v>
      </c>
      <c r="C4883" s="16">
        <v>4849</v>
      </c>
      <c r="D4883" cm="1">
        <f t="array" ref="D4883">IFERROR(INDEX(Jesper!AH$2:AH$366,ROUNDDOWN($C4883/24,0)+1,1)*INDEX($D$3:$AA$30,INDEX(Jesper!$R$2:$R$366,ROW(INDEX(Jesper!AH$2:AH$366,ROUNDDOWN($C4883/24,0)+1,1))-1)+IF('Standard Profiles'!$G$18=$B$10,7,0)+IF('Standard Profiles'!$G$18=$B$17,14,0)+IF('Standard Profiles'!$G$18=$B$24,21,0),MOD($C4883,24)+1)/SUM(INDEX($D$3:$AA$30,INDEX(Jesper!$R$2:$R$366,ROW(INDEX(Jesper!AH$2:AH$366,ROUNDDOWN($C4883/24,0)+1,1))-1)+IF('Standard Profiles'!$G$18=$B$10,7,0)+IF('Standard Profiles'!$G$18=$B$17,14,0)+IF('Standard Profiles'!$G$18=$B$24,21,0),0)),0)</f>
        <v>0</v>
      </c>
      <c r="E4883" cm="1">
        <f t="array" ref="E4883">IFERROR(INDEX(Jesper!AI$2:AI$366,ROUNDDOWN($C4883/24,0)+1,1)*INDEX($D$3:$AA$30,INDEX(Jesper!$R$2:$R$366,ROW(INDEX(Jesper!AI$2:AI$366,ROUNDDOWN($C4883/24,0)+1,1))-1)+IF('Standard Profiles'!$G$19=$B$10,7,0)+IF('Standard Profiles'!$G$19=$B$17,14,0)+IF('Standard Profiles'!$G$19=$B$24,21,0),MOD($C4883,24)+1)/SUM(INDEX($D$3:$AA$30,INDEX(Jesper!$R$2:$R$366,ROW(INDEX(Jesper!AI$2:AI$366,ROUNDDOWN($C4883/24,0)+1,1))-1)+IF('Standard Profiles'!$G$19=$B$10,7,0)+IF('Standard Profiles'!$G$19=$B$17,14,0)+IF('Standard Profiles'!$G$19=$B$24,21,0),0)),0)</f>
        <v>2.6932980179247661</v>
      </c>
      <c r="F4883" cm="1">
        <f t="array" ref="F4883">IFERROR(INDEX(Jesper!AJ$2:AJ$366,ROUNDDOWN($C4883/24,0)+1,1)*INDEX($D$3:$AA$30,INDEX(Jesper!$R$2:$R$366,ROW(INDEX(Jesper!AJ$2:AJ$366,ROUNDDOWN($C4883/24,0)+1,1))-1)+IF('Standard Profiles'!$G$20=$B$10,7,0)+IF('Standard Profiles'!$G$20=$B$17,14,0)+IF('Standard Profiles'!$G$20=$B$24,21,0),MOD($C4883,24)+1)/SUM(INDEX($D$3:$AA$30,INDEX(Jesper!$R$2:$R$366,ROW(INDEX(Jesper!AJ$2:AJ$366,ROUNDDOWN($C4883/24,0)+1,1))-1)+IF('Standard Profiles'!$G$20=$B$10,7,0)+IF('Standard Profiles'!$G$20=$B$17,14,0)+IF('Standard Profiles'!$G$20=$B$24,21,0),0)),0)</f>
        <v>1.001598665892399</v>
      </c>
      <c r="G4883" cm="1">
        <f t="array" ref="G4883">IFERROR(INDEX(Jesper!AK$2:AK$366,ROUNDDOWN($C4883/24,0)+1,1)*INDEX($D$3:$AA$30,INDEX(Jesper!$R$2:$R$366,ROW(INDEX(Jesper!AK$2:AK$366,ROUNDDOWN($C4883/24,0)+1,1))-1)+IF('Standard Profiles'!$G$21=$B$10,7,0)+IF('Standard Profiles'!$G$21=$B$17,14,0)+IF('Standard Profiles'!$G$21=$B$24,21,0),MOD($C4883,24)+1)/SUM(INDEX($D$3:$AA$30,INDEX(Jesper!$R$2:$R$366,ROW(INDEX(Jesper!AK$2:AK$366,ROUNDDOWN($C4883/24,0)+1,1))-1)+IF('Standard Profiles'!$G$21=$B$10,7,0)+IF('Standard Profiles'!$G$21=$B$17,14,0)+IF('Standard Profiles'!$G$21=$B$24,21,0),0)),0)</f>
        <v>0.46240215223422948</v>
      </c>
      <c r="H4883" cm="1">
        <f t="array" ref="H4883">IFERROR(INDEX(Jesper!AL$2:AL$366,ROUNDDOWN($C4883/24,0)+1,1)*INDEX($D$3:$AA$30,INDEX(Jesper!$R$2:$R$366,ROW(INDEX(Jesper!AL$2:AL$366,ROUNDDOWN($C4883/24,0)+1,1))-1)+IF('Standard Profiles'!$G$22=$B$10,7,0)+IF('Standard Profiles'!$G$22=$B$17,14,0)+IF('Standard Profiles'!$G$22=$B$24,21,0),MOD($C4883,24)+1)/SUM(INDEX($D$3:$AA$30,INDEX(Jesper!$R$2:$R$366,ROW(INDEX(Jesper!AL$2:AL$366,ROUNDDOWN($C4883/24,0)+1,1))-1)+IF('Standard Profiles'!$G$22=$B$10,7,0)+IF('Standard Profiles'!$G$22=$B$17,14,0)+IF('Standard Profiles'!$G$22=$B$24,21,0),0)),0)</f>
        <v>7.7466988250266114E-2</v>
      </c>
      <c r="I4883">
        <f t="shared" si="545"/>
        <v>7.4368308720255516E-2</v>
      </c>
      <c r="J4883">
        <f t="shared" si="546"/>
        <v>3.8372017534304335</v>
      </c>
      <c r="K4883">
        <f t="shared" si="547"/>
        <v>0.21546384143398128</v>
      </c>
      <c r="L4883">
        <f t="shared" si="548"/>
        <v>0.10773192071699064</v>
      </c>
      <c r="M4883">
        <f t="shared" si="549"/>
        <v>0</v>
      </c>
      <c r="N4883" s="45">
        <f t="shared" si="550"/>
        <v>45129.041666654906</v>
      </c>
    </row>
    <row r="4884" spans="2:14" x14ac:dyDescent="0.25">
      <c r="B4884">
        <f t="shared" si="544"/>
        <v>6</v>
      </c>
      <c r="C4884" s="16">
        <v>4850</v>
      </c>
      <c r="D4884" cm="1">
        <f t="array" ref="D4884">IFERROR(INDEX(Jesper!AH$2:AH$366,ROUNDDOWN($C4884/24,0)+1,1)*INDEX($D$3:$AA$30,INDEX(Jesper!$R$2:$R$366,ROW(INDEX(Jesper!AH$2:AH$366,ROUNDDOWN($C4884/24,0)+1,1))-1)+IF('Standard Profiles'!$G$18=$B$10,7,0)+IF('Standard Profiles'!$G$18=$B$17,14,0)+IF('Standard Profiles'!$G$18=$B$24,21,0),MOD($C4884,24)+1)/SUM(INDEX($D$3:$AA$30,INDEX(Jesper!$R$2:$R$366,ROW(INDEX(Jesper!AH$2:AH$366,ROUNDDOWN($C4884/24,0)+1,1))-1)+IF('Standard Profiles'!$G$18=$B$10,7,0)+IF('Standard Profiles'!$G$18=$B$17,14,0)+IF('Standard Profiles'!$G$18=$B$24,21,0),0)),0)</f>
        <v>0</v>
      </c>
      <c r="E4884" cm="1">
        <f t="array" ref="E4884">IFERROR(INDEX(Jesper!AI$2:AI$366,ROUNDDOWN($C4884/24,0)+1,1)*INDEX($D$3:$AA$30,INDEX(Jesper!$R$2:$R$366,ROW(INDEX(Jesper!AI$2:AI$366,ROUNDDOWN($C4884/24,0)+1,1))-1)+IF('Standard Profiles'!$G$19=$B$10,7,0)+IF('Standard Profiles'!$G$19=$B$17,14,0)+IF('Standard Profiles'!$G$19=$B$24,21,0),MOD($C4884,24)+1)/SUM(INDEX($D$3:$AA$30,INDEX(Jesper!$R$2:$R$366,ROW(INDEX(Jesper!AI$2:AI$366,ROUNDDOWN($C4884/24,0)+1,1))-1)+IF('Standard Profiles'!$G$19=$B$10,7,0)+IF('Standard Profiles'!$G$19=$B$17,14,0)+IF('Standard Profiles'!$G$19=$B$24,21,0),0)),0)</f>
        <v>2.6932980179247661</v>
      </c>
      <c r="F4884" cm="1">
        <f t="array" ref="F4884">IFERROR(INDEX(Jesper!AJ$2:AJ$366,ROUNDDOWN($C4884/24,0)+1,1)*INDEX($D$3:$AA$30,INDEX(Jesper!$R$2:$R$366,ROW(INDEX(Jesper!AJ$2:AJ$366,ROUNDDOWN($C4884/24,0)+1,1))-1)+IF('Standard Profiles'!$G$20=$B$10,7,0)+IF('Standard Profiles'!$G$20=$B$17,14,0)+IF('Standard Profiles'!$G$20=$B$24,21,0),MOD($C4884,24)+1)/SUM(INDEX($D$3:$AA$30,INDEX(Jesper!$R$2:$R$366,ROW(INDEX(Jesper!AJ$2:AJ$366,ROUNDDOWN($C4884/24,0)+1,1))-1)+IF('Standard Profiles'!$G$20=$B$10,7,0)+IF('Standard Profiles'!$G$20=$B$17,14,0)+IF('Standard Profiles'!$G$20=$B$24,21,0),0)),0)</f>
        <v>1.001598665892399</v>
      </c>
      <c r="G4884" cm="1">
        <f t="array" ref="G4884">IFERROR(INDEX(Jesper!AK$2:AK$366,ROUNDDOWN($C4884/24,0)+1,1)*INDEX($D$3:$AA$30,INDEX(Jesper!$R$2:$R$366,ROW(INDEX(Jesper!AK$2:AK$366,ROUNDDOWN($C4884/24,0)+1,1))-1)+IF('Standard Profiles'!$G$21=$B$10,7,0)+IF('Standard Profiles'!$G$21=$B$17,14,0)+IF('Standard Profiles'!$G$21=$B$24,21,0),MOD($C4884,24)+1)/SUM(INDEX($D$3:$AA$30,INDEX(Jesper!$R$2:$R$366,ROW(INDEX(Jesper!AK$2:AK$366,ROUNDDOWN($C4884/24,0)+1,1))-1)+IF('Standard Profiles'!$G$21=$B$10,7,0)+IF('Standard Profiles'!$G$21=$B$17,14,0)+IF('Standard Profiles'!$G$21=$B$24,21,0),0)),0)</f>
        <v>0.46240215223422948</v>
      </c>
      <c r="H4884" cm="1">
        <f t="array" ref="H4884">IFERROR(INDEX(Jesper!AL$2:AL$366,ROUNDDOWN($C4884/24,0)+1,1)*INDEX($D$3:$AA$30,INDEX(Jesper!$R$2:$R$366,ROW(INDEX(Jesper!AL$2:AL$366,ROUNDDOWN($C4884/24,0)+1,1))-1)+IF('Standard Profiles'!$G$22=$B$10,7,0)+IF('Standard Profiles'!$G$22=$B$17,14,0)+IF('Standard Profiles'!$G$22=$B$24,21,0),MOD($C4884,24)+1)/SUM(INDEX($D$3:$AA$30,INDEX(Jesper!$R$2:$R$366,ROW(INDEX(Jesper!AL$2:AL$366,ROUNDDOWN($C4884/24,0)+1,1))-1)+IF('Standard Profiles'!$G$22=$B$10,7,0)+IF('Standard Profiles'!$G$22=$B$17,14,0)+IF('Standard Profiles'!$G$22=$B$24,21,0),0)),0)</f>
        <v>7.7466988250266114E-2</v>
      </c>
      <c r="I4884">
        <f t="shared" si="545"/>
        <v>7.4368308720255516E-2</v>
      </c>
      <c r="J4884">
        <f t="shared" si="546"/>
        <v>3.8372017534304335</v>
      </c>
      <c r="K4884">
        <f t="shared" si="547"/>
        <v>0.21546384143398128</v>
      </c>
      <c r="L4884">
        <f t="shared" si="548"/>
        <v>0.10773192071699064</v>
      </c>
      <c r="M4884">
        <f t="shared" si="549"/>
        <v>0</v>
      </c>
      <c r="N4884" s="45">
        <f t="shared" si="550"/>
        <v>45129.083333321571</v>
      </c>
    </row>
    <row r="4885" spans="2:14" x14ac:dyDescent="0.25">
      <c r="B4885">
        <f t="shared" si="544"/>
        <v>6</v>
      </c>
      <c r="C4885" s="16">
        <v>4851</v>
      </c>
      <c r="D4885" cm="1">
        <f t="array" ref="D4885">IFERROR(INDEX(Jesper!AH$2:AH$366,ROUNDDOWN($C4885/24,0)+1,1)*INDEX($D$3:$AA$30,INDEX(Jesper!$R$2:$R$366,ROW(INDEX(Jesper!AH$2:AH$366,ROUNDDOWN($C4885/24,0)+1,1))-1)+IF('Standard Profiles'!$G$18=$B$10,7,0)+IF('Standard Profiles'!$G$18=$B$17,14,0)+IF('Standard Profiles'!$G$18=$B$24,21,0),MOD($C4885,24)+1)/SUM(INDEX($D$3:$AA$30,INDEX(Jesper!$R$2:$R$366,ROW(INDEX(Jesper!AH$2:AH$366,ROUNDDOWN($C4885/24,0)+1,1))-1)+IF('Standard Profiles'!$G$18=$B$10,7,0)+IF('Standard Profiles'!$G$18=$B$17,14,0)+IF('Standard Profiles'!$G$18=$B$24,21,0),0)),0)</f>
        <v>0</v>
      </c>
      <c r="E4885" cm="1">
        <f t="array" ref="E4885">IFERROR(INDEX(Jesper!AI$2:AI$366,ROUNDDOWN($C4885/24,0)+1,1)*INDEX($D$3:$AA$30,INDEX(Jesper!$R$2:$R$366,ROW(INDEX(Jesper!AI$2:AI$366,ROUNDDOWN($C4885/24,0)+1,1))-1)+IF('Standard Profiles'!$G$19=$B$10,7,0)+IF('Standard Profiles'!$G$19=$B$17,14,0)+IF('Standard Profiles'!$G$19=$B$24,21,0),MOD($C4885,24)+1)/SUM(INDEX($D$3:$AA$30,INDEX(Jesper!$R$2:$R$366,ROW(INDEX(Jesper!AI$2:AI$366,ROUNDDOWN($C4885/24,0)+1,1))-1)+IF('Standard Profiles'!$G$19=$B$10,7,0)+IF('Standard Profiles'!$G$19=$B$17,14,0)+IF('Standard Profiles'!$G$19=$B$24,21,0),0)),0)</f>
        <v>2.6932980179247661</v>
      </c>
      <c r="F4885" cm="1">
        <f t="array" ref="F4885">IFERROR(INDEX(Jesper!AJ$2:AJ$366,ROUNDDOWN($C4885/24,0)+1,1)*INDEX($D$3:$AA$30,INDEX(Jesper!$R$2:$R$366,ROW(INDEX(Jesper!AJ$2:AJ$366,ROUNDDOWN($C4885/24,0)+1,1))-1)+IF('Standard Profiles'!$G$20=$B$10,7,0)+IF('Standard Profiles'!$G$20=$B$17,14,0)+IF('Standard Profiles'!$G$20=$B$24,21,0),MOD($C4885,24)+1)/SUM(INDEX($D$3:$AA$30,INDEX(Jesper!$R$2:$R$366,ROW(INDEX(Jesper!AJ$2:AJ$366,ROUNDDOWN($C4885/24,0)+1,1))-1)+IF('Standard Profiles'!$G$20=$B$10,7,0)+IF('Standard Profiles'!$G$20=$B$17,14,0)+IF('Standard Profiles'!$G$20=$B$24,21,0),0)),0)</f>
        <v>1.001598665892399</v>
      </c>
      <c r="G4885" cm="1">
        <f t="array" ref="G4885">IFERROR(INDEX(Jesper!AK$2:AK$366,ROUNDDOWN($C4885/24,0)+1,1)*INDEX($D$3:$AA$30,INDEX(Jesper!$R$2:$R$366,ROW(INDEX(Jesper!AK$2:AK$366,ROUNDDOWN($C4885/24,0)+1,1))-1)+IF('Standard Profiles'!$G$21=$B$10,7,0)+IF('Standard Profiles'!$G$21=$B$17,14,0)+IF('Standard Profiles'!$G$21=$B$24,21,0),MOD($C4885,24)+1)/SUM(INDEX($D$3:$AA$30,INDEX(Jesper!$R$2:$R$366,ROW(INDEX(Jesper!AK$2:AK$366,ROUNDDOWN($C4885/24,0)+1,1))-1)+IF('Standard Profiles'!$G$21=$B$10,7,0)+IF('Standard Profiles'!$G$21=$B$17,14,0)+IF('Standard Profiles'!$G$21=$B$24,21,0),0)),0)</f>
        <v>0.46240215223422948</v>
      </c>
      <c r="H4885" cm="1">
        <f t="array" ref="H4885">IFERROR(INDEX(Jesper!AL$2:AL$366,ROUNDDOWN($C4885/24,0)+1,1)*INDEX($D$3:$AA$30,INDEX(Jesper!$R$2:$R$366,ROW(INDEX(Jesper!AL$2:AL$366,ROUNDDOWN($C4885/24,0)+1,1))-1)+IF('Standard Profiles'!$G$22=$B$10,7,0)+IF('Standard Profiles'!$G$22=$B$17,14,0)+IF('Standard Profiles'!$G$22=$B$24,21,0),MOD($C4885,24)+1)/SUM(INDEX($D$3:$AA$30,INDEX(Jesper!$R$2:$R$366,ROW(INDEX(Jesper!AL$2:AL$366,ROUNDDOWN($C4885/24,0)+1,1))-1)+IF('Standard Profiles'!$G$22=$B$10,7,0)+IF('Standard Profiles'!$G$22=$B$17,14,0)+IF('Standard Profiles'!$G$22=$B$24,21,0),0)),0)</f>
        <v>7.7466988250266114E-2</v>
      </c>
      <c r="I4885">
        <f t="shared" si="545"/>
        <v>7.4368308720255516E-2</v>
      </c>
      <c r="J4885">
        <f t="shared" si="546"/>
        <v>3.8372017534304335</v>
      </c>
      <c r="K4885">
        <f t="shared" si="547"/>
        <v>0.21546384143398128</v>
      </c>
      <c r="L4885">
        <f t="shared" si="548"/>
        <v>0.10773192071699064</v>
      </c>
      <c r="M4885">
        <f t="shared" si="549"/>
        <v>0</v>
      </c>
      <c r="N4885" s="45">
        <f t="shared" si="550"/>
        <v>45129.124999988235</v>
      </c>
    </row>
    <row r="4886" spans="2:14" x14ac:dyDescent="0.25">
      <c r="B4886">
        <f t="shared" si="544"/>
        <v>6</v>
      </c>
      <c r="C4886" s="16">
        <v>4852</v>
      </c>
      <c r="D4886" cm="1">
        <f t="array" ref="D4886">IFERROR(INDEX(Jesper!AH$2:AH$366,ROUNDDOWN($C4886/24,0)+1,1)*INDEX($D$3:$AA$30,INDEX(Jesper!$R$2:$R$366,ROW(INDEX(Jesper!AH$2:AH$366,ROUNDDOWN($C4886/24,0)+1,1))-1)+IF('Standard Profiles'!$G$18=$B$10,7,0)+IF('Standard Profiles'!$G$18=$B$17,14,0)+IF('Standard Profiles'!$G$18=$B$24,21,0),MOD($C4886,24)+1)/SUM(INDEX($D$3:$AA$30,INDEX(Jesper!$R$2:$R$366,ROW(INDEX(Jesper!AH$2:AH$366,ROUNDDOWN($C4886/24,0)+1,1))-1)+IF('Standard Profiles'!$G$18=$B$10,7,0)+IF('Standard Profiles'!$G$18=$B$17,14,0)+IF('Standard Profiles'!$G$18=$B$24,21,0),0)),0)</f>
        <v>0</v>
      </c>
      <c r="E4886" cm="1">
        <f t="array" ref="E4886">IFERROR(INDEX(Jesper!AI$2:AI$366,ROUNDDOWN($C4886/24,0)+1,1)*INDEX($D$3:$AA$30,INDEX(Jesper!$R$2:$R$366,ROW(INDEX(Jesper!AI$2:AI$366,ROUNDDOWN($C4886/24,0)+1,1))-1)+IF('Standard Profiles'!$G$19=$B$10,7,0)+IF('Standard Profiles'!$G$19=$B$17,14,0)+IF('Standard Profiles'!$G$19=$B$24,21,0),MOD($C4886,24)+1)/SUM(INDEX($D$3:$AA$30,INDEX(Jesper!$R$2:$R$366,ROW(INDEX(Jesper!AI$2:AI$366,ROUNDDOWN($C4886/24,0)+1,1))-1)+IF('Standard Profiles'!$G$19=$B$10,7,0)+IF('Standard Profiles'!$G$19=$B$17,14,0)+IF('Standard Profiles'!$G$19=$B$24,21,0),0)),0)</f>
        <v>2.6932980179247661</v>
      </c>
      <c r="F4886" cm="1">
        <f t="array" ref="F4886">IFERROR(INDEX(Jesper!AJ$2:AJ$366,ROUNDDOWN($C4886/24,0)+1,1)*INDEX($D$3:$AA$30,INDEX(Jesper!$R$2:$R$366,ROW(INDEX(Jesper!AJ$2:AJ$366,ROUNDDOWN($C4886/24,0)+1,1))-1)+IF('Standard Profiles'!$G$20=$B$10,7,0)+IF('Standard Profiles'!$G$20=$B$17,14,0)+IF('Standard Profiles'!$G$20=$B$24,21,0),MOD($C4886,24)+1)/SUM(INDEX($D$3:$AA$30,INDEX(Jesper!$R$2:$R$366,ROW(INDEX(Jesper!AJ$2:AJ$366,ROUNDDOWN($C4886/24,0)+1,1))-1)+IF('Standard Profiles'!$G$20=$B$10,7,0)+IF('Standard Profiles'!$G$20=$B$17,14,0)+IF('Standard Profiles'!$G$20=$B$24,21,0),0)),0)</f>
        <v>1.001598665892399</v>
      </c>
      <c r="G4886" cm="1">
        <f t="array" ref="G4886">IFERROR(INDEX(Jesper!AK$2:AK$366,ROUNDDOWN($C4886/24,0)+1,1)*INDEX($D$3:$AA$30,INDEX(Jesper!$R$2:$R$366,ROW(INDEX(Jesper!AK$2:AK$366,ROUNDDOWN($C4886/24,0)+1,1))-1)+IF('Standard Profiles'!$G$21=$B$10,7,0)+IF('Standard Profiles'!$G$21=$B$17,14,0)+IF('Standard Profiles'!$G$21=$B$24,21,0),MOD($C4886,24)+1)/SUM(INDEX($D$3:$AA$30,INDEX(Jesper!$R$2:$R$366,ROW(INDEX(Jesper!AK$2:AK$366,ROUNDDOWN($C4886/24,0)+1,1))-1)+IF('Standard Profiles'!$G$21=$B$10,7,0)+IF('Standard Profiles'!$G$21=$B$17,14,0)+IF('Standard Profiles'!$G$21=$B$24,21,0),0)),0)</f>
        <v>0.46240215223422948</v>
      </c>
      <c r="H4886" cm="1">
        <f t="array" ref="H4886">IFERROR(INDEX(Jesper!AL$2:AL$366,ROUNDDOWN($C4886/24,0)+1,1)*INDEX($D$3:$AA$30,INDEX(Jesper!$R$2:$R$366,ROW(INDEX(Jesper!AL$2:AL$366,ROUNDDOWN($C4886/24,0)+1,1))-1)+IF('Standard Profiles'!$G$22=$B$10,7,0)+IF('Standard Profiles'!$G$22=$B$17,14,0)+IF('Standard Profiles'!$G$22=$B$24,21,0),MOD($C4886,24)+1)/SUM(INDEX($D$3:$AA$30,INDEX(Jesper!$R$2:$R$366,ROW(INDEX(Jesper!AL$2:AL$366,ROUNDDOWN($C4886/24,0)+1,1))-1)+IF('Standard Profiles'!$G$22=$B$10,7,0)+IF('Standard Profiles'!$G$22=$B$17,14,0)+IF('Standard Profiles'!$G$22=$B$24,21,0),0)),0)</f>
        <v>7.7466988250266114E-2</v>
      </c>
      <c r="I4886">
        <f t="shared" si="545"/>
        <v>7.4368308720255516E-2</v>
      </c>
      <c r="J4886">
        <f t="shared" si="546"/>
        <v>3.8372017534304335</v>
      </c>
      <c r="K4886">
        <f t="shared" si="547"/>
        <v>0.21546384143398128</v>
      </c>
      <c r="L4886">
        <f t="shared" si="548"/>
        <v>0.10773192071699064</v>
      </c>
      <c r="M4886">
        <f t="shared" si="549"/>
        <v>0</v>
      </c>
      <c r="N4886" s="45">
        <f t="shared" si="550"/>
        <v>45129.166666654899</v>
      </c>
    </row>
    <row r="4887" spans="2:14" x14ac:dyDescent="0.25">
      <c r="B4887">
        <f t="shared" si="544"/>
        <v>6</v>
      </c>
      <c r="C4887" s="16">
        <v>4853</v>
      </c>
      <c r="D4887" cm="1">
        <f t="array" ref="D4887">IFERROR(INDEX(Jesper!AH$2:AH$366,ROUNDDOWN($C4887/24,0)+1,1)*INDEX($D$3:$AA$30,INDEX(Jesper!$R$2:$R$366,ROW(INDEX(Jesper!AH$2:AH$366,ROUNDDOWN($C4887/24,0)+1,1))-1)+IF('Standard Profiles'!$G$18=$B$10,7,0)+IF('Standard Profiles'!$G$18=$B$17,14,0)+IF('Standard Profiles'!$G$18=$B$24,21,0),MOD($C4887,24)+1)/SUM(INDEX($D$3:$AA$30,INDEX(Jesper!$R$2:$R$366,ROW(INDEX(Jesper!AH$2:AH$366,ROUNDDOWN($C4887/24,0)+1,1))-1)+IF('Standard Profiles'!$G$18=$B$10,7,0)+IF('Standard Profiles'!$G$18=$B$17,14,0)+IF('Standard Profiles'!$G$18=$B$24,21,0),0)),0)</f>
        <v>0</v>
      </c>
      <c r="E4887" cm="1">
        <f t="array" ref="E4887">IFERROR(INDEX(Jesper!AI$2:AI$366,ROUNDDOWN($C4887/24,0)+1,1)*INDEX($D$3:$AA$30,INDEX(Jesper!$R$2:$R$366,ROW(INDEX(Jesper!AI$2:AI$366,ROUNDDOWN($C4887/24,0)+1,1))-1)+IF('Standard Profiles'!$G$19=$B$10,7,0)+IF('Standard Profiles'!$G$19=$B$17,14,0)+IF('Standard Profiles'!$G$19=$B$24,21,0),MOD($C4887,24)+1)/SUM(INDEX($D$3:$AA$30,INDEX(Jesper!$R$2:$R$366,ROW(INDEX(Jesper!AI$2:AI$366,ROUNDDOWN($C4887/24,0)+1,1))-1)+IF('Standard Profiles'!$G$19=$B$10,7,0)+IF('Standard Profiles'!$G$19=$B$17,14,0)+IF('Standard Profiles'!$G$19=$B$24,21,0),0)),0)</f>
        <v>2.6932980179247661</v>
      </c>
      <c r="F4887" cm="1">
        <f t="array" ref="F4887">IFERROR(INDEX(Jesper!AJ$2:AJ$366,ROUNDDOWN($C4887/24,0)+1,1)*INDEX($D$3:$AA$30,INDEX(Jesper!$R$2:$R$366,ROW(INDEX(Jesper!AJ$2:AJ$366,ROUNDDOWN($C4887/24,0)+1,1))-1)+IF('Standard Profiles'!$G$20=$B$10,7,0)+IF('Standard Profiles'!$G$20=$B$17,14,0)+IF('Standard Profiles'!$G$20=$B$24,21,0),MOD($C4887,24)+1)/SUM(INDEX($D$3:$AA$30,INDEX(Jesper!$R$2:$R$366,ROW(INDEX(Jesper!AJ$2:AJ$366,ROUNDDOWN($C4887/24,0)+1,1))-1)+IF('Standard Profiles'!$G$20=$B$10,7,0)+IF('Standard Profiles'!$G$20=$B$17,14,0)+IF('Standard Profiles'!$G$20=$B$24,21,0),0)),0)</f>
        <v>1.001598665892399</v>
      </c>
      <c r="G4887" cm="1">
        <f t="array" ref="G4887">IFERROR(INDEX(Jesper!AK$2:AK$366,ROUNDDOWN($C4887/24,0)+1,1)*INDEX($D$3:$AA$30,INDEX(Jesper!$R$2:$R$366,ROW(INDEX(Jesper!AK$2:AK$366,ROUNDDOWN($C4887/24,0)+1,1))-1)+IF('Standard Profiles'!$G$21=$B$10,7,0)+IF('Standard Profiles'!$G$21=$B$17,14,0)+IF('Standard Profiles'!$G$21=$B$24,21,0),MOD($C4887,24)+1)/SUM(INDEX($D$3:$AA$30,INDEX(Jesper!$R$2:$R$366,ROW(INDEX(Jesper!AK$2:AK$366,ROUNDDOWN($C4887/24,0)+1,1))-1)+IF('Standard Profiles'!$G$21=$B$10,7,0)+IF('Standard Profiles'!$G$21=$B$17,14,0)+IF('Standard Profiles'!$G$21=$B$24,21,0),0)),0)</f>
        <v>0.46240215223422948</v>
      </c>
      <c r="H4887" cm="1">
        <f t="array" ref="H4887">IFERROR(INDEX(Jesper!AL$2:AL$366,ROUNDDOWN($C4887/24,0)+1,1)*INDEX($D$3:$AA$30,INDEX(Jesper!$R$2:$R$366,ROW(INDEX(Jesper!AL$2:AL$366,ROUNDDOWN($C4887/24,0)+1,1))-1)+IF('Standard Profiles'!$G$22=$B$10,7,0)+IF('Standard Profiles'!$G$22=$B$17,14,0)+IF('Standard Profiles'!$G$22=$B$24,21,0),MOD($C4887,24)+1)/SUM(INDEX($D$3:$AA$30,INDEX(Jesper!$R$2:$R$366,ROW(INDEX(Jesper!AL$2:AL$366,ROUNDDOWN($C4887/24,0)+1,1))-1)+IF('Standard Profiles'!$G$22=$B$10,7,0)+IF('Standard Profiles'!$G$22=$B$17,14,0)+IF('Standard Profiles'!$G$22=$B$24,21,0),0)),0)</f>
        <v>9.6361375628379806E-2</v>
      </c>
      <c r="I4887">
        <f t="shared" si="545"/>
        <v>9.2506920603244669E-2</v>
      </c>
      <c r="J4887">
        <f t="shared" si="546"/>
        <v>3.8379575289255579</v>
      </c>
      <c r="K4887">
        <f t="shared" si="547"/>
        <v>0.21546384143398128</v>
      </c>
      <c r="L4887">
        <f t="shared" si="548"/>
        <v>0.10773192071699064</v>
      </c>
      <c r="M4887">
        <f t="shared" si="549"/>
        <v>0</v>
      </c>
      <c r="N4887" s="45">
        <f t="shared" si="550"/>
        <v>45129.208333321563</v>
      </c>
    </row>
    <row r="4888" spans="2:14" x14ac:dyDescent="0.25">
      <c r="B4888">
        <f t="shared" si="544"/>
        <v>6</v>
      </c>
      <c r="C4888" s="16">
        <v>4854</v>
      </c>
      <c r="D4888" cm="1">
        <f t="array" ref="D4888">IFERROR(INDEX(Jesper!AH$2:AH$366,ROUNDDOWN($C4888/24,0)+1,1)*INDEX($D$3:$AA$30,INDEX(Jesper!$R$2:$R$366,ROW(INDEX(Jesper!AH$2:AH$366,ROUNDDOWN($C4888/24,0)+1,1))-1)+IF('Standard Profiles'!$G$18=$B$10,7,0)+IF('Standard Profiles'!$G$18=$B$17,14,0)+IF('Standard Profiles'!$G$18=$B$24,21,0),MOD($C4888,24)+1)/SUM(INDEX($D$3:$AA$30,INDEX(Jesper!$R$2:$R$366,ROW(INDEX(Jesper!AH$2:AH$366,ROUNDDOWN($C4888/24,0)+1,1))-1)+IF('Standard Profiles'!$G$18=$B$10,7,0)+IF('Standard Profiles'!$G$18=$B$17,14,0)+IF('Standard Profiles'!$G$18=$B$24,21,0),0)),0)</f>
        <v>0</v>
      </c>
      <c r="E4888" cm="1">
        <f t="array" ref="E4888">IFERROR(INDEX(Jesper!AI$2:AI$366,ROUNDDOWN($C4888/24,0)+1,1)*INDEX($D$3:$AA$30,INDEX(Jesper!$R$2:$R$366,ROW(INDEX(Jesper!AI$2:AI$366,ROUNDDOWN($C4888/24,0)+1,1))-1)+IF('Standard Profiles'!$G$19=$B$10,7,0)+IF('Standard Profiles'!$G$19=$B$17,14,0)+IF('Standard Profiles'!$G$19=$B$24,21,0),MOD($C4888,24)+1)/SUM(INDEX($D$3:$AA$30,INDEX(Jesper!$R$2:$R$366,ROW(INDEX(Jesper!AI$2:AI$366,ROUNDDOWN($C4888/24,0)+1,1))-1)+IF('Standard Profiles'!$G$19=$B$10,7,0)+IF('Standard Profiles'!$G$19=$B$17,14,0)+IF('Standard Profiles'!$G$19=$B$24,21,0),0)),0)</f>
        <v>2.6932980179247661</v>
      </c>
      <c r="F4888" cm="1">
        <f t="array" ref="F4888">IFERROR(INDEX(Jesper!AJ$2:AJ$366,ROUNDDOWN($C4888/24,0)+1,1)*INDEX($D$3:$AA$30,INDEX(Jesper!$R$2:$R$366,ROW(INDEX(Jesper!AJ$2:AJ$366,ROUNDDOWN($C4888/24,0)+1,1))-1)+IF('Standard Profiles'!$G$20=$B$10,7,0)+IF('Standard Profiles'!$G$20=$B$17,14,0)+IF('Standard Profiles'!$G$20=$B$24,21,0),MOD($C4888,24)+1)/SUM(INDEX($D$3:$AA$30,INDEX(Jesper!$R$2:$R$366,ROW(INDEX(Jesper!AJ$2:AJ$366,ROUNDDOWN($C4888/24,0)+1,1))-1)+IF('Standard Profiles'!$G$20=$B$10,7,0)+IF('Standard Profiles'!$G$20=$B$17,14,0)+IF('Standard Profiles'!$G$20=$B$24,21,0),0)),0)</f>
        <v>1.001598665892399</v>
      </c>
      <c r="G4888" cm="1">
        <f t="array" ref="G4888">IFERROR(INDEX(Jesper!AK$2:AK$366,ROUNDDOWN($C4888/24,0)+1,1)*INDEX($D$3:$AA$30,INDEX(Jesper!$R$2:$R$366,ROW(INDEX(Jesper!AK$2:AK$366,ROUNDDOWN($C4888/24,0)+1,1))-1)+IF('Standard Profiles'!$G$21=$B$10,7,0)+IF('Standard Profiles'!$G$21=$B$17,14,0)+IF('Standard Profiles'!$G$21=$B$24,21,0),MOD($C4888,24)+1)/SUM(INDEX($D$3:$AA$30,INDEX(Jesper!$R$2:$R$366,ROW(INDEX(Jesper!AK$2:AK$366,ROUNDDOWN($C4888/24,0)+1,1))-1)+IF('Standard Profiles'!$G$21=$B$10,7,0)+IF('Standard Profiles'!$G$21=$B$17,14,0)+IF('Standard Profiles'!$G$21=$B$24,21,0),0)),0)</f>
        <v>0.46240215223422948</v>
      </c>
      <c r="H4888" cm="1">
        <f t="array" ref="H4888">IFERROR(INDEX(Jesper!AL$2:AL$366,ROUNDDOWN($C4888/24,0)+1,1)*INDEX($D$3:$AA$30,INDEX(Jesper!$R$2:$R$366,ROW(INDEX(Jesper!AL$2:AL$366,ROUNDDOWN($C4888/24,0)+1,1))-1)+IF('Standard Profiles'!$G$22=$B$10,7,0)+IF('Standard Profiles'!$G$22=$B$17,14,0)+IF('Standard Profiles'!$G$22=$B$24,21,0),MOD($C4888,24)+1)/SUM(INDEX($D$3:$AA$30,INDEX(Jesper!$R$2:$R$366,ROW(INDEX(Jesper!AL$2:AL$366,ROUNDDOWN($C4888/24,0)+1,1))-1)+IF('Standard Profiles'!$G$22=$B$10,7,0)+IF('Standard Profiles'!$G$22=$B$17,14,0)+IF('Standard Profiles'!$G$22=$B$24,21,0),0)),0)</f>
        <v>0.12092407921992759</v>
      </c>
      <c r="I4888">
        <f t="shared" si="545"/>
        <v>0.11608711605113055</v>
      </c>
      <c r="J4888">
        <f t="shared" si="546"/>
        <v>3.8389400370692202</v>
      </c>
      <c r="K4888">
        <f t="shared" si="547"/>
        <v>0.21546384143398128</v>
      </c>
      <c r="L4888">
        <f t="shared" si="548"/>
        <v>0.10773192071699064</v>
      </c>
      <c r="M4888">
        <f t="shared" si="549"/>
        <v>0</v>
      </c>
      <c r="N4888" s="45">
        <f t="shared" si="550"/>
        <v>45129.249999988228</v>
      </c>
    </row>
    <row r="4889" spans="2:14" x14ac:dyDescent="0.25">
      <c r="B4889">
        <f t="shared" si="544"/>
        <v>6</v>
      </c>
      <c r="C4889" s="16">
        <v>4855</v>
      </c>
      <c r="D4889" cm="1">
        <f t="array" ref="D4889">IFERROR(INDEX(Jesper!AH$2:AH$366,ROUNDDOWN($C4889/24,0)+1,1)*INDEX($D$3:$AA$30,INDEX(Jesper!$R$2:$R$366,ROW(INDEX(Jesper!AH$2:AH$366,ROUNDDOWN($C4889/24,0)+1,1))-1)+IF('Standard Profiles'!$G$18=$B$10,7,0)+IF('Standard Profiles'!$G$18=$B$17,14,0)+IF('Standard Profiles'!$G$18=$B$24,21,0),MOD($C4889,24)+1)/SUM(INDEX($D$3:$AA$30,INDEX(Jesper!$R$2:$R$366,ROW(INDEX(Jesper!AH$2:AH$366,ROUNDDOWN($C4889/24,0)+1,1))-1)+IF('Standard Profiles'!$G$18=$B$10,7,0)+IF('Standard Profiles'!$G$18=$B$17,14,0)+IF('Standard Profiles'!$G$18=$B$24,21,0),0)),0)</f>
        <v>0</v>
      </c>
      <c r="E4889" cm="1">
        <f t="array" ref="E4889">IFERROR(INDEX(Jesper!AI$2:AI$366,ROUNDDOWN($C4889/24,0)+1,1)*INDEX($D$3:$AA$30,INDEX(Jesper!$R$2:$R$366,ROW(INDEX(Jesper!AI$2:AI$366,ROUNDDOWN($C4889/24,0)+1,1))-1)+IF('Standard Profiles'!$G$19=$B$10,7,0)+IF('Standard Profiles'!$G$19=$B$17,14,0)+IF('Standard Profiles'!$G$19=$B$24,21,0),MOD($C4889,24)+1)/SUM(INDEX($D$3:$AA$30,INDEX(Jesper!$R$2:$R$366,ROW(INDEX(Jesper!AI$2:AI$366,ROUNDDOWN($C4889/24,0)+1,1))-1)+IF('Standard Profiles'!$G$19=$B$10,7,0)+IF('Standard Profiles'!$G$19=$B$17,14,0)+IF('Standard Profiles'!$G$19=$B$24,21,0),0)),0)</f>
        <v>2.6932980179247661</v>
      </c>
      <c r="F4889" cm="1">
        <f t="array" ref="F4889">IFERROR(INDEX(Jesper!AJ$2:AJ$366,ROUNDDOWN($C4889/24,0)+1,1)*INDEX($D$3:$AA$30,INDEX(Jesper!$R$2:$R$366,ROW(INDEX(Jesper!AJ$2:AJ$366,ROUNDDOWN($C4889/24,0)+1,1))-1)+IF('Standard Profiles'!$G$20=$B$10,7,0)+IF('Standard Profiles'!$G$20=$B$17,14,0)+IF('Standard Profiles'!$G$20=$B$24,21,0),MOD($C4889,24)+1)/SUM(INDEX($D$3:$AA$30,INDEX(Jesper!$R$2:$R$366,ROW(INDEX(Jesper!AJ$2:AJ$366,ROUNDDOWN($C4889/24,0)+1,1))-1)+IF('Standard Profiles'!$G$20=$B$10,7,0)+IF('Standard Profiles'!$G$20=$B$17,14,0)+IF('Standard Profiles'!$G$20=$B$24,21,0),0)),0)</f>
        <v>1.001598665892399</v>
      </c>
      <c r="G4889" cm="1">
        <f t="array" ref="G4889">IFERROR(INDEX(Jesper!AK$2:AK$366,ROUNDDOWN($C4889/24,0)+1,1)*INDEX($D$3:$AA$30,INDEX(Jesper!$R$2:$R$366,ROW(INDEX(Jesper!AK$2:AK$366,ROUNDDOWN($C4889/24,0)+1,1))-1)+IF('Standard Profiles'!$G$21=$B$10,7,0)+IF('Standard Profiles'!$G$21=$B$17,14,0)+IF('Standard Profiles'!$G$21=$B$24,21,0),MOD($C4889,24)+1)/SUM(INDEX($D$3:$AA$30,INDEX(Jesper!$R$2:$R$366,ROW(INDEX(Jesper!AK$2:AK$366,ROUNDDOWN($C4889/24,0)+1,1))-1)+IF('Standard Profiles'!$G$21=$B$10,7,0)+IF('Standard Profiles'!$G$21=$B$17,14,0)+IF('Standard Profiles'!$G$21=$B$24,21,0),0)),0)</f>
        <v>0.46240215223422948</v>
      </c>
      <c r="H4889" cm="1">
        <f t="array" ref="H4889">IFERROR(INDEX(Jesper!AL$2:AL$366,ROUNDDOWN($C4889/24,0)+1,1)*INDEX($D$3:$AA$30,INDEX(Jesper!$R$2:$R$366,ROW(INDEX(Jesper!AL$2:AL$366,ROUNDDOWN($C4889/24,0)+1,1))-1)+IF('Standard Profiles'!$G$22=$B$10,7,0)+IF('Standard Profiles'!$G$22=$B$17,14,0)+IF('Standard Profiles'!$G$22=$B$24,21,0),MOD($C4889,24)+1)/SUM(INDEX($D$3:$AA$30,INDEX(Jesper!$R$2:$R$366,ROW(INDEX(Jesper!AL$2:AL$366,ROUNDDOWN($C4889/24,0)+1,1))-1)+IF('Standard Profiles'!$G$22=$B$10,7,0)+IF('Standard Profiles'!$G$22=$B$17,14,0)+IF('Standard Profiles'!$G$22=$B$24,21,0),0)),0)</f>
        <v>0.1379290278602299</v>
      </c>
      <c r="I4889">
        <f t="shared" si="545"/>
        <v>0.13241186674582078</v>
      </c>
      <c r="J4889">
        <f t="shared" si="546"/>
        <v>3.8396202350148321</v>
      </c>
      <c r="K4889">
        <f t="shared" si="547"/>
        <v>0.21546384143398128</v>
      </c>
      <c r="L4889">
        <f t="shared" si="548"/>
        <v>0.10773192071699064</v>
      </c>
      <c r="M4889">
        <f t="shared" si="549"/>
        <v>0</v>
      </c>
      <c r="N4889" s="45">
        <f t="shared" si="550"/>
        <v>45129.291666654892</v>
      </c>
    </row>
    <row r="4890" spans="2:14" x14ac:dyDescent="0.25">
      <c r="B4890">
        <f t="shared" si="544"/>
        <v>6</v>
      </c>
      <c r="C4890" s="16">
        <v>4856</v>
      </c>
      <c r="D4890" cm="1">
        <f t="array" ref="D4890">IFERROR(INDEX(Jesper!AH$2:AH$366,ROUNDDOWN($C4890/24,0)+1,1)*INDEX($D$3:$AA$30,INDEX(Jesper!$R$2:$R$366,ROW(INDEX(Jesper!AH$2:AH$366,ROUNDDOWN($C4890/24,0)+1,1))-1)+IF('Standard Profiles'!$G$18=$B$10,7,0)+IF('Standard Profiles'!$G$18=$B$17,14,0)+IF('Standard Profiles'!$G$18=$B$24,21,0),MOD($C4890,24)+1)/SUM(INDEX($D$3:$AA$30,INDEX(Jesper!$R$2:$R$366,ROW(INDEX(Jesper!AH$2:AH$366,ROUNDDOWN($C4890/24,0)+1,1))-1)+IF('Standard Profiles'!$G$18=$B$10,7,0)+IF('Standard Profiles'!$G$18=$B$17,14,0)+IF('Standard Profiles'!$G$18=$B$24,21,0),0)),0)</f>
        <v>0</v>
      </c>
      <c r="E4890" cm="1">
        <f t="array" ref="E4890">IFERROR(INDEX(Jesper!AI$2:AI$366,ROUNDDOWN($C4890/24,0)+1,1)*INDEX($D$3:$AA$30,INDEX(Jesper!$R$2:$R$366,ROW(INDEX(Jesper!AI$2:AI$366,ROUNDDOWN($C4890/24,0)+1,1))-1)+IF('Standard Profiles'!$G$19=$B$10,7,0)+IF('Standard Profiles'!$G$19=$B$17,14,0)+IF('Standard Profiles'!$G$19=$B$24,21,0),MOD($C4890,24)+1)/SUM(INDEX($D$3:$AA$30,INDEX(Jesper!$R$2:$R$366,ROW(INDEX(Jesper!AI$2:AI$366,ROUNDDOWN($C4890/24,0)+1,1))-1)+IF('Standard Profiles'!$G$19=$B$10,7,0)+IF('Standard Profiles'!$G$19=$B$17,14,0)+IF('Standard Profiles'!$G$19=$B$24,21,0),0)),0)</f>
        <v>2.6932980179247661</v>
      </c>
      <c r="F4890" cm="1">
        <f t="array" ref="F4890">IFERROR(INDEX(Jesper!AJ$2:AJ$366,ROUNDDOWN($C4890/24,0)+1,1)*INDEX($D$3:$AA$30,INDEX(Jesper!$R$2:$R$366,ROW(INDEX(Jesper!AJ$2:AJ$366,ROUNDDOWN($C4890/24,0)+1,1))-1)+IF('Standard Profiles'!$G$20=$B$10,7,0)+IF('Standard Profiles'!$G$20=$B$17,14,0)+IF('Standard Profiles'!$G$20=$B$24,21,0),MOD($C4890,24)+1)/SUM(INDEX($D$3:$AA$30,INDEX(Jesper!$R$2:$R$366,ROW(INDEX(Jesper!AJ$2:AJ$366,ROUNDDOWN($C4890/24,0)+1,1))-1)+IF('Standard Profiles'!$G$20=$B$10,7,0)+IF('Standard Profiles'!$G$20=$B$17,14,0)+IF('Standard Profiles'!$G$20=$B$24,21,0),0)),0)</f>
        <v>1.001598665892399</v>
      </c>
      <c r="G4890" cm="1">
        <f t="array" ref="G4890">IFERROR(INDEX(Jesper!AK$2:AK$366,ROUNDDOWN($C4890/24,0)+1,1)*INDEX($D$3:$AA$30,INDEX(Jesper!$R$2:$R$366,ROW(INDEX(Jesper!AK$2:AK$366,ROUNDDOWN($C4890/24,0)+1,1))-1)+IF('Standard Profiles'!$G$21=$B$10,7,0)+IF('Standard Profiles'!$G$21=$B$17,14,0)+IF('Standard Profiles'!$G$21=$B$24,21,0),MOD($C4890,24)+1)/SUM(INDEX($D$3:$AA$30,INDEX(Jesper!$R$2:$R$366,ROW(INDEX(Jesper!AK$2:AK$366,ROUNDDOWN($C4890/24,0)+1,1))-1)+IF('Standard Profiles'!$G$21=$B$10,7,0)+IF('Standard Profiles'!$G$21=$B$17,14,0)+IF('Standard Profiles'!$G$21=$B$24,21,0),0)),0)</f>
        <v>0.46240215223422948</v>
      </c>
      <c r="H4890" cm="1">
        <f t="array" ref="H4890">IFERROR(INDEX(Jesper!AL$2:AL$366,ROUNDDOWN($C4890/24,0)+1,1)*INDEX($D$3:$AA$30,INDEX(Jesper!$R$2:$R$366,ROW(INDEX(Jesper!AL$2:AL$366,ROUNDDOWN($C4890/24,0)+1,1))-1)+IF('Standard Profiles'!$G$22=$B$10,7,0)+IF('Standard Profiles'!$G$22=$B$17,14,0)+IF('Standard Profiles'!$G$22=$B$24,21,0),MOD($C4890,24)+1)/SUM(INDEX($D$3:$AA$30,INDEX(Jesper!$R$2:$R$366,ROW(INDEX(Jesper!AL$2:AL$366,ROUNDDOWN($C4890/24,0)+1,1))-1)+IF('Standard Profiles'!$G$22=$B$10,7,0)+IF('Standard Profiles'!$G$22=$B$17,14,0)+IF('Standard Profiles'!$G$22=$B$24,21,0),0)),0)</f>
        <v>0.1379290278602299</v>
      </c>
      <c r="I4890">
        <f t="shared" si="545"/>
        <v>0.13241186674582078</v>
      </c>
      <c r="J4890">
        <f t="shared" si="546"/>
        <v>3.8396202350148321</v>
      </c>
      <c r="K4890">
        <f t="shared" si="547"/>
        <v>0.21546384143398128</v>
      </c>
      <c r="L4890">
        <f t="shared" si="548"/>
        <v>0.10773192071699064</v>
      </c>
      <c r="M4890">
        <f t="shared" si="549"/>
        <v>0</v>
      </c>
      <c r="N4890" s="45">
        <f t="shared" si="550"/>
        <v>45129.333333321556</v>
      </c>
    </row>
    <row r="4891" spans="2:14" x14ac:dyDescent="0.25">
      <c r="B4891">
        <f t="shared" si="544"/>
        <v>6</v>
      </c>
      <c r="C4891" s="16">
        <v>4857</v>
      </c>
      <c r="D4891" cm="1">
        <f t="array" ref="D4891">IFERROR(INDEX(Jesper!AH$2:AH$366,ROUNDDOWN($C4891/24,0)+1,1)*INDEX($D$3:$AA$30,INDEX(Jesper!$R$2:$R$366,ROW(INDEX(Jesper!AH$2:AH$366,ROUNDDOWN($C4891/24,0)+1,1))-1)+IF('Standard Profiles'!$G$18=$B$10,7,0)+IF('Standard Profiles'!$G$18=$B$17,14,0)+IF('Standard Profiles'!$G$18=$B$24,21,0),MOD($C4891,24)+1)/SUM(INDEX($D$3:$AA$30,INDEX(Jesper!$R$2:$R$366,ROW(INDEX(Jesper!AH$2:AH$366,ROUNDDOWN($C4891/24,0)+1,1))-1)+IF('Standard Profiles'!$G$18=$B$10,7,0)+IF('Standard Profiles'!$G$18=$B$17,14,0)+IF('Standard Profiles'!$G$18=$B$24,21,0),0)),0)</f>
        <v>0</v>
      </c>
      <c r="E4891" cm="1">
        <f t="array" ref="E4891">IFERROR(INDEX(Jesper!AI$2:AI$366,ROUNDDOWN($C4891/24,0)+1,1)*INDEX($D$3:$AA$30,INDEX(Jesper!$R$2:$R$366,ROW(INDEX(Jesper!AI$2:AI$366,ROUNDDOWN($C4891/24,0)+1,1))-1)+IF('Standard Profiles'!$G$19=$B$10,7,0)+IF('Standard Profiles'!$G$19=$B$17,14,0)+IF('Standard Profiles'!$G$19=$B$24,21,0),MOD($C4891,24)+1)/SUM(INDEX($D$3:$AA$30,INDEX(Jesper!$R$2:$R$366,ROW(INDEX(Jesper!AI$2:AI$366,ROUNDDOWN($C4891/24,0)+1,1))-1)+IF('Standard Profiles'!$G$19=$B$10,7,0)+IF('Standard Profiles'!$G$19=$B$17,14,0)+IF('Standard Profiles'!$G$19=$B$24,21,0),0)),0)</f>
        <v>2.6932980179247661</v>
      </c>
      <c r="F4891" cm="1">
        <f t="array" ref="F4891">IFERROR(INDEX(Jesper!AJ$2:AJ$366,ROUNDDOWN($C4891/24,0)+1,1)*INDEX($D$3:$AA$30,INDEX(Jesper!$R$2:$R$366,ROW(INDEX(Jesper!AJ$2:AJ$366,ROUNDDOWN($C4891/24,0)+1,1))-1)+IF('Standard Profiles'!$G$20=$B$10,7,0)+IF('Standard Profiles'!$G$20=$B$17,14,0)+IF('Standard Profiles'!$G$20=$B$24,21,0),MOD($C4891,24)+1)/SUM(INDEX($D$3:$AA$30,INDEX(Jesper!$R$2:$R$366,ROW(INDEX(Jesper!AJ$2:AJ$366,ROUNDDOWN($C4891/24,0)+1,1))-1)+IF('Standard Profiles'!$G$20=$B$10,7,0)+IF('Standard Profiles'!$G$20=$B$17,14,0)+IF('Standard Profiles'!$G$20=$B$24,21,0),0)),0)</f>
        <v>1.001598665892399</v>
      </c>
      <c r="G4891" cm="1">
        <f t="array" ref="G4891">IFERROR(INDEX(Jesper!AK$2:AK$366,ROUNDDOWN($C4891/24,0)+1,1)*INDEX($D$3:$AA$30,INDEX(Jesper!$R$2:$R$366,ROW(INDEX(Jesper!AK$2:AK$366,ROUNDDOWN($C4891/24,0)+1,1))-1)+IF('Standard Profiles'!$G$21=$B$10,7,0)+IF('Standard Profiles'!$G$21=$B$17,14,0)+IF('Standard Profiles'!$G$21=$B$24,21,0),MOD($C4891,24)+1)/SUM(INDEX($D$3:$AA$30,INDEX(Jesper!$R$2:$R$366,ROW(INDEX(Jesper!AK$2:AK$366,ROUNDDOWN($C4891/24,0)+1,1))-1)+IF('Standard Profiles'!$G$21=$B$10,7,0)+IF('Standard Profiles'!$G$21=$B$17,14,0)+IF('Standard Profiles'!$G$21=$B$24,21,0),0)),0)</f>
        <v>0.46240215223422948</v>
      </c>
      <c r="H4891" cm="1">
        <f t="array" ref="H4891">IFERROR(INDEX(Jesper!AL$2:AL$366,ROUNDDOWN($C4891/24,0)+1,1)*INDEX($D$3:$AA$30,INDEX(Jesper!$R$2:$R$366,ROW(INDEX(Jesper!AL$2:AL$366,ROUNDDOWN($C4891/24,0)+1,1))-1)+IF('Standard Profiles'!$G$22=$B$10,7,0)+IF('Standard Profiles'!$G$22=$B$17,14,0)+IF('Standard Profiles'!$G$22=$B$24,21,0),MOD($C4891,24)+1)/SUM(INDEX($D$3:$AA$30,INDEX(Jesper!$R$2:$R$366,ROW(INDEX(Jesper!AL$2:AL$366,ROUNDDOWN($C4891/24,0)+1,1))-1)+IF('Standard Profiles'!$G$22=$B$10,7,0)+IF('Standard Profiles'!$G$22=$B$17,14,0)+IF('Standard Profiles'!$G$22=$B$24,21,0),0)),0)</f>
        <v>0.1379290278602299</v>
      </c>
      <c r="I4891">
        <f t="shared" si="545"/>
        <v>0.13241186674582078</v>
      </c>
      <c r="J4891">
        <f t="shared" si="546"/>
        <v>3.8396202350148321</v>
      </c>
      <c r="K4891">
        <f t="shared" si="547"/>
        <v>0.21546384143398128</v>
      </c>
      <c r="L4891">
        <f t="shared" si="548"/>
        <v>0.10773192071699064</v>
      </c>
      <c r="M4891">
        <f t="shared" si="549"/>
        <v>0</v>
      </c>
      <c r="N4891" s="45">
        <f t="shared" si="550"/>
        <v>45129.37499998822</v>
      </c>
    </row>
    <row r="4892" spans="2:14" x14ac:dyDescent="0.25">
      <c r="B4892">
        <f t="shared" si="544"/>
        <v>6</v>
      </c>
      <c r="C4892" s="16">
        <v>4858</v>
      </c>
      <c r="D4892" cm="1">
        <f t="array" ref="D4892">IFERROR(INDEX(Jesper!AH$2:AH$366,ROUNDDOWN($C4892/24,0)+1,1)*INDEX($D$3:$AA$30,INDEX(Jesper!$R$2:$R$366,ROW(INDEX(Jesper!AH$2:AH$366,ROUNDDOWN($C4892/24,0)+1,1))-1)+IF('Standard Profiles'!$G$18=$B$10,7,0)+IF('Standard Profiles'!$G$18=$B$17,14,0)+IF('Standard Profiles'!$G$18=$B$24,21,0),MOD($C4892,24)+1)/SUM(INDEX($D$3:$AA$30,INDEX(Jesper!$R$2:$R$366,ROW(INDEX(Jesper!AH$2:AH$366,ROUNDDOWN($C4892/24,0)+1,1))-1)+IF('Standard Profiles'!$G$18=$B$10,7,0)+IF('Standard Profiles'!$G$18=$B$17,14,0)+IF('Standard Profiles'!$G$18=$B$24,21,0),0)),0)</f>
        <v>0</v>
      </c>
      <c r="E4892" cm="1">
        <f t="array" ref="E4892">IFERROR(INDEX(Jesper!AI$2:AI$366,ROUNDDOWN($C4892/24,0)+1,1)*INDEX($D$3:$AA$30,INDEX(Jesper!$R$2:$R$366,ROW(INDEX(Jesper!AI$2:AI$366,ROUNDDOWN($C4892/24,0)+1,1))-1)+IF('Standard Profiles'!$G$19=$B$10,7,0)+IF('Standard Profiles'!$G$19=$B$17,14,0)+IF('Standard Profiles'!$G$19=$B$24,21,0),MOD($C4892,24)+1)/SUM(INDEX($D$3:$AA$30,INDEX(Jesper!$R$2:$R$366,ROW(INDEX(Jesper!AI$2:AI$366,ROUNDDOWN($C4892/24,0)+1,1))-1)+IF('Standard Profiles'!$G$19=$B$10,7,0)+IF('Standard Profiles'!$G$19=$B$17,14,0)+IF('Standard Profiles'!$G$19=$B$24,21,0),0)),0)</f>
        <v>2.6932980179247661</v>
      </c>
      <c r="F4892" cm="1">
        <f t="array" ref="F4892">IFERROR(INDEX(Jesper!AJ$2:AJ$366,ROUNDDOWN($C4892/24,0)+1,1)*INDEX($D$3:$AA$30,INDEX(Jesper!$R$2:$R$366,ROW(INDEX(Jesper!AJ$2:AJ$366,ROUNDDOWN($C4892/24,0)+1,1))-1)+IF('Standard Profiles'!$G$20=$B$10,7,0)+IF('Standard Profiles'!$G$20=$B$17,14,0)+IF('Standard Profiles'!$G$20=$B$24,21,0),MOD($C4892,24)+1)/SUM(INDEX($D$3:$AA$30,INDEX(Jesper!$R$2:$R$366,ROW(INDEX(Jesper!AJ$2:AJ$366,ROUNDDOWN($C4892/24,0)+1,1))-1)+IF('Standard Profiles'!$G$20=$B$10,7,0)+IF('Standard Profiles'!$G$20=$B$17,14,0)+IF('Standard Profiles'!$G$20=$B$24,21,0),0)),0)</f>
        <v>1.001598665892399</v>
      </c>
      <c r="G4892" cm="1">
        <f t="array" ref="G4892">IFERROR(INDEX(Jesper!AK$2:AK$366,ROUNDDOWN($C4892/24,0)+1,1)*INDEX($D$3:$AA$30,INDEX(Jesper!$R$2:$R$366,ROW(INDEX(Jesper!AK$2:AK$366,ROUNDDOWN($C4892/24,0)+1,1))-1)+IF('Standard Profiles'!$G$21=$B$10,7,0)+IF('Standard Profiles'!$G$21=$B$17,14,0)+IF('Standard Profiles'!$G$21=$B$24,21,0),MOD($C4892,24)+1)/SUM(INDEX($D$3:$AA$30,INDEX(Jesper!$R$2:$R$366,ROW(INDEX(Jesper!AK$2:AK$366,ROUNDDOWN($C4892/24,0)+1,1))-1)+IF('Standard Profiles'!$G$21=$B$10,7,0)+IF('Standard Profiles'!$G$21=$B$17,14,0)+IF('Standard Profiles'!$G$21=$B$24,21,0),0)),0)</f>
        <v>0.46240215223422948</v>
      </c>
      <c r="H4892" cm="1">
        <f t="array" ref="H4892">IFERROR(INDEX(Jesper!AL$2:AL$366,ROUNDDOWN($C4892/24,0)+1,1)*INDEX($D$3:$AA$30,INDEX(Jesper!$R$2:$R$366,ROW(INDEX(Jesper!AL$2:AL$366,ROUNDDOWN($C4892/24,0)+1,1))-1)+IF('Standard Profiles'!$G$22=$B$10,7,0)+IF('Standard Profiles'!$G$22=$B$17,14,0)+IF('Standard Profiles'!$G$22=$B$24,21,0),MOD($C4892,24)+1)/SUM(INDEX($D$3:$AA$30,INDEX(Jesper!$R$2:$R$366,ROW(INDEX(Jesper!AL$2:AL$366,ROUNDDOWN($C4892/24,0)+1,1))-1)+IF('Standard Profiles'!$G$22=$B$10,7,0)+IF('Standard Profiles'!$G$22=$B$17,14,0)+IF('Standard Profiles'!$G$22=$B$24,21,0),0)),0)</f>
        <v>0.1379290278602299</v>
      </c>
      <c r="I4892">
        <f t="shared" si="545"/>
        <v>0.13241186674582078</v>
      </c>
      <c r="J4892">
        <f t="shared" si="546"/>
        <v>3.8396202350148321</v>
      </c>
      <c r="K4892">
        <f t="shared" si="547"/>
        <v>0.21546384143398128</v>
      </c>
      <c r="L4892">
        <f t="shared" si="548"/>
        <v>0.10773192071699064</v>
      </c>
      <c r="M4892">
        <f t="shared" si="549"/>
        <v>0</v>
      </c>
      <c r="N4892" s="45">
        <f t="shared" si="550"/>
        <v>45129.416666654884</v>
      </c>
    </row>
    <row r="4893" spans="2:14" x14ac:dyDescent="0.25">
      <c r="B4893">
        <f t="shared" si="544"/>
        <v>6</v>
      </c>
      <c r="C4893" s="16">
        <v>4859</v>
      </c>
      <c r="D4893" cm="1">
        <f t="array" ref="D4893">IFERROR(INDEX(Jesper!AH$2:AH$366,ROUNDDOWN($C4893/24,0)+1,1)*INDEX($D$3:$AA$30,INDEX(Jesper!$R$2:$R$366,ROW(INDEX(Jesper!AH$2:AH$366,ROUNDDOWN($C4893/24,0)+1,1))-1)+IF('Standard Profiles'!$G$18=$B$10,7,0)+IF('Standard Profiles'!$G$18=$B$17,14,0)+IF('Standard Profiles'!$G$18=$B$24,21,0),MOD($C4893,24)+1)/SUM(INDEX($D$3:$AA$30,INDEX(Jesper!$R$2:$R$366,ROW(INDEX(Jesper!AH$2:AH$366,ROUNDDOWN($C4893/24,0)+1,1))-1)+IF('Standard Profiles'!$G$18=$B$10,7,0)+IF('Standard Profiles'!$G$18=$B$17,14,0)+IF('Standard Profiles'!$G$18=$B$24,21,0),0)),0)</f>
        <v>0</v>
      </c>
      <c r="E4893" cm="1">
        <f t="array" ref="E4893">IFERROR(INDEX(Jesper!AI$2:AI$366,ROUNDDOWN($C4893/24,0)+1,1)*INDEX($D$3:$AA$30,INDEX(Jesper!$R$2:$R$366,ROW(INDEX(Jesper!AI$2:AI$366,ROUNDDOWN($C4893/24,0)+1,1))-1)+IF('Standard Profiles'!$G$19=$B$10,7,0)+IF('Standard Profiles'!$G$19=$B$17,14,0)+IF('Standard Profiles'!$G$19=$B$24,21,0),MOD($C4893,24)+1)/SUM(INDEX($D$3:$AA$30,INDEX(Jesper!$R$2:$R$366,ROW(INDEX(Jesper!AI$2:AI$366,ROUNDDOWN($C4893/24,0)+1,1))-1)+IF('Standard Profiles'!$G$19=$B$10,7,0)+IF('Standard Profiles'!$G$19=$B$17,14,0)+IF('Standard Profiles'!$G$19=$B$24,21,0),0)),0)</f>
        <v>2.6932980179247661</v>
      </c>
      <c r="F4893" cm="1">
        <f t="array" ref="F4893">IFERROR(INDEX(Jesper!AJ$2:AJ$366,ROUNDDOWN($C4893/24,0)+1,1)*INDEX($D$3:$AA$30,INDEX(Jesper!$R$2:$R$366,ROW(INDEX(Jesper!AJ$2:AJ$366,ROUNDDOWN($C4893/24,0)+1,1))-1)+IF('Standard Profiles'!$G$20=$B$10,7,0)+IF('Standard Profiles'!$G$20=$B$17,14,0)+IF('Standard Profiles'!$G$20=$B$24,21,0),MOD($C4893,24)+1)/SUM(INDEX($D$3:$AA$30,INDEX(Jesper!$R$2:$R$366,ROW(INDEX(Jesper!AJ$2:AJ$366,ROUNDDOWN($C4893/24,0)+1,1))-1)+IF('Standard Profiles'!$G$20=$B$10,7,0)+IF('Standard Profiles'!$G$20=$B$17,14,0)+IF('Standard Profiles'!$G$20=$B$24,21,0),0)),0)</f>
        <v>1.001598665892399</v>
      </c>
      <c r="G4893" cm="1">
        <f t="array" ref="G4893">IFERROR(INDEX(Jesper!AK$2:AK$366,ROUNDDOWN($C4893/24,0)+1,1)*INDEX($D$3:$AA$30,INDEX(Jesper!$R$2:$R$366,ROW(INDEX(Jesper!AK$2:AK$366,ROUNDDOWN($C4893/24,0)+1,1))-1)+IF('Standard Profiles'!$G$21=$B$10,7,0)+IF('Standard Profiles'!$G$21=$B$17,14,0)+IF('Standard Profiles'!$G$21=$B$24,21,0),MOD($C4893,24)+1)/SUM(INDEX($D$3:$AA$30,INDEX(Jesper!$R$2:$R$366,ROW(INDEX(Jesper!AK$2:AK$366,ROUNDDOWN($C4893/24,0)+1,1))-1)+IF('Standard Profiles'!$G$21=$B$10,7,0)+IF('Standard Profiles'!$G$21=$B$17,14,0)+IF('Standard Profiles'!$G$21=$B$24,21,0),0)),0)</f>
        <v>0.46240215223422948</v>
      </c>
      <c r="H4893" cm="1">
        <f t="array" ref="H4893">IFERROR(INDEX(Jesper!AL$2:AL$366,ROUNDDOWN($C4893/24,0)+1,1)*INDEX($D$3:$AA$30,INDEX(Jesper!$R$2:$R$366,ROW(INDEX(Jesper!AL$2:AL$366,ROUNDDOWN($C4893/24,0)+1,1))-1)+IF('Standard Profiles'!$G$22=$B$10,7,0)+IF('Standard Profiles'!$G$22=$B$17,14,0)+IF('Standard Profiles'!$G$22=$B$24,21,0),MOD($C4893,24)+1)/SUM(INDEX($D$3:$AA$30,INDEX(Jesper!$R$2:$R$366,ROW(INDEX(Jesper!AL$2:AL$366,ROUNDDOWN($C4893/24,0)+1,1))-1)+IF('Standard Profiles'!$G$22=$B$10,7,0)+IF('Standard Profiles'!$G$22=$B$17,14,0)+IF('Standard Profiles'!$G$22=$B$24,21,0),0)),0)</f>
        <v>0.1379290278602299</v>
      </c>
      <c r="I4893">
        <f t="shared" si="545"/>
        <v>0.13241186674582078</v>
      </c>
      <c r="J4893">
        <f t="shared" si="546"/>
        <v>3.8396202350148321</v>
      </c>
      <c r="K4893">
        <f t="shared" si="547"/>
        <v>0.21546384143398128</v>
      </c>
      <c r="L4893">
        <f t="shared" si="548"/>
        <v>0.10773192071699064</v>
      </c>
      <c r="M4893">
        <f t="shared" si="549"/>
        <v>0</v>
      </c>
      <c r="N4893" s="45">
        <f t="shared" si="550"/>
        <v>45129.458333321549</v>
      </c>
    </row>
    <row r="4894" spans="2:14" x14ac:dyDescent="0.25">
      <c r="B4894">
        <f t="shared" si="544"/>
        <v>6</v>
      </c>
      <c r="C4894" s="16">
        <v>4860</v>
      </c>
      <c r="D4894" cm="1">
        <f t="array" ref="D4894">IFERROR(INDEX(Jesper!AH$2:AH$366,ROUNDDOWN($C4894/24,0)+1,1)*INDEX($D$3:$AA$30,INDEX(Jesper!$R$2:$R$366,ROW(INDEX(Jesper!AH$2:AH$366,ROUNDDOWN($C4894/24,0)+1,1))-1)+IF('Standard Profiles'!$G$18=$B$10,7,0)+IF('Standard Profiles'!$G$18=$B$17,14,0)+IF('Standard Profiles'!$G$18=$B$24,21,0),MOD($C4894,24)+1)/SUM(INDEX($D$3:$AA$30,INDEX(Jesper!$R$2:$R$366,ROW(INDEX(Jesper!AH$2:AH$366,ROUNDDOWN($C4894/24,0)+1,1))-1)+IF('Standard Profiles'!$G$18=$B$10,7,0)+IF('Standard Profiles'!$G$18=$B$17,14,0)+IF('Standard Profiles'!$G$18=$B$24,21,0),0)),0)</f>
        <v>0</v>
      </c>
      <c r="E4894" cm="1">
        <f t="array" ref="E4894">IFERROR(INDEX(Jesper!AI$2:AI$366,ROUNDDOWN($C4894/24,0)+1,1)*INDEX($D$3:$AA$30,INDEX(Jesper!$R$2:$R$366,ROW(INDEX(Jesper!AI$2:AI$366,ROUNDDOWN($C4894/24,0)+1,1))-1)+IF('Standard Profiles'!$G$19=$B$10,7,0)+IF('Standard Profiles'!$G$19=$B$17,14,0)+IF('Standard Profiles'!$G$19=$B$24,21,0),MOD($C4894,24)+1)/SUM(INDEX($D$3:$AA$30,INDEX(Jesper!$R$2:$R$366,ROW(INDEX(Jesper!AI$2:AI$366,ROUNDDOWN($C4894/24,0)+1,1))-1)+IF('Standard Profiles'!$G$19=$B$10,7,0)+IF('Standard Profiles'!$G$19=$B$17,14,0)+IF('Standard Profiles'!$G$19=$B$24,21,0),0)),0)</f>
        <v>2.6932980179247661</v>
      </c>
      <c r="F4894" cm="1">
        <f t="array" ref="F4894">IFERROR(INDEX(Jesper!AJ$2:AJ$366,ROUNDDOWN($C4894/24,0)+1,1)*INDEX($D$3:$AA$30,INDEX(Jesper!$R$2:$R$366,ROW(INDEX(Jesper!AJ$2:AJ$366,ROUNDDOWN($C4894/24,0)+1,1))-1)+IF('Standard Profiles'!$G$20=$B$10,7,0)+IF('Standard Profiles'!$G$20=$B$17,14,0)+IF('Standard Profiles'!$G$20=$B$24,21,0),MOD($C4894,24)+1)/SUM(INDEX($D$3:$AA$30,INDEX(Jesper!$R$2:$R$366,ROW(INDEX(Jesper!AJ$2:AJ$366,ROUNDDOWN($C4894/24,0)+1,1))-1)+IF('Standard Profiles'!$G$20=$B$10,7,0)+IF('Standard Profiles'!$G$20=$B$17,14,0)+IF('Standard Profiles'!$G$20=$B$24,21,0),0)),0)</f>
        <v>1.001598665892399</v>
      </c>
      <c r="G4894" cm="1">
        <f t="array" ref="G4894">IFERROR(INDEX(Jesper!AK$2:AK$366,ROUNDDOWN($C4894/24,0)+1,1)*INDEX($D$3:$AA$30,INDEX(Jesper!$R$2:$R$366,ROW(INDEX(Jesper!AK$2:AK$366,ROUNDDOWN($C4894/24,0)+1,1))-1)+IF('Standard Profiles'!$G$21=$B$10,7,0)+IF('Standard Profiles'!$G$21=$B$17,14,0)+IF('Standard Profiles'!$G$21=$B$24,21,0),MOD($C4894,24)+1)/SUM(INDEX($D$3:$AA$30,INDEX(Jesper!$R$2:$R$366,ROW(INDEX(Jesper!AK$2:AK$366,ROUNDDOWN($C4894/24,0)+1,1))-1)+IF('Standard Profiles'!$G$21=$B$10,7,0)+IF('Standard Profiles'!$G$21=$B$17,14,0)+IF('Standard Profiles'!$G$21=$B$24,21,0),0)),0)</f>
        <v>0.46240215223422948</v>
      </c>
      <c r="H4894" cm="1">
        <f t="array" ref="H4894">IFERROR(INDEX(Jesper!AL$2:AL$366,ROUNDDOWN($C4894/24,0)+1,1)*INDEX($D$3:$AA$30,INDEX(Jesper!$R$2:$R$366,ROW(INDEX(Jesper!AL$2:AL$366,ROUNDDOWN($C4894/24,0)+1,1))-1)+IF('Standard Profiles'!$G$22=$B$10,7,0)+IF('Standard Profiles'!$G$22=$B$17,14,0)+IF('Standard Profiles'!$G$22=$B$24,21,0),MOD($C4894,24)+1)/SUM(INDEX($D$3:$AA$30,INDEX(Jesper!$R$2:$R$366,ROW(INDEX(Jesper!AL$2:AL$366,ROUNDDOWN($C4894/24,0)+1,1))-1)+IF('Standard Profiles'!$G$22=$B$10,7,0)+IF('Standard Profiles'!$G$22=$B$17,14,0)+IF('Standard Profiles'!$G$22=$B$24,21,0),0)),0)</f>
        <v>0.1379290278602299</v>
      </c>
      <c r="I4894">
        <f t="shared" si="545"/>
        <v>0.13241186674582078</v>
      </c>
      <c r="J4894">
        <f t="shared" si="546"/>
        <v>3.8396202350148321</v>
      </c>
      <c r="K4894">
        <f t="shared" si="547"/>
        <v>0.21546384143398128</v>
      </c>
      <c r="L4894">
        <f t="shared" si="548"/>
        <v>0.10773192071699064</v>
      </c>
      <c r="M4894">
        <f t="shared" si="549"/>
        <v>0</v>
      </c>
      <c r="N4894" s="45">
        <f t="shared" si="550"/>
        <v>45129.499999988213</v>
      </c>
    </row>
    <row r="4895" spans="2:14" x14ac:dyDescent="0.25">
      <c r="B4895">
        <f t="shared" si="544"/>
        <v>6</v>
      </c>
      <c r="C4895" s="16">
        <v>4861</v>
      </c>
      <c r="D4895" cm="1">
        <f t="array" ref="D4895">IFERROR(INDEX(Jesper!AH$2:AH$366,ROUNDDOWN($C4895/24,0)+1,1)*INDEX($D$3:$AA$30,INDEX(Jesper!$R$2:$R$366,ROW(INDEX(Jesper!AH$2:AH$366,ROUNDDOWN($C4895/24,0)+1,1))-1)+IF('Standard Profiles'!$G$18=$B$10,7,0)+IF('Standard Profiles'!$G$18=$B$17,14,0)+IF('Standard Profiles'!$G$18=$B$24,21,0),MOD($C4895,24)+1)/SUM(INDEX($D$3:$AA$30,INDEX(Jesper!$R$2:$R$366,ROW(INDEX(Jesper!AH$2:AH$366,ROUNDDOWN($C4895/24,0)+1,1))-1)+IF('Standard Profiles'!$G$18=$B$10,7,0)+IF('Standard Profiles'!$G$18=$B$17,14,0)+IF('Standard Profiles'!$G$18=$B$24,21,0),0)),0)</f>
        <v>0</v>
      </c>
      <c r="E4895" cm="1">
        <f t="array" ref="E4895">IFERROR(INDEX(Jesper!AI$2:AI$366,ROUNDDOWN($C4895/24,0)+1,1)*INDEX($D$3:$AA$30,INDEX(Jesper!$R$2:$R$366,ROW(INDEX(Jesper!AI$2:AI$366,ROUNDDOWN($C4895/24,0)+1,1))-1)+IF('Standard Profiles'!$G$19=$B$10,7,0)+IF('Standard Profiles'!$G$19=$B$17,14,0)+IF('Standard Profiles'!$G$19=$B$24,21,0),MOD($C4895,24)+1)/SUM(INDEX($D$3:$AA$30,INDEX(Jesper!$R$2:$R$366,ROW(INDEX(Jesper!AI$2:AI$366,ROUNDDOWN($C4895/24,0)+1,1))-1)+IF('Standard Profiles'!$G$19=$B$10,7,0)+IF('Standard Profiles'!$G$19=$B$17,14,0)+IF('Standard Profiles'!$G$19=$B$24,21,0),0)),0)</f>
        <v>2.6932980179247661</v>
      </c>
      <c r="F4895" cm="1">
        <f t="array" ref="F4895">IFERROR(INDEX(Jesper!AJ$2:AJ$366,ROUNDDOWN($C4895/24,0)+1,1)*INDEX($D$3:$AA$30,INDEX(Jesper!$R$2:$R$366,ROW(INDEX(Jesper!AJ$2:AJ$366,ROUNDDOWN($C4895/24,0)+1,1))-1)+IF('Standard Profiles'!$G$20=$B$10,7,0)+IF('Standard Profiles'!$G$20=$B$17,14,0)+IF('Standard Profiles'!$G$20=$B$24,21,0),MOD($C4895,24)+1)/SUM(INDEX($D$3:$AA$30,INDEX(Jesper!$R$2:$R$366,ROW(INDEX(Jesper!AJ$2:AJ$366,ROUNDDOWN($C4895/24,0)+1,1))-1)+IF('Standard Profiles'!$G$20=$B$10,7,0)+IF('Standard Profiles'!$G$20=$B$17,14,0)+IF('Standard Profiles'!$G$20=$B$24,21,0),0)),0)</f>
        <v>1.001598665892399</v>
      </c>
      <c r="G4895" cm="1">
        <f t="array" ref="G4895">IFERROR(INDEX(Jesper!AK$2:AK$366,ROUNDDOWN($C4895/24,0)+1,1)*INDEX($D$3:$AA$30,INDEX(Jesper!$R$2:$R$366,ROW(INDEX(Jesper!AK$2:AK$366,ROUNDDOWN($C4895/24,0)+1,1))-1)+IF('Standard Profiles'!$G$21=$B$10,7,0)+IF('Standard Profiles'!$G$21=$B$17,14,0)+IF('Standard Profiles'!$G$21=$B$24,21,0),MOD($C4895,24)+1)/SUM(INDEX($D$3:$AA$30,INDEX(Jesper!$R$2:$R$366,ROW(INDEX(Jesper!AK$2:AK$366,ROUNDDOWN($C4895/24,0)+1,1))-1)+IF('Standard Profiles'!$G$21=$B$10,7,0)+IF('Standard Profiles'!$G$21=$B$17,14,0)+IF('Standard Profiles'!$G$21=$B$24,21,0),0)),0)</f>
        <v>0.46240215223422948</v>
      </c>
      <c r="H4895" cm="1">
        <f t="array" ref="H4895">IFERROR(INDEX(Jesper!AL$2:AL$366,ROUNDDOWN($C4895/24,0)+1,1)*INDEX($D$3:$AA$30,INDEX(Jesper!$R$2:$R$366,ROW(INDEX(Jesper!AL$2:AL$366,ROUNDDOWN($C4895/24,0)+1,1))-1)+IF('Standard Profiles'!$G$22=$B$10,7,0)+IF('Standard Profiles'!$G$22=$B$17,14,0)+IF('Standard Profiles'!$G$22=$B$24,21,0),MOD($C4895,24)+1)/SUM(INDEX($D$3:$AA$30,INDEX(Jesper!$R$2:$R$366,ROW(INDEX(Jesper!AL$2:AL$366,ROUNDDOWN($C4895/24,0)+1,1))-1)+IF('Standard Profiles'!$G$22=$B$10,7,0)+IF('Standard Profiles'!$G$22=$B$17,14,0)+IF('Standard Profiles'!$G$22=$B$24,21,0),0)),0)</f>
        <v>0.1379290278602299</v>
      </c>
      <c r="I4895">
        <f t="shared" si="545"/>
        <v>0.13241186674582078</v>
      </c>
      <c r="J4895">
        <f t="shared" si="546"/>
        <v>3.8396202350148321</v>
      </c>
      <c r="K4895">
        <f t="shared" si="547"/>
        <v>0.21546384143398128</v>
      </c>
      <c r="L4895">
        <f t="shared" si="548"/>
        <v>0.10773192071699064</v>
      </c>
      <c r="M4895">
        <f t="shared" si="549"/>
        <v>0</v>
      </c>
      <c r="N4895" s="45">
        <f t="shared" si="550"/>
        <v>45129.541666654877</v>
      </c>
    </row>
    <row r="4896" spans="2:14" x14ac:dyDescent="0.25">
      <c r="B4896">
        <f t="shared" si="544"/>
        <v>6</v>
      </c>
      <c r="C4896" s="16">
        <v>4862</v>
      </c>
      <c r="D4896" cm="1">
        <f t="array" ref="D4896">IFERROR(INDEX(Jesper!AH$2:AH$366,ROUNDDOWN($C4896/24,0)+1,1)*INDEX($D$3:$AA$30,INDEX(Jesper!$R$2:$R$366,ROW(INDEX(Jesper!AH$2:AH$366,ROUNDDOWN($C4896/24,0)+1,1))-1)+IF('Standard Profiles'!$G$18=$B$10,7,0)+IF('Standard Profiles'!$G$18=$B$17,14,0)+IF('Standard Profiles'!$G$18=$B$24,21,0),MOD($C4896,24)+1)/SUM(INDEX($D$3:$AA$30,INDEX(Jesper!$R$2:$R$366,ROW(INDEX(Jesper!AH$2:AH$366,ROUNDDOWN($C4896/24,0)+1,1))-1)+IF('Standard Profiles'!$G$18=$B$10,7,0)+IF('Standard Profiles'!$G$18=$B$17,14,0)+IF('Standard Profiles'!$G$18=$B$24,21,0),0)),0)</f>
        <v>0</v>
      </c>
      <c r="E4896" cm="1">
        <f t="array" ref="E4896">IFERROR(INDEX(Jesper!AI$2:AI$366,ROUNDDOWN($C4896/24,0)+1,1)*INDEX($D$3:$AA$30,INDEX(Jesper!$R$2:$R$366,ROW(INDEX(Jesper!AI$2:AI$366,ROUNDDOWN($C4896/24,0)+1,1))-1)+IF('Standard Profiles'!$G$19=$B$10,7,0)+IF('Standard Profiles'!$G$19=$B$17,14,0)+IF('Standard Profiles'!$G$19=$B$24,21,0),MOD($C4896,24)+1)/SUM(INDEX($D$3:$AA$30,INDEX(Jesper!$R$2:$R$366,ROW(INDEX(Jesper!AI$2:AI$366,ROUNDDOWN($C4896/24,0)+1,1))-1)+IF('Standard Profiles'!$G$19=$B$10,7,0)+IF('Standard Profiles'!$G$19=$B$17,14,0)+IF('Standard Profiles'!$G$19=$B$24,21,0),0)),0)</f>
        <v>2.6932980179247661</v>
      </c>
      <c r="F4896" cm="1">
        <f t="array" ref="F4896">IFERROR(INDEX(Jesper!AJ$2:AJ$366,ROUNDDOWN($C4896/24,0)+1,1)*INDEX($D$3:$AA$30,INDEX(Jesper!$R$2:$R$366,ROW(INDEX(Jesper!AJ$2:AJ$366,ROUNDDOWN($C4896/24,0)+1,1))-1)+IF('Standard Profiles'!$G$20=$B$10,7,0)+IF('Standard Profiles'!$G$20=$B$17,14,0)+IF('Standard Profiles'!$G$20=$B$24,21,0),MOD($C4896,24)+1)/SUM(INDEX($D$3:$AA$30,INDEX(Jesper!$R$2:$R$366,ROW(INDEX(Jesper!AJ$2:AJ$366,ROUNDDOWN($C4896/24,0)+1,1))-1)+IF('Standard Profiles'!$G$20=$B$10,7,0)+IF('Standard Profiles'!$G$20=$B$17,14,0)+IF('Standard Profiles'!$G$20=$B$24,21,0),0)),0)</f>
        <v>1.001598665892399</v>
      </c>
      <c r="G4896" cm="1">
        <f t="array" ref="G4896">IFERROR(INDEX(Jesper!AK$2:AK$366,ROUNDDOWN($C4896/24,0)+1,1)*INDEX($D$3:$AA$30,INDEX(Jesper!$R$2:$R$366,ROW(INDEX(Jesper!AK$2:AK$366,ROUNDDOWN($C4896/24,0)+1,1))-1)+IF('Standard Profiles'!$G$21=$B$10,7,0)+IF('Standard Profiles'!$G$21=$B$17,14,0)+IF('Standard Profiles'!$G$21=$B$24,21,0),MOD($C4896,24)+1)/SUM(INDEX($D$3:$AA$30,INDEX(Jesper!$R$2:$R$366,ROW(INDEX(Jesper!AK$2:AK$366,ROUNDDOWN($C4896/24,0)+1,1))-1)+IF('Standard Profiles'!$G$21=$B$10,7,0)+IF('Standard Profiles'!$G$21=$B$17,14,0)+IF('Standard Profiles'!$G$21=$B$24,21,0),0)),0)</f>
        <v>0.46240215223422948</v>
      </c>
      <c r="H4896" cm="1">
        <f t="array" ref="H4896">IFERROR(INDEX(Jesper!AL$2:AL$366,ROUNDDOWN($C4896/24,0)+1,1)*INDEX($D$3:$AA$30,INDEX(Jesper!$R$2:$R$366,ROW(INDEX(Jesper!AL$2:AL$366,ROUNDDOWN($C4896/24,0)+1,1))-1)+IF('Standard Profiles'!$G$22=$B$10,7,0)+IF('Standard Profiles'!$G$22=$B$17,14,0)+IF('Standard Profiles'!$G$22=$B$24,21,0),MOD($C4896,24)+1)/SUM(INDEX($D$3:$AA$30,INDEX(Jesper!$R$2:$R$366,ROW(INDEX(Jesper!AL$2:AL$366,ROUNDDOWN($C4896/24,0)+1,1))-1)+IF('Standard Profiles'!$G$22=$B$10,7,0)+IF('Standard Profiles'!$G$22=$B$17,14,0)+IF('Standard Profiles'!$G$22=$B$24,21,0),0)),0)</f>
        <v>0.1379290278602299</v>
      </c>
      <c r="I4896">
        <f t="shared" si="545"/>
        <v>0.13241186674582078</v>
      </c>
      <c r="J4896">
        <f t="shared" si="546"/>
        <v>3.8396202350148321</v>
      </c>
      <c r="K4896">
        <f t="shared" si="547"/>
        <v>0.21546384143398128</v>
      </c>
      <c r="L4896">
        <f t="shared" si="548"/>
        <v>0.10773192071699064</v>
      </c>
      <c r="M4896">
        <f t="shared" si="549"/>
        <v>0</v>
      </c>
      <c r="N4896" s="45">
        <f t="shared" si="550"/>
        <v>45129.583333321541</v>
      </c>
    </row>
    <row r="4897" spans="2:14" x14ac:dyDescent="0.25">
      <c r="B4897">
        <f t="shared" si="544"/>
        <v>6</v>
      </c>
      <c r="C4897" s="16">
        <v>4863</v>
      </c>
      <c r="D4897" cm="1">
        <f t="array" ref="D4897">IFERROR(INDEX(Jesper!AH$2:AH$366,ROUNDDOWN($C4897/24,0)+1,1)*INDEX($D$3:$AA$30,INDEX(Jesper!$R$2:$R$366,ROW(INDEX(Jesper!AH$2:AH$366,ROUNDDOWN($C4897/24,0)+1,1))-1)+IF('Standard Profiles'!$G$18=$B$10,7,0)+IF('Standard Profiles'!$G$18=$B$17,14,0)+IF('Standard Profiles'!$G$18=$B$24,21,0),MOD($C4897,24)+1)/SUM(INDEX($D$3:$AA$30,INDEX(Jesper!$R$2:$R$366,ROW(INDEX(Jesper!AH$2:AH$366,ROUNDDOWN($C4897/24,0)+1,1))-1)+IF('Standard Profiles'!$G$18=$B$10,7,0)+IF('Standard Profiles'!$G$18=$B$17,14,0)+IF('Standard Profiles'!$G$18=$B$24,21,0),0)),0)</f>
        <v>0</v>
      </c>
      <c r="E4897" cm="1">
        <f t="array" ref="E4897">IFERROR(INDEX(Jesper!AI$2:AI$366,ROUNDDOWN($C4897/24,0)+1,1)*INDEX($D$3:$AA$30,INDEX(Jesper!$R$2:$R$366,ROW(INDEX(Jesper!AI$2:AI$366,ROUNDDOWN($C4897/24,0)+1,1))-1)+IF('Standard Profiles'!$G$19=$B$10,7,0)+IF('Standard Profiles'!$G$19=$B$17,14,0)+IF('Standard Profiles'!$G$19=$B$24,21,0),MOD($C4897,24)+1)/SUM(INDEX($D$3:$AA$30,INDEX(Jesper!$R$2:$R$366,ROW(INDEX(Jesper!AI$2:AI$366,ROUNDDOWN($C4897/24,0)+1,1))-1)+IF('Standard Profiles'!$G$19=$B$10,7,0)+IF('Standard Profiles'!$G$19=$B$17,14,0)+IF('Standard Profiles'!$G$19=$B$24,21,0),0)),0)</f>
        <v>2.6932980179247661</v>
      </c>
      <c r="F4897" cm="1">
        <f t="array" ref="F4897">IFERROR(INDEX(Jesper!AJ$2:AJ$366,ROUNDDOWN($C4897/24,0)+1,1)*INDEX($D$3:$AA$30,INDEX(Jesper!$R$2:$R$366,ROW(INDEX(Jesper!AJ$2:AJ$366,ROUNDDOWN($C4897/24,0)+1,1))-1)+IF('Standard Profiles'!$G$20=$B$10,7,0)+IF('Standard Profiles'!$G$20=$B$17,14,0)+IF('Standard Profiles'!$G$20=$B$24,21,0),MOD($C4897,24)+1)/SUM(INDEX($D$3:$AA$30,INDEX(Jesper!$R$2:$R$366,ROW(INDEX(Jesper!AJ$2:AJ$366,ROUNDDOWN($C4897/24,0)+1,1))-1)+IF('Standard Profiles'!$G$20=$B$10,7,0)+IF('Standard Profiles'!$G$20=$B$17,14,0)+IF('Standard Profiles'!$G$20=$B$24,21,0),0)),0)</f>
        <v>1.001598665892399</v>
      </c>
      <c r="G4897" cm="1">
        <f t="array" ref="G4897">IFERROR(INDEX(Jesper!AK$2:AK$366,ROUNDDOWN($C4897/24,0)+1,1)*INDEX($D$3:$AA$30,INDEX(Jesper!$R$2:$R$366,ROW(INDEX(Jesper!AK$2:AK$366,ROUNDDOWN($C4897/24,0)+1,1))-1)+IF('Standard Profiles'!$G$21=$B$10,7,0)+IF('Standard Profiles'!$G$21=$B$17,14,0)+IF('Standard Profiles'!$G$21=$B$24,21,0),MOD($C4897,24)+1)/SUM(INDEX($D$3:$AA$30,INDEX(Jesper!$R$2:$R$366,ROW(INDEX(Jesper!AK$2:AK$366,ROUNDDOWN($C4897/24,0)+1,1))-1)+IF('Standard Profiles'!$G$21=$B$10,7,0)+IF('Standard Profiles'!$G$21=$B$17,14,0)+IF('Standard Profiles'!$G$21=$B$24,21,0),0)),0)</f>
        <v>0.46240215223422948</v>
      </c>
      <c r="H4897" cm="1">
        <f t="array" ref="H4897">IFERROR(INDEX(Jesper!AL$2:AL$366,ROUNDDOWN($C4897/24,0)+1,1)*INDEX($D$3:$AA$30,INDEX(Jesper!$R$2:$R$366,ROW(INDEX(Jesper!AL$2:AL$366,ROUNDDOWN($C4897/24,0)+1,1))-1)+IF('Standard Profiles'!$G$22=$B$10,7,0)+IF('Standard Profiles'!$G$22=$B$17,14,0)+IF('Standard Profiles'!$G$22=$B$24,21,0),MOD($C4897,24)+1)/SUM(INDEX($D$3:$AA$30,INDEX(Jesper!$R$2:$R$366,ROW(INDEX(Jesper!AL$2:AL$366,ROUNDDOWN($C4897/24,0)+1,1))-1)+IF('Standard Profiles'!$G$22=$B$10,7,0)+IF('Standard Profiles'!$G$22=$B$17,14,0)+IF('Standard Profiles'!$G$22=$B$24,21,0),0)),0)</f>
        <v>0.1247029566955503</v>
      </c>
      <c r="I4897">
        <f t="shared" si="545"/>
        <v>0.11971483842772836</v>
      </c>
      <c r="J4897">
        <f t="shared" si="546"/>
        <v>3.8390911921682447</v>
      </c>
      <c r="K4897">
        <f t="shared" si="547"/>
        <v>0.21546384143398128</v>
      </c>
      <c r="L4897">
        <f t="shared" si="548"/>
        <v>0.10773192071699064</v>
      </c>
      <c r="M4897">
        <f t="shared" si="549"/>
        <v>0</v>
      </c>
      <c r="N4897" s="45">
        <f t="shared" si="550"/>
        <v>45129.624999988206</v>
      </c>
    </row>
    <row r="4898" spans="2:14" x14ac:dyDescent="0.25">
      <c r="B4898">
        <f t="shared" si="544"/>
        <v>6</v>
      </c>
      <c r="C4898" s="16">
        <v>4864</v>
      </c>
      <c r="D4898" cm="1">
        <f t="array" ref="D4898">IFERROR(INDEX(Jesper!AH$2:AH$366,ROUNDDOWN($C4898/24,0)+1,1)*INDEX($D$3:$AA$30,INDEX(Jesper!$R$2:$R$366,ROW(INDEX(Jesper!AH$2:AH$366,ROUNDDOWN($C4898/24,0)+1,1))-1)+IF('Standard Profiles'!$G$18=$B$10,7,0)+IF('Standard Profiles'!$G$18=$B$17,14,0)+IF('Standard Profiles'!$G$18=$B$24,21,0),MOD($C4898,24)+1)/SUM(INDEX($D$3:$AA$30,INDEX(Jesper!$R$2:$R$366,ROW(INDEX(Jesper!AH$2:AH$366,ROUNDDOWN($C4898/24,0)+1,1))-1)+IF('Standard Profiles'!$G$18=$B$10,7,0)+IF('Standard Profiles'!$G$18=$B$17,14,0)+IF('Standard Profiles'!$G$18=$B$24,21,0),0)),0)</f>
        <v>0</v>
      </c>
      <c r="E4898" cm="1">
        <f t="array" ref="E4898">IFERROR(INDEX(Jesper!AI$2:AI$366,ROUNDDOWN($C4898/24,0)+1,1)*INDEX($D$3:$AA$30,INDEX(Jesper!$R$2:$R$366,ROW(INDEX(Jesper!AI$2:AI$366,ROUNDDOWN($C4898/24,0)+1,1))-1)+IF('Standard Profiles'!$G$19=$B$10,7,0)+IF('Standard Profiles'!$G$19=$B$17,14,0)+IF('Standard Profiles'!$G$19=$B$24,21,0),MOD($C4898,24)+1)/SUM(INDEX($D$3:$AA$30,INDEX(Jesper!$R$2:$R$366,ROW(INDEX(Jesper!AI$2:AI$366,ROUNDDOWN($C4898/24,0)+1,1))-1)+IF('Standard Profiles'!$G$19=$B$10,7,0)+IF('Standard Profiles'!$G$19=$B$17,14,0)+IF('Standard Profiles'!$G$19=$B$24,21,0),0)),0)</f>
        <v>2.6932980179247661</v>
      </c>
      <c r="F4898" cm="1">
        <f t="array" ref="F4898">IFERROR(INDEX(Jesper!AJ$2:AJ$366,ROUNDDOWN($C4898/24,0)+1,1)*INDEX($D$3:$AA$30,INDEX(Jesper!$R$2:$R$366,ROW(INDEX(Jesper!AJ$2:AJ$366,ROUNDDOWN($C4898/24,0)+1,1))-1)+IF('Standard Profiles'!$G$20=$B$10,7,0)+IF('Standard Profiles'!$G$20=$B$17,14,0)+IF('Standard Profiles'!$G$20=$B$24,21,0),MOD($C4898,24)+1)/SUM(INDEX($D$3:$AA$30,INDEX(Jesper!$R$2:$R$366,ROW(INDEX(Jesper!AJ$2:AJ$366,ROUNDDOWN($C4898/24,0)+1,1))-1)+IF('Standard Profiles'!$G$20=$B$10,7,0)+IF('Standard Profiles'!$G$20=$B$17,14,0)+IF('Standard Profiles'!$G$20=$B$24,21,0),0)),0)</f>
        <v>1.001598665892399</v>
      </c>
      <c r="G4898" cm="1">
        <f t="array" ref="G4898">IFERROR(INDEX(Jesper!AK$2:AK$366,ROUNDDOWN($C4898/24,0)+1,1)*INDEX($D$3:$AA$30,INDEX(Jesper!$R$2:$R$366,ROW(INDEX(Jesper!AK$2:AK$366,ROUNDDOWN($C4898/24,0)+1,1))-1)+IF('Standard Profiles'!$G$21=$B$10,7,0)+IF('Standard Profiles'!$G$21=$B$17,14,0)+IF('Standard Profiles'!$G$21=$B$24,21,0),MOD($C4898,24)+1)/SUM(INDEX($D$3:$AA$30,INDEX(Jesper!$R$2:$R$366,ROW(INDEX(Jesper!AK$2:AK$366,ROUNDDOWN($C4898/24,0)+1,1))-1)+IF('Standard Profiles'!$G$21=$B$10,7,0)+IF('Standard Profiles'!$G$21=$B$17,14,0)+IF('Standard Profiles'!$G$21=$B$24,21,0),0)),0)</f>
        <v>0.46240215223422948</v>
      </c>
      <c r="H4898" cm="1">
        <f t="array" ref="H4898">IFERROR(INDEX(Jesper!AL$2:AL$366,ROUNDDOWN($C4898/24,0)+1,1)*INDEX($D$3:$AA$30,INDEX(Jesper!$R$2:$R$366,ROW(INDEX(Jesper!AL$2:AL$366,ROUNDDOWN($C4898/24,0)+1,1))-1)+IF('Standard Profiles'!$G$22=$B$10,7,0)+IF('Standard Profiles'!$G$22=$B$17,14,0)+IF('Standard Profiles'!$G$22=$B$24,21,0),MOD($C4898,24)+1)/SUM(INDEX($D$3:$AA$30,INDEX(Jesper!$R$2:$R$366,ROW(INDEX(Jesper!AL$2:AL$366,ROUNDDOWN($C4898/24,0)+1,1))-1)+IF('Standard Profiles'!$G$22=$B$10,7,0)+IF('Standard Profiles'!$G$22=$B$17,14,0)+IF('Standard Profiles'!$G$22=$B$24,21,0),0)),0)</f>
        <v>0.11336632426868211</v>
      </c>
      <c r="I4898">
        <f t="shared" si="545"/>
        <v>0.10883167129793489</v>
      </c>
      <c r="J4898">
        <f t="shared" si="546"/>
        <v>3.8386377268711702</v>
      </c>
      <c r="K4898">
        <f t="shared" si="547"/>
        <v>0.21546384143398128</v>
      </c>
      <c r="L4898">
        <f t="shared" si="548"/>
        <v>0.10773192071699064</v>
      </c>
      <c r="M4898">
        <f t="shared" si="549"/>
        <v>0</v>
      </c>
      <c r="N4898" s="45">
        <f t="shared" si="550"/>
        <v>45129.66666665487</v>
      </c>
    </row>
    <row r="4899" spans="2:14" x14ac:dyDescent="0.25">
      <c r="B4899">
        <f t="shared" ref="B4899:B4962" si="551">WEEKDAY(N4899,2)</f>
        <v>6</v>
      </c>
      <c r="C4899" s="16">
        <v>4865</v>
      </c>
      <c r="D4899" cm="1">
        <f t="array" ref="D4899">IFERROR(INDEX(Jesper!AH$2:AH$366,ROUNDDOWN($C4899/24,0)+1,1)*INDEX($D$3:$AA$30,INDEX(Jesper!$R$2:$R$366,ROW(INDEX(Jesper!AH$2:AH$366,ROUNDDOWN($C4899/24,0)+1,1))-1)+IF('Standard Profiles'!$G$18=$B$10,7,0)+IF('Standard Profiles'!$G$18=$B$17,14,0)+IF('Standard Profiles'!$G$18=$B$24,21,0),MOD($C4899,24)+1)/SUM(INDEX($D$3:$AA$30,INDEX(Jesper!$R$2:$R$366,ROW(INDEX(Jesper!AH$2:AH$366,ROUNDDOWN($C4899/24,0)+1,1))-1)+IF('Standard Profiles'!$G$18=$B$10,7,0)+IF('Standard Profiles'!$G$18=$B$17,14,0)+IF('Standard Profiles'!$G$18=$B$24,21,0),0)),0)</f>
        <v>0</v>
      </c>
      <c r="E4899" cm="1">
        <f t="array" ref="E4899">IFERROR(INDEX(Jesper!AI$2:AI$366,ROUNDDOWN($C4899/24,0)+1,1)*INDEX($D$3:$AA$30,INDEX(Jesper!$R$2:$R$366,ROW(INDEX(Jesper!AI$2:AI$366,ROUNDDOWN($C4899/24,0)+1,1))-1)+IF('Standard Profiles'!$G$19=$B$10,7,0)+IF('Standard Profiles'!$G$19=$B$17,14,0)+IF('Standard Profiles'!$G$19=$B$24,21,0),MOD($C4899,24)+1)/SUM(INDEX($D$3:$AA$30,INDEX(Jesper!$R$2:$R$366,ROW(INDEX(Jesper!AI$2:AI$366,ROUNDDOWN($C4899/24,0)+1,1))-1)+IF('Standard Profiles'!$G$19=$B$10,7,0)+IF('Standard Profiles'!$G$19=$B$17,14,0)+IF('Standard Profiles'!$G$19=$B$24,21,0),0)),0)</f>
        <v>2.6932980179247661</v>
      </c>
      <c r="F4899" cm="1">
        <f t="array" ref="F4899">IFERROR(INDEX(Jesper!AJ$2:AJ$366,ROUNDDOWN($C4899/24,0)+1,1)*INDEX($D$3:$AA$30,INDEX(Jesper!$R$2:$R$366,ROW(INDEX(Jesper!AJ$2:AJ$366,ROUNDDOWN($C4899/24,0)+1,1))-1)+IF('Standard Profiles'!$G$20=$B$10,7,0)+IF('Standard Profiles'!$G$20=$B$17,14,0)+IF('Standard Profiles'!$G$20=$B$24,21,0),MOD($C4899,24)+1)/SUM(INDEX($D$3:$AA$30,INDEX(Jesper!$R$2:$R$366,ROW(INDEX(Jesper!AJ$2:AJ$366,ROUNDDOWN($C4899/24,0)+1,1))-1)+IF('Standard Profiles'!$G$20=$B$10,7,0)+IF('Standard Profiles'!$G$20=$B$17,14,0)+IF('Standard Profiles'!$G$20=$B$24,21,0),0)),0)</f>
        <v>1.001598665892399</v>
      </c>
      <c r="G4899" cm="1">
        <f t="array" ref="G4899">IFERROR(INDEX(Jesper!AK$2:AK$366,ROUNDDOWN($C4899/24,0)+1,1)*INDEX($D$3:$AA$30,INDEX(Jesper!$R$2:$R$366,ROW(INDEX(Jesper!AK$2:AK$366,ROUNDDOWN($C4899/24,0)+1,1))-1)+IF('Standard Profiles'!$G$21=$B$10,7,0)+IF('Standard Profiles'!$G$21=$B$17,14,0)+IF('Standard Profiles'!$G$21=$B$24,21,0),MOD($C4899,24)+1)/SUM(INDEX($D$3:$AA$30,INDEX(Jesper!$R$2:$R$366,ROW(INDEX(Jesper!AK$2:AK$366,ROUNDDOWN($C4899/24,0)+1,1))-1)+IF('Standard Profiles'!$G$21=$B$10,7,0)+IF('Standard Profiles'!$G$21=$B$17,14,0)+IF('Standard Profiles'!$G$21=$B$24,21,0),0)),0)</f>
        <v>0.46240215223422948</v>
      </c>
      <c r="H4899" cm="1">
        <f t="array" ref="H4899">IFERROR(INDEX(Jesper!AL$2:AL$366,ROUNDDOWN($C4899/24,0)+1,1)*INDEX($D$3:$AA$30,INDEX(Jesper!$R$2:$R$366,ROW(INDEX(Jesper!AL$2:AL$366,ROUNDDOWN($C4899/24,0)+1,1))-1)+IF('Standard Profiles'!$G$22=$B$10,7,0)+IF('Standard Profiles'!$G$22=$B$17,14,0)+IF('Standard Profiles'!$G$22=$B$24,21,0),MOD($C4899,24)+1)/SUM(INDEX($D$3:$AA$30,INDEX(Jesper!$R$2:$R$366,ROW(INDEX(Jesper!AL$2:AL$366,ROUNDDOWN($C4899/24,0)+1,1))-1)+IF('Standard Profiles'!$G$22=$B$10,7,0)+IF('Standard Profiles'!$G$22=$B$17,14,0)+IF('Standard Profiles'!$G$22=$B$24,21,0),0)),0)</f>
        <v>0.1020296918418139</v>
      </c>
      <c r="I4899">
        <f t="shared" ref="I4899:I4962" si="552">IF($B4899&lt;6,AC$37*$D4899+AC$38*$E4899+AC$39*$F4899+AC$40*$G4899,AC$46*$D4899+AC$47*$E4899+AC$48*$F4899+AC$49*$G4899+AC$50*$H4899)</f>
        <v>9.7948504168141395E-2</v>
      </c>
      <c r="J4899">
        <f t="shared" ref="J4899:J4962" si="553">IF($B4899&lt;6,AD$37*$D4899+AD$38*$E4899+AD$39*$F4899+AD$40*$G4899,AD$46*$D4899+AD$47*$E4899+AD$48*$F4899+AD$49*$G4899+AD$50*$H4899)</f>
        <v>3.8381842615740953</v>
      </c>
      <c r="K4899">
        <f t="shared" ref="K4899:K4962" si="554">IF($B4899&lt;6,AE$37*$D4899+AE$38*$E4899+AE$39*$F4899+AE$40*$G4899,AE$46*$D4899+AE$47*$E4899+AE$48*$F4899+AE$49*$G4899+AE$50*$H4899)</f>
        <v>0.21546384143398128</v>
      </c>
      <c r="L4899">
        <f t="shared" ref="L4899:L4962" si="555">IF($B4899&lt;6,AF$37*$D4899+AF$38*$E4899+AF$39*$F4899+AF$40*$G4899,AF$46*$D4899+AF$47*$E4899+AF$48*$F4899+AF$49*$G4899+AF$50*$H4899)</f>
        <v>0.10773192071699064</v>
      </c>
      <c r="M4899">
        <f t="shared" ref="M4899:M4962" si="556">IF($B4899&lt;6,AG$37*$D4899+AG$38*$E4899+AG$39*$F4899+AG$40*$G4899,AG$46*$D4899+AG$47*$E4899+AG$48*$F4899+AG$49*$G4899+AG$50*$H4899)</f>
        <v>0</v>
      </c>
      <c r="N4899" s="45">
        <f t="shared" si="550"/>
        <v>45129.708333321534</v>
      </c>
    </row>
    <row r="4900" spans="2:14" x14ac:dyDescent="0.25">
      <c r="B4900">
        <f t="shared" si="551"/>
        <v>6</v>
      </c>
      <c r="C4900" s="16">
        <v>4866</v>
      </c>
      <c r="D4900" cm="1">
        <f t="array" ref="D4900">IFERROR(INDEX(Jesper!AH$2:AH$366,ROUNDDOWN($C4900/24,0)+1,1)*INDEX($D$3:$AA$30,INDEX(Jesper!$R$2:$R$366,ROW(INDEX(Jesper!AH$2:AH$366,ROUNDDOWN($C4900/24,0)+1,1))-1)+IF('Standard Profiles'!$G$18=$B$10,7,0)+IF('Standard Profiles'!$G$18=$B$17,14,0)+IF('Standard Profiles'!$G$18=$B$24,21,0),MOD($C4900,24)+1)/SUM(INDEX($D$3:$AA$30,INDEX(Jesper!$R$2:$R$366,ROW(INDEX(Jesper!AH$2:AH$366,ROUNDDOWN($C4900/24,0)+1,1))-1)+IF('Standard Profiles'!$G$18=$B$10,7,0)+IF('Standard Profiles'!$G$18=$B$17,14,0)+IF('Standard Profiles'!$G$18=$B$24,21,0),0)),0)</f>
        <v>0</v>
      </c>
      <c r="E4900" cm="1">
        <f t="array" ref="E4900">IFERROR(INDEX(Jesper!AI$2:AI$366,ROUNDDOWN($C4900/24,0)+1,1)*INDEX($D$3:$AA$30,INDEX(Jesper!$R$2:$R$366,ROW(INDEX(Jesper!AI$2:AI$366,ROUNDDOWN($C4900/24,0)+1,1))-1)+IF('Standard Profiles'!$G$19=$B$10,7,0)+IF('Standard Profiles'!$G$19=$B$17,14,0)+IF('Standard Profiles'!$G$19=$B$24,21,0),MOD($C4900,24)+1)/SUM(INDEX($D$3:$AA$30,INDEX(Jesper!$R$2:$R$366,ROW(INDEX(Jesper!AI$2:AI$366,ROUNDDOWN($C4900/24,0)+1,1))-1)+IF('Standard Profiles'!$G$19=$B$10,7,0)+IF('Standard Profiles'!$G$19=$B$17,14,0)+IF('Standard Profiles'!$G$19=$B$24,21,0),0)),0)</f>
        <v>2.6932980179247661</v>
      </c>
      <c r="F4900" cm="1">
        <f t="array" ref="F4900">IFERROR(INDEX(Jesper!AJ$2:AJ$366,ROUNDDOWN($C4900/24,0)+1,1)*INDEX($D$3:$AA$30,INDEX(Jesper!$R$2:$R$366,ROW(INDEX(Jesper!AJ$2:AJ$366,ROUNDDOWN($C4900/24,0)+1,1))-1)+IF('Standard Profiles'!$G$20=$B$10,7,0)+IF('Standard Profiles'!$G$20=$B$17,14,0)+IF('Standard Profiles'!$G$20=$B$24,21,0),MOD($C4900,24)+1)/SUM(INDEX($D$3:$AA$30,INDEX(Jesper!$R$2:$R$366,ROW(INDEX(Jesper!AJ$2:AJ$366,ROUNDDOWN($C4900/24,0)+1,1))-1)+IF('Standard Profiles'!$G$20=$B$10,7,0)+IF('Standard Profiles'!$G$20=$B$17,14,0)+IF('Standard Profiles'!$G$20=$B$24,21,0),0)),0)</f>
        <v>1.001598665892399</v>
      </c>
      <c r="G4900" cm="1">
        <f t="array" ref="G4900">IFERROR(INDEX(Jesper!AK$2:AK$366,ROUNDDOWN($C4900/24,0)+1,1)*INDEX($D$3:$AA$30,INDEX(Jesper!$R$2:$R$366,ROW(INDEX(Jesper!AK$2:AK$366,ROUNDDOWN($C4900/24,0)+1,1))-1)+IF('Standard Profiles'!$G$21=$B$10,7,0)+IF('Standard Profiles'!$G$21=$B$17,14,0)+IF('Standard Profiles'!$G$21=$B$24,21,0),MOD($C4900,24)+1)/SUM(INDEX($D$3:$AA$30,INDEX(Jesper!$R$2:$R$366,ROW(INDEX(Jesper!AK$2:AK$366,ROUNDDOWN($C4900/24,0)+1,1))-1)+IF('Standard Profiles'!$G$21=$B$10,7,0)+IF('Standard Profiles'!$G$21=$B$17,14,0)+IF('Standard Profiles'!$G$21=$B$24,21,0),0)),0)</f>
        <v>0.46240215223422948</v>
      </c>
      <c r="H4900" cm="1">
        <f t="array" ref="H4900">IFERROR(INDEX(Jesper!AL$2:AL$366,ROUNDDOWN($C4900/24,0)+1,1)*INDEX($D$3:$AA$30,INDEX(Jesper!$R$2:$R$366,ROW(INDEX(Jesper!AL$2:AL$366,ROUNDDOWN($C4900/24,0)+1,1))-1)+IF('Standard Profiles'!$G$22=$B$10,7,0)+IF('Standard Profiles'!$G$22=$B$17,14,0)+IF('Standard Profiles'!$G$22=$B$24,21,0),MOD($C4900,24)+1)/SUM(INDEX($D$3:$AA$30,INDEX(Jesper!$R$2:$R$366,ROW(INDEX(Jesper!AL$2:AL$366,ROUNDDOWN($C4900/24,0)+1,1))-1)+IF('Standard Profiles'!$G$22=$B$10,7,0)+IF('Standard Profiles'!$G$22=$B$17,14,0)+IF('Standard Profiles'!$G$22=$B$24,21,0),0)),0)</f>
        <v>9.8250814366191153E-2</v>
      </c>
      <c r="I4900">
        <f t="shared" si="552"/>
        <v>9.4320781791543559E-2</v>
      </c>
      <c r="J4900">
        <f t="shared" si="553"/>
        <v>3.8380331064750703</v>
      </c>
      <c r="K4900">
        <f t="shared" si="554"/>
        <v>0.21546384143398128</v>
      </c>
      <c r="L4900">
        <f t="shared" si="555"/>
        <v>0.10773192071699064</v>
      </c>
      <c r="M4900">
        <f t="shared" si="556"/>
        <v>0</v>
      </c>
      <c r="N4900" s="45">
        <f t="shared" ref="N4900:N4963" si="557">N4899+1/24</f>
        <v>45129.749999988198</v>
      </c>
    </row>
    <row r="4901" spans="2:14" x14ac:dyDescent="0.25">
      <c r="B4901">
        <f t="shared" si="551"/>
        <v>6</v>
      </c>
      <c r="C4901" s="16">
        <v>4867</v>
      </c>
      <c r="D4901" cm="1">
        <f t="array" ref="D4901">IFERROR(INDEX(Jesper!AH$2:AH$366,ROUNDDOWN($C4901/24,0)+1,1)*INDEX($D$3:$AA$30,INDEX(Jesper!$R$2:$R$366,ROW(INDEX(Jesper!AH$2:AH$366,ROUNDDOWN($C4901/24,0)+1,1))-1)+IF('Standard Profiles'!$G$18=$B$10,7,0)+IF('Standard Profiles'!$G$18=$B$17,14,0)+IF('Standard Profiles'!$G$18=$B$24,21,0),MOD($C4901,24)+1)/SUM(INDEX($D$3:$AA$30,INDEX(Jesper!$R$2:$R$366,ROW(INDEX(Jesper!AH$2:AH$366,ROUNDDOWN($C4901/24,0)+1,1))-1)+IF('Standard Profiles'!$G$18=$B$10,7,0)+IF('Standard Profiles'!$G$18=$B$17,14,0)+IF('Standard Profiles'!$G$18=$B$24,21,0),0)),0)</f>
        <v>0</v>
      </c>
      <c r="E4901" cm="1">
        <f t="array" ref="E4901">IFERROR(INDEX(Jesper!AI$2:AI$366,ROUNDDOWN($C4901/24,0)+1,1)*INDEX($D$3:$AA$30,INDEX(Jesper!$R$2:$R$366,ROW(INDEX(Jesper!AI$2:AI$366,ROUNDDOWN($C4901/24,0)+1,1))-1)+IF('Standard Profiles'!$G$19=$B$10,7,0)+IF('Standard Profiles'!$G$19=$B$17,14,0)+IF('Standard Profiles'!$G$19=$B$24,21,0),MOD($C4901,24)+1)/SUM(INDEX($D$3:$AA$30,INDEX(Jesper!$R$2:$R$366,ROW(INDEX(Jesper!AI$2:AI$366,ROUNDDOWN($C4901/24,0)+1,1))-1)+IF('Standard Profiles'!$G$19=$B$10,7,0)+IF('Standard Profiles'!$G$19=$B$17,14,0)+IF('Standard Profiles'!$G$19=$B$24,21,0),0)),0)</f>
        <v>2.6932980179247661</v>
      </c>
      <c r="F4901" cm="1">
        <f t="array" ref="F4901">IFERROR(INDEX(Jesper!AJ$2:AJ$366,ROUNDDOWN($C4901/24,0)+1,1)*INDEX($D$3:$AA$30,INDEX(Jesper!$R$2:$R$366,ROW(INDEX(Jesper!AJ$2:AJ$366,ROUNDDOWN($C4901/24,0)+1,1))-1)+IF('Standard Profiles'!$G$20=$B$10,7,0)+IF('Standard Profiles'!$G$20=$B$17,14,0)+IF('Standard Profiles'!$G$20=$B$24,21,0),MOD($C4901,24)+1)/SUM(INDEX($D$3:$AA$30,INDEX(Jesper!$R$2:$R$366,ROW(INDEX(Jesper!AJ$2:AJ$366,ROUNDDOWN($C4901/24,0)+1,1))-1)+IF('Standard Profiles'!$G$20=$B$10,7,0)+IF('Standard Profiles'!$G$20=$B$17,14,0)+IF('Standard Profiles'!$G$20=$B$24,21,0),0)),0)</f>
        <v>1.001598665892399</v>
      </c>
      <c r="G4901" cm="1">
        <f t="array" ref="G4901">IFERROR(INDEX(Jesper!AK$2:AK$366,ROUNDDOWN($C4901/24,0)+1,1)*INDEX($D$3:$AA$30,INDEX(Jesper!$R$2:$R$366,ROW(INDEX(Jesper!AK$2:AK$366,ROUNDDOWN($C4901/24,0)+1,1))-1)+IF('Standard Profiles'!$G$21=$B$10,7,0)+IF('Standard Profiles'!$G$21=$B$17,14,0)+IF('Standard Profiles'!$G$21=$B$24,21,0),MOD($C4901,24)+1)/SUM(INDEX($D$3:$AA$30,INDEX(Jesper!$R$2:$R$366,ROW(INDEX(Jesper!AK$2:AK$366,ROUNDDOWN($C4901/24,0)+1,1))-1)+IF('Standard Profiles'!$G$21=$B$10,7,0)+IF('Standard Profiles'!$G$21=$B$17,14,0)+IF('Standard Profiles'!$G$21=$B$24,21,0),0)),0)</f>
        <v>0.46240215223422948</v>
      </c>
      <c r="H4901" cm="1">
        <f t="array" ref="H4901">IFERROR(INDEX(Jesper!AL$2:AL$366,ROUNDDOWN($C4901/24,0)+1,1)*INDEX($D$3:$AA$30,INDEX(Jesper!$R$2:$R$366,ROW(INDEX(Jesper!AL$2:AL$366,ROUNDDOWN($C4901/24,0)+1,1))-1)+IF('Standard Profiles'!$G$22=$B$10,7,0)+IF('Standard Profiles'!$G$22=$B$17,14,0)+IF('Standard Profiles'!$G$22=$B$24,21,0),MOD($C4901,24)+1)/SUM(INDEX($D$3:$AA$30,INDEX(Jesper!$R$2:$R$366,ROW(INDEX(Jesper!AL$2:AL$366,ROUNDDOWN($C4901/24,0)+1,1))-1)+IF('Standard Profiles'!$G$22=$B$10,7,0)+IF('Standard Profiles'!$G$22=$B$17,14,0)+IF('Standard Profiles'!$G$22=$B$24,21,0),0)),0)</f>
        <v>7.9356426988077461E-2</v>
      </c>
      <c r="I4901">
        <f t="shared" si="552"/>
        <v>7.6182169908554406E-2</v>
      </c>
      <c r="J4901">
        <f t="shared" si="553"/>
        <v>3.8372773309799459</v>
      </c>
      <c r="K4901">
        <f t="shared" si="554"/>
        <v>0.21546384143398128</v>
      </c>
      <c r="L4901">
        <f t="shared" si="555"/>
        <v>0.10773192071699064</v>
      </c>
      <c r="M4901">
        <f t="shared" si="556"/>
        <v>0</v>
      </c>
      <c r="N4901" s="45">
        <f t="shared" si="557"/>
        <v>45129.791666654863</v>
      </c>
    </row>
    <row r="4902" spans="2:14" x14ac:dyDescent="0.25">
      <c r="B4902">
        <f t="shared" si="551"/>
        <v>6</v>
      </c>
      <c r="C4902" s="16">
        <v>4868</v>
      </c>
      <c r="D4902" cm="1">
        <f t="array" ref="D4902">IFERROR(INDEX(Jesper!AH$2:AH$366,ROUNDDOWN($C4902/24,0)+1,1)*INDEX($D$3:$AA$30,INDEX(Jesper!$R$2:$R$366,ROW(INDEX(Jesper!AH$2:AH$366,ROUNDDOWN($C4902/24,0)+1,1))-1)+IF('Standard Profiles'!$G$18=$B$10,7,0)+IF('Standard Profiles'!$G$18=$B$17,14,0)+IF('Standard Profiles'!$G$18=$B$24,21,0),MOD($C4902,24)+1)/SUM(INDEX($D$3:$AA$30,INDEX(Jesper!$R$2:$R$366,ROW(INDEX(Jesper!AH$2:AH$366,ROUNDDOWN($C4902/24,0)+1,1))-1)+IF('Standard Profiles'!$G$18=$B$10,7,0)+IF('Standard Profiles'!$G$18=$B$17,14,0)+IF('Standard Profiles'!$G$18=$B$24,21,0),0)),0)</f>
        <v>0</v>
      </c>
      <c r="E4902" cm="1">
        <f t="array" ref="E4902">IFERROR(INDEX(Jesper!AI$2:AI$366,ROUNDDOWN($C4902/24,0)+1,1)*INDEX($D$3:$AA$30,INDEX(Jesper!$R$2:$R$366,ROW(INDEX(Jesper!AI$2:AI$366,ROUNDDOWN($C4902/24,0)+1,1))-1)+IF('Standard Profiles'!$G$19=$B$10,7,0)+IF('Standard Profiles'!$G$19=$B$17,14,0)+IF('Standard Profiles'!$G$19=$B$24,21,0),MOD($C4902,24)+1)/SUM(INDEX($D$3:$AA$30,INDEX(Jesper!$R$2:$R$366,ROW(INDEX(Jesper!AI$2:AI$366,ROUNDDOWN($C4902/24,0)+1,1))-1)+IF('Standard Profiles'!$G$19=$B$10,7,0)+IF('Standard Profiles'!$G$19=$B$17,14,0)+IF('Standard Profiles'!$G$19=$B$24,21,0),0)),0)</f>
        <v>2.6932980179247661</v>
      </c>
      <c r="F4902" cm="1">
        <f t="array" ref="F4902">IFERROR(INDEX(Jesper!AJ$2:AJ$366,ROUNDDOWN($C4902/24,0)+1,1)*INDEX($D$3:$AA$30,INDEX(Jesper!$R$2:$R$366,ROW(INDEX(Jesper!AJ$2:AJ$366,ROUNDDOWN($C4902/24,0)+1,1))-1)+IF('Standard Profiles'!$G$20=$B$10,7,0)+IF('Standard Profiles'!$G$20=$B$17,14,0)+IF('Standard Profiles'!$G$20=$B$24,21,0),MOD($C4902,24)+1)/SUM(INDEX($D$3:$AA$30,INDEX(Jesper!$R$2:$R$366,ROW(INDEX(Jesper!AJ$2:AJ$366,ROUNDDOWN($C4902/24,0)+1,1))-1)+IF('Standard Profiles'!$G$20=$B$10,7,0)+IF('Standard Profiles'!$G$20=$B$17,14,0)+IF('Standard Profiles'!$G$20=$B$24,21,0),0)),0)</f>
        <v>1.001598665892399</v>
      </c>
      <c r="G4902" cm="1">
        <f t="array" ref="G4902">IFERROR(INDEX(Jesper!AK$2:AK$366,ROUNDDOWN($C4902/24,0)+1,1)*INDEX($D$3:$AA$30,INDEX(Jesper!$R$2:$R$366,ROW(INDEX(Jesper!AK$2:AK$366,ROUNDDOWN($C4902/24,0)+1,1))-1)+IF('Standard Profiles'!$G$21=$B$10,7,0)+IF('Standard Profiles'!$G$21=$B$17,14,0)+IF('Standard Profiles'!$G$21=$B$24,21,0),MOD($C4902,24)+1)/SUM(INDEX($D$3:$AA$30,INDEX(Jesper!$R$2:$R$366,ROW(INDEX(Jesper!AK$2:AK$366,ROUNDDOWN($C4902/24,0)+1,1))-1)+IF('Standard Profiles'!$G$21=$B$10,7,0)+IF('Standard Profiles'!$G$21=$B$17,14,0)+IF('Standard Profiles'!$G$21=$B$24,21,0),0)),0)</f>
        <v>0.46240215223422948</v>
      </c>
      <c r="H4902" cm="1">
        <f t="array" ref="H4902">IFERROR(INDEX(Jesper!AL$2:AL$366,ROUNDDOWN($C4902/24,0)+1,1)*INDEX($D$3:$AA$30,INDEX(Jesper!$R$2:$R$366,ROW(INDEX(Jesper!AL$2:AL$366,ROUNDDOWN($C4902/24,0)+1,1))-1)+IF('Standard Profiles'!$G$22=$B$10,7,0)+IF('Standard Profiles'!$G$22=$B$17,14,0)+IF('Standard Profiles'!$G$22=$B$24,21,0),MOD($C4902,24)+1)/SUM(INDEX($D$3:$AA$30,INDEX(Jesper!$R$2:$R$366,ROW(INDEX(Jesper!AL$2:AL$366,ROUNDDOWN($C4902/24,0)+1,1))-1)+IF('Standard Profiles'!$G$22=$B$10,7,0)+IF('Standard Profiles'!$G$22=$B$17,14,0)+IF('Standard Profiles'!$G$22=$B$24,21,0),0)),0)</f>
        <v>5.8572600872152422E-2</v>
      </c>
      <c r="I4902">
        <f t="shared" si="552"/>
        <v>5.6229696837266356E-2</v>
      </c>
      <c r="J4902">
        <f t="shared" si="553"/>
        <v>3.8364459779353091</v>
      </c>
      <c r="K4902">
        <f t="shared" si="554"/>
        <v>0.21546384143398128</v>
      </c>
      <c r="L4902">
        <f t="shared" si="555"/>
        <v>0.10773192071699064</v>
      </c>
      <c r="M4902">
        <f t="shared" si="556"/>
        <v>0</v>
      </c>
      <c r="N4902" s="45">
        <f t="shared" si="557"/>
        <v>45129.833333321527</v>
      </c>
    </row>
    <row r="4903" spans="2:14" x14ac:dyDescent="0.25">
      <c r="B4903">
        <f t="shared" si="551"/>
        <v>6</v>
      </c>
      <c r="C4903" s="16">
        <v>4869</v>
      </c>
      <c r="D4903" cm="1">
        <f t="array" ref="D4903">IFERROR(INDEX(Jesper!AH$2:AH$366,ROUNDDOWN($C4903/24,0)+1,1)*INDEX($D$3:$AA$30,INDEX(Jesper!$R$2:$R$366,ROW(INDEX(Jesper!AH$2:AH$366,ROUNDDOWN($C4903/24,0)+1,1))-1)+IF('Standard Profiles'!$G$18=$B$10,7,0)+IF('Standard Profiles'!$G$18=$B$17,14,0)+IF('Standard Profiles'!$G$18=$B$24,21,0),MOD($C4903,24)+1)/SUM(INDEX($D$3:$AA$30,INDEX(Jesper!$R$2:$R$366,ROW(INDEX(Jesper!AH$2:AH$366,ROUNDDOWN($C4903/24,0)+1,1))-1)+IF('Standard Profiles'!$G$18=$B$10,7,0)+IF('Standard Profiles'!$G$18=$B$17,14,0)+IF('Standard Profiles'!$G$18=$B$24,21,0),0)),0)</f>
        <v>0</v>
      </c>
      <c r="E4903" cm="1">
        <f t="array" ref="E4903">IFERROR(INDEX(Jesper!AI$2:AI$366,ROUNDDOWN($C4903/24,0)+1,1)*INDEX($D$3:$AA$30,INDEX(Jesper!$R$2:$R$366,ROW(INDEX(Jesper!AI$2:AI$366,ROUNDDOWN($C4903/24,0)+1,1))-1)+IF('Standard Profiles'!$G$19=$B$10,7,0)+IF('Standard Profiles'!$G$19=$B$17,14,0)+IF('Standard Profiles'!$G$19=$B$24,21,0),MOD($C4903,24)+1)/SUM(INDEX($D$3:$AA$30,INDEX(Jesper!$R$2:$R$366,ROW(INDEX(Jesper!AI$2:AI$366,ROUNDDOWN($C4903/24,0)+1,1))-1)+IF('Standard Profiles'!$G$19=$B$10,7,0)+IF('Standard Profiles'!$G$19=$B$17,14,0)+IF('Standard Profiles'!$G$19=$B$24,21,0),0)),0)</f>
        <v>2.6932980179247661</v>
      </c>
      <c r="F4903" cm="1">
        <f t="array" ref="F4903">IFERROR(INDEX(Jesper!AJ$2:AJ$366,ROUNDDOWN($C4903/24,0)+1,1)*INDEX($D$3:$AA$30,INDEX(Jesper!$R$2:$R$366,ROW(INDEX(Jesper!AJ$2:AJ$366,ROUNDDOWN($C4903/24,0)+1,1))-1)+IF('Standard Profiles'!$G$20=$B$10,7,0)+IF('Standard Profiles'!$G$20=$B$17,14,0)+IF('Standard Profiles'!$G$20=$B$24,21,0),MOD($C4903,24)+1)/SUM(INDEX($D$3:$AA$30,INDEX(Jesper!$R$2:$R$366,ROW(INDEX(Jesper!AJ$2:AJ$366,ROUNDDOWN($C4903/24,0)+1,1))-1)+IF('Standard Profiles'!$G$20=$B$10,7,0)+IF('Standard Profiles'!$G$20=$B$17,14,0)+IF('Standard Profiles'!$G$20=$B$24,21,0),0)),0)</f>
        <v>1.001598665892399</v>
      </c>
      <c r="G4903" cm="1">
        <f t="array" ref="G4903">IFERROR(INDEX(Jesper!AK$2:AK$366,ROUNDDOWN($C4903/24,0)+1,1)*INDEX($D$3:$AA$30,INDEX(Jesper!$R$2:$R$366,ROW(INDEX(Jesper!AK$2:AK$366,ROUNDDOWN($C4903/24,0)+1,1))-1)+IF('Standard Profiles'!$G$21=$B$10,7,0)+IF('Standard Profiles'!$G$21=$B$17,14,0)+IF('Standard Profiles'!$G$21=$B$24,21,0),MOD($C4903,24)+1)/SUM(INDEX($D$3:$AA$30,INDEX(Jesper!$R$2:$R$366,ROW(INDEX(Jesper!AK$2:AK$366,ROUNDDOWN($C4903/24,0)+1,1))-1)+IF('Standard Profiles'!$G$21=$B$10,7,0)+IF('Standard Profiles'!$G$21=$B$17,14,0)+IF('Standard Profiles'!$G$21=$B$24,21,0),0)),0)</f>
        <v>0.46240215223422948</v>
      </c>
      <c r="H4903" cm="1">
        <f t="array" ref="H4903">IFERROR(INDEX(Jesper!AL$2:AL$366,ROUNDDOWN($C4903/24,0)+1,1)*INDEX($D$3:$AA$30,INDEX(Jesper!$R$2:$R$366,ROW(INDEX(Jesper!AL$2:AL$366,ROUNDDOWN($C4903/24,0)+1,1))-1)+IF('Standard Profiles'!$G$22=$B$10,7,0)+IF('Standard Profiles'!$G$22=$B$17,14,0)+IF('Standard Profiles'!$G$22=$B$24,21,0),MOD($C4903,24)+1)/SUM(INDEX($D$3:$AA$30,INDEX(Jesper!$R$2:$R$366,ROW(INDEX(Jesper!AL$2:AL$366,ROUNDDOWN($C4903/24,0)+1,1))-1)+IF('Standard Profiles'!$G$22=$B$10,7,0)+IF('Standard Profiles'!$G$22=$B$17,14,0)+IF('Standard Profiles'!$G$22=$B$24,21,0),0)),0)</f>
        <v>5.8572600872152422E-2</v>
      </c>
      <c r="I4903">
        <f t="shared" si="552"/>
        <v>5.6229696837266356E-2</v>
      </c>
      <c r="J4903">
        <f t="shared" si="553"/>
        <v>3.8364459779353091</v>
      </c>
      <c r="K4903">
        <f t="shared" si="554"/>
        <v>0.21546384143398128</v>
      </c>
      <c r="L4903">
        <f t="shared" si="555"/>
        <v>0.10773192071699064</v>
      </c>
      <c r="M4903">
        <f t="shared" si="556"/>
        <v>0</v>
      </c>
      <c r="N4903" s="45">
        <f t="shared" si="557"/>
        <v>45129.874999988191</v>
      </c>
    </row>
    <row r="4904" spans="2:14" x14ac:dyDescent="0.25">
      <c r="B4904">
        <f t="shared" si="551"/>
        <v>6</v>
      </c>
      <c r="C4904" s="16">
        <v>4870</v>
      </c>
      <c r="D4904" cm="1">
        <f t="array" ref="D4904">IFERROR(INDEX(Jesper!AH$2:AH$366,ROUNDDOWN($C4904/24,0)+1,1)*INDEX($D$3:$AA$30,INDEX(Jesper!$R$2:$R$366,ROW(INDEX(Jesper!AH$2:AH$366,ROUNDDOWN($C4904/24,0)+1,1))-1)+IF('Standard Profiles'!$G$18=$B$10,7,0)+IF('Standard Profiles'!$G$18=$B$17,14,0)+IF('Standard Profiles'!$G$18=$B$24,21,0),MOD($C4904,24)+1)/SUM(INDEX($D$3:$AA$30,INDEX(Jesper!$R$2:$R$366,ROW(INDEX(Jesper!AH$2:AH$366,ROUNDDOWN($C4904/24,0)+1,1))-1)+IF('Standard Profiles'!$G$18=$B$10,7,0)+IF('Standard Profiles'!$G$18=$B$17,14,0)+IF('Standard Profiles'!$G$18=$B$24,21,0),0)),0)</f>
        <v>0</v>
      </c>
      <c r="E4904" cm="1">
        <f t="array" ref="E4904">IFERROR(INDEX(Jesper!AI$2:AI$366,ROUNDDOWN($C4904/24,0)+1,1)*INDEX($D$3:$AA$30,INDEX(Jesper!$R$2:$R$366,ROW(INDEX(Jesper!AI$2:AI$366,ROUNDDOWN($C4904/24,0)+1,1))-1)+IF('Standard Profiles'!$G$19=$B$10,7,0)+IF('Standard Profiles'!$G$19=$B$17,14,0)+IF('Standard Profiles'!$G$19=$B$24,21,0),MOD($C4904,24)+1)/SUM(INDEX($D$3:$AA$30,INDEX(Jesper!$R$2:$R$366,ROW(INDEX(Jesper!AI$2:AI$366,ROUNDDOWN($C4904/24,0)+1,1))-1)+IF('Standard Profiles'!$G$19=$B$10,7,0)+IF('Standard Profiles'!$G$19=$B$17,14,0)+IF('Standard Profiles'!$G$19=$B$24,21,0),0)),0)</f>
        <v>2.6932980179247661</v>
      </c>
      <c r="F4904" cm="1">
        <f t="array" ref="F4904">IFERROR(INDEX(Jesper!AJ$2:AJ$366,ROUNDDOWN($C4904/24,0)+1,1)*INDEX($D$3:$AA$30,INDEX(Jesper!$R$2:$R$366,ROW(INDEX(Jesper!AJ$2:AJ$366,ROUNDDOWN($C4904/24,0)+1,1))-1)+IF('Standard Profiles'!$G$20=$B$10,7,0)+IF('Standard Profiles'!$G$20=$B$17,14,0)+IF('Standard Profiles'!$G$20=$B$24,21,0),MOD($C4904,24)+1)/SUM(INDEX($D$3:$AA$30,INDEX(Jesper!$R$2:$R$366,ROW(INDEX(Jesper!AJ$2:AJ$366,ROUNDDOWN($C4904/24,0)+1,1))-1)+IF('Standard Profiles'!$G$20=$B$10,7,0)+IF('Standard Profiles'!$G$20=$B$17,14,0)+IF('Standard Profiles'!$G$20=$B$24,21,0),0)),0)</f>
        <v>1.001598665892399</v>
      </c>
      <c r="G4904" cm="1">
        <f t="array" ref="G4904">IFERROR(INDEX(Jesper!AK$2:AK$366,ROUNDDOWN($C4904/24,0)+1,1)*INDEX($D$3:$AA$30,INDEX(Jesper!$R$2:$R$366,ROW(INDEX(Jesper!AK$2:AK$366,ROUNDDOWN($C4904/24,0)+1,1))-1)+IF('Standard Profiles'!$G$21=$B$10,7,0)+IF('Standard Profiles'!$G$21=$B$17,14,0)+IF('Standard Profiles'!$G$21=$B$24,21,0),MOD($C4904,24)+1)/SUM(INDEX($D$3:$AA$30,INDEX(Jesper!$R$2:$R$366,ROW(INDEX(Jesper!AK$2:AK$366,ROUNDDOWN($C4904/24,0)+1,1))-1)+IF('Standard Profiles'!$G$21=$B$10,7,0)+IF('Standard Profiles'!$G$21=$B$17,14,0)+IF('Standard Profiles'!$G$21=$B$24,21,0),0)),0)</f>
        <v>0.46240215223422948</v>
      </c>
      <c r="H4904" cm="1">
        <f t="array" ref="H4904">IFERROR(INDEX(Jesper!AL$2:AL$366,ROUNDDOWN($C4904/24,0)+1,1)*INDEX($D$3:$AA$30,INDEX(Jesper!$R$2:$R$366,ROW(INDEX(Jesper!AL$2:AL$366,ROUNDDOWN($C4904/24,0)+1,1))-1)+IF('Standard Profiles'!$G$22=$B$10,7,0)+IF('Standard Profiles'!$G$22=$B$17,14,0)+IF('Standard Profiles'!$G$22=$B$24,21,0),MOD($C4904,24)+1)/SUM(INDEX($D$3:$AA$30,INDEX(Jesper!$R$2:$R$366,ROW(INDEX(Jesper!AL$2:AL$366,ROUNDDOWN($C4904/24,0)+1,1))-1)+IF('Standard Profiles'!$G$22=$B$10,7,0)+IF('Standard Profiles'!$G$22=$B$17,14,0)+IF('Standard Profiles'!$G$22=$B$24,21,0),0)),0)</f>
        <v>5.8572600872152422E-2</v>
      </c>
      <c r="I4904">
        <f t="shared" si="552"/>
        <v>5.6229696837266356E-2</v>
      </c>
      <c r="J4904">
        <f t="shared" si="553"/>
        <v>3.8364459779353091</v>
      </c>
      <c r="K4904">
        <f t="shared" si="554"/>
        <v>0.21546384143398128</v>
      </c>
      <c r="L4904">
        <f t="shared" si="555"/>
        <v>0.10773192071699064</v>
      </c>
      <c r="M4904">
        <f t="shared" si="556"/>
        <v>0</v>
      </c>
      <c r="N4904" s="45">
        <f t="shared" si="557"/>
        <v>45129.916666654855</v>
      </c>
    </row>
    <row r="4905" spans="2:14" x14ac:dyDescent="0.25">
      <c r="B4905">
        <f t="shared" si="551"/>
        <v>6</v>
      </c>
      <c r="C4905" s="16">
        <v>4871</v>
      </c>
      <c r="D4905" cm="1">
        <f t="array" ref="D4905">IFERROR(INDEX(Jesper!AH$2:AH$366,ROUNDDOWN($C4905/24,0)+1,1)*INDEX($D$3:$AA$30,INDEX(Jesper!$R$2:$R$366,ROW(INDEX(Jesper!AH$2:AH$366,ROUNDDOWN($C4905/24,0)+1,1))-1)+IF('Standard Profiles'!$G$18=$B$10,7,0)+IF('Standard Profiles'!$G$18=$B$17,14,0)+IF('Standard Profiles'!$G$18=$B$24,21,0),MOD($C4905,24)+1)/SUM(INDEX($D$3:$AA$30,INDEX(Jesper!$R$2:$R$366,ROW(INDEX(Jesper!AH$2:AH$366,ROUNDDOWN($C4905/24,0)+1,1))-1)+IF('Standard Profiles'!$G$18=$B$10,7,0)+IF('Standard Profiles'!$G$18=$B$17,14,0)+IF('Standard Profiles'!$G$18=$B$24,21,0),0)),0)</f>
        <v>0</v>
      </c>
      <c r="E4905" cm="1">
        <f t="array" ref="E4905">IFERROR(INDEX(Jesper!AI$2:AI$366,ROUNDDOWN($C4905/24,0)+1,1)*INDEX($D$3:$AA$30,INDEX(Jesper!$R$2:$R$366,ROW(INDEX(Jesper!AI$2:AI$366,ROUNDDOWN($C4905/24,0)+1,1))-1)+IF('Standard Profiles'!$G$19=$B$10,7,0)+IF('Standard Profiles'!$G$19=$B$17,14,0)+IF('Standard Profiles'!$G$19=$B$24,21,0),MOD($C4905,24)+1)/SUM(INDEX($D$3:$AA$30,INDEX(Jesper!$R$2:$R$366,ROW(INDEX(Jesper!AI$2:AI$366,ROUNDDOWN($C4905/24,0)+1,1))-1)+IF('Standard Profiles'!$G$19=$B$10,7,0)+IF('Standard Profiles'!$G$19=$B$17,14,0)+IF('Standard Profiles'!$G$19=$B$24,21,0),0)),0)</f>
        <v>2.6932980179247661</v>
      </c>
      <c r="F4905" cm="1">
        <f t="array" ref="F4905">IFERROR(INDEX(Jesper!AJ$2:AJ$366,ROUNDDOWN($C4905/24,0)+1,1)*INDEX($D$3:$AA$30,INDEX(Jesper!$R$2:$R$366,ROW(INDEX(Jesper!AJ$2:AJ$366,ROUNDDOWN($C4905/24,0)+1,1))-1)+IF('Standard Profiles'!$G$20=$B$10,7,0)+IF('Standard Profiles'!$G$20=$B$17,14,0)+IF('Standard Profiles'!$G$20=$B$24,21,0),MOD($C4905,24)+1)/SUM(INDEX($D$3:$AA$30,INDEX(Jesper!$R$2:$R$366,ROW(INDEX(Jesper!AJ$2:AJ$366,ROUNDDOWN($C4905/24,0)+1,1))-1)+IF('Standard Profiles'!$G$20=$B$10,7,0)+IF('Standard Profiles'!$G$20=$B$17,14,0)+IF('Standard Profiles'!$G$20=$B$24,21,0),0)),0)</f>
        <v>1.001598665892399</v>
      </c>
      <c r="G4905" cm="1">
        <f t="array" ref="G4905">IFERROR(INDEX(Jesper!AK$2:AK$366,ROUNDDOWN($C4905/24,0)+1,1)*INDEX($D$3:$AA$30,INDEX(Jesper!$R$2:$R$366,ROW(INDEX(Jesper!AK$2:AK$366,ROUNDDOWN($C4905/24,0)+1,1))-1)+IF('Standard Profiles'!$G$21=$B$10,7,0)+IF('Standard Profiles'!$G$21=$B$17,14,0)+IF('Standard Profiles'!$G$21=$B$24,21,0),MOD($C4905,24)+1)/SUM(INDEX($D$3:$AA$30,INDEX(Jesper!$R$2:$R$366,ROW(INDEX(Jesper!AK$2:AK$366,ROUNDDOWN($C4905/24,0)+1,1))-1)+IF('Standard Profiles'!$G$21=$B$10,7,0)+IF('Standard Profiles'!$G$21=$B$17,14,0)+IF('Standard Profiles'!$G$21=$B$24,21,0),0)),0)</f>
        <v>0.46240215223422948</v>
      </c>
      <c r="H4905" cm="1">
        <f t="array" ref="H4905">IFERROR(INDEX(Jesper!AL$2:AL$366,ROUNDDOWN($C4905/24,0)+1,1)*INDEX($D$3:$AA$30,INDEX(Jesper!$R$2:$R$366,ROW(INDEX(Jesper!AL$2:AL$366,ROUNDDOWN($C4905/24,0)+1,1))-1)+IF('Standard Profiles'!$G$22=$B$10,7,0)+IF('Standard Profiles'!$G$22=$B$17,14,0)+IF('Standard Profiles'!$G$22=$B$24,21,0),MOD($C4905,24)+1)/SUM(INDEX($D$3:$AA$30,INDEX(Jesper!$R$2:$R$366,ROW(INDEX(Jesper!AL$2:AL$366,ROUNDDOWN($C4905/24,0)+1,1))-1)+IF('Standard Profiles'!$G$22=$B$10,7,0)+IF('Standard Profiles'!$G$22=$B$17,14,0)+IF('Standard Profiles'!$G$22=$B$24,21,0),0)),0)</f>
        <v>5.8572600872152422E-2</v>
      </c>
      <c r="I4905">
        <f t="shared" si="552"/>
        <v>5.6229696837266356E-2</v>
      </c>
      <c r="J4905">
        <f t="shared" si="553"/>
        <v>3.8364459779353091</v>
      </c>
      <c r="K4905">
        <f t="shared" si="554"/>
        <v>0.21546384143398128</v>
      </c>
      <c r="L4905">
        <f t="shared" si="555"/>
        <v>0.10773192071699064</v>
      </c>
      <c r="M4905">
        <f t="shared" si="556"/>
        <v>0</v>
      </c>
      <c r="N4905" s="45">
        <f t="shared" si="557"/>
        <v>45129.95833332152</v>
      </c>
    </row>
    <row r="4906" spans="2:14" x14ac:dyDescent="0.25">
      <c r="B4906">
        <f t="shared" si="551"/>
        <v>7</v>
      </c>
      <c r="C4906" s="16">
        <v>4872</v>
      </c>
      <c r="D4906" cm="1">
        <f t="array" ref="D4906">IFERROR(INDEX(Jesper!AH$2:AH$366,ROUNDDOWN($C4906/24,0)+1,1)*INDEX($D$3:$AA$30,INDEX(Jesper!$R$2:$R$366,ROW(INDEX(Jesper!AH$2:AH$366,ROUNDDOWN($C4906/24,0)+1,1))-1)+IF('Standard Profiles'!$G$18=$B$10,7,0)+IF('Standard Profiles'!$G$18=$B$17,14,0)+IF('Standard Profiles'!$G$18=$B$24,21,0),MOD($C4906,24)+1)/SUM(INDEX($D$3:$AA$30,INDEX(Jesper!$R$2:$R$366,ROW(INDEX(Jesper!AH$2:AH$366,ROUNDDOWN($C4906/24,0)+1,1))-1)+IF('Standard Profiles'!$G$18=$B$10,7,0)+IF('Standard Profiles'!$G$18=$B$17,14,0)+IF('Standard Profiles'!$G$18=$B$24,21,0),0)),0)</f>
        <v>0</v>
      </c>
      <c r="E4906" cm="1">
        <f t="array" ref="E4906">IFERROR(INDEX(Jesper!AI$2:AI$366,ROUNDDOWN($C4906/24,0)+1,1)*INDEX($D$3:$AA$30,INDEX(Jesper!$R$2:$R$366,ROW(INDEX(Jesper!AI$2:AI$366,ROUNDDOWN($C4906/24,0)+1,1))-1)+IF('Standard Profiles'!$G$19=$B$10,7,0)+IF('Standard Profiles'!$G$19=$B$17,14,0)+IF('Standard Profiles'!$G$19=$B$24,21,0),MOD($C4906,24)+1)/SUM(INDEX($D$3:$AA$30,INDEX(Jesper!$R$2:$R$366,ROW(INDEX(Jesper!AI$2:AI$366,ROUNDDOWN($C4906/24,0)+1,1))-1)+IF('Standard Profiles'!$G$19=$B$10,7,0)+IF('Standard Profiles'!$G$19=$B$17,14,0)+IF('Standard Profiles'!$G$19=$B$24,21,0),0)),0)</f>
        <v>2.6899561324493155</v>
      </c>
      <c r="F4906" cm="1">
        <f t="array" ref="F4906">IFERROR(INDEX(Jesper!AJ$2:AJ$366,ROUNDDOWN($C4906/24,0)+1,1)*INDEX($D$3:$AA$30,INDEX(Jesper!$R$2:$R$366,ROW(INDEX(Jesper!AJ$2:AJ$366,ROUNDDOWN($C4906/24,0)+1,1))-1)+IF('Standard Profiles'!$G$20=$B$10,7,0)+IF('Standard Profiles'!$G$20=$B$17,14,0)+IF('Standard Profiles'!$G$20=$B$24,21,0),MOD($C4906,24)+1)/SUM(INDEX($D$3:$AA$30,INDEX(Jesper!$R$2:$R$366,ROW(INDEX(Jesper!AJ$2:AJ$366,ROUNDDOWN($C4906/24,0)+1,1))-1)+IF('Standard Profiles'!$G$20=$B$10,7,0)+IF('Standard Profiles'!$G$20=$B$17,14,0)+IF('Standard Profiles'!$G$20=$B$24,21,0),0)),0)</f>
        <v>0.90447021278319795</v>
      </c>
      <c r="G4906" cm="1">
        <f t="array" ref="G4906">IFERROR(INDEX(Jesper!AK$2:AK$366,ROUNDDOWN($C4906/24,0)+1,1)*INDEX($D$3:$AA$30,INDEX(Jesper!$R$2:$R$366,ROW(INDEX(Jesper!AK$2:AK$366,ROUNDDOWN($C4906/24,0)+1,1))-1)+IF('Standard Profiles'!$G$21=$B$10,7,0)+IF('Standard Profiles'!$G$21=$B$17,14,0)+IF('Standard Profiles'!$G$21=$B$24,21,0),MOD($C4906,24)+1)/SUM(INDEX($D$3:$AA$30,INDEX(Jesper!$R$2:$R$366,ROW(INDEX(Jesper!AK$2:AK$366,ROUNDDOWN($C4906/24,0)+1,1))-1)+IF('Standard Profiles'!$G$21=$B$10,7,0)+IF('Standard Profiles'!$G$21=$B$17,14,0)+IF('Standard Profiles'!$G$21=$B$24,21,0),0)),0)</f>
        <v>0.33848593835267082</v>
      </c>
      <c r="H4906" cm="1">
        <f t="array" ref="H4906">IFERROR(INDEX(Jesper!AL$2:AL$366,ROUNDDOWN($C4906/24,0)+1,1)*INDEX($D$3:$AA$30,INDEX(Jesper!$R$2:$R$366,ROW(INDEX(Jesper!AL$2:AL$366,ROUNDDOWN($C4906/24,0)+1,1))-1)+IF('Standard Profiles'!$G$22=$B$10,7,0)+IF('Standard Profiles'!$G$22=$B$17,14,0)+IF('Standard Profiles'!$G$22=$B$24,21,0),MOD($C4906,24)+1)/SUM(INDEX($D$3:$AA$30,INDEX(Jesper!$R$2:$R$366,ROW(INDEX(Jesper!AL$2:AL$366,ROUNDDOWN($C4906/24,0)+1,1))-1)+IF('Standard Profiles'!$G$22=$B$10,7,0)+IF('Standard Profiles'!$G$22=$B$17,14,0)+IF('Standard Profiles'!$G$22=$B$24,21,0),0)),0)</f>
        <v>0</v>
      </c>
      <c r="I4906">
        <f t="shared" si="552"/>
        <v>0</v>
      </c>
      <c r="J4906">
        <f t="shared" si="553"/>
        <v>3.6101175476912664</v>
      </c>
      <c r="K4906">
        <f t="shared" si="554"/>
        <v>0.21519649059594526</v>
      </c>
      <c r="L4906">
        <f t="shared" si="555"/>
        <v>0.10759824529797263</v>
      </c>
      <c r="M4906">
        <f t="shared" si="556"/>
        <v>0</v>
      </c>
      <c r="N4906" s="45">
        <f t="shared" si="557"/>
        <v>45129.999999988184</v>
      </c>
    </row>
    <row r="4907" spans="2:14" x14ac:dyDescent="0.25">
      <c r="B4907">
        <f t="shared" si="551"/>
        <v>7</v>
      </c>
      <c r="C4907" s="16">
        <v>4873</v>
      </c>
      <c r="D4907" cm="1">
        <f t="array" ref="D4907">IFERROR(INDEX(Jesper!AH$2:AH$366,ROUNDDOWN($C4907/24,0)+1,1)*INDEX($D$3:$AA$30,INDEX(Jesper!$R$2:$R$366,ROW(INDEX(Jesper!AH$2:AH$366,ROUNDDOWN($C4907/24,0)+1,1))-1)+IF('Standard Profiles'!$G$18=$B$10,7,0)+IF('Standard Profiles'!$G$18=$B$17,14,0)+IF('Standard Profiles'!$G$18=$B$24,21,0),MOD($C4907,24)+1)/SUM(INDEX($D$3:$AA$30,INDEX(Jesper!$R$2:$R$366,ROW(INDEX(Jesper!AH$2:AH$366,ROUNDDOWN($C4907/24,0)+1,1))-1)+IF('Standard Profiles'!$G$18=$B$10,7,0)+IF('Standard Profiles'!$G$18=$B$17,14,0)+IF('Standard Profiles'!$G$18=$B$24,21,0),0)),0)</f>
        <v>0</v>
      </c>
      <c r="E4907" cm="1">
        <f t="array" ref="E4907">IFERROR(INDEX(Jesper!AI$2:AI$366,ROUNDDOWN($C4907/24,0)+1,1)*INDEX($D$3:$AA$30,INDEX(Jesper!$R$2:$R$366,ROW(INDEX(Jesper!AI$2:AI$366,ROUNDDOWN($C4907/24,0)+1,1))-1)+IF('Standard Profiles'!$G$19=$B$10,7,0)+IF('Standard Profiles'!$G$19=$B$17,14,0)+IF('Standard Profiles'!$G$19=$B$24,21,0),MOD($C4907,24)+1)/SUM(INDEX($D$3:$AA$30,INDEX(Jesper!$R$2:$R$366,ROW(INDEX(Jesper!AI$2:AI$366,ROUNDDOWN($C4907/24,0)+1,1))-1)+IF('Standard Profiles'!$G$19=$B$10,7,0)+IF('Standard Profiles'!$G$19=$B$17,14,0)+IF('Standard Profiles'!$G$19=$B$24,21,0),0)),0)</f>
        <v>2.6899561324493155</v>
      </c>
      <c r="F4907" cm="1">
        <f t="array" ref="F4907">IFERROR(INDEX(Jesper!AJ$2:AJ$366,ROUNDDOWN($C4907/24,0)+1,1)*INDEX($D$3:$AA$30,INDEX(Jesper!$R$2:$R$366,ROW(INDEX(Jesper!AJ$2:AJ$366,ROUNDDOWN($C4907/24,0)+1,1))-1)+IF('Standard Profiles'!$G$20=$B$10,7,0)+IF('Standard Profiles'!$G$20=$B$17,14,0)+IF('Standard Profiles'!$G$20=$B$24,21,0),MOD($C4907,24)+1)/SUM(INDEX($D$3:$AA$30,INDEX(Jesper!$R$2:$R$366,ROW(INDEX(Jesper!AJ$2:AJ$366,ROUNDDOWN($C4907/24,0)+1,1))-1)+IF('Standard Profiles'!$G$20=$B$10,7,0)+IF('Standard Profiles'!$G$20=$B$17,14,0)+IF('Standard Profiles'!$G$20=$B$24,21,0),0)),0)</f>
        <v>0.90447021278319795</v>
      </c>
      <c r="G4907" cm="1">
        <f t="array" ref="G4907">IFERROR(INDEX(Jesper!AK$2:AK$366,ROUNDDOWN($C4907/24,0)+1,1)*INDEX($D$3:$AA$30,INDEX(Jesper!$R$2:$R$366,ROW(INDEX(Jesper!AK$2:AK$366,ROUNDDOWN($C4907/24,0)+1,1))-1)+IF('Standard Profiles'!$G$21=$B$10,7,0)+IF('Standard Profiles'!$G$21=$B$17,14,0)+IF('Standard Profiles'!$G$21=$B$24,21,0),MOD($C4907,24)+1)/SUM(INDEX($D$3:$AA$30,INDEX(Jesper!$R$2:$R$366,ROW(INDEX(Jesper!AK$2:AK$366,ROUNDDOWN($C4907/24,0)+1,1))-1)+IF('Standard Profiles'!$G$21=$B$10,7,0)+IF('Standard Profiles'!$G$21=$B$17,14,0)+IF('Standard Profiles'!$G$21=$B$24,21,0),0)),0)</f>
        <v>0.33848593835267082</v>
      </c>
      <c r="H4907" cm="1">
        <f t="array" ref="H4907">IFERROR(INDEX(Jesper!AL$2:AL$366,ROUNDDOWN($C4907/24,0)+1,1)*INDEX($D$3:$AA$30,INDEX(Jesper!$R$2:$R$366,ROW(INDEX(Jesper!AL$2:AL$366,ROUNDDOWN($C4907/24,0)+1,1))-1)+IF('Standard Profiles'!$G$22=$B$10,7,0)+IF('Standard Profiles'!$G$22=$B$17,14,0)+IF('Standard Profiles'!$G$22=$B$24,21,0),MOD($C4907,24)+1)/SUM(INDEX($D$3:$AA$30,INDEX(Jesper!$R$2:$R$366,ROW(INDEX(Jesper!AL$2:AL$366,ROUNDDOWN($C4907/24,0)+1,1))-1)+IF('Standard Profiles'!$G$22=$B$10,7,0)+IF('Standard Profiles'!$G$22=$B$17,14,0)+IF('Standard Profiles'!$G$22=$B$24,21,0),0)),0)</f>
        <v>0</v>
      </c>
      <c r="I4907">
        <f t="shared" si="552"/>
        <v>0</v>
      </c>
      <c r="J4907">
        <f t="shared" si="553"/>
        <v>3.6101175476912664</v>
      </c>
      <c r="K4907">
        <f t="shared" si="554"/>
        <v>0.21519649059594526</v>
      </c>
      <c r="L4907">
        <f t="shared" si="555"/>
        <v>0.10759824529797263</v>
      </c>
      <c r="M4907">
        <f t="shared" si="556"/>
        <v>0</v>
      </c>
      <c r="N4907" s="45">
        <f t="shared" si="557"/>
        <v>45130.041666654848</v>
      </c>
    </row>
    <row r="4908" spans="2:14" x14ac:dyDescent="0.25">
      <c r="B4908">
        <f t="shared" si="551"/>
        <v>7</v>
      </c>
      <c r="C4908" s="16">
        <v>4874</v>
      </c>
      <c r="D4908" cm="1">
        <f t="array" ref="D4908">IFERROR(INDEX(Jesper!AH$2:AH$366,ROUNDDOWN($C4908/24,0)+1,1)*INDEX($D$3:$AA$30,INDEX(Jesper!$R$2:$R$366,ROW(INDEX(Jesper!AH$2:AH$366,ROUNDDOWN($C4908/24,0)+1,1))-1)+IF('Standard Profiles'!$G$18=$B$10,7,0)+IF('Standard Profiles'!$G$18=$B$17,14,0)+IF('Standard Profiles'!$G$18=$B$24,21,0),MOD($C4908,24)+1)/SUM(INDEX($D$3:$AA$30,INDEX(Jesper!$R$2:$R$366,ROW(INDEX(Jesper!AH$2:AH$366,ROUNDDOWN($C4908/24,0)+1,1))-1)+IF('Standard Profiles'!$G$18=$B$10,7,0)+IF('Standard Profiles'!$G$18=$B$17,14,0)+IF('Standard Profiles'!$G$18=$B$24,21,0),0)),0)</f>
        <v>0</v>
      </c>
      <c r="E4908" cm="1">
        <f t="array" ref="E4908">IFERROR(INDEX(Jesper!AI$2:AI$366,ROUNDDOWN($C4908/24,0)+1,1)*INDEX($D$3:$AA$30,INDEX(Jesper!$R$2:$R$366,ROW(INDEX(Jesper!AI$2:AI$366,ROUNDDOWN($C4908/24,0)+1,1))-1)+IF('Standard Profiles'!$G$19=$B$10,7,0)+IF('Standard Profiles'!$G$19=$B$17,14,0)+IF('Standard Profiles'!$G$19=$B$24,21,0),MOD($C4908,24)+1)/SUM(INDEX($D$3:$AA$30,INDEX(Jesper!$R$2:$R$366,ROW(INDEX(Jesper!AI$2:AI$366,ROUNDDOWN($C4908/24,0)+1,1))-1)+IF('Standard Profiles'!$G$19=$B$10,7,0)+IF('Standard Profiles'!$G$19=$B$17,14,0)+IF('Standard Profiles'!$G$19=$B$24,21,0),0)),0)</f>
        <v>2.6899561324493155</v>
      </c>
      <c r="F4908" cm="1">
        <f t="array" ref="F4908">IFERROR(INDEX(Jesper!AJ$2:AJ$366,ROUNDDOWN($C4908/24,0)+1,1)*INDEX($D$3:$AA$30,INDEX(Jesper!$R$2:$R$366,ROW(INDEX(Jesper!AJ$2:AJ$366,ROUNDDOWN($C4908/24,0)+1,1))-1)+IF('Standard Profiles'!$G$20=$B$10,7,0)+IF('Standard Profiles'!$G$20=$B$17,14,0)+IF('Standard Profiles'!$G$20=$B$24,21,0),MOD($C4908,24)+1)/SUM(INDEX($D$3:$AA$30,INDEX(Jesper!$R$2:$R$366,ROW(INDEX(Jesper!AJ$2:AJ$366,ROUNDDOWN($C4908/24,0)+1,1))-1)+IF('Standard Profiles'!$G$20=$B$10,7,0)+IF('Standard Profiles'!$G$20=$B$17,14,0)+IF('Standard Profiles'!$G$20=$B$24,21,0),0)),0)</f>
        <v>0.90447021278319795</v>
      </c>
      <c r="G4908" cm="1">
        <f t="array" ref="G4908">IFERROR(INDEX(Jesper!AK$2:AK$366,ROUNDDOWN($C4908/24,0)+1,1)*INDEX($D$3:$AA$30,INDEX(Jesper!$R$2:$R$366,ROW(INDEX(Jesper!AK$2:AK$366,ROUNDDOWN($C4908/24,0)+1,1))-1)+IF('Standard Profiles'!$G$21=$B$10,7,0)+IF('Standard Profiles'!$G$21=$B$17,14,0)+IF('Standard Profiles'!$G$21=$B$24,21,0),MOD($C4908,24)+1)/SUM(INDEX($D$3:$AA$30,INDEX(Jesper!$R$2:$R$366,ROW(INDEX(Jesper!AK$2:AK$366,ROUNDDOWN($C4908/24,0)+1,1))-1)+IF('Standard Profiles'!$G$21=$B$10,7,0)+IF('Standard Profiles'!$G$21=$B$17,14,0)+IF('Standard Profiles'!$G$21=$B$24,21,0),0)),0)</f>
        <v>0.33848593835267082</v>
      </c>
      <c r="H4908" cm="1">
        <f t="array" ref="H4908">IFERROR(INDEX(Jesper!AL$2:AL$366,ROUNDDOWN($C4908/24,0)+1,1)*INDEX($D$3:$AA$30,INDEX(Jesper!$R$2:$R$366,ROW(INDEX(Jesper!AL$2:AL$366,ROUNDDOWN($C4908/24,0)+1,1))-1)+IF('Standard Profiles'!$G$22=$B$10,7,0)+IF('Standard Profiles'!$G$22=$B$17,14,0)+IF('Standard Profiles'!$G$22=$B$24,21,0),MOD($C4908,24)+1)/SUM(INDEX($D$3:$AA$30,INDEX(Jesper!$R$2:$R$366,ROW(INDEX(Jesper!AL$2:AL$366,ROUNDDOWN($C4908/24,0)+1,1))-1)+IF('Standard Profiles'!$G$22=$B$10,7,0)+IF('Standard Profiles'!$G$22=$B$17,14,0)+IF('Standard Profiles'!$G$22=$B$24,21,0),0)),0)</f>
        <v>0</v>
      </c>
      <c r="I4908">
        <f t="shared" si="552"/>
        <v>0</v>
      </c>
      <c r="J4908">
        <f t="shared" si="553"/>
        <v>3.6101175476912664</v>
      </c>
      <c r="K4908">
        <f t="shared" si="554"/>
        <v>0.21519649059594526</v>
      </c>
      <c r="L4908">
        <f t="shared" si="555"/>
        <v>0.10759824529797263</v>
      </c>
      <c r="M4908">
        <f t="shared" si="556"/>
        <v>0</v>
      </c>
      <c r="N4908" s="45">
        <f t="shared" si="557"/>
        <v>45130.083333321512</v>
      </c>
    </row>
    <row r="4909" spans="2:14" x14ac:dyDescent="0.25">
      <c r="B4909">
        <f t="shared" si="551"/>
        <v>7</v>
      </c>
      <c r="C4909" s="16">
        <v>4875</v>
      </c>
      <c r="D4909" cm="1">
        <f t="array" ref="D4909">IFERROR(INDEX(Jesper!AH$2:AH$366,ROUNDDOWN($C4909/24,0)+1,1)*INDEX($D$3:$AA$30,INDEX(Jesper!$R$2:$R$366,ROW(INDEX(Jesper!AH$2:AH$366,ROUNDDOWN($C4909/24,0)+1,1))-1)+IF('Standard Profiles'!$G$18=$B$10,7,0)+IF('Standard Profiles'!$G$18=$B$17,14,0)+IF('Standard Profiles'!$G$18=$B$24,21,0),MOD($C4909,24)+1)/SUM(INDEX($D$3:$AA$30,INDEX(Jesper!$R$2:$R$366,ROW(INDEX(Jesper!AH$2:AH$366,ROUNDDOWN($C4909/24,0)+1,1))-1)+IF('Standard Profiles'!$G$18=$B$10,7,0)+IF('Standard Profiles'!$G$18=$B$17,14,0)+IF('Standard Profiles'!$G$18=$B$24,21,0),0)),0)</f>
        <v>0</v>
      </c>
      <c r="E4909" cm="1">
        <f t="array" ref="E4909">IFERROR(INDEX(Jesper!AI$2:AI$366,ROUNDDOWN($C4909/24,0)+1,1)*INDEX($D$3:$AA$30,INDEX(Jesper!$R$2:$R$366,ROW(INDEX(Jesper!AI$2:AI$366,ROUNDDOWN($C4909/24,0)+1,1))-1)+IF('Standard Profiles'!$G$19=$B$10,7,0)+IF('Standard Profiles'!$G$19=$B$17,14,0)+IF('Standard Profiles'!$G$19=$B$24,21,0),MOD($C4909,24)+1)/SUM(INDEX($D$3:$AA$30,INDEX(Jesper!$R$2:$R$366,ROW(INDEX(Jesper!AI$2:AI$366,ROUNDDOWN($C4909/24,0)+1,1))-1)+IF('Standard Profiles'!$G$19=$B$10,7,0)+IF('Standard Profiles'!$G$19=$B$17,14,0)+IF('Standard Profiles'!$G$19=$B$24,21,0),0)),0)</f>
        <v>2.6899561324493155</v>
      </c>
      <c r="F4909" cm="1">
        <f t="array" ref="F4909">IFERROR(INDEX(Jesper!AJ$2:AJ$366,ROUNDDOWN($C4909/24,0)+1,1)*INDEX($D$3:$AA$30,INDEX(Jesper!$R$2:$R$366,ROW(INDEX(Jesper!AJ$2:AJ$366,ROUNDDOWN($C4909/24,0)+1,1))-1)+IF('Standard Profiles'!$G$20=$B$10,7,0)+IF('Standard Profiles'!$G$20=$B$17,14,0)+IF('Standard Profiles'!$G$20=$B$24,21,0),MOD($C4909,24)+1)/SUM(INDEX($D$3:$AA$30,INDEX(Jesper!$R$2:$R$366,ROW(INDEX(Jesper!AJ$2:AJ$366,ROUNDDOWN($C4909/24,0)+1,1))-1)+IF('Standard Profiles'!$G$20=$B$10,7,0)+IF('Standard Profiles'!$G$20=$B$17,14,0)+IF('Standard Profiles'!$G$20=$B$24,21,0),0)),0)</f>
        <v>0.90447021278319795</v>
      </c>
      <c r="G4909" cm="1">
        <f t="array" ref="G4909">IFERROR(INDEX(Jesper!AK$2:AK$366,ROUNDDOWN($C4909/24,0)+1,1)*INDEX($D$3:$AA$30,INDEX(Jesper!$R$2:$R$366,ROW(INDEX(Jesper!AK$2:AK$366,ROUNDDOWN($C4909/24,0)+1,1))-1)+IF('Standard Profiles'!$G$21=$B$10,7,0)+IF('Standard Profiles'!$G$21=$B$17,14,0)+IF('Standard Profiles'!$G$21=$B$24,21,0),MOD($C4909,24)+1)/SUM(INDEX($D$3:$AA$30,INDEX(Jesper!$R$2:$R$366,ROW(INDEX(Jesper!AK$2:AK$366,ROUNDDOWN($C4909/24,0)+1,1))-1)+IF('Standard Profiles'!$G$21=$B$10,7,0)+IF('Standard Profiles'!$G$21=$B$17,14,0)+IF('Standard Profiles'!$G$21=$B$24,21,0),0)),0)</f>
        <v>0.33848593835267082</v>
      </c>
      <c r="H4909" cm="1">
        <f t="array" ref="H4909">IFERROR(INDEX(Jesper!AL$2:AL$366,ROUNDDOWN($C4909/24,0)+1,1)*INDEX($D$3:$AA$30,INDEX(Jesper!$R$2:$R$366,ROW(INDEX(Jesper!AL$2:AL$366,ROUNDDOWN($C4909/24,0)+1,1))-1)+IF('Standard Profiles'!$G$22=$B$10,7,0)+IF('Standard Profiles'!$G$22=$B$17,14,0)+IF('Standard Profiles'!$G$22=$B$24,21,0),MOD($C4909,24)+1)/SUM(INDEX($D$3:$AA$30,INDEX(Jesper!$R$2:$R$366,ROW(INDEX(Jesper!AL$2:AL$366,ROUNDDOWN($C4909/24,0)+1,1))-1)+IF('Standard Profiles'!$G$22=$B$10,7,0)+IF('Standard Profiles'!$G$22=$B$17,14,0)+IF('Standard Profiles'!$G$22=$B$24,21,0),0)),0)</f>
        <v>0</v>
      </c>
      <c r="I4909">
        <f t="shared" si="552"/>
        <v>0</v>
      </c>
      <c r="J4909">
        <f t="shared" si="553"/>
        <v>3.6101175476912664</v>
      </c>
      <c r="K4909">
        <f t="shared" si="554"/>
        <v>0.21519649059594526</v>
      </c>
      <c r="L4909">
        <f t="shared" si="555"/>
        <v>0.10759824529797263</v>
      </c>
      <c r="M4909">
        <f t="shared" si="556"/>
        <v>0</v>
      </c>
      <c r="N4909" s="45">
        <f t="shared" si="557"/>
        <v>45130.124999988177</v>
      </c>
    </row>
    <row r="4910" spans="2:14" x14ac:dyDescent="0.25">
      <c r="B4910">
        <f t="shared" si="551"/>
        <v>7</v>
      </c>
      <c r="C4910" s="16">
        <v>4876</v>
      </c>
      <c r="D4910" cm="1">
        <f t="array" ref="D4910">IFERROR(INDEX(Jesper!AH$2:AH$366,ROUNDDOWN($C4910/24,0)+1,1)*INDEX($D$3:$AA$30,INDEX(Jesper!$R$2:$R$366,ROW(INDEX(Jesper!AH$2:AH$366,ROUNDDOWN($C4910/24,0)+1,1))-1)+IF('Standard Profiles'!$G$18=$B$10,7,0)+IF('Standard Profiles'!$G$18=$B$17,14,0)+IF('Standard Profiles'!$G$18=$B$24,21,0),MOD($C4910,24)+1)/SUM(INDEX($D$3:$AA$30,INDEX(Jesper!$R$2:$R$366,ROW(INDEX(Jesper!AH$2:AH$366,ROUNDDOWN($C4910/24,0)+1,1))-1)+IF('Standard Profiles'!$G$18=$B$10,7,0)+IF('Standard Profiles'!$G$18=$B$17,14,0)+IF('Standard Profiles'!$G$18=$B$24,21,0),0)),0)</f>
        <v>0</v>
      </c>
      <c r="E4910" cm="1">
        <f t="array" ref="E4910">IFERROR(INDEX(Jesper!AI$2:AI$366,ROUNDDOWN($C4910/24,0)+1,1)*INDEX($D$3:$AA$30,INDEX(Jesper!$R$2:$R$366,ROW(INDEX(Jesper!AI$2:AI$366,ROUNDDOWN($C4910/24,0)+1,1))-1)+IF('Standard Profiles'!$G$19=$B$10,7,0)+IF('Standard Profiles'!$G$19=$B$17,14,0)+IF('Standard Profiles'!$G$19=$B$24,21,0),MOD($C4910,24)+1)/SUM(INDEX($D$3:$AA$30,INDEX(Jesper!$R$2:$R$366,ROW(INDEX(Jesper!AI$2:AI$366,ROUNDDOWN($C4910/24,0)+1,1))-1)+IF('Standard Profiles'!$G$19=$B$10,7,0)+IF('Standard Profiles'!$G$19=$B$17,14,0)+IF('Standard Profiles'!$G$19=$B$24,21,0),0)),0)</f>
        <v>2.6899561324493155</v>
      </c>
      <c r="F4910" cm="1">
        <f t="array" ref="F4910">IFERROR(INDEX(Jesper!AJ$2:AJ$366,ROUNDDOWN($C4910/24,0)+1,1)*INDEX($D$3:$AA$30,INDEX(Jesper!$R$2:$R$366,ROW(INDEX(Jesper!AJ$2:AJ$366,ROUNDDOWN($C4910/24,0)+1,1))-1)+IF('Standard Profiles'!$G$20=$B$10,7,0)+IF('Standard Profiles'!$G$20=$B$17,14,0)+IF('Standard Profiles'!$G$20=$B$24,21,0),MOD($C4910,24)+1)/SUM(INDEX($D$3:$AA$30,INDEX(Jesper!$R$2:$R$366,ROW(INDEX(Jesper!AJ$2:AJ$366,ROUNDDOWN($C4910/24,0)+1,1))-1)+IF('Standard Profiles'!$G$20=$B$10,7,0)+IF('Standard Profiles'!$G$20=$B$17,14,0)+IF('Standard Profiles'!$G$20=$B$24,21,0),0)),0)</f>
        <v>0.90447021278319795</v>
      </c>
      <c r="G4910" cm="1">
        <f t="array" ref="G4910">IFERROR(INDEX(Jesper!AK$2:AK$366,ROUNDDOWN($C4910/24,0)+1,1)*INDEX($D$3:$AA$30,INDEX(Jesper!$R$2:$R$366,ROW(INDEX(Jesper!AK$2:AK$366,ROUNDDOWN($C4910/24,0)+1,1))-1)+IF('Standard Profiles'!$G$21=$B$10,7,0)+IF('Standard Profiles'!$G$21=$B$17,14,0)+IF('Standard Profiles'!$G$21=$B$24,21,0),MOD($C4910,24)+1)/SUM(INDEX($D$3:$AA$30,INDEX(Jesper!$R$2:$R$366,ROW(INDEX(Jesper!AK$2:AK$366,ROUNDDOWN($C4910/24,0)+1,1))-1)+IF('Standard Profiles'!$G$21=$B$10,7,0)+IF('Standard Profiles'!$G$21=$B$17,14,0)+IF('Standard Profiles'!$G$21=$B$24,21,0),0)),0)</f>
        <v>0.33848593835267082</v>
      </c>
      <c r="H4910" cm="1">
        <f t="array" ref="H4910">IFERROR(INDEX(Jesper!AL$2:AL$366,ROUNDDOWN($C4910/24,0)+1,1)*INDEX($D$3:$AA$30,INDEX(Jesper!$R$2:$R$366,ROW(INDEX(Jesper!AL$2:AL$366,ROUNDDOWN($C4910/24,0)+1,1))-1)+IF('Standard Profiles'!$G$22=$B$10,7,0)+IF('Standard Profiles'!$G$22=$B$17,14,0)+IF('Standard Profiles'!$G$22=$B$24,21,0),MOD($C4910,24)+1)/SUM(INDEX($D$3:$AA$30,INDEX(Jesper!$R$2:$R$366,ROW(INDEX(Jesper!AL$2:AL$366,ROUNDDOWN($C4910/24,0)+1,1))-1)+IF('Standard Profiles'!$G$22=$B$10,7,0)+IF('Standard Profiles'!$G$22=$B$17,14,0)+IF('Standard Profiles'!$G$22=$B$24,21,0),0)),0)</f>
        <v>0</v>
      </c>
      <c r="I4910">
        <f t="shared" si="552"/>
        <v>0</v>
      </c>
      <c r="J4910">
        <f t="shared" si="553"/>
        <v>3.6101175476912664</v>
      </c>
      <c r="K4910">
        <f t="shared" si="554"/>
        <v>0.21519649059594526</v>
      </c>
      <c r="L4910">
        <f t="shared" si="555"/>
        <v>0.10759824529797263</v>
      </c>
      <c r="M4910">
        <f t="shared" si="556"/>
        <v>0</v>
      </c>
      <c r="N4910" s="45">
        <f t="shared" si="557"/>
        <v>45130.166666654841</v>
      </c>
    </row>
    <row r="4911" spans="2:14" x14ac:dyDescent="0.25">
      <c r="B4911">
        <f t="shared" si="551"/>
        <v>7</v>
      </c>
      <c r="C4911" s="16">
        <v>4877</v>
      </c>
      <c r="D4911" cm="1">
        <f t="array" ref="D4911">IFERROR(INDEX(Jesper!AH$2:AH$366,ROUNDDOWN($C4911/24,0)+1,1)*INDEX($D$3:$AA$30,INDEX(Jesper!$R$2:$R$366,ROW(INDEX(Jesper!AH$2:AH$366,ROUNDDOWN($C4911/24,0)+1,1))-1)+IF('Standard Profiles'!$G$18=$B$10,7,0)+IF('Standard Profiles'!$G$18=$B$17,14,0)+IF('Standard Profiles'!$G$18=$B$24,21,0),MOD($C4911,24)+1)/SUM(INDEX($D$3:$AA$30,INDEX(Jesper!$R$2:$R$366,ROW(INDEX(Jesper!AH$2:AH$366,ROUNDDOWN($C4911/24,0)+1,1))-1)+IF('Standard Profiles'!$G$18=$B$10,7,0)+IF('Standard Profiles'!$G$18=$B$17,14,0)+IF('Standard Profiles'!$G$18=$B$24,21,0),0)),0)</f>
        <v>0</v>
      </c>
      <c r="E4911" cm="1">
        <f t="array" ref="E4911">IFERROR(INDEX(Jesper!AI$2:AI$366,ROUNDDOWN($C4911/24,0)+1,1)*INDEX($D$3:$AA$30,INDEX(Jesper!$R$2:$R$366,ROW(INDEX(Jesper!AI$2:AI$366,ROUNDDOWN($C4911/24,0)+1,1))-1)+IF('Standard Profiles'!$G$19=$B$10,7,0)+IF('Standard Profiles'!$G$19=$B$17,14,0)+IF('Standard Profiles'!$G$19=$B$24,21,0),MOD($C4911,24)+1)/SUM(INDEX($D$3:$AA$30,INDEX(Jesper!$R$2:$R$366,ROW(INDEX(Jesper!AI$2:AI$366,ROUNDDOWN($C4911/24,0)+1,1))-1)+IF('Standard Profiles'!$G$19=$B$10,7,0)+IF('Standard Profiles'!$G$19=$B$17,14,0)+IF('Standard Profiles'!$G$19=$B$24,21,0),0)),0)</f>
        <v>2.6899561324493155</v>
      </c>
      <c r="F4911" cm="1">
        <f t="array" ref="F4911">IFERROR(INDEX(Jesper!AJ$2:AJ$366,ROUNDDOWN($C4911/24,0)+1,1)*INDEX($D$3:$AA$30,INDEX(Jesper!$R$2:$R$366,ROW(INDEX(Jesper!AJ$2:AJ$366,ROUNDDOWN($C4911/24,0)+1,1))-1)+IF('Standard Profiles'!$G$20=$B$10,7,0)+IF('Standard Profiles'!$G$20=$B$17,14,0)+IF('Standard Profiles'!$G$20=$B$24,21,0),MOD($C4911,24)+1)/SUM(INDEX($D$3:$AA$30,INDEX(Jesper!$R$2:$R$366,ROW(INDEX(Jesper!AJ$2:AJ$366,ROUNDDOWN($C4911/24,0)+1,1))-1)+IF('Standard Profiles'!$G$20=$B$10,7,0)+IF('Standard Profiles'!$G$20=$B$17,14,0)+IF('Standard Profiles'!$G$20=$B$24,21,0),0)),0)</f>
        <v>0.90447021278319795</v>
      </c>
      <c r="G4911" cm="1">
        <f t="array" ref="G4911">IFERROR(INDEX(Jesper!AK$2:AK$366,ROUNDDOWN($C4911/24,0)+1,1)*INDEX($D$3:$AA$30,INDEX(Jesper!$R$2:$R$366,ROW(INDEX(Jesper!AK$2:AK$366,ROUNDDOWN($C4911/24,0)+1,1))-1)+IF('Standard Profiles'!$G$21=$B$10,7,0)+IF('Standard Profiles'!$G$21=$B$17,14,0)+IF('Standard Profiles'!$G$21=$B$24,21,0),MOD($C4911,24)+1)/SUM(INDEX($D$3:$AA$30,INDEX(Jesper!$R$2:$R$366,ROW(INDEX(Jesper!AK$2:AK$366,ROUNDDOWN($C4911/24,0)+1,1))-1)+IF('Standard Profiles'!$G$21=$B$10,7,0)+IF('Standard Profiles'!$G$21=$B$17,14,0)+IF('Standard Profiles'!$G$21=$B$24,21,0),0)),0)</f>
        <v>0.33848593835267082</v>
      </c>
      <c r="H4911" cm="1">
        <f t="array" ref="H4911">IFERROR(INDEX(Jesper!AL$2:AL$366,ROUNDDOWN($C4911/24,0)+1,1)*INDEX($D$3:$AA$30,INDEX(Jesper!$R$2:$R$366,ROW(INDEX(Jesper!AL$2:AL$366,ROUNDDOWN($C4911/24,0)+1,1))-1)+IF('Standard Profiles'!$G$22=$B$10,7,0)+IF('Standard Profiles'!$G$22=$B$17,14,0)+IF('Standard Profiles'!$G$22=$B$24,21,0),MOD($C4911,24)+1)/SUM(INDEX($D$3:$AA$30,INDEX(Jesper!$R$2:$R$366,ROW(INDEX(Jesper!AL$2:AL$366,ROUNDDOWN($C4911/24,0)+1,1))-1)+IF('Standard Profiles'!$G$22=$B$10,7,0)+IF('Standard Profiles'!$G$22=$B$17,14,0)+IF('Standard Profiles'!$G$22=$B$24,21,0),0)),0)</f>
        <v>0</v>
      </c>
      <c r="I4911">
        <f t="shared" si="552"/>
        <v>0</v>
      </c>
      <c r="J4911">
        <f t="shared" si="553"/>
        <v>3.6101175476912664</v>
      </c>
      <c r="K4911">
        <f t="shared" si="554"/>
        <v>0.21519649059594526</v>
      </c>
      <c r="L4911">
        <f t="shared" si="555"/>
        <v>0.10759824529797263</v>
      </c>
      <c r="M4911">
        <f t="shared" si="556"/>
        <v>0</v>
      </c>
      <c r="N4911" s="45">
        <f t="shared" si="557"/>
        <v>45130.208333321505</v>
      </c>
    </row>
    <row r="4912" spans="2:14" x14ac:dyDescent="0.25">
      <c r="B4912">
        <f t="shared" si="551"/>
        <v>7</v>
      </c>
      <c r="C4912" s="16">
        <v>4878</v>
      </c>
      <c r="D4912" cm="1">
        <f t="array" ref="D4912">IFERROR(INDEX(Jesper!AH$2:AH$366,ROUNDDOWN($C4912/24,0)+1,1)*INDEX($D$3:$AA$30,INDEX(Jesper!$R$2:$R$366,ROW(INDEX(Jesper!AH$2:AH$366,ROUNDDOWN($C4912/24,0)+1,1))-1)+IF('Standard Profiles'!$G$18=$B$10,7,0)+IF('Standard Profiles'!$G$18=$B$17,14,0)+IF('Standard Profiles'!$G$18=$B$24,21,0),MOD($C4912,24)+1)/SUM(INDEX($D$3:$AA$30,INDEX(Jesper!$R$2:$R$366,ROW(INDEX(Jesper!AH$2:AH$366,ROUNDDOWN($C4912/24,0)+1,1))-1)+IF('Standard Profiles'!$G$18=$B$10,7,0)+IF('Standard Profiles'!$G$18=$B$17,14,0)+IF('Standard Profiles'!$G$18=$B$24,21,0),0)),0)</f>
        <v>0</v>
      </c>
      <c r="E4912" cm="1">
        <f t="array" ref="E4912">IFERROR(INDEX(Jesper!AI$2:AI$366,ROUNDDOWN($C4912/24,0)+1,1)*INDEX($D$3:$AA$30,INDEX(Jesper!$R$2:$R$366,ROW(INDEX(Jesper!AI$2:AI$366,ROUNDDOWN($C4912/24,0)+1,1))-1)+IF('Standard Profiles'!$G$19=$B$10,7,0)+IF('Standard Profiles'!$G$19=$B$17,14,0)+IF('Standard Profiles'!$G$19=$B$24,21,0),MOD($C4912,24)+1)/SUM(INDEX($D$3:$AA$30,INDEX(Jesper!$R$2:$R$366,ROW(INDEX(Jesper!AI$2:AI$366,ROUNDDOWN($C4912/24,0)+1,1))-1)+IF('Standard Profiles'!$G$19=$B$10,7,0)+IF('Standard Profiles'!$G$19=$B$17,14,0)+IF('Standard Profiles'!$G$19=$B$24,21,0),0)),0)</f>
        <v>2.6899561324493155</v>
      </c>
      <c r="F4912" cm="1">
        <f t="array" ref="F4912">IFERROR(INDEX(Jesper!AJ$2:AJ$366,ROUNDDOWN($C4912/24,0)+1,1)*INDEX($D$3:$AA$30,INDEX(Jesper!$R$2:$R$366,ROW(INDEX(Jesper!AJ$2:AJ$366,ROUNDDOWN($C4912/24,0)+1,1))-1)+IF('Standard Profiles'!$G$20=$B$10,7,0)+IF('Standard Profiles'!$G$20=$B$17,14,0)+IF('Standard Profiles'!$G$20=$B$24,21,0),MOD($C4912,24)+1)/SUM(INDEX($D$3:$AA$30,INDEX(Jesper!$R$2:$R$366,ROW(INDEX(Jesper!AJ$2:AJ$366,ROUNDDOWN($C4912/24,0)+1,1))-1)+IF('Standard Profiles'!$G$20=$B$10,7,0)+IF('Standard Profiles'!$G$20=$B$17,14,0)+IF('Standard Profiles'!$G$20=$B$24,21,0),0)),0)</f>
        <v>0.90447021278319795</v>
      </c>
      <c r="G4912" cm="1">
        <f t="array" ref="G4912">IFERROR(INDEX(Jesper!AK$2:AK$366,ROUNDDOWN($C4912/24,0)+1,1)*INDEX($D$3:$AA$30,INDEX(Jesper!$R$2:$R$366,ROW(INDEX(Jesper!AK$2:AK$366,ROUNDDOWN($C4912/24,0)+1,1))-1)+IF('Standard Profiles'!$G$21=$B$10,7,0)+IF('Standard Profiles'!$G$21=$B$17,14,0)+IF('Standard Profiles'!$G$21=$B$24,21,0),MOD($C4912,24)+1)/SUM(INDEX($D$3:$AA$30,INDEX(Jesper!$R$2:$R$366,ROW(INDEX(Jesper!AK$2:AK$366,ROUNDDOWN($C4912/24,0)+1,1))-1)+IF('Standard Profiles'!$G$21=$B$10,7,0)+IF('Standard Profiles'!$G$21=$B$17,14,0)+IF('Standard Profiles'!$G$21=$B$24,21,0),0)),0)</f>
        <v>0.33848593835267082</v>
      </c>
      <c r="H4912" cm="1">
        <f t="array" ref="H4912">IFERROR(INDEX(Jesper!AL$2:AL$366,ROUNDDOWN($C4912/24,0)+1,1)*INDEX($D$3:$AA$30,INDEX(Jesper!$R$2:$R$366,ROW(INDEX(Jesper!AL$2:AL$366,ROUNDDOWN($C4912/24,0)+1,1))-1)+IF('Standard Profiles'!$G$22=$B$10,7,0)+IF('Standard Profiles'!$G$22=$B$17,14,0)+IF('Standard Profiles'!$G$22=$B$24,21,0),MOD($C4912,24)+1)/SUM(INDEX($D$3:$AA$30,INDEX(Jesper!$R$2:$R$366,ROW(INDEX(Jesper!AL$2:AL$366,ROUNDDOWN($C4912/24,0)+1,1))-1)+IF('Standard Profiles'!$G$22=$B$10,7,0)+IF('Standard Profiles'!$G$22=$B$17,14,0)+IF('Standard Profiles'!$G$22=$B$24,21,0),0)),0)</f>
        <v>0</v>
      </c>
      <c r="I4912">
        <f t="shared" si="552"/>
        <v>0</v>
      </c>
      <c r="J4912">
        <f t="shared" si="553"/>
        <v>3.6101175476912664</v>
      </c>
      <c r="K4912">
        <f t="shared" si="554"/>
        <v>0.21519649059594526</v>
      </c>
      <c r="L4912">
        <f t="shared" si="555"/>
        <v>0.10759824529797263</v>
      </c>
      <c r="M4912">
        <f t="shared" si="556"/>
        <v>0</v>
      </c>
      <c r="N4912" s="45">
        <f t="shared" si="557"/>
        <v>45130.249999988169</v>
      </c>
    </row>
    <row r="4913" spans="2:14" x14ac:dyDescent="0.25">
      <c r="B4913">
        <f t="shared" si="551"/>
        <v>7</v>
      </c>
      <c r="C4913" s="16">
        <v>4879</v>
      </c>
      <c r="D4913" cm="1">
        <f t="array" ref="D4913">IFERROR(INDEX(Jesper!AH$2:AH$366,ROUNDDOWN($C4913/24,0)+1,1)*INDEX($D$3:$AA$30,INDEX(Jesper!$R$2:$R$366,ROW(INDEX(Jesper!AH$2:AH$366,ROUNDDOWN($C4913/24,0)+1,1))-1)+IF('Standard Profiles'!$G$18=$B$10,7,0)+IF('Standard Profiles'!$G$18=$B$17,14,0)+IF('Standard Profiles'!$G$18=$B$24,21,0),MOD($C4913,24)+1)/SUM(INDEX($D$3:$AA$30,INDEX(Jesper!$R$2:$R$366,ROW(INDEX(Jesper!AH$2:AH$366,ROUNDDOWN($C4913/24,0)+1,1))-1)+IF('Standard Profiles'!$G$18=$B$10,7,0)+IF('Standard Profiles'!$G$18=$B$17,14,0)+IF('Standard Profiles'!$G$18=$B$24,21,0),0)),0)</f>
        <v>0</v>
      </c>
      <c r="E4913" cm="1">
        <f t="array" ref="E4913">IFERROR(INDEX(Jesper!AI$2:AI$366,ROUNDDOWN($C4913/24,0)+1,1)*INDEX($D$3:$AA$30,INDEX(Jesper!$R$2:$R$366,ROW(INDEX(Jesper!AI$2:AI$366,ROUNDDOWN($C4913/24,0)+1,1))-1)+IF('Standard Profiles'!$G$19=$B$10,7,0)+IF('Standard Profiles'!$G$19=$B$17,14,0)+IF('Standard Profiles'!$G$19=$B$24,21,0),MOD($C4913,24)+1)/SUM(INDEX($D$3:$AA$30,INDEX(Jesper!$R$2:$R$366,ROW(INDEX(Jesper!AI$2:AI$366,ROUNDDOWN($C4913/24,0)+1,1))-1)+IF('Standard Profiles'!$G$19=$B$10,7,0)+IF('Standard Profiles'!$G$19=$B$17,14,0)+IF('Standard Profiles'!$G$19=$B$24,21,0),0)),0)</f>
        <v>2.6899561324493155</v>
      </c>
      <c r="F4913" cm="1">
        <f t="array" ref="F4913">IFERROR(INDEX(Jesper!AJ$2:AJ$366,ROUNDDOWN($C4913/24,0)+1,1)*INDEX($D$3:$AA$30,INDEX(Jesper!$R$2:$R$366,ROW(INDEX(Jesper!AJ$2:AJ$366,ROUNDDOWN($C4913/24,0)+1,1))-1)+IF('Standard Profiles'!$G$20=$B$10,7,0)+IF('Standard Profiles'!$G$20=$B$17,14,0)+IF('Standard Profiles'!$G$20=$B$24,21,0),MOD($C4913,24)+1)/SUM(INDEX($D$3:$AA$30,INDEX(Jesper!$R$2:$R$366,ROW(INDEX(Jesper!AJ$2:AJ$366,ROUNDDOWN($C4913/24,0)+1,1))-1)+IF('Standard Profiles'!$G$20=$B$10,7,0)+IF('Standard Profiles'!$G$20=$B$17,14,0)+IF('Standard Profiles'!$G$20=$B$24,21,0),0)),0)</f>
        <v>0.90447021278319795</v>
      </c>
      <c r="G4913" cm="1">
        <f t="array" ref="G4913">IFERROR(INDEX(Jesper!AK$2:AK$366,ROUNDDOWN($C4913/24,0)+1,1)*INDEX($D$3:$AA$30,INDEX(Jesper!$R$2:$R$366,ROW(INDEX(Jesper!AK$2:AK$366,ROUNDDOWN($C4913/24,0)+1,1))-1)+IF('Standard Profiles'!$G$21=$B$10,7,0)+IF('Standard Profiles'!$G$21=$B$17,14,0)+IF('Standard Profiles'!$G$21=$B$24,21,0),MOD($C4913,24)+1)/SUM(INDEX($D$3:$AA$30,INDEX(Jesper!$R$2:$R$366,ROW(INDEX(Jesper!AK$2:AK$366,ROUNDDOWN($C4913/24,0)+1,1))-1)+IF('Standard Profiles'!$G$21=$B$10,7,0)+IF('Standard Profiles'!$G$21=$B$17,14,0)+IF('Standard Profiles'!$G$21=$B$24,21,0),0)),0)</f>
        <v>0.33848593835267082</v>
      </c>
      <c r="H4913" cm="1">
        <f t="array" ref="H4913">IFERROR(INDEX(Jesper!AL$2:AL$366,ROUNDDOWN($C4913/24,0)+1,1)*INDEX($D$3:$AA$30,INDEX(Jesper!$R$2:$R$366,ROW(INDEX(Jesper!AL$2:AL$366,ROUNDDOWN($C4913/24,0)+1,1))-1)+IF('Standard Profiles'!$G$22=$B$10,7,0)+IF('Standard Profiles'!$G$22=$B$17,14,0)+IF('Standard Profiles'!$G$22=$B$24,21,0),MOD($C4913,24)+1)/SUM(INDEX($D$3:$AA$30,INDEX(Jesper!$R$2:$R$366,ROW(INDEX(Jesper!AL$2:AL$366,ROUNDDOWN($C4913/24,0)+1,1))-1)+IF('Standard Profiles'!$G$22=$B$10,7,0)+IF('Standard Profiles'!$G$22=$B$17,14,0)+IF('Standard Profiles'!$G$22=$B$24,21,0),0)),0)</f>
        <v>0</v>
      </c>
      <c r="I4913">
        <f t="shared" si="552"/>
        <v>0</v>
      </c>
      <c r="J4913">
        <f t="shared" si="553"/>
        <v>3.6101175476912664</v>
      </c>
      <c r="K4913">
        <f t="shared" si="554"/>
        <v>0.21519649059594526</v>
      </c>
      <c r="L4913">
        <f t="shared" si="555"/>
        <v>0.10759824529797263</v>
      </c>
      <c r="M4913">
        <f t="shared" si="556"/>
        <v>0</v>
      </c>
      <c r="N4913" s="45">
        <f t="shared" si="557"/>
        <v>45130.291666654834</v>
      </c>
    </row>
    <row r="4914" spans="2:14" x14ac:dyDescent="0.25">
      <c r="B4914">
        <f t="shared" si="551"/>
        <v>7</v>
      </c>
      <c r="C4914" s="16">
        <v>4880</v>
      </c>
      <c r="D4914" cm="1">
        <f t="array" ref="D4914">IFERROR(INDEX(Jesper!AH$2:AH$366,ROUNDDOWN($C4914/24,0)+1,1)*INDEX($D$3:$AA$30,INDEX(Jesper!$R$2:$R$366,ROW(INDEX(Jesper!AH$2:AH$366,ROUNDDOWN($C4914/24,0)+1,1))-1)+IF('Standard Profiles'!$G$18=$B$10,7,0)+IF('Standard Profiles'!$G$18=$B$17,14,0)+IF('Standard Profiles'!$G$18=$B$24,21,0),MOD($C4914,24)+1)/SUM(INDEX($D$3:$AA$30,INDEX(Jesper!$R$2:$R$366,ROW(INDEX(Jesper!AH$2:AH$366,ROUNDDOWN($C4914/24,0)+1,1))-1)+IF('Standard Profiles'!$G$18=$B$10,7,0)+IF('Standard Profiles'!$G$18=$B$17,14,0)+IF('Standard Profiles'!$G$18=$B$24,21,0),0)),0)</f>
        <v>0</v>
      </c>
      <c r="E4914" cm="1">
        <f t="array" ref="E4914">IFERROR(INDEX(Jesper!AI$2:AI$366,ROUNDDOWN($C4914/24,0)+1,1)*INDEX($D$3:$AA$30,INDEX(Jesper!$R$2:$R$366,ROW(INDEX(Jesper!AI$2:AI$366,ROUNDDOWN($C4914/24,0)+1,1))-1)+IF('Standard Profiles'!$G$19=$B$10,7,0)+IF('Standard Profiles'!$G$19=$B$17,14,0)+IF('Standard Profiles'!$G$19=$B$24,21,0),MOD($C4914,24)+1)/SUM(INDEX($D$3:$AA$30,INDEX(Jesper!$R$2:$R$366,ROW(INDEX(Jesper!AI$2:AI$366,ROUNDDOWN($C4914/24,0)+1,1))-1)+IF('Standard Profiles'!$G$19=$B$10,7,0)+IF('Standard Profiles'!$G$19=$B$17,14,0)+IF('Standard Profiles'!$G$19=$B$24,21,0),0)),0)</f>
        <v>2.6899561324493155</v>
      </c>
      <c r="F4914" cm="1">
        <f t="array" ref="F4914">IFERROR(INDEX(Jesper!AJ$2:AJ$366,ROUNDDOWN($C4914/24,0)+1,1)*INDEX($D$3:$AA$30,INDEX(Jesper!$R$2:$R$366,ROW(INDEX(Jesper!AJ$2:AJ$366,ROUNDDOWN($C4914/24,0)+1,1))-1)+IF('Standard Profiles'!$G$20=$B$10,7,0)+IF('Standard Profiles'!$G$20=$B$17,14,0)+IF('Standard Profiles'!$G$20=$B$24,21,0),MOD($C4914,24)+1)/SUM(INDEX($D$3:$AA$30,INDEX(Jesper!$R$2:$R$366,ROW(INDEX(Jesper!AJ$2:AJ$366,ROUNDDOWN($C4914/24,0)+1,1))-1)+IF('Standard Profiles'!$G$20=$B$10,7,0)+IF('Standard Profiles'!$G$20=$B$17,14,0)+IF('Standard Profiles'!$G$20=$B$24,21,0),0)),0)</f>
        <v>0.90447021278319795</v>
      </c>
      <c r="G4914" cm="1">
        <f t="array" ref="G4914">IFERROR(INDEX(Jesper!AK$2:AK$366,ROUNDDOWN($C4914/24,0)+1,1)*INDEX($D$3:$AA$30,INDEX(Jesper!$R$2:$R$366,ROW(INDEX(Jesper!AK$2:AK$366,ROUNDDOWN($C4914/24,0)+1,1))-1)+IF('Standard Profiles'!$G$21=$B$10,7,0)+IF('Standard Profiles'!$G$21=$B$17,14,0)+IF('Standard Profiles'!$G$21=$B$24,21,0),MOD($C4914,24)+1)/SUM(INDEX($D$3:$AA$30,INDEX(Jesper!$R$2:$R$366,ROW(INDEX(Jesper!AK$2:AK$366,ROUNDDOWN($C4914/24,0)+1,1))-1)+IF('Standard Profiles'!$G$21=$B$10,7,0)+IF('Standard Profiles'!$G$21=$B$17,14,0)+IF('Standard Profiles'!$G$21=$B$24,21,0),0)),0)</f>
        <v>0.33848593835267082</v>
      </c>
      <c r="H4914" cm="1">
        <f t="array" ref="H4914">IFERROR(INDEX(Jesper!AL$2:AL$366,ROUNDDOWN($C4914/24,0)+1,1)*INDEX($D$3:$AA$30,INDEX(Jesper!$R$2:$R$366,ROW(INDEX(Jesper!AL$2:AL$366,ROUNDDOWN($C4914/24,0)+1,1))-1)+IF('Standard Profiles'!$G$22=$B$10,7,0)+IF('Standard Profiles'!$G$22=$B$17,14,0)+IF('Standard Profiles'!$G$22=$B$24,21,0),MOD($C4914,24)+1)/SUM(INDEX($D$3:$AA$30,INDEX(Jesper!$R$2:$R$366,ROW(INDEX(Jesper!AL$2:AL$366,ROUNDDOWN($C4914/24,0)+1,1))-1)+IF('Standard Profiles'!$G$22=$B$10,7,0)+IF('Standard Profiles'!$G$22=$B$17,14,0)+IF('Standard Profiles'!$G$22=$B$24,21,0),0)),0)</f>
        <v>0</v>
      </c>
      <c r="I4914">
        <f t="shared" si="552"/>
        <v>0</v>
      </c>
      <c r="J4914">
        <f t="shared" si="553"/>
        <v>3.6101175476912664</v>
      </c>
      <c r="K4914">
        <f t="shared" si="554"/>
        <v>0.21519649059594526</v>
      </c>
      <c r="L4914">
        <f t="shared" si="555"/>
        <v>0.10759824529797263</v>
      </c>
      <c r="M4914">
        <f t="shared" si="556"/>
        <v>0</v>
      </c>
      <c r="N4914" s="45">
        <f t="shared" si="557"/>
        <v>45130.333333321498</v>
      </c>
    </row>
    <row r="4915" spans="2:14" x14ac:dyDescent="0.25">
      <c r="B4915">
        <f t="shared" si="551"/>
        <v>7</v>
      </c>
      <c r="C4915" s="16">
        <v>4881</v>
      </c>
      <c r="D4915" cm="1">
        <f t="array" ref="D4915">IFERROR(INDEX(Jesper!AH$2:AH$366,ROUNDDOWN($C4915/24,0)+1,1)*INDEX($D$3:$AA$30,INDEX(Jesper!$R$2:$R$366,ROW(INDEX(Jesper!AH$2:AH$366,ROUNDDOWN($C4915/24,0)+1,1))-1)+IF('Standard Profiles'!$G$18=$B$10,7,0)+IF('Standard Profiles'!$G$18=$B$17,14,0)+IF('Standard Profiles'!$G$18=$B$24,21,0),MOD($C4915,24)+1)/SUM(INDEX($D$3:$AA$30,INDEX(Jesper!$R$2:$R$366,ROW(INDEX(Jesper!AH$2:AH$366,ROUNDDOWN($C4915/24,0)+1,1))-1)+IF('Standard Profiles'!$G$18=$B$10,7,0)+IF('Standard Profiles'!$G$18=$B$17,14,0)+IF('Standard Profiles'!$G$18=$B$24,21,0),0)),0)</f>
        <v>0</v>
      </c>
      <c r="E4915" cm="1">
        <f t="array" ref="E4915">IFERROR(INDEX(Jesper!AI$2:AI$366,ROUNDDOWN($C4915/24,0)+1,1)*INDEX($D$3:$AA$30,INDEX(Jesper!$R$2:$R$366,ROW(INDEX(Jesper!AI$2:AI$366,ROUNDDOWN($C4915/24,0)+1,1))-1)+IF('Standard Profiles'!$G$19=$B$10,7,0)+IF('Standard Profiles'!$G$19=$B$17,14,0)+IF('Standard Profiles'!$G$19=$B$24,21,0),MOD($C4915,24)+1)/SUM(INDEX($D$3:$AA$30,INDEX(Jesper!$R$2:$R$366,ROW(INDEX(Jesper!AI$2:AI$366,ROUNDDOWN($C4915/24,0)+1,1))-1)+IF('Standard Profiles'!$G$19=$B$10,7,0)+IF('Standard Profiles'!$G$19=$B$17,14,0)+IF('Standard Profiles'!$G$19=$B$24,21,0),0)),0)</f>
        <v>2.6899561324493155</v>
      </c>
      <c r="F4915" cm="1">
        <f t="array" ref="F4915">IFERROR(INDEX(Jesper!AJ$2:AJ$366,ROUNDDOWN($C4915/24,0)+1,1)*INDEX($D$3:$AA$30,INDEX(Jesper!$R$2:$R$366,ROW(INDEX(Jesper!AJ$2:AJ$366,ROUNDDOWN($C4915/24,0)+1,1))-1)+IF('Standard Profiles'!$G$20=$B$10,7,0)+IF('Standard Profiles'!$G$20=$B$17,14,0)+IF('Standard Profiles'!$G$20=$B$24,21,0),MOD($C4915,24)+1)/SUM(INDEX($D$3:$AA$30,INDEX(Jesper!$R$2:$R$366,ROW(INDEX(Jesper!AJ$2:AJ$366,ROUNDDOWN($C4915/24,0)+1,1))-1)+IF('Standard Profiles'!$G$20=$B$10,7,0)+IF('Standard Profiles'!$G$20=$B$17,14,0)+IF('Standard Profiles'!$G$20=$B$24,21,0),0)),0)</f>
        <v>0.90447021278319795</v>
      </c>
      <c r="G4915" cm="1">
        <f t="array" ref="G4915">IFERROR(INDEX(Jesper!AK$2:AK$366,ROUNDDOWN($C4915/24,0)+1,1)*INDEX($D$3:$AA$30,INDEX(Jesper!$R$2:$R$366,ROW(INDEX(Jesper!AK$2:AK$366,ROUNDDOWN($C4915/24,0)+1,1))-1)+IF('Standard Profiles'!$G$21=$B$10,7,0)+IF('Standard Profiles'!$G$21=$B$17,14,0)+IF('Standard Profiles'!$G$21=$B$24,21,0),MOD($C4915,24)+1)/SUM(INDEX($D$3:$AA$30,INDEX(Jesper!$R$2:$R$366,ROW(INDEX(Jesper!AK$2:AK$366,ROUNDDOWN($C4915/24,0)+1,1))-1)+IF('Standard Profiles'!$G$21=$B$10,7,0)+IF('Standard Profiles'!$G$21=$B$17,14,0)+IF('Standard Profiles'!$G$21=$B$24,21,0),0)),0)</f>
        <v>0.33848593835267082</v>
      </c>
      <c r="H4915" cm="1">
        <f t="array" ref="H4915">IFERROR(INDEX(Jesper!AL$2:AL$366,ROUNDDOWN($C4915/24,0)+1,1)*INDEX($D$3:$AA$30,INDEX(Jesper!$R$2:$R$366,ROW(INDEX(Jesper!AL$2:AL$366,ROUNDDOWN($C4915/24,0)+1,1))-1)+IF('Standard Profiles'!$G$22=$B$10,7,0)+IF('Standard Profiles'!$G$22=$B$17,14,0)+IF('Standard Profiles'!$G$22=$B$24,21,0),MOD($C4915,24)+1)/SUM(INDEX($D$3:$AA$30,INDEX(Jesper!$R$2:$R$366,ROW(INDEX(Jesper!AL$2:AL$366,ROUNDDOWN($C4915/24,0)+1,1))-1)+IF('Standard Profiles'!$G$22=$B$10,7,0)+IF('Standard Profiles'!$G$22=$B$17,14,0)+IF('Standard Profiles'!$G$22=$B$24,21,0),0)),0)</f>
        <v>0</v>
      </c>
      <c r="I4915">
        <f t="shared" si="552"/>
        <v>0</v>
      </c>
      <c r="J4915">
        <f t="shared" si="553"/>
        <v>3.6101175476912664</v>
      </c>
      <c r="K4915">
        <f t="shared" si="554"/>
        <v>0.21519649059594526</v>
      </c>
      <c r="L4915">
        <f t="shared" si="555"/>
        <v>0.10759824529797263</v>
      </c>
      <c r="M4915">
        <f t="shared" si="556"/>
        <v>0</v>
      </c>
      <c r="N4915" s="45">
        <f t="shared" si="557"/>
        <v>45130.374999988162</v>
      </c>
    </row>
    <row r="4916" spans="2:14" x14ac:dyDescent="0.25">
      <c r="B4916">
        <f t="shared" si="551"/>
        <v>7</v>
      </c>
      <c r="C4916" s="16">
        <v>4882</v>
      </c>
      <c r="D4916" cm="1">
        <f t="array" ref="D4916">IFERROR(INDEX(Jesper!AH$2:AH$366,ROUNDDOWN($C4916/24,0)+1,1)*INDEX($D$3:$AA$30,INDEX(Jesper!$R$2:$R$366,ROW(INDEX(Jesper!AH$2:AH$366,ROUNDDOWN($C4916/24,0)+1,1))-1)+IF('Standard Profiles'!$G$18=$B$10,7,0)+IF('Standard Profiles'!$G$18=$B$17,14,0)+IF('Standard Profiles'!$G$18=$B$24,21,0),MOD($C4916,24)+1)/SUM(INDEX($D$3:$AA$30,INDEX(Jesper!$R$2:$R$366,ROW(INDEX(Jesper!AH$2:AH$366,ROUNDDOWN($C4916/24,0)+1,1))-1)+IF('Standard Profiles'!$G$18=$B$10,7,0)+IF('Standard Profiles'!$G$18=$B$17,14,0)+IF('Standard Profiles'!$G$18=$B$24,21,0),0)),0)</f>
        <v>0</v>
      </c>
      <c r="E4916" cm="1">
        <f t="array" ref="E4916">IFERROR(INDEX(Jesper!AI$2:AI$366,ROUNDDOWN($C4916/24,0)+1,1)*INDEX($D$3:$AA$30,INDEX(Jesper!$R$2:$R$366,ROW(INDEX(Jesper!AI$2:AI$366,ROUNDDOWN($C4916/24,0)+1,1))-1)+IF('Standard Profiles'!$G$19=$B$10,7,0)+IF('Standard Profiles'!$G$19=$B$17,14,0)+IF('Standard Profiles'!$G$19=$B$24,21,0),MOD($C4916,24)+1)/SUM(INDEX($D$3:$AA$30,INDEX(Jesper!$R$2:$R$366,ROW(INDEX(Jesper!AI$2:AI$366,ROUNDDOWN($C4916/24,0)+1,1))-1)+IF('Standard Profiles'!$G$19=$B$10,7,0)+IF('Standard Profiles'!$G$19=$B$17,14,0)+IF('Standard Profiles'!$G$19=$B$24,21,0),0)),0)</f>
        <v>2.6899561324493155</v>
      </c>
      <c r="F4916" cm="1">
        <f t="array" ref="F4916">IFERROR(INDEX(Jesper!AJ$2:AJ$366,ROUNDDOWN($C4916/24,0)+1,1)*INDEX($D$3:$AA$30,INDEX(Jesper!$R$2:$R$366,ROW(INDEX(Jesper!AJ$2:AJ$366,ROUNDDOWN($C4916/24,0)+1,1))-1)+IF('Standard Profiles'!$G$20=$B$10,7,0)+IF('Standard Profiles'!$G$20=$B$17,14,0)+IF('Standard Profiles'!$G$20=$B$24,21,0),MOD($C4916,24)+1)/SUM(INDEX($D$3:$AA$30,INDEX(Jesper!$R$2:$R$366,ROW(INDEX(Jesper!AJ$2:AJ$366,ROUNDDOWN($C4916/24,0)+1,1))-1)+IF('Standard Profiles'!$G$20=$B$10,7,0)+IF('Standard Profiles'!$G$20=$B$17,14,0)+IF('Standard Profiles'!$G$20=$B$24,21,0),0)),0)</f>
        <v>0.90447021278319795</v>
      </c>
      <c r="G4916" cm="1">
        <f t="array" ref="G4916">IFERROR(INDEX(Jesper!AK$2:AK$366,ROUNDDOWN($C4916/24,0)+1,1)*INDEX($D$3:$AA$30,INDEX(Jesper!$R$2:$R$366,ROW(INDEX(Jesper!AK$2:AK$366,ROUNDDOWN($C4916/24,0)+1,1))-1)+IF('Standard Profiles'!$G$21=$B$10,7,0)+IF('Standard Profiles'!$G$21=$B$17,14,0)+IF('Standard Profiles'!$G$21=$B$24,21,0),MOD($C4916,24)+1)/SUM(INDEX($D$3:$AA$30,INDEX(Jesper!$R$2:$R$366,ROW(INDEX(Jesper!AK$2:AK$366,ROUNDDOWN($C4916/24,0)+1,1))-1)+IF('Standard Profiles'!$G$21=$B$10,7,0)+IF('Standard Profiles'!$G$21=$B$17,14,0)+IF('Standard Profiles'!$G$21=$B$24,21,0),0)),0)</f>
        <v>0.33848593835267082</v>
      </c>
      <c r="H4916" cm="1">
        <f t="array" ref="H4916">IFERROR(INDEX(Jesper!AL$2:AL$366,ROUNDDOWN($C4916/24,0)+1,1)*INDEX($D$3:$AA$30,INDEX(Jesper!$R$2:$R$366,ROW(INDEX(Jesper!AL$2:AL$366,ROUNDDOWN($C4916/24,0)+1,1))-1)+IF('Standard Profiles'!$G$22=$B$10,7,0)+IF('Standard Profiles'!$G$22=$B$17,14,0)+IF('Standard Profiles'!$G$22=$B$24,21,0),MOD($C4916,24)+1)/SUM(INDEX($D$3:$AA$30,INDEX(Jesper!$R$2:$R$366,ROW(INDEX(Jesper!AL$2:AL$366,ROUNDDOWN($C4916/24,0)+1,1))-1)+IF('Standard Profiles'!$G$22=$B$10,7,0)+IF('Standard Profiles'!$G$22=$B$17,14,0)+IF('Standard Profiles'!$G$22=$B$24,21,0),0)),0)</f>
        <v>0</v>
      </c>
      <c r="I4916">
        <f t="shared" si="552"/>
        <v>0</v>
      </c>
      <c r="J4916">
        <f t="shared" si="553"/>
        <v>3.6101175476912664</v>
      </c>
      <c r="K4916">
        <f t="shared" si="554"/>
        <v>0.21519649059594526</v>
      </c>
      <c r="L4916">
        <f t="shared" si="555"/>
        <v>0.10759824529797263</v>
      </c>
      <c r="M4916">
        <f t="shared" si="556"/>
        <v>0</v>
      </c>
      <c r="N4916" s="45">
        <f t="shared" si="557"/>
        <v>45130.416666654826</v>
      </c>
    </row>
    <row r="4917" spans="2:14" x14ac:dyDescent="0.25">
      <c r="B4917">
        <f t="shared" si="551"/>
        <v>7</v>
      </c>
      <c r="C4917" s="16">
        <v>4883</v>
      </c>
      <c r="D4917" cm="1">
        <f t="array" ref="D4917">IFERROR(INDEX(Jesper!AH$2:AH$366,ROUNDDOWN($C4917/24,0)+1,1)*INDEX($D$3:$AA$30,INDEX(Jesper!$R$2:$R$366,ROW(INDEX(Jesper!AH$2:AH$366,ROUNDDOWN($C4917/24,0)+1,1))-1)+IF('Standard Profiles'!$G$18=$B$10,7,0)+IF('Standard Profiles'!$G$18=$B$17,14,0)+IF('Standard Profiles'!$G$18=$B$24,21,0),MOD($C4917,24)+1)/SUM(INDEX($D$3:$AA$30,INDEX(Jesper!$R$2:$R$366,ROW(INDEX(Jesper!AH$2:AH$366,ROUNDDOWN($C4917/24,0)+1,1))-1)+IF('Standard Profiles'!$G$18=$B$10,7,0)+IF('Standard Profiles'!$G$18=$B$17,14,0)+IF('Standard Profiles'!$G$18=$B$24,21,0),0)),0)</f>
        <v>0</v>
      </c>
      <c r="E4917" cm="1">
        <f t="array" ref="E4917">IFERROR(INDEX(Jesper!AI$2:AI$366,ROUNDDOWN($C4917/24,0)+1,1)*INDEX($D$3:$AA$30,INDEX(Jesper!$R$2:$R$366,ROW(INDEX(Jesper!AI$2:AI$366,ROUNDDOWN($C4917/24,0)+1,1))-1)+IF('Standard Profiles'!$G$19=$B$10,7,0)+IF('Standard Profiles'!$G$19=$B$17,14,0)+IF('Standard Profiles'!$G$19=$B$24,21,0),MOD($C4917,24)+1)/SUM(INDEX($D$3:$AA$30,INDEX(Jesper!$R$2:$R$366,ROW(INDEX(Jesper!AI$2:AI$366,ROUNDDOWN($C4917/24,0)+1,1))-1)+IF('Standard Profiles'!$G$19=$B$10,7,0)+IF('Standard Profiles'!$G$19=$B$17,14,0)+IF('Standard Profiles'!$G$19=$B$24,21,0),0)),0)</f>
        <v>2.6899561324493155</v>
      </c>
      <c r="F4917" cm="1">
        <f t="array" ref="F4917">IFERROR(INDEX(Jesper!AJ$2:AJ$366,ROUNDDOWN($C4917/24,0)+1,1)*INDEX($D$3:$AA$30,INDEX(Jesper!$R$2:$R$366,ROW(INDEX(Jesper!AJ$2:AJ$366,ROUNDDOWN($C4917/24,0)+1,1))-1)+IF('Standard Profiles'!$G$20=$B$10,7,0)+IF('Standard Profiles'!$G$20=$B$17,14,0)+IF('Standard Profiles'!$G$20=$B$24,21,0),MOD($C4917,24)+1)/SUM(INDEX($D$3:$AA$30,INDEX(Jesper!$R$2:$R$366,ROW(INDEX(Jesper!AJ$2:AJ$366,ROUNDDOWN($C4917/24,0)+1,1))-1)+IF('Standard Profiles'!$G$20=$B$10,7,0)+IF('Standard Profiles'!$G$20=$B$17,14,0)+IF('Standard Profiles'!$G$20=$B$24,21,0),0)),0)</f>
        <v>0.90447021278319795</v>
      </c>
      <c r="G4917" cm="1">
        <f t="array" ref="G4917">IFERROR(INDEX(Jesper!AK$2:AK$366,ROUNDDOWN($C4917/24,0)+1,1)*INDEX($D$3:$AA$30,INDEX(Jesper!$R$2:$R$366,ROW(INDEX(Jesper!AK$2:AK$366,ROUNDDOWN($C4917/24,0)+1,1))-1)+IF('Standard Profiles'!$G$21=$B$10,7,0)+IF('Standard Profiles'!$G$21=$B$17,14,0)+IF('Standard Profiles'!$G$21=$B$24,21,0),MOD($C4917,24)+1)/SUM(INDEX($D$3:$AA$30,INDEX(Jesper!$R$2:$R$366,ROW(INDEX(Jesper!AK$2:AK$366,ROUNDDOWN($C4917/24,0)+1,1))-1)+IF('Standard Profiles'!$G$21=$B$10,7,0)+IF('Standard Profiles'!$G$21=$B$17,14,0)+IF('Standard Profiles'!$G$21=$B$24,21,0),0)),0)</f>
        <v>0.33848593835267082</v>
      </c>
      <c r="H4917" cm="1">
        <f t="array" ref="H4917">IFERROR(INDEX(Jesper!AL$2:AL$366,ROUNDDOWN($C4917/24,0)+1,1)*INDEX($D$3:$AA$30,INDEX(Jesper!$R$2:$R$366,ROW(INDEX(Jesper!AL$2:AL$366,ROUNDDOWN($C4917/24,0)+1,1))-1)+IF('Standard Profiles'!$G$22=$B$10,7,0)+IF('Standard Profiles'!$G$22=$B$17,14,0)+IF('Standard Profiles'!$G$22=$B$24,21,0),MOD($C4917,24)+1)/SUM(INDEX($D$3:$AA$30,INDEX(Jesper!$R$2:$R$366,ROW(INDEX(Jesper!AL$2:AL$366,ROUNDDOWN($C4917/24,0)+1,1))-1)+IF('Standard Profiles'!$G$22=$B$10,7,0)+IF('Standard Profiles'!$G$22=$B$17,14,0)+IF('Standard Profiles'!$G$22=$B$24,21,0),0)),0)</f>
        <v>0</v>
      </c>
      <c r="I4917">
        <f t="shared" si="552"/>
        <v>0</v>
      </c>
      <c r="J4917">
        <f t="shared" si="553"/>
        <v>3.6101175476912664</v>
      </c>
      <c r="K4917">
        <f t="shared" si="554"/>
        <v>0.21519649059594526</v>
      </c>
      <c r="L4917">
        <f t="shared" si="555"/>
        <v>0.10759824529797263</v>
      </c>
      <c r="M4917">
        <f t="shared" si="556"/>
        <v>0</v>
      </c>
      <c r="N4917" s="45">
        <f t="shared" si="557"/>
        <v>45130.45833332149</v>
      </c>
    </row>
    <row r="4918" spans="2:14" x14ac:dyDescent="0.25">
      <c r="B4918">
        <f t="shared" si="551"/>
        <v>7</v>
      </c>
      <c r="C4918" s="16">
        <v>4884</v>
      </c>
      <c r="D4918" cm="1">
        <f t="array" ref="D4918">IFERROR(INDEX(Jesper!AH$2:AH$366,ROUNDDOWN($C4918/24,0)+1,1)*INDEX($D$3:$AA$30,INDEX(Jesper!$R$2:$R$366,ROW(INDEX(Jesper!AH$2:AH$366,ROUNDDOWN($C4918/24,0)+1,1))-1)+IF('Standard Profiles'!$G$18=$B$10,7,0)+IF('Standard Profiles'!$G$18=$B$17,14,0)+IF('Standard Profiles'!$G$18=$B$24,21,0),MOD($C4918,24)+1)/SUM(INDEX($D$3:$AA$30,INDEX(Jesper!$R$2:$R$366,ROW(INDEX(Jesper!AH$2:AH$366,ROUNDDOWN($C4918/24,0)+1,1))-1)+IF('Standard Profiles'!$G$18=$B$10,7,0)+IF('Standard Profiles'!$G$18=$B$17,14,0)+IF('Standard Profiles'!$G$18=$B$24,21,0),0)),0)</f>
        <v>0</v>
      </c>
      <c r="E4918" cm="1">
        <f t="array" ref="E4918">IFERROR(INDEX(Jesper!AI$2:AI$366,ROUNDDOWN($C4918/24,0)+1,1)*INDEX($D$3:$AA$30,INDEX(Jesper!$R$2:$R$366,ROW(INDEX(Jesper!AI$2:AI$366,ROUNDDOWN($C4918/24,0)+1,1))-1)+IF('Standard Profiles'!$G$19=$B$10,7,0)+IF('Standard Profiles'!$G$19=$B$17,14,0)+IF('Standard Profiles'!$G$19=$B$24,21,0),MOD($C4918,24)+1)/SUM(INDEX($D$3:$AA$30,INDEX(Jesper!$R$2:$R$366,ROW(INDEX(Jesper!AI$2:AI$366,ROUNDDOWN($C4918/24,0)+1,1))-1)+IF('Standard Profiles'!$G$19=$B$10,7,0)+IF('Standard Profiles'!$G$19=$B$17,14,0)+IF('Standard Profiles'!$G$19=$B$24,21,0),0)),0)</f>
        <v>2.6899561324493155</v>
      </c>
      <c r="F4918" cm="1">
        <f t="array" ref="F4918">IFERROR(INDEX(Jesper!AJ$2:AJ$366,ROUNDDOWN($C4918/24,0)+1,1)*INDEX($D$3:$AA$30,INDEX(Jesper!$R$2:$R$366,ROW(INDEX(Jesper!AJ$2:AJ$366,ROUNDDOWN($C4918/24,0)+1,1))-1)+IF('Standard Profiles'!$G$20=$B$10,7,0)+IF('Standard Profiles'!$G$20=$B$17,14,0)+IF('Standard Profiles'!$G$20=$B$24,21,0),MOD($C4918,24)+1)/SUM(INDEX($D$3:$AA$30,INDEX(Jesper!$R$2:$R$366,ROW(INDEX(Jesper!AJ$2:AJ$366,ROUNDDOWN($C4918/24,0)+1,1))-1)+IF('Standard Profiles'!$G$20=$B$10,7,0)+IF('Standard Profiles'!$G$20=$B$17,14,0)+IF('Standard Profiles'!$G$20=$B$24,21,0),0)),0)</f>
        <v>0.90447021278319795</v>
      </c>
      <c r="G4918" cm="1">
        <f t="array" ref="G4918">IFERROR(INDEX(Jesper!AK$2:AK$366,ROUNDDOWN($C4918/24,0)+1,1)*INDEX($D$3:$AA$30,INDEX(Jesper!$R$2:$R$366,ROW(INDEX(Jesper!AK$2:AK$366,ROUNDDOWN($C4918/24,0)+1,1))-1)+IF('Standard Profiles'!$G$21=$B$10,7,0)+IF('Standard Profiles'!$G$21=$B$17,14,0)+IF('Standard Profiles'!$G$21=$B$24,21,0),MOD($C4918,24)+1)/SUM(INDEX($D$3:$AA$30,INDEX(Jesper!$R$2:$R$366,ROW(INDEX(Jesper!AK$2:AK$366,ROUNDDOWN($C4918/24,0)+1,1))-1)+IF('Standard Profiles'!$G$21=$B$10,7,0)+IF('Standard Profiles'!$G$21=$B$17,14,0)+IF('Standard Profiles'!$G$21=$B$24,21,0),0)),0)</f>
        <v>0.33848593835267082</v>
      </c>
      <c r="H4918" cm="1">
        <f t="array" ref="H4918">IFERROR(INDEX(Jesper!AL$2:AL$366,ROUNDDOWN($C4918/24,0)+1,1)*INDEX($D$3:$AA$30,INDEX(Jesper!$R$2:$R$366,ROW(INDEX(Jesper!AL$2:AL$366,ROUNDDOWN($C4918/24,0)+1,1))-1)+IF('Standard Profiles'!$G$22=$B$10,7,0)+IF('Standard Profiles'!$G$22=$B$17,14,0)+IF('Standard Profiles'!$G$22=$B$24,21,0),MOD($C4918,24)+1)/SUM(INDEX($D$3:$AA$30,INDEX(Jesper!$R$2:$R$366,ROW(INDEX(Jesper!AL$2:AL$366,ROUNDDOWN($C4918/24,0)+1,1))-1)+IF('Standard Profiles'!$G$22=$B$10,7,0)+IF('Standard Profiles'!$G$22=$B$17,14,0)+IF('Standard Profiles'!$G$22=$B$24,21,0),0)),0)</f>
        <v>0</v>
      </c>
      <c r="I4918">
        <f t="shared" si="552"/>
        <v>0</v>
      </c>
      <c r="J4918">
        <f t="shared" si="553"/>
        <v>3.6101175476912664</v>
      </c>
      <c r="K4918">
        <f t="shared" si="554"/>
        <v>0.21519649059594526</v>
      </c>
      <c r="L4918">
        <f t="shared" si="555"/>
        <v>0.10759824529797263</v>
      </c>
      <c r="M4918">
        <f t="shared" si="556"/>
        <v>0</v>
      </c>
      <c r="N4918" s="45">
        <f t="shared" si="557"/>
        <v>45130.499999988155</v>
      </c>
    </row>
    <row r="4919" spans="2:14" x14ac:dyDescent="0.25">
      <c r="B4919">
        <f t="shared" si="551"/>
        <v>7</v>
      </c>
      <c r="C4919" s="16">
        <v>4885</v>
      </c>
      <c r="D4919" cm="1">
        <f t="array" ref="D4919">IFERROR(INDEX(Jesper!AH$2:AH$366,ROUNDDOWN($C4919/24,0)+1,1)*INDEX($D$3:$AA$30,INDEX(Jesper!$R$2:$R$366,ROW(INDEX(Jesper!AH$2:AH$366,ROUNDDOWN($C4919/24,0)+1,1))-1)+IF('Standard Profiles'!$G$18=$B$10,7,0)+IF('Standard Profiles'!$G$18=$B$17,14,0)+IF('Standard Profiles'!$G$18=$B$24,21,0),MOD($C4919,24)+1)/SUM(INDEX($D$3:$AA$30,INDEX(Jesper!$R$2:$R$366,ROW(INDEX(Jesper!AH$2:AH$366,ROUNDDOWN($C4919/24,0)+1,1))-1)+IF('Standard Profiles'!$G$18=$B$10,7,0)+IF('Standard Profiles'!$G$18=$B$17,14,0)+IF('Standard Profiles'!$G$18=$B$24,21,0),0)),0)</f>
        <v>0</v>
      </c>
      <c r="E4919" cm="1">
        <f t="array" ref="E4919">IFERROR(INDEX(Jesper!AI$2:AI$366,ROUNDDOWN($C4919/24,0)+1,1)*INDEX($D$3:$AA$30,INDEX(Jesper!$R$2:$R$366,ROW(INDEX(Jesper!AI$2:AI$366,ROUNDDOWN($C4919/24,0)+1,1))-1)+IF('Standard Profiles'!$G$19=$B$10,7,0)+IF('Standard Profiles'!$G$19=$B$17,14,0)+IF('Standard Profiles'!$G$19=$B$24,21,0),MOD($C4919,24)+1)/SUM(INDEX($D$3:$AA$30,INDEX(Jesper!$R$2:$R$366,ROW(INDEX(Jesper!AI$2:AI$366,ROUNDDOWN($C4919/24,0)+1,1))-1)+IF('Standard Profiles'!$G$19=$B$10,7,0)+IF('Standard Profiles'!$G$19=$B$17,14,0)+IF('Standard Profiles'!$G$19=$B$24,21,0),0)),0)</f>
        <v>2.6899561324493155</v>
      </c>
      <c r="F4919" cm="1">
        <f t="array" ref="F4919">IFERROR(INDEX(Jesper!AJ$2:AJ$366,ROUNDDOWN($C4919/24,0)+1,1)*INDEX($D$3:$AA$30,INDEX(Jesper!$R$2:$R$366,ROW(INDEX(Jesper!AJ$2:AJ$366,ROUNDDOWN($C4919/24,0)+1,1))-1)+IF('Standard Profiles'!$G$20=$B$10,7,0)+IF('Standard Profiles'!$G$20=$B$17,14,0)+IF('Standard Profiles'!$G$20=$B$24,21,0),MOD($C4919,24)+1)/SUM(INDEX($D$3:$AA$30,INDEX(Jesper!$R$2:$R$366,ROW(INDEX(Jesper!AJ$2:AJ$366,ROUNDDOWN($C4919/24,0)+1,1))-1)+IF('Standard Profiles'!$G$20=$B$10,7,0)+IF('Standard Profiles'!$G$20=$B$17,14,0)+IF('Standard Profiles'!$G$20=$B$24,21,0),0)),0)</f>
        <v>0.90447021278319795</v>
      </c>
      <c r="G4919" cm="1">
        <f t="array" ref="G4919">IFERROR(INDEX(Jesper!AK$2:AK$366,ROUNDDOWN($C4919/24,0)+1,1)*INDEX($D$3:$AA$30,INDEX(Jesper!$R$2:$R$366,ROW(INDEX(Jesper!AK$2:AK$366,ROUNDDOWN($C4919/24,0)+1,1))-1)+IF('Standard Profiles'!$G$21=$B$10,7,0)+IF('Standard Profiles'!$G$21=$B$17,14,0)+IF('Standard Profiles'!$G$21=$B$24,21,0),MOD($C4919,24)+1)/SUM(INDEX($D$3:$AA$30,INDEX(Jesper!$R$2:$R$366,ROW(INDEX(Jesper!AK$2:AK$366,ROUNDDOWN($C4919/24,0)+1,1))-1)+IF('Standard Profiles'!$G$21=$B$10,7,0)+IF('Standard Profiles'!$G$21=$B$17,14,0)+IF('Standard Profiles'!$G$21=$B$24,21,0),0)),0)</f>
        <v>0.33848593835267082</v>
      </c>
      <c r="H4919" cm="1">
        <f t="array" ref="H4919">IFERROR(INDEX(Jesper!AL$2:AL$366,ROUNDDOWN($C4919/24,0)+1,1)*INDEX($D$3:$AA$30,INDEX(Jesper!$R$2:$R$366,ROW(INDEX(Jesper!AL$2:AL$366,ROUNDDOWN($C4919/24,0)+1,1))-1)+IF('Standard Profiles'!$G$22=$B$10,7,0)+IF('Standard Profiles'!$G$22=$B$17,14,0)+IF('Standard Profiles'!$G$22=$B$24,21,0),MOD($C4919,24)+1)/SUM(INDEX($D$3:$AA$30,INDEX(Jesper!$R$2:$R$366,ROW(INDEX(Jesper!AL$2:AL$366,ROUNDDOWN($C4919/24,0)+1,1))-1)+IF('Standard Profiles'!$G$22=$B$10,7,0)+IF('Standard Profiles'!$G$22=$B$17,14,0)+IF('Standard Profiles'!$G$22=$B$24,21,0),0)),0)</f>
        <v>0</v>
      </c>
      <c r="I4919">
        <f t="shared" si="552"/>
        <v>0</v>
      </c>
      <c r="J4919">
        <f t="shared" si="553"/>
        <v>3.6101175476912664</v>
      </c>
      <c r="K4919">
        <f t="shared" si="554"/>
        <v>0.21519649059594526</v>
      </c>
      <c r="L4919">
        <f t="shared" si="555"/>
        <v>0.10759824529797263</v>
      </c>
      <c r="M4919">
        <f t="shared" si="556"/>
        <v>0</v>
      </c>
      <c r="N4919" s="45">
        <f t="shared" si="557"/>
        <v>45130.541666654819</v>
      </c>
    </row>
    <row r="4920" spans="2:14" x14ac:dyDescent="0.25">
      <c r="B4920">
        <f t="shared" si="551"/>
        <v>7</v>
      </c>
      <c r="C4920" s="16">
        <v>4886</v>
      </c>
      <c r="D4920" cm="1">
        <f t="array" ref="D4920">IFERROR(INDEX(Jesper!AH$2:AH$366,ROUNDDOWN($C4920/24,0)+1,1)*INDEX($D$3:$AA$30,INDEX(Jesper!$R$2:$R$366,ROW(INDEX(Jesper!AH$2:AH$366,ROUNDDOWN($C4920/24,0)+1,1))-1)+IF('Standard Profiles'!$G$18=$B$10,7,0)+IF('Standard Profiles'!$G$18=$B$17,14,0)+IF('Standard Profiles'!$G$18=$B$24,21,0),MOD($C4920,24)+1)/SUM(INDEX($D$3:$AA$30,INDEX(Jesper!$R$2:$R$366,ROW(INDEX(Jesper!AH$2:AH$366,ROUNDDOWN($C4920/24,0)+1,1))-1)+IF('Standard Profiles'!$G$18=$B$10,7,0)+IF('Standard Profiles'!$G$18=$B$17,14,0)+IF('Standard Profiles'!$G$18=$B$24,21,0),0)),0)</f>
        <v>0</v>
      </c>
      <c r="E4920" cm="1">
        <f t="array" ref="E4920">IFERROR(INDEX(Jesper!AI$2:AI$366,ROUNDDOWN($C4920/24,0)+1,1)*INDEX($D$3:$AA$30,INDEX(Jesper!$R$2:$R$366,ROW(INDEX(Jesper!AI$2:AI$366,ROUNDDOWN($C4920/24,0)+1,1))-1)+IF('Standard Profiles'!$G$19=$B$10,7,0)+IF('Standard Profiles'!$G$19=$B$17,14,0)+IF('Standard Profiles'!$G$19=$B$24,21,0),MOD($C4920,24)+1)/SUM(INDEX($D$3:$AA$30,INDEX(Jesper!$R$2:$R$366,ROW(INDEX(Jesper!AI$2:AI$366,ROUNDDOWN($C4920/24,0)+1,1))-1)+IF('Standard Profiles'!$G$19=$B$10,7,0)+IF('Standard Profiles'!$G$19=$B$17,14,0)+IF('Standard Profiles'!$G$19=$B$24,21,0),0)),0)</f>
        <v>2.6899561324493155</v>
      </c>
      <c r="F4920" cm="1">
        <f t="array" ref="F4920">IFERROR(INDEX(Jesper!AJ$2:AJ$366,ROUNDDOWN($C4920/24,0)+1,1)*INDEX($D$3:$AA$30,INDEX(Jesper!$R$2:$R$366,ROW(INDEX(Jesper!AJ$2:AJ$366,ROUNDDOWN($C4920/24,0)+1,1))-1)+IF('Standard Profiles'!$G$20=$B$10,7,0)+IF('Standard Profiles'!$G$20=$B$17,14,0)+IF('Standard Profiles'!$G$20=$B$24,21,0),MOD($C4920,24)+1)/SUM(INDEX($D$3:$AA$30,INDEX(Jesper!$R$2:$R$366,ROW(INDEX(Jesper!AJ$2:AJ$366,ROUNDDOWN($C4920/24,0)+1,1))-1)+IF('Standard Profiles'!$G$20=$B$10,7,0)+IF('Standard Profiles'!$G$20=$B$17,14,0)+IF('Standard Profiles'!$G$20=$B$24,21,0),0)),0)</f>
        <v>0.90447021278319795</v>
      </c>
      <c r="G4920" cm="1">
        <f t="array" ref="G4920">IFERROR(INDEX(Jesper!AK$2:AK$366,ROUNDDOWN($C4920/24,0)+1,1)*INDEX($D$3:$AA$30,INDEX(Jesper!$R$2:$R$366,ROW(INDEX(Jesper!AK$2:AK$366,ROUNDDOWN($C4920/24,0)+1,1))-1)+IF('Standard Profiles'!$G$21=$B$10,7,0)+IF('Standard Profiles'!$G$21=$B$17,14,0)+IF('Standard Profiles'!$G$21=$B$24,21,0),MOD($C4920,24)+1)/SUM(INDEX($D$3:$AA$30,INDEX(Jesper!$R$2:$R$366,ROW(INDEX(Jesper!AK$2:AK$366,ROUNDDOWN($C4920/24,0)+1,1))-1)+IF('Standard Profiles'!$G$21=$B$10,7,0)+IF('Standard Profiles'!$G$21=$B$17,14,0)+IF('Standard Profiles'!$G$21=$B$24,21,0),0)),0)</f>
        <v>0.33848593835267082</v>
      </c>
      <c r="H4920" cm="1">
        <f t="array" ref="H4920">IFERROR(INDEX(Jesper!AL$2:AL$366,ROUNDDOWN($C4920/24,0)+1,1)*INDEX($D$3:$AA$30,INDEX(Jesper!$R$2:$R$366,ROW(INDEX(Jesper!AL$2:AL$366,ROUNDDOWN($C4920/24,0)+1,1))-1)+IF('Standard Profiles'!$G$22=$B$10,7,0)+IF('Standard Profiles'!$G$22=$B$17,14,0)+IF('Standard Profiles'!$G$22=$B$24,21,0),MOD($C4920,24)+1)/SUM(INDEX($D$3:$AA$30,INDEX(Jesper!$R$2:$R$366,ROW(INDEX(Jesper!AL$2:AL$366,ROUNDDOWN($C4920/24,0)+1,1))-1)+IF('Standard Profiles'!$G$22=$B$10,7,0)+IF('Standard Profiles'!$G$22=$B$17,14,0)+IF('Standard Profiles'!$G$22=$B$24,21,0),0)),0)</f>
        <v>0</v>
      </c>
      <c r="I4920">
        <f t="shared" si="552"/>
        <v>0</v>
      </c>
      <c r="J4920">
        <f t="shared" si="553"/>
        <v>3.6101175476912664</v>
      </c>
      <c r="K4920">
        <f t="shared" si="554"/>
        <v>0.21519649059594526</v>
      </c>
      <c r="L4920">
        <f t="shared" si="555"/>
        <v>0.10759824529797263</v>
      </c>
      <c r="M4920">
        <f t="shared" si="556"/>
        <v>0</v>
      </c>
      <c r="N4920" s="45">
        <f t="shared" si="557"/>
        <v>45130.583333321483</v>
      </c>
    </row>
    <row r="4921" spans="2:14" x14ac:dyDescent="0.25">
      <c r="B4921">
        <f t="shared" si="551"/>
        <v>7</v>
      </c>
      <c r="C4921" s="16">
        <v>4887</v>
      </c>
      <c r="D4921" cm="1">
        <f t="array" ref="D4921">IFERROR(INDEX(Jesper!AH$2:AH$366,ROUNDDOWN($C4921/24,0)+1,1)*INDEX($D$3:$AA$30,INDEX(Jesper!$R$2:$R$366,ROW(INDEX(Jesper!AH$2:AH$366,ROUNDDOWN($C4921/24,0)+1,1))-1)+IF('Standard Profiles'!$G$18=$B$10,7,0)+IF('Standard Profiles'!$G$18=$B$17,14,0)+IF('Standard Profiles'!$G$18=$B$24,21,0),MOD($C4921,24)+1)/SUM(INDEX($D$3:$AA$30,INDEX(Jesper!$R$2:$R$366,ROW(INDEX(Jesper!AH$2:AH$366,ROUNDDOWN($C4921/24,0)+1,1))-1)+IF('Standard Profiles'!$G$18=$B$10,7,0)+IF('Standard Profiles'!$G$18=$B$17,14,0)+IF('Standard Profiles'!$G$18=$B$24,21,0),0)),0)</f>
        <v>0</v>
      </c>
      <c r="E4921" cm="1">
        <f t="array" ref="E4921">IFERROR(INDEX(Jesper!AI$2:AI$366,ROUNDDOWN($C4921/24,0)+1,1)*INDEX($D$3:$AA$30,INDEX(Jesper!$R$2:$R$366,ROW(INDEX(Jesper!AI$2:AI$366,ROUNDDOWN($C4921/24,0)+1,1))-1)+IF('Standard Profiles'!$G$19=$B$10,7,0)+IF('Standard Profiles'!$G$19=$B$17,14,0)+IF('Standard Profiles'!$G$19=$B$24,21,0),MOD($C4921,24)+1)/SUM(INDEX($D$3:$AA$30,INDEX(Jesper!$R$2:$R$366,ROW(INDEX(Jesper!AI$2:AI$366,ROUNDDOWN($C4921/24,0)+1,1))-1)+IF('Standard Profiles'!$G$19=$B$10,7,0)+IF('Standard Profiles'!$G$19=$B$17,14,0)+IF('Standard Profiles'!$G$19=$B$24,21,0),0)),0)</f>
        <v>2.6899561324493155</v>
      </c>
      <c r="F4921" cm="1">
        <f t="array" ref="F4921">IFERROR(INDEX(Jesper!AJ$2:AJ$366,ROUNDDOWN($C4921/24,0)+1,1)*INDEX($D$3:$AA$30,INDEX(Jesper!$R$2:$R$366,ROW(INDEX(Jesper!AJ$2:AJ$366,ROUNDDOWN($C4921/24,0)+1,1))-1)+IF('Standard Profiles'!$G$20=$B$10,7,0)+IF('Standard Profiles'!$G$20=$B$17,14,0)+IF('Standard Profiles'!$G$20=$B$24,21,0),MOD($C4921,24)+1)/SUM(INDEX($D$3:$AA$30,INDEX(Jesper!$R$2:$R$366,ROW(INDEX(Jesper!AJ$2:AJ$366,ROUNDDOWN($C4921/24,0)+1,1))-1)+IF('Standard Profiles'!$G$20=$B$10,7,0)+IF('Standard Profiles'!$G$20=$B$17,14,0)+IF('Standard Profiles'!$G$20=$B$24,21,0),0)),0)</f>
        <v>0.90447021278319795</v>
      </c>
      <c r="G4921" cm="1">
        <f t="array" ref="G4921">IFERROR(INDEX(Jesper!AK$2:AK$366,ROUNDDOWN($C4921/24,0)+1,1)*INDEX($D$3:$AA$30,INDEX(Jesper!$R$2:$R$366,ROW(INDEX(Jesper!AK$2:AK$366,ROUNDDOWN($C4921/24,0)+1,1))-1)+IF('Standard Profiles'!$G$21=$B$10,7,0)+IF('Standard Profiles'!$G$21=$B$17,14,0)+IF('Standard Profiles'!$G$21=$B$24,21,0),MOD($C4921,24)+1)/SUM(INDEX($D$3:$AA$30,INDEX(Jesper!$R$2:$R$366,ROW(INDEX(Jesper!AK$2:AK$366,ROUNDDOWN($C4921/24,0)+1,1))-1)+IF('Standard Profiles'!$G$21=$B$10,7,0)+IF('Standard Profiles'!$G$21=$B$17,14,0)+IF('Standard Profiles'!$G$21=$B$24,21,0),0)),0)</f>
        <v>0.33848593835267082</v>
      </c>
      <c r="H4921" cm="1">
        <f t="array" ref="H4921">IFERROR(INDEX(Jesper!AL$2:AL$366,ROUNDDOWN($C4921/24,0)+1,1)*INDEX($D$3:$AA$30,INDEX(Jesper!$R$2:$R$366,ROW(INDEX(Jesper!AL$2:AL$366,ROUNDDOWN($C4921/24,0)+1,1))-1)+IF('Standard Profiles'!$G$22=$B$10,7,0)+IF('Standard Profiles'!$G$22=$B$17,14,0)+IF('Standard Profiles'!$G$22=$B$24,21,0),MOD($C4921,24)+1)/SUM(INDEX($D$3:$AA$30,INDEX(Jesper!$R$2:$R$366,ROW(INDEX(Jesper!AL$2:AL$366,ROUNDDOWN($C4921/24,0)+1,1))-1)+IF('Standard Profiles'!$G$22=$B$10,7,0)+IF('Standard Profiles'!$G$22=$B$17,14,0)+IF('Standard Profiles'!$G$22=$B$24,21,0),0)),0)</f>
        <v>0</v>
      </c>
      <c r="I4921">
        <f t="shared" si="552"/>
        <v>0</v>
      </c>
      <c r="J4921">
        <f t="shared" si="553"/>
        <v>3.6101175476912664</v>
      </c>
      <c r="K4921">
        <f t="shared" si="554"/>
        <v>0.21519649059594526</v>
      </c>
      <c r="L4921">
        <f t="shared" si="555"/>
        <v>0.10759824529797263</v>
      </c>
      <c r="M4921">
        <f t="shared" si="556"/>
        <v>0</v>
      </c>
      <c r="N4921" s="45">
        <f t="shared" si="557"/>
        <v>45130.624999988147</v>
      </c>
    </row>
    <row r="4922" spans="2:14" x14ac:dyDescent="0.25">
      <c r="B4922">
        <f t="shared" si="551"/>
        <v>7</v>
      </c>
      <c r="C4922" s="16">
        <v>4888</v>
      </c>
      <c r="D4922" cm="1">
        <f t="array" ref="D4922">IFERROR(INDEX(Jesper!AH$2:AH$366,ROUNDDOWN($C4922/24,0)+1,1)*INDEX($D$3:$AA$30,INDEX(Jesper!$R$2:$R$366,ROW(INDEX(Jesper!AH$2:AH$366,ROUNDDOWN($C4922/24,0)+1,1))-1)+IF('Standard Profiles'!$G$18=$B$10,7,0)+IF('Standard Profiles'!$G$18=$B$17,14,0)+IF('Standard Profiles'!$G$18=$B$24,21,0),MOD($C4922,24)+1)/SUM(INDEX($D$3:$AA$30,INDEX(Jesper!$R$2:$R$366,ROW(INDEX(Jesper!AH$2:AH$366,ROUNDDOWN($C4922/24,0)+1,1))-1)+IF('Standard Profiles'!$G$18=$B$10,7,0)+IF('Standard Profiles'!$G$18=$B$17,14,0)+IF('Standard Profiles'!$G$18=$B$24,21,0),0)),0)</f>
        <v>0</v>
      </c>
      <c r="E4922" cm="1">
        <f t="array" ref="E4922">IFERROR(INDEX(Jesper!AI$2:AI$366,ROUNDDOWN($C4922/24,0)+1,1)*INDEX($D$3:$AA$30,INDEX(Jesper!$R$2:$R$366,ROW(INDEX(Jesper!AI$2:AI$366,ROUNDDOWN($C4922/24,0)+1,1))-1)+IF('Standard Profiles'!$G$19=$B$10,7,0)+IF('Standard Profiles'!$G$19=$B$17,14,0)+IF('Standard Profiles'!$G$19=$B$24,21,0),MOD($C4922,24)+1)/SUM(INDEX($D$3:$AA$30,INDEX(Jesper!$R$2:$R$366,ROW(INDEX(Jesper!AI$2:AI$366,ROUNDDOWN($C4922/24,0)+1,1))-1)+IF('Standard Profiles'!$G$19=$B$10,7,0)+IF('Standard Profiles'!$G$19=$B$17,14,0)+IF('Standard Profiles'!$G$19=$B$24,21,0),0)),0)</f>
        <v>2.6899561324493155</v>
      </c>
      <c r="F4922" cm="1">
        <f t="array" ref="F4922">IFERROR(INDEX(Jesper!AJ$2:AJ$366,ROUNDDOWN($C4922/24,0)+1,1)*INDEX($D$3:$AA$30,INDEX(Jesper!$R$2:$R$366,ROW(INDEX(Jesper!AJ$2:AJ$366,ROUNDDOWN($C4922/24,0)+1,1))-1)+IF('Standard Profiles'!$G$20=$B$10,7,0)+IF('Standard Profiles'!$G$20=$B$17,14,0)+IF('Standard Profiles'!$G$20=$B$24,21,0),MOD($C4922,24)+1)/SUM(INDEX($D$3:$AA$30,INDEX(Jesper!$R$2:$R$366,ROW(INDEX(Jesper!AJ$2:AJ$366,ROUNDDOWN($C4922/24,0)+1,1))-1)+IF('Standard Profiles'!$G$20=$B$10,7,0)+IF('Standard Profiles'!$G$20=$B$17,14,0)+IF('Standard Profiles'!$G$20=$B$24,21,0),0)),0)</f>
        <v>0.90447021278319795</v>
      </c>
      <c r="G4922" cm="1">
        <f t="array" ref="G4922">IFERROR(INDEX(Jesper!AK$2:AK$366,ROUNDDOWN($C4922/24,0)+1,1)*INDEX($D$3:$AA$30,INDEX(Jesper!$R$2:$R$366,ROW(INDEX(Jesper!AK$2:AK$366,ROUNDDOWN($C4922/24,0)+1,1))-1)+IF('Standard Profiles'!$G$21=$B$10,7,0)+IF('Standard Profiles'!$G$21=$B$17,14,0)+IF('Standard Profiles'!$G$21=$B$24,21,0),MOD($C4922,24)+1)/SUM(INDEX($D$3:$AA$30,INDEX(Jesper!$R$2:$R$366,ROW(INDEX(Jesper!AK$2:AK$366,ROUNDDOWN($C4922/24,0)+1,1))-1)+IF('Standard Profiles'!$G$21=$B$10,7,0)+IF('Standard Profiles'!$G$21=$B$17,14,0)+IF('Standard Profiles'!$G$21=$B$24,21,0),0)),0)</f>
        <v>0.33848593835267082</v>
      </c>
      <c r="H4922" cm="1">
        <f t="array" ref="H4922">IFERROR(INDEX(Jesper!AL$2:AL$366,ROUNDDOWN($C4922/24,0)+1,1)*INDEX($D$3:$AA$30,INDEX(Jesper!$R$2:$R$366,ROW(INDEX(Jesper!AL$2:AL$366,ROUNDDOWN($C4922/24,0)+1,1))-1)+IF('Standard Profiles'!$G$22=$B$10,7,0)+IF('Standard Profiles'!$G$22=$B$17,14,0)+IF('Standard Profiles'!$G$22=$B$24,21,0),MOD($C4922,24)+1)/SUM(INDEX($D$3:$AA$30,INDEX(Jesper!$R$2:$R$366,ROW(INDEX(Jesper!AL$2:AL$366,ROUNDDOWN($C4922/24,0)+1,1))-1)+IF('Standard Profiles'!$G$22=$B$10,7,0)+IF('Standard Profiles'!$G$22=$B$17,14,0)+IF('Standard Profiles'!$G$22=$B$24,21,0),0)),0)</f>
        <v>0</v>
      </c>
      <c r="I4922">
        <f t="shared" si="552"/>
        <v>0</v>
      </c>
      <c r="J4922">
        <f t="shared" si="553"/>
        <v>3.6101175476912664</v>
      </c>
      <c r="K4922">
        <f t="shared" si="554"/>
        <v>0.21519649059594526</v>
      </c>
      <c r="L4922">
        <f t="shared" si="555"/>
        <v>0.10759824529797263</v>
      </c>
      <c r="M4922">
        <f t="shared" si="556"/>
        <v>0</v>
      </c>
      <c r="N4922" s="45">
        <f t="shared" si="557"/>
        <v>45130.666666654812</v>
      </c>
    </row>
    <row r="4923" spans="2:14" x14ac:dyDescent="0.25">
      <c r="B4923">
        <f t="shared" si="551"/>
        <v>7</v>
      </c>
      <c r="C4923" s="16">
        <v>4889</v>
      </c>
      <c r="D4923" cm="1">
        <f t="array" ref="D4923">IFERROR(INDEX(Jesper!AH$2:AH$366,ROUNDDOWN($C4923/24,0)+1,1)*INDEX($D$3:$AA$30,INDEX(Jesper!$R$2:$R$366,ROW(INDEX(Jesper!AH$2:AH$366,ROUNDDOWN($C4923/24,0)+1,1))-1)+IF('Standard Profiles'!$G$18=$B$10,7,0)+IF('Standard Profiles'!$G$18=$B$17,14,0)+IF('Standard Profiles'!$G$18=$B$24,21,0),MOD($C4923,24)+1)/SUM(INDEX($D$3:$AA$30,INDEX(Jesper!$R$2:$R$366,ROW(INDEX(Jesper!AH$2:AH$366,ROUNDDOWN($C4923/24,0)+1,1))-1)+IF('Standard Profiles'!$G$18=$B$10,7,0)+IF('Standard Profiles'!$G$18=$B$17,14,0)+IF('Standard Profiles'!$G$18=$B$24,21,0),0)),0)</f>
        <v>0</v>
      </c>
      <c r="E4923" cm="1">
        <f t="array" ref="E4923">IFERROR(INDEX(Jesper!AI$2:AI$366,ROUNDDOWN($C4923/24,0)+1,1)*INDEX($D$3:$AA$30,INDEX(Jesper!$R$2:$R$366,ROW(INDEX(Jesper!AI$2:AI$366,ROUNDDOWN($C4923/24,0)+1,1))-1)+IF('Standard Profiles'!$G$19=$B$10,7,0)+IF('Standard Profiles'!$G$19=$B$17,14,0)+IF('Standard Profiles'!$G$19=$B$24,21,0),MOD($C4923,24)+1)/SUM(INDEX($D$3:$AA$30,INDEX(Jesper!$R$2:$R$366,ROW(INDEX(Jesper!AI$2:AI$366,ROUNDDOWN($C4923/24,0)+1,1))-1)+IF('Standard Profiles'!$G$19=$B$10,7,0)+IF('Standard Profiles'!$G$19=$B$17,14,0)+IF('Standard Profiles'!$G$19=$B$24,21,0),0)),0)</f>
        <v>2.6899561324493155</v>
      </c>
      <c r="F4923" cm="1">
        <f t="array" ref="F4923">IFERROR(INDEX(Jesper!AJ$2:AJ$366,ROUNDDOWN($C4923/24,0)+1,1)*INDEX($D$3:$AA$30,INDEX(Jesper!$R$2:$R$366,ROW(INDEX(Jesper!AJ$2:AJ$366,ROUNDDOWN($C4923/24,0)+1,1))-1)+IF('Standard Profiles'!$G$20=$B$10,7,0)+IF('Standard Profiles'!$G$20=$B$17,14,0)+IF('Standard Profiles'!$G$20=$B$24,21,0),MOD($C4923,24)+1)/SUM(INDEX($D$3:$AA$30,INDEX(Jesper!$R$2:$R$366,ROW(INDEX(Jesper!AJ$2:AJ$366,ROUNDDOWN($C4923/24,0)+1,1))-1)+IF('Standard Profiles'!$G$20=$B$10,7,0)+IF('Standard Profiles'!$G$20=$B$17,14,0)+IF('Standard Profiles'!$G$20=$B$24,21,0),0)),0)</f>
        <v>0.90447021278319795</v>
      </c>
      <c r="G4923" cm="1">
        <f t="array" ref="G4923">IFERROR(INDEX(Jesper!AK$2:AK$366,ROUNDDOWN($C4923/24,0)+1,1)*INDEX($D$3:$AA$30,INDEX(Jesper!$R$2:$R$366,ROW(INDEX(Jesper!AK$2:AK$366,ROUNDDOWN($C4923/24,0)+1,1))-1)+IF('Standard Profiles'!$G$21=$B$10,7,0)+IF('Standard Profiles'!$G$21=$B$17,14,0)+IF('Standard Profiles'!$G$21=$B$24,21,0),MOD($C4923,24)+1)/SUM(INDEX($D$3:$AA$30,INDEX(Jesper!$R$2:$R$366,ROW(INDEX(Jesper!AK$2:AK$366,ROUNDDOWN($C4923/24,0)+1,1))-1)+IF('Standard Profiles'!$G$21=$B$10,7,0)+IF('Standard Profiles'!$G$21=$B$17,14,0)+IF('Standard Profiles'!$G$21=$B$24,21,0),0)),0)</f>
        <v>0.33848593835267082</v>
      </c>
      <c r="H4923" cm="1">
        <f t="array" ref="H4923">IFERROR(INDEX(Jesper!AL$2:AL$366,ROUNDDOWN($C4923/24,0)+1,1)*INDEX($D$3:$AA$30,INDEX(Jesper!$R$2:$R$366,ROW(INDEX(Jesper!AL$2:AL$366,ROUNDDOWN($C4923/24,0)+1,1))-1)+IF('Standard Profiles'!$G$22=$B$10,7,0)+IF('Standard Profiles'!$G$22=$B$17,14,0)+IF('Standard Profiles'!$G$22=$B$24,21,0),MOD($C4923,24)+1)/SUM(INDEX($D$3:$AA$30,INDEX(Jesper!$R$2:$R$366,ROW(INDEX(Jesper!AL$2:AL$366,ROUNDDOWN($C4923/24,0)+1,1))-1)+IF('Standard Profiles'!$G$22=$B$10,7,0)+IF('Standard Profiles'!$G$22=$B$17,14,0)+IF('Standard Profiles'!$G$22=$B$24,21,0),0)),0)</f>
        <v>0</v>
      </c>
      <c r="I4923">
        <f t="shared" si="552"/>
        <v>0</v>
      </c>
      <c r="J4923">
        <f t="shared" si="553"/>
        <v>3.6101175476912664</v>
      </c>
      <c r="K4923">
        <f t="shared" si="554"/>
        <v>0.21519649059594526</v>
      </c>
      <c r="L4923">
        <f t="shared" si="555"/>
        <v>0.10759824529797263</v>
      </c>
      <c r="M4923">
        <f t="shared" si="556"/>
        <v>0</v>
      </c>
      <c r="N4923" s="45">
        <f t="shared" si="557"/>
        <v>45130.708333321476</v>
      </c>
    </row>
    <row r="4924" spans="2:14" x14ac:dyDescent="0.25">
      <c r="B4924">
        <f t="shared" si="551"/>
        <v>7</v>
      </c>
      <c r="C4924" s="16">
        <v>4890</v>
      </c>
      <c r="D4924" cm="1">
        <f t="array" ref="D4924">IFERROR(INDEX(Jesper!AH$2:AH$366,ROUNDDOWN($C4924/24,0)+1,1)*INDEX($D$3:$AA$30,INDEX(Jesper!$R$2:$R$366,ROW(INDEX(Jesper!AH$2:AH$366,ROUNDDOWN($C4924/24,0)+1,1))-1)+IF('Standard Profiles'!$G$18=$B$10,7,0)+IF('Standard Profiles'!$G$18=$B$17,14,0)+IF('Standard Profiles'!$G$18=$B$24,21,0),MOD($C4924,24)+1)/SUM(INDEX($D$3:$AA$30,INDEX(Jesper!$R$2:$R$366,ROW(INDEX(Jesper!AH$2:AH$366,ROUNDDOWN($C4924/24,0)+1,1))-1)+IF('Standard Profiles'!$G$18=$B$10,7,0)+IF('Standard Profiles'!$G$18=$B$17,14,0)+IF('Standard Profiles'!$G$18=$B$24,21,0),0)),0)</f>
        <v>0</v>
      </c>
      <c r="E4924" cm="1">
        <f t="array" ref="E4924">IFERROR(INDEX(Jesper!AI$2:AI$366,ROUNDDOWN($C4924/24,0)+1,1)*INDEX($D$3:$AA$30,INDEX(Jesper!$R$2:$R$366,ROW(INDEX(Jesper!AI$2:AI$366,ROUNDDOWN($C4924/24,0)+1,1))-1)+IF('Standard Profiles'!$G$19=$B$10,7,0)+IF('Standard Profiles'!$G$19=$B$17,14,0)+IF('Standard Profiles'!$G$19=$B$24,21,0),MOD($C4924,24)+1)/SUM(INDEX($D$3:$AA$30,INDEX(Jesper!$R$2:$R$366,ROW(INDEX(Jesper!AI$2:AI$366,ROUNDDOWN($C4924/24,0)+1,1))-1)+IF('Standard Profiles'!$G$19=$B$10,7,0)+IF('Standard Profiles'!$G$19=$B$17,14,0)+IF('Standard Profiles'!$G$19=$B$24,21,0),0)),0)</f>
        <v>2.6899561324493155</v>
      </c>
      <c r="F4924" cm="1">
        <f t="array" ref="F4924">IFERROR(INDEX(Jesper!AJ$2:AJ$366,ROUNDDOWN($C4924/24,0)+1,1)*INDEX($D$3:$AA$30,INDEX(Jesper!$R$2:$R$366,ROW(INDEX(Jesper!AJ$2:AJ$366,ROUNDDOWN($C4924/24,0)+1,1))-1)+IF('Standard Profiles'!$G$20=$B$10,7,0)+IF('Standard Profiles'!$G$20=$B$17,14,0)+IF('Standard Profiles'!$G$20=$B$24,21,0),MOD($C4924,24)+1)/SUM(INDEX($D$3:$AA$30,INDEX(Jesper!$R$2:$R$366,ROW(INDEX(Jesper!AJ$2:AJ$366,ROUNDDOWN($C4924/24,0)+1,1))-1)+IF('Standard Profiles'!$G$20=$B$10,7,0)+IF('Standard Profiles'!$G$20=$B$17,14,0)+IF('Standard Profiles'!$G$20=$B$24,21,0),0)),0)</f>
        <v>0.90447021278319795</v>
      </c>
      <c r="G4924" cm="1">
        <f t="array" ref="G4924">IFERROR(INDEX(Jesper!AK$2:AK$366,ROUNDDOWN($C4924/24,0)+1,1)*INDEX($D$3:$AA$30,INDEX(Jesper!$R$2:$R$366,ROW(INDEX(Jesper!AK$2:AK$366,ROUNDDOWN($C4924/24,0)+1,1))-1)+IF('Standard Profiles'!$G$21=$B$10,7,0)+IF('Standard Profiles'!$G$21=$B$17,14,0)+IF('Standard Profiles'!$G$21=$B$24,21,0),MOD($C4924,24)+1)/SUM(INDEX($D$3:$AA$30,INDEX(Jesper!$R$2:$R$366,ROW(INDEX(Jesper!AK$2:AK$366,ROUNDDOWN($C4924/24,0)+1,1))-1)+IF('Standard Profiles'!$G$21=$B$10,7,0)+IF('Standard Profiles'!$G$21=$B$17,14,0)+IF('Standard Profiles'!$G$21=$B$24,21,0),0)),0)</f>
        <v>0.33848593835267082</v>
      </c>
      <c r="H4924" cm="1">
        <f t="array" ref="H4924">IFERROR(INDEX(Jesper!AL$2:AL$366,ROUNDDOWN($C4924/24,0)+1,1)*INDEX($D$3:$AA$30,INDEX(Jesper!$R$2:$R$366,ROW(INDEX(Jesper!AL$2:AL$366,ROUNDDOWN($C4924/24,0)+1,1))-1)+IF('Standard Profiles'!$G$22=$B$10,7,0)+IF('Standard Profiles'!$G$22=$B$17,14,0)+IF('Standard Profiles'!$G$22=$B$24,21,0),MOD($C4924,24)+1)/SUM(INDEX($D$3:$AA$30,INDEX(Jesper!$R$2:$R$366,ROW(INDEX(Jesper!AL$2:AL$366,ROUNDDOWN($C4924/24,0)+1,1))-1)+IF('Standard Profiles'!$G$22=$B$10,7,0)+IF('Standard Profiles'!$G$22=$B$17,14,0)+IF('Standard Profiles'!$G$22=$B$24,21,0),0)),0)</f>
        <v>0</v>
      </c>
      <c r="I4924">
        <f t="shared" si="552"/>
        <v>0</v>
      </c>
      <c r="J4924">
        <f t="shared" si="553"/>
        <v>3.6101175476912664</v>
      </c>
      <c r="K4924">
        <f t="shared" si="554"/>
        <v>0.21519649059594526</v>
      </c>
      <c r="L4924">
        <f t="shared" si="555"/>
        <v>0.10759824529797263</v>
      </c>
      <c r="M4924">
        <f t="shared" si="556"/>
        <v>0</v>
      </c>
      <c r="N4924" s="45">
        <f t="shared" si="557"/>
        <v>45130.74999998814</v>
      </c>
    </row>
    <row r="4925" spans="2:14" x14ac:dyDescent="0.25">
      <c r="B4925">
        <f t="shared" si="551"/>
        <v>7</v>
      </c>
      <c r="C4925" s="16">
        <v>4891</v>
      </c>
      <c r="D4925" cm="1">
        <f t="array" ref="D4925">IFERROR(INDEX(Jesper!AH$2:AH$366,ROUNDDOWN($C4925/24,0)+1,1)*INDEX($D$3:$AA$30,INDEX(Jesper!$R$2:$R$366,ROW(INDEX(Jesper!AH$2:AH$366,ROUNDDOWN($C4925/24,0)+1,1))-1)+IF('Standard Profiles'!$G$18=$B$10,7,0)+IF('Standard Profiles'!$G$18=$B$17,14,0)+IF('Standard Profiles'!$G$18=$B$24,21,0),MOD($C4925,24)+1)/SUM(INDEX($D$3:$AA$30,INDEX(Jesper!$R$2:$R$366,ROW(INDEX(Jesper!AH$2:AH$366,ROUNDDOWN($C4925/24,0)+1,1))-1)+IF('Standard Profiles'!$G$18=$B$10,7,0)+IF('Standard Profiles'!$G$18=$B$17,14,0)+IF('Standard Profiles'!$G$18=$B$24,21,0),0)),0)</f>
        <v>0</v>
      </c>
      <c r="E4925" cm="1">
        <f t="array" ref="E4925">IFERROR(INDEX(Jesper!AI$2:AI$366,ROUNDDOWN($C4925/24,0)+1,1)*INDEX($D$3:$AA$30,INDEX(Jesper!$R$2:$R$366,ROW(INDEX(Jesper!AI$2:AI$366,ROUNDDOWN($C4925/24,0)+1,1))-1)+IF('Standard Profiles'!$G$19=$B$10,7,0)+IF('Standard Profiles'!$G$19=$B$17,14,0)+IF('Standard Profiles'!$G$19=$B$24,21,0),MOD($C4925,24)+1)/SUM(INDEX($D$3:$AA$30,INDEX(Jesper!$R$2:$R$366,ROW(INDEX(Jesper!AI$2:AI$366,ROUNDDOWN($C4925/24,0)+1,1))-1)+IF('Standard Profiles'!$G$19=$B$10,7,0)+IF('Standard Profiles'!$G$19=$B$17,14,0)+IF('Standard Profiles'!$G$19=$B$24,21,0),0)),0)</f>
        <v>2.6899561324493155</v>
      </c>
      <c r="F4925" cm="1">
        <f t="array" ref="F4925">IFERROR(INDEX(Jesper!AJ$2:AJ$366,ROUNDDOWN($C4925/24,0)+1,1)*INDEX($D$3:$AA$30,INDEX(Jesper!$R$2:$R$366,ROW(INDEX(Jesper!AJ$2:AJ$366,ROUNDDOWN($C4925/24,0)+1,1))-1)+IF('Standard Profiles'!$G$20=$B$10,7,0)+IF('Standard Profiles'!$G$20=$B$17,14,0)+IF('Standard Profiles'!$G$20=$B$24,21,0),MOD($C4925,24)+1)/SUM(INDEX($D$3:$AA$30,INDEX(Jesper!$R$2:$R$366,ROW(INDEX(Jesper!AJ$2:AJ$366,ROUNDDOWN($C4925/24,0)+1,1))-1)+IF('Standard Profiles'!$G$20=$B$10,7,0)+IF('Standard Profiles'!$G$20=$B$17,14,0)+IF('Standard Profiles'!$G$20=$B$24,21,0),0)),0)</f>
        <v>0.90447021278319795</v>
      </c>
      <c r="G4925" cm="1">
        <f t="array" ref="G4925">IFERROR(INDEX(Jesper!AK$2:AK$366,ROUNDDOWN($C4925/24,0)+1,1)*INDEX($D$3:$AA$30,INDEX(Jesper!$R$2:$R$366,ROW(INDEX(Jesper!AK$2:AK$366,ROUNDDOWN($C4925/24,0)+1,1))-1)+IF('Standard Profiles'!$G$21=$B$10,7,0)+IF('Standard Profiles'!$G$21=$B$17,14,0)+IF('Standard Profiles'!$G$21=$B$24,21,0),MOD($C4925,24)+1)/SUM(INDEX($D$3:$AA$30,INDEX(Jesper!$R$2:$R$366,ROW(INDEX(Jesper!AK$2:AK$366,ROUNDDOWN($C4925/24,0)+1,1))-1)+IF('Standard Profiles'!$G$21=$B$10,7,0)+IF('Standard Profiles'!$G$21=$B$17,14,0)+IF('Standard Profiles'!$G$21=$B$24,21,0),0)),0)</f>
        <v>0.33848593835267082</v>
      </c>
      <c r="H4925" cm="1">
        <f t="array" ref="H4925">IFERROR(INDEX(Jesper!AL$2:AL$366,ROUNDDOWN($C4925/24,0)+1,1)*INDEX($D$3:$AA$30,INDEX(Jesper!$R$2:$R$366,ROW(INDEX(Jesper!AL$2:AL$366,ROUNDDOWN($C4925/24,0)+1,1))-1)+IF('Standard Profiles'!$G$22=$B$10,7,0)+IF('Standard Profiles'!$G$22=$B$17,14,0)+IF('Standard Profiles'!$G$22=$B$24,21,0),MOD($C4925,24)+1)/SUM(INDEX($D$3:$AA$30,INDEX(Jesper!$R$2:$R$366,ROW(INDEX(Jesper!AL$2:AL$366,ROUNDDOWN($C4925/24,0)+1,1))-1)+IF('Standard Profiles'!$G$22=$B$10,7,0)+IF('Standard Profiles'!$G$22=$B$17,14,0)+IF('Standard Profiles'!$G$22=$B$24,21,0),0)),0)</f>
        <v>0</v>
      </c>
      <c r="I4925">
        <f t="shared" si="552"/>
        <v>0</v>
      </c>
      <c r="J4925">
        <f t="shared" si="553"/>
        <v>3.6101175476912664</v>
      </c>
      <c r="K4925">
        <f t="shared" si="554"/>
        <v>0.21519649059594526</v>
      </c>
      <c r="L4925">
        <f t="shared" si="555"/>
        <v>0.10759824529797263</v>
      </c>
      <c r="M4925">
        <f t="shared" si="556"/>
        <v>0</v>
      </c>
      <c r="N4925" s="45">
        <f t="shared" si="557"/>
        <v>45130.791666654804</v>
      </c>
    </row>
    <row r="4926" spans="2:14" x14ac:dyDescent="0.25">
      <c r="B4926">
        <f t="shared" si="551"/>
        <v>7</v>
      </c>
      <c r="C4926" s="16">
        <v>4892</v>
      </c>
      <c r="D4926" cm="1">
        <f t="array" ref="D4926">IFERROR(INDEX(Jesper!AH$2:AH$366,ROUNDDOWN($C4926/24,0)+1,1)*INDEX($D$3:$AA$30,INDEX(Jesper!$R$2:$R$366,ROW(INDEX(Jesper!AH$2:AH$366,ROUNDDOWN($C4926/24,0)+1,1))-1)+IF('Standard Profiles'!$G$18=$B$10,7,0)+IF('Standard Profiles'!$G$18=$B$17,14,0)+IF('Standard Profiles'!$G$18=$B$24,21,0),MOD($C4926,24)+1)/SUM(INDEX($D$3:$AA$30,INDEX(Jesper!$R$2:$R$366,ROW(INDEX(Jesper!AH$2:AH$366,ROUNDDOWN($C4926/24,0)+1,1))-1)+IF('Standard Profiles'!$G$18=$B$10,7,0)+IF('Standard Profiles'!$G$18=$B$17,14,0)+IF('Standard Profiles'!$G$18=$B$24,21,0),0)),0)</f>
        <v>0</v>
      </c>
      <c r="E4926" cm="1">
        <f t="array" ref="E4926">IFERROR(INDEX(Jesper!AI$2:AI$366,ROUNDDOWN($C4926/24,0)+1,1)*INDEX($D$3:$AA$30,INDEX(Jesper!$R$2:$R$366,ROW(INDEX(Jesper!AI$2:AI$366,ROUNDDOWN($C4926/24,0)+1,1))-1)+IF('Standard Profiles'!$G$19=$B$10,7,0)+IF('Standard Profiles'!$G$19=$B$17,14,0)+IF('Standard Profiles'!$G$19=$B$24,21,0),MOD($C4926,24)+1)/SUM(INDEX($D$3:$AA$30,INDEX(Jesper!$R$2:$R$366,ROW(INDEX(Jesper!AI$2:AI$366,ROUNDDOWN($C4926/24,0)+1,1))-1)+IF('Standard Profiles'!$G$19=$B$10,7,0)+IF('Standard Profiles'!$G$19=$B$17,14,0)+IF('Standard Profiles'!$G$19=$B$24,21,0),0)),0)</f>
        <v>2.6899561324493155</v>
      </c>
      <c r="F4926" cm="1">
        <f t="array" ref="F4926">IFERROR(INDEX(Jesper!AJ$2:AJ$366,ROUNDDOWN($C4926/24,0)+1,1)*INDEX($D$3:$AA$30,INDEX(Jesper!$R$2:$R$366,ROW(INDEX(Jesper!AJ$2:AJ$366,ROUNDDOWN($C4926/24,0)+1,1))-1)+IF('Standard Profiles'!$G$20=$B$10,7,0)+IF('Standard Profiles'!$G$20=$B$17,14,0)+IF('Standard Profiles'!$G$20=$B$24,21,0),MOD($C4926,24)+1)/SUM(INDEX($D$3:$AA$30,INDEX(Jesper!$R$2:$R$366,ROW(INDEX(Jesper!AJ$2:AJ$366,ROUNDDOWN($C4926/24,0)+1,1))-1)+IF('Standard Profiles'!$G$20=$B$10,7,0)+IF('Standard Profiles'!$G$20=$B$17,14,0)+IF('Standard Profiles'!$G$20=$B$24,21,0),0)),0)</f>
        <v>0.90447021278319795</v>
      </c>
      <c r="G4926" cm="1">
        <f t="array" ref="G4926">IFERROR(INDEX(Jesper!AK$2:AK$366,ROUNDDOWN($C4926/24,0)+1,1)*INDEX($D$3:$AA$30,INDEX(Jesper!$R$2:$R$366,ROW(INDEX(Jesper!AK$2:AK$366,ROUNDDOWN($C4926/24,0)+1,1))-1)+IF('Standard Profiles'!$G$21=$B$10,7,0)+IF('Standard Profiles'!$G$21=$B$17,14,0)+IF('Standard Profiles'!$G$21=$B$24,21,0),MOD($C4926,24)+1)/SUM(INDEX($D$3:$AA$30,INDEX(Jesper!$R$2:$R$366,ROW(INDEX(Jesper!AK$2:AK$366,ROUNDDOWN($C4926/24,0)+1,1))-1)+IF('Standard Profiles'!$G$21=$B$10,7,0)+IF('Standard Profiles'!$G$21=$B$17,14,0)+IF('Standard Profiles'!$G$21=$B$24,21,0),0)),0)</f>
        <v>0.33848593835267082</v>
      </c>
      <c r="H4926" cm="1">
        <f t="array" ref="H4926">IFERROR(INDEX(Jesper!AL$2:AL$366,ROUNDDOWN($C4926/24,0)+1,1)*INDEX($D$3:$AA$30,INDEX(Jesper!$R$2:$R$366,ROW(INDEX(Jesper!AL$2:AL$366,ROUNDDOWN($C4926/24,0)+1,1))-1)+IF('Standard Profiles'!$G$22=$B$10,7,0)+IF('Standard Profiles'!$G$22=$B$17,14,0)+IF('Standard Profiles'!$G$22=$B$24,21,0),MOD($C4926,24)+1)/SUM(INDEX($D$3:$AA$30,INDEX(Jesper!$R$2:$R$366,ROW(INDEX(Jesper!AL$2:AL$366,ROUNDDOWN($C4926/24,0)+1,1))-1)+IF('Standard Profiles'!$G$22=$B$10,7,0)+IF('Standard Profiles'!$G$22=$B$17,14,0)+IF('Standard Profiles'!$G$22=$B$24,21,0),0)),0)</f>
        <v>0</v>
      </c>
      <c r="I4926">
        <f t="shared" si="552"/>
        <v>0</v>
      </c>
      <c r="J4926">
        <f t="shared" si="553"/>
        <v>3.6101175476912664</v>
      </c>
      <c r="K4926">
        <f t="shared" si="554"/>
        <v>0.21519649059594526</v>
      </c>
      <c r="L4926">
        <f t="shared" si="555"/>
        <v>0.10759824529797263</v>
      </c>
      <c r="M4926">
        <f t="shared" si="556"/>
        <v>0</v>
      </c>
      <c r="N4926" s="45">
        <f t="shared" si="557"/>
        <v>45130.833333321469</v>
      </c>
    </row>
    <row r="4927" spans="2:14" x14ac:dyDescent="0.25">
      <c r="B4927">
        <f t="shared" si="551"/>
        <v>7</v>
      </c>
      <c r="C4927" s="16">
        <v>4893</v>
      </c>
      <c r="D4927" cm="1">
        <f t="array" ref="D4927">IFERROR(INDEX(Jesper!AH$2:AH$366,ROUNDDOWN($C4927/24,0)+1,1)*INDEX($D$3:$AA$30,INDEX(Jesper!$R$2:$R$366,ROW(INDEX(Jesper!AH$2:AH$366,ROUNDDOWN($C4927/24,0)+1,1))-1)+IF('Standard Profiles'!$G$18=$B$10,7,0)+IF('Standard Profiles'!$G$18=$B$17,14,0)+IF('Standard Profiles'!$G$18=$B$24,21,0),MOD($C4927,24)+1)/SUM(INDEX($D$3:$AA$30,INDEX(Jesper!$R$2:$R$366,ROW(INDEX(Jesper!AH$2:AH$366,ROUNDDOWN($C4927/24,0)+1,1))-1)+IF('Standard Profiles'!$G$18=$B$10,7,0)+IF('Standard Profiles'!$G$18=$B$17,14,0)+IF('Standard Profiles'!$G$18=$B$24,21,0),0)),0)</f>
        <v>0</v>
      </c>
      <c r="E4927" cm="1">
        <f t="array" ref="E4927">IFERROR(INDEX(Jesper!AI$2:AI$366,ROUNDDOWN($C4927/24,0)+1,1)*INDEX($D$3:$AA$30,INDEX(Jesper!$R$2:$R$366,ROW(INDEX(Jesper!AI$2:AI$366,ROUNDDOWN($C4927/24,0)+1,1))-1)+IF('Standard Profiles'!$G$19=$B$10,7,0)+IF('Standard Profiles'!$G$19=$B$17,14,0)+IF('Standard Profiles'!$G$19=$B$24,21,0),MOD($C4927,24)+1)/SUM(INDEX($D$3:$AA$30,INDEX(Jesper!$R$2:$R$366,ROW(INDEX(Jesper!AI$2:AI$366,ROUNDDOWN($C4927/24,0)+1,1))-1)+IF('Standard Profiles'!$G$19=$B$10,7,0)+IF('Standard Profiles'!$G$19=$B$17,14,0)+IF('Standard Profiles'!$G$19=$B$24,21,0),0)),0)</f>
        <v>2.6899561324493155</v>
      </c>
      <c r="F4927" cm="1">
        <f t="array" ref="F4927">IFERROR(INDEX(Jesper!AJ$2:AJ$366,ROUNDDOWN($C4927/24,0)+1,1)*INDEX($D$3:$AA$30,INDEX(Jesper!$R$2:$R$366,ROW(INDEX(Jesper!AJ$2:AJ$366,ROUNDDOWN($C4927/24,0)+1,1))-1)+IF('Standard Profiles'!$G$20=$B$10,7,0)+IF('Standard Profiles'!$G$20=$B$17,14,0)+IF('Standard Profiles'!$G$20=$B$24,21,0),MOD($C4927,24)+1)/SUM(INDEX($D$3:$AA$30,INDEX(Jesper!$R$2:$R$366,ROW(INDEX(Jesper!AJ$2:AJ$366,ROUNDDOWN($C4927/24,0)+1,1))-1)+IF('Standard Profiles'!$G$20=$B$10,7,0)+IF('Standard Profiles'!$G$20=$B$17,14,0)+IF('Standard Profiles'!$G$20=$B$24,21,0),0)),0)</f>
        <v>0.90447021278319795</v>
      </c>
      <c r="G4927" cm="1">
        <f t="array" ref="G4927">IFERROR(INDEX(Jesper!AK$2:AK$366,ROUNDDOWN($C4927/24,0)+1,1)*INDEX($D$3:$AA$30,INDEX(Jesper!$R$2:$R$366,ROW(INDEX(Jesper!AK$2:AK$366,ROUNDDOWN($C4927/24,0)+1,1))-1)+IF('Standard Profiles'!$G$21=$B$10,7,0)+IF('Standard Profiles'!$G$21=$B$17,14,0)+IF('Standard Profiles'!$G$21=$B$24,21,0),MOD($C4927,24)+1)/SUM(INDEX($D$3:$AA$30,INDEX(Jesper!$R$2:$R$366,ROW(INDEX(Jesper!AK$2:AK$366,ROUNDDOWN($C4927/24,0)+1,1))-1)+IF('Standard Profiles'!$G$21=$B$10,7,0)+IF('Standard Profiles'!$G$21=$B$17,14,0)+IF('Standard Profiles'!$G$21=$B$24,21,0),0)),0)</f>
        <v>0.33848593835267082</v>
      </c>
      <c r="H4927" cm="1">
        <f t="array" ref="H4927">IFERROR(INDEX(Jesper!AL$2:AL$366,ROUNDDOWN($C4927/24,0)+1,1)*INDEX($D$3:$AA$30,INDEX(Jesper!$R$2:$R$366,ROW(INDEX(Jesper!AL$2:AL$366,ROUNDDOWN($C4927/24,0)+1,1))-1)+IF('Standard Profiles'!$G$22=$B$10,7,0)+IF('Standard Profiles'!$G$22=$B$17,14,0)+IF('Standard Profiles'!$G$22=$B$24,21,0),MOD($C4927,24)+1)/SUM(INDEX($D$3:$AA$30,INDEX(Jesper!$R$2:$R$366,ROW(INDEX(Jesper!AL$2:AL$366,ROUNDDOWN($C4927/24,0)+1,1))-1)+IF('Standard Profiles'!$G$22=$B$10,7,0)+IF('Standard Profiles'!$G$22=$B$17,14,0)+IF('Standard Profiles'!$G$22=$B$24,21,0),0)),0)</f>
        <v>0</v>
      </c>
      <c r="I4927">
        <f t="shared" si="552"/>
        <v>0</v>
      </c>
      <c r="J4927">
        <f t="shared" si="553"/>
        <v>3.6101175476912664</v>
      </c>
      <c r="K4927">
        <f t="shared" si="554"/>
        <v>0.21519649059594526</v>
      </c>
      <c r="L4927">
        <f t="shared" si="555"/>
        <v>0.10759824529797263</v>
      </c>
      <c r="M4927">
        <f t="shared" si="556"/>
        <v>0</v>
      </c>
      <c r="N4927" s="45">
        <f t="shared" si="557"/>
        <v>45130.874999988133</v>
      </c>
    </row>
    <row r="4928" spans="2:14" x14ac:dyDescent="0.25">
      <c r="B4928">
        <f t="shared" si="551"/>
        <v>7</v>
      </c>
      <c r="C4928" s="16">
        <v>4894</v>
      </c>
      <c r="D4928" cm="1">
        <f t="array" ref="D4928">IFERROR(INDEX(Jesper!AH$2:AH$366,ROUNDDOWN($C4928/24,0)+1,1)*INDEX($D$3:$AA$30,INDEX(Jesper!$R$2:$R$366,ROW(INDEX(Jesper!AH$2:AH$366,ROUNDDOWN($C4928/24,0)+1,1))-1)+IF('Standard Profiles'!$G$18=$B$10,7,0)+IF('Standard Profiles'!$G$18=$B$17,14,0)+IF('Standard Profiles'!$G$18=$B$24,21,0),MOD($C4928,24)+1)/SUM(INDEX($D$3:$AA$30,INDEX(Jesper!$R$2:$R$366,ROW(INDEX(Jesper!AH$2:AH$366,ROUNDDOWN($C4928/24,0)+1,1))-1)+IF('Standard Profiles'!$G$18=$B$10,7,0)+IF('Standard Profiles'!$G$18=$B$17,14,0)+IF('Standard Profiles'!$G$18=$B$24,21,0),0)),0)</f>
        <v>0</v>
      </c>
      <c r="E4928" cm="1">
        <f t="array" ref="E4928">IFERROR(INDEX(Jesper!AI$2:AI$366,ROUNDDOWN($C4928/24,0)+1,1)*INDEX($D$3:$AA$30,INDEX(Jesper!$R$2:$R$366,ROW(INDEX(Jesper!AI$2:AI$366,ROUNDDOWN($C4928/24,0)+1,1))-1)+IF('Standard Profiles'!$G$19=$B$10,7,0)+IF('Standard Profiles'!$G$19=$B$17,14,0)+IF('Standard Profiles'!$G$19=$B$24,21,0),MOD($C4928,24)+1)/SUM(INDEX($D$3:$AA$30,INDEX(Jesper!$R$2:$R$366,ROW(INDEX(Jesper!AI$2:AI$366,ROUNDDOWN($C4928/24,0)+1,1))-1)+IF('Standard Profiles'!$G$19=$B$10,7,0)+IF('Standard Profiles'!$G$19=$B$17,14,0)+IF('Standard Profiles'!$G$19=$B$24,21,0),0)),0)</f>
        <v>2.6899561324493155</v>
      </c>
      <c r="F4928" cm="1">
        <f t="array" ref="F4928">IFERROR(INDEX(Jesper!AJ$2:AJ$366,ROUNDDOWN($C4928/24,0)+1,1)*INDEX($D$3:$AA$30,INDEX(Jesper!$R$2:$R$366,ROW(INDEX(Jesper!AJ$2:AJ$366,ROUNDDOWN($C4928/24,0)+1,1))-1)+IF('Standard Profiles'!$G$20=$B$10,7,0)+IF('Standard Profiles'!$G$20=$B$17,14,0)+IF('Standard Profiles'!$G$20=$B$24,21,0),MOD($C4928,24)+1)/SUM(INDEX($D$3:$AA$30,INDEX(Jesper!$R$2:$R$366,ROW(INDEX(Jesper!AJ$2:AJ$366,ROUNDDOWN($C4928/24,0)+1,1))-1)+IF('Standard Profiles'!$G$20=$B$10,7,0)+IF('Standard Profiles'!$G$20=$B$17,14,0)+IF('Standard Profiles'!$G$20=$B$24,21,0),0)),0)</f>
        <v>0.90447021278319795</v>
      </c>
      <c r="G4928" cm="1">
        <f t="array" ref="G4928">IFERROR(INDEX(Jesper!AK$2:AK$366,ROUNDDOWN($C4928/24,0)+1,1)*INDEX($D$3:$AA$30,INDEX(Jesper!$R$2:$R$366,ROW(INDEX(Jesper!AK$2:AK$366,ROUNDDOWN($C4928/24,0)+1,1))-1)+IF('Standard Profiles'!$G$21=$B$10,7,0)+IF('Standard Profiles'!$G$21=$B$17,14,0)+IF('Standard Profiles'!$G$21=$B$24,21,0),MOD($C4928,24)+1)/SUM(INDEX($D$3:$AA$30,INDEX(Jesper!$R$2:$R$366,ROW(INDEX(Jesper!AK$2:AK$366,ROUNDDOWN($C4928/24,0)+1,1))-1)+IF('Standard Profiles'!$G$21=$B$10,7,0)+IF('Standard Profiles'!$G$21=$B$17,14,0)+IF('Standard Profiles'!$G$21=$B$24,21,0),0)),0)</f>
        <v>0.33848593835267082</v>
      </c>
      <c r="H4928" cm="1">
        <f t="array" ref="H4928">IFERROR(INDEX(Jesper!AL$2:AL$366,ROUNDDOWN($C4928/24,0)+1,1)*INDEX($D$3:$AA$30,INDEX(Jesper!$R$2:$R$366,ROW(INDEX(Jesper!AL$2:AL$366,ROUNDDOWN($C4928/24,0)+1,1))-1)+IF('Standard Profiles'!$G$22=$B$10,7,0)+IF('Standard Profiles'!$G$22=$B$17,14,0)+IF('Standard Profiles'!$G$22=$B$24,21,0),MOD($C4928,24)+1)/SUM(INDEX($D$3:$AA$30,INDEX(Jesper!$R$2:$R$366,ROW(INDEX(Jesper!AL$2:AL$366,ROUNDDOWN($C4928/24,0)+1,1))-1)+IF('Standard Profiles'!$G$22=$B$10,7,0)+IF('Standard Profiles'!$G$22=$B$17,14,0)+IF('Standard Profiles'!$G$22=$B$24,21,0),0)),0)</f>
        <v>0</v>
      </c>
      <c r="I4928">
        <f t="shared" si="552"/>
        <v>0</v>
      </c>
      <c r="J4928">
        <f t="shared" si="553"/>
        <v>3.6101175476912664</v>
      </c>
      <c r="K4928">
        <f t="shared" si="554"/>
        <v>0.21519649059594526</v>
      </c>
      <c r="L4928">
        <f t="shared" si="555"/>
        <v>0.10759824529797263</v>
      </c>
      <c r="M4928">
        <f t="shared" si="556"/>
        <v>0</v>
      </c>
      <c r="N4928" s="45">
        <f t="shared" si="557"/>
        <v>45130.916666654797</v>
      </c>
    </row>
    <row r="4929" spans="2:14" x14ac:dyDescent="0.25">
      <c r="B4929">
        <f t="shared" si="551"/>
        <v>7</v>
      </c>
      <c r="C4929" s="16">
        <v>4895</v>
      </c>
      <c r="D4929" cm="1">
        <f t="array" ref="D4929">IFERROR(INDEX(Jesper!AH$2:AH$366,ROUNDDOWN($C4929/24,0)+1,1)*INDEX($D$3:$AA$30,INDEX(Jesper!$R$2:$R$366,ROW(INDEX(Jesper!AH$2:AH$366,ROUNDDOWN($C4929/24,0)+1,1))-1)+IF('Standard Profiles'!$G$18=$B$10,7,0)+IF('Standard Profiles'!$G$18=$B$17,14,0)+IF('Standard Profiles'!$G$18=$B$24,21,0),MOD($C4929,24)+1)/SUM(INDEX($D$3:$AA$30,INDEX(Jesper!$R$2:$R$366,ROW(INDEX(Jesper!AH$2:AH$366,ROUNDDOWN($C4929/24,0)+1,1))-1)+IF('Standard Profiles'!$G$18=$B$10,7,0)+IF('Standard Profiles'!$G$18=$B$17,14,0)+IF('Standard Profiles'!$G$18=$B$24,21,0),0)),0)</f>
        <v>0</v>
      </c>
      <c r="E4929" cm="1">
        <f t="array" ref="E4929">IFERROR(INDEX(Jesper!AI$2:AI$366,ROUNDDOWN($C4929/24,0)+1,1)*INDEX($D$3:$AA$30,INDEX(Jesper!$R$2:$R$366,ROW(INDEX(Jesper!AI$2:AI$366,ROUNDDOWN($C4929/24,0)+1,1))-1)+IF('Standard Profiles'!$G$19=$B$10,7,0)+IF('Standard Profiles'!$G$19=$B$17,14,0)+IF('Standard Profiles'!$G$19=$B$24,21,0),MOD($C4929,24)+1)/SUM(INDEX($D$3:$AA$30,INDEX(Jesper!$R$2:$R$366,ROW(INDEX(Jesper!AI$2:AI$366,ROUNDDOWN($C4929/24,0)+1,1))-1)+IF('Standard Profiles'!$G$19=$B$10,7,0)+IF('Standard Profiles'!$G$19=$B$17,14,0)+IF('Standard Profiles'!$G$19=$B$24,21,0),0)),0)</f>
        <v>2.6899561324493155</v>
      </c>
      <c r="F4929" cm="1">
        <f t="array" ref="F4929">IFERROR(INDEX(Jesper!AJ$2:AJ$366,ROUNDDOWN($C4929/24,0)+1,1)*INDEX($D$3:$AA$30,INDEX(Jesper!$R$2:$R$366,ROW(INDEX(Jesper!AJ$2:AJ$366,ROUNDDOWN($C4929/24,0)+1,1))-1)+IF('Standard Profiles'!$G$20=$B$10,7,0)+IF('Standard Profiles'!$G$20=$B$17,14,0)+IF('Standard Profiles'!$G$20=$B$24,21,0),MOD($C4929,24)+1)/SUM(INDEX($D$3:$AA$30,INDEX(Jesper!$R$2:$R$366,ROW(INDEX(Jesper!AJ$2:AJ$366,ROUNDDOWN($C4929/24,0)+1,1))-1)+IF('Standard Profiles'!$G$20=$B$10,7,0)+IF('Standard Profiles'!$G$20=$B$17,14,0)+IF('Standard Profiles'!$G$20=$B$24,21,0),0)),0)</f>
        <v>0.90447021278319795</v>
      </c>
      <c r="G4929" cm="1">
        <f t="array" ref="G4929">IFERROR(INDEX(Jesper!AK$2:AK$366,ROUNDDOWN($C4929/24,0)+1,1)*INDEX($D$3:$AA$30,INDEX(Jesper!$R$2:$R$366,ROW(INDEX(Jesper!AK$2:AK$366,ROUNDDOWN($C4929/24,0)+1,1))-1)+IF('Standard Profiles'!$G$21=$B$10,7,0)+IF('Standard Profiles'!$G$21=$B$17,14,0)+IF('Standard Profiles'!$G$21=$B$24,21,0),MOD($C4929,24)+1)/SUM(INDEX($D$3:$AA$30,INDEX(Jesper!$R$2:$R$366,ROW(INDEX(Jesper!AK$2:AK$366,ROUNDDOWN($C4929/24,0)+1,1))-1)+IF('Standard Profiles'!$G$21=$B$10,7,0)+IF('Standard Profiles'!$G$21=$B$17,14,0)+IF('Standard Profiles'!$G$21=$B$24,21,0),0)),0)</f>
        <v>0.33848593835267082</v>
      </c>
      <c r="H4929" cm="1">
        <f t="array" ref="H4929">IFERROR(INDEX(Jesper!AL$2:AL$366,ROUNDDOWN($C4929/24,0)+1,1)*INDEX($D$3:$AA$30,INDEX(Jesper!$R$2:$R$366,ROW(INDEX(Jesper!AL$2:AL$366,ROUNDDOWN($C4929/24,0)+1,1))-1)+IF('Standard Profiles'!$G$22=$B$10,7,0)+IF('Standard Profiles'!$G$22=$B$17,14,0)+IF('Standard Profiles'!$G$22=$B$24,21,0),MOD($C4929,24)+1)/SUM(INDEX($D$3:$AA$30,INDEX(Jesper!$R$2:$R$366,ROW(INDEX(Jesper!AL$2:AL$366,ROUNDDOWN($C4929/24,0)+1,1))-1)+IF('Standard Profiles'!$G$22=$B$10,7,0)+IF('Standard Profiles'!$G$22=$B$17,14,0)+IF('Standard Profiles'!$G$22=$B$24,21,0),0)),0)</f>
        <v>0</v>
      </c>
      <c r="I4929">
        <f t="shared" si="552"/>
        <v>0</v>
      </c>
      <c r="J4929">
        <f t="shared" si="553"/>
        <v>3.6101175476912664</v>
      </c>
      <c r="K4929">
        <f t="shared" si="554"/>
        <v>0.21519649059594526</v>
      </c>
      <c r="L4929">
        <f t="shared" si="555"/>
        <v>0.10759824529797263</v>
      </c>
      <c r="M4929">
        <f t="shared" si="556"/>
        <v>0</v>
      </c>
      <c r="N4929" s="45">
        <f t="shared" si="557"/>
        <v>45130.958333321461</v>
      </c>
    </row>
    <row r="4930" spans="2:14" x14ac:dyDescent="0.25">
      <c r="B4930">
        <f t="shared" si="551"/>
        <v>1</v>
      </c>
      <c r="C4930" s="16">
        <v>4896</v>
      </c>
      <c r="D4930" cm="1">
        <f t="array" ref="D4930">IFERROR(INDEX(Jesper!AH$2:AH$366,ROUNDDOWN($C4930/24,0)+1,1)*INDEX($D$3:$AA$30,INDEX(Jesper!$R$2:$R$366,ROW(INDEX(Jesper!AH$2:AH$366,ROUNDDOWN($C4930/24,0)+1,1))-1)+IF('Standard Profiles'!$G$18=$B$10,7,0)+IF('Standard Profiles'!$G$18=$B$17,14,0)+IF('Standard Profiles'!$G$18=$B$24,21,0),MOD($C4930,24)+1)/SUM(INDEX($D$3:$AA$30,INDEX(Jesper!$R$2:$R$366,ROW(INDEX(Jesper!AH$2:AH$366,ROUNDDOWN($C4930/24,0)+1,1))-1)+IF('Standard Profiles'!$G$18=$B$10,7,0)+IF('Standard Profiles'!$G$18=$B$17,14,0)+IF('Standard Profiles'!$G$18=$B$24,21,0),0)),0)</f>
        <v>4.8731578114055614</v>
      </c>
      <c r="E4930" cm="1">
        <f t="array" ref="E4930">IFERROR(INDEX(Jesper!AI$2:AI$366,ROUNDDOWN($C4930/24,0)+1,1)*INDEX($D$3:$AA$30,INDEX(Jesper!$R$2:$R$366,ROW(INDEX(Jesper!AI$2:AI$366,ROUNDDOWN($C4930/24,0)+1,1))-1)+IF('Standard Profiles'!$G$19=$B$10,7,0)+IF('Standard Profiles'!$G$19=$B$17,14,0)+IF('Standard Profiles'!$G$19=$B$24,21,0),MOD($C4930,24)+1)/SUM(INDEX($D$3:$AA$30,INDEX(Jesper!$R$2:$R$366,ROW(INDEX(Jesper!AI$2:AI$366,ROUNDDOWN($C4930/24,0)+1,1))-1)+IF('Standard Profiles'!$G$19=$B$10,7,0)+IF('Standard Profiles'!$G$19=$B$17,14,0)+IF('Standard Profiles'!$G$19=$B$24,21,0),0)),0)</f>
        <v>1.6956842959750316</v>
      </c>
      <c r="F4930" cm="1">
        <f t="array" ref="F4930">IFERROR(INDEX(Jesper!AJ$2:AJ$366,ROUNDDOWN($C4930/24,0)+1,1)*INDEX($D$3:$AA$30,INDEX(Jesper!$R$2:$R$366,ROW(INDEX(Jesper!AJ$2:AJ$366,ROUNDDOWN($C4930/24,0)+1,1))-1)+IF('Standard Profiles'!$G$20=$B$10,7,0)+IF('Standard Profiles'!$G$20=$B$17,14,0)+IF('Standard Profiles'!$G$20=$B$24,21,0),MOD($C4930,24)+1)/SUM(INDEX($D$3:$AA$30,INDEX(Jesper!$R$2:$R$366,ROW(INDEX(Jesper!AJ$2:AJ$366,ROUNDDOWN($C4930/24,0)+1,1))-1)+IF('Standard Profiles'!$G$20=$B$10,7,0)+IF('Standard Profiles'!$G$20=$B$17,14,0)+IF('Standard Profiles'!$G$20=$B$24,21,0),0)),0)</f>
        <v>0</v>
      </c>
      <c r="G4930" cm="1">
        <f t="array" ref="G4930">IFERROR(INDEX(Jesper!AK$2:AK$366,ROUNDDOWN($C4930/24,0)+1,1)*INDEX($D$3:$AA$30,INDEX(Jesper!$R$2:$R$366,ROW(INDEX(Jesper!AK$2:AK$366,ROUNDDOWN($C4930/24,0)+1,1))-1)+IF('Standard Profiles'!$G$21=$B$10,7,0)+IF('Standard Profiles'!$G$21=$B$17,14,0)+IF('Standard Profiles'!$G$21=$B$24,21,0),MOD($C4930,24)+1)/SUM(INDEX($D$3:$AA$30,INDEX(Jesper!$R$2:$R$366,ROW(INDEX(Jesper!AK$2:AK$366,ROUNDDOWN($C4930/24,0)+1,1))-1)+IF('Standard Profiles'!$G$21=$B$10,7,0)+IF('Standard Profiles'!$G$21=$B$17,14,0)+IF('Standard Profiles'!$G$21=$B$24,21,0),0)),0)</f>
        <v>0</v>
      </c>
      <c r="H4930" cm="1">
        <f t="array" ref="H4930">IFERROR(INDEX(Jesper!AL$2:AL$366,ROUNDDOWN($C4930/24,0)+1,1)*INDEX($D$3:$AA$30,INDEX(Jesper!$R$2:$R$366,ROW(INDEX(Jesper!AL$2:AL$366,ROUNDDOWN($C4930/24,0)+1,1))-1)+IF('Standard Profiles'!$G$22=$B$10,7,0)+IF('Standard Profiles'!$G$22=$B$17,14,0)+IF('Standard Profiles'!$G$22=$B$24,21,0),MOD($C4930,24)+1)/SUM(INDEX($D$3:$AA$30,INDEX(Jesper!$R$2:$R$366,ROW(INDEX(Jesper!AL$2:AL$366,ROUNDDOWN($C4930/24,0)+1,1))-1)+IF('Standard Profiles'!$G$22=$B$10,7,0)+IF('Standard Profiles'!$G$22=$B$17,14,0)+IF('Standard Profiles'!$G$22=$B$24,21,0),0)),0)</f>
        <v>0</v>
      </c>
      <c r="I4930">
        <f t="shared" si="552"/>
        <v>0</v>
      </c>
      <c r="J4930">
        <f t="shared" si="553"/>
        <v>5.7891368575557038</v>
      </c>
      <c r="K4930">
        <f t="shared" si="554"/>
        <v>0.51980349988325991</v>
      </c>
      <c r="L4930">
        <f t="shared" si="555"/>
        <v>0.25990174994162996</v>
      </c>
      <c r="M4930">
        <f t="shared" si="556"/>
        <v>0</v>
      </c>
      <c r="N4930" s="45">
        <f t="shared" si="557"/>
        <v>45130.999999988126</v>
      </c>
    </row>
    <row r="4931" spans="2:14" x14ac:dyDescent="0.25">
      <c r="B4931">
        <f t="shared" si="551"/>
        <v>1</v>
      </c>
      <c r="C4931" s="16">
        <v>4897</v>
      </c>
      <c r="D4931" cm="1">
        <f t="array" ref="D4931">IFERROR(INDEX(Jesper!AH$2:AH$366,ROUNDDOWN($C4931/24,0)+1,1)*INDEX($D$3:$AA$30,INDEX(Jesper!$R$2:$R$366,ROW(INDEX(Jesper!AH$2:AH$366,ROUNDDOWN($C4931/24,0)+1,1))-1)+IF('Standard Profiles'!$G$18=$B$10,7,0)+IF('Standard Profiles'!$G$18=$B$17,14,0)+IF('Standard Profiles'!$G$18=$B$24,21,0),MOD($C4931,24)+1)/SUM(INDEX($D$3:$AA$30,INDEX(Jesper!$R$2:$R$366,ROW(INDEX(Jesper!AH$2:AH$366,ROUNDDOWN($C4931/24,0)+1,1))-1)+IF('Standard Profiles'!$G$18=$B$10,7,0)+IF('Standard Profiles'!$G$18=$B$17,14,0)+IF('Standard Profiles'!$G$18=$B$24,21,0),0)),0)</f>
        <v>4.8731578114055614</v>
      </c>
      <c r="E4931" cm="1">
        <f t="array" ref="E4931">IFERROR(INDEX(Jesper!AI$2:AI$366,ROUNDDOWN($C4931/24,0)+1,1)*INDEX($D$3:$AA$30,INDEX(Jesper!$R$2:$R$366,ROW(INDEX(Jesper!AI$2:AI$366,ROUNDDOWN($C4931/24,0)+1,1))-1)+IF('Standard Profiles'!$G$19=$B$10,7,0)+IF('Standard Profiles'!$G$19=$B$17,14,0)+IF('Standard Profiles'!$G$19=$B$24,21,0),MOD($C4931,24)+1)/SUM(INDEX($D$3:$AA$30,INDEX(Jesper!$R$2:$R$366,ROW(INDEX(Jesper!AI$2:AI$366,ROUNDDOWN($C4931/24,0)+1,1))-1)+IF('Standard Profiles'!$G$19=$B$10,7,0)+IF('Standard Profiles'!$G$19=$B$17,14,0)+IF('Standard Profiles'!$G$19=$B$24,21,0),0)),0)</f>
        <v>1.6956842959750316</v>
      </c>
      <c r="F4931" cm="1">
        <f t="array" ref="F4931">IFERROR(INDEX(Jesper!AJ$2:AJ$366,ROUNDDOWN($C4931/24,0)+1,1)*INDEX($D$3:$AA$30,INDEX(Jesper!$R$2:$R$366,ROW(INDEX(Jesper!AJ$2:AJ$366,ROUNDDOWN($C4931/24,0)+1,1))-1)+IF('Standard Profiles'!$G$20=$B$10,7,0)+IF('Standard Profiles'!$G$20=$B$17,14,0)+IF('Standard Profiles'!$G$20=$B$24,21,0),MOD($C4931,24)+1)/SUM(INDEX($D$3:$AA$30,INDEX(Jesper!$R$2:$R$366,ROW(INDEX(Jesper!AJ$2:AJ$366,ROUNDDOWN($C4931/24,0)+1,1))-1)+IF('Standard Profiles'!$G$20=$B$10,7,0)+IF('Standard Profiles'!$G$20=$B$17,14,0)+IF('Standard Profiles'!$G$20=$B$24,21,0),0)),0)</f>
        <v>0</v>
      </c>
      <c r="G4931" cm="1">
        <f t="array" ref="G4931">IFERROR(INDEX(Jesper!AK$2:AK$366,ROUNDDOWN($C4931/24,0)+1,1)*INDEX($D$3:$AA$30,INDEX(Jesper!$R$2:$R$366,ROW(INDEX(Jesper!AK$2:AK$366,ROUNDDOWN($C4931/24,0)+1,1))-1)+IF('Standard Profiles'!$G$21=$B$10,7,0)+IF('Standard Profiles'!$G$21=$B$17,14,0)+IF('Standard Profiles'!$G$21=$B$24,21,0),MOD($C4931,24)+1)/SUM(INDEX($D$3:$AA$30,INDEX(Jesper!$R$2:$R$366,ROW(INDEX(Jesper!AK$2:AK$366,ROUNDDOWN($C4931/24,0)+1,1))-1)+IF('Standard Profiles'!$G$21=$B$10,7,0)+IF('Standard Profiles'!$G$21=$B$17,14,0)+IF('Standard Profiles'!$G$21=$B$24,21,0),0)),0)</f>
        <v>0</v>
      </c>
      <c r="H4931" cm="1">
        <f t="array" ref="H4931">IFERROR(INDEX(Jesper!AL$2:AL$366,ROUNDDOWN($C4931/24,0)+1,1)*INDEX($D$3:$AA$30,INDEX(Jesper!$R$2:$R$366,ROW(INDEX(Jesper!AL$2:AL$366,ROUNDDOWN($C4931/24,0)+1,1))-1)+IF('Standard Profiles'!$G$22=$B$10,7,0)+IF('Standard Profiles'!$G$22=$B$17,14,0)+IF('Standard Profiles'!$G$22=$B$24,21,0),MOD($C4931,24)+1)/SUM(INDEX($D$3:$AA$30,INDEX(Jesper!$R$2:$R$366,ROW(INDEX(Jesper!AL$2:AL$366,ROUNDDOWN($C4931/24,0)+1,1))-1)+IF('Standard Profiles'!$G$22=$B$10,7,0)+IF('Standard Profiles'!$G$22=$B$17,14,0)+IF('Standard Profiles'!$G$22=$B$24,21,0),0)),0)</f>
        <v>0</v>
      </c>
      <c r="I4931">
        <f t="shared" si="552"/>
        <v>0</v>
      </c>
      <c r="J4931">
        <f t="shared" si="553"/>
        <v>5.7891368575557038</v>
      </c>
      <c r="K4931">
        <f t="shared" si="554"/>
        <v>0.51980349988325991</v>
      </c>
      <c r="L4931">
        <f t="shared" si="555"/>
        <v>0.25990174994162996</v>
      </c>
      <c r="M4931">
        <f t="shared" si="556"/>
        <v>0</v>
      </c>
      <c r="N4931" s="45">
        <f t="shared" si="557"/>
        <v>45131.04166665479</v>
      </c>
    </row>
    <row r="4932" spans="2:14" x14ac:dyDescent="0.25">
      <c r="B4932">
        <f t="shared" si="551"/>
        <v>1</v>
      </c>
      <c r="C4932" s="16">
        <v>4898</v>
      </c>
      <c r="D4932" cm="1">
        <f t="array" ref="D4932">IFERROR(INDEX(Jesper!AH$2:AH$366,ROUNDDOWN($C4932/24,0)+1,1)*INDEX($D$3:$AA$30,INDEX(Jesper!$R$2:$R$366,ROW(INDEX(Jesper!AH$2:AH$366,ROUNDDOWN($C4932/24,0)+1,1))-1)+IF('Standard Profiles'!$G$18=$B$10,7,0)+IF('Standard Profiles'!$G$18=$B$17,14,0)+IF('Standard Profiles'!$G$18=$B$24,21,0),MOD($C4932,24)+1)/SUM(INDEX($D$3:$AA$30,INDEX(Jesper!$R$2:$R$366,ROW(INDEX(Jesper!AH$2:AH$366,ROUNDDOWN($C4932/24,0)+1,1))-1)+IF('Standard Profiles'!$G$18=$B$10,7,0)+IF('Standard Profiles'!$G$18=$B$17,14,0)+IF('Standard Profiles'!$G$18=$B$24,21,0),0)),0)</f>
        <v>4.8731578114055614</v>
      </c>
      <c r="E4932" cm="1">
        <f t="array" ref="E4932">IFERROR(INDEX(Jesper!AI$2:AI$366,ROUNDDOWN($C4932/24,0)+1,1)*INDEX($D$3:$AA$30,INDEX(Jesper!$R$2:$R$366,ROW(INDEX(Jesper!AI$2:AI$366,ROUNDDOWN($C4932/24,0)+1,1))-1)+IF('Standard Profiles'!$G$19=$B$10,7,0)+IF('Standard Profiles'!$G$19=$B$17,14,0)+IF('Standard Profiles'!$G$19=$B$24,21,0),MOD($C4932,24)+1)/SUM(INDEX($D$3:$AA$30,INDEX(Jesper!$R$2:$R$366,ROW(INDEX(Jesper!AI$2:AI$366,ROUNDDOWN($C4932/24,0)+1,1))-1)+IF('Standard Profiles'!$G$19=$B$10,7,0)+IF('Standard Profiles'!$G$19=$B$17,14,0)+IF('Standard Profiles'!$G$19=$B$24,21,0),0)),0)</f>
        <v>1.6956842959750316</v>
      </c>
      <c r="F4932" cm="1">
        <f t="array" ref="F4932">IFERROR(INDEX(Jesper!AJ$2:AJ$366,ROUNDDOWN($C4932/24,0)+1,1)*INDEX($D$3:$AA$30,INDEX(Jesper!$R$2:$R$366,ROW(INDEX(Jesper!AJ$2:AJ$366,ROUNDDOWN($C4932/24,0)+1,1))-1)+IF('Standard Profiles'!$G$20=$B$10,7,0)+IF('Standard Profiles'!$G$20=$B$17,14,0)+IF('Standard Profiles'!$G$20=$B$24,21,0),MOD($C4932,24)+1)/SUM(INDEX($D$3:$AA$30,INDEX(Jesper!$R$2:$R$366,ROW(INDEX(Jesper!AJ$2:AJ$366,ROUNDDOWN($C4932/24,0)+1,1))-1)+IF('Standard Profiles'!$G$20=$B$10,7,0)+IF('Standard Profiles'!$G$20=$B$17,14,0)+IF('Standard Profiles'!$G$20=$B$24,21,0),0)),0)</f>
        <v>0</v>
      </c>
      <c r="G4932" cm="1">
        <f t="array" ref="G4932">IFERROR(INDEX(Jesper!AK$2:AK$366,ROUNDDOWN($C4932/24,0)+1,1)*INDEX($D$3:$AA$30,INDEX(Jesper!$R$2:$R$366,ROW(INDEX(Jesper!AK$2:AK$366,ROUNDDOWN($C4932/24,0)+1,1))-1)+IF('Standard Profiles'!$G$21=$B$10,7,0)+IF('Standard Profiles'!$G$21=$B$17,14,0)+IF('Standard Profiles'!$G$21=$B$24,21,0),MOD($C4932,24)+1)/SUM(INDEX($D$3:$AA$30,INDEX(Jesper!$R$2:$R$366,ROW(INDEX(Jesper!AK$2:AK$366,ROUNDDOWN($C4932/24,0)+1,1))-1)+IF('Standard Profiles'!$G$21=$B$10,7,0)+IF('Standard Profiles'!$G$21=$B$17,14,0)+IF('Standard Profiles'!$G$21=$B$24,21,0),0)),0)</f>
        <v>0</v>
      </c>
      <c r="H4932" cm="1">
        <f t="array" ref="H4932">IFERROR(INDEX(Jesper!AL$2:AL$366,ROUNDDOWN($C4932/24,0)+1,1)*INDEX($D$3:$AA$30,INDEX(Jesper!$R$2:$R$366,ROW(INDEX(Jesper!AL$2:AL$366,ROUNDDOWN($C4932/24,0)+1,1))-1)+IF('Standard Profiles'!$G$22=$B$10,7,0)+IF('Standard Profiles'!$G$22=$B$17,14,0)+IF('Standard Profiles'!$G$22=$B$24,21,0),MOD($C4932,24)+1)/SUM(INDEX($D$3:$AA$30,INDEX(Jesper!$R$2:$R$366,ROW(INDEX(Jesper!AL$2:AL$366,ROUNDDOWN($C4932/24,0)+1,1))-1)+IF('Standard Profiles'!$G$22=$B$10,7,0)+IF('Standard Profiles'!$G$22=$B$17,14,0)+IF('Standard Profiles'!$G$22=$B$24,21,0),0)),0)</f>
        <v>0</v>
      </c>
      <c r="I4932">
        <f t="shared" si="552"/>
        <v>0</v>
      </c>
      <c r="J4932">
        <f t="shared" si="553"/>
        <v>5.7891368575557038</v>
      </c>
      <c r="K4932">
        <f t="shared" si="554"/>
        <v>0.51980349988325991</v>
      </c>
      <c r="L4932">
        <f t="shared" si="555"/>
        <v>0.25990174994162996</v>
      </c>
      <c r="M4932">
        <f t="shared" si="556"/>
        <v>0</v>
      </c>
      <c r="N4932" s="45">
        <f t="shared" si="557"/>
        <v>45131.083333321454</v>
      </c>
    </row>
    <row r="4933" spans="2:14" x14ac:dyDescent="0.25">
      <c r="B4933">
        <f t="shared" si="551"/>
        <v>1</v>
      </c>
      <c r="C4933" s="16">
        <v>4899</v>
      </c>
      <c r="D4933" cm="1">
        <f t="array" ref="D4933">IFERROR(INDEX(Jesper!AH$2:AH$366,ROUNDDOWN($C4933/24,0)+1,1)*INDEX($D$3:$AA$30,INDEX(Jesper!$R$2:$R$366,ROW(INDEX(Jesper!AH$2:AH$366,ROUNDDOWN($C4933/24,0)+1,1))-1)+IF('Standard Profiles'!$G$18=$B$10,7,0)+IF('Standard Profiles'!$G$18=$B$17,14,0)+IF('Standard Profiles'!$G$18=$B$24,21,0),MOD($C4933,24)+1)/SUM(INDEX($D$3:$AA$30,INDEX(Jesper!$R$2:$R$366,ROW(INDEX(Jesper!AH$2:AH$366,ROUNDDOWN($C4933/24,0)+1,1))-1)+IF('Standard Profiles'!$G$18=$B$10,7,0)+IF('Standard Profiles'!$G$18=$B$17,14,0)+IF('Standard Profiles'!$G$18=$B$24,21,0),0)),0)</f>
        <v>4.8731578114055614</v>
      </c>
      <c r="E4933" cm="1">
        <f t="array" ref="E4933">IFERROR(INDEX(Jesper!AI$2:AI$366,ROUNDDOWN($C4933/24,0)+1,1)*INDEX($D$3:$AA$30,INDEX(Jesper!$R$2:$R$366,ROW(INDEX(Jesper!AI$2:AI$366,ROUNDDOWN($C4933/24,0)+1,1))-1)+IF('Standard Profiles'!$G$19=$B$10,7,0)+IF('Standard Profiles'!$G$19=$B$17,14,0)+IF('Standard Profiles'!$G$19=$B$24,21,0),MOD($C4933,24)+1)/SUM(INDEX($D$3:$AA$30,INDEX(Jesper!$R$2:$R$366,ROW(INDEX(Jesper!AI$2:AI$366,ROUNDDOWN($C4933/24,0)+1,1))-1)+IF('Standard Profiles'!$G$19=$B$10,7,0)+IF('Standard Profiles'!$G$19=$B$17,14,0)+IF('Standard Profiles'!$G$19=$B$24,21,0),0)),0)</f>
        <v>1.6956842959750316</v>
      </c>
      <c r="F4933" cm="1">
        <f t="array" ref="F4933">IFERROR(INDEX(Jesper!AJ$2:AJ$366,ROUNDDOWN($C4933/24,0)+1,1)*INDEX($D$3:$AA$30,INDEX(Jesper!$R$2:$R$366,ROW(INDEX(Jesper!AJ$2:AJ$366,ROUNDDOWN($C4933/24,0)+1,1))-1)+IF('Standard Profiles'!$G$20=$B$10,7,0)+IF('Standard Profiles'!$G$20=$B$17,14,0)+IF('Standard Profiles'!$G$20=$B$24,21,0),MOD($C4933,24)+1)/SUM(INDEX($D$3:$AA$30,INDEX(Jesper!$R$2:$R$366,ROW(INDEX(Jesper!AJ$2:AJ$366,ROUNDDOWN($C4933/24,0)+1,1))-1)+IF('Standard Profiles'!$G$20=$B$10,7,0)+IF('Standard Profiles'!$G$20=$B$17,14,0)+IF('Standard Profiles'!$G$20=$B$24,21,0),0)),0)</f>
        <v>0</v>
      </c>
      <c r="G4933" cm="1">
        <f t="array" ref="G4933">IFERROR(INDEX(Jesper!AK$2:AK$366,ROUNDDOWN($C4933/24,0)+1,1)*INDEX($D$3:$AA$30,INDEX(Jesper!$R$2:$R$366,ROW(INDEX(Jesper!AK$2:AK$366,ROUNDDOWN($C4933/24,0)+1,1))-1)+IF('Standard Profiles'!$G$21=$B$10,7,0)+IF('Standard Profiles'!$G$21=$B$17,14,0)+IF('Standard Profiles'!$G$21=$B$24,21,0),MOD($C4933,24)+1)/SUM(INDEX($D$3:$AA$30,INDEX(Jesper!$R$2:$R$366,ROW(INDEX(Jesper!AK$2:AK$366,ROUNDDOWN($C4933/24,0)+1,1))-1)+IF('Standard Profiles'!$G$21=$B$10,7,0)+IF('Standard Profiles'!$G$21=$B$17,14,0)+IF('Standard Profiles'!$G$21=$B$24,21,0),0)),0)</f>
        <v>0</v>
      </c>
      <c r="H4933" cm="1">
        <f t="array" ref="H4933">IFERROR(INDEX(Jesper!AL$2:AL$366,ROUNDDOWN($C4933/24,0)+1,1)*INDEX($D$3:$AA$30,INDEX(Jesper!$R$2:$R$366,ROW(INDEX(Jesper!AL$2:AL$366,ROUNDDOWN($C4933/24,0)+1,1))-1)+IF('Standard Profiles'!$G$22=$B$10,7,0)+IF('Standard Profiles'!$G$22=$B$17,14,0)+IF('Standard Profiles'!$G$22=$B$24,21,0),MOD($C4933,24)+1)/SUM(INDEX($D$3:$AA$30,INDEX(Jesper!$R$2:$R$366,ROW(INDEX(Jesper!AL$2:AL$366,ROUNDDOWN($C4933/24,0)+1,1))-1)+IF('Standard Profiles'!$G$22=$B$10,7,0)+IF('Standard Profiles'!$G$22=$B$17,14,0)+IF('Standard Profiles'!$G$22=$B$24,21,0),0)),0)</f>
        <v>0</v>
      </c>
      <c r="I4933">
        <f t="shared" si="552"/>
        <v>0</v>
      </c>
      <c r="J4933">
        <f t="shared" si="553"/>
        <v>5.7891368575557038</v>
      </c>
      <c r="K4933">
        <f t="shared" si="554"/>
        <v>0.51980349988325991</v>
      </c>
      <c r="L4933">
        <f t="shared" si="555"/>
        <v>0.25990174994162996</v>
      </c>
      <c r="M4933">
        <f t="shared" si="556"/>
        <v>0</v>
      </c>
      <c r="N4933" s="45">
        <f t="shared" si="557"/>
        <v>45131.124999988118</v>
      </c>
    </row>
    <row r="4934" spans="2:14" x14ac:dyDescent="0.25">
      <c r="B4934">
        <f t="shared" si="551"/>
        <v>1</v>
      </c>
      <c r="C4934" s="16">
        <v>4900</v>
      </c>
      <c r="D4934" cm="1">
        <f t="array" ref="D4934">IFERROR(INDEX(Jesper!AH$2:AH$366,ROUNDDOWN($C4934/24,0)+1,1)*INDEX($D$3:$AA$30,INDEX(Jesper!$R$2:$R$366,ROW(INDEX(Jesper!AH$2:AH$366,ROUNDDOWN($C4934/24,0)+1,1))-1)+IF('Standard Profiles'!$G$18=$B$10,7,0)+IF('Standard Profiles'!$G$18=$B$17,14,0)+IF('Standard Profiles'!$G$18=$B$24,21,0),MOD($C4934,24)+1)/SUM(INDEX($D$3:$AA$30,INDEX(Jesper!$R$2:$R$366,ROW(INDEX(Jesper!AH$2:AH$366,ROUNDDOWN($C4934/24,0)+1,1))-1)+IF('Standard Profiles'!$G$18=$B$10,7,0)+IF('Standard Profiles'!$G$18=$B$17,14,0)+IF('Standard Profiles'!$G$18=$B$24,21,0),0)),0)</f>
        <v>4.8731578114055614</v>
      </c>
      <c r="E4934" cm="1">
        <f t="array" ref="E4934">IFERROR(INDEX(Jesper!AI$2:AI$366,ROUNDDOWN($C4934/24,0)+1,1)*INDEX($D$3:$AA$30,INDEX(Jesper!$R$2:$R$366,ROW(INDEX(Jesper!AI$2:AI$366,ROUNDDOWN($C4934/24,0)+1,1))-1)+IF('Standard Profiles'!$G$19=$B$10,7,0)+IF('Standard Profiles'!$G$19=$B$17,14,0)+IF('Standard Profiles'!$G$19=$B$24,21,0),MOD($C4934,24)+1)/SUM(INDEX($D$3:$AA$30,INDEX(Jesper!$R$2:$R$366,ROW(INDEX(Jesper!AI$2:AI$366,ROUNDDOWN($C4934/24,0)+1,1))-1)+IF('Standard Profiles'!$G$19=$B$10,7,0)+IF('Standard Profiles'!$G$19=$B$17,14,0)+IF('Standard Profiles'!$G$19=$B$24,21,0),0)),0)</f>
        <v>1.6956842959750316</v>
      </c>
      <c r="F4934" cm="1">
        <f t="array" ref="F4934">IFERROR(INDEX(Jesper!AJ$2:AJ$366,ROUNDDOWN($C4934/24,0)+1,1)*INDEX($D$3:$AA$30,INDEX(Jesper!$R$2:$R$366,ROW(INDEX(Jesper!AJ$2:AJ$366,ROUNDDOWN($C4934/24,0)+1,1))-1)+IF('Standard Profiles'!$G$20=$B$10,7,0)+IF('Standard Profiles'!$G$20=$B$17,14,0)+IF('Standard Profiles'!$G$20=$B$24,21,0),MOD($C4934,24)+1)/SUM(INDEX($D$3:$AA$30,INDEX(Jesper!$R$2:$R$366,ROW(INDEX(Jesper!AJ$2:AJ$366,ROUNDDOWN($C4934/24,0)+1,1))-1)+IF('Standard Profiles'!$G$20=$B$10,7,0)+IF('Standard Profiles'!$G$20=$B$17,14,0)+IF('Standard Profiles'!$G$20=$B$24,21,0),0)),0)</f>
        <v>0</v>
      </c>
      <c r="G4934" cm="1">
        <f t="array" ref="G4934">IFERROR(INDEX(Jesper!AK$2:AK$366,ROUNDDOWN($C4934/24,0)+1,1)*INDEX($D$3:$AA$30,INDEX(Jesper!$R$2:$R$366,ROW(INDEX(Jesper!AK$2:AK$366,ROUNDDOWN($C4934/24,0)+1,1))-1)+IF('Standard Profiles'!$G$21=$B$10,7,0)+IF('Standard Profiles'!$G$21=$B$17,14,0)+IF('Standard Profiles'!$G$21=$B$24,21,0),MOD($C4934,24)+1)/SUM(INDEX($D$3:$AA$30,INDEX(Jesper!$R$2:$R$366,ROW(INDEX(Jesper!AK$2:AK$366,ROUNDDOWN($C4934/24,0)+1,1))-1)+IF('Standard Profiles'!$G$21=$B$10,7,0)+IF('Standard Profiles'!$G$21=$B$17,14,0)+IF('Standard Profiles'!$G$21=$B$24,21,0),0)),0)</f>
        <v>0</v>
      </c>
      <c r="H4934" cm="1">
        <f t="array" ref="H4934">IFERROR(INDEX(Jesper!AL$2:AL$366,ROUNDDOWN($C4934/24,0)+1,1)*INDEX($D$3:$AA$30,INDEX(Jesper!$R$2:$R$366,ROW(INDEX(Jesper!AL$2:AL$366,ROUNDDOWN($C4934/24,0)+1,1))-1)+IF('Standard Profiles'!$G$22=$B$10,7,0)+IF('Standard Profiles'!$G$22=$B$17,14,0)+IF('Standard Profiles'!$G$22=$B$24,21,0),MOD($C4934,24)+1)/SUM(INDEX($D$3:$AA$30,INDEX(Jesper!$R$2:$R$366,ROW(INDEX(Jesper!AL$2:AL$366,ROUNDDOWN($C4934/24,0)+1,1))-1)+IF('Standard Profiles'!$G$22=$B$10,7,0)+IF('Standard Profiles'!$G$22=$B$17,14,0)+IF('Standard Profiles'!$G$22=$B$24,21,0),0)),0)</f>
        <v>0</v>
      </c>
      <c r="I4934">
        <f t="shared" si="552"/>
        <v>0</v>
      </c>
      <c r="J4934">
        <f t="shared" si="553"/>
        <v>5.7891368575557038</v>
      </c>
      <c r="K4934">
        <f t="shared" si="554"/>
        <v>0.51980349988325991</v>
      </c>
      <c r="L4934">
        <f t="shared" si="555"/>
        <v>0.25990174994162996</v>
      </c>
      <c r="M4934">
        <f t="shared" si="556"/>
        <v>0</v>
      </c>
      <c r="N4934" s="45">
        <f t="shared" si="557"/>
        <v>45131.166666654783</v>
      </c>
    </row>
    <row r="4935" spans="2:14" x14ac:dyDescent="0.25">
      <c r="B4935">
        <f t="shared" si="551"/>
        <v>1</v>
      </c>
      <c r="C4935" s="16">
        <v>4901</v>
      </c>
      <c r="D4935" cm="1">
        <f t="array" ref="D4935">IFERROR(INDEX(Jesper!AH$2:AH$366,ROUNDDOWN($C4935/24,0)+1,1)*INDEX($D$3:$AA$30,INDEX(Jesper!$R$2:$R$366,ROW(INDEX(Jesper!AH$2:AH$366,ROUNDDOWN($C4935/24,0)+1,1))-1)+IF('Standard Profiles'!$G$18=$B$10,7,0)+IF('Standard Profiles'!$G$18=$B$17,14,0)+IF('Standard Profiles'!$G$18=$B$24,21,0),MOD($C4935,24)+1)/SUM(INDEX($D$3:$AA$30,INDEX(Jesper!$R$2:$R$366,ROW(INDEX(Jesper!AH$2:AH$366,ROUNDDOWN($C4935/24,0)+1,1))-1)+IF('Standard Profiles'!$G$18=$B$10,7,0)+IF('Standard Profiles'!$G$18=$B$17,14,0)+IF('Standard Profiles'!$G$18=$B$24,21,0),0)),0)</f>
        <v>4.8731578114055614</v>
      </c>
      <c r="E4935" cm="1">
        <f t="array" ref="E4935">IFERROR(INDEX(Jesper!AI$2:AI$366,ROUNDDOWN($C4935/24,0)+1,1)*INDEX($D$3:$AA$30,INDEX(Jesper!$R$2:$R$366,ROW(INDEX(Jesper!AI$2:AI$366,ROUNDDOWN($C4935/24,0)+1,1))-1)+IF('Standard Profiles'!$G$19=$B$10,7,0)+IF('Standard Profiles'!$G$19=$B$17,14,0)+IF('Standard Profiles'!$G$19=$B$24,21,0),MOD($C4935,24)+1)/SUM(INDEX($D$3:$AA$30,INDEX(Jesper!$R$2:$R$366,ROW(INDEX(Jesper!AI$2:AI$366,ROUNDDOWN($C4935/24,0)+1,1))-1)+IF('Standard Profiles'!$G$19=$B$10,7,0)+IF('Standard Profiles'!$G$19=$B$17,14,0)+IF('Standard Profiles'!$G$19=$B$24,21,0),0)),0)</f>
        <v>1.6956842959750316</v>
      </c>
      <c r="F4935" cm="1">
        <f t="array" ref="F4935">IFERROR(INDEX(Jesper!AJ$2:AJ$366,ROUNDDOWN($C4935/24,0)+1,1)*INDEX($D$3:$AA$30,INDEX(Jesper!$R$2:$R$366,ROW(INDEX(Jesper!AJ$2:AJ$366,ROUNDDOWN($C4935/24,0)+1,1))-1)+IF('Standard Profiles'!$G$20=$B$10,7,0)+IF('Standard Profiles'!$G$20=$B$17,14,0)+IF('Standard Profiles'!$G$20=$B$24,21,0),MOD($C4935,24)+1)/SUM(INDEX($D$3:$AA$30,INDEX(Jesper!$R$2:$R$366,ROW(INDEX(Jesper!AJ$2:AJ$366,ROUNDDOWN($C4935/24,0)+1,1))-1)+IF('Standard Profiles'!$G$20=$B$10,7,0)+IF('Standard Profiles'!$G$20=$B$17,14,0)+IF('Standard Profiles'!$G$20=$B$24,21,0),0)),0)</f>
        <v>0</v>
      </c>
      <c r="G4935" cm="1">
        <f t="array" ref="G4935">IFERROR(INDEX(Jesper!AK$2:AK$366,ROUNDDOWN($C4935/24,0)+1,1)*INDEX($D$3:$AA$30,INDEX(Jesper!$R$2:$R$366,ROW(INDEX(Jesper!AK$2:AK$366,ROUNDDOWN($C4935/24,0)+1,1))-1)+IF('Standard Profiles'!$G$21=$B$10,7,0)+IF('Standard Profiles'!$G$21=$B$17,14,0)+IF('Standard Profiles'!$G$21=$B$24,21,0),MOD($C4935,24)+1)/SUM(INDEX($D$3:$AA$30,INDEX(Jesper!$R$2:$R$366,ROW(INDEX(Jesper!AK$2:AK$366,ROUNDDOWN($C4935/24,0)+1,1))-1)+IF('Standard Profiles'!$G$21=$B$10,7,0)+IF('Standard Profiles'!$G$21=$B$17,14,0)+IF('Standard Profiles'!$G$21=$B$24,21,0),0)),0)</f>
        <v>0</v>
      </c>
      <c r="H4935" cm="1">
        <f t="array" ref="H4935">IFERROR(INDEX(Jesper!AL$2:AL$366,ROUNDDOWN($C4935/24,0)+1,1)*INDEX($D$3:$AA$30,INDEX(Jesper!$R$2:$R$366,ROW(INDEX(Jesper!AL$2:AL$366,ROUNDDOWN($C4935/24,0)+1,1))-1)+IF('Standard Profiles'!$G$22=$B$10,7,0)+IF('Standard Profiles'!$G$22=$B$17,14,0)+IF('Standard Profiles'!$G$22=$B$24,21,0),MOD($C4935,24)+1)/SUM(INDEX($D$3:$AA$30,INDEX(Jesper!$R$2:$R$366,ROW(INDEX(Jesper!AL$2:AL$366,ROUNDDOWN($C4935/24,0)+1,1))-1)+IF('Standard Profiles'!$G$22=$B$10,7,0)+IF('Standard Profiles'!$G$22=$B$17,14,0)+IF('Standard Profiles'!$G$22=$B$24,21,0),0)),0)</f>
        <v>0</v>
      </c>
      <c r="I4935">
        <f t="shared" si="552"/>
        <v>0</v>
      </c>
      <c r="J4935">
        <f t="shared" si="553"/>
        <v>5.7891368575557038</v>
      </c>
      <c r="K4935">
        <f t="shared" si="554"/>
        <v>0.51980349988325991</v>
      </c>
      <c r="L4935">
        <f t="shared" si="555"/>
        <v>0.25990174994162996</v>
      </c>
      <c r="M4935">
        <f t="shared" si="556"/>
        <v>0</v>
      </c>
      <c r="N4935" s="45">
        <f t="shared" si="557"/>
        <v>45131.208333321447</v>
      </c>
    </row>
    <row r="4936" spans="2:14" x14ac:dyDescent="0.25">
      <c r="B4936">
        <f t="shared" si="551"/>
        <v>1</v>
      </c>
      <c r="C4936" s="16">
        <v>4902</v>
      </c>
      <c r="D4936" cm="1">
        <f t="array" ref="D4936">IFERROR(INDEX(Jesper!AH$2:AH$366,ROUNDDOWN($C4936/24,0)+1,1)*INDEX($D$3:$AA$30,INDEX(Jesper!$R$2:$R$366,ROW(INDEX(Jesper!AH$2:AH$366,ROUNDDOWN($C4936/24,0)+1,1))-1)+IF('Standard Profiles'!$G$18=$B$10,7,0)+IF('Standard Profiles'!$G$18=$B$17,14,0)+IF('Standard Profiles'!$G$18=$B$24,21,0),MOD($C4936,24)+1)/SUM(INDEX($D$3:$AA$30,INDEX(Jesper!$R$2:$R$366,ROW(INDEX(Jesper!AH$2:AH$366,ROUNDDOWN($C4936/24,0)+1,1))-1)+IF('Standard Profiles'!$G$18=$B$10,7,0)+IF('Standard Profiles'!$G$18=$B$17,14,0)+IF('Standard Profiles'!$G$18=$B$24,21,0),0)),0)</f>
        <v>4.8731578114055614</v>
      </c>
      <c r="E4936" cm="1">
        <f t="array" ref="E4936">IFERROR(INDEX(Jesper!AI$2:AI$366,ROUNDDOWN($C4936/24,0)+1,1)*INDEX($D$3:$AA$30,INDEX(Jesper!$R$2:$R$366,ROW(INDEX(Jesper!AI$2:AI$366,ROUNDDOWN($C4936/24,0)+1,1))-1)+IF('Standard Profiles'!$G$19=$B$10,7,0)+IF('Standard Profiles'!$G$19=$B$17,14,0)+IF('Standard Profiles'!$G$19=$B$24,21,0),MOD($C4936,24)+1)/SUM(INDEX($D$3:$AA$30,INDEX(Jesper!$R$2:$R$366,ROW(INDEX(Jesper!AI$2:AI$366,ROUNDDOWN($C4936/24,0)+1,1))-1)+IF('Standard Profiles'!$G$19=$B$10,7,0)+IF('Standard Profiles'!$G$19=$B$17,14,0)+IF('Standard Profiles'!$G$19=$B$24,21,0),0)),0)</f>
        <v>1.6956842959750316</v>
      </c>
      <c r="F4936" cm="1">
        <f t="array" ref="F4936">IFERROR(INDEX(Jesper!AJ$2:AJ$366,ROUNDDOWN($C4936/24,0)+1,1)*INDEX($D$3:$AA$30,INDEX(Jesper!$R$2:$R$366,ROW(INDEX(Jesper!AJ$2:AJ$366,ROUNDDOWN($C4936/24,0)+1,1))-1)+IF('Standard Profiles'!$G$20=$B$10,7,0)+IF('Standard Profiles'!$G$20=$B$17,14,0)+IF('Standard Profiles'!$G$20=$B$24,21,0),MOD($C4936,24)+1)/SUM(INDEX($D$3:$AA$30,INDEX(Jesper!$R$2:$R$366,ROW(INDEX(Jesper!AJ$2:AJ$366,ROUNDDOWN($C4936/24,0)+1,1))-1)+IF('Standard Profiles'!$G$20=$B$10,7,0)+IF('Standard Profiles'!$G$20=$B$17,14,0)+IF('Standard Profiles'!$G$20=$B$24,21,0),0)),0)</f>
        <v>0</v>
      </c>
      <c r="G4936" cm="1">
        <f t="array" ref="G4936">IFERROR(INDEX(Jesper!AK$2:AK$366,ROUNDDOWN($C4936/24,0)+1,1)*INDEX($D$3:$AA$30,INDEX(Jesper!$R$2:$R$366,ROW(INDEX(Jesper!AK$2:AK$366,ROUNDDOWN($C4936/24,0)+1,1))-1)+IF('Standard Profiles'!$G$21=$B$10,7,0)+IF('Standard Profiles'!$G$21=$B$17,14,0)+IF('Standard Profiles'!$G$21=$B$24,21,0),MOD($C4936,24)+1)/SUM(INDEX($D$3:$AA$30,INDEX(Jesper!$R$2:$R$366,ROW(INDEX(Jesper!AK$2:AK$366,ROUNDDOWN($C4936/24,0)+1,1))-1)+IF('Standard Profiles'!$G$21=$B$10,7,0)+IF('Standard Profiles'!$G$21=$B$17,14,0)+IF('Standard Profiles'!$G$21=$B$24,21,0),0)),0)</f>
        <v>0</v>
      </c>
      <c r="H4936" cm="1">
        <f t="array" ref="H4936">IFERROR(INDEX(Jesper!AL$2:AL$366,ROUNDDOWN($C4936/24,0)+1,1)*INDEX($D$3:$AA$30,INDEX(Jesper!$R$2:$R$366,ROW(INDEX(Jesper!AL$2:AL$366,ROUNDDOWN($C4936/24,0)+1,1))-1)+IF('Standard Profiles'!$G$22=$B$10,7,0)+IF('Standard Profiles'!$G$22=$B$17,14,0)+IF('Standard Profiles'!$G$22=$B$24,21,0),MOD($C4936,24)+1)/SUM(INDEX($D$3:$AA$30,INDEX(Jesper!$R$2:$R$366,ROW(INDEX(Jesper!AL$2:AL$366,ROUNDDOWN($C4936/24,0)+1,1))-1)+IF('Standard Profiles'!$G$22=$B$10,7,0)+IF('Standard Profiles'!$G$22=$B$17,14,0)+IF('Standard Profiles'!$G$22=$B$24,21,0),0)),0)</f>
        <v>0</v>
      </c>
      <c r="I4936">
        <f t="shared" si="552"/>
        <v>0</v>
      </c>
      <c r="J4936">
        <f t="shared" si="553"/>
        <v>5.7891368575557038</v>
      </c>
      <c r="K4936">
        <f t="shared" si="554"/>
        <v>0.51980349988325991</v>
      </c>
      <c r="L4936">
        <f t="shared" si="555"/>
        <v>0.25990174994162996</v>
      </c>
      <c r="M4936">
        <f t="shared" si="556"/>
        <v>0</v>
      </c>
      <c r="N4936" s="45">
        <f t="shared" si="557"/>
        <v>45131.249999988111</v>
      </c>
    </row>
    <row r="4937" spans="2:14" x14ac:dyDescent="0.25">
      <c r="B4937">
        <f t="shared" si="551"/>
        <v>1</v>
      </c>
      <c r="C4937" s="16">
        <v>4903</v>
      </c>
      <c r="D4937" cm="1">
        <f t="array" ref="D4937">IFERROR(INDEX(Jesper!AH$2:AH$366,ROUNDDOWN($C4937/24,0)+1,1)*INDEX($D$3:$AA$30,INDEX(Jesper!$R$2:$R$366,ROW(INDEX(Jesper!AH$2:AH$366,ROUNDDOWN($C4937/24,0)+1,1))-1)+IF('Standard Profiles'!$G$18=$B$10,7,0)+IF('Standard Profiles'!$G$18=$B$17,14,0)+IF('Standard Profiles'!$G$18=$B$24,21,0),MOD($C4937,24)+1)/SUM(INDEX($D$3:$AA$30,INDEX(Jesper!$R$2:$R$366,ROW(INDEX(Jesper!AH$2:AH$366,ROUNDDOWN($C4937/24,0)+1,1))-1)+IF('Standard Profiles'!$G$18=$B$10,7,0)+IF('Standard Profiles'!$G$18=$B$17,14,0)+IF('Standard Profiles'!$G$18=$B$24,21,0),0)),0)</f>
        <v>20.759652276587691</v>
      </c>
      <c r="E4937" cm="1">
        <f t="array" ref="E4937">IFERROR(INDEX(Jesper!AI$2:AI$366,ROUNDDOWN($C4937/24,0)+1,1)*INDEX($D$3:$AA$30,INDEX(Jesper!$R$2:$R$366,ROW(INDEX(Jesper!AI$2:AI$366,ROUNDDOWN($C4937/24,0)+1,1))-1)+IF('Standard Profiles'!$G$19=$B$10,7,0)+IF('Standard Profiles'!$G$19=$B$17,14,0)+IF('Standard Profiles'!$G$19=$B$24,21,0),MOD($C4937,24)+1)/SUM(INDEX($D$3:$AA$30,INDEX(Jesper!$R$2:$R$366,ROW(INDEX(Jesper!AI$2:AI$366,ROUNDDOWN($C4937/24,0)+1,1))-1)+IF('Standard Profiles'!$G$19=$B$10,7,0)+IF('Standard Profiles'!$G$19=$B$17,14,0)+IF('Standard Profiles'!$G$19=$B$24,21,0),0)),0)</f>
        <v>7.2236151008536336</v>
      </c>
      <c r="F4937" cm="1">
        <f t="array" ref="F4937">IFERROR(INDEX(Jesper!AJ$2:AJ$366,ROUNDDOWN($C4937/24,0)+1,1)*INDEX($D$3:$AA$30,INDEX(Jesper!$R$2:$R$366,ROW(INDEX(Jesper!AJ$2:AJ$366,ROUNDDOWN($C4937/24,0)+1,1))-1)+IF('Standard Profiles'!$G$20=$B$10,7,0)+IF('Standard Profiles'!$G$20=$B$17,14,0)+IF('Standard Profiles'!$G$20=$B$24,21,0),MOD($C4937,24)+1)/SUM(INDEX($D$3:$AA$30,INDEX(Jesper!$R$2:$R$366,ROW(INDEX(Jesper!AJ$2:AJ$366,ROUNDDOWN($C4937/24,0)+1,1))-1)+IF('Standard Profiles'!$G$20=$B$10,7,0)+IF('Standard Profiles'!$G$20=$B$17,14,0)+IF('Standard Profiles'!$G$20=$B$24,21,0),0)),0)</f>
        <v>0</v>
      </c>
      <c r="G4937" cm="1">
        <f t="array" ref="G4937">IFERROR(INDEX(Jesper!AK$2:AK$366,ROUNDDOWN($C4937/24,0)+1,1)*INDEX($D$3:$AA$30,INDEX(Jesper!$R$2:$R$366,ROW(INDEX(Jesper!AK$2:AK$366,ROUNDDOWN($C4937/24,0)+1,1))-1)+IF('Standard Profiles'!$G$21=$B$10,7,0)+IF('Standard Profiles'!$G$21=$B$17,14,0)+IF('Standard Profiles'!$G$21=$B$24,21,0),MOD($C4937,24)+1)/SUM(INDEX($D$3:$AA$30,INDEX(Jesper!$R$2:$R$366,ROW(INDEX(Jesper!AK$2:AK$366,ROUNDDOWN($C4937/24,0)+1,1))-1)+IF('Standard Profiles'!$G$21=$B$10,7,0)+IF('Standard Profiles'!$G$21=$B$17,14,0)+IF('Standard Profiles'!$G$21=$B$24,21,0),0)),0)</f>
        <v>0</v>
      </c>
      <c r="H4937" cm="1">
        <f t="array" ref="H4937">IFERROR(INDEX(Jesper!AL$2:AL$366,ROUNDDOWN($C4937/24,0)+1,1)*INDEX($D$3:$AA$30,INDEX(Jesper!$R$2:$R$366,ROW(INDEX(Jesper!AL$2:AL$366,ROUNDDOWN($C4937/24,0)+1,1))-1)+IF('Standard Profiles'!$G$22=$B$10,7,0)+IF('Standard Profiles'!$G$22=$B$17,14,0)+IF('Standard Profiles'!$G$22=$B$24,21,0),MOD($C4937,24)+1)/SUM(INDEX($D$3:$AA$30,INDEX(Jesper!$R$2:$R$366,ROW(INDEX(Jesper!AL$2:AL$366,ROUNDDOWN($C4937/24,0)+1,1))-1)+IF('Standard Profiles'!$G$22=$B$10,7,0)+IF('Standard Profiles'!$G$22=$B$17,14,0)+IF('Standard Profiles'!$G$22=$B$24,21,0),0)),0)</f>
        <v>0</v>
      </c>
      <c r="I4937">
        <f t="shared" si="552"/>
        <v>0</v>
      </c>
      <c r="J4937">
        <f t="shared" si="553"/>
        <v>24.661723013187292</v>
      </c>
      <c r="K4937">
        <f t="shared" si="554"/>
        <v>2.2143629095026873</v>
      </c>
      <c r="L4937">
        <f t="shared" si="555"/>
        <v>1.1071814547513437</v>
      </c>
      <c r="M4937">
        <f t="shared" si="556"/>
        <v>0</v>
      </c>
      <c r="N4937" s="45">
        <f t="shared" si="557"/>
        <v>45131.291666654775</v>
      </c>
    </row>
    <row r="4938" spans="2:14" x14ac:dyDescent="0.25">
      <c r="B4938">
        <f t="shared" si="551"/>
        <v>1</v>
      </c>
      <c r="C4938" s="16">
        <v>4904</v>
      </c>
      <c r="D4938" cm="1">
        <f t="array" ref="D4938">IFERROR(INDEX(Jesper!AH$2:AH$366,ROUNDDOWN($C4938/24,0)+1,1)*INDEX($D$3:$AA$30,INDEX(Jesper!$R$2:$R$366,ROW(INDEX(Jesper!AH$2:AH$366,ROUNDDOWN($C4938/24,0)+1,1))-1)+IF('Standard Profiles'!$G$18=$B$10,7,0)+IF('Standard Profiles'!$G$18=$B$17,14,0)+IF('Standard Profiles'!$G$18=$B$24,21,0),MOD($C4938,24)+1)/SUM(INDEX($D$3:$AA$30,INDEX(Jesper!$R$2:$R$366,ROW(INDEX(Jesper!AH$2:AH$366,ROUNDDOWN($C4938/24,0)+1,1))-1)+IF('Standard Profiles'!$G$18=$B$10,7,0)+IF('Standard Profiles'!$G$18=$B$17,14,0)+IF('Standard Profiles'!$G$18=$B$24,21,0),0)),0)</f>
        <v>23.354608811161153</v>
      </c>
      <c r="E4938" cm="1">
        <f t="array" ref="E4938">IFERROR(INDEX(Jesper!AI$2:AI$366,ROUNDDOWN($C4938/24,0)+1,1)*INDEX($D$3:$AA$30,INDEX(Jesper!$R$2:$R$366,ROW(INDEX(Jesper!AI$2:AI$366,ROUNDDOWN($C4938/24,0)+1,1))-1)+IF('Standard Profiles'!$G$19=$B$10,7,0)+IF('Standard Profiles'!$G$19=$B$17,14,0)+IF('Standard Profiles'!$G$19=$B$24,21,0),MOD($C4938,24)+1)/SUM(INDEX($D$3:$AA$30,INDEX(Jesper!$R$2:$R$366,ROW(INDEX(Jesper!AI$2:AI$366,ROUNDDOWN($C4938/24,0)+1,1))-1)+IF('Standard Profiles'!$G$19=$B$10,7,0)+IF('Standard Profiles'!$G$19=$B$17,14,0)+IF('Standard Profiles'!$G$19=$B$24,21,0),0)),0)</f>
        <v>8.126566988460338</v>
      </c>
      <c r="F4938" cm="1">
        <f t="array" ref="F4938">IFERROR(INDEX(Jesper!AJ$2:AJ$366,ROUNDDOWN($C4938/24,0)+1,1)*INDEX($D$3:$AA$30,INDEX(Jesper!$R$2:$R$366,ROW(INDEX(Jesper!AJ$2:AJ$366,ROUNDDOWN($C4938/24,0)+1,1))-1)+IF('Standard Profiles'!$G$20=$B$10,7,0)+IF('Standard Profiles'!$G$20=$B$17,14,0)+IF('Standard Profiles'!$G$20=$B$24,21,0),MOD($C4938,24)+1)/SUM(INDEX($D$3:$AA$30,INDEX(Jesper!$R$2:$R$366,ROW(INDEX(Jesper!AJ$2:AJ$366,ROUNDDOWN($C4938/24,0)+1,1))-1)+IF('Standard Profiles'!$G$20=$B$10,7,0)+IF('Standard Profiles'!$G$20=$B$17,14,0)+IF('Standard Profiles'!$G$20=$B$24,21,0),0)),0)</f>
        <v>0</v>
      </c>
      <c r="G4938" cm="1">
        <f t="array" ref="G4938">IFERROR(INDEX(Jesper!AK$2:AK$366,ROUNDDOWN($C4938/24,0)+1,1)*INDEX($D$3:$AA$30,INDEX(Jesper!$R$2:$R$366,ROW(INDEX(Jesper!AK$2:AK$366,ROUNDDOWN($C4938/24,0)+1,1))-1)+IF('Standard Profiles'!$G$21=$B$10,7,0)+IF('Standard Profiles'!$G$21=$B$17,14,0)+IF('Standard Profiles'!$G$21=$B$24,21,0),MOD($C4938,24)+1)/SUM(INDEX($D$3:$AA$30,INDEX(Jesper!$R$2:$R$366,ROW(INDEX(Jesper!AK$2:AK$366,ROUNDDOWN($C4938/24,0)+1,1))-1)+IF('Standard Profiles'!$G$21=$B$10,7,0)+IF('Standard Profiles'!$G$21=$B$17,14,0)+IF('Standard Profiles'!$G$21=$B$24,21,0),0)),0)</f>
        <v>0</v>
      </c>
      <c r="H4938" cm="1">
        <f t="array" ref="H4938">IFERROR(INDEX(Jesper!AL$2:AL$366,ROUNDDOWN($C4938/24,0)+1,1)*INDEX($D$3:$AA$30,INDEX(Jesper!$R$2:$R$366,ROW(INDEX(Jesper!AL$2:AL$366,ROUNDDOWN($C4938/24,0)+1,1))-1)+IF('Standard Profiles'!$G$22=$B$10,7,0)+IF('Standard Profiles'!$G$22=$B$17,14,0)+IF('Standard Profiles'!$G$22=$B$24,21,0),MOD($C4938,24)+1)/SUM(INDEX($D$3:$AA$30,INDEX(Jesper!$R$2:$R$366,ROW(INDEX(Jesper!AL$2:AL$366,ROUNDDOWN($C4938/24,0)+1,1))-1)+IF('Standard Profiles'!$G$22=$B$10,7,0)+IF('Standard Profiles'!$G$22=$B$17,14,0)+IF('Standard Profiles'!$G$22=$B$24,21,0),0)),0)</f>
        <v>0</v>
      </c>
      <c r="I4938">
        <f t="shared" si="552"/>
        <v>0</v>
      </c>
      <c r="J4938">
        <f t="shared" si="553"/>
        <v>27.744438389835707</v>
      </c>
      <c r="K4938">
        <f t="shared" si="554"/>
        <v>2.4911582731905231</v>
      </c>
      <c r="L4938">
        <f t="shared" si="555"/>
        <v>1.2455791365952615</v>
      </c>
      <c r="M4938">
        <f t="shared" si="556"/>
        <v>0</v>
      </c>
      <c r="N4938" s="45">
        <f t="shared" si="557"/>
        <v>45131.33333332144</v>
      </c>
    </row>
    <row r="4939" spans="2:14" x14ac:dyDescent="0.25">
      <c r="B4939">
        <f t="shared" si="551"/>
        <v>1</v>
      </c>
      <c r="C4939" s="16">
        <v>4905</v>
      </c>
      <c r="D4939" cm="1">
        <f t="array" ref="D4939">IFERROR(INDEX(Jesper!AH$2:AH$366,ROUNDDOWN($C4939/24,0)+1,1)*INDEX($D$3:$AA$30,INDEX(Jesper!$R$2:$R$366,ROW(INDEX(Jesper!AH$2:AH$366,ROUNDDOWN($C4939/24,0)+1,1))-1)+IF('Standard Profiles'!$G$18=$B$10,7,0)+IF('Standard Profiles'!$G$18=$B$17,14,0)+IF('Standard Profiles'!$G$18=$B$24,21,0),MOD($C4939,24)+1)/SUM(INDEX($D$3:$AA$30,INDEX(Jesper!$R$2:$R$366,ROW(INDEX(Jesper!AH$2:AH$366,ROUNDDOWN($C4939/24,0)+1,1))-1)+IF('Standard Profiles'!$G$18=$B$10,7,0)+IF('Standard Profiles'!$G$18=$B$17,14,0)+IF('Standard Profiles'!$G$18=$B$24,21,0),0)),0)</f>
        <v>25.949565345734616</v>
      </c>
      <c r="E4939" cm="1">
        <f t="array" ref="E4939">IFERROR(INDEX(Jesper!AI$2:AI$366,ROUNDDOWN($C4939/24,0)+1,1)*INDEX($D$3:$AA$30,INDEX(Jesper!$R$2:$R$366,ROW(INDEX(Jesper!AI$2:AI$366,ROUNDDOWN($C4939/24,0)+1,1))-1)+IF('Standard Profiles'!$G$19=$B$10,7,0)+IF('Standard Profiles'!$G$19=$B$17,14,0)+IF('Standard Profiles'!$G$19=$B$24,21,0),MOD($C4939,24)+1)/SUM(INDEX($D$3:$AA$30,INDEX(Jesper!$R$2:$R$366,ROW(INDEX(Jesper!AI$2:AI$366,ROUNDDOWN($C4939/24,0)+1,1))-1)+IF('Standard Profiles'!$G$19=$B$10,7,0)+IF('Standard Profiles'!$G$19=$B$17,14,0)+IF('Standard Profiles'!$G$19=$B$24,21,0),0)),0)</f>
        <v>9.0295188760670424</v>
      </c>
      <c r="F4939" cm="1">
        <f t="array" ref="F4939">IFERROR(INDEX(Jesper!AJ$2:AJ$366,ROUNDDOWN($C4939/24,0)+1,1)*INDEX($D$3:$AA$30,INDEX(Jesper!$R$2:$R$366,ROW(INDEX(Jesper!AJ$2:AJ$366,ROUNDDOWN($C4939/24,0)+1,1))-1)+IF('Standard Profiles'!$G$20=$B$10,7,0)+IF('Standard Profiles'!$G$20=$B$17,14,0)+IF('Standard Profiles'!$G$20=$B$24,21,0),MOD($C4939,24)+1)/SUM(INDEX($D$3:$AA$30,INDEX(Jesper!$R$2:$R$366,ROW(INDEX(Jesper!AJ$2:AJ$366,ROUNDDOWN($C4939/24,0)+1,1))-1)+IF('Standard Profiles'!$G$20=$B$10,7,0)+IF('Standard Profiles'!$G$20=$B$17,14,0)+IF('Standard Profiles'!$G$20=$B$24,21,0),0)),0)</f>
        <v>0</v>
      </c>
      <c r="G4939" cm="1">
        <f t="array" ref="G4939">IFERROR(INDEX(Jesper!AK$2:AK$366,ROUNDDOWN($C4939/24,0)+1,1)*INDEX($D$3:$AA$30,INDEX(Jesper!$R$2:$R$366,ROW(INDEX(Jesper!AK$2:AK$366,ROUNDDOWN($C4939/24,0)+1,1))-1)+IF('Standard Profiles'!$G$21=$B$10,7,0)+IF('Standard Profiles'!$G$21=$B$17,14,0)+IF('Standard Profiles'!$G$21=$B$24,21,0),MOD($C4939,24)+1)/SUM(INDEX($D$3:$AA$30,INDEX(Jesper!$R$2:$R$366,ROW(INDEX(Jesper!AK$2:AK$366,ROUNDDOWN($C4939/24,0)+1,1))-1)+IF('Standard Profiles'!$G$21=$B$10,7,0)+IF('Standard Profiles'!$G$21=$B$17,14,0)+IF('Standard Profiles'!$G$21=$B$24,21,0),0)),0)</f>
        <v>0</v>
      </c>
      <c r="H4939" cm="1">
        <f t="array" ref="H4939">IFERROR(INDEX(Jesper!AL$2:AL$366,ROUNDDOWN($C4939/24,0)+1,1)*INDEX($D$3:$AA$30,INDEX(Jesper!$R$2:$R$366,ROW(INDEX(Jesper!AL$2:AL$366,ROUNDDOWN($C4939/24,0)+1,1))-1)+IF('Standard Profiles'!$G$22=$B$10,7,0)+IF('Standard Profiles'!$G$22=$B$17,14,0)+IF('Standard Profiles'!$G$22=$B$24,21,0),MOD($C4939,24)+1)/SUM(INDEX($D$3:$AA$30,INDEX(Jesper!$R$2:$R$366,ROW(INDEX(Jesper!AL$2:AL$366,ROUNDDOWN($C4939/24,0)+1,1))-1)+IF('Standard Profiles'!$G$22=$B$10,7,0)+IF('Standard Profiles'!$G$22=$B$17,14,0)+IF('Standard Profiles'!$G$22=$B$24,21,0),0)),0)</f>
        <v>0</v>
      </c>
      <c r="I4939">
        <f t="shared" si="552"/>
        <v>0</v>
      </c>
      <c r="J4939">
        <f t="shared" si="553"/>
        <v>30.827153766484116</v>
      </c>
      <c r="K4939">
        <f t="shared" si="554"/>
        <v>2.7679536368783593</v>
      </c>
      <c r="L4939">
        <f t="shared" si="555"/>
        <v>1.3839768184391796</v>
      </c>
      <c r="M4939">
        <f t="shared" si="556"/>
        <v>0</v>
      </c>
      <c r="N4939" s="45">
        <f t="shared" si="557"/>
        <v>45131.374999988104</v>
      </c>
    </row>
    <row r="4940" spans="2:14" x14ac:dyDescent="0.25">
      <c r="B4940">
        <f t="shared" si="551"/>
        <v>1</v>
      </c>
      <c r="C4940" s="16">
        <v>4906</v>
      </c>
      <c r="D4940" cm="1">
        <f t="array" ref="D4940">IFERROR(INDEX(Jesper!AH$2:AH$366,ROUNDDOWN($C4940/24,0)+1,1)*INDEX($D$3:$AA$30,INDEX(Jesper!$R$2:$R$366,ROW(INDEX(Jesper!AH$2:AH$366,ROUNDDOWN($C4940/24,0)+1,1))-1)+IF('Standard Profiles'!$G$18=$B$10,7,0)+IF('Standard Profiles'!$G$18=$B$17,14,0)+IF('Standard Profiles'!$G$18=$B$24,21,0),MOD($C4940,24)+1)/SUM(INDEX($D$3:$AA$30,INDEX(Jesper!$R$2:$R$366,ROW(INDEX(Jesper!AH$2:AH$366,ROUNDDOWN($C4940/24,0)+1,1))-1)+IF('Standard Profiles'!$G$18=$B$10,7,0)+IF('Standard Profiles'!$G$18=$B$17,14,0)+IF('Standard Profiles'!$G$18=$B$24,21,0),0)),0)</f>
        <v>25.949565345734616</v>
      </c>
      <c r="E4940" cm="1">
        <f t="array" ref="E4940">IFERROR(INDEX(Jesper!AI$2:AI$366,ROUNDDOWN($C4940/24,0)+1,1)*INDEX($D$3:$AA$30,INDEX(Jesper!$R$2:$R$366,ROW(INDEX(Jesper!AI$2:AI$366,ROUNDDOWN($C4940/24,0)+1,1))-1)+IF('Standard Profiles'!$G$19=$B$10,7,0)+IF('Standard Profiles'!$G$19=$B$17,14,0)+IF('Standard Profiles'!$G$19=$B$24,21,0),MOD($C4940,24)+1)/SUM(INDEX($D$3:$AA$30,INDEX(Jesper!$R$2:$R$366,ROW(INDEX(Jesper!AI$2:AI$366,ROUNDDOWN($C4940/24,0)+1,1))-1)+IF('Standard Profiles'!$G$19=$B$10,7,0)+IF('Standard Profiles'!$G$19=$B$17,14,0)+IF('Standard Profiles'!$G$19=$B$24,21,0),0)),0)</f>
        <v>9.0295188760670424</v>
      </c>
      <c r="F4940" cm="1">
        <f t="array" ref="F4940">IFERROR(INDEX(Jesper!AJ$2:AJ$366,ROUNDDOWN($C4940/24,0)+1,1)*INDEX($D$3:$AA$30,INDEX(Jesper!$R$2:$R$366,ROW(INDEX(Jesper!AJ$2:AJ$366,ROUNDDOWN($C4940/24,0)+1,1))-1)+IF('Standard Profiles'!$G$20=$B$10,7,0)+IF('Standard Profiles'!$G$20=$B$17,14,0)+IF('Standard Profiles'!$G$20=$B$24,21,0),MOD($C4940,24)+1)/SUM(INDEX($D$3:$AA$30,INDEX(Jesper!$R$2:$R$366,ROW(INDEX(Jesper!AJ$2:AJ$366,ROUNDDOWN($C4940/24,0)+1,1))-1)+IF('Standard Profiles'!$G$20=$B$10,7,0)+IF('Standard Profiles'!$G$20=$B$17,14,0)+IF('Standard Profiles'!$G$20=$B$24,21,0),0)),0)</f>
        <v>0</v>
      </c>
      <c r="G4940" cm="1">
        <f t="array" ref="G4940">IFERROR(INDEX(Jesper!AK$2:AK$366,ROUNDDOWN($C4940/24,0)+1,1)*INDEX($D$3:$AA$30,INDEX(Jesper!$R$2:$R$366,ROW(INDEX(Jesper!AK$2:AK$366,ROUNDDOWN($C4940/24,0)+1,1))-1)+IF('Standard Profiles'!$G$21=$B$10,7,0)+IF('Standard Profiles'!$G$21=$B$17,14,0)+IF('Standard Profiles'!$G$21=$B$24,21,0),MOD($C4940,24)+1)/SUM(INDEX($D$3:$AA$30,INDEX(Jesper!$R$2:$R$366,ROW(INDEX(Jesper!AK$2:AK$366,ROUNDDOWN($C4940/24,0)+1,1))-1)+IF('Standard Profiles'!$G$21=$B$10,7,0)+IF('Standard Profiles'!$G$21=$B$17,14,0)+IF('Standard Profiles'!$G$21=$B$24,21,0),0)),0)</f>
        <v>0</v>
      </c>
      <c r="H4940" cm="1">
        <f t="array" ref="H4940">IFERROR(INDEX(Jesper!AL$2:AL$366,ROUNDDOWN($C4940/24,0)+1,1)*INDEX($D$3:$AA$30,INDEX(Jesper!$R$2:$R$366,ROW(INDEX(Jesper!AL$2:AL$366,ROUNDDOWN($C4940/24,0)+1,1))-1)+IF('Standard Profiles'!$G$22=$B$10,7,0)+IF('Standard Profiles'!$G$22=$B$17,14,0)+IF('Standard Profiles'!$G$22=$B$24,21,0),MOD($C4940,24)+1)/SUM(INDEX($D$3:$AA$30,INDEX(Jesper!$R$2:$R$366,ROW(INDEX(Jesper!AL$2:AL$366,ROUNDDOWN($C4940/24,0)+1,1))-1)+IF('Standard Profiles'!$G$22=$B$10,7,0)+IF('Standard Profiles'!$G$22=$B$17,14,0)+IF('Standard Profiles'!$G$22=$B$24,21,0),0)),0)</f>
        <v>0</v>
      </c>
      <c r="I4940">
        <f t="shared" si="552"/>
        <v>0</v>
      </c>
      <c r="J4940">
        <f t="shared" si="553"/>
        <v>30.827153766484116</v>
      </c>
      <c r="K4940">
        <f t="shared" si="554"/>
        <v>2.7679536368783593</v>
      </c>
      <c r="L4940">
        <f t="shared" si="555"/>
        <v>1.3839768184391796</v>
      </c>
      <c r="M4940">
        <f t="shared" si="556"/>
        <v>0</v>
      </c>
      <c r="N4940" s="45">
        <f t="shared" si="557"/>
        <v>45131.416666654768</v>
      </c>
    </row>
    <row r="4941" spans="2:14" x14ac:dyDescent="0.25">
      <c r="B4941">
        <f t="shared" si="551"/>
        <v>1</v>
      </c>
      <c r="C4941" s="16">
        <v>4907</v>
      </c>
      <c r="D4941" cm="1">
        <f t="array" ref="D4941">IFERROR(INDEX(Jesper!AH$2:AH$366,ROUNDDOWN($C4941/24,0)+1,1)*INDEX($D$3:$AA$30,INDEX(Jesper!$R$2:$R$366,ROW(INDEX(Jesper!AH$2:AH$366,ROUNDDOWN($C4941/24,0)+1,1))-1)+IF('Standard Profiles'!$G$18=$B$10,7,0)+IF('Standard Profiles'!$G$18=$B$17,14,0)+IF('Standard Profiles'!$G$18=$B$24,21,0),MOD($C4941,24)+1)/SUM(INDEX($D$3:$AA$30,INDEX(Jesper!$R$2:$R$366,ROW(INDEX(Jesper!AH$2:AH$366,ROUNDDOWN($C4941/24,0)+1,1))-1)+IF('Standard Profiles'!$G$18=$B$10,7,0)+IF('Standard Profiles'!$G$18=$B$17,14,0)+IF('Standard Profiles'!$G$18=$B$24,21,0),0)),0)</f>
        <v>31.139478414881534</v>
      </c>
      <c r="E4941" cm="1">
        <f t="array" ref="E4941">IFERROR(INDEX(Jesper!AI$2:AI$366,ROUNDDOWN($C4941/24,0)+1,1)*INDEX($D$3:$AA$30,INDEX(Jesper!$R$2:$R$366,ROW(INDEX(Jesper!AI$2:AI$366,ROUNDDOWN($C4941/24,0)+1,1))-1)+IF('Standard Profiles'!$G$19=$B$10,7,0)+IF('Standard Profiles'!$G$19=$B$17,14,0)+IF('Standard Profiles'!$G$19=$B$24,21,0),MOD($C4941,24)+1)/SUM(INDEX($D$3:$AA$30,INDEX(Jesper!$R$2:$R$366,ROW(INDEX(Jesper!AI$2:AI$366,ROUNDDOWN($C4941/24,0)+1,1))-1)+IF('Standard Profiles'!$G$19=$B$10,7,0)+IF('Standard Profiles'!$G$19=$B$17,14,0)+IF('Standard Profiles'!$G$19=$B$24,21,0),0)),0)</f>
        <v>10.835422651280449</v>
      </c>
      <c r="F4941" cm="1">
        <f t="array" ref="F4941">IFERROR(INDEX(Jesper!AJ$2:AJ$366,ROUNDDOWN($C4941/24,0)+1,1)*INDEX($D$3:$AA$30,INDEX(Jesper!$R$2:$R$366,ROW(INDEX(Jesper!AJ$2:AJ$366,ROUNDDOWN($C4941/24,0)+1,1))-1)+IF('Standard Profiles'!$G$20=$B$10,7,0)+IF('Standard Profiles'!$G$20=$B$17,14,0)+IF('Standard Profiles'!$G$20=$B$24,21,0),MOD($C4941,24)+1)/SUM(INDEX($D$3:$AA$30,INDEX(Jesper!$R$2:$R$366,ROW(INDEX(Jesper!AJ$2:AJ$366,ROUNDDOWN($C4941/24,0)+1,1))-1)+IF('Standard Profiles'!$G$20=$B$10,7,0)+IF('Standard Profiles'!$G$20=$B$17,14,0)+IF('Standard Profiles'!$G$20=$B$24,21,0),0)),0)</f>
        <v>0</v>
      </c>
      <c r="G4941" cm="1">
        <f t="array" ref="G4941">IFERROR(INDEX(Jesper!AK$2:AK$366,ROUNDDOWN($C4941/24,0)+1,1)*INDEX($D$3:$AA$30,INDEX(Jesper!$R$2:$R$366,ROW(INDEX(Jesper!AK$2:AK$366,ROUNDDOWN($C4941/24,0)+1,1))-1)+IF('Standard Profiles'!$G$21=$B$10,7,0)+IF('Standard Profiles'!$G$21=$B$17,14,0)+IF('Standard Profiles'!$G$21=$B$24,21,0),MOD($C4941,24)+1)/SUM(INDEX($D$3:$AA$30,INDEX(Jesper!$R$2:$R$366,ROW(INDEX(Jesper!AK$2:AK$366,ROUNDDOWN($C4941/24,0)+1,1))-1)+IF('Standard Profiles'!$G$21=$B$10,7,0)+IF('Standard Profiles'!$G$21=$B$17,14,0)+IF('Standard Profiles'!$G$21=$B$24,21,0),0)),0)</f>
        <v>0</v>
      </c>
      <c r="H4941" cm="1">
        <f t="array" ref="H4941">IFERROR(INDEX(Jesper!AL$2:AL$366,ROUNDDOWN($C4941/24,0)+1,1)*INDEX($D$3:$AA$30,INDEX(Jesper!$R$2:$R$366,ROW(INDEX(Jesper!AL$2:AL$366,ROUNDDOWN($C4941/24,0)+1,1))-1)+IF('Standard Profiles'!$G$22=$B$10,7,0)+IF('Standard Profiles'!$G$22=$B$17,14,0)+IF('Standard Profiles'!$G$22=$B$24,21,0),MOD($C4941,24)+1)/SUM(INDEX($D$3:$AA$30,INDEX(Jesper!$R$2:$R$366,ROW(INDEX(Jesper!AL$2:AL$366,ROUNDDOWN($C4941/24,0)+1,1))-1)+IF('Standard Profiles'!$G$22=$B$10,7,0)+IF('Standard Profiles'!$G$22=$B$17,14,0)+IF('Standard Profiles'!$G$22=$B$24,21,0),0)),0)</f>
        <v>0</v>
      </c>
      <c r="I4941">
        <f t="shared" si="552"/>
        <v>0</v>
      </c>
      <c r="J4941">
        <f t="shared" si="553"/>
        <v>36.992584519780934</v>
      </c>
      <c r="K4941">
        <f t="shared" si="554"/>
        <v>3.3215443642540303</v>
      </c>
      <c r="L4941">
        <f t="shared" si="555"/>
        <v>1.6607721821270152</v>
      </c>
      <c r="M4941">
        <f t="shared" si="556"/>
        <v>0</v>
      </c>
      <c r="N4941" s="45">
        <f t="shared" si="557"/>
        <v>45131.458333321432</v>
      </c>
    </row>
    <row r="4942" spans="2:14" x14ac:dyDescent="0.25">
      <c r="B4942">
        <f t="shared" si="551"/>
        <v>1</v>
      </c>
      <c r="C4942" s="16">
        <v>4908</v>
      </c>
      <c r="D4942" cm="1">
        <f t="array" ref="D4942">IFERROR(INDEX(Jesper!AH$2:AH$366,ROUNDDOWN($C4942/24,0)+1,1)*INDEX($D$3:$AA$30,INDEX(Jesper!$R$2:$R$366,ROW(INDEX(Jesper!AH$2:AH$366,ROUNDDOWN($C4942/24,0)+1,1))-1)+IF('Standard Profiles'!$G$18=$B$10,7,0)+IF('Standard Profiles'!$G$18=$B$17,14,0)+IF('Standard Profiles'!$G$18=$B$24,21,0),MOD($C4942,24)+1)/SUM(INDEX($D$3:$AA$30,INDEX(Jesper!$R$2:$R$366,ROW(INDEX(Jesper!AH$2:AH$366,ROUNDDOWN($C4942/24,0)+1,1))-1)+IF('Standard Profiles'!$G$18=$B$10,7,0)+IF('Standard Profiles'!$G$18=$B$17,14,0)+IF('Standard Profiles'!$G$18=$B$24,21,0),0)),0)</f>
        <v>31.139478414881534</v>
      </c>
      <c r="E4942" cm="1">
        <f t="array" ref="E4942">IFERROR(INDEX(Jesper!AI$2:AI$366,ROUNDDOWN($C4942/24,0)+1,1)*INDEX($D$3:$AA$30,INDEX(Jesper!$R$2:$R$366,ROW(INDEX(Jesper!AI$2:AI$366,ROUNDDOWN($C4942/24,0)+1,1))-1)+IF('Standard Profiles'!$G$19=$B$10,7,0)+IF('Standard Profiles'!$G$19=$B$17,14,0)+IF('Standard Profiles'!$G$19=$B$24,21,0),MOD($C4942,24)+1)/SUM(INDEX($D$3:$AA$30,INDEX(Jesper!$R$2:$R$366,ROW(INDEX(Jesper!AI$2:AI$366,ROUNDDOWN($C4942/24,0)+1,1))-1)+IF('Standard Profiles'!$G$19=$B$10,7,0)+IF('Standard Profiles'!$G$19=$B$17,14,0)+IF('Standard Profiles'!$G$19=$B$24,21,0),0)),0)</f>
        <v>10.835422651280449</v>
      </c>
      <c r="F4942" cm="1">
        <f t="array" ref="F4942">IFERROR(INDEX(Jesper!AJ$2:AJ$366,ROUNDDOWN($C4942/24,0)+1,1)*INDEX($D$3:$AA$30,INDEX(Jesper!$R$2:$R$366,ROW(INDEX(Jesper!AJ$2:AJ$366,ROUNDDOWN($C4942/24,0)+1,1))-1)+IF('Standard Profiles'!$G$20=$B$10,7,0)+IF('Standard Profiles'!$G$20=$B$17,14,0)+IF('Standard Profiles'!$G$20=$B$24,21,0),MOD($C4942,24)+1)/SUM(INDEX($D$3:$AA$30,INDEX(Jesper!$R$2:$R$366,ROW(INDEX(Jesper!AJ$2:AJ$366,ROUNDDOWN($C4942/24,0)+1,1))-1)+IF('Standard Profiles'!$G$20=$B$10,7,0)+IF('Standard Profiles'!$G$20=$B$17,14,0)+IF('Standard Profiles'!$G$20=$B$24,21,0),0)),0)</f>
        <v>0</v>
      </c>
      <c r="G4942" cm="1">
        <f t="array" ref="G4942">IFERROR(INDEX(Jesper!AK$2:AK$366,ROUNDDOWN($C4942/24,0)+1,1)*INDEX($D$3:$AA$30,INDEX(Jesper!$R$2:$R$366,ROW(INDEX(Jesper!AK$2:AK$366,ROUNDDOWN($C4942/24,0)+1,1))-1)+IF('Standard Profiles'!$G$21=$B$10,7,0)+IF('Standard Profiles'!$G$21=$B$17,14,0)+IF('Standard Profiles'!$G$21=$B$24,21,0),MOD($C4942,24)+1)/SUM(INDEX($D$3:$AA$30,INDEX(Jesper!$R$2:$R$366,ROW(INDEX(Jesper!AK$2:AK$366,ROUNDDOWN($C4942/24,0)+1,1))-1)+IF('Standard Profiles'!$G$21=$B$10,7,0)+IF('Standard Profiles'!$G$21=$B$17,14,0)+IF('Standard Profiles'!$G$21=$B$24,21,0),0)),0)</f>
        <v>0</v>
      </c>
      <c r="H4942" cm="1">
        <f t="array" ref="H4942">IFERROR(INDEX(Jesper!AL$2:AL$366,ROUNDDOWN($C4942/24,0)+1,1)*INDEX($D$3:$AA$30,INDEX(Jesper!$R$2:$R$366,ROW(INDEX(Jesper!AL$2:AL$366,ROUNDDOWN($C4942/24,0)+1,1))-1)+IF('Standard Profiles'!$G$22=$B$10,7,0)+IF('Standard Profiles'!$G$22=$B$17,14,0)+IF('Standard Profiles'!$G$22=$B$24,21,0),MOD($C4942,24)+1)/SUM(INDEX($D$3:$AA$30,INDEX(Jesper!$R$2:$R$366,ROW(INDEX(Jesper!AL$2:AL$366,ROUNDDOWN($C4942/24,0)+1,1))-1)+IF('Standard Profiles'!$G$22=$B$10,7,0)+IF('Standard Profiles'!$G$22=$B$17,14,0)+IF('Standard Profiles'!$G$22=$B$24,21,0),0)),0)</f>
        <v>0</v>
      </c>
      <c r="I4942">
        <f t="shared" si="552"/>
        <v>0</v>
      </c>
      <c r="J4942">
        <f t="shared" si="553"/>
        <v>36.992584519780934</v>
      </c>
      <c r="K4942">
        <f t="shared" si="554"/>
        <v>3.3215443642540303</v>
      </c>
      <c r="L4942">
        <f t="shared" si="555"/>
        <v>1.6607721821270152</v>
      </c>
      <c r="M4942">
        <f t="shared" si="556"/>
        <v>0</v>
      </c>
      <c r="N4942" s="45">
        <f t="shared" si="557"/>
        <v>45131.499999988097</v>
      </c>
    </row>
    <row r="4943" spans="2:14" x14ac:dyDescent="0.25">
      <c r="B4943">
        <f t="shared" si="551"/>
        <v>1</v>
      </c>
      <c r="C4943" s="16">
        <v>4909</v>
      </c>
      <c r="D4943" cm="1">
        <f t="array" ref="D4943">IFERROR(INDEX(Jesper!AH$2:AH$366,ROUNDDOWN($C4943/24,0)+1,1)*INDEX($D$3:$AA$30,INDEX(Jesper!$R$2:$R$366,ROW(INDEX(Jesper!AH$2:AH$366,ROUNDDOWN($C4943/24,0)+1,1))-1)+IF('Standard Profiles'!$G$18=$B$10,7,0)+IF('Standard Profiles'!$G$18=$B$17,14,0)+IF('Standard Profiles'!$G$18=$B$24,21,0),MOD($C4943,24)+1)/SUM(INDEX($D$3:$AA$30,INDEX(Jesper!$R$2:$R$366,ROW(INDEX(Jesper!AH$2:AH$366,ROUNDDOWN($C4943/24,0)+1,1))-1)+IF('Standard Profiles'!$G$18=$B$10,7,0)+IF('Standard Profiles'!$G$18=$B$17,14,0)+IF('Standard Profiles'!$G$18=$B$24,21,0),0)),0)</f>
        <v>20.759652276587691</v>
      </c>
      <c r="E4943" cm="1">
        <f t="array" ref="E4943">IFERROR(INDEX(Jesper!AI$2:AI$366,ROUNDDOWN($C4943/24,0)+1,1)*INDEX($D$3:$AA$30,INDEX(Jesper!$R$2:$R$366,ROW(INDEX(Jesper!AI$2:AI$366,ROUNDDOWN($C4943/24,0)+1,1))-1)+IF('Standard Profiles'!$G$19=$B$10,7,0)+IF('Standard Profiles'!$G$19=$B$17,14,0)+IF('Standard Profiles'!$G$19=$B$24,21,0),MOD($C4943,24)+1)/SUM(INDEX($D$3:$AA$30,INDEX(Jesper!$R$2:$R$366,ROW(INDEX(Jesper!AI$2:AI$366,ROUNDDOWN($C4943/24,0)+1,1))-1)+IF('Standard Profiles'!$G$19=$B$10,7,0)+IF('Standard Profiles'!$G$19=$B$17,14,0)+IF('Standard Profiles'!$G$19=$B$24,21,0),0)),0)</f>
        <v>7.2236151008536336</v>
      </c>
      <c r="F4943" cm="1">
        <f t="array" ref="F4943">IFERROR(INDEX(Jesper!AJ$2:AJ$366,ROUNDDOWN($C4943/24,0)+1,1)*INDEX($D$3:$AA$30,INDEX(Jesper!$R$2:$R$366,ROW(INDEX(Jesper!AJ$2:AJ$366,ROUNDDOWN($C4943/24,0)+1,1))-1)+IF('Standard Profiles'!$G$20=$B$10,7,0)+IF('Standard Profiles'!$G$20=$B$17,14,0)+IF('Standard Profiles'!$G$20=$B$24,21,0),MOD($C4943,24)+1)/SUM(INDEX($D$3:$AA$30,INDEX(Jesper!$R$2:$R$366,ROW(INDEX(Jesper!AJ$2:AJ$366,ROUNDDOWN($C4943/24,0)+1,1))-1)+IF('Standard Profiles'!$G$20=$B$10,7,0)+IF('Standard Profiles'!$G$20=$B$17,14,0)+IF('Standard Profiles'!$G$20=$B$24,21,0),0)),0)</f>
        <v>0</v>
      </c>
      <c r="G4943" cm="1">
        <f t="array" ref="G4943">IFERROR(INDEX(Jesper!AK$2:AK$366,ROUNDDOWN($C4943/24,0)+1,1)*INDEX($D$3:$AA$30,INDEX(Jesper!$R$2:$R$366,ROW(INDEX(Jesper!AK$2:AK$366,ROUNDDOWN($C4943/24,0)+1,1))-1)+IF('Standard Profiles'!$G$21=$B$10,7,0)+IF('Standard Profiles'!$G$21=$B$17,14,0)+IF('Standard Profiles'!$G$21=$B$24,21,0),MOD($C4943,24)+1)/SUM(INDEX($D$3:$AA$30,INDEX(Jesper!$R$2:$R$366,ROW(INDEX(Jesper!AK$2:AK$366,ROUNDDOWN($C4943/24,0)+1,1))-1)+IF('Standard Profiles'!$G$21=$B$10,7,0)+IF('Standard Profiles'!$G$21=$B$17,14,0)+IF('Standard Profiles'!$G$21=$B$24,21,0),0)),0)</f>
        <v>0</v>
      </c>
      <c r="H4943" cm="1">
        <f t="array" ref="H4943">IFERROR(INDEX(Jesper!AL$2:AL$366,ROUNDDOWN($C4943/24,0)+1,1)*INDEX($D$3:$AA$30,INDEX(Jesper!$R$2:$R$366,ROW(INDEX(Jesper!AL$2:AL$366,ROUNDDOWN($C4943/24,0)+1,1))-1)+IF('Standard Profiles'!$G$22=$B$10,7,0)+IF('Standard Profiles'!$G$22=$B$17,14,0)+IF('Standard Profiles'!$G$22=$B$24,21,0),MOD($C4943,24)+1)/SUM(INDEX($D$3:$AA$30,INDEX(Jesper!$R$2:$R$366,ROW(INDEX(Jesper!AL$2:AL$366,ROUNDDOWN($C4943/24,0)+1,1))-1)+IF('Standard Profiles'!$G$22=$B$10,7,0)+IF('Standard Profiles'!$G$22=$B$17,14,0)+IF('Standard Profiles'!$G$22=$B$24,21,0),0)),0)</f>
        <v>0</v>
      </c>
      <c r="I4943">
        <f t="shared" si="552"/>
        <v>0</v>
      </c>
      <c r="J4943">
        <f t="shared" si="553"/>
        <v>24.661723013187292</v>
      </c>
      <c r="K4943">
        <f t="shared" si="554"/>
        <v>2.2143629095026873</v>
      </c>
      <c r="L4943">
        <f t="shared" si="555"/>
        <v>1.1071814547513437</v>
      </c>
      <c r="M4943">
        <f t="shared" si="556"/>
        <v>0</v>
      </c>
      <c r="N4943" s="45">
        <f t="shared" si="557"/>
        <v>45131.541666654761</v>
      </c>
    </row>
    <row r="4944" spans="2:14" x14ac:dyDescent="0.25">
      <c r="B4944">
        <f t="shared" si="551"/>
        <v>1</v>
      </c>
      <c r="C4944" s="16">
        <v>4910</v>
      </c>
      <c r="D4944" cm="1">
        <f t="array" ref="D4944">IFERROR(INDEX(Jesper!AH$2:AH$366,ROUNDDOWN($C4944/24,0)+1,1)*INDEX($D$3:$AA$30,INDEX(Jesper!$R$2:$R$366,ROW(INDEX(Jesper!AH$2:AH$366,ROUNDDOWN($C4944/24,0)+1,1))-1)+IF('Standard Profiles'!$G$18=$B$10,7,0)+IF('Standard Profiles'!$G$18=$B$17,14,0)+IF('Standard Profiles'!$G$18=$B$24,21,0),MOD($C4944,24)+1)/SUM(INDEX($D$3:$AA$30,INDEX(Jesper!$R$2:$R$366,ROW(INDEX(Jesper!AH$2:AH$366,ROUNDDOWN($C4944/24,0)+1,1))-1)+IF('Standard Profiles'!$G$18=$B$10,7,0)+IF('Standard Profiles'!$G$18=$B$17,14,0)+IF('Standard Profiles'!$G$18=$B$24,21,0),0)),0)</f>
        <v>31.139478414881534</v>
      </c>
      <c r="E4944" cm="1">
        <f t="array" ref="E4944">IFERROR(INDEX(Jesper!AI$2:AI$366,ROUNDDOWN($C4944/24,0)+1,1)*INDEX($D$3:$AA$30,INDEX(Jesper!$R$2:$R$366,ROW(INDEX(Jesper!AI$2:AI$366,ROUNDDOWN($C4944/24,0)+1,1))-1)+IF('Standard Profiles'!$G$19=$B$10,7,0)+IF('Standard Profiles'!$G$19=$B$17,14,0)+IF('Standard Profiles'!$G$19=$B$24,21,0),MOD($C4944,24)+1)/SUM(INDEX($D$3:$AA$30,INDEX(Jesper!$R$2:$R$366,ROW(INDEX(Jesper!AI$2:AI$366,ROUNDDOWN($C4944/24,0)+1,1))-1)+IF('Standard Profiles'!$G$19=$B$10,7,0)+IF('Standard Profiles'!$G$19=$B$17,14,0)+IF('Standard Profiles'!$G$19=$B$24,21,0),0)),0)</f>
        <v>10.835422651280449</v>
      </c>
      <c r="F4944" cm="1">
        <f t="array" ref="F4944">IFERROR(INDEX(Jesper!AJ$2:AJ$366,ROUNDDOWN($C4944/24,0)+1,1)*INDEX($D$3:$AA$30,INDEX(Jesper!$R$2:$R$366,ROW(INDEX(Jesper!AJ$2:AJ$366,ROUNDDOWN($C4944/24,0)+1,1))-1)+IF('Standard Profiles'!$G$20=$B$10,7,0)+IF('Standard Profiles'!$G$20=$B$17,14,0)+IF('Standard Profiles'!$G$20=$B$24,21,0),MOD($C4944,24)+1)/SUM(INDEX($D$3:$AA$30,INDEX(Jesper!$R$2:$R$366,ROW(INDEX(Jesper!AJ$2:AJ$366,ROUNDDOWN($C4944/24,0)+1,1))-1)+IF('Standard Profiles'!$G$20=$B$10,7,0)+IF('Standard Profiles'!$G$20=$B$17,14,0)+IF('Standard Profiles'!$G$20=$B$24,21,0),0)),0)</f>
        <v>0</v>
      </c>
      <c r="G4944" cm="1">
        <f t="array" ref="G4944">IFERROR(INDEX(Jesper!AK$2:AK$366,ROUNDDOWN($C4944/24,0)+1,1)*INDEX($D$3:$AA$30,INDEX(Jesper!$R$2:$R$366,ROW(INDEX(Jesper!AK$2:AK$366,ROUNDDOWN($C4944/24,0)+1,1))-1)+IF('Standard Profiles'!$G$21=$B$10,7,0)+IF('Standard Profiles'!$G$21=$B$17,14,0)+IF('Standard Profiles'!$G$21=$B$24,21,0),MOD($C4944,24)+1)/SUM(INDEX($D$3:$AA$30,INDEX(Jesper!$R$2:$R$366,ROW(INDEX(Jesper!AK$2:AK$366,ROUNDDOWN($C4944/24,0)+1,1))-1)+IF('Standard Profiles'!$G$21=$B$10,7,0)+IF('Standard Profiles'!$G$21=$B$17,14,0)+IF('Standard Profiles'!$G$21=$B$24,21,0),0)),0)</f>
        <v>0</v>
      </c>
      <c r="H4944" cm="1">
        <f t="array" ref="H4944">IFERROR(INDEX(Jesper!AL$2:AL$366,ROUNDDOWN($C4944/24,0)+1,1)*INDEX($D$3:$AA$30,INDEX(Jesper!$R$2:$R$366,ROW(INDEX(Jesper!AL$2:AL$366,ROUNDDOWN($C4944/24,0)+1,1))-1)+IF('Standard Profiles'!$G$22=$B$10,7,0)+IF('Standard Profiles'!$G$22=$B$17,14,0)+IF('Standard Profiles'!$G$22=$B$24,21,0),MOD($C4944,24)+1)/SUM(INDEX($D$3:$AA$30,INDEX(Jesper!$R$2:$R$366,ROW(INDEX(Jesper!AL$2:AL$366,ROUNDDOWN($C4944/24,0)+1,1))-1)+IF('Standard Profiles'!$G$22=$B$10,7,0)+IF('Standard Profiles'!$G$22=$B$17,14,0)+IF('Standard Profiles'!$G$22=$B$24,21,0),0)),0)</f>
        <v>0</v>
      </c>
      <c r="I4944">
        <f t="shared" si="552"/>
        <v>0</v>
      </c>
      <c r="J4944">
        <f t="shared" si="553"/>
        <v>36.992584519780934</v>
      </c>
      <c r="K4944">
        <f t="shared" si="554"/>
        <v>3.3215443642540303</v>
      </c>
      <c r="L4944">
        <f t="shared" si="555"/>
        <v>1.6607721821270152</v>
      </c>
      <c r="M4944">
        <f t="shared" si="556"/>
        <v>0</v>
      </c>
      <c r="N4944" s="45">
        <f t="shared" si="557"/>
        <v>45131.583333321425</v>
      </c>
    </row>
    <row r="4945" spans="2:14" x14ac:dyDescent="0.25">
      <c r="B4945">
        <f t="shared" si="551"/>
        <v>1</v>
      </c>
      <c r="C4945" s="16">
        <v>4911</v>
      </c>
      <c r="D4945" cm="1">
        <f t="array" ref="D4945">IFERROR(INDEX(Jesper!AH$2:AH$366,ROUNDDOWN($C4945/24,0)+1,1)*INDEX($D$3:$AA$30,INDEX(Jesper!$R$2:$R$366,ROW(INDEX(Jesper!AH$2:AH$366,ROUNDDOWN($C4945/24,0)+1,1))-1)+IF('Standard Profiles'!$G$18=$B$10,7,0)+IF('Standard Profiles'!$G$18=$B$17,14,0)+IF('Standard Profiles'!$G$18=$B$24,21,0),MOD($C4945,24)+1)/SUM(INDEX($D$3:$AA$30,INDEX(Jesper!$R$2:$R$366,ROW(INDEX(Jesper!AH$2:AH$366,ROUNDDOWN($C4945/24,0)+1,1))-1)+IF('Standard Profiles'!$G$18=$B$10,7,0)+IF('Standard Profiles'!$G$18=$B$17,14,0)+IF('Standard Profiles'!$G$18=$B$24,21,0),0)),0)</f>
        <v>31.139478414881534</v>
      </c>
      <c r="E4945" cm="1">
        <f t="array" ref="E4945">IFERROR(INDEX(Jesper!AI$2:AI$366,ROUNDDOWN($C4945/24,0)+1,1)*INDEX($D$3:$AA$30,INDEX(Jesper!$R$2:$R$366,ROW(INDEX(Jesper!AI$2:AI$366,ROUNDDOWN($C4945/24,0)+1,1))-1)+IF('Standard Profiles'!$G$19=$B$10,7,0)+IF('Standard Profiles'!$G$19=$B$17,14,0)+IF('Standard Profiles'!$G$19=$B$24,21,0),MOD($C4945,24)+1)/SUM(INDEX($D$3:$AA$30,INDEX(Jesper!$R$2:$R$366,ROW(INDEX(Jesper!AI$2:AI$366,ROUNDDOWN($C4945/24,0)+1,1))-1)+IF('Standard Profiles'!$G$19=$B$10,7,0)+IF('Standard Profiles'!$G$19=$B$17,14,0)+IF('Standard Profiles'!$G$19=$B$24,21,0),0)),0)</f>
        <v>10.835422651280449</v>
      </c>
      <c r="F4945" cm="1">
        <f t="array" ref="F4945">IFERROR(INDEX(Jesper!AJ$2:AJ$366,ROUNDDOWN($C4945/24,0)+1,1)*INDEX($D$3:$AA$30,INDEX(Jesper!$R$2:$R$366,ROW(INDEX(Jesper!AJ$2:AJ$366,ROUNDDOWN($C4945/24,0)+1,1))-1)+IF('Standard Profiles'!$G$20=$B$10,7,0)+IF('Standard Profiles'!$G$20=$B$17,14,0)+IF('Standard Profiles'!$G$20=$B$24,21,0),MOD($C4945,24)+1)/SUM(INDEX($D$3:$AA$30,INDEX(Jesper!$R$2:$R$366,ROW(INDEX(Jesper!AJ$2:AJ$366,ROUNDDOWN($C4945/24,0)+1,1))-1)+IF('Standard Profiles'!$G$20=$B$10,7,0)+IF('Standard Profiles'!$G$20=$B$17,14,0)+IF('Standard Profiles'!$G$20=$B$24,21,0),0)),0)</f>
        <v>0</v>
      </c>
      <c r="G4945" cm="1">
        <f t="array" ref="G4945">IFERROR(INDEX(Jesper!AK$2:AK$366,ROUNDDOWN($C4945/24,0)+1,1)*INDEX($D$3:$AA$30,INDEX(Jesper!$R$2:$R$366,ROW(INDEX(Jesper!AK$2:AK$366,ROUNDDOWN($C4945/24,0)+1,1))-1)+IF('Standard Profiles'!$G$21=$B$10,7,0)+IF('Standard Profiles'!$G$21=$B$17,14,0)+IF('Standard Profiles'!$G$21=$B$24,21,0),MOD($C4945,24)+1)/SUM(INDEX($D$3:$AA$30,INDEX(Jesper!$R$2:$R$366,ROW(INDEX(Jesper!AK$2:AK$366,ROUNDDOWN($C4945/24,0)+1,1))-1)+IF('Standard Profiles'!$G$21=$B$10,7,0)+IF('Standard Profiles'!$G$21=$B$17,14,0)+IF('Standard Profiles'!$G$21=$B$24,21,0),0)),0)</f>
        <v>0</v>
      </c>
      <c r="H4945" cm="1">
        <f t="array" ref="H4945">IFERROR(INDEX(Jesper!AL$2:AL$366,ROUNDDOWN($C4945/24,0)+1,1)*INDEX($D$3:$AA$30,INDEX(Jesper!$R$2:$R$366,ROW(INDEX(Jesper!AL$2:AL$366,ROUNDDOWN($C4945/24,0)+1,1))-1)+IF('Standard Profiles'!$G$22=$B$10,7,0)+IF('Standard Profiles'!$G$22=$B$17,14,0)+IF('Standard Profiles'!$G$22=$B$24,21,0),MOD($C4945,24)+1)/SUM(INDEX($D$3:$AA$30,INDEX(Jesper!$R$2:$R$366,ROW(INDEX(Jesper!AL$2:AL$366,ROUNDDOWN($C4945/24,0)+1,1))-1)+IF('Standard Profiles'!$G$22=$B$10,7,0)+IF('Standard Profiles'!$G$22=$B$17,14,0)+IF('Standard Profiles'!$G$22=$B$24,21,0),0)),0)</f>
        <v>0</v>
      </c>
      <c r="I4945">
        <f t="shared" si="552"/>
        <v>0</v>
      </c>
      <c r="J4945">
        <f t="shared" si="553"/>
        <v>36.992584519780934</v>
      </c>
      <c r="K4945">
        <f t="shared" si="554"/>
        <v>3.3215443642540303</v>
      </c>
      <c r="L4945">
        <f t="shared" si="555"/>
        <v>1.6607721821270152</v>
      </c>
      <c r="M4945">
        <f t="shared" si="556"/>
        <v>0</v>
      </c>
      <c r="N4945" s="45">
        <f t="shared" si="557"/>
        <v>45131.624999988089</v>
      </c>
    </row>
    <row r="4946" spans="2:14" x14ac:dyDescent="0.25">
      <c r="B4946">
        <f t="shared" si="551"/>
        <v>1</v>
      </c>
      <c r="C4946" s="16">
        <v>4912</v>
      </c>
      <c r="D4946" cm="1">
        <f t="array" ref="D4946">IFERROR(INDEX(Jesper!AH$2:AH$366,ROUNDDOWN($C4946/24,0)+1,1)*INDEX($D$3:$AA$30,INDEX(Jesper!$R$2:$R$366,ROW(INDEX(Jesper!AH$2:AH$366,ROUNDDOWN($C4946/24,0)+1,1))-1)+IF('Standard Profiles'!$G$18=$B$10,7,0)+IF('Standard Profiles'!$G$18=$B$17,14,0)+IF('Standard Profiles'!$G$18=$B$24,21,0),MOD($C4946,24)+1)/SUM(INDEX($D$3:$AA$30,INDEX(Jesper!$R$2:$R$366,ROW(INDEX(Jesper!AH$2:AH$366,ROUNDDOWN($C4946/24,0)+1,1))-1)+IF('Standard Profiles'!$G$18=$B$10,7,0)+IF('Standard Profiles'!$G$18=$B$17,14,0)+IF('Standard Profiles'!$G$18=$B$24,21,0),0)),0)</f>
        <v>18.164695742014228</v>
      </c>
      <c r="E4946" cm="1">
        <f t="array" ref="E4946">IFERROR(INDEX(Jesper!AI$2:AI$366,ROUNDDOWN($C4946/24,0)+1,1)*INDEX($D$3:$AA$30,INDEX(Jesper!$R$2:$R$366,ROW(INDEX(Jesper!AI$2:AI$366,ROUNDDOWN($C4946/24,0)+1,1))-1)+IF('Standard Profiles'!$G$19=$B$10,7,0)+IF('Standard Profiles'!$G$19=$B$17,14,0)+IF('Standard Profiles'!$G$19=$B$24,21,0),MOD($C4946,24)+1)/SUM(INDEX($D$3:$AA$30,INDEX(Jesper!$R$2:$R$366,ROW(INDEX(Jesper!AI$2:AI$366,ROUNDDOWN($C4946/24,0)+1,1))-1)+IF('Standard Profiles'!$G$19=$B$10,7,0)+IF('Standard Profiles'!$G$19=$B$17,14,0)+IF('Standard Profiles'!$G$19=$B$24,21,0),0)),0)</f>
        <v>6.3206632132469291</v>
      </c>
      <c r="F4946" cm="1">
        <f t="array" ref="F4946">IFERROR(INDEX(Jesper!AJ$2:AJ$366,ROUNDDOWN($C4946/24,0)+1,1)*INDEX($D$3:$AA$30,INDEX(Jesper!$R$2:$R$366,ROW(INDEX(Jesper!AJ$2:AJ$366,ROUNDDOWN($C4946/24,0)+1,1))-1)+IF('Standard Profiles'!$G$20=$B$10,7,0)+IF('Standard Profiles'!$G$20=$B$17,14,0)+IF('Standard Profiles'!$G$20=$B$24,21,0),MOD($C4946,24)+1)/SUM(INDEX($D$3:$AA$30,INDEX(Jesper!$R$2:$R$366,ROW(INDEX(Jesper!AJ$2:AJ$366,ROUNDDOWN($C4946/24,0)+1,1))-1)+IF('Standard Profiles'!$G$20=$B$10,7,0)+IF('Standard Profiles'!$G$20=$B$17,14,0)+IF('Standard Profiles'!$G$20=$B$24,21,0),0)),0)</f>
        <v>0</v>
      </c>
      <c r="G4946" cm="1">
        <f t="array" ref="G4946">IFERROR(INDEX(Jesper!AK$2:AK$366,ROUNDDOWN($C4946/24,0)+1,1)*INDEX($D$3:$AA$30,INDEX(Jesper!$R$2:$R$366,ROW(INDEX(Jesper!AK$2:AK$366,ROUNDDOWN($C4946/24,0)+1,1))-1)+IF('Standard Profiles'!$G$21=$B$10,7,0)+IF('Standard Profiles'!$G$21=$B$17,14,0)+IF('Standard Profiles'!$G$21=$B$24,21,0),MOD($C4946,24)+1)/SUM(INDEX($D$3:$AA$30,INDEX(Jesper!$R$2:$R$366,ROW(INDEX(Jesper!AK$2:AK$366,ROUNDDOWN($C4946/24,0)+1,1))-1)+IF('Standard Profiles'!$G$21=$B$10,7,0)+IF('Standard Profiles'!$G$21=$B$17,14,0)+IF('Standard Profiles'!$G$21=$B$24,21,0),0)),0)</f>
        <v>0</v>
      </c>
      <c r="H4946" cm="1">
        <f t="array" ref="H4946">IFERROR(INDEX(Jesper!AL$2:AL$366,ROUNDDOWN($C4946/24,0)+1,1)*INDEX($D$3:$AA$30,INDEX(Jesper!$R$2:$R$366,ROW(INDEX(Jesper!AL$2:AL$366,ROUNDDOWN($C4946/24,0)+1,1))-1)+IF('Standard Profiles'!$G$22=$B$10,7,0)+IF('Standard Profiles'!$G$22=$B$17,14,0)+IF('Standard Profiles'!$G$22=$B$24,21,0),MOD($C4946,24)+1)/SUM(INDEX($D$3:$AA$30,INDEX(Jesper!$R$2:$R$366,ROW(INDEX(Jesper!AL$2:AL$366,ROUNDDOWN($C4946/24,0)+1,1))-1)+IF('Standard Profiles'!$G$22=$B$10,7,0)+IF('Standard Profiles'!$G$22=$B$17,14,0)+IF('Standard Profiles'!$G$22=$B$24,21,0),0)),0)</f>
        <v>0</v>
      </c>
      <c r="I4946">
        <f t="shared" si="552"/>
        <v>0</v>
      </c>
      <c r="J4946">
        <f t="shared" si="553"/>
        <v>21.579007636538879</v>
      </c>
      <c r="K4946">
        <f t="shared" si="554"/>
        <v>1.9375675458148511</v>
      </c>
      <c r="L4946">
        <f t="shared" si="555"/>
        <v>0.96878377290742557</v>
      </c>
      <c r="M4946">
        <f t="shared" si="556"/>
        <v>0</v>
      </c>
      <c r="N4946" s="45">
        <f t="shared" si="557"/>
        <v>45131.666666654753</v>
      </c>
    </row>
    <row r="4947" spans="2:14" x14ac:dyDescent="0.25">
      <c r="B4947">
        <f t="shared" si="551"/>
        <v>1</v>
      </c>
      <c r="C4947" s="16">
        <v>4913</v>
      </c>
      <c r="D4947" cm="1">
        <f t="array" ref="D4947">IFERROR(INDEX(Jesper!AH$2:AH$366,ROUNDDOWN($C4947/24,0)+1,1)*INDEX($D$3:$AA$30,INDEX(Jesper!$R$2:$R$366,ROW(INDEX(Jesper!AH$2:AH$366,ROUNDDOWN($C4947/24,0)+1,1))-1)+IF('Standard Profiles'!$G$18=$B$10,7,0)+IF('Standard Profiles'!$G$18=$B$17,14,0)+IF('Standard Profiles'!$G$18=$B$24,21,0),MOD($C4947,24)+1)/SUM(INDEX($D$3:$AA$30,INDEX(Jesper!$R$2:$R$366,ROW(INDEX(Jesper!AH$2:AH$366,ROUNDDOWN($C4947/24,0)+1,1))-1)+IF('Standard Profiles'!$G$18=$B$10,7,0)+IF('Standard Profiles'!$G$18=$B$17,14,0)+IF('Standard Profiles'!$G$18=$B$24,21,0),0)),0)</f>
        <v>5.1899130691469226</v>
      </c>
      <c r="E4947" cm="1">
        <f t="array" ref="E4947">IFERROR(INDEX(Jesper!AI$2:AI$366,ROUNDDOWN($C4947/24,0)+1,1)*INDEX($D$3:$AA$30,INDEX(Jesper!$R$2:$R$366,ROW(INDEX(Jesper!AI$2:AI$366,ROUNDDOWN($C4947/24,0)+1,1))-1)+IF('Standard Profiles'!$G$19=$B$10,7,0)+IF('Standard Profiles'!$G$19=$B$17,14,0)+IF('Standard Profiles'!$G$19=$B$24,21,0),MOD($C4947,24)+1)/SUM(INDEX($D$3:$AA$30,INDEX(Jesper!$R$2:$R$366,ROW(INDEX(Jesper!AI$2:AI$366,ROUNDDOWN($C4947/24,0)+1,1))-1)+IF('Standard Profiles'!$G$19=$B$10,7,0)+IF('Standard Profiles'!$G$19=$B$17,14,0)+IF('Standard Profiles'!$G$19=$B$24,21,0),0)),0)</f>
        <v>1.8059037752134084</v>
      </c>
      <c r="F4947" cm="1">
        <f t="array" ref="F4947">IFERROR(INDEX(Jesper!AJ$2:AJ$366,ROUNDDOWN($C4947/24,0)+1,1)*INDEX($D$3:$AA$30,INDEX(Jesper!$R$2:$R$366,ROW(INDEX(Jesper!AJ$2:AJ$366,ROUNDDOWN($C4947/24,0)+1,1))-1)+IF('Standard Profiles'!$G$20=$B$10,7,0)+IF('Standard Profiles'!$G$20=$B$17,14,0)+IF('Standard Profiles'!$G$20=$B$24,21,0),MOD($C4947,24)+1)/SUM(INDEX($D$3:$AA$30,INDEX(Jesper!$R$2:$R$366,ROW(INDEX(Jesper!AJ$2:AJ$366,ROUNDDOWN($C4947/24,0)+1,1))-1)+IF('Standard Profiles'!$G$20=$B$10,7,0)+IF('Standard Profiles'!$G$20=$B$17,14,0)+IF('Standard Profiles'!$G$20=$B$24,21,0),0)),0)</f>
        <v>0</v>
      </c>
      <c r="G4947" cm="1">
        <f t="array" ref="G4947">IFERROR(INDEX(Jesper!AK$2:AK$366,ROUNDDOWN($C4947/24,0)+1,1)*INDEX($D$3:$AA$30,INDEX(Jesper!$R$2:$R$366,ROW(INDEX(Jesper!AK$2:AK$366,ROUNDDOWN($C4947/24,0)+1,1))-1)+IF('Standard Profiles'!$G$21=$B$10,7,0)+IF('Standard Profiles'!$G$21=$B$17,14,0)+IF('Standard Profiles'!$G$21=$B$24,21,0),MOD($C4947,24)+1)/SUM(INDEX($D$3:$AA$30,INDEX(Jesper!$R$2:$R$366,ROW(INDEX(Jesper!AK$2:AK$366,ROUNDDOWN($C4947/24,0)+1,1))-1)+IF('Standard Profiles'!$G$21=$B$10,7,0)+IF('Standard Profiles'!$G$21=$B$17,14,0)+IF('Standard Profiles'!$G$21=$B$24,21,0),0)),0)</f>
        <v>0</v>
      </c>
      <c r="H4947" cm="1">
        <f t="array" ref="H4947">IFERROR(INDEX(Jesper!AL$2:AL$366,ROUNDDOWN($C4947/24,0)+1,1)*INDEX($D$3:$AA$30,INDEX(Jesper!$R$2:$R$366,ROW(INDEX(Jesper!AL$2:AL$366,ROUNDDOWN($C4947/24,0)+1,1))-1)+IF('Standard Profiles'!$G$22=$B$10,7,0)+IF('Standard Profiles'!$G$22=$B$17,14,0)+IF('Standard Profiles'!$G$22=$B$24,21,0),MOD($C4947,24)+1)/SUM(INDEX($D$3:$AA$30,INDEX(Jesper!$R$2:$R$366,ROW(INDEX(Jesper!AL$2:AL$366,ROUNDDOWN($C4947/24,0)+1,1))-1)+IF('Standard Profiles'!$G$22=$B$10,7,0)+IF('Standard Profiles'!$G$22=$B$17,14,0)+IF('Standard Profiles'!$G$22=$B$24,21,0),0)),0)</f>
        <v>0</v>
      </c>
      <c r="I4947">
        <f t="shared" si="552"/>
        <v>0</v>
      </c>
      <c r="J4947">
        <f t="shared" si="553"/>
        <v>6.1654307532968229</v>
      </c>
      <c r="K4947">
        <f t="shared" si="554"/>
        <v>0.55359072737567183</v>
      </c>
      <c r="L4947">
        <f t="shared" si="555"/>
        <v>0.27679536368783592</v>
      </c>
      <c r="M4947">
        <f t="shared" si="556"/>
        <v>0</v>
      </c>
      <c r="N4947" s="45">
        <f t="shared" si="557"/>
        <v>45131.708333321418</v>
      </c>
    </row>
    <row r="4948" spans="2:14" x14ac:dyDescent="0.25">
      <c r="B4948">
        <f t="shared" si="551"/>
        <v>1</v>
      </c>
      <c r="C4948" s="16">
        <v>4914</v>
      </c>
      <c r="D4948" cm="1">
        <f t="array" ref="D4948">IFERROR(INDEX(Jesper!AH$2:AH$366,ROUNDDOWN($C4948/24,0)+1,1)*INDEX($D$3:$AA$30,INDEX(Jesper!$R$2:$R$366,ROW(INDEX(Jesper!AH$2:AH$366,ROUNDDOWN($C4948/24,0)+1,1))-1)+IF('Standard Profiles'!$G$18=$B$10,7,0)+IF('Standard Profiles'!$G$18=$B$17,14,0)+IF('Standard Profiles'!$G$18=$B$24,21,0),MOD($C4948,24)+1)/SUM(INDEX($D$3:$AA$30,INDEX(Jesper!$R$2:$R$366,ROW(INDEX(Jesper!AH$2:AH$366,ROUNDDOWN($C4948/24,0)+1,1))-1)+IF('Standard Profiles'!$G$18=$B$10,7,0)+IF('Standard Profiles'!$G$18=$B$17,14,0)+IF('Standard Profiles'!$G$18=$B$24,21,0),0)),0)</f>
        <v>5.11681570197584</v>
      </c>
      <c r="E4948" cm="1">
        <f t="array" ref="E4948">IFERROR(INDEX(Jesper!AI$2:AI$366,ROUNDDOWN($C4948/24,0)+1,1)*INDEX($D$3:$AA$30,INDEX(Jesper!$R$2:$R$366,ROW(INDEX(Jesper!AI$2:AI$366,ROUNDDOWN($C4948/24,0)+1,1))-1)+IF('Standard Profiles'!$G$19=$B$10,7,0)+IF('Standard Profiles'!$G$19=$B$17,14,0)+IF('Standard Profiles'!$G$19=$B$24,21,0),MOD($C4948,24)+1)/SUM(INDEX($D$3:$AA$30,INDEX(Jesper!$R$2:$R$366,ROW(INDEX(Jesper!AI$2:AI$366,ROUNDDOWN($C4948/24,0)+1,1))-1)+IF('Standard Profiles'!$G$19=$B$10,7,0)+IF('Standard Profiles'!$G$19=$B$17,14,0)+IF('Standard Profiles'!$G$19=$B$24,21,0),0)),0)</f>
        <v>1.780468510773783</v>
      </c>
      <c r="F4948" cm="1">
        <f t="array" ref="F4948">IFERROR(INDEX(Jesper!AJ$2:AJ$366,ROUNDDOWN($C4948/24,0)+1,1)*INDEX($D$3:$AA$30,INDEX(Jesper!$R$2:$R$366,ROW(INDEX(Jesper!AJ$2:AJ$366,ROUNDDOWN($C4948/24,0)+1,1))-1)+IF('Standard Profiles'!$G$20=$B$10,7,0)+IF('Standard Profiles'!$G$20=$B$17,14,0)+IF('Standard Profiles'!$G$20=$B$24,21,0),MOD($C4948,24)+1)/SUM(INDEX($D$3:$AA$30,INDEX(Jesper!$R$2:$R$366,ROW(INDEX(Jesper!AJ$2:AJ$366,ROUNDDOWN($C4948/24,0)+1,1))-1)+IF('Standard Profiles'!$G$20=$B$10,7,0)+IF('Standard Profiles'!$G$20=$B$17,14,0)+IF('Standard Profiles'!$G$20=$B$24,21,0),0)),0)</f>
        <v>0</v>
      </c>
      <c r="G4948" cm="1">
        <f t="array" ref="G4948">IFERROR(INDEX(Jesper!AK$2:AK$366,ROUNDDOWN($C4948/24,0)+1,1)*INDEX($D$3:$AA$30,INDEX(Jesper!$R$2:$R$366,ROW(INDEX(Jesper!AK$2:AK$366,ROUNDDOWN($C4948/24,0)+1,1))-1)+IF('Standard Profiles'!$G$21=$B$10,7,0)+IF('Standard Profiles'!$G$21=$B$17,14,0)+IF('Standard Profiles'!$G$21=$B$24,21,0),MOD($C4948,24)+1)/SUM(INDEX($D$3:$AA$30,INDEX(Jesper!$R$2:$R$366,ROW(INDEX(Jesper!AK$2:AK$366,ROUNDDOWN($C4948/24,0)+1,1))-1)+IF('Standard Profiles'!$G$21=$B$10,7,0)+IF('Standard Profiles'!$G$21=$B$17,14,0)+IF('Standard Profiles'!$G$21=$B$24,21,0),0)),0)</f>
        <v>0</v>
      </c>
      <c r="H4948" cm="1">
        <f t="array" ref="H4948">IFERROR(INDEX(Jesper!AL$2:AL$366,ROUNDDOWN($C4948/24,0)+1,1)*INDEX($D$3:$AA$30,INDEX(Jesper!$R$2:$R$366,ROW(INDEX(Jesper!AL$2:AL$366,ROUNDDOWN($C4948/24,0)+1,1))-1)+IF('Standard Profiles'!$G$22=$B$10,7,0)+IF('Standard Profiles'!$G$22=$B$17,14,0)+IF('Standard Profiles'!$G$22=$B$24,21,0),MOD($C4948,24)+1)/SUM(INDEX($D$3:$AA$30,INDEX(Jesper!$R$2:$R$366,ROW(INDEX(Jesper!AL$2:AL$366,ROUNDDOWN($C4948/24,0)+1,1))-1)+IF('Standard Profiles'!$G$22=$B$10,7,0)+IF('Standard Profiles'!$G$22=$B$17,14,0)+IF('Standard Profiles'!$G$22=$B$24,21,0),0)),0)</f>
        <v>0</v>
      </c>
      <c r="I4948">
        <f t="shared" si="552"/>
        <v>0</v>
      </c>
      <c r="J4948">
        <f t="shared" si="553"/>
        <v>6.0785937004334887</v>
      </c>
      <c r="K4948">
        <f t="shared" si="554"/>
        <v>0.54579367487742292</v>
      </c>
      <c r="L4948">
        <f t="shared" si="555"/>
        <v>0.27289683743871146</v>
      </c>
      <c r="M4948">
        <f t="shared" si="556"/>
        <v>0</v>
      </c>
      <c r="N4948" s="45">
        <f t="shared" si="557"/>
        <v>45131.749999988082</v>
      </c>
    </row>
    <row r="4949" spans="2:14" x14ac:dyDescent="0.25">
      <c r="B4949">
        <f t="shared" si="551"/>
        <v>1</v>
      </c>
      <c r="C4949" s="16">
        <v>4915</v>
      </c>
      <c r="D4949" cm="1">
        <f t="array" ref="D4949">IFERROR(INDEX(Jesper!AH$2:AH$366,ROUNDDOWN($C4949/24,0)+1,1)*INDEX($D$3:$AA$30,INDEX(Jesper!$R$2:$R$366,ROW(INDEX(Jesper!AH$2:AH$366,ROUNDDOWN($C4949/24,0)+1,1))-1)+IF('Standard Profiles'!$G$18=$B$10,7,0)+IF('Standard Profiles'!$G$18=$B$17,14,0)+IF('Standard Profiles'!$G$18=$B$24,21,0),MOD($C4949,24)+1)/SUM(INDEX($D$3:$AA$30,INDEX(Jesper!$R$2:$R$366,ROW(INDEX(Jesper!AH$2:AH$366,ROUNDDOWN($C4949/24,0)+1,1))-1)+IF('Standard Profiles'!$G$18=$B$10,7,0)+IF('Standard Profiles'!$G$18=$B$17,14,0)+IF('Standard Profiles'!$G$18=$B$24,21,0),0)),0)</f>
        <v>5.11681570197584</v>
      </c>
      <c r="E4949" cm="1">
        <f t="array" ref="E4949">IFERROR(INDEX(Jesper!AI$2:AI$366,ROUNDDOWN($C4949/24,0)+1,1)*INDEX($D$3:$AA$30,INDEX(Jesper!$R$2:$R$366,ROW(INDEX(Jesper!AI$2:AI$366,ROUNDDOWN($C4949/24,0)+1,1))-1)+IF('Standard Profiles'!$G$19=$B$10,7,0)+IF('Standard Profiles'!$G$19=$B$17,14,0)+IF('Standard Profiles'!$G$19=$B$24,21,0),MOD($C4949,24)+1)/SUM(INDEX($D$3:$AA$30,INDEX(Jesper!$R$2:$R$366,ROW(INDEX(Jesper!AI$2:AI$366,ROUNDDOWN($C4949/24,0)+1,1))-1)+IF('Standard Profiles'!$G$19=$B$10,7,0)+IF('Standard Profiles'!$G$19=$B$17,14,0)+IF('Standard Profiles'!$G$19=$B$24,21,0),0)),0)</f>
        <v>1.780468510773783</v>
      </c>
      <c r="F4949" cm="1">
        <f t="array" ref="F4949">IFERROR(INDEX(Jesper!AJ$2:AJ$366,ROUNDDOWN($C4949/24,0)+1,1)*INDEX($D$3:$AA$30,INDEX(Jesper!$R$2:$R$366,ROW(INDEX(Jesper!AJ$2:AJ$366,ROUNDDOWN($C4949/24,0)+1,1))-1)+IF('Standard Profiles'!$G$20=$B$10,7,0)+IF('Standard Profiles'!$G$20=$B$17,14,0)+IF('Standard Profiles'!$G$20=$B$24,21,0),MOD($C4949,24)+1)/SUM(INDEX($D$3:$AA$30,INDEX(Jesper!$R$2:$R$366,ROW(INDEX(Jesper!AJ$2:AJ$366,ROUNDDOWN($C4949/24,0)+1,1))-1)+IF('Standard Profiles'!$G$20=$B$10,7,0)+IF('Standard Profiles'!$G$20=$B$17,14,0)+IF('Standard Profiles'!$G$20=$B$24,21,0),0)),0)</f>
        <v>0</v>
      </c>
      <c r="G4949" cm="1">
        <f t="array" ref="G4949">IFERROR(INDEX(Jesper!AK$2:AK$366,ROUNDDOWN($C4949/24,0)+1,1)*INDEX($D$3:$AA$30,INDEX(Jesper!$R$2:$R$366,ROW(INDEX(Jesper!AK$2:AK$366,ROUNDDOWN($C4949/24,0)+1,1))-1)+IF('Standard Profiles'!$G$21=$B$10,7,0)+IF('Standard Profiles'!$G$21=$B$17,14,0)+IF('Standard Profiles'!$G$21=$B$24,21,0),MOD($C4949,24)+1)/SUM(INDEX($D$3:$AA$30,INDEX(Jesper!$R$2:$R$366,ROW(INDEX(Jesper!AK$2:AK$366,ROUNDDOWN($C4949/24,0)+1,1))-1)+IF('Standard Profiles'!$G$21=$B$10,7,0)+IF('Standard Profiles'!$G$21=$B$17,14,0)+IF('Standard Profiles'!$G$21=$B$24,21,0),0)),0)</f>
        <v>0</v>
      </c>
      <c r="H4949" cm="1">
        <f t="array" ref="H4949">IFERROR(INDEX(Jesper!AL$2:AL$366,ROUNDDOWN($C4949/24,0)+1,1)*INDEX($D$3:$AA$30,INDEX(Jesper!$R$2:$R$366,ROW(INDEX(Jesper!AL$2:AL$366,ROUNDDOWN($C4949/24,0)+1,1))-1)+IF('Standard Profiles'!$G$22=$B$10,7,0)+IF('Standard Profiles'!$G$22=$B$17,14,0)+IF('Standard Profiles'!$G$22=$B$24,21,0),MOD($C4949,24)+1)/SUM(INDEX($D$3:$AA$30,INDEX(Jesper!$R$2:$R$366,ROW(INDEX(Jesper!AL$2:AL$366,ROUNDDOWN($C4949/24,0)+1,1))-1)+IF('Standard Profiles'!$G$22=$B$10,7,0)+IF('Standard Profiles'!$G$22=$B$17,14,0)+IF('Standard Profiles'!$G$22=$B$24,21,0),0)),0)</f>
        <v>0</v>
      </c>
      <c r="I4949">
        <f t="shared" si="552"/>
        <v>0</v>
      </c>
      <c r="J4949">
        <f t="shared" si="553"/>
        <v>6.0785937004334887</v>
      </c>
      <c r="K4949">
        <f t="shared" si="554"/>
        <v>0.54579367487742292</v>
      </c>
      <c r="L4949">
        <f t="shared" si="555"/>
        <v>0.27289683743871146</v>
      </c>
      <c r="M4949">
        <f t="shared" si="556"/>
        <v>0</v>
      </c>
      <c r="N4949" s="45">
        <f t="shared" si="557"/>
        <v>45131.791666654746</v>
      </c>
    </row>
    <row r="4950" spans="2:14" x14ac:dyDescent="0.25">
      <c r="B4950">
        <f t="shared" si="551"/>
        <v>1</v>
      </c>
      <c r="C4950" s="16">
        <v>4916</v>
      </c>
      <c r="D4950" cm="1">
        <f t="array" ref="D4950">IFERROR(INDEX(Jesper!AH$2:AH$366,ROUNDDOWN($C4950/24,0)+1,1)*INDEX($D$3:$AA$30,INDEX(Jesper!$R$2:$R$366,ROW(INDEX(Jesper!AH$2:AH$366,ROUNDDOWN($C4950/24,0)+1,1))-1)+IF('Standard Profiles'!$G$18=$B$10,7,0)+IF('Standard Profiles'!$G$18=$B$17,14,0)+IF('Standard Profiles'!$G$18=$B$24,21,0),MOD($C4950,24)+1)/SUM(INDEX($D$3:$AA$30,INDEX(Jesper!$R$2:$R$366,ROW(INDEX(Jesper!AH$2:AH$366,ROUNDDOWN($C4950/24,0)+1,1))-1)+IF('Standard Profiles'!$G$18=$B$10,7,0)+IF('Standard Profiles'!$G$18=$B$17,14,0)+IF('Standard Profiles'!$G$18=$B$24,21,0),0)),0)</f>
        <v>5.11681570197584</v>
      </c>
      <c r="E4950" cm="1">
        <f t="array" ref="E4950">IFERROR(INDEX(Jesper!AI$2:AI$366,ROUNDDOWN($C4950/24,0)+1,1)*INDEX($D$3:$AA$30,INDEX(Jesper!$R$2:$R$366,ROW(INDEX(Jesper!AI$2:AI$366,ROUNDDOWN($C4950/24,0)+1,1))-1)+IF('Standard Profiles'!$G$19=$B$10,7,0)+IF('Standard Profiles'!$G$19=$B$17,14,0)+IF('Standard Profiles'!$G$19=$B$24,21,0),MOD($C4950,24)+1)/SUM(INDEX($D$3:$AA$30,INDEX(Jesper!$R$2:$R$366,ROW(INDEX(Jesper!AI$2:AI$366,ROUNDDOWN($C4950/24,0)+1,1))-1)+IF('Standard Profiles'!$G$19=$B$10,7,0)+IF('Standard Profiles'!$G$19=$B$17,14,0)+IF('Standard Profiles'!$G$19=$B$24,21,0),0)),0)</f>
        <v>1.780468510773783</v>
      </c>
      <c r="F4950" cm="1">
        <f t="array" ref="F4950">IFERROR(INDEX(Jesper!AJ$2:AJ$366,ROUNDDOWN($C4950/24,0)+1,1)*INDEX($D$3:$AA$30,INDEX(Jesper!$R$2:$R$366,ROW(INDEX(Jesper!AJ$2:AJ$366,ROUNDDOWN($C4950/24,0)+1,1))-1)+IF('Standard Profiles'!$G$20=$B$10,7,0)+IF('Standard Profiles'!$G$20=$B$17,14,0)+IF('Standard Profiles'!$G$20=$B$24,21,0),MOD($C4950,24)+1)/SUM(INDEX($D$3:$AA$30,INDEX(Jesper!$R$2:$R$366,ROW(INDEX(Jesper!AJ$2:AJ$366,ROUNDDOWN($C4950/24,0)+1,1))-1)+IF('Standard Profiles'!$G$20=$B$10,7,0)+IF('Standard Profiles'!$G$20=$B$17,14,0)+IF('Standard Profiles'!$G$20=$B$24,21,0),0)),0)</f>
        <v>0</v>
      </c>
      <c r="G4950" cm="1">
        <f t="array" ref="G4950">IFERROR(INDEX(Jesper!AK$2:AK$366,ROUNDDOWN($C4950/24,0)+1,1)*INDEX($D$3:$AA$30,INDEX(Jesper!$R$2:$R$366,ROW(INDEX(Jesper!AK$2:AK$366,ROUNDDOWN($C4950/24,0)+1,1))-1)+IF('Standard Profiles'!$G$21=$B$10,7,0)+IF('Standard Profiles'!$G$21=$B$17,14,0)+IF('Standard Profiles'!$G$21=$B$24,21,0),MOD($C4950,24)+1)/SUM(INDEX($D$3:$AA$30,INDEX(Jesper!$R$2:$R$366,ROW(INDEX(Jesper!AK$2:AK$366,ROUNDDOWN($C4950/24,0)+1,1))-1)+IF('Standard Profiles'!$G$21=$B$10,7,0)+IF('Standard Profiles'!$G$21=$B$17,14,0)+IF('Standard Profiles'!$G$21=$B$24,21,0),0)),0)</f>
        <v>0</v>
      </c>
      <c r="H4950" cm="1">
        <f t="array" ref="H4950">IFERROR(INDEX(Jesper!AL$2:AL$366,ROUNDDOWN($C4950/24,0)+1,1)*INDEX($D$3:$AA$30,INDEX(Jesper!$R$2:$R$366,ROW(INDEX(Jesper!AL$2:AL$366,ROUNDDOWN($C4950/24,0)+1,1))-1)+IF('Standard Profiles'!$G$22=$B$10,7,0)+IF('Standard Profiles'!$G$22=$B$17,14,0)+IF('Standard Profiles'!$G$22=$B$24,21,0),MOD($C4950,24)+1)/SUM(INDEX($D$3:$AA$30,INDEX(Jesper!$R$2:$R$366,ROW(INDEX(Jesper!AL$2:AL$366,ROUNDDOWN($C4950/24,0)+1,1))-1)+IF('Standard Profiles'!$G$22=$B$10,7,0)+IF('Standard Profiles'!$G$22=$B$17,14,0)+IF('Standard Profiles'!$G$22=$B$24,21,0),0)),0)</f>
        <v>0</v>
      </c>
      <c r="I4950">
        <f t="shared" si="552"/>
        <v>0</v>
      </c>
      <c r="J4950">
        <f t="shared" si="553"/>
        <v>6.0785937004334887</v>
      </c>
      <c r="K4950">
        <f t="shared" si="554"/>
        <v>0.54579367487742292</v>
      </c>
      <c r="L4950">
        <f t="shared" si="555"/>
        <v>0.27289683743871146</v>
      </c>
      <c r="M4950">
        <f t="shared" si="556"/>
        <v>0</v>
      </c>
      <c r="N4950" s="45">
        <f t="shared" si="557"/>
        <v>45131.83333332141</v>
      </c>
    </row>
    <row r="4951" spans="2:14" x14ac:dyDescent="0.25">
      <c r="B4951">
        <f t="shared" si="551"/>
        <v>1</v>
      </c>
      <c r="C4951" s="16">
        <v>4917</v>
      </c>
      <c r="D4951" cm="1">
        <f t="array" ref="D4951">IFERROR(INDEX(Jesper!AH$2:AH$366,ROUNDDOWN($C4951/24,0)+1,1)*INDEX($D$3:$AA$30,INDEX(Jesper!$R$2:$R$366,ROW(INDEX(Jesper!AH$2:AH$366,ROUNDDOWN($C4951/24,0)+1,1))-1)+IF('Standard Profiles'!$G$18=$B$10,7,0)+IF('Standard Profiles'!$G$18=$B$17,14,0)+IF('Standard Profiles'!$G$18=$B$24,21,0),MOD($C4951,24)+1)/SUM(INDEX($D$3:$AA$30,INDEX(Jesper!$R$2:$R$366,ROW(INDEX(Jesper!AH$2:AH$366,ROUNDDOWN($C4951/24,0)+1,1))-1)+IF('Standard Profiles'!$G$18=$B$10,7,0)+IF('Standard Profiles'!$G$18=$B$17,14,0)+IF('Standard Profiles'!$G$18=$B$24,21,0),0)),0)</f>
        <v>5.11681570197584</v>
      </c>
      <c r="E4951" cm="1">
        <f t="array" ref="E4951">IFERROR(INDEX(Jesper!AI$2:AI$366,ROUNDDOWN($C4951/24,0)+1,1)*INDEX($D$3:$AA$30,INDEX(Jesper!$R$2:$R$366,ROW(INDEX(Jesper!AI$2:AI$366,ROUNDDOWN($C4951/24,0)+1,1))-1)+IF('Standard Profiles'!$G$19=$B$10,7,0)+IF('Standard Profiles'!$G$19=$B$17,14,0)+IF('Standard Profiles'!$G$19=$B$24,21,0),MOD($C4951,24)+1)/SUM(INDEX($D$3:$AA$30,INDEX(Jesper!$R$2:$R$366,ROW(INDEX(Jesper!AI$2:AI$366,ROUNDDOWN($C4951/24,0)+1,1))-1)+IF('Standard Profiles'!$G$19=$B$10,7,0)+IF('Standard Profiles'!$G$19=$B$17,14,0)+IF('Standard Profiles'!$G$19=$B$24,21,0),0)),0)</f>
        <v>1.780468510773783</v>
      </c>
      <c r="F4951" cm="1">
        <f t="array" ref="F4951">IFERROR(INDEX(Jesper!AJ$2:AJ$366,ROUNDDOWN($C4951/24,0)+1,1)*INDEX($D$3:$AA$30,INDEX(Jesper!$R$2:$R$366,ROW(INDEX(Jesper!AJ$2:AJ$366,ROUNDDOWN($C4951/24,0)+1,1))-1)+IF('Standard Profiles'!$G$20=$B$10,7,0)+IF('Standard Profiles'!$G$20=$B$17,14,0)+IF('Standard Profiles'!$G$20=$B$24,21,0),MOD($C4951,24)+1)/SUM(INDEX($D$3:$AA$30,INDEX(Jesper!$R$2:$R$366,ROW(INDEX(Jesper!AJ$2:AJ$366,ROUNDDOWN($C4951/24,0)+1,1))-1)+IF('Standard Profiles'!$G$20=$B$10,7,0)+IF('Standard Profiles'!$G$20=$B$17,14,0)+IF('Standard Profiles'!$G$20=$B$24,21,0),0)),0)</f>
        <v>0</v>
      </c>
      <c r="G4951" cm="1">
        <f t="array" ref="G4951">IFERROR(INDEX(Jesper!AK$2:AK$366,ROUNDDOWN($C4951/24,0)+1,1)*INDEX($D$3:$AA$30,INDEX(Jesper!$R$2:$R$366,ROW(INDEX(Jesper!AK$2:AK$366,ROUNDDOWN($C4951/24,0)+1,1))-1)+IF('Standard Profiles'!$G$21=$B$10,7,0)+IF('Standard Profiles'!$G$21=$B$17,14,0)+IF('Standard Profiles'!$G$21=$B$24,21,0),MOD($C4951,24)+1)/SUM(INDEX($D$3:$AA$30,INDEX(Jesper!$R$2:$R$366,ROW(INDEX(Jesper!AK$2:AK$366,ROUNDDOWN($C4951/24,0)+1,1))-1)+IF('Standard Profiles'!$G$21=$B$10,7,0)+IF('Standard Profiles'!$G$21=$B$17,14,0)+IF('Standard Profiles'!$G$21=$B$24,21,0),0)),0)</f>
        <v>0</v>
      </c>
      <c r="H4951" cm="1">
        <f t="array" ref="H4951">IFERROR(INDEX(Jesper!AL$2:AL$366,ROUNDDOWN($C4951/24,0)+1,1)*INDEX($D$3:$AA$30,INDEX(Jesper!$R$2:$R$366,ROW(INDEX(Jesper!AL$2:AL$366,ROUNDDOWN($C4951/24,0)+1,1))-1)+IF('Standard Profiles'!$G$22=$B$10,7,0)+IF('Standard Profiles'!$G$22=$B$17,14,0)+IF('Standard Profiles'!$G$22=$B$24,21,0),MOD($C4951,24)+1)/SUM(INDEX($D$3:$AA$30,INDEX(Jesper!$R$2:$R$366,ROW(INDEX(Jesper!AL$2:AL$366,ROUNDDOWN($C4951/24,0)+1,1))-1)+IF('Standard Profiles'!$G$22=$B$10,7,0)+IF('Standard Profiles'!$G$22=$B$17,14,0)+IF('Standard Profiles'!$G$22=$B$24,21,0),0)),0)</f>
        <v>0</v>
      </c>
      <c r="I4951">
        <f t="shared" si="552"/>
        <v>0</v>
      </c>
      <c r="J4951">
        <f t="shared" si="553"/>
        <v>6.0785937004334887</v>
      </c>
      <c r="K4951">
        <f t="shared" si="554"/>
        <v>0.54579367487742292</v>
      </c>
      <c r="L4951">
        <f t="shared" si="555"/>
        <v>0.27289683743871146</v>
      </c>
      <c r="M4951">
        <f t="shared" si="556"/>
        <v>0</v>
      </c>
      <c r="N4951" s="45">
        <f t="shared" si="557"/>
        <v>45131.874999988075</v>
      </c>
    </row>
    <row r="4952" spans="2:14" x14ac:dyDescent="0.25">
      <c r="B4952">
        <f t="shared" si="551"/>
        <v>1</v>
      </c>
      <c r="C4952" s="16">
        <v>4918</v>
      </c>
      <c r="D4952" cm="1">
        <f t="array" ref="D4952">IFERROR(INDEX(Jesper!AH$2:AH$366,ROUNDDOWN($C4952/24,0)+1,1)*INDEX($D$3:$AA$30,INDEX(Jesper!$R$2:$R$366,ROW(INDEX(Jesper!AH$2:AH$366,ROUNDDOWN($C4952/24,0)+1,1))-1)+IF('Standard Profiles'!$G$18=$B$10,7,0)+IF('Standard Profiles'!$G$18=$B$17,14,0)+IF('Standard Profiles'!$G$18=$B$24,21,0),MOD($C4952,24)+1)/SUM(INDEX($D$3:$AA$30,INDEX(Jesper!$R$2:$R$366,ROW(INDEX(Jesper!AH$2:AH$366,ROUNDDOWN($C4952/24,0)+1,1))-1)+IF('Standard Profiles'!$G$18=$B$10,7,0)+IF('Standard Profiles'!$G$18=$B$17,14,0)+IF('Standard Profiles'!$G$18=$B$24,21,0),0)),0)</f>
        <v>5.11681570197584</v>
      </c>
      <c r="E4952" cm="1">
        <f t="array" ref="E4952">IFERROR(INDEX(Jesper!AI$2:AI$366,ROUNDDOWN($C4952/24,0)+1,1)*INDEX($D$3:$AA$30,INDEX(Jesper!$R$2:$R$366,ROW(INDEX(Jesper!AI$2:AI$366,ROUNDDOWN($C4952/24,0)+1,1))-1)+IF('Standard Profiles'!$G$19=$B$10,7,0)+IF('Standard Profiles'!$G$19=$B$17,14,0)+IF('Standard Profiles'!$G$19=$B$24,21,0),MOD($C4952,24)+1)/SUM(INDEX($D$3:$AA$30,INDEX(Jesper!$R$2:$R$366,ROW(INDEX(Jesper!AI$2:AI$366,ROUNDDOWN($C4952/24,0)+1,1))-1)+IF('Standard Profiles'!$G$19=$B$10,7,0)+IF('Standard Profiles'!$G$19=$B$17,14,0)+IF('Standard Profiles'!$G$19=$B$24,21,0),0)),0)</f>
        <v>1.780468510773783</v>
      </c>
      <c r="F4952" cm="1">
        <f t="array" ref="F4952">IFERROR(INDEX(Jesper!AJ$2:AJ$366,ROUNDDOWN($C4952/24,0)+1,1)*INDEX($D$3:$AA$30,INDEX(Jesper!$R$2:$R$366,ROW(INDEX(Jesper!AJ$2:AJ$366,ROUNDDOWN($C4952/24,0)+1,1))-1)+IF('Standard Profiles'!$G$20=$B$10,7,0)+IF('Standard Profiles'!$G$20=$B$17,14,0)+IF('Standard Profiles'!$G$20=$B$24,21,0),MOD($C4952,24)+1)/SUM(INDEX($D$3:$AA$30,INDEX(Jesper!$R$2:$R$366,ROW(INDEX(Jesper!AJ$2:AJ$366,ROUNDDOWN($C4952/24,0)+1,1))-1)+IF('Standard Profiles'!$G$20=$B$10,7,0)+IF('Standard Profiles'!$G$20=$B$17,14,0)+IF('Standard Profiles'!$G$20=$B$24,21,0),0)),0)</f>
        <v>0</v>
      </c>
      <c r="G4952" cm="1">
        <f t="array" ref="G4952">IFERROR(INDEX(Jesper!AK$2:AK$366,ROUNDDOWN($C4952/24,0)+1,1)*INDEX($D$3:$AA$30,INDEX(Jesper!$R$2:$R$366,ROW(INDEX(Jesper!AK$2:AK$366,ROUNDDOWN($C4952/24,0)+1,1))-1)+IF('Standard Profiles'!$G$21=$B$10,7,0)+IF('Standard Profiles'!$G$21=$B$17,14,0)+IF('Standard Profiles'!$G$21=$B$24,21,0),MOD($C4952,24)+1)/SUM(INDEX($D$3:$AA$30,INDEX(Jesper!$R$2:$R$366,ROW(INDEX(Jesper!AK$2:AK$366,ROUNDDOWN($C4952/24,0)+1,1))-1)+IF('Standard Profiles'!$G$21=$B$10,7,0)+IF('Standard Profiles'!$G$21=$B$17,14,0)+IF('Standard Profiles'!$G$21=$B$24,21,0),0)),0)</f>
        <v>0</v>
      </c>
      <c r="H4952" cm="1">
        <f t="array" ref="H4952">IFERROR(INDEX(Jesper!AL$2:AL$366,ROUNDDOWN($C4952/24,0)+1,1)*INDEX($D$3:$AA$30,INDEX(Jesper!$R$2:$R$366,ROW(INDEX(Jesper!AL$2:AL$366,ROUNDDOWN($C4952/24,0)+1,1))-1)+IF('Standard Profiles'!$G$22=$B$10,7,0)+IF('Standard Profiles'!$G$22=$B$17,14,0)+IF('Standard Profiles'!$G$22=$B$24,21,0),MOD($C4952,24)+1)/SUM(INDEX($D$3:$AA$30,INDEX(Jesper!$R$2:$R$366,ROW(INDEX(Jesper!AL$2:AL$366,ROUNDDOWN($C4952/24,0)+1,1))-1)+IF('Standard Profiles'!$G$22=$B$10,7,0)+IF('Standard Profiles'!$G$22=$B$17,14,0)+IF('Standard Profiles'!$G$22=$B$24,21,0),0)),0)</f>
        <v>0</v>
      </c>
      <c r="I4952">
        <f t="shared" si="552"/>
        <v>0</v>
      </c>
      <c r="J4952">
        <f t="shared" si="553"/>
        <v>6.0785937004334887</v>
      </c>
      <c r="K4952">
        <f t="shared" si="554"/>
        <v>0.54579367487742292</v>
      </c>
      <c r="L4952">
        <f t="shared" si="555"/>
        <v>0.27289683743871146</v>
      </c>
      <c r="M4952">
        <f t="shared" si="556"/>
        <v>0</v>
      </c>
      <c r="N4952" s="45">
        <f t="shared" si="557"/>
        <v>45131.916666654739</v>
      </c>
    </row>
    <row r="4953" spans="2:14" x14ac:dyDescent="0.25">
      <c r="B4953">
        <f t="shared" si="551"/>
        <v>1</v>
      </c>
      <c r="C4953" s="16">
        <v>4919</v>
      </c>
      <c r="D4953" cm="1">
        <f t="array" ref="D4953">IFERROR(INDEX(Jesper!AH$2:AH$366,ROUNDDOWN($C4953/24,0)+1,1)*INDEX($D$3:$AA$30,INDEX(Jesper!$R$2:$R$366,ROW(INDEX(Jesper!AH$2:AH$366,ROUNDDOWN($C4953/24,0)+1,1))-1)+IF('Standard Profiles'!$G$18=$B$10,7,0)+IF('Standard Profiles'!$G$18=$B$17,14,0)+IF('Standard Profiles'!$G$18=$B$24,21,0),MOD($C4953,24)+1)/SUM(INDEX($D$3:$AA$30,INDEX(Jesper!$R$2:$R$366,ROW(INDEX(Jesper!AH$2:AH$366,ROUNDDOWN($C4953/24,0)+1,1))-1)+IF('Standard Profiles'!$G$18=$B$10,7,0)+IF('Standard Profiles'!$G$18=$B$17,14,0)+IF('Standard Profiles'!$G$18=$B$24,21,0),0)),0)</f>
        <v>5.11681570197584</v>
      </c>
      <c r="E4953" cm="1">
        <f t="array" ref="E4953">IFERROR(INDEX(Jesper!AI$2:AI$366,ROUNDDOWN($C4953/24,0)+1,1)*INDEX($D$3:$AA$30,INDEX(Jesper!$R$2:$R$366,ROW(INDEX(Jesper!AI$2:AI$366,ROUNDDOWN($C4953/24,0)+1,1))-1)+IF('Standard Profiles'!$G$19=$B$10,7,0)+IF('Standard Profiles'!$G$19=$B$17,14,0)+IF('Standard Profiles'!$G$19=$B$24,21,0),MOD($C4953,24)+1)/SUM(INDEX($D$3:$AA$30,INDEX(Jesper!$R$2:$R$366,ROW(INDEX(Jesper!AI$2:AI$366,ROUNDDOWN($C4953/24,0)+1,1))-1)+IF('Standard Profiles'!$G$19=$B$10,7,0)+IF('Standard Profiles'!$G$19=$B$17,14,0)+IF('Standard Profiles'!$G$19=$B$24,21,0),0)),0)</f>
        <v>1.780468510773783</v>
      </c>
      <c r="F4953" cm="1">
        <f t="array" ref="F4953">IFERROR(INDEX(Jesper!AJ$2:AJ$366,ROUNDDOWN($C4953/24,0)+1,1)*INDEX($D$3:$AA$30,INDEX(Jesper!$R$2:$R$366,ROW(INDEX(Jesper!AJ$2:AJ$366,ROUNDDOWN($C4953/24,0)+1,1))-1)+IF('Standard Profiles'!$G$20=$B$10,7,0)+IF('Standard Profiles'!$G$20=$B$17,14,0)+IF('Standard Profiles'!$G$20=$B$24,21,0),MOD($C4953,24)+1)/SUM(INDEX($D$3:$AA$30,INDEX(Jesper!$R$2:$R$366,ROW(INDEX(Jesper!AJ$2:AJ$366,ROUNDDOWN($C4953/24,0)+1,1))-1)+IF('Standard Profiles'!$G$20=$B$10,7,0)+IF('Standard Profiles'!$G$20=$B$17,14,0)+IF('Standard Profiles'!$G$20=$B$24,21,0),0)),0)</f>
        <v>0</v>
      </c>
      <c r="G4953" cm="1">
        <f t="array" ref="G4953">IFERROR(INDEX(Jesper!AK$2:AK$366,ROUNDDOWN($C4953/24,0)+1,1)*INDEX($D$3:$AA$30,INDEX(Jesper!$R$2:$R$366,ROW(INDEX(Jesper!AK$2:AK$366,ROUNDDOWN($C4953/24,0)+1,1))-1)+IF('Standard Profiles'!$G$21=$B$10,7,0)+IF('Standard Profiles'!$G$21=$B$17,14,0)+IF('Standard Profiles'!$G$21=$B$24,21,0),MOD($C4953,24)+1)/SUM(INDEX($D$3:$AA$30,INDEX(Jesper!$R$2:$R$366,ROW(INDEX(Jesper!AK$2:AK$366,ROUNDDOWN($C4953/24,0)+1,1))-1)+IF('Standard Profiles'!$G$21=$B$10,7,0)+IF('Standard Profiles'!$G$21=$B$17,14,0)+IF('Standard Profiles'!$G$21=$B$24,21,0),0)),0)</f>
        <v>0</v>
      </c>
      <c r="H4953" cm="1">
        <f t="array" ref="H4953">IFERROR(INDEX(Jesper!AL$2:AL$366,ROUNDDOWN($C4953/24,0)+1,1)*INDEX($D$3:$AA$30,INDEX(Jesper!$R$2:$R$366,ROW(INDEX(Jesper!AL$2:AL$366,ROUNDDOWN($C4953/24,0)+1,1))-1)+IF('Standard Profiles'!$G$22=$B$10,7,0)+IF('Standard Profiles'!$G$22=$B$17,14,0)+IF('Standard Profiles'!$G$22=$B$24,21,0),MOD($C4953,24)+1)/SUM(INDEX($D$3:$AA$30,INDEX(Jesper!$R$2:$R$366,ROW(INDEX(Jesper!AL$2:AL$366,ROUNDDOWN($C4953/24,0)+1,1))-1)+IF('Standard Profiles'!$G$22=$B$10,7,0)+IF('Standard Profiles'!$G$22=$B$17,14,0)+IF('Standard Profiles'!$G$22=$B$24,21,0),0)),0)</f>
        <v>0</v>
      </c>
      <c r="I4953">
        <f t="shared" si="552"/>
        <v>0</v>
      </c>
      <c r="J4953">
        <f t="shared" si="553"/>
        <v>6.0785937004334887</v>
      </c>
      <c r="K4953">
        <f t="shared" si="554"/>
        <v>0.54579367487742292</v>
      </c>
      <c r="L4953">
        <f t="shared" si="555"/>
        <v>0.27289683743871146</v>
      </c>
      <c r="M4953">
        <f t="shared" si="556"/>
        <v>0</v>
      </c>
      <c r="N4953" s="45">
        <f t="shared" si="557"/>
        <v>45131.958333321403</v>
      </c>
    </row>
    <row r="4954" spans="2:14" x14ac:dyDescent="0.25">
      <c r="B4954">
        <f t="shared" si="551"/>
        <v>2</v>
      </c>
      <c r="C4954" s="16">
        <v>4920</v>
      </c>
      <c r="D4954" cm="1">
        <f t="array" ref="D4954">IFERROR(INDEX(Jesper!AH$2:AH$366,ROUNDDOWN($C4954/24,0)+1,1)*INDEX($D$3:$AA$30,INDEX(Jesper!$R$2:$R$366,ROW(INDEX(Jesper!AH$2:AH$366,ROUNDDOWN($C4954/24,0)+1,1))-1)+IF('Standard Profiles'!$G$18=$B$10,7,0)+IF('Standard Profiles'!$G$18=$B$17,14,0)+IF('Standard Profiles'!$G$18=$B$24,21,0),MOD($C4954,24)+1)/SUM(INDEX($D$3:$AA$30,INDEX(Jesper!$R$2:$R$366,ROW(INDEX(Jesper!AH$2:AH$366,ROUNDDOWN($C4954/24,0)+1,1))-1)+IF('Standard Profiles'!$G$18=$B$10,7,0)+IF('Standard Profiles'!$G$18=$B$17,14,0)+IF('Standard Profiles'!$G$18=$B$24,21,0),0)),0)</f>
        <v>3.4289035271156183</v>
      </c>
      <c r="E4954" cm="1">
        <f t="array" ref="E4954">IFERROR(INDEX(Jesper!AI$2:AI$366,ROUNDDOWN($C4954/24,0)+1,1)*INDEX($D$3:$AA$30,INDEX(Jesper!$R$2:$R$366,ROW(INDEX(Jesper!AI$2:AI$366,ROUNDDOWN($C4954/24,0)+1,1))-1)+IF('Standard Profiles'!$G$19=$B$10,7,0)+IF('Standard Profiles'!$G$19=$B$17,14,0)+IF('Standard Profiles'!$G$19=$B$24,21,0),MOD($C4954,24)+1)/SUM(INDEX($D$3:$AA$30,INDEX(Jesper!$R$2:$R$366,ROW(INDEX(Jesper!AI$2:AI$366,ROUNDDOWN($C4954/24,0)+1,1))-1)+IF('Standard Profiles'!$G$19=$B$10,7,0)+IF('Standard Profiles'!$G$19=$B$17,14,0)+IF('Standard Profiles'!$G$19=$B$24,21,0),0)),0)</f>
        <v>1.4514364335947518</v>
      </c>
      <c r="F4954" cm="1">
        <f t="array" ref="F4954">IFERROR(INDEX(Jesper!AJ$2:AJ$366,ROUNDDOWN($C4954/24,0)+1,1)*INDEX($D$3:$AA$30,INDEX(Jesper!$R$2:$R$366,ROW(INDEX(Jesper!AJ$2:AJ$366,ROUNDDOWN($C4954/24,0)+1,1))-1)+IF('Standard Profiles'!$G$20=$B$10,7,0)+IF('Standard Profiles'!$G$20=$B$17,14,0)+IF('Standard Profiles'!$G$20=$B$24,21,0),MOD($C4954,24)+1)/SUM(INDEX($D$3:$AA$30,INDEX(Jesper!$R$2:$R$366,ROW(INDEX(Jesper!AJ$2:AJ$366,ROUNDDOWN($C4954/24,0)+1,1))-1)+IF('Standard Profiles'!$G$20=$B$10,7,0)+IF('Standard Profiles'!$G$20=$B$17,14,0)+IF('Standard Profiles'!$G$20=$B$24,21,0),0)),0)</f>
        <v>0</v>
      </c>
      <c r="G4954" cm="1">
        <f t="array" ref="G4954">IFERROR(INDEX(Jesper!AK$2:AK$366,ROUNDDOWN($C4954/24,0)+1,1)*INDEX($D$3:$AA$30,INDEX(Jesper!$R$2:$R$366,ROW(INDEX(Jesper!AK$2:AK$366,ROUNDDOWN($C4954/24,0)+1,1))-1)+IF('Standard Profiles'!$G$21=$B$10,7,0)+IF('Standard Profiles'!$G$21=$B$17,14,0)+IF('Standard Profiles'!$G$21=$B$24,21,0),MOD($C4954,24)+1)/SUM(INDEX($D$3:$AA$30,INDEX(Jesper!$R$2:$R$366,ROW(INDEX(Jesper!AK$2:AK$366,ROUNDDOWN($C4954/24,0)+1,1))-1)+IF('Standard Profiles'!$G$21=$B$10,7,0)+IF('Standard Profiles'!$G$21=$B$17,14,0)+IF('Standard Profiles'!$G$21=$B$24,21,0),0)),0)</f>
        <v>0.20590667590134887</v>
      </c>
      <c r="H4954" cm="1">
        <f t="array" ref="H4954">IFERROR(INDEX(Jesper!AL$2:AL$366,ROUNDDOWN($C4954/24,0)+1,1)*INDEX($D$3:$AA$30,INDEX(Jesper!$R$2:$R$366,ROW(INDEX(Jesper!AL$2:AL$366,ROUNDDOWN($C4954/24,0)+1,1))-1)+IF('Standard Profiles'!$G$22=$B$10,7,0)+IF('Standard Profiles'!$G$22=$B$17,14,0)+IF('Standard Profiles'!$G$22=$B$24,21,0),MOD($C4954,24)+1)/SUM(INDEX($D$3:$AA$30,INDEX(Jesper!$R$2:$R$366,ROW(INDEX(Jesper!AL$2:AL$366,ROUNDDOWN($C4954/24,0)+1,1))-1)+IF('Standard Profiles'!$G$22=$B$10,7,0)+IF('Standard Profiles'!$G$22=$B$17,14,0)+IF('Standard Profiles'!$G$22=$B$24,21,0),0)),0)</f>
        <v>0</v>
      </c>
      <c r="I4954">
        <f t="shared" si="552"/>
        <v>9.8835204432647414E-2</v>
      </c>
      <c r="J4954">
        <f t="shared" si="553"/>
        <v>4.4387868678405731</v>
      </c>
      <c r="K4954">
        <f t="shared" si="554"/>
        <v>0.36574970955899933</v>
      </c>
      <c r="L4954">
        <f t="shared" si="555"/>
        <v>0.18287485477949966</v>
      </c>
      <c r="M4954">
        <f t="shared" si="556"/>
        <v>0</v>
      </c>
      <c r="N4954" s="45">
        <f t="shared" si="557"/>
        <v>45131.999999988067</v>
      </c>
    </row>
    <row r="4955" spans="2:14" x14ac:dyDescent="0.25">
      <c r="B4955">
        <f t="shared" si="551"/>
        <v>2</v>
      </c>
      <c r="C4955" s="16">
        <v>4921</v>
      </c>
      <c r="D4955" cm="1">
        <f t="array" ref="D4955">IFERROR(INDEX(Jesper!AH$2:AH$366,ROUNDDOWN($C4955/24,0)+1,1)*INDEX($D$3:$AA$30,INDEX(Jesper!$R$2:$R$366,ROW(INDEX(Jesper!AH$2:AH$366,ROUNDDOWN($C4955/24,0)+1,1))-1)+IF('Standard Profiles'!$G$18=$B$10,7,0)+IF('Standard Profiles'!$G$18=$B$17,14,0)+IF('Standard Profiles'!$G$18=$B$24,21,0),MOD($C4955,24)+1)/SUM(INDEX($D$3:$AA$30,INDEX(Jesper!$R$2:$R$366,ROW(INDEX(Jesper!AH$2:AH$366,ROUNDDOWN($C4955/24,0)+1,1))-1)+IF('Standard Profiles'!$G$18=$B$10,7,0)+IF('Standard Profiles'!$G$18=$B$17,14,0)+IF('Standard Profiles'!$G$18=$B$24,21,0),0)),0)</f>
        <v>5.2249958508428476</v>
      </c>
      <c r="E4955" cm="1">
        <f t="array" ref="E4955">IFERROR(INDEX(Jesper!AI$2:AI$366,ROUNDDOWN($C4955/24,0)+1,1)*INDEX($D$3:$AA$30,INDEX(Jesper!$R$2:$R$366,ROW(INDEX(Jesper!AI$2:AI$366,ROUNDDOWN($C4955/24,0)+1,1))-1)+IF('Standard Profiles'!$G$19=$B$10,7,0)+IF('Standard Profiles'!$G$19=$B$17,14,0)+IF('Standard Profiles'!$G$19=$B$24,21,0),MOD($C4955,24)+1)/SUM(INDEX($D$3:$AA$30,INDEX(Jesper!$R$2:$R$366,ROW(INDEX(Jesper!AI$2:AI$366,ROUNDDOWN($C4955/24,0)+1,1))-1)+IF('Standard Profiles'!$G$19=$B$10,7,0)+IF('Standard Profiles'!$G$19=$B$17,14,0)+IF('Standard Profiles'!$G$19=$B$24,21,0),0)),0)</f>
        <v>2.2117126607158126</v>
      </c>
      <c r="F4955" cm="1">
        <f t="array" ref="F4955">IFERROR(INDEX(Jesper!AJ$2:AJ$366,ROUNDDOWN($C4955/24,0)+1,1)*INDEX($D$3:$AA$30,INDEX(Jesper!$R$2:$R$366,ROW(INDEX(Jesper!AJ$2:AJ$366,ROUNDDOWN($C4955/24,0)+1,1))-1)+IF('Standard Profiles'!$G$20=$B$10,7,0)+IF('Standard Profiles'!$G$20=$B$17,14,0)+IF('Standard Profiles'!$G$20=$B$24,21,0),MOD($C4955,24)+1)/SUM(INDEX($D$3:$AA$30,INDEX(Jesper!$R$2:$R$366,ROW(INDEX(Jesper!AJ$2:AJ$366,ROUNDDOWN($C4955/24,0)+1,1))-1)+IF('Standard Profiles'!$G$20=$B$10,7,0)+IF('Standard Profiles'!$G$20=$B$17,14,0)+IF('Standard Profiles'!$G$20=$B$24,21,0),0)),0)</f>
        <v>0</v>
      </c>
      <c r="G4955" cm="1">
        <f t="array" ref="G4955">IFERROR(INDEX(Jesper!AK$2:AK$366,ROUNDDOWN($C4955/24,0)+1,1)*INDEX($D$3:$AA$30,INDEX(Jesper!$R$2:$R$366,ROW(INDEX(Jesper!AK$2:AK$366,ROUNDDOWN($C4955/24,0)+1,1))-1)+IF('Standard Profiles'!$G$21=$B$10,7,0)+IF('Standard Profiles'!$G$21=$B$17,14,0)+IF('Standard Profiles'!$G$21=$B$24,21,0),MOD($C4955,24)+1)/SUM(INDEX($D$3:$AA$30,INDEX(Jesper!$R$2:$R$366,ROW(INDEX(Jesper!AK$2:AK$366,ROUNDDOWN($C4955/24,0)+1,1))-1)+IF('Standard Profiles'!$G$21=$B$10,7,0)+IF('Standard Profiles'!$G$21=$B$17,14,0)+IF('Standard Profiles'!$G$21=$B$24,21,0),0)),0)</f>
        <v>0.20590667590134887</v>
      </c>
      <c r="H4955" cm="1">
        <f t="array" ref="H4955">IFERROR(INDEX(Jesper!AL$2:AL$366,ROUNDDOWN($C4955/24,0)+1,1)*INDEX($D$3:$AA$30,INDEX(Jesper!$R$2:$R$366,ROW(INDEX(Jesper!AL$2:AL$366,ROUNDDOWN($C4955/24,0)+1,1))-1)+IF('Standard Profiles'!$G$22=$B$10,7,0)+IF('Standard Profiles'!$G$22=$B$17,14,0)+IF('Standard Profiles'!$G$22=$B$24,21,0),MOD($C4955,24)+1)/SUM(INDEX($D$3:$AA$30,INDEX(Jesper!$R$2:$R$366,ROW(INDEX(Jesper!AL$2:AL$366,ROUNDDOWN($C4955/24,0)+1,1))-1)+IF('Standard Profiles'!$G$22=$B$10,7,0)+IF('Standard Profiles'!$G$22=$B$17,14,0)+IF('Standard Profiles'!$G$22=$B$24,21,0),0)),0)</f>
        <v>0</v>
      </c>
      <c r="I4955">
        <f t="shared" si="552"/>
        <v>9.8835204432647414E-2</v>
      </c>
      <c r="J4955">
        <f t="shared" si="553"/>
        <v>6.7077806468925054</v>
      </c>
      <c r="K4955">
        <f t="shared" si="554"/>
        <v>0.55733289075657044</v>
      </c>
      <c r="L4955">
        <f t="shared" si="555"/>
        <v>0.27866644537828522</v>
      </c>
      <c r="M4955">
        <f t="shared" si="556"/>
        <v>0</v>
      </c>
      <c r="N4955" s="45">
        <f t="shared" si="557"/>
        <v>45132.041666654732</v>
      </c>
    </row>
    <row r="4956" spans="2:14" x14ac:dyDescent="0.25">
      <c r="B4956">
        <f t="shared" si="551"/>
        <v>2</v>
      </c>
      <c r="C4956" s="16">
        <v>4922</v>
      </c>
      <c r="D4956" cm="1">
        <f t="array" ref="D4956">IFERROR(INDEX(Jesper!AH$2:AH$366,ROUNDDOWN($C4956/24,0)+1,1)*INDEX($D$3:$AA$30,INDEX(Jesper!$R$2:$R$366,ROW(INDEX(Jesper!AH$2:AH$366,ROUNDDOWN($C4956/24,0)+1,1))-1)+IF('Standard Profiles'!$G$18=$B$10,7,0)+IF('Standard Profiles'!$G$18=$B$17,14,0)+IF('Standard Profiles'!$G$18=$B$24,21,0),MOD($C4956,24)+1)/SUM(INDEX($D$3:$AA$30,INDEX(Jesper!$R$2:$R$366,ROW(INDEX(Jesper!AH$2:AH$366,ROUNDDOWN($C4956/24,0)+1,1))-1)+IF('Standard Profiles'!$G$18=$B$10,7,0)+IF('Standard Profiles'!$G$18=$B$17,14,0)+IF('Standard Profiles'!$G$18=$B$24,21,0),0)),0)</f>
        <v>5.2249958508428476</v>
      </c>
      <c r="E4956" cm="1">
        <f t="array" ref="E4956">IFERROR(INDEX(Jesper!AI$2:AI$366,ROUNDDOWN($C4956/24,0)+1,1)*INDEX($D$3:$AA$30,INDEX(Jesper!$R$2:$R$366,ROW(INDEX(Jesper!AI$2:AI$366,ROUNDDOWN($C4956/24,0)+1,1))-1)+IF('Standard Profiles'!$G$19=$B$10,7,0)+IF('Standard Profiles'!$G$19=$B$17,14,0)+IF('Standard Profiles'!$G$19=$B$24,21,0),MOD($C4956,24)+1)/SUM(INDEX($D$3:$AA$30,INDEX(Jesper!$R$2:$R$366,ROW(INDEX(Jesper!AI$2:AI$366,ROUNDDOWN($C4956/24,0)+1,1))-1)+IF('Standard Profiles'!$G$19=$B$10,7,0)+IF('Standard Profiles'!$G$19=$B$17,14,0)+IF('Standard Profiles'!$G$19=$B$24,21,0),0)),0)</f>
        <v>2.2117126607158126</v>
      </c>
      <c r="F4956" cm="1">
        <f t="array" ref="F4956">IFERROR(INDEX(Jesper!AJ$2:AJ$366,ROUNDDOWN($C4956/24,0)+1,1)*INDEX($D$3:$AA$30,INDEX(Jesper!$R$2:$R$366,ROW(INDEX(Jesper!AJ$2:AJ$366,ROUNDDOWN($C4956/24,0)+1,1))-1)+IF('Standard Profiles'!$G$20=$B$10,7,0)+IF('Standard Profiles'!$G$20=$B$17,14,0)+IF('Standard Profiles'!$G$20=$B$24,21,0),MOD($C4956,24)+1)/SUM(INDEX($D$3:$AA$30,INDEX(Jesper!$R$2:$R$366,ROW(INDEX(Jesper!AJ$2:AJ$366,ROUNDDOWN($C4956/24,0)+1,1))-1)+IF('Standard Profiles'!$G$20=$B$10,7,0)+IF('Standard Profiles'!$G$20=$B$17,14,0)+IF('Standard Profiles'!$G$20=$B$24,21,0),0)),0)</f>
        <v>0</v>
      </c>
      <c r="G4956" cm="1">
        <f t="array" ref="G4956">IFERROR(INDEX(Jesper!AK$2:AK$366,ROUNDDOWN($C4956/24,0)+1,1)*INDEX($D$3:$AA$30,INDEX(Jesper!$R$2:$R$366,ROW(INDEX(Jesper!AK$2:AK$366,ROUNDDOWN($C4956/24,0)+1,1))-1)+IF('Standard Profiles'!$G$21=$B$10,7,0)+IF('Standard Profiles'!$G$21=$B$17,14,0)+IF('Standard Profiles'!$G$21=$B$24,21,0),MOD($C4956,24)+1)/SUM(INDEX($D$3:$AA$30,INDEX(Jesper!$R$2:$R$366,ROW(INDEX(Jesper!AK$2:AK$366,ROUNDDOWN($C4956/24,0)+1,1))-1)+IF('Standard Profiles'!$G$21=$B$10,7,0)+IF('Standard Profiles'!$G$21=$B$17,14,0)+IF('Standard Profiles'!$G$21=$B$24,21,0),0)),0)</f>
        <v>0.20590667590134887</v>
      </c>
      <c r="H4956" cm="1">
        <f t="array" ref="H4956">IFERROR(INDEX(Jesper!AL$2:AL$366,ROUNDDOWN($C4956/24,0)+1,1)*INDEX($D$3:$AA$30,INDEX(Jesper!$R$2:$R$366,ROW(INDEX(Jesper!AL$2:AL$366,ROUNDDOWN($C4956/24,0)+1,1))-1)+IF('Standard Profiles'!$G$22=$B$10,7,0)+IF('Standard Profiles'!$G$22=$B$17,14,0)+IF('Standard Profiles'!$G$22=$B$24,21,0),MOD($C4956,24)+1)/SUM(INDEX($D$3:$AA$30,INDEX(Jesper!$R$2:$R$366,ROW(INDEX(Jesper!AL$2:AL$366,ROUNDDOWN($C4956/24,0)+1,1))-1)+IF('Standard Profiles'!$G$22=$B$10,7,0)+IF('Standard Profiles'!$G$22=$B$17,14,0)+IF('Standard Profiles'!$G$22=$B$24,21,0),0)),0)</f>
        <v>0</v>
      </c>
      <c r="I4956">
        <f t="shared" si="552"/>
        <v>9.8835204432647414E-2</v>
      </c>
      <c r="J4956">
        <f t="shared" si="553"/>
        <v>6.7077806468925054</v>
      </c>
      <c r="K4956">
        <f t="shared" si="554"/>
        <v>0.55733289075657044</v>
      </c>
      <c r="L4956">
        <f t="shared" si="555"/>
        <v>0.27866644537828522</v>
      </c>
      <c r="M4956">
        <f t="shared" si="556"/>
        <v>0</v>
      </c>
      <c r="N4956" s="45">
        <f t="shared" si="557"/>
        <v>45132.083333321396</v>
      </c>
    </row>
    <row r="4957" spans="2:14" x14ac:dyDescent="0.25">
      <c r="B4957">
        <f t="shared" si="551"/>
        <v>2</v>
      </c>
      <c r="C4957" s="16">
        <v>4923</v>
      </c>
      <c r="D4957" cm="1">
        <f t="array" ref="D4957">IFERROR(INDEX(Jesper!AH$2:AH$366,ROUNDDOWN($C4957/24,0)+1,1)*INDEX($D$3:$AA$30,INDEX(Jesper!$R$2:$R$366,ROW(INDEX(Jesper!AH$2:AH$366,ROUNDDOWN($C4957/24,0)+1,1))-1)+IF('Standard Profiles'!$G$18=$B$10,7,0)+IF('Standard Profiles'!$G$18=$B$17,14,0)+IF('Standard Profiles'!$G$18=$B$24,21,0),MOD($C4957,24)+1)/SUM(INDEX($D$3:$AA$30,INDEX(Jesper!$R$2:$R$366,ROW(INDEX(Jesper!AH$2:AH$366,ROUNDDOWN($C4957/24,0)+1,1))-1)+IF('Standard Profiles'!$G$18=$B$10,7,0)+IF('Standard Profiles'!$G$18=$B$17,14,0)+IF('Standard Profiles'!$G$18=$B$24,21,0),0)),0)</f>
        <v>5.2249958508428476</v>
      </c>
      <c r="E4957" cm="1">
        <f t="array" ref="E4957">IFERROR(INDEX(Jesper!AI$2:AI$366,ROUNDDOWN($C4957/24,0)+1,1)*INDEX($D$3:$AA$30,INDEX(Jesper!$R$2:$R$366,ROW(INDEX(Jesper!AI$2:AI$366,ROUNDDOWN($C4957/24,0)+1,1))-1)+IF('Standard Profiles'!$G$19=$B$10,7,0)+IF('Standard Profiles'!$G$19=$B$17,14,0)+IF('Standard Profiles'!$G$19=$B$24,21,0),MOD($C4957,24)+1)/SUM(INDEX($D$3:$AA$30,INDEX(Jesper!$R$2:$R$366,ROW(INDEX(Jesper!AI$2:AI$366,ROUNDDOWN($C4957/24,0)+1,1))-1)+IF('Standard Profiles'!$G$19=$B$10,7,0)+IF('Standard Profiles'!$G$19=$B$17,14,0)+IF('Standard Profiles'!$G$19=$B$24,21,0),0)),0)</f>
        <v>2.2117126607158126</v>
      </c>
      <c r="F4957" cm="1">
        <f t="array" ref="F4957">IFERROR(INDEX(Jesper!AJ$2:AJ$366,ROUNDDOWN($C4957/24,0)+1,1)*INDEX($D$3:$AA$30,INDEX(Jesper!$R$2:$R$366,ROW(INDEX(Jesper!AJ$2:AJ$366,ROUNDDOWN($C4957/24,0)+1,1))-1)+IF('Standard Profiles'!$G$20=$B$10,7,0)+IF('Standard Profiles'!$G$20=$B$17,14,0)+IF('Standard Profiles'!$G$20=$B$24,21,0),MOD($C4957,24)+1)/SUM(INDEX($D$3:$AA$30,INDEX(Jesper!$R$2:$R$366,ROW(INDEX(Jesper!AJ$2:AJ$366,ROUNDDOWN($C4957/24,0)+1,1))-1)+IF('Standard Profiles'!$G$20=$B$10,7,0)+IF('Standard Profiles'!$G$20=$B$17,14,0)+IF('Standard Profiles'!$G$20=$B$24,21,0),0)),0)</f>
        <v>0</v>
      </c>
      <c r="G4957" cm="1">
        <f t="array" ref="G4957">IFERROR(INDEX(Jesper!AK$2:AK$366,ROUNDDOWN($C4957/24,0)+1,1)*INDEX($D$3:$AA$30,INDEX(Jesper!$R$2:$R$366,ROW(INDEX(Jesper!AK$2:AK$366,ROUNDDOWN($C4957/24,0)+1,1))-1)+IF('Standard Profiles'!$G$21=$B$10,7,0)+IF('Standard Profiles'!$G$21=$B$17,14,0)+IF('Standard Profiles'!$G$21=$B$24,21,0),MOD($C4957,24)+1)/SUM(INDEX($D$3:$AA$30,INDEX(Jesper!$R$2:$R$366,ROW(INDEX(Jesper!AK$2:AK$366,ROUNDDOWN($C4957/24,0)+1,1))-1)+IF('Standard Profiles'!$G$21=$B$10,7,0)+IF('Standard Profiles'!$G$21=$B$17,14,0)+IF('Standard Profiles'!$G$21=$B$24,21,0),0)),0)</f>
        <v>0.20590667590134887</v>
      </c>
      <c r="H4957" cm="1">
        <f t="array" ref="H4957">IFERROR(INDEX(Jesper!AL$2:AL$366,ROUNDDOWN($C4957/24,0)+1,1)*INDEX($D$3:$AA$30,INDEX(Jesper!$R$2:$R$366,ROW(INDEX(Jesper!AL$2:AL$366,ROUNDDOWN($C4957/24,0)+1,1))-1)+IF('Standard Profiles'!$G$22=$B$10,7,0)+IF('Standard Profiles'!$G$22=$B$17,14,0)+IF('Standard Profiles'!$G$22=$B$24,21,0),MOD($C4957,24)+1)/SUM(INDEX($D$3:$AA$30,INDEX(Jesper!$R$2:$R$366,ROW(INDEX(Jesper!AL$2:AL$366,ROUNDDOWN($C4957/24,0)+1,1))-1)+IF('Standard Profiles'!$G$22=$B$10,7,0)+IF('Standard Profiles'!$G$22=$B$17,14,0)+IF('Standard Profiles'!$G$22=$B$24,21,0),0)),0)</f>
        <v>0</v>
      </c>
      <c r="I4957">
        <f t="shared" si="552"/>
        <v>9.8835204432647414E-2</v>
      </c>
      <c r="J4957">
        <f t="shared" si="553"/>
        <v>6.7077806468925054</v>
      </c>
      <c r="K4957">
        <f t="shared" si="554"/>
        <v>0.55733289075657044</v>
      </c>
      <c r="L4957">
        <f t="shared" si="555"/>
        <v>0.27866644537828522</v>
      </c>
      <c r="M4957">
        <f t="shared" si="556"/>
        <v>0</v>
      </c>
      <c r="N4957" s="45">
        <f t="shared" si="557"/>
        <v>45132.12499998806</v>
      </c>
    </row>
    <row r="4958" spans="2:14" x14ac:dyDescent="0.25">
      <c r="B4958">
        <f t="shared" si="551"/>
        <v>2</v>
      </c>
      <c r="C4958" s="16">
        <v>4924</v>
      </c>
      <c r="D4958" cm="1">
        <f t="array" ref="D4958">IFERROR(INDEX(Jesper!AH$2:AH$366,ROUNDDOWN($C4958/24,0)+1,1)*INDEX($D$3:$AA$30,INDEX(Jesper!$R$2:$R$366,ROW(INDEX(Jesper!AH$2:AH$366,ROUNDDOWN($C4958/24,0)+1,1))-1)+IF('Standard Profiles'!$G$18=$B$10,7,0)+IF('Standard Profiles'!$G$18=$B$17,14,0)+IF('Standard Profiles'!$G$18=$B$24,21,0),MOD($C4958,24)+1)/SUM(INDEX($D$3:$AA$30,INDEX(Jesper!$R$2:$R$366,ROW(INDEX(Jesper!AH$2:AH$366,ROUNDDOWN($C4958/24,0)+1,1))-1)+IF('Standard Profiles'!$G$18=$B$10,7,0)+IF('Standard Profiles'!$G$18=$B$17,14,0)+IF('Standard Profiles'!$G$18=$B$24,21,0),0)),0)</f>
        <v>5.2249958508428476</v>
      </c>
      <c r="E4958" cm="1">
        <f t="array" ref="E4958">IFERROR(INDEX(Jesper!AI$2:AI$366,ROUNDDOWN($C4958/24,0)+1,1)*INDEX($D$3:$AA$30,INDEX(Jesper!$R$2:$R$366,ROW(INDEX(Jesper!AI$2:AI$366,ROUNDDOWN($C4958/24,0)+1,1))-1)+IF('Standard Profiles'!$G$19=$B$10,7,0)+IF('Standard Profiles'!$G$19=$B$17,14,0)+IF('Standard Profiles'!$G$19=$B$24,21,0),MOD($C4958,24)+1)/SUM(INDEX($D$3:$AA$30,INDEX(Jesper!$R$2:$R$366,ROW(INDEX(Jesper!AI$2:AI$366,ROUNDDOWN($C4958/24,0)+1,1))-1)+IF('Standard Profiles'!$G$19=$B$10,7,0)+IF('Standard Profiles'!$G$19=$B$17,14,0)+IF('Standard Profiles'!$G$19=$B$24,21,0),0)),0)</f>
        <v>2.2117126607158126</v>
      </c>
      <c r="F4958" cm="1">
        <f t="array" ref="F4958">IFERROR(INDEX(Jesper!AJ$2:AJ$366,ROUNDDOWN($C4958/24,0)+1,1)*INDEX($D$3:$AA$30,INDEX(Jesper!$R$2:$R$366,ROW(INDEX(Jesper!AJ$2:AJ$366,ROUNDDOWN($C4958/24,0)+1,1))-1)+IF('Standard Profiles'!$G$20=$B$10,7,0)+IF('Standard Profiles'!$G$20=$B$17,14,0)+IF('Standard Profiles'!$G$20=$B$24,21,0),MOD($C4958,24)+1)/SUM(INDEX($D$3:$AA$30,INDEX(Jesper!$R$2:$R$366,ROW(INDEX(Jesper!AJ$2:AJ$366,ROUNDDOWN($C4958/24,0)+1,1))-1)+IF('Standard Profiles'!$G$20=$B$10,7,0)+IF('Standard Profiles'!$G$20=$B$17,14,0)+IF('Standard Profiles'!$G$20=$B$24,21,0),0)),0)</f>
        <v>0</v>
      </c>
      <c r="G4958" cm="1">
        <f t="array" ref="G4958">IFERROR(INDEX(Jesper!AK$2:AK$366,ROUNDDOWN($C4958/24,0)+1,1)*INDEX($D$3:$AA$30,INDEX(Jesper!$R$2:$R$366,ROW(INDEX(Jesper!AK$2:AK$366,ROUNDDOWN($C4958/24,0)+1,1))-1)+IF('Standard Profiles'!$G$21=$B$10,7,0)+IF('Standard Profiles'!$G$21=$B$17,14,0)+IF('Standard Profiles'!$G$21=$B$24,21,0),MOD($C4958,24)+1)/SUM(INDEX($D$3:$AA$30,INDEX(Jesper!$R$2:$R$366,ROW(INDEX(Jesper!AK$2:AK$366,ROUNDDOWN($C4958/24,0)+1,1))-1)+IF('Standard Profiles'!$G$21=$B$10,7,0)+IF('Standard Profiles'!$G$21=$B$17,14,0)+IF('Standard Profiles'!$G$21=$B$24,21,0),0)),0)</f>
        <v>0.20590667590134887</v>
      </c>
      <c r="H4958" cm="1">
        <f t="array" ref="H4958">IFERROR(INDEX(Jesper!AL$2:AL$366,ROUNDDOWN($C4958/24,0)+1,1)*INDEX($D$3:$AA$30,INDEX(Jesper!$R$2:$R$366,ROW(INDEX(Jesper!AL$2:AL$366,ROUNDDOWN($C4958/24,0)+1,1))-1)+IF('Standard Profiles'!$G$22=$B$10,7,0)+IF('Standard Profiles'!$G$22=$B$17,14,0)+IF('Standard Profiles'!$G$22=$B$24,21,0),MOD($C4958,24)+1)/SUM(INDEX($D$3:$AA$30,INDEX(Jesper!$R$2:$R$366,ROW(INDEX(Jesper!AL$2:AL$366,ROUNDDOWN($C4958/24,0)+1,1))-1)+IF('Standard Profiles'!$G$22=$B$10,7,0)+IF('Standard Profiles'!$G$22=$B$17,14,0)+IF('Standard Profiles'!$G$22=$B$24,21,0),0)),0)</f>
        <v>0</v>
      </c>
      <c r="I4958">
        <f t="shared" si="552"/>
        <v>9.8835204432647414E-2</v>
      </c>
      <c r="J4958">
        <f t="shared" si="553"/>
        <v>6.7077806468925054</v>
      </c>
      <c r="K4958">
        <f t="shared" si="554"/>
        <v>0.55733289075657044</v>
      </c>
      <c r="L4958">
        <f t="shared" si="555"/>
        <v>0.27866644537828522</v>
      </c>
      <c r="M4958">
        <f t="shared" si="556"/>
        <v>0</v>
      </c>
      <c r="N4958" s="45">
        <f t="shared" si="557"/>
        <v>45132.166666654724</v>
      </c>
    </row>
    <row r="4959" spans="2:14" x14ac:dyDescent="0.25">
      <c r="B4959">
        <f t="shared" si="551"/>
        <v>2</v>
      </c>
      <c r="C4959" s="16">
        <v>4925</v>
      </c>
      <c r="D4959" cm="1">
        <f t="array" ref="D4959">IFERROR(INDEX(Jesper!AH$2:AH$366,ROUNDDOWN($C4959/24,0)+1,1)*INDEX($D$3:$AA$30,INDEX(Jesper!$R$2:$R$366,ROW(INDEX(Jesper!AH$2:AH$366,ROUNDDOWN($C4959/24,0)+1,1))-1)+IF('Standard Profiles'!$G$18=$B$10,7,0)+IF('Standard Profiles'!$G$18=$B$17,14,0)+IF('Standard Profiles'!$G$18=$B$24,21,0),MOD($C4959,24)+1)/SUM(INDEX($D$3:$AA$30,INDEX(Jesper!$R$2:$R$366,ROW(INDEX(Jesper!AH$2:AH$366,ROUNDDOWN($C4959/24,0)+1,1))-1)+IF('Standard Profiles'!$G$18=$B$10,7,0)+IF('Standard Profiles'!$G$18=$B$17,14,0)+IF('Standard Profiles'!$G$18=$B$24,21,0),0)),0)</f>
        <v>5.2249958508428476</v>
      </c>
      <c r="E4959" cm="1">
        <f t="array" ref="E4959">IFERROR(INDEX(Jesper!AI$2:AI$366,ROUNDDOWN($C4959/24,0)+1,1)*INDEX($D$3:$AA$30,INDEX(Jesper!$R$2:$R$366,ROW(INDEX(Jesper!AI$2:AI$366,ROUNDDOWN($C4959/24,0)+1,1))-1)+IF('Standard Profiles'!$G$19=$B$10,7,0)+IF('Standard Profiles'!$G$19=$B$17,14,0)+IF('Standard Profiles'!$G$19=$B$24,21,0),MOD($C4959,24)+1)/SUM(INDEX($D$3:$AA$30,INDEX(Jesper!$R$2:$R$366,ROW(INDEX(Jesper!AI$2:AI$366,ROUNDDOWN($C4959/24,0)+1,1))-1)+IF('Standard Profiles'!$G$19=$B$10,7,0)+IF('Standard Profiles'!$G$19=$B$17,14,0)+IF('Standard Profiles'!$G$19=$B$24,21,0),0)),0)</f>
        <v>2.2117126607158126</v>
      </c>
      <c r="F4959" cm="1">
        <f t="array" ref="F4959">IFERROR(INDEX(Jesper!AJ$2:AJ$366,ROUNDDOWN($C4959/24,0)+1,1)*INDEX($D$3:$AA$30,INDEX(Jesper!$R$2:$R$366,ROW(INDEX(Jesper!AJ$2:AJ$366,ROUNDDOWN($C4959/24,0)+1,1))-1)+IF('Standard Profiles'!$G$20=$B$10,7,0)+IF('Standard Profiles'!$G$20=$B$17,14,0)+IF('Standard Profiles'!$G$20=$B$24,21,0),MOD($C4959,24)+1)/SUM(INDEX($D$3:$AA$30,INDEX(Jesper!$R$2:$R$366,ROW(INDEX(Jesper!AJ$2:AJ$366,ROUNDDOWN($C4959/24,0)+1,1))-1)+IF('Standard Profiles'!$G$20=$B$10,7,0)+IF('Standard Profiles'!$G$20=$B$17,14,0)+IF('Standard Profiles'!$G$20=$B$24,21,0),0)),0)</f>
        <v>0</v>
      </c>
      <c r="G4959" cm="1">
        <f t="array" ref="G4959">IFERROR(INDEX(Jesper!AK$2:AK$366,ROUNDDOWN($C4959/24,0)+1,1)*INDEX($D$3:$AA$30,INDEX(Jesper!$R$2:$R$366,ROW(INDEX(Jesper!AK$2:AK$366,ROUNDDOWN($C4959/24,0)+1,1))-1)+IF('Standard Profiles'!$G$21=$B$10,7,0)+IF('Standard Profiles'!$G$21=$B$17,14,0)+IF('Standard Profiles'!$G$21=$B$24,21,0),MOD($C4959,24)+1)/SUM(INDEX($D$3:$AA$30,INDEX(Jesper!$R$2:$R$366,ROW(INDEX(Jesper!AK$2:AK$366,ROUNDDOWN($C4959/24,0)+1,1))-1)+IF('Standard Profiles'!$G$21=$B$10,7,0)+IF('Standard Profiles'!$G$21=$B$17,14,0)+IF('Standard Profiles'!$G$21=$B$24,21,0),0)),0)</f>
        <v>0.20590667590134887</v>
      </c>
      <c r="H4959" cm="1">
        <f t="array" ref="H4959">IFERROR(INDEX(Jesper!AL$2:AL$366,ROUNDDOWN($C4959/24,0)+1,1)*INDEX($D$3:$AA$30,INDEX(Jesper!$R$2:$R$366,ROW(INDEX(Jesper!AL$2:AL$366,ROUNDDOWN($C4959/24,0)+1,1))-1)+IF('Standard Profiles'!$G$22=$B$10,7,0)+IF('Standard Profiles'!$G$22=$B$17,14,0)+IF('Standard Profiles'!$G$22=$B$24,21,0),MOD($C4959,24)+1)/SUM(INDEX($D$3:$AA$30,INDEX(Jesper!$R$2:$R$366,ROW(INDEX(Jesper!AL$2:AL$366,ROUNDDOWN($C4959/24,0)+1,1))-1)+IF('Standard Profiles'!$G$22=$B$10,7,0)+IF('Standard Profiles'!$G$22=$B$17,14,0)+IF('Standard Profiles'!$G$22=$B$24,21,0),0)),0)</f>
        <v>0</v>
      </c>
      <c r="I4959">
        <f t="shared" si="552"/>
        <v>9.8835204432647414E-2</v>
      </c>
      <c r="J4959">
        <f t="shared" si="553"/>
        <v>6.7077806468925054</v>
      </c>
      <c r="K4959">
        <f t="shared" si="554"/>
        <v>0.55733289075657044</v>
      </c>
      <c r="L4959">
        <f t="shared" si="555"/>
        <v>0.27866644537828522</v>
      </c>
      <c r="M4959">
        <f t="shared" si="556"/>
        <v>0</v>
      </c>
      <c r="N4959" s="45">
        <f t="shared" si="557"/>
        <v>45132.208333321389</v>
      </c>
    </row>
    <row r="4960" spans="2:14" x14ac:dyDescent="0.25">
      <c r="B4960">
        <f t="shared" si="551"/>
        <v>2</v>
      </c>
      <c r="C4960" s="16">
        <v>4926</v>
      </c>
      <c r="D4960" cm="1">
        <f t="array" ref="D4960">IFERROR(INDEX(Jesper!AH$2:AH$366,ROUNDDOWN($C4960/24,0)+1,1)*INDEX($D$3:$AA$30,INDEX(Jesper!$R$2:$R$366,ROW(INDEX(Jesper!AH$2:AH$366,ROUNDDOWN($C4960/24,0)+1,1))-1)+IF('Standard Profiles'!$G$18=$B$10,7,0)+IF('Standard Profiles'!$G$18=$B$17,14,0)+IF('Standard Profiles'!$G$18=$B$24,21,0),MOD($C4960,24)+1)/SUM(INDEX($D$3:$AA$30,INDEX(Jesper!$R$2:$R$366,ROW(INDEX(Jesper!AH$2:AH$366,ROUNDDOWN($C4960/24,0)+1,1))-1)+IF('Standard Profiles'!$G$18=$B$10,7,0)+IF('Standard Profiles'!$G$18=$B$17,14,0)+IF('Standard Profiles'!$G$18=$B$24,21,0),0)),0)</f>
        <v>5.2249958508428476</v>
      </c>
      <c r="E4960" cm="1">
        <f t="array" ref="E4960">IFERROR(INDEX(Jesper!AI$2:AI$366,ROUNDDOWN($C4960/24,0)+1,1)*INDEX($D$3:$AA$30,INDEX(Jesper!$R$2:$R$366,ROW(INDEX(Jesper!AI$2:AI$366,ROUNDDOWN($C4960/24,0)+1,1))-1)+IF('Standard Profiles'!$G$19=$B$10,7,0)+IF('Standard Profiles'!$G$19=$B$17,14,0)+IF('Standard Profiles'!$G$19=$B$24,21,0),MOD($C4960,24)+1)/SUM(INDEX($D$3:$AA$30,INDEX(Jesper!$R$2:$R$366,ROW(INDEX(Jesper!AI$2:AI$366,ROUNDDOWN($C4960/24,0)+1,1))-1)+IF('Standard Profiles'!$G$19=$B$10,7,0)+IF('Standard Profiles'!$G$19=$B$17,14,0)+IF('Standard Profiles'!$G$19=$B$24,21,0),0)),0)</f>
        <v>2.2117126607158126</v>
      </c>
      <c r="F4960" cm="1">
        <f t="array" ref="F4960">IFERROR(INDEX(Jesper!AJ$2:AJ$366,ROUNDDOWN($C4960/24,0)+1,1)*INDEX($D$3:$AA$30,INDEX(Jesper!$R$2:$R$366,ROW(INDEX(Jesper!AJ$2:AJ$366,ROUNDDOWN($C4960/24,0)+1,1))-1)+IF('Standard Profiles'!$G$20=$B$10,7,0)+IF('Standard Profiles'!$G$20=$B$17,14,0)+IF('Standard Profiles'!$G$20=$B$24,21,0),MOD($C4960,24)+1)/SUM(INDEX($D$3:$AA$30,INDEX(Jesper!$R$2:$R$366,ROW(INDEX(Jesper!AJ$2:AJ$366,ROUNDDOWN($C4960/24,0)+1,1))-1)+IF('Standard Profiles'!$G$20=$B$10,7,0)+IF('Standard Profiles'!$G$20=$B$17,14,0)+IF('Standard Profiles'!$G$20=$B$24,21,0),0)),0)</f>
        <v>0</v>
      </c>
      <c r="G4960" cm="1">
        <f t="array" ref="G4960">IFERROR(INDEX(Jesper!AK$2:AK$366,ROUNDDOWN($C4960/24,0)+1,1)*INDEX($D$3:$AA$30,INDEX(Jesper!$R$2:$R$366,ROW(INDEX(Jesper!AK$2:AK$366,ROUNDDOWN($C4960/24,0)+1,1))-1)+IF('Standard Profiles'!$G$21=$B$10,7,0)+IF('Standard Profiles'!$G$21=$B$17,14,0)+IF('Standard Profiles'!$G$21=$B$24,21,0),MOD($C4960,24)+1)/SUM(INDEX($D$3:$AA$30,INDEX(Jesper!$R$2:$R$366,ROW(INDEX(Jesper!AK$2:AK$366,ROUNDDOWN($C4960/24,0)+1,1))-1)+IF('Standard Profiles'!$G$21=$B$10,7,0)+IF('Standard Profiles'!$G$21=$B$17,14,0)+IF('Standard Profiles'!$G$21=$B$24,21,0),0)),0)</f>
        <v>0.20590667590134887</v>
      </c>
      <c r="H4960" cm="1">
        <f t="array" ref="H4960">IFERROR(INDEX(Jesper!AL$2:AL$366,ROUNDDOWN($C4960/24,0)+1,1)*INDEX($D$3:$AA$30,INDEX(Jesper!$R$2:$R$366,ROW(INDEX(Jesper!AL$2:AL$366,ROUNDDOWN($C4960/24,0)+1,1))-1)+IF('Standard Profiles'!$G$22=$B$10,7,0)+IF('Standard Profiles'!$G$22=$B$17,14,0)+IF('Standard Profiles'!$G$22=$B$24,21,0),MOD($C4960,24)+1)/SUM(INDEX($D$3:$AA$30,INDEX(Jesper!$R$2:$R$366,ROW(INDEX(Jesper!AL$2:AL$366,ROUNDDOWN($C4960/24,0)+1,1))-1)+IF('Standard Profiles'!$G$22=$B$10,7,0)+IF('Standard Profiles'!$G$22=$B$17,14,0)+IF('Standard Profiles'!$G$22=$B$24,21,0),0)),0)</f>
        <v>0</v>
      </c>
      <c r="I4960">
        <f t="shared" si="552"/>
        <v>9.8835204432647414E-2</v>
      </c>
      <c r="J4960">
        <f t="shared" si="553"/>
        <v>6.7077806468925054</v>
      </c>
      <c r="K4960">
        <f t="shared" si="554"/>
        <v>0.55733289075657044</v>
      </c>
      <c r="L4960">
        <f t="shared" si="555"/>
        <v>0.27866644537828522</v>
      </c>
      <c r="M4960">
        <f t="shared" si="556"/>
        <v>0</v>
      </c>
      <c r="N4960" s="45">
        <f t="shared" si="557"/>
        <v>45132.249999988053</v>
      </c>
    </row>
    <row r="4961" spans="2:14" x14ac:dyDescent="0.25">
      <c r="B4961">
        <f t="shared" si="551"/>
        <v>2</v>
      </c>
      <c r="C4961" s="16">
        <v>4927</v>
      </c>
      <c r="D4961" cm="1">
        <f t="array" ref="D4961">IFERROR(INDEX(Jesper!AH$2:AH$366,ROUNDDOWN($C4961/24,0)+1,1)*INDEX($D$3:$AA$30,INDEX(Jesper!$R$2:$R$366,ROW(INDEX(Jesper!AH$2:AH$366,ROUNDDOWN($C4961/24,0)+1,1))-1)+IF('Standard Profiles'!$G$18=$B$10,7,0)+IF('Standard Profiles'!$G$18=$B$17,14,0)+IF('Standard Profiles'!$G$18=$B$24,21,0),MOD($C4961,24)+1)/SUM(INDEX($D$3:$AA$30,INDEX(Jesper!$R$2:$R$366,ROW(INDEX(Jesper!AH$2:AH$366,ROUNDDOWN($C4961/24,0)+1,1))-1)+IF('Standard Profiles'!$G$18=$B$10,7,0)+IF('Standard Profiles'!$G$18=$B$17,14,0)+IF('Standard Profiles'!$G$18=$B$24,21,0),0)),0)</f>
        <v>22.026623133709375</v>
      </c>
      <c r="E4961" cm="1">
        <f t="array" ref="E4961">IFERROR(INDEX(Jesper!AI$2:AI$366,ROUNDDOWN($C4961/24,0)+1,1)*INDEX($D$3:$AA$30,INDEX(Jesper!$R$2:$R$366,ROW(INDEX(Jesper!AI$2:AI$366,ROUNDDOWN($C4961/24,0)+1,1))-1)+IF('Standard Profiles'!$G$19=$B$10,7,0)+IF('Standard Profiles'!$G$19=$B$17,14,0)+IF('Standard Profiles'!$G$19=$B$24,21,0),MOD($C4961,24)+1)/SUM(INDEX($D$3:$AA$30,INDEX(Jesper!$R$2:$R$366,ROW(INDEX(Jesper!AI$2:AI$366,ROUNDDOWN($C4961/24,0)+1,1))-1)+IF('Standard Profiles'!$G$19=$B$10,7,0)+IF('Standard Profiles'!$G$19=$B$17,14,0)+IF('Standard Profiles'!$G$19=$B$24,21,0),0)),0)</f>
        <v>9.3237511853300958</v>
      </c>
      <c r="F4961" cm="1">
        <f t="array" ref="F4961">IFERROR(INDEX(Jesper!AJ$2:AJ$366,ROUNDDOWN($C4961/24,0)+1,1)*INDEX($D$3:$AA$30,INDEX(Jesper!$R$2:$R$366,ROW(INDEX(Jesper!AJ$2:AJ$366,ROUNDDOWN($C4961/24,0)+1,1))-1)+IF('Standard Profiles'!$G$20=$B$10,7,0)+IF('Standard Profiles'!$G$20=$B$17,14,0)+IF('Standard Profiles'!$G$20=$B$24,21,0),MOD($C4961,24)+1)/SUM(INDEX($D$3:$AA$30,INDEX(Jesper!$R$2:$R$366,ROW(INDEX(Jesper!AJ$2:AJ$366,ROUNDDOWN($C4961/24,0)+1,1))-1)+IF('Standard Profiles'!$G$20=$B$10,7,0)+IF('Standard Profiles'!$G$20=$B$17,14,0)+IF('Standard Profiles'!$G$20=$B$24,21,0),0)),0)</f>
        <v>0</v>
      </c>
      <c r="G4961" cm="1">
        <f t="array" ref="G4961">IFERROR(INDEX(Jesper!AK$2:AK$366,ROUNDDOWN($C4961/24,0)+1,1)*INDEX($D$3:$AA$30,INDEX(Jesper!$R$2:$R$366,ROW(INDEX(Jesper!AK$2:AK$366,ROUNDDOWN($C4961/24,0)+1,1))-1)+IF('Standard Profiles'!$G$21=$B$10,7,0)+IF('Standard Profiles'!$G$21=$B$17,14,0)+IF('Standard Profiles'!$G$21=$B$24,21,0),MOD($C4961,24)+1)/SUM(INDEX($D$3:$AA$30,INDEX(Jesper!$R$2:$R$366,ROW(INDEX(Jesper!AK$2:AK$366,ROUNDDOWN($C4961/24,0)+1,1))-1)+IF('Standard Profiles'!$G$21=$B$10,7,0)+IF('Standard Profiles'!$G$21=$B$17,14,0)+IF('Standard Profiles'!$G$21=$B$24,21,0),0)),0)</f>
        <v>0.59314406961259514</v>
      </c>
      <c r="H4961" cm="1">
        <f t="array" ref="H4961">IFERROR(INDEX(Jesper!AL$2:AL$366,ROUNDDOWN($C4961/24,0)+1,1)*INDEX($D$3:$AA$30,INDEX(Jesper!$R$2:$R$366,ROW(INDEX(Jesper!AL$2:AL$366,ROUNDDOWN($C4961/24,0)+1,1))-1)+IF('Standard Profiles'!$G$22=$B$10,7,0)+IF('Standard Profiles'!$G$22=$B$17,14,0)+IF('Standard Profiles'!$G$22=$B$24,21,0),MOD($C4961,24)+1)/SUM(INDEX($D$3:$AA$30,INDEX(Jesper!$R$2:$R$366,ROW(INDEX(Jesper!AL$2:AL$366,ROUNDDOWN($C4961/24,0)+1,1))-1)+IF('Standard Profiles'!$G$22=$B$10,7,0)+IF('Standard Profiles'!$G$22=$B$17,14,0)+IF('Standard Profiles'!$G$22=$B$24,21,0),0)),0)</f>
        <v>0</v>
      </c>
      <c r="I4961">
        <f t="shared" si="552"/>
        <v>0.28470915341404551</v>
      </c>
      <c r="J4961">
        <f t="shared" si="553"/>
        <v>28.13454953384452</v>
      </c>
      <c r="K4961">
        <f t="shared" si="554"/>
        <v>2.3495064675956669</v>
      </c>
      <c r="L4961">
        <f t="shared" si="555"/>
        <v>1.1747532337978335</v>
      </c>
      <c r="M4961">
        <f t="shared" si="556"/>
        <v>0</v>
      </c>
      <c r="N4961" s="45">
        <f t="shared" si="557"/>
        <v>45132.291666654717</v>
      </c>
    </row>
    <row r="4962" spans="2:14" x14ac:dyDescent="0.25">
      <c r="B4962">
        <f t="shared" si="551"/>
        <v>2</v>
      </c>
      <c r="C4962" s="16">
        <v>4928</v>
      </c>
      <c r="D4962" cm="1">
        <f t="array" ref="D4962">IFERROR(INDEX(Jesper!AH$2:AH$366,ROUNDDOWN($C4962/24,0)+1,1)*INDEX($D$3:$AA$30,INDEX(Jesper!$R$2:$R$366,ROW(INDEX(Jesper!AH$2:AH$366,ROUNDDOWN($C4962/24,0)+1,1))-1)+IF('Standard Profiles'!$G$18=$B$10,7,0)+IF('Standard Profiles'!$G$18=$B$17,14,0)+IF('Standard Profiles'!$G$18=$B$24,21,0),MOD($C4962,24)+1)/SUM(INDEX($D$3:$AA$30,INDEX(Jesper!$R$2:$R$366,ROW(INDEX(Jesper!AH$2:AH$366,ROUNDDOWN($C4962/24,0)+1,1))-1)+IF('Standard Profiles'!$G$18=$B$10,7,0)+IF('Standard Profiles'!$G$18=$B$17,14,0)+IF('Standard Profiles'!$G$18=$B$24,21,0),0)),0)</f>
        <v>24.57707423340204</v>
      </c>
      <c r="E4962" cm="1">
        <f t="array" ref="E4962">IFERROR(INDEX(Jesper!AI$2:AI$366,ROUNDDOWN($C4962/24,0)+1,1)*INDEX($D$3:$AA$30,INDEX(Jesper!$R$2:$R$366,ROW(INDEX(Jesper!AI$2:AI$366,ROUNDDOWN($C4962/24,0)+1,1))-1)+IF('Standard Profiles'!$G$19=$B$10,7,0)+IF('Standard Profiles'!$G$19=$B$17,14,0)+IF('Standard Profiles'!$G$19=$B$24,21,0),MOD($C4962,24)+1)/SUM(INDEX($D$3:$AA$30,INDEX(Jesper!$R$2:$R$366,ROW(INDEX(Jesper!AI$2:AI$366,ROUNDDOWN($C4962/24,0)+1,1))-1)+IF('Standard Profiles'!$G$19=$B$10,7,0)+IF('Standard Profiles'!$G$19=$B$17,14,0)+IF('Standard Profiles'!$G$19=$B$24,21,0),0)),0)</f>
        <v>10.403343427842001</v>
      </c>
      <c r="F4962" cm="1">
        <f t="array" ref="F4962">IFERROR(INDEX(Jesper!AJ$2:AJ$366,ROUNDDOWN($C4962/24,0)+1,1)*INDEX($D$3:$AA$30,INDEX(Jesper!$R$2:$R$366,ROW(INDEX(Jesper!AJ$2:AJ$366,ROUNDDOWN($C4962/24,0)+1,1))-1)+IF('Standard Profiles'!$G$20=$B$10,7,0)+IF('Standard Profiles'!$G$20=$B$17,14,0)+IF('Standard Profiles'!$G$20=$B$24,21,0),MOD($C4962,24)+1)/SUM(INDEX($D$3:$AA$30,INDEX(Jesper!$R$2:$R$366,ROW(INDEX(Jesper!AJ$2:AJ$366,ROUNDDOWN($C4962/24,0)+1,1))-1)+IF('Standard Profiles'!$G$20=$B$10,7,0)+IF('Standard Profiles'!$G$20=$B$17,14,0)+IF('Standard Profiles'!$G$20=$B$24,21,0),0)),0)</f>
        <v>0</v>
      </c>
      <c r="G4962" cm="1">
        <f t="array" ref="G4962">IFERROR(INDEX(Jesper!AK$2:AK$366,ROUNDDOWN($C4962/24,0)+1,1)*INDEX($D$3:$AA$30,INDEX(Jesper!$R$2:$R$366,ROW(INDEX(Jesper!AK$2:AK$366,ROUNDDOWN($C4962/24,0)+1,1))-1)+IF('Standard Profiles'!$G$21=$B$10,7,0)+IF('Standard Profiles'!$G$21=$B$17,14,0)+IF('Standard Profiles'!$G$21=$B$24,21,0),MOD($C4962,24)+1)/SUM(INDEX($D$3:$AA$30,INDEX(Jesper!$R$2:$R$366,ROW(INDEX(Jesper!AK$2:AK$366,ROUNDDOWN($C4962/24,0)+1,1))-1)+IF('Standard Profiles'!$G$21=$B$10,7,0)+IF('Standard Profiles'!$G$21=$B$17,14,0)+IF('Standard Profiles'!$G$21=$B$24,21,0),0)),0)</f>
        <v>0.66182390925194834</v>
      </c>
      <c r="H4962" cm="1">
        <f t="array" ref="H4962">IFERROR(INDEX(Jesper!AL$2:AL$366,ROUNDDOWN($C4962/24,0)+1,1)*INDEX($D$3:$AA$30,INDEX(Jesper!$R$2:$R$366,ROW(INDEX(Jesper!AL$2:AL$366,ROUNDDOWN($C4962/24,0)+1,1))-1)+IF('Standard Profiles'!$G$22=$B$10,7,0)+IF('Standard Profiles'!$G$22=$B$17,14,0)+IF('Standard Profiles'!$G$22=$B$24,21,0),MOD($C4962,24)+1)/SUM(INDEX($D$3:$AA$30,INDEX(Jesper!$R$2:$R$366,ROW(INDEX(Jesper!AL$2:AL$366,ROUNDDOWN($C4962/24,0)+1,1))-1)+IF('Standard Profiles'!$G$22=$B$10,7,0)+IF('Standard Profiles'!$G$22=$B$17,14,0)+IF('Standard Profiles'!$G$22=$B$24,21,0),0)),0)</f>
        <v>0</v>
      </c>
      <c r="I4962">
        <f t="shared" si="552"/>
        <v>0.31767547644093502</v>
      </c>
      <c r="J4962">
        <f t="shared" si="553"/>
        <v>31.39223421671073</v>
      </c>
      <c r="K4962">
        <f t="shared" si="554"/>
        <v>2.6215545848962178</v>
      </c>
      <c r="L4962">
        <f t="shared" si="555"/>
        <v>1.3107772924481089</v>
      </c>
      <c r="M4962">
        <f t="shared" si="556"/>
        <v>0</v>
      </c>
      <c r="N4962" s="45">
        <f t="shared" si="557"/>
        <v>45132.333333321381</v>
      </c>
    </row>
    <row r="4963" spans="2:14" x14ac:dyDescent="0.25">
      <c r="B4963">
        <f t="shared" ref="B4963:B5026" si="558">WEEKDAY(N4963,2)</f>
        <v>2</v>
      </c>
      <c r="C4963" s="16">
        <v>4929</v>
      </c>
      <c r="D4963" cm="1">
        <f t="array" ref="D4963">IFERROR(INDEX(Jesper!AH$2:AH$366,ROUNDDOWN($C4963/24,0)+1,1)*INDEX($D$3:$AA$30,INDEX(Jesper!$R$2:$R$366,ROW(INDEX(Jesper!AH$2:AH$366,ROUNDDOWN($C4963/24,0)+1,1))-1)+IF('Standard Profiles'!$G$18=$B$10,7,0)+IF('Standard Profiles'!$G$18=$B$17,14,0)+IF('Standard Profiles'!$G$18=$B$24,21,0),MOD($C4963,24)+1)/SUM(INDEX($D$3:$AA$30,INDEX(Jesper!$R$2:$R$366,ROW(INDEX(Jesper!AH$2:AH$366,ROUNDDOWN($C4963/24,0)+1,1))-1)+IF('Standard Profiles'!$G$18=$B$10,7,0)+IF('Standard Profiles'!$G$18=$B$17,14,0)+IF('Standard Profiles'!$G$18=$B$24,21,0),0)),0)</f>
        <v>27.127525333094709</v>
      </c>
      <c r="E4963" cm="1">
        <f t="array" ref="E4963">IFERROR(INDEX(Jesper!AI$2:AI$366,ROUNDDOWN($C4963/24,0)+1,1)*INDEX($D$3:$AA$30,INDEX(Jesper!$R$2:$R$366,ROW(INDEX(Jesper!AI$2:AI$366,ROUNDDOWN($C4963/24,0)+1,1))-1)+IF('Standard Profiles'!$G$19=$B$10,7,0)+IF('Standard Profiles'!$G$19=$B$17,14,0)+IF('Standard Profiles'!$G$19=$B$24,21,0),MOD($C4963,24)+1)/SUM(INDEX($D$3:$AA$30,INDEX(Jesper!$R$2:$R$366,ROW(INDEX(Jesper!AI$2:AI$366,ROUNDDOWN($C4963/24,0)+1,1))-1)+IF('Standard Profiles'!$G$19=$B$10,7,0)+IF('Standard Profiles'!$G$19=$B$17,14,0)+IF('Standard Profiles'!$G$19=$B$24,21,0),0)),0)</f>
        <v>11.482935670353909</v>
      </c>
      <c r="F4963" cm="1">
        <f t="array" ref="F4963">IFERROR(INDEX(Jesper!AJ$2:AJ$366,ROUNDDOWN($C4963/24,0)+1,1)*INDEX($D$3:$AA$30,INDEX(Jesper!$R$2:$R$366,ROW(INDEX(Jesper!AJ$2:AJ$366,ROUNDDOWN($C4963/24,0)+1,1))-1)+IF('Standard Profiles'!$G$20=$B$10,7,0)+IF('Standard Profiles'!$G$20=$B$17,14,0)+IF('Standard Profiles'!$G$20=$B$24,21,0),MOD($C4963,24)+1)/SUM(INDEX($D$3:$AA$30,INDEX(Jesper!$R$2:$R$366,ROW(INDEX(Jesper!AJ$2:AJ$366,ROUNDDOWN($C4963/24,0)+1,1))-1)+IF('Standard Profiles'!$G$20=$B$10,7,0)+IF('Standard Profiles'!$G$20=$B$17,14,0)+IF('Standard Profiles'!$G$20=$B$24,21,0),0)),0)</f>
        <v>0</v>
      </c>
      <c r="G4963" cm="1">
        <f t="array" ref="G4963">IFERROR(INDEX(Jesper!AK$2:AK$366,ROUNDDOWN($C4963/24,0)+1,1)*INDEX($D$3:$AA$30,INDEX(Jesper!$R$2:$R$366,ROW(INDEX(Jesper!AK$2:AK$366,ROUNDDOWN($C4963/24,0)+1,1))-1)+IF('Standard Profiles'!$G$21=$B$10,7,0)+IF('Standard Profiles'!$G$21=$B$17,14,0)+IF('Standard Profiles'!$G$21=$B$24,21,0),MOD($C4963,24)+1)/SUM(INDEX($D$3:$AA$30,INDEX(Jesper!$R$2:$R$366,ROW(INDEX(Jesper!AK$2:AK$366,ROUNDDOWN($C4963/24,0)+1,1))-1)+IF('Standard Profiles'!$G$21=$B$10,7,0)+IF('Standard Profiles'!$G$21=$B$17,14,0)+IF('Standard Profiles'!$G$21=$B$24,21,0),0)),0)</f>
        <v>0.73050374889130143</v>
      </c>
      <c r="H4963" cm="1">
        <f t="array" ref="H4963">IFERROR(INDEX(Jesper!AL$2:AL$366,ROUNDDOWN($C4963/24,0)+1,1)*INDEX($D$3:$AA$30,INDEX(Jesper!$R$2:$R$366,ROW(INDEX(Jesper!AL$2:AL$366,ROUNDDOWN($C4963/24,0)+1,1))-1)+IF('Standard Profiles'!$G$22=$B$10,7,0)+IF('Standard Profiles'!$G$22=$B$17,14,0)+IF('Standard Profiles'!$G$22=$B$24,21,0),MOD($C4963,24)+1)/SUM(INDEX($D$3:$AA$30,INDEX(Jesper!$R$2:$R$366,ROW(INDEX(Jesper!AL$2:AL$366,ROUNDDOWN($C4963/24,0)+1,1))-1)+IF('Standard Profiles'!$G$22=$B$10,7,0)+IF('Standard Profiles'!$G$22=$B$17,14,0)+IF('Standard Profiles'!$G$22=$B$24,21,0),0)),0)</f>
        <v>0</v>
      </c>
      <c r="I4963">
        <f t="shared" ref="I4963:I5026" si="559">IF($B4963&lt;6,AC$37*$D4963+AC$38*$E4963+AC$39*$F4963+AC$40*$G4963,AC$46*$D4963+AC$47*$E4963+AC$48*$F4963+AC$49*$G4963+AC$50*$H4963)</f>
        <v>0.35064179946782453</v>
      </c>
      <c r="J4963">
        <f t="shared" ref="J4963:J5026" si="560">IF($B4963&lt;6,AD$37*$D4963+AD$38*$E4963+AD$39*$F4963+AD$40*$G4963,AD$46*$D4963+AD$47*$E4963+AD$48*$F4963+AD$49*$G4963+AD$50*$H4963)</f>
        <v>34.649918899576946</v>
      </c>
      <c r="K4963">
        <f t="shared" ref="K4963:K5026" si="561">IF($B4963&lt;6,AE$37*$D4963+AE$38*$E4963+AE$39*$F4963+AE$40*$G4963,AE$46*$D4963+AE$47*$E4963+AE$48*$F4963+AE$49*$G4963+AE$50*$H4963)</f>
        <v>2.8936027021967692</v>
      </c>
      <c r="L4963">
        <f t="shared" ref="L4963:L5026" si="562">IF($B4963&lt;6,AF$37*$D4963+AF$38*$E4963+AF$39*$F4963+AF$40*$G4963,AF$46*$D4963+AF$47*$E4963+AF$48*$F4963+AF$49*$G4963+AF$50*$H4963)</f>
        <v>1.4468013510983846</v>
      </c>
      <c r="M4963">
        <f t="shared" ref="M4963:M5026" si="563">IF($B4963&lt;6,AG$37*$D4963+AG$38*$E4963+AG$39*$F4963+AG$40*$G4963,AG$46*$D4963+AG$47*$E4963+AG$48*$F4963+AG$49*$G4963+AG$50*$H4963)</f>
        <v>0</v>
      </c>
      <c r="N4963" s="45">
        <f t="shared" si="557"/>
        <v>45132.374999988046</v>
      </c>
    </row>
    <row r="4964" spans="2:14" x14ac:dyDescent="0.25">
      <c r="B4964">
        <f t="shared" si="558"/>
        <v>2</v>
      </c>
      <c r="C4964" s="16">
        <v>4930</v>
      </c>
      <c r="D4964" cm="1">
        <f t="array" ref="D4964">IFERROR(INDEX(Jesper!AH$2:AH$366,ROUNDDOWN($C4964/24,0)+1,1)*INDEX($D$3:$AA$30,INDEX(Jesper!$R$2:$R$366,ROW(INDEX(Jesper!AH$2:AH$366,ROUNDDOWN($C4964/24,0)+1,1))-1)+IF('Standard Profiles'!$G$18=$B$10,7,0)+IF('Standard Profiles'!$G$18=$B$17,14,0)+IF('Standard Profiles'!$G$18=$B$24,21,0),MOD($C4964,24)+1)/SUM(INDEX($D$3:$AA$30,INDEX(Jesper!$R$2:$R$366,ROW(INDEX(Jesper!AH$2:AH$366,ROUNDDOWN($C4964/24,0)+1,1))-1)+IF('Standard Profiles'!$G$18=$B$10,7,0)+IF('Standard Profiles'!$G$18=$B$17,14,0)+IF('Standard Profiles'!$G$18=$B$24,21,0),0)),0)</f>
        <v>27.127525333094709</v>
      </c>
      <c r="E4964" cm="1">
        <f t="array" ref="E4964">IFERROR(INDEX(Jesper!AI$2:AI$366,ROUNDDOWN($C4964/24,0)+1,1)*INDEX($D$3:$AA$30,INDEX(Jesper!$R$2:$R$366,ROW(INDEX(Jesper!AI$2:AI$366,ROUNDDOWN($C4964/24,0)+1,1))-1)+IF('Standard Profiles'!$G$19=$B$10,7,0)+IF('Standard Profiles'!$G$19=$B$17,14,0)+IF('Standard Profiles'!$G$19=$B$24,21,0),MOD($C4964,24)+1)/SUM(INDEX($D$3:$AA$30,INDEX(Jesper!$R$2:$R$366,ROW(INDEX(Jesper!AI$2:AI$366,ROUNDDOWN($C4964/24,0)+1,1))-1)+IF('Standard Profiles'!$G$19=$B$10,7,0)+IF('Standard Profiles'!$G$19=$B$17,14,0)+IF('Standard Profiles'!$G$19=$B$24,21,0),0)),0)</f>
        <v>11.482935670353909</v>
      </c>
      <c r="F4964" cm="1">
        <f t="array" ref="F4964">IFERROR(INDEX(Jesper!AJ$2:AJ$366,ROUNDDOWN($C4964/24,0)+1,1)*INDEX($D$3:$AA$30,INDEX(Jesper!$R$2:$R$366,ROW(INDEX(Jesper!AJ$2:AJ$366,ROUNDDOWN($C4964/24,0)+1,1))-1)+IF('Standard Profiles'!$G$20=$B$10,7,0)+IF('Standard Profiles'!$G$20=$B$17,14,0)+IF('Standard Profiles'!$G$20=$B$24,21,0),MOD($C4964,24)+1)/SUM(INDEX($D$3:$AA$30,INDEX(Jesper!$R$2:$R$366,ROW(INDEX(Jesper!AJ$2:AJ$366,ROUNDDOWN($C4964/24,0)+1,1))-1)+IF('Standard Profiles'!$G$20=$B$10,7,0)+IF('Standard Profiles'!$G$20=$B$17,14,0)+IF('Standard Profiles'!$G$20=$B$24,21,0),0)),0)</f>
        <v>0</v>
      </c>
      <c r="G4964" cm="1">
        <f t="array" ref="G4964">IFERROR(INDEX(Jesper!AK$2:AK$366,ROUNDDOWN($C4964/24,0)+1,1)*INDEX($D$3:$AA$30,INDEX(Jesper!$R$2:$R$366,ROW(INDEX(Jesper!AK$2:AK$366,ROUNDDOWN($C4964/24,0)+1,1))-1)+IF('Standard Profiles'!$G$21=$B$10,7,0)+IF('Standard Profiles'!$G$21=$B$17,14,0)+IF('Standard Profiles'!$G$21=$B$24,21,0),MOD($C4964,24)+1)/SUM(INDEX($D$3:$AA$30,INDEX(Jesper!$R$2:$R$366,ROW(INDEX(Jesper!AK$2:AK$366,ROUNDDOWN($C4964/24,0)+1,1))-1)+IF('Standard Profiles'!$G$21=$B$10,7,0)+IF('Standard Profiles'!$G$21=$B$17,14,0)+IF('Standard Profiles'!$G$21=$B$24,21,0),0)),0)</f>
        <v>0.73050374889130143</v>
      </c>
      <c r="H4964" cm="1">
        <f t="array" ref="H4964">IFERROR(INDEX(Jesper!AL$2:AL$366,ROUNDDOWN($C4964/24,0)+1,1)*INDEX($D$3:$AA$30,INDEX(Jesper!$R$2:$R$366,ROW(INDEX(Jesper!AL$2:AL$366,ROUNDDOWN($C4964/24,0)+1,1))-1)+IF('Standard Profiles'!$G$22=$B$10,7,0)+IF('Standard Profiles'!$G$22=$B$17,14,0)+IF('Standard Profiles'!$G$22=$B$24,21,0),MOD($C4964,24)+1)/SUM(INDEX($D$3:$AA$30,INDEX(Jesper!$R$2:$R$366,ROW(INDEX(Jesper!AL$2:AL$366,ROUNDDOWN($C4964/24,0)+1,1))-1)+IF('Standard Profiles'!$G$22=$B$10,7,0)+IF('Standard Profiles'!$G$22=$B$17,14,0)+IF('Standard Profiles'!$G$22=$B$24,21,0),0)),0)</f>
        <v>0</v>
      </c>
      <c r="I4964">
        <f t="shared" si="559"/>
        <v>0.35064179946782453</v>
      </c>
      <c r="J4964">
        <f t="shared" si="560"/>
        <v>34.649918899576946</v>
      </c>
      <c r="K4964">
        <f t="shared" si="561"/>
        <v>2.8936027021967692</v>
      </c>
      <c r="L4964">
        <f t="shared" si="562"/>
        <v>1.4468013510983846</v>
      </c>
      <c r="M4964">
        <f t="shared" si="563"/>
        <v>0</v>
      </c>
      <c r="N4964" s="45">
        <f t="shared" ref="N4964:N5027" si="564">N4963+1/24</f>
        <v>45132.41666665471</v>
      </c>
    </row>
    <row r="4965" spans="2:14" x14ac:dyDescent="0.25">
      <c r="B4965">
        <f t="shared" si="558"/>
        <v>2</v>
      </c>
      <c r="C4965" s="16">
        <v>4931</v>
      </c>
      <c r="D4965" cm="1">
        <f t="array" ref="D4965">IFERROR(INDEX(Jesper!AH$2:AH$366,ROUNDDOWN($C4965/24,0)+1,1)*INDEX($D$3:$AA$30,INDEX(Jesper!$R$2:$R$366,ROW(INDEX(Jesper!AH$2:AH$366,ROUNDDOWN($C4965/24,0)+1,1))-1)+IF('Standard Profiles'!$G$18=$B$10,7,0)+IF('Standard Profiles'!$G$18=$B$17,14,0)+IF('Standard Profiles'!$G$18=$B$24,21,0),MOD($C4965,24)+1)/SUM(INDEX($D$3:$AA$30,INDEX(Jesper!$R$2:$R$366,ROW(INDEX(Jesper!AH$2:AH$366,ROUNDDOWN($C4965/24,0)+1,1))-1)+IF('Standard Profiles'!$G$18=$B$10,7,0)+IF('Standard Profiles'!$G$18=$B$17,14,0)+IF('Standard Profiles'!$G$18=$B$24,21,0),0)),0)</f>
        <v>32.460286723361186</v>
      </c>
      <c r="E4965" cm="1">
        <f t="array" ref="E4965">IFERROR(INDEX(Jesper!AI$2:AI$366,ROUNDDOWN($C4965/24,0)+1,1)*INDEX($D$3:$AA$30,INDEX(Jesper!$R$2:$R$366,ROW(INDEX(Jesper!AI$2:AI$366,ROUNDDOWN($C4965/24,0)+1,1))-1)+IF('Standard Profiles'!$G$19=$B$10,7,0)+IF('Standard Profiles'!$G$19=$B$17,14,0)+IF('Standard Profiles'!$G$19=$B$24,21,0),MOD($C4965,24)+1)/SUM(INDEX($D$3:$AA$30,INDEX(Jesper!$R$2:$R$366,ROW(INDEX(Jesper!AI$2:AI$366,ROUNDDOWN($C4965/24,0)+1,1))-1)+IF('Standard Profiles'!$G$19=$B$10,7,0)+IF('Standard Profiles'!$G$19=$B$17,14,0)+IF('Standard Profiles'!$G$19=$B$24,21,0),0)),0)</f>
        <v>13.740264904696982</v>
      </c>
      <c r="F4965" cm="1">
        <f t="array" ref="F4965">IFERROR(INDEX(Jesper!AJ$2:AJ$366,ROUNDDOWN($C4965/24,0)+1,1)*INDEX($D$3:$AA$30,INDEX(Jesper!$R$2:$R$366,ROW(INDEX(Jesper!AJ$2:AJ$366,ROUNDDOWN($C4965/24,0)+1,1))-1)+IF('Standard Profiles'!$G$20=$B$10,7,0)+IF('Standard Profiles'!$G$20=$B$17,14,0)+IF('Standard Profiles'!$G$20=$B$24,21,0),MOD($C4965,24)+1)/SUM(INDEX($D$3:$AA$30,INDEX(Jesper!$R$2:$R$366,ROW(INDEX(Jesper!AJ$2:AJ$366,ROUNDDOWN($C4965/24,0)+1,1))-1)+IF('Standard Profiles'!$G$20=$B$10,7,0)+IF('Standard Profiles'!$G$20=$B$17,14,0)+IF('Standard Profiles'!$G$20=$B$24,21,0),0)),0)</f>
        <v>0</v>
      </c>
      <c r="G4965" cm="1">
        <f t="array" ref="G4965">IFERROR(INDEX(Jesper!AK$2:AK$366,ROUNDDOWN($C4965/24,0)+1,1)*INDEX($D$3:$AA$30,INDEX(Jesper!$R$2:$R$366,ROW(INDEX(Jesper!AK$2:AK$366,ROUNDDOWN($C4965/24,0)+1,1))-1)+IF('Standard Profiles'!$G$21=$B$10,7,0)+IF('Standard Profiles'!$G$21=$B$17,14,0)+IF('Standard Profiles'!$G$21=$B$24,21,0),MOD($C4965,24)+1)/SUM(INDEX($D$3:$AA$30,INDEX(Jesper!$R$2:$R$366,ROW(INDEX(Jesper!AK$2:AK$366,ROUNDDOWN($C4965/24,0)+1,1))-1)+IF('Standard Profiles'!$G$21=$B$10,7,0)+IF('Standard Profiles'!$G$21=$B$17,14,0)+IF('Standard Profiles'!$G$21=$B$24,21,0),0)),0)</f>
        <v>0.87410704995540356</v>
      </c>
      <c r="H4965" cm="1">
        <f t="array" ref="H4965">IFERROR(INDEX(Jesper!AL$2:AL$366,ROUNDDOWN($C4965/24,0)+1,1)*INDEX($D$3:$AA$30,INDEX(Jesper!$R$2:$R$366,ROW(INDEX(Jesper!AL$2:AL$366,ROUNDDOWN($C4965/24,0)+1,1))-1)+IF('Standard Profiles'!$G$22=$B$10,7,0)+IF('Standard Profiles'!$G$22=$B$17,14,0)+IF('Standard Profiles'!$G$22=$B$24,21,0),MOD($C4965,24)+1)/SUM(INDEX($D$3:$AA$30,INDEX(Jesper!$R$2:$R$366,ROW(INDEX(Jesper!AL$2:AL$366,ROUNDDOWN($C4965/24,0)+1,1))-1)+IF('Standard Profiles'!$G$22=$B$10,7,0)+IF('Standard Profiles'!$G$22=$B$17,14,0)+IF('Standard Profiles'!$G$22=$B$24,21,0),0)),0)</f>
        <v>0</v>
      </c>
      <c r="I4965">
        <f t="shared" si="559"/>
        <v>0.4195713839785935</v>
      </c>
      <c r="J4965">
        <f t="shared" si="560"/>
        <v>41.461441418297191</v>
      </c>
      <c r="K4965">
        <f t="shared" si="561"/>
        <v>3.4624305838251934</v>
      </c>
      <c r="L4965">
        <f t="shared" si="562"/>
        <v>1.7312152919125967</v>
      </c>
      <c r="M4965">
        <f t="shared" si="563"/>
        <v>0</v>
      </c>
      <c r="N4965" s="45">
        <f t="shared" si="564"/>
        <v>45132.458333321374</v>
      </c>
    </row>
    <row r="4966" spans="2:14" x14ac:dyDescent="0.25">
      <c r="B4966">
        <f t="shared" si="558"/>
        <v>2</v>
      </c>
      <c r="C4966" s="16">
        <v>4932</v>
      </c>
      <c r="D4966" cm="1">
        <f t="array" ref="D4966">IFERROR(INDEX(Jesper!AH$2:AH$366,ROUNDDOWN($C4966/24,0)+1,1)*INDEX($D$3:$AA$30,INDEX(Jesper!$R$2:$R$366,ROW(INDEX(Jesper!AH$2:AH$366,ROUNDDOWN($C4966/24,0)+1,1))-1)+IF('Standard Profiles'!$G$18=$B$10,7,0)+IF('Standard Profiles'!$G$18=$B$17,14,0)+IF('Standard Profiles'!$G$18=$B$24,21,0),MOD($C4966,24)+1)/SUM(INDEX($D$3:$AA$30,INDEX(Jesper!$R$2:$R$366,ROW(INDEX(Jesper!AH$2:AH$366,ROUNDDOWN($C4966/24,0)+1,1))-1)+IF('Standard Profiles'!$G$18=$B$10,7,0)+IF('Standard Profiles'!$G$18=$B$17,14,0)+IF('Standard Profiles'!$G$18=$B$24,21,0),0)),0)</f>
        <v>32.460286723361186</v>
      </c>
      <c r="E4966" cm="1">
        <f t="array" ref="E4966">IFERROR(INDEX(Jesper!AI$2:AI$366,ROUNDDOWN($C4966/24,0)+1,1)*INDEX($D$3:$AA$30,INDEX(Jesper!$R$2:$R$366,ROW(INDEX(Jesper!AI$2:AI$366,ROUNDDOWN($C4966/24,0)+1,1))-1)+IF('Standard Profiles'!$G$19=$B$10,7,0)+IF('Standard Profiles'!$G$19=$B$17,14,0)+IF('Standard Profiles'!$G$19=$B$24,21,0),MOD($C4966,24)+1)/SUM(INDEX($D$3:$AA$30,INDEX(Jesper!$R$2:$R$366,ROW(INDEX(Jesper!AI$2:AI$366,ROUNDDOWN($C4966/24,0)+1,1))-1)+IF('Standard Profiles'!$G$19=$B$10,7,0)+IF('Standard Profiles'!$G$19=$B$17,14,0)+IF('Standard Profiles'!$G$19=$B$24,21,0),0)),0)</f>
        <v>13.740264904696982</v>
      </c>
      <c r="F4966" cm="1">
        <f t="array" ref="F4966">IFERROR(INDEX(Jesper!AJ$2:AJ$366,ROUNDDOWN($C4966/24,0)+1,1)*INDEX($D$3:$AA$30,INDEX(Jesper!$R$2:$R$366,ROW(INDEX(Jesper!AJ$2:AJ$366,ROUNDDOWN($C4966/24,0)+1,1))-1)+IF('Standard Profiles'!$G$20=$B$10,7,0)+IF('Standard Profiles'!$G$20=$B$17,14,0)+IF('Standard Profiles'!$G$20=$B$24,21,0),MOD($C4966,24)+1)/SUM(INDEX($D$3:$AA$30,INDEX(Jesper!$R$2:$R$366,ROW(INDEX(Jesper!AJ$2:AJ$366,ROUNDDOWN($C4966/24,0)+1,1))-1)+IF('Standard Profiles'!$G$20=$B$10,7,0)+IF('Standard Profiles'!$G$20=$B$17,14,0)+IF('Standard Profiles'!$G$20=$B$24,21,0),0)),0)</f>
        <v>0</v>
      </c>
      <c r="G4966" cm="1">
        <f t="array" ref="G4966">IFERROR(INDEX(Jesper!AK$2:AK$366,ROUNDDOWN($C4966/24,0)+1,1)*INDEX($D$3:$AA$30,INDEX(Jesper!$R$2:$R$366,ROW(INDEX(Jesper!AK$2:AK$366,ROUNDDOWN($C4966/24,0)+1,1))-1)+IF('Standard Profiles'!$G$21=$B$10,7,0)+IF('Standard Profiles'!$G$21=$B$17,14,0)+IF('Standard Profiles'!$G$21=$B$24,21,0),MOD($C4966,24)+1)/SUM(INDEX($D$3:$AA$30,INDEX(Jesper!$R$2:$R$366,ROW(INDEX(Jesper!AK$2:AK$366,ROUNDDOWN($C4966/24,0)+1,1))-1)+IF('Standard Profiles'!$G$21=$B$10,7,0)+IF('Standard Profiles'!$G$21=$B$17,14,0)+IF('Standard Profiles'!$G$21=$B$24,21,0),0)),0)</f>
        <v>0.87410704995540356</v>
      </c>
      <c r="H4966" cm="1">
        <f t="array" ref="H4966">IFERROR(INDEX(Jesper!AL$2:AL$366,ROUNDDOWN($C4966/24,0)+1,1)*INDEX($D$3:$AA$30,INDEX(Jesper!$R$2:$R$366,ROW(INDEX(Jesper!AL$2:AL$366,ROUNDDOWN($C4966/24,0)+1,1))-1)+IF('Standard Profiles'!$G$22=$B$10,7,0)+IF('Standard Profiles'!$G$22=$B$17,14,0)+IF('Standard Profiles'!$G$22=$B$24,21,0),MOD($C4966,24)+1)/SUM(INDEX($D$3:$AA$30,INDEX(Jesper!$R$2:$R$366,ROW(INDEX(Jesper!AL$2:AL$366,ROUNDDOWN($C4966/24,0)+1,1))-1)+IF('Standard Profiles'!$G$22=$B$10,7,0)+IF('Standard Profiles'!$G$22=$B$17,14,0)+IF('Standard Profiles'!$G$22=$B$24,21,0),0)),0)</f>
        <v>0</v>
      </c>
      <c r="I4966">
        <f t="shared" si="559"/>
        <v>0.4195713839785935</v>
      </c>
      <c r="J4966">
        <f t="shared" si="560"/>
        <v>41.461441418297191</v>
      </c>
      <c r="K4966">
        <f t="shared" si="561"/>
        <v>3.4624305838251934</v>
      </c>
      <c r="L4966">
        <f t="shared" si="562"/>
        <v>1.7312152919125967</v>
      </c>
      <c r="M4966">
        <f t="shared" si="563"/>
        <v>0</v>
      </c>
      <c r="N4966" s="45">
        <f t="shared" si="564"/>
        <v>45132.499999988038</v>
      </c>
    </row>
    <row r="4967" spans="2:14" x14ac:dyDescent="0.25">
      <c r="B4967">
        <f t="shared" si="558"/>
        <v>2</v>
      </c>
      <c r="C4967" s="16">
        <v>4933</v>
      </c>
      <c r="D4967" cm="1">
        <f t="array" ref="D4967">IFERROR(INDEX(Jesper!AH$2:AH$366,ROUNDDOWN($C4967/24,0)+1,1)*INDEX($D$3:$AA$30,INDEX(Jesper!$R$2:$R$366,ROW(INDEX(Jesper!AH$2:AH$366,ROUNDDOWN($C4967/24,0)+1,1))-1)+IF('Standard Profiles'!$G$18=$B$10,7,0)+IF('Standard Profiles'!$G$18=$B$17,14,0)+IF('Standard Profiles'!$G$18=$B$24,21,0),MOD($C4967,24)+1)/SUM(INDEX($D$3:$AA$30,INDEX(Jesper!$R$2:$R$366,ROW(INDEX(Jesper!AH$2:AH$366,ROUNDDOWN($C4967/24,0)+1,1))-1)+IF('Standard Profiles'!$G$18=$B$10,7,0)+IF('Standard Profiles'!$G$18=$B$17,14,0)+IF('Standard Profiles'!$G$18=$B$24,21,0),0)),0)</f>
        <v>21.562904751947073</v>
      </c>
      <c r="E4967" cm="1">
        <f t="array" ref="E4967">IFERROR(INDEX(Jesper!AI$2:AI$366,ROUNDDOWN($C4967/24,0)+1,1)*INDEX($D$3:$AA$30,INDEX(Jesper!$R$2:$R$366,ROW(INDEX(Jesper!AI$2:AI$366,ROUNDDOWN($C4967/24,0)+1,1))-1)+IF('Standard Profiles'!$G$19=$B$10,7,0)+IF('Standard Profiles'!$G$19=$B$17,14,0)+IF('Standard Profiles'!$G$19=$B$24,21,0),MOD($C4967,24)+1)/SUM(INDEX($D$3:$AA$30,INDEX(Jesper!$R$2:$R$366,ROW(INDEX(Jesper!AI$2:AI$366,ROUNDDOWN($C4967/24,0)+1,1))-1)+IF('Standard Profiles'!$G$19=$B$10,7,0)+IF('Standard Profiles'!$G$19=$B$17,14,0)+IF('Standard Profiles'!$G$19=$B$24,21,0),0)),0)</f>
        <v>9.1274616866915679</v>
      </c>
      <c r="F4967" cm="1">
        <f t="array" ref="F4967">IFERROR(INDEX(Jesper!AJ$2:AJ$366,ROUNDDOWN($C4967/24,0)+1,1)*INDEX($D$3:$AA$30,INDEX(Jesper!$R$2:$R$366,ROW(INDEX(Jesper!AJ$2:AJ$366,ROUNDDOWN($C4967/24,0)+1,1))-1)+IF('Standard Profiles'!$G$20=$B$10,7,0)+IF('Standard Profiles'!$G$20=$B$17,14,0)+IF('Standard Profiles'!$G$20=$B$24,21,0),MOD($C4967,24)+1)/SUM(INDEX($D$3:$AA$30,INDEX(Jesper!$R$2:$R$366,ROW(INDEX(Jesper!AJ$2:AJ$366,ROUNDDOWN($C4967/24,0)+1,1))-1)+IF('Standard Profiles'!$G$20=$B$10,7,0)+IF('Standard Profiles'!$G$20=$B$17,14,0)+IF('Standard Profiles'!$G$20=$B$24,21,0),0)),0)</f>
        <v>0</v>
      </c>
      <c r="G4967" cm="1">
        <f t="array" ref="G4967">IFERROR(INDEX(Jesper!AK$2:AK$366,ROUNDDOWN($C4967/24,0)+1,1)*INDEX($D$3:$AA$30,INDEX(Jesper!$R$2:$R$366,ROW(INDEX(Jesper!AK$2:AK$366,ROUNDDOWN($C4967/24,0)+1,1))-1)+IF('Standard Profiles'!$G$21=$B$10,7,0)+IF('Standard Profiles'!$G$21=$B$17,14,0)+IF('Standard Profiles'!$G$21=$B$24,21,0),MOD($C4967,24)+1)/SUM(INDEX($D$3:$AA$30,INDEX(Jesper!$R$2:$R$366,ROW(INDEX(Jesper!AK$2:AK$366,ROUNDDOWN($C4967/24,0)+1,1))-1)+IF('Standard Profiles'!$G$21=$B$10,7,0)+IF('Standard Profiles'!$G$21=$B$17,14,0)+IF('Standard Profiles'!$G$21=$B$24,21,0),0)),0)</f>
        <v>0.58065682604180369</v>
      </c>
      <c r="H4967" cm="1">
        <f t="array" ref="H4967">IFERROR(INDEX(Jesper!AL$2:AL$366,ROUNDDOWN($C4967/24,0)+1,1)*INDEX($D$3:$AA$30,INDEX(Jesper!$R$2:$R$366,ROW(INDEX(Jesper!AL$2:AL$366,ROUNDDOWN($C4967/24,0)+1,1))-1)+IF('Standard Profiles'!$G$22=$B$10,7,0)+IF('Standard Profiles'!$G$22=$B$17,14,0)+IF('Standard Profiles'!$G$22=$B$24,21,0),MOD($C4967,24)+1)/SUM(INDEX($D$3:$AA$30,INDEX(Jesper!$R$2:$R$366,ROW(INDEX(Jesper!AL$2:AL$366,ROUNDDOWN($C4967/24,0)+1,1))-1)+IF('Standard Profiles'!$G$22=$B$10,7,0)+IF('Standard Profiles'!$G$22=$B$17,14,0)+IF('Standard Profiles'!$G$22=$B$24,21,0),0)),0)</f>
        <v>0</v>
      </c>
      <c r="I4967">
        <f t="shared" si="559"/>
        <v>0.27871527650006561</v>
      </c>
      <c r="J4967">
        <f t="shared" si="560"/>
        <v>27.542243227868845</v>
      </c>
      <c r="K4967">
        <f t="shared" si="561"/>
        <v>2.3000431735410212</v>
      </c>
      <c r="L4967">
        <f t="shared" si="562"/>
        <v>1.1500215867705106</v>
      </c>
      <c r="M4967">
        <f t="shared" si="563"/>
        <v>0</v>
      </c>
      <c r="N4967" s="45">
        <f t="shared" si="564"/>
        <v>45132.541666654703</v>
      </c>
    </row>
    <row r="4968" spans="2:14" x14ac:dyDescent="0.25">
      <c r="B4968">
        <f t="shared" si="558"/>
        <v>2</v>
      </c>
      <c r="C4968" s="16">
        <v>4934</v>
      </c>
      <c r="D4968" cm="1">
        <f t="array" ref="D4968">IFERROR(INDEX(Jesper!AH$2:AH$366,ROUNDDOWN($C4968/24,0)+1,1)*INDEX($D$3:$AA$30,INDEX(Jesper!$R$2:$R$366,ROW(INDEX(Jesper!AH$2:AH$366,ROUNDDOWN($C4968/24,0)+1,1))-1)+IF('Standard Profiles'!$G$18=$B$10,7,0)+IF('Standard Profiles'!$G$18=$B$17,14,0)+IF('Standard Profiles'!$G$18=$B$24,21,0),MOD($C4968,24)+1)/SUM(INDEX($D$3:$AA$30,INDEX(Jesper!$R$2:$R$366,ROW(INDEX(Jesper!AH$2:AH$366,ROUNDDOWN($C4968/24,0)+1,1))-1)+IF('Standard Profiles'!$G$18=$B$10,7,0)+IF('Standard Profiles'!$G$18=$B$17,14,0)+IF('Standard Profiles'!$G$18=$B$24,21,0),0)),0)</f>
        <v>32.460286723361186</v>
      </c>
      <c r="E4968" cm="1">
        <f t="array" ref="E4968">IFERROR(INDEX(Jesper!AI$2:AI$366,ROUNDDOWN($C4968/24,0)+1,1)*INDEX($D$3:$AA$30,INDEX(Jesper!$R$2:$R$366,ROW(INDEX(Jesper!AI$2:AI$366,ROUNDDOWN($C4968/24,0)+1,1))-1)+IF('Standard Profiles'!$G$19=$B$10,7,0)+IF('Standard Profiles'!$G$19=$B$17,14,0)+IF('Standard Profiles'!$G$19=$B$24,21,0),MOD($C4968,24)+1)/SUM(INDEX($D$3:$AA$30,INDEX(Jesper!$R$2:$R$366,ROW(INDEX(Jesper!AI$2:AI$366,ROUNDDOWN($C4968/24,0)+1,1))-1)+IF('Standard Profiles'!$G$19=$B$10,7,0)+IF('Standard Profiles'!$G$19=$B$17,14,0)+IF('Standard Profiles'!$G$19=$B$24,21,0),0)),0)</f>
        <v>13.740264904696982</v>
      </c>
      <c r="F4968" cm="1">
        <f t="array" ref="F4968">IFERROR(INDEX(Jesper!AJ$2:AJ$366,ROUNDDOWN($C4968/24,0)+1,1)*INDEX($D$3:$AA$30,INDEX(Jesper!$R$2:$R$366,ROW(INDEX(Jesper!AJ$2:AJ$366,ROUNDDOWN($C4968/24,0)+1,1))-1)+IF('Standard Profiles'!$G$20=$B$10,7,0)+IF('Standard Profiles'!$G$20=$B$17,14,0)+IF('Standard Profiles'!$G$20=$B$24,21,0),MOD($C4968,24)+1)/SUM(INDEX($D$3:$AA$30,INDEX(Jesper!$R$2:$R$366,ROW(INDEX(Jesper!AJ$2:AJ$366,ROUNDDOWN($C4968/24,0)+1,1))-1)+IF('Standard Profiles'!$G$20=$B$10,7,0)+IF('Standard Profiles'!$G$20=$B$17,14,0)+IF('Standard Profiles'!$G$20=$B$24,21,0),0)),0)</f>
        <v>0</v>
      </c>
      <c r="G4968" cm="1">
        <f t="array" ref="G4968">IFERROR(INDEX(Jesper!AK$2:AK$366,ROUNDDOWN($C4968/24,0)+1,1)*INDEX($D$3:$AA$30,INDEX(Jesper!$R$2:$R$366,ROW(INDEX(Jesper!AK$2:AK$366,ROUNDDOWN($C4968/24,0)+1,1))-1)+IF('Standard Profiles'!$G$21=$B$10,7,0)+IF('Standard Profiles'!$G$21=$B$17,14,0)+IF('Standard Profiles'!$G$21=$B$24,21,0),MOD($C4968,24)+1)/SUM(INDEX($D$3:$AA$30,INDEX(Jesper!$R$2:$R$366,ROW(INDEX(Jesper!AK$2:AK$366,ROUNDDOWN($C4968/24,0)+1,1))-1)+IF('Standard Profiles'!$G$21=$B$10,7,0)+IF('Standard Profiles'!$G$21=$B$17,14,0)+IF('Standard Profiles'!$G$21=$B$24,21,0),0)),0)</f>
        <v>0.87410704995540356</v>
      </c>
      <c r="H4968" cm="1">
        <f t="array" ref="H4968">IFERROR(INDEX(Jesper!AL$2:AL$366,ROUNDDOWN($C4968/24,0)+1,1)*INDEX($D$3:$AA$30,INDEX(Jesper!$R$2:$R$366,ROW(INDEX(Jesper!AL$2:AL$366,ROUNDDOWN($C4968/24,0)+1,1))-1)+IF('Standard Profiles'!$G$22=$B$10,7,0)+IF('Standard Profiles'!$G$22=$B$17,14,0)+IF('Standard Profiles'!$G$22=$B$24,21,0),MOD($C4968,24)+1)/SUM(INDEX($D$3:$AA$30,INDEX(Jesper!$R$2:$R$366,ROW(INDEX(Jesper!AL$2:AL$366,ROUNDDOWN($C4968/24,0)+1,1))-1)+IF('Standard Profiles'!$G$22=$B$10,7,0)+IF('Standard Profiles'!$G$22=$B$17,14,0)+IF('Standard Profiles'!$G$22=$B$24,21,0),0)),0)</f>
        <v>0</v>
      </c>
      <c r="I4968">
        <f t="shared" si="559"/>
        <v>0.4195713839785935</v>
      </c>
      <c r="J4968">
        <f t="shared" si="560"/>
        <v>41.461441418297191</v>
      </c>
      <c r="K4968">
        <f t="shared" si="561"/>
        <v>3.4624305838251934</v>
      </c>
      <c r="L4968">
        <f t="shared" si="562"/>
        <v>1.7312152919125967</v>
      </c>
      <c r="M4968">
        <f t="shared" si="563"/>
        <v>0</v>
      </c>
      <c r="N4968" s="45">
        <f t="shared" si="564"/>
        <v>45132.583333321367</v>
      </c>
    </row>
    <row r="4969" spans="2:14" x14ac:dyDescent="0.25">
      <c r="B4969">
        <f t="shared" si="558"/>
        <v>2</v>
      </c>
      <c r="C4969" s="16">
        <v>4935</v>
      </c>
      <c r="D4969" cm="1">
        <f t="array" ref="D4969">IFERROR(INDEX(Jesper!AH$2:AH$366,ROUNDDOWN($C4969/24,0)+1,1)*INDEX($D$3:$AA$30,INDEX(Jesper!$R$2:$R$366,ROW(INDEX(Jesper!AH$2:AH$366,ROUNDDOWN($C4969/24,0)+1,1))-1)+IF('Standard Profiles'!$G$18=$B$10,7,0)+IF('Standard Profiles'!$G$18=$B$17,14,0)+IF('Standard Profiles'!$G$18=$B$24,21,0),MOD($C4969,24)+1)/SUM(INDEX($D$3:$AA$30,INDEX(Jesper!$R$2:$R$366,ROW(INDEX(Jesper!AH$2:AH$366,ROUNDDOWN($C4969/24,0)+1,1))-1)+IF('Standard Profiles'!$G$18=$B$10,7,0)+IF('Standard Profiles'!$G$18=$B$17,14,0)+IF('Standard Profiles'!$G$18=$B$24,21,0),0)),0)</f>
        <v>32.460286723361186</v>
      </c>
      <c r="E4969" cm="1">
        <f t="array" ref="E4969">IFERROR(INDEX(Jesper!AI$2:AI$366,ROUNDDOWN($C4969/24,0)+1,1)*INDEX($D$3:$AA$30,INDEX(Jesper!$R$2:$R$366,ROW(INDEX(Jesper!AI$2:AI$366,ROUNDDOWN($C4969/24,0)+1,1))-1)+IF('Standard Profiles'!$G$19=$B$10,7,0)+IF('Standard Profiles'!$G$19=$B$17,14,0)+IF('Standard Profiles'!$G$19=$B$24,21,0),MOD($C4969,24)+1)/SUM(INDEX($D$3:$AA$30,INDEX(Jesper!$R$2:$R$366,ROW(INDEX(Jesper!AI$2:AI$366,ROUNDDOWN($C4969/24,0)+1,1))-1)+IF('Standard Profiles'!$G$19=$B$10,7,0)+IF('Standard Profiles'!$G$19=$B$17,14,0)+IF('Standard Profiles'!$G$19=$B$24,21,0),0)),0)</f>
        <v>13.740264904696982</v>
      </c>
      <c r="F4969" cm="1">
        <f t="array" ref="F4969">IFERROR(INDEX(Jesper!AJ$2:AJ$366,ROUNDDOWN($C4969/24,0)+1,1)*INDEX($D$3:$AA$30,INDEX(Jesper!$R$2:$R$366,ROW(INDEX(Jesper!AJ$2:AJ$366,ROUNDDOWN($C4969/24,0)+1,1))-1)+IF('Standard Profiles'!$G$20=$B$10,7,0)+IF('Standard Profiles'!$G$20=$B$17,14,0)+IF('Standard Profiles'!$G$20=$B$24,21,0),MOD($C4969,24)+1)/SUM(INDEX($D$3:$AA$30,INDEX(Jesper!$R$2:$R$366,ROW(INDEX(Jesper!AJ$2:AJ$366,ROUNDDOWN($C4969/24,0)+1,1))-1)+IF('Standard Profiles'!$G$20=$B$10,7,0)+IF('Standard Profiles'!$G$20=$B$17,14,0)+IF('Standard Profiles'!$G$20=$B$24,21,0),0)),0)</f>
        <v>0</v>
      </c>
      <c r="G4969" cm="1">
        <f t="array" ref="G4969">IFERROR(INDEX(Jesper!AK$2:AK$366,ROUNDDOWN($C4969/24,0)+1,1)*INDEX($D$3:$AA$30,INDEX(Jesper!$R$2:$R$366,ROW(INDEX(Jesper!AK$2:AK$366,ROUNDDOWN($C4969/24,0)+1,1))-1)+IF('Standard Profiles'!$G$21=$B$10,7,0)+IF('Standard Profiles'!$G$21=$B$17,14,0)+IF('Standard Profiles'!$G$21=$B$24,21,0),MOD($C4969,24)+1)/SUM(INDEX($D$3:$AA$30,INDEX(Jesper!$R$2:$R$366,ROW(INDEX(Jesper!AK$2:AK$366,ROUNDDOWN($C4969/24,0)+1,1))-1)+IF('Standard Profiles'!$G$21=$B$10,7,0)+IF('Standard Profiles'!$G$21=$B$17,14,0)+IF('Standard Profiles'!$G$21=$B$24,21,0),0)),0)</f>
        <v>0.87410704995540356</v>
      </c>
      <c r="H4969" cm="1">
        <f t="array" ref="H4969">IFERROR(INDEX(Jesper!AL$2:AL$366,ROUNDDOWN($C4969/24,0)+1,1)*INDEX($D$3:$AA$30,INDEX(Jesper!$R$2:$R$366,ROW(INDEX(Jesper!AL$2:AL$366,ROUNDDOWN($C4969/24,0)+1,1))-1)+IF('Standard Profiles'!$G$22=$B$10,7,0)+IF('Standard Profiles'!$G$22=$B$17,14,0)+IF('Standard Profiles'!$G$22=$B$24,21,0),MOD($C4969,24)+1)/SUM(INDEX($D$3:$AA$30,INDEX(Jesper!$R$2:$R$366,ROW(INDEX(Jesper!AL$2:AL$366,ROUNDDOWN($C4969/24,0)+1,1))-1)+IF('Standard Profiles'!$G$22=$B$10,7,0)+IF('Standard Profiles'!$G$22=$B$17,14,0)+IF('Standard Profiles'!$G$22=$B$24,21,0),0)),0)</f>
        <v>0</v>
      </c>
      <c r="I4969">
        <f t="shared" si="559"/>
        <v>0.4195713839785935</v>
      </c>
      <c r="J4969">
        <f t="shared" si="560"/>
        <v>41.461441418297191</v>
      </c>
      <c r="K4969">
        <f t="shared" si="561"/>
        <v>3.4624305838251934</v>
      </c>
      <c r="L4969">
        <f t="shared" si="562"/>
        <v>1.7312152919125967</v>
      </c>
      <c r="M4969">
        <f t="shared" si="563"/>
        <v>0</v>
      </c>
      <c r="N4969" s="45">
        <f t="shared" si="564"/>
        <v>45132.624999988031</v>
      </c>
    </row>
    <row r="4970" spans="2:14" x14ac:dyDescent="0.25">
      <c r="B4970">
        <f t="shared" si="558"/>
        <v>2</v>
      </c>
      <c r="C4970" s="16">
        <v>4936</v>
      </c>
      <c r="D4970" cm="1">
        <f t="array" ref="D4970">IFERROR(INDEX(Jesper!AH$2:AH$366,ROUNDDOWN($C4970/24,0)+1,1)*INDEX($D$3:$AA$30,INDEX(Jesper!$R$2:$R$366,ROW(INDEX(Jesper!AH$2:AH$366,ROUNDDOWN($C4970/24,0)+1,1))-1)+IF('Standard Profiles'!$G$18=$B$10,7,0)+IF('Standard Profiles'!$G$18=$B$17,14,0)+IF('Standard Profiles'!$G$18=$B$24,21,0),MOD($C4970,24)+1)/SUM(INDEX($D$3:$AA$30,INDEX(Jesper!$R$2:$R$366,ROW(INDEX(Jesper!AH$2:AH$366,ROUNDDOWN($C4970/24,0)+1,1))-1)+IF('Standard Profiles'!$G$18=$B$10,7,0)+IF('Standard Profiles'!$G$18=$B$17,14,0)+IF('Standard Profiles'!$G$18=$B$24,21,0),0)),0)</f>
        <v>19.128383247694984</v>
      </c>
      <c r="E4970" cm="1">
        <f t="array" ref="E4970">IFERROR(INDEX(Jesper!AI$2:AI$366,ROUNDDOWN($C4970/24,0)+1,1)*INDEX($D$3:$AA$30,INDEX(Jesper!$R$2:$R$366,ROW(INDEX(Jesper!AI$2:AI$366,ROUNDDOWN($C4970/24,0)+1,1))-1)+IF('Standard Profiles'!$G$19=$B$10,7,0)+IF('Standard Profiles'!$G$19=$B$17,14,0)+IF('Standard Profiles'!$G$19=$B$24,21,0),MOD($C4970,24)+1)/SUM(INDEX($D$3:$AA$30,INDEX(Jesper!$R$2:$R$366,ROW(INDEX(Jesper!AI$2:AI$366,ROUNDDOWN($C4970/24,0)+1,1))-1)+IF('Standard Profiles'!$G$19=$B$10,7,0)+IF('Standard Profiles'!$G$19=$B$17,14,0)+IF('Standard Profiles'!$G$19=$B$24,21,0),0)),0)</f>
        <v>8.0969418188392943</v>
      </c>
      <c r="F4970" cm="1">
        <f t="array" ref="F4970">IFERROR(INDEX(Jesper!AJ$2:AJ$366,ROUNDDOWN($C4970/24,0)+1,1)*INDEX($D$3:$AA$30,INDEX(Jesper!$R$2:$R$366,ROW(INDEX(Jesper!AJ$2:AJ$366,ROUNDDOWN($C4970/24,0)+1,1))-1)+IF('Standard Profiles'!$G$20=$B$10,7,0)+IF('Standard Profiles'!$G$20=$B$17,14,0)+IF('Standard Profiles'!$G$20=$B$24,21,0),MOD($C4970,24)+1)/SUM(INDEX($D$3:$AA$30,INDEX(Jesper!$R$2:$R$366,ROW(INDEX(Jesper!AJ$2:AJ$366,ROUNDDOWN($C4970/24,0)+1,1))-1)+IF('Standard Profiles'!$G$20=$B$10,7,0)+IF('Standard Profiles'!$G$20=$B$17,14,0)+IF('Standard Profiles'!$G$20=$B$24,21,0),0)),0)</f>
        <v>0</v>
      </c>
      <c r="G4970" cm="1">
        <f t="array" ref="G4970">IFERROR(INDEX(Jesper!AK$2:AK$366,ROUNDDOWN($C4970/24,0)+1,1)*INDEX($D$3:$AA$30,INDEX(Jesper!$R$2:$R$366,ROW(INDEX(Jesper!AK$2:AK$366,ROUNDDOWN($C4970/24,0)+1,1))-1)+IF('Standard Profiles'!$G$21=$B$10,7,0)+IF('Standard Profiles'!$G$21=$B$17,14,0)+IF('Standard Profiles'!$G$21=$B$24,21,0),MOD($C4970,24)+1)/SUM(INDEX($D$3:$AA$30,INDEX(Jesper!$R$2:$R$366,ROW(INDEX(Jesper!AK$2:AK$366,ROUNDDOWN($C4970/24,0)+1,1))-1)+IF('Standard Profiles'!$G$21=$B$10,7,0)+IF('Standard Profiles'!$G$21=$B$17,14,0)+IF('Standard Profiles'!$G$21=$B$24,21,0),0)),0)</f>
        <v>0.730636591908012</v>
      </c>
      <c r="H4970" cm="1">
        <f t="array" ref="H4970">IFERROR(INDEX(Jesper!AL$2:AL$366,ROUNDDOWN($C4970/24,0)+1,1)*INDEX($D$3:$AA$30,INDEX(Jesper!$R$2:$R$366,ROW(INDEX(Jesper!AL$2:AL$366,ROUNDDOWN($C4970/24,0)+1,1))-1)+IF('Standard Profiles'!$G$22=$B$10,7,0)+IF('Standard Profiles'!$G$22=$B$17,14,0)+IF('Standard Profiles'!$G$22=$B$24,21,0),MOD($C4970,24)+1)/SUM(INDEX($D$3:$AA$30,INDEX(Jesper!$R$2:$R$366,ROW(INDEX(Jesper!AL$2:AL$366,ROUNDDOWN($C4970/24,0)+1,1))-1)+IF('Standard Profiles'!$G$22=$B$10,7,0)+IF('Standard Profiles'!$G$22=$B$17,14,0)+IF('Standard Profiles'!$G$22=$B$24,21,0),0)),0)</f>
        <v>0</v>
      </c>
      <c r="I4970">
        <f t="shared" si="559"/>
        <v>0.35070556411584558</v>
      </c>
      <c r="J4970">
        <f t="shared" si="560"/>
        <v>24.544714774695247</v>
      </c>
      <c r="K4970">
        <f t="shared" si="561"/>
        <v>2.0403608797541319</v>
      </c>
      <c r="L4970">
        <f t="shared" si="562"/>
        <v>1.020180439877066</v>
      </c>
      <c r="M4970">
        <f t="shared" si="563"/>
        <v>0</v>
      </c>
      <c r="N4970" s="45">
        <f t="shared" si="564"/>
        <v>45132.666666654695</v>
      </c>
    </row>
    <row r="4971" spans="2:14" x14ac:dyDescent="0.25">
      <c r="B4971">
        <f t="shared" si="558"/>
        <v>2</v>
      </c>
      <c r="C4971" s="16">
        <v>4937</v>
      </c>
      <c r="D4971" cm="1">
        <f t="array" ref="D4971">IFERROR(INDEX(Jesper!AH$2:AH$366,ROUNDDOWN($C4971/24,0)+1,1)*INDEX($D$3:$AA$30,INDEX(Jesper!$R$2:$R$366,ROW(INDEX(Jesper!AH$2:AH$366,ROUNDDOWN($C4971/24,0)+1,1))-1)+IF('Standard Profiles'!$G$18=$B$10,7,0)+IF('Standard Profiles'!$G$18=$B$17,14,0)+IF('Standard Profiles'!$G$18=$B$24,21,0),MOD($C4971,24)+1)/SUM(INDEX($D$3:$AA$30,INDEX(Jesper!$R$2:$R$366,ROW(INDEX(Jesper!AH$2:AH$366,ROUNDDOWN($C4971/24,0)+1,1))-1)+IF('Standard Profiles'!$G$18=$B$10,7,0)+IF('Standard Profiles'!$G$18=$B$17,14,0)+IF('Standard Profiles'!$G$18=$B$24,21,0),0)),0)</f>
        <v>8.1640560169419487</v>
      </c>
      <c r="E4971" cm="1">
        <f t="array" ref="E4971">IFERROR(INDEX(Jesper!AI$2:AI$366,ROUNDDOWN($C4971/24,0)+1,1)*INDEX($D$3:$AA$30,INDEX(Jesper!$R$2:$R$366,ROW(INDEX(Jesper!AI$2:AI$366,ROUNDDOWN($C4971/24,0)+1,1))-1)+IF('Standard Profiles'!$G$19=$B$10,7,0)+IF('Standard Profiles'!$G$19=$B$17,14,0)+IF('Standard Profiles'!$G$19=$B$24,21,0),MOD($C4971,24)+1)/SUM(INDEX($D$3:$AA$30,INDEX(Jesper!$R$2:$R$366,ROW(INDEX(Jesper!AI$2:AI$366,ROUNDDOWN($C4971/24,0)+1,1))-1)+IF('Standard Profiles'!$G$19=$B$10,7,0)+IF('Standard Profiles'!$G$19=$B$17,14,0)+IF('Standard Profiles'!$G$19=$B$24,21,0),0)),0)</f>
        <v>3.4558010323684569</v>
      </c>
      <c r="F4971" cm="1">
        <f t="array" ref="F4971">IFERROR(INDEX(Jesper!AJ$2:AJ$366,ROUNDDOWN($C4971/24,0)+1,1)*INDEX($D$3:$AA$30,INDEX(Jesper!$R$2:$R$366,ROW(INDEX(Jesper!AJ$2:AJ$366,ROUNDDOWN($C4971/24,0)+1,1))-1)+IF('Standard Profiles'!$G$20=$B$10,7,0)+IF('Standard Profiles'!$G$20=$B$17,14,0)+IF('Standard Profiles'!$G$20=$B$24,21,0),MOD($C4971,24)+1)/SUM(INDEX($D$3:$AA$30,INDEX(Jesper!$R$2:$R$366,ROW(INDEX(Jesper!AJ$2:AJ$366,ROUNDDOWN($C4971/24,0)+1,1))-1)+IF('Standard Profiles'!$G$20=$B$10,7,0)+IF('Standard Profiles'!$G$20=$B$17,14,0)+IF('Standard Profiles'!$G$20=$B$24,21,0),0)),0)</f>
        <v>0</v>
      </c>
      <c r="G4971" cm="1">
        <f t="array" ref="G4971">IFERROR(INDEX(Jesper!AK$2:AK$366,ROUNDDOWN($C4971/24,0)+1,1)*INDEX($D$3:$AA$30,INDEX(Jesper!$R$2:$R$366,ROW(INDEX(Jesper!AK$2:AK$366,ROUNDDOWN($C4971/24,0)+1,1))-1)+IF('Standard Profiles'!$G$21=$B$10,7,0)+IF('Standard Profiles'!$G$21=$B$17,14,0)+IF('Standard Profiles'!$G$21=$B$24,21,0),MOD($C4971,24)+1)/SUM(INDEX($D$3:$AA$30,INDEX(Jesper!$R$2:$R$366,ROW(INDEX(Jesper!AK$2:AK$366,ROUNDDOWN($C4971/24,0)+1,1))-1)+IF('Standard Profiles'!$G$21=$B$10,7,0)+IF('Standard Profiles'!$G$21=$B$17,14,0)+IF('Standard Profiles'!$G$21=$B$24,21,0),0)),0)</f>
        <v>0.58052398302509323</v>
      </c>
      <c r="H4971" cm="1">
        <f t="array" ref="H4971">IFERROR(INDEX(Jesper!AL$2:AL$366,ROUNDDOWN($C4971/24,0)+1,1)*INDEX($D$3:$AA$30,INDEX(Jesper!$R$2:$R$366,ROW(INDEX(Jesper!AL$2:AL$366,ROUNDDOWN($C4971/24,0)+1,1))-1)+IF('Standard Profiles'!$G$22=$B$10,7,0)+IF('Standard Profiles'!$G$22=$B$17,14,0)+IF('Standard Profiles'!$G$22=$B$24,21,0),MOD($C4971,24)+1)/SUM(INDEX($D$3:$AA$30,INDEX(Jesper!$R$2:$R$366,ROW(INDEX(Jesper!AL$2:AL$366,ROUNDDOWN($C4971/24,0)+1,1))-1)+IF('Standard Profiles'!$G$22=$B$10,7,0)+IF('Standard Profiles'!$G$22=$B$17,14,0)+IF('Standard Profiles'!$G$22=$B$24,21,0),0)),0)</f>
        <v>0</v>
      </c>
      <c r="I4971">
        <f t="shared" si="559"/>
        <v>0.27865151185204462</v>
      </c>
      <c r="J4971">
        <f t="shared" si="560"/>
        <v>10.615480557772742</v>
      </c>
      <c r="K4971">
        <f t="shared" si="561"/>
        <v>0.87083264180714126</v>
      </c>
      <c r="L4971">
        <f t="shared" si="562"/>
        <v>0.43541632090357063</v>
      </c>
      <c r="M4971">
        <f t="shared" si="563"/>
        <v>0</v>
      </c>
      <c r="N4971" s="45">
        <f t="shared" si="564"/>
        <v>45132.70833332136</v>
      </c>
    </row>
    <row r="4972" spans="2:14" x14ac:dyDescent="0.25">
      <c r="B4972">
        <f t="shared" si="558"/>
        <v>2</v>
      </c>
      <c r="C4972" s="16">
        <v>4938</v>
      </c>
      <c r="D4972" cm="1">
        <f t="array" ref="D4972">IFERROR(INDEX(Jesper!AH$2:AH$366,ROUNDDOWN($C4972/24,0)+1,1)*INDEX($D$3:$AA$30,INDEX(Jesper!$R$2:$R$366,ROW(INDEX(Jesper!AH$2:AH$366,ROUNDDOWN($C4972/24,0)+1,1))-1)+IF('Standard Profiles'!$G$18=$B$10,7,0)+IF('Standard Profiles'!$G$18=$B$17,14,0)+IF('Standard Profiles'!$G$18=$B$24,21,0),MOD($C4972,24)+1)/SUM(INDEX($D$3:$AA$30,INDEX(Jesper!$R$2:$R$366,ROW(INDEX(Jesper!AH$2:AH$366,ROUNDDOWN($C4972/24,0)+1,1))-1)+IF('Standard Profiles'!$G$18=$B$10,7,0)+IF('Standard Profiles'!$G$18=$B$17,14,0)+IF('Standard Profiles'!$G$18=$B$24,21,0),0)),0)</f>
        <v>5.3882769711816865</v>
      </c>
      <c r="E4972" cm="1">
        <f t="array" ref="E4972">IFERROR(INDEX(Jesper!AI$2:AI$366,ROUNDDOWN($C4972/24,0)+1,1)*INDEX($D$3:$AA$30,INDEX(Jesper!$R$2:$R$366,ROW(INDEX(Jesper!AI$2:AI$366,ROUNDDOWN($C4972/24,0)+1,1))-1)+IF('Standard Profiles'!$G$19=$B$10,7,0)+IF('Standard Profiles'!$G$19=$B$17,14,0)+IF('Standard Profiles'!$G$19=$B$24,21,0),MOD($C4972,24)+1)/SUM(INDEX($D$3:$AA$30,INDEX(Jesper!$R$2:$R$366,ROW(INDEX(Jesper!AI$2:AI$366,ROUNDDOWN($C4972/24,0)+1,1))-1)+IF('Standard Profiles'!$G$19=$B$10,7,0)+IF('Standard Profiles'!$G$19=$B$17,14,0)+IF('Standard Profiles'!$G$19=$B$24,21,0),0)),0)</f>
        <v>2.2808286813631815</v>
      </c>
      <c r="F4972" cm="1">
        <f t="array" ref="F4972">IFERROR(INDEX(Jesper!AJ$2:AJ$366,ROUNDDOWN($C4972/24,0)+1,1)*INDEX($D$3:$AA$30,INDEX(Jesper!$R$2:$R$366,ROW(INDEX(Jesper!AJ$2:AJ$366,ROUNDDOWN($C4972/24,0)+1,1))-1)+IF('Standard Profiles'!$G$20=$B$10,7,0)+IF('Standard Profiles'!$G$20=$B$17,14,0)+IF('Standard Profiles'!$G$20=$B$24,21,0),MOD($C4972,24)+1)/SUM(INDEX($D$3:$AA$30,INDEX(Jesper!$R$2:$R$366,ROW(INDEX(Jesper!AJ$2:AJ$366,ROUNDDOWN($C4972/24,0)+1,1))-1)+IF('Standard Profiles'!$G$20=$B$10,7,0)+IF('Standard Profiles'!$G$20=$B$17,14,0)+IF('Standard Profiles'!$G$20=$B$24,21,0),0)),0)</f>
        <v>0</v>
      </c>
      <c r="G4972" cm="1">
        <f t="array" ref="G4972">IFERROR(INDEX(Jesper!AK$2:AK$366,ROUNDDOWN($C4972/24,0)+1,1)*INDEX($D$3:$AA$30,INDEX(Jesper!$R$2:$R$366,ROW(INDEX(Jesper!AK$2:AK$366,ROUNDDOWN($C4972/24,0)+1,1))-1)+IF('Standard Profiles'!$G$21=$B$10,7,0)+IF('Standard Profiles'!$G$21=$B$17,14,0)+IF('Standard Profiles'!$G$21=$B$24,21,0),MOD($C4972,24)+1)/SUM(INDEX($D$3:$AA$30,INDEX(Jesper!$R$2:$R$366,ROW(INDEX(Jesper!AK$2:AK$366,ROUNDDOWN($C4972/24,0)+1,1))-1)+IF('Standard Profiles'!$G$21=$B$10,7,0)+IF('Standard Profiles'!$G$21=$B$17,14,0)+IF('Standard Profiles'!$G$21=$B$24,21,0),0)),0)</f>
        <v>0.20590667590134887</v>
      </c>
      <c r="H4972" cm="1">
        <f t="array" ref="H4972">IFERROR(INDEX(Jesper!AL$2:AL$366,ROUNDDOWN($C4972/24,0)+1,1)*INDEX($D$3:$AA$30,INDEX(Jesper!$R$2:$R$366,ROW(INDEX(Jesper!AL$2:AL$366,ROUNDDOWN($C4972/24,0)+1,1))-1)+IF('Standard Profiles'!$G$22=$B$10,7,0)+IF('Standard Profiles'!$G$22=$B$17,14,0)+IF('Standard Profiles'!$G$22=$B$24,21,0),MOD($C4972,24)+1)/SUM(INDEX($D$3:$AA$30,INDEX(Jesper!$R$2:$R$366,ROW(INDEX(Jesper!AL$2:AL$366,ROUNDDOWN($C4972/24,0)+1,1))-1)+IF('Standard Profiles'!$G$22=$B$10,7,0)+IF('Standard Profiles'!$G$22=$B$17,14,0)+IF('Standard Profiles'!$G$22=$B$24,21,0),0)),0)</f>
        <v>0</v>
      </c>
      <c r="I4972">
        <f t="shared" si="559"/>
        <v>9.8835204432647414E-2</v>
      </c>
      <c r="J4972">
        <f t="shared" si="560"/>
        <v>6.9140528086244997</v>
      </c>
      <c r="K4972">
        <f t="shared" si="561"/>
        <v>0.57474954359271324</v>
      </c>
      <c r="L4972">
        <f t="shared" si="562"/>
        <v>0.28737477179635662</v>
      </c>
      <c r="M4972">
        <f t="shared" si="563"/>
        <v>0</v>
      </c>
      <c r="N4972" s="45">
        <f t="shared" si="564"/>
        <v>45132.749999988024</v>
      </c>
    </row>
    <row r="4973" spans="2:14" x14ac:dyDescent="0.25">
      <c r="B4973">
        <f t="shared" si="558"/>
        <v>2</v>
      </c>
      <c r="C4973" s="16">
        <v>4939</v>
      </c>
      <c r="D4973" cm="1">
        <f t="array" ref="D4973">IFERROR(INDEX(Jesper!AH$2:AH$366,ROUNDDOWN($C4973/24,0)+1,1)*INDEX($D$3:$AA$30,INDEX(Jesper!$R$2:$R$366,ROW(INDEX(Jesper!AH$2:AH$366,ROUNDDOWN($C4973/24,0)+1,1))-1)+IF('Standard Profiles'!$G$18=$B$10,7,0)+IF('Standard Profiles'!$G$18=$B$17,14,0)+IF('Standard Profiles'!$G$18=$B$24,21,0),MOD($C4973,24)+1)/SUM(INDEX($D$3:$AA$30,INDEX(Jesper!$R$2:$R$366,ROW(INDEX(Jesper!AH$2:AH$366,ROUNDDOWN($C4973/24,0)+1,1))-1)+IF('Standard Profiles'!$G$18=$B$10,7,0)+IF('Standard Profiles'!$G$18=$B$17,14,0)+IF('Standard Profiles'!$G$18=$B$24,21,0),0)),0)</f>
        <v>5.3882769711816865</v>
      </c>
      <c r="E4973" cm="1">
        <f t="array" ref="E4973">IFERROR(INDEX(Jesper!AI$2:AI$366,ROUNDDOWN($C4973/24,0)+1,1)*INDEX($D$3:$AA$30,INDEX(Jesper!$R$2:$R$366,ROW(INDEX(Jesper!AI$2:AI$366,ROUNDDOWN($C4973/24,0)+1,1))-1)+IF('Standard Profiles'!$G$19=$B$10,7,0)+IF('Standard Profiles'!$G$19=$B$17,14,0)+IF('Standard Profiles'!$G$19=$B$24,21,0),MOD($C4973,24)+1)/SUM(INDEX($D$3:$AA$30,INDEX(Jesper!$R$2:$R$366,ROW(INDEX(Jesper!AI$2:AI$366,ROUNDDOWN($C4973/24,0)+1,1))-1)+IF('Standard Profiles'!$G$19=$B$10,7,0)+IF('Standard Profiles'!$G$19=$B$17,14,0)+IF('Standard Profiles'!$G$19=$B$24,21,0),0)),0)</f>
        <v>2.2808286813631815</v>
      </c>
      <c r="F4973" cm="1">
        <f t="array" ref="F4973">IFERROR(INDEX(Jesper!AJ$2:AJ$366,ROUNDDOWN($C4973/24,0)+1,1)*INDEX($D$3:$AA$30,INDEX(Jesper!$R$2:$R$366,ROW(INDEX(Jesper!AJ$2:AJ$366,ROUNDDOWN($C4973/24,0)+1,1))-1)+IF('Standard Profiles'!$G$20=$B$10,7,0)+IF('Standard Profiles'!$G$20=$B$17,14,0)+IF('Standard Profiles'!$G$20=$B$24,21,0),MOD($C4973,24)+1)/SUM(INDEX($D$3:$AA$30,INDEX(Jesper!$R$2:$R$366,ROW(INDEX(Jesper!AJ$2:AJ$366,ROUNDDOWN($C4973/24,0)+1,1))-1)+IF('Standard Profiles'!$G$20=$B$10,7,0)+IF('Standard Profiles'!$G$20=$B$17,14,0)+IF('Standard Profiles'!$G$20=$B$24,21,0),0)),0)</f>
        <v>0</v>
      </c>
      <c r="G4973" cm="1">
        <f t="array" ref="G4973">IFERROR(INDEX(Jesper!AK$2:AK$366,ROUNDDOWN($C4973/24,0)+1,1)*INDEX($D$3:$AA$30,INDEX(Jesper!$R$2:$R$366,ROW(INDEX(Jesper!AK$2:AK$366,ROUNDDOWN($C4973/24,0)+1,1))-1)+IF('Standard Profiles'!$G$21=$B$10,7,0)+IF('Standard Profiles'!$G$21=$B$17,14,0)+IF('Standard Profiles'!$G$21=$B$24,21,0),MOD($C4973,24)+1)/SUM(INDEX($D$3:$AA$30,INDEX(Jesper!$R$2:$R$366,ROW(INDEX(Jesper!AK$2:AK$366,ROUNDDOWN($C4973/24,0)+1,1))-1)+IF('Standard Profiles'!$G$21=$B$10,7,0)+IF('Standard Profiles'!$G$21=$B$17,14,0)+IF('Standard Profiles'!$G$21=$B$24,21,0),0)),0)</f>
        <v>0.20590667590134887</v>
      </c>
      <c r="H4973" cm="1">
        <f t="array" ref="H4973">IFERROR(INDEX(Jesper!AL$2:AL$366,ROUNDDOWN($C4973/24,0)+1,1)*INDEX($D$3:$AA$30,INDEX(Jesper!$R$2:$R$366,ROW(INDEX(Jesper!AL$2:AL$366,ROUNDDOWN($C4973/24,0)+1,1))-1)+IF('Standard Profiles'!$G$22=$B$10,7,0)+IF('Standard Profiles'!$G$22=$B$17,14,0)+IF('Standard Profiles'!$G$22=$B$24,21,0),MOD($C4973,24)+1)/SUM(INDEX($D$3:$AA$30,INDEX(Jesper!$R$2:$R$366,ROW(INDEX(Jesper!AL$2:AL$366,ROUNDDOWN($C4973/24,0)+1,1))-1)+IF('Standard Profiles'!$G$22=$B$10,7,0)+IF('Standard Profiles'!$G$22=$B$17,14,0)+IF('Standard Profiles'!$G$22=$B$24,21,0),0)),0)</f>
        <v>0</v>
      </c>
      <c r="I4973">
        <f t="shared" si="559"/>
        <v>9.8835204432647414E-2</v>
      </c>
      <c r="J4973">
        <f t="shared" si="560"/>
        <v>6.9140528086244997</v>
      </c>
      <c r="K4973">
        <f t="shared" si="561"/>
        <v>0.57474954359271324</v>
      </c>
      <c r="L4973">
        <f t="shared" si="562"/>
        <v>0.28737477179635662</v>
      </c>
      <c r="M4973">
        <f t="shared" si="563"/>
        <v>0</v>
      </c>
      <c r="N4973" s="45">
        <f t="shared" si="564"/>
        <v>45132.791666654688</v>
      </c>
    </row>
    <row r="4974" spans="2:14" x14ac:dyDescent="0.25">
      <c r="B4974">
        <f t="shared" si="558"/>
        <v>2</v>
      </c>
      <c r="C4974" s="16">
        <v>4940</v>
      </c>
      <c r="D4974" cm="1">
        <f t="array" ref="D4974">IFERROR(INDEX(Jesper!AH$2:AH$366,ROUNDDOWN($C4974/24,0)+1,1)*INDEX($D$3:$AA$30,INDEX(Jesper!$R$2:$R$366,ROW(INDEX(Jesper!AH$2:AH$366,ROUNDDOWN($C4974/24,0)+1,1))-1)+IF('Standard Profiles'!$G$18=$B$10,7,0)+IF('Standard Profiles'!$G$18=$B$17,14,0)+IF('Standard Profiles'!$G$18=$B$24,21,0),MOD($C4974,24)+1)/SUM(INDEX($D$3:$AA$30,INDEX(Jesper!$R$2:$R$366,ROW(INDEX(Jesper!AH$2:AH$366,ROUNDDOWN($C4974/24,0)+1,1))-1)+IF('Standard Profiles'!$G$18=$B$10,7,0)+IF('Standard Profiles'!$G$18=$B$17,14,0)+IF('Standard Profiles'!$G$18=$B$24,21,0),0)),0)</f>
        <v>5.3882769711816865</v>
      </c>
      <c r="E4974" cm="1">
        <f t="array" ref="E4974">IFERROR(INDEX(Jesper!AI$2:AI$366,ROUNDDOWN($C4974/24,0)+1,1)*INDEX($D$3:$AA$30,INDEX(Jesper!$R$2:$R$366,ROW(INDEX(Jesper!AI$2:AI$366,ROUNDDOWN($C4974/24,0)+1,1))-1)+IF('Standard Profiles'!$G$19=$B$10,7,0)+IF('Standard Profiles'!$G$19=$B$17,14,0)+IF('Standard Profiles'!$G$19=$B$24,21,0),MOD($C4974,24)+1)/SUM(INDEX($D$3:$AA$30,INDEX(Jesper!$R$2:$R$366,ROW(INDEX(Jesper!AI$2:AI$366,ROUNDDOWN($C4974/24,0)+1,1))-1)+IF('Standard Profiles'!$G$19=$B$10,7,0)+IF('Standard Profiles'!$G$19=$B$17,14,0)+IF('Standard Profiles'!$G$19=$B$24,21,0),0)),0)</f>
        <v>2.2808286813631815</v>
      </c>
      <c r="F4974" cm="1">
        <f t="array" ref="F4974">IFERROR(INDEX(Jesper!AJ$2:AJ$366,ROUNDDOWN($C4974/24,0)+1,1)*INDEX($D$3:$AA$30,INDEX(Jesper!$R$2:$R$366,ROW(INDEX(Jesper!AJ$2:AJ$366,ROUNDDOWN($C4974/24,0)+1,1))-1)+IF('Standard Profiles'!$G$20=$B$10,7,0)+IF('Standard Profiles'!$G$20=$B$17,14,0)+IF('Standard Profiles'!$G$20=$B$24,21,0),MOD($C4974,24)+1)/SUM(INDEX($D$3:$AA$30,INDEX(Jesper!$R$2:$R$366,ROW(INDEX(Jesper!AJ$2:AJ$366,ROUNDDOWN($C4974/24,0)+1,1))-1)+IF('Standard Profiles'!$G$20=$B$10,7,0)+IF('Standard Profiles'!$G$20=$B$17,14,0)+IF('Standard Profiles'!$G$20=$B$24,21,0),0)),0)</f>
        <v>0</v>
      </c>
      <c r="G4974" cm="1">
        <f t="array" ref="G4974">IFERROR(INDEX(Jesper!AK$2:AK$366,ROUNDDOWN($C4974/24,0)+1,1)*INDEX($D$3:$AA$30,INDEX(Jesper!$R$2:$R$366,ROW(INDEX(Jesper!AK$2:AK$366,ROUNDDOWN($C4974/24,0)+1,1))-1)+IF('Standard Profiles'!$G$21=$B$10,7,0)+IF('Standard Profiles'!$G$21=$B$17,14,0)+IF('Standard Profiles'!$G$21=$B$24,21,0),MOD($C4974,24)+1)/SUM(INDEX($D$3:$AA$30,INDEX(Jesper!$R$2:$R$366,ROW(INDEX(Jesper!AK$2:AK$366,ROUNDDOWN($C4974/24,0)+1,1))-1)+IF('Standard Profiles'!$G$21=$B$10,7,0)+IF('Standard Profiles'!$G$21=$B$17,14,0)+IF('Standard Profiles'!$G$21=$B$24,21,0),0)),0)</f>
        <v>0.20590667590134887</v>
      </c>
      <c r="H4974" cm="1">
        <f t="array" ref="H4974">IFERROR(INDEX(Jesper!AL$2:AL$366,ROUNDDOWN($C4974/24,0)+1,1)*INDEX($D$3:$AA$30,INDEX(Jesper!$R$2:$R$366,ROW(INDEX(Jesper!AL$2:AL$366,ROUNDDOWN($C4974/24,0)+1,1))-1)+IF('Standard Profiles'!$G$22=$B$10,7,0)+IF('Standard Profiles'!$G$22=$B$17,14,0)+IF('Standard Profiles'!$G$22=$B$24,21,0),MOD($C4974,24)+1)/SUM(INDEX($D$3:$AA$30,INDEX(Jesper!$R$2:$R$366,ROW(INDEX(Jesper!AL$2:AL$366,ROUNDDOWN($C4974/24,0)+1,1))-1)+IF('Standard Profiles'!$G$22=$B$10,7,0)+IF('Standard Profiles'!$G$22=$B$17,14,0)+IF('Standard Profiles'!$G$22=$B$24,21,0),0)),0)</f>
        <v>0</v>
      </c>
      <c r="I4974">
        <f t="shared" si="559"/>
        <v>9.8835204432647414E-2</v>
      </c>
      <c r="J4974">
        <f t="shared" si="560"/>
        <v>6.9140528086244997</v>
      </c>
      <c r="K4974">
        <f t="shared" si="561"/>
        <v>0.57474954359271324</v>
      </c>
      <c r="L4974">
        <f t="shared" si="562"/>
        <v>0.28737477179635662</v>
      </c>
      <c r="M4974">
        <f t="shared" si="563"/>
        <v>0</v>
      </c>
      <c r="N4974" s="45">
        <f t="shared" si="564"/>
        <v>45132.833333321352</v>
      </c>
    </row>
    <row r="4975" spans="2:14" x14ac:dyDescent="0.25">
      <c r="B4975">
        <f t="shared" si="558"/>
        <v>2</v>
      </c>
      <c r="C4975" s="16">
        <v>4941</v>
      </c>
      <c r="D4975" cm="1">
        <f t="array" ref="D4975">IFERROR(INDEX(Jesper!AH$2:AH$366,ROUNDDOWN($C4975/24,0)+1,1)*INDEX($D$3:$AA$30,INDEX(Jesper!$R$2:$R$366,ROW(INDEX(Jesper!AH$2:AH$366,ROUNDDOWN($C4975/24,0)+1,1))-1)+IF('Standard Profiles'!$G$18=$B$10,7,0)+IF('Standard Profiles'!$G$18=$B$17,14,0)+IF('Standard Profiles'!$G$18=$B$24,21,0),MOD($C4975,24)+1)/SUM(INDEX($D$3:$AA$30,INDEX(Jesper!$R$2:$R$366,ROW(INDEX(Jesper!AH$2:AH$366,ROUNDDOWN($C4975/24,0)+1,1))-1)+IF('Standard Profiles'!$G$18=$B$10,7,0)+IF('Standard Profiles'!$G$18=$B$17,14,0)+IF('Standard Profiles'!$G$18=$B$24,21,0),0)),0)</f>
        <v>5.3882769711816865</v>
      </c>
      <c r="E4975" cm="1">
        <f t="array" ref="E4975">IFERROR(INDEX(Jesper!AI$2:AI$366,ROUNDDOWN($C4975/24,0)+1,1)*INDEX($D$3:$AA$30,INDEX(Jesper!$R$2:$R$366,ROW(INDEX(Jesper!AI$2:AI$366,ROUNDDOWN($C4975/24,0)+1,1))-1)+IF('Standard Profiles'!$G$19=$B$10,7,0)+IF('Standard Profiles'!$G$19=$B$17,14,0)+IF('Standard Profiles'!$G$19=$B$24,21,0),MOD($C4975,24)+1)/SUM(INDEX($D$3:$AA$30,INDEX(Jesper!$R$2:$R$366,ROW(INDEX(Jesper!AI$2:AI$366,ROUNDDOWN($C4975/24,0)+1,1))-1)+IF('Standard Profiles'!$G$19=$B$10,7,0)+IF('Standard Profiles'!$G$19=$B$17,14,0)+IF('Standard Profiles'!$G$19=$B$24,21,0),0)),0)</f>
        <v>2.2808286813631815</v>
      </c>
      <c r="F4975" cm="1">
        <f t="array" ref="F4975">IFERROR(INDEX(Jesper!AJ$2:AJ$366,ROUNDDOWN($C4975/24,0)+1,1)*INDEX($D$3:$AA$30,INDEX(Jesper!$R$2:$R$366,ROW(INDEX(Jesper!AJ$2:AJ$366,ROUNDDOWN($C4975/24,0)+1,1))-1)+IF('Standard Profiles'!$G$20=$B$10,7,0)+IF('Standard Profiles'!$G$20=$B$17,14,0)+IF('Standard Profiles'!$G$20=$B$24,21,0),MOD($C4975,24)+1)/SUM(INDEX($D$3:$AA$30,INDEX(Jesper!$R$2:$R$366,ROW(INDEX(Jesper!AJ$2:AJ$366,ROUNDDOWN($C4975/24,0)+1,1))-1)+IF('Standard Profiles'!$G$20=$B$10,7,0)+IF('Standard Profiles'!$G$20=$B$17,14,0)+IF('Standard Profiles'!$G$20=$B$24,21,0),0)),0)</f>
        <v>0</v>
      </c>
      <c r="G4975" cm="1">
        <f t="array" ref="G4975">IFERROR(INDEX(Jesper!AK$2:AK$366,ROUNDDOWN($C4975/24,0)+1,1)*INDEX($D$3:$AA$30,INDEX(Jesper!$R$2:$R$366,ROW(INDEX(Jesper!AK$2:AK$366,ROUNDDOWN($C4975/24,0)+1,1))-1)+IF('Standard Profiles'!$G$21=$B$10,7,0)+IF('Standard Profiles'!$G$21=$B$17,14,0)+IF('Standard Profiles'!$G$21=$B$24,21,0),MOD($C4975,24)+1)/SUM(INDEX($D$3:$AA$30,INDEX(Jesper!$R$2:$R$366,ROW(INDEX(Jesper!AK$2:AK$366,ROUNDDOWN($C4975/24,0)+1,1))-1)+IF('Standard Profiles'!$G$21=$B$10,7,0)+IF('Standard Profiles'!$G$21=$B$17,14,0)+IF('Standard Profiles'!$G$21=$B$24,21,0),0)),0)</f>
        <v>0.20590667590134887</v>
      </c>
      <c r="H4975" cm="1">
        <f t="array" ref="H4975">IFERROR(INDEX(Jesper!AL$2:AL$366,ROUNDDOWN($C4975/24,0)+1,1)*INDEX($D$3:$AA$30,INDEX(Jesper!$R$2:$R$366,ROW(INDEX(Jesper!AL$2:AL$366,ROUNDDOWN($C4975/24,0)+1,1))-1)+IF('Standard Profiles'!$G$22=$B$10,7,0)+IF('Standard Profiles'!$G$22=$B$17,14,0)+IF('Standard Profiles'!$G$22=$B$24,21,0),MOD($C4975,24)+1)/SUM(INDEX($D$3:$AA$30,INDEX(Jesper!$R$2:$R$366,ROW(INDEX(Jesper!AL$2:AL$366,ROUNDDOWN($C4975/24,0)+1,1))-1)+IF('Standard Profiles'!$G$22=$B$10,7,0)+IF('Standard Profiles'!$G$22=$B$17,14,0)+IF('Standard Profiles'!$G$22=$B$24,21,0),0)),0)</f>
        <v>0</v>
      </c>
      <c r="I4975">
        <f t="shared" si="559"/>
        <v>9.8835204432647414E-2</v>
      </c>
      <c r="J4975">
        <f t="shared" si="560"/>
        <v>6.9140528086244997</v>
      </c>
      <c r="K4975">
        <f t="shared" si="561"/>
        <v>0.57474954359271324</v>
      </c>
      <c r="L4975">
        <f t="shared" si="562"/>
        <v>0.28737477179635662</v>
      </c>
      <c r="M4975">
        <f t="shared" si="563"/>
        <v>0</v>
      </c>
      <c r="N4975" s="45">
        <f t="shared" si="564"/>
        <v>45132.874999988016</v>
      </c>
    </row>
    <row r="4976" spans="2:14" x14ac:dyDescent="0.25">
      <c r="B4976">
        <f t="shared" si="558"/>
        <v>2</v>
      </c>
      <c r="C4976" s="16">
        <v>4942</v>
      </c>
      <c r="D4976" cm="1">
        <f t="array" ref="D4976">IFERROR(INDEX(Jesper!AH$2:AH$366,ROUNDDOWN($C4976/24,0)+1,1)*INDEX($D$3:$AA$30,INDEX(Jesper!$R$2:$R$366,ROW(INDEX(Jesper!AH$2:AH$366,ROUNDDOWN($C4976/24,0)+1,1))-1)+IF('Standard Profiles'!$G$18=$B$10,7,0)+IF('Standard Profiles'!$G$18=$B$17,14,0)+IF('Standard Profiles'!$G$18=$B$24,21,0),MOD($C4976,24)+1)/SUM(INDEX($D$3:$AA$30,INDEX(Jesper!$R$2:$R$366,ROW(INDEX(Jesper!AH$2:AH$366,ROUNDDOWN($C4976/24,0)+1,1))-1)+IF('Standard Profiles'!$G$18=$B$10,7,0)+IF('Standard Profiles'!$G$18=$B$17,14,0)+IF('Standard Profiles'!$G$18=$B$24,21,0),0)),0)</f>
        <v>5.3882769711816865</v>
      </c>
      <c r="E4976" cm="1">
        <f t="array" ref="E4976">IFERROR(INDEX(Jesper!AI$2:AI$366,ROUNDDOWN($C4976/24,0)+1,1)*INDEX($D$3:$AA$30,INDEX(Jesper!$R$2:$R$366,ROW(INDEX(Jesper!AI$2:AI$366,ROUNDDOWN($C4976/24,0)+1,1))-1)+IF('Standard Profiles'!$G$19=$B$10,7,0)+IF('Standard Profiles'!$G$19=$B$17,14,0)+IF('Standard Profiles'!$G$19=$B$24,21,0),MOD($C4976,24)+1)/SUM(INDEX($D$3:$AA$30,INDEX(Jesper!$R$2:$R$366,ROW(INDEX(Jesper!AI$2:AI$366,ROUNDDOWN($C4976/24,0)+1,1))-1)+IF('Standard Profiles'!$G$19=$B$10,7,0)+IF('Standard Profiles'!$G$19=$B$17,14,0)+IF('Standard Profiles'!$G$19=$B$24,21,0),0)),0)</f>
        <v>2.2808286813631815</v>
      </c>
      <c r="F4976" cm="1">
        <f t="array" ref="F4976">IFERROR(INDEX(Jesper!AJ$2:AJ$366,ROUNDDOWN($C4976/24,0)+1,1)*INDEX($D$3:$AA$30,INDEX(Jesper!$R$2:$R$366,ROW(INDEX(Jesper!AJ$2:AJ$366,ROUNDDOWN($C4976/24,0)+1,1))-1)+IF('Standard Profiles'!$G$20=$B$10,7,0)+IF('Standard Profiles'!$G$20=$B$17,14,0)+IF('Standard Profiles'!$G$20=$B$24,21,0),MOD($C4976,24)+1)/SUM(INDEX($D$3:$AA$30,INDEX(Jesper!$R$2:$R$366,ROW(INDEX(Jesper!AJ$2:AJ$366,ROUNDDOWN($C4976/24,0)+1,1))-1)+IF('Standard Profiles'!$G$20=$B$10,7,0)+IF('Standard Profiles'!$G$20=$B$17,14,0)+IF('Standard Profiles'!$G$20=$B$24,21,0),0)),0)</f>
        <v>0</v>
      </c>
      <c r="G4976" cm="1">
        <f t="array" ref="G4976">IFERROR(INDEX(Jesper!AK$2:AK$366,ROUNDDOWN($C4976/24,0)+1,1)*INDEX($D$3:$AA$30,INDEX(Jesper!$R$2:$R$366,ROW(INDEX(Jesper!AK$2:AK$366,ROUNDDOWN($C4976/24,0)+1,1))-1)+IF('Standard Profiles'!$G$21=$B$10,7,0)+IF('Standard Profiles'!$G$21=$B$17,14,0)+IF('Standard Profiles'!$G$21=$B$24,21,0),MOD($C4976,24)+1)/SUM(INDEX($D$3:$AA$30,INDEX(Jesper!$R$2:$R$366,ROW(INDEX(Jesper!AK$2:AK$366,ROUNDDOWN($C4976/24,0)+1,1))-1)+IF('Standard Profiles'!$G$21=$B$10,7,0)+IF('Standard Profiles'!$G$21=$B$17,14,0)+IF('Standard Profiles'!$G$21=$B$24,21,0),0)),0)</f>
        <v>0.20590667590134887</v>
      </c>
      <c r="H4976" cm="1">
        <f t="array" ref="H4976">IFERROR(INDEX(Jesper!AL$2:AL$366,ROUNDDOWN($C4976/24,0)+1,1)*INDEX($D$3:$AA$30,INDEX(Jesper!$R$2:$R$366,ROW(INDEX(Jesper!AL$2:AL$366,ROUNDDOWN($C4976/24,0)+1,1))-1)+IF('Standard Profiles'!$G$22=$B$10,7,0)+IF('Standard Profiles'!$G$22=$B$17,14,0)+IF('Standard Profiles'!$G$22=$B$24,21,0),MOD($C4976,24)+1)/SUM(INDEX($D$3:$AA$30,INDEX(Jesper!$R$2:$R$366,ROW(INDEX(Jesper!AL$2:AL$366,ROUNDDOWN($C4976/24,0)+1,1))-1)+IF('Standard Profiles'!$G$22=$B$10,7,0)+IF('Standard Profiles'!$G$22=$B$17,14,0)+IF('Standard Profiles'!$G$22=$B$24,21,0),0)),0)</f>
        <v>0</v>
      </c>
      <c r="I4976">
        <f t="shared" si="559"/>
        <v>9.8835204432647414E-2</v>
      </c>
      <c r="J4976">
        <f t="shared" si="560"/>
        <v>6.9140528086244997</v>
      </c>
      <c r="K4976">
        <f t="shared" si="561"/>
        <v>0.57474954359271324</v>
      </c>
      <c r="L4976">
        <f t="shared" si="562"/>
        <v>0.28737477179635662</v>
      </c>
      <c r="M4976">
        <f t="shared" si="563"/>
        <v>0</v>
      </c>
      <c r="N4976" s="45">
        <f t="shared" si="564"/>
        <v>45132.916666654681</v>
      </c>
    </row>
    <row r="4977" spans="2:14" x14ac:dyDescent="0.25">
      <c r="B4977">
        <f t="shared" si="558"/>
        <v>2</v>
      </c>
      <c r="C4977" s="16">
        <v>4943</v>
      </c>
      <c r="D4977" cm="1">
        <f t="array" ref="D4977">IFERROR(INDEX(Jesper!AH$2:AH$366,ROUNDDOWN($C4977/24,0)+1,1)*INDEX($D$3:$AA$30,INDEX(Jesper!$R$2:$R$366,ROW(INDEX(Jesper!AH$2:AH$366,ROUNDDOWN($C4977/24,0)+1,1))-1)+IF('Standard Profiles'!$G$18=$B$10,7,0)+IF('Standard Profiles'!$G$18=$B$17,14,0)+IF('Standard Profiles'!$G$18=$B$24,21,0),MOD($C4977,24)+1)/SUM(INDEX($D$3:$AA$30,INDEX(Jesper!$R$2:$R$366,ROW(INDEX(Jesper!AH$2:AH$366,ROUNDDOWN($C4977/24,0)+1,1))-1)+IF('Standard Profiles'!$G$18=$B$10,7,0)+IF('Standard Profiles'!$G$18=$B$17,14,0)+IF('Standard Profiles'!$G$18=$B$24,21,0),0)),0)</f>
        <v>5.3882769711816865</v>
      </c>
      <c r="E4977" cm="1">
        <f t="array" ref="E4977">IFERROR(INDEX(Jesper!AI$2:AI$366,ROUNDDOWN($C4977/24,0)+1,1)*INDEX($D$3:$AA$30,INDEX(Jesper!$R$2:$R$366,ROW(INDEX(Jesper!AI$2:AI$366,ROUNDDOWN($C4977/24,0)+1,1))-1)+IF('Standard Profiles'!$G$19=$B$10,7,0)+IF('Standard Profiles'!$G$19=$B$17,14,0)+IF('Standard Profiles'!$G$19=$B$24,21,0),MOD($C4977,24)+1)/SUM(INDEX($D$3:$AA$30,INDEX(Jesper!$R$2:$R$366,ROW(INDEX(Jesper!AI$2:AI$366,ROUNDDOWN($C4977/24,0)+1,1))-1)+IF('Standard Profiles'!$G$19=$B$10,7,0)+IF('Standard Profiles'!$G$19=$B$17,14,0)+IF('Standard Profiles'!$G$19=$B$24,21,0),0)),0)</f>
        <v>2.2808286813631815</v>
      </c>
      <c r="F4977" cm="1">
        <f t="array" ref="F4977">IFERROR(INDEX(Jesper!AJ$2:AJ$366,ROUNDDOWN($C4977/24,0)+1,1)*INDEX($D$3:$AA$30,INDEX(Jesper!$R$2:$R$366,ROW(INDEX(Jesper!AJ$2:AJ$366,ROUNDDOWN($C4977/24,0)+1,1))-1)+IF('Standard Profiles'!$G$20=$B$10,7,0)+IF('Standard Profiles'!$G$20=$B$17,14,0)+IF('Standard Profiles'!$G$20=$B$24,21,0),MOD($C4977,24)+1)/SUM(INDEX($D$3:$AA$30,INDEX(Jesper!$R$2:$R$366,ROW(INDEX(Jesper!AJ$2:AJ$366,ROUNDDOWN($C4977/24,0)+1,1))-1)+IF('Standard Profiles'!$G$20=$B$10,7,0)+IF('Standard Profiles'!$G$20=$B$17,14,0)+IF('Standard Profiles'!$G$20=$B$24,21,0),0)),0)</f>
        <v>0</v>
      </c>
      <c r="G4977" cm="1">
        <f t="array" ref="G4977">IFERROR(INDEX(Jesper!AK$2:AK$366,ROUNDDOWN($C4977/24,0)+1,1)*INDEX($D$3:$AA$30,INDEX(Jesper!$R$2:$R$366,ROW(INDEX(Jesper!AK$2:AK$366,ROUNDDOWN($C4977/24,0)+1,1))-1)+IF('Standard Profiles'!$G$21=$B$10,7,0)+IF('Standard Profiles'!$G$21=$B$17,14,0)+IF('Standard Profiles'!$G$21=$B$24,21,0),MOD($C4977,24)+1)/SUM(INDEX($D$3:$AA$30,INDEX(Jesper!$R$2:$R$366,ROW(INDEX(Jesper!AK$2:AK$366,ROUNDDOWN($C4977/24,0)+1,1))-1)+IF('Standard Profiles'!$G$21=$B$10,7,0)+IF('Standard Profiles'!$G$21=$B$17,14,0)+IF('Standard Profiles'!$G$21=$B$24,21,0),0)),0)</f>
        <v>0.20590667590134887</v>
      </c>
      <c r="H4977" cm="1">
        <f t="array" ref="H4977">IFERROR(INDEX(Jesper!AL$2:AL$366,ROUNDDOWN($C4977/24,0)+1,1)*INDEX($D$3:$AA$30,INDEX(Jesper!$R$2:$R$366,ROW(INDEX(Jesper!AL$2:AL$366,ROUNDDOWN($C4977/24,0)+1,1))-1)+IF('Standard Profiles'!$G$22=$B$10,7,0)+IF('Standard Profiles'!$G$22=$B$17,14,0)+IF('Standard Profiles'!$G$22=$B$24,21,0),MOD($C4977,24)+1)/SUM(INDEX($D$3:$AA$30,INDEX(Jesper!$R$2:$R$366,ROW(INDEX(Jesper!AL$2:AL$366,ROUNDDOWN($C4977/24,0)+1,1))-1)+IF('Standard Profiles'!$G$22=$B$10,7,0)+IF('Standard Profiles'!$G$22=$B$17,14,0)+IF('Standard Profiles'!$G$22=$B$24,21,0),0)),0)</f>
        <v>0</v>
      </c>
      <c r="I4977">
        <f t="shared" si="559"/>
        <v>9.8835204432647414E-2</v>
      </c>
      <c r="J4977">
        <f t="shared" si="560"/>
        <v>6.9140528086244997</v>
      </c>
      <c r="K4977">
        <f t="shared" si="561"/>
        <v>0.57474954359271324</v>
      </c>
      <c r="L4977">
        <f t="shared" si="562"/>
        <v>0.28737477179635662</v>
      </c>
      <c r="M4977">
        <f t="shared" si="563"/>
        <v>0</v>
      </c>
      <c r="N4977" s="45">
        <f t="shared" si="564"/>
        <v>45132.958333321345</v>
      </c>
    </row>
    <row r="4978" spans="2:14" x14ac:dyDescent="0.25">
      <c r="B4978">
        <f t="shared" si="558"/>
        <v>3</v>
      </c>
      <c r="C4978" s="16">
        <v>4944</v>
      </c>
      <c r="D4978" cm="1">
        <f t="array" ref="D4978">IFERROR(INDEX(Jesper!AH$2:AH$366,ROUNDDOWN($C4978/24,0)+1,1)*INDEX($D$3:$AA$30,INDEX(Jesper!$R$2:$R$366,ROW(INDEX(Jesper!AH$2:AH$366,ROUNDDOWN($C4978/24,0)+1,1))-1)+IF('Standard Profiles'!$G$18=$B$10,7,0)+IF('Standard Profiles'!$G$18=$B$17,14,0)+IF('Standard Profiles'!$G$18=$B$24,21,0),MOD($C4978,24)+1)/SUM(INDEX($D$3:$AA$30,INDEX(Jesper!$R$2:$R$366,ROW(INDEX(Jesper!AH$2:AH$366,ROUNDDOWN($C4978/24,0)+1,1))-1)+IF('Standard Profiles'!$G$18=$B$10,7,0)+IF('Standard Profiles'!$G$18=$B$17,14,0)+IF('Standard Profiles'!$G$18=$B$24,21,0),0)),0)</f>
        <v>5.4563613683993681</v>
      </c>
      <c r="E4978" cm="1">
        <f t="array" ref="E4978">IFERROR(INDEX(Jesper!AI$2:AI$366,ROUNDDOWN($C4978/24,0)+1,1)*INDEX($D$3:$AA$30,INDEX(Jesper!$R$2:$R$366,ROW(INDEX(Jesper!AI$2:AI$366,ROUNDDOWN($C4978/24,0)+1,1))-1)+IF('Standard Profiles'!$G$19=$B$10,7,0)+IF('Standard Profiles'!$G$19=$B$17,14,0)+IF('Standard Profiles'!$G$19=$B$24,21,0),MOD($C4978,24)+1)/SUM(INDEX($D$3:$AA$30,INDEX(Jesper!$R$2:$R$366,ROW(INDEX(Jesper!AI$2:AI$366,ROUNDDOWN($C4978/24,0)+1,1))-1)+IF('Standard Profiles'!$G$19=$B$10,7,0)+IF('Standard Profiles'!$G$19=$B$17,14,0)+IF('Standard Profiles'!$G$19=$B$24,21,0),0)),0)</f>
        <v>2.4736025535037585</v>
      </c>
      <c r="F4978" cm="1">
        <f t="array" ref="F4978">IFERROR(INDEX(Jesper!AJ$2:AJ$366,ROUNDDOWN($C4978/24,0)+1,1)*INDEX($D$3:$AA$30,INDEX(Jesper!$R$2:$R$366,ROW(INDEX(Jesper!AJ$2:AJ$366,ROUNDDOWN($C4978/24,0)+1,1))-1)+IF('Standard Profiles'!$G$20=$B$10,7,0)+IF('Standard Profiles'!$G$20=$B$17,14,0)+IF('Standard Profiles'!$G$20=$B$24,21,0),MOD($C4978,24)+1)/SUM(INDEX($D$3:$AA$30,INDEX(Jesper!$R$2:$R$366,ROW(INDEX(Jesper!AJ$2:AJ$366,ROUNDDOWN($C4978/24,0)+1,1))-1)+IF('Standard Profiles'!$G$20=$B$10,7,0)+IF('Standard Profiles'!$G$20=$B$17,14,0)+IF('Standard Profiles'!$G$20=$B$24,21,0),0)),0)</f>
        <v>0</v>
      </c>
      <c r="G4978" cm="1">
        <f t="array" ref="G4978">IFERROR(INDEX(Jesper!AK$2:AK$366,ROUNDDOWN($C4978/24,0)+1,1)*INDEX($D$3:$AA$30,INDEX(Jesper!$R$2:$R$366,ROW(INDEX(Jesper!AK$2:AK$366,ROUNDDOWN($C4978/24,0)+1,1))-1)+IF('Standard Profiles'!$G$21=$B$10,7,0)+IF('Standard Profiles'!$G$21=$B$17,14,0)+IF('Standard Profiles'!$G$21=$B$24,21,0),MOD($C4978,24)+1)/SUM(INDEX($D$3:$AA$30,INDEX(Jesper!$R$2:$R$366,ROW(INDEX(Jesper!AK$2:AK$366,ROUNDDOWN($C4978/24,0)+1,1))-1)+IF('Standard Profiles'!$G$21=$B$10,7,0)+IF('Standard Profiles'!$G$21=$B$17,14,0)+IF('Standard Profiles'!$G$21=$B$24,21,0),0)),0)</f>
        <v>0.50601867003019063</v>
      </c>
      <c r="H4978" cm="1">
        <f t="array" ref="H4978">IFERROR(INDEX(Jesper!AL$2:AL$366,ROUNDDOWN($C4978/24,0)+1,1)*INDEX($D$3:$AA$30,INDEX(Jesper!$R$2:$R$366,ROW(INDEX(Jesper!AL$2:AL$366,ROUNDDOWN($C4978/24,0)+1,1))-1)+IF('Standard Profiles'!$G$22=$B$10,7,0)+IF('Standard Profiles'!$G$22=$B$17,14,0)+IF('Standard Profiles'!$G$22=$B$24,21,0),MOD($C4978,24)+1)/SUM(INDEX($D$3:$AA$30,INDEX(Jesper!$R$2:$R$366,ROW(INDEX(Jesper!AL$2:AL$366,ROUNDDOWN($C4978/24,0)+1,1))-1)+IF('Standard Profiles'!$G$22=$B$10,7,0)+IF('Standard Profiles'!$G$22=$B$17,14,0)+IF('Standard Profiles'!$G$22=$B$24,21,0),0)),0)</f>
        <v>0</v>
      </c>
      <c r="I4978">
        <f t="shared" si="559"/>
        <v>0.24288896161449139</v>
      </c>
      <c r="J4978">
        <f t="shared" si="560"/>
        <v>7.3200758113749265</v>
      </c>
      <c r="K4978">
        <f t="shared" si="561"/>
        <v>0.58201187929593268</v>
      </c>
      <c r="L4978">
        <f t="shared" si="562"/>
        <v>0.29100593964796634</v>
      </c>
      <c r="M4978">
        <f t="shared" si="563"/>
        <v>0</v>
      </c>
      <c r="N4978" s="45">
        <f t="shared" si="564"/>
        <v>45132.999999988009</v>
      </c>
    </row>
    <row r="4979" spans="2:14" x14ac:dyDescent="0.25">
      <c r="B4979">
        <f t="shared" si="558"/>
        <v>3</v>
      </c>
      <c r="C4979" s="16">
        <v>4945</v>
      </c>
      <c r="D4979" cm="1">
        <f t="array" ref="D4979">IFERROR(INDEX(Jesper!AH$2:AH$366,ROUNDDOWN($C4979/24,0)+1,1)*INDEX($D$3:$AA$30,INDEX(Jesper!$R$2:$R$366,ROW(INDEX(Jesper!AH$2:AH$366,ROUNDDOWN($C4979/24,0)+1,1))-1)+IF('Standard Profiles'!$G$18=$B$10,7,0)+IF('Standard Profiles'!$G$18=$B$17,14,0)+IF('Standard Profiles'!$G$18=$B$24,21,0),MOD($C4979,24)+1)/SUM(INDEX($D$3:$AA$30,INDEX(Jesper!$R$2:$R$366,ROW(INDEX(Jesper!AH$2:AH$366,ROUNDDOWN($C4979/24,0)+1,1))-1)+IF('Standard Profiles'!$G$18=$B$10,7,0)+IF('Standard Profiles'!$G$18=$B$17,14,0)+IF('Standard Profiles'!$G$18=$B$24,21,0),0)),0)</f>
        <v>5.4563613683993681</v>
      </c>
      <c r="E4979" cm="1">
        <f t="array" ref="E4979">IFERROR(INDEX(Jesper!AI$2:AI$366,ROUNDDOWN($C4979/24,0)+1,1)*INDEX($D$3:$AA$30,INDEX(Jesper!$R$2:$R$366,ROW(INDEX(Jesper!AI$2:AI$366,ROUNDDOWN($C4979/24,0)+1,1))-1)+IF('Standard Profiles'!$G$19=$B$10,7,0)+IF('Standard Profiles'!$G$19=$B$17,14,0)+IF('Standard Profiles'!$G$19=$B$24,21,0),MOD($C4979,24)+1)/SUM(INDEX($D$3:$AA$30,INDEX(Jesper!$R$2:$R$366,ROW(INDEX(Jesper!AI$2:AI$366,ROUNDDOWN($C4979/24,0)+1,1))-1)+IF('Standard Profiles'!$G$19=$B$10,7,0)+IF('Standard Profiles'!$G$19=$B$17,14,0)+IF('Standard Profiles'!$G$19=$B$24,21,0),0)),0)</f>
        <v>2.4736025535037585</v>
      </c>
      <c r="F4979" cm="1">
        <f t="array" ref="F4979">IFERROR(INDEX(Jesper!AJ$2:AJ$366,ROUNDDOWN($C4979/24,0)+1,1)*INDEX($D$3:$AA$30,INDEX(Jesper!$R$2:$R$366,ROW(INDEX(Jesper!AJ$2:AJ$366,ROUNDDOWN($C4979/24,0)+1,1))-1)+IF('Standard Profiles'!$G$20=$B$10,7,0)+IF('Standard Profiles'!$G$20=$B$17,14,0)+IF('Standard Profiles'!$G$20=$B$24,21,0),MOD($C4979,24)+1)/SUM(INDEX($D$3:$AA$30,INDEX(Jesper!$R$2:$R$366,ROW(INDEX(Jesper!AJ$2:AJ$366,ROUNDDOWN($C4979/24,0)+1,1))-1)+IF('Standard Profiles'!$G$20=$B$10,7,0)+IF('Standard Profiles'!$G$20=$B$17,14,0)+IF('Standard Profiles'!$G$20=$B$24,21,0),0)),0)</f>
        <v>0</v>
      </c>
      <c r="G4979" cm="1">
        <f t="array" ref="G4979">IFERROR(INDEX(Jesper!AK$2:AK$366,ROUNDDOWN($C4979/24,0)+1,1)*INDEX($D$3:$AA$30,INDEX(Jesper!$R$2:$R$366,ROW(INDEX(Jesper!AK$2:AK$366,ROUNDDOWN($C4979/24,0)+1,1))-1)+IF('Standard Profiles'!$G$21=$B$10,7,0)+IF('Standard Profiles'!$G$21=$B$17,14,0)+IF('Standard Profiles'!$G$21=$B$24,21,0),MOD($C4979,24)+1)/SUM(INDEX($D$3:$AA$30,INDEX(Jesper!$R$2:$R$366,ROW(INDEX(Jesper!AK$2:AK$366,ROUNDDOWN($C4979/24,0)+1,1))-1)+IF('Standard Profiles'!$G$21=$B$10,7,0)+IF('Standard Profiles'!$G$21=$B$17,14,0)+IF('Standard Profiles'!$G$21=$B$24,21,0),0)),0)</f>
        <v>0.50601867003019063</v>
      </c>
      <c r="H4979" cm="1">
        <f t="array" ref="H4979">IFERROR(INDEX(Jesper!AL$2:AL$366,ROUNDDOWN($C4979/24,0)+1,1)*INDEX($D$3:$AA$30,INDEX(Jesper!$R$2:$R$366,ROW(INDEX(Jesper!AL$2:AL$366,ROUNDDOWN($C4979/24,0)+1,1))-1)+IF('Standard Profiles'!$G$22=$B$10,7,0)+IF('Standard Profiles'!$G$22=$B$17,14,0)+IF('Standard Profiles'!$G$22=$B$24,21,0),MOD($C4979,24)+1)/SUM(INDEX($D$3:$AA$30,INDEX(Jesper!$R$2:$R$366,ROW(INDEX(Jesper!AL$2:AL$366,ROUNDDOWN($C4979/24,0)+1,1))-1)+IF('Standard Profiles'!$G$22=$B$10,7,0)+IF('Standard Profiles'!$G$22=$B$17,14,0)+IF('Standard Profiles'!$G$22=$B$24,21,0),0)),0)</f>
        <v>0</v>
      </c>
      <c r="I4979">
        <f t="shared" si="559"/>
        <v>0.24288896161449139</v>
      </c>
      <c r="J4979">
        <f t="shared" si="560"/>
        <v>7.3200758113749265</v>
      </c>
      <c r="K4979">
        <f t="shared" si="561"/>
        <v>0.58201187929593268</v>
      </c>
      <c r="L4979">
        <f t="shared" si="562"/>
        <v>0.29100593964796634</v>
      </c>
      <c r="M4979">
        <f t="shared" si="563"/>
        <v>0</v>
      </c>
      <c r="N4979" s="45">
        <f t="shared" si="564"/>
        <v>45133.041666654673</v>
      </c>
    </row>
    <row r="4980" spans="2:14" x14ac:dyDescent="0.25">
      <c r="B4980">
        <f t="shared" si="558"/>
        <v>3</v>
      </c>
      <c r="C4980" s="16">
        <v>4946</v>
      </c>
      <c r="D4980" cm="1">
        <f t="array" ref="D4980">IFERROR(INDEX(Jesper!AH$2:AH$366,ROUNDDOWN($C4980/24,0)+1,1)*INDEX($D$3:$AA$30,INDEX(Jesper!$R$2:$R$366,ROW(INDEX(Jesper!AH$2:AH$366,ROUNDDOWN($C4980/24,0)+1,1))-1)+IF('Standard Profiles'!$G$18=$B$10,7,0)+IF('Standard Profiles'!$G$18=$B$17,14,0)+IF('Standard Profiles'!$G$18=$B$24,21,0),MOD($C4980,24)+1)/SUM(INDEX($D$3:$AA$30,INDEX(Jesper!$R$2:$R$366,ROW(INDEX(Jesper!AH$2:AH$366,ROUNDDOWN($C4980/24,0)+1,1))-1)+IF('Standard Profiles'!$G$18=$B$10,7,0)+IF('Standard Profiles'!$G$18=$B$17,14,0)+IF('Standard Profiles'!$G$18=$B$24,21,0),0)),0)</f>
        <v>5.4563613683993681</v>
      </c>
      <c r="E4980" cm="1">
        <f t="array" ref="E4980">IFERROR(INDEX(Jesper!AI$2:AI$366,ROUNDDOWN($C4980/24,0)+1,1)*INDEX($D$3:$AA$30,INDEX(Jesper!$R$2:$R$366,ROW(INDEX(Jesper!AI$2:AI$366,ROUNDDOWN($C4980/24,0)+1,1))-1)+IF('Standard Profiles'!$G$19=$B$10,7,0)+IF('Standard Profiles'!$G$19=$B$17,14,0)+IF('Standard Profiles'!$G$19=$B$24,21,0),MOD($C4980,24)+1)/SUM(INDEX($D$3:$AA$30,INDEX(Jesper!$R$2:$R$366,ROW(INDEX(Jesper!AI$2:AI$366,ROUNDDOWN($C4980/24,0)+1,1))-1)+IF('Standard Profiles'!$G$19=$B$10,7,0)+IF('Standard Profiles'!$G$19=$B$17,14,0)+IF('Standard Profiles'!$G$19=$B$24,21,0),0)),0)</f>
        <v>2.4736025535037585</v>
      </c>
      <c r="F4980" cm="1">
        <f t="array" ref="F4980">IFERROR(INDEX(Jesper!AJ$2:AJ$366,ROUNDDOWN($C4980/24,0)+1,1)*INDEX($D$3:$AA$30,INDEX(Jesper!$R$2:$R$366,ROW(INDEX(Jesper!AJ$2:AJ$366,ROUNDDOWN($C4980/24,0)+1,1))-1)+IF('Standard Profiles'!$G$20=$B$10,7,0)+IF('Standard Profiles'!$G$20=$B$17,14,0)+IF('Standard Profiles'!$G$20=$B$24,21,0),MOD($C4980,24)+1)/SUM(INDEX($D$3:$AA$30,INDEX(Jesper!$R$2:$R$366,ROW(INDEX(Jesper!AJ$2:AJ$366,ROUNDDOWN($C4980/24,0)+1,1))-1)+IF('Standard Profiles'!$G$20=$B$10,7,0)+IF('Standard Profiles'!$G$20=$B$17,14,0)+IF('Standard Profiles'!$G$20=$B$24,21,0),0)),0)</f>
        <v>0</v>
      </c>
      <c r="G4980" cm="1">
        <f t="array" ref="G4980">IFERROR(INDEX(Jesper!AK$2:AK$366,ROUNDDOWN($C4980/24,0)+1,1)*INDEX($D$3:$AA$30,INDEX(Jesper!$R$2:$R$366,ROW(INDEX(Jesper!AK$2:AK$366,ROUNDDOWN($C4980/24,0)+1,1))-1)+IF('Standard Profiles'!$G$21=$B$10,7,0)+IF('Standard Profiles'!$G$21=$B$17,14,0)+IF('Standard Profiles'!$G$21=$B$24,21,0),MOD($C4980,24)+1)/SUM(INDEX($D$3:$AA$30,INDEX(Jesper!$R$2:$R$366,ROW(INDEX(Jesper!AK$2:AK$366,ROUNDDOWN($C4980/24,0)+1,1))-1)+IF('Standard Profiles'!$G$21=$B$10,7,0)+IF('Standard Profiles'!$G$21=$B$17,14,0)+IF('Standard Profiles'!$G$21=$B$24,21,0),0)),0)</f>
        <v>0.50601867003019063</v>
      </c>
      <c r="H4980" cm="1">
        <f t="array" ref="H4980">IFERROR(INDEX(Jesper!AL$2:AL$366,ROUNDDOWN($C4980/24,0)+1,1)*INDEX($D$3:$AA$30,INDEX(Jesper!$R$2:$R$366,ROW(INDEX(Jesper!AL$2:AL$366,ROUNDDOWN($C4980/24,0)+1,1))-1)+IF('Standard Profiles'!$G$22=$B$10,7,0)+IF('Standard Profiles'!$G$22=$B$17,14,0)+IF('Standard Profiles'!$G$22=$B$24,21,0),MOD($C4980,24)+1)/SUM(INDEX($D$3:$AA$30,INDEX(Jesper!$R$2:$R$366,ROW(INDEX(Jesper!AL$2:AL$366,ROUNDDOWN($C4980/24,0)+1,1))-1)+IF('Standard Profiles'!$G$22=$B$10,7,0)+IF('Standard Profiles'!$G$22=$B$17,14,0)+IF('Standard Profiles'!$G$22=$B$24,21,0),0)),0)</f>
        <v>0</v>
      </c>
      <c r="I4980">
        <f t="shared" si="559"/>
        <v>0.24288896161449139</v>
      </c>
      <c r="J4980">
        <f t="shared" si="560"/>
        <v>7.3200758113749265</v>
      </c>
      <c r="K4980">
        <f t="shared" si="561"/>
        <v>0.58201187929593268</v>
      </c>
      <c r="L4980">
        <f t="shared" si="562"/>
        <v>0.29100593964796634</v>
      </c>
      <c r="M4980">
        <f t="shared" si="563"/>
        <v>0</v>
      </c>
      <c r="N4980" s="45">
        <f t="shared" si="564"/>
        <v>45133.083333321338</v>
      </c>
    </row>
    <row r="4981" spans="2:14" x14ac:dyDescent="0.25">
      <c r="B4981">
        <f t="shared" si="558"/>
        <v>3</v>
      </c>
      <c r="C4981" s="16">
        <v>4947</v>
      </c>
      <c r="D4981" cm="1">
        <f t="array" ref="D4981">IFERROR(INDEX(Jesper!AH$2:AH$366,ROUNDDOWN($C4981/24,0)+1,1)*INDEX($D$3:$AA$30,INDEX(Jesper!$R$2:$R$366,ROW(INDEX(Jesper!AH$2:AH$366,ROUNDDOWN($C4981/24,0)+1,1))-1)+IF('Standard Profiles'!$G$18=$B$10,7,0)+IF('Standard Profiles'!$G$18=$B$17,14,0)+IF('Standard Profiles'!$G$18=$B$24,21,0),MOD($C4981,24)+1)/SUM(INDEX($D$3:$AA$30,INDEX(Jesper!$R$2:$R$366,ROW(INDEX(Jesper!AH$2:AH$366,ROUNDDOWN($C4981/24,0)+1,1))-1)+IF('Standard Profiles'!$G$18=$B$10,7,0)+IF('Standard Profiles'!$G$18=$B$17,14,0)+IF('Standard Profiles'!$G$18=$B$24,21,0),0)),0)</f>
        <v>5.4563613683993681</v>
      </c>
      <c r="E4981" cm="1">
        <f t="array" ref="E4981">IFERROR(INDEX(Jesper!AI$2:AI$366,ROUNDDOWN($C4981/24,0)+1,1)*INDEX($D$3:$AA$30,INDEX(Jesper!$R$2:$R$366,ROW(INDEX(Jesper!AI$2:AI$366,ROUNDDOWN($C4981/24,0)+1,1))-1)+IF('Standard Profiles'!$G$19=$B$10,7,0)+IF('Standard Profiles'!$G$19=$B$17,14,0)+IF('Standard Profiles'!$G$19=$B$24,21,0),MOD($C4981,24)+1)/SUM(INDEX($D$3:$AA$30,INDEX(Jesper!$R$2:$R$366,ROW(INDEX(Jesper!AI$2:AI$366,ROUNDDOWN($C4981/24,0)+1,1))-1)+IF('Standard Profiles'!$G$19=$B$10,7,0)+IF('Standard Profiles'!$G$19=$B$17,14,0)+IF('Standard Profiles'!$G$19=$B$24,21,0),0)),0)</f>
        <v>2.4736025535037585</v>
      </c>
      <c r="F4981" cm="1">
        <f t="array" ref="F4981">IFERROR(INDEX(Jesper!AJ$2:AJ$366,ROUNDDOWN($C4981/24,0)+1,1)*INDEX($D$3:$AA$30,INDEX(Jesper!$R$2:$R$366,ROW(INDEX(Jesper!AJ$2:AJ$366,ROUNDDOWN($C4981/24,0)+1,1))-1)+IF('Standard Profiles'!$G$20=$B$10,7,0)+IF('Standard Profiles'!$G$20=$B$17,14,0)+IF('Standard Profiles'!$G$20=$B$24,21,0),MOD($C4981,24)+1)/SUM(INDEX($D$3:$AA$30,INDEX(Jesper!$R$2:$R$366,ROW(INDEX(Jesper!AJ$2:AJ$366,ROUNDDOWN($C4981/24,0)+1,1))-1)+IF('Standard Profiles'!$G$20=$B$10,7,0)+IF('Standard Profiles'!$G$20=$B$17,14,0)+IF('Standard Profiles'!$G$20=$B$24,21,0),0)),0)</f>
        <v>0</v>
      </c>
      <c r="G4981" cm="1">
        <f t="array" ref="G4981">IFERROR(INDEX(Jesper!AK$2:AK$366,ROUNDDOWN($C4981/24,0)+1,1)*INDEX($D$3:$AA$30,INDEX(Jesper!$R$2:$R$366,ROW(INDEX(Jesper!AK$2:AK$366,ROUNDDOWN($C4981/24,0)+1,1))-1)+IF('Standard Profiles'!$G$21=$B$10,7,0)+IF('Standard Profiles'!$G$21=$B$17,14,0)+IF('Standard Profiles'!$G$21=$B$24,21,0),MOD($C4981,24)+1)/SUM(INDEX($D$3:$AA$30,INDEX(Jesper!$R$2:$R$366,ROW(INDEX(Jesper!AK$2:AK$366,ROUNDDOWN($C4981/24,0)+1,1))-1)+IF('Standard Profiles'!$G$21=$B$10,7,0)+IF('Standard Profiles'!$G$21=$B$17,14,0)+IF('Standard Profiles'!$G$21=$B$24,21,0),0)),0)</f>
        <v>0.50601867003019063</v>
      </c>
      <c r="H4981" cm="1">
        <f t="array" ref="H4981">IFERROR(INDEX(Jesper!AL$2:AL$366,ROUNDDOWN($C4981/24,0)+1,1)*INDEX($D$3:$AA$30,INDEX(Jesper!$R$2:$R$366,ROW(INDEX(Jesper!AL$2:AL$366,ROUNDDOWN($C4981/24,0)+1,1))-1)+IF('Standard Profiles'!$G$22=$B$10,7,0)+IF('Standard Profiles'!$G$22=$B$17,14,0)+IF('Standard Profiles'!$G$22=$B$24,21,0),MOD($C4981,24)+1)/SUM(INDEX($D$3:$AA$30,INDEX(Jesper!$R$2:$R$366,ROW(INDEX(Jesper!AL$2:AL$366,ROUNDDOWN($C4981/24,0)+1,1))-1)+IF('Standard Profiles'!$G$22=$B$10,7,0)+IF('Standard Profiles'!$G$22=$B$17,14,0)+IF('Standard Profiles'!$G$22=$B$24,21,0),0)),0)</f>
        <v>0</v>
      </c>
      <c r="I4981">
        <f t="shared" si="559"/>
        <v>0.24288896161449139</v>
      </c>
      <c r="J4981">
        <f t="shared" si="560"/>
        <v>7.3200758113749265</v>
      </c>
      <c r="K4981">
        <f t="shared" si="561"/>
        <v>0.58201187929593268</v>
      </c>
      <c r="L4981">
        <f t="shared" si="562"/>
        <v>0.29100593964796634</v>
      </c>
      <c r="M4981">
        <f t="shared" si="563"/>
        <v>0</v>
      </c>
      <c r="N4981" s="45">
        <f t="shared" si="564"/>
        <v>45133.124999988002</v>
      </c>
    </row>
    <row r="4982" spans="2:14" x14ac:dyDescent="0.25">
      <c r="B4982">
        <f t="shared" si="558"/>
        <v>3</v>
      </c>
      <c r="C4982" s="16">
        <v>4948</v>
      </c>
      <c r="D4982" cm="1">
        <f t="array" ref="D4982">IFERROR(INDEX(Jesper!AH$2:AH$366,ROUNDDOWN($C4982/24,0)+1,1)*INDEX($D$3:$AA$30,INDEX(Jesper!$R$2:$R$366,ROW(INDEX(Jesper!AH$2:AH$366,ROUNDDOWN($C4982/24,0)+1,1))-1)+IF('Standard Profiles'!$G$18=$B$10,7,0)+IF('Standard Profiles'!$G$18=$B$17,14,0)+IF('Standard Profiles'!$G$18=$B$24,21,0),MOD($C4982,24)+1)/SUM(INDEX($D$3:$AA$30,INDEX(Jesper!$R$2:$R$366,ROW(INDEX(Jesper!AH$2:AH$366,ROUNDDOWN($C4982/24,0)+1,1))-1)+IF('Standard Profiles'!$G$18=$B$10,7,0)+IF('Standard Profiles'!$G$18=$B$17,14,0)+IF('Standard Profiles'!$G$18=$B$24,21,0),0)),0)</f>
        <v>5.4563613683993681</v>
      </c>
      <c r="E4982" cm="1">
        <f t="array" ref="E4982">IFERROR(INDEX(Jesper!AI$2:AI$366,ROUNDDOWN($C4982/24,0)+1,1)*INDEX($D$3:$AA$30,INDEX(Jesper!$R$2:$R$366,ROW(INDEX(Jesper!AI$2:AI$366,ROUNDDOWN($C4982/24,0)+1,1))-1)+IF('Standard Profiles'!$G$19=$B$10,7,0)+IF('Standard Profiles'!$G$19=$B$17,14,0)+IF('Standard Profiles'!$G$19=$B$24,21,0),MOD($C4982,24)+1)/SUM(INDEX($D$3:$AA$30,INDEX(Jesper!$R$2:$R$366,ROW(INDEX(Jesper!AI$2:AI$366,ROUNDDOWN($C4982/24,0)+1,1))-1)+IF('Standard Profiles'!$G$19=$B$10,7,0)+IF('Standard Profiles'!$G$19=$B$17,14,0)+IF('Standard Profiles'!$G$19=$B$24,21,0),0)),0)</f>
        <v>2.4736025535037585</v>
      </c>
      <c r="F4982" cm="1">
        <f t="array" ref="F4982">IFERROR(INDEX(Jesper!AJ$2:AJ$366,ROUNDDOWN($C4982/24,0)+1,1)*INDEX($D$3:$AA$30,INDEX(Jesper!$R$2:$R$366,ROW(INDEX(Jesper!AJ$2:AJ$366,ROUNDDOWN($C4982/24,0)+1,1))-1)+IF('Standard Profiles'!$G$20=$B$10,7,0)+IF('Standard Profiles'!$G$20=$B$17,14,0)+IF('Standard Profiles'!$G$20=$B$24,21,0),MOD($C4982,24)+1)/SUM(INDEX($D$3:$AA$30,INDEX(Jesper!$R$2:$R$366,ROW(INDEX(Jesper!AJ$2:AJ$366,ROUNDDOWN($C4982/24,0)+1,1))-1)+IF('Standard Profiles'!$G$20=$B$10,7,0)+IF('Standard Profiles'!$G$20=$B$17,14,0)+IF('Standard Profiles'!$G$20=$B$24,21,0),0)),0)</f>
        <v>0</v>
      </c>
      <c r="G4982" cm="1">
        <f t="array" ref="G4982">IFERROR(INDEX(Jesper!AK$2:AK$366,ROUNDDOWN($C4982/24,0)+1,1)*INDEX($D$3:$AA$30,INDEX(Jesper!$R$2:$R$366,ROW(INDEX(Jesper!AK$2:AK$366,ROUNDDOWN($C4982/24,0)+1,1))-1)+IF('Standard Profiles'!$G$21=$B$10,7,0)+IF('Standard Profiles'!$G$21=$B$17,14,0)+IF('Standard Profiles'!$G$21=$B$24,21,0),MOD($C4982,24)+1)/SUM(INDEX($D$3:$AA$30,INDEX(Jesper!$R$2:$R$366,ROW(INDEX(Jesper!AK$2:AK$366,ROUNDDOWN($C4982/24,0)+1,1))-1)+IF('Standard Profiles'!$G$21=$B$10,7,0)+IF('Standard Profiles'!$G$21=$B$17,14,0)+IF('Standard Profiles'!$G$21=$B$24,21,0),0)),0)</f>
        <v>0.50601867003019063</v>
      </c>
      <c r="H4982" cm="1">
        <f t="array" ref="H4982">IFERROR(INDEX(Jesper!AL$2:AL$366,ROUNDDOWN($C4982/24,0)+1,1)*INDEX($D$3:$AA$30,INDEX(Jesper!$R$2:$R$366,ROW(INDEX(Jesper!AL$2:AL$366,ROUNDDOWN($C4982/24,0)+1,1))-1)+IF('Standard Profiles'!$G$22=$B$10,7,0)+IF('Standard Profiles'!$G$22=$B$17,14,0)+IF('Standard Profiles'!$G$22=$B$24,21,0),MOD($C4982,24)+1)/SUM(INDEX($D$3:$AA$30,INDEX(Jesper!$R$2:$R$366,ROW(INDEX(Jesper!AL$2:AL$366,ROUNDDOWN($C4982/24,0)+1,1))-1)+IF('Standard Profiles'!$G$22=$B$10,7,0)+IF('Standard Profiles'!$G$22=$B$17,14,0)+IF('Standard Profiles'!$G$22=$B$24,21,0),0)),0)</f>
        <v>0</v>
      </c>
      <c r="I4982">
        <f t="shared" si="559"/>
        <v>0.24288896161449139</v>
      </c>
      <c r="J4982">
        <f t="shared" si="560"/>
        <v>7.3200758113749265</v>
      </c>
      <c r="K4982">
        <f t="shared" si="561"/>
        <v>0.58201187929593268</v>
      </c>
      <c r="L4982">
        <f t="shared" si="562"/>
        <v>0.29100593964796634</v>
      </c>
      <c r="M4982">
        <f t="shared" si="563"/>
        <v>0</v>
      </c>
      <c r="N4982" s="45">
        <f t="shared" si="564"/>
        <v>45133.166666654666</v>
      </c>
    </row>
    <row r="4983" spans="2:14" x14ac:dyDescent="0.25">
      <c r="B4983">
        <f t="shared" si="558"/>
        <v>3</v>
      </c>
      <c r="C4983" s="16">
        <v>4949</v>
      </c>
      <c r="D4983" cm="1">
        <f t="array" ref="D4983">IFERROR(INDEX(Jesper!AH$2:AH$366,ROUNDDOWN($C4983/24,0)+1,1)*INDEX($D$3:$AA$30,INDEX(Jesper!$R$2:$R$366,ROW(INDEX(Jesper!AH$2:AH$366,ROUNDDOWN($C4983/24,0)+1,1))-1)+IF('Standard Profiles'!$G$18=$B$10,7,0)+IF('Standard Profiles'!$G$18=$B$17,14,0)+IF('Standard Profiles'!$G$18=$B$24,21,0),MOD($C4983,24)+1)/SUM(INDEX($D$3:$AA$30,INDEX(Jesper!$R$2:$R$366,ROW(INDEX(Jesper!AH$2:AH$366,ROUNDDOWN($C4983/24,0)+1,1))-1)+IF('Standard Profiles'!$G$18=$B$10,7,0)+IF('Standard Profiles'!$G$18=$B$17,14,0)+IF('Standard Profiles'!$G$18=$B$24,21,0),0)),0)</f>
        <v>5.4563613683993681</v>
      </c>
      <c r="E4983" cm="1">
        <f t="array" ref="E4983">IFERROR(INDEX(Jesper!AI$2:AI$366,ROUNDDOWN($C4983/24,0)+1,1)*INDEX($D$3:$AA$30,INDEX(Jesper!$R$2:$R$366,ROW(INDEX(Jesper!AI$2:AI$366,ROUNDDOWN($C4983/24,0)+1,1))-1)+IF('Standard Profiles'!$G$19=$B$10,7,0)+IF('Standard Profiles'!$G$19=$B$17,14,0)+IF('Standard Profiles'!$G$19=$B$24,21,0),MOD($C4983,24)+1)/SUM(INDEX($D$3:$AA$30,INDEX(Jesper!$R$2:$R$366,ROW(INDEX(Jesper!AI$2:AI$366,ROUNDDOWN($C4983/24,0)+1,1))-1)+IF('Standard Profiles'!$G$19=$B$10,7,0)+IF('Standard Profiles'!$G$19=$B$17,14,0)+IF('Standard Profiles'!$G$19=$B$24,21,0),0)),0)</f>
        <v>2.4736025535037585</v>
      </c>
      <c r="F4983" cm="1">
        <f t="array" ref="F4983">IFERROR(INDEX(Jesper!AJ$2:AJ$366,ROUNDDOWN($C4983/24,0)+1,1)*INDEX($D$3:$AA$30,INDEX(Jesper!$R$2:$R$366,ROW(INDEX(Jesper!AJ$2:AJ$366,ROUNDDOWN($C4983/24,0)+1,1))-1)+IF('Standard Profiles'!$G$20=$B$10,7,0)+IF('Standard Profiles'!$G$20=$B$17,14,0)+IF('Standard Profiles'!$G$20=$B$24,21,0),MOD($C4983,24)+1)/SUM(INDEX($D$3:$AA$30,INDEX(Jesper!$R$2:$R$366,ROW(INDEX(Jesper!AJ$2:AJ$366,ROUNDDOWN($C4983/24,0)+1,1))-1)+IF('Standard Profiles'!$G$20=$B$10,7,0)+IF('Standard Profiles'!$G$20=$B$17,14,0)+IF('Standard Profiles'!$G$20=$B$24,21,0),0)),0)</f>
        <v>0</v>
      </c>
      <c r="G4983" cm="1">
        <f t="array" ref="G4983">IFERROR(INDEX(Jesper!AK$2:AK$366,ROUNDDOWN($C4983/24,0)+1,1)*INDEX($D$3:$AA$30,INDEX(Jesper!$R$2:$R$366,ROW(INDEX(Jesper!AK$2:AK$366,ROUNDDOWN($C4983/24,0)+1,1))-1)+IF('Standard Profiles'!$G$21=$B$10,7,0)+IF('Standard Profiles'!$G$21=$B$17,14,0)+IF('Standard Profiles'!$G$21=$B$24,21,0),MOD($C4983,24)+1)/SUM(INDEX($D$3:$AA$30,INDEX(Jesper!$R$2:$R$366,ROW(INDEX(Jesper!AK$2:AK$366,ROUNDDOWN($C4983/24,0)+1,1))-1)+IF('Standard Profiles'!$G$21=$B$10,7,0)+IF('Standard Profiles'!$G$21=$B$17,14,0)+IF('Standard Profiles'!$G$21=$B$24,21,0),0)),0)</f>
        <v>0.50601867003019063</v>
      </c>
      <c r="H4983" cm="1">
        <f t="array" ref="H4983">IFERROR(INDEX(Jesper!AL$2:AL$366,ROUNDDOWN($C4983/24,0)+1,1)*INDEX($D$3:$AA$30,INDEX(Jesper!$R$2:$R$366,ROW(INDEX(Jesper!AL$2:AL$366,ROUNDDOWN($C4983/24,0)+1,1))-1)+IF('Standard Profiles'!$G$22=$B$10,7,0)+IF('Standard Profiles'!$G$22=$B$17,14,0)+IF('Standard Profiles'!$G$22=$B$24,21,0),MOD($C4983,24)+1)/SUM(INDEX($D$3:$AA$30,INDEX(Jesper!$R$2:$R$366,ROW(INDEX(Jesper!AL$2:AL$366,ROUNDDOWN($C4983/24,0)+1,1))-1)+IF('Standard Profiles'!$G$22=$B$10,7,0)+IF('Standard Profiles'!$G$22=$B$17,14,0)+IF('Standard Profiles'!$G$22=$B$24,21,0),0)),0)</f>
        <v>0</v>
      </c>
      <c r="I4983">
        <f t="shared" si="559"/>
        <v>0.24288896161449139</v>
      </c>
      <c r="J4983">
        <f t="shared" si="560"/>
        <v>7.3200758113749265</v>
      </c>
      <c r="K4983">
        <f t="shared" si="561"/>
        <v>0.58201187929593268</v>
      </c>
      <c r="L4983">
        <f t="shared" si="562"/>
        <v>0.29100593964796634</v>
      </c>
      <c r="M4983">
        <f t="shared" si="563"/>
        <v>0</v>
      </c>
      <c r="N4983" s="45">
        <f t="shared" si="564"/>
        <v>45133.20833332133</v>
      </c>
    </row>
    <row r="4984" spans="2:14" x14ac:dyDescent="0.25">
      <c r="B4984">
        <f t="shared" si="558"/>
        <v>3</v>
      </c>
      <c r="C4984" s="16">
        <v>4950</v>
      </c>
      <c r="D4984" cm="1">
        <f t="array" ref="D4984">IFERROR(INDEX(Jesper!AH$2:AH$366,ROUNDDOWN($C4984/24,0)+1,1)*INDEX($D$3:$AA$30,INDEX(Jesper!$R$2:$R$366,ROW(INDEX(Jesper!AH$2:AH$366,ROUNDDOWN($C4984/24,0)+1,1))-1)+IF('Standard Profiles'!$G$18=$B$10,7,0)+IF('Standard Profiles'!$G$18=$B$17,14,0)+IF('Standard Profiles'!$G$18=$B$24,21,0),MOD($C4984,24)+1)/SUM(INDEX($D$3:$AA$30,INDEX(Jesper!$R$2:$R$366,ROW(INDEX(Jesper!AH$2:AH$366,ROUNDDOWN($C4984/24,0)+1,1))-1)+IF('Standard Profiles'!$G$18=$B$10,7,0)+IF('Standard Profiles'!$G$18=$B$17,14,0)+IF('Standard Profiles'!$G$18=$B$24,21,0),0)),0)</f>
        <v>5.4563613683993681</v>
      </c>
      <c r="E4984" cm="1">
        <f t="array" ref="E4984">IFERROR(INDEX(Jesper!AI$2:AI$366,ROUNDDOWN($C4984/24,0)+1,1)*INDEX($D$3:$AA$30,INDEX(Jesper!$R$2:$R$366,ROW(INDEX(Jesper!AI$2:AI$366,ROUNDDOWN($C4984/24,0)+1,1))-1)+IF('Standard Profiles'!$G$19=$B$10,7,0)+IF('Standard Profiles'!$G$19=$B$17,14,0)+IF('Standard Profiles'!$G$19=$B$24,21,0),MOD($C4984,24)+1)/SUM(INDEX($D$3:$AA$30,INDEX(Jesper!$R$2:$R$366,ROW(INDEX(Jesper!AI$2:AI$366,ROUNDDOWN($C4984/24,0)+1,1))-1)+IF('Standard Profiles'!$G$19=$B$10,7,0)+IF('Standard Profiles'!$G$19=$B$17,14,0)+IF('Standard Profiles'!$G$19=$B$24,21,0),0)),0)</f>
        <v>2.4736025535037585</v>
      </c>
      <c r="F4984" cm="1">
        <f t="array" ref="F4984">IFERROR(INDEX(Jesper!AJ$2:AJ$366,ROUNDDOWN($C4984/24,0)+1,1)*INDEX($D$3:$AA$30,INDEX(Jesper!$R$2:$R$366,ROW(INDEX(Jesper!AJ$2:AJ$366,ROUNDDOWN($C4984/24,0)+1,1))-1)+IF('Standard Profiles'!$G$20=$B$10,7,0)+IF('Standard Profiles'!$G$20=$B$17,14,0)+IF('Standard Profiles'!$G$20=$B$24,21,0),MOD($C4984,24)+1)/SUM(INDEX($D$3:$AA$30,INDEX(Jesper!$R$2:$R$366,ROW(INDEX(Jesper!AJ$2:AJ$366,ROUNDDOWN($C4984/24,0)+1,1))-1)+IF('Standard Profiles'!$G$20=$B$10,7,0)+IF('Standard Profiles'!$G$20=$B$17,14,0)+IF('Standard Profiles'!$G$20=$B$24,21,0),0)),0)</f>
        <v>0</v>
      </c>
      <c r="G4984" cm="1">
        <f t="array" ref="G4984">IFERROR(INDEX(Jesper!AK$2:AK$366,ROUNDDOWN($C4984/24,0)+1,1)*INDEX($D$3:$AA$30,INDEX(Jesper!$R$2:$R$366,ROW(INDEX(Jesper!AK$2:AK$366,ROUNDDOWN($C4984/24,0)+1,1))-1)+IF('Standard Profiles'!$G$21=$B$10,7,0)+IF('Standard Profiles'!$G$21=$B$17,14,0)+IF('Standard Profiles'!$G$21=$B$24,21,0),MOD($C4984,24)+1)/SUM(INDEX($D$3:$AA$30,INDEX(Jesper!$R$2:$R$366,ROW(INDEX(Jesper!AK$2:AK$366,ROUNDDOWN($C4984/24,0)+1,1))-1)+IF('Standard Profiles'!$G$21=$B$10,7,0)+IF('Standard Profiles'!$G$21=$B$17,14,0)+IF('Standard Profiles'!$G$21=$B$24,21,0),0)),0)</f>
        <v>0.50601867003019063</v>
      </c>
      <c r="H4984" cm="1">
        <f t="array" ref="H4984">IFERROR(INDEX(Jesper!AL$2:AL$366,ROUNDDOWN($C4984/24,0)+1,1)*INDEX($D$3:$AA$30,INDEX(Jesper!$R$2:$R$366,ROW(INDEX(Jesper!AL$2:AL$366,ROUNDDOWN($C4984/24,0)+1,1))-1)+IF('Standard Profiles'!$G$22=$B$10,7,0)+IF('Standard Profiles'!$G$22=$B$17,14,0)+IF('Standard Profiles'!$G$22=$B$24,21,0),MOD($C4984,24)+1)/SUM(INDEX($D$3:$AA$30,INDEX(Jesper!$R$2:$R$366,ROW(INDEX(Jesper!AL$2:AL$366,ROUNDDOWN($C4984/24,0)+1,1))-1)+IF('Standard Profiles'!$G$22=$B$10,7,0)+IF('Standard Profiles'!$G$22=$B$17,14,0)+IF('Standard Profiles'!$G$22=$B$24,21,0),0)),0)</f>
        <v>0</v>
      </c>
      <c r="I4984">
        <f t="shared" si="559"/>
        <v>0.24288896161449139</v>
      </c>
      <c r="J4984">
        <f t="shared" si="560"/>
        <v>7.3200758113749265</v>
      </c>
      <c r="K4984">
        <f t="shared" si="561"/>
        <v>0.58201187929593268</v>
      </c>
      <c r="L4984">
        <f t="shared" si="562"/>
        <v>0.29100593964796634</v>
      </c>
      <c r="M4984">
        <f t="shared" si="563"/>
        <v>0</v>
      </c>
      <c r="N4984" s="45">
        <f t="shared" si="564"/>
        <v>45133.249999987995</v>
      </c>
    </row>
    <row r="4985" spans="2:14" x14ac:dyDescent="0.25">
      <c r="B4985">
        <f t="shared" si="558"/>
        <v>3</v>
      </c>
      <c r="C4985" s="16">
        <v>4951</v>
      </c>
      <c r="D4985" cm="1">
        <f t="array" ref="D4985">IFERROR(INDEX(Jesper!AH$2:AH$366,ROUNDDOWN($C4985/24,0)+1,1)*INDEX($D$3:$AA$30,INDEX(Jesper!$R$2:$R$366,ROW(INDEX(Jesper!AH$2:AH$366,ROUNDDOWN($C4985/24,0)+1,1))-1)+IF('Standard Profiles'!$G$18=$B$10,7,0)+IF('Standard Profiles'!$G$18=$B$17,14,0)+IF('Standard Profiles'!$G$18=$B$24,21,0),MOD($C4985,24)+1)/SUM(INDEX($D$3:$AA$30,INDEX(Jesper!$R$2:$R$366,ROW(INDEX(Jesper!AH$2:AH$366,ROUNDDOWN($C4985/24,0)+1,1))-1)+IF('Standard Profiles'!$G$18=$B$10,7,0)+IF('Standard Profiles'!$G$18=$B$17,14,0)+IF('Standard Profiles'!$G$18=$B$24,21,0),0)),0)</f>
        <v>22.304943896881053</v>
      </c>
      <c r="E4985" cm="1">
        <f t="array" ref="E4985">IFERROR(INDEX(Jesper!AI$2:AI$366,ROUNDDOWN($C4985/24,0)+1,1)*INDEX($D$3:$AA$30,INDEX(Jesper!$R$2:$R$366,ROW(INDEX(Jesper!AI$2:AI$366,ROUNDDOWN($C4985/24,0)+1,1))-1)+IF('Standard Profiles'!$G$19=$B$10,7,0)+IF('Standard Profiles'!$G$19=$B$17,14,0)+IF('Standard Profiles'!$G$19=$B$24,21,0),MOD($C4985,24)+1)/SUM(INDEX($D$3:$AA$30,INDEX(Jesper!$R$2:$R$366,ROW(INDEX(Jesper!AI$2:AI$366,ROUNDDOWN($C4985/24,0)+1,1))-1)+IF('Standard Profiles'!$G$19=$B$10,7,0)+IF('Standard Profiles'!$G$19=$B$17,14,0)+IF('Standard Profiles'!$G$19=$B$24,21,0),0)),0)</f>
        <v>10.111787408110816</v>
      </c>
      <c r="F4985" cm="1">
        <f t="array" ref="F4985">IFERROR(INDEX(Jesper!AJ$2:AJ$366,ROUNDDOWN($C4985/24,0)+1,1)*INDEX($D$3:$AA$30,INDEX(Jesper!$R$2:$R$366,ROW(INDEX(Jesper!AJ$2:AJ$366,ROUNDDOWN($C4985/24,0)+1,1))-1)+IF('Standard Profiles'!$G$20=$B$10,7,0)+IF('Standard Profiles'!$G$20=$B$17,14,0)+IF('Standard Profiles'!$G$20=$B$24,21,0),MOD($C4985,24)+1)/SUM(INDEX($D$3:$AA$30,INDEX(Jesper!$R$2:$R$366,ROW(INDEX(Jesper!AJ$2:AJ$366,ROUNDDOWN($C4985/24,0)+1,1))-1)+IF('Standard Profiles'!$G$20=$B$10,7,0)+IF('Standard Profiles'!$G$20=$B$17,14,0)+IF('Standard Profiles'!$G$20=$B$24,21,0),0)),0)</f>
        <v>0</v>
      </c>
      <c r="G4985" cm="1">
        <f t="array" ref="G4985">IFERROR(INDEX(Jesper!AK$2:AK$366,ROUNDDOWN($C4985/24,0)+1,1)*INDEX($D$3:$AA$30,INDEX(Jesper!$R$2:$R$366,ROW(INDEX(Jesper!AK$2:AK$366,ROUNDDOWN($C4985/24,0)+1,1))-1)+IF('Standard Profiles'!$G$21=$B$10,7,0)+IF('Standard Profiles'!$G$21=$B$17,14,0)+IF('Standard Profiles'!$G$21=$B$24,21,0),MOD($C4985,24)+1)/SUM(INDEX($D$3:$AA$30,INDEX(Jesper!$R$2:$R$366,ROW(INDEX(Jesper!AK$2:AK$366,ROUNDDOWN($C4985/24,0)+1,1))-1)+IF('Standard Profiles'!$G$21=$B$10,7,0)+IF('Standard Profiles'!$G$21=$B$17,14,0)+IF('Standard Profiles'!$G$21=$B$24,21,0),0)),0)</f>
        <v>1.3940814359331748</v>
      </c>
      <c r="H4985" cm="1">
        <f t="array" ref="H4985">IFERROR(INDEX(Jesper!AL$2:AL$366,ROUNDDOWN($C4985/24,0)+1,1)*INDEX($D$3:$AA$30,INDEX(Jesper!$R$2:$R$366,ROW(INDEX(Jesper!AL$2:AL$366,ROUNDDOWN($C4985/24,0)+1,1))-1)+IF('Standard Profiles'!$G$22=$B$10,7,0)+IF('Standard Profiles'!$G$22=$B$17,14,0)+IF('Standard Profiles'!$G$22=$B$24,21,0),MOD($C4985,24)+1)/SUM(INDEX($D$3:$AA$30,INDEX(Jesper!$R$2:$R$366,ROW(INDEX(Jesper!AL$2:AL$366,ROUNDDOWN($C4985/24,0)+1,1))-1)+IF('Standard Profiles'!$G$22=$B$10,7,0)+IF('Standard Profiles'!$G$22=$B$17,14,0)+IF('Standard Profiles'!$G$22=$B$24,21,0),0)),0)</f>
        <v>0</v>
      </c>
      <c r="I4985">
        <f t="shared" si="559"/>
        <v>0.66915908924792356</v>
      </c>
      <c r="J4985">
        <f t="shared" si="560"/>
        <v>29.57286262817615</v>
      </c>
      <c r="K4985">
        <f t="shared" si="561"/>
        <v>2.3791940156673124</v>
      </c>
      <c r="L4985">
        <f t="shared" si="562"/>
        <v>1.1895970078336562</v>
      </c>
      <c r="M4985">
        <f t="shared" si="563"/>
        <v>0</v>
      </c>
      <c r="N4985" s="45">
        <f t="shared" si="564"/>
        <v>45133.291666654659</v>
      </c>
    </row>
    <row r="4986" spans="2:14" x14ac:dyDescent="0.25">
      <c r="B4986">
        <f t="shared" si="558"/>
        <v>3</v>
      </c>
      <c r="C4986" s="16">
        <v>4952</v>
      </c>
      <c r="D4986" cm="1">
        <f t="array" ref="D4986">IFERROR(INDEX(Jesper!AH$2:AH$366,ROUNDDOWN($C4986/24,0)+1,1)*INDEX($D$3:$AA$30,INDEX(Jesper!$R$2:$R$366,ROW(INDEX(Jesper!AH$2:AH$366,ROUNDDOWN($C4986/24,0)+1,1))-1)+IF('Standard Profiles'!$G$18=$B$10,7,0)+IF('Standard Profiles'!$G$18=$B$17,14,0)+IF('Standard Profiles'!$G$18=$B$24,21,0),MOD($C4986,24)+1)/SUM(INDEX($D$3:$AA$30,INDEX(Jesper!$R$2:$R$366,ROW(INDEX(Jesper!AH$2:AH$366,ROUNDDOWN($C4986/24,0)+1,1))-1)+IF('Standard Profiles'!$G$18=$B$10,7,0)+IF('Standard Profiles'!$G$18=$B$17,14,0)+IF('Standard Profiles'!$G$18=$B$24,21,0),0)),0)</f>
        <v>24.887621611256758</v>
      </c>
      <c r="E4986" cm="1">
        <f t="array" ref="E4986">IFERROR(INDEX(Jesper!AI$2:AI$366,ROUNDDOWN($C4986/24,0)+1,1)*INDEX($D$3:$AA$30,INDEX(Jesper!$R$2:$R$366,ROW(INDEX(Jesper!AI$2:AI$366,ROUNDDOWN($C4986/24,0)+1,1))-1)+IF('Standard Profiles'!$G$19=$B$10,7,0)+IF('Standard Profiles'!$G$19=$B$17,14,0)+IF('Standard Profiles'!$G$19=$B$24,21,0),MOD($C4986,24)+1)/SUM(INDEX($D$3:$AA$30,INDEX(Jesper!$R$2:$R$366,ROW(INDEX(Jesper!AI$2:AI$366,ROUNDDOWN($C4986/24,0)+1,1))-1)+IF('Standard Profiles'!$G$19=$B$10,7,0)+IF('Standard Profiles'!$G$19=$B$17,14,0)+IF('Standard Profiles'!$G$19=$B$24,21,0),0)),0)</f>
        <v>11.282625950102595</v>
      </c>
      <c r="F4986" cm="1">
        <f t="array" ref="F4986">IFERROR(INDEX(Jesper!AJ$2:AJ$366,ROUNDDOWN($C4986/24,0)+1,1)*INDEX($D$3:$AA$30,INDEX(Jesper!$R$2:$R$366,ROW(INDEX(Jesper!AJ$2:AJ$366,ROUNDDOWN($C4986/24,0)+1,1))-1)+IF('Standard Profiles'!$G$20=$B$10,7,0)+IF('Standard Profiles'!$G$20=$B$17,14,0)+IF('Standard Profiles'!$G$20=$B$24,21,0),MOD($C4986,24)+1)/SUM(INDEX($D$3:$AA$30,INDEX(Jesper!$R$2:$R$366,ROW(INDEX(Jesper!AJ$2:AJ$366,ROUNDDOWN($C4986/24,0)+1,1))-1)+IF('Standard Profiles'!$G$20=$B$10,7,0)+IF('Standard Profiles'!$G$20=$B$17,14,0)+IF('Standard Profiles'!$G$20=$B$24,21,0),0)),0)</f>
        <v>0</v>
      </c>
      <c r="G4986" cm="1">
        <f t="array" ref="G4986">IFERROR(INDEX(Jesper!AK$2:AK$366,ROUNDDOWN($C4986/24,0)+1,1)*INDEX($D$3:$AA$30,INDEX(Jesper!$R$2:$R$366,ROW(INDEX(Jesper!AK$2:AK$366,ROUNDDOWN($C4986/24,0)+1,1))-1)+IF('Standard Profiles'!$G$21=$B$10,7,0)+IF('Standard Profiles'!$G$21=$B$17,14,0)+IF('Standard Profiles'!$G$21=$B$24,21,0),MOD($C4986,24)+1)/SUM(INDEX($D$3:$AA$30,INDEX(Jesper!$R$2:$R$366,ROW(INDEX(Jesper!AK$2:AK$366,ROUNDDOWN($C4986/24,0)+1,1))-1)+IF('Standard Profiles'!$G$21=$B$10,7,0)+IF('Standard Profiles'!$G$21=$B$17,14,0)+IF('Standard Profiles'!$G$21=$B$24,21,0),0)),0)</f>
        <v>1.5555013916728058</v>
      </c>
      <c r="H4986" cm="1">
        <f t="array" ref="H4986">IFERROR(INDEX(Jesper!AL$2:AL$366,ROUNDDOWN($C4986/24,0)+1,1)*INDEX($D$3:$AA$30,INDEX(Jesper!$R$2:$R$366,ROW(INDEX(Jesper!AL$2:AL$366,ROUNDDOWN($C4986/24,0)+1,1))-1)+IF('Standard Profiles'!$G$22=$B$10,7,0)+IF('Standard Profiles'!$G$22=$B$17,14,0)+IF('Standard Profiles'!$G$22=$B$24,21,0),MOD($C4986,24)+1)/SUM(INDEX($D$3:$AA$30,INDEX(Jesper!$R$2:$R$366,ROW(INDEX(Jesper!AL$2:AL$366,ROUNDDOWN($C4986/24,0)+1,1))-1)+IF('Standard Profiles'!$G$22=$B$10,7,0)+IF('Standard Profiles'!$G$22=$B$17,14,0)+IF('Standard Profiles'!$G$22=$B$24,21,0),0)),0)</f>
        <v>0</v>
      </c>
      <c r="I4986">
        <f t="shared" si="559"/>
        <v>0.74664066800294637</v>
      </c>
      <c r="J4986">
        <f t="shared" si="560"/>
        <v>32.997088827228133</v>
      </c>
      <c r="K4986">
        <f t="shared" si="561"/>
        <v>2.6546796385340543</v>
      </c>
      <c r="L4986">
        <f t="shared" si="562"/>
        <v>1.3273398192670272</v>
      </c>
      <c r="M4986">
        <f t="shared" si="563"/>
        <v>0</v>
      </c>
      <c r="N4986" s="45">
        <f t="shared" si="564"/>
        <v>45133.333333321323</v>
      </c>
    </row>
    <row r="4987" spans="2:14" x14ac:dyDescent="0.25">
      <c r="B4987">
        <f t="shared" si="558"/>
        <v>3</v>
      </c>
      <c r="C4987" s="16">
        <v>4953</v>
      </c>
      <c r="D4987" cm="1">
        <f t="array" ref="D4987">IFERROR(INDEX(Jesper!AH$2:AH$366,ROUNDDOWN($C4987/24,0)+1,1)*INDEX($D$3:$AA$30,INDEX(Jesper!$R$2:$R$366,ROW(INDEX(Jesper!AH$2:AH$366,ROUNDDOWN($C4987/24,0)+1,1))-1)+IF('Standard Profiles'!$G$18=$B$10,7,0)+IF('Standard Profiles'!$G$18=$B$17,14,0)+IF('Standard Profiles'!$G$18=$B$24,21,0),MOD($C4987,24)+1)/SUM(INDEX($D$3:$AA$30,INDEX(Jesper!$R$2:$R$366,ROW(INDEX(Jesper!AH$2:AH$366,ROUNDDOWN($C4987/24,0)+1,1))-1)+IF('Standard Profiles'!$G$18=$B$10,7,0)+IF('Standard Profiles'!$G$18=$B$17,14,0)+IF('Standard Profiles'!$G$18=$B$24,21,0),0)),0)</f>
        <v>27.470299325632457</v>
      </c>
      <c r="E4987" cm="1">
        <f t="array" ref="E4987">IFERROR(INDEX(Jesper!AI$2:AI$366,ROUNDDOWN($C4987/24,0)+1,1)*INDEX($D$3:$AA$30,INDEX(Jesper!$R$2:$R$366,ROW(INDEX(Jesper!AI$2:AI$366,ROUNDDOWN($C4987/24,0)+1,1))-1)+IF('Standard Profiles'!$G$19=$B$10,7,0)+IF('Standard Profiles'!$G$19=$B$17,14,0)+IF('Standard Profiles'!$G$19=$B$24,21,0),MOD($C4987,24)+1)/SUM(INDEX($D$3:$AA$30,INDEX(Jesper!$R$2:$R$366,ROW(INDEX(Jesper!AI$2:AI$366,ROUNDDOWN($C4987/24,0)+1,1))-1)+IF('Standard Profiles'!$G$19=$B$10,7,0)+IF('Standard Profiles'!$G$19=$B$17,14,0)+IF('Standard Profiles'!$G$19=$B$24,21,0),0)),0)</f>
        <v>12.453464492094374</v>
      </c>
      <c r="F4987" cm="1">
        <f t="array" ref="F4987">IFERROR(INDEX(Jesper!AJ$2:AJ$366,ROUNDDOWN($C4987/24,0)+1,1)*INDEX($D$3:$AA$30,INDEX(Jesper!$R$2:$R$366,ROW(INDEX(Jesper!AJ$2:AJ$366,ROUNDDOWN($C4987/24,0)+1,1))-1)+IF('Standard Profiles'!$G$20=$B$10,7,0)+IF('Standard Profiles'!$G$20=$B$17,14,0)+IF('Standard Profiles'!$G$20=$B$24,21,0),MOD($C4987,24)+1)/SUM(INDEX($D$3:$AA$30,INDEX(Jesper!$R$2:$R$366,ROW(INDEX(Jesper!AJ$2:AJ$366,ROUNDDOWN($C4987/24,0)+1,1))-1)+IF('Standard Profiles'!$G$20=$B$10,7,0)+IF('Standard Profiles'!$G$20=$B$17,14,0)+IF('Standard Profiles'!$G$20=$B$24,21,0),0)),0)</f>
        <v>0</v>
      </c>
      <c r="G4987" cm="1">
        <f t="array" ref="G4987">IFERROR(INDEX(Jesper!AK$2:AK$366,ROUNDDOWN($C4987/24,0)+1,1)*INDEX($D$3:$AA$30,INDEX(Jesper!$R$2:$R$366,ROW(INDEX(Jesper!AK$2:AK$366,ROUNDDOWN($C4987/24,0)+1,1))-1)+IF('Standard Profiles'!$G$21=$B$10,7,0)+IF('Standard Profiles'!$G$21=$B$17,14,0)+IF('Standard Profiles'!$G$21=$B$24,21,0),MOD($C4987,24)+1)/SUM(INDEX($D$3:$AA$30,INDEX(Jesper!$R$2:$R$366,ROW(INDEX(Jesper!AK$2:AK$366,ROUNDDOWN($C4987/24,0)+1,1))-1)+IF('Standard Profiles'!$G$21=$B$10,7,0)+IF('Standard Profiles'!$G$21=$B$17,14,0)+IF('Standard Profiles'!$G$21=$B$24,21,0),0)),0)</f>
        <v>1.7169213474124365</v>
      </c>
      <c r="H4987" cm="1">
        <f t="array" ref="H4987">IFERROR(INDEX(Jesper!AL$2:AL$366,ROUNDDOWN($C4987/24,0)+1,1)*INDEX($D$3:$AA$30,INDEX(Jesper!$R$2:$R$366,ROW(INDEX(Jesper!AL$2:AL$366,ROUNDDOWN($C4987/24,0)+1,1))-1)+IF('Standard Profiles'!$G$22=$B$10,7,0)+IF('Standard Profiles'!$G$22=$B$17,14,0)+IF('Standard Profiles'!$G$22=$B$24,21,0),MOD($C4987,24)+1)/SUM(INDEX($D$3:$AA$30,INDEX(Jesper!$R$2:$R$366,ROW(INDEX(Jesper!AL$2:AL$366,ROUNDDOWN($C4987/24,0)+1,1))-1)+IF('Standard Profiles'!$G$22=$B$10,7,0)+IF('Standard Profiles'!$G$22=$B$17,14,0)+IF('Standard Profiles'!$G$22=$B$24,21,0),0)),0)</f>
        <v>0</v>
      </c>
      <c r="I4987">
        <f t="shared" si="559"/>
        <v>0.82412224675796908</v>
      </c>
      <c r="J4987">
        <f t="shared" si="560"/>
        <v>36.421315026280105</v>
      </c>
      <c r="K4987">
        <f t="shared" si="561"/>
        <v>2.9301652614007954</v>
      </c>
      <c r="L4987">
        <f t="shared" si="562"/>
        <v>1.4650826307003977</v>
      </c>
      <c r="M4987">
        <f t="shared" si="563"/>
        <v>0</v>
      </c>
      <c r="N4987" s="45">
        <f t="shared" si="564"/>
        <v>45133.374999987987</v>
      </c>
    </row>
    <row r="4988" spans="2:14" x14ac:dyDescent="0.25">
      <c r="B4988">
        <f t="shared" si="558"/>
        <v>3</v>
      </c>
      <c r="C4988" s="16">
        <v>4954</v>
      </c>
      <c r="D4988" cm="1">
        <f t="array" ref="D4988">IFERROR(INDEX(Jesper!AH$2:AH$366,ROUNDDOWN($C4988/24,0)+1,1)*INDEX($D$3:$AA$30,INDEX(Jesper!$R$2:$R$366,ROW(INDEX(Jesper!AH$2:AH$366,ROUNDDOWN($C4988/24,0)+1,1))-1)+IF('Standard Profiles'!$G$18=$B$10,7,0)+IF('Standard Profiles'!$G$18=$B$17,14,0)+IF('Standard Profiles'!$G$18=$B$24,21,0),MOD($C4988,24)+1)/SUM(INDEX($D$3:$AA$30,INDEX(Jesper!$R$2:$R$366,ROW(INDEX(Jesper!AH$2:AH$366,ROUNDDOWN($C4988/24,0)+1,1))-1)+IF('Standard Profiles'!$G$18=$B$10,7,0)+IF('Standard Profiles'!$G$18=$B$17,14,0)+IF('Standard Profiles'!$G$18=$B$24,21,0),0)),0)</f>
        <v>27.470299325632457</v>
      </c>
      <c r="E4988" cm="1">
        <f t="array" ref="E4988">IFERROR(INDEX(Jesper!AI$2:AI$366,ROUNDDOWN($C4988/24,0)+1,1)*INDEX($D$3:$AA$30,INDEX(Jesper!$R$2:$R$366,ROW(INDEX(Jesper!AI$2:AI$366,ROUNDDOWN($C4988/24,0)+1,1))-1)+IF('Standard Profiles'!$G$19=$B$10,7,0)+IF('Standard Profiles'!$G$19=$B$17,14,0)+IF('Standard Profiles'!$G$19=$B$24,21,0),MOD($C4988,24)+1)/SUM(INDEX($D$3:$AA$30,INDEX(Jesper!$R$2:$R$366,ROW(INDEX(Jesper!AI$2:AI$366,ROUNDDOWN($C4988/24,0)+1,1))-1)+IF('Standard Profiles'!$G$19=$B$10,7,0)+IF('Standard Profiles'!$G$19=$B$17,14,0)+IF('Standard Profiles'!$G$19=$B$24,21,0),0)),0)</f>
        <v>12.453464492094374</v>
      </c>
      <c r="F4988" cm="1">
        <f t="array" ref="F4988">IFERROR(INDEX(Jesper!AJ$2:AJ$366,ROUNDDOWN($C4988/24,0)+1,1)*INDEX($D$3:$AA$30,INDEX(Jesper!$R$2:$R$366,ROW(INDEX(Jesper!AJ$2:AJ$366,ROUNDDOWN($C4988/24,0)+1,1))-1)+IF('Standard Profiles'!$G$20=$B$10,7,0)+IF('Standard Profiles'!$G$20=$B$17,14,0)+IF('Standard Profiles'!$G$20=$B$24,21,0),MOD($C4988,24)+1)/SUM(INDEX($D$3:$AA$30,INDEX(Jesper!$R$2:$R$366,ROW(INDEX(Jesper!AJ$2:AJ$366,ROUNDDOWN($C4988/24,0)+1,1))-1)+IF('Standard Profiles'!$G$20=$B$10,7,0)+IF('Standard Profiles'!$G$20=$B$17,14,0)+IF('Standard Profiles'!$G$20=$B$24,21,0),0)),0)</f>
        <v>0</v>
      </c>
      <c r="G4988" cm="1">
        <f t="array" ref="G4988">IFERROR(INDEX(Jesper!AK$2:AK$366,ROUNDDOWN($C4988/24,0)+1,1)*INDEX($D$3:$AA$30,INDEX(Jesper!$R$2:$R$366,ROW(INDEX(Jesper!AK$2:AK$366,ROUNDDOWN($C4988/24,0)+1,1))-1)+IF('Standard Profiles'!$G$21=$B$10,7,0)+IF('Standard Profiles'!$G$21=$B$17,14,0)+IF('Standard Profiles'!$G$21=$B$24,21,0),MOD($C4988,24)+1)/SUM(INDEX($D$3:$AA$30,INDEX(Jesper!$R$2:$R$366,ROW(INDEX(Jesper!AK$2:AK$366,ROUNDDOWN($C4988/24,0)+1,1))-1)+IF('Standard Profiles'!$G$21=$B$10,7,0)+IF('Standard Profiles'!$G$21=$B$17,14,0)+IF('Standard Profiles'!$G$21=$B$24,21,0),0)),0)</f>
        <v>1.7169213474124365</v>
      </c>
      <c r="H4988" cm="1">
        <f t="array" ref="H4988">IFERROR(INDEX(Jesper!AL$2:AL$366,ROUNDDOWN($C4988/24,0)+1,1)*INDEX($D$3:$AA$30,INDEX(Jesper!$R$2:$R$366,ROW(INDEX(Jesper!AL$2:AL$366,ROUNDDOWN($C4988/24,0)+1,1))-1)+IF('Standard Profiles'!$G$22=$B$10,7,0)+IF('Standard Profiles'!$G$22=$B$17,14,0)+IF('Standard Profiles'!$G$22=$B$24,21,0),MOD($C4988,24)+1)/SUM(INDEX($D$3:$AA$30,INDEX(Jesper!$R$2:$R$366,ROW(INDEX(Jesper!AL$2:AL$366,ROUNDDOWN($C4988/24,0)+1,1))-1)+IF('Standard Profiles'!$G$22=$B$10,7,0)+IF('Standard Profiles'!$G$22=$B$17,14,0)+IF('Standard Profiles'!$G$22=$B$24,21,0),0)),0)</f>
        <v>0</v>
      </c>
      <c r="I4988">
        <f t="shared" si="559"/>
        <v>0.82412224675796908</v>
      </c>
      <c r="J4988">
        <f t="shared" si="560"/>
        <v>36.421315026280105</v>
      </c>
      <c r="K4988">
        <f t="shared" si="561"/>
        <v>2.9301652614007954</v>
      </c>
      <c r="L4988">
        <f t="shared" si="562"/>
        <v>1.4650826307003977</v>
      </c>
      <c r="M4988">
        <f t="shared" si="563"/>
        <v>0</v>
      </c>
      <c r="N4988" s="45">
        <f t="shared" si="564"/>
        <v>45133.416666654652</v>
      </c>
    </row>
    <row r="4989" spans="2:14" x14ac:dyDescent="0.25">
      <c r="B4989">
        <f t="shared" si="558"/>
        <v>3</v>
      </c>
      <c r="C4989" s="16">
        <v>4955</v>
      </c>
      <c r="D4989" cm="1">
        <f t="array" ref="D4989">IFERROR(INDEX(Jesper!AH$2:AH$366,ROUNDDOWN($C4989/24,0)+1,1)*INDEX($D$3:$AA$30,INDEX(Jesper!$R$2:$R$366,ROW(INDEX(Jesper!AH$2:AH$366,ROUNDDOWN($C4989/24,0)+1,1))-1)+IF('Standard Profiles'!$G$18=$B$10,7,0)+IF('Standard Profiles'!$G$18=$B$17,14,0)+IF('Standard Profiles'!$G$18=$B$24,21,0),MOD($C4989,24)+1)/SUM(INDEX($D$3:$AA$30,INDEX(Jesper!$R$2:$R$366,ROW(INDEX(Jesper!AH$2:AH$366,ROUNDDOWN($C4989/24,0)+1,1))-1)+IF('Standard Profiles'!$G$18=$B$10,7,0)+IF('Standard Profiles'!$G$18=$B$17,14,0)+IF('Standard Profiles'!$G$18=$B$24,21,0),0)),0)</f>
        <v>32.87044363750892</v>
      </c>
      <c r="E4989" cm="1">
        <f t="array" ref="E4989">IFERROR(INDEX(Jesper!AI$2:AI$366,ROUNDDOWN($C4989/24,0)+1,1)*INDEX($D$3:$AA$30,INDEX(Jesper!$R$2:$R$366,ROW(INDEX(Jesper!AI$2:AI$366,ROUNDDOWN($C4989/24,0)+1,1))-1)+IF('Standard Profiles'!$G$19=$B$10,7,0)+IF('Standard Profiles'!$G$19=$B$17,14,0)+IF('Standard Profiles'!$G$19=$B$24,21,0),MOD($C4989,24)+1)/SUM(INDEX($D$3:$AA$30,INDEX(Jesper!$R$2:$R$366,ROW(INDEX(Jesper!AI$2:AI$366,ROUNDDOWN($C4989/24,0)+1,1))-1)+IF('Standard Profiles'!$G$19=$B$10,7,0)+IF('Standard Profiles'!$G$19=$B$17,14,0)+IF('Standard Profiles'!$G$19=$B$24,21,0),0)),0)</f>
        <v>14.901581443531729</v>
      </c>
      <c r="F4989" cm="1">
        <f t="array" ref="F4989">IFERROR(INDEX(Jesper!AJ$2:AJ$366,ROUNDDOWN($C4989/24,0)+1,1)*INDEX($D$3:$AA$30,INDEX(Jesper!$R$2:$R$366,ROW(INDEX(Jesper!AJ$2:AJ$366,ROUNDDOWN($C4989/24,0)+1,1))-1)+IF('Standard Profiles'!$G$20=$B$10,7,0)+IF('Standard Profiles'!$G$20=$B$17,14,0)+IF('Standard Profiles'!$G$20=$B$24,21,0),MOD($C4989,24)+1)/SUM(INDEX($D$3:$AA$30,INDEX(Jesper!$R$2:$R$366,ROW(INDEX(Jesper!AJ$2:AJ$366,ROUNDDOWN($C4989/24,0)+1,1))-1)+IF('Standard Profiles'!$G$20=$B$10,7,0)+IF('Standard Profiles'!$G$20=$B$17,14,0)+IF('Standard Profiles'!$G$20=$B$24,21,0),0)),0)</f>
        <v>0</v>
      </c>
      <c r="G4989" cm="1">
        <f t="array" ref="G4989">IFERROR(INDEX(Jesper!AK$2:AK$366,ROUNDDOWN($C4989/24,0)+1,1)*INDEX($D$3:$AA$30,INDEX(Jesper!$R$2:$R$366,ROW(INDEX(Jesper!AK$2:AK$366,ROUNDDOWN($C4989/24,0)+1,1))-1)+IF('Standard Profiles'!$G$21=$B$10,7,0)+IF('Standard Profiles'!$G$21=$B$17,14,0)+IF('Standard Profiles'!$G$21=$B$24,21,0),MOD($C4989,24)+1)/SUM(INDEX($D$3:$AA$30,INDEX(Jesper!$R$2:$R$366,ROW(INDEX(Jesper!AK$2:AK$366,ROUNDDOWN($C4989/24,0)+1,1))-1)+IF('Standard Profiles'!$G$21=$B$10,7,0)+IF('Standard Profiles'!$G$21=$B$17,14,0)+IF('Standard Profiles'!$G$21=$B$24,21,0),0)),0)</f>
        <v>2.0544358003225733</v>
      </c>
      <c r="H4989" cm="1">
        <f t="array" ref="H4989">IFERROR(INDEX(Jesper!AL$2:AL$366,ROUNDDOWN($C4989/24,0)+1,1)*INDEX($D$3:$AA$30,INDEX(Jesper!$R$2:$R$366,ROW(INDEX(Jesper!AL$2:AL$366,ROUNDDOWN($C4989/24,0)+1,1))-1)+IF('Standard Profiles'!$G$22=$B$10,7,0)+IF('Standard Profiles'!$G$22=$B$17,14,0)+IF('Standard Profiles'!$G$22=$B$24,21,0),MOD($C4989,24)+1)/SUM(INDEX($D$3:$AA$30,INDEX(Jesper!$R$2:$R$366,ROW(INDEX(Jesper!AL$2:AL$366,ROUNDDOWN($C4989/24,0)+1,1))-1)+IF('Standard Profiles'!$G$22=$B$10,7,0)+IF('Standard Profiles'!$G$22=$B$17,14,0)+IF('Standard Profiles'!$G$22=$B$24,21,0),0)),0)</f>
        <v>0</v>
      </c>
      <c r="I4989">
        <f t="shared" si="559"/>
        <v>0.98612918415483475</v>
      </c>
      <c r="J4989">
        <f t="shared" si="560"/>
        <v>43.581060715206959</v>
      </c>
      <c r="K4989">
        <f t="shared" si="561"/>
        <v>3.5061806546676184</v>
      </c>
      <c r="L4989">
        <f t="shared" si="562"/>
        <v>1.7530903273338092</v>
      </c>
      <c r="M4989">
        <f t="shared" si="563"/>
        <v>0</v>
      </c>
      <c r="N4989" s="45">
        <f t="shared" si="564"/>
        <v>45133.458333321316</v>
      </c>
    </row>
    <row r="4990" spans="2:14" x14ac:dyDescent="0.25">
      <c r="B4990">
        <f t="shared" si="558"/>
        <v>3</v>
      </c>
      <c r="C4990" s="16">
        <v>4956</v>
      </c>
      <c r="D4990" cm="1">
        <f t="array" ref="D4990">IFERROR(INDEX(Jesper!AH$2:AH$366,ROUNDDOWN($C4990/24,0)+1,1)*INDEX($D$3:$AA$30,INDEX(Jesper!$R$2:$R$366,ROW(INDEX(Jesper!AH$2:AH$366,ROUNDDOWN($C4990/24,0)+1,1))-1)+IF('Standard Profiles'!$G$18=$B$10,7,0)+IF('Standard Profiles'!$G$18=$B$17,14,0)+IF('Standard Profiles'!$G$18=$B$24,21,0),MOD($C4990,24)+1)/SUM(INDEX($D$3:$AA$30,INDEX(Jesper!$R$2:$R$366,ROW(INDEX(Jesper!AH$2:AH$366,ROUNDDOWN($C4990/24,0)+1,1))-1)+IF('Standard Profiles'!$G$18=$B$10,7,0)+IF('Standard Profiles'!$G$18=$B$17,14,0)+IF('Standard Profiles'!$G$18=$B$24,21,0),0)),0)</f>
        <v>32.87044363750892</v>
      </c>
      <c r="E4990" cm="1">
        <f t="array" ref="E4990">IFERROR(INDEX(Jesper!AI$2:AI$366,ROUNDDOWN($C4990/24,0)+1,1)*INDEX($D$3:$AA$30,INDEX(Jesper!$R$2:$R$366,ROW(INDEX(Jesper!AI$2:AI$366,ROUNDDOWN($C4990/24,0)+1,1))-1)+IF('Standard Profiles'!$G$19=$B$10,7,0)+IF('Standard Profiles'!$G$19=$B$17,14,0)+IF('Standard Profiles'!$G$19=$B$24,21,0),MOD($C4990,24)+1)/SUM(INDEX($D$3:$AA$30,INDEX(Jesper!$R$2:$R$366,ROW(INDEX(Jesper!AI$2:AI$366,ROUNDDOWN($C4990/24,0)+1,1))-1)+IF('Standard Profiles'!$G$19=$B$10,7,0)+IF('Standard Profiles'!$G$19=$B$17,14,0)+IF('Standard Profiles'!$G$19=$B$24,21,0),0)),0)</f>
        <v>14.901581443531729</v>
      </c>
      <c r="F4990" cm="1">
        <f t="array" ref="F4990">IFERROR(INDEX(Jesper!AJ$2:AJ$366,ROUNDDOWN($C4990/24,0)+1,1)*INDEX($D$3:$AA$30,INDEX(Jesper!$R$2:$R$366,ROW(INDEX(Jesper!AJ$2:AJ$366,ROUNDDOWN($C4990/24,0)+1,1))-1)+IF('Standard Profiles'!$G$20=$B$10,7,0)+IF('Standard Profiles'!$G$20=$B$17,14,0)+IF('Standard Profiles'!$G$20=$B$24,21,0),MOD($C4990,24)+1)/SUM(INDEX($D$3:$AA$30,INDEX(Jesper!$R$2:$R$366,ROW(INDEX(Jesper!AJ$2:AJ$366,ROUNDDOWN($C4990/24,0)+1,1))-1)+IF('Standard Profiles'!$G$20=$B$10,7,0)+IF('Standard Profiles'!$G$20=$B$17,14,0)+IF('Standard Profiles'!$G$20=$B$24,21,0),0)),0)</f>
        <v>0</v>
      </c>
      <c r="G4990" cm="1">
        <f t="array" ref="G4990">IFERROR(INDEX(Jesper!AK$2:AK$366,ROUNDDOWN($C4990/24,0)+1,1)*INDEX($D$3:$AA$30,INDEX(Jesper!$R$2:$R$366,ROW(INDEX(Jesper!AK$2:AK$366,ROUNDDOWN($C4990/24,0)+1,1))-1)+IF('Standard Profiles'!$G$21=$B$10,7,0)+IF('Standard Profiles'!$G$21=$B$17,14,0)+IF('Standard Profiles'!$G$21=$B$24,21,0),MOD($C4990,24)+1)/SUM(INDEX($D$3:$AA$30,INDEX(Jesper!$R$2:$R$366,ROW(INDEX(Jesper!AK$2:AK$366,ROUNDDOWN($C4990/24,0)+1,1))-1)+IF('Standard Profiles'!$G$21=$B$10,7,0)+IF('Standard Profiles'!$G$21=$B$17,14,0)+IF('Standard Profiles'!$G$21=$B$24,21,0),0)),0)</f>
        <v>2.0544358003225733</v>
      </c>
      <c r="H4990" cm="1">
        <f t="array" ref="H4990">IFERROR(INDEX(Jesper!AL$2:AL$366,ROUNDDOWN($C4990/24,0)+1,1)*INDEX($D$3:$AA$30,INDEX(Jesper!$R$2:$R$366,ROW(INDEX(Jesper!AL$2:AL$366,ROUNDDOWN($C4990/24,0)+1,1))-1)+IF('Standard Profiles'!$G$22=$B$10,7,0)+IF('Standard Profiles'!$G$22=$B$17,14,0)+IF('Standard Profiles'!$G$22=$B$24,21,0),MOD($C4990,24)+1)/SUM(INDEX($D$3:$AA$30,INDEX(Jesper!$R$2:$R$366,ROW(INDEX(Jesper!AL$2:AL$366,ROUNDDOWN($C4990/24,0)+1,1))-1)+IF('Standard Profiles'!$G$22=$B$10,7,0)+IF('Standard Profiles'!$G$22=$B$17,14,0)+IF('Standard Profiles'!$G$22=$B$24,21,0),0)),0)</f>
        <v>0</v>
      </c>
      <c r="I4990">
        <f t="shared" si="559"/>
        <v>0.98612918415483475</v>
      </c>
      <c r="J4990">
        <f t="shared" si="560"/>
        <v>43.581060715206959</v>
      </c>
      <c r="K4990">
        <f t="shared" si="561"/>
        <v>3.5061806546676184</v>
      </c>
      <c r="L4990">
        <f t="shared" si="562"/>
        <v>1.7530903273338092</v>
      </c>
      <c r="M4990">
        <f t="shared" si="563"/>
        <v>0</v>
      </c>
      <c r="N4990" s="45">
        <f t="shared" si="564"/>
        <v>45133.49999998798</v>
      </c>
    </row>
    <row r="4991" spans="2:14" x14ac:dyDescent="0.25">
      <c r="B4991">
        <f t="shared" si="558"/>
        <v>3</v>
      </c>
      <c r="C4991" s="16">
        <v>4957</v>
      </c>
      <c r="D4991" cm="1">
        <f t="array" ref="D4991">IFERROR(INDEX(Jesper!AH$2:AH$366,ROUNDDOWN($C4991/24,0)+1,1)*INDEX($D$3:$AA$30,INDEX(Jesper!$R$2:$R$366,ROW(INDEX(Jesper!AH$2:AH$366,ROUNDDOWN($C4991/24,0)+1,1))-1)+IF('Standard Profiles'!$G$18=$B$10,7,0)+IF('Standard Profiles'!$G$18=$B$17,14,0)+IF('Standard Profiles'!$G$18=$B$24,21,0),MOD($C4991,24)+1)/SUM(INDEX($D$3:$AA$30,INDEX(Jesper!$R$2:$R$366,ROW(INDEX(Jesper!AH$2:AH$366,ROUNDDOWN($C4991/24,0)+1,1))-1)+IF('Standard Profiles'!$G$18=$B$10,7,0)+IF('Standard Profiles'!$G$18=$B$17,14,0)+IF('Standard Profiles'!$G$18=$B$24,21,0),0)),0)</f>
        <v>21.835366130630927</v>
      </c>
      <c r="E4991" cm="1">
        <f t="array" ref="E4991">IFERROR(INDEX(Jesper!AI$2:AI$366,ROUNDDOWN($C4991/24,0)+1,1)*INDEX($D$3:$AA$30,INDEX(Jesper!$R$2:$R$366,ROW(INDEX(Jesper!AI$2:AI$366,ROUNDDOWN($C4991/24,0)+1,1))-1)+IF('Standard Profiles'!$G$19=$B$10,7,0)+IF('Standard Profiles'!$G$19=$B$17,14,0)+IF('Standard Profiles'!$G$19=$B$24,21,0),MOD($C4991,24)+1)/SUM(INDEX($D$3:$AA$30,INDEX(Jesper!$R$2:$R$366,ROW(INDEX(Jesper!AI$2:AI$366,ROUNDDOWN($C4991/24,0)+1,1))-1)+IF('Standard Profiles'!$G$19=$B$10,7,0)+IF('Standard Profiles'!$G$19=$B$17,14,0)+IF('Standard Profiles'!$G$19=$B$24,21,0),0)),0)</f>
        <v>9.8989076732032206</v>
      </c>
      <c r="F4991" cm="1">
        <f t="array" ref="F4991">IFERROR(INDEX(Jesper!AJ$2:AJ$366,ROUNDDOWN($C4991/24,0)+1,1)*INDEX($D$3:$AA$30,INDEX(Jesper!$R$2:$R$366,ROW(INDEX(Jesper!AJ$2:AJ$366,ROUNDDOWN($C4991/24,0)+1,1))-1)+IF('Standard Profiles'!$G$20=$B$10,7,0)+IF('Standard Profiles'!$G$20=$B$17,14,0)+IF('Standard Profiles'!$G$20=$B$24,21,0),MOD($C4991,24)+1)/SUM(INDEX($D$3:$AA$30,INDEX(Jesper!$R$2:$R$366,ROW(INDEX(Jesper!AJ$2:AJ$366,ROUNDDOWN($C4991/24,0)+1,1))-1)+IF('Standard Profiles'!$G$20=$B$10,7,0)+IF('Standard Profiles'!$G$20=$B$17,14,0)+IF('Standard Profiles'!$G$20=$B$24,21,0),0)),0)</f>
        <v>0</v>
      </c>
      <c r="G4991" cm="1">
        <f t="array" ref="G4991">IFERROR(INDEX(Jesper!AK$2:AK$366,ROUNDDOWN($C4991/24,0)+1,1)*INDEX($D$3:$AA$30,INDEX(Jesper!$R$2:$R$366,ROW(INDEX(Jesper!AK$2:AK$366,ROUNDDOWN($C4991/24,0)+1,1))-1)+IF('Standard Profiles'!$G$21=$B$10,7,0)+IF('Standard Profiles'!$G$21=$B$17,14,0)+IF('Standard Profiles'!$G$21=$B$24,21,0),MOD($C4991,24)+1)/SUM(INDEX($D$3:$AA$30,INDEX(Jesper!$R$2:$R$366,ROW(INDEX(Jesper!AK$2:AK$366,ROUNDDOWN($C4991/24,0)+1,1))-1)+IF('Standard Profiles'!$G$21=$B$10,7,0)+IF('Standard Profiles'!$G$21=$B$17,14,0)+IF('Standard Profiles'!$G$21=$B$24,21,0),0)),0)</f>
        <v>1.3647323530714239</v>
      </c>
      <c r="H4991" cm="1">
        <f t="array" ref="H4991">IFERROR(INDEX(Jesper!AL$2:AL$366,ROUNDDOWN($C4991/24,0)+1,1)*INDEX($D$3:$AA$30,INDEX(Jesper!$R$2:$R$366,ROW(INDEX(Jesper!AL$2:AL$366,ROUNDDOWN($C4991/24,0)+1,1))-1)+IF('Standard Profiles'!$G$22=$B$10,7,0)+IF('Standard Profiles'!$G$22=$B$17,14,0)+IF('Standard Profiles'!$G$22=$B$24,21,0),MOD($C4991,24)+1)/SUM(INDEX($D$3:$AA$30,INDEX(Jesper!$R$2:$R$366,ROW(INDEX(Jesper!AL$2:AL$366,ROUNDDOWN($C4991/24,0)+1,1))-1)+IF('Standard Profiles'!$G$22=$B$10,7,0)+IF('Standard Profiles'!$G$22=$B$17,14,0)+IF('Standard Profiles'!$G$22=$B$24,21,0),0)),0)</f>
        <v>0</v>
      </c>
      <c r="I4991">
        <f t="shared" si="559"/>
        <v>0.65507152947428315</v>
      </c>
      <c r="J4991">
        <f t="shared" si="560"/>
        <v>28.950276046530341</v>
      </c>
      <c r="K4991">
        <f t="shared" si="561"/>
        <v>2.3291057206006323</v>
      </c>
      <c r="L4991">
        <f t="shared" si="562"/>
        <v>1.1645528603003161</v>
      </c>
      <c r="M4991">
        <f t="shared" si="563"/>
        <v>0</v>
      </c>
      <c r="N4991" s="45">
        <f t="shared" si="564"/>
        <v>45133.541666654644</v>
      </c>
    </row>
    <row r="4992" spans="2:14" x14ac:dyDescent="0.25">
      <c r="B4992">
        <f t="shared" si="558"/>
        <v>3</v>
      </c>
      <c r="C4992" s="16">
        <v>4958</v>
      </c>
      <c r="D4992" cm="1">
        <f t="array" ref="D4992">IFERROR(INDEX(Jesper!AH$2:AH$366,ROUNDDOWN($C4992/24,0)+1,1)*INDEX($D$3:$AA$30,INDEX(Jesper!$R$2:$R$366,ROW(INDEX(Jesper!AH$2:AH$366,ROUNDDOWN($C4992/24,0)+1,1))-1)+IF('Standard Profiles'!$G$18=$B$10,7,0)+IF('Standard Profiles'!$G$18=$B$17,14,0)+IF('Standard Profiles'!$G$18=$B$24,21,0),MOD($C4992,24)+1)/SUM(INDEX($D$3:$AA$30,INDEX(Jesper!$R$2:$R$366,ROW(INDEX(Jesper!AH$2:AH$366,ROUNDDOWN($C4992/24,0)+1,1))-1)+IF('Standard Profiles'!$G$18=$B$10,7,0)+IF('Standard Profiles'!$G$18=$B$17,14,0)+IF('Standard Profiles'!$G$18=$B$24,21,0),0)),0)</f>
        <v>32.87044363750892</v>
      </c>
      <c r="E4992" cm="1">
        <f t="array" ref="E4992">IFERROR(INDEX(Jesper!AI$2:AI$366,ROUNDDOWN($C4992/24,0)+1,1)*INDEX($D$3:$AA$30,INDEX(Jesper!$R$2:$R$366,ROW(INDEX(Jesper!AI$2:AI$366,ROUNDDOWN($C4992/24,0)+1,1))-1)+IF('Standard Profiles'!$G$19=$B$10,7,0)+IF('Standard Profiles'!$G$19=$B$17,14,0)+IF('Standard Profiles'!$G$19=$B$24,21,0),MOD($C4992,24)+1)/SUM(INDEX($D$3:$AA$30,INDEX(Jesper!$R$2:$R$366,ROW(INDEX(Jesper!AI$2:AI$366,ROUNDDOWN($C4992/24,0)+1,1))-1)+IF('Standard Profiles'!$G$19=$B$10,7,0)+IF('Standard Profiles'!$G$19=$B$17,14,0)+IF('Standard Profiles'!$G$19=$B$24,21,0),0)),0)</f>
        <v>14.901581443531729</v>
      </c>
      <c r="F4992" cm="1">
        <f t="array" ref="F4992">IFERROR(INDEX(Jesper!AJ$2:AJ$366,ROUNDDOWN($C4992/24,0)+1,1)*INDEX($D$3:$AA$30,INDEX(Jesper!$R$2:$R$366,ROW(INDEX(Jesper!AJ$2:AJ$366,ROUNDDOWN($C4992/24,0)+1,1))-1)+IF('Standard Profiles'!$G$20=$B$10,7,0)+IF('Standard Profiles'!$G$20=$B$17,14,0)+IF('Standard Profiles'!$G$20=$B$24,21,0),MOD($C4992,24)+1)/SUM(INDEX($D$3:$AA$30,INDEX(Jesper!$R$2:$R$366,ROW(INDEX(Jesper!AJ$2:AJ$366,ROUNDDOWN($C4992/24,0)+1,1))-1)+IF('Standard Profiles'!$G$20=$B$10,7,0)+IF('Standard Profiles'!$G$20=$B$17,14,0)+IF('Standard Profiles'!$G$20=$B$24,21,0),0)),0)</f>
        <v>0</v>
      </c>
      <c r="G4992" cm="1">
        <f t="array" ref="G4992">IFERROR(INDEX(Jesper!AK$2:AK$366,ROUNDDOWN($C4992/24,0)+1,1)*INDEX($D$3:$AA$30,INDEX(Jesper!$R$2:$R$366,ROW(INDEX(Jesper!AK$2:AK$366,ROUNDDOWN($C4992/24,0)+1,1))-1)+IF('Standard Profiles'!$G$21=$B$10,7,0)+IF('Standard Profiles'!$G$21=$B$17,14,0)+IF('Standard Profiles'!$G$21=$B$24,21,0),MOD($C4992,24)+1)/SUM(INDEX($D$3:$AA$30,INDEX(Jesper!$R$2:$R$366,ROW(INDEX(Jesper!AK$2:AK$366,ROUNDDOWN($C4992/24,0)+1,1))-1)+IF('Standard Profiles'!$G$21=$B$10,7,0)+IF('Standard Profiles'!$G$21=$B$17,14,0)+IF('Standard Profiles'!$G$21=$B$24,21,0),0)),0)</f>
        <v>2.0544358003225733</v>
      </c>
      <c r="H4992" cm="1">
        <f t="array" ref="H4992">IFERROR(INDEX(Jesper!AL$2:AL$366,ROUNDDOWN($C4992/24,0)+1,1)*INDEX($D$3:$AA$30,INDEX(Jesper!$R$2:$R$366,ROW(INDEX(Jesper!AL$2:AL$366,ROUNDDOWN($C4992/24,0)+1,1))-1)+IF('Standard Profiles'!$G$22=$B$10,7,0)+IF('Standard Profiles'!$G$22=$B$17,14,0)+IF('Standard Profiles'!$G$22=$B$24,21,0),MOD($C4992,24)+1)/SUM(INDEX($D$3:$AA$30,INDEX(Jesper!$R$2:$R$366,ROW(INDEX(Jesper!AL$2:AL$366,ROUNDDOWN($C4992/24,0)+1,1))-1)+IF('Standard Profiles'!$G$22=$B$10,7,0)+IF('Standard Profiles'!$G$22=$B$17,14,0)+IF('Standard Profiles'!$G$22=$B$24,21,0),0)),0)</f>
        <v>0</v>
      </c>
      <c r="I4992">
        <f t="shared" si="559"/>
        <v>0.98612918415483475</v>
      </c>
      <c r="J4992">
        <f t="shared" si="560"/>
        <v>43.581060715206959</v>
      </c>
      <c r="K4992">
        <f t="shared" si="561"/>
        <v>3.5061806546676184</v>
      </c>
      <c r="L4992">
        <f t="shared" si="562"/>
        <v>1.7530903273338092</v>
      </c>
      <c r="M4992">
        <f t="shared" si="563"/>
        <v>0</v>
      </c>
      <c r="N4992" s="45">
        <f t="shared" si="564"/>
        <v>45133.583333321309</v>
      </c>
    </row>
    <row r="4993" spans="2:14" x14ac:dyDescent="0.25">
      <c r="B4993">
        <f t="shared" si="558"/>
        <v>3</v>
      </c>
      <c r="C4993" s="16">
        <v>4959</v>
      </c>
      <c r="D4993" cm="1">
        <f t="array" ref="D4993">IFERROR(INDEX(Jesper!AH$2:AH$366,ROUNDDOWN($C4993/24,0)+1,1)*INDEX($D$3:$AA$30,INDEX(Jesper!$R$2:$R$366,ROW(INDEX(Jesper!AH$2:AH$366,ROUNDDOWN($C4993/24,0)+1,1))-1)+IF('Standard Profiles'!$G$18=$B$10,7,0)+IF('Standard Profiles'!$G$18=$B$17,14,0)+IF('Standard Profiles'!$G$18=$B$24,21,0),MOD($C4993,24)+1)/SUM(INDEX($D$3:$AA$30,INDEX(Jesper!$R$2:$R$366,ROW(INDEX(Jesper!AH$2:AH$366,ROUNDDOWN($C4993/24,0)+1,1))-1)+IF('Standard Profiles'!$G$18=$B$10,7,0)+IF('Standard Profiles'!$G$18=$B$17,14,0)+IF('Standard Profiles'!$G$18=$B$24,21,0),0)),0)</f>
        <v>32.87044363750892</v>
      </c>
      <c r="E4993" cm="1">
        <f t="array" ref="E4993">IFERROR(INDEX(Jesper!AI$2:AI$366,ROUNDDOWN($C4993/24,0)+1,1)*INDEX($D$3:$AA$30,INDEX(Jesper!$R$2:$R$366,ROW(INDEX(Jesper!AI$2:AI$366,ROUNDDOWN($C4993/24,0)+1,1))-1)+IF('Standard Profiles'!$G$19=$B$10,7,0)+IF('Standard Profiles'!$G$19=$B$17,14,0)+IF('Standard Profiles'!$G$19=$B$24,21,0),MOD($C4993,24)+1)/SUM(INDEX($D$3:$AA$30,INDEX(Jesper!$R$2:$R$366,ROW(INDEX(Jesper!AI$2:AI$366,ROUNDDOWN($C4993/24,0)+1,1))-1)+IF('Standard Profiles'!$G$19=$B$10,7,0)+IF('Standard Profiles'!$G$19=$B$17,14,0)+IF('Standard Profiles'!$G$19=$B$24,21,0),0)),0)</f>
        <v>14.901581443531729</v>
      </c>
      <c r="F4993" cm="1">
        <f t="array" ref="F4993">IFERROR(INDEX(Jesper!AJ$2:AJ$366,ROUNDDOWN($C4993/24,0)+1,1)*INDEX($D$3:$AA$30,INDEX(Jesper!$R$2:$R$366,ROW(INDEX(Jesper!AJ$2:AJ$366,ROUNDDOWN($C4993/24,0)+1,1))-1)+IF('Standard Profiles'!$G$20=$B$10,7,0)+IF('Standard Profiles'!$G$20=$B$17,14,0)+IF('Standard Profiles'!$G$20=$B$24,21,0),MOD($C4993,24)+1)/SUM(INDEX($D$3:$AA$30,INDEX(Jesper!$R$2:$R$366,ROW(INDEX(Jesper!AJ$2:AJ$366,ROUNDDOWN($C4993/24,0)+1,1))-1)+IF('Standard Profiles'!$G$20=$B$10,7,0)+IF('Standard Profiles'!$G$20=$B$17,14,0)+IF('Standard Profiles'!$G$20=$B$24,21,0),0)),0)</f>
        <v>0</v>
      </c>
      <c r="G4993" cm="1">
        <f t="array" ref="G4993">IFERROR(INDEX(Jesper!AK$2:AK$366,ROUNDDOWN($C4993/24,0)+1,1)*INDEX($D$3:$AA$30,INDEX(Jesper!$R$2:$R$366,ROW(INDEX(Jesper!AK$2:AK$366,ROUNDDOWN($C4993/24,0)+1,1))-1)+IF('Standard Profiles'!$G$21=$B$10,7,0)+IF('Standard Profiles'!$G$21=$B$17,14,0)+IF('Standard Profiles'!$G$21=$B$24,21,0),MOD($C4993,24)+1)/SUM(INDEX($D$3:$AA$30,INDEX(Jesper!$R$2:$R$366,ROW(INDEX(Jesper!AK$2:AK$366,ROUNDDOWN($C4993/24,0)+1,1))-1)+IF('Standard Profiles'!$G$21=$B$10,7,0)+IF('Standard Profiles'!$G$21=$B$17,14,0)+IF('Standard Profiles'!$G$21=$B$24,21,0),0)),0)</f>
        <v>2.0544358003225733</v>
      </c>
      <c r="H4993" cm="1">
        <f t="array" ref="H4993">IFERROR(INDEX(Jesper!AL$2:AL$366,ROUNDDOWN($C4993/24,0)+1,1)*INDEX($D$3:$AA$30,INDEX(Jesper!$R$2:$R$366,ROW(INDEX(Jesper!AL$2:AL$366,ROUNDDOWN($C4993/24,0)+1,1))-1)+IF('Standard Profiles'!$G$22=$B$10,7,0)+IF('Standard Profiles'!$G$22=$B$17,14,0)+IF('Standard Profiles'!$G$22=$B$24,21,0),MOD($C4993,24)+1)/SUM(INDEX($D$3:$AA$30,INDEX(Jesper!$R$2:$R$366,ROW(INDEX(Jesper!AL$2:AL$366,ROUNDDOWN($C4993/24,0)+1,1))-1)+IF('Standard Profiles'!$G$22=$B$10,7,0)+IF('Standard Profiles'!$G$22=$B$17,14,0)+IF('Standard Profiles'!$G$22=$B$24,21,0),0)),0)</f>
        <v>0</v>
      </c>
      <c r="I4993">
        <f t="shared" si="559"/>
        <v>0.98612918415483475</v>
      </c>
      <c r="J4993">
        <f t="shared" si="560"/>
        <v>43.581060715206959</v>
      </c>
      <c r="K4993">
        <f t="shared" si="561"/>
        <v>3.5061806546676184</v>
      </c>
      <c r="L4993">
        <f t="shared" si="562"/>
        <v>1.7530903273338092</v>
      </c>
      <c r="M4993">
        <f t="shared" si="563"/>
        <v>0</v>
      </c>
      <c r="N4993" s="45">
        <f t="shared" si="564"/>
        <v>45133.624999987973</v>
      </c>
    </row>
    <row r="4994" spans="2:14" x14ac:dyDescent="0.25">
      <c r="B4994">
        <f t="shared" si="558"/>
        <v>3</v>
      </c>
      <c r="C4994" s="16">
        <v>4960</v>
      </c>
      <c r="D4994" cm="1">
        <f t="array" ref="D4994">IFERROR(INDEX(Jesper!AH$2:AH$366,ROUNDDOWN($C4994/24,0)+1,1)*INDEX($D$3:$AA$30,INDEX(Jesper!$R$2:$R$366,ROW(INDEX(Jesper!AH$2:AH$366,ROUNDDOWN($C4994/24,0)+1,1))-1)+IF('Standard Profiles'!$G$18=$B$10,7,0)+IF('Standard Profiles'!$G$18=$B$17,14,0)+IF('Standard Profiles'!$G$18=$B$24,21,0),MOD($C4994,24)+1)/SUM(INDEX($D$3:$AA$30,INDEX(Jesper!$R$2:$R$366,ROW(INDEX(Jesper!AH$2:AH$366,ROUNDDOWN($C4994/24,0)+1,1))-1)+IF('Standard Profiles'!$G$18=$B$10,7,0)+IF('Standard Profiles'!$G$18=$B$17,14,0)+IF('Standard Profiles'!$G$18=$B$24,21,0),0)),0)</f>
        <v>19.37008285781776</v>
      </c>
      <c r="E4994" cm="1">
        <f t="array" ref="E4994">IFERROR(INDEX(Jesper!AI$2:AI$366,ROUNDDOWN($C4994/24,0)+1,1)*INDEX($D$3:$AA$30,INDEX(Jesper!$R$2:$R$366,ROW(INDEX(Jesper!AI$2:AI$366,ROUNDDOWN($C4994/24,0)+1,1))-1)+IF('Standard Profiles'!$G$19=$B$10,7,0)+IF('Standard Profiles'!$G$19=$B$17,14,0)+IF('Standard Profiles'!$G$19=$B$24,21,0),MOD($C4994,24)+1)/SUM(INDEX($D$3:$AA$30,INDEX(Jesper!$R$2:$R$366,ROW(INDEX(Jesper!AI$2:AI$366,ROUNDDOWN($C4994/24,0)+1,1))-1)+IF('Standard Profiles'!$G$19=$B$10,7,0)+IF('Standard Profiles'!$G$19=$B$17,14,0)+IF('Standard Profiles'!$G$19=$B$24,21,0),0)),0)</f>
        <v>8.7812890649383402</v>
      </c>
      <c r="F4994" cm="1">
        <f t="array" ref="F4994">IFERROR(INDEX(Jesper!AJ$2:AJ$366,ROUNDDOWN($C4994/24,0)+1,1)*INDEX($D$3:$AA$30,INDEX(Jesper!$R$2:$R$366,ROW(INDEX(Jesper!AJ$2:AJ$366,ROUNDDOWN($C4994/24,0)+1,1))-1)+IF('Standard Profiles'!$G$20=$B$10,7,0)+IF('Standard Profiles'!$G$20=$B$17,14,0)+IF('Standard Profiles'!$G$20=$B$24,21,0),MOD($C4994,24)+1)/SUM(INDEX($D$3:$AA$30,INDEX(Jesper!$R$2:$R$366,ROW(INDEX(Jesper!AJ$2:AJ$366,ROUNDDOWN($C4994/24,0)+1,1))-1)+IF('Standard Profiles'!$G$20=$B$10,7,0)+IF('Standard Profiles'!$G$20=$B$17,14,0)+IF('Standard Profiles'!$G$20=$B$24,21,0),0)),0)</f>
        <v>0</v>
      </c>
      <c r="G4994" cm="1">
        <f t="array" ref="G4994">IFERROR(INDEX(Jesper!AK$2:AK$366,ROUNDDOWN($C4994/24,0)+1,1)*INDEX($D$3:$AA$30,INDEX(Jesper!$R$2:$R$366,ROW(INDEX(Jesper!AK$2:AK$366,ROUNDDOWN($C4994/24,0)+1,1))-1)+IF('Standard Profiles'!$G$21=$B$10,7,0)+IF('Standard Profiles'!$G$21=$B$17,14,0)+IF('Standard Profiles'!$G$21=$B$24,21,0),MOD($C4994,24)+1)/SUM(INDEX($D$3:$AA$30,INDEX(Jesper!$R$2:$R$366,ROW(INDEX(Jesper!AK$2:AK$366,ROUNDDOWN($C4994/24,0)+1,1))-1)+IF('Standard Profiles'!$G$21=$B$10,7,0)+IF('Standard Profiles'!$G$21=$B$17,14,0)+IF('Standard Profiles'!$G$21=$B$24,21,0),0)),0)</f>
        <v>1.7166683380774217</v>
      </c>
      <c r="H4994" cm="1">
        <f t="array" ref="H4994">IFERROR(INDEX(Jesper!AL$2:AL$366,ROUNDDOWN($C4994/24,0)+1,1)*INDEX($D$3:$AA$30,INDEX(Jesper!$R$2:$R$366,ROW(INDEX(Jesper!AL$2:AL$366,ROUNDDOWN($C4994/24,0)+1,1))-1)+IF('Standard Profiles'!$G$22=$B$10,7,0)+IF('Standard Profiles'!$G$22=$B$17,14,0)+IF('Standard Profiles'!$G$22=$B$24,21,0),MOD($C4994,24)+1)/SUM(INDEX($D$3:$AA$30,INDEX(Jesper!$R$2:$R$366,ROW(INDEX(Jesper!AL$2:AL$366,ROUNDDOWN($C4994/24,0)+1,1))-1)+IF('Standard Profiles'!$G$22=$B$10,7,0)+IF('Standard Profiles'!$G$22=$B$17,14,0)+IF('Standard Profiles'!$G$22=$B$24,21,0),0)),0)</f>
        <v>0</v>
      </c>
      <c r="I4994">
        <f t="shared" si="559"/>
        <v>0.82400080227716199</v>
      </c>
      <c r="J4994">
        <f t="shared" si="560"/>
        <v>25.944826201305521</v>
      </c>
      <c r="K4994">
        <f t="shared" si="561"/>
        <v>2.066142171500561</v>
      </c>
      <c r="L4994">
        <f t="shared" si="562"/>
        <v>1.0330710857502805</v>
      </c>
      <c r="M4994">
        <f t="shared" si="563"/>
        <v>0</v>
      </c>
      <c r="N4994" s="45">
        <f t="shared" si="564"/>
        <v>45133.666666654637</v>
      </c>
    </row>
    <row r="4995" spans="2:14" x14ac:dyDescent="0.25">
      <c r="B4995">
        <f t="shared" si="558"/>
        <v>3</v>
      </c>
      <c r="C4995" s="16">
        <v>4961</v>
      </c>
      <c r="D4995" cm="1">
        <f t="array" ref="D4995">IFERROR(INDEX(Jesper!AH$2:AH$366,ROUNDDOWN($C4995/24,0)+1,1)*INDEX($D$3:$AA$30,INDEX(Jesper!$R$2:$R$366,ROW(INDEX(Jesper!AH$2:AH$366,ROUNDDOWN($C4995/24,0)+1,1))-1)+IF('Standard Profiles'!$G$18=$B$10,7,0)+IF('Standard Profiles'!$G$18=$B$17,14,0)+IF('Standard Profiles'!$G$18=$B$24,21,0),MOD($C4995,24)+1)/SUM(INDEX($D$3:$AA$30,INDEX(Jesper!$R$2:$R$366,ROW(INDEX(Jesper!AH$2:AH$366,ROUNDDOWN($C4995/24,0)+1,1))-1)+IF('Standard Profiles'!$G$18=$B$10,7,0)+IF('Standard Profiles'!$G$18=$B$17,14,0)+IF('Standard Profiles'!$G$18=$B$24,21,0),0)),0)</f>
        <v>8.267214194544497</v>
      </c>
      <c r="E4995" cm="1">
        <f t="array" ref="E4995">IFERROR(INDEX(Jesper!AI$2:AI$366,ROUNDDOWN($C4995/24,0)+1,1)*INDEX($D$3:$AA$30,INDEX(Jesper!$R$2:$R$366,ROW(INDEX(Jesper!AI$2:AI$366,ROUNDDOWN($C4995/24,0)+1,1))-1)+IF('Standard Profiles'!$G$19=$B$10,7,0)+IF('Standard Profiles'!$G$19=$B$17,14,0)+IF('Standard Profiles'!$G$19=$B$24,21,0),MOD($C4995,24)+1)/SUM(INDEX($D$3:$AA$30,INDEX(Jesper!$R$2:$R$366,ROW(INDEX(Jesper!AI$2:AI$366,ROUNDDOWN($C4995/24,0)+1,1))-1)+IF('Standard Profiles'!$G$19=$B$10,7,0)+IF('Standard Profiles'!$G$19=$B$17,14,0)+IF('Standard Profiles'!$G$19=$B$24,21,0),0)),0)</f>
        <v>3.7478826568238759</v>
      </c>
      <c r="F4995" cm="1">
        <f t="array" ref="F4995">IFERROR(INDEX(Jesper!AJ$2:AJ$366,ROUNDDOWN($C4995/24,0)+1,1)*INDEX($D$3:$AA$30,INDEX(Jesper!$R$2:$R$366,ROW(INDEX(Jesper!AJ$2:AJ$366,ROUNDDOWN($C4995/24,0)+1,1))-1)+IF('Standard Profiles'!$G$20=$B$10,7,0)+IF('Standard Profiles'!$G$20=$B$17,14,0)+IF('Standard Profiles'!$G$20=$B$24,21,0),MOD($C4995,24)+1)/SUM(INDEX($D$3:$AA$30,INDEX(Jesper!$R$2:$R$366,ROW(INDEX(Jesper!AJ$2:AJ$366,ROUNDDOWN($C4995/24,0)+1,1))-1)+IF('Standard Profiles'!$G$20=$B$10,7,0)+IF('Standard Profiles'!$G$20=$B$17,14,0)+IF('Standard Profiles'!$G$20=$B$24,21,0),0)),0)</f>
        <v>0</v>
      </c>
      <c r="G4995" cm="1">
        <f t="array" ref="G4995">IFERROR(INDEX(Jesper!AK$2:AK$366,ROUNDDOWN($C4995/24,0)+1,1)*INDEX($D$3:$AA$30,INDEX(Jesper!$R$2:$R$366,ROW(INDEX(Jesper!AK$2:AK$366,ROUNDDOWN($C4995/24,0)+1,1))-1)+IF('Standard Profiles'!$G$21=$B$10,7,0)+IF('Standard Profiles'!$G$21=$B$17,14,0)+IF('Standard Profiles'!$G$21=$B$24,21,0),MOD($C4995,24)+1)/SUM(INDEX($D$3:$AA$30,INDEX(Jesper!$R$2:$R$366,ROW(INDEX(Jesper!AK$2:AK$366,ROUNDDOWN($C4995/24,0)+1,1))-1)+IF('Standard Profiles'!$G$21=$B$10,7,0)+IF('Standard Profiles'!$G$21=$B$17,14,0)+IF('Standard Profiles'!$G$21=$B$24,21,0),0)),0)</f>
        <v>1.364985362406439</v>
      </c>
      <c r="H4995" cm="1">
        <f t="array" ref="H4995">IFERROR(INDEX(Jesper!AL$2:AL$366,ROUNDDOWN($C4995/24,0)+1,1)*INDEX($D$3:$AA$30,INDEX(Jesper!$R$2:$R$366,ROW(INDEX(Jesper!AL$2:AL$366,ROUNDDOWN($C4995/24,0)+1,1))-1)+IF('Standard Profiles'!$G$22=$B$10,7,0)+IF('Standard Profiles'!$G$22=$B$17,14,0)+IF('Standard Profiles'!$G$22=$B$24,21,0),MOD($C4995,24)+1)/SUM(INDEX($D$3:$AA$30,INDEX(Jesper!$R$2:$R$366,ROW(INDEX(Jesper!AL$2:AL$366,ROUNDDOWN($C4995/24,0)+1,1))-1)+IF('Standard Profiles'!$G$22=$B$10,7,0)+IF('Standard Profiles'!$G$22=$B$17,14,0)+IF('Standard Profiles'!$G$22=$B$24,21,0),0)),0)</f>
        <v>0</v>
      </c>
      <c r="I4995">
        <f t="shared" si="559"/>
        <v>0.65519297395509035</v>
      </c>
      <c r="J4995">
        <f t="shared" si="560"/>
        <v>11.4021349686926</v>
      </c>
      <c r="K4995">
        <f t="shared" si="561"/>
        <v>0.88183618075141312</v>
      </c>
      <c r="L4995">
        <f t="shared" si="562"/>
        <v>0.44091809037570656</v>
      </c>
      <c r="M4995">
        <f t="shared" si="563"/>
        <v>0</v>
      </c>
      <c r="N4995" s="45">
        <f t="shared" si="564"/>
        <v>45133.708333321301</v>
      </c>
    </row>
    <row r="4996" spans="2:14" x14ac:dyDescent="0.25">
      <c r="B4996">
        <f t="shared" si="558"/>
        <v>3</v>
      </c>
      <c r="C4996" s="16">
        <v>4962</v>
      </c>
      <c r="D4996" cm="1">
        <f t="array" ref="D4996">IFERROR(INDEX(Jesper!AH$2:AH$366,ROUNDDOWN($C4996/24,0)+1,1)*INDEX($D$3:$AA$30,INDEX(Jesper!$R$2:$R$366,ROW(INDEX(Jesper!AH$2:AH$366,ROUNDDOWN($C4996/24,0)+1,1))-1)+IF('Standard Profiles'!$G$18=$B$10,7,0)+IF('Standard Profiles'!$G$18=$B$17,14,0)+IF('Standard Profiles'!$G$18=$B$24,21,0),MOD($C4996,24)+1)/SUM(INDEX($D$3:$AA$30,INDEX(Jesper!$R$2:$R$366,ROW(INDEX(Jesper!AH$2:AH$366,ROUNDDOWN($C4996/24,0)+1,1))-1)+IF('Standard Profiles'!$G$18=$B$10,7,0)+IF('Standard Profiles'!$G$18=$B$17,14,0)+IF('Standard Profiles'!$G$18=$B$24,21,0),0)),0)</f>
        <v>5.4563613683993681</v>
      </c>
      <c r="E4996" cm="1">
        <f t="array" ref="E4996">IFERROR(INDEX(Jesper!AI$2:AI$366,ROUNDDOWN($C4996/24,0)+1,1)*INDEX($D$3:$AA$30,INDEX(Jesper!$R$2:$R$366,ROW(INDEX(Jesper!AI$2:AI$366,ROUNDDOWN($C4996/24,0)+1,1))-1)+IF('Standard Profiles'!$G$19=$B$10,7,0)+IF('Standard Profiles'!$G$19=$B$17,14,0)+IF('Standard Profiles'!$G$19=$B$24,21,0),MOD($C4996,24)+1)/SUM(INDEX($D$3:$AA$30,INDEX(Jesper!$R$2:$R$366,ROW(INDEX(Jesper!AI$2:AI$366,ROUNDDOWN($C4996/24,0)+1,1))-1)+IF('Standard Profiles'!$G$19=$B$10,7,0)+IF('Standard Profiles'!$G$19=$B$17,14,0)+IF('Standard Profiles'!$G$19=$B$24,21,0),0)),0)</f>
        <v>2.4736025535037585</v>
      </c>
      <c r="F4996" cm="1">
        <f t="array" ref="F4996">IFERROR(INDEX(Jesper!AJ$2:AJ$366,ROUNDDOWN($C4996/24,0)+1,1)*INDEX($D$3:$AA$30,INDEX(Jesper!$R$2:$R$366,ROW(INDEX(Jesper!AJ$2:AJ$366,ROUNDDOWN($C4996/24,0)+1,1))-1)+IF('Standard Profiles'!$G$20=$B$10,7,0)+IF('Standard Profiles'!$G$20=$B$17,14,0)+IF('Standard Profiles'!$G$20=$B$24,21,0),MOD($C4996,24)+1)/SUM(INDEX($D$3:$AA$30,INDEX(Jesper!$R$2:$R$366,ROW(INDEX(Jesper!AJ$2:AJ$366,ROUNDDOWN($C4996/24,0)+1,1))-1)+IF('Standard Profiles'!$G$20=$B$10,7,0)+IF('Standard Profiles'!$G$20=$B$17,14,0)+IF('Standard Profiles'!$G$20=$B$24,21,0),0)),0)</f>
        <v>0</v>
      </c>
      <c r="G4996" cm="1">
        <f t="array" ref="G4996">IFERROR(INDEX(Jesper!AK$2:AK$366,ROUNDDOWN($C4996/24,0)+1,1)*INDEX($D$3:$AA$30,INDEX(Jesper!$R$2:$R$366,ROW(INDEX(Jesper!AK$2:AK$366,ROUNDDOWN($C4996/24,0)+1,1))-1)+IF('Standard Profiles'!$G$21=$B$10,7,0)+IF('Standard Profiles'!$G$21=$B$17,14,0)+IF('Standard Profiles'!$G$21=$B$24,21,0),MOD($C4996,24)+1)/SUM(INDEX($D$3:$AA$30,INDEX(Jesper!$R$2:$R$366,ROW(INDEX(Jesper!AK$2:AK$366,ROUNDDOWN($C4996/24,0)+1,1))-1)+IF('Standard Profiles'!$G$21=$B$10,7,0)+IF('Standard Profiles'!$G$21=$B$17,14,0)+IF('Standard Profiles'!$G$21=$B$24,21,0),0)),0)</f>
        <v>0.50601867003019063</v>
      </c>
      <c r="H4996" cm="1">
        <f t="array" ref="H4996">IFERROR(INDEX(Jesper!AL$2:AL$366,ROUNDDOWN($C4996/24,0)+1,1)*INDEX($D$3:$AA$30,INDEX(Jesper!$R$2:$R$366,ROW(INDEX(Jesper!AL$2:AL$366,ROUNDDOWN($C4996/24,0)+1,1))-1)+IF('Standard Profiles'!$G$22=$B$10,7,0)+IF('Standard Profiles'!$G$22=$B$17,14,0)+IF('Standard Profiles'!$G$22=$B$24,21,0),MOD($C4996,24)+1)/SUM(INDEX($D$3:$AA$30,INDEX(Jesper!$R$2:$R$366,ROW(INDEX(Jesper!AL$2:AL$366,ROUNDDOWN($C4996/24,0)+1,1))-1)+IF('Standard Profiles'!$G$22=$B$10,7,0)+IF('Standard Profiles'!$G$22=$B$17,14,0)+IF('Standard Profiles'!$G$22=$B$24,21,0),0)),0)</f>
        <v>0</v>
      </c>
      <c r="I4996">
        <f t="shared" si="559"/>
        <v>0.24288896161449139</v>
      </c>
      <c r="J4996">
        <f t="shared" si="560"/>
        <v>7.3200758113749265</v>
      </c>
      <c r="K4996">
        <f t="shared" si="561"/>
        <v>0.58201187929593268</v>
      </c>
      <c r="L4996">
        <f t="shared" si="562"/>
        <v>0.29100593964796634</v>
      </c>
      <c r="M4996">
        <f t="shared" si="563"/>
        <v>0</v>
      </c>
      <c r="N4996" s="45">
        <f t="shared" si="564"/>
        <v>45133.749999987966</v>
      </c>
    </row>
    <row r="4997" spans="2:14" x14ac:dyDescent="0.25">
      <c r="B4997">
        <f t="shared" si="558"/>
        <v>3</v>
      </c>
      <c r="C4997" s="16">
        <v>4963</v>
      </c>
      <c r="D4997" cm="1">
        <f t="array" ref="D4997">IFERROR(INDEX(Jesper!AH$2:AH$366,ROUNDDOWN($C4997/24,0)+1,1)*INDEX($D$3:$AA$30,INDEX(Jesper!$R$2:$R$366,ROW(INDEX(Jesper!AH$2:AH$366,ROUNDDOWN($C4997/24,0)+1,1))-1)+IF('Standard Profiles'!$G$18=$B$10,7,0)+IF('Standard Profiles'!$G$18=$B$17,14,0)+IF('Standard Profiles'!$G$18=$B$24,21,0),MOD($C4997,24)+1)/SUM(INDEX($D$3:$AA$30,INDEX(Jesper!$R$2:$R$366,ROW(INDEX(Jesper!AH$2:AH$366,ROUNDDOWN($C4997/24,0)+1,1))-1)+IF('Standard Profiles'!$G$18=$B$10,7,0)+IF('Standard Profiles'!$G$18=$B$17,14,0)+IF('Standard Profiles'!$G$18=$B$24,21,0),0)),0)</f>
        <v>5.4563613683993681</v>
      </c>
      <c r="E4997" cm="1">
        <f t="array" ref="E4997">IFERROR(INDEX(Jesper!AI$2:AI$366,ROUNDDOWN($C4997/24,0)+1,1)*INDEX($D$3:$AA$30,INDEX(Jesper!$R$2:$R$366,ROW(INDEX(Jesper!AI$2:AI$366,ROUNDDOWN($C4997/24,0)+1,1))-1)+IF('Standard Profiles'!$G$19=$B$10,7,0)+IF('Standard Profiles'!$G$19=$B$17,14,0)+IF('Standard Profiles'!$G$19=$B$24,21,0),MOD($C4997,24)+1)/SUM(INDEX($D$3:$AA$30,INDEX(Jesper!$R$2:$R$366,ROW(INDEX(Jesper!AI$2:AI$366,ROUNDDOWN($C4997/24,0)+1,1))-1)+IF('Standard Profiles'!$G$19=$B$10,7,0)+IF('Standard Profiles'!$G$19=$B$17,14,0)+IF('Standard Profiles'!$G$19=$B$24,21,0),0)),0)</f>
        <v>2.4736025535037585</v>
      </c>
      <c r="F4997" cm="1">
        <f t="array" ref="F4997">IFERROR(INDEX(Jesper!AJ$2:AJ$366,ROUNDDOWN($C4997/24,0)+1,1)*INDEX($D$3:$AA$30,INDEX(Jesper!$R$2:$R$366,ROW(INDEX(Jesper!AJ$2:AJ$366,ROUNDDOWN($C4997/24,0)+1,1))-1)+IF('Standard Profiles'!$G$20=$B$10,7,0)+IF('Standard Profiles'!$G$20=$B$17,14,0)+IF('Standard Profiles'!$G$20=$B$24,21,0),MOD($C4997,24)+1)/SUM(INDEX($D$3:$AA$30,INDEX(Jesper!$R$2:$R$366,ROW(INDEX(Jesper!AJ$2:AJ$366,ROUNDDOWN($C4997/24,0)+1,1))-1)+IF('Standard Profiles'!$G$20=$B$10,7,0)+IF('Standard Profiles'!$G$20=$B$17,14,0)+IF('Standard Profiles'!$G$20=$B$24,21,0),0)),0)</f>
        <v>0</v>
      </c>
      <c r="G4997" cm="1">
        <f t="array" ref="G4997">IFERROR(INDEX(Jesper!AK$2:AK$366,ROUNDDOWN($C4997/24,0)+1,1)*INDEX($D$3:$AA$30,INDEX(Jesper!$R$2:$R$366,ROW(INDEX(Jesper!AK$2:AK$366,ROUNDDOWN($C4997/24,0)+1,1))-1)+IF('Standard Profiles'!$G$21=$B$10,7,0)+IF('Standard Profiles'!$G$21=$B$17,14,0)+IF('Standard Profiles'!$G$21=$B$24,21,0),MOD($C4997,24)+1)/SUM(INDEX($D$3:$AA$30,INDEX(Jesper!$R$2:$R$366,ROW(INDEX(Jesper!AK$2:AK$366,ROUNDDOWN($C4997/24,0)+1,1))-1)+IF('Standard Profiles'!$G$21=$B$10,7,0)+IF('Standard Profiles'!$G$21=$B$17,14,0)+IF('Standard Profiles'!$G$21=$B$24,21,0),0)),0)</f>
        <v>0.50601867003019063</v>
      </c>
      <c r="H4997" cm="1">
        <f t="array" ref="H4997">IFERROR(INDEX(Jesper!AL$2:AL$366,ROUNDDOWN($C4997/24,0)+1,1)*INDEX($D$3:$AA$30,INDEX(Jesper!$R$2:$R$366,ROW(INDEX(Jesper!AL$2:AL$366,ROUNDDOWN($C4997/24,0)+1,1))-1)+IF('Standard Profiles'!$G$22=$B$10,7,0)+IF('Standard Profiles'!$G$22=$B$17,14,0)+IF('Standard Profiles'!$G$22=$B$24,21,0),MOD($C4997,24)+1)/SUM(INDEX($D$3:$AA$30,INDEX(Jesper!$R$2:$R$366,ROW(INDEX(Jesper!AL$2:AL$366,ROUNDDOWN($C4997/24,0)+1,1))-1)+IF('Standard Profiles'!$G$22=$B$10,7,0)+IF('Standard Profiles'!$G$22=$B$17,14,0)+IF('Standard Profiles'!$G$22=$B$24,21,0),0)),0)</f>
        <v>0</v>
      </c>
      <c r="I4997">
        <f t="shared" si="559"/>
        <v>0.24288896161449139</v>
      </c>
      <c r="J4997">
        <f t="shared" si="560"/>
        <v>7.3200758113749265</v>
      </c>
      <c r="K4997">
        <f t="shared" si="561"/>
        <v>0.58201187929593268</v>
      </c>
      <c r="L4997">
        <f t="shared" si="562"/>
        <v>0.29100593964796634</v>
      </c>
      <c r="M4997">
        <f t="shared" si="563"/>
        <v>0</v>
      </c>
      <c r="N4997" s="45">
        <f t="shared" si="564"/>
        <v>45133.79166665463</v>
      </c>
    </row>
    <row r="4998" spans="2:14" x14ac:dyDescent="0.25">
      <c r="B4998">
        <f t="shared" si="558"/>
        <v>3</v>
      </c>
      <c r="C4998" s="16">
        <v>4964</v>
      </c>
      <c r="D4998" cm="1">
        <f t="array" ref="D4998">IFERROR(INDEX(Jesper!AH$2:AH$366,ROUNDDOWN($C4998/24,0)+1,1)*INDEX($D$3:$AA$30,INDEX(Jesper!$R$2:$R$366,ROW(INDEX(Jesper!AH$2:AH$366,ROUNDDOWN($C4998/24,0)+1,1))-1)+IF('Standard Profiles'!$G$18=$B$10,7,0)+IF('Standard Profiles'!$G$18=$B$17,14,0)+IF('Standard Profiles'!$G$18=$B$24,21,0),MOD($C4998,24)+1)/SUM(INDEX($D$3:$AA$30,INDEX(Jesper!$R$2:$R$366,ROW(INDEX(Jesper!AH$2:AH$366,ROUNDDOWN($C4998/24,0)+1,1))-1)+IF('Standard Profiles'!$G$18=$B$10,7,0)+IF('Standard Profiles'!$G$18=$B$17,14,0)+IF('Standard Profiles'!$G$18=$B$24,21,0),0)),0)</f>
        <v>5.4563613683993681</v>
      </c>
      <c r="E4998" cm="1">
        <f t="array" ref="E4998">IFERROR(INDEX(Jesper!AI$2:AI$366,ROUNDDOWN($C4998/24,0)+1,1)*INDEX($D$3:$AA$30,INDEX(Jesper!$R$2:$R$366,ROW(INDEX(Jesper!AI$2:AI$366,ROUNDDOWN($C4998/24,0)+1,1))-1)+IF('Standard Profiles'!$G$19=$B$10,7,0)+IF('Standard Profiles'!$G$19=$B$17,14,0)+IF('Standard Profiles'!$G$19=$B$24,21,0),MOD($C4998,24)+1)/SUM(INDEX($D$3:$AA$30,INDEX(Jesper!$R$2:$R$366,ROW(INDEX(Jesper!AI$2:AI$366,ROUNDDOWN($C4998/24,0)+1,1))-1)+IF('Standard Profiles'!$G$19=$B$10,7,0)+IF('Standard Profiles'!$G$19=$B$17,14,0)+IF('Standard Profiles'!$G$19=$B$24,21,0),0)),0)</f>
        <v>2.4736025535037585</v>
      </c>
      <c r="F4998" cm="1">
        <f t="array" ref="F4998">IFERROR(INDEX(Jesper!AJ$2:AJ$366,ROUNDDOWN($C4998/24,0)+1,1)*INDEX($D$3:$AA$30,INDEX(Jesper!$R$2:$R$366,ROW(INDEX(Jesper!AJ$2:AJ$366,ROUNDDOWN($C4998/24,0)+1,1))-1)+IF('Standard Profiles'!$G$20=$B$10,7,0)+IF('Standard Profiles'!$G$20=$B$17,14,0)+IF('Standard Profiles'!$G$20=$B$24,21,0),MOD($C4998,24)+1)/SUM(INDEX($D$3:$AA$30,INDEX(Jesper!$R$2:$R$366,ROW(INDEX(Jesper!AJ$2:AJ$366,ROUNDDOWN($C4998/24,0)+1,1))-1)+IF('Standard Profiles'!$G$20=$B$10,7,0)+IF('Standard Profiles'!$G$20=$B$17,14,0)+IF('Standard Profiles'!$G$20=$B$24,21,0),0)),0)</f>
        <v>0</v>
      </c>
      <c r="G4998" cm="1">
        <f t="array" ref="G4998">IFERROR(INDEX(Jesper!AK$2:AK$366,ROUNDDOWN($C4998/24,0)+1,1)*INDEX($D$3:$AA$30,INDEX(Jesper!$R$2:$R$366,ROW(INDEX(Jesper!AK$2:AK$366,ROUNDDOWN($C4998/24,0)+1,1))-1)+IF('Standard Profiles'!$G$21=$B$10,7,0)+IF('Standard Profiles'!$G$21=$B$17,14,0)+IF('Standard Profiles'!$G$21=$B$24,21,0),MOD($C4998,24)+1)/SUM(INDEX($D$3:$AA$30,INDEX(Jesper!$R$2:$R$366,ROW(INDEX(Jesper!AK$2:AK$366,ROUNDDOWN($C4998/24,0)+1,1))-1)+IF('Standard Profiles'!$G$21=$B$10,7,0)+IF('Standard Profiles'!$G$21=$B$17,14,0)+IF('Standard Profiles'!$G$21=$B$24,21,0),0)),0)</f>
        <v>0.50601867003019063</v>
      </c>
      <c r="H4998" cm="1">
        <f t="array" ref="H4998">IFERROR(INDEX(Jesper!AL$2:AL$366,ROUNDDOWN($C4998/24,0)+1,1)*INDEX($D$3:$AA$30,INDEX(Jesper!$R$2:$R$366,ROW(INDEX(Jesper!AL$2:AL$366,ROUNDDOWN($C4998/24,0)+1,1))-1)+IF('Standard Profiles'!$G$22=$B$10,7,0)+IF('Standard Profiles'!$G$22=$B$17,14,0)+IF('Standard Profiles'!$G$22=$B$24,21,0),MOD($C4998,24)+1)/SUM(INDEX($D$3:$AA$30,INDEX(Jesper!$R$2:$R$366,ROW(INDEX(Jesper!AL$2:AL$366,ROUNDDOWN($C4998/24,0)+1,1))-1)+IF('Standard Profiles'!$G$22=$B$10,7,0)+IF('Standard Profiles'!$G$22=$B$17,14,0)+IF('Standard Profiles'!$G$22=$B$24,21,0),0)),0)</f>
        <v>0</v>
      </c>
      <c r="I4998">
        <f t="shared" si="559"/>
        <v>0.24288896161449139</v>
      </c>
      <c r="J4998">
        <f t="shared" si="560"/>
        <v>7.3200758113749265</v>
      </c>
      <c r="K4998">
        <f t="shared" si="561"/>
        <v>0.58201187929593268</v>
      </c>
      <c r="L4998">
        <f t="shared" si="562"/>
        <v>0.29100593964796634</v>
      </c>
      <c r="M4998">
        <f t="shared" si="563"/>
        <v>0</v>
      </c>
      <c r="N4998" s="45">
        <f t="shared" si="564"/>
        <v>45133.833333321294</v>
      </c>
    </row>
    <row r="4999" spans="2:14" x14ac:dyDescent="0.25">
      <c r="B4999">
        <f t="shared" si="558"/>
        <v>3</v>
      </c>
      <c r="C4999" s="16">
        <v>4965</v>
      </c>
      <c r="D4999" cm="1">
        <f t="array" ref="D4999">IFERROR(INDEX(Jesper!AH$2:AH$366,ROUNDDOWN($C4999/24,0)+1,1)*INDEX($D$3:$AA$30,INDEX(Jesper!$R$2:$R$366,ROW(INDEX(Jesper!AH$2:AH$366,ROUNDDOWN($C4999/24,0)+1,1))-1)+IF('Standard Profiles'!$G$18=$B$10,7,0)+IF('Standard Profiles'!$G$18=$B$17,14,0)+IF('Standard Profiles'!$G$18=$B$24,21,0),MOD($C4999,24)+1)/SUM(INDEX($D$3:$AA$30,INDEX(Jesper!$R$2:$R$366,ROW(INDEX(Jesper!AH$2:AH$366,ROUNDDOWN($C4999/24,0)+1,1))-1)+IF('Standard Profiles'!$G$18=$B$10,7,0)+IF('Standard Profiles'!$G$18=$B$17,14,0)+IF('Standard Profiles'!$G$18=$B$24,21,0),0)),0)</f>
        <v>5.4563613683993681</v>
      </c>
      <c r="E4999" cm="1">
        <f t="array" ref="E4999">IFERROR(INDEX(Jesper!AI$2:AI$366,ROUNDDOWN($C4999/24,0)+1,1)*INDEX($D$3:$AA$30,INDEX(Jesper!$R$2:$R$366,ROW(INDEX(Jesper!AI$2:AI$366,ROUNDDOWN($C4999/24,0)+1,1))-1)+IF('Standard Profiles'!$G$19=$B$10,7,0)+IF('Standard Profiles'!$G$19=$B$17,14,0)+IF('Standard Profiles'!$G$19=$B$24,21,0),MOD($C4999,24)+1)/SUM(INDEX($D$3:$AA$30,INDEX(Jesper!$R$2:$R$366,ROW(INDEX(Jesper!AI$2:AI$366,ROUNDDOWN($C4999/24,0)+1,1))-1)+IF('Standard Profiles'!$G$19=$B$10,7,0)+IF('Standard Profiles'!$G$19=$B$17,14,0)+IF('Standard Profiles'!$G$19=$B$24,21,0),0)),0)</f>
        <v>2.4736025535037585</v>
      </c>
      <c r="F4999" cm="1">
        <f t="array" ref="F4999">IFERROR(INDEX(Jesper!AJ$2:AJ$366,ROUNDDOWN($C4999/24,0)+1,1)*INDEX($D$3:$AA$30,INDEX(Jesper!$R$2:$R$366,ROW(INDEX(Jesper!AJ$2:AJ$366,ROUNDDOWN($C4999/24,0)+1,1))-1)+IF('Standard Profiles'!$G$20=$B$10,7,0)+IF('Standard Profiles'!$G$20=$B$17,14,0)+IF('Standard Profiles'!$G$20=$B$24,21,0),MOD($C4999,24)+1)/SUM(INDEX($D$3:$AA$30,INDEX(Jesper!$R$2:$R$366,ROW(INDEX(Jesper!AJ$2:AJ$366,ROUNDDOWN($C4999/24,0)+1,1))-1)+IF('Standard Profiles'!$G$20=$B$10,7,0)+IF('Standard Profiles'!$G$20=$B$17,14,0)+IF('Standard Profiles'!$G$20=$B$24,21,0),0)),0)</f>
        <v>0</v>
      </c>
      <c r="G4999" cm="1">
        <f t="array" ref="G4999">IFERROR(INDEX(Jesper!AK$2:AK$366,ROUNDDOWN($C4999/24,0)+1,1)*INDEX($D$3:$AA$30,INDEX(Jesper!$R$2:$R$366,ROW(INDEX(Jesper!AK$2:AK$366,ROUNDDOWN($C4999/24,0)+1,1))-1)+IF('Standard Profiles'!$G$21=$B$10,7,0)+IF('Standard Profiles'!$G$21=$B$17,14,0)+IF('Standard Profiles'!$G$21=$B$24,21,0),MOD($C4999,24)+1)/SUM(INDEX($D$3:$AA$30,INDEX(Jesper!$R$2:$R$366,ROW(INDEX(Jesper!AK$2:AK$366,ROUNDDOWN($C4999/24,0)+1,1))-1)+IF('Standard Profiles'!$G$21=$B$10,7,0)+IF('Standard Profiles'!$G$21=$B$17,14,0)+IF('Standard Profiles'!$G$21=$B$24,21,0),0)),0)</f>
        <v>0.50601867003019063</v>
      </c>
      <c r="H4999" cm="1">
        <f t="array" ref="H4999">IFERROR(INDEX(Jesper!AL$2:AL$366,ROUNDDOWN($C4999/24,0)+1,1)*INDEX($D$3:$AA$30,INDEX(Jesper!$R$2:$R$366,ROW(INDEX(Jesper!AL$2:AL$366,ROUNDDOWN($C4999/24,0)+1,1))-1)+IF('Standard Profiles'!$G$22=$B$10,7,0)+IF('Standard Profiles'!$G$22=$B$17,14,0)+IF('Standard Profiles'!$G$22=$B$24,21,0),MOD($C4999,24)+1)/SUM(INDEX($D$3:$AA$30,INDEX(Jesper!$R$2:$R$366,ROW(INDEX(Jesper!AL$2:AL$366,ROUNDDOWN($C4999/24,0)+1,1))-1)+IF('Standard Profiles'!$G$22=$B$10,7,0)+IF('Standard Profiles'!$G$22=$B$17,14,0)+IF('Standard Profiles'!$G$22=$B$24,21,0),0)),0)</f>
        <v>0</v>
      </c>
      <c r="I4999">
        <f t="shared" si="559"/>
        <v>0.24288896161449139</v>
      </c>
      <c r="J4999">
        <f t="shared" si="560"/>
        <v>7.3200758113749265</v>
      </c>
      <c r="K4999">
        <f t="shared" si="561"/>
        <v>0.58201187929593268</v>
      </c>
      <c r="L4999">
        <f t="shared" si="562"/>
        <v>0.29100593964796634</v>
      </c>
      <c r="M4999">
        <f t="shared" si="563"/>
        <v>0</v>
      </c>
      <c r="N4999" s="45">
        <f t="shared" si="564"/>
        <v>45133.874999987958</v>
      </c>
    </row>
    <row r="5000" spans="2:14" x14ac:dyDescent="0.25">
      <c r="B5000">
        <f t="shared" si="558"/>
        <v>3</v>
      </c>
      <c r="C5000" s="16">
        <v>4966</v>
      </c>
      <c r="D5000" cm="1">
        <f t="array" ref="D5000">IFERROR(INDEX(Jesper!AH$2:AH$366,ROUNDDOWN($C5000/24,0)+1,1)*INDEX($D$3:$AA$30,INDEX(Jesper!$R$2:$R$366,ROW(INDEX(Jesper!AH$2:AH$366,ROUNDDOWN($C5000/24,0)+1,1))-1)+IF('Standard Profiles'!$G$18=$B$10,7,0)+IF('Standard Profiles'!$G$18=$B$17,14,0)+IF('Standard Profiles'!$G$18=$B$24,21,0),MOD($C5000,24)+1)/SUM(INDEX($D$3:$AA$30,INDEX(Jesper!$R$2:$R$366,ROW(INDEX(Jesper!AH$2:AH$366,ROUNDDOWN($C5000/24,0)+1,1))-1)+IF('Standard Profiles'!$G$18=$B$10,7,0)+IF('Standard Profiles'!$G$18=$B$17,14,0)+IF('Standard Profiles'!$G$18=$B$24,21,0),0)),0)</f>
        <v>5.4563613683993681</v>
      </c>
      <c r="E5000" cm="1">
        <f t="array" ref="E5000">IFERROR(INDEX(Jesper!AI$2:AI$366,ROUNDDOWN($C5000/24,0)+1,1)*INDEX($D$3:$AA$30,INDEX(Jesper!$R$2:$R$366,ROW(INDEX(Jesper!AI$2:AI$366,ROUNDDOWN($C5000/24,0)+1,1))-1)+IF('Standard Profiles'!$G$19=$B$10,7,0)+IF('Standard Profiles'!$G$19=$B$17,14,0)+IF('Standard Profiles'!$G$19=$B$24,21,0),MOD($C5000,24)+1)/SUM(INDEX($D$3:$AA$30,INDEX(Jesper!$R$2:$R$366,ROW(INDEX(Jesper!AI$2:AI$366,ROUNDDOWN($C5000/24,0)+1,1))-1)+IF('Standard Profiles'!$G$19=$B$10,7,0)+IF('Standard Profiles'!$G$19=$B$17,14,0)+IF('Standard Profiles'!$G$19=$B$24,21,0),0)),0)</f>
        <v>2.4736025535037585</v>
      </c>
      <c r="F5000" cm="1">
        <f t="array" ref="F5000">IFERROR(INDEX(Jesper!AJ$2:AJ$366,ROUNDDOWN($C5000/24,0)+1,1)*INDEX($D$3:$AA$30,INDEX(Jesper!$R$2:$R$366,ROW(INDEX(Jesper!AJ$2:AJ$366,ROUNDDOWN($C5000/24,0)+1,1))-1)+IF('Standard Profiles'!$G$20=$B$10,7,0)+IF('Standard Profiles'!$G$20=$B$17,14,0)+IF('Standard Profiles'!$G$20=$B$24,21,0),MOD($C5000,24)+1)/SUM(INDEX($D$3:$AA$30,INDEX(Jesper!$R$2:$R$366,ROW(INDEX(Jesper!AJ$2:AJ$366,ROUNDDOWN($C5000/24,0)+1,1))-1)+IF('Standard Profiles'!$G$20=$B$10,7,0)+IF('Standard Profiles'!$G$20=$B$17,14,0)+IF('Standard Profiles'!$G$20=$B$24,21,0),0)),0)</f>
        <v>0</v>
      </c>
      <c r="G5000" cm="1">
        <f t="array" ref="G5000">IFERROR(INDEX(Jesper!AK$2:AK$366,ROUNDDOWN($C5000/24,0)+1,1)*INDEX($D$3:$AA$30,INDEX(Jesper!$R$2:$R$366,ROW(INDEX(Jesper!AK$2:AK$366,ROUNDDOWN($C5000/24,0)+1,1))-1)+IF('Standard Profiles'!$G$21=$B$10,7,0)+IF('Standard Profiles'!$G$21=$B$17,14,0)+IF('Standard Profiles'!$G$21=$B$24,21,0),MOD($C5000,24)+1)/SUM(INDEX($D$3:$AA$30,INDEX(Jesper!$R$2:$R$366,ROW(INDEX(Jesper!AK$2:AK$366,ROUNDDOWN($C5000/24,0)+1,1))-1)+IF('Standard Profiles'!$G$21=$B$10,7,0)+IF('Standard Profiles'!$G$21=$B$17,14,0)+IF('Standard Profiles'!$G$21=$B$24,21,0),0)),0)</f>
        <v>0.50601867003019063</v>
      </c>
      <c r="H5000" cm="1">
        <f t="array" ref="H5000">IFERROR(INDEX(Jesper!AL$2:AL$366,ROUNDDOWN($C5000/24,0)+1,1)*INDEX($D$3:$AA$30,INDEX(Jesper!$R$2:$R$366,ROW(INDEX(Jesper!AL$2:AL$366,ROUNDDOWN($C5000/24,0)+1,1))-1)+IF('Standard Profiles'!$G$22=$B$10,7,0)+IF('Standard Profiles'!$G$22=$B$17,14,0)+IF('Standard Profiles'!$G$22=$B$24,21,0),MOD($C5000,24)+1)/SUM(INDEX($D$3:$AA$30,INDEX(Jesper!$R$2:$R$366,ROW(INDEX(Jesper!AL$2:AL$366,ROUNDDOWN($C5000/24,0)+1,1))-1)+IF('Standard Profiles'!$G$22=$B$10,7,0)+IF('Standard Profiles'!$G$22=$B$17,14,0)+IF('Standard Profiles'!$G$22=$B$24,21,0),0)),0)</f>
        <v>0</v>
      </c>
      <c r="I5000">
        <f t="shared" si="559"/>
        <v>0.24288896161449139</v>
      </c>
      <c r="J5000">
        <f t="shared" si="560"/>
        <v>7.3200758113749265</v>
      </c>
      <c r="K5000">
        <f t="shared" si="561"/>
        <v>0.58201187929593268</v>
      </c>
      <c r="L5000">
        <f t="shared" si="562"/>
        <v>0.29100593964796634</v>
      </c>
      <c r="M5000">
        <f t="shared" si="563"/>
        <v>0</v>
      </c>
      <c r="N5000" s="45">
        <f t="shared" si="564"/>
        <v>45133.916666654623</v>
      </c>
    </row>
    <row r="5001" spans="2:14" x14ac:dyDescent="0.25">
      <c r="B5001">
        <f t="shared" si="558"/>
        <v>3</v>
      </c>
      <c r="C5001" s="16">
        <v>4967</v>
      </c>
      <c r="D5001" cm="1">
        <f t="array" ref="D5001">IFERROR(INDEX(Jesper!AH$2:AH$366,ROUNDDOWN($C5001/24,0)+1,1)*INDEX($D$3:$AA$30,INDEX(Jesper!$R$2:$R$366,ROW(INDEX(Jesper!AH$2:AH$366,ROUNDDOWN($C5001/24,0)+1,1))-1)+IF('Standard Profiles'!$G$18=$B$10,7,0)+IF('Standard Profiles'!$G$18=$B$17,14,0)+IF('Standard Profiles'!$G$18=$B$24,21,0),MOD($C5001,24)+1)/SUM(INDEX($D$3:$AA$30,INDEX(Jesper!$R$2:$R$366,ROW(INDEX(Jesper!AH$2:AH$366,ROUNDDOWN($C5001/24,0)+1,1))-1)+IF('Standard Profiles'!$G$18=$B$10,7,0)+IF('Standard Profiles'!$G$18=$B$17,14,0)+IF('Standard Profiles'!$G$18=$B$24,21,0),0)),0)</f>
        <v>5.4563613683993681</v>
      </c>
      <c r="E5001" cm="1">
        <f t="array" ref="E5001">IFERROR(INDEX(Jesper!AI$2:AI$366,ROUNDDOWN($C5001/24,0)+1,1)*INDEX($D$3:$AA$30,INDEX(Jesper!$R$2:$R$366,ROW(INDEX(Jesper!AI$2:AI$366,ROUNDDOWN($C5001/24,0)+1,1))-1)+IF('Standard Profiles'!$G$19=$B$10,7,0)+IF('Standard Profiles'!$G$19=$B$17,14,0)+IF('Standard Profiles'!$G$19=$B$24,21,0),MOD($C5001,24)+1)/SUM(INDEX($D$3:$AA$30,INDEX(Jesper!$R$2:$R$366,ROW(INDEX(Jesper!AI$2:AI$366,ROUNDDOWN($C5001/24,0)+1,1))-1)+IF('Standard Profiles'!$G$19=$B$10,7,0)+IF('Standard Profiles'!$G$19=$B$17,14,0)+IF('Standard Profiles'!$G$19=$B$24,21,0),0)),0)</f>
        <v>2.4736025535037585</v>
      </c>
      <c r="F5001" cm="1">
        <f t="array" ref="F5001">IFERROR(INDEX(Jesper!AJ$2:AJ$366,ROUNDDOWN($C5001/24,0)+1,1)*INDEX($D$3:$AA$30,INDEX(Jesper!$R$2:$R$366,ROW(INDEX(Jesper!AJ$2:AJ$366,ROUNDDOWN($C5001/24,0)+1,1))-1)+IF('Standard Profiles'!$G$20=$B$10,7,0)+IF('Standard Profiles'!$G$20=$B$17,14,0)+IF('Standard Profiles'!$G$20=$B$24,21,0),MOD($C5001,24)+1)/SUM(INDEX($D$3:$AA$30,INDEX(Jesper!$R$2:$R$366,ROW(INDEX(Jesper!AJ$2:AJ$366,ROUNDDOWN($C5001/24,0)+1,1))-1)+IF('Standard Profiles'!$G$20=$B$10,7,0)+IF('Standard Profiles'!$G$20=$B$17,14,0)+IF('Standard Profiles'!$G$20=$B$24,21,0),0)),0)</f>
        <v>0</v>
      </c>
      <c r="G5001" cm="1">
        <f t="array" ref="G5001">IFERROR(INDEX(Jesper!AK$2:AK$366,ROUNDDOWN($C5001/24,0)+1,1)*INDEX($D$3:$AA$30,INDEX(Jesper!$R$2:$R$366,ROW(INDEX(Jesper!AK$2:AK$366,ROUNDDOWN($C5001/24,0)+1,1))-1)+IF('Standard Profiles'!$G$21=$B$10,7,0)+IF('Standard Profiles'!$G$21=$B$17,14,0)+IF('Standard Profiles'!$G$21=$B$24,21,0),MOD($C5001,24)+1)/SUM(INDEX($D$3:$AA$30,INDEX(Jesper!$R$2:$R$366,ROW(INDEX(Jesper!AK$2:AK$366,ROUNDDOWN($C5001/24,0)+1,1))-1)+IF('Standard Profiles'!$G$21=$B$10,7,0)+IF('Standard Profiles'!$G$21=$B$17,14,0)+IF('Standard Profiles'!$G$21=$B$24,21,0),0)),0)</f>
        <v>0.50601867003019063</v>
      </c>
      <c r="H5001" cm="1">
        <f t="array" ref="H5001">IFERROR(INDEX(Jesper!AL$2:AL$366,ROUNDDOWN($C5001/24,0)+1,1)*INDEX($D$3:$AA$30,INDEX(Jesper!$R$2:$R$366,ROW(INDEX(Jesper!AL$2:AL$366,ROUNDDOWN($C5001/24,0)+1,1))-1)+IF('Standard Profiles'!$G$22=$B$10,7,0)+IF('Standard Profiles'!$G$22=$B$17,14,0)+IF('Standard Profiles'!$G$22=$B$24,21,0),MOD($C5001,24)+1)/SUM(INDEX($D$3:$AA$30,INDEX(Jesper!$R$2:$R$366,ROW(INDEX(Jesper!AL$2:AL$366,ROUNDDOWN($C5001/24,0)+1,1))-1)+IF('Standard Profiles'!$G$22=$B$10,7,0)+IF('Standard Profiles'!$G$22=$B$17,14,0)+IF('Standard Profiles'!$G$22=$B$24,21,0),0)),0)</f>
        <v>0</v>
      </c>
      <c r="I5001">
        <f t="shared" si="559"/>
        <v>0.24288896161449139</v>
      </c>
      <c r="J5001">
        <f t="shared" si="560"/>
        <v>7.3200758113749265</v>
      </c>
      <c r="K5001">
        <f t="shared" si="561"/>
        <v>0.58201187929593268</v>
      </c>
      <c r="L5001">
        <f t="shared" si="562"/>
        <v>0.29100593964796634</v>
      </c>
      <c r="M5001">
        <f t="shared" si="563"/>
        <v>0</v>
      </c>
      <c r="N5001" s="45">
        <f t="shared" si="564"/>
        <v>45133.958333321287</v>
      </c>
    </row>
    <row r="5002" spans="2:14" x14ac:dyDescent="0.25">
      <c r="B5002">
        <f t="shared" si="558"/>
        <v>4</v>
      </c>
      <c r="C5002" s="16">
        <v>4968</v>
      </c>
      <c r="D5002" cm="1">
        <f t="array" ref="D5002">IFERROR(INDEX(Jesper!AH$2:AH$366,ROUNDDOWN($C5002/24,0)+1,1)*INDEX($D$3:$AA$30,INDEX(Jesper!$R$2:$R$366,ROW(INDEX(Jesper!AH$2:AH$366,ROUNDDOWN($C5002/24,0)+1,1))-1)+IF('Standard Profiles'!$G$18=$B$10,7,0)+IF('Standard Profiles'!$G$18=$B$17,14,0)+IF('Standard Profiles'!$G$18=$B$24,21,0),MOD($C5002,24)+1)/SUM(INDEX($D$3:$AA$30,INDEX(Jesper!$R$2:$R$366,ROW(INDEX(Jesper!AH$2:AH$366,ROUNDDOWN($C5002/24,0)+1,1))-1)+IF('Standard Profiles'!$G$18=$B$10,7,0)+IF('Standard Profiles'!$G$18=$B$17,14,0)+IF('Standard Profiles'!$G$18=$B$24,21,0),0)),0)</f>
        <v>5.4227664477712461</v>
      </c>
      <c r="E5002" cm="1">
        <f t="array" ref="E5002">IFERROR(INDEX(Jesper!AI$2:AI$366,ROUNDDOWN($C5002/24,0)+1,1)*INDEX($D$3:$AA$30,INDEX(Jesper!$R$2:$R$366,ROW(INDEX(Jesper!AI$2:AI$366,ROUNDDOWN($C5002/24,0)+1,1))-1)+IF('Standard Profiles'!$G$19=$B$10,7,0)+IF('Standard Profiles'!$G$19=$B$17,14,0)+IF('Standard Profiles'!$G$19=$B$24,21,0),MOD($C5002,24)+1)/SUM(INDEX($D$3:$AA$30,INDEX(Jesper!$R$2:$R$366,ROW(INDEX(Jesper!AI$2:AI$366,ROUNDDOWN($C5002/24,0)+1,1))-1)+IF('Standard Profiles'!$G$19=$B$10,7,0)+IF('Standard Profiles'!$G$19=$B$17,14,0)+IF('Standard Profiles'!$G$19=$B$24,21,0),0)),0)</f>
        <v>2.4108030078000056</v>
      </c>
      <c r="F5002" cm="1">
        <f t="array" ref="F5002">IFERROR(INDEX(Jesper!AJ$2:AJ$366,ROUNDDOWN($C5002/24,0)+1,1)*INDEX($D$3:$AA$30,INDEX(Jesper!$R$2:$R$366,ROW(INDEX(Jesper!AJ$2:AJ$366,ROUNDDOWN($C5002/24,0)+1,1))-1)+IF('Standard Profiles'!$G$20=$B$10,7,0)+IF('Standard Profiles'!$G$20=$B$17,14,0)+IF('Standard Profiles'!$G$20=$B$24,21,0),MOD($C5002,24)+1)/SUM(INDEX($D$3:$AA$30,INDEX(Jesper!$R$2:$R$366,ROW(INDEX(Jesper!AJ$2:AJ$366,ROUNDDOWN($C5002/24,0)+1,1))-1)+IF('Standard Profiles'!$G$20=$B$10,7,0)+IF('Standard Profiles'!$G$20=$B$17,14,0)+IF('Standard Profiles'!$G$20=$B$24,21,0),0)),0)</f>
        <v>0</v>
      </c>
      <c r="G5002" cm="1">
        <f t="array" ref="G5002">IFERROR(INDEX(Jesper!AK$2:AK$366,ROUNDDOWN($C5002/24,0)+1,1)*INDEX($D$3:$AA$30,INDEX(Jesper!$R$2:$R$366,ROW(INDEX(Jesper!AK$2:AK$366,ROUNDDOWN($C5002/24,0)+1,1))-1)+IF('Standard Profiles'!$G$21=$B$10,7,0)+IF('Standard Profiles'!$G$21=$B$17,14,0)+IF('Standard Profiles'!$G$21=$B$24,21,0),MOD($C5002,24)+1)/SUM(INDEX($D$3:$AA$30,INDEX(Jesper!$R$2:$R$366,ROW(INDEX(Jesper!AK$2:AK$366,ROUNDDOWN($C5002/24,0)+1,1))-1)+IF('Standard Profiles'!$G$21=$B$10,7,0)+IF('Standard Profiles'!$G$21=$B$17,14,0)+IF('Standard Profiles'!$G$21=$B$24,21,0),0)),0)</f>
        <v>0.419164750660043</v>
      </c>
      <c r="H5002" cm="1">
        <f t="array" ref="H5002">IFERROR(INDEX(Jesper!AL$2:AL$366,ROUNDDOWN($C5002/24,0)+1,1)*INDEX($D$3:$AA$30,INDEX(Jesper!$R$2:$R$366,ROW(INDEX(Jesper!AL$2:AL$366,ROUNDDOWN($C5002/24,0)+1,1))-1)+IF('Standard Profiles'!$G$22=$B$10,7,0)+IF('Standard Profiles'!$G$22=$B$17,14,0)+IF('Standard Profiles'!$G$22=$B$24,21,0),MOD($C5002,24)+1)/SUM(INDEX($D$3:$AA$30,INDEX(Jesper!$R$2:$R$366,ROW(INDEX(Jesper!AL$2:AL$366,ROUNDDOWN($C5002/24,0)+1,1))-1)+IF('Standard Profiles'!$G$22=$B$10,7,0)+IF('Standard Profiles'!$G$22=$B$17,14,0)+IF('Standard Profiles'!$G$22=$B$24,21,0),0)),0)</f>
        <v>0</v>
      </c>
      <c r="I5002">
        <f t="shared" si="559"/>
        <v>0.20119908031682054</v>
      </c>
      <c r="J5002">
        <f t="shared" si="560"/>
        <v>7.183892494271074</v>
      </c>
      <c r="K5002">
        <f t="shared" si="561"/>
        <v>0.57842842109559967</v>
      </c>
      <c r="L5002">
        <f t="shared" si="562"/>
        <v>0.28921421054779983</v>
      </c>
      <c r="M5002">
        <f t="shared" si="563"/>
        <v>0</v>
      </c>
      <c r="N5002" s="45">
        <f t="shared" si="564"/>
        <v>45133.999999987951</v>
      </c>
    </row>
    <row r="5003" spans="2:14" x14ac:dyDescent="0.25">
      <c r="B5003">
        <f t="shared" si="558"/>
        <v>4</v>
      </c>
      <c r="C5003" s="16">
        <v>4969</v>
      </c>
      <c r="D5003" cm="1">
        <f t="array" ref="D5003">IFERROR(INDEX(Jesper!AH$2:AH$366,ROUNDDOWN($C5003/24,0)+1,1)*INDEX($D$3:$AA$30,INDEX(Jesper!$R$2:$R$366,ROW(INDEX(Jesper!AH$2:AH$366,ROUNDDOWN($C5003/24,0)+1,1))-1)+IF('Standard Profiles'!$G$18=$B$10,7,0)+IF('Standard Profiles'!$G$18=$B$17,14,0)+IF('Standard Profiles'!$G$18=$B$24,21,0),MOD($C5003,24)+1)/SUM(INDEX($D$3:$AA$30,INDEX(Jesper!$R$2:$R$366,ROW(INDEX(Jesper!AH$2:AH$366,ROUNDDOWN($C5003/24,0)+1,1))-1)+IF('Standard Profiles'!$G$18=$B$10,7,0)+IF('Standard Profiles'!$G$18=$B$17,14,0)+IF('Standard Profiles'!$G$18=$B$24,21,0),0)),0)</f>
        <v>5.4227664477712461</v>
      </c>
      <c r="E5003" cm="1">
        <f t="array" ref="E5003">IFERROR(INDEX(Jesper!AI$2:AI$366,ROUNDDOWN($C5003/24,0)+1,1)*INDEX($D$3:$AA$30,INDEX(Jesper!$R$2:$R$366,ROW(INDEX(Jesper!AI$2:AI$366,ROUNDDOWN($C5003/24,0)+1,1))-1)+IF('Standard Profiles'!$G$19=$B$10,7,0)+IF('Standard Profiles'!$G$19=$B$17,14,0)+IF('Standard Profiles'!$G$19=$B$24,21,0),MOD($C5003,24)+1)/SUM(INDEX($D$3:$AA$30,INDEX(Jesper!$R$2:$R$366,ROW(INDEX(Jesper!AI$2:AI$366,ROUNDDOWN($C5003/24,0)+1,1))-1)+IF('Standard Profiles'!$G$19=$B$10,7,0)+IF('Standard Profiles'!$G$19=$B$17,14,0)+IF('Standard Profiles'!$G$19=$B$24,21,0),0)),0)</f>
        <v>2.4108030078000056</v>
      </c>
      <c r="F5003" cm="1">
        <f t="array" ref="F5003">IFERROR(INDEX(Jesper!AJ$2:AJ$366,ROUNDDOWN($C5003/24,0)+1,1)*INDEX($D$3:$AA$30,INDEX(Jesper!$R$2:$R$366,ROW(INDEX(Jesper!AJ$2:AJ$366,ROUNDDOWN($C5003/24,0)+1,1))-1)+IF('Standard Profiles'!$G$20=$B$10,7,0)+IF('Standard Profiles'!$G$20=$B$17,14,0)+IF('Standard Profiles'!$G$20=$B$24,21,0),MOD($C5003,24)+1)/SUM(INDEX($D$3:$AA$30,INDEX(Jesper!$R$2:$R$366,ROW(INDEX(Jesper!AJ$2:AJ$366,ROUNDDOWN($C5003/24,0)+1,1))-1)+IF('Standard Profiles'!$G$20=$B$10,7,0)+IF('Standard Profiles'!$G$20=$B$17,14,0)+IF('Standard Profiles'!$G$20=$B$24,21,0),0)),0)</f>
        <v>0</v>
      </c>
      <c r="G5003" cm="1">
        <f t="array" ref="G5003">IFERROR(INDEX(Jesper!AK$2:AK$366,ROUNDDOWN($C5003/24,0)+1,1)*INDEX($D$3:$AA$30,INDEX(Jesper!$R$2:$R$366,ROW(INDEX(Jesper!AK$2:AK$366,ROUNDDOWN($C5003/24,0)+1,1))-1)+IF('Standard Profiles'!$G$21=$B$10,7,0)+IF('Standard Profiles'!$G$21=$B$17,14,0)+IF('Standard Profiles'!$G$21=$B$24,21,0),MOD($C5003,24)+1)/SUM(INDEX($D$3:$AA$30,INDEX(Jesper!$R$2:$R$366,ROW(INDEX(Jesper!AK$2:AK$366,ROUNDDOWN($C5003/24,0)+1,1))-1)+IF('Standard Profiles'!$G$21=$B$10,7,0)+IF('Standard Profiles'!$G$21=$B$17,14,0)+IF('Standard Profiles'!$G$21=$B$24,21,0),0)),0)</f>
        <v>0.419164750660043</v>
      </c>
      <c r="H5003" cm="1">
        <f t="array" ref="H5003">IFERROR(INDEX(Jesper!AL$2:AL$366,ROUNDDOWN($C5003/24,0)+1,1)*INDEX($D$3:$AA$30,INDEX(Jesper!$R$2:$R$366,ROW(INDEX(Jesper!AL$2:AL$366,ROUNDDOWN($C5003/24,0)+1,1))-1)+IF('Standard Profiles'!$G$22=$B$10,7,0)+IF('Standard Profiles'!$G$22=$B$17,14,0)+IF('Standard Profiles'!$G$22=$B$24,21,0),MOD($C5003,24)+1)/SUM(INDEX($D$3:$AA$30,INDEX(Jesper!$R$2:$R$366,ROW(INDEX(Jesper!AL$2:AL$366,ROUNDDOWN($C5003/24,0)+1,1))-1)+IF('Standard Profiles'!$G$22=$B$10,7,0)+IF('Standard Profiles'!$G$22=$B$17,14,0)+IF('Standard Profiles'!$G$22=$B$24,21,0),0)),0)</f>
        <v>0</v>
      </c>
      <c r="I5003">
        <f t="shared" si="559"/>
        <v>0.20119908031682054</v>
      </c>
      <c r="J5003">
        <f t="shared" si="560"/>
        <v>7.183892494271074</v>
      </c>
      <c r="K5003">
        <f t="shared" si="561"/>
        <v>0.57842842109559967</v>
      </c>
      <c r="L5003">
        <f t="shared" si="562"/>
        <v>0.28921421054779983</v>
      </c>
      <c r="M5003">
        <f t="shared" si="563"/>
        <v>0</v>
      </c>
      <c r="N5003" s="45">
        <f t="shared" si="564"/>
        <v>45134.041666654615</v>
      </c>
    </row>
    <row r="5004" spans="2:14" x14ac:dyDescent="0.25">
      <c r="B5004">
        <f t="shared" si="558"/>
        <v>4</v>
      </c>
      <c r="C5004" s="16">
        <v>4970</v>
      </c>
      <c r="D5004" cm="1">
        <f t="array" ref="D5004">IFERROR(INDEX(Jesper!AH$2:AH$366,ROUNDDOWN($C5004/24,0)+1,1)*INDEX($D$3:$AA$30,INDEX(Jesper!$R$2:$R$366,ROW(INDEX(Jesper!AH$2:AH$366,ROUNDDOWN($C5004/24,0)+1,1))-1)+IF('Standard Profiles'!$G$18=$B$10,7,0)+IF('Standard Profiles'!$G$18=$B$17,14,0)+IF('Standard Profiles'!$G$18=$B$24,21,0),MOD($C5004,24)+1)/SUM(INDEX($D$3:$AA$30,INDEX(Jesper!$R$2:$R$366,ROW(INDEX(Jesper!AH$2:AH$366,ROUNDDOWN($C5004/24,0)+1,1))-1)+IF('Standard Profiles'!$G$18=$B$10,7,0)+IF('Standard Profiles'!$G$18=$B$17,14,0)+IF('Standard Profiles'!$G$18=$B$24,21,0),0)),0)</f>
        <v>5.4227664477712461</v>
      </c>
      <c r="E5004" cm="1">
        <f t="array" ref="E5004">IFERROR(INDEX(Jesper!AI$2:AI$366,ROUNDDOWN($C5004/24,0)+1,1)*INDEX($D$3:$AA$30,INDEX(Jesper!$R$2:$R$366,ROW(INDEX(Jesper!AI$2:AI$366,ROUNDDOWN($C5004/24,0)+1,1))-1)+IF('Standard Profiles'!$G$19=$B$10,7,0)+IF('Standard Profiles'!$G$19=$B$17,14,0)+IF('Standard Profiles'!$G$19=$B$24,21,0),MOD($C5004,24)+1)/SUM(INDEX($D$3:$AA$30,INDEX(Jesper!$R$2:$R$366,ROW(INDEX(Jesper!AI$2:AI$366,ROUNDDOWN($C5004/24,0)+1,1))-1)+IF('Standard Profiles'!$G$19=$B$10,7,0)+IF('Standard Profiles'!$G$19=$B$17,14,0)+IF('Standard Profiles'!$G$19=$B$24,21,0),0)),0)</f>
        <v>2.4108030078000056</v>
      </c>
      <c r="F5004" cm="1">
        <f t="array" ref="F5004">IFERROR(INDEX(Jesper!AJ$2:AJ$366,ROUNDDOWN($C5004/24,0)+1,1)*INDEX($D$3:$AA$30,INDEX(Jesper!$R$2:$R$366,ROW(INDEX(Jesper!AJ$2:AJ$366,ROUNDDOWN($C5004/24,0)+1,1))-1)+IF('Standard Profiles'!$G$20=$B$10,7,0)+IF('Standard Profiles'!$G$20=$B$17,14,0)+IF('Standard Profiles'!$G$20=$B$24,21,0),MOD($C5004,24)+1)/SUM(INDEX($D$3:$AA$30,INDEX(Jesper!$R$2:$R$366,ROW(INDEX(Jesper!AJ$2:AJ$366,ROUNDDOWN($C5004/24,0)+1,1))-1)+IF('Standard Profiles'!$G$20=$B$10,7,0)+IF('Standard Profiles'!$G$20=$B$17,14,0)+IF('Standard Profiles'!$G$20=$B$24,21,0),0)),0)</f>
        <v>0</v>
      </c>
      <c r="G5004" cm="1">
        <f t="array" ref="G5004">IFERROR(INDEX(Jesper!AK$2:AK$366,ROUNDDOWN($C5004/24,0)+1,1)*INDEX($D$3:$AA$30,INDEX(Jesper!$R$2:$R$366,ROW(INDEX(Jesper!AK$2:AK$366,ROUNDDOWN($C5004/24,0)+1,1))-1)+IF('Standard Profiles'!$G$21=$B$10,7,0)+IF('Standard Profiles'!$G$21=$B$17,14,0)+IF('Standard Profiles'!$G$21=$B$24,21,0),MOD($C5004,24)+1)/SUM(INDEX($D$3:$AA$30,INDEX(Jesper!$R$2:$R$366,ROW(INDEX(Jesper!AK$2:AK$366,ROUNDDOWN($C5004/24,0)+1,1))-1)+IF('Standard Profiles'!$G$21=$B$10,7,0)+IF('Standard Profiles'!$G$21=$B$17,14,0)+IF('Standard Profiles'!$G$21=$B$24,21,0),0)),0)</f>
        <v>0.419164750660043</v>
      </c>
      <c r="H5004" cm="1">
        <f t="array" ref="H5004">IFERROR(INDEX(Jesper!AL$2:AL$366,ROUNDDOWN($C5004/24,0)+1,1)*INDEX($D$3:$AA$30,INDEX(Jesper!$R$2:$R$366,ROW(INDEX(Jesper!AL$2:AL$366,ROUNDDOWN($C5004/24,0)+1,1))-1)+IF('Standard Profiles'!$G$22=$B$10,7,0)+IF('Standard Profiles'!$G$22=$B$17,14,0)+IF('Standard Profiles'!$G$22=$B$24,21,0),MOD($C5004,24)+1)/SUM(INDEX($D$3:$AA$30,INDEX(Jesper!$R$2:$R$366,ROW(INDEX(Jesper!AL$2:AL$366,ROUNDDOWN($C5004/24,0)+1,1))-1)+IF('Standard Profiles'!$G$22=$B$10,7,0)+IF('Standard Profiles'!$G$22=$B$17,14,0)+IF('Standard Profiles'!$G$22=$B$24,21,0),0)),0)</f>
        <v>0</v>
      </c>
      <c r="I5004">
        <f t="shared" si="559"/>
        <v>0.20119908031682054</v>
      </c>
      <c r="J5004">
        <f t="shared" si="560"/>
        <v>7.183892494271074</v>
      </c>
      <c r="K5004">
        <f t="shared" si="561"/>
        <v>0.57842842109559967</v>
      </c>
      <c r="L5004">
        <f t="shared" si="562"/>
        <v>0.28921421054779983</v>
      </c>
      <c r="M5004">
        <f t="shared" si="563"/>
        <v>0</v>
      </c>
      <c r="N5004" s="45">
        <f t="shared" si="564"/>
        <v>45134.083333321279</v>
      </c>
    </row>
    <row r="5005" spans="2:14" x14ac:dyDescent="0.25">
      <c r="B5005">
        <f t="shared" si="558"/>
        <v>4</v>
      </c>
      <c r="C5005" s="16">
        <v>4971</v>
      </c>
      <c r="D5005" cm="1">
        <f t="array" ref="D5005">IFERROR(INDEX(Jesper!AH$2:AH$366,ROUNDDOWN($C5005/24,0)+1,1)*INDEX($D$3:$AA$30,INDEX(Jesper!$R$2:$R$366,ROW(INDEX(Jesper!AH$2:AH$366,ROUNDDOWN($C5005/24,0)+1,1))-1)+IF('Standard Profiles'!$G$18=$B$10,7,0)+IF('Standard Profiles'!$G$18=$B$17,14,0)+IF('Standard Profiles'!$G$18=$B$24,21,0),MOD($C5005,24)+1)/SUM(INDEX($D$3:$AA$30,INDEX(Jesper!$R$2:$R$366,ROW(INDEX(Jesper!AH$2:AH$366,ROUNDDOWN($C5005/24,0)+1,1))-1)+IF('Standard Profiles'!$G$18=$B$10,7,0)+IF('Standard Profiles'!$G$18=$B$17,14,0)+IF('Standard Profiles'!$G$18=$B$24,21,0),0)),0)</f>
        <v>5.4227664477712461</v>
      </c>
      <c r="E5005" cm="1">
        <f t="array" ref="E5005">IFERROR(INDEX(Jesper!AI$2:AI$366,ROUNDDOWN($C5005/24,0)+1,1)*INDEX($D$3:$AA$30,INDEX(Jesper!$R$2:$R$366,ROW(INDEX(Jesper!AI$2:AI$366,ROUNDDOWN($C5005/24,0)+1,1))-1)+IF('Standard Profiles'!$G$19=$B$10,7,0)+IF('Standard Profiles'!$G$19=$B$17,14,0)+IF('Standard Profiles'!$G$19=$B$24,21,0),MOD($C5005,24)+1)/SUM(INDEX($D$3:$AA$30,INDEX(Jesper!$R$2:$R$366,ROW(INDEX(Jesper!AI$2:AI$366,ROUNDDOWN($C5005/24,0)+1,1))-1)+IF('Standard Profiles'!$G$19=$B$10,7,0)+IF('Standard Profiles'!$G$19=$B$17,14,0)+IF('Standard Profiles'!$G$19=$B$24,21,0),0)),0)</f>
        <v>2.4108030078000056</v>
      </c>
      <c r="F5005" cm="1">
        <f t="array" ref="F5005">IFERROR(INDEX(Jesper!AJ$2:AJ$366,ROUNDDOWN($C5005/24,0)+1,1)*INDEX($D$3:$AA$30,INDEX(Jesper!$R$2:$R$366,ROW(INDEX(Jesper!AJ$2:AJ$366,ROUNDDOWN($C5005/24,0)+1,1))-1)+IF('Standard Profiles'!$G$20=$B$10,7,0)+IF('Standard Profiles'!$G$20=$B$17,14,0)+IF('Standard Profiles'!$G$20=$B$24,21,0),MOD($C5005,24)+1)/SUM(INDEX($D$3:$AA$30,INDEX(Jesper!$R$2:$R$366,ROW(INDEX(Jesper!AJ$2:AJ$366,ROUNDDOWN($C5005/24,0)+1,1))-1)+IF('Standard Profiles'!$G$20=$B$10,7,0)+IF('Standard Profiles'!$G$20=$B$17,14,0)+IF('Standard Profiles'!$G$20=$B$24,21,0),0)),0)</f>
        <v>0</v>
      </c>
      <c r="G5005" cm="1">
        <f t="array" ref="G5005">IFERROR(INDEX(Jesper!AK$2:AK$366,ROUNDDOWN($C5005/24,0)+1,1)*INDEX($D$3:$AA$30,INDEX(Jesper!$R$2:$R$366,ROW(INDEX(Jesper!AK$2:AK$366,ROUNDDOWN($C5005/24,0)+1,1))-1)+IF('Standard Profiles'!$G$21=$B$10,7,0)+IF('Standard Profiles'!$G$21=$B$17,14,0)+IF('Standard Profiles'!$G$21=$B$24,21,0),MOD($C5005,24)+1)/SUM(INDEX($D$3:$AA$30,INDEX(Jesper!$R$2:$R$366,ROW(INDEX(Jesper!AK$2:AK$366,ROUNDDOWN($C5005/24,0)+1,1))-1)+IF('Standard Profiles'!$G$21=$B$10,7,0)+IF('Standard Profiles'!$G$21=$B$17,14,0)+IF('Standard Profiles'!$G$21=$B$24,21,0),0)),0)</f>
        <v>0.419164750660043</v>
      </c>
      <c r="H5005" cm="1">
        <f t="array" ref="H5005">IFERROR(INDEX(Jesper!AL$2:AL$366,ROUNDDOWN($C5005/24,0)+1,1)*INDEX($D$3:$AA$30,INDEX(Jesper!$R$2:$R$366,ROW(INDEX(Jesper!AL$2:AL$366,ROUNDDOWN($C5005/24,0)+1,1))-1)+IF('Standard Profiles'!$G$22=$B$10,7,0)+IF('Standard Profiles'!$G$22=$B$17,14,0)+IF('Standard Profiles'!$G$22=$B$24,21,0),MOD($C5005,24)+1)/SUM(INDEX($D$3:$AA$30,INDEX(Jesper!$R$2:$R$366,ROW(INDEX(Jesper!AL$2:AL$366,ROUNDDOWN($C5005/24,0)+1,1))-1)+IF('Standard Profiles'!$G$22=$B$10,7,0)+IF('Standard Profiles'!$G$22=$B$17,14,0)+IF('Standard Profiles'!$G$22=$B$24,21,0),0)),0)</f>
        <v>0</v>
      </c>
      <c r="I5005">
        <f t="shared" si="559"/>
        <v>0.20119908031682054</v>
      </c>
      <c r="J5005">
        <f t="shared" si="560"/>
        <v>7.183892494271074</v>
      </c>
      <c r="K5005">
        <f t="shared" si="561"/>
        <v>0.57842842109559967</v>
      </c>
      <c r="L5005">
        <f t="shared" si="562"/>
        <v>0.28921421054779983</v>
      </c>
      <c r="M5005">
        <f t="shared" si="563"/>
        <v>0</v>
      </c>
      <c r="N5005" s="45">
        <f t="shared" si="564"/>
        <v>45134.124999987944</v>
      </c>
    </row>
    <row r="5006" spans="2:14" x14ac:dyDescent="0.25">
      <c r="B5006">
        <f t="shared" si="558"/>
        <v>4</v>
      </c>
      <c r="C5006" s="16">
        <v>4972</v>
      </c>
      <c r="D5006" cm="1">
        <f t="array" ref="D5006">IFERROR(INDEX(Jesper!AH$2:AH$366,ROUNDDOWN($C5006/24,0)+1,1)*INDEX($D$3:$AA$30,INDEX(Jesper!$R$2:$R$366,ROW(INDEX(Jesper!AH$2:AH$366,ROUNDDOWN($C5006/24,0)+1,1))-1)+IF('Standard Profiles'!$G$18=$B$10,7,0)+IF('Standard Profiles'!$G$18=$B$17,14,0)+IF('Standard Profiles'!$G$18=$B$24,21,0),MOD($C5006,24)+1)/SUM(INDEX($D$3:$AA$30,INDEX(Jesper!$R$2:$R$366,ROW(INDEX(Jesper!AH$2:AH$366,ROUNDDOWN($C5006/24,0)+1,1))-1)+IF('Standard Profiles'!$G$18=$B$10,7,0)+IF('Standard Profiles'!$G$18=$B$17,14,0)+IF('Standard Profiles'!$G$18=$B$24,21,0),0)),0)</f>
        <v>5.4227664477712461</v>
      </c>
      <c r="E5006" cm="1">
        <f t="array" ref="E5006">IFERROR(INDEX(Jesper!AI$2:AI$366,ROUNDDOWN($C5006/24,0)+1,1)*INDEX($D$3:$AA$30,INDEX(Jesper!$R$2:$R$366,ROW(INDEX(Jesper!AI$2:AI$366,ROUNDDOWN($C5006/24,0)+1,1))-1)+IF('Standard Profiles'!$G$19=$B$10,7,0)+IF('Standard Profiles'!$G$19=$B$17,14,0)+IF('Standard Profiles'!$G$19=$B$24,21,0),MOD($C5006,24)+1)/SUM(INDEX($D$3:$AA$30,INDEX(Jesper!$R$2:$R$366,ROW(INDEX(Jesper!AI$2:AI$366,ROUNDDOWN($C5006/24,0)+1,1))-1)+IF('Standard Profiles'!$G$19=$B$10,7,0)+IF('Standard Profiles'!$G$19=$B$17,14,0)+IF('Standard Profiles'!$G$19=$B$24,21,0),0)),0)</f>
        <v>2.4108030078000056</v>
      </c>
      <c r="F5006" cm="1">
        <f t="array" ref="F5006">IFERROR(INDEX(Jesper!AJ$2:AJ$366,ROUNDDOWN($C5006/24,0)+1,1)*INDEX($D$3:$AA$30,INDEX(Jesper!$R$2:$R$366,ROW(INDEX(Jesper!AJ$2:AJ$366,ROUNDDOWN($C5006/24,0)+1,1))-1)+IF('Standard Profiles'!$G$20=$B$10,7,0)+IF('Standard Profiles'!$G$20=$B$17,14,0)+IF('Standard Profiles'!$G$20=$B$24,21,0),MOD($C5006,24)+1)/SUM(INDEX($D$3:$AA$30,INDEX(Jesper!$R$2:$R$366,ROW(INDEX(Jesper!AJ$2:AJ$366,ROUNDDOWN($C5006/24,0)+1,1))-1)+IF('Standard Profiles'!$G$20=$B$10,7,0)+IF('Standard Profiles'!$G$20=$B$17,14,0)+IF('Standard Profiles'!$G$20=$B$24,21,0),0)),0)</f>
        <v>0</v>
      </c>
      <c r="G5006" cm="1">
        <f t="array" ref="G5006">IFERROR(INDEX(Jesper!AK$2:AK$366,ROUNDDOWN($C5006/24,0)+1,1)*INDEX($D$3:$AA$30,INDEX(Jesper!$R$2:$R$366,ROW(INDEX(Jesper!AK$2:AK$366,ROUNDDOWN($C5006/24,0)+1,1))-1)+IF('Standard Profiles'!$G$21=$B$10,7,0)+IF('Standard Profiles'!$G$21=$B$17,14,0)+IF('Standard Profiles'!$G$21=$B$24,21,0),MOD($C5006,24)+1)/SUM(INDEX($D$3:$AA$30,INDEX(Jesper!$R$2:$R$366,ROW(INDEX(Jesper!AK$2:AK$366,ROUNDDOWN($C5006/24,0)+1,1))-1)+IF('Standard Profiles'!$G$21=$B$10,7,0)+IF('Standard Profiles'!$G$21=$B$17,14,0)+IF('Standard Profiles'!$G$21=$B$24,21,0),0)),0)</f>
        <v>0.419164750660043</v>
      </c>
      <c r="H5006" cm="1">
        <f t="array" ref="H5006">IFERROR(INDEX(Jesper!AL$2:AL$366,ROUNDDOWN($C5006/24,0)+1,1)*INDEX($D$3:$AA$30,INDEX(Jesper!$R$2:$R$366,ROW(INDEX(Jesper!AL$2:AL$366,ROUNDDOWN($C5006/24,0)+1,1))-1)+IF('Standard Profiles'!$G$22=$B$10,7,0)+IF('Standard Profiles'!$G$22=$B$17,14,0)+IF('Standard Profiles'!$G$22=$B$24,21,0),MOD($C5006,24)+1)/SUM(INDEX($D$3:$AA$30,INDEX(Jesper!$R$2:$R$366,ROW(INDEX(Jesper!AL$2:AL$366,ROUNDDOWN($C5006/24,0)+1,1))-1)+IF('Standard Profiles'!$G$22=$B$10,7,0)+IF('Standard Profiles'!$G$22=$B$17,14,0)+IF('Standard Profiles'!$G$22=$B$24,21,0),0)),0)</f>
        <v>0</v>
      </c>
      <c r="I5006">
        <f t="shared" si="559"/>
        <v>0.20119908031682054</v>
      </c>
      <c r="J5006">
        <f t="shared" si="560"/>
        <v>7.183892494271074</v>
      </c>
      <c r="K5006">
        <f t="shared" si="561"/>
        <v>0.57842842109559967</v>
      </c>
      <c r="L5006">
        <f t="shared" si="562"/>
        <v>0.28921421054779983</v>
      </c>
      <c r="M5006">
        <f t="shared" si="563"/>
        <v>0</v>
      </c>
      <c r="N5006" s="45">
        <f t="shared" si="564"/>
        <v>45134.166666654608</v>
      </c>
    </row>
    <row r="5007" spans="2:14" x14ac:dyDescent="0.25">
      <c r="B5007">
        <f t="shared" si="558"/>
        <v>4</v>
      </c>
      <c r="C5007" s="16">
        <v>4973</v>
      </c>
      <c r="D5007" cm="1">
        <f t="array" ref="D5007">IFERROR(INDEX(Jesper!AH$2:AH$366,ROUNDDOWN($C5007/24,0)+1,1)*INDEX($D$3:$AA$30,INDEX(Jesper!$R$2:$R$366,ROW(INDEX(Jesper!AH$2:AH$366,ROUNDDOWN($C5007/24,0)+1,1))-1)+IF('Standard Profiles'!$G$18=$B$10,7,0)+IF('Standard Profiles'!$G$18=$B$17,14,0)+IF('Standard Profiles'!$G$18=$B$24,21,0),MOD($C5007,24)+1)/SUM(INDEX($D$3:$AA$30,INDEX(Jesper!$R$2:$R$366,ROW(INDEX(Jesper!AH$2:AH$366,ROUNDDOWN($C5007/24,0)+1,1))-1)+IF('Standard Profiles'!$G$18=$B$10,7,0)+IF('Standard Profiles'!$G$18=$B$17,14,0)+IF('Standard Profiles'!$G$18=$B$24,21,0),0)),0)</f>
        <v>5.4227664477712461</v>
      </c>
      <c r="E5007" cm="1">
        <f t="array" ref="E5007">IFERROR(INDEX(Jesper!AI$2:AI$366,ROUNDDOWN($C5007/24,0)+1,1)*INDEX($D$3:$AA$30,INDEX(Jesper!$R$2:$R$366,ROW(INDEX(Jesper!AI$2:AI$366,ROUNDDOWN($C5007/24,0)+1,1))-1)+IF('Standard Profiles'!$G$19=$B$10,7,0)+IF('Standard Profiles'!$G$19=$B$17,14,0)+IF('Standard Profiles'!$G$19=$B$24,21,0),MOD($C5007,24)+1)/SUM(INDEX($D$3:$AA$30,INDEX(Jesper!$R$2:$R$366,ROW(INDEX(Jesper!AI$2:AI$366,ROUNDDOWN($C5007/24,0)+1,1))-1)+IF('Standard Profiles'!$G$19=$B$10,7,0)+IF('Standard Profiles'!$G$19=$B$17,14,0)+IF('Standard Profiles'!$G$19=$B$24,21,0),0)),0)</f>
        <v>2.4108030078000056</v>
      </c>
      <c r="F5007" cm="1">
        <f t="array" ref="F5007">IFERROR(INDEX(Jesper!AJ$2:AJ$366,ROUNDDOWN($C5007/24,0)+1,1)*INDEX($D$3:$AA$30,INDEX(Jesper!$R$2:$R$366,ROW(INDEX(Jesper!AJ$2:AJ$366,ROUNDDOWN($C5007/24,0)+1,1))-1)+IF('Standard Profiles'!$G$20=$B$10,7,0)+IF('Standard Profiles'!$G$20=$B$17,14,0)+IF('Standard Profiles'!$G$20=$B$24,21,0),MOD($C5007,24)+1)/SUM(INDEX($D$3:$AA$30,INDEX(Jesper!$R$2:$R$366,ROW(INDEX(Jesper!AJ$2:AJ$366,ROUNDDOWN($C5007/24,0)+1,1))-1)+IF('Standard Profiles'!$G$20=$B$10,7,0)+IF('Standard Profiles'!$G$20=$B$17,14,0)+IF('Standard Profiles'!$G$20=$B$24,21,0),0)),0)</f>
        <v>0</v>
      </c>
      <c r="G5007" cm="1">
        <f t="array" ref="G5007">IFERROR(INDEX(Jesper!AK$2:AK$366,ROUNDDOWN($C5007/24,0)+1,1)*INDEX($D$3:$AA$30,INDEX(Jesper!$R$2:$R$366,ROW(INDEX(Jesper!AK$2:AK$366,ROUNDDOWN($C5007/24,0)+1,1))-1)+IF('Standard Profiles'!$G$21=$B$10,7,0)+IF('Standard Profiles'!$G$21=$B$17,14,0)+IF('Standard Profiles'!$G$21=$B$24,21,0),MOD($C5007,24)+1)/SUM(INDEX($D$3:$AA$30,INDEX(Jesper!$R$2:$R$366,ROW(INDEX(Jesper!AK$2:AK$366,ROUNDDOWN($C5007/24,0)+1,1))-1)+IF('Standard Profiles'!$G$21=$B$10,7,0)+IF('Standard Profiles'!$G$21=$B$17,14,0)+IF('Standard Profiles'!$G$21=$B$24,21,0),0)),0)</f>
        <v>0.419164750660043</v>
      </c>
      <c r="H5007" cm="1">
        <f t="array" ref="H5007">IFERROR(INDEX(Jesper!AL$2:AL$366,ROUNDDOWN($C5007/24,0)+1,1)*INDEX($D$3:$AA$30,INDEX(Jesper!$R$2:$R$366,ROW(INDEX(Jesper!AL$2:AL$366,ROUNDDOWN($C5007/24,0)+1,1))-1)+IF('Standard Profiles'!$G$22=$B$10,7,0)+IF('Standard Profiles'!$G$22=$B$17,14,0)+IF('Standard Profiles'!$G$22=$B$24,21,0),MOD($C5007,24)+1)/SUM(INDEX($D$3:$AA$30,INDEX(Jesper!$R$2:$R$366,ROW(INDEX(Jesper!AL$2:AL$366,ROUNDDOWN($C5007/24,0)+1,1))-1)+IF('Standard Profiles'!$G$22=$B$10,7,0)+IF('Standard Profiles'!$G$22=$B$17,14,0)+IF('Standard Profiles'!$G$22=$B$24,21,0),0)),0)</f>
        <v>0</v>
      </c>
      <c r="I5007">
        <f t="shared" si="559"/>
        <v>0.20119908031682054</v>
      </c>
      <c r="J5007">
        <f t="shared" si="560"/>
        <v>7.183892494271074</v>
      </c>
      <c r="K5007">
        <f t="shared" si="561"/>
        <v>0.57842842109559967</v>
      </c>
      <c r="L5007">
        <f t="shared" si="562"/>
        <v>0.28921421054779983</v>
      </c>
      <c r="M5007">
        <f t="shared" si="563"/>
        <v>0</v>
      </c>
      <c r="N5007" s="45">
        <f t="shared" si="564"/>
        <v>45134.208333321272</v>
      </c>
    </row>
    <row r="5008" spans="2:14" x14ac:dyDescent="0.25">
      <c r="B5008">
        <f t="shared" si="558"/>
        <v>4</v>
      </c>
      <c r="C5008" s="16">
        <v>4974</v>
      </c>
      <c r="D5008" cm="1">
        <f t="array" ref="D5008">IFERROR(INDEX(Jesper!AH$2:AH$366,ROUNDDOWN($C5008/24,0)+1,1)*INDEX($D$3:$AA$30,INDEX(Jesper!$R$2:$R$366,ROW(INDEX(Jesper!AH$2:AH$366,ROUNDDOWN($C5008/24,0)+1,1))-1)+IF('Standard Profiles'!$G$18=$B$10,7,0)+IF('Standard Profiles'!$G$18=$B$17,14,0)+IF('Standard Profiles'!$G$18=$B$24,21,0),MOD($C5008,24)+1)/SUM(INDEX($D$3:$AA$30,INDEX(Jesper!$R$2:$R$366,ROW(INDEX(Jesper!AH$2:AH$366,ROUNDDOWN($C5008/24,0)+1,1))-1)+IF('Standard Profiles'!$G$18=$B$10,7,0)+IF('Standard Profiles'!$G$18=$B$17,14,0)+IF('Standard Profiles'!$G$18=$B$24,21,0),0)),0)</f>
        <v>5.4227664477712461</v>
      </c>
      <c r="E5008" cm="1">
        <f t="array" ref="E5008">IFERROR(INDEX(Jesper!AI$2:AI$366,ROUNDDOWN($C5008/24,0)+1,1)*INDEX($D$3:$AA$30,INDEX(Jesper!$R$2:$R$366,ROW(INDEX(Jesper!AI$2:AI$366,ROUNDDOWN($C5008/24,0)+1,1))-1)+IF('Standard Profiles'!$G$19=$B$10,7,0)+IF('Standard Profiles'!$G$19=$B$17,14,0)+IF('Standard Profiles'!$G$19=$B$24,21,0),MOD($C5008,24)+1)/SUM(INDEX($D$3:$AA$30,INDEX(Jesper!$R$2:$R$366,ROW(INDEX(Jesper!AI$2:AI$366,ROUNDDOWN($C5008/24,0)+1,1))-1)+IF('Standard Profiles'!$G$19=$B$10,7,0)+IF('Standard Profiles'!$G$19=$B$17,14,0)+IF('Standard Profiles'!$G$19=$B$24,21,0),0)),0)</f>
        <v>2.4108030078000056</v>
      </c>
      <c r="F5008" cm="1">
        <f t="array" ref="F5008">IFERROR(INDEX(Jesper!AJ$2:AJ$366,ROUNDDOWN($C5008/24,0)+1,1)*INDEX($D$3:$AA$30,INDEX(Jesper!$R$2:$R$366,ROW(INDEX(Jesper!AJ$2:AJ$366,ROUNDDOWN($C5008/24,0)+1,1))-1)+IF('Standard Profiles'!$G$20=$B$10,7,0)+IF('Standard Profiles'!$G$20=$B$17,14,0)+IF('Standard Profiles'!$G$20=$B$24,21,0),MOD($C5008,24)+1)/SUM(INDEX($D$3:$AA$30,INDEX(Jesper!$R$2:$R$366,ROW(INDEX(Jesper!AJ$2:AJ$366,ROUNDDOWN($C5008/24,0)+1,1))-1)+IF('Standard Profiles'!$G$20=$B$10,7,0)+IF('Standard Profiles'!$G$20=$B$17,14,0)+IF('Standard Profiles'!$G$20=$B$24,21,0),0)),0)</f>
        <v>0</v>
      </c>
      <c r="G5008" cm="1">
        <f t="array" ref="G5008">IFERROR(INDEX(Jesper!AK$2:AK$366,ROUNDDOWN($C5008/24,0)+1,1)*INDEX($D$3:$AA$30,INDEX(Jesper!$R$2:$R$366,ROW(INDEX(Jesper!AK$2:AK$366,ROUNDDOWN($C5008/24,0)+1,1))-1)+IF('Standard Profiles'!$G$21=$B$10,7,0)+IF('Standard Profiles'!$G$21=$B$17,14,0)+IF('Standard Profiles'!$G$21=$B$24,21,0),MOD($C5008,24)+1)/SUM(INDEX($D$3:$AA$30,INDEX(Jesper!$R$2:$R$366,ROW(INDEX(Jesper!AK$2:AK$366,ROUNDDOWN($C5008/24,0)+1,1))-1)+IF('Standard Profiles'!$G$21=$B$10,7,0)+IF('Standard Profiles'!$G$21=$B$17,14,0)+IF('Standard Profiles'!$G$21=$B$24,21,0),0)),0)</f>
        <v>0.419164750660043</v>
      </c>
      <c r="H5008" cm="1">
        <f t="array" ref="H5008">IFERROR(INDEX(Jesper!AL$2:AL$366,ROUNDDOWN($C5008/24,0)+1,1)*INDEX($D$3:$AA$30,INDEX(Jesper!$R$2:$R$366,ROW(INDEX(Jesper!AL$2:AL$366,ROUNDDOWN($C5008/24,0)+1,1))-1)+IF('Standard Profiles'!$G$22=$B$10,7,0)+IF('Standard Profiles'!$G$22=$B$17,14,0)+IF('Standard Profiles'!$G$22=$B$24,21,0),MOD($C5008,24)+1)/SUM(INDEX($D$3:$AA$30,INDEX(Jesper!$R$2:$R$366,ROW(INDEX(Jesper!AL$2:AL$366,ROUNDDOWN($C5008/24,0)+1,1))-1)+IF('Standard Profiles'!$G$22=$B$10,7,0)+IF('Standard Profiles'!$G$22=$B$17,14,0)+IF('Standard Profiles'!$G$22=$B$24,21,0),0)),0)</f>
        <v>0</v>
      </c>
      <c r="I5008">
        <f t="shared" si="559"/>
        <v>0.20119908031682054</v>
      </c>
      <c r="J5008">
        <f t="shared" si="560"/>
        <v>7.183892494271074</v>
      </c>
      <c r="K5008">
        <f t="shared" si="561"/>
        <v>0.57842842109559967</v>
      </c>
      <c r="L5008">
        <f t="shared" si="562"/>
        <v>0.28921421054779983</v>
      </c>
      <c r="M5008">
        <f t="shared" si="563"/>
        <v>0</v>
      </c>
      <c r="N5008" s="45">
        <f t="shared" si="564"/>
        <v>45134.249999987936</v>
      </c>
    </row>
    <row r="5009" spans="2:14" x14ac:dyDescent="0.25">
      <c r="B5009">
        <f t="shared" si="558"/>
        <v>4</v>
      </c>
      <c r="C5009" s="16">
        <v>4975</v>
      </c>
      <c r="D5009" cm="1">
        <f t="array" ref="D5009">IFERROR(INDEX(Jesper!AH$2:AH$366,ROUNDDOWN($C5009/24,0)+1,1)*INDEX($D$3:$AA$30,INDEX(Jesper!$R$2:$R$366,ROW(INDEX(Jesper!AH$2:AH$366,ROUNDDOWN($C5009/24,0)+1,1))-1)+IF('Standard Profiles'!$G$18=$B$10,7,0)+IF('Standard Profiles'!$G$18=$B$17,14,0)+IF('Standard Profiles'!$G$18=$B$24,21,0),MOD($C5009,24)+1)/SUM(INDEX($D$3:$AA$30,INDEX(Jesper!$R$2:$R$366,ROW(INDEX(Jesper!AH$2:AH$366,ROUNDDOWN($C5009/24,0)+1,1))-1)+IF('Standard Profiles'!$G$18=$B$10,7,0)+IF('Standard Profiles'!$G$18=$B$17,14,0)+IF('Standard Profiles'!$G$18=$B$24,21,0),0)),0)</f>
        <v>22.16761193346488</v>
      </c>
      <c r="E5009" cm="1">
        <f t="array" ref="E5009">IFERROR(INDEX(Jesper!AI$2:AI$366,ROUNDDOWN($C5009/24,0)+1,1)*INDEX($D$3:$AA$30,INDEX(Jesper!$R$2:$R$366,ROW(INDEX(Jesper!AI$2:AI$366,ROUNDDOWN($C5009/24,0)+1,1))-1)+IF('Standard Profiles'!$G$19=$B$10,7,0)+IF('Standard Profiles'!$G$19=$B$17,14,0)+IF('Standard Profiles'!$G$19=$B$24,21,0),MOD($C5009,24)+1)/SUM(INDEX($D$3:$AA$30,INDEX(Jesper!$R$2:$R$366,ROW(INDEX(Jesper!AI$2:AI$366,ROUNDDOWN($C5009/24,0)+1,1))-1)+IF('Standard Profiles'!$G$19=$B$10,7,0)+IF('Standard Profiles'!$G$19=$B$17,14,0)+IF('Standard Profiles'!$G$19=$B$24,21,0),0)),0)</f>
        <v>9.8550704773400195</v>
      </c>
      <c r="F5009" cm="1">
        <f t="array" ref="F5009">IFERROR(INDEX(Jesper!AJ$2:AJ$366,ROUNDDOWN($C5009/24,0)+1,1)*INDEX($D$3:$AA$30,INDEX(Jesper!$R$2:$R$366,ROW(INDEX(Jesper!AJ$2:AJ$366,ROUNDDOWN($C5009/24,0)+1,1))-1)+IF('Standard Profiles'!$G$20=$B$10,7,0)+IF('Standard Profiles'!$G$20=$B$17,14,0)+IF('Standard Profiles'!$G$20=$B$24,21,0),MOD($C5009,24)+1)/SUM(INDEX($D$3:$AA$30,INDEX(Jesper!$R$2:$R$366,ROW(INDEX(Jesper!AJ$2:AJ$366,ROUNDDOWN($C5009/24,0)+1,1))-1)+IF('Standard Profiles'!$G$20=$B$10,7,0)+IF('Standard Profiles'!$G$20=$B$17,14,0)+IF('Standard Profiles'!$G$20=$B$24,21,0),0)),0)</f>
        <v>0</v>
      </c>
      <c r="G5009" cm="1">
        <f t="array" ref="G5009">IFERROR(INDEX(Jesper!AK$2:AK$366,ROUNDDOWN($C5009/24,0)+1,1)*INDEX($D$3:$AA$30,INDEX(Jesper!$R$2:$R$366,ROW(INDEX(Jesper!AK$2:AK$366,ROUNDDOWN($C5009/24,0)+1,1))-1)+IF('Standard Profiles'!$G$21=$B$10,7,0)+IF('Standard Profiles'!$G$21=$B$17,14,0)+IF('Standard Profiles'!$G$21=$B$24,21,0),MOD($C5009,24)+1)/SUM(INDEX($D$3:$AA$30,INDEX(Jesper!$R$2:$R$366,ROW(INDEX(Jesper!AK$2:AK$366,ROUNDDOWN($C5009/24,0)+1,1))-1)+IF('Standard Profiles'!$G$21=$B$10,7,0)+IF('Standard Profiles'!$G$21=$B$17,14,0)+IF('Standard Profiles'!$G$21=$B$24,21,0),0)),0)</f>
        <v>1.1547988880684183</v>
      </c>
      <c r="H5009" cm="1">
        <f t="array" ref="H5009">IFERROR(INDEX(Jesper!AL$2:AL$366,ROUNDDOWN($C5009/24,0)+1,1)*INDEX($D$3:$AA$30,INDEX(Jesper!$R$2:$R$366,ROW(INDEX(Jesper!AL$2:AL$366,ROUNDDOWN($C5009/24,0)+1,1))-1)+IF('Standard Profiles'!$G$22=$B$10,7,0)+IF('Standard Profiles'!$G$22=$B$17,14,0)+IF('Standard Profiles'!$G$22=$B$24,21,0),MOD($C5009,24)+1)/SUM(INDEX($D$3:$AA$30,INDEX(Jesper!$R$2:$R$366,ROW(INDEX(Jesper!AL$2:AL$366,ROUNDDOWN($C5009/24,0)+1,1))-1)+IF('Standard Profiles'!$G$22=$B$10,7,0)+IF('Standard Profiles'!$G$22=$B$17,14,0)+IF('Standard Profiles'!$G$22=$B$24,21,0),0)),0)</f>
        <v>0</v>
      </c>
      <c r="I5009">
        <f t="shared" si="559"/>
        <v>0.55430346627284055</v>
      </c>
      <c r="J5009">
        <f t="shared" si="560"/>
        <v>29.076359923246095</v>
      </c>
      <c r="K5009">
        <f t="shared" si="561"/>
        <v>2.3645452729029208</v>
      </c>
      <c r="L5009">
        <f t="shared" si="562"/>
        <v>1.1822726364514604</v>
      </c>
      <c r="M5009">
        <f t="shared" si="563"/>
        <v>0</v>
      </c>
      <c r="N5009" s="45">
        <f t="shared" si="564"/>
        <v>45134.291666654601</v>
      </c>
    </row>
    <row r="5010" spans="2:14" x14ac:dyDescent="0.25">
      <c r="B5010">
        <f t="shared" si="558"/>
        <v>4</v>
      </c>
      <c r="C5010" s="16">
        <v>4976</v>
      </c>
      <c r="D5010" cm="1">
        <f t="array" ref="D5010">IFERROR(INDEX(Jesper!AH$2:AH$366,ROUNDDOWN($C5010/24,0)+1,1)*INDEX($D$3:$AA$30,INDEX(Jesper!$R$2:$R$366,ROW(INDEX(Jesper!AH$2:AH$366,ROUNDDOWN($C5010/24,0)+1,1))-1)+IF('Standard Profiles'!$G$18=$B$10,7,0)+IF('Standard Profiles'!$G$18=$B$17,14,0)+IF('Standard Profiles'!$G$18=$B$24,21,0),MOD($C5010,24)+1)/SUM(INDEX($D$3:$AA$30,INDEX(Jesper!$R$2:$R$366,ROW(INDEX(Jesper!AH$2:AH$366,ROUNDDOWN($C5010/24,0)+1,1))-1)+IF('Standard Profiles'!$G$18=$B$10,7,0)+IF('Standard Profiles'!$G$18=$B$17,14,0)+IF('Standard Profiles'!$G$18=$B$24,21,0),0)),0)</f>
        <v>24.734388052076604</v>
      </c>
      <c r="E5010" cm="1">
        <f t="array" ref="E5010">IFERROR(INDEX(Jesper!AI$2:AI$366,ROUNDDOWN($C5010/24,0)+1,1)*INDEX($D$3:$AA$30,INDEX(Jesper!$R$2:$R$366,ROW(INDEX(Jesper!AI$2:AI$366,ROUNDDOWN($C5010/24,0)+1,1))-1)+IF('Standard Profiles'!$G$19=$B$10,7,0)+IF('Standard Profiles'!$G$19=$B$17,14,0)+IF('Standard Profiles'!$G$19=$B$24,21,0),MOD($C5010,24)+1)/SUM(INDEX($D$3:$AA$30,INDEX(Jesper!$R$2:$R$366,ROW(INDEX(Jesper!AI$2:AI$366,ROUNDDOWN($C5010/24,0)+1,1))-1)+IF('Standard Profiles'!$G$19=$B$10,7,0)+IF('Standard Profiles'!$G$19=$B$17,14,0)+IF('Standard Profiles'!$G$19=$B$24,21,0),0)),0)</f>
        <v>10.996183901032023</v>
      </c>
      <c r="F5010" cm="1">
        <f t="array" ref="F5010">IFERROR(INDEX(Jesper!AJ$2:AJ$366,ROUNDDOWN($C5010/24,0)+1,1)*INDEX($D$3:$AA$30,INDEX(Jesper!$R$2:$R$366,ROW(INDEX(Jesper!AJ$2:AJ$366,ROUNDDOWN($C5010/24,0)+1,1))-1)+IF('Standard Profiles'!$G$20=$B$10,7,0)+IF('Standard Profiles'!$G$20=$B$17,14,0)+IF('Standard Profiles'!$G$20=$B$24,21,0),MOD($C5010,24)+1)/SUM(INDEX($D$3:$AA$30,INDEX(Jesper!$R$2:$R$366,ROW(INDEX(Jesper!AJ$2:AJ$366,ROUNDDOWN($C5010/24,0)+1,1))-1)+IF('Standard Profiles'!$G$20=$B$10,7,0)+IF('Standard Profiles'!$G$20=$B$17,14,0)+IF('Standard Profiles'!$G$20=$B$24,21,0),0)),0)</f>
        <v>0</v>
      </c>
      <c r="G5010" cm="1">
        <f t="array" ref="G5010">IFERROR(INDEX(Jesper!AK$2:AK$366,ROUNDDOWN($C5010/24,0)+1,1)*INDEX($D$3:$AA$30,INDEX(Jesper!$R$2:$R$366,ROW(INDEX(Jesper!AK$2:AK$366,ROUNDDOWN($C5010/24,0)+1,1))-1)+IF('Standard Profiles'!$G$21=$B$10,7,0)+IF('Standard Profiles'!$G$21=$B$17,14,0)+IF('Standard Profiles'!$G$21=$B$24,21,0),MOD($C5010,24)+1)/SUM(INDEX($D$3:$AA$30,INDEX(Jesper!$R$2:$R$366,ROW(INDEX(Jesper!AK$2:AK$366,ROUNDDOWN($C5010/24,0)+1,1))-1)+IF('Standard Profiles'!$G$21=$B$10,7,0)+IF('Standard Profiles'!$G$21=$B$17,14,0)+IF('Standard Profiles'!$G$21=$B$24,21,0),0)),0)</f>
        <v>1.2885124435289723</v>
      </c>
      <c r="H5010" cm="1">
        <f t="array" ref="H5010">IFERROR(INDEX(Jesper!AL$2:AL$366,ROUNDDOWN($C5010/24,0)+1,1)*INDEX($D$3:$AA$30,INDEX(Jesper!$R$2:$R$366,ROW(INDEX(Jesper!AL$2:AL$366,ROUNDDOWN($C5010/24,0)+1,1))-1)+IF('Standard Profiles'!$G$22=$B$10,7,0)+IF('Standard Profiles'!$G$22=$B$17,14,0)+IF('Standard Profiles'!$G$22=$B$24,21,0),MOD($C5010,24)+1)/SUM(INDEX($D$3:$AA$30,INDEX(Jesper!$R$2:$R$366,ROW(INDEX(Jesper!AL$2:AL$366,ROUNDDOWN($C5010/24,0)+1,1))-1)+IF('Standard Profiles'!$G$22=$B$10,7,0)+IF('Standard Profiles'!$G$22=$B$17,14,0)+IF('Standard Profiles'!$G$22=$B$24,21,0),0)),0)</f>
        <v>0</v>
      </c>
      <c r="I5010">
        <f t="shared" si="559"/>
        <v>0.61848597289390639</v>
      </c>
      <c r="J5010">
        <f t="shared" si="560"/>
        <v>32.443096335411433</v>
      </c>
      <c r="K5010">
        <f t="shared" si="561"/>
        <v>2.6383347255548379</v>
      </c>
      <c r="L5010">
        <f t="shared" si="562"/>
        <v>1.319167362777419</v>
      </c>
      <c r="M5010">
        <f t="shared" si="563"/>
        <v>0</v>
      </c>
      <c r="N5010" s="45">
        <f t="shared" si="564"/>
        <v>45134.333333321265</v>
      </c>
    </row>
    <row r="5011" spans="2:14" x14ac:dyDescent="0.25">
      <c r="B5011">
        <f t="shared" si="558"/>
        <v>4</v>
      </c>
      <c r="C5011" s="16">
        <v>4977</v>
      </c>
      <c r="D5011" cm="1">
        <f t="array" ref="D5011">IFERROR(INDEX(Jesper!AH$2:AH$366,ROUNDDOWN($C5011/24,0)+1,1)*INDEX($D$3:$AA$30,INDEX(Jesper!$R$2:$R$366,ROW(INDEX(Jesper!AH$2:AH$366,ROUNDDOWN($C5011/24,0)+1,1))-1)+IF('Standard Profiles'!$G$18=$B$10,7,0)+IF('Standard Profiles'!$G$18=$B$17,14,0)+IF('Standard Profiles'!$G$18=$B$24,21,0),MOD($C5011,24)+1)/SUM(INDEX($D$3:$AA$30,INDEX(Jesper!$R$2:$R$366,ROW(INDEX(Jesper!AH$2:AH$366,ROUNDDOWN($C5011/24,0)+1,1))-1)+IF('Standard Profiles'!$G$18=$B$10,7,0)+IF('Standard Profiles'!$G$18=$B$17,14,0)+IF('Standard Profiles'!$G$18=$B$24,21,0),0)),0)</f>
        <v>27.301164170688327</v>
      </c>
      <c r="E5011" cm="1">
        <f t="array" ref="E5011">IFERROR(INDEX(Jesper!AI$2:AI$366,ROUNDDOWN($C5011/24,0)+1,1)*INDEX($D$3:$AA$30,INDEX(Jesper!$R$2:$R$366,ROW(INDEX(Jesper!AI$2:AI$366,ROUNDDOWN($C5011/24,0)+1,1))-1)+IF('Standard Profiles'!$G$19=$B$10,7,0)+IF('Standard Profiles'!$G$19=$B$17,14,0)+IF('Standard Profiles'!$G$19=$B$24,21,0),MOD($C5011,24)+1)/SUM(INDEX($D$3:$AA$30,INDEX(Jesper!$R$2:$R$366,ROW(INDEX(Jesper!AI$2:AI$366,ROUNDDOWN($C5011/24,0)+1,1))-1)+IF('Standard Profiles'!$G$19=$B$10,7,0)+IF('Standard Profiles'!$G$19=$B$17,14,0)+IF('Standard Profiles'!$G$19=$B$24,21,0),0)),0)</f>
        <v>12.137297324724026</v>
      </c>
      <c r="F5011" cm="1">
        <f t="array" ref="F5011">IFERROR(INDEX(Jesper!AJ$2:AJ$366,ROUNDDOWN($C5011/24,0)+1,1)*INDEX($D$3:$AA$30,INDEX(Jesper!$R$2:$R$366,ROW(INDEX(Jesper!AJ$2:AJ$366,ROUNDDOWN($C5011/24,0)+1,1))-1)+IF('Standard Profiles'!$G$20=$B$10,7,0)+IF('Standard Profiles'!$G$20=$B$17,14,0)+IF('Standard Profiles'!$G$20=$B$24,21,0),MOD($C5011,24)+1)/SUM(INDEX($D$3:$AA$30,INDEX(Jesper!$R$2:$R$366,ROW(INDEX(Jesper!AJ$2:AJ$366,ROUNDDOWN($C5011/24,0)+1,1))-1)+IF('Standard Profiles'!$G$20=$B$10,7,0)+IF('Standard Profiles'!$G$20=$B$17,14,0)+IF('Standard Profiles'!$G$20=$B$24,21,0),0)),0)</f>
        <v>0</v>
      </c>
      <c r="G5011" cm="1">
        <f t="array" ref="G5011">IFERROR(INDEX(Jesper!AK$2:AK$366,ROUNDDOWN($C5011/24,0)+1,1)*INDEX($D$3:$AA$30,INDEX(Jesper!$R$2:$R$366,ROW(INDEX(Jesper!AK$2:AK$366,ROUNDDOWN($C5011/24,0)+1,1))-1)+IF('Standard Profiles'!$G$21=$B$10,7,0)+IF('Standard Profiles'!$G$21=$B$17,14,0)+IF('Standard Profiles'!$G$21=$B$24,21,0),MOD($C5011,24)+1)/SUM(INDEX($D$3:$AA$30,INDEX(Jesper!$R$2:$R$366,ROW(INDEX(Jesper!AK$2:AK$366,ROUNDDOWN($C5011/24,0)+1,1))-1)+IF('Standard Profiles'!$G$21=$B$10,7,0)+IF('Standard Profiles'!$G$21=$B$17,14,0)+IF('Standard Profiles'!$G$21=$B$24,21,0),0)),0)</f>
        <v>1.4222259989895256</v>
      </c>
      <c r="H5011" cm="1">
        <f t="array" ref="H5011">IFERROR(INDEX(Jesper!AL$2:AL$366,ROUNDDOWN($C5011/24,0)+1,1)*INDEX($D$3:$AA$30,INDEX(Jesper!$R$2:$R$366,ROW(INDEX(Jesper!AL$2:AL$366,ROUNDDOWN($C5011/24,0)+1,1))-1)+IF('Standard Profiles'!$G$22=$B$10,7,0)+IF('Standard Profiles'!$G$22=$B$17,14,0)+IF('Standard Profiles'!$G$22=$B$24,21,0),MOD($C5011,24)+1)/SUM(INDEX($D$3:$AA$30,INDEX(Jesper!$R$2:$R$366,ROW(INDEX(Jesper!AL$2:AL$366,ROUNDDOWN($C5011/24,0)+1,1))-1)+IF('Standard Profiles'!$G$22=$B$10,7,0)+IF('Standard Profiles'!$G$22=$B$17,14,0)+IF('Standard Profiles'!$G$22=$B$24,21,0),0)),0)</f>
        <v>0</v>
      </c>
      <c r="I5011">
        <f t="shared" si="559"/>
        <v>0.682668479514972</v>
      </c>
      <c r="J5011">
        <f t="shared" si="560"/>
        <v>35.80983274757677</v>
      </c>
      <c r="K5011">
        <f t="shared" si="561"/>
        <v>2.9121241782067551</v>
      </c>
      <c r="L5011">
        <f t="shared" si="562"/>
        <v>1.4560620891033775</v>
      </c>
      <c r="M5011">
        <f t="shared" si="563"/>
        <v>0</v>
      </c>
      <c r="N5011" s="45">
        <f t="shared" si="564"/>
        <v>45134.374999987929</v>
      </c>
    </row>
    <row r="5012" spans="2:14" x14ac:dyDescent="0.25">
      <c r="B5012">
        <f t="shared" si="558"/>
        <v>4</v>
      </c>
      <c r="C5012" s="16">
        <v>4978</v>
      </c>
      <c r="D5012" cm="1">
        <f t="array" ref="D5012">IFERROR(INDEX(Jesper!AH$2:AH$366,ROUNDDOWN($C5012/24,0)+1,1)*INDEX($D$3:$AA$30,INDEX(Jesper!$R$2:$R$366,ROW(INDEX(Jesper!AH$2:AH$366,ROUNDDOWN($C5012/24,0)+1,1))-1)+IF('Standard Profiles'!$G$18=$B$10,7,0)+IF('Standard Profiles'!$G$18=$B$17,14,0)+IF('Standard Profiles'!$G$18=$B$24,21,0),MOD($C5012,24)+1)/SUM(INDEX($D$3:$AA$30,INDEX(Jesper!$R$2:$R$366,ROW(INDEX(Jesper!AH$2:AH$366,ROUNDDOWN($C5012/24,0)+1,1))-1)+IF('Standard Profiles'!$G$18=$B$10,7,0)+IF('Standard Profiles'!$G$18=$B$17,14,0)+IF('Standard Profiles'!$G$18=$B$24,21,0),0)),0)</f>
        <v>27.301164170688327</v>
      </c>
      <c r="E5012" cm="1">
        <f t="array" ref="E5012">IFERROR(INDEX(Jesper!AI$2:AI$366,ROUNDDOWN($C5012/24,0)+1,1)*INDEX($D$3:$AA$30,INDEX(Jesper!$R$2:$R$366,ROW(INDEX(Jesper!AI$2:AI$366,ROUNDDOWN($C5012/24,0)+1,1))-1)+IF('Standard Profiles'!$G$19=$B$10,7,0)+IF('Standard Profiles'!$G$19=$B$17,14,0)+IF('Standard Profiles'!$G$19=$B$24,21,0),MOD($C5012,24)+1)/SUM(INDEX($D$3:$AA$30,INDEX(Jesper!$R$2:$R$366,ROW(INDEX(Jesper!AI$2:AI$366,ROUNDDOWN($C5012/24,0)+1,1))-1)+IF('Standard Profiles'!$G$19=$B$10,7,0)+IF('Standard Profiles'!$G$19=$B$17,14,0)+IF('Standard Profiles'!$G$19=$B$24,21,0),0)),0)</f>
        <v>12.137297324724026</v>
      </c>
      <c r="F5012" cm="1">
        <f t="array" ref="F5012">IFERROR(INDEX(Jesper!AJ$2:AJ$366,ROUNDDOWN($C5012/24,0)+1,1)*INDEX($D$3:$AA$30,INDEX(Jesper!$R$2:$R$366,ROW(INDEX(Jesper!AJ$2:AJ$366,ROUNDDOWN($C5012/24,0)+1,1))-1)+IF('Standard Profiles'!$G$20=$B$10,7,0)+IF('Standard Profiles'!$G$20=$B$17,14,0)+IF('Standard Profiles'!$G$20=$B$24,21,0),MOD($C5012,24)+1)/SUM(INDEX($D$3:$AA$30,INDEX(Jesper!$R$2:$R$366,ROW(INDEX(Jesper!AJ$2:AJ$366,ROUNDDOWN($C5012/24,0)+1,1))-1)+IF('Standard Profiles'!$G$20=$B$10,7,0)+IF('Standard Profiles'!$G$20=$B$17,14,0)+IF('Standard Profiles'!$G$20=$B$24,21,0),0)),0)</f>
        <v>0</v>
      </c>
      <c r="G5012" cm="1">
        <f t="array" ref="G5012">IFERROR(INDEX(Jesper!AK$2:AK$366,ROUNDDOWN($C5012/24,0)+1,1)*INDEX($D$3:$AA$30,INDEX(Jesper!$R$2:$R$366,ROW(INDEX(Jesper!AK$2:AK$366,ROUNDDOWN($C5012/24,0)+1,1))-1)+IF('Standard Profiles'!$G$21=$B$10,7,0)+IF('Standard Profiles'!$G$21=$B$17,14,0)+IF('Standard Profiles'!$G$21=$B$24,21,0),MOD($C5012,24)+1)/SUM(INDEX($D$3:$AA$30,INDEX(Jesper!$R$2:$R$366,ROW(INDEX(Jesper!AK$2:AK$366,ROUNDDOWN($C5012/24,0)+1,1))-1)+IF('Standard Profiles'!$G$21=$B$10,7,0)+IF('Standard Profiles'!$G$21=$B$17,14,0)+IF('Standard Profiles'!$G$21=$B$24,21,0),0)),0)</f>
        <v>1.4222259989895256</v>
      </c>
      <c r="H5012" cm="1">
        <f t="array" ref="H5012">IFERROR(INDEX(Jesper!AL$2:AL$366,ROUNDDOWN($C5012/24,0)+1,1)*INDEX($D$3:$AA$30,INDEX(Jesper!$R$2:$R$366,ROW(INDEX(Jesper!AL$2:AL$366,ROUNDDOWN($C5012/24,0)+1,1))-1)+IF('Standard Profiles'!$G$22=$B$10,7,0)+IF('Standard Profiles'!$G$22=$B$17,14,0)+IF('Standard Profiles'!$G$22=$B$24,21,0),MOD($C5012,24)+1)/SUM(INDEX($D$3:$AA$30,INDEX(Jesper!$R$2:$R$366,ROW(INDEX(Jesper!AL$2:AL$366,ROUNDDOWN($C5012/24,0)+1,1))-1)+IF('Standard Profiles'!$G$22=$B$10,7,0)+IF('Standard Profiles'!$G$22=$B$17,14,0)+IF('Standard Profiles'!$G$22=$B$24,21,0),0)),0)</f>
        <v>0</v>
      </c>
      <c r="I5012">
        <f t="shared" si="559"/>
        <v>0.682668479514972</v>
      </c>
      <c r="J5012">
        <f t="shared" si="560"/>
        <v>35.80983274757677</v>
      </c>
      <c r="K5012">
        <f t="shared" si="561"/>
        <v>2.9121241782067551</v>
      </c>
      <c r="L5012">
        <f t="shared" si="562"/>
        <v>1.4560620891033775</v>
      </c>
      <c r="M5012">
        <f t="shared" si="563"/>
        <v>0</v>
      </c>
      <c r="N5012" s="45">
        <f t="shared" si="564"/>
        <v>45134.416666654593</v>
      </c>
    </row>
    <row r="5013" spans="2:14" x14ac:dyDescent="0.25">
      <c r="B5013">
        <f t="shared" si="558"/>
        <v>4</v>
      </c>
      <c r="C5013" s="16">
        <v>4979</v>
      </c>
      <c r="D5013" cm="1">
        <f t="array" ref="D5013">IFERROR(INDEX(Jesper!AH$2:AH$366,ROUNDDOWN($C5013/24,0)+1,1)*INDEX($D$3:$AA$30,INDEX(Jesper!$R$2:$R$366,ROW(INDEX(Jesper!AH$2:AH$366,ROUNDDOWN($C5013/24,0)+1,1))-1)+IF('Standard Profiles'!$G$18=$B$10,7,0)+IF('Standard Profiles'!$G$18=$B$17,14,0)+IF('Standard Profiles'!$G$18=$B$24,21,0),MOD($C5013,24)+1)/SUM(INDEX($D$3:$AA$30,INDEX(Jesper!$R$2:$R$366,ROW(INDEX(Jesper!AH$2:AH$366,ROUNDDOWN($C5013/24,0)+1,1))-1)+IF('Standard Profiles'!$G$18=$B$10,7,0)+IF('Standard Profiles'!$G$18=$B$17,14,0)+IF('Standard Profiles'!$G$18=$B$24,21,0),0)),0)</f>
        <v>32.668059691421924</v>
      </c>
      <c r="E5013" cm="1">
        <f t="array" ref="E5013">IFERROR(INDEX(Jesper!AI$2:AI$366,ROUNDDOWN($C5013/24,0)+1,1)*INDEX($D$3:$AA$30,INDEX(Jesper!$R$2:$R$366,ROW(INDEX(Jesper!AI$2:AI$366,ROUNDDOWN($C5013/24,0)+1,1))-1)+IF('Standard Profiles'!$G$19=$B$10,7,0)+IF('Standard Profiles'!$G$19=$B$17,14,0)+IF('Standard Profiles'!$G$19=$B$24,21,0),MOD($C5013,24)+1)/SUM(INDEX($D$3:$AA$30,INDEX(Jesper!$R$2:$R$366,ROW(INDEX(Jesper!AI$2:AI$366,ROUNDDOWN($C5013/24,0)+1,1))-1)+IF('Standard Profiles'!$G$19=$B$10,7,0)+IF('Standard Profiles'!$G$19=$B$17,14,0)+IF('Standard Profiles'!$G$19=$B$24,21,0),0)),0)</f>
        <v>14.523261756080029</v>
      </c>
      <c r="F5013" cm="1">
        <f t="array" ref="F5013">IFERROR(INDEX(Jesper!AJ$2:AJ$366,ROUNDDOWN($C5013/24,0)+1,1)*INDEX($D$3:$AA$30,INDEX(Jesper!$R$2:$R$366,ROW(INDEX(Jesper!AJ$2:AJ$366,ROUNDDOWN($C5013/24,0)+1,1))-1)+IF('Standard Profiles'!$G$20=$B$10,7,0)+IF('Standard Profiles'!$G$20=$B$17,14,0)+IF('Standard Profiles'!$G$20=$B$24,21,0),MOD($C5013,24)+1)/SUM(INDEX($D$3:$AA$30,INDEX(Jesper!$R$2:$R$366,ROW(INDEX(Jesper!AJ$2:AJ$366,ROUNDDOWN($C5013/24,0)+1,1))-1)+IF('Standard Profiles'!$G$20=$B$10,7,0)+IF('Standard Profiles'!$G$20=$B$17,14,0)+IF('Standard Profiles'!$G$20=$B$24,21,0),0)),0)</f>
        <v>0</v>
      </c>
      <c r="G5013" cm="1">
        <f t="array" ref="G5013">IFERROR(INDEX(Jesper!AK$2:AK$366,ROUNDDOWN($C5013/24,0)+1,1)*INDEX($D$3:$AA$30,INDEX(Jesper!$R$2:$R$366,ROW(INDEX(Jesper!AK$2:AK$366,ROUNDDOWN($C5013/24,0)+1,1))-1)+IF('Standard Profiles'!$G$21=$B$10,7,0)+IF('Standard Profiles'!$G$21=$B$17,14,0)+IF('Standard Profiles'!$G$21=$B$24,21,0),MOD($C5013,24)+1)/SUM(INDEX($D$3:$AA$30,INDEX(Jesper!$R$2:$R$366,ROW(INDEX(Jesper!AK$2:AK$366,ROUNDDOWN($C5013/24,0)+1,1))-1)+IF('Standard Profiles'!$G$21=$B$10,7,0)+IF('Standard Profiles'!$G$21=$B$17,14,0)+IF('Standard Profiles'!$G$21=$B$24,21,0),0)),0)</f>
        <v>1.7018088876797743</v>
      </c>
      <c r="H5013" cm="1">
        <f t="array" ref="H5013">IFERROR(INDEX(Jesper!AL$2:AL$366,ROUNDDOWN($C5013/24,0)+1,1)*INDEX($D$3:$AA$30,INDEX(Jesper!$R$2:$R$366,ROW(INDEX(Jesper!AL$2:AL$366,ROUNDDOWN($C5013/24,0)+1,1))-1)+IF('Standard Profiles'!$G$22=$B$10,7,0)+IF('Standard Profiles'!$G$22=$B$17,14,0)+IF('Standard Profiles'!$G$22=$B$24,21,0),MOD($C5013,24)+1)/SUM(INDEX($D$3:$AA$30,INDEX(Jesper!$R$2:$R$366,ROW(INDEX(Jesper!AL$2:AL$366,ROUNDDOWN($C5013/24,0)+1,1))-1)+IF('Standard Profiles'!$G$22=$B$10,7,0)+IF('Standard Profiles'!$G$22=$B$17,14,0)+IF('Standard Profiles'!$G$22=$B$24,21,0),0)),0)</f>
        <v>0</v>
      </c>
      <c r="I5013">
        <f t="shared" si="559"/>
        <v>0.81686826608629126</v>
      </c>
      <c r="J5013">
        <f t="shared" si="560"/>
        <v>42.849372518467931</v>
      </c>
      <c r="K5013">
        <f t="shared" si="561"/>
        <v>3.484593033751672</v>
      </c>
      <c r="L5013">
        <f t="shared" si="562"/>
        <v>1.742296516875836</v>
      </c>
      <c r="M5013">
        <f t="shared" si="563"/>
        <v>0</v>
      </c>
      <c r="N5013" s="45">
        <f t="shared" si="564"/>
        <v>45134.458333321258</v>
      </c>
    </row>
    <row r="5014" spans="2:14" x14ac:dyDescent="0.25">
      <c r="B5014">
        <f t="shared" si="558"/>
        <v>4</v>
      </c>
      <c r="C5014" s="16">
        <v>4980</v>
      </c>
      <c r="D5014" cm="1">
        <f t="array" ref="D5014">IFERROR(INDEX(Jesper!AH$2:AH$366,ROUNDDOWN($C5014/24,0)+1,1)*INDEX($D$3:$AA$30,INDEX(Jesper!$R$2:$R$366,ROW(INDEX(Jesper!AH$2:AH$366,ROUNDDOWN($C5014/24,0)+1,1))-1)+IF('Standard Profiles'!$G$18=$B$10,7,0)+IF('Standard Profiles'!$G$18=$B$17,14,0)+IF('Standard Profiles'!$G$18=$B$24,21,0),MOD($C5014,24)+1)/SUM(INDEX($D$3:$AA$30,INDEX(Jesper!$R$2:$R$366,ROW(INDEX(Jesper!AH$2:AH$366,ROUNDDOWN($C5014/24,0)+1,1))-1)+IF('Standard Profiles'!$G$18=$B$10,7,0)+IF('Standard Profiles'!$G$18=$B$17,14,0)+IF('Standard Profiles'!$G$18=$B$24,21,0),0)),0)</f>
        <v>32.668059691421924</v>
      </c>
      <c r="E5014" cm="1">
        <f t="array" ref="E5014">IFERROR(INDEX(Jesper!AI$2:AI$366,ROUNDDOWN($C5014/24,0)+1,1)*INDEX($D$3:$AA$30,INDEX(Jesper!$R$2:$R$366,ROW(INDEX(Jesper!AI$2:AI$366,ROUNDDOWN($C5014/24,0)+1,1))-1)+IF('Standard Profiles'!$G$19=$B$10,7,0)+IF('Standard Profiles'!$G$19=$B$17,14,0)+IF('Standard Profiles'!$G$19=$B$24,21,0),MOD($C5014,24)+1)/SUM(INDEX($D$3:$AA$30,INDEX(Jesper!$R$2:$R$366,ROW(INDEX(Jesper!AI$2:AI$366,ROUNDDOWN($C5014/24,0)+1,1))-1)+IF('Standard Profiles'!$G$19=$B$10,7,0)+IF('Standard Profiles'!$G$19=$B$17,14,0)+IF('Standard Profiles'!$G$19=$B$24,21,0),0)),0)</f>
        <v>14.523261756080029</v>
      </c>
      <c r="F5014" cm="1">
        <f t="array" ref="F5014">IFERROR(INDEX(Jesper!AJ$2:AJ$366,ROUNDDOWN($C5014/24,0)+1,1)*INDEX($D$3:$AA$30,INDEX(Jesper!$R$2:$R$366,ROW(INDEX(Jesper!AJ$2:AJ$366,ROUNDDOWN($C5014/24,0)+1,1))-1)+IF('Standard Profiles'!$G$20=$B$10,7,0)+IF('Standard Profiles'!$G$20=$B$17,14,0)+IF('Standard Profiles'!$G$20=$B$24,21,0),MOD($C5014,24)+1)/SUM(INDEX($D$3:$AA$30,INDEX(Jesper!$R$2:$R$366,ROW(INDEX(Jesper!AJ$2:AJ$366,ROUNDDOWN($C5014/24,0)+1,1))-1)+IF('Standard Profiles'!$G$20=$B$10,7,0)+IF('Standard Profiles'!$G$20=$B$17,14,0)+IF('Standard Profiles'!$G$20=$B$24,21,0),0)),0)</f>
        <v>0</v>
      </c>
      <c r="G5014" cm="1">
        <f t="array" ref="G5014">IFERROR(INDEX(Jesper!AK$2:AK$366,ROUNDDOWN($C5014/24,0)+1,1)*INDEX($D$3:$AA$30,INDEX(Jesper!$R$2:$R$366,ROW(INDEX(Jesper!AK$2:AK$366,ROUNDDOWN($C5014/24,0)+1,1))-1)+IF('Standard Profiles'!$G$21=$B$10,7,0)+IF('Standard Profiles'!$G$21=$B$17,14,0)+IF('Standard Profiles'!$G$21=$B$24,21,0),MOD($C5014,24)+1)/SUM(INDEX($D$3:$AA$30,INDEX(Jesper!$R$2:$R$366,ROW(INDEX(Jesper!AK$2:AK$366,ROUNDDOWN($C5014/24,0)+1,1))-1)+IF('Standard Profiles'!$G$21=$B$10,7,0)+IF('Standard Profiles'!$G$21=$B$17,14,0)+IF('Standard Profiles'!$G$21=$B$24,21,0),0)),0)</f>
        <v>1.7018088876797743</v>
      </c>
      <c r="H5014" cm="1">
        <f t="array" ref="H5014">IFERROR(INDEX(Jesper!AL$2:AL$366,ROUNDDOWN($C5014/24,0)+1,1)*INDEX($D$3:$AA$30,INDEX(Jesper!$R$2:$R$366,ROW(INDEX(Jesper!AL$2:AL$366,ROUNDDOWN($C5014/24,0)+1,1))-1)+IF('Standard Profiles'!$G$22=$B$10,7,0)+IF('Standard Profiles'!$G$22=$B$17,14,0)+IF('Standard Profiles'!$G$22=$B$24,21,0),MOD($C5014,24)+1)/SUM(INDEX($D$3:$AA$30,INDEX(Jesper!$R$2:$R$366,ROW(INDEX(Jesper!AL$2:AL$366,ROUNDDOWN($C5014/24,0)+1,1))-1)+IF('Standard Profiles'!$G$22=$B$10,7,0)+IF('Standard Profiles'!$G$22=$B$17,14,0)+IF('Standard Profiles'!$G$22=$B$24,21,0),0)),0)</f>
        <v>0</v>
      </c>
      <c r="I5014">
        <f t="shared" si="559"/>
        <v>0.81686826608629126</v>
      </c>
      <c r="J5014">
        <f t="shared" si="560"/>
        <v>42.849372518467931</v>
      </c>
      <c r="K5014">
        <f t="shared" si="561"/>
        <v>3.484593033751672</v>
      </c>
      <c r="L5014">
        <f t="shared" si="562"/>
        <v>1.742296516875836</v>
      </c>
      <c r="M5014">
        <f t="shared" si="563"/>
        <v>0</v>
      </c>
      <c r="N5014" s="45">
        <f t="shared" si="564"/>
        <v>45134.499999987922</v>
      </c>
    </row>
    <row r="5015" spans="2:14" x14ac:dyDescent="0.25">
      <c r="B5015">
        <f t="shared" si="558"/>
        <v>4</v>
      </c>
      <c r="C5015" s="16">
        <v>4981</v>
      </c>
      <c r="D5015" cm="1">
        <f t="array" ref="D5015">IFERROR(INDEX(Jesper!AH$2:AH$366,ROUNDDOWN($C5015/24,0)+1,1)*INDEX($D$3:$AA$30,INDEX(Jesper!$R$2:$R$366,ROW(INDEX(Jesper!AH$2:AH$366,ROUNDDOWN($C5015/24,0)+1,1))-1)+IF('Standard Profiles'!$G$18=$B$10,7,0)+IF('Standard Profiles'!$G$18=$B$17,14,0)+IF('Standard Profiles'!$G$18=$B$24,21,0),MOD($C5015,24)+1)/SUM(INDEX($D$3:$AA$30,INDEX(Jesper!$R$2:$R$366,ROW(INDEX(Jesper!AH$2:AH$366,ROUNDDOWN($C5015/24,0)+1,1))-1)+IF('Standard Profiles'!$G$18=$B$10,7,0)+IF('Standard Profiles'!$G$18=$B$17,14,0)+IF('Standard Profiles'!$G$18=$B$24,21,0),0)),0)</f>
        <v>21.700925366444565</v>
      </c>
      <c r="E5015" cm="1">
        <f t="array" ref="E5015">IFERROR(INDEX(Jesper!AI$2:AI$366,ROUNDDOWN($C5015/24,0)+1,1)*INDEX($D$3:$AA$30,INDEX(Jesper!$R$2:$R$366,ROW(INDEX(Jesper!AI$2:AI$366,ROUNDDOWN($C5015/24,0)+1,1))-1)+IF('Standard Profiles'!$G$19=$B$10,7,0)+IF('Standard Profiles'!$G$19=$B$17,14,0)+IF('Standard Profiles'!$G$19=$B$24,21,0),MOD($C5015,24)+1)/SUM(INDEX($D$3:$AA$30,INDEX(Jesper!$R$2:$R$366,ROW(INDEX(Jesper!AI$2:AI$366,ROUNDDOWN($C5015/24,0)+1,1))-1)+IF('Standard Profiles'!$G$19=$B$10,7,0)+IF('Standard Profiles'!$G$19=$B$17,14,0)+IF('Standard Profiles'!$G$19=$B$24,21,0),0)),0)</f>
        <v>9.6475953093960207</v>
      </c>
      <c r="F5015" cm="1">
        <f t="array" ref="F5015">IFERROR(INDEX(Jesper!AJ$2:AJ$366,ROUNDDOWN($C5015/24,0)+1,1)*INDEX($D$3:$AA$30,INDEX(Jesper!$R$2:$R$366,ROW(INDEX(Jesper!AJ$2:AJ$366,ROUNDDOWN($C5015/24,0)+1,1))-1)+IF('Standard Profiles'!$G$20=$B$10,7,0)+IF('Standard Profiles'!$G$20=$B$17,14,0)+IF('Standard Profiles'!$G$20=$B$24,21,0),MOD($C5015,24)+1)/SUM(INDEX($D$3:$AA$30,INDEX(Jesper!$R$2:$R$366,ROW(INDEX(Jesper!AJ$2:AJ$366,ROUNDDOWN($C5015/24,0)+1,1))-1)+IF('Standard Profiles'!$G$20=$B$10,7,0)+IF('Standard Profiles'!$G$20=$B$17,14,0)+IF('Standard Profiles'!$G$20=$B$24,21,0),0)),0)</f>
        <v>0</v>
      </c>
      <c r="G5015" cm="1">
        <f t="array" ref="G5015">IFERROR(INDEX(Jesper!AK$2:AK$366,ROUNDDOWN($C5015/24,0)+1,1)*INDEX($D$3:$AA$30,INDEX(Jesper!$R$2:$R$366,ROW(INDEX(Jesper!AK$2:AK$366,ROUNDDOWN($C5015/24,0)+1,1))-1)+IF('Standard Profiles'!$G$21=$B$10,7,0)+IF('Standard Profiles'!$G$21=$B$17,14,0)+IF('Standard Profiles'!$G$21=$B$24,21,0),MOD($C5015,24)+1)/SUM(INDEX($D$3:$AA$30,INDEX(Jesper!$R$2:$R$366,ROW(INDEX(Jesper!AK$2:AK$366,ROUNDDOWN($C5015/24,0)+1,1))-1)+IF('Standard Profiles'!$G$21=$B$10,7,0)+IF('Standard Profiles'!$G$21=$B$17,14,0)+IF('Standard Profiles'!$G$21=$B$24,21,0),0)),0)</f>
        <v>1.1304873325301359</v>
      </c>
      <c r="H5015" cm="1">
        <f t="array" ref="H5015">IFERROR(INDEX(Jesper!AL$2:AL$366,ROUNDDOWN($C5015/24,0)+1,1)*INDEX($D$3:$AA$30,INDEX(Jesper!$R$2:$R$366,ROW(INDEX(Jesper!AL$2:AL$366,ROUNDDOWN($C5015/24,0)+1,1))-1)+IF('Standard Profiles'!$G$22=$B$10,7,0)+IF('Standard Profiles'!$G$22=$B$17,14,0)+IF('Standard Profiles'!$G$22=$B$24,21,0),MOD($C5015,24)+1)/SUM(INDEX($D$3:$AA$30,INDEX(Jesper!$R$2:$R$366,ROW(INDEX(Jesper!AL$2:AL$366,ROUNDDOWN($C5015/24,0)+1,1))-1)+IF('Standard Profiles'!$G$22=$B$10,7,0)+IF('Standard Profiles'!$G$22=$B$17,14,0)+IF('Standard Profiles'!$G$22=$B$24,21,0),0)),0)</f>
        <v>0</v>
      </c>
      <c r="I5015">
        <f t="shared" si="559"/>
        <v>0.54263391961446494</v>
      </c>
      <c r="J5015">
        <f t="shared" si="560"/>
        <v>28.464226030125126</v>
      </c>
      <c r="K5015">
        <f t="shared" si="561"/>
        <v>2.3147653724207538</v>
      </c>
      <c r="L5015">
        <f t="shared" si="562"/>
        <v>1.1573826862103769</v>
      </c>
      <c r="M5015">
        <f t="shared" si="563"/>
        <v>0</v>
      </c>
      <c r="N5015" s="45">
        <f t="shared" si="564"/>
        <v>45134.541666654586</v>
      </c>
    </row>
    <row r="5016" spans="2:14" x14ac:dyDescent="0.25">
      <c r="B5016">
        <f t="shared" si="558"/>
        <v>4</v>
      </c>
      <c r="C5016" s="16">
        <v>4982</v>
      </c>
      <c r="D5016" cm="1">
        <f t="array" ref="D5016">IFERROR(INDEX(Jesper!AH$2:AH$366,ROUNDDOWN($C5016/24,0)+1,1)*INDEX($D$3:$AA$30,INDEX(Jesper!$R$2:$R$366,ROW(INDEX(Jesper!AH$2:AH$366,ROUNDDOWN($C5016/24,0)+1,1))-1)+IF('Standard Profiles'!$G$18=$B$10,7,0)+IF('Standard Profiles'!$G$18=$B$17,14,0)+IF('Standard Profiles'!$G$18=$B$24,21,0),MOD($C5016,24)+1)/SUM(INDEX($D$3:$AA$30,INDEX(Jesper!$R$2:$R$366,ROW(INDEX(Jesper!AH$2:AH$366,ROUNDDOWN($C5016/24,0)+1,1))-1)+IF('Standard Profiles'!$G$18=$B$10,7,0)+IF('Standard Profiles'!$G$18=$B$17,14,0)+IF('Standard Profiles'!$G$18=$B$24,21,0),0)),0)</f>
        <v>32.668059691421924</v>
      </c>
      <c r="E5016" cm="1">
        <f t="array" ref="E5016">IFERROR(INDEX(Jesper!AI$2:AI$366,ROUNDDOWN($C5016/24,0)+1,1)*INDEX($D$3:$AA$30,INDEX(Jesper!$R$2:$R$366,ROW(INDEX(Jesper!AI$2:AI$366,ROUNDDOWN($C5016/24,0)+1,1))-1)+IF('Standard Profiles'!$G$19=$B$10,7,0)+IF('Standard Profiles'!$G$19=$B$17,14,0)+IF('Standard Profiles'!$G$19=$B$24,21,0),MOD($C5016,24)+1)/SUM(INDEX($D$3:$AA$30,INDEX(Jesper!$R$2:$R$366,ROW(INDEX(Jesper!AI$2:AI$366,ROUNDDOWN($C5016/24,0)+1,1))-1)+IF('Standard Profiles'!$G$19=$B$10,7,0)+IF('Standard Profiles'!$G$19=$B$17,14,0)+IF('Standard Profiles'!$G$19=$B$24,21,0),0)),0)</f>
        <v>14.523261756080029</v>
      </c>
      <c r="F5016" cm="1">
        <f t="array" ref="F5016">IFERROR(INDEX(Jesper!AJ$2:AJ$366,ROUNDDOWN($C5016/24,0)+1,1)*INDEX($D$3:$AA$30,INDEX(Jesper!$R$2:$R$366,ROW(INDEX(Jesper!AJ$2:AJ$366,ROUNDDOWN($C5016/24,0)+1,1))-1)+IF('Standard Profiles'!$G$20=$B$10,7,0)+IF('Standard Profiles'!$G$20=$B$17,14,0)+IF('Standard Profiles'!$G$20=$B$24,21,0),MOD($C5016,24)+1)/SUM(INDEX($D$3:$AA$30,INDEX(Jesper!$R$2:$R$366,ROW(INDEX(Jesper!AJ$2:AJ$366,ROUNDDOWN($C5016/24,0)+1,1))-1)+IF('Standard Profiles'!$G$20=$B$10,7,0)+IF('Standard Profiles'!$G$20=$B$17,14,0)+IF('Standard Profiles'!$G$20=$B$24,21,0),0)),0)</f>
        <v>0</v>
      </c>
      <c r="G5016" cm="1">
        <f t="array" ref="G5016">IFERROR(INDEX(Jesper!AK$2:AK$366,ROUNDDOWN($C5016/24,0)+1,1)*INDEX($D$3:$AA$30,INDEX(Jesper!$R$2:$R$366,ROW(INDEX(Jesper!AK$2:AK$366,ROUNDDOWN($C5016/24,0)+1,1))-1)+IF('Standard Profiles'!$G$21=$B$10,7,0)+IF('Standard Profiles'!$G$21=$B$17,14,0)+IF('Standard Profiles'!$G$21=$B$24,21,0),MOD($C5016,24)+1)/SUM(INDEX($D$3:$AA$30,INDEX(Jesper!$R$2:$R$366,ROW(INDEX(Jesper!AK$2:AK$366,ROUNDDOWN($C5016/24,0)+1,1))-1)+IF('Standard Profiles'!$G$21=$B$10,7,0)+IF('Standard Profiles'!$G$21=$B$17,14,0)+IF('Standard Profiles'!$G$21=$B$24,21,0),0)),0)</f>
        <v>1.7018088876797743</v>
      </c>
      <c r="H5016" cm="1">
        <f t="array" ref="H5016">IFERROR(INDEX(Jesper!AL$2:AL$366,ROUNDDOWN($C5016/24,0)+1,1)*INDEX($D$3:$AA$30,INDEX(Jesper!$R$2:$R$366,ROW(INDEX(Jesper!AL$2:AL$366,ROUNDDOWN($C5016/24,0)+1,1))-1)+IF('Standard Profiles'!$G$22=$B$10,7,0)+IF('Standard Profiles'!$G$22=$B$17,14,0)+IF('Standard Profiles'!$G$22=$B$24,21,0),MOD($C5016,24)+1)/SUM(INDEX($D$3:$AA$30,INDEX(Jesper!$R$2:$R$366,ROW(INDEX(Jesper!AL$2:AL$366,ROUNDDOWN($C5016/24,0)+1,1))-1)+IF('Standard Profiles'!$G$22=$B$10,7,0)+IF('Standard Profiles'!$G$22=$B$17,14,0)+IF('Standard Profiles'!$G$22=$B$24,21,0),0)),0)</f>
        <v>0</v>
      </c>
      <c r="I5016">
        <f t="shared" si="559"/>
        <v>0.81686826608629126</v>
      </c>
      <c r="J5016">
        <f t="shared" si="560"/>
        <v>42.849372518467931</v>
      </c>
      <c r="K5016">
        <f t="shared" si="561"/>
        <v>3.484593033751672</v>
      </c>
      <c r="L5016">
        <f t="shared" si="562"/>
        <v>1.742296516875836</v>
      </c>
      <c r="M5016">
        <f t="shared" si="563"/>
        <v>0</v>
      </c>
      <c r="N5016" s="45">
        <f t="shared" si="564"/>
        <v>45134.58333332125</v>
      </c>
    </row>
    <row r="5017" spans="2:14" x14ac:dyDescent="0.25">
      <c r="B5017">
        <f t="shared" si="558"/>
        <v>4</v>
      </c>
      <c r="C5017" s="16">
        <v>4983</v>
      </c>
      <c r="D5017" cm="1">
        <f t="array" ref="D5017">IFERROR(INDEX(Jesper!AH$2:AH$366,ROUNDDOWN($C5017/24,0)+1,1)*INDEX($D$3:$AA$30,INDEX(Jesper!$R$2:$R$366,ROW(INDEX(Jesper!AH$2:AH$366,ROUNDDOWN($C5017/24,0)+1,1))-1)+IF('Standard Profiles'!$G$18=$B$10,7,0)+IF('Standard Profiles'!$G$18=$B$17,14,0)+IF('Standard Profiles'!$G$18=$B$24,21,0),MOD($C5017,24)+1)/SUM(INDEX($D$3:$AA$30,INDEX(Jesper!$R$2:$R$366,ROW(INDEX(Jesper!AH$2:AH$366,ROUNDDOWN($C5017/24,0)+1,1))-1)+IF('Standard Profiles'!$G$18=$B$10,7,0)+IF('Standard Profiles'!$G$18=$B$17,14,0)+IF('Standard Profiles'!$G$18=$B$24,21,0),0)),0)</f>
        <v>32.668059691421924</v>
      </c>
      <c r="E5017" cm="1">
        <f t="array" ref="E5017">IFERROR(INDEX(Jesper!AI$2:AI$366,ROUNDDOWN($C5017/24,0)+1,1)*INDEX($D$3:$AA$30,INDEX(Jesper!$R$2:$R$366,ROW(INDEX(Jesper!AI$2:AI$366,ROUNDDOWN($C5017/24,0)+1,1))-1)+IF('Standard Profiles'!$G$19=$B$10,7,0)+IF('Standard Profiles'!$G$19=$B$17,14,0)+IF('Standard Profiles'!$G$19=$B$24,21,0),MOD($C5017,24)+1)/SUM(INDEX($D$3:$AA$30,INDEX(Jesper!$R$2:$R$366,ROW(INDEX(Jesper!AI$2:AI$366,ROUNDDOWN($C5017/24,0)+1,1))-1)+IF('Standard Profiles'!$G$19=$B$10,7,0)+IF('Standard Profiles'!$G$19=$B$17,14,0)+IF('Standard Profiles'!$G$19=$B$24,21,0),0)),0)</f>
        <v>14.523261756080029</v>
      </c>
      <c r="F5017" cm="1">
        <f t="array" ref="F5017">IFERROR(INDEX(Jesper!AJ$2:AJ$366,ROUNDDOWN($C5017/24,0)+1,1)*INDEX($D$3:$AA$30,INDEX(Jesper!$R$2:$R$366,ROW(INDEX(Jesper!AJ$2:AJ$366,ROUNDDOWN($C5017/24,0)+1,1))-1)+IF('Standard Profiles'!$G$20=$B$10,7,0)+IF('Standard Profiles'!$G$20=$B$17,14,0)+IF('Standard Profiles'!$G$20=$B$24,21,0),MOD($C5017,24)+1)/SUM(INDEX($D$3:$AA$30,INDEX(Jesper!$R$2:$R$366,ROW(INDEX(Jesper!AJ$2:AJ$366,ROUNDDOWN($C5017/24,0)+1,1))-1)+IF('Standard Profiles'!$G$20=$B$10,7,0)+IF('Standard Profiles'!$G$20=$B$17,14,0)+IF('Standard Profiles'!$G$20=$B$24,21,0),0)),0)</f>
        <v>0</v>
      </c>
      <c r="G5017" cm="1">
        <f t="array" ref="G5017">IFERROR(INDEX(Jesper!AK$2:AK$366,ROUNDDOWN($C5017/24,0)+1,1)*INDEX($D$3:$AA$30,INDEX(Jesper!$R$2:$R$366,ROW(INDEX(Jesper!AK$2:AK$366,ROUNDDOWN($C5017/24,0)+1,1))-1)+IF('Standard Profiles'!$G$21=$B$10,7,0)+IF('Standard Profiles'!$G$21=$B$17,14,0)+IF('Standard Profiles'!$G$21=$B$24,21,0),MOD($C5017,24)+1)/SUM(INDEX($D$3:$AA$30,INDEX(Jesper!$R$2:$R$366,ROW(INDEX(Jesper!AK$2:AK$366,ROUNDDOWN($C5017/24,0)+1,1))-1)+IF('Standard Profiles'!$G$21=$B$10,7,0)+IF('Standard Profiles'!$G$21=$B$17,14,0)+IF('Standard Profiles'!$G$21=$B$24,21,0),0)),0)</f>
        <v>1.7018088876797743</v>
      </c>
      <c r="H5017" cm="1">
        <f t="array" ref="H5017">IFERROR(INDEX(Jesper!AL$2:AL$366,ROUNDDOWN($C5017/24,0)+1,1)*INDEX($D$3:$AA$30,INDEX(Jesper!$R$2:$R$366,ROW(INDEX(Jesper!AL$2:AL$366,ROUNDDOWN($C5017/24,0)+1,1))-1)+IF('Standard Profiles'!$G$22=$B$10,7,0)+IF('Standard Profiles'!$G$22=$B$17,14,0)+IF('Standard Profiles'!$G$22=$B$24,21,0),MOD($C5017,24)+1)/SUM(INDEX($D$3:$AA$30,INDEX(Jesper!$R$2:$R$366,ROW(INDEX(Jesper!AL$2:AL$366,ROUNDDOWN($C5017/24,0)+1,1))-1)+IF('Standard Profiles'!$G$22=$B$10,7,0)+IF('Standard Profiles'!$G$22=$B$17,14,0)+IF('Standard Profiles'!$G$22=$B$24,21,0),0)),0)</f>
        <v>0</v>
      </c>
      <c r="I5017">
        <f t="shared" si="559"/>
        <v>0.81686826608629126</v>
      </c>
      <c r="J5017">
        <f t="shared" si="560"/>
        <v>42.849372518467931</v>
      </c>
      <c r="K5017">
        <f t="shared" si="561"/>
        <v>3.484593033751672</v>
      </c>
      <c r="L5017">
        <f t="shared" si="562"/>
        <v>1.742296516875836</v>
      </c>
      <c r="M5017">
        <f t="shared" si="563"/>
        <v>0</v>
      </c>
      <c r="N5017" s="45">
        <f t="shared" si="564"/>
        <v>45134.624999987915</v>
      </c>
    </row>
    <row r="5018" spans="2:14" x14ac:dyDescent="0.25">
      <c r="B5018">
        <f t="shared" si="558"/>
        <v>4</v>
      </c>
      <c r="C5018" s="16">
        <v>4984</v>
      </c>
      <c r="D5018" cm="1">
        <f t="array" ref="D5018">IFERROR(INDEX(Jesper!AH$2:AH$366,ROUNDDOWN($C5018/24,0)+1,1)*INDEX($D$3:$AA$30,INDEX(Jesper!$R$2:$R$366,ROW(INDEX(Jesper!AH$2:AH$366,ROUNDDOWN($C5018/24,0)+1,1))-1)+IF('Standard Profiles'!$G$18=$B$10,7,0)+IF('Standard Profiles'!$G$18=$B$17,14,0)+IF('Standard Profiles'!$G$18=$B$24,21,0),MOD($C5018,24)+1)/SUM(INDEX($D$3:$AA$30,INDEX(Jesper!$R$2:$R$366,ROW(INDEX(Jesper!AH$2:AH$366,ROUNDDOWN($C5018/24,0)+1,1))-1)+IF('Standard Profiles'!$G$18=$B$10,7,0)+IF('Standard Profiles'!$G$18=$B$17,14,0)+IF('Standard Profiles'!$G$18=$B$24,21,0),0)),0)</f>
        <v>19.250820889587921</v>
      </c>
      <c r="E5018" cm="1">
        <f t="array" ref="E5018">IFERROR(INDEX(Jesper!AI$2:AI$366,ROUNDDOWN($C5018/24,0)+1,1)*INDEX($D$3:$AA$30,INDEX(Jesper!$R$2:$R$366,ROW(INDEX(Jesper!AI$2:AI$366,ROUNDDOWN($C5018/24,0)+1,1))-1)+IF('Standard Profiles'!$G$19=$B$10,7,0)+IF('Standard Profiles'!$G$19=$B$17,14,0)+IF('Standard Profiles'!$G$19=$B$24,21,0),MOD($C5018,24)+1)/SUM(INDEX($D$3:$AA$30,INDEX(Jesper!$R$2:$R$366,ROW(INDEX(Jesper!AI$2:AI$366,ROUNDDOWN($C5018/24,0)+1,1))-1)+IF('Standard Profiles'!$G$19=$B$10,7,0)+IF('Standard Profiles'!$G$19=$B$17,14,0)+IF('Standard Profiles'!$G$19=$B$24,21,0),0)),0)</f>
        <v>8.5583506776900187</v>
      </c>
      <c r="F5018" cm="1">
        <f t="array" ref="F5018">IFERROR(INDEX(Jesper!AJ$2:AJ$366,ROUNDDOWN($C5018/24,0)+1,1)*INDEX($D$3:$AA$30,INDEX(Jesper!$R$2:$R$366,ROW(INDEX(Jesper!AJ$2:AJ$366,ROUNDDOWN($C5018/24,0)+1,1))-1)+IF('Standard Profiles'!$G$20=$B$10,7,0)+IF('Standard Profiles'!$G$20=$B$17,14,0)+IF('Standard Profiles'!$G$20=$B$24,21,0),MOD($C5018,24)+1)/SUM(INDEX($D$3:$AA$30,INDEX(Jesper!$R$2:$R$366,ROW(INDEX(Jesper!AJ$2:AJ$366,ROUNDDOWN($C5018/24,0)+1,1))-1)+IF('Standard Profiles'!$G$20=$B$10,7,0)+IF('Standard Profiles'!$G$20=$B$17,14,0)+IF('Standard Profiles'!$G$20=$B$24,21,0),0)),0)</f>
        <v>0</v>
      </c>
      <c r="G5018" cm="1">
        <f t="array" ref="G5018">IFERROR(INDEX(Jesper!AK$2:AK$366,ROUNDDOWN($C5018/24,0)+1,1)*INDEX($D$3:$AA$30,INDEX(Jesper!$R$2:$R$366,ROW(INDEX(Jesper!AK$2:AK$366,ROUNDDOWN($C5018/24,0)+1,1))-1)+IF('Standard Profiles'!$G$21=$B$10,7,0)+IF('Standard Profiles'!$G$21=$B$17,14,0)+IF('Standard Profiles'!$G$21=$B$24,21,0),MOD($C5018,24)+1)/SUM(INDEX($D$3:$AA$30,INDEX(Jesper!$R$2:$R$366,ROW(INDEX(Jesper!AK$2:AK$366,ROUNDDOWN($C5018/24,0)+1,1))-1)+IF('Standard Profiles'!$G$21=$B$10,7,0)+IF('Standard Profiles'!$G$21=$B$17,14,0)+IF('Standard Profiles'!$G$21=$B$24,21,0),0)),0)</f>
        <v>1.422016416614196</v>
      </c>
      <c r="H5018" cm="1">
        <f t="array" ref="H5018">IFERROR(INDEX(Jesper!AL$2:AL$366,ROUNDDOWN($C5018/24,0)+1,1)*INDEX($D$3:$AA$30,INDEX(Jesper!$R$2:$R$366,ROW(INDEX(Jesper!AL$2:AL$366,ROUNDDOWN($C5018/24,0)+1,1))-1)+IF('Standard Profiles'!$G$22=$B$10,7,0)+IF('Standard Profiles'!$G$22=$B$17,14,0)+IF('Standard Profiles'!$G$22=$B$24,21,0),MOD($C5018,24)+1)/SUM(INDEX($D$3:$AA$30,INDEX(Jesper!$R$2:$R$366,ROW(INDEX(Jesper!AL$2:AL$366,ROUNDDOWN($C5018/24,0)+1,1))-1)+IF('Standard Profiles'!$G$22=$B$10,7,0)+IF('Standard Profiles'!$G$22=$B$17,14,0)+IF('Standard Profiles'!$G$22=$B$24,21,0),0)),0)</f>
        <v>0</v>
      </c>
      <c r="I5018">
        <f t="shared" si="559"/>
        <v>0.68256787997481372</v>
      </c>
      <c r="J5018">
        <f t="shared" si="560"/>
        <v>25.468488761583256</v>
      </c>
      <c r="K5018">
        <f t="shared" si="561"/>
        <v>2.0534208948893782</v>
      </c>
      <c r="L5018">
        <f t="shared" si="562"/>
        <v>1.0267104474446891</v>
      </c>
      <c r="M5018">
        <f t="shared" si="563"/>
        <v>0</v>
      </c>
      <c r="N5018" s="45">
        <f t="shared" si="564"/>
        <v>45134.666666654579</v>
      </c>
    </row>
    <row r="5019" spans="2:14" x14ac:dyDescent="0.25">
      <c r="B5019">
        <f t="shared" si="558"/>
        <v>4</v>
      </c>
      <c r="C5019" s="16">
        <v>4985</v>
      </c>
      <c r="D5019" cm="1">
        <f t="array" ref="D5019">IFERROR(INDEX(Jesper!AH$2:AH$366,ROUNDDOWN($C5019/24,0)+1,1)*INDEX($D$3:$AA$30,INDEX(Jesper!$R$2:$R$366,ROW(INDEX(Jesper!AH$2:AH$366,ROUNDDOWN($C5019/24,0)+1,1))-1)+IF('Standard Profiles'!$G$18=$B$10,7,0)+IF('Standard Profiles'!$G$18=$B$17,14,0)+IF('Standard Profiles'!$G$18=$B$24,21,0),MOD($C5019,24)+1)/SUM(INDEX($D$3:$AA$30,INDEX(Jesper!$R$2:$R$366,ROW(INDEX(Jesper!AH$2:AH$366,ROUNDDOWN($C5019/24,0)+1,1))-1)+IF('Standard Profiles'!$G$18=$B$10,7,0)+IF('Standard Profiles'!$G$18=$B$17,14,0)+IF('Standard Profiles'!$G$18=$B$24,21,0),0)),0)</f>
        <v>8.2163127996534033</v>
      </c>
      <c r="E5019" cm="1">
        <f t="array" ref="E5019">IFERROR(INDEX(Jesper!AI$2:AI$366,ROUNDDOWN($C5019/24,0)+1,1)*INDEX($D$3:$AA$30,INDEX(Jesper!$R$2:$R$366,ROW(INDEX(Jesper!AI$2:AI$366,ROUNDDOWN($C5019/24,0)+1,1))-1)+IF('Standard Profiles'!$G$19=$B$10,7,0)+IF('Standard Profiles'!$G$19=$B$17,14,0)+IF('Standard Profiles'!$G$19=$B$24,21,0),MOD($C5019,24)+1)/SUM(INDEX($D$3:$AA$30,INDEX(Jesper!$R$2:$R$366,ROW(INDEX(Jesper!AI$2:AI$366,ROUNDDOWN($C5019/24,0)+1,1))-1)+IF('Standard Profiles'!$G$19=$B$10,7,0)+IF('Standard Profiles'!$G$19=$B$17,14,0)+IF('Standard Profiles'!$G$19=$B$24,21,0),0)),0)</f>
        <v>3.652731830000008</v>
      </c>
      <c r="F5019" cm="1">
        <f t="array" ref="F5019">IFERROR(INDEX(Jesper!AJ$2:AJ$366,ROUNDDOWN($C5019/24,0)+1,1)*INDEX($D$3:$AA$30,INDEX(Jesper!$R$2:$R$366,ROW(INDEX(Jesper!AJ$2:AJ$366,ROUNDDOWN($C5019/24,0)+1,1))-1)+IF('Standard Profiles'!$G$20=$B$10,7,0)+IF('Standard Profiles'!$G$20=$B$17,14,0)+IF('Standard Profiles'!$G$20=$B$24,21,0),MOD($C5019,24)+1)/SUM(INDEX($D$3:$AA$30,INDEX(Jesper!$R$2:$R$366,ROW(INDEX(Jesper!AJ$2:AJ$366,ROUNDDOWN($C5019/24,0)+1,1))-1)+IF('Standard Profiles'!$G$20=$B$10,7,0)+IF('Standard Profiles'!$G$20=$B$17,14,0)+IF('Standard Profiles'!$G$20=$B$24,21,0),0)),0)</f>
        <v>0</v>
      </c>
      <c r="G5019" cm="1">
        <f t="array" ref="G5019">IFERROR(INDEX(Jesper!AK$2:AK$366,ROUNDDOWN($C5019/24,0)+1,1)*INDEX($D$3:$AA$30,INDEX(Jesper!$R$2:$R$366,ROW(INDEX(Jesper!AK$2:AK$366,ROUNDDOWN($C5019/24,0)+1,1))-1)+IF('Standard Profiles'!$G$21=$B$10,7,0)+IF('Standard Profiles'!$G$21=$B$17,14,0)+IF('Standard Profiles'!$G$21=$B$24,21,0),MOD($C5019,24)+1)/SUM(INDEX($D$3:$AA$30,INDEX(Jesper!$R$2:$R$366,ROW(INDEX(Jesper!AK$2:AK$366,ROUNDDOWN($C5019/24,0)+1,1))-1)+IF('Standard Profiles'!$G$21=$B$10,7,0)+IF('Standard Profiles'!$G$21=$B$17,14,0)+IF('Standard Profiles'!$G$21=$B$24,21,0),0)),0)</f>
        <v>1.1306969149054658</v>
      </c>
      <c r="H5019" cm="1">
        <f t="array" ref="H5019">IFERROR(INDEX(Jesper!AL$2:AL$366,ROUNDDOWN($C5019/24,0)+1,1)*INDEX($D$3:$AA$30,INDEX(Jesper!$R$2:$R$366,ROW(INDEX(Jesper!AL$2:AL$366,ROUNDDOWN($C5019/24,0)+1,1))-1)+IF('Standard Profiles'!$G$22=$B$10,7,0)+IF('Standard Profiles'!$G$22=$B$17,14,0)+IF('Standard Profiles'!$G$22=$B$24,21,0),MOD($C5019,24)+1)/SUM(INDEX($D$3:$AA$30,INDEX(Jesper!$R$2:$R$366,ROW(INDEX(Jesper!AL$2:AL$366,ROUNDDOWN($C5019/24,0)+1,1))-1)+IF('Standard Profiles'!$G$22=$B$10,7,0)+IF('Standard Profiles'!$G$22=$B$17,14,0)+IF('Standard Profiles'!$G$22=$B$24,21,0),0)),0)</f>
        <v>0</v>
      </c>
      <c r="I5019">
        <f t="shared" si="559"/>
        <v>0.54273451915462334</v>
      </c>
      <c r="J5019">
        <f t="shared" si="560"/>
        <v>11.142396977459709</v>
      </c>
      <c r="K5019">
        <f t="shared" si="561"/>
        <v>0.87640669862969645</v>
      </c>
      <c r="L5019">
        <f t="shared" si="562"/>
        <v>0.43820334931484822</v>
      </c>
      <c r="M5019">
        <f t="shared" si="563"/>
        <v>0</v>
      </c>
      <c r="N5019" s="45">
        <f t="shared" si="564"/>
        <v>45134.708333321243</v>
      </c>
    </row>
    <row r="5020" spans="2:14" x14ac:dyDescent="0.25">
      <c r="B5020">
        <f t="shared" si="558"/>
        <v>4</v>
      </c>
      <c r="C5020" s="16">
        <v>4986</v>
      </c>
      <c r="D5020" cm="1">
        <f t="array" ref="D5020">IFERROR(INDEX(Jesper!AH$2:AH$366,ROUNDDOWN($C5020/24,0)+1,1)*INDEX($D$3:$AA$30,INDEX(Jesper!$R$2:$R$366,ROW(INDEX(Jesper!AH$2:AH$366,ROUNDDOWN($C5020/24,0)+1,1))-1)+IF('Standard Profiles'!$G$18=$B$10,7,0)+IF('Standard Profiles'!$G$18=$B$17,14,0)+IF('Standard Profiles'!$G$18=$B$24,21,0),MOD($C5020,24)+1)/SUM(INDEX($D$3:$AA$30,INDEX(Jesper!$R$2:$R$366,ROW(INDEX(Jesper!AH$2:AH$366,ROUNDDOWN($C5020/24,0)+1,1))-1)+IF('Standard Profiles'!$G$18=$B$10,7,0)+IF('Standard Profiles'!$G$18=$B$17,14,0)+IF('Standard Profiles'!$G$18=$B$24,21,0),0)),0)</f>
        <v>5.4227664477712461</v>
      </c>
      <c r="E5020" cm="1">
        <f t="array" ref="E5020">IFERROR(INDEX(Jesper!AI$2:AI$366,ROUNDDOWN($C5020/24,0)+1,1)*INDEX($D$3:$AA$30,INDEX(Jesper!$R$2:$R$366,ROW(INDEX(Jesper!AI$2:AI$366,ROUNDDOWN($C5020/24,0)+1,1))-1)+IF('Standard Profiles'!$G$19=$B$10,7,0)+IF('Standard Profiles'!$G$19=$B$17,14,0)+IF('Standard Profiles'!$G$19=$B$24,21,0),MOD($C5020,24)+1)/SUM(INDEX($D$3:$AA$30,INDEX(Jesper!$R$2:$R$366,ROW(INDEX(Jesper!AI$2:AI$366,ROUNDDOWN($C5020/24,0)+1,1))-1)+IF('Standard Profiles'!$G$19=$B$10,7,0)+IF('Standard Profiles'!$G$19=$B$17,14,0)+IF('Standard Profiles'!$G$19=$B$24,21,0),0)),0)</f>
        <v>2.4108030078000056</v>
      </c>
      <c r="F5020" cm="1">
        <f t="array" ref="F5020">IFERROR(INDEX(Jesper!AJ$2:AJ$366,ROUNDDOWN($C5020/24,0)+1,1)*INDEX($D$3:$AA$30,INDEX(Jesper!$R$2:$R$366,ROW(INDEX(Jesper!AJ$2:AJ$366,ROUNDDOWN($C5020/24,0)+1,1))-1)+IF('Standard Profiles'!$G$20=$B$10,7,0)+IF('Standard Profiles'!$G$20=$B$17,14,0)+IF('Standard Profiles'!$G$20=$B$24,21,0),MOD($C5020,24)+1)/SUM(INDEX($D$3:$AA$30,INDEX(Jesper!$R$2:$R$366,ROW(INDEX(Jesper!AJ$2:AJ$366,ROUNDDOWN($C5020/24,0)+1,1))-1)+IF('Standard Profiles'!$G$20=$B$10,7,0)+IF('Standard Profiles'!$G$20=$B$17,14,0)+IF('Standard Profiles'!$G$20=$B$24,21,0),0)),0)</f>
        <v>0</v>
      </c>
      <c r="G5020" cm="1">
        <f t="array" ref="G5020">IFERROR(INDEX(Jesper!AK$2:AK$366,ROUNDDOWN($C5020/24,0)+1,1)*INDEX($D$3:$AA$30,INDEX(Jesper!$R$2:$R$366,ROW(INDEX(Jesper!AK$2:AK$366,ROUNDDOWN($C5020/24,0)+1,1))-1)+IF('Standard Profiles'!$G$21=$B$10,7,0)+IF('Standard Profiles'!$G$21=$B$17,14,0)+IF('Standard Profiles'!$G$21=$B$24,21,0),MOD($C5020,24)+1)/SUM(INDEX($D$3:$AA$30,INDEX(Jesper!$R$2:$R$366,ROW(INDEX(Jesper!AK$2:AK$366,ROUNDDOWN($C5020/24,0)+1,1))-1)+IF('Standard Profiles'!$G$21=$B$10,7,0)+IF('Standard Profiles'!$G$21=$B$17,14,0)+IF('Standard Profiles'!$G$21=$B$24,21,0),0)),0)</f>
        <v>0.419164750660043</v>
      </c>
      <c r="H5020" cm="1">
        <f t="array" ref="H5020">IFERROR(INDEX(Jesper!AL$2:AL$366,ROUNDDOWN($C5020/24,0)+1,1)*INDEX($D$3:$AA$30,INDEX(Jesper!$R$2:$R$366,ROW(INDEX(Jesper!AL$2:AL$366,ROUNDDOWN($C5020/24,0)+1,1))-1)+IF('Standard Profiles'!$G$22=$B$10,7,0)+IF('Standard Profiles'!$G$22=$B$17,14,0)+IF('Standard Profiles'!$G$22=$B$24,21,0),MOD($C5020,24)+1)/SUM(INDEX($D$3:$AA$30,INDEX(Jesper!$R$2:$R$366,ROW(INDEX(Jesper!AL$2:AL$366,ROUNDDOWN($C5020/24,0)+1,1))-1)+IF('Standard Profiles'!$G$22=$B$10,7,0)+IF('Standard Profiles'!$G$22=$B$17,14,0)+IF('Standard Profiles'!$G$22=$B$24,21,0),0)),0)</f>
        <v>0</v>
      </c>
      <c r="I5020">
        <f t="shared" si="559"/>
        <v>0.20119908031682054</v>
      </c>
      <c r="J5020">
        <f t="shared" si="560"/>
        <v>7.183892494271074</v>
      </c>
      <c r="K5020">
        <f t="shared" si="561"/>
        <v>0.57842842109559967</v>
      </c>
      <c r="L5020">
        <f t="shared" si="562"/>
        <v>0.28921421054779983</v>
      </c>
      <c r="M5020">
        <f t="shared" si="563"/>
        <v>0</v>
      </c>
      <c r="N5020" s="45">
        <f t="shared" si="564"/>
        <v>45134.749999987907</v>
      </c>
    </row>
    <row r="5021" spans="2:14" x14ac:dyDescent="0.25">
      <c r="B5021">
        <f t="shared" si="558"/>
        <v>4</v>
      </c>
      <c r="C5021" s="16">
        <v>4987</v>
      </c>
      <c r="D5021" cm="1">
        <f t="array" ref="D5021">IFERROR(INDEX(Jesper!AH$2:AH$366,ROUNDDOWN($C5021/24,0)+1,1)*INDEX($D$3:$AA$30,INDEX(Jesper!$R$2:$R$366,ROW(INDEX(Jesper!AH$2:AH$366,ROUNDDOWN($C5021/24,0)+1,1))-1)+IF('Standard Profiles'!$G$18=$B$10,7,0)+IF('Standard Profiles'!$G$18=$B$17,14,0)+IF('Standard Profiles'!$G$18=$B$24,21,0),MOD($C5021,24)+1)/SUM(INDEX($D$3:$AA$30,INDEX(Jesper!$R$2:$R$366,ROW(INDEX(Jesper!AH$2:AH$366,ROUNDDOWN($C5021/24,0)+1,1))-1)+IF('Standard Profiles'!$G$18=$B$10,7,0)+IF('Standard Profiles'!$G$18=$B$17,14,0)+IF('Standard Profiles'!$G$18=$B$24,21,0),0)),0)</f>
        <v>5.4227664477712461</v>
      </c>
      <c r="E5021" cm="1">
        <f t="array" ref="E5021">IFERROR(INDEX(Jesper!AI$2:AI$366,ROUNDDOWN($C5021/24,0)+1,1)*INDEX($D$3:$AA$30,INDEX(Jesper!$R$2:$R$366,ROW(INDEX(Jesper!AI$2:AI$366,ROUNDDOWN($C5021/24,0)+1,1))-1)+IF('Standard Profiles'!$G$19=$B$10,7,0)+IF('Standard Profiles'!$G$19=$B$17,14,0)+IF('Standard Profiles'!$G$19=$B$24,21,0),MOD($C5021,24)+1)/SUM(INDEX($D$3:$AA$30,INDEX(Jesper!$R$2:$R$366,ROW(INDEX(Jesper!AI$2:AI$366,ROUNDDOWN($C5021/24,0)+1,1))-1)+IF('Standard Profiles'!$G$19=$B$10,7,0)+IF('Standard Profiles'!$G$19=$B$17,14,0)+IF('Standard Profiles'!$G$19=$B$24,21,0),0)),0)</f>
        <v>2.4108030078000056</v>
      </c>
      <c r="F5021" cm="1">
        <f t="array" ref="F5021">IFERROR(INDEX(Jesper!AJ$2:AJ$366,ROUNDDOWN($C5021/24,0)+1,1)*INDEX($D$3:$AA$30,INDEX(Jesper!$R$2:$R$366,ROW(INDEX(Jesper!AJ$2:AJ$366,ROUNDDOWN($C5021/24,0)+1,1))-1)+IF('Standard Profiles'!$G$20=$B$10,7,0)+IF('Standard Profiles'!$G$20=$B$17,14,0)+IF('Standard Profiles'!$G$20=$B$24,21,0),MOD($C5021,24)+1)/SUM(INDEX($D$3:$AA$30,INDEX(Jesper!$R$2:$R$366,ROW(INDEX(Jesper!AJ$2:AJ$366,ROUNDDOWN($C5021/24,0)+1,1))-1)+IF('Standard Profiles'!$G$20=$B$10,7,0)+IF('Standard Profiles'!$G$20=$B$17,14,0)+IF('Standard Profiles'!$G$20=$B$24,21,0),0)),0)</f>
        <v>0</v>
      </c>
      <c r="G5021" cm="1">
        <f t="array" ref="G5021">IFERROR(INDEX(Jesper!AK$2:AK$366,ROUNDDOWN($C5021/24,0)+1,1)*INDEX($D$3:$AA$30,INDEX(Jesper!$R$2:$R$366,ROW(INDEX(Jesper!AK$2:AK$366,ROUNDDOWN($C5021/24,0)+1,1))-1)+IF('Standard Profiles'!$G$21=$B$10,7,0)+IF('Standard Profiles'!$G$21=$B$17,14,0)+IF('Standard Profiles'!$G$21=$B$24,21,0),MOD($C5021,24)+1)/SUM(INDEX($D$3:$AA$30,INDEX(Jesper!$R$2:$R$366,ROW(INDEX(Jesper!AK$2:AK$366,ROUNDDOWN($C5021/24,0)+1,1))-1)+IF('Standard Profiles'!$G$21=$B$10,7,0)+IF('Standard Profiles'!$G$21=$B$17,14,0)+IF('Standard Profiles'!$G$21=$B$24,21,0),0)),0)</f>
        <v>0.419164750660043</v>
      </c>
      <c r="H5021" cm="1">
        <f t="array" ref="H5021">IFERROR(INDEX(Jesper!AL$2:AL$366,ROUNDDOWN($C5021/24,0)+1,1)*INDEX($D$3:$AA$30,INDEX(Jesper!$R$2:$R$366,ROW(INDEX(Jesper!AL$2:AL$366,ROUNDDOWN($C5021/24,0)+1,1))-1)+IF('Standard Profiles'!$G$22=$B$10,7,0)+IF('Standard Profiles'!$G$22=$B$17,14,0)+IF('Standard Profiles'!$G$22=$B$24,21,0),MOD($C5021,24)+1)/SUM(INDEX($D$3:$AA$30,INDEX(Jesper!$R$2:$R$366,ROW(INDEX(Jesper!AL$2:AL$366,ROUNDDOWN($C5021/24,0)+1,1))-1)+IF('Standard Profiles'!$G$22=$B$10,7,0)+IF('Standard Profiles'!$G$22=$B$17,14,0)+IF('Standard Profiles'!$G$22=$B$24,21,0),0)),0)</f>
        <v>0</v>
      </c>
      <c r="I5021">
        <f t="shared" si="559"/>
        <v>0.20119908031682054</v>
      </c>
      <c r="J5021">
        <f t="shared" si="560"/>
        <v>7.183892494271074</v>
      </c>
      <c r="K5021">
        <f t="shared" si="561"/>
        <v>0.57842842109559967</v>
      </c>
      <c r="L5021">
        <f t="shared" si="562"/>
        <v>0.28921421054779983</v>
      </c>
      <c r="M5021">
        <f t="shared" si="563"/>
        <v>0</v>
      </c>
      <c r="N5021" s="45">
        <f t="shared" si="564"/>
        <v>45134.791666654572</v>
      </c>
    </row>
    <row r="5022" spans="2:14" x14ac:dyDescent="0.25">
      <c r="B5022">
        <f t="shared" si="558"/>
        <v>4</v>
      </c>
      <c r="C5022" s="16">
        <v>4988</v>
      </c>
      <c r="D5022" cm="1">
        <f t="array" ref="D5022">IFERROR(INDEX(Jesper!AH$2:AH$366,ROUNDDOWN($C5022/24,0)+1,1)*INDEX($D$3:$AA$30,INDEX(Jesper!$R$2:$R$366,ROW(INDEX(Jesper!AH$2:AH$366,ROUNDDOWN($C5022/24,0)+1,1))-1)+IF('Standard Profiles'!$G$18=$B$10,7,0)+IF('Standard Profiles'!$G$18=$B$17,14,0)+IF('Standard Profiles'!$G$18=$B$24,21,0),MOD($C5022,24)+1)/SUM(INDEX($D$3:$AA$30,INDEX(Jesper!$R$2:$R$366,ROW(INDEX(Jesper!AH$2:AH$366,ROUNDDOWN($C5022/24,0)+1,1))-1)+IF('Standard Profiles'!$G$18=$B$10,7,0)+IF('Standard Profiles'!$G$18=$B$17,14,0)+IF('Standard Profiles'!$G$18=$B$24,21,0),0)),0)</f>
        <v>5.4227664477712461</v>
      </c>
      <c r="E5022" cm="1">
        <f t="array" ref="E5022">IFERROR(INDEX(Jesper!AI$2:AI$366,ROUNDDOWN($C5022/24,0)+1,1)*INDEX($D$3:$AA$30,INDEX(Jesper!$R$2:$R$366,ROW(INDEX(Jesper!AI$2:AI$366,ROUNDDOWN($C5022/24,0)+1,1))-1)+IF('Standard Profiles'!$G$19=$B$10,7,0)+IF('Standard Profiles'!$G$19=$B$17,14,0)+IF('Standard Profiles'!$G$19=$B$24,21,0),MOD($C5022,24)+1)/SUM(INDEX($D$3:$AA$30,INDEX(Jesper!$R$2:$R$366,ROW(INDEX(Jesper!AI$2:AI$366,ROUNDDOWN($C5022/24,0)+1,1))-1)+IF('Standard Profiles'!$G$19=$B$10,7,0)+IF('Standard Profiles'!$G$19=$B$17,14,0)+IF('Standard Profiles'!$G$19=$B$24,21,0),0)),0)</f>
        <v>2.4108030078000056</v>
      </c>
      <c r="F5022" cm="1">
        <f t="array" ref="F5022">IFERROR(INDEX(Jesper!AJ$2:AJ$366,ROUNDDOWN($C5022/24,0)+1,1)*INDEX($D$3:$AA$30,INDEX(Jesper!$R$2:$R$366,ROW(INDEX(Jesper!AJ$2:AJ$366,ROUNDDOWN($C5022/24,0)+1,1))-1)+IF('Standard Profiles'!$G$20=$B$10,7,0)+IF('Standard Profiles'!$G$20=$B$17,14,0)+IF('Standard Profiles'!$G$20=$B$24,21,0),MOD($C5022,24)+1)/SUM(INDEX($D$3:$AA$30,INDEX(Jesper!$R$2:$R$366,ROW(INDEX(Jesper!AJ$2:AJ$366,ROUNDDOWN($C5022/24,0)+1,1))-1)+IF('Standard Profiles'!$G$20=$B$10,7,0)+IF('Standard Profiles'!$G$20=$B$17,14,0)+IF('Standard Profiles'!$G$20=$B$24,21,0),0)),0)</f>
        <v>0</v>
      </c>
      <c r="G5022" cm="1">
        <f t="array" ref="G5022">IFERROR(INDEX(Jesper!AK$2:AK$366,ROUNDDOWN($C5022/24,0)+1,1)*INDEX($D$3:$AA$30,INDEX(Jesper!$R$2:$R$366,ROW(INDEX(Jesper!AK$2:AK$366,ROUNDDOWN($C5022/24,0)+1,1))-1)+IF('Standard Profiles'!$G$21=$B$10,7,0)+IF('Standard Profiles'!$G$21=$B$17,14,0)+IF('Standard Profiles'!$G$21=$B$24,21,0),MOD($C5022,24)+1)/SUM(INDEX($D$3:$AA$30,INDEX(Jesper!$R$2:$R$366,ROW(INDEX(Jesper!AK$2:AK$366,ROUNDDOWN($C5022/24,0)+1,1))-1)+IF('Standard Profiles'!$G$21=$B$10,7,0)+IF('Standard Profiles'!$G$21=$B$17,14,0)+IF('Standard Profiles'!$G$21=$B$24,21,0),0)),0)</f>
        <v>0.419164750660043</v>
      </c>
      <c r="H5022" cm="1">
        <f t="array" ref="H5022">IFERROR(INDEX(Jesper!AL$2:AL$366,ROUNDDOWN($C5022/24,0)+1,1)*INDEX($D$3:$AA$30,INDEX(Jesper!$R$2:$R$366,ROW(INDEX(Jesper!AL$2:AL$366,ROUNDDOWN($C5022/24,0)+1,1))-1)+IF('Standard Profiles'!$G$22=$B$10,7,0)+IF('Standard Profiles'!$G$22=$B$17,14,0)+IF('Standard Profiles'!$G$22=$B$24,21,0),MOD($C5022,24)+1)/SUM(INDEX($D$3:$AA$30,INDEX(Jesper!$R$2:$R$366,ROW(INDEX(Jesper!AL$2:AL$366,ROUNDDOWN($C5022/24,0)+1,1))-1)+IF('Standard Profiles'!$G$22=$B$10,7,0)+IF('Standard Profiles'!$G$22=$B$17,14,0)+IF('Standard Profiles'!$G$22=$B$24,21,0),0)),0)</f>
        <v>0</v>
      </c>
      <c r="I5022">
        <f t="shared" si="559"/>
        <v>0.20119908031682054</v>
      </c>
      <c r="J5022">
        <f t="shared" si="560"/>
        <v>7.183892494271074</v>
      </c>
      <c r="K5022">
        <f t="shared" si="561"/>
        <v>0.57842842109559967</v>
      </c>
      <c r="L5022">
        <f t="shared" si="562"/>
        <v>0.28921421054779983</v>
      </c>
      <c r="M5022">
        <f t="shared" si="563"/>
        <v>0</v>
      </c>
      <c r="N5022" s="45">
        <f t="shared" si="564"/>
        <v>45134.833333321236</v>
      </c>
    </row>
    <row r="5023" spans="2:14" x14ac:dyDescent="0.25">
      <c r="B5023">
        <f t="shared" si="558"/>
        <v>4</v>
      </c>
      <c r="C5023" s="16">
        <v>4989</v>
      </c>
      <c r="D5023" cm="1">
        <f t="array" ref="D5023">IFERROR(INDEX(Jesper!AH$2:AH$366,ROUNDDOWN($C5023/24,0)+1,1)*INDEX($D$3:$AA$30,INDEX(Jesper!$R$2:$R$366,ROW(INDEX(Jesper!AH$2:AH$366,ROUNDDOWN($C5023/24,0)+1,1))-1)+IF('Standard Profiles'!$G$18=$B$10,7,0)+IF('Standard Profiles'!$G$18=$B$17,14,0)+IF('Standard Profiles'!$G$18=$B$24,21,0),MOD($C5023,24)+1)/SUM(INDEX($D$3:$AA$30,INDEX(Jesper!$R$2:$R$366,ROW(INDEX(Jesper!AH$2:AH$366,ROUNDDOWN($C5023/24,0)+1,1))-1)+IF('Standard Profiles'!$G$18=$B$10,7,0)+IF('Standard Profiles'!$G$18=$B$17,14,0)+IF('Standard Profiles'!$G$18=$B$24,21,0),0)),0)</f>
        <v>5.4227664477712461</v>
      </c>
      <c r="E5023" cm="1">
        <f t="array" ref="E5023">IFERROR(INDEX(Jesper!AI$2:AI$366,ROUNDDOWN($C5023/24,0)+1,1)*INDEX($D$3:$AA$30,INDEX(Jesper!$R$2:$R$366,ROW(INDEX(Jesper!AI$2:AI$366,ROUNDDOWN($C5023/24,0)+1,1))-1)+IF('Standard Profiles'!$G$19=$B$10,7,0)+IF('Standard Profiles'!$G$19=$B$17,14,0)+IF('Standard Profiles'!$G$19=$B$24,21,0),MOD($C5023,24)+1)/SUM(INDEX($D$3:$AA$30,INDEX(Jesper!$R$2:$R$366,ROW(INDEX(Jesper!AI$2:AI$366,ROUNDDOWN($C5023/24,0)+1,1))-1)+IF('Standard Profiles'!$G$19=$B$10,7,0)+IF('Standard Profiles'!$G$19=$B$17,14,0)+IF('Standard Profiles'!$G$19=$B$24,21,0),0)),0)</f>
        <v>2.4108030078000056</v>
      </c>
      <c r="F5023" cm="1">
        <f t="array" ref="F5023">IFERROR(INDEX(Jesper!AJ$2:AJ$366,ROUNDDOWN($C5023/24,0)+1,1)*INDEX($D$3:$AA$30,INDEX(Jesper!$R$2:$R$366,ROW(INDEX(Jesper!AJ$2:AJ$366,ROUNDDOWN($C5023/24,0)+1,1))-1)+IF('Standard Profiles'!$G$20=$B$10,7,0)+IF('Standard Profiles'!$G$20=$B$17,14,0)+IF('Standard Profiles'!$G$20=$B$24,21,0),MOD($C5023,24)+1)/SUM(INDEX($D$3:$AA$30,INDEX(Jesper!$R$2:$R$366,ROW(INDEX(Jesper!AJ$2:AJ$366,ROUNDDOWN($C5023/24,0)+1,1))-1)+IF('Standard Profiles'!$G$20=$B$10,7,0)+IF('Standard Profiles'!$G$20=$B$17,14,0)+IF('Standard Profiles'!$G$20=$B$24,21,0),0)),0)</f>
        <v>0</v>
      </c>
      <c r="G5023" cm="1">
        <f t="array" ref="G5023">IFERROR(INDEX(Jesper!AK$2:AK$366,ROUNDDOWN($C5023/24,0)+1,1)*INDEX($D$3:$AA$30,INDEX(Jesper!$R$2:$R$366,ROW(INDEX(Jesper!AK$2:AK$366,ROUNDDOWN($C5023/24,0)+1,1))-1)+IF('Standard Profiles'!$G$21=$B$10,7,0)+IF('Standard Profiles'!$G$21=$B$17,14,0)+IF('Standard Profiles'!$G$21=$B$24,21,0),MOD($C5023,24)+1)/SUM(INDEX($D$3:$AA$30,INDEX(Jesper!$R$2:$R$366,ROW(INDEX(Jesper!AK$2:AK$366,ROUNDDOWN($C5023/24,0)+1,1))-1)+IF('Standard Profiles'!$G$21=$B$10,7,0)+IF('Standard Profiles'!$G$21=$B$17,14,0)+IF('Standard Profiles'!$G$21=$B$24,21,0),0)),0)</f>
        <v>0.419164750660043</v>
      </c>
      <c r="H5023" cm="1">
        <f t="array" ref="H5023">IFERROR(INDEX(Jesper!AL$2:AL$366,ROUNDDOWN($C5023/24,0)+1,1)*INDEX($D$3:$AA$30,INDEX(Jesper!$R$2:$R$366,ROW(INDEX(Jesper!AL$2:AL$366,ROUNDDOWN($C5023/24,0)+1,1))-1)+IF('Standard Profiles'!$G$22=$B$10,7,0)+IF('Standard Profiles'!$G$22=$B$17,14,0)+IF('Standard Profiles'!$G$22=$B$24,21,0),MOD($C5023,24)+1)/SUM(INDEX($D$3:$AA$30,INDEX(Jesper!$R$2:$R$366,ROW(INDEX(Jesper!AL$2:AL$366,ROUNDDOWN($C5023/24,0)+1,1))-1)+IF('Standard Profiles'!$G$22=$B$10,7,0)+IF('Standard Profiles'!$G$22=$B$17,14,0)+IF('Standard Profiles'!$G$22=$B$24,21,0),0)),0)</f>
        <v>0</v>
      </c>
      <c r="I5023">
        <f t="shared" si="559"/>
        <v>0.20119908031682054</v>
      </c>
      <c r="J5023">
        <f t="shared" si="560"/>
        <v>7.183892494271074</v>
      </c>
      <c r="K5023">
        <f t="shared" si="561"/>
        <v>0.57842842109559967</v>
      </c>
      <c r="L5023">
        <f t="shared" si="562"/>
        <v>0.28921421054779983</v>
      </c>
      <c r="M5023">
        <f t="shared" si="563"/>
        <v>0</v>
      </c>
      <c r="N5023" s="45">
        <f t="shared" si="564"/>
        <v>45134.8749999879</v>
      </c>
    </row>
    <row r="5024" spans="2:14" x14ac:dyDescent="0.25">
      <c r="B5024">
        <f t="shared" si="558"/>
        <v>4</v>
      </c>
      <c r="C5024" s="16">
        <v>4990</v>
      </c>
      <c r="D5024" cm="1">
        <f t="array" ref="D5024">IFERROR(INDEX(Jesper!AH$2:AH$366,ROUNDDOWN($C5024/24,0)+1,1)*INDEX($D$3:$AA$30,INDEX(Jesper!$R$2:$R$366,ROW(INDEX(Jesper!AH$2:AH$366,ROUNDDOWN($C5024/24,0)+1,1))-1)+IF('Standard Profiles'!$G$18=$B$10,7,0)+IF('Standard Profiles'!$G$18=$B$17,14,0)+IF('Standard Profiles'!$G$18=$B$24,21,0),MOD($C5024,24)+1)/SUM(INDEX($D$3:$AA$30,INDEX(Jesper!$R$2:$R$366,ROW(INDEX(Jesper!AH$2:AH$366,ROUNDDOWN($C5024/24,0)+1,1))-1)+IF('Standard Profiles'!$G$18=$B$10,7,0)+IF('Standard Profiles'!$G$18=$B$17,14,0)+IF('Standard Profiles'!$G$18=$B$24,21,0),0)),0)</f>
        <v>5.4227664477712461</v>
      </c>
      <c r="E5024" cm="1">
        <f t="array" ref="E5024">IFERROR(INDEX(Jesper!AI$2:AI$366,ROUNDDOWN($C5024/24,0)+1,1)*INDEX($D$3:$AA$30,INDEX(Jesper!$R$2:$R$366,ROW(INDEX(Jesper!AI$2:AI$366,ROUNDDOWN($C5024/24,0)+1,1))-1)+IF('Standard Profiles'!$G$19=$B$10,7,0)+IF('Standard Profiles'!$G$19=$B$17,14,0)+IF('Standard Profiles'!$G$19=$B$24,21,0),MOD($C5024,24)+1)/SUM(INDEX($D$3:$AA$30,INDEX(Jesper!$R$2:$R$366,ROW(INDEX(Jesper!AI$2:AI$366,ROUNDDOWN($C5024/24,0)+1,1))-1)+IF('Standard Profiles'!$G$19=$B$10,7,0)+IF('Standard Profiles'!$G$19=$B$17,14,0)+IF('Standard Profiles'!$G$19=$B$24,21,0),0)),0)</f>
        <v>2.4108030078000056</v>
      </c>
      <c r="F5024" cm="1">
        <f t="array" ref="F5024">IFERROR(INDEX(Jesper!AJ$2:AJ$366,ROUNDDOWN($C5024/24,0)+1,1)*INDEX($D$3:$AA$30,INDEX(Jesper!$R$2:$R$366,ROW(INDEX(Jesper!AJ$2:AJ$366,ROUNDDOWN($C5024/24,0)+1,1))-1)+IF('Standard Profiles'!$G$20=$B$10,7,0)+IF('Standard Profiles'!$G$20=$B$17,14,0)+IF('Standard Profiles'!$G$20=$B$24,21,0),MOD($C5024,24)+1)/SUM(INDEX($D$3:$AA$30,INDEX(Jesper!$R$2:$R$366,ROW(INDEX(Jesper!AJ$2:AJ$366,ROUNDDOWN($C5024/24,0)+1,1))-1)+IF('Standard Profiles'!$G$20=$B$10,7,0)+IF('Standard Profiles'!$G$20=$B$17,14,0)+IF('Standard Profiles'!$G$20=$B$24,21,0),0)),0)</f>
        <v>0</v>
      </c>
      <c r="G5024" cm="1">
        <f t="array" ref="G5024">IFERROR(INDEX(Jesper!AK$2:AK$366,ROUNDDOWN($C5024/24,0)+1,1)*INDEX($D$3:$AA$30,INDEX(Jesper!$R$2:$R$366,ROW(INDEX(Jesper!AK$2:AK$366,ROUNDDOWN($C5024/24,0)+1,1))-1)+IF('Standard Profiles'!$G$21=$B$10,7,0)+IF('Standard Profiles'!$G$21=$B$17,14,0)+IF('Standard Profiles'!$G$21=$B$24,21,0),MOD($C5024,24)+1)/SUM(INDEX($D$3:$AA$30,INDEX(Jesper!$R$2:$R$366,ROW(INDEX(Jesper!AK$2:AK$366,ROUNDDOWN($C5024/24,0)+1,1))-1)+IF('Standard Profiles'!$G$21=$B$10,7,0)+IF('Standard Profiles'!$G$21=$B$17,14,0)+IF('Standard Profiles'!$G$21=$B$24,21,0),0)),0)</f>
        <v>0.419164750660043</v>
      </c>
      <c r="H5024" cm="1">
        <f t="array" ref="H5024">IFERROR(INDEX(Jesper!AL$2:AL$366,ROUNDDOWN($C5024/24,0)+1,1)*INDEX($D$3:$AA$30,INDEX(Jesper!$R$2:$R$366,ROW(INDEX(Jesper!AL$2:AL$366,ROUNDDOWN($C5024/24,0)+1,1))-1)+IF('Standard Profiles'!$G$22=$B$10,7,0)+IF('Standard Profiles'!$G$22=$B$17,14,0)+IF('Standard Profiles'!$G$22=$B$24,21,0),MOD($C5024,24)+1)/SUM(INDEX($D$3:$AA$30,INDEX(Jesper!$R$2:$R$366,ROW(INDEX(Jesper!AL$2:AL$366,ROUNDDOWN($C5024/24,0)+1,1))-1)+IF('Standard Profiles'!$G$22=$B$10,7,0)+IF('Standard Profiles'!$G$22=$B$17,14,0)+IF('Standard Profiles'!$G$22=$B$24,21,0),0)),0)</f>
        <v>0</v>
      </c>
      <c r="I5024">
        <f t="shared" si="559"/>
        <v>0.20119908031682054</v>
      </c>
      <c r="J5024">
        <f t="shared" si="560"/>
        <v>7.183892494271074</v>
      </c>
      <c r="K5024">
        <f t="shared" si="561"/>
        <v>0.57842842109559967</v>
      </c>
      <c r="L5024">
        <f t="shared" si="562"/>
        <v>0.28921421054779983</v>
      </c>
      <c r="M5024">
        <f t="shared" si="563"/>
        <v>0</v>
      </c>
      <c r="N5024" s="45">
        <f t="shared" si="564"/>
        <v>45134.916666654564</v>
      </c>
    </row>
    <row r="5025" spans="2:14" x14ac:dyDescent="0.25">
      <c r="B5025">
        <f t="shared" si="558"/>
        <v>4</v>
      </c>
      <c r="C5025" s="16">
        <v>4991</v>
      </c>
      <c r="D5025" cm="1">
        <f t="array" ref="D5025">IFERROR(INDEX(Jesper!AH$2:AH$366,ROUNDDOWN($C5025/24,0)+1,1)*INDEX($D$3:$AA$30,INDEX(Jesper!$R$2:$R$366,ROW(INDEX(Jesper!AH$2:AH$366,ROUNDDOWN($C5025/24,0)+1,1))-1)+IF('Standard Profiles'!$G$18=$B$10,7,0)+IF('Standard Profiles'!$G$18=$B$17,14,0)+IF('Standard Profiles'!$G$18=$B$24,21,0),MOD($C5025,24)+1)/SUM(INDEX($D$3:$AA$30,INDEX(Jesper!$R$2:$R$366,ROW(INDEX(Jesper!AH$2:AH$366,ROUNDDOWN($C5025/24,0)+1,1))-1)+IF('Standard Profiles'!$G$18=$B$10,7,0)+IF('Standard Profiles'!$G$18=$B$17,14,0)+IF('Standard Profiles'!$G$18=$B$24,21,0),0)),0)</f>
        <v>5.4227664477712461</v>
      </c>
      <c r="E5025" cm="1">
        <f t="array" ref="E5025">IFERROR(INDEX(Jesper!AI$2:AI$366,ROUNDDOWN($C5025/24,0)+1,1)*INDEX($D$3:$AA$30,INDEX(Jesper!$R$2:$R$366,ROW(INDEX(Jesper!AI$2:AI$366,ROUNDDOWN($C5025/24,0)+1,1))-1)+IF('Standard Profiles'!$G$19=$B$10,7,0)+IF('Standard Profiles'!$G$19=$B$17,14,0)+IF('Standard Profiles'!$G$19=$B$24,21,0),MOD($C5025,24)+1)/SUM(INDEX($D$3:$AA$30,INDEX(Jesper!$R$2:$R$366,ROW(INDEX(Jesper!AI$2:AI$366,ROUNDDOWN($C5025/24,0)+1,1))-1)+IF('Standard Profiles'!$G$19=$B$10,7,0)+IF('Standard Profiles'!$G$19=$B$17,14,0)+IF('Standard Profiles'!$G$19=$B$24,21,0),0)),0)</f>
        <v>2.4108030078000056</v>
      </c>
      <c r="F5025" cm="1">
        <f t="array" ref="F5025">IFERROR(INDEX(Jesper!AJ$2:AJ$366,ROUNDDOWN($C5025/24,0)+1,1)*INDEX($D$3:$AA$30,INDEX(Jesper!$R$2:$R$366,ROW(INDEX(Jesper!AJ$2:AJ$366,ROUNDDOWN($C5025/24,0)+1,1))-1)+IF('Standard Profiles'!$G$20=$B$10,7,0)+IF('Standard Profiles'!$G$20=$B$17,14,0)+IF('Standard Profiles'!$G$20=$B$24,21,0),MOD($C5025,24)+1)/SUM(INDEX($D$3:$AA$30,INDEX(Jesper!$R$2:$R$366,ROW(INDEX(Jesper!AJ$2:AJ$366,ROUNDDOWN($C5025/24,0)+1,1))-1)+IF('Standard Profiles'!$G$20=$B$10,7,0)+IF('Standard Profiles'!$G$20=$B$17,14,0)+IF('Standard Profiles'!$G$20=$B$24,21,0),0)),0)</f>
        <v>0</v>
      </c>
      <c r="G5025" cm="1">
        <f t="array" ref="G5025">IFERROR(INDEX(Jesper!AK$2:AK$366,ROUNDDOWN($C5025/24,0)+1,1)*INDEX($D$3:$AA$30,INDEX(Jesper!$R$2:$R$366,ROW(INDEX(Jesper!AK$2:AK$366,ROUNDDOWN($C5025/24,0)+1,1))-1)+IF('Standard Profiles'!$G$21=$B$10,7,0)+IF('Standard Profiles'!$G$21=$B$17,14,0)+IF('Standard Profiles'!$G$21=$B$24,21,0),MOD($C5025,24)+1)/SUM(INDEX($D$3:$AA$30,INDEX(Jesper!$R$2:$R$366,ROW(INDEX(Jesper!AK$2:AK$366,ROUNDDOWN($C5025/24,0)+1,1))-1)+IF('Standard Profiles'!$G$21=$B$10,7,0)+IF('Standard Profiles'!$G$21=$B$17,14,0)+IF('Standard Profiles'!$G$21=$B$24,21,0),0)),0)</f>
        <v>0.419164750660043</v>
      </c>
      <c r="H5025" cm="1">
        <f t="array" ref="H5025">IFERROR(INDEX(Jesper!AL$2:AL$366,ROUNDDOWN($C5025/24,0)+1,1)*INDEX($D$3:$AA$30,INDEX(Jesper!$R$2:$R$366,ROW(INDEX(Jesper!AL$2:AL$366,ROUNDDOWN($C5025/24,0)+1,1))-1)+IF('Standard Profiles'!$G$22=$B$10,7,0)+IF('Standard Profiles'!$G$22=$B$17,14,0)+IF('Standard Profiles'!$G$22=$B$24,21,0),MOD($C5025,24)+1)/SUM(INDEX($D$3:$AA$30,INDEX(Jesper!$R$2:$R$366,ROW(INDEX(Jesper!AL$2:AL$366,ROUNDDOWN($C5025/24,0)+1,1))-1)+IF('Standard Profiles'!$G$22=$B$10,7,0)+IF('Standard Profiles'!$G$22=$B$17,14,0)+IF('Standard Profiles'!$G$22=$B$24,21,0),0)),0)</f>
        <v>0</v>
      </c>
      <c r="I5025">
        <f t="shared" si="559"/>
        <v>0.20119908031682054</v>
      </c>
      <c r="J5025">
        <f t="shared" si="560"/>
        <v>7.183892494271074</v>
      </c>
      <c r="K5025">
        <f t="shared" si="561"/>
        <v>0.57842842109559967</v>
      </c>
      <c r="L5025">
        <f t="shared" si="562"/>
        <v>0.28921421054779983</v>
      </c>
      <c r="M5025">
        <f t="shared" si="563"/>
        <v>0</v>
      </c>
      <c r="N5025" s="45">
        <f t="shared" si="564"/>
        <v>45134.958333321229</v>
      </c>
    </row>
    <row r="5026" spans="2:14" x14ac:dyDescent="0.25">
      <c r="B5026">
        <f t="shared" si="558"/>
        <v>5</v>
      </c>
      <c r="C5026" s="16">
        <v>4992</v>
      </c>
      <c r="D5026" cm="1">
        <f t="array" ref="D5026">IFERROR(INDEX(Jesper!AH$2:AH$366,ROUNDDOWN($C5026/24,0)+1,1)*INDEX($D$3:$AA$30,INDEX(Jesper!$R$2:$R$366,ROW(INDEX(Jesper!AH$2:AH$366,ROUNDDOWN($C5026/24,0)+1,1))-1)+IF('Standard Profiles'!$G$18=$B$10,7,0)+IF('Standard Profiles'!$G$18=$B$17,14,0)+IF('Standard Profiles'!$G$18=$B$24,21,0),MOD($C5026,24)+1)/SUM(INDEX($D$3:$AA$30,INDEX(Jesper!$R$2:$R$366,ROW(INDEX(Jesper!AH$2:AH$366,ROUNDDOWN($C5026/24,0)+1,1))-1)+IF('Standard Profiles'!$G$18=$B$10,7,0)+IF('Standard Profiles'!$G$18=$B$17,14,0)+IF('Standard Profiles'!$G$18=$B$24,21,0),0)),0)</f>
        <v>8.0067981410752118</v>
      </c>
      <c r="E5026" cm="1">
        <f t="array" ref="E5026">IFERROR(INDEX(Jesper!AI$2:AI$366,ROUNDDOWN($C5026/24,0)+1,1)*INDEX($D$3:$AA$30,INDEX(Jesper!$R$2:$R$366,ROW(INDEX(Jesper!AI$2:AI$366,ROUNDDOWN($C5026/24,0)+1,1))-1)+IF('Standard Profiles'!$G$19=$B$10,7,0)+IF('Standard Profiles'!$G$19=$B$17,14,0)+IF('Standard Profiles'!$G$19=$B$24,21,0),MOD($C5026,24)+1)/SUM(INDEX($D$3:$AA$30,INDEX(Jesper!$R$2:$R$366,ROW(INDEX(Jesper!AI$2:AI$366,ROUNDDOWN($C5026/24,0)+1,1))-1)+IF('Standard Profiles'!$G$19=$B$10,7,0)+IF('Standard Profiles'!$G$19=$B$17,14,0)+IF('Standard Profiles'!$G$19=$B$24,21,0),0)),0)</f>
        <v>3.1571788276368795</v>
      </c>
      <c r="F5026" cm="1">
        <f t="array" ref="F5026">IFERROR(INDEX(Jesper!AJ$2:AJ$366,ROUNDDOWN($C5026/24,0)+1,1)*INDEX($D$3:$AA$30,INDEX(Jesper!$R$2:$R$366,ROW(INDEX(Jesper!AJ$2:AJ$366,ROUNDDOWN($C5026/24,0)+1,1))-1)+IF('Standard Profiles'!$G$20=$B$10,7,0)+IF('Standard Profiles'!$G$20=$B$17,14,0)+IF('Standard Profiles'!$G$20=$B$24,21,0),MOD($C5026,24)+1)/SUM(INDEX($D$3:$AA$30,INDEX(Jesper!$R$2:$R$366,ROW(INDEX(Jesper!AJ$2:AJ$366,ROUNDDOWN($C5026/24,0)+1,1))-1)+IF('Standard Profiles'!$G$20=$B$10,7,0)+IF('Standard Profiles'!$G$20=$B$17,14,0)+IF('Standard Profiles'!$G$20=$B$24,21,0),0)),0)</f>
        <v>0</v>
      </c>
      <c r="G5026" cm="1">
        <f t="array" ref="G5026">IFERROR(INDEX(Jesper!AK$2:AK$366,ROUNDDOWN($C5026/24,0)+1,1)*INDEX($D$3:$AA$30,INDEX(Jesper!$R$2:$R$366,ROW(INDEX(Jesper!AK$2:AK$366,ROUNDDOWN($C5026/24,0)+1,1))-1)+IF('Standard Profiles'!$G$21=$B$10,7,0)+IF('Standard Profiles'!$G$21=$B$17,14,0)+IF('Standard Profiles'!$G$21=$B$24,21,0),MOD($C5026,24)+1)/SUM(INDEX($D$3:$AA$30,INDEX(Jesper!$R$2:$R$366,ROW(INDEX(Jesper!AK$2:AK$366,ROUNDDOWN($C5026/24,0)+1,1))-1)+IF('Standard Profiles'!$G$21=$B$10,7,0)+IF('Standard Profiles'!$G$21=$B$17,14,0)+IF('Standard Profiles'!$G$21=$B$24,21,0),0)),0)</f>
        <v>0</v>
      </c>
      <c r="H5026" cm="1">
        <f t="array" ref="H5026">IFERROR(INDEX(Jesper!AL$2:AL$366,ROUNDDOWN($C5026/24,0)+1,1)*INDEX($D$3:$AA$30,INDEX(Jesper!$R$2:$R$366,ROW(INDEX(Jesper!AL$2:AL$366,ROUNDDOWN($C5026/24,0)+1,1))-1)+IF('Standard Profiles'!$G$22=$B$10,7,0)+IF('Standard Profiles'!$G$22=$B$17,14,0)+IF('Standard Profiles'!$G$22=$B$24,21,0),MOD($C5026,24)+1)/SUM(INDEX($D$3:$AA$30,INDEX(Jesper!$R$2:$R$366,ROW(INDEX(Jesper!AL$2:AL$366,ROUNDDOWN($C5026/24,0)+1,1))-1)+IF('Standard Profiles'!$G$22=$B$10,7,0)+IF('Standard Profiles'!$G$22=$B$17,14,0)+IF('Standard Profiles'!$G$22=$B$24,21,0),0)),0)</f>
        <v>0</v>
      </c>
      <c r="I5026">
        <f t="shared" si="559"/>
        <v>0</v>
      </c>
      <c r="J5026">
        <f t="shared" si="560"/>
        <v>9.882889266140058</v>
      </c>
      <c r="K5026">
        <f t="shared" si="561"/>
        <v>0.85405846838135602</v>
      </c>
      <c r="L5026">
        <f t="shared" si="562"/>
        <v>0.42702923419067801</v>
      </c>
      <c r="M5026">
        <f t="shared" si="563"/>
        <v>0</v>
      </c>
      <c r="N5026" s="45">
        <f t="shared" si="564"/>
        <v>45134.999999987893</v>
      </c>
    </row>
    <row r="5027" spans="2:14" x14ac:dyDescent="0.25">
      <c r="B5027">
        <f t="shared" ref="B5027:B5090" si="565">WEEKDAY(N5027,2)</f>
        <v>5</v>
      </c>
      <c r="C5027" s="16">
        <v>4993</v>
      </c>
      <c r="D5027" cm="1">
        <f t="array" ref="D5027">IFERROR(INDEX(Jesper!AH$2:AH$366,ROUNDDOWN($C5027/24,0)+1,1)*INDEX($D$3:$AA$30,INDEX(Jesper!$R$2:$R$366,ROW(INDEX(Jesper!AH$2:AH$366,ROUNDDOWN($C5027/24,0)+1,1))-1)+IF('Standard Profiles'!$G$18=$B$10,7,0)+IF('Standard Profiles'!$G$18=$B$17,14,0)+IF('Standard Profiles'!$G$18=$B$24,21,0),MOD($C5027,24)+1)/SUM(INDEX($D$3:$AA$30,INDEX(Jesper!$R$2:$R$366,ROW(INDEX(Jesper!AH$2:AH$366,ROUNDDOWN($C5027/24,0)+1,1))-1)+IF('Standard Profiles'!$G$18=$B$10,7,0)+IF('Standard Profiles'!$G$18=$B$17,14,0)+IF('Standard Profiles'!$G$18=$B$24,21,0),0)),0)</f>
        <v>4.8526049339849768</v>
      </c>
      <c r="E5027" cm="1">
        <f t="array" ref="E5027">IFERROR(INDEX(Jesper!AI$2:AI$366,ROUNDDOWN($C5027/24,0)+1,1)*INDEX($D$3:$AA$30,INDEX(Jesper!$R$2:$R$366,ROW(INDEX(Jesper!AI$2:AI$366,ROUNDDOWN($C5027/24,0)+1,1))-1)+IF('Standard Profiles'!$G$19=$B$10,7,0)+IF('Standard Profiles'!$G$19=$B$17,14,0)+IF('Standard Profiles'!$G$19=$B$24,21,0),MOD($C5027,24)+1)/SUM(INDEX($D$3:$AA$30,INDEX(Jesper!$R$2:$R$366,ROW(INDEX(Jesper!AI$2:AI$366,ROUNDDOWN($C5027/24,0)+1,1))-1)+IF('Standard Profiles'!$G$19=$B$10,7,0)+IF('Standard Profiles'!$G$19=$B$17,14,0)+IF('Standard Profiles'!$G$19=$B$24,21,0),0)),0)</f>
        <v>1.9134417137193209</v>
      </c>
      <c r="F5027" cm="1">
        <f t="array" ref="F5027">IFERROR(INDEX(Jesper!AJ$2:AJ$366,ROUNDDOWN($C5027/24,0)+1,1)*INDEX($D$3:$AA$30,INDEX(Jesper!$R$2:$R$366,ROW(INDEX(Jesper!AJ$2:AJ$366,ROUNDDOWN($C5027/24,0)+1,1))-1)+IF('Standard Profiles'!$G$20=$B$10,7,0)+IF('Standard Profiles'!$G$20=$B$17,14,0)+IF('Standard Profiles'!$G$20=$B$24,21,0),MOD($C5027,24)+1)/SUM(INDEX($D$3:$AA$30,INDEX(Jesper!$R$2:$R$366,ROW(INDEX(Jesper!AJ$2:AJ$366,ROUNDDOWN($C5027/24,0)+1,1))-1)+IF('Standard Profiles'!$G$20=$B$10,7,0)+IF('Standard Profiles'!$G$20=$B$17,14,0)+IF('Standard Profiles'!$G$20=$B$24,21,0),0)),0)</f>
        <v>0</v>
      </c>
      <c r="G5027" cm="1">
        <f t="array" ref="G5027">IFERROR(INDEX(Jesper!AK$2:AK$366,ROUNDDOWN($C5027/24,0)+1,1)*INDEX($D$3:$AA$30,INDEX(Jesper!$R$2:$R$366,ROW(INDEX(Jesper!AK$2:AK$366,ROUNDDOWN($C5027/24,0)+1,1))-1)+IF('Standard Profiles'!$G$21=$B$10,7,0)+IF('Standard Profiles'!$G$21=$B$17,14,0)+IF('Standard Profiles'!$G$21=$B$24,21,0),MOD($C5027,24)+1)/SUM(INDEX($D$3:$AA$30,INDEX(Jesper!$R$2:$R$366,ROW(INDEX(Jesper!AK$2:AK$366,ROUNDDOWN($C5027/24,0)+1,1))-1)+IF('Standard Profiles'!$G$21=$B$10,7,0)+IF('Standard Profiles'!$G$21=$B$17,14,0)+IF('Standard Profiles'!$G$21=$B$24,21,0),0)),0)</f>
        <v>0</v>
      </c>
      <c r="H5027" cm="1">
        <f t="array" ref="H5027">IFERROR(INDEX(Jesper!AL$2:AL$366,ROUNDDOWN($C5027/24,0)+1,1)*INDEX($D$3:$AA$30,INDEX(Jesper!$R$2:$R$366,ROW(INDEX(Jesper!AL$2:AL$366,ROUNDDOWN($C5027/24,0)+1,1))-1)+IF('Standard Profiles'!$G$22=$B$10,7,0)+IF('Standard Profiles'!$G$22=$B$17,14,0)+IF('Standard Profiles'!$G$22=$B$24,21,0),MOD($C5027,24)+1)/SUM(INDEX($D$3:$AA$30,INDEX(Jesper!$R$2:$R$366,ROW(INDEX(Jesper!AL$2:AL$366,ROUNDDOWN($C5027/24,0)+1,1))-1)+IF('Standard Profiles'!$G$22=$B$10,7,0)+IF('Standard Profiles'!$G$22=$B$17,14,0)+IF('Standard Profiles'!$G$22=$B$24,21,0),0)),0)</f>
        <v>0</v>
      </c>
      <c r="I5027">
        <f t="shared" ref="I5027:I5090" si="566">IF($B5027&lt;6,AC$37*$D5027+AC$38*$E5027+AC$39*$F5027+AC$40*$G5027,AC$46*$D5027+AC$47*$E5027+AC$48*$F5027+AC$49*$G5027+AC$50*$H5027)</f>
        <v>0</v>
      </c>
      <c r="J5027">
        <f t="shared" ref="J5027:J5090" si="567">IF($B5027&lt;6,AD$37*$D5027+AD$38*$E5027+AD$39*$F5027+AD$40*$G5027,AD$46*$D5027+AD$47*$E5027+AD$48*$F5027+AD$49*$G5027+AD$50*$H5027)</f>
        <v>5.9896298582667011</v>
      </c>
      <c r="K5027">
        <f t="shared" ref="K5027:K5090" si="568">IF($B5027&lt;6,AE$37*$D5027+AE$38*$E5027+AE$39*$F5027+AE$40*$G5027,AE$46*$D5027+AE$47*$E5027+AE$48*$F5027+AE$49*$G5027+AE$50*$H5027)</f>
        <v>0.51761119295839753</v>
      </c>
      <c r="L5027">
        <f t="shared" ref="L5027:L5090" si="569">IF($B5027&lt;6,AF$37*$D5027+AF$38*$E5027+AF$39*$F5027+AF$40*$G5027,AF$46*$D5027+AF$47*$E5027+AF$48*$F5027+AF$49*$G5027+AF$50*$H5027)</f>
        <v>0.25880559647919876</v>
      </c>
      <c r="M5027">
        <f t="shared" ref="M5027:M5090" si="570">IF($B5027&lt;6,AG$37*$D5027+AG$38*$E5027+AG$39*$F5027+AG$40*$G5027,AG$46*$D5027+AG$47*$E5027+AG$48*$F5027+AG$49*$G5027+AG$50*$H5027)</f>
        <v>0</v>
      </c>
      <c r="N5027" s="45">
        <f t="shared" si="564"/>
        <v>45135.041666654557</v>
      </c>
    </row>
    <row r="5028" spans="2:14" x14ac:dyDescent="0.25">
      <c r="B5028">
        <f t="shared" si="565"/>
        <v>5</v>
      </c>
      <c r="C5028" s="16">
        <v>4994</v>
      </c>
      <c r="D5028" cm="1">
        <f t="array" ref="D5028">IFERROR(INDEX(Jesper!AH$2:AH$366,ROUNDDOWN($C5028/24,0)+1,1)*INDEX($D$3:$AA$30,INDEX(Jesper!$R$2:$R$366,ROW(INDEX(Jesper!AH$2:AH$366,ROUNDDOWN($C5028/24,0)+1,1))-1)+IF('Standard Profiles'!$G$18=$B$10,7,0)+IF('Standard Profiles'!$G$18=$B$17,14,0)+IF('Standard Profiles'!$G$18=$B$24,21,0),MOD($C5028,24)+1)/SUM(INDEX($D$3:$AA$30,INDEX(Jesper!$R$2:$R$366,ROW(INDEX(Jesper!AH$2:AH$366,ROUNDDOWN($C5028/24,0)+1,1))-1)+IF('Standard Profiles'!$G$18=$B$10,7,0)+IF('Standard Profiles'!$G$18=$B$17,14,0)+IF('Standard Profiles'!$G$18=$B$24,21,0),0)),0)</f>
        <v>4.8526049339849768</v>
      </c>
      <c r="E5028" cm="1">
        <f t="array" ref="E5028">IFERROR(INDEX(Jesper!AI$2:AI$366,ROUNDDOWN($C5028/24,0)+1,1)*INDEX($D$3:$AA$30,INDEX(Jesper!$R$2:$R$366,ROW(INDEX(Jesper!AI$2:AI$366,ROUNDDOWN($C5028/24,0)+1,1))-1)+IF('Standard Profiles'!$G$19=$B$10,7,0)+IF('Standard Profiles'!$G$19=$B$17,14,0)+IF('Standard Profiles'!$G$19=$B$24,21,0),MOD($C5028,24)+1)/SUM(INDEX($D$3:$AA$30,INDEX(Jesper!$R$2:$R$366,ROW(INDEX(Jesper!AI$2:AI$366,ROUNDDOWN($C5028/24,0)+1,1))-1)+IF('Standard Profiles'!$G$19=$B$10,7,0)+IF('Standard Profiles'!$G$19=$B$17,14,0)+IF('Standard Profiles'!$G$19=$B$24,21,0),0)),0)</f>
        <v>1.9134417137193209</v>
      </c>
      <c r="F5028" cm="1">
        <f t="array" ref="F5028">IFERROR(INDEX(Jesper!AJ$2:AJ$366,ROUNDDOWN($C5028/24,0)+1,1)*INDEX($D$3:$AA$30,INDEX(Jesper!$R$2:$R$366,ROW(INDEX(Jesper!AJ$2:AJ$366,ROUNDDOWN($C5028/24,0)+1,1))-1)+IF('Standard Profiles'!$G$20=$B$10,7,0)+IF('Standard Profiles'!$G$20=$B$17,14,0)+IF('Standard Profiles'!$G$20=$B$24,21,0),MOD($C5028,24)+1)/SUM(INDEX($D$3:$AA$30,INDEX(Jesper!$R$2:$R$366,ROW(INDEX(Jesper!AJ$2:AJ$366,ROUNDDOWN($C5028/24,0)+1,1))-1)+IF('Standard Profiles'!$G$20=$B$10,7,0)+IF('Standard Profiles'!$G$20=$B$17,14,0)+IF('Standard Profiles'!$G$20=$B$24,21,0),0)),0)</f>
        <v>0</v>
      </c>
      <c r="G5028" cm="1">
        <f t="array" ref="G5028">IFERROR(INDEX(Jesper!AK$2:AK$366,ROUNDDOWN($C5028/24,0)+1,1)*INDEX($D$3:$AA$30,INDEX(Jesper!$R$2:$R$366,ROW(INDEX(Jesper!AK$2:AK$366,ROUNDDOWN($C5028/24,0)+1,1))-1)+IF('Standard Profiles'!$G$21=$B$10,7,0)+IF('Standard Profiles'!$G$21=$B$17,14,0)+IF('Standard Profiles'!$G$21=$B$24,21,0),MOD($C5028,24)+1)/SUM(INDEX($D$3:$AA$30,INDEX(Jesper!$R$2:$R$366,ROW(INDEX(Jesper!AK$2:AK$366,ROUNDDOWN($C5028/24,0)+1,1))-1)+IF('Standard Profiles'!$G$21=$B$10,7,0)+IF('Standard Profiles'!$G$21=$B$17,14,0)+IF('Standard Profiles'!$G$21=$B$24,21,0),0)),0)</f>
        <v>0</v>
      </c>
      <c r="H5028" cm="1">
        <f t="array" ref="H5028">IFERROR(INDEX(Jesper!AL$2:AL$366,ROUNDDOWN($C5028/24,0)+1,1)*INDEX($D$3:$AA$30,INDEX(Jesper!$R$2:$R$366,ROW(INDEX(Jesper!AL$2:AL$366,ROUNDDOWN($C5028/24,0)+1,1))-1)+IF('Standard Profiles'!$G$22=$B$10,7,0)+IF('Standard Profiles'!$G$22=$B$17,14,0)+IF('Standard Profiles'!$G$22=$B$24,21,0),MOD($C5028,24)+1)/SUM(INDEX($D$3:$AA$30,INDEX(Jesper!$R$2:$R$366,ROW(INDEX(Jesper!AL$2:AL$366,ROUNDDOWN($C5028/24,0)+1,1))-1)+IF('Standard Profiles'!$G$22=$B$10,7,0)+IF('Standard Profiles'!$G$22=$B$17,14,0)+IF('Standard Profiles'!$G$22=$B$24,21,0),0)),0)</f>
        <v>0</v>
      </c>
      <c r="I5028">
        <f t="shared" si="566"/>
        <v>0</v>
      </c>
      <c r="J5028">
        <f t="shared" si="567"/>
        <v>5.9896298582667011</v>
      </c>
      <c r="K5028">
        <f t="shared" si="568"/>
        <v>0.51761119295839753</v>
      </c>
      <c r="L5028">
        <f t="shared" si="569"/>
        <v>0.25880559647919876</v>
      </c>
      <c r="M5028">
        <f t="shared" si="570"/>
        <v>0</v>
      </c>
      <c r="N5028" s="45">
        <f t="shared" ref="N5028:N5091" si="571">N5027+1/24</f>
        <v>45135.083333321221</v>
      </c>
    </row>
    <row r="5029" spans="2:14" x14ac:dyDescent="0.25">
      <c r="B5029">
        <f t="shared" si="565"/>
        <v>5</v>
      </c>
      <c r="C5029" s="16">
        <v>4995</v>
      </c>
      <c r="D5029" cm="1">
        <f t="array" ref="D5029">IFERROR(INDEX(Jesper!AH$2:AH$366,ROUNDDOWN($C5029/24,0)+1,1)*INDEX($D$3:$AA$30,INDEX(Jesper!$R$2:$R$366,ROW(INDEX(Jesper!AH$2:AH$366,ROUNDDOWN($C5029/24,0)+1,1))-1)+IF('Standard Profiles'!$G$18=$B$10,7,0)+IF('Standard Profiles'!$G$18=$B$17,14,0)+IF('Standard Profiles'!$G$18=$B$24,21,0),MOD($C5029,24)+1)/SUM(INDEX($D$3:$AA$30,INDEX(Jesper!$R$2:$R$366,ROW(INDEX(Jesper!AH$2:AH$366,ROUNDDOWN($C5029/24,0)+1,1))-1)+IF('Standard Profiles'!$G$18=$B$10,7,0)+IF('Standard Profiles'!$G$18=$B$17,14,0)+IF('Standard Profiles'!$G$18=$B$24,21,0),0)),0)</f>
        <v>4.8526049339849768</v>
      </c>
      <c r="E5029" cm="1">
        <f t="array" ref="E5029">IFERROR(INDEX(Jesper!AI$2:AI$366,ROUNDDOWN($C5029/24,0)+1,1)*INDEX($D$3:$AA$30,INDEX(Jesper!$R$2:$R$366,ROW(INDEX(Jesper!AI$2:AI$366,ROUNDDOWN($C5029/24,0)+1,1))-1)+IF('Standard Profiles'!$G$19=$B$10,7,0)+IF('Standard Profiles'!$G$19=$B$17,14,0)+IF('Standard Profiles'!$G$19=$B$24,21,0),MOD($C5029,24)+1)/SUM(INDEX($D$3:$AA$30,INDEX(Jesper!$R$2:$R$366,ROW(INDEX(Jesper!AI$2:AI$366,ROUNDDOWN($C5029/24,0)+1,1))-1)+IF('Standard Profiles'!$G$19=$B$10,7,0)+IF('Standard Profiles'!$G$19=$B$17,14,0)+IF('Standard Profiles'!$G$19=$B$24,21,0),0)),0)</f>
        <v>1.9134417137193209</v>
      </c>
      <c r="F5029" cm="1">
        <f t="array" ref="F5029">IFERROR(INDEX(Jesper!AJ$2:AJ$366,ROUNDDOWN($C5029/24,0)+1,1)*INDEX($D$3:$AA$30,INDEX(Jesper!$R$2:$R$366,ROW(INDEX(Jesper!AJ$2:AJ$366,ROUNDDOWN($C5029/24,0)+1,1))-1)+IF('Standard Profiles'!$G$20=$B$10,7,0)+IF('Standard Profiles'!$G$20=$B$17,14,0)+IF('Standard Profiles'!$G$20=$B$24,21,0),MOD($C5029,24)+1)/SUM(INDEX($D$3:$AA$30,INDEX(Jesper!$R$2:$R$366,ROW(INDEX(Jesper!AJ$2:AJ$366,ROUNDDOWN($C5029/24,0)+1,1))-1)+IF('Standard Profiles'!$G$20=$B$10,7,0)+IF('Standard Profiles'!$G$20=$B$17,14,0)+IF('Standard Profiles'!$G$20=$B$24,21,0),0)),0)</f>
        <v>0</v>
      </c>
      <c r="G5029" cm="1">
        <f t="array" ref="G5029">IFERROR(INDEX(Jesper!AK$2:AK$366,ROUNDDOWN($C5029/24,0)+1,1)*INDEX($D$3:$AA$30,INDEX(Jesper!$R$2:$R$366,ROW(INDEX(Jesper!AK$2:AK$366,ROUNDDOWN($C5029/24,0)+1,1))-1)+IF('Standard Profiles'!$G$21=$B$10,7,0)+IF('Standard Profiles'!$G$21=$B$17,14,0)+IF('Standard Profiles'!$G$21=$B$24,21,0),MOD($C5029,24)+1)/SUM(INDEX($D$3:$AA$30,INDEX(Jesper!$R$2:$R$366,ROW(INDEX(Jesper!AK$2:AK$366,ROUNDDOWN($C5029/24,0)+1,1))-1)+IF('Standard Profiles'!$G$21=$B$10,7,0)+IF('Standard Profiles'!$G$21=$B$17,14,0)+IF('Standard Profiles'!$G$21=$B$24,21,0),0)),0)</f>
        <v>0</v>
      </c>
      <c r="H5029" cm="1">
        <f t="array" ref="H5029">IFERROR(INDEX(Jesper!AL$2:AL$366,ROUNDDOWN($C5029/24,0)+1,1)*INDEX($D$3:$AA$30,INDEX(Jesper!$R$2:$R$366,ROW(INDEX(Jesper!AL$2:AL$366,ROUNDDOWN($C5029/24,0)+1,1))-1)+IF('Standard Profiles'!$G$22=$B$10,7,0)+IF('Standard Profiles'!$G$22=$B$17,14,0)+IF('Standard Profiles'!$G$22=$B$24,21,0),MOD($C5029,24)+1)/SUM(INDEX($D$3:$AA$30,INDEX(Jesper!$R$2:$R$366,ROW(INDEX(Jesper!AL$2:AL$366,ROUNDDOWN($C5029/24,0)+1,1))-1)+IF('Standard Profiles'!$G$22=$B$10,7,0)+IF('Standard Profiles'!$G$22=$B$17,14,0)+IF('Standard Profiles'!$G$22=$B$24,21,0),0)),0)</f>
        <v>0</v>
      </c>
      <c r="I5029">
        <f t="shared" si="566"/>
        <v>0</v>
      </c>
      <c r="J5029">
        <f t="shared" si="567"/>
        <v>5.9896298582667011</v>
      </c>
      <c r="K5029">
        <f t="shared" si="568"/>
        <v>0.51761119295839753</v>
      </c>
      <c r="L5029">
        <f t="shared" si="569"/>
        <v>0.25880559647919876</v>
      </c>
      <c r="M5029">
        <f t="shared" si="570"/>
        <v>0</v>
      </c>
      <c r="N5029" s="45">
        <f t="shared" si="571"/>
        <v>45135.124999987886</v>
      </c>
    </row>
    <row r="5030" spans="2:14" x14ac:dyDescent="0.25">
      <c r="B5030">
        <f t="shared" si="565"/>
        <v>5</v>
      </c>
      <c r="C5030" s="16">
        <v>4996</v>
      </c>
      <c r="D5030" cm="1">
        <f t="array" ref="D5030">IFERROR(INDEX(Jesper!AH$2:AH$366,ROUNDDOWN($C5030/24,0)+1,1)*INDEX($D$3:$AA$30,INDEX(Jesper!$R$2:$R$366,ROW(INDEX(Jesper!AH$2:AH$366,ROUNDDOWN($C5030/24,0)+1,1))-1)+IF('Standard Profiles'!$G$18=$B$10,7,0)+IF('Standard Profiles'!$G$18=$B$17,14,0)+IF('Standard Profiles'!$G$18=$B$24,21,0),MOD($C5030,24)+1)/SUM(INDEX($D$3:$AA$30,INDEX(Jesper!$R$2:$R$366,ROW(INDEX(Jesper!AH$2:AH$366,ROUNDDOWN($C5030/24,0)+1,1))-1)+IF('Standard Profiles'!$G$18=$B$10,7,0)+IF('Standard Profiles'!$G$18=$B$17,14,0)+IF('Standard Profiles'!$G$18=$B$24,21,0),0)),0)</f>
        <v>4.8526049339849768</v>
      </c>
      <c r="E5030" cm="1">
        <f t="array" ref="E5030">IFERROR(INDEX(Jesper!AI$2:AI$366,ROUNDDOWN($C5030/24,0)+1,1)*INDEX($D$3:$AA$30,INDEX(Jesper!$R$2:$R$366,ROW(INDEX(Jesper!AI$2:AI$366,ROUNDDOWN($C5030/24,0)+1,1))-1)+IF('Standard Profiles'!$G$19=$B$10,7,0)+IF('Standard Profiles'!$G$19=$B$17,14,0)+IF('Standard Profiles'!$G$19=$B$24,21,0),MOD($C5030,24)+1)/SUM(INDEX($D$3:$AA$30,INDEX(Jesper!$R$2:$R$366,ROW(INDEX(Jesper!AI$2:AI$366,ROUNDDOWN($C5030/24,0)+1,1))-1)+IF('Standard Profiles'!$G$19=$B$10,7,0)+IF('Standard Profiles'!$G$19=$B$17,14,0)+IF('Standard Profiles'!$G$19=$B$24,21,0),0)),0)</f>
        <v>1.9134417137193209</v>
      </c>
      <c r="F5030" cm="1">
        <f t="array" ref="F5030">IFERROR(INDEX(Jesper!AJ$2:AJ$366,ROUNDDOWN($C5030/24,0)+1,1)*INDEX($D$3:$AA$30,INDEX(Jesper!$R$2:$R$366,ROW(INDEX(Jesper!AJ$2:AJ$366,ROUNDDOWN($C5030/24,0)+1,1))-1)+IF('Standard Profiles'!$G$20=$B$10,7,0)+IF('Standard Profiles'!$G$20=$B$17,14,0)+IF('Standard Profiles'!$G$20=$B$24,21,0),MOD($C5030,24)+1)/SUM(INDEX($D$3:$AA$30,INDEX(Jesper!$R$2:$R$366,ROW(INDEX(Jesper!AJ$2:AJ$366,ROUNDDOWN($C5030/24,0)+1,1))-1)+IF('Standard Profiles'!$G$20=$B$10,7,0)+IF('Standard Profiles'!$G$20=$B$17,14,0)+IF('Standard Profiles'!$G$20=$B$24,21,0),0)),0)</f>
        <v>0</v>
      </c>
      <c r="G5030" cm="1">
        <f t="array" ref="G5030">IFERROR(INDEX(Jesper!AK$2:AK$366,ROUNDDOWN($C5030/24,0)+1,1)*INDEX($D$3:$AA$30,INDEX(Jesper!$R$2:$R$366,ROW(INDEX(Jesper!AK$2:AK$366,ROUNDDOWN($C5030/24,0)+1,1))-1)+IF('Standard Profiles'!$G$21=$B$10,7,0)+IF('Standard Profiles'!$G$21=$B$17,14,0)+IF('Standard Profiles'!$G$21=$B$24,21,0),MOD($C5030,24)+1)/SUM(INDEX($D$3:$AA$30,INDEX(Jesper!$R$2:$R$366,ROW(INDEX(Jesper!AK$2:AK$366,ROUNDDOWN($C5030/24,0)+1,1))-1)+IF('Standard Profiles'!$G$21=$B$10,7,0)+IF('Standard Profiles'!$G$21=$B$17,14,0)+IF('Standard Profiles'!$G$21=$B$24,21,0),0)),0)</f>
        <v>0</v>
      </c>
      <c r="H5030" cm="1">
        <f t="array" ref="H5030">IFERROR(INDEX(Jesper!AL$2:AL$366,ROUNDDOWN($C5030/24,0)+1,1)*INDEX($D$3:$AA$30,INDEX(Jesper!$R$2:$R$366,ROW(INDEX(Jesper!AL$2:AL$366,ROUNDDOWN($C5030/24,0)+1,1))-1)+IF('Standard Profiles'!$G$22=$B$10,7,0)+IF('Standard Profiles'!$G$22=$B$17,14,0)+IF('Standard Profiles'!$G$22=$B$24,21,0),MOD($C5030,24)+1)/SUM(INDEX($D$3:$AA$30,INDEX(Jesper!$R$2:$R$366,ROW(INDEX(Jesper!AL$2:AL$366,ROUNDDOWN($C5030/24,0)+1,1))-1)+IF('Standard Profiles'!$G$22=$B$10,7,0)+IF('Standard Profiles'!$G$22=$B$17,14,0)+IF('Standard Profiles'!$G$22=$B$24,21,0),0)),0)</f>
        <v>0</v>
      </c>
      <c r="I5030">
        <f t="shared" si="566"/>
        <v>0</v>
      </c>
      <c r="J5030">
        <f t="shared" si="567"/>
        <v>5.9896298582667011</v>
      </c>
      <c r="K5030">
        <f t="shared" si="568"/>
        <v>0.51761119295839753</v>
      </c>
      <c r="L5030">
        <f t="shared" si="569"/>
        <v>0.25880559647919876</v>
      </c>
      <c r="M5030">
        <f t="shared" si="570"/>
        <v>0</v>
      </c>
      <c r="N5030" s="45">
        <f t="shared" si="571"/>
        <v>45135.16666665455</v>
      </c>
    </row>
    <row r="5031" spans="2:14" x14ac:dyDescent="0.25">
      <c r="B5031">
        <f t="shared" si="565"/>
        <v>5</v>
      </c>
      <c r="C5031" s="16">
        <v>4997</v>
      </c>
      <c r="D5031" cm="1">
        <f t="array" ref="D5031">IFERROR(INDEX(Jesper!AH$2:AH$366,ROUNDDOWN($C5031/24,0)+1,1)*INDEX($D$3:$AA$30,INDEX(Jesper!$R$2:$R$366,ROW(INDEX(Jesper!AH$2:AH$366,ROUNDDOWN($C5031/24,0)+1,1))-1)+IF('Standard Profiles'!$G$18=$B$10,7,0)+IF('Standard Profiles'!$G$18=$B$17,14,0)+IF('Standard Profiles'!$G$18=$B$24,21,0),MOD($C5031,24)+1)/SUM(INDEX($D$3:$AA$30,INDEX(Jesper!$R$2:$R$366,ROW(INDEX(Jesper!AH$2:AH$366,ROUNDDOWN($C5031/24,0)+1,1))-1)+IF('Standard Profiles'!$G$18=$B$10,7,0)+IF('Standard Profiles'!$G$18=$B$17,14,0)+IF('Standard Profiles'!$G$18=$B$24,21,0),0)),0)</f>
        <v>4.8526049339849768</v>
      </c>
      <c r="E5031" cm="1">
        <f t="array" ref="E5031">IFERROR(INDEX(Jesper!AI$2:AI$366,ROUNDDOWN($C5031/24,0)+1,1)*INDEX($D$3:$AA$30,INDEX(Jesper!$R$2:$R$366,ROW(INDEX(Jesper!AI$2:AI$366,ROUNDDOWN($C5031/24,0)+1,1))-1)+IF('Standard Profiles'!$G$19=$B$10,7,0)+IF('Standard Profiles'!$G$19=$B$17,14,0)+IF('Standard Profiles'!$G$19=$B$24,21,0),MOD($C5031,24)+1)/SUM(INDEX($D$3:$AA$30,INDEX(Jesper!$R$2:$R$366,ROW(INDEX(Jesper!AI$2:AI$366,ROUNDDOWN($C5031/24,0)+1,1))-1)+IF('Standard Profiles'!$G$19=$B$10,7,0)+IF('Standard Profiles'!$G$19=$B$17,14,0)+IF('Standard Profiles'!$G$19=$B$24,21,0),0)),0)</f>
        <v>1.9134417137193209</v>
      </c>
      <c r="F5031" cm="1">
        <f t="array" ref="F5031">IFERROR(INDEX(Jesper!AJ$2:AJ$366,ROUNDDOWN($C5031/24,0)+1,1)*INDEX($D$3:$AA$30,INDEX(Jesper!$R$2:$R$366,ROW(INDEX(Jesper!AJ$2:AJ$366,ROUNDDOWN($C5031/24,0)+1,1))-1)+IF('Standard Profiles'!$G$20=$B$10,7,0)+IF('Standard Profiles'!$G$20=$B$17,14,0)+IF('Standard Profiles'!$G$20=$B$24,21,0),MOD($C5031,24)+1)/SUM(INDEX($D$3:$AA$30,INDEX(Jesper!$R$2:$R$366,ROW(INDEX(Jesper!AJ$2:AJ$366,ROUNDDOWN($C5031/24,0)+1,1))-1)+IF('Standard Profiles'!$G$20=$B$10,7,0)+IF('Standard Profiles'!$G$20=$B$17,14,0)+IF('Standard Profiles'!$G$20=$B$24,21,0),0)),0)</f>
        <v>0</v>
      </c>
      <c r="G5031" cm="1">
        <f t="array" ref="G5031">IFERROR(INDEX(Jesper!AK$2:AK$366,ROUNDDOWN($C5031/24,0)+1,1)*INDEX($D$3:$AA$30,INDEX(Jesper!$R$2:$R$366,ROW(INDEX(Jesper!AK$2:AK$366,ROUNDDOWN($C5031/24,0)+1,1))-1)+IF('Standard Profiles'!$G$21=$B$10,7,0)+IF('Standard Profiles'!$G$21=$B$17,14,0)+IF('Standard Profiles'!$G$21=$B$24,21,0),MOD($C5031,24)+1)/SUM(INDEX($D$3:$AA$30,INDEX(Jesper!$R$2:$R$366,ROW(INDEX(Jesper!AK$2:AK$366,ROUNDDOWN($C5031/24,0)+1,1))-1)+IF('Standard Profiles'!$G$21=$B$10,7,0)+IF('Standard Profiles'!$G$21=$B$17,14,0)+IF('Standard Profiles'!$G$21=$B$24,21,0),0)),0)</f>
        <v>0</v>
      </c>
      <c r="H5031" cm="1">
        <f t="array" ref="H5031">IFERROR(INDEX(Jesper!AL$2:AL$366,ROUNDDOWN($C5031/24,0)+1,1)*INDEX($D$3:$AA$30,INDEX(Jesper!$R$2:$R$366,ROW(INDEX(Jesper!AL$2:AL$366,ROUNDDOWN($C5031/24,0)+1,1))-1)+IF('Standard Profiles'!$G$22=$B$10,7,0)+IF('Standard Profiles'!$G$22=$B$17,14,0)+IF('Standard Profiles'!$G$22=$B$24,21,0),MOD($C5031,24)+1)/SUM(INDEX($D$3:$AA$30,INDEX(Jesper!$R$2:$R$366,ROW(INDEX(Jesper!AL$2:AL$366,ROUNDDOWN($C5031/24,0)+1,1))-1)+IF('Standard Profiles'!$G$22=$B$10,7,0)+IF('Standard Profiles'!$G$22=$B$17,14,0)+IF('Standard Profiles'!$G$22=$B$24,21,0),0)),0)</f>
        <v>0</v>
      </c>
      <c r="I5031">
        <f t="shared" si="566"/>
        <v>0</v>
      </c>
      <c r="J5031">
        <f t="shared" si="567"/>
        <v>5.9896298582667011</v>
      </c>
      <c r="K5031">
        <f t="shared" si="568"/>
        <v>0.51761119295839753</v>
      </c>
      <c r="L5031">
        <f t="shared" si="569"/>
        <v>0.25880559647919876</v>
      </c>
      <c r="M5031">
        <f t="shared" si="570"/>
        <v>0</v>
      </c>
      <c r="N5031" s="45">
        <f t="shared" si="571"/>
        <v>45135.208333321214</v>
      </c>
    </row>
    <row r="5032" spans="2:14" x14ac:dyDescent="0.25">
      <c r="B5032">
        <f t="shared" si="565"/>
        <v>5</v>
      </c>
      <c r="C5032" s="16">
        <v>4998</v>
      </c>
      <c r="D5032" cm="1">
        <f t="array" ref="D5032">IFERROR(INDEX(Jesper!AH$2:AH$366,ROUNDDOWN($C5032/24,0)+1,1)*INDEX($D$3:$AA$30,INDEX(Jesper!$R$2:$R$366,ROW(INDEX(Jesper!AH$2:AH$366,ROUNDDOWN($C5032/24,0)+1,1))-1)+IF('Standard Profiles'!$G$18=$B$10,7,0)+IF('Standard Profiles'!$G$18=$B$17,14,0)+IF('Standard Profiles'!$G$18=$B$24,21,0),MOD($C5032,24)+1)/SUM(INDEX($D$3:$AA$30,INDEX(Jesper!$R$2:$R$366,ROW(INDEX(Jesper!AH$2:AH$366,ROUNDDOWN($C5032/24,0)+1,1))-1)+IF('Standard Profiles'!$G$18=$B$10,7,0)+IF('Standard Profiles'!$G$18=$B$17,14,0)+IF('Standard Profiles'!$G$18=$B$24,21,0),0)),0)</f>
        <v>4.8526049339849768</v>
      </c>
      <c r="E5032" cm="1">
        <f t="array" ref="E5032">IFERROR(INDEX(Jesper!AI$2:AI$366,ROUNDDOWN($C5032/24,0)+1,1)*INDEX($D$3:$AA$30,INDEX(Jesper!$R$2:$R$366,ROW(INDEX(Jesper!AI$2:AI$366,ROUNDDOWN($C5032/24,0)+1,1))-1)+IF('Standard Profiles'!$G$19=$B$10,7,0)+IF('Standard Profiles'!$G$19=$B$17,14,0)+IF('Standard Profiles'!$G$19=$B$24,21,0),MOD($C5032,24)+1)/SUM(INDEX($D$3:$AA$30,INDEX(Jesper!$R$2:$R$366,ROW(INDEX(Jesper!AI$2:AI$366,ROUNDDOWN($C5032/24,0)+1,1))-1)+IF('Standard Profiles'!$G$19=$B$10,7,0)+IF('Standard Profiles'!$G$19=$B$17,14,0)+IF('Standard Profiles'!$G$19=$B$24,21,0),0)),0)</f>
        <v>1.9134417137193209</v>
      </c>
      <c r="F5032" cm="1">
        <f t="array" ref="F5032">IFERROR(INDEX(Jesper!AJ$2:AJ$366,ROUNDDOWN($C5032/24,0)+1,1)*INDEX($D$3:$AA$30,INDEX(Jesper!$R$2:$R$366,ROW(INDEX(Jesper!AJ$2:AJ$366,ROUNDDOWN($C5032/24,0)+1,1))-1)+IF('Standard Profiles'!$G$20=$B$10,7,0)+IF('Standard Profiles'!$G$20=$B$17,14,0)+IF('Standard Profiles'!$G$20=$B$24,21,0),MOD($C5032,24)+1)/SUM(INDEX($D$3:$AA$30,INDEX(Jesper!$R$2:$R$366,ROW(INDEX(Jesper!AJ$2:AJ$366,ROUNDDOWN($C5032/24,0)+1,1))-1)+IF('Standard Profiles'!$G$20=$B$10,7,0)+IF('Standard Profiles'!$G$20=$B$17,14,0)+IF('Standard Profiles'!$G$20=$B$24,21,0),0)),0)</f>
        <v>0</v>
      </c>
      <c r="G5032" cm="1">
        <f t="array" ref="G5032">IFERROR(INDEX(Jesper!AK$2:AK$366,ROUNDDOWN($C5032/24,0)+1,1)*INDEX($D$3:$AA$30,INDEX(Jesper!$R$2:$R$366,ROW(INDEX(Jesper!AK$2:AK$366,ROUNDDOWN($C5032/24,0)+1,1))-1)+IF('Standard Profiles'!$G$21=$B$10,7,0)+IF('Standard Profiles'!$G$21=$B$17,14,0)+IF('Standard Profiles'!$G$21=$B$24,21,0),MOD($C5032,24)+1)/SUM(INDEX($D$3:$AA$30,INDEX(Jesper!$R$2:$R$366,ROW(INDEX(Jesper!AK$2:AK$366,ROUNDDOWN($C5032/24,0)+1,1))-1)+IF('Standard Profiles'!$G$21=$B$10,7,0)+IF('Standard Profiles'!$G$21=$B$17,14,0)+IF('Standard Profiles'!$G$21=$B$24,21,0),0)),0)</f>
        <v>0</v>
      </c>
      <c r="H5032" cm="1">
        <f t="array" ref="H5032">IFERROR(INDEX(Jesper!AL$2:AL$366,ROUNDDOWN($C5032/24,0)+1,1)*INDEX($D$3:$AA$30,INDEX(Jesper!$R$2:$R$366,ROW(INDEX(Jesper!AL$2:AL$366,ROUNDDOWN($C5032/24,0)+1,1))-1)+IF('Standard Profiles'!$G$22=$B$10,7,0)+IF('Standard Profiles'!$G$22=$B$17,14,0)+IF('Standard Profiles'!$G$22=$B$24,21,0),MOD($C5032,24)+1)/SUM(INDEX($D$3:$AA$30,INDEX(Jesper!$R$2:$R$366,ROW(INDEX(Jesper!AL$2:AL$366,ROUNDDOWN($C5032/24,0)+1,1))-1)+IF('Standard Profiles'!$G$22=$B$10,7,0)+IF('Standard Profiles'!$G$22=$B$17,14,0)+IF('Standard Profiles'!$G$22=$B$24,21,0),0)),0)</f>
        <v>0</v>
      </c>
      <c r="I5032">
        <f t="shared" si="566"/>
        <v>0</v>
      </c>
      <c r="J5032">
        <f t="shared" si="567"/>
        <v>5.9896298582667011</v>
      </c>
      <c r="K5032">
        <f t="shared" si="568"/>
        <v>0.51761119295839753</v>
      </c>
      <c r="L5032">
        <f t="shared" si="569"/>
        <v>0.25880559647919876</v>
      </c>
      <c r="M5032">
        <f t="shared" si="570"/>
        <v>0</v>
      </c>
      <c r="N5032" s="45">
        <f t="shared" si="571"/>
        <v>45135.249999987878</v>
      </c>
    </row>
    <row r="5033" spans="2:14" x14ac:dyDescent="0.25">
      <c r="B5033">
        <f t="shared" si="565"/>
        <v>5</v>
      </c>
      <c r="C5033" s="16">
        <v>4999</v>
      </c>
      <c r="D5033" cm="1">
        <f t="array" ref="D5033">IFERROR(INDEX(Jesper!AH$2:AH$366,ROUNDDOWN($C5033/24,0)+1,1)*INDEX($D$3:$AA$30,INDEX(Jesper!$R$2:$R$366,ROW(INDEX(Jesper!AH$2:AH$366,ROUNDDOWN($C5033/24,0)+1,1))-1)+IF('Standard Profiles'!$G$18=$B$10,7,0)+IF('Standard Profiles'!$G$18=$B$17,14,0)+IF('Standard Profiles'!$G$18=$B$24,21,0),MOD($C5033,24)+1)/SUM(INDEX($D$3:$AA$30,INDEX(Jesper!$R$2:$R$366,ROW(INDEX(Jesper!AH$2:AH$366,ROUNDDOWN($C5033/24,0)+1,1))-1)+IF('Standard Profiles'!$G$18=$B$10,7,0)+IF('Standard Profiles'!$G$18=$B$17,14,0)+IF('Standard Profiles'!$G$18=$B$24,21,0),0)),0)</f>
        <v>20.672097018776</v>
      </c>
      <c r="E5033" cm="1">
        <f t="array" ref="E5033">IFERROR(INDEX(Jesper!AI$2:AI$366,ROUNDDOWN($C5033/24,0)+1,1)*INDEX($D$3:$AA$30,INDEX(Jesper!$R$2:$R$366,ROW(INDEX(Jesper!AI$2:AI$366,ROUNDDOWN($C5033/24,0)+1,1))-1)+IF('Standard Profiles'!$G$19=$B$10,7,0)+IF('Standard Profiles'!$G$19=$B$17,14,0)+IF('Standard Profiles'!$G$19=$B$24,21,0),MOD($C5033,24)+1)/SUM(INDEX($D$3:$AA$30,INDEX(Jesper!$R$2:$R$366,ROW(INDEX(Jesper!AI$2:AI$366,ROUNDDOWN($C5033/24,0)+1,1))-1)+IF('Standard Profiles'!$G$19=$B$10,7,0)+IF('Standard Profiles'!$G$19=$B$17,14,0)+IF('Standard Profiles'!$G$19=$B$24,21,0),0)),0)</f>
        <v>8.1512617004443069</v>
      </c>
      <c r="F5033" cm="1">
        <f t="array" ref="F5033">IFERROR(INDEX(Jesper!AJ$2:AJ$366,ROUNDDOWN($C5033/24,0)+1,1)*INDEX($D$3:$AA$30,INDEX(Jesper!$R$2:$R$366,ROW(INDEX(Jesper!AJ$2:AJ$366,ROUNDDOWN($C5033/24,0)+1,1))-1)+IF('Standard Profiles'!$G$20=$B$10,7,0)+IF('Standard Profiles'!$G$20=$B$17,14,0)+IF('Standard Profiles'!$G$20=$B$24,21,0),MOD($C5033,24)+1)/SUM(INDEX($D$3:$AA$30,INDEX(Jesper!$R$2:$R$366,ROW(INDEX(Jesper!AJ$2:AJ$366,ROUNDDOWN($C5033/24,0)+1,1))-1)+IF('Standard Profiles'!$G$20=$B$10,7,0)+IF('Standard Profiles'!$G$20=$B$17,14,0)+IF('Standard Profiles'!$G$20=$B$24,21,0),0)),0)</f>
        <v>0</v>
      </c>
      <c r="G5033" cm="1">
        <f t="array" ref="G5033">IFERROR(INDEX(Jesper!AK$2:AK$366,ROUNDDOWN($C5033/24,0)+1,1)*INDEX($D$3:$AA$30,INDEX(Jesper!$R$2:$R$366,ROW(INDEX(Jesper!AK$2:AK$366,ROUNDDOWN($C5033/24,0)+1,1))-1)+IF('Standard Profiles'!$G$21=$B$10,7,0)+IF('Standard Profiles'!$G$21=$B$17,14,0)+IF('Standard Profiles'!$G$21=$B$24,21,0),MOD($C5033,24)+1)/SUM(INDEX($D$3:$AA$30,INDEX(Jesper!$R$2:$R$366,ROW(INDEX(Jesper!AK$2:AK$366,ROUNDDOWN($C5033/24,0)+1,1))-1)+IF('Standard Profiles'!$G$21=$B$10,7,0)+IF('Standard Profiles'!$G$21=$B$17,14,0)+IF('Standard Profiles'!$G$21=$B$24,21,0),0)),0)</f>
        <v>0</v>
      </c>
      <c r="H5033" cm="1">
        <f t="array" ref="H5033">IFERROR(INDEX(Jesper!AL$2:AL$366,ROUNDDOWN($C5033/24,0)+1,1)*INDEX($D$3:$AA$30,INDEX(Jesper!$R$2:$R$366,ROW(INDEX(Jesper!AL$2:AL$366,ROUNDDOWN($C5033/24,0)+1,1))-1)+IF('Standard Profiles'!$G$22=$B$10,7,0)+IF('Standard Profiles'!$G$22=$B$17,14,0)+IF('Standard Profiles'!$G$22=$B$24,21,0),MOD($C5033,24)+1)/SUM(INDEX($D$3:$AA$30,INDEX(Jesper!$R$2:$R$366,ROW(INDEX(Jesper!AL$2:AL$366,ROUNDDOWN($C5033/24,0)+1,1))-1)+IF('Standard Profiles'!$G$22=$B$10,7,0)+IF('Standard Profiles'!$G$22=$B$17,14,0)+IF('Standard Profiles'!$G$22=$B$24,21,0),0)),0)</f>
        <v>0</v>
      </c>
      <c r="I5033">
        <f t="shared" si="566"/>
        <v>0</v>
      </c>
      <c r="J5033">
        <f t="shared" si="567"/>
        <v>25.515823196216147</v>
      </c>
      <c r="K5033">
        <f t="shared" si="568"/>
        <v>2.2050236820027735</v>
      </c>
      <c r="L5033">
        <f t="shared" si="569"/>
        <v>1.1025118410013868</v>
      </c>
      <c r="M5033">
        <f t="shared" si="570"/>
        <v>0</v>
      </c>
      <c r="N5033" s="45">
        <f t="shared" si="571"/>
        <v>45135.291666654542</v>
      </c>
    </row>
    <row r="5034" spans="2:14" x14ac:dyDescent="0.25">
      <c r="B5034">
        <f t="shared" si="565"/>
        <v>5</v>
      </c>
      <c r="C5034" s="16">
        <v>5000</v>
      </c>
      <c r="D5034" cm="1">
        <f t="array" ref="D5034">IFERROR(INDEX(Jesper!AH$2:AH$366,ROUNDDOWN($C5034/24,0)+1,1)*INDEX($D$3:$AA$30,INDEX(Jesper!$R$2:$R$366,ROW(INDEX(Jesper!AH$2:AH$366,ROUNDDOWN($C5034/24,0)+1,1))-1)+IF('Standard Profiles'!$G$18=$B$10,7,0)+IF('Standard Profiles'!$G$18=$B$17,14,0)+IF('Standard Profiles'!$G$18=$B$24,21,0),MOD($C5034,24)+1)/SUM(INDEX($D$3:$AA$30,INDEX(Jesper!$R$2:$R$366,ROW(INDEX(Jesper!AH$2:AH$366,ROUNDDOWN($C5034/24,0)+1,1))-1)+IF('Standard Profiles'!$G$18=$B$10,7,0)+IF('Standard Profiles'!$G$18=$B$17,14,0)+IF('Standard Profiles'!$G$18=$B$24,21,0),0)),0)</f>
        <v>25.840121273469997</v>
      </c>
      <c r="E5034" cm="1">
        <f t="array" ref="E5034">IFERROR(INDEX(Jesper!AI$2:AI$366,ROUNDDOWN($C5034/24,0)+1,1)*INDEX($D$3:$AA$30,INDEX(Jesper!$R$2:$R$366,ROW(INDEX(Jesper!AI$2:AI$366,ROUNDDOWN($C5034/24,0)+1,1))-1)+IF('Standard Profiles'!$G$19=$B$10,7,0)+IF('Standard Profiles'!$G$19=$B$17,14,0)+IF('Standard Profiles'!$G$19=$B$24,21,0),MOD($C5034,24)+1)/SUM(INDEX($D$3:$AA$30,INDEX(Jesper!$R$2:$R$366,ROW(INDEX(Jesper!AI$2:AI$366,ROUNDDOWN($C5034/24,0)+1,1))-1)+IF('Standard Profiles'!$G$19=$B$10,7,0)+IF('Standard Profiles'!$G$19=$B$17,14,0)+IF('Standard Profiles'!$G$19=$B$24,21,0),0)),0)</f>
        <v>10.189077125555384</v>
      </c>
      <c r="F5034" cm="1">
        <f t="array" ref="F5034">IFERROR(INDEX(Jesper!AJ$2:AJ$366,ROUNDDOWN($C5034/24,0)+1,1)*INDEX($D$3:$AA$30,INDEX(Jesper!$R$2:$R$366,ROW(INDEX(Jesper!AJ$2:AJ$366,ROUNDDOWN($C5034/24,0)+1,1))-1)+IF('Standard Profiles'!$G$20=$B$10,7,0)+IF('Standard Profiles'!$G$20=$B$17,14,0)+IF('Standard Profiles'!$G$20=$B$24,21,0),MOD($C5034,24)+1)/SUM(INDEX($D$3:$AA$30,INDEX(Jesper!$R$2:$R$366,ROW(INDEX(Jesper!AJ$2:AJ$366,ROUNDDOWN($C5034/24,0)+1,1))-1)+IF('Standard Profiles'!$G$20=$B$10,7,0)+IF('Standard Profiles'!$G$20=$B$17,14,0)+IF('Standard Profiles'!$G$20=$B$24,21,0),0)),0)</f>
        <v>0</v>
      </c>
      <c r="G5034" cm="1">
        <f t="array" ref="G5034">IFERROR(INDEX(Jesper!AK$2:AK$366,ROUNDDOWN($C5034/24,0)+1,1)*INDEX($D$3:$AA$30,INDEX(Jesper!$R$2:$R$366,ROW(INDEX(Jesper!AK$2:AK$366,ROUNDDOWN($C5034/24,0)+1,1))-1)+IF('Standard Profiles'!$G$21=$B$10,7,0)+IF('Standard Profiles'!$G$21=$B$17,14,0)+IF('Standard Profiles'!$G$21=$B$24,21,0),MOD($C5034,24)+1)/SUM(INDEX($D$3:$AA$30,INDEX(Jesper!$R$2:$R$366,ROW(INDEX(Jesper!AK$2:AK$366,ROUNDDOWN($C5034/24,0)+1,1))-1)+IF('Standard Profiles'!$G$21=$B$10,7,0)+IF('Standard Profiles'!$G$21=$B$17,14,0)+IF('Standard Profiles'!$G$21=$B$24,21,0),0)),0)</f>
        <v>0</v>
      </c>
      <c r="H5034" cm="1">
        <f t="array" ref="H5034">IFERROR(INDEX(Jesper!AL$2:AL$366,ROUNDDOWN($C5034/24,0)+1,1)*INDEX($D$3:$AA$30,INDEX(Jesper!$R$2:$R$366,ROW(INDEX(Jesper!AL$2:AL$366,ROUNDDOWN($C5034/24,0)+1,1))-1)+IF('Standard Profiles'!$G$22=$B$10,7,0)+IF('Standard Profiles'!$G$22=$B$17,14,0)+IF('Standard Profiles'!$G$22=$B$24,21,0),MOD($C5034,24)+1)/SUM(INDEX($D$3:$AA$30,INDEX(Jesper!$R$2:$R$366,ROW(INDEX(Jesper!AL$2:AL$366,ROUNDDOWN($C5034/24,0)+1,1))-1)+IF('Standard Profiles'!$G$22=$B$10,7,0)+IF('Standard Profiles'!$G$22=$B$17,14,0)+IF('Standard Profiles'!$G$22=$B$24,21,0),0)),0)</f>
        <v>0</v>
      </c>
      <c r="I5034">
        <f t="shared" si="566"/>
        <v>0</v>
      </c>
      <c r="J5034">
        <f t="shared" si="567"/>
        <v>31.89477899527018</v>
      </c>
      <c r="K5034">
        <f t="shared" si="568"/>
        <v>2.7562796025034664</v>
      </c>
      <c r="L5034">
        <f t="shared" si="569"/>
        <v>1.3781398012517332</v>
      </c>
      <c r="M5034">
        <f t="shared" si="570"/>
        <v>0</v>
      </c>
      <c r="N5034" s="45">
        <f t="shared" si="571"/>
        <v>45135.333333321207</v>
      </c>
    </row>
    <row r="5035" spans="2:14" x14ac:dyDescent="0.25">
      <c r="B5035">
        <f t="shared" si="565"/>
        <v>5</v>
      </c>
      <c r="C5035" s="16">
        <v>5001</v>
      </c>
      <c r="D5035" cm="1">
        <f t="array" ref="D5035">IFERROR(INDEX(Jesper!AH$2:AH$366,ROUNDDOWN($C5035/24,0)+1,1)*INDEX($D$3:$AA$30,INDEX(Jesper!$R$2:$R$366,ROW(INDEX(Jesper!AH$2:AH$366,ROUNDDOWN($C5035/24,0)+1,1))-1)+IF('Standard Profiles'!$G$18=$B$10,7,0)+IF('Standard Profiles'!$G$18=$B$17,14,0)+IF('Standard Profiles'!$G$18=$B$24,21,0),MOD($C5035,24)+1)/SUM(INDEX($D$3:$AA$30,INDEX(Jesper!$R$2:$R$366,ROW(INDEX(Jesper!AH$2:AH$366,ROUNDDOWN($C5035/24,0)+1,1))-1)+IF('Standard Profiles'!$G$18=$B$10,7,0)+IF('Standard Profiles'!$G$18=$B$17,14,0)+IF('Standard Profiles'!$G$18=$B$24,21,0),0)),0)</f>
        <v>28.424133400816999</v>
      </c>
      <c r="E5035" cm="1">
        <f t="array" ref="E5035">IFERROR(INDEX(Jesper!AI$2:AI$366,ROUNDDOWN($C5035/24,0)+1,1)*INDEX($D$3:$AA$30,INDEX(Jesper!$R$2:$R$366,ROW(INDEX(Jesper!AI$2:AI$366,ROUNDDOWN($C5035/24,0)+1,1))-1)+IF('Standard Profiles'!$G$19=$B$10,7,0)+IF('Standard Profiles'!$G$19=$B$17,14,0)+IF('Standard Profiles'!$G$19=$B$24,21,0),MOD($C5035,24)+1)/SUM(INDEX($D$3:$AA$30,INDEX(Jesper!$R$2:$R$366,ROW(INDEX(Jesper!AI$2:AI$366,ROUNDDOWN($C5035/24,0)+1,1))-1)+IF('Standard Profiles'!$G$19=$B$10,7,0)+IF('Standard Profiles'!$G$19=$B$17,14,0)+IF('Standard Profiles'!$G$19=$B$24,21,0),0)),0)</f>
        <v>11.207984838110923</v>
      </c>
      <c r="F5035" cm="1">
        <f t="array" ref="F5035">IFERROR(INDEX(Jesper!AJ$2:AJ$366,ROUNDDOWN($C5035/24,0)+1,1)*INDEX($D$3:$AA$30,INDEX(Jesper!$R$2:$R$366,ROW(INDEX(Jesper!AJ$2:AJ$366,ROUNDDOWN($C5035/24,0)+1,1))-1)+IF('Standard Profiles'!$G$20=$B$10,7,0)+IF('Standard Profiles'!$G$20=$B$17,14,0)+IF('Standard Profiles'!$G$20=$B$24,21,0),MOD($C5035,24)+1)/SUM(INDEX($D$3:$AA$30,INDEX(Jesper!$R$2:$R$366,ROW(INDEX(Jesper!AJ$2:AJ$366,ROUNDDOWN($C5035/24,0)+1,1))-1)+IF('Standard Profiles'!$G$20=$B$10,7,0)+IF('Standard Profiles'!$G$20=$B$17,14,0)+IF('Standard Profiles'!$G$20=$B$24,21,0),0)),0)</f>
        <v>0</v>
      </c>
      <c r="G5035" cm="1">
        <f t="array" ref="G5035">IFERROR(INDEX(Jesper!AK$2:AK$366,ROUNDDOWN($C5035/24,0)+1,1)*INDEX($D$3:$AA$30,INDEX(Jesper!$R$2:$R$366,ROW(INDEX(Jesper!AK$2:AK$366,ROUNDDOWN($C5035/24,0)+1,1))-1)+IF('Standard Profiles'!$G$21=$B$10,7,0)+IF('Standard Profiles'!$G$21=$B$17,14,0)+IF('Standard Profiles'!$G$21=$B$24,21,0),MOD($C5035,24)+1)/SUM(INDEX($D$3:$AA$30,INDEX(Jesper!$R$2:$R$366,ROW(INDEX(Jesper!AK$2:AK$366,ROUNDDOWN($C5035/24,0)+1,1))-1)+IF('Standard Profiles'!$G$21=$B$10,7,0)+IF('Standard Profiles'!$G$21=$B$17,14,0)+IF('Standard Profiles'!$G$21=$B$24,21,0),0)),0)</f>
        <v>0</v>
      </c>
      <c r="H5035" cm="1">
        <f t="array" ref="H5035">IFERROR(INDEX(Jesper!AL$2:AL$366,ROUNDDOWN($C5035/24,0)+1,1)*INDEX($D$3:$AA$30,INDEX(Jesper!$R$2:$R$366,ROW(INDEX(Jesper!AL$2:AL$366,ROUNDDOWN($C5035/24,0)+1,1))-1)+IF('Standard Profiles'!$G$22=$B$10,7,0)+IF('Standard Profiles'!$G$22=$B$17,14,0)+IF('Standard Profiles'!$G$22=$B$24,21,0),MOD($C5035,24)+1)/SUM(INDEX($D$3:$AA$30,INDEX(Jesper!$R$2:$R$366,ROW(INDEX(Jesper!AL$2:AL$366,ROUNDDOWN($C5035/24,0)+1,1))-1)+IF('Standard Profiles'!$G$22=$B$10,7,0)+IF('Standard Profiles'!$G$22=$B$17,14,0)+IF('Standard Profiles'!$G$22=$B$24,21,0),0)),0)</f>
        <v>0</v>
      </c>
      <c r="I5035">
        <f t="shared" si="566"/>
        <v>0</v>
      </c>
      <c r="J5035">
        <f t="shared" si="567"/>
        <v>35.0842568947972</v>
      </c>
      <c r="K5035">
        <f t="shared" si="568"/>
        <v>3.0319075627538132</v>
      </c>
      <c r="L5035">
        <f t="shared" si="569"/>
        <v>1.5159537813769066</v>
      </c>
      <c r="M5035">
        <f t="shared" si="570"/>
        <v>0</v>
      </c>
      <c r="N5035" s="45">
        <f t="shared" si="571"/>
        <v>45135.374999987871</v>
      </c>
    </row>
    <row r="5036" spans="2:14" x14ac:dyDescent="0.25">
      <c r="B5036">
        <f t="shared" si="565"/>
        <v>5</v>
      </c>
      <c r="C5036" s="16">
        <v>5002</v>
      </c>
      <c r="D5036" cm="1">
        <f t="array" ref="D5036">IFERROR(INDEX(Jesper!AH$2:AH$366,ROUNDDOWN($C5036/24,0)+1,1)*INDEX($D$3:$AA$30,INDEX(Jesper!$R$2:$R$366,ROW(INDEX(Jesper!AH$2:AH$366,ROUNDDOWN($C5036/24,0)+1,1))-1)+IF('Standard Profiles'!$G$18=$B$10,7,0)+IF('Standard Profiles'!$G$18=$B$17,14,0)+IF('Standard Profiles'!$G$18=$B$24,21,0),MOD($C5036,24)+1)/SUM(INDEX($D$3:$AA$30,INDEX(Jesper!$R$2:$R$366,ROW(INDEX(Jesper!AH$2:AH$366,ROUNDDOWN($C5036/24,0)+1,1))-1)+IF('Standard Profiles'!$G$18=$B$10,7,0)+IF('Standard Profiles'!$G$18=$B$17,14,0)+IF('Standard Profiles'!$G$18=$B$24,21,0),0)),0)</f>
        <v>28.424133400816999</v>
      </c>
      <c r="E5036" cm="1">
        <f t="array" ref="E5036">IFERROR(INDEX(Jesper!AI$2:AI$366,ROUNDDOWN($C5036/24,0)+1,1)*INDEX($D$3:$AA$30,INDEX(Jesper!$R$2:$R$366,ROW(INDEX(Jesper!AI$2:AI$366,ROUNDDOWN($C5036/24,0)+1,1))-1)+IF('Standard Profiles'!$G$19=$B$10,7,0)+IF('Standard Profiles'!$G$19=$B$17,14,0)+IF('Standard Profiles'!$G$19=$B$24,21,0),MOD($C5036,24)+1)/SUM(INDEX($D$3:$AA$30,INDEX(Jesper!$R$2:$R$366,ROW(INDEX(Jesper!AI$2:AI$366,ROUNDDOWN($C5036/24,0)+1,1))-1)+IF('Standard Profiles'!$G$19=$B$10,7,0)+IF('Standard Profiles'!$G$19=$B$17,14,0)+IF('Standard Profiles'!$G$19=$B$24,21,0),0)),0)</f>
        <v>11.207984838110923</v>
      </c>
      <c r="F5036" cm="1">
        <f t="array" ref="F5036">IFERROR(INDEX(Jesper!AJ$2:AJ$366,ROUNDDOWN($C5036/24,0)+1,1)*INDEX($D$3:$AA$30,INDEX(Jesper!$R$2:$R$366,ROW(INDEX(Jesper!AJ$2:AJ$366,ROUNDDOWN($C5036/24,0)+1,1))-1)+IF('Standard Profiles'!$G$20=$B$10,7,0)+IF('Standard Profiles'!$G$20=$B$17,14,0)+IF('Standard Profiles'!$G$20=$B$24,21,0),MOD($C5036,24)+1)/SUM(INDEX($D$3:$AA$30,INDEX(Jesper!$R$2:$R$366,ROW(INDEX(Jesper!AJ$2:AJ$366,ROUNDDOWN($C5036/24,0)+1,1))-1)+IF('Standard Profiles'!$G$20=$B$10,7,0)+IF('Standard Profiles'!$G$20=$B$17,14,0)+IF('Standard Profiles'!$G$20=$B$24,21,0),0)),0)</f>
        <v>0</v>
      </c>
      <c r="G5036" cm="1">
        <f t="array" ref="G5036">IFERROR(INDEX(Jesper!AK$2:AK$366,ROUNDDOWN($C5036/24,0)+1,1)*INDEX($D$3:$AA$30,INDEX(Jesper!$R$2:$R$366,ROW(INDEX(Jesper!AK$2:AK$366,ROUNDDOWN($C5036/24,0)+1,1))-1)+IF('Standard Profiles'!$G$21=$B$10,7,0)+IF('Standard Profiles'!$G$21=$B$17,14,0)+IF('Standard Profiles'!$G$21=$B$24,21,0),MOD($C5036,24)+1)/SUM(INDEX($D$3:$AA$30,INDEX(Jesper!$R$2:$R$366,ROW(INDEX(Jesper!AK$2:AK$366,ROUNDDOWN($C5036/24,0)+1,1))-1)+IF('Standard Profiles'!$G$21=$B$10,7,0)+IF('Standard Profiles'!$G$21=$B$17,14,0)+IF('Standard Profiles'!$G$21=$B$24,21,0),0)),0)</f>
        <v>0</v>
      </c>
      <c r="H5036" cm="1">
        <f t="array" ref="H5036">IFERROR(INDEX(Jesper!AL$2:AL$366,ROUNDDOWN($C5036/24,0)+1,1)*INDEX($D$3:$AA$30,INDEX(Jesper!$R$2:$R$366,ROW(INDEX(Jesper!AL$2:AL$366,ROUNDDOWN($C5036/24,0)+1,1))-1)+IF('Standard Profiles'!$G$22=$B$10,7,0)+IF('Standard Profiles'!$G$22=$B$17,14,0)+IF('Standard Profiles'!$G$22=$B$24,21,0),MOD($C5036,24)+1)/SUM(INDEX($D$3:$AA$30,INDEX(Jesper!$R$2:$R$366,ROW(INDEX(Jesper!AL$2:AL$366,ROUNDDOWN($C5036/24,0)+1,1))-1)+IF('Standard Profiles'!$G$22=$B$10,7,0)+IF('Standard Profiles'!$G$22=$B$17,14,0)+IF('Standard Profiles'!$G$22=$B$24,21,0),0)),0)</f>
        <v>0</v>
      </c>
      <c r="I5036">
        <f t="shared" si="566"/>
        <v>0</v>
      </c>
      <c r="J5036">
        <f t="shared" si="567"/>
        <v>35.0842568947972</v>
      </c>
      <c r="K5036">
        <f t="shared" si="568"/>
        <v>3.0319075627538132</v>
      </c>
      <c r="L5036">
        <f t="shared" si="569"/>
        <v>1.5159537813769066</v>
      </c>
      <c r="M5036">
        <f t="shared" si="570"/>
        <v>0</v>
      </c>
      <c r="N5036" s="45">
        <f t="shared" si="571"/>
        <v>45135.416666654535</v>
      </c>
    </row>
    <row r="5037" spans="2:14" x14ac:dyDescent="0.25">
      <c r="B5037">
        <f t="shared" si="565"/>
        <v>5</v>
      </c>
      <c r="C5037" s="16">
        <v>5003</v>
      </c>
      <c r="D5037" cm="1">
        <f t="array" ref="D5037">IFERROR(INDEX(Jesper!AH$2:AH$366,ROUNDDOWN($C5037/24,0)+1,1)*INDEX($D$3:$AA$30,INDEX(Jesper!$R$2:$R$366,ROW(INDEX(Jesper!AH$2:AH$366,ROUNDDOWN($C5037/24,0)+1,1))-1)+IF('Standard Profiles'!$G$18=$B$10,7,0)+IF('Standard Profiles'!$G$18=$B$17,14,0)+IF('Standard Profiles'!$G$18=$B$24,21,0),MOD($C5037,24)+1)/SUM(INDEX($D$3:$AA$30,INDEX(Jesper!$R$2:$R$366,ROW(INDEX(Jesper!AH$2:AH$366,ROUNDDOWN($C5037/24,0)+1,1))-1)+IF('Standard Profiles'!$G$18=$B$10,7,0)+IF('Standard Profiles'!$G$18=$B$17,14,0)+IF('Standard Profiles'!$G$18=$B$24,21,0),0)),0)</f>
        <v>33.592157655511002</v>
      </c>
      <c r="E5037" cm="1">
        <f t="array" ref="E5037">IFERROR(INDEX(Jesper!AI$2:AI$366,ROUNDDOWN($C5037/24,0)+1,1)*INDEX($D$3:$AA$30,INDEX(Jesper!$R$2:$R$366,ROW(INDEX(Jesper!AI$2:AI$366,ROUNDDOWN($C5037/24,0)+1,1))-1)+IF('Standard Profiles'!$G$19=$B$10,7,0)+IF('Standard Profiles'!$G$19=$B$17,14,0)+IF('Standard Profiles'!$G$19=$B$24,21,0),MOD($C5037,24)+1)/SUM(INDEX($D$3:$AA$30,INDEX(Jesper!$R$2:$R$366,ROW(INDEX(Jesper!AI$2:AI$366,ROUNDDOWN($C5037/24,0)+1,1))-1)+IF('Standard Profiles'!$G$19=$B$10,7,0)+IF('Standard Profiles'!$G$19=$B$17,14,0)+IF('Standard Profiles'!$G$19=$B$24,21,0),0)),0)</f>
        <v>13.245800263222</v>
      </c>
      <c r="F5037" cm="1">
        <f t="array" ref="F5037">IFERROR(INDEX(Jesper!AJ$2:AJ$366,ROUNDDOWN($C5037/24,0)+1,1)*INDEX($D$3:$AA$30,INDEX(Jesper!$R$2:$R$366,ROW(INDEX(Jesper!AJ$2:AJ$366,ROUNDDOWN($C5037/24,0)+1,1))-1)+IF('Standard Profiles'!$G$20=$B$10,7,0)+IF('Standard Profiles'!$G$20=$B$17,14,0)+IF('Standard Profiles'!$G$20=$B$24,21,0),MOD($C5037,24)+1)/SUM(INDEX($D$3:$AA$30,INDEX(Jesper!$R$2:$R$366,ROW(INDEX(Jesper!AJ$2:AJ$366,ROUNDDOWN($C5037/24,0)+1,1))-1)+IF('Standard Profiles'!$G$20=$B$10,7,0)+IF('Standard Profiles'!$G$20=$B$17,14,0)+IF('Standard Profiles'!$G$20=$B$24,21,0),0)),0)</f>
        <v>0</v>
      </c>
      <c r="G5037" cm="1">
        <f t="array" ref="G5037">IFERROR(INDEX(Jesper!AK$2:AK$366,ROUNDDOWN($C5037/24,0)+1,1)*INDEX($D$3:$AA$30,INDEX(Jesper!$R$2:$R$366,ROW(INDEX(Jesper!AK$2:AK$366,ROUNDDOWN($C5037/24,0)+1,1))-1)+IF('Standard Profiles'!$G$21=$B$10,7,0)+IF('Standard Profiles'!$G$21=$B$17,14,0)+IF('Standard Profiles'!$G$21=$B$24,21,0),MOD($C5037,24)+1)/SUM(INDEX($D$3:$AA$30,INDEX(Jesper!$R$2:$R$366,ROW(INDEX(Jesper!AK$2:AK$366,ROUNDDOWN($C5037/24,0)+1,1))-1)+IF('Standard Profiles'!$G$21=$B$10,7,0)+IF('Standard Profiles'!$G$21=$B$17,14,0)+IF('Standard Profiles'!$G$21=$B$24,21,0),0)),0)</f>
        <v>0</v>
      </c>
      <c r="H5037" cm="1">
        <f t="array" ref="H5037">IFERROR(INDEX(Jesper!AL$2:AL$366,ROUNDDOWN($C5037/24,0)+1,1)*INDEX($D$3:$AA$30,INDEX(Jesper!$R$2:$R$366,ROW(INDEX(Jesper!AL$2:AL$366,ROUNDDOWN($C5037/24,0)+1,1))-1)+IF('Standard Profiles'!$G$22=$B$10,7,0)+IF('Standard Profiles'!$G$22=$B$17,14,0)+IF('Standard Profiles'!$G$22=$B$24,21,0),MOD($C5037,24)+1)/SUM(INDEX($D$3:$AA$30,INDEX(Jesper!$R$2:$R$366,ROW(INDEX(Jesper!AL$2:AL$366,ROUNDDOWN($C5037/24,0)+1,1))-1)+IF('Standard Profiles'!$G$22=$B$10,7,0)+IF('Standard Profiles'!$G$22=$B$17,14,0)+IF('Standard Profiles'!$G$22=$B$24,21,0),0)),0)</f>
        <v>0</v>
      </c>
      <c r="I5037">
        <f t="shared" si="566"/>
        <v>0</v>
      </c>
      <c r="J5037">
        <f t="shared" si="567"/>
        <v>41.46321269385124</v>
      </c>
      <c r="K5037">
        <f t="shared" si="568"/>
        <v>3.583163483254507</v>
      </c>
      <c r="L5037">
        <f t="shared" si="569"/>
        <v>1.7915817416272535</v>
      </c>
      <c r="M5037">
        <f t="shared" si="570"/>
        <v>0</v>
      </c>
      <c r="N5037" s="45">
        <f t="shared" si="571"/>
        <v>45135.458333321199</v>
      </c>
    </row>
    <row r="5038" spans="2:14" x14ac:dyDescent="0.25">
      <c r="B5038">
        <f t="shared" si="565"/>
        <v>5</v>
      </c>
      <c r="C5038" s="16">
        <v>5004</v>
      </c>
      <c r="D5038" cm="1">
        <f t="array" ref="D5038">IFERROR(INDEX(Jesper!AH$2:AH$366,ROUNDDOWN($C5038/24,0)+1,1)*INDEX($D$3:$AA$30,INDEX(Jesper!$R$2:$R$366,ROW(INDEX(Jesper!AH$2:AH$366,ROUNDDOWN($C5038/24,0)+1,1))-1)+IF('Standard Profiles'!$G$18=$B$10,7,0)+IF('Standard Profiles'!$G$18=$B$17,14,0)+IF('Standard Profiles'!$G$18=$B$24,21,0),MOD($C5038,24)+1)/SUM(INDEX($D$3:$AA$30,INDEX(Jesper!$R$2:$R$366,ROW(INDEX(Jesper!AH$2:AH$366,ROUNDDOWN($C5038/24,0)+1,1))-1)+IF('Standard Profiles'!$G$18=$B$10,7,0)+IF('Standard Profiles'!$G$18=$B$17,14,0)+IF('Standard Profiles'!$G$18=$B$24,21,0),0)),0)</f>
        <v>33.592157655511002</v>
      </c>
      <c r="E5038" cm="1">
        <f t="array" ref="E5038">IFERROR(INDEX(Jesper!AI$2:AI$366,ROUNDDOWN($C5038/24,0)+1,1)*INDEX($D$3:$AA$30,INDEX(Jesper!$R$2:$R$366,ROW(INDEX(Jesper!AI$2:AI$366,ROUNDDOWN($C5038/24,0)+1,1))-1)+IF('Standard Profiles'!$G$19=$B$10,7,0)+IF('Standard Profiles'!$G$19=$B$17,14,0)+IF('Standard Profiles'!$G$19=$B$24,21,0),MOD($C5038,24)+1)/SUM(INDEX($D$3:$AA$30,INDEX(Jesper!$R$2:$R$366,ROW(INDEX(Jesper!AI$2:AI$366,ROUNDDOWN($C5038/24,0)+1,1))-1)+IF('Standard Profiles'!$G$19=$B$10,7,0)+IF('Standard Profiles'!$G$19=$B$17,14,0)+IF('Standard Profiles'!$G$19=$B$24,21,0),0)),0)</f>
        <v>13.245800263222</v>
      </c>
      <c r="F5038" cm="1">
        <f t="array" ref="F5038">IFERROR(INDEX(Jesper!AJ$2:AJ$366,ROUNDDOWN($C5038/24,0)+1,1)*INDEX($D$3:$AA$30,INDEX(Jesper!$R$2:$R$366,ROW(INDEX(Jesper!AJ$2:AJ$366,ROUNDDOWN($C5038/24,0)+1,1))-1)+IF('Standard Profiles'!$G$20=$B$10,7,0)+IF('Standard Profiles'!$G$20=$B$17,14,0)+IF('Standard Profiles'!$G$20=$B$24,21,0),MOD($C5038,24)+1)/SUM(INDEX($D$3:$AA$30,INDEX(Jesper!$R$2:$R$366,ROW(INDEX(Jesper!AJ$2:AJ$366,ROUNDDOWN($C5038/24,0)+1,1))-1)+IF('Standard Profiles'!$G$20=$B$10,7,0)+IF('Standard Profiles'!$G$20=$B$17,14,0)+IF('Standard Profiles'!$G$20=$B$24,21,0),0)),0)</f>
        <v>0</v>
      </c>
      <c r="G5038" cm="1">
        <f t="array" ref="G5038">IFERROR(INDEX(Jesper!AK$2:AK$366,ROUNDDOWN($C5038/24,0)+1,1)*INDEX($D$3:$AA$30,INDEX(Jesper!$R$2:$R$366,ROW(INDEX(Jesper!AK$2:AK$366,ROUNDDOWN($C5038/24,0)+1,1))-1)+IF('Standard Profiles'!$G$21=$B$10,7,0)+IF('Standard Profiles'!$G$21=$B$17,14,0)+IF('Standard Profiles'!$G$21=$B$24,21,0),MOD($C5038,24)+1)/SUM(INDEX($D$3:$AA$30,INDEX(Jesper!$R$2:$R$366,ROW(INDEX(Jesper!AK$2:AK$366,ROUNDDOWN($C5038/24,0)+1,1))-1)+IF('Standard Profiles'!$G$21=$B$10,7,0)+IF('Standard Profiles'!$G$21=$B$17,14,0)+IF('Standard Profiles'!$G$21=$B$24,21,0),0)),0)</f>
        <v>0</v>
      </c>
      <c r="H5038" cm="1">
        <f t="array" ref="H5038">IFERROR(INDEX(Jesper!AL$2:AL$366,ROUNDDOWN($C5038/24,0)+1,1)*INDEX($D$3:$AA$30,INDEX(Jesper!$R$2:$R$366,ROW(INDEX(Jesper!AL$2:AL$366,ROUNDDOWN($C5038/24,0)+1,1))-1)+IF('Standard Profiles'!$G$22=$B$10,7,0)+IF('Standard Profiles'!$G$22=$B$17,14,0)+IF('Standard Profiles'!$G$22=$B$24,21,0),MOD($C5038,24)+1)/SUM(INDEX($D$3:$AA$30,INDEX(Jesper!$R$2:$R$366,ROW(INDEX(Jesper!AL$2:AL$366,ROUNDDOWN($C5038/24,0)+1,1))-1)+IF('Standard Profiles'!$G$22=$B$10,7,0)+IF('Standard Profiles'!$G$22=$B$17,14,0)+IF('Standard Profiles'!$G$22=$B$24,21,0),0)),0)</f>
        <v>0</v>
      </c>
      <c r="I5038">
        <f t="shared" si="566"/>
        <v>0</v>
      </c>
      <c r="J5038">
        <f t="shared" si="567"/>
        <v>41.46321269385124</v>
      </c>
      <c r="K5038">
        <f t="shared" si="568"/>
        <v>3.583163483254507</v>
      </c>
      <c r="L5038">
        <f t="shared" si="569"/>
        <v>1.7915817416272535</v>
      </c>
      <c r="M5038">
        <f t="shared" si="570"/>
        <v>0</v>
      </c>
      <c r="N5038" s="45">
        <f t="shared" si="571"/>
        <v>45135.499999987864</v>
      </c>
    </row>
    <row r="5039" spans="2:14" x14ac:dyDescent="0.25">
      <c r="B5039">
        <f t="shared" si="565"/>
        <v>5</v>
      </c>
      <c r="C5039" s="16">
        <v>5005</v>
      </c>
      <c r="D5039" cm="1">
        <f t="array" ref="D5039">IFERROR(INDEX(Jesper!AH$2:AH$366,ROUNDDOWN($C5039/24,0)+1,1)*INDEX($D$3:$AA$30,INDEX(Jesper!$R$2:$R$366,ROW(INDEX(Jesper!AH$2:AH$366,ROUNDDOWN($C5039/24,0)+1,1))-1)+IF('Standard Profiles'!$G$18=$B$10,7,0)+IF('Standard Profiles'!$G$18=$B$17,14,0)+IF('Standard Profiles'!$G$18=$B$24,21,0),MOD($C5039,24)+1)/SUM(INDEX($D$3:$AA$30,INDEX(Jesper!$R$2:$R$366,ROW(INDEX(Jesper!AH$2:AH$366,ROUNDDOWN($C5039/24,0)+1,1))-1)+IF('Standard Profiles'!$G$18=$B$10,7,0)+IF('Standard Profiles'!$G$18=$B$17,14,0)+IF('Standard Profiles'!$G$18=$B$24,21,0),0)),0)</f>
        <v>23.256109146122999</v>
      </c>
      <c r="E5039" cm="1">
        <f t="array" ref="E5039">IFERROR(INDEX(Jesper!AI$2:AI$366,ROUNDDOWN($C5039/24,0)+1,1)*INDEX($D$3:$AA$30,INDEX(Jesper!$R$2:$R$366,ROW(INDEX(Jesper!AI$2:AI$366,ROUNDDOWN($C5039/24,0)+1,1))-1)+IF('Standard Profiles'!$G$19=$B$10,7,0)+IF('Standard Profiles'!$G$19=$B$17,14,0)+IF('Standard Profiles'!$G$19=$B$24,21,0),MOD($C5039,24)+1)/SUM(INDEX($D$3:$AA$30,INDEX(Jesper!$R$2:$R$366,ROW(INDEX(Jesper!AI$2:AI$366,ROUNDDOWN($C5039/24,0)+1,1))-1)+IF('Standard Profiles'!$G$19=$B$10,7,0)+IF('Standard Profiles'!$G$19=$B$17,14,0)+IF('Standard Profiles'!$G$19=$B$24,21,0),0)),0)</f>
        <v>9.1701694129998454</v>
      </c>
      <c r="F5039" cm="1">
        <f t="array" ref="F5039">IFERROR(INDEX(Jesper!AJ$2:AJ$366,ROUNDDOWN($C5039/24,0)+1,1)*INDEX($D$3:$AA$30,INDEX(Jesper!$R$2:$R$366,ROW(INDEX(Jesper!AJ$2:AJ$366,ROUNDDOWN($C5039/24,0)+1,1))-1)+IF('Standard Profiles'!$G$20=$B$10,7,0)+IF('Standard Profiles'!$G$20=$B$17,14,0)+IF('Standard Profiles'!$G$20=$B$24,21,0),MOD($C5039,24)+1)/SUM(INDEX($D$3:$AA$30,INDEX(Jesper!$R$2:$R$366,ROW(INDEX(Jesper!AJ$2:AJ$366,ROUNDDOWN($C5039/24,0)+1,1))-1)+IF('Standard Profiles'!$G$20=$B$10,7,0)+IF('Standard Profiles'!$G$20=$B$17,14,0)+IF('Standard Profiles'!$G$20=$B$24,21,0),0)),0)</f>
        <v>0</v>
      </c>
      <c r="G5039" cm="1">
        <f t="array" ref="G5039">IFERROR(INDEX(Jesper!AK$2:AK$366,ROUNDDOWN($C5039/24,0)+1,1)*INDEX($D$3:$AA$30,INDEX(Jesper!$R$2:$R$366,ROW(INDEX(Jesper!AK$2:AK$366,ROUNDDOWN($C5039/24,0)+1,1))-1)+IF('Standard Profiles'!$G$21=$B$10,7,0)+IF('Standard Profiles'!$G$21=$B$17,14,0)+IF('Standard Profiles'!$G$21=$B$24,21,0),MOD($C5039,24)+1)/SUM(INDEX($D$3:$AA$30,INDEX(Jesper!$R$2:$R$366,ROW(INDEX(Jesper!AK$2:AK$366,ROUNDDOWN($C5039/24,0)+1,1))-1)+IF('Standard Profiles'!$G$21=$B$10,7,0)+IF('Standard Profiles'!$G$21=$B$17,14,0)+IF('Standard Profiles'!$G$21=$B$24,21,0),0)),0)</f>
        <v>0</v>
      </c>
      <c r="H5039" cm="1">
        <f t="array" ref="H5039">IFERROR(INDEX(Jesper!AL$2:AL$366,ROUNDDOWN($C5039/24,0)+1,1)*INDEX($D$3:$AA$30,INDEX(Jesper!$R$2:$R$366,ROW(INDEX(Jesper!AL$2:AL$366,ROUNDDOWN($C5039/24,0)+1,1))-1)+IF('Standard Profiles'!$G$22=$B$10,7,0)+IF('Standard Profiles'!$G$22=$B$17,14,0)+IF('Standard Profiles'!$G$22=$B$24,21,0),MOD($C5039,24)+1)/SUM(INDEX($D$3:$AA$30,INDEX(Jesper!$R$2:$R$366,ROW(INDEX(Jesper!AL$2:AL$366,ROUNDDOWN($C5039/24,0)+1,1))-1)+IF('Standard Profiles'!$G$22=$B$10,7,0)+IF('Standard Profiles'!$G$22=$B$17,14,0)+IF('Standard Profiles'!$G$22=$B$24,21,0),0)),0)</f>
        <v>0</v>
      </c>
      <c r="I5039">
        <f t="shared" si="566"/>
        <v>0</v>
      </c>
      <c r="J5039">
        <f t="shared" si="567"/>
        <v>28.705301095743167</v>
      </c>
      <c r="K5039">
        <f t="shared" si="568"/>
        <v>2.48065164225312</v>
      </c>
      <c r="L5039">
        <f t="shared" si="569"/>
        <v>1.24032582112656</v>
      </c>
      <c r="M5039">
        <f t="shared" si="570"/>
        <v>0</v>
      </c>
      <c r="N5039" s="45">
        <f t="shared" si="571"/>
        <v>45135.541666654528</v>
      </c>
    </row>
    <row r="5040" spans="2:14" x14ac:dyDescent="0.25">
      <c r="B5040">
        <f t="shared" si="565"/>
        <v>5</v>
      </c>
      <c r="C5040" s="16">
        <v>5006</v>
      </c>
      <c r="D5040" cm="1">
        <f t="array" ref="D5040">IFERROR(INDEX(Jesper!AH$2:AH$366,ROUNDDOWN($C5040/24,0)+1,1)*INDEX($D$3:$AA$30,INDEX(Jesper!$R$2:$R$366,ROW(INDEX(Jesper!AH$2:AH$366,ROUNDDOWN($C5040/24,0)+1,1))-1)+IF('Standard Profiles'!$G$18=$B$10,7,0)+IF('Standard Profiles'!$G$18=$B$17,14,0)+IF('Standard Profiles'!$G$18=$B$24,21,0),MOD($C5040,24)+1)/SUM(INDEX($D$3:$AA$30,INDEX(Jesper!$R$2:$R$366,ROW(INDEX(Jesper!AH$2:AH$366,ROUNDDOWN($C5040/24,0)+1,1))-1)+IF('Standard Profiles'!$G$18=$B$10,7,0)+IF('Standard Profiles'!$G$18=$B$17,14,0)+IF('Standard Profiles'!$G$18=$B$24,21,0),0)),0)</f>
        <v>33.592157655511002</v>
      </c>
      <c r="E5040" cm="1">
        <f t="array" ref="E5040">IFERROR(INDEX(Jesper!AI$2:AI$366,ROUNDDOWN($C5040/24,0)+1,1)*INDEX($D$3:$AA$30,INDEX(Jesper!$R$2:$R$366,ROW(INDEX(Jesper!AI$2:AI$366,ROUNDDOWN($C5040/24,0)+1,1))-1)+IF('Standard Profiles'!$G$19=$B$10,7,0)+IF('Standard Profiles'!$G$19=$B$17,14,0)+IF('Standard Profiles'!$G$19=$B$24,21,0),MOD($C5040,24)+1)/SUM(INDEX($D$3:$AA$30,INDEX(Jesper!$R$2:$R$366,ROW(INDEX(Jesper!AI$2:AI$366,ROUNDDOWN($C5040/24,0)+1,1))-1)+IF('Standard Profiles'!$G$19=$B$10,7,0)+IF('Standard Profiles'!$G$19=$B$17,14,0)+IF('Standard Profiles'!$G$19=$B$24,21,0),0)),0)</f>
        <v>13.245800263222</v>
      </c>
      <c r="F5040" cm="1">
        <f t="array" ref="F5040">IFERROR(INDEX(Jesper!AJ$2:AJ$366,ROUNDDOWN($C5040/24,0)+1,1)*INDEX($D$3:$AA$30,INDEX(Jesper!$R$2:$R$366,ROW(INDEX(Jesper!AJ$2:AJ$366,ROUNDDOWN($C5040/24,0)+1,1))-1)+IF('Standard Profiles'!$G$20=$B$10,7,0)+IF('Standard Profiles'!$G$20=$B$17,14,0)+IF('Standard Profiles'!$G$20=$B$24,21,0),MOD($C5040,24)+1)/SUM(INDEX($D$3:$AA$30,INDEX(Jesper!$R$2:$R$366,ROW(INDEX(Jesper!AJ$2:AJ$366,ROUNDDOWN($C5040/24,0)+1,1))-1)+IF('Standard Profiles'!$G$20=$B$10,7,0)+IF('Standard Profiles'!$G$20=$B$17,14,0)+IF('Standard Profiles'!$G$20=$B$24,21,0),0)),0)</f>
        <v>0</v>
      </c>
      <c r="G5040" cm="1">
        <f t="array" ref="G5040">IFERROR(INDEX(Jesper!AK$2:AK$366,ROUNDDOWN($C5040/24,0)+1,1)*INDEX($D$3:$AA$30,INDEX(Jesper!$R$2:$R$366,ROW(INDEX(Jesper!AK$2:AK$366,ROUNDDOWN($C5040/24,0)+1,1))-1)+IF('Standard Profiles'!$G$21=$B$10,7,0)+IF('Standard Profiles'!$G$21=$B$17,14,0)+IF('Standard Profiles'!$G$21=$B$24,21,0),MOD($C5040,24)+1)/SUM(INDEX($D$3:$AA$30,INDEX(Jesper!$R$2:$R$366,ROW(INDEX(Jesper!AK$2:AK$366,ROUNDDOWN($C5040/24,0)+1,1))-1)+IF('Standard Profiles'!$G$21=$B$10,7,0)+IF('Standard Profiles'!$G$21=$B$17,14,0)+IF('Standard Profiles'!$G$21=$B$24,21,0),0)),0)</f>
        <v>0</v>
      </c>
      <c r="H5040" cm="1">
        <f t="array" ref="H5040">IFERROR(INDEX(Jesper!AL$2:AL$366,ROUNDDOWN($C5040/24,0)+1,1)*INDEX($D$3:$AA$30,INDEX(Jesper!$R$2:$R$366,ROW(INDEX(Jesper!AL$2:AL$366,ROUNDDOWN($C5040/24,0)+1,1))-1)+IF('Standard Profiles'!$G$22=$B$10,7,0)+IF('Standard Profiles'!$G$22=$B$17,14,0)+IF('Standard Profiles'!$G$22=$B$24,21,0),MOD($C5040,24)+1)/SUM(INDEX($D$3:$AA$30,INDEX(Jesper!$R$2:$R$366,ROW(INDEX(Jesper!AL$2:AL$366,ROUNDDOWN($C5040/24,0)+1,1))-1)+IF('Standard Profiles'!$G$22=$B$10,7,0)+IF('Standard Profiles'!$G$22=$B$17,14,0)+IF('Standard Profiles'!$G$22=$B$24,21,0),0)),0)</f>
        <v>0</v>
      </c>
      <c r="I5040">
        <f t="shared" si="566"/>
        <v>0</v>
      </c>
      <c r="J5040">
        <f t="shared" si="567"/>
        <v>41.46321269385124</v>
      </c>
      <c r="K5040">
        <f t="shared" si="568"/>
        <v>3.583163483254507</v>
      </c>
      <c r="L5040">
        <f t="shared" si="569"/>
        <v>1.7915817416272535</v>
      </c>
      <c r="M5040">
        <f t="shared" si="570"/>
        <v>0</v>
      </c>
      <c r="N5040" s="45">
        <f t="shared" si="571"/>
        <v>45135.583333321192</v>
      </c>
    </row>
    <row r="5041" spans="2:14" x14ac:dyDescent="0.25">
      <c r="B5041">
        <f t="shared" si="565"/>
        <v>5</v>
      </c>
      <c r="C5041" s="16">
        <v>5007</v>
      </c>
      <c r="D5041" cm="1">
        <f t="array" ref="D5041">IFERROR(INDEX(Jesper!AH$2:AH$366,ROUNDDOWN($C5041/24,0)+1,1)*INDEX($D$3:$AA$30,INDEX(Jesper!$R$2:$R$366,ROW(INDEX(Jesper!AH$2:AH$366,ROUNDDOWN($C5041/24,0)+1,1))-1)+IF('Standard Profiles'!$G$18=$B$10,7,0)+IF('Standard Profiles'!$G$18=$B$17,14,0)+IF('Standard Profiles'!$G$18=$B$24,21,0),MOD($C5041,24)+1)/SUM(INDEX($D$3:$AA$30,INDEX(Jesper!$R$2:$R$366,ROW(INDEX(Jesper!AH$2:AH$366,ROUNDDOWN($C5041/24,0)+1,1))-1)+IF('Standard Profiles'!$G$18=$B$10,7,0)+IF('Standard Profiles'!$G$18=$B$17,14,0)+IF('Standard Profiles'!$G$18=$B$24,21,0),0)),0)</f>
        <v>25.840121273469997</v>
      </c>
      <c r="E5041" cm="1">
        <f t="array" ref="E5041">IFERROR(INDEX(Jesper!AI$2:AI$366,ROUNDDOWN($C5041/24,0)+1,1)*INDEX($D$3:$AA$30,INDEX(Jesper!$R$2:$R$366,ROW(INDEX(Jesper!AI$2:AI$366,ROUNDDOWN($C5041/24,0)+1,1))-1)+IF('Standard Profiles'!$G$19=$B$10,7,0)+IF('Standard Profiles'!$G$19=$B$17,14,0)+IF('Standard Profiles'!$G$19=$B$24,21,0),MOD($C5041,24)+1)/SUM(INDEX($D$3:$AA$30,INDEX(Jesper!$R$2:$R$366,ROW(INDEX(Jesper!AI$2:AI$366,ROUNDDOWN($C5041/24,0)+1,1))-1)+IF('Standard Profiles'!$G$19=$B$10,7,0)+IF('Standard Profiles'!$G$19=$B$17,14,0)+IF('Standard Profiles'!$G$19=$B$24,21,0),0)),0)</f>
        <v>10.189077125555384</v>
      </c>
      <c r="F5041" cm="1">
        <f t="array" ref="F5041">IFERROR(INDEX(Jesper!AJ$2:AJ$366,ROUNDDOWN($C5041/24,0)+1,1)*INDEX($D$3:$AA$30,INDEX(Jesper!$R$2:$R$366,ROW(INDEX(Jesper!AJ$2:AJ$366,ROUNDDOWN($C5041/24,0)+1,1))-1)+IF('Standard Profiles'!$G$20=$B$10,7,0)+IF('Standard Profiles'!$G$20=$B$17,14,0)+IF('Standard Profiles'!$G$20=$B$24,21,0),MOD($C5041,24)+1)/SUM(INDEX($D$3:$AA$30,INDEX(Jesper!$R$2:$R$366,ROW(INDEX(Jesper!AJ$2:AJ$366,ROUNDDOWN($C5041/24,0)+1,1))-1)+IF('Standard Profiles'!$G$20=$B$10,7,0)+IF('Standard Profiles'!$G$20=$B$17,14,0)+IF('Standard Profiles'!$G$20=$B$24,21,0),0)),0)</f>
        <v>0</v>
      </c>
      <c r="G5041" cm="1">
        <f t="array" ref="G5041">IFERROR(INDEX(Jesper!AK$2:AK$366,ROUNDDOWN($C5041/24,0)+1,1)*INDEX($D$3:$AA$30,INDEX(Jesper!$R$2:$R$366,ROW(INDEX(Jesper!AK$2:AK$366,ROUNDDOWN($C5041/24,0)+1,1))-1)+IF('Standard Profiles'!$G$21=$B$10,7,0)+IF('Standard Profiles'!$G$21=$B$17,14,0)+IF('Standard Profiles'!$G$21=$B$24,21,0),MOD($C5041,24)+1)/SUM(INDEX($D$3:$AA$30,INDEX(Jesper!$R$2:$R$366,ROW(INDEX(Jesper!AK$2:AK$366,ROUNDDOWN($C5041/24,0)+1,1))-1)+IF('Standard Profiles'!$G$21=$B$10,7,0)+IF('Standard Profiles'!$G$21=$B$17,14,0)+IF('Standard Profiles'!$G$21=$B$24,21,0),0)),0)</f>
        <v>0</v>
      </c>
      <c r="H5041" cm="1">
        <f t="array" ref="H5041">IFERROR(INDEX(Jesper!AL$2:AL$366,ROUNDDOWN($C5041/24,0)+1,1)*INDEX($D$3:$AA$30,INDEX(Jesper!$R$2:$R$366,ROW(INDEX(Jesper!AL$2:AL$366,ROUNDDOWN($C5041/24,0)+1,1))-1)+IF('Standard Profiles'!$G$22=$B$10,7,0)+IF('Standard Profiles'!$G$22=$B$17,14,0)+IF('Standard Profiles'!$G$22=$B$24,21,0),MOD($C5041,24)+1)/SUM(INDEX($D$3:$AA$30,INDEX(Jesper!$R$2:$R$366,ROW(INDEX(Jesper!AL$2:AL$366,ROUNDDOWN($C5041/24,0)+1,1))-1)+IF('Standard Profiles'!$G$22=$B$10,7,0)+IF('Standard Profiles'!$G$22=$B$17,14,0)+IF('Standard Profiles'!$G$22=$B$24,21,0),0)),0)</f>
        <v>0</v>
      </c>
      <c r="I5041">
        <f t="shared" si="566"/>
        <v>0</v>
      </c>
      <c r="J5041">
        <f t="shared" si="567"/>
        <v>31.89477899527018</v>
      </c>
      <c r="K5041">
        <f t="shared" si="568"/>
        <v>2.7562796025034664</v>
      </c>
      <c r="L5041">
        <f t="shared" si="569"/>
        <v>1.3781398012517332</v>
      </c>
      <c r="M5041">
        <f t="shared" si="570"/>
        <v>0</v>
      </c>
      <c r="N5041" s="45">
        <f t="shared" si="571"/>
        <v>45135.624999987856</v>
      </c>
    </row>
    <row r="5042" spans="2:14" x14ac:dyDescent="0.25">
      <c r="B5042">
        <f t="shared" si="565"/>
        <v>5</v>
      </c>
      <c r="C5042" s="16">
        <v>5008</v>
      </c>
      <c r="D5042" cm="1">
        <f t="array" ref="D5042">IFERROR(INDEX(Jesper!AH$2:AH$366,ROUNDDOWN($C5042/24,0)+1,1)*INDEX($D$3:$AA$30,INDEX(Jesper!$R$2:$R$366,ROW(INDEX(Jesper!AH$2:AH$366,ROUNDDOWN($C5042/24,0)+1,1))-1)+IF('Standard Profiles'!$G$18=$B$10,7,0)+IF('Standard Profiles'!$G$18=$B$17,14,0)+IF('Standard Profiles'!$G$18=$B$24,21,0),MOD($C5042,24)+1)/SUM(INDEX($D$3:$AA$30,INDEX(Jesper!$R$2:$R$366,ROW(INDEX(Jesper!AH$2:AH$366,ROUNDDOWN($C5042/24,0)+1,1))-1)+IF('Standard Profiles'!$G$18=$B$10,7,0)+IF('Standard Profiles'!$G$18=$B$17,14,0)+IF('Standard Profiles'!$G$18=$B$24,21,0),0)),0)</f>
        <v>12.131512334962441</v>
      </c>
      <c r="E5042" cm="1">
        <f t="array" ref="E5042">IFERROR(INDEX(Jesper!AI$2:AI$366,ROUNDDOWN($C5042/24,0)+1,1)*INDEX($D$3:$AA$30,INDEX(Jesper!$R$2:$R$366,ROW(INDEX(Jesper!AI$2:AI$366,ROUNDDOWN($C5042/24,0)+1,1))-1)+IF('Standard Profiles'!$G$19=$B$10,7,0)+IF('Standard Profiles'!$G$19=$B$17,14,0)+IF('Standard Profiles'!$G$19=$B$24,21,0),MOD($C5042,24)+1)/SUM(INDEX($D$3:$AA$30,INDEX(Jesper!$R$2:$R$366,ROW(INDEX(Jesper!AI$2:AI$366,ROUNDDOWN($C5042/24,0)+1,1))-1)+IF('Standard Profiles'!$G$19=$B$10,7,0)+IF('Standard Profiles'!$G$19=$B$17,14,0)+IF('Standard Profiles'!$G$19=$B$24,21,0),0)),0)</f>
        <v>4.7836042842983026</v>
      </c>
      <c r="F5042" cm="1">
        <f t="array" ref="F5042">IFERROR(INDEX(Jesper!AJ$2:AJ$366,ROUNDDOWN($C5042/24,0)+1,1)*INDEX($D$3:$AA$30,INDEX(Jesper!$R$2:$R$366,ROW(INDEX(Jesper!AJ$2:AJ$366,ROUNDDOWN($C5042/24,0)+1,1))-1)+IF('Standard Profiles'!$G$20=$B$10,7,0)+IF('Standard Profiles'!$G$20=$B$17,14,0)+IF('Standard Profiles'!$G$20=$B$24,21,0),MOD($C5042,24)+1)/SUM(INDEX($D$3:$AA$30,INDEX(Jesper!$R$2:$R$366,ROW(INDEX(Jesper!AJ$2:AJ$366,ROUNDDOWN($C5042/24,0)+1,1))-1)+IF('Standard Profiles'!$G$20=$B$10,7,0)+IF('Standard Profiles'!$G$20=$B$17,14,0)+IF('Standard Profiles'!$G$20=$B$24,21,0),0)),0)</f>
        <v>0</v>
      </c>
      <c r="G5042" cm="1">
        <f t="array" ref="G5042">IFERROR(INDEX(Jesper!AK$2:AK$366,ROUNDDOWN($C5042/24,0)+1,1)*INDEX($D$3:$AA$30,INDEX(Jesper!$R$2:$R$366,ROW(INDEX(Jesper!AK$2:AK$366,ROUNDDOWN($C5042/24,0)+1,1))-1)+IF('Standard Profiles'!$G$21=$B$10,7,0)+IF('Standard Profiles'!$G$21=$B$17,14,0)+IF('Standard Profiles'!$G$21=$B$24,21,0),MOD($C5042,24)+1)/SUM(INDEX($D$3:$AA$30,INDEX(Jesper!$R$2:$R$366,ROW(INDEX(Jesper!AK$2:AK$366,ROUNDDOWN($C5042/24,0)+1,1))-1)+IF('Standard Profiles'!$G$21=$B$10,7,0)+IF('Standard Profiles'!$G$21=$B$17,14,0)+IF('Standard Profiles'!$G$21=$B$24,21,0),0)),0)</f>
        <v>0</v>
      </c>
      <c r="H5042" cm="1">
        <f t="array" ref="H5042">IFERROR(INDEX(Jesper!AL$2:AL$366,ROUNDDOWN($C5042/24,0)+1,1)*INDEX($D$3:$AA$30,INDEX(Jesper!$R$2:$R$366,ROW(INDEX(Jesper!AL$2:AL$366,ROUNDDOWN($C5042/24,0)+1,1))-1)+IF('Standard Profiles'!$G$22=$B$10,7,0)+IF('Standard Profiles'!$G$22=$B$17,14,0)+IF('Standard Profiles'!$G$22=$B$24,21,0),MOD($C5042,24)+1)/SUM(INDEX($D$3:$AA$30,INDEX(Jesper!$R$2:$R$366,ROW(INDEX(Jesper!AL$2:AL$366,ROUNDDOWN($C5042/24,0)+1,1))-1)+IF('Standard Profiles'!$G$22=$B$10,7,0)+IF('Standard Profiles'!$G$22=$B$17,14,0)+IF('Standard Profiles'!$G$22=$B$24,21,0),0)),0)</f>
        <v>0</v>
      </c>
      <c r="I5042">
        <f t="shared" si="566"/>
        <v>0</v>
      </c>
      <c r="J5042">
        <f t="shared" si="567"/>
        <v>14.974074645666752</v>
      </c>
      <c r="K5042">
        <f t="shared" si="568"/>
        <v>1.2940279823959937</v>
      </c>
      <c r="L5042">
        <f t="shared" si="569"/>
        <v>0.64701399119799685</v>
      </c>
      <c r="M5042">
        <f t="shared" si="570"/>
        <v>0</v>
      </c>
      <c r="N5042" s="45">
        <f t="shared" si="571"/>
        <v>45135.666666654521</v>
      </c>
    </row>
    <row r="5043" spans="2:14" x14ac:dyDescent="0.25">
      <c r="B5043">
        <f t="shared" si="565"/>
        <v>5</v>
      </c>
      <c r="C5043" s="16">
        <v>5009</v>
      </c>
      <c r="D5043" cm="1">
        <f t="array" ref="D5043">IFERROR(INDEX(Jesper!AH$2:AH$366,ROUNDDOWN($C5043/24,0)+1,1)*INDEX($D$3:$AA$30,INDEX(Jesper!$R$2:$R$366,ROW(INDEX(Jesper!AH$2:AH$366,ROUNDDOWN($C5043/24,0)+1,1))-1)+IF('Standard Profiles'!$G$18=$B$10,7,0)+IF('Standard Profiles'!$G$18=$B$17,14,0)+IF('Standard Profiles'!$G$18=$B$24,21,0),MOD($C5043,24)+1)/SUM(INDEX($D$3:$AA$30,INDEX(Jesper!$R$2:$R$366,ROW(INDEX(Jesper!AH$2:AH$366,ROUNDDOWN($C5043/24,0)+1,1))-1)+IF('Standard Profiles'!$G$18=$B$10,7,0)+IF('Standard Profiles'!$G$18=$B$17,14,0)+IF('Standard Profiles'!$G$18=$B$24,21,0),0)),0)</f>
        <v>8.0067981410752118</v>
      </c>
      <c r="E5043" cm="1">
        <f t="array" ref="E5043">IFERROR(INDEX(Jesper!AI$2:AI$366,ROUNDDOWN($C5043/24,0)+1,1)*INDEX($D$3:$AA$30,INDEX(Jesper!$R$2:$R$366,ROW(INDEX(Jesper!AI$2:AI$366,ROUNDDOWN($C5043/24,0)+1,1))-1)+IF('Standard Profiles'!$G$19=$B$10,7,0)+IF('Standard Profiles'!$G$19=$B$17,14,0)+IF('Standard Profiles'!$G$19=$B$24,21,0),MOD($C5043,24)+1)/SUM(INDEX($D$3:$AA$30,INDEX(Jesper!$R$2:$R$366,ROW(INDEX(Jesper!AI$2:AI$366,ROUNDDOWN($C5043/24,0)+1,1))-1)+IF('Standard Profiles'!$G$19=$B$10,7,0)+IF('Standard Profiles'!$G$19=$B$17,14,0)+IF('Standard Profiles'!$G$19=$B$24,21,0),0)),0)</f>
        <v>3.1571788276368795</v>
      </c>
      <c r="F5043" cm="1">
        <f t="array" ref="F5043">IFERROR(INDEX(Jesper!AJ$2:AJ$366,ROUNDDOWN($C5043/24,0)+1,1)*INDEX($D$3:$AA$30,INDEX(Jesper!$R$2:$R$366,ROW(INDEX(Jesper!AJ$2:AJ$366,ROUNDDOWN($C5043/24,0)+1,1))-1)+IF('Standard Profiles'!$G$20=$B$10,7,0)+IF('Standard Profiles'!$G$20=$B$17,14,0)+IF('Standard Profiles'!$G$20=$B$24,21,0),MOD($C5043,24)+1)/SUM(INDEX($D$3:$AA$30,INDEX(Jesper!$R$2:$R$366,ROW(INDEX(Jesper!AJ$2:AJ$366,ROUNDDOWN($C5043/24,0)+1,1))-1)+IF('Standard Profiles'!$G$20=$B$10,7,0)+IF('Standard Profiles'!$G$20=$B$17,14,0)+IF('Standard Profiles'!$G$20=$B$24,21,0),0)),0)</f>
        <v>0</v>
      </c>
      <c r="G5043" cm="1">
        <f t="array" ref="G5043">IFERROR(INDEX(Jesper!AK$2:AK$366,ROUNDDOWN($C5043/24,0)+1,1)*INDEX($D$3:$AA$30,INDEX(Jesper!$R$2:$R$366,ROW(INDEX(Jesper!AK$2:AK$366,ROUNDDOWN($C5043/24,0)+1,1))-1)+IF('Standard Profiles'!$G$21=$B$10,7,0)+IF('Standard Profiles'!$G$21=$B$17,14,0)+IF('Standard Profiles'!$G$21=$B$24,21,0),MOD($C5043,24)+1)/SUM(INDEX($D$3:$AA$30,INDEX(Jesper!$R$2:$R$366,ROW(INDEX(Jesper!AK$2:AK$366,ROUNDDOWN($C5043/24,0)+1,1))-1)+IF('Standard Profiles'!$G$21=$B$10,7,0)+IF('Standard Profiles'!$G$21=$B$17,14,0)+IF('Standard Profiles'!$G$21=$B$24,21,0),0)),0)</f>
        <v>0</v>
      </c>
      <c r="H5043" cm="1">
        <f t="array" ref="H5043">IFERROR(INDEX(Jesper!AL$2:AL$366,ROUNDDOWN($C5043/24,0)+1,1)*INDEX($D$3:$AA$30,INDEX(Jesper!$R$2:$R$366,ROW(INDEX(Jesper!AL$2:AL$366,ROUNDDOWN($C5043/24,0)+1,1))-1)+IF('Standard Profiles'!$G$22=$B$10,7,0)+IF('Standard Profiles'!$G$22=$B$17,14,0)+IF('Standard Profiles'!$G$22=$B$24,21,0),MOD($C5043,24)+1)/SUM(INDEX($D$3:$AA$30,INDEX(Jesper!$R$2:$R$366,ROW(INDEX(Jesper!AL$2:AL$366,ROUNDDOWN($C5043/24,0)+1,1))-1)+IF('Standard Profiles'!$G$22=$B$10,7,0)+IF('Standard Profiles'!$G$22=$B$17,14,0)+IF('Standard Profiles'!$G$22=$B$24,21,0),0)),0)</f>
        <v>0</v>
      </c>
      <c r="I5043">
        <f t="shared" si="566"/>
        <v>0</v>
      </c>
      <c r="J5043">
        <f t="shared" si="567"/>
        <v>9.882889266140058</v>
      </c>
      <c r="K5043">
        <f t="shared" si="568"/>
        <v>0.85405846838135602</v>
      </c>
      <c r="L5043">
        <f t="shared" si="569"/>
        <v>0.42702923419067801</v>
      </c>
      <c r="M5043">
        <f t="shared" si="570"/>
        <v>0</v>
      </c>
      <c r="N5043" s="45">
        <f t="shared" si="571"/>
        <v>45135.708333321185</v>
      </c>
    </row>
    <row r="5044" spans="2:14" x14ac:dyDescent="0.25">
      <c r="B5044">
        <f t="shared" si="565"/>
        <v>5</v>
      </c>
      <c r="C5044" s="16">
        <v>5010</v>
      </c>
      <c r="D5044" cm="1">
        <f t="array" ref="D5044">IFERROR(INDEX(Jesper!AH$2:AH$366,ROUNDDOWN($C5044/24,0)+1,1)*INDEX($D$3:$AA$30,INDEX(Jesper!$R$2:$R$366,ROW(INDEX(Jesper!AH$2:AH$366,ROUNDDOWN($C5044/24,0)+1,1))-1)+IF('Standard Profiles'!$G$18=$B$10,7,0)+IF('Standard Profiles'!$G$18=$B$17,14,0)+IF('Standard Profiles'!$G$18=$B$24,21,0),MOD($C5044,24)+1)/SUM(INDEX($D$3:$AA$30,INDEX(Jesper!$R$2:$R$366,ROW(INDEX(Jesper!AH$2:AH$366,ROUNDDOWN($C5044/24,0)+1,1))-1)+IF('Standard Profiles'!$G$18=$B$10,7,0)+IF('Standard Profiles'!$G$18=$B$17,14,0)+IF('Standard Profiles'!$G$18=$B$24,21,0),0)),0)</f>
        <v>5.0952351806842247</v>
      </c>
      <c r="E5044" cm="1">
        <f t="array" ref="E5044">IFERROR(INDEX(Jesper!AI$2:AI$366,ROUNDDOWN($C5044/24,0)+1,1)*INDEX($D$3:$AA$30,INDEX(Jesper!$R$2:$R$366,ROW(INDEX(Jesper!AI$2:AI$366,ROUNDDOWN($C5044/24,0)+1,1))-1)+IF('Standard Profiles'!$G$19=$B$10,7,0)+IF('Standard Profiles'!$G$19=$B$17,14,0)+IF('Standard Profiles'!$G$19=$B$24,21,0),MOD($C5044,24)+1)/SUM(INDEX($D$3:$AA$30,INDEX(Jesper!$R$2:$R$366,ROW(INDEX(Jesper!AI$2:AI$366,ROUNDDOWN($C5044/24,0)+1,1))-1)+IF('Standard Profiles'!$G$19=$B$10,7,0)+IF('Standard Profiles'!$G$19=$B$17,14,0)+IF('Standard Profiles'!$G$19=$B$24,21,0),0)),0)</f>
        <v>2.009113799405287</v>
      </c>
      <c r="F5044" cm="1">
        <f t="array" ref="F5044">IFERROR(INDEX(Jesper!AJ$2:AJ$366,ROUNDDOWN($C5044/24,0)+1,1)*INDEX($D$3:$AA$30,INDEX(Jesper!$R$2:$R$366,ROW(INDEX(Jesper!AJ$2:AJ$366,ROUNDDOWN($C5044/24,0)+1,1))-1)+IF('Standard Profiles'!$G$20=$B$10,7,0)+IF('Standard Profiles'!$G$20=$B$17,14,0)+IF('Standard Profiles'!$G$20=$B$24,21,0),MOD($C5044,24)+1)/SUM(INDEX($D$3:$AA$30,INDEX(Jesper!$R$2:$R$366,ROW(INDEX(Jesper!AJ$2:AJ$366,ROUNDDOWN($C5044/24,0)+1,1))-1)+IF('Standard Profiles'!$G$20=$B$10,7,0)+IF('Standard Profiles'!$G$20=$B$17,14,0)+IF('Standard Profiles'!$G$20=$B$24,21,0),0)),0)</f>
        <v>0</v>
      </c>
      <c r="G5044" cm="1">
        <f t="array" ref="G5044">IFERROR(INDEX(Jesper!AK$2:AK$366,ROUNDDOWN($C5044/24,0)+1,1)*INDEX($D$3:$AA$30,INDEX(Jesper!$R$2:$R$366,ROW(INDEX(Jesper!AK$2:AK$366,ROUNDDOWN($C5044/24,0)+1,1))-1)+IF('Standard Profiles'!$G$21=$B$10,7,0)+IF('Standard Profiles'!$G$21=$B$17,14,0)+IF('Standard Profiles'!$G$21=$B$24,21,0),MOD($C5044,24)+1)/SUM(INDEX($D$3:$AA$30,INDEX(Jesper!$R$2:$R$366,ROW(INDEX(Jesper!AK$2:AK$366,ROUNDDOWN($C5044/24,0)+1,1))-1)+IF('Standard Profiles'!$G$21=$B$10,7,0)+IF('Standard Profiles'!$G$21=$B$17,14,0)+IF('Standard Profiles'!$G$21=$B$24,21,0),0)),0)</f>
        <v>0</v>
      </c>
      <c r="H5044" cm="1">
        <f t="array" ref="H5044">IFERROR(INDEX(Jesper!AL$2:AL$366,ROUNDDOWN($C5044/24,0)+1,1)*INDEX($D$3:$AA$30,INDEX(Jesper!$R$2:$R$366,ROW(INDEX(Jesper!AL$2:AL$366,ROUNDDOWN($C5044/24,0)+1,1))-1)+IF('Standard Profiles'!$G$22=$B$10,7,0)+IF('Standard Profiles'!$G$22=$B$17,14,0)+IF('Standard Profiles'!$G$22=$B$24,21,0),MOD($C5044,24)+1)/SUM(INDEX($D$3:$AA$30,INDEX(Jesper!$R$2:$R$366,ROW(INDEX(Jesper!AL$2:AL$366,ROUNDDOWN($C5044/24,0)+1,1))-1)+IF('Standard Profiles'!$G$22=$B$10,7,0)+IF('Standard Profiles'!$G$22=$B$17,14,0)+IF('Standard Profiles'!$G$22=$B$24,21,0),0)),0)</f>
        <v>0</v>
      </c>
      <c r="I5044">
        <f t="shared" si="566"/>
        <v>0</v>
      </c>
      <c r="J5044">
        <f t="shared" si="567"/>
        <v>6.2891113511800354</v>
      </c>
      <c r="K5044">
        <f t="shared" si="568"/>
        <v>0.54349175260631732</v>
      </c>
      <c r="L5044">
        <f t="shared" si="569"/>
        <v>0.27174587630315866</v>
      </c>
      <c r="M5044">
        <f t="shared" si="570"/>
        <v>0</v>
      </c>
      <c r="N5044" s="45">
        <f t="shared" si="571"/>
        <v>45135.749999987849</v>
      </c>
    </row>
    <row r="5045" spans="2:14" x14ac:dyDescent="0.25">
      <c r="B5045">
        <f t="shared" si="565"/>
        <v>5</v>
      </c>
      <c r="C5045" s="16">
        <v>5011</v>
      </c>
      <c r="D5045" cm="1">
        <f t="array" ref="D5045">IFERROR(INDEX(Jesper!AH$2:AH$366,ROUNDDOWN($C5045/24,0)+1,1)*INDEX($D$3:$AA$30,INDEX(Jesper!$R$2:$R$366,ROW(INDEX(Jesper!AH$2:AH$366,ROUNDDOWN($C5045/24,0)+1,1))-1)+IF('Standard Profiles'!$G$18=$B$10,7,0)+IF('Standard Profiles'!$G$18=$B$17,14,0)+IF('Standard Profiles'!$G$18=$B$24,21,0),MOD($C5045,24)+1)/SUM(INDEX($D$3:$AA$30,INDEX(Jesper!$R$2:$R$366,ROW(INDEX(Jesper!AH$2:AH$366,ROUNDDOWN($C5045/24,0)+1,1))-1)+IF('Standard Profiles'!$G$18=$B$10,7,0)+IF('Standard Profiles'!$G$18=$B$17,14,0)+IF('Standard Profiles'!$G$18=$B$24,21,0),0)),0)</f>
        <v>4.8526049339849768</v>
      </c>
      <c r="E5045" cm="1">
        <f t="array" ref="E5045">IFERROR(INDEX(Jesper!AI$2:AI$366,ROUNDDOWN($C5045/24,0)+1,1)*INDEX($D$3:$AA$30,INDEX(Jesper!$R$2:$R$366,ROW(INDEX(Jesper!AI$2:AI$366,ROUNDDOWN($C5045/24,0)+1,1))-1)+IF('Standard Profiles'!$G$19=$B$10,7,0)+IF('Standard Profiles'!$G$19=$B$17,14,0)+IF('Standard Profiles'!$G$19=$B$24,21,0),MOD($C5045,24)+1)/SUM(INDEX($D$3:$AA$30,INDEX(Jesper!$R$2:$R$366,ROW(INDEX(Jesper!AI$2:AI$366,ROUNDDOWN($C5045/24,0)+1,1))-1)+IF('Standard Profiles'!$G$19=$B$10,7,0)+IF('Standard Profiles'!$G$19=$B$17,14,0)+IF('Standard Profiles'!$G$19=$B$24,21,0),0)),0)</f>
        <v>1.9134417137193209</v>
      </c>
      <c r="F5045" cm="1">
        <f t="array" ref="F5045">IFERROR(INDEX(Jesper!AJ$2:AJ$366,ROUNDDOWN($C5045/24,0)+1,1)*INDEX($D$3:$AA$30,INDEX(Jesper!$R$2:$R$366,ROW(INDEX(Jesper!AJ$2:AJ$366,ROUNDDOWN($C5045/24,0)+1,1))-1)+IF('Standard Profiles'!$G$20=$B$10,7,0)+IF('Standard Profiles'!$G$20=$B$17,14,0)+IF('Standard Profiles'!$G$20=$B$24,21,0),MOD($C5045,24)+1)/SUM(INDEX($D$3:$AA$30,INDEX(Jesper!$R$2:$R$366,ROW(INDEX(Jesper!AJ$2:AJ$366,ROUNDDOWN($C5045/24,0)+1,1))-1)+IF('Standard Profiles'!$G$20=$B$10,7,0)+IF('Standard Profiles'!$G$20=$B$17,14,0)+IF('Standard Profiles'!$G$20=$B$24,21,0),0)),0)</f>
        <v>0</v>
      </c>
      <c r="G5045" cm="1">
        <f t="array" ref="G5045">IFERROR(INDEX(Jesper!AK$2:AK$366,ROUNDDOWN($C5045/24,0)+1,1)*INDEX($D$3:$AA$30,INDEX(Jesper!$R$2:$R$366,ROW(INDEX(Jesper!AK$2:AK$366,ROUNDDOWN($C5045/24,0)+1,1))-1)+IF('Standard Profiles'!$G$21=$B$10,7,0)+IF('Standard Profiles'!$G$21=$B$17,14,0)+IF('Standard Profiles'!$G$21=$B$24,21,0),MOD($C5045,24)+1)/SUM(INDEX($D$3:$AA$30,INDEX(Jesper!$R$2:$R$366,ROW(INDEX(Jesper!AK$2:AK$366,ROUNDDOWN($C5045/24,0)+1,1))-1)+IF('Standard Profiles'!$G$21=$B$10,7,0)+IF('Standard Profiles'!$G$21=$B$17,14,0)+IF('Standard Profiles'!$G$21=$B$24,21,0),0)),0)</f>
        <v>0</v>
      </c>
      <c r="H5045" cm="1">
        <f t="array" ref="H5045">IFERROR(INDEX(Jesper!AL$2:AL$366,ROUNDDOWN($C5045/24,0)+1,1)*INDEX($D$3:$AA$30,INDEX(Jesper!$R$2:$R$366,ROW(INDEX(Jesper!AL$2:AL$366,ROUNDDOWN($C5045/24,0)+1,1))-1)+IF('Standard Profiles'!$G$22=$B$10,7,0)+IF('Standard Profiles'!$G$22=$B$17,14,0)+IF('Standard Profiles'!$G$22=$B$24,21,0),MOD($C5045,24)+1)/SUM(INDEX($D$3:$AA$30,INDEX(Jesper!$R$2:$R$366,ROW(INDEX(Jesper!AL$2:AL$366,ROUNDDOWN($C5045/24,0)+1,1))-1)+IF('Standard Profiles'!$G$22=$B$10,7,0)+IF('Standard Profiles'!$G$22=$B$17,14,0)+IF('Standard Profiles'!$G$22=$B$24,21,0),0)),0)</f>
        <v>0</v>
      </c>
      <c r="I5045">
        <f t="shared" si="566"/>
        <v>0</v>
      </c>
      <c r="J5045">
        <f t="shared" si="567"/>
        <v>5.9896298582667011</v>
      </c>
      <c r="K5045">
        <f t="shared" si="568"/>
        <v>0.51761119295839753</v>
      </c>
      <c r="L5045">
        <f t="shared" si="569"/>
        <v>0.25880559647919876</v>
      </c>
      <c r="M5045">
        <f t="shared" si="570"/>
        <v>0</v>
      </c>
      <c r="N5045" s="45">
        <f t="shared" si="571"/>
        <v>45135.791666654513</v>
      </c>
    </row>
    <row r="5046" spans="2:14" x14ac:dyDescent="0.25">
      <c r="B5046">
        <f t="shared" si="565"/>
        <v>5</v>
      </c>
      <c r="C5046" s="16">
        <v>5012</v>
      </c>
      <c r="D5046" cm="1">
        <f t="array" ref="D5046">IFERROR(INDEX(Jesper!AH$2:AH$366,ROUNDDOWN($C5046/24,0)+1,1)*INDEX($D$3:$AA$30,INDEX(Jesper!$R$2:$R$366,ROW(INDEX(Jesper!AH$2:AH$366,ROUNDDOWN($C5046/24,0)+1,1))-1)+IF('Standard Profiles'!$G$18=$B$10,7,0)+IF('Standard Profiles'!$G$18=$B$17,14,0)+IF('Standard Profiles'!$G$18=$B$24,21,0),MOD($C5046,24)+1)/SUM(INDEX($D$3:$AA$30,INDEX(Jesper!$R$2:$R$366,ROW(INDEX(Jesper!AH$2:AH$366,ROUNDDOWN($C5046/24,0)+1,1))-1)+IF('Standard Profiles'!$G$18=$B$10,7,0)+IF('Standard Profiles'!$G$18=$B$17,14,0)+IF('Standard Profiles'!$G$18=$B$24,21,0),0)),0)</f>
        <v>4.8526049339849768</v>
      </c>
      <c r="E5046" cm="1">
        <f t="array" ref="E5046">IFERROR(INDEX(Jesper!AI$2:AI$366,ROUNDDOWN($C5046/24,0)+1,1)*INDEX($D$3:$AA$30,INDEX(Jesper!$R$2:$R$366,ROW(INDEX(Jesper!AI$2:AI$366,ROUNDDOWN($C5046/24,0)+1,1))-1)+IF('Standard Profiles'!$G$19=$B$10,7,0)+IF('Standard Profiles'!$G$19=$B$17,14,0)+IF('Standard Profiles'!$G$19=$B$24,21,0),MOD($C5046,24)+1)/SUM(INDEX($D$3:$AA$30,INDEX(Jesper!$R$2:$R$366,ROW(INDEX(Jesper!AI$2:AI$366,ROUNDDOWN($C5046/24,0)+1,1))-1)+IF('Standard Profiles'!$G$19=$B$10,7,0)+IF('Standard Profiles'!$G$19=$B$17,14,0)+IF('Standard Profiles'!$G$19=$B$24,21,0),0)),0)</f>
        <v>1.9134417137193209</v>
      </c>
      <c r="F5046" cm="1">
        <f t="array" ref="F5046">IFERROR(INDEX(Jesper!AJ$2:AJ$366,ROUNDDOWN($C5046/24,0)+1,1)*INDEX($D$3:$AA$30,INDEX(Jesper!$R$2:$R$366,ROW(INDEX(Jesper!AJ$2:AJ$366,ROUNDDOWN($C5046/24,0)+1,1))-1)+IF('Standard Profiles'!$G$20=$B$10,7,0)+IF('Standard Profiles'!$G$20=$B$17,14,0)+IF('Standard Profiles'!$G$20=$B$24,21,0),MOD($C5046,24)+1)/SUM(INDEX($D$3:$AA$30,INDEX(Jesper!$R$2:$R$366,ROW(INDEX(Jesper!AJ$2:AJ$366,ROUNDDOWN($C5046/24,0)+1,1))-1)+IF('Standard Profiles'!$G$20=$B$10,7,0)+IF('Standard Profiles'!$G$20=$B$17,14,0)+IF('Standard Profiles'!$G$20=$B$24,21,0),0)),0)</f>
        <v>0</v>
      </c>
      <c r="G5046" cm="1">
        <f t="array" ref="G5046">IFERROR(INDEX(Jesper!AK$2:AK$366,ROUNDDOWN($C5046/24,0)+1,1)*INDEX($D$3:$AA$30,INDEX(Jesper!$R$2:$R$366,ROW(INDEX(Jesper!AK$2:AK$366,ROUNDDOWN($C5046/24,0)+1,1))-1)+IF('Standard Profiles'!$G$21=$B$10,7,0)+IF('Standard Profiles'!$G$21=$B$17,14,0)+IF('Standard Profiles'!$G$21=$B$24,21,0),MOD($C5046,24)+1)/SUM(INDEX($D$3:$AA$30,INDEX(Jesper!$R$2:$R$366,ROW(INDEX(Jesper!AK$2:AK$366,ROUNDDOWN($C5046/24,0)+1,1))-1)+IF('Standard Profiles'!$G$21=$B$10,7,0)+IF('Standard Profiles'!$G$21=$B$17,14,0)+IF('Standard Profiles'!$G$21=$B$24,21,0),0)),0)</f>
        <v>0</v>
      </c>
      <c r="H5046" cm="1">
        <f t="array" ref="H5046">IFERROR(INDEX(Jesper!AL$2:AL$366,ROUNDDOWN($C5046/24,0)+1,1)*INDEX($D$3:$AA$30,INDEX(Jesper!$R$2:$R$366,ROW(INDEX(Jesper!AL$2:AL$366,ROUNDDOWN($C5046/24,0)+1,1))-1)+IF('Standard Profiles'!$G$22=$B$10,7,0)+IF('Standard Profiles'!$G$22=$B$17,14,0)+IF('Standard Profiles'!$G$22=$B$24,21,0),MOD($C5046,24)+1)/SUM(INDEX($D$3:$AA$30,INDEX(Jesper!$R$2:$R$366,ROW(INDEX(Jesper!AL$2:AL$366,ROUNDDOWN($C5046/24,0)+1,1))-1)+IF('Standard Profiles'!$G$22=$B$10,7,0)+IF('Standard Profiles'!$G$22=$B$17,14,0)+IF('Standard Profiles'!$G$22=$B$24,21,0),0)),0)</f>
        <v>0</v>
      </c>
      <c r="I5046">
        <f t="shared" si="566"/>
        <v>0</v>
      </c>
      <c r="J5046">
        <f t="shared" si="567"/>
        <v>5.9896298582667011</v>
      </c>
      <c r="K5046">
        <f t="shared" si="568"/>
        <v>0.51761119295839753</v>
      </c>
      <c r="L5046">
        <f t="shared" si="569"/>
        <v>0.25880559647919876</v>
      </c>
      <c r="M5046">
        <f t="shared" si="570"/>
        <v>0</v>
      </c>
      <c r="N5046" s="45">
        <f t="shared" si="571"/>
        <v>45135.833333321178</v>
      </c>
    </row>
    <row r="5047" spans="2:14" x14ac:dyDescent="0.25">
      <c r="B5047">
        <f t="shared" si="565"/>
        <v>5</v>
      </c>
      <c r="C5047" s="16">
        <v>5013</v>
      </c>
      <c r="D5047" cm="1">
        <f t="array" ref="D5047">IFERROR(INDEX(Jesper!AH$2:AH$366,ROUNDDOWN($C5047/24,0)+1,1)*INDEX($D$3:$AA$30,INDEX(Jesper!$R$2:$R$366,ROW(INDEX(Jesper!AH$2:AH$366,ROUNDDOWN($C5047/24,0)+1,1))-1)+IF('Standard Profiles'!$G$18=$B$10,7,0)+IF('Standard Profiles'!$G$18=$B$17,14,0)+IF('Standard Profiles'!$G$18=$B$24,21,0),MOD($C5047,24)+1)/SUM(INDEX($D$3:$AA$30,INDEX(Jesper!$R$2:$R$366,ROW(INDEX(Jesper!AH$2:AH$366,ROUNDDOWN($C5047/24,0)+1,1))-1)+IF('Standard Profiles'!$G$18=$B$10,7,0)+IF('Standard Profiles'!$G$18=$B$17,14,0)+IF('Standard Profiles'!$G$18=$B$24,21,0),0)),0)</f>
        <v>4.8526049339849768</v>
      </c>
      <c r="E5047" cm="1">
        <f t="array" ref="E5047">IFERROR(INDEX(Jesper!AI$2:AI$366,ROUNDDOWN($C5047/24,0)+1,1)*INDEX($D$3:$AA$30,INDEX(Jesper!$R$2:$R$366,ROW(INDEX(Jesper!AI$2:AI$366,ROUNDDOWN($C5047/24,0)+1,1))-1)+IF('Standard Profiles'!$G$19=$B$10,7,0)+IF('Standard Profiles'!$G$19=$B$17,14,0)+IF('Standard Profiles'!$G$19=$B$24,21,0),MOD($C5047,24)+1)/SUM(INDEX($D$3:$AA$30,INDEX(Jesper!$R$2:$R$366,ROW(INDEX(Jesper!AI$2:AI$366,ROUNDDOWN($C5047/24,0)+1,1))-1)+IF('Standard Profiles'!$G$19=$B$10,7,0)+IF('Standard Profiles'!$G$19=$B$17,14,0)+IF('Standard Profiles'!$G$19=$B$24,21,0),0)),0)</f>
        <v>1.9134417137193209</v>
      </c>
      <c r="F5047" cm="1">
        <f t="array" ref="F5047">IFERROR(INDEX(Jesper!AJ$2:AJ$366,ROUNDDOWN($C5047/24,0)+1,1)*INDEX($D$3:$AA$30,INDEX(Jesper!$R$2:$R$366,ROW(INDEX(Jesper!AJ$2:AJ$366,ROUNDDOWN($C5047/24,0)+1,1))-1)+IF('Standard Profiles'!$G$20=$B$10,7,0)+IF('Standard Profiles'!$G$20=$B$17,14,0)+IF('Standard Profiles'!$G$20=$B$24,21,0),MOD($C5047,24)+1)/SUM(INDEX($D$3:$AA$30,INDEX(Jesper!$R$2:$R$366,ROW(INDEX(Jesper!AJ$2:AJ$366,ROUNDDOWN($C5047/24,0)+1,1))-1)+IF('Standard Profiles'!$G$20=$B$10,7,0)+IF('Standard Profiles'!$G$20=$B$17,14,0)+IF('Standard Profiles'!$G$20=$B$24,21,0),0)),0)</f>
        <v>0</v>
      </c>
      <c r="G5047" cm="1">
        <f t="array" ref="G5047">IFERROR(INDEX(Jesper!AK$2:AK$366,ROUNDDOWN($C5047/24,0)+1,1)*INDEX($D$3:$AA$30,INDEX(Jesper!$R$2:$R$366,ROW(INDEX(Jesper!AK$2:AK$366,ROUNDDOWN($C5047/24,0)+1,1))-1)+IF('Standard Profiles'!$G$21=$B$10,7,0)+IF('Standard Profiles'!$G$21=$B$17,14,0)+IF('Standard Profiles'!$G$21=$B$24,21,0),MOD($C5047,24)+1)/SUM(INDEX($D$3:$AA$30,INDEX(Jesper!$R$2:$R$366,ROW(INDEX(Jesper!AK$2:AK$366,ROUNDDOWN($C5047/24,0)+1,1))-1)+IF('Standard Profiles'!$G$21=$B$10,7,0)+IF('Standard Profiles'!$G$21=$B$17,14,0)+IF('Standard Profiles'!$G$21=$B$24,21,0),0)),0)</f>
        <v>0</v>
      </c>
      <c r="H5047" cm="1">
        <f t="array" ref="H5047">IFERROR(INDEX(Jesper!AL$2:AL$366,ROUNDDOWN($C5047/24,0)+1,1)*INDEX($D$3:$AA$30,INDEX(Jesper!$R$2:$R$366,ROW(INDEX(Jesper!AL$2:AL$366,ROUNDDOWN($C5047/24,0)+1,1))-1)+IF('Standard Profiles'!$G$22=$B$10,7,0)+IF('Standard Profiles'!$G$22=$B$17,14,0)+IF('Standard Profiles'!$G$22=$B$24,21,0),MOD($C5047,24)+1)/SUM(INDEX($D$3:$AA$30,INDEX(Jesper!$R$2:$R$366,ROW(INDEX(Jesper!AL$2:AL$366,ROUNDDOWN($C5047/24,0)+1,1))-1)+IF('Standard Profiles'!$G$22=$B$10,7,0)+IF('Standard Profiles'!$G$22=$B$17,14,0)+IF('Standard Profiles'!$G$22=$B$24,21,0),0)),0)</f>
        <v>0</v>
      </c>
      <c r="I5047">
        <f t="shared" si="566"/>
        <v>0</v>
      </c>
      <c r="J5047">
        <f t="shared" si="567"/>
        <v>5.9896298582667011</v>
      </c>
      <c r="K5047">
        <f t="shared" si="568"/>
        <v>0.51761119295839753</v>
      </c>
      <c r="L5047">
        <f t="shared" si="569"/>
        <v>0.25880559647919876</v>
      </c>
      <c r="M5047">
        <f t="shared" si="570"/>
        <v>0</v>
      </c>
      <c r="N5047" s="45">
        <f t="shared" si="571"/>
        <v>45135.874999987842</v>
      </c>
    </row>
    <row r="5048" spans="2:14" x14ac:dyDescent="0.25">
      <c r="B5048">
        <f t="shared" si="565"/>
        <v>5</v>
      </c>
      <c r="C5048" s="16">
        <v>5014</v>
      </c>
      <c r="D5048" cm="1">
        <f t="array" ref="D5048">IFERROR(INDEX(Jesper!AH$2:AH$366,ROUNDDOWN($C5048/24,0)+1,1)*INDEX($D$3:$AA$30,INDEX(Jesper!$R$2:$R$366,ROW(INDEX(Jesper!AH$2:AH$366,ROUNDDOWN($C5048/24,0)+1,1))-1)+IF('Standard Profiles'!$G$18=$B$10,7,0)+IF('Standard Profiles'!$G$18=$B$17,14,0)+IF('Standard Profiles'!$G$18=$B$24,21,0),MOD($C5048,24)+1)/SUM(INDEX($D$3:$AA$30,INDEX(Jesper!$R$2:$R$366,ROW(INDEX(Jesper!AH$2:AH$366,ROUNDDOWN($C5048/24,0)+1,1))-1)+IF('Standard Profiles'!$G$18=$B$10,7,0)+IF('Standard Profiles'!$G$18=$B$17,14,0)+IF('Standard Profiles'!$G$18=$B$24,21,0),0)),0)</f>
        <v>4.8526049339849768</v>
      </c>
      <c r="E5048" cm="1">
        <f t="array" ref="E5048">IFERROR(INDEX(Jesper!AI$2:AI$366,ROUNDDOWN($C5048/24,0)+1,1)*INDEX($D$3:$AA$30,INDEX(Jesper!$R$2:$R$366,ROW(INDEX(Jesper!AI$2:AI$366,ROUNDDOWN($C5048/24,0)+1,1))-1)+IF('Standard Profiles'!$G$19=$B$10,7,0)+IF('Standard Profiles'!$G$19=$B$17,14,0)+IF('Standard Profiles'!$G$19=$B$24,21,0),MOD($C5048,24)+1)/SUM(INDEX($D$3:$AA$30,INDEX(Jesper!$R$2:$R$366,ROW(INDEX(Jesper!AI$2:AI$366,ROUNDDOWN($C5048/24,0)+1,1))-1)+IF('Standard Profiles'!$G$19=$B$10,7,0)+IF('Standard Profiles'!$G$19=$B$17,14,0)+IF('Standard Profiles'!$G$19=$B$24,21,0),0)),0)</f>
        <v>1.9134417137193209</v>
      </c>
      <c r="F5048" cm="1">
        <f t="array" ref="F5048">IFERROR(INDEX(Jesper!AJ$2:AJ$366,ROUNDDOWN($C5048/24,0)+1,1)*INDEX($D$3:$AA$30,INDEX(Jesper!$R$2:$R$366,ROW(INDEX(Jesper!AJ$2:AJ$366,ROUNDDOWN($C5048/24,0)+1,1))-1)+IF('Standard Profiles'!$G$20=$B$10,7,0)+IF('Standard Profiles'!$G$20=$B$17,14,0)+IF('Standard Profiles'!$G$20=$B$24,21,0),MOD($C5048,24)+1)/SUM(INDEX($D$3:$AA$30,INDEX(Jesper!$R$2:$R$366,ROW(INDEX(Jesper!AJ$2:AJ$366,ROUNDDOWN($C5048/24,0)+1,1))-1)+IF('Standard Profiles'!$G$20=$B$10,7,0)+IF('Standard Profiles'!$G$20=$B$17,14,0)+IF('Standard Profiles'!$G$20=$B$24,21,0),0)),0)</f>
        <v>0</v>
      </c>
      <c r="G5048" cm="1">
        <f t="array" ref="G5048">IFERROR(INDEX(Jesper!AK$2:AK$366,ROUNDDOWN($C5048/24,0)+1,1)*INDEX($D$3:$AA$30,INDEX(Jesper!$R$2:$R$366,ROW(INDEX(Jesper!AK$2:AK$366,ROUNDDOWN($C5048/24,0)+1,1))-1)+IF('Standard Profiles'!$G$21=$B$10,7,0)+IF('Standard Profiles'!$G$21=$B$17,14,0)+IF('Standard Profiles'!$G$21=$B$24,21,0),MOD($C5048,24)+1)/SUM(INDEX($D$3:$AA$30,INDEX(Jesper!$R$2:$R$366,ROW(INDEX(Jesper!AK$2:AK$366,ROUNDDOWN($C5048/24,0)+1,1))-1)+IF('Standard Profiles'!$G$21=$B$10,7,0)+IF('Standard Profiles'!$G$21=$B$17,14,0)+IF('Standard Profiles'!$G$21=$B$24,21,0),0)),0)</f>
        <v>0</v>
      </c>
      <c r="H5048" cm="1">
        <f t="array" ref="H5048">IFERROR(INDEX(Jesper!AL$2:AL$366,ROUNDDOWN($C5048/24,0)+1,1)*INDEX($D$3:$AA$30,INDEX(Jesper!$R$2:$R$366,ROW(INDEX(Jesper!AL$2:AL$366,ROUNDDOWN($C5048/24,0)+1,1))-1)+IF('Standard Profiles'!$G$22=$B$10,7,0)+IF('Standard Profiles'!$G$22=$B$17,14,0)+IF('Standard Profiles'!$G$22=$B$24,21,0),MOD($C5048,24)+1)/SUM(INDEX($D$3:$AA$30,INDEX(Jesper!$R$2:$R$366,ROW(INDEX(Jesper!AL$2:AL$366,ROUNDDOWN($C5048/24,0)+1,1))-1)+IF('Standard Profiles'!$G$22=$B$10,7,0)+IF('Standard Profiles'!$G$22=$B$17,14,0)+IF('Standard Profiles'!$G$22=$B$24,21,0),0)),0)</f>
        <v>0</v>
      </c>
      <c r="I5048">
        <f t="shared" si="566"/>
        <v>0</v>
      </c>
      <c r="J5048">
        <f t="shared" si="567"/>
        <v>5.9896298582667011</v>
      </c>
      <c r="K5048">
        <f t="shared" si="568"/>
        <v>0.51761119295839753</v>
      </c>
      <c r="L5048">
        <f t="shared" si="569"/>
        <v>0.25880559647919876</v>
      </c>
      <c r="M5048">
        <f t="shared" si="570"/>
        <v>0</v>
      </c>
      <c r="N5048" s="45">
        <f t="shared" si="571"/>
        <v>45135.916666654506</v>
      </c>
    </row>
    <row r="5049" spans="2:14" x14ac:dyDescent="0.25">
      <c r="B5049">
        <f t="shared" si="565"/>
        <v>5</v>
      </c>
      <c r="C5049" s="16">
        <v>5015</v>
      </c>
      <c r="D5049" cm="1">
        <f t="array" ref="D5049">IFERROR(INDEX(Jesper!AH$2:AH$366,ROUNDDOWN($C5049/24,0)+1,1)*INDEX($D$3:$AA$30,INDEX(Jesper!$R$2:$R$366,ROW(INDEX(Jesper!AH$2:AH$366,ROUNDDOWN($C5049/24,0)+1,1))-1)+IF('Standard Profiles'!$G$18=$B$10,7,0)+IF('Standard Profiles'!$G$18=$B$17,14,0)+IF('Standard Profiles'!$G$18=$B$24,21,0),MOD($C5049,24)+1)/SUM(INDEX($D$3:$AA$30,INDEX(Jesper!$R$2:$R$366,ROW(INDEX(Jesper!AH$2:AH$366,ROUNDDOWN($C5049/24,0)+1,1))-1)+IF('Standard Profiles'!$G$18=$B$10,7,0)+IF('Standard Profiles'!$G$18=$B$17,14,0)+IF('Standard Profiles'!$G$18=$B$24,21,0),0)),0)</f>
        <v>4.8526049339849768</v>
      </c>
      <c r="E5049" cm="1">
        <f t="array" ref="E5049">IFERROR(INDEX(Jesper!AI$2:AI$366,ROUNDDOWN($C5049/24,0)+1,1)*INDEX($D$3:$AA$30,INDEX(Jesper!$R$2:$R$366,ROW(INDEX(Jesper!AI$2:AI$366,ROUNDDOWN($C5049/24,0)+1,1))-1)+IF('Standard Profiles'!$G$19=$B$10,7,0)+IF('Standard Profiles'!$G$19=$B$17,14,0)+IF('Standard Profiles'!$G$19=$B$24,21,0),MOD($C5049,24)+1)/SUM(INDEX($D$3:$AA$30,INDEX(Jesper!$R$2:$R$366,ROW(INDEX(Jesper!AI$2:AI$366,ROUNDDOWN($C5049/24,0)+1,1))-1)+IF('Standard Profiles'!$G$19=$B$10,7,0)+IF('Standard Profiles'!$G$19=$B$17,14,0)+IF('Standard Profiles'!$G$19=$B$24,21,0),0)),0)</f>
        <v>1.9134417137193209</v>
      </c>
      <c r="F5049" cm="1">
        <f t="array" ref="F5049">IFERROR(INDEX(Jesper!AJ$2:AJ$366,ROUNDDOWN($C5049/24,0)+1,1)*INDEX($D$3:$AA$30,INDEX(Jesper!$R$2:$R$366,ROW(INDEX(Jesper!AJ$2:AJ$366,ROUNDDOWN($C5049/24,0)+1,1))-1)+IF('Standard Profiles'!$G$20=$B$10,7,0)+IF('Standard Profiles'!$G$20=$B$17,14,0)+IF('Standard Profiles'!$G$20=$B$24,21,0),MOD($C5049,24)+1)/SUM(INDEX($D$3:$AA$30,INDEX(Jesper!$R$2:$R$366,ROW(INDEX(Jesper!AJ$2:AJ$366,ROUNDDOWN($C5049/24,0)+1,1))-1)+IF('Standard Profiles'!$G$20=$B$10,7,0)+IF('Standard Profiles'!$G$20=$B$17,14,0)+IF('Standard Profiles'!$G$20=$B$24,21,0),0)),0)</f>
        <v>0</v>
      </c>
      <c r="G5049" cm="1">
        <f t="array" ref="G5049">IFERROR(INDEX(Jesper!AK$2:AK$366,ROUNDDOWN($C5049/24,0)+1,1)*INDEX($D$3:$AA$30,INDEX(Jesper!$R$2:$R$366,ROW(INDEX(Jesper!AK$2:AK$366,ROUNDDOWN($C5049/24,0)+1,1))-1)+IF('Standard Profiles'!$G$21=$B$10,7,0)+IF('Standard Profiles'!$G$21=$B$17,14,0)+IF('Standard Profiles'!$G$21=$B$24,21,0),MOD($C5049,24)+1)/SUM(INDEX($D$3:$AA$30,INDEX(Jesper!$R$2:$R$366,ROW(INDEX(Jesper!AK$2:AK$366,ROUNDDOWN($C5049/24,0)+1,1))-1)+IF('Standard Profiles'!$G$21=$B$10,7,0)+IF('Standard Profiles'!$G$21=$B$17,14,0)+IF('Standard Profiles'!$G$21=$B$24,21,0),0)),0)</f>
        <v>0</v>
      </c>
      <c r="H5049" cm="1">
        <f t="array" ref="H5049">IFERROR(INDEX(Jesper!AL$2:AL$366,ROUNDDOWN($C5049/24,0)+1,1)*INDEX($D$3:$AA$30,INDEX(Jesper!$R$2:$R$366,ROW(INDEX(Jesper!AL$2:AL$366,ROUNDDOWN($C5049/24,0)+1,1))-1)+IF('Standard Profiles'!$G$22=$B$10,7,0)+IF('Standard Profiles'!$G$22=$B$17,14,0)+IF('Standard Profiles'!$G$22=$B$24,21,0),MOD($C5049,24)+1)/SUM(INDEX($D$3:$AA$30,INDEX(Jesper!$R$2:$R$366,ROW(INDEX(Jesper!AL$2:AL$366,ROUNDDOWN($C5049/24,0)+1,1))-1)+IF('Standard Profiles'!$G$22=$B$10,7,0)+IF('Standard Profiles'!$G$22=$B$17,14,0)+IF('Standard Profiles'!$G$22=$B$24,21,0),0)),0)</f>
        <v>0</v>
      </c>
      <c r="I5049">
        <f t="shared" si="566"/>
        <v>0</v>
      </c>
      <c r="J5049">
        <f t="shared" si="567"/>
        <v>5.9896298582667011</v>
      </c>
      <c r="K5049">
        <f t="shared" si="568"/>
        <v>0.51761119295839753</v>
      </c>
      <c r="L5049">
        <f t="shared" si="569"/>
        <v>0.25880559647919876</v>
      </c>
      <c r="M5049">
        <f t="shared" si="570"/>
        <v>0</v>
      </c>
      <c r="N5049" s="45">
        <f t="shared" si="571"/>
        <v>45135.95833332117</v>
      </c>
    </row>
    <row r="5050" spans="2:14" x14ac:dyDescent="0.25">
      <c r="B5050">
        <f t="shared" si="565"/>
        <v>6</v>
      </c>
      <c r="C5050" s="16">
        <v>5016</v>
      </c>
      <c r="D5050" cm="1">
        <f t="array" ref="D5050">IFERROR(INDEX(Jesper!AH$2:AH$366,ROUNDDOWN($C5050/24,0)+1,1)*INDEX($D$3:$AA$30,INDEX(Jesper!$R$2:$R$366,ROW(INDEX(Jesper!AH$2:AH$366,ROUNDDOWN($C5050/24,0)+1,1))-1)+IF('Standard Profiles'!$G$18=$B$10,7,0)+IF('Standard Profiles'!$G$18=$B$17,14,0)+IF('Standard Profiles'!$G$18=$B$24,21,0),MOD($C5050,24)+1)/SUM(INDEX($D$3:$AA$30,INDEX(Jesper!$R$2:$R$366,ROW(INDEX(Jesper!AH$2:AH$366,ROUNDDOWN($C5050/24,0)+1,1))-1)+IF('Standard Profiles'!$G$18=$B$10,7,0)+IF('Standard Profiles'!$G$18=$B$17,14,0)+IF('Standard Profiles'!$G$18=$B$24,21,0),0)),0)</f>
        <v>0</v>
      </c>
      <c r="E5050" cm="1">
        <f t="array" ref="E5050">IFERROR(INDEX(Jesper!AI$2:AI$366,ROUNDDOWN($C5050/24,0)+1,1)*INDEX($D$3:$AA$30,INDEX(Jesper!$R$2:$R$366,ROW(INDEX(Jesper!AI$2:AI$366,ROUNDDOWN($C5050/24,0)+1,1))-1)+IF('Standard Profiles'!$G$19=$B$10,7,0)+IF('Standard Profiles'!$G$19=$B$17,14,0)+IF('Standard Profiles'!$G$19=$B$24,21,0),MOD($C5050,24)+1)/SUM(INDEX($D$3:$AA$30,INDEX(Jesper!$R$2:$R$366,ROW(INDEX(Jesper!AI$2:AI$366,ROUNDDOWN($C5050/24,0)+1,1))-1)+IF('Standard Profiles'!$G$19=$B$10,7,0)+IF('Standard Profiles'!$G$19=$B$17,14,0)+IF('Standard Profiles'!$G$19=$B$24,21,0),0)),0)</f>
        <v>2.96992355409499</v>
      </c>
      <c r="F5050" cm="1">
        <f t="array" ref="F5050">IFERROR(INDEX(Jesper!AJ$2:AJ$366,ROUNDDOWN($C5050/24,0)+1,1)*INDEX($D$3:$AA$30,INDEX(Jesper!$R$2:$R$366,ROW(INDEX(Jesper!AJ$2:AJ$366,ROUNDDOWN($C5050/24,0)+1,1))-1)+IF('Standard Profiles'!$G$20=$B$10,7,0)+IF('Standard Profiles'!$G$20=$B$17,14,0)+IF('Standard Profiles'!$G$20=$B$24,21,0),MOD($C5050,24)+1)/SUM(INDEX($D$3:$AA$30,INDEX(Jesper!$R$2:$R$366,ROW(INDEX(Jesper!AJ$2:AJ$366,ROUNDDOWN($C5050/24,0)+1,1))-1)+IF('Standard Profiles'!$G$20=$B$10,7,0)+IF('Standard Profiles'!$G$20=$B$17,14,0)+IF('Standard Profiles'!$G$20=$B$24,21,0),0)),0)</f>
        <v>0.96723228175431564</v>
      </c>
      <c r="G5050" cm="1">
        <f t="array" ref="G5050">IFERROR(INDEX(Jesper!AK$2:AK$366,ROUNDDOWN($C5050/24,0)+1,1)*INDEX($D$3:$AA$30,INDEX(Jesper!$R$2:$R$366,ROW(INDEX(Jesper!AK$2:AK$366,ROUNDDOWN($C5050/24,0)+1,1))-1)+IF('Standard Profiles'!$G$21=$B$10,7,0)+IF('Standard Profiles'!$G$21=$B$17,14,0)+IF('Standard Profiles'!$G$21=$B$24,21,0),MOD($C5050,24)+1)/SUM(INDEX($D$3:$AA$30,INDEX(Jesper!$R$2:$R$366,ROW(INDEX(Jesper!AK$2:AK$366,ROUNDDOWN($C5050/24,0)+1,1))-1)+IF('Standard Profiles'!$G$21=$B$10,7,0)+IF('Standard Profiles'!$G$21=$B$17,14,0)+IF('Standard Profiles'!$G$21=$B$24,21,0),0)),0)</f>
        <v>0.30203999309338903</v>
      </c>
      <c r="H5050" cm="1">
        <f t="array" ref="H5050">IFERROR(INDEX(Jesper!AL$2:AL$366,ROUNDDOWN($C5050/24,0)+1,1)*INDEX($D$3:$AA$30,INDEX(Jesper!$R$2:$R$366,ROW(INDEX(Jesper!AL$2:AL$366,ROUNDDOWN($C5050/24,0)+1,1))-1)+IF('Standard Profiles'!$G$22=$B$10,7,0)+IF('Standard Profiles'!$G$22=$B$17,14,0)+IF('Standard Profiles'!$G$22=$B$24,21,0),MOD($C5050,24)+1)/SUM(INDEX($D$3:$AA$30,INDEX(Jesper!$R$2:$R$366,ROW(INDEX(Jesper!AL$2:AL$366,ROUNDDOWN($C5050/24,0)+1,1))-1)+IF('Standard Profiles'!$G$22=$B$10,7,0)+IF('Standard Profiles'!$G$22=$B$17,14,0)+IF('Standard Profiles'!$G$22=$B$24,21,0),0)),0)</f>
        <v>0</v>
      </c>
      <c r="I5050">
        <f t="shared" si="566"/>
        <v>0</v>
      </c>
      <c r="J5050">
        <f t="shared" si="567"/>
        <v>3.8828050024512959</v>
      </c>
      <c r="K5050">
        <f t="shared" si="568"/>
        <v>0.2375938843275992</v>
      </c>
      <c r="L5050">
        <f t="shared" si="569"/>
        <v>0.1187969421637996</v>
      </c>
      <c r="M5050">
        <f t="shared" si="570"/>
        <v>0</v>
      </c>
      <c r="N5050" s="45">
        <f t="shared" si="571"/>
        <v>45135.999999987835</v>
      </c>
    </row>
    <row r="5051" spans="2:14" x14ac:dyDescent="0.25">
      <c r="B5051">
        <f t="shared" si="565"/>
        <v>6</v>
      </c>
      <c r="C5051" s="16">
        <v>5017</v>
      </c>
      <c r="D5051" cm="1">
        <f t="array" ref="D5051">IFERROR(INDEX(Jesper!AH$2:AH$366,ROUNDDOWN($C5051/24,0)+1,1)*INDEX($D$3:$AA$30,INDEX(Jesper!$R$2:$R$366,ROW(INDEX(Jesper!AH$2:AH$366,ROUNDDOWN($C5051/24,0)+1,1))-1)+IF('Standard Profiles'!$G$18=$B$10,7,0)+IF('Standard Profiles'!$G$18=$B$17,14,0)+IF('Standard Profiles'!$G$18=$B$24,21,0),MOD($C5051,24)+1)/SUM(INDEX($D$3:$AA$30,INDEX(Jesper!$R$2:$R$366,ROW(INDEX(Jesper!AH$2:AH$366,ROUNDDOWN($C5051/24,0)+1,1))-1)+IF('Standard Profiles'!$G$18=$B$10,7,0)+IF('Standard Profiles'!$G$18=$B$17,14,0)+IF('Standard Profiles'!$G$18=$B$24,21,0),0)),0)</f>
        <v>0</v>
      </c>
      <c r="E5051" cm="1">
        <f t="array" ref="E5051">IFERROR(INDEX(Jesper!AI$2:AI$366,ROUNDDOWN($C5051/24,0)+1,1)*INDEX($D$3:$AA$30,INDEX(Jesper!$R$2:$R$366,ROW(INDEX(Jesper!AI$2:AI$366,ROUNDDOWN($C5051/24,0)+1,1))-1)+IF('Standard Profiles'!$G$19=$B$10,7,0)+IF('Standard Profiles'!$G$19=$B$17,14,0)+IF('Standard Profiles'!$G$19=$B$24,21,0),MOD($C5051,24)+1)/SUM(INDEX($D$3:$AA$30,INDEX(Jesper!$R$2:$R$366,ROW(INDEX(Jesper!AI$2:AI$366,ROUNDDOWN($C5051/24,0)+1,1))-1)+IF('Standard Profiles'!$G$19=$B$10,7,0)+IF('Standard Profiles'!$G$19=$B$17,14,0)+IF('Standard Profiles'!$G$19=$B$24,21,0),0)),0)</f>
        <v>2.6729311986854909</v>
      </c>
      <c r="F5051" cm="1">
        <f t="array" ref="F5051">IFERROR(INDEX(Jesper!AJ$2:AJ$366,ROUNDDOWN($C5051/24,0)+1,1)*INDEX($D$3:$AA$30,INDEX(Jesper!$R$2:$R$366,ROW(INDEX(Jesper!AJ$2:AJ$366,ROUNDDOWN($C5051/24,0)+1,1))-1)+IF('Standard Profiles'!$G$20=$B$10,7,0)+IF('Standard Profiles'!$G$20=$B$17,14,0)+IF('Standard Profiles'!$G$20=$B$24,21,0),MOD($C5051,24)+1)/SUM(INDEX($D$3:$AA$30,INDEX(Jesper!$R$2:$R$366,ROW(INDEX(Jesper!AJ$2:AJ$366,ROUNDDOWN($C5051/24,0)+1,1))-1)+IF('Standard Profiles'!$G$20=$B$10,7,0)+IF('Standard Profiles'!$G$20=$B$17,14,0)+IF('Standard Profiles'!$G$20=$B$24,21,0),0)),0)</f>
        <v>0.87050905357888397</v>
      </c>
      <c r="G5051" cm="1">
        <f t="array" ref="G5051">IFERROR(INDEX(Jesper!AK$2:AK$366,ROUNDDOWN($C5051/24,0)+1,1)*INDEX($D$3:$AA$30,INDEX(Jesper!$R$2:$R$366,ROW(INDEX(Jesper!AK$2:AK$366,ROUNDDOWN($C5051/24,0)+1,1))-1)+IF('Standard Profiles'!$G$21=$B$10,7,0)+IF('Standard Profiles'!$G$21=$B$17,14,0)+IF('Standard Profiles'!$G$21=$B$24,21,0),MOD($C5051,24)+1)/SUM(INDEX($D$3:$AA$30,INDEX(Jesper!$R$2:$R$366,ROW(INDEX(Jesper!AK$2:AK$366,ROUNDDOWN($C5051/24,0)+1,1))-1)+IF('Standard Profiles'!$G$21=$B$10,7,0)+IF('Standard Profiles'!$G$21=$B$17,14,0)+IF('Standard Profiles'!$G$21=$B$24,21,0),0)),0)</f>
        <v>0.30203999309338903</v>
      </c>
      <c r="H5051" cm="1">
        <f t="array" ref="H5051">IFERROR(INDEX(Jesper!AL$2:AL$366,ROUNDDOWN($C5051/24,0)+1,1)*INDEX($D$3:$AA$30,INDEX(Jesper!$R$2:$R$366,ROW(INDEX(Jesper!AL$2:AL$366,ROUNDDOWN($C5051/24,0)+1,1))-1)+IF('Standard Profiles'!$G$22=$B$10,7,0)+IF('Standard Profiles'!$G$22=$B$17,14,0)+IF('Standard Profiles'!$G$22=$B$24,21,0),MOD($C5051,24)+1)/SUM(INDEX($D$3:$AA$30,INDEX(Jesper!$R$2:$R$366,ROW(INDEX(Jesper!AL$2:AL$366,ROUNDDOWN($C5051/24,0)+1,1))-1)+IF('Standard Profiles'!$G$22=$B$10,7,0)+IF('Standard Profiles'!$G$22=$B$17,14,0)+IF('Standard Profiles'!$G$22=$B$24,21,0),0)),0)</f>
        <v>0</v>
      </c>
      <c r="I5051">
        <f t="shared" si="566"/>
        <v>0</v>
      </c>
      <c r="J5051">
        <f t="shared" si="567"/>
        <v>3.5247285015155048</v>
      </c>
      <c r="K5051">
        <f t="shared" si="568"/>
        <v>0.21383449589483927</v>
      </c>
      <c r="L5051">
        <f t="shared" si="569"/>
        <v>0.10691724794741964</v>
      </c>
      <c r="M5051">
        <f t="shared" si="570"/>
        <v>0</v>
      </c>
      <c r="N5051" s="45">
        <f t="shared" si="571"/>
        <v>45136.041666654499</v>
      </c>
    </row>
    <row r="5052" spans="2:14" x14ac:dyDescent="0.25">
      <c r="B5052">
        <f t="shared" si="565"/>
        <v>6</v>
      </c>
      <c r="C5052" s="16">
        <v>5018</v>
      </c>
      <c r="D5052" cm="1">
        <f t="array" ref="D5052">IFERROR(INDEX(Jesper!AH$2:AH$366,ROUNDDOWN($C5052/24,0)+1,1)*INDEX($D$3:$AA$30,INDEX(Jesper!$R$2:$R$366,ROW(INDEX(Jesper!AH$2:AH$366,ROUNDDOWN($C5052/24,0)+1,1))-1)+IF('Standard Profiles'!$G$18=$B$10,7,0)+IF('Standard Profiles'!$G$18=$B$17,14,0)+IF('Standard Profiles'!$G$18=$B$24,21,0),MOD($C5052,24)+1)/SUM(INDEX($D$3:$AA$30,INDEX(Jesper!$R$2:$R$366,ROW(INDEX(Jesper!AH$2:AH$366,ROUNDDOWN($C5052/24,0)+1,1))-1)+IF('Standard Profiles'!$G$18=$B$10,7,0)+IF('Standard Profiles'!$G$18=$B$17,14,0)+IF('Standard Profiles'!$G$18=$B$24,21,0),0)),0)</f>
        <v>0</v>
      </c>
      <c r="E5052" cm="1">
        <f t="array" ref="E5052">IFERROR(INDEX(Jesper!AI$2:AI$366,ROUNDDOWN($C5052/24,0)+1,1)*INDEX($D$3:$AA$30,INDEX(Jesper!$R$2:$R$366,ROW(INDEX(Jesper!AI$2:AI$366,ROUNDDOWN($C5052/24,0)+1,1))-1)+IF('Standard Profiles'!$G$19=$B$10,7,0)+IF('Standard Profiles'!$G$19=$B$17,14,0)+IF('Standard Profiles'!$G$19=$B$24,21,0),MOD($C5052,24)+1)/SUM(INDEX($D$3:$AA$30,INDEX(Jesper!$R$2:$R$366,ROW(INDEX(Jesper!AI$2:AI$366,ROUNDDOWN($C5052/24,0)+1,1))-1)+IF('Standard Profiles'!$G$19=$B$10,7,0)+IF('Standard Profiles'!$G$19=$B$17,14,0)+IF('Standard Profiles'!$G$19=$B$24,21,0),0)),0)</f>
        <v>2.6729311986854909</v>
      </c>
      <c r="F5052" cm="1">
        <f t="array" ref="F5052">IFERROR(INDEX(Jesper!AJ$2:AJ$366,ROUNDDOWN($C5052/24,0)+1,1)*INDEX($D$3:$AA$30,INDEX(Jesper!$R$2:$R$366,ROW(INDEX(Jesper!AJ$2:AJ$366,ROUNDDOWN($C5052/24,0)+1,1))-1)+IF('Standard Profiles'!$G$20=$B$10,7,0)+IF('Standard Profiles'!$G$20=$B$17,14,0)+IF('Standard Profiles'!$G$20=$B$24,21,0),MOD($C5052,24)+1)/SUM(INDEX($D$3:$AA$30,INDEX(Jesper!$R$2:$R$366,ROW(INDEX(Jesper!AJ$2:AJ$366,ROUNDDOWN($C5052/24,0)+1,1))-1)+IF('Standard Profiles'!$G$20=$B$10,7,0)+IF('Standard Profiles'!$G$20=$B$17,14,0)+IF('Standard Profiles'!$G$20=$B$24,21,0),0)),0)</f>
        <v>0.87050905357888397</v>
      </c>
      <c r="G5052" cm="1">
        <f t="array" ref="G5052">IFERROR(INDEX(Jesper!AK$2:AK$366,ROUNDDOWN($C5052/24,0)+1,1)*INDEX($D$3:$AA$30,INDEX(Jesper!$R$2:$R$366,ROW(INDEX(Jesper!AK$2:AK$366,ROUNDDOWN($C5052/24,0)+1,1))-1)+IF('Standard Profiles'!$G$21=$B$10,7,0)+IF('Standard Profiles'!$G$21=$B$17,14,0)+IF('Standard Profiles'!$G$21=$B$24,21,0),MOD($C5052,24)+1)/SUM(INDEX($D$3:$AA$30,INDEX(Jesper!$R$2:$R$366,ROW(INDEX(Jesper!AK$2:AK$366,ROUNDDOWN($C5052/24,0)+1,1))-1)+IF('Standard Profiles'!$G$21=$B$10,7,0)+IF('Standard Profiles'!$G$21=$B$17,14,0)+IF('Standard Profiles'!$G$21=$B$24,21,0),0)),0)</f>
        <v>0.30203999309338903</v>
      </c>
      <c r="H5052" cm="1">
        <f t="array" ref="H5052">IFERROR(INDEX(Jesper!AL$2:AL$366,ROUNDDOWN($C5052/24,0)+1,1)*INDEX($D$3:$AA$30,INDEX(Jesper!$R$2:$R$366,ROW(INDEX(Jesper!AL$2:AL$366,ROUNDDOWN($C5052/24,0)+1,1))-1)+IF('Standard Profiles'!$G$22=$B$10,7,0)+IF('Standard Profiles'!$G$22=$B$17,14,0)+IF('Standard Profiles'!$G$22=$B$24,21,0),MOD($C5052,24)+1)/SUM(INDEX($D$3:$AA$30,INDEX(Jesper!$R$2:$R$366,ROW(INDEX(Jesper!AL$2:AL$366,ROUNDDOWN($C5052/24,0)+1,1))-1)+IF('Standard Profiles'!$G$22=$B$10,7,0)+IF('Standard Profiles'!$G$22=$B$17,14,0)+IF('Standard Profiles'!$G$22=$B$24,21,0),0)),0)</f>
        <v>0</v>
      </c>
      <c r="I5052">
        <f t="shared" si="566"/>
        <v>0</v>
      </c>
      <c r="J5052">
        <f t="shared" si="567"/>
        <v>3.5247285015155048</v>
      </c>
      <c r="K5052">
        <f t="shared" si="568"/>
        <v>0.21383449589483927</v>
      </c>
      <c r="L5052">
        <f t="shared" si="569"/>
        <v>0.10691724794741964</v>
      </c>
      <c r="M5052">
        <f t="shared" si="570"/>
        <v>0</v>
      </c>
      <c r="N5052" s="45">
        <f t="shared" si="571"/>
        <v>45136.083333321163</v>
      </c>
    </row>
    <row r="5053" spans="2:14" x14ac:dyDescent="0.25">
      <c r="B5053">
        <f t="shared" si="565"/>
        <v>6</v>
      </c>
      <c r="C5053" s="16">
        <v>5019</v>
      </c>
      <c r="D5053" cm="1">
        <f t="array" ref="D5053">IFERROR(INDEX(Jesper!AH$2:AH$366,ROUNDDOWN($C5053/24,0)+1,1)*INDEX($D$3:$AA$30,INDEX(Jesper!$R$2:$R$366,ROW(INDEX(Jesper!AH$2:AH$366,ROUNDDOWN($C5053/24,0)+1,1))-1)+IF('Standard Profiles'!$G$18=$B$10,7,0)+IF('Standard Profiles'!$G$18=$B$17,14,0)+IF('Standard Profiles'!$G$18=$B$24,21,0),MOD($C5053,24)+1)/SUM(INDEX($D$3:$AA$30,INDEX(Jesper!$R$2:$R$366,ROW(INDEX(Jesper!AH$2:AH$366,ROUNDDOWN($C5053/24,0)+1,1))-1)+IF('Standard Profiles'!$G$18=$B$10,7,0)+IF('Standard Profiles'!$G$18=$B$17,14,0)+IF('Standard Profiles'!$G$18=$B$24,21,0),0)),0)</f>
        <v>0</v>
      </c>
      <c r="E5053" cm="1">
        <f t="array" ref="E5053">IFERROR(INDEX(Jesper!AI$2:AI$366,ROUNDDOWN($C5053/24,0)+1,1)*INDEX($D$3:$AA$30,INDEX(Jesper!$R$2:$R$366,ROW(INDEX(Jesper!AI$2:AI$366,ROUNDDOWN($C5053/24,0)+1,1))-1)+IF('Standard Profiles'!$G$19=$B$10,7,0)+IF('Standard Profiles'!$G$19=$B$17,14,0)+IF('Standard Profiles'!$G$19=$B$24,21,0),MOD($C5053,24)+1)/SUM(INDEX($D$3:$AA$30,INDEX(Jesper!$R$2:$R$366,ROW(INDEX(Jesper!AI$2:AI$366,ROUNDDOWN($C5053/24,0)+1,1))-1)+IF('Standard Profiles'!$G$19=$B$10,7,0)+IF('Standard Profiles'!$G$19=$B$17,14,0)+IF('Standard Profiles'!$G$19=$B$24,21,0),0)),0)</f>
        <v>2.6729311986854909</v>
      </c>
      <c r="F5053" cm="1">
        <f t="array" ref="F5053">IFERROR(INDEX(Jesper!AJ$2:AJ$366,ROUNDDOWN($C5053/24,0)+1,1)*INDEX($D$3:$AA$30,INDEX(Jesper!$R$2:$R$366,ROW(INDEX(Jesper!AJ$2:AJ$366,ROUNDDOWN($C5053/24,0)+1,1))-1)+IF('Standard Profiles'!$G$20=$B$10,7,0)+IF('Standard Profiles'!$G$20=$B$17,14,0)+IF('Standard Profiles'!$G$20=$B$24,21,0),MOD($C5053,24)+1)/SUM(INDEX($D$3:$AA$30,INDEX(Jesper!$R$2:$R$366,ROW(INDEX(Jesper!AJ$2:AJ$366,ROUNDDOWN($C5053/24,0)+1,1))-1)+IF('Standard Profiles'!$G$20=$B$10,7,0)+IF('Standard Profiles'!$G$20=$B$17,14,0)+IF('Standard Profiles'!$G$20=$B$24,21,0),0)),0)</f>
        <v>0.87050905357888397</v>
      </c>
      <c r="G5053" cm="1">
        <f t="array" ref="G5053">IFERROR(INDEX(Jesper!AK$2:AK$366,ROUNDDOWN($C5053/24,0)+1,1)*INDEX($D$3:$AA$30,INDEX(Jesper!$R$2:$R$366,ROW(INDEX(Jesper!AK$2:AK$366,ROUNDDOWN($C5053/24,0)+1,1))-1)+IF('Standard Profiles'!$G$21=$B$10,7,0)+IF('Standard Profiles'!$G$21=$B$17,14,0)+IF('Standard Profiles'!$G$21=$B$24,21,0),MOD($C5053,24)+1)/SUM(INDEX($D$3:$AA$30,INDEX(Jesper!$R$2:$R$366,ROW(INDEX(Jesper!AK$2:AK$366,ROUNDDOWN($C5053/24,0)+1,1))-1)+IF('Standard Profiles'!$G$21=$B$10,7,0)+IF('Standard Profiles'!$G$21=$B$17,14,0)+IF('Standard Profiles'!$G$21=$B$24,21,0),0)),0)</f>
        <v>0.30203999309338903</v>
      </c>
      <c r="H5053" cm="1">
        <f t="array" ref="H5053">IFERROR(INDEX(Jesper!AL$2:AL$366,ROUNDDOWN($C5053/24,0)+1,1)*INDEX($D$3:$AA$30,INDEX(Jesper!$R$2:$R$366,ROW(INDEX(Jesper!AL$2:AL$366,ROUNDDOWN($C5053/24,0)+1,1))-1)+IF('Standard Profiles'!$G$22=$B$10,7,0)+IF('Standard Profiles'!$G$22=$B$17,14,0)+IF('Standard Profiles'!$G$22=$B$24,21,0),MOD($C5053,24)+1)/SUM(INDEX($D$3:$AA$30,INDEX(Jesper!$R$2:$R$366,ROW(INDEX(Jesper!AL$2:AL$366,ROUNDDOWN($C5053/24,0)+1,1))-1)+IF('Standard Profiles'!$G$22=$B$10,7,0)+IF('Standard Profiles'!$G$22=$B$17,14,0)+IF('Standard Profiles'!$G$22=$B$24,21,0),0)),0)</f>
        <v>0</v>
      </c>
      <c r="I5053">
        <f t="shared" si="566"/>
        <v>0</v>
      </c>
      <c r="J5053">
        <f t="shared" si="567"/>
        <v>3.5247285015155048</v>
      </c>
      <c r="K5053">
        <f t="shared" si="568"/>
        <v>0.21383449589483927</v>
      </c>
      <c r="L5053">
        <f t="shared" si="569"/>
        <v>0.10691724794741964</v>
      </c>
      <c r="M5053">
        <f t="shared" si="570"/>
        <v>0</v>
      </c>
      <c r="N5053" s="45">
        <f t="shared" si="571"/>
        <v>45136.124999987827</v>
      </c>
    </row>
    <row r="5054" spans="2:14" x14ac:dyDescent="0.25">
      <c r="B5054">
        <f t="shared" si="565"/>
        <v>6</v>
      </c>
      <c r="C5054" s="16">
        <v>5020</v>
      </c>
      <c r="D5054" cm="1">
        <f t="array" ref="D5054">IFERROR(INDEX(Jesper!AH$2:AH$366,ROUNDDOWN($C5054/24,0)+1,1)*INDEX($D$3:$AA$30,INDEX(Jesper!$R$2:$R$366,ROW(INDEX(Jesper!AH$2:AH$366,ROUNDDOWN($C5054/24,0)+1,1))-1)+IF('Standard Profiles'!$G$18=$B$10,7,0)+IF('Standard Profiles'!$G$18=$B$17,14,0)+IF('Standard Profiles'!$G$18=$B$24,21,0),MOD($C5054,24)+1)/SUM(INDEX($D$3:$AA$30,INDEX(Jesper!$R$2:$R$366,ROW(INDEX(Jesper!AH$2:AH$366,ROUNDDOWN($C5054/24,0)+1,1))-1)+IF('Standard Profiles'!$G$18=$B$10,7,0)+IF('Standard Profiles'!$G$18=$B$17,14,0)+IF('Standard Profiles'!$G$18=$B$24,21,0),0)),0)</f>
        <v>0</v>
      </c>
      <c r="E5054" cm="1">
        <f t="array" ref="E5054">IFERROR(INDEX(Jesper!AI$2:AI$366,ROUNDDOWN($C5054/24,0)+1,1)*INDEX($D$3:$AA$30,INDEX(Jesper!$R$2:$R$366,ROW(INDEX(Jesper!AI$2:AI$366,ROUNDDOWN($C5054/24,0)+1,1))-1)+IF('Standard Profiles'!$G$19=$B$10,7,0)+IF('Standard Profiles'!$G$19=$B$17,14,0)+IF('Standard Profiles'!$G$19=$B$24,21,0),MOD($C5054,24)+1)/SUM(INDEX($D$3:$AA$30,INDEX(Jesper!$R$2:$R$366,ROW(INDEX(Jesper!AI$2:AI$366,ROUNDDOWN($C5054/24,0)+1,1))-1)+IF('Standard Profiles'!$G$19=$B$10,7,0)+IF('Standard Profiles'!$G$19=$B$17,14,0)+IF('Standard Profiles'!$G$19=$B$24,21,0),0)),0)</f>
        <v>2.6729311986854909</v>
      </c>
      <c r="F5054" cm="1">
        <f t="array" ref="F5054">IFERROR(INDEX(Jesper!AJ$2:AJ$366,ROUNDDOWN($C5054/24,0)+1,1)*INDEX($D$3:$AA$30,INDEX(Jesper!$R$2:$R$366,ROW(INDEX(Jesper!AJ$2:AJ$366,ROUNDDOWN($C5054/24,0)+1,1))-1)+IF('Standard Profiles'!$G$20=$B$10,7,0)+IF('Standard Profiles'!$G$20=$B$17,14,0)+IF('Standard Profiles'!$G$20=$B$24,21,0),MOD($C5054,24)+1)/SUM(INDEX($D$3:$AA$30,INDEX(Jesper!$R$2:$R$366,ROW(INDEX(Jesper!AJ$2:AJ$366,ROUNDDOWN($C5054/24,0)+1,1))-1)+IF('Standard Profiles'!$G$20=$B$10,7,0)+IF('Standard Profiles'!$G$20=$B$17,14,0)+IF('Standard Profiles'!$G$20=$B$24,21,0),0)),0)</f>
        <v>0.87050905357888397</v>
      </c>
      <c r="G5054" cm="1">
        <f t="array" ref="G5054">IFERROR(INDEX(Jesper!AK$2:AK$366,ROUNDDOWN($C5054/24,0)+1,1)*INDEX($D$3:$AA$30,INDEX(Jesper!$R$2:$R$366,ROW(INDEX(Jesper!AK$2:AK$366,ROUNDDOWN($C5054/24,0)+1,1))-1)+IF('Standard Profiles'!$G$21=$B$10,7,0)+IF('Standard Profiles'!$G$21=$B$17,14,0)+IF('Standard Profiles'!$G$21=$B$24,21,0),MOD($C5054,24)+1)/SUM(INDEX($D$3:$AA$30,INDEX(Jesper!$R$2:$R$366,ROW(INDEX(Jesper!AK$2:AK$366,ROUNDDOWN($C5054/24,0)+1,1))-1)+IF('Standard Profiles'!$G$21=$B$10,7,0)+IF('Standard Profiles'!$G$21=$B$17,14,0)+IF('Standard Profiles'!$G$21=$B$24,21,0),0)),0)</f>
        <v>0.30203999309338903</v>
      </c>
      <c r="H5054" cm="1">
        <f t="array" ref="H5054">IFERROR(INDEX(Jesper!AL$2:AL$366,ROUNDDOWN($C5054/24,0)+1,1)*INDEX($D$3:$AA$30,INDEX(Jesper!$R$2:$R$366,ROW(INDEX(Jesper!AL$2:AL$366,ROUNDDOWN($C5054/24,0)+1,1))-1)+IF('Standard Profiles'!$G$22=$B$10,7,0)+IF('Standard Profiles'!$G$22=$B$17,14,0)+IF('Standard Profiles'!$G$22=$B$24,21,0),MOD($C5054,24)+1)/SUM(INDEX($D$3:$AA$30,INDEX(Jesper!$R$2:$R$366,ROW(INDEX(Jesper!AL$2:AL$366,ROUNDDOWN($C5054/24,0)+1,1))-1)+IF('Standard Profiles'!$G$22=$B$10,7,0)+IF('Standard Profiles'!$G$22=$B$17,14,0)+IF('Standard Profiles'!$G$22=$B$24,21,0),0)),0)</f>
        <v>0</v>
      </c>
      <c r="I5054">
        <f t="shared" si="566"/>
        <v>0</v>
      </c>
      <c r="J5054">
        <f t="shared" si="567"/>
        <v>3.5247285015155048</v>
      </c>
      <c r="K5054">
        <f t="shared" si="568"/>
        <v>0.21383449589483927</v>
      </c>
      <c r="L5054">
        <f t="shared" si="569"/>
        <v>0.10691724794741964</v>
      </c>
      <c r="M5054">
        <f t="shared" si="570"/>
        <v>0</v>
      </c>
      <c r="N5054" s="45">
        <f t="shared" si="571"/>
        <v>45136.166666654492</v>
      </c>
    </row>
    <row r="5055" spans="2:14" x14ac:dyDescent="0.25">
      <c r="B5055">
        <f t="shared" si="565"/>
        <v>6</v>
      </c>
      <c r="C5055" s="16">
        <v>5021</v>
      </c>
      <c r="D5055" cm="1">
        <f t="array" ref="D5055">IFERROR(INDEX(Jesper!AH$2:AH$366,ROUNDDOWN($C5055/24,0)+1,1)*INDEX($D$3:$AA$30,INDEX(Jesper!$R$2:$R$366,ROW(INDEX(Jesper!AH$2:AH$366,ROUNDDOWN($C5055/24,0)+1,1))-1)+IF('Standard Profiles'!$G$18=$B$10,7,0)+IF('Standard Profiles'!$G$18=$B$17,14,0)+IF('Standard Profiles'!$G$18=$B$24,21,0),MOD($C5055,24)+1)/SUM(INDEX($D$3:$AA$30,INDEX(Jesper!$R$2:$R$366,ROW(INDEX(Jesper!AH$2:AH$366,ROUNDDOWN($C5055/24,0)+1,1))-1)+IF('Standard Profiles'!$G$18=$B$10,7,0)+IF('Standard Profiles'!$G$18=$B$17,14,0)+IF('Standard Profiles'!$G$18=$B$24,21,0),0)),0)</f>
        <v>0</v>
      </c>
      <c r="E5055" cm="1">
        <f t="array" ref="E5055">IFERROR(INDEX(Jesper!AI$2:AI$366,ROUNDDOWN($C5055/24,0)+1,1)*INDEX($D$3:$AA$30,INDEX(Jesper!$R$2:$R$366,ROW(INDEX(Jesper!AI$2:AI$366,ROUNDDOWN($C5055/24,0)+1,1))-1)+IF('Standard Profiles'!$G$19=$B$10,7,0)+IF('Standard Profiles'!$G$19=$B$17,14,0)+IF('Standard Profiles'!$G$19=$B$24,21,0),MOD($C5055,24)+1)/SUM(INDEX($D$3:$AA$30,INDEX(Jesper!$R$2:$R$366,ROW(INDEX(Jesper!AI$2:AI$366,ROUNDDOWN($C5055/24,0)+1,1))-1)+IF('Standard Profiles'!$G$19=$B$10,7,0)+IF('Standard Profiles'!$G$19=$B$17,14,0)+IF('Standard Profiles'!$G$19=$B$24,21,0),0)),0)</f>
        <v>2.6729311986854909</v>
      </c>
      <c r="F5055" cm="1">
        <f t="array" ref="F5055">IFERROR(INDEX(Jesper!AJ$2:AJ$366,ROUNDDOWN($C5055/24,0)+1,1)*INDEX($D$3:$AA$30,INDEX(Jesper!$R$2:$R$366,ROW(INDEX(Jesper!AJ$2:AJ$366,ROUNDDOWN($C5055/24,0)+1,1))-1)+IF('Standard Profiles'!$G$20=$B$10,7,0)+IF('Standard Profiles'!$G$20=$B$17,14,0)+IF('Standard Profiles'!$G$20=$B$24,21,0),MOD($C5055,24)+1)/SUM(INDEX($D$3:$AA$30,INDEX(Jesper!$R$2:$R$366,ROW(INDEX(Jesper!AJ$2:AJ$366,ROUNDDOWN($C5055/24,0)+1,1))-1)+IF('Standard Profiles'!$G$20=$B$10,7,0)+IF('Standard Profiles'!$G$20=$B$17,14,0)+IF('Standard Profiles'!$G$20=$B$24,21,0),0)),0)</f>
        <v>0.87050905357888397</v>
      </c>
      <c r="G5055" cm="1">
        <f t="array" ref="G5055">IFERROR(INDEX(Jesper!AK$2:AK$366,ROUNDDOWN($C5055/24,0)+1,1)*INDEX($D$3:$AA$30,INDEX(Jesper!$R$2:$R$366,ROW(INDEX(Jesper!AK$2:AK$366,ROUNDDOWN($C5055/24,0)+1,1))-1)+IF('Standard Profiles'!$G$21=$B$10,7,0)+IF('Standard Profiles'!$G$21=$B$17,14,0)+IF('Standard Profiles'!$G$21=$B$24,21,0),MOD($C5055,24)+1)/SUM(INDEX($D$3:$AA$30,INDEX(Jesper!$R$2:$R$366,ROW(INDEX(Jesper!AK$2:AK$366,ROUNDDOWN($C5055/24,0)+1,1))-1)+IF('Standard Profiles'!$G$21=$B$10,7,0)+IF('Standard Profiles'!$G$21=$B$17,14,0)+IF('Standard Profiles'!$G$21=$B$24,21,0),0)),0)</f>
        <v>0.30203999309338903</v>
      </c>
      <c r="H5055" cm="1">
        <f t="array" ref="H5055">IFERROR(INDEX(Jesper!AL$2:AL$366,ROUNDDOWN($C5055/24,0)+1,1)*INDEX($D$3:$AA$30,INDEX(Jesper!$R$2:$R$366,ROW(INDEX(Jesper!AL$2:AL$366,ROUNDDOWN($C5055/24,0)+1,1))-1)+IF('Standard Profiles'!$G$22=$B$10,7,0)+IF('Standard Profiles'!$G$22=$B$17,14,0)+IF('Standard Profiles'!$G$22=$B$24,21,0),MOD($C5055,24)+1)/SUM(INDEX($D$3:$AA$30,INDEX(Jesper!$R$2:$R$366,ROW(INDEX(Jesper!AL$2:AL$366,ROUNDDOWN($C5055/24,0)+1,1))-1)+IF('Standard Profiles'!$G$22=$B$10,7,0)+IF('Standard Profiles'!$G$22=$B$17,14,0)+IF('Standard Profiles'!$G$22=$B$24,21,0),0)),0)</f>
        <v>0</v>
      </c>
      <c r="I5055">
        <f t="shared" si="566"/>
        <v>0</v>
      </c>
      <c r="J5055">
        <f t="shared" si="567"/>
        <v>3.5247285015155048</v>
      </c>
      <c r="K5055">
        <f t="shared" si="568"/>
        <v>0.21383449589483927</v>
      </c>
      <c r="L5055">
        <f t="shared" si="569"/>
        <v>0.10691724794741964</v>
      </c>
      <c r="M5055">
        <f t="shared" si="570"/>
        <v>0</v>
      </c>
      <c r="N5055" s="45">
        <f t="shared" si="571"/>
        <v>45136.208333321156</v>
      </c>
    </row>
    <row r="5056" spans="2:14" x14ac:dyDescent="0.25">
      <c r="B5056">
        <f t="shared" si="565"/>
        <v>6</v>
      </c>
      <c r="C5056" s="16">
        <v>5022</v>
      </c>
      <c r="D5056" cm="1">
        <f t="array" ref="D5056">IFERROR(INDEX(Jesper!AH$2:AH$366,ROUNDDOWN($C5056/24,0)+1,1)*INDEX($D$3:$AA$30,INDEX(Jesper!$R$2:$R$366,ROW(INDEX(Jesper!AH$2:AH$366,ROUNDDOWN($C5056/24,0)+1,1))-1)+IF('Standard Profiles'!$G$18=$B$10,7,0)+IF('Standard Profiles'!$G$18=$B$17,14,0)+IF('Standard Profiles'!$G$18=$B$24,21,0),MOD($C5056,24)+1)/SUM(INDEX($D$3:$AA$30,INDEX(Jesper!$R$2:$R$366,ROW(INDEX(Jesper!AH$2:AH$366,ROUNDDOWN($C5056/24,0)+1,1))-1)+IF('Standard Profiles'!$G$18=$B$10,7,0)+IF('Standard Profiles'!$G$18=$B$17,14,0)+IF('Standard Profiles'!$G$18=$B$24,21,0),0)),0)</f>
        <v>0</v>
      </c>
      <c r="E5056" cm="1">
        <f t="array" ref="E5056">IFERROR(INDEX(Jesper!AI$2:AI$366,ROUNDDOWN($C5056/24,0)+1,1)*INDEX($D$3:$AA$30,INDEX(Jesper!$R$2:$R$366,ROW(INDEX(Jesper!AI$2:AI$366,ROUNDDOWN($C5056/24,0)+1,1))-1)+IF('Standard Profiles'!$G$19=$B$10,7,0)+IF('Standard Profiles'!$G$19=$B$17,14,0)+IF('Standard Profiles'!$G$19=$B$24,21,0),MOD($C5056,24)+1)/SUM(INDEX($D$3:$AA$30,INDEX(Jesper!$R$2:$R$366,ROW(INDEX(Jesper!AI$2:AI$366,ROUNDDOWN($C5056/24,0)+1,1))-1)+IF('Standard Profiles'!$G$19=$B$10,7,0)+IF('Standard Profiles'!$G$19=$B$17,14,0)+IF('Standard Profiles'!$G$19=$B$24,21,0),0)),0)</f>
        <v>2.6729311986854909</v>
      </c>
      <c r="F5056" cm="1">
        <f t="array" ref="F5056">IFERROR(INDEX(Jesper!AJ$2:AJ$366,ROUNDDOWN($C5056/24,0)+1,1)*INDEX($D$3:$AA$30,INDEX(Jesper!$R$2:$R$366,ROW(INDEX(Jesper!AJ$2:AJ$366,ROUNDDOWN($C5056/24,0)+1,1))-1)+IF('Standard Profiles'!$G$20=$B$10,7,0)+IF('Standard Profiles'!$G$20=$B$17,14,0)+IF('Standard Profiles'!$G$20=$B$24,21,0),MOD($C5056,24)+1)/SUM(INDEX($D$3:$AA$30,INDEX(Jesper!$R$2:$R$366,ROW(INDEX(Jesper!AJ$2:AJ$366,ROUNDDOWN($C5056/24,0)+1,1))-1)+IF('Standard Profiles'!$G$20=$B$10,7,0)+IF('Standard Profiles'!$G$20=$B$17,14,0)+IF('Standard Profiles'!$G$20=$B$24,21,0),0)),0)</f>
        <v>0.87050905357888397</v>
      </c>
      <c r="G5056" cm="1">
        <f t="array" ref="G5056">IFERROR(INDEX(Jesper!AK$2:AK$366,ROUNDDOWN($C5056/24,0)+1,1)*INDEX($D$3:$AA$30,INDEX(Jesper!$R$2:$R$366,ROW(INDEX(Jesper!AK$2:AK$366,ROUNDDOWN($C5056/24,0)+1,1))-1)+IF('Standard Profiles'!$G$21=$B$10,7,0)+IF('Standard Profiles'!$G$21=$B$17,14,0)+IF('Standard Profiles'!$G$21=$B$24,21,0),MOD($C5056,24)+1)/SUM(INDEX($D$3:$AA$30,INDEX(Jesper!$R$2:$R$366,ROW(INDEX(Jesper!AK$2:AK$366,ROUNDDOWN($C5056/24,0)+1,1))-1)+IF('Standard Profiles'!$G$21=$B$10,7,0)+IF('Standard Profiles'!$G$21=$B$17,14,0)+IF('Standard Profiles'!$G$21=$B$24,21,0),0)),0)</f>
        <v>0.30203999309338903</v>
      </c>
      <c r="H5056" cm="1">
        <f t="array" ref="H5056">IFERROR(INDEX(Jesper!AL$2:AL$366,ROUNDDOWN($C5056/24,0)+1,1)*INDEX($D$3:$AA$30,INDEX(Jesper!$R$2:$R$366,ROW(INDEX(Jesper!AL$2:AL$366,ROUNDDOWN($C5056/24,0)+1,1))-1)+IF('Standard Profiles'!$G$22=$B$10,7,0)+IF('Standard Profiles'!$G$22=$B$17,14,0)+IF('Standard Profiles'!$G$22=$B$24,21,0),MOD($C5056,24)+1)/SUM(INDEX($D$3:$AA$30,INDEX(Jesper!$R$2:$R$366,ROW(INDEX(Jesper!AL$2:AL$366,ROUNDDOWN($C5056/24,0)+1,1))-1)+IF('Standard Profiles'!$G$22=$B$10,7,0)+IF('Standard Profiles'!$G$22=$B$17,14,0)+IF('Standard Profiles'!$G$22=$B$24,21,0),0)),0)</f>
        <v>0</v>
      </c>
      <c r="I5056">
        <f t="shared" si="566"/>
        <v>0</v>
      </c>
      <c r="J5056">
        <f t="shared" si="567"/>
        <v>3.5247285015155048</v>
      </c>
      <c r="K5056">
        <f t="shared" si="568"/>
        <v>0.21383449589483927</v>
      </c>
      <c r="L5056">
        <f t="shared" si="569"/>
        <v>0.10691724794741964</v>
      </c>
      <c r="M5056">
        <f t="shared" si="570"/>
        <v>0</v>
      </c>
      <c r="N5056" s="45">
        <f t="shared" si="571"/>
        <v>45136.24999998782</v>
      </c>
    </row>
    <row r="5057" spans="2:14" x14ac:dyDescent="0.25">
      <c r="B5057">
        <f t="shared" si="565"/>
        <v>6</v>
      </c>
      <c r="C5057" s="16">
        <v>5023</v>
      </c>
      <c r="D5057" cm="1">
        <f t="array" ref="D5057">IFERROR(INDEX(Jesper!AH$2:AH$366,ROUNDDOWN($C5057/24,0)+1,1)*INDEX($D$3:$AA$30,INDEX(Jesper!$R$2:$R$366,ROW(INDEX(Jesper!AH$2:AH$366,ROUNDDOWN($C5057/24,0)+1,1))-1)+IF('Standard Profiles'!$G$18=$B$10,7,0)+IF('Standard Profiles'!$G$18=$B$17,14,0)+IF('Standard Profiles'!$G$18=$B$24,21,0),MOD($C5057,24)+1)/SUM(INDEX($D$3:$AA$30,INDEX(Jesper!$R$2:$R$366,ROW(INDEX(Jesper!AH$2:AH$366,ROUNDDOWN($C5057/24,0)+1,1))-1)+IF('Standard Profiles'!$G$18=$B$10,7,0)+IF('Standard Profiles'!$G$18=$B$17,14,0)+IF('Standard Profiles'!$G$18=$B$24,21,0),0)),0)</f>
        <v>0</v>
      </c>
      <c r="E5057" cm="1">
        <f t="array" ref="E5057">IFERROR(INDEX(Jesper!AI$2:AI$366,ROUNDDOWN($C5057/24,0)+1,1)*INDEX($D$3:$AA$30,INDEX(Jesper!$R$2:$R$366,ROW(INDEX(Jesper!AI$2:AI$366,ROUNDDOWN($C5057/24,0)+1,1))-1)+IF('Standard Profiles'!$G$19=$B$10,7,0)+IF('Standard Profiles'!$G$19=$B$17,14,0)+IF('Standard Profiles'!$G$19=$B$24,21,0),MOD($C5057,24)+1)/SUM(INDEX($D$3:$AA$30,INDEX(Jesper!$R$2:$R$366,ROW(INDEX(Jesper!AI$2:AI$366,ROUNDDOWN($C5057/24,0)+1,1))-1)+IF('Standard Profiles'!$G$19=$B$10,7,0)+IF('Standard Profiles'!$G$19=$B$17,14,0)+IF('Standard Profiles'!$G$19=$B$24,21,0),0)),0)</f>
        <v>2.6729311986854909</v>
      </c>
      <c r="F5057" cm="1">
        <f t="array" ref="F5057">IFERROR(INDEX(Jesper!AJ$2:AJ$366,ROUNDDOWN($C5057/24,0)+1,1)*INDEX($D$3:$AA$30,INDEX(Jesper!$R$2:$R$366,ROW(INDEX(Jesper!AJ$2:AJ$366,ROUNDDOWN($C5057/24,0)+1,1))-1)+IF('Standard Profiles'!$G$20=$B$10,7,0)+IF('Standard Profiles'!$G$20=$B$17,14,0)+IF('Standard Profiles'!$G$20=$B$24,21,0),MOD($C5057,24)+1)/SUM(INDEX($D$3:$AA$30,INDEX(Jesper!$R$2:$R$366,ROW(INDEX(Jesper!AJ$2:AJ$366,ROUNDDOWN($C5057/24,0)+1,1))-1)+IF('Standard Profiles'!$G$20=$B$10,7,0)+IF('Standard Profiles'!$G$20=$B$17,14,0)+IF('Standard Profiles'!$G$20=$B$24,21,0),0)),0)</f>
        <v>0.87050905357888397</v>
      </c>
      <c r="G5057" cm="1">
        <f t="array" ref="G5057">IFERROR(INDEX(Jesper!AK$2:AK$366,ROUNDDOWN($C5057/24,0)+1,1)*INDEX($D$3:$AA$30,INDEX(Jesper!$R$2:$R$366,ROW(INDEX(Jesper!AK$2:AK$366,ROUNDDOWN($C5057/24,0)+1,1))-1)+IF('Standard Profiles'!$G$21=$B$10,7,0)+IF('Standard Profiles'!$G$21=$B$17,14,0)+IF('Standard Profiles'!$G$21=$B$24,21,0),MOD($C5057,24)+1)/SUM(INDEX($D$3:$AA$30,INDEX(Jesper!$R$2:$R$366,ROW(INDEX(Jesper!AK$2:AK$366,ROUNDDOWN($C5057/24,0)+1,1))-1)+IF('Standard Profiles'!$G$21=$B$10,7,0)+IF('Standard Profiles'!$G$21=$B$17,14,0)+IF('Standard Profiles'!$G$21=$B$24,21,0),0)),0)</f>
        <v>0.30203999309338903</v>
      </c>
      <c r="H5057" cm="1">
        <f t="array" ref="H5057">IFERROR(INDEX(Jesper!AL$2:AL$366,ROUNDDOWN($C5057/24,0)+1,1)*INDEX($D$3:$AA$30,INDEX(Jesper!$R$2:$R$366,ROW(INDEX(Jesper!AL$2:AL$366,ROUNDDOWN($C5057/24,0)+1,1))-1)+IF('Standard Profiles'!$G$22=$B$10,7,0)+IF('Standard Profiles'!$G$22=$B$17,14,0)+IF('Standard Profiles'!$G$22=$B$24,21,0),MOD($C5057,24)+1)/SUM(INDEX($D$3:$AA$30,INDEX(Jesper!$R$2:$R$366,ROW(INDEX(Jesper!AL$2:AL$366,ROUNDDOWN($C5057/24,0)+1,1))-1)+IF('Standard Profiles'!$G$22=$B$10,7,0)+IF('Standard Profiles'!$G$22=$B$17,14,0)+IF('Standard Profiles'!$G$22=$B$24,21,0),0)),0)</f>
        <v>0</v>
      </c>
      <c r="I5057">
        <f t="shared" si="566"/>
        <v>0</v>
      </c>
      <c r="J5057">
        <f t="shared" si="567"/>
        <v>3.5247285015155048</v>
      </c>
      <c r="K5057">
        <f t="shared" si="568"/>
        <v>0.21383449589483927</v>
      </c>
      <c r="L5057">
        <f t="shared" si="569"/>
        <v>0.10691724794741964</v>
      </c>
      <c r="M5057">
        <f t="shared" si="570"/>
        <v>0</v>
      </c>
      <c r="N5057" s="45">
        <f t="shared" si="571"/>
        <v>45136.291666654484</v>
      </c>
    </row>
    <row r="5058" spans="2:14" x14ac:dyDescent="0.25">
      <c r="B5058">
        <f t="shared" si="565"/>
        <v>6</v>
      </c>
      <c r="C5058" s="16">
        <v>5024</v>
      </c>
      <c r="D5058" cm="1">
        <f t="array" ref="D5058">IFERROR(INDEX(Jesper!AH$2:AH$366,ROUNDDOWN($C5058/24,0)+1,1)*INDEX($D$3:$AA$30,INDEX(Jesper!$R$2:$R$366,ROW(INDEX(Jesper!AH$2:AH$366,ROUNDDOWN($C5058/24,0)+1,1))-1)+IF('Standard Profiles'!$G$18=$B$10,7,0)+IF('Standard Profiles'!$G$18=$B$17,14,0)+IF('Standard Profiles'!$G$18=$B$24,21,0),MOD($C5058,24)+1)/SUM(INDEX($D$3:$AA$30,INDEX(Jesper!$R$2:$R$366,ROW(INDEX(Jesper!AH$2:AH$366,ROUNDDOWN($C5058/24,0)+1,1))-1)+IF('Standard Profiles'!$G$18=$B$10,7,0)+IF('Standard Profiles'!$G$18=$B$17,14,0)+IF('Standard Profiles'!$G$18=$B$24,21,0),0)),0)</f>
        <v>0</v>
      </c>
      <c r="E5058" cm="1">
        <f t="array" ref="E5058">IFERROR(INDEX(Jesper!AI$2:AI$366,ROUNDDOWN($C5058/24,0)+1,1)*INDEX($D$3:$AA$30,INDEX(Jesper!$R$2:$R$366,ROW(INDEX(Jesper!AI$2:AI$366,ROUNDDOWN($C5058/24,0)+1,1))-1)+IF('Standard Profiles'!$G$19=$B$10,7,0)+IF('Standard Profiles'!$G$19=$B$17,14,0)+IF('Standard Profiles'!$G$19=$B$24,21,0),MOD($C5058,24)+1)/SUM(INDEX($D$3:$AA$30,INDEX(Jesper!$R$2:$R$366,ROW(INDEX(Jesper!AI$2:AI$366,ROUNDDOWN($C5058/24,0)+1,1))-1)+IF('Standard Profiles'!$G$19=$B$10,7,0)+IF('Standard Profiles'!$G$19=$B$17,14,0)+IF('Standard Profiles'!$G$19=$B$24,21,0),0)),0)</f>
        <v>2.6729311986854909</v>
      </c>
      <c r="F5058" cm="1">
        <f t="array" ref="F5058">IFERROR(INDEX(Jesper!AJ$2:AJ$366,ROUNDDOWN($C5058/24,0)+1,1)*INDEX($D$3:$AA$30,INDEX(Jesper!$R$2:$R$366,ROW(INDEX(Jesper!AJ$2:AJ$366,ROUNDDOWN($C5058/24,0)+1,1))-1)+IF('Standard Profiles'!$G$20=$B$10,7,0)+IF('Standard Profiles'!$G$20=$B$17,14,0)+IF('Standard Profiles'!$G$20=$B$24,21,0),MOD($C5058,24)+1)/SUM(INDEX($D$3:$AA$30,INDEX(Jesper!$R$2:$R$366,ROW(INDEX(Jesper!AJ$2:AJ$366,ROUNDDOWN($C5058/24,0)+1,1))-1)+IF('Standard Profiles'!$G$20=$B$10,7,0)+IF('Standard Profiles'!$G$20=$B$17,14,0)+IF('Standard Profiles'!$G$20=$B$24,21,0),0)),0)</f>
        <v>0.87050905357888397</v>
      </c>
      <c r="G5058" cm="1">
        <f t="array" ref="G5058">IFERROR(INDEX(Jesper!AK$2:AK$366,ROUNDDOWN($C5058/24,0)+1,1)*INDEX($D$3:$AA$30,INDEX(Jesper!$R$2:$R$366,ROW(INDEX(Jesper!AK$2:AK$366,ROUNDDOWN($C5058/24,0)+1,1))-1)+IF('Standard Profiles'!$G$21=$B$10,7,0)+IF('Standard Profiles'!$G$21=$B$17,14,0)+IF('Standard Profiles'!$G$21=$B$24,21,0),MOD($C5058,24)+1)/SUM(INDEX($D$3:$AA$30,INDEX(Jesper!$R$2:$R$366,ROW(INDEX(Jesper!AK$2:AK$366,ROUNDDOWN($C5058/24,0)+1,1))-1)+IF('Standard Profiles'!$G$21=$B$10,7,0)+IF('Standard Profiles'!$G$21=$B$17,14,0)+IF('Standard Profiles'!$G$21=$B$24,21,0),0)),0)</f>
        <v>0.30203999309338903</v>
      </c>
      <c r="H5058" cm="1">
        <f t="array" ref="H5058">IFERROR(INDEX(Jesper!AL$2:AL$366,ROUNDDOWN($C5058/24,0)+1,1)*INDEX($D$3:$AA$30,INDEX(Jesper!$R$2:$R$366,ROW(INDEX(Jesper!AL$2:AL$366,ROUNDDOWN($C5058/24,0)+1,1))-1)+IF('Standard Profiles'!$G$22=$B$10,7,0)+IF('Standard Profiles'!$G$22=$B$17,14,0)+IF('Standard Profiles'!$G$22=$B$24,21,0),MOD($C5058,24)+1)/SUM(INDEX($D$3:$AA$30,INDEX(Jesper!$R$2:$R$366,ROW(INDEX(Jesper!AL$2:AL$366,ROUNDDOWN($C5058/24,0)+1,1))-1)+IF('Standard Profiles'!$G$22=$B$10,7,0)+IF('Standard Profiles'!$G$22=$B$17,14,0)+IF('Standard Profiles'!$G$22=$B$24,21,0),0)),0)</f>
        <v>0</v>
      </c>
      <c r="I5058">
        <f t="shared" si="566"/>
        <v>0</v>
      </c>
      <c r="J5058">
        <f t="shared" si="567"/>
        <v>3.5247285015155048</v>
      </c>
      <c r="K5058">
        <f t="shared" si="568"/>
        <v>0.21383449589483927</v>
      </c>
      <c r="L5058">
        <f t="shared" si="569"/>
        <v>0.10691724794741964</v>
      </c>
      <c r="M5058">
        <f t="shared" si="570"/>
        <v>0</v>
      </c>
      <c r="N5058" s="45">
        <f t="shared" si="571"/>
        <v>45136.333333321149</v>
      </c>
    </row>
    <row r="5059" spans="2:14" x14ac:dyDescent="0.25">
      <c r="B5059">
        <f t="shared" si="565"/>
        <v>6</v>
      </c>
      <c r="C5059" s="16">
        <v>5025</v>
      </c>
      <c r="D5059" cm="1">
        <f t="array" ref="D5059">IFERROR(INDEX(Jesper!AH$2:AH$366,ROUNDDOWN($C5059/24,0)+1,1)*INDEX($D$3:$AA$30,INDEX(Jesper!$R$2:$R$366,ROW(INDEX(Jesper!AH$2:AH$366,ROUNDDOWN($C5059/24,0)+1,1))-1)+IF('Standard Profiles'!$G$18=$B$10,7,0)+IF('Standard Profiles'!$G$18=$B$17,14,0)+IF('Standard Profiles'!$G$18=$B$24,21,0),MOD($C5059,24)+1)/SUM(INDEX($D$3:$AA$30,INDEX(Jesper!$R$2:$R$366,ROW(INDEX(Jesper!AH$2:AH$366,ROUNDDOWN($C5059/24,0)+1,1))-1)+IF('Standard Profiles'!$G$18=$B$10,7,0)+IF('Standard Profiles'!$G$18=$B$17,14,0)+IF('Standard Profiles'!$G$18=$B$24,21,0),0)),0)</f>
        <v>0</v>
      </c>
      <c r="E5059" cm="1">
        <f t="array" ref="E5059">IFERROR(INDEX(Jesper!AI$2:AI$366,ROUNDDOWN($C5059/24,0)+1,1)*INDEX($D$3:$AA$30,INDEX(Jesper!$R$2:$R$366,ROW(INDEX(Jesper!AI$2:AI$366,ROUNDDOWN($C5059/24,0)+1,1))-1)+IF('Standard Profiles'!$G$19=$B$10,7,0)+IF('Standard Profiles'!$G$19=$B$17,14,0)+IF('Standard Profiles'!$G$19=$B$24,21,0),MOD($C5059,24)+1)/SUM(INDEX($D$3:$AA$30,INDEX(Jesper!$R$2:$R$366,ROW(INDEX(Jesper!AI$2:AI$366,ROUNDDOWN($C5059/24,0)+1,1))-1)+IF('Standard Profiles'!$G$19=$B$10,7,0)+IF('Standard Profiles'!$G$19=$B$17,14,0)+IF('Standard Profiles'!$G$19=$B$24,21,0),0)),0)</f>
        <v>2.6729311986854909</v>
      </c>
      <c r="F5059" cm="1">
        <f t="array" ref="F5059">IFERROR(INDEX(Jesper!AJ$2:AJ$366,ROUNDDOWN($C5059/24,0)+1,1)*INDEX($D$3:$AA$30,INDEX(Jesper!$R$2:$R$366,ROW(INDEX(Jesper!AJ$2:AJ$366,ROUNDDOWN($C5059/24,0)+1,1))-1)+IF('Standard Profiles'!$G$20=$B$10,7,0)+IF('Standard Profiles'!$G$20=$B$17,14,0)+IF('Standard Profiles'!$G$20=$B$24,21,0),MOD($C5059,24)+1)/SUM(INDEX($D$3:$AA$30,INDEX(Jesper!$R$2:$R$366,ROW(INDEX(Jesper!AJ$2:AJ$366,ROUNDDOWN($C5059/24,0)+1,1))-1)+IF('Standard Profiles'!$G$20=$B$10,7,0)+IF('Standard Profiles'!$G$20=$B$17,14,0)+IF('Standard Profiles'!$G$20=$B$24,21,0),0)),0)</f>
        <v>0.87050905357888397</v>
      </c>
      <c r="G5059" cm="1">
        <f t="array" ref="G5059">IFERROR(INDEX(Jesper!AK$2:AK$366,ROUNDDOWN($C5059/24,0)+1,1)*INDEX($D$3:$AA$30,INDEX(Jesper!$R$2:$R$366,ROW(INDEX(Jesper!AK$2:AK$366,ROUNDDOWN($C5059/24,0)+1,1))-1)+IF('Standard Profiles'!$G$21=$B$10,7,0)+IF('Standard Profiles'!$G$21=$B$17,14,0)+IF('Standard Profiles'!$G$21=$B$24,21,0),MOD($C5059,24)+1)/SUM(INDEX($D$3:$AA$30,INDEX(Jesper!$R$2:$R$366,ROW(INDEX(Jesper!AK$2:AK$366,ROUNDDOWN($C5059/24,0)+1,1))-1)+IF('Standard Profiles'!$G$21=$B$10,7,0)+IF('Standard Profiles'!$G$21=$B$17,14,0)+IF('Standard Profiles'!$G$21=$B$24,21,0),0)),0)</f>
        <v>0.30203999309338903</v>
      </c>
      <c r="H5059" cm="1">
        <f t="array" ref="H5059">IFERROR(INDEX(Jesper!AL$2:AL$366,ROUNDDOWN($C5059/24,0)+1,1)*INDEX($D$3:$AA$30,INDEX(Jesper!$R$2:$R$366,ROW(INDEX(Jesper!AL$2:AL$366,ROUNDDOWN($C5059/24,0)+1,1))-1)+IF('Standard Profiles'!$G$22=$B$10,7,0)+IF('Standard Profiles'!$G$22=$B$17,14,0)+IF('Standard Profiles'!$G$22=$B$24,21,0),MOD($C5059,24)+1)/SUM(INDEX($D$3:$AA$30,INDEX(Jesper!$R$2:$R$366,ROW(INDEX(Jesper!AL$2:AL$366,ROUNDDOWN($C5059/24,0)+1,1))-1)+IF('Standard Profiles'!$G$22=$B$10,7,0)+IF('Standard Profiles'!$G$22=$B$17,14,0)+IF('Standard Profiles'!$G$22=$B$24,21,0),0)),0)</f>
        <v>0</v>
      </c>
      <c r="I5059">
        <f t="shared" si="566"/>
        <v>0</v>
      </c>
      <c r="J5059">
        <f t="shared" si="567"/>
        <v>3.5247285015155048</v>
      </c>
      <c r="K5059">
        <f t="shared" si="568"/>
        <v>0.21383449589483927</v>
      </c>
      <c r="L5059">
        <f t="shared" si="569"/>
        <v>0.10691724794741964</v>
      </c>
      <c r="M5059">
        <f t="shared" si="570"/>
        <v>0</v>
      </c>
      <c r="N5059" s="45">
        <f t="shared" si="571"/>
        <v>45136.374999987813</v>
      </c>
    </row>
    <row r="5060" spans="2:14" x14ac:dyDescent="0.25">
      <c r="B5060">
        <f t="shared" si="565"/>
        <v>6</v>
      </c>
      <c r="C5060" s="16">
        <v>5026</v>
      </c>
      <c r="D5060" cm="1">
        <f t="array" ref="D5060">IFERROR(INDEX(Jesper!AH$2:AH$366,ROUNDDOWN($C5060/24,0)+1,1)*INDEX($D$3:$AA$30,INDEX(Jesper!$R$2:$R$366,ROW(INDEX(Jesper!AH$2:AH$366,ROUNDDOWN($C5060/24,0)+1,1))-1)+IF('Standard Profiles'!$G$18=$B$10,7,0)+IF('Standard Profiles'!$G$18=$B$17,14,0)+IF('Standard Profiles'!$G$18=$B$24,21,0),MOD($C5060,24)+1)/SUM(INDEX($D$3:$AA$30,INDEX(Jesper!$R$2:$R$366,ROW(INDEX(Jesper!AH$2:AH$366,ROUNDDOWN($C5060/24,0)+1,1))-1)+IF('Standard Profiles'!$G$18=$B$10,7,0)+IF('Standard Profiles'!$G$18=$B$17,14,0)+IF('Standard Profiles'!$G$18=$B$24,21,0),0)),0)</f>
        <v>0</v>
      </c>
      <c r="E5060" cm="1">
        <f t="array" ref="E5060">IFERROR(INDEX(Jesper!AI$2:AI$366,ROUNDDOWN($C5060/24,0)+1,1)*INDEX($D$3:$AA$30,INDEX(Jesper!$R$2:$R$366,ROW(INDEX(Jesper!AI$2:AI$366,ROUNDDOWN($C5060/24,0)+1,1))-1)+IF('Standard Profiles'!$G$19=$B$10,7,0)+IF('Standard Profiles'!$G$19=$B$17,14,0)+IF('Standard Profiles'!$G$19=$B$24,21,0),MOD($C5060,24)+1)/SUM(INDEX($D$3:$AA$30,INDEX(Jesper!$R$2:$R$366,ROW(INDEX(Jesper!AI$2:AI$366,ROUNDDOWN($C5060/24,0)+1,1))-1)+IF('Standard Profiles'!$G$19=$B$10,7,0)+IF('Standard Profiles'!$G$19=$B$17,14,0)+IF('Standard Profiles'!$G$19=$B$24,21,0),0)),0)</f>
        <v>2.6729311986854909</v>
      </c>
      <c r="F5060" cm="1">
        <f t="array" ref="F5060">IFERROR(INDEX(Jesper!AJ$2:AJ$366,ROUNDDOWN($C5060/24,0)+1,1)*INDEX($D$3:$AA$30,INDEX(Jesper!$R$2:$R$366,ROW(INDEX(Jesper!AJ$2:AJ$366,ROUNDDOWN($C5060/24,0)+1,1))-1)+IF('Standard Profiles'!$G$20=$B$10,7,0)+IF('Standard Profiles'!$G$20=$B$17,14,0)+IF('Standard Profiles'!$G$20=$B$24,21,0),MOD($C5060,24)+1)/SUM(INDEX($D$3:$AA$30,INDEX(Jesper!$R$2:$R$366,ROW(INDEX(Jesper!AJ$2:AJ$366,ROUNDDOWN($C5060/24,0)+1,1))-1)+IF('Standard Profiles'!$G$20=$B$10,7,0)+IF('Standard Profiles'!$G$20=$B$17,14,0)+IF('Standard Profiles'!$G$20=$B$24,21,0),0)),0)</f>
        <v>0.87050905357888397</v>
      </c>
      <c r="G5060" cm="1">
        <f t="array" ref="G5060">IFERROR(INDEX(Jesper!AK$2:AK$366,ROUNDDOWN($C5060/24,0)+1,1)*INDEX($D$3:$AA$30,INDEX(Jesper!$R$2:$R$366,ROW(INDEX(Jesper!AK$2:AK$366,ROUNDDOWN($C5060/24,0)+1,1))-1)+IF('Standard Profiles'!$G$21=$B$10,7,0)+IF('Standard Profiles'!$G$21=$B$17,14,0)+IF('Standard Profiles'!$G$21=$B$24,21,0),MOD($C5060,24)+1)/SUM(INDEX($D$3:$AA$30,INDEX(Jesper!$R$2:$R$366,ROW(INDEX(Jesper!AK$2:AK$366,ROUNDDOWN($C5060/24,0)+1,1))-1)+IF('Standard Profiles'!$G$21=$B$10,7,0)+IF('Standard Profiles'!$G$21=$B$17,14,0)+IF('Standard Profiles'!$G$21=$B$24,21,0),0)),0)</f>
        <v>0.30203999309338903</v>
      </c>
      <c r="H5060" cm="1">
        <f t="array" ref="H5060">IFERROR(INDEX(Jesper!AL$2:AL$366,ROUNDDOWN($C5060/24,0)+1,1)*INDEX($D$3:$AA$30,INDEX(Jesper!$R$2:$R$366,ROW(INDEX(Jesper!AL$2:AL$366,ROUNDDOWN($C5060/24,0)+1,1))-1)+IF('Standard Profiles'!$G$22=$B$10,7,0)+IF('Standard Profiles'!$G$22=$B$17,14,0)+IF('Standard Profiles'!$G$22=$B$24,21,0),MOD($C5060,24)+1)/SUM(INDEX($D$3:$AA$30,INDEX(Jesper!$R$2:$R$366,ROW(INDEX(Jesper!AL$2:AL$366,ROUNDDOWN($C5060/24,0)+1,1))-1)+IF('Standard Profiles'!$G$22=$B$10,7,0)+IF('Standard Profiles'!$G$22=$B$17,14,0)+IF('Standard Profiles'!$G$22=$B$24,21,0),0)),0)</f>
        <v>0</v>
      </c>
      <c r="I5060">
        <f t="shared" si="566"/>
        <v>0</v>
      </c>
      <c r="J5060">
        <f t="shared" si="567"/>
        <v>3.5247285015155048</v>
      </c>
      <c r="K5060">
        <f t="shared" si="568"/>
        <v>0.21383449589483927</v>
      </c>
      <c r="L5060">
        <f t="shared" si="569"/>
        <v>0.10691724794741964</v>
      </c>
      <c r="M5060">
        <f t="shared" si="570"/>
        <v>0</v>
      </c>
      <c r="N5060" s="45">
        <f t="shared" si="571"/>
        <v>45136.416666654477</v>
      </c>
    </row>
    <row r="5061" spans="2:14" x14ac:dyDescent="0.25">
      <c r="B5061">
        <f t="shared" si="565"/>
        <v>6</v>
      </c>
      <c r="C5061" s="16">
        <v>5027</v>
      </c>
      <c r="D5061" cm="1">
        <f t="array" ref="D5061">IFERROR(INDEX(Jesper!AH$2:AH$366,ROUNDDOWN($C5061/24,0)+1,1)*INDEX($D$3:$AA$30,INDEX(Jesper!$R$2:$R$366,ROW(INDEX(Jesper!AH$2:AH$366,ROUNDDOWN($C5061/24,0)+1,1))-1)+IF('Standard Profiles'!$G$18=$B$10,7,0)+IF('Standard Profiles'!$G$18=$B$17,14,0)+IF('Standard Profiles'!$G$18=$B$24,21,0),MOD($C5061,24)+1)/SUM(INDEX($D$3:$AA$30,INDEX(Jesper!$R$2:$R$366,ROW(INDEX(Jesper!AH$2:AH$366,ROUNDDOWN($C5061/24,0)+1,1))-1)+IF('Standard Profiles'!$G$18=$B$10,7,0)+IF('Standard Profiles'!$G$18=$B$17,14,0)+IF('Standard Profiles'!$G$18=$B$24,21,0),0)),0)</f>
        <v>0</v>
      </c>
      <c r="E5061" cm="1">
        <f t="array" ref="E5061">IFERROR(INDEX(Jesper!AI$2:AI$366,ROUNDDOWN($C5061/24,0)+1,1)*INDEX($D$3:$AA$30,INDEX(Jesper!$R$2:$R$366,ROW(INDEX(Jesper!AI$2:AI$366,ROUNDDOWN($C5061/24,0)+1,1))-1)+IF('Standard Profiles'!$G$19=$B$10,7,0)+IF('Standard Profiles'!$G$19=$B$17,14,0)+IF('Standard Profiles'!$G$19=$B$24,21,0),MOD($C5061,24)+1)/SUM(INDEX($D$3:$AA$30,INDEX(Jesper!$R$2:$R$366,ROW(INDEX(Jesper!AI$2:AI$366,ROUNDDOWN($C5061/24,0)+1,1))-1)+IF('Standard Profiles'!$G$19=$B$10,7,0)+IF('Standard Profiles'!$G$19=$B$17,14,0)+IF('Standard Profiles'!$G$19=$B$24,21,0),0)),0)</f>
        <v>2.6729311986854909</v>
      </c>
      <c r="F5061" cm="1">
        <f t="array" ref="F5061">IFERROR(INDEX(Jesper!AJ$2:AJ$366,ROUNDDOWN($C5061/24,0)+1,1)*INDEX($D$3:$AA$30,INDEX(Jesper!$R$2:$R$366,ROW(INDEX(Jesper!AJ$2:AJ$366,ROUNDDOWN($C5061/24,0)+1,1))-1)+IF('Standard Profiles'!$G$20=$B$10,7,0)+IF('Standard Profiles'!$G$20=$B$17,14,0)+IF('Standard Profiles'!$G$20=$B$24,21,0),MOD($C5061,24)+1)/SUM(INDEX($D$3:$AA$30,INDEX(Jesper!$R$2:$R$366,ROW(INDEX(Jesper!AJ$2:AJ$366,ROUNDDOWN($C5061/24,0)+1,1))-1)+IF('Standard Profiles'!$G$20=$B$10,7,0)+IF('Standard Profiles'!$G$20=$B$17,14,0)+IF('Standard Profiles'!$G$20=$B$24,21,0),0)),0)</f>
        <v>0.87050905357888397</v>
      </c>
      <c r="G5061" cm="1">
        <f t="array" ref="G5061">IFERROR(INDEX(Jesper!AK$2:AK$366,ROUNDDOWN($C5061/24,0)+1,1)*INDEX($D$3:$AA$30,INDEX(Jesper!$R$2:$R$366,ROW(INDEX(Jesper!AK$2:AK$366,ROUNDDOWN($C5061/24,0)+1,1))-1)+IF('Standard Profiles'!$G$21=$B$10,7,0)+IF('Standard Profiles'!$G$21=$B$17,14,0)+IF('Standard Profiles'!$G$21=$B$24,21,0),MOD($C5061,24)+1)/SUM(INDEX($D$3:$AA$30,INDEX(Jesper!$R$2:$R$366,ROW(INDEX(Jesper!AK$2:AK$366,ROUNDDOWN($C5061/24,0)+1,1))-1)+IF('Standard Profiles'!$G$21=$B$10,7,0)+IF('Standard Profiles'!$G$21=$B$17,14,0)+IF('Standard Profiles'!$G$21=$B$24,21,0),0)),0)</f>
        <v>0.30203999309338903</v>
      </c>
      <c r="H5061" cm="1">
        <f t="array" ref="H5061">IFERROR(INDEX(Jesper!AL$2:AL$366,ROUNDDOWN($C5061/24,0)+1,1)*INDEX($D$3:$AA$30,INDEX(Jesper!$R$2:$R$366,ROW(INDEX(Jesper!AL$2:AL$366,ROUNDDOWN($C5061/24,0)+1,1))-1)+IF('Standard Profiles'!$G$22=$B$10,7,0)+IF('Standard Profiles'!$G$22=$B$17,14,0)+IF('Standard Profiles'!$G$22=$B$24,21,0),MOD($C5061,24)+1)/SUM(INDEX($D$3:$AA$30,INDEX(Jesper!$R$2:$R$366,ROW(INDEX(Jesper!AL$2:AL$366,ROUNDDOWN($C5061/24,0)+1,1))-1)+IF('Standard Profiles'!$G$22=$B$10,7,0)+IF('Standard Profiles'!$G$22=$B$17,14,0)+IF('Standard Profiles'!$G$22=$B$24,21,0),0)),0)</f>
        <v>0</v>
      </c>
      <c r="I5061">
        <f t="shared" si="566"/>
        <v>0</v>
      </c>
      <c r="J5061">
        <f t="shared" si="567"/>
        <v>3.5247285015155048</v>
      </c>
      <c r="K5061">
        <f t="shared" si="568"/>
        <v>0.21383449589483927</v>
      </c>
      <c r="L5061">
        <f t="shared" si="569"/>
        <v>0.10691724794741964</v>
      </c>
      <c r="M5061">
        <f t="shared" si="570"/>
        <v>0</v>
      </c>
      <c r="N5061" s="45">
        <f t="shared" si="571"/>
        <v>45136.458333321141</v>
      </c>
    </row>
    <row r="5062" spans="2:14" x14ac:dyDescent="0.25">
      <c r="B5062">
        <f t="shared" si="565"/>
        <v>6</v>
      </c>
      <c r="C5062" s="16">
        <v>5028</v>
      </c>
      <c r="D5062" cm="1">
        <f t="array" ref="D5062">IFERROR(INDEX(Jesper!AH$2:AH$366,ROUNDDOWN($C5062/24,0)+1,1)*INDEX($D$3:$AA$30,INDEX(Jesper!$R$2:$R$366,ROW(INDEX(Jesper!AH$2:AH$366,ROUNDDOWN($C5062/24,0)+1,1))-1)+IF('Standard Profiles'!$G$18=$B$10,7,0)+IF('Standard Profiles'!$G$18=$B$17,14,0)+IF('Standard Profiles'!$G$18=$B$24,21,0),MOD($C5062,24)+1)/SUM(INDEX($D$3:$AA$30,INDEX(Jesper!$R$2:$R$366,ROW(INDEX(Jesper!AH$2:AH$366,ROUNDDOWN($C5062/24,0)+1,1))-1)+IF('Standard Profiles'!$G$18=$B$10,7,0)+IF('Standard Profiles'!$G$18=$B$17,14,0)+IF('Standard Profiles'!$G$18=$B$24,21,0),0)),0)</f>
        <v>0</v>
      </c>
      <c r="E5062" cm="1">
        <f t="array" ref="E5062">IFERROR(INDEX(Jesper!AI$2:AI$366,ROUNDDOWN($C5062/24,0)+1,1)*INDEX($D$3:$AA$30,INDEX(Jesper!$R$2:$R$366,ROW(INDEX(Jesper!AI$2:AI$366,ROUNDDOWN($C5062/24,0)+1,1))-1)+IF('Standard Profiles'!$G$19=$B$10,7,0)+IF('Standard Profiles'!$G$19=$B$17,14,0)+IF('Standard Profiles'!$G$19=$B$24,21,0),MOD($C5062,24)+1)/SUM(INDEX($D$3:$AA$30,INDEX(Jesper!$R$2:$R$366,ROW(INDEX(Jesper!AI$2:AI$366,ROUNDDOWN($C5062/24,0)+1,1))-1)+IF('Standard Profiles'!$G$19=$B$10,7,0)+IF('Standard Profiles'!$G$19=$B$17,14,0)+IF('Standard Profiles'!$G$19=$B$24,21,0),0)),0)</f>
        <v>2.6729311986854909</v>
      </c>
      <c r="F5062" cm="1">
        <f t="array" ref="F5062">IFERROR(INDEX(Jesper!AJ$2:AJ$366,ROUNDDOWN($C5062/24,0)+1,1)*INDEX($D$3:$AA$30,INDEX(Jesper!$R$2:$R$366,ROW(INDEX(Jesper!AJ$2:AJ$366,ROUNDDOWN($C5062/24,0)+1,1))-1)+IF('Standard Profiles'!$G$20=$B$10,7,0)+IF('Standard Profiles'!$G$20=$B$17,14,0)+IF('Standard Profiles'!$G$20=$B$24,21,0),MOD($C5062,24)+1)/SUM(INDEX($D$3:$AA$30,INDEX(Jesper!$R$2:$R$366,ROW(INDEX(Jesper!AJ$2:AJ$366,ROUNDDOWN($C5062/24,0)+1,1))-1)+IF('Standard Profiles'!$G$20=$B$10,7,0)+IF('Standard Profiles'!$G$20=$B$17,14,0)+IF('Standard Profiles'!$G$20=$B$24,21,0),0)),0)</f>
        <v>0.87050905357888397</v>
      </c>
      <c r="G5062" cm="1">
        <f t="array" ref="G5062">IFERROR(INDEX(Jesper!AK$2:AK$366,ROUNDDOWN($C5062/24,0)+1,1)*INDEX($D$3:$AA$30,INDEX(Jesper!$R$2:$R$366,ROW(INDEX(Jesper!AK$2:AK$366,ROUNDDOWN($C5062/24,0)+1,1))-1)+IF('Standard Profiles'!$G$21=$B$10,7,0)+IF('Standard Profiles'!$G$21=$B$17,14,0)+IF('Standard Profiles'!$G$21=$B$24,21,0),MOD($C5062,24)+1)/SUM(INDEX($D$3:$AA$30,INDEX(Jesper!$R$2:$R$366,ROW(INDEX(Jesper!AK$2:AK$366,ROUNDDOWN($C5062/24,0)+1,1))-1)+IF('Standard Profiles'!$G$21=$B$10,7,0)+IF('Standard Profiles'!$G$21=$B$17,14,0)+IF('Standard Profiles'!$G$21=$B$24,21,0),0)),0)</f>
        <v>0.30203999309338903</v>
      </c>
      <c r="H5062" cm="1">
        <f t="array" ref="H5062">IFERROR(INDEX(Jesper!AL$2:AL$366,ROUNDDOWN($C5062/24,0)+1,1)*INDEX($D$3:$AA$30,INDEX(Jesper!$R$2:$R$366,ROW(INDEX(Jesper!AL$2:AL$366,ROUNDDOWN($C5062/24,0)+1,1))-1)+IF('Standard Profiles'!$G$22=$B$10,7,0)+IF('Standard Profiles'!$G$22=$B$17,14,0)+IF('Standard Profiles'!$G$22=$B$24,21,0),MOD($C5062,24)+1)/SUM(INDEX($D$3:$AA$30,INDEX(Jesper!$R$2:$R$366,ROW(INDEX(Jesper!AL$2:AL$366,ROUNDDOWN($C5062/24,0)+1,1))-1)+IF('Standard Profiles'!$G$22=$B$10,7,0)+IF('Standard Profiles'!$G$22=$B$17,14,0)+IF('Standard Profiles'!$G$22=$B$24,21,0),0)),0)</f>
        <v>0</v>
      </c>
      <c r="I5062">
        <f t="shared" si="566"/>
        <v>0</v>
      </c>
      <c r="J5062">
        <f t="shared" si="567"/>
        <v>3.5247285015155048</v>
      </c>
      <c r="K5062">
        <f t="shared" si="568"/>
        <v>0.21383449589483927</v>
      </c>
      <c r="L5062">
        <f t="shared" si="569"/>
        <v>0.10691724794741964</v>
      </c>
      <c r="M5062">
        <f t="shared" si="570"/>
        <v>0</v>
      </c>
      <c r="N5062" s="45">
        <f t="shared" si="571"/>
        <v>45136.499999987805</v>
      </c>
    </row>
    <row r="5063" spans="2:14" x14ac:dyDescent="0.25">
      <c r="B5063">
        <f t="shared" si="565"/>
        <v>6</v>
      </c>
      <c r="C5063" s="16">
        <v>5029</v>
      </c>
      <c r="D5063" cm="1">
        <f t="array" ref="D5063">IFERROR(INDEX(Jesper!AH$2:AH$366,ROUNDDOWN($C5063/24,0)+1,1)*INDEX($D$3:$AA$30,INDEX(Jesper!$R$2:$R$366,ROW(INDEX(Jesper!AH$2:AH$366,ROUNDDOWN($C5063/24,0)+1,1))-1)+IF('Standard Profiles'!$G$18=$B$10,7,0)+IF('Standard Profiles'!$G$18=$B$17,14,0)+IF('Standard Profiles'!$G$18=$B$24,21,0),MOD($C5063,24)+1)/SUM(INDEX($D$3:$AA$30,INDEX(Jesper!$R$2:$R$366,ROW(INDEX(Jesper!AH$2:AH$366,ROUNDDOWN($C5063/24,0)+1,1))-1)+IF('Standard Profiles'!$G$18=$B$10,7,0)+IF('Standard Profiles'!$G$18=$B$17,14,0)+IF('Standard Profiles'!$G$18=$B$24,21,0),0)),0)</f>
        <v>0</v>
      </c>
      <c r="E5063" cm="1">
        <f t="array" ref="E5063">IFERROR(INDEX(Jesper!AI$2:AI$366,ROUNDDOWN($C5063/24,0)+1,1)*INDEX($D$3:$AA$30,INDEX(Jesper!$R$2:$R$366,ROW(INDEX(Jesper!AI$2:AI$366,ROUNDDOWN($C5063/24,0)+1,1))-1)+IF('Standard Profiles'!$G$19=$B$10,7,0)+IF('Standard Profiles'!$G$19=$B$17,14,0)+IF('Standard Profiles'!$G$19=$B$24,21,0),MOD($C5063,24)+1)/SUM(INDEX($D$3:$AA$30,INDEX(Jesper!$R$2:$R$366,ROW(INDEX(Jesper!AI$2:AI$366,ROUNDDOWN($C5063/24,0)+1,1))-1)+IF('Standard Profiles'!$G$19=$B$10,7,0)+IF('Standard Profiles'!$G$19=$B$17,14,0)+IF('Standard Profiles'!$G$19=$B$24,21,0),0)),0)</f>
        <v>2.6729311986854909</v>
      </c>
      <c r="F5063" cm="1">
        <f t="array" ref="F5063">IFERROR(INDEX(Jesper!AJ$2:AJ$366,ROUNDDOWN($C5063/24,0)+1,1)*INDEX($D$3:$AA$30,INDEX(Jesper!$R$2:$R$366,ROW(INDEX(Jesper!AJ$2:AJ$366,ROUNDDOWN($C5063/24,0)+1,1))-1)+IF('Standard Profiles'!$G$20=$B$10,7,0)+IF('Standard Profiles'!$G$20=$B$17,14,0)+IF('Standard Profiles'!$G$20=$B$24,21,0),MOD($C5063,24)+1)/SUM(INDEX($D$3:$AA$30,INDEX(Jesper!$R$2:$R$366,ROW(INDEX(Jesper!AJ$2:AJ$366,ROUNDDOWN($C5063/24,0)+1,1))-1)+IF('Standard Profiles'!$G$20=$B$10,7,0)+IF('Standard Profiles'!$G$20=$B$17,14,0)+IF('Standard Profiles'!$G$20=$B$24,21,0),0)),0)</f>
        <v>0.87050905357888397</v>
      </c>
      <c r="G5063" cm="1">
        <f t="array" ref="G5063">IFERROR(INDEX(Jesper!AK$2:AK$366,ROUNDDOWN($C5063/24,0)+1,1)*INDEX($D$3:$AA$30,INDEX(Jesper!$R$2:$R$366,ROW(INDEX(Jesper!AK$2:AK$366,ROUNDDOWN($C5063/24,0)+1,1))-1)+IF('Standard Profiles'!$G$21=$B$10,7,0)+IF('Standard Profiles'!$G$21=$B$17,14,0)+IF('Standard Profiles'!$G$21=$B$24,21,0),MOD($C5063,24)+1)/SUM(INDEX($D$3:$AA$30,INDEX(Jesper!$R$2:$R$366,ROW(INDEX(Jesper!AK$2:AK$366,ROUNDDOWN($C5063/24,0)+1,1))-1)+IF('Standard Profiles'!$G$21=$B$10,7,0)+IF('Standard Profiles'!$G$21=$B$17,14,0)+IF('Standard Profiles'!$G$21=$B$24,21,0),0)),0)</f>
        <v>0.30203999309338903</v>
      </c>
      <c r="H5063" cm="1">
        <f t="array" ref="H5063">IFERROR(INDEX(Jesper!AL$2:AL$366,ROUNDDOWN($C5063/24,0)+1,1)*INDEX($D$3:$AA$30,INDEX(Jesper!$R$2:$R$366,ROW(INDEX(Jesper!AL$2:AL$366,ROUNDDOWN($C5063/24,0)+1,1))-1)+IF('Standard Profiles'!$G$22=$B$10,7,0)+IF('Standard Profiles'!$G$22=$B$17,14,0)+IF('Standard Profiles'!$G$22=$B$24,21,0),MOD($C5063,24)+1)/SUM(INDEX($D$3:$AA$30,INDEX(Jesper!$R$2:$R$366,ROW(INDEX(Jesper!AL$2:AL$366,ROUNDDOWN($C5063/24,0)+1,1))-1)+IF('Standard Profiles'!$G$22=$B$10,7,0)+IF('Standard Profiles'!$G$22=$B$17,14,0)+IF('Standard Profiles'!$G$22=$B$24,21,0),0)),0)</f>
        <v>0</v>
      </c>
      <c r="I5063">
        <f t="shared" si="566"/>
        <v>0</v>
      </c>
      <c r="J5063">
        <f t="shared" si="567"/>
        <v>3.5247285015155048</v>
      </c>
      <c r="K5063">
        <f t="shared" si="568"/>
        <v>0.21383449589483927</v>
      </c>
      <c r="L5063">
        <f t="shared" si="569"/>
        <v>0.10691724794741964</v>
      </c>
      <c r="M5063">
        <f t="shared" si="570"/>
        <v>0</v>
      </c>
      <c r="N5063" s="45">
        <f t="shared" si="571"/>
        <v>45136.54166665447</v>
      </c>
    </row>
    <row r="5064" spans="2:14" x14ac:dyDescent="0.25">
      <c r="B5064">
        <f t="shared" si="565"/>
        <v>6</v>
      </c>
      <c r="C5064" s="16">
        <v>5030</v>
      </c>
      <c r="D5064" cm="1">
        <f t="array" ref="D5064">IFERROR(INDEX(Jesper!AH$2:AH$366,ROUNDDOWN($C5064/24,0)+1,1)*INDEX($D$3:$AA$30,INDEX(Jesper!$R$2:$R$366,ROW(INDEX(Jesper!AH$2:AH$366,ROUNDDOWN($C5064/24,0)+1,1))-1)+IF('Standard Profiles'!$G$18=$B$10,7,0)+IF('Standard Profiles'!$G$18=$B$17,14,0)+IF('Standard Profiles'!$G$18=$B$24,21,0),MOD($C5064,24)+1)/SUM(INDEX($D$3:$AA$30,INDEX(Jesper!$R$2:$R$366,ROW(INDEX(Jesper!AH$2:AH$366,ROUNDDOWN($C5064/24,0)+1,1))-1)+IF('Standard Profiles'!$G$18=$B$10,7,0)+IF('Standard Profiles'!$G$18=$B$17,14,0)+IF('Standard Profiles'!$G$18=$B$24,21,0),0)),0)</f>
        <v>0</v>
      </c>
      <c r="E5064" cm="1">
        <f t="array" ref="E5064">IFERROR(INDEX(Jesper!AI$2:AI$366,ROUNDDOWN($C5064/24,0)+1,1)*INDEX($D$3:$AA$30,INDEX(Jesper!$R$2:$R$366,ROW(INDEX(Jesper!AI$2:AI$366,ROUNDDOWN($C5064/24,0)+1,1))-1)+IF('Standard Profiles'!$G$19=$B$10,7,0)+IF('Standard Profiles'!$G$19=$B$17,14,0)+IF('Standard Profiles'!$G$19=$B$24,21,0),MOD($C5064,24)+1)/SUM(INDEX($D$3:$AA$30,INDEX(Jesper!$R$2:$R$366,ROW(INDEX(Jesper!AI$2:AI$366,ROUNDDOWN($C5064/24,0)+1,1))-1)+IF('Standard Profiles'!$G$19=$B$10,7,0)+IF('Standard Profiles'!$G$19=$B$17,14,0)+IF('Standard Profiles'!$G$19=$B$24,21,0),0)),0)</f>
        <v>2.6729311986854909</v>
      </c>
      <c r="F5064" cm="1">
        <f t="array" ref="F5064">IFERROR(INDEX(Jesper!AJ$2:AJ$366,ROUNDDOWN($C5064/24,0)+1,1)*INDEX($D$3:$AA$30,INDEX(Jesper!$R$2:$R$366,ROW(INDEX(Jesper!AJ$2:AJ$366,ROUNDDOWN($C5064/24,0)+1,1))-1)+IF('Standard Profiles'!$G$20=$B$10,7,0)+IF('Standard Profiles'!$G$20=$B$17,14,0)+IF('Standard Profiles'!$G$20=$B$24,21,0),MOD($C5064,24)+1)/SUM(INDEX($D$3:$AA$30,INDEX(Jesper!$R$2:$R$366,ROW(INDEX(Jesper!AJ$2:AJ$366,ROUNDDOWN($C5064/24,0)+1,1))-1)+IF('Standard Profiles'!$G$20=$B$10,7,0)+IF('Standard Profiles'!$G$20=$B$17,14,0)+IF('Standard Profiles'!$G$20=$B$24,21,0),0)),0)</f>
        <v>0.87050905357888397</v>
      </c>
      <c r="G5064" cm="1">
        <f t="array" ref="G5064">IFERROR(INDEX(Jesper!AK$2:AK$366,ROUNDDOWN($C5064/24,0)+1,1)*INDEX($D$3:$AA$30,INDEX(Jesper!$R$2:$R$366,ROW(INDEX(Jesper!AK$2:AK$366,ROUNDDOWN($C5064/24,0)+1,1))-1)+IF('Standard Profiles'!$G$21=$B$10,7,0)+IF('Standard Profiles'!$G$21=$B$17,14,0)+IF('Standard Profiles'!$G$21=$B$24,21,0),MOD($C5064,24)+1)/SUM(INDEX($D$3:$AA$30,INDEX(Jesper!$R$2:$R$366,ROW(INDEX(Jesper!AK$2:AK$366,ROUNDDOWN($C5064/24,0)+1,1))-1)+IF('Standard Profiles'!$G$21=$B$10,7,0)+IF('Standard Profiles'!$G$21=$B$17,14,0)+IF('Standard Profiles'!$G$21=$B$24,21,0),0)),0)</f>
        <v>0.30203999309338903</v>
      </c>
      <c r="H5064" cm="1">
        <f t="array" ref="H5064">IFERROR(INDEX(Jesper!AL$2:AL$366,ROUNDDOWN($C5064/24,0)+1,1)*INDEX($D$3:$AA$30,INDEX(Jesper!$R$2:$R$366,ROW(INDEX(Jesper!AL$2:AL$366,ROUNDDOWN($C5064/24,0)+1,1))-1)+IF('Standard Profiles'!$G$22=$B$10,7,0)+IF('Standard Profiles'!$G$22=$B$17,14,0)+IF('Standard Profiles'!$G$22=$B$24,21,0),MOD($C5064,24)+1)/SUM(INDEX($D$3:$AA$30,INDEX(Jesper!$R$2:$R$366,ROW(INDEX(Jesper!AL$2:AL$366,ROUNDDOWN($C5064/24,0)+1,1))-1)+IF('Standard Profiles'!$G$22=$B$10,7,0)+IF('Standard Profiles'!$G$22=$B$17,14,0)+IF('Standard Profiles'!$G$22=$B$24,21,0),0)),0)</f>
        <v>0</v>
      </c>
      <c r="I5064">
        <f t="shared" si="566"/>
        <v>0</v>
      </c>
      <c r="J5064">
        <f t="shared" si="567"/>
        <v>3.5247285015155048</v>
      </c>
      <c r="K5064">
        <f t="shared" si="568"/>
        <v>0.21383449589483927</v>
      </c>
      <c r="L5064">
        <f t="shared" si="569"/>
        <v>0.10691724794741964</v>
      </c>
      <c r="M5064">
        <f t="shared" si="570"/>
        <v>0</v>
      </c>
      <c r="N5064" s="45">
        <f t="shared" si="571"/>
        <v>45136.583333321134</v>
      </c>
    </row>
    <row r="5065" spans="2:14" x14ac:dyDescent="0.25">
      <c r="B5065">
        <f t="shared" si="565"/>
        <v>6</v>
      </c>
      <c r="C5065" s="16">
        <v>5031</v>
      </c>
      <c r="D5065" cm="1">
        <f t="array" ref="D5065">IFERROR(INDEX(Jesper!AH$2:AH$366,ROUNDDOWN($C5065/24,0)+1,1)*INDEX($D$3:$AA$30,INDEX(Jesper!$R$2:$R$366,ROW(INDEX(Jesper!AH$2:AH$366,ROUNDDOWN($C5065/24,0)+1,1))-1)+IF('Standard Profiles'!$G$18=$B$10,7,0)+IF('Standard Profiles'!$G$18=$B$17,14,0)+IF('Standard Profiles'!$G$18=$B$24,21,0),MOD($C5065,24)+1)/SUM(INDEX($D$3:$AA$30,INDEX(Jesper!$R$2:$R$366,ROW(INDEX(Jesper!AH$2:AH$366,ROUNDDOWN($C5065/24,0)+1,1))-1)+IF('Standard Profiles'!$G$18=$B$10,7,0)+IF('Standard Profiles'!$G$18=$B$17,14,0)+IF('Standard Profiles'!$G$18=$B$24,21,0),0)),0)</f>
        <v>0</v>
      </c>
      <c r="E5065" cm="1">
        <f t="array" ref="E5065">IFERROR(INDEX(Jesper!AI$2:AI$366,ROUNDDOWN($C5065/24,0)+1,1)*INDEX($D$3:$AA$30,INDEX(Jesper!$R$2:$R$366,ROW(INDEX(Jesper!AI$2:AI$366,ROUNDDOWN($C5065/24,0)+1,1))-1)+IF('Standard Profiles'!$G$19=$B$10,7,0)+IF('Standard Profiles'!$G$19=$B$17,14,0)+IF('Standard Profiles'!$G$19=$B$24,21,0),MOD($C5065,24)+1)/SUM(INDEX($D$3:$AA$30,INDEX(Jesper!$R$2:$R$366,ROW(INDEX(Jesper!AI$2:AI$366,ROUNDDOWN($C5065/24,0)+1,1))-1)+IF('Standard Profiles'!$G$19=$B$10,7,0)+IF('Standard Profiles'!$G$19=$B$17,14,0)+IF('Standard Profiles'!$G$19=$B$24,21,0),0)),0)</f>
        <v>2.6729311986854909</v>
      </c>
      <c r="F5065" cm="1">
        <f t="array" ref="F5065">IFERROR(INDEX(Jesper!AJ$2:AJ$366,ROUNDDOWN($C5065/24,0)+1,1)*INDEX($D$3:$AA$30,INDEX(Jesper!$R$2:$R$366,ROW(INDEX(Jesper!AJ$2:AJ$366,ROUNDDOWN($C5065/24,0)+1,1))-1)+IF('Standard Profiles'!$G$20=$B$10,7,0)+IF('Standard Profiles'!$G$20=$B$17,14,0)+IF('Standard Profiles'!$G$20=$B$24,21,0),MOD($C5065,24)+1)/SUM(INDEX($D$3:$AA$30,INDEX(Jesper!$R$2:$R$366,ROW(INDEX(Jesper!AJ$2:AJ$366,ROUNDDOWN($C5065/24,0)+1,1))-1)+IF('Standard Profiles'!$G$20=$B$10,7,0)+IF('Standard Profiles'!$G$20=$B$17,14,0)+IF('Standard Profiles'!$G$20=$B$24,21,0),0)),0)</f>
        <v>0.87050905357888397</v>
      </c>
      <c r="G5065" cm="1">
        <f t="array" ref="G5065">IFERROR(INDEX(Jesper!AK$2:AK$366,ROUNDDOWN($C5065/24,0)+1,1)*INDEX($D$3:$AA$30,INDEX(Jesper!$R$2:$R$366,ROW(INDEX(Jesper!AK$2:AK$366,ROUNDDOWN($C5065/24,0)+1,1))-1)+IF('Standard Profiles'!$G$21=$B$10,7,0)+IF('Standard Profiles'!$G$21=$B$17,14,0)+IF('Standard Profiles'!$G$21=$B$24,21,0),MOD($C5065,24)+1)/SUM(INDEX($D$3:$AA$30,INDEX(Jesper!$R$2:$R$366,ROW(INDEX(Jesper!AK$2:AK$366,ROUNDDOWN($C5065/24,0)+1,1))-1)+IF('Standard Profiles'!$G$21=$B$10,7,0)+IF('Standard Profiles'!$G$21=$B$17,14,0)+IF('Standard Profiles'!$G$21=$B$24,21,0),0)),0)</f>
        <v>0.30203999309338903</v>
      </c>
      <c r="H5065" cm="1">
        <f t="array" ref="H5065">IFERROR(INDEX(Jesper!AL$2:AL$366,ROUNDDOWN($C5065/24,0)+1,1)*INDEX($D$3:$AA$30,INDEX(Jesper!$R$2:$R$366,ROW(INDEX(Jesper!AL$2:AL$366,ROUNDDOWN($C5065/24,0)+1,1))-1)+IF('Standard Profiles'!$G$22=$B$10,7,0)+IF('Standard Profiles'!$G$22=$B$17,14,0)+IF('Standard Profiles'!$G$22=$B$24,21,0),MOD($C5065,24)+1)/SUM(INDEX($D$3:$AA$30,INDEX(Jesper!$R$2:$R$366,ROW(INDEX(Jesper!AL$2:AL$366,ROUNDDOWN($C5065/24,0)+1,1))-1)+IF('Standard Profiles'!$G$22=$B$10,7,0)+IF('Standard Profiles'!$G$22=$B$17,14,0)+IF('Standard Profiles'!$G$22=$B$24,21,0),0)),0)</f>
        <v>0</v>
      </c>
      <c r="I5065">
        <f t="shared" si="566"/>
        <v>0</v>
      </c>
      <c r="J5065">
        <f t="shared" si="567"/>
        <v>3.5247285015155048</v>
      </c>
      <c r="K5065">
        <f t="shared" si="568"/>
        <v>0.21383449589483927</v>
      </c>
      <c r="L5065">
        <f t="shared" si="569"/>
        <v>0.10691724794741964</v>
      </c>
      <c r="M5065">
        <f t="shared" si="570"/>
        <v>0</v>
      </c>
      <c r="N5065" s="45">
        <f t="shared" si="571"/>
        <v>45136.624999987798</v>
      </c>
    </row>
    <row r="5066" spans="2:14" x14ac:dyDescent="0.25">
      <c r="B5066">
        <f t="shared" si="565"/>
        <v>6</v>
      </c>
      <c r="C5066" s="16">
        <v>5032</v>
      </c>
      <c r="D5066" cm="1">
        <f t="array" ref="D5066">IFERROR(INDEX(Jesper!AH$2:AH$366,ROUNDDOWN($C5066/24,0)+1,1)*INDEX($D$3:$AA$30,INDEX(Jesper!$R$2:$R$366,ROW(INDEX(Jesper!AH$2:AH$366,ROUNDDOWN($C5066/24,0)+1,1))-1)+IF('Standard Profiles'!$G$18=$B$10,7,0)+IF('Standard Profiles'!$G$18=$B$17,14,0)+IF('Standard Profiles'!$G$18=$B$24,21,0),MOD($C5066,24)+1)/SUM(INDEX($D$3:$AA$30,INDEX(Jesper!$R$2:$R$366,ROW(INDEX(Jesper!AH$2:AH$366,ROUNDDOWN($C5066/24,0)+1,1))-1)+IF('Standard Profiles'!$G$18=$B$10,7,0)+IF('Standard Profiles'!$G$18=$B$17,14,0)+IF('Standard Profiles'!$G$18=$B$24,21,0),0)),0)</f>
        <v>0</v>
      </c>
      <c r="E5066" cm="1">
        <f t="array" ref="E5066">IFERROR(INDEX(Jesper!AI$2:AI$366,ROUNDDOWN($C5066/24,0)+1,1)*INDEX($D$3:$AA$30,INDEX(Jesper!$R$2:$R$366,ROW(INDEX(Jesper!AI$2:AI$366,ROUNDDOWN($C5066/24,0)+1,1))-1)+IF('Standard Profiles'!$G$19=$B$10,7,0)+IF('Standard Profiles'!$G$19=$B$17,14,0)+IF('Standard Profiles'!$G$19=$B$24,21,0),MOD($C5066,24)+1)/SUM(INDEX($D$3:$AA$30,INDEX(Jesper!$R$2:$R$366,ROW(INDEX(Jesper!AI$2:AI$366,ROUNDDOWN($C5066/24,0)+1,1))-1)+IF('Standard Profiles'!$G$19=$B$10,7,0)+IF('Standard Profiles'!$G$19=$B$17,14,0)+IF('Standard Profiles'!$G$19=$B$24,21,0),0)),0)</f>
        <v>2.6729311986854909</v>
      </c>
      <c r="F5066" cm="1">
        <f t="array" ref="F5066">IFERROR(INDEX(Jesper!AJ$2:AJ$366,ROUNDDOWN($C5066/24,0)+1,1)*INDEX($D$3:$AA$30,INDEX(Jesper!$R$2:$R$366,ROW(INDEX(Jesper!AJ$2:AJ$366,ROUNDDOWN($C5066/24,0)+1,1))-1)+IF('Standard Profiles'!$G$20=$B$10,7,0)+IF('Standard Profiles'!$G$20=$B$17,14,0)+IF('Standard Profiles'!$G$20=$B$24,21,0),MOD($C5066,24)+1)/SUM(INDEX($D$3:$AA$30,INDEX(Jesper!$R$2:$R$366,ROW(INDEX(Jesper!AJ$2:AJ$366,ROUNDDOWN($C5066/24,0)+1,1))-1)+IF('Standard Profiles'!$G$20=$B$10,7,0)+IF('Standard Profiles'!$G$20=$B$17,14,0)+IF('Standard Profiles'!$G$20=$B$24,21,0),0)),0)</f>
        <v>0.87050905357888397</v>
      </c>
      <c r="G5066" cm="1">
        <f t="array" ref="G5066">IFERROR(INDEX(Jesper!AK$2:AK$366,ROUNDDOWN($C5066/24,0)+1,1)*INDEX($D$3:$AA$30,INDEX(Jesper!$R$2:$R$366,ROW(INDEX(Jesper!AK$2:AK$366,ROUNDDOWN($C5066/24,0)+1,1))-1)+IF('Standard Profiles'!$G$21=$B$10,7,0)+IF('Standard Profiles'!$G$21=$B$17,14,0)+IF('Standard Profiles'!$G$21=$B$24,21,0),MOD($C5066,24)+1)/SUM(INDEX($D$3:$AA$30,INDEX(Jesper!$R$2:$R$366,ROW(INDEX(Jesper!AK$2:AK$366,ROUNDDOWN($C5066/24,0)+1,1))-1)+IF('Standard Profiles'!$G$21=$B$10,7,0)+IF('Standard Profiles'!$G$21=$B$17,14,0)+IF('Standard Profiles'!$G$21=$B$24,21,0),0)),0)</f>
        <v>0.30203999309338903</v>
      </c>
      <c r="H5066" cm="1">
        <f t="array" ref="H5066">IFERROR(INDEX(Jesper!AL$2:AL$366,ROUNDDOWN($C5066/24,0)+1,1)*INDEX($D$3:$AA$30,INDEX(Jesper!$R$2:$R$366,ROW(INDEX(Jesper!AL$2:AL$366,ROUNDDOWN($C5066/24,0)+1,1))-1)+IF('Standard Profiles'!$G$22=$B$10,7,0)+IF('Standard Profiles'!$G$22=$B$17,14,0)+IF('Standard Profiles'!$G$22=$B$24,21,0),MOD($C5066,24)+1)/SUM(INDEX($D$3:$AA$30,INDEX(Jesper!$R$2:$R$366,ROW(INDEX(Jesper!AL$2:AL$366,ROUNDDOWN($C5066/24,0)+1,1))-1)+IF('Standard Profiles'!$G$22=$B$10,7,0)+IF('Standard Profiles'!$G$22=$B$17,14,0)+IF('Standard Profiles'!$G$22=$B$24,21,0),0)),0)</f>
        <v>0</v>
      </c>
      <c r="I5066">
        <f t="shared" si="566"/>
        <v>0</v>
      </c>
      <c r="J5066">
        <f t="shared" si="567"/>
        <v>3.5247285015155048</v>
      </c>
      <c r="K5066">
        <f t="shared" si="568"/>
        <v>0.21383449589483927</v>
      </c>
      <c r="L5066">
        <f t="shared" si="569"/>
        <v>0.10691724794741964</v>
      </c>
      <c r="M5066">
        <f t="shared" si="570"/>
        <v>0</v>
      </c>
      <c r="N5066" s="45">
        <f t="shared" si="571"/>
        <v>45136.666666654462</v>
      </c>
    </row>
    <row r="5067" spans="2:14" x14ac:dyDescent="0.25">
      <c r="B5067">
        <f t="shared" si="565"/>
        <v>6</v>
      </c>
      <c r="C5067" s="16">
        <v>5033</v>
      </c>
      <c r="D5067" cm="1">
        <f t="array" ref="D5067">IFERROR(INDEX(Jesper!AH$2:AH$366,ROUNDDOWN($C5067/24,0)+1,1)*INDEX($D$3:$AA$30,INDEX(Jesper!$R$2:$R$366,ROW(INDEX(Jesper!AH$2:AH$366,ROUNDDOWN($C5067/24,0)+1,1))-1)+IF('Standard Profiles'!$G$18=$B$10,7,0)+IF('Standard Profiles'!$G$18=$B$17,14,0)+IF('Standard Profiles'!$G$18=$B$24,21,0),MOD($C5067,24)+1)/SUM(INDEX($D$3:$AA$30,INDEX(Jesper!$R$2:$R$366,ROW(INDEX(Jesper!AH$2:AH$366,ROUNDDOWN($C5067/24,0)+1,1))-1)+IF('Standard Profiles'!$G$18=$B$10,7,0)+IF('Standard Profiles'!$G$18=$B$17,14,0)+IF('Standard Profiles'!$G$18=$B$24,21,0),0)),0)</f>
        <v>0</v>
      </c>
      <c r="E5067" cm="1">
        <f t="array" ref="E5067">IFERROR(INDEX(Jesper!AI$2:AI$366,ROUNDDOWN($C5067/24,0)+1,1)*INDEX($D$3:$AA$30,INDEX(Jesper!$R$2:$R$366,ROW(INDEX(Jesper!AI$2:AI$366,ROUNDDOWN($C5067/24,0)+1,1))-1)+IF('Standard Profiles'!$G$19=$B$10,7,0)+IF('Standard Profiles'!$G$19=$B$17,14,0)+IF('Standard Profiles'!$G$19=$B$24,21,0),MOD($C5067,24)+1)/SUM(INDEX($D$3:$AA$30,INDEX(Jesper!$R$2:$R$366,ROW(INDEX(Jesper!AI$2:AI$366,ROUNDDOWN($C5067/24,0)+1,1))-1)+IF('Standard Profiles'!$G$19=$B$10,7,0)+IF('Standard Profiles'!$G$19=$B$17,14,0)+IF('Standard Profiles'!$G$19=$B$24,21,0),0)),0)</f>
        <v>2.6729311986854909</v>
      </c>
      <c r="F5067" cm="1">
        <f t="array" ref="F5067">IFERROR(INDEX(Jesper!AJ$2:AJ$366,ROUNDDOWN($C5067/24,0)+1,1)*INDEX($D$3:$AA$30,INDEX(Jesper!$R$2:$R$366,ROW(INDEX(Jesper!AJ$2:AJ$366,ROUNDDOWN($C5067/24,0)+1,1))-1)+IF('Standard Profiles'!$G$20=$B$10,7,0)+IF('Standard Profiles'!$G$20=$B$17,14,0)+IF('Standard Profiles'!$G$20=$B$24,21,0),MOD($C5067,24)+1)/SUM(INDEX($D$3:$AA$30,INDEX(Jesper!$R$2:$R$366,ROW(INDEX(Jesper!AJ$2:AJ$366,ROUNDDOWN($C5067/24,0)+1,1))-1)+IF('Standard Profiles'!$G$20=$B$10,7,0)+IF('Standard Profiles'!$G$20=$B$17,14,0)+IF('Standard Profiles'!$G$20=$B$24,21,0),0)),0)</f>
        <v>0.87050905357888397</v>
      </c>
      <c r="G5067" cm="1">
        <f t="array" ref="G5067">IFERROR(INDEX(Jesper!AK$2:AK$366,ROUNDDOWN($C5067/24,0)+1,1)*INDEX($D$3:$AA$30,INDEX(Jesper!$R$2:$R$366,ROW(INDEX(Jesper!AK$2:AK$366,ROUNDDOWN($C5067/24,0)+1,1))-1)+IF('Standard Profiles'!$G$21=$B$10,7,0)+IF('Standard Profiles'!$G$21=$B$17,14,0)+IF('Standard Profiles'!$G$21=$B$24,21,0),MOD($C5067,24)+1)/SUM(INDEX($D$3:$AA$30,INDEX(Jesper!$R$2:$R$366,ROW(INDEX(Jesper!AK$2:AK$366,ROUNDDOWN($C5067/24,0)+1,1))-1)+IF('Standard Profiles'!$G$21=$B$10,7,0)+IF('Standard Profiles'!$G$21=$B$17,14,0)+IF('Standard Profiles'!$G$21=$B$24,21,0),0)),0)</f>
        <v>0.30203999309338903</v>
      </c>
      <c r="H5067" cm="1">
        <f t="array" ref="H5067">IFERROR(INDEX(Jesper!AL$2:AL$366,ROUNDDOWN($C5067/24,0)+1,1)*INDEX($D$3:$AA$30,INDEX(Jesper!$R$2:$R$366,ROW(INDEX(Jesper!AL$2:AL$366,ROUNDDOWN($C5067/24,0)+1,1))-1)+IF('Standard Profiles'!$G$22=$B$10,7,0)+IF('Standard Profiles'!$G$22=$B$17,14,0)+IF('Standard Profiles'!$G$22=$B$24,21,0),MOD($C5067,24)+1)/SUM(INDEX($D$3:$AA$30,INDEX(Jesper!$R$2:$R$366,ROW(INDEX(Jesper!AL$2:AL$366,ROUNDDOWN($C5067/24,0)+1,1))-1)+IF('Standard Profiles'!$G$22=$B$10,7,0)+IF('Standard Profiles'!$G$22=$B$17,14,0)+IF('Standard Profiles'!$G$22=$B$24,21,0),0)),0)</f>
        <v>0</v>
      </c>
      <c r="I5067">
        <f t="shared" si="566"/>
        <v>0</v>
      </c>
      <c r="J5067">
        <f t="shared" si="567"/>
        <v>3.5247285015155048</v>
      </c>
      <c r="K5067">
        <f t="shared" si="568"/>
        <v>0.21383449589483927</v>
      </c>
      <c r="L5067">
        <f t="shared" si="569"/>
        <v>0.10691724794741964</v>
      </c>
      <c r="M5067">
        <f t="shared" si="570"/>
        <v>0</v>
      </c>
      <c r="N5067" s="45">
        <f t="shared" si="571"/>
        <v>45136.708333321127</v>
      </c>
    </row>
    <row r="5068" spans="2:14" x14ac:dyDescent="0.25">
      <c r="B5068">
        <f t="shared" si="565"/>
        <v>6</v>
      </c>
      <c r="C5068" s="16">
        <v>5034</v>
      </c>
      <c r="D5068" cm="1">
        <f t="array" ref="D5068">IFERROR(INDEX(Jesper!AH$2:AH$366,ROUNDDOWN($C5068/24,0)+1,1)*INDEX($D$3:$AA$30,INDEX(Jesper!$R$2:$R$366,ROW(INDEX(Jesper!AH$2:AH$366,ROUNDDOWN($C5068/24,0)+1,1))-1)+IF('Standard Profiles'!$G$18=$B$10,7,0)+IF('Standard Profiles'!$G$18=$B$17,14,0)+IF('Standard Profiles'!$G$18=$B$24,21,0),MOD($C5068,24)+1)/SUM(INDEX($D$3:$AA$30,INDEX(Jesper!$R$2:$R$366,ROW(INDEX(Jesper!AH$2:AH$366,ROUNDDOWN($C5068/24,0)+1,1))-1)+IF('Standard Profiles'!$G$18=$B$10,7,0)+IF('Standard Profiles'!$G$18=$B$17,14,0)+IF('Standard Profiles'!$G$18=$B$24,21,0),0)),0)</f>
        <v>0</v>
      </c>
      <c r="E5068" cm="1">
        <f t="array" ref="E5068">IFERROR(INDEX(Jesper!AI$2:AI$366,ROUNDDOWN($C5068/24,0)+1,1)*INDEX($D$3:$AA$30,INDEX(Jesper!$R$2:$R$366,ROW(INDEX(Jesper!AI$2:AI$366,ROUNDDOWN($C5068/24,0)+1,1))-1)+IF('Standard Profiles'!$G$19=$B$10,7,0)+IF('Standard Profiles'!$G$19=$B$17,14,0)+IF('Standard Profiles'!$G$19=$B$24,21,0),MOD($C5068,24)+1)/SUM(INDEX($D$3:$AA$30,INDEX(Jesper!$R$2:$R$366,ROW(INDEX(Jesper!AI$2:AI$366,ROUNDDOWN($C5068/24,0)+1,1))-1)+IF('Standard Profiles'!$G$19=$B$10,7,0)+IF('Standard Profiles'!$G$19=$B$17,14,0)+IF('Standard Profiles'!$G$19=$B$24,21,0),0)),0)</f>
        <v>2.6729311986854909</v>
      </c>
      <c r="F5068" cm="1">
        <f t="array" ref="F5068">IFERROR(INDEX(Jesper!AJ$2:AJ$366,ROUNDDOWN($C5068/24,0)+1,1)*INDEX($D$3:$AA$30,INDEX(Jesper!$R$2:$R$366,ROW(INDEX(Jesper!AJ$2:AJ$366,ROUNDDOWN($C5068/24,0)+1,1))-1)+IF('Standard Profiles'!$G$20=$B$10,7,0)+IF('Standard Profiles'!$G$20=$B$17,14,0)+IF('Standard Profiles'!$G$20=$B$24,21,0),MOD($C5068,24)+1)/SUM(INDEX($D$3:$AA$30,INDEX(Jesper!$R$2:$R$366,ROW(INDEX(Jesper!AJ$2:AJ$366,ROUNDDOWN($C5068/24,0)+1,1))-1)+IF('Standard Profiles'!$G$20=$B$10,7,0)+IF('Standard Profiles'!$G$20=$B$17,14,0)+IF('Standard Profiles'!$G$20=$B$24,21,0),0)),0)</f>
        <v>0.87050905357888397</v>
      </c>
      <c r="G5068" cm="1">
        <f t="array" ref="G5068">IFERROR(INDEX(Jesper!AK$2:AK$366,ROUNDDOWN($C5068/24,0)+1,1)*INDEX($D$3:$AA$30,INDEX(Jesper!$R$2:$R$366,ROW(INDEX(Jesper!AK$2:AK$366,ROUNDDOWN($C5068/24,0)+1,1))-1)+IF('Standard Profiles'!$G$21=$B$10,7,0)+IF('Standard Profiles'!$G$21=$B$17,14,0)+IF('Standard Profiles'!$G$21=$B$24,21,0),MOD($C5068,24)+1)/SUM(INDEX($D$3:$AA$30,INDEX(Jesper!$R$2:$R$366,ROW(INDEX(Jesper!AK$2:AK$366,ROUNDDOWN($C5068/24,0)+1,1))-1)+IF('Standard Profiles'!$G$21=$B$10,7,0)+IF('Standard Profiles'!$G$21=$B$17,14,0)+IF('Standard Profiles'!$G$21=$B$24,21,0),0)),0)</f>
        <v>0.30203999309338903</v>
      </c>
      <c r="H5068" cm="1">
        <f t="array" ref="H5068">IFERROR(INDEX(Jesper!AL$2:AL$366,ROUNDDOWN($C5068/24,0)+1,1)*INDEX($D$3:$AA$30,INDEX(Jesper!$R$2:$R$366,ROW(INDEX(Jesper!AL$2:AL$366,ROUNDDOWN($C5068/24,0)+1,1))-1)+IF('Standard Profiles'!$G$22=$B$10,7,0)+IF('Standard Profiles'!$G$22=$B$17,14,0)+IF('Standard Profiles'!$G$22=$B$24,21,0),MOD($C5068,24)+1)/SUM(INDEX($D$3:$AA$30,INDEX(Jesper!$R$2:$R$366,ROW(INDEX(Jesper!AL$2:AL$366,ROUNDDOWN($C5068/24,0)+1,1))-1)+IF('Standard Profiles'!$G$22=$B$10,7,0)+IF('Standard Profiles'!$G$22=$B$17,14,0)+IF('Standard Profiles'!$G$22=$B$24,21,0),0)),0)</f>
        <v>0</v>
      </c>
      <c r="I5068">
        <f t="shared" si="566"/>
        <v>0</v>
      </c>
      <c r="J5068">
        <f t="shared" si="567"/>
        <v>3.5247285015155048</v>
      </c>
      <c r="K5068">
        <f t="shared" si="568"/>
        <v>0.21383449589483927</v>
      </c>
      <c r="L5068">
        <f t="shared" si="569"/>
        <v>0.10691724794741964</v>
      </c>
      <c r="M5068">
        <f t="shared" si="570"/>
        <v>0</v>
      </c>
      <c r="N5068" s="45">
        <f t="shared" si="571"/>
        <v>45136.749999987791</v>
      </c>
    </row>
    <row r="5069" spans="2:14" x14ac:dyDescent="0.25">
      <c r="B5069">
        <f t="shared" si="565"/>
        <v>6</v>
      </c>
      <c r="C5069" s="16">
        <v>5035</v>
      </c>
      <c r="D5069" cm="1">
        <f t="array" ref="D5069">IFERROR(INDEX(Jesper!AH$2:AH$366,ROUNDDOWN($C5069/24,0)+1,1)*INDEX($D$3:$AA$30,INDEX(Jesper!$R$2:$R$366,ROW(INDEX(Jesper!AH$2:AH$366,ROUNDDOWN($C5069/24,0)+1,1))-1)+IF('Standard Profiles'!$G$18=$B$10,7,0)+IF('Standard Profiles'!$G$18=$B$17,14,0)+IF('Standard Profiles'!$G$18=$B$24,21,0),MOD($C5069,24)+1)/SUM(INDEX($D$3:$AA$30,INDEX(Jesper!$R$2:$R$366,ROW(INDEX(Jesper!AH$2:AH$366,ROUNDDOWN($C5069/24,0)+1,1))-1)+IF('Standard Profiles'!$G$18=$B$10,7,0)+IF('Standard Profiles'!$G$18=$B$17,14,0)+IF('Standard Profiles'!$G$18=$B$24,21,0),0)),0)</f>
        <v>0</v>
      </c>
      <c r="E5069" cm="1">
        <f t="array" ref="E5069">IFERROR(INDEX(Jesper!AI$2:AI$366,ROUNDDOWN($C5069/24,0)+1,1)*INDEX($D$3:$AA$30,INDEX(Jesper!$R$2:$R$366,ROW(INDEX(Jesper!AI$2:AI$366,ROUNDDOWN($C5069/24,0)+1,1))-1)+IF('Standard Profiles'!$G$19=$B$10,7,0)+IF('Standard Profiles'!$G$19=$B$17,14,0)+IF('Standard Profiles'!$G$19=$B$24,21,0),MOD($C5069,24)+1)/SUM(INDEX($D$3:$AA$30,INDEX(Jesper!$R$2:$R$366,ROW(INDEX(Jesper!AI$2:AI$366,ROUNDDOWN($C5069/24,0)+1,1))-1)+IF('Standard Profiles'!$G$19=$B$10,7,0)+IF('Standard Profiles'!$G$19=$B$17,14,0)+IF('Standard Profiles'!$G$19=$B$24,21,0),0)),0)</f>
        <v>2.6729311986854909</v>
      </c>
      <c r="F5069" cm="1">
        <f t="array" ref="F5069">IFERROR(INDEX(Jesper!AJ$2:AJ$366,ROUNDDOWN($C5069/24,0)+1,1)*INDEX($D$3:$AA$30,INDEX(Jesper!$R$2:$R$366,ROW(INDEX(Jesper!AJ$2:AJ$366,ROUNDDOWN($C5069/24,0)+1,1))-1)+IF('Standard Profiles'!$G$20=$B$10,7,0)+IF('Standard Profiles'!$G$20=$B$17,14,0)+IF('Standard Profiles'!$G$20=$B$24,21,0),MOD($C5069,24)+1)/SUM(INDEX($D$3:$AA$30,INDEX(Jesper!$R$2:$R$366,ROW(INDEX(Jesper!AJ$2:AJ$366,ROUNDDOWN($C5069/24,0)+1,1))-1)+IF('Standard Profiles'!$G$20=$B$10,7,0)+IF('Standard Profiles'!$G$20=$B$17,14,0)+IF('Standard Profiles'!$G$20=$B$24,21,0),0)),0)</f>
        <v>0.87050905357888397</v>
      </c>
      <c r="G5069" cm="1">
        <f t="array" ref="G5069">IFERROR(INDEX(Jesper!AK$2:AK$366,ROUNDDOWN($C5069/24,0)+1,1)*INDEX($D$3:$AA$30,INDEX(Jesper!$R$2:$R$366,ROW(INDEX(Jesper!AK$2:AK$366,ROUNDDOWN($C5069/24,0)+1,1))-1)+IF('Standard Profiles'!$G$21=$B$10,7,0)+IF('Standard Profiles'!$G$21=$B$17,14,0)+IF('Standard Profiles'!$G$21=$B$24,21,0),MOD($C5069,24)+1)/SUM(INDEX($D$3:$AA$30,INDEX(Jesper!$R$2:$R$366,ROW(INDEX(Jesper!AK$2:AK$366,ROUNDDOWN($C5069/24,0)+1,1))-1)+IF('Standard Profiles'!$G$21=$B$10,7,0)+IF('Standard Profiles'!$G$21=$B$17,14,0)+IF('Standard Profiles'!$G$21=$B$24,21,0),0)),0)</f>
        <v>0.30203999309338903</v>
      </c>
      <c r="H5069" cm="1">
        <f t="array" ref="H5069">IFERROR(INDEX(Jesper!AL$2:AL$366,ROUNDDOWN($C5069/24,0)+1,1)*INDEX($D$3:$AA$30,INDEX(Jesper!$R$2:$R$366,ROW(INDEX(Jesper!AL$2:AL$366,ROUNDDOWN($C5069/24,0)+1,1))-1)+IF('Standard Profiles'!$G$22=$B$10,7,0)+IF('Standard Profiles'!$G$22=$B$17,14,0)+IF('Standard Profiles'!$G$22=$B$24,21,0),MOD($C5069,24)+1)/SUM(INDEX($D$3:$AA$30,INDEX(Jesper!$R$2:$R$366,ROW(INDEX(Jesper!AL$2:AL$366,ROUNDDOWN($C5069/24,0)+1,1))-1)+IF('Standard Profiles'!$G$22=$B$10,7,0)+IF('Standard Profiles'!$G$22=$B$17,14,0)+IF('Standard Profiles'!$G$22=$B$24,21,0),0)),0)</f>
        <v>0</v>
      </c>
      <c r="I5069">
        <f t="shared" si="566"/>
        <v>0</v>
      </c>
      <c r="J5069">
        <f t="shared" si="567"/>
        <v>3.5247285015155048</v>
      </c>
      <c r="K5069">
        <f t="shared" si="568"/>
        <v>0.21383449589483927</v>
      </c>
      <c r="L5069">
        <f t="shared" si="569"/>
        <v>0.10691724794741964</v>
      </c>
      <c r="M5069">
        <f t="shared" si="570"/>
        <v>0</v>
      </c>
      <c r="N5069" s="45">
        <f t="shared" si="571"/>
        <v>45136.791666654455</v>
      </c>
    </row>
    <row r="5070" spans="2:14" x14ac:dyDescent="0.25">
      <c r="B5070">
        <f t="shared" si="565"/>
        <v>6</v>
      </c>
      <c r="C5070" s="16">
        <v>5036</v>
      </c>
      <c r="D5070" cm="1">
        <f t="array" ref="D5070">IFERROR(INDEX(Jesper!AH$2:AH$366,ROUNDDOWN($C5070/24,0)+1,1)*INDEX($D$3:$AA$30,INDEX(Jesper!$R$2:$R$366,ROW(INDEX(Jesper!AH$2:AH$366,ROUNDDOWN($C5070/24,0)+1,1))-1)+IF('Standard Profiles'!$G$18=$B$10,7,0)+IF('Standard Profiles'!$G$18=$B$17,14,0)+IF('Standard Profiles'!$G$18=$B$24,21,0),MOD($C5070,24)+1)/SUM(INDEX($D$3:$AA$30,INDEX(Jesper!$R$2:$R$366,ROW(INDEX(Jesper!AH$2:AH$366,ROUNDDOWN($C5070/24,0)+1,1))-1)+IF('Standard Profiles'!$G$18=$B$10,7,0)+IF('Standard Profiles'!$G$18=$B$17,14,0)+IF('Standard Profiles'!$G$18=$B$24,21,0),0)),0)</f>
        <v>0</v>
      </c>
      <c r="E5070" cm="1">
        <f t="array" ref="E5070">IFERROR(INDEX(Jesper!AI$2:AI$366,ROUNDDOWN($C5070/24,0)+1,1)*INDEX($D$3:$AA$30,INDEX(Jesper!$R$2:$R$366,ROW(INDEX(Jesper!AI$2:AI$366,ROUNDDOWN($C5070/24,0)+1,1))-1)+IF('Standard Profiles'!$G$19=$B$10,7,0)+IF('Standard Profiles'!$G$19=$B$17,14,0)+IF('Standard Profiles'!$G$19=$B$24,21,0),MOD($C5070,24)+1)/SUM(INDEX($D$3:$AA$30,INDEX(Jesper!$R$2:$R$366,ROW(INDEX(Jesper!AI$2:AI$366,ROUNDDOWN($C5070/24,0)+1,1))-1)+IF('Standard Profiles'!$G$19=$B$10,7,0)+IF('Standard Profiles'!$G$19=$B$17,14,0)+IF('Standard Profiles'!$G$19=$B$24,21,0),0)),0)</f>
        <v>2.6729311986854909</v>
      </c>
      <c r="F5070" cm="1">
        <f t="array" ref="F5070">IFERROR(INDEX(Jesper!AJ$2:AJ$366,ROUNDDOWN($C5070/24,0)+1,1)*INDEX($D$3:$AA$30,INDEX(Jesper!$R$2:$R$366,ROW(INDEX(Jesper!AJ$2:AJ$366,ROUNDDOWN($C5070/24,0)+1,1))-1)+IF('Standard Profiles'!$G$20=$B$10,7,0)+IF('Standard Profiles'!$G$20=$B$17,14,0)+IF('Standard Profiles'!$G$20=$B$24,21,0),MOD($C5070,24)+1)/SUM(INDEX($D$3:$AA$30,INDEX(Jesper!$R$2:$R$366,ROW(INDEX(Jesper!AJ$2:AJ$366,ROUNDDOWN($C5070/24,0)+1,1))-1)+IF('Standard Profiles'!$G$20=$B$10,7,0)+IF('Standard Profiles'!$G$20=$B$17,14,0)+IF('Standard Profiles'!$G$20=$B$24,21,0),0)),0)</f>
        <v>0.87050905357888397</v>
      </c>
      <c r="G5070" cm="1">
        <f t="array" ref="G5070">IFERROR(INDEX(Jesper!AK$2:AK$366,ROUNDDOWN($C5070/24,0)+1,1)*INDEX($D$3:$AA$30,INDEX(Jesper!$R$2:$R$366,ROW(INDEX(Jesper!AK$2:AK$366,ROUNDDOWN($C5070/24,0)+1,1))-1)+IF('Standard Profiles'!$G$21=$B$10,7,0)+IF('Standard Profiles'!$G$21=$B$17,14,0)+IF('Standard Profiles'!$G$21=$B$24,21,0),MOD($C5070,24)+1)/SUM(INDEX($D$3:$AA$30,INDEX(Jesper!$R$2:$R$366,ROW(INDEX(Jesper!AK$2:AK$366,ROUNDDOWN($C5070/24,0)+1,1))-1)+IF('Standard Profiles'!$G$21=$B$10,7,0)+IF('Standard Profiles'!$G$21=$B$17,14,0)+IF('Standard Profiles'!$G$21=$B$24,21,0),0)),0)</f>
        <v>0.30203999309338903</v>
      </c>
      <c r="H5070" cm="1">
        <f t="array" ref="H5070">IFERROR(INDEX(Jesper!AL$2:AL$366,ROUNDDOWN($C5070/24,0)+1,1)*INDEX($D$3:$AA$30,INDEX(Jesper!$R$2:$R$366,ROW(INDEX(Jesper!AL$2:AL$366,ROUNDDOWN($C5070/24,0)+1,1))-1)+IF('Standard Profiles'!$G$22=$B$10,7,0)+IF('Standard Profiles'!$G$22=$B$17,14,0)+IF('Standard Profiles'!$G$22=$B$24,21,0),MOD($C5070,24)+1)/SUM(INDEX($D$3:$AA$30,INDEX(Jesper!$R$2:$R$366,ROW(INDEX(Jesper!AL$2:AL$366,ROUNDDOWN($C5070/24,0)+1,1))-1)+IF('Standard Profiles'!$G$22=$B$10,7,0)+IF('Standard Profiles'!$G$22=$B$17,14,0)+IF('Standard Profiles'!$G$22=$B$24,21,0),0)),0)</f>
        <v>0</v>
      </c>
      <c r="I5070">
        <f t="shared" si="566"/>
        <v>0</v>
      </c>
      <c r="J5070">
        <f t="shared" si="567"/>
        <v>3.5247285015155048</v>
      </c>
      <c r="K5070">
        <f t="shared" si="568"/>
        <v>0.21383449589483927</v>
      </c>
      <c r="L5070">
        <f t="shared" si="569"/>
        <v>0.10691724794741964</v>
      </c>
      <c r="M5070">
        <f t="shared" si="570"/>
        <v>0</v>
      </c>
      <c r="N5070" s="45">
        <f t="shared" si="571"/>
        <v>45136.833333321119</v>
      </c>
    </row>
    <row r="5071" spans="2:14" x14ac:dyDescent="0.25">
      <c r="B5071">
        <f t="shared" si="565"/>
        <v>6</v>
      </c>
      <c r="C5071" s="16">
        <v>5037</v>
      </c>
      <c r="D5071" cm="1">
        <f t="array" ref="D5071">IFERROR(INDEX(Jesper!AH$2:AH$366,ROUNDDOWN($C5071/24,0)+1,1)*INDEX($D$3:$AA$30,INDEX(Jesper!$R$2:$R$366,ROW(INDEX(Jesper!AH$2:AH$366,ROUNDDOWN($C5071/24,0)+1,1))-1)+IF('Standard Profiles'!$G$18=$B$10,7,0)+IF('Standard Profiles'!$G$18=$B$17,14,0)+IF('Standard Profiles'!$G$18=$B$24,21,0),MOD($C5071,24)+1)/SUM(INDEX($D$3:$AA$30,INDEX(Jesper!$R$2:$R$366,ROW(INDEX(Jesper!AH$2:AH$366,ROUNDDOWN($C5071/24,0)+1,1))-1)+IF('Standard Profiles'!$G$18=$B$10,7,0)+IF('Standard Profiles'!$G$18=$B$17,14,0)+IF('Standard Profiles'!$G$18=$B$24,21,0),0)),0)</f>
        <v>0</v>
      </c>
      <c r="E5071" cm="1">
        <f t="array" ref="E5071">IFERROR(INDEX(Jesper!AI$2:AI$366,ROUNDDOWN($C5071/24,0)+1,1)*INDEX($D$3:$AA$30,INDEX(Jesper!$R$2:$R$366,ROW(INDEX(Jesper!AI$2:AI$366,ROUNDDOWN($C5071/24,0)+1,1))-1)+IF('Standard Profiles'!$G$19=$B$10,7,0)+IF('Standard Profiles'!$G$19=$B$17,14,0)+IF('Standard Profiles'!$G$19=$B$24,21,0),MOD($C5071,24)+1)/SUM(INDEX($D$3:$AA$30,INDEX(Jesper!$R$2:$R$366,ROW(INDEX(Jesper!AI$2:AI$366,ROUNDDOWN($C5071/24,0)+1,1))-1)+IF('Standard Profiles'!$G$19=$B$10,7,0)+IF('Standard Profiles'!$G$19=$B$17,14,0)+IF('Standard Profiles'!$G$19=$B$24,21,0),0)),0)</f>
        <v>2.6729311986854909</v>
      </c>
      <c r="F5071" cm="1">
        <f t="array" ref="F5071">IFERROR(INDEX(Jesper!AJ$2:AJ$366,ROUNDDOWN($C5071/24,0)+1,1)*INDEX($D$3:$AA$30,INDEX(Jesper!$R$2:$R$366,ROW(INDEX(Jesper!AJ$2:AJ$366,ROUNDDOWN($C5071/24,0)+1,1))-1)+IF('Standard Profiles'!$G$20=$B$10,7,0)+IF('Standard Profiles'!$G$20=$B$17,14,0)+IF('Standard Profiles'!$G$20=$B$24,21,0),MOD($C5071,24)+1)/SUM(INDEX($D$3:$AA$30,INDEX(Jesper!$R$2:$R$366,ROW(INDEX(Jesper!AJ$2:AJ$366,ROUNDDOWN($C5071/24,0)+1,1))-1)+IF('Standard Profiles'!$G$20=$B$10,7,0)+IF('Standard Profiles'!$G$20=$B$17,14,0)+IF('Standard Profiles'!$G$20=$B$24,21,0),0)),0)</f>
        <v>0.87050905357888397</v>
      </c>
      <c r="G5071" cm="1">
        <f t="array" ref="G5071">IFERROR(INDEX(Jesper!AK$2:AK$366,ROUNDDOWN($C5071/24,0)+1,1)*INDEX($D$3:$AA$30,INDEX(Jesper!$R$2:$R$366,ROW(INDEX(Jesper!AK$2:AK$366,ROUNDDOWN($C5071/24,0)+1,1))-1)+IF('Standard Profiles'!$G$21=$B$10,7,0)+IF('Standard Profiles'!$G$21=$B$17,14,0)+IF('Standard Profiles'!$G$21=$B$24,21,0),MOD($C5071,24)+1)/SUM(INDEX($D$3:$AA$30,INDEX(Jesper!$R$2:$R$366,ROW(INDEX(Jesper!AK$2:AK$366,ROUNDDOWN($C5071/24,0)+1,1))-1)+IF('Standard Profiles'!$G$21=$B$10,7,0)+IF('Standard Profiles'!$G$21=$B$17,14,0)+IF('Standard Profiles'!$G$21=$B$24,21,0),0)),0)</f>
        <v>0.30203999309338903</v>
      </c>
      <c r="H5071" cm="1">
        <f t="array" ref="H5071">IFERROR(INDEX(Jesper!AL$2:AL$366,ROUNDDOWN($C5071/24,0)+1,1)*INDEX($D$3:$AA$30,INDEX(Jesper!$R$2:$R$366,ROW(INDEX(Jesper!AL$2:AL$366,ROUNDDOWN($C5071/24,0)+1,1))-1)+IF('Standard Profiles'!$G$22=$B$10,7,0)+IF('Standard Profiles'!$G$22=$B$17,14,0)+IF('Standard Profiles'!$G$22=$B$24,21,0),MOD($C5071,24)+1)/SUM(INDEX($D$3:$AA$30,INDEX(Jesper!$R$2:$R$366,ROW(INDEX(Jesper!AL$2:AL$366,ROUNDDOWN($C5071/24,0)+1,1))-1)+IF('Standard Profiles'!$G$22=$B$10,7,0)+IF('Standard Profiles'!$G$22=$B$17,14,0)+IF('Standard Profiles'!$G$22=$B$24,21,0),0)),0)</f>
        <v>0</v>
      </c>
      <c r="I5071">
        <f t="shared" si="566"/>
        <v>0</v>
      </c>
      <c r="J5071">
        <f t="shared" si="567"/>
        <v>3.5247285015155048</v>
      </c>
      <c r="K5071">
        <f t="shared" si="568"/>
        <v>0.21383449589483927</v>
      </c>
      <c r="L5071">
        <f t="shared" si="569"/>
        <v>0.10691724794741964</v>
      </c>
      <c r="M5071">
        <f t="shared" si="570"/>
        <v>0</v>
      </c>
      <c r="N5071" s="45">
        <f t="shared" si="571"/>
        <v>45136.874999987784</v>
      </c>
    </row>
    <row r="5072" spans="2:14" x14ac:dyDescent="0.25">
      <c r="B5072">
        <f t="shared" si="565"/>
        <v>6</v>
      </c>
      <c r="C5072" s="16">
        <v>5038</v>
      </c>
      <c r="D5072" cm="1">
        <f t="array" ref="D5072">IFERROR(INDEX(Jesper!AH$2:AH$366,ROUNDDOWN($C5072/24,0)+1,1)*INDEX($D$3:$AA$30,INDEX(Jesper!$R$2:$R$366,ROW(INDEX(Jesper!AH$2:AH$366,ROUNDDOWN($C5072/24,0)+1,1))-1)+IF('Standard Profiles'!$G$18=$B$10,7,0)+IF('Standard Profiles'!$G$18=$B$17,14,0)+IF('Standard Profiles'!$G$18=$B$24,21,0),MOD($C5072,24)+1)/SUM(INDEX($D$3:$AA$30,INDEX(Jesper!$R$2:$R$366,ROW(INDEX(Jesper!AH$2:AH$366,ROUNDDOWN($C5072/24,0)+1,1))-1)+IF('Standard Profiles'!$G$18=$B$10,7,0)+IF('Standard Profiles'!$G$18=$B$17,14,0)+IF('Standard Profiles'!$G$18=$B$24,21,0),0)),0)</f>
        <v>0</v>
      </c>
      <c r="E5072" cm="1">
        <f t="array" ref="E5072">IFERROR(INDEX(Jesper!AI$2:AI$366,ROUNDDOWN($C5072/24,0)+1,1)*INDEX($D$3:$AA$30,INDEX(Jesper!$R$2:$R$366,ROW(INDEX(Jesper!AI$2:AI$366,ROUNDDOWN($C5072/24,0)+1,1))-1)+IF('Standard Profiles'!$G$19=$B$10,7,0)+IF('Standard Profiles'!$G$19=$B$17,14,0)+IF('Standard Profiles'!$G$19=$B$24,21,0),MOD($C5072,24)+1)/SUM(INDEX($D$3:$AA$30,INDEX(Jesper!$R$2:$R$366,ROW(INDEX(Jesper!AI$2:AI$366,ROUNDDOWN($C5072/24,0)+1,1))-1)+IF('Standard Profiles'!$G$19=$B$10,7,0)+IF('Standard Profiles'!$G$19=$B$17,14,0)+IF('Standard Profiles'!$G$19=$B$24,21,0),0)),0)</f>
        <v>2.6729311986854909</v>
      </c>
      <c r="F5072" cm="1">
        <f t="array" ref="F5072">IFERROR(INDEX(Jesper!AJ$2:AJ$366,ROUNDDOWN($C5072/24,0)+1,1)*INDEX($D$3:$AA$30,INDEX(Jesper!$R$2:$R$366,ROW(INDEX(Jesper!AJ$2:AJ$366,ROUNDDOWN($C5072/24,0)+1,1))-1)+IF('Standard Profiles'!$G$20=$B$10,7,0)+IF('Standard Profiles'!$G$20=$B$17,14,0)+IF('Standard Profiles'!$G$20=$B$24,21,0),MOD($C5072,24)+1)/SUM(INDEX($D$3:$AA$30,INDEX(Jesper!$R$2:$R$366,ROW(INDEX(Jesper!AJ$2:AJ$366,ROUNDDOWN($C5072/24,0)+1,1))-1)+IF('Standard Profiles'!$G$20=$B$10,7,0)+IF('Standard Profiles'!$G$20=$B$17,14,0)+IF('Standard Profiles'!$G$20=$B$24,21,0),0)),0)</f>
        <v>0.87050905357888397</v>
      </c>
      <c r="G5072" cm="1">
        <f t="array" ref="G5072">IFERROR(INDEX(Jesper!AK$2:AK$366,ROUNDDOWN($C5072/24,0)+1,1)*INDEX($D$3:$AA$30,INDEX(Jesper!$R$2:$R$366,ROW(INDEX(Jesper!AK$2:AK$366,ROUNDDOWN($C5072/24,0)+1,1))-1)+IF('Standard Profiles'!$G$21=$B$10,7,0)+IF('Standard Profiles'!$G$21=$B$17,14,0)+IF('Standard Profiles'!$G$21=$B$24,21,0),MOD($C5072,24)+1)/SUM(INDEX($D$3:$AA$30,INDEX(Jesper!$R$2:$R$366,ROW(INDEX(Jesper!AK$2:AK$366,ROUNDDOWN($C5072/24,0)+1,1))-1)+IF('Standard Profiles'!$G$21=$B$10,7,0)+IF('Standard Profiles'!$G$21=$B$17,14,0)+IF('Standard Profiles'!$G$21=$B$24,21,0),0)),0)</f>
        <v>0.30203999309338903</v>
      </c>
      <c r="H5072" cm="1">
        <f t="array" ref="H5072">IFERROR(INDEX(Jesper!AL$2:AL$366,ROUNDDOWN($C5072/24,0)+1,1)*INDEX($D$3:$AA$30,INDEX(Jesper!$R$2:$R$366,ROW(INDEX(Jesper!AL$2:AL$366,ROUNDDOWN($C5072/24,0)+1,1))-1)+IF('Standard Profiles'!$G$22=$B$10,7,0)+IF('Standard Profiles'!$G$22=$B$17,14,0)+IF('Standard Profiles'!$G$22=$B$24,21,0),MOD($C5072,24)+1)/SUM(INDEX($D$3:$AA$30,INDEX(Jesper!$R$2:$R$366,ROW(INDEX(Jesper!AL$2:AL$366,ROUNDDOWN($C5072/24,0)+1,1))-1)+IF('Standard Profiles'!$G$22=$B$10,7,0)+IF('Standard Profiles'!$G$22=$B$17,14,0)+IF('Standard Profiles'!$G$22=$B$24,21,0),0)),0)</f>
        <v>0</v>
      </c>
      <c r="I5072">
        <f t="shared" si="566"/>
        <v>0</v>
      </c>
      <c r="J5072">
        <f t="shared" si="567"/>
        <v>3.5247285015155048</v>
      </c>
      <c r="K5072">
        <f t="shared" si="568"/>
        <v>0.21383449589483927</v>
      </c>
      <c r="L5072">
        <f t="shared" si="569"/>
        <v>0.10691724794741964</v>
      </c>
      <c r="M5072">
        <f t="shared" si="570"/>
        <v>0</v>
      </c>
      <c r="N5072" s="45">
        <f t="shared" si="571"/>
        <v>45136.916666654448</v>
      </c>
    </row>
    <row r="5073" spans="2:14" x14ac:dyDescent="0.25">
      <c r="B5073">
        <f t="shared" si="565"/>
        <v>6</v>
      </c>
      <c r="C5073" s="16">
        <v>5039</v>
      </c>
      <c r="D5073" cm="1">
        <f t="array" ref="D5073">IFERROR(INDEX(Jesper!AH$2:AH$366,ROUNDDOWN($C5073/24,0)+1,1)*INDEX($D$3:$AA$30,INDEX(Jesper!$R$2:$R$366,ROW(INDEX(Jesper!AH$2:AH$366,ROUNDDOWN($C5073/24,0)+1,1))-1)+IF('Standard Profiles'!$G$18=$B$10,7,0)+IF('Standard Profiles'!$G$18=$B$17,14,0)+IF('Standard Profiles'!$G$18=$B$24,21,0),MOD($C5073,24)+1)/SUM(INDEX($D$3:$AA$30,INDEX(Jesper!$R$2:$R$366,ROW(INDEX(Jesper!AH$2:AH$366,ROUNDDOWN($C5073/24,0)+1,1))-1)+IF('Standard Profiles'!$G$18=$B$10,7,0)+IF('Standard Profiles'!$G$18=$B$17,14,0)+IF('Standard Profiles'!$G$18=$B$24,21,0),0)),0)</f>
        <v>0</v>
      </c>
      <c r="E5073" cm="1">
        <f t="array" ref="E5073">IFERROR(INDEX(Jesper!AI$2:AI$366,ROUNDDOWN($C5073/24,0)+1,1)*INDEX($D$3:$AA$30,INDEX(Jesper!$R$2:$R$366,ROW(INDEX(Jesper!AI$2:AI$366,ROUNDDOWN($C5073/24,0)+1,1))-1)+IF('Standard Profiles'!$G$19=$B$10,7,0)+IF('Standard Profiles'!$G$19=$B$17,14,0)+IF('Standard Profiles'!$G$19=$B$24,21,0),MOD($C5073,24)+1)/SUM(INDEX($D$3:$AA$30,INDEX(Jesper!$R$2:$R$366,ROW(INDEX(Jesper!AI$2:AI$366,ROUNDDOWN($C5073/24,0)+1,1))-1)+IF('Standard Profiles'!$G$19=$B$10,7,0)+IF('Standard Profiles'!$G$19=$B$17,14,0)+IF('Standard Profiles'!$G$19=$B$24,21,0),0)),0)</f>
        <v>2.6729311986854909</v>
      </c>
      <c r="F5073" cm="1">
        <f t="array" ref="F5073">IFERROR(INDEX(Jesper!AJ$2:AJ$366,ROUNDDOWN($C5073/24,0)+1,1)*INDEX($D$3:$AA$30,INDEX(Jesper!$R$2:$R$366,ROW(INDEX(Jesper!AJ$2:AJ$366,ROUNDDOWN($C5073/24,0)+1,1))-1)+IF('Standard Profiles'!$G$20=$B$10,7,0)+IF('Standard Profiles'!$G$20=$B$17,14,0)+IF('Standard Profiles'!$G$20=$B$24,21,0),MOD($C5073,24)+1)/SUM(INDEX($D$3:$AA$30,INDEX(Jesper!$R$2:$R$366,ROW(INDEX(Jesper!AJ$2:AJ$366,ROUNDDOWN($C5073/24,0)+1,1))-1)+IF('Standard Profiles'!$G$20=$B$10,7,0)+IF('Standard Profiles'!$G$20=$B$17,14,0)+IF('Standard Profiles'!$G$20=$B$24,21,0),0)),0)</f>
        <v>0.87050905357888397</v>
      </c>
      <c r="G5073" cm="1">
        <f t="array" ref="G5073">IFERROR(INDEX(Jesper!AK$2:AK$366,ROUNDDOWN($C5073/24,0)+1,1)*INDEX($D$3:$AA$30,INDEX(Jesper!$R$2:$R$366,ROW(INDEX(Jesper!AK$2:AK$366,ROUNDDOWN($C5073/24,0)+1,1))-1)+IF('Standard Profiles'!$G$21=$B$10,7,0)+IF('Standard Profiles'!$G$21=$B$17,14,0)+IF('Standard Profiles'!$G$21=$B$24,21,0),MOD($C5073,24)+1)/SUM(INDEX($D$3:$AA$30,INDEX(Jesper!$R$2:$R$366,ROW(INDEX(Jesper!AK$2:AK$366,ROUNDDOWN($C5073/24,0)+1,1))-1)+IF('Standard Profiles'!$G$21=$B$10,7,0)+IF('Standard Profiles'!$G$21=$B$17,14,0)+IF('Standard Profiles'!$G$21=$B$24,21,0),0)),0)</f>
        <v>0.30203999309338903</v>
      </c>
      <c r="H5073" cm="1">
        <f t="array" ref="H5073">IFERROR(INDEX(Jesper!AL$2:AL$366,ROUNDDOWN($C5073/24,0)+1,1)*INDEX($D$3:$AA$30,INDEX(Jesper!$R$2:$R$366,ROW(INDEX(Jesper!AL$2:AL$366,ROUNDDOWN($C5073/24,0)+1,1))-1)+IF('Standard Profiles'!$G$22=$B$10,7,0)+IF('Standard Profiles'!$G$22=$B$17,14,0)+IF('Standard Profiles'!$G$22=$B$24,21,0),MOD($C5073,24)+1)/SUM(INDEX($D$3:$AA$30,INDEX(Jesper!$R$2:$R$366,ROW(INDEX(Jesper!AL$2:AL$366,ROUNDDOWN($C5073/24,0)+1,1))-1)+IF('Standard Profiles'!$G$22=$B$10,7,0)+IF('Standard Profiles'!$G$22=$B$17,14,0)+IF('Standard Profiles'!$G$22=$B$24,21,0),0)),0)</f>
        <v>0</v>
      </c>
      <c r="I5073">
        <f t="shared" si="566"/>
        <v>0</v>
      </c>
      <c r="J5073">
        <f t="shared" si="567"/>
        <v>3.5247285015155048</v>
      </c>
      <c r="K5073">
        <f t="shared" si="568"/>
        <v>0.21383449589483927</v>
      </c>
      <c r="L5073">
        <f t="shared" si="569"/>
        <v>0.10691724794741964</v>
      </c>
      <c r="M5073">
        <f t="shared" si="570"/>
        <v>0</v>
      </c>
      <c r="N5073" s="45">
        <f t="shared" si="571"/>
        <v>45136.958333321112</v>
      </c>
    </row>
    <row r="5074" spans="2:14" x14ac:dyDescent="0.25">
      <c r="B5074">
        <f t="shared" si="565"/>
        <v>7</v>
      </c>
      <c r="C5074" s="16">
        <v>5040</v>
      </c>
      <c r="D5074" cm="1">
        <f t="array" ref="D5074">IFERROR(INDEX(Jesper!AH$2:AH$366,ROUNDDOWN($C5074/24,0)+1,1)*INDEX($D$3:$AA$30,INDEX(Jesper!$R$2:$R$366,ROW(INDEX(Jesper!AH$2:AH$366,ROUNDDOWN($C5074/24,0)+1,1))-1)+IF('Standard Profiles'!$G$18=$B$10,7,0)+IF('Standard Profiles'!$G$18=$B$17,14,0)+IF('Standard Profiles'!$G$18=$B$24,21,0),MOD($C5074,24)+1)/SUM(INDEX($D$3:$AA$30,INDEX(Jesper!$R$2:$R$366,ROW(INDEX(Jesper!AH$2:AH$366,ROUNDDOWN($C5074/24,0)+1,1))-1)+IF('Standard Profiles'!$G$18=$B$10,7,0)+IF('Standard Profiles'!$G$18=$B$17,14,0)+IF('Standard Profiles'!$G$18=$B$24,21,0),0)),0)</f>
        <v>0</v>
      </c>
      <c r="E5074" cm="1">
        <f t="array" ref="E5074">IFERROR(INDEX(Jesper!AI$2:AI$366,ROUNDDOWN($C5074/24,0)+1,1)*INDEX($D$3:$AA$30,INDEX(Jesper!$R$2:$R$366,ROW(INDEX(Jesper!AI$2:AI$366,ROUNDDOWN($C5074/24,0)+1,1))-1)+IF('Standard Profiles'!$G$19=$B$10,7,0)+IF('Standard Profiles'!$G$19=$B$17,14,0)+IF('Standard Profiles'!$G$19=$B$24,21,0),MOD($C5074,24)+1)/SUM(INDEX($D$3:$AA$30,INDEX(Jesper!$R$2:$R$366,ROW(INDEX(Jesper!AI$2:AI$366,ROUNDDOWN($C5074/24,0)+1,1))-1)+IF('Standard Profiles'!$G$19=$B$10,7,0)+IF('Standard Profiles'!$G$19=$B$17,14,0)+IF('Standard Profiles'!$G$19=$B$24,21,0),0)),0)</f>
        <v>2.7076270911453455</v>
      </c>
      <c r="F5074" cm="1">
        <f t="array" ref="F5074">IFERROR(INDEX(Jesper!AJ$2:AJ$366,ROUNDDOWN($C5074/24,0)+1,1)*INDEX($D$3:$AA$30,INDEX(Jesper!$R$2:$R$366,ROW(INDEX(Jesper!AJ$2:AJ$366,ROUNDDOWN($C5074/24,0)+1,1))-1)+IF('Standard Profiles'!$G$20=$B$10,7,0)+IF('Standard Profiles'!$G$20=$B$17,14,0)+IF('Standard Profiles'!$G$20=$B$24,21,0),MOD($C5074,24)+1)/SUM(INDEX($D$3:$AA$30,INDEX(Jesper!$R$2:$R$366,ROW(INDEX(Jesper!AJ$2:AJ$366,ROUNDDOWN($C5074/24,0)+1,1))-1)+IF('Standard Profiles'!$G$20=$B$10,7,0)+IF('Standard Profiles'!$G$20=$B$17,14,0)+IF('Standard Profiles'!$G$20=$B$24,21,0),0)),0)</f>
        <v>1.0182081066318136</v>
      </c>
      <c r="G5074" cm="1">
        <f t="array" ref="G5074">IFERROR(INDEX(Jesper!AK$2:AK$366,ROUNDDOWN($C5074/24,0)+1,1)*INDEX($D$3:$AA$30,INDEX(Jesper!$R$2:$R$366,ROW(INDEX(Jesper!AK$2:AK$366,ROUNDDOWN($C5074/24,0)+1,1))-1)+IF('Standard Profiles'!$G$21=$B$10,7,0)+IF('Standard Profiles'!$G$21=$B$17,14,0)+IF('Standard Profiles'!$G$21=$B$24,21,0),MOD($C5074,24)+1)/SUM(INDEX($D$3:$AA$30,INDEX(Jesper!$R$2:$R$366,ROW(INDEX(Jesper!AK$2:AK$366,ROUNDDOWN($C5074/24,0)+1,1))-1)+IF('Standard Profiles'!$G$21=$B$10,7,0)+IF('Standard Profiles'!$G$21=$B$17,14,0)+IF('Standard Profiles'!$G$21=$B$24,21,0),0)),0)</f>
        <v>0.4769805303379423</v>
      </c>
      <c r="H5074" cm="1">
        <f t="array" ref="H5074">IFERROR(INDEX(Jesper!AL$2:AL$366,ROUNDDOWN($C5074/24,0)+1,1)*INDEX($D$3:$AA$30,INDEX(Jesper!$R$2:$R$366,ROW(INDEX(Jesper!AL$2:AL$366,ROUNDDOWN($C5074/24,0)+1,1))-1)+IF('Standard Profiles'!$G$22=$B$10,7,0)+IF('Standard Profiles'!$G$22=$B$17,14,0)+IF('Standard Profiles'!$G$22=$B$24,21,0),MOD($C5074,24)+1)/SUM(INDEX($D$3:$AA$30,INDEX(Jesper!$R$2:$R$366,ROW(INDEX(Jesper!AL$2:AL$366,ROUNDDOWN($C5074/24,0)+1,1))-1)+IF('Standard Profiles'!$G$22=$B$10,7,0)+IF('Standard Profiles'!$G$22=$B$17,14,0)+IF('Standard Profiles'!$G$22=$B$24,21,0),0)),0)</f>
        <v>7.5179360930210215E-2</v>
      </c>
      <c r="I5074">
        <f t="shared" si="566"/>
        <v>7.2172186493001847E-2</v>
      </c>
      <c r="J5074">
        <f t="shared" si="567"/>
        <v>3.8809076516148684</v>
      </c>
      <c r="K5074">
        <f t="shared" si="568"/>
        <v>0.21661016729162763</v>
      </c>
      <c r="L5074">
        <f t="shared" si="569"/>
        <v>0.10830508364581382</v>
      </c>
      <c r="M5074">
        <f t="shared" si="570"/>
        <v>0</v>
      </c>
      <c r="N5074" s="45">
        <f t="shared" si="571"/>
        <v>45136.999999987776</v>
      </c>
    </row>
    <row r="5075" spans="2:14" x14ac:dyDescent="0.25">
      <c r="B5075">
        <f t="shared" si="565"/>
        <v>7</v>
      </c>
      <c r="C5075" s="16">
        <v>5041</v>
      </c>
      <c r="D5075" cm="1">
        <f t="array" ref="D5075">IFERROR(INDEX(Jesper!AH$2:AH$366,ROUNDDOWN($C5075/24,0)+1,1)*INDEX($D$3:$AA$30,INDEX(Jesper!$R$2:$R$366,ROW(INDEX(Jesper!AH$2:AH$366,ROUNDDOWN($C5075/24,0)+1,1))-1)+IF('Standard Profiles'!$G$18=$B$10,7,0)+IF('Standard Profiles'!$G$18=$B$17,14,0)+IF('Standard Profiles'!$G$18=$B$24,21,0),MOD($C5075,24)+1)/SUM(INDEX($D$3:$AA$30,INDEX(Jesper!$R$2:$R$366,ROW(INDEX(Jesper!AH$2:AH$366,ROUNDDOWN($C5075/24,0)+1,1))-1)+IF('Standard Profiles'!$G$18=$B$10,7,0)+IF('Standard Profiles'!$G$18=$B$17,14,0)+IF('Standard Profiles'!$G$18=$B$24,21,0),0)),0)</f>
        <v>0</v>
      </c>
      <c r="E5075" cm="1">
        <f t="array" ref="E5075">IFERROR(INDEX(Jesper!AI$2:AI$366,ROUNDDOWN($C5075/24,0)+1,1)*INDEX($D$3:$AA$30,INDEX(Jesper!$R$2:$R$366,ROW(INDEX(Jesper!AI$2:AI$366,ROUNDDOWN($C5075/24,0)+1,1))-1)+IF('Standard Profiles'!$G$19=$B$10,7,0)+IF('Standard Profiles'!$G$19=$B$17,14,0)+IF('Standard Profiles'!$G$19=$B$24,21,0),MOD($C5075,24)+1)/SUM(INDEX($D$3:$AA$30,INDEX(Jesper!$R$2:$R$366,ROW(INDEX(Jesper!AI$2:AI$366,ROUNDDOWN($C5075/24,0)+1,1))-1)+IF('Standard Profiles'!$G$19=$B$10,7,0)+IF('Standard Profiles'!$G$19=$B$17,14,0)+IF('Standard Profiles'!$G$19=$B$24,21,0),0)),0)</f>
        <v>2.7076270911453455</v>
      </c>
      <c r="F5075" cm="1">
        <f t="array" ref="F5075">IFERROR(INDEX(Jesper!AJ$2:AJ$366,ROUNDDOWN($C5075/24,0)+1,1)*INDEX($D$3:$AA$30,INDEX(Jesper!$R$2:$R$366,ROW(INDEX(Jesper!AJ$2:AJ$366,ROUNDDOWN($C5075/24,0)+1,1))-1)+IF('Standard Profiles'!$G$20=$B$10,7,0)+IF('Standard Profiles'!$G$20=$B$17,14,0)+IF('Standard Profiles'!$G$20=$B$24,21,0),MOD($C5075,24)+1)/SUM(INDEX($D$3:$AA$30,INDEX(Jesper!$R$2:$R$366,ROW(INDEX(Jesper!AJ$2:AJ$366,ROUNDDOWN($C5075/24,0)+1,1))-1)+IF('Standard Profiles'!$G$20=$B$10,7,0)+IF('Standard Profiles'!$G$20=$B$17,14,0)+IF('Standard Profiles'!$G$20=$B$24,21,0),0)),0)</f>
        <v>1.0182081066318136</v>
      </c>
      <c r="G5075" cm="1">
        <f t="array" ref="G5075">IFERROR(INDEX(Jesper!AK$2:AK$366,ROUNDDOWN($C5075/24,0)+1,1)*INDEX($D$3:$AA$30,INDEX(Jesper!$R$2:$R$366,ROW(INDEX(Jesper!AK$2:AK$366,ROUNDDOWN($C5075/24,0)+1,1))-1)+IF('Standard Profiles'!$G$21=$B$10,7,0)+IF('Standard Profiles'!$G$21=$B$17,14,0)+IF('Standard Profiles'!$G$21=$B$24,21,0),MOD($C5075,24)+1)/SUM(INDEX($D$3:$AA$30,INDEX(Jesper!$R$2:$R$366,ROW(INDEX(Jesper!AK$2:AK$366,ROUNDDOWN($C5075/24,0)+1,1))-1)+IF('Standard Profiles'!$G$21=$B$10,7,0)+IF('Standard Profiles'!$G$21=$B$17,14,0)+IF('Standard Profiles'!$G$21=$B$24,21,0),0)),0)</f>
        <v>0.4769805303379423</v>
      </c>
      <c r="H5075" cm="1">
        <f t="array" ref="H5075">IFERROR(INDEX(Jesper!AL$2:AL$366,ROUNDDOWN($C5075/24,0)+1,1)*INDEX($D$3:$AA$30,INDEX(Jesper!$R$2:$R$366,ROW(INDEX(Jesper!AL$2:AL$366,ROUNDDOWN($C5075/24,0)+1,1))-1)+IF('Standard Profiles'!$G$22=$B$10,7,0)+IF('Standard Profiles'!$G$22=$B$17,14,0)+IF('Standard Profiles'!$G$22=$B$24,21,0),MOD($C5075,24)+1)/SUM(INDEX($D$3:$AA$30,INDEX(Jesper!$R$2:$R$366,ROW(INDEX(Jesper!AL$2:AL$366,ROUNDDOWN($C5075/24,0)+1,1))-1)+IF('Standard Profiles'!$G$22=$B$10,7,0)+IF('Standard Profiles'!$G$22=$B$17,14,0)+IF('Standard Profiles'!$G$22=$B$24,21,0),0)),0)</f>
        <v>8.7305064306050575E-2</v>
      </c>
      <c r="I5075">
        <f t="shared" si="566"/>
        <v>8.38128617338086E-2</v>
      </c>
      <c r="J5075">
        <f t="shared" si="567"/>
        <v>3.8813926797499021</v>
      </c>
      <c r="K5075">
        <f t="shared" si="568"/>
        <v>0.21661016729162763</v>
      </c>
      <c r="L5075">
        <f t="shared" si="569"/>
        <v>0.10830508364581382</v>
      </c>
      <c r="M5075">
        <f t="shared" si="570"/>
        <v>0</v>
      </c>
      <c r="N5075" s="45">
        <f t="shared" si="571"/>
        <v>45137.041666654441</v>
      </c>
    </row>
    <row r="5076" spans="2:14" x14ac:dyDescent="0.25">
      <c r="B5076">
        <f t="shared" si="565"/>
        <v>7</v>
      </c>
      <c r="C5076" s="16">
        <v>5042</v>
      </c>
      <c r="D5076" cm="1">
        <f t="array" ref="D5076">IFERROR(INDEX(Jesper!AH$2:AH$366,ROUNDDOWN($C5076/24,0)+1,1)*INDEX($D$3:$AA$30,INDEX(Jesper!$R$2:$R$366,ROW(INDEX(Jesper!AH$2:AH$366,ROUNDDOWN($C5076/24,0)+1,1))-1)+IF('Standard Profiles'!$G$18=$B$10,7,0)+IF('Standard Profiles'!$G$18=$B$17,14,0)+IF('Standard Profiles'!$G$18=$B$24,21,0),MOD($C5076,24)+1)/SUM(INDEX($D$3:$AA$30,INDEX(Jesper!$R$2:$R$366,ROW(INDEX(Jesper!AH$2:AH$366,ROUNDDOWN($C5076/24,0)+1,1))-1)+IF('Standard Profiles'!$G$18=$B$10,7,0)+IF('Standard Profiles'!$G$18=$B$17,14,0)+IF('Standard Profiles'!$G$18=$B$24,21,0),0)),0)</f>
        <v>0</v>
      </c>
      <c r="E5076" cm="1">
        <f t="array" ref="E5076">IFERROR(INDEX(Jesper!AI$2:AI$366,ROUNDDOWN($C5076/24,0)+1,1)*INDEX($D$3:$AA$30,INDEX(Jesper!$R$2:$R$366,ROW(INDEX(Jesper!AI$2:AI$366,ROUNDDOWN($C5076/24,0)+1,1))-1)+IF('Standard Profiles'!$G$19=$B$10,7,0)+IF('Standard Profiles'!$G$19=$B$17,14,0)+IF('Standard Profiles'!$G$19=$B$24,21,0),MOD($C5076,24)+1)/SUM(INDEX($D$3:$AA$30,INDEX(Jesper!$R$2:$R$366,ROW(INDEX(Jesper!AI$2:AI$366,ROUNDDOWN($C5076/24,0)+1,1))-1)+IF('Standard Profiles'!$G$19=$B$10,7,0)+IF('Standard Profiles'!$G$19=$B$17,14,0)+IF('Standard Profiles'!$G$19=$B$24,21,0),0)),0)</f>
        <v>2.7076270911453455</v>
      </c>
      <c r="F5076" cm="1">
        <f t="array" ref="F5076">IFERROR(INDEX(Jesper!AJ$2:AJ$366,ROUNDDOWN($C5076/24,0)+1,1)*INDEX($D$3:$AA$30,INDEX(Jesper!$R$2:$R$366,ROW(INDEX(Jesper!AJ$2:AJ$366,ROUNDDOWN($C5076/24,0)+1,1))-1)+IF('Standard Profiles'!$G$20=$B$10,7,0)+IF('Standard Profiles'!$G$20=$B$17,14,0)+IF('Standard Profiles'!$G$20=$B$24,21,0),MOD($C5076,24)+1)/SUM(INDEX($D$3:$AA$30,INDEX(Jesper!$R$2:$R$366,ROW(INDEX(Jesper!AJ$2:AJ$366,ROUNDDOWN($C5076/24,0)+1,1))-1)+IF('Standard Profiles'!$G$20=$B$10,7,0)+IF('Standard Profiles'!$G$20=$B$17,14,0)+IF('Standard Profiles'!$G$20=$B$24,21,0),0)),0)</f>
        <v>1.0182081066318136</v>
      </c>
      <c r="G5076" cm="1">
        <f t="array" ref="G5076">IFERROR(INDEX(Jesper!AK$2:AK$366,ROUNDDOWN($C5076/24,0)+1,1)*INDEX($D$3:$AA$30,INDEX(Jesper!$R$2:$R$366,ROW(INDEX(Jesper!AK$2:AK$366,ROUNDDOWN($C5076/24,0)+1,1))-1)+IF('Standard Profiles'!$G$21=$B$10,7,0)+IF('Standard Profiles'!$G$21=$B$17,14,0)+IF('Standard Profiles'!$G$21=$B$24,21,0),MOD($C5076,24)+1)/SUM(INDEX($D$3:$AA$30,INDEX(Jesper!$R$2:$R$366,ROW(INDEX(Jesper!AK$2:AK$366,ROUNDDOWN($C5076/24,0)+1,1))-1)+IF('Standard Profiles'!$G$21=$B$10,7,0)+IF('Standard Profiles'!$G$21=$B$17,14,0)+IF('Standard Profiles'!$G$21=$B$24,21,0),0)),0)</f>
        <v>0.4769805303379423</v>
      </c>
      <c r="H5076" cm="1">
        <f t="array" ref="H5076">IFERROR(INDEX(Jesper!AL$2:AL$366,ROUNDDOWN($C5076/24,0)+1,1)*INDEX($D$3:$AA$30,INDEX(Jesper!$R$2:$R$366,ROW(INDEX(Jesper!AL$2:AL$366,ROUNDDOWN($C5076/24,0)+1,1))-1)+IF('Standard Profiles'!$G$22=$B$10,7,0)+IF('Standard Profiles'!$G$22=$B$17,14,0)+IF('Standard Profiles'!$G$22=$B$24,21,0),MOD($C5076,24)+1)/SUM(INDEX($D$3:$AA$30,INDEX(Jesper!$R$2:$R$366,ROW(INDEX(Jesper!AL$2:AL$366,ROUNDDOWN($C5076/24,0)+1,1))-1)+IF('Standard Profiles'!$G$22=$B$10,7,0)+IF('Standard Profiles'!$G$22=$B$17,14,0)+IF('Standard Profiles'!$G$22=$B$24,21,0),0)),0)</f>
        <v>8.7305064306050575E-2</v>
      </c>
      <c r="I5076">
        <f t="shared" si="566"/>
        <v>8.38128617338086E-2</v>
      </c>
      <c r="J5076">
        <f t="shared" si="567"/>
        <v>3.8813926797499021</v>
      </c>
      <c r="K5076">
        <f t="shared" si="568"/>
        <v>0.21661016729162763</v>
      </c>
      <c r="L5076">
        <f t="shared" si="569"/>
        <v>0.10830508364581382</v>
      </c>
      <c r="M5076">
        <f t="shared" si="570"/>
        <v>0</v>
      </c>
      <c r="N5076" s="45">
        <f t="shared" si="571"/>
        <v>45137.083333321105</v>
      </c>
    </row>
    <row r="5077" spans="2:14" x14ac:dyDescent="0.25">
      <c r="B5077">
        <f t="shared" si="565"/>
        <v>7</v>
      </c>
      <c r="C5077" s="16">
        <v>5043</v>
      </c>
      <c r="D5077" cm="1">
        <f t="array" ref="D5077">IFERROR(INDEX(Jesper!AH$2:AH$366,ROUNDDOWN($C5077/24,0)+1,1)*INDEX($D$3:$AA$30,INDEX(Jesper!$R$2:$R$366,ROW(INDEX(Jesper!AH$2:AH$366,ROUNDDOWN($C5077/24,0)+1,1))-1)+IF('Standard Profiles'!$G$18=$B$10,7,0)+IF('Standard Profiles'!$G$18=$B$17,14,0)+IF('Standard Profiles'!$G$18=$B$24,21,0),MOD($C5077,24)+1)/SUM(INDEX($D$3:$AA$30,INDEX(Jesper!$R$2:$R$366,ROW(INDEX(Jesper!AH$2:AH$366,ROUNDDOWN($C5077/24,0)+1,1))-1)+IF('Standard Profiles'!$G$18=$B$10,7,0)+IF('Standard Profiles'!$G$18=$B$17,14,0)+IF('Standard Profiles'!$G$18=$B$24,21,0),0)),0)</f>
        <v>0</v>
      </c>
      <c r="E5077" cm="1">
        <f t="array" ref="E5077">IFERROR(INDEX(Jesper!AI$2:AI$366,ROUNDDOWN($C5077/24,0)+1,1)*INDEX($D$3:$AA$30,INDEX(Jesper!$R$2:$R$366,ROW(INDEX(Jesper!AI$2:AI$366,ROUNDDOWN($C5077/24,0)+1,1))-1)+IF('Standard Profiles'!$G$19=$B$10,7,0)+IF('Standard Profiles'!$G$19=$B$17,14,0)+IF('Standard Profiles'!$G$19=$B$24,21,0),MOD($C5077,24)+1)/SUM(INDEX($D$3:$AA$30,INDEX(Jesper!$R$2:$R$366,ROW(INDEX(Jesper!AI$2:AI$366,ROUNDDOWN($C5077/24,0)+1,1))-1)+IF('Standard Profiles'!$G$19=$B$10,7,0)+IF('Standard Profiles'!$G$19=$B$17,14,0)+IF('Standard Profiles'!$G$19=$B$24,21,0),0)),0)</f>
        <v>2.7076270911453455</v>
      </c>
      <c r="F5077" cm="1">
        <f t="array" ref="F5077">IFERROR(INDEX(Jesper!AJ$2:AJ$366,ROUNDDOWN($C5077/24,0)+1,1)*INDEX($D$3:$AA$30,INDEX(Jesper!$R$2:$R$366,ROW(INDEX(Jesper!AJ$2:AJ$366,ROUNDDOWN($C5077/24,0)+1,1))-1)+IF('Standard Profiles'!$G$20=$B$10,7,0)+IF('Standard Profiles'!$G$20=$B$17,14,0)+IF('Standard Profiles'!$G$20=$B$24,21,0),MOD($C5077,24)+1)/SUM(INDEX($D$3:$AA$30,INDEX(Jesper!$R$2:$R$366,ROW(INDEX(Jesper!AJ$2:AJ$366,ROUNDDOWN($C5077/24,0)+1,1))-1)+IF('Standard Profiles'!$G$20=$B$10,7,0)+IF('Standard Profiles'!$G$20=$B$17,14,0)+IF('Standard Profiles'!$G$20=$B$24,21,0),0)),0)</f>
        <v>1.0182081066318136</v>
      </c>
      <c r="G5077" cm="1">
        <f t="array" ref="G5077">IFERROR(INDEX(Jesper!AK$2:AK$366,ROUNDDOWN($C5077/24,0)+1,1)*INDEX($D$3:$AA$30,INDEX(Jesper!$R$2:$R$366,ROW(INDEX(Jesper!AK$2:AK$366,ROUNDDOWN($C5077/24,0)+1,1))-1)+IF('Standard Profiles'!$G$21=$B$10,7,0)+IF('Standard Profiles'!$G$21=$B$17,14,0)+IF('Standard Profiles'!$G$21=$B$24,21,0),MOD($C5077,24)+1)/SUM(INDEX($D$3:$AA$30,INDEX(Jesper!$R$2:$R$366,ROW(INDEX(Jesper!AK$2:AK$366,ROUNDDOWN($C5077/24,0)+1,1))-1)+IF('Standard Profiles'!$G$21=$B$10,7,0)+IF('Standard Profiles'!$G$21=$B$17,14,0)+IF('Standard Profiles'!$G$21=$B$24,21,0),0)),0)</f>
        <v>0.4769805303379423</v>
      </c>
      <c r="H5077" cm="1">
        <f t="array" ref="H5077">IFERROR(INDEX(Jesper!AL$2:AL$366,ROUNDDOWN($C5077/24,0)+1,1)*INDEX($D$3:$AA$30,INDEX(Jesper!$R$2:$R$366,ROW(INDEX(Jesper!AL$2:AL$366,ROUNDDOWN($C5077/24,0)+1,1))-1)+IF('Standard Profiles'!$G$22=$B$10,7,0)+IF('Standard Profiles'!$G$22=$B$17,14,0)+IF('Standard Profiles'!$G$22=$B$24,21,0),MOD($C5077,24)+1)/SUM(INDEX($D$3:$AA$30,INDEX(Jesper!$R$2:$R$366,ROW(INDEX(Jesper!AL$2:AL$366,ROUNDDOWN($C5077/24,0)+1,1))-1)+IF('Standard Profiles'!$G$22=$B$10,7,0)+IF('Standard Profiles'!$G$22=$B$17,14,0)+IF('Standard Profiles'!$G$22=$B$24,21,0),0)),0)</f>
        <v>8.7305064306050575E-2</v>
      </c>
      <c r="I5077">
        <f t="shared" si="566"/>
        <v>8.38128617338086E-2</v>
      </c>
      <c r="J5077">
        <f t="shared" si="567"/>
        <v>3.8813926797499021</v>
      </c>
      <c r="K5077">
        <f t="shared" si="568"/>
        <v>0.21661016729162763</v>
      </c>
      <c r="L5077">
        <f t="shared" si="569"/>
        <v>0.10830508364581382</v>
      </c>
      <c r="M5077">
        <f t="shared" si="570"/>
        <v>0</v>
      </c>
      <c r="N5077" s="45">
        <f t="shared" si="571"/>
        <v>45137.124999987769</v>
      </c>
    </row>
    <row r="5078" spans="2:14" x14ac:dyDescent="0.25">
      <c r="B5078">
        <f t="shared" si="565"/>
        <v>7</v>
      </c>
      <c r="C5078" s="16">
        <v>5044</v>
      </c>
      <c r="D5078" cm="1">
        <f t="array" ref="D5078">IFERROR(INDEX(Jesper!AH$2:AH$366,ROUNDDOWN($C5078/24,0)+1,1)*INDEX($D$3:$AA$30,INDEX(Jesper!$R$2:$R$366,ROW(INDEX(Jesper!AH$2:AH$366,ROUNDDOWN($C5078/24,0)+1,1))-1)+IF('Standard Profiles'!$G$18=$B$10,7,0)+IF('Standard Profiles'!$G$18=$B$17,14,0)+IF('Standard Profiles'!$G$18=$B$24,21,0),MOD($C5078,24)+1)/SUM(INDEX($D$3:$AA$30,INDEX(Jesper!$R$2:$R$366,ROW(INDEX(Jesper!AH$2:AH$366,ROUNDDOWN($C5078/24,0)+1,1))-1)+IF('Standard Profiles'!$G$18=$B$10,7,0)+IF('Standard Profiles'!$G$18=$B$17,14,0)+IF('Standard Profiles'!$G$18=$B$24,21,0),0)),0)</f>
        <v>0</v>
      </c>
      <c r="E5078" cm="1">
        <f t="array" ref="E5078">IFERROR(INDEX(Jesper!AI$2:AI$366,ROUNDDOWN($C5078/24,0)+1,1)*INDEX($D$3:$AA$30,INDEX(Jesper!$R$2:$R$366,ROW(INDEX(Jesper!AI$2:AI$366,ROUNDDOWN($C5078/24,0)+1,1))-1)+IF('Standard Profiles'!$G$19=$B$10,7,0)+IF('Standard Profiles'!$G$19=$B$17,14,0)+IF('Standard Profiles'!$G$19=$B$24,21,0),MOD($C5078,24)+1)/SUM(INDEX($D$3:$AA$30,INDEX(Jesper!$R$2:$R$366,ROW(INDEX(Jesper!AI$2:AI$366,ROUNDDOWN($C5078/24,0)+1,1))-1)+IF('Standard Profiles'!$G$19=$B$10,7,0)+IF('Standard Profiles'!$G$19=$B$17,14,0)+IF('Standard Profiles'!$G$19=$B$24,21,0),0)),0)</f>
        <v>2.7076270911453455</v>
      </c>
      <c r="F5078" cm="1">
        <f t="array" ref="F5078">IFERROR(INDEX(Jesper!AJ$2:AJ$366,ROUNDDOWN($C5078/24,0)+1,1)*INDEX($D$3:$AA$30,INDEX(Jesper!$R$2:$R$366,ROW(INDEX(Jesper!AJ$2:AJ$366,ROUNDDOWN($C5078/24,0)+1,1))-1)+IF('Standard Profiles'!$G$20=$B$10,7,0)+IF('Standard Profiles'!$G$20=$B$17,14,0)+IF('Standard Profiles'!$G$20=$B$24,21,0),MOD($C5078,24)+1)/SUM(INDEX($D$3:$AA$30,INDEX(Jesper!$R$2:$R$366,ROW(INDEX(Jesper!AJ$2:AJ$366,ROUNDDOWN($C5078/24,0)+1,1))-1)+IF('Standard Profiles'!$G$20=$B$10,7,0)+IF('Standard Profiles'!$G$20=$B$17,14,0)+IF('Standard Profiles'!$G$20=$B$24,21,0),0)),0)</f>
        <v>1.0182081066318136</v>
      </c>
      <c r="G5078" cm="1">
        <f t="array" ref="G5078">IFERROR(INDEX(Jesper!AK$2:AK$366,ROUNDDOWN($C5078/24,0)+1,1)*INDEX($D$3:$AA$30,INDEX(Jesper!$R$2:$R$366,ROW(INDEX(Jesper!AK$2:AK$366,ROUNDDOWN($C5078/24,0)+1,1))-1)+IF('Standard Profiles'!$G$21=$B$10,7,0)+IF('Standard Profiles'!$G$21=$B$17,14,0)+IF('Standard Profiles'!$G$21=$B$24,21,0),MOD($C5078,24)+1)/SUM(INDEX($D$3:$AA$30,INDEX(Jesper!$R$2:$R$366,ROW(INDEX(Jesper!AK$2:AK$366,ROUNDDOWN($C5078/24,0)+1,1))-1)+IF('Standard Profiles'!$G$21=$B$10,7,0)+IF('Standard Profiles'!$G$21=$B$17,14,0)+IF('Standard Profiles'!$G$21=$B$24,21,0),0)),0)</f>
        <v>0.4769805303379423</v>
      </c>
      <c r="H5078" cm="1">
        <f t="array" ref="H5078">IFERROR(INDEX(Jesper!AL$2:AL$366,ROUNDDOWN($C5078/24,0)+1,1)*INDEX($D$3:$AA$30,INDEX(Jesper!$R$2:$R$366,ROW(INDEX(Jesper!AL$2:AL$366,ROUNDDOWN($C5078/24,0)+1,1))-1)+IF('Standard Profiles'!$G$22=$B$10,7,0)+IF('Standard Profiles'!$G$22=$B$17,14,0)+IF('Standard Profiles'!$G$22=$B$24,21,0),MOD($C5078,24)+1)/SUM(INDEX($D$3:$AA$30,INDEX(Jesper!$R$2:$R$366,ROW(INDEX(Jesper!AL$2:AL$366,ROUNDDOWN($C5078/24,0)+1,1))-1)+IF('Standard Profiles'!$G$22=$B$10,7,0)+IF('Standard Profiles'!$G$22=$B$17,14,0)+IF('Standard Profiles'!$G$22=$B$24,21,0),0)),0)</f>
        <v>8.7305064306050575E-2</v>
      </c>
      <c r="I5078">
        <f t="shared" si="566"/>
        <v>8.38128617338086E-2</v>
      </c>
      <c r="J5078">
        <f t="shared" si="567"/>
        <v>3.8813926797499021</v>
      </c>
      <c r="K5078">
        <f t="shared" si="568"/>
        <v>0.21661016729162763</v>
      </c>
      <c r="L5078">
        <f t="shared" si="569"/>
        <v>0.10830508364581382</v>
      </c>
      <c r="M5078">
        <f t="shared" si="570"/>
        <v>0</v>
      </c>
      <c r="N5078" s="45">
        <f t="shared" si="571"/>
        <v>45137.166666654433</v>
      </c>
    </row>
    <row r="5079" spans="2:14" x14ac:dyDescent="0.25">
      <c r="B5079">
        <f t="shared" si="565"/>
        <v>7</v>
      </c>
      <c r="C5079" s="16">
        <v>5045</v>
      </c>
      <c r="D5079" cm="1">
        <f t="array" ref="D5079">IFERROR(INDEX(Jesper!AH$2:AH$366,ROUNDDOWN($C5079/24,0)+1,1)*INDEX($D$3:$AA$30,INDEX(Jesper!$R$2:$R$366,ROW(INDEX(Jesper!AH$2:AH$366,ROUNDDOWN($C5079/24,0)+1,1))-1)+IF('Standard Profiles'!$G$18=$B$10,7,0)+IF('Standard Profiles'!$G$18=$B$17,14,0)+IF('Standard Profiles'!$G$18=$B$24,21,0),MOD($C5079,24)+1)/SUM(INDEX($D$3:$AA$30,INDEX(Jesper!$R$2:$R$366,ROW(INDEX(Jesper!AH$2:AH$366,ROUNDDOWN($C5079/24,0)+1,1))-1)+IF('Standard Profiles'!$G$18=$B$10,7,0)+IF('Standard Profiles'!$G$18=$B$17,14,0)+IF('Standard Profiles'!$G$18=$B$24,21,0),0)),0)</f>
        <v>0</v>
      </c>
      <c r="E5079" cm="1">
        <f t="array" ref="E5079">IFERROR(INDEX(Jesper!AI$2:AI$366,ROUNDDOWN($C5079/24,0)+1,1)*INDEX($D$3:$AA$30,INDEX(Jesper!$R$2:$R$366,ROW(INDEX(Jesper!AI$2:AI$366,ROUNDDOWN($C5079/24,0)+1,1))-1)+IF('Standard Profiles'!$G$19=$B$10,7,0)+IF('Standard Profiles'!$G$19=$B$17,14,0)+IF('Standard Profiles'!$G$19=$B$24,21,0),MOD($C5079,24)+1)/SUM(INDEX($D$3:$AA$30,INDEX(Jesper!$R$2:$R$366,ROW(INDEX(Jesper!AI$2:AI$366,ROUNDDOWN($C5079/24,0)+1,1))-1)+IF('Standard Profiles'!$G$19=$B$10,7,0)+IF('Standard Profiles'!$G$19=$B$17,14,0)+IF('Standard Profiles'!$G$19=$B$24,21,0),0)),0)</f>
        <v>2.7076270911453455</v>
      </c>
      <c r="F5079" cm="1">
        <f t="array" ref="F5079">IFERROR(INDEX(Jesper!AJ$2:AJ$366,ROUNDDOWN($C5079/24,0)+1,1)*INDEX($D$3:$AA$30,INDEX(Jesper!$R$2:$R$366,ROW(INDEX(Jesper!AJ$2:AJ$366,ROUNDDOWN($C5079/24,0)+1,1))-1)+IF('Standard Profiles'!$G$20=$B$10,7,0)+IF('Standard Profiles'!$G$20=$B$17,14,0)+IF('Standard Profiles'!$G$20=$B$24,21,0),MOD($C5079,24)+1)/SUM(INDEX($D$3:$AA$30,INDEX(Jesper!$R$2:$R$366,ROW(INDEX(Jesper!AJ$2:AJ$366,ROUNDDOWN($C5079/24,0)+1,1))-1)+IF('Standard Profiles'!$G$20=$B$10,7,0)+IF('Standard Profiles'!$G$20=$B$17,14,0)+IF('Standard Profiles'!$G$20=$B$24,21,0),0)),0)</f>
        <v>1.0182081066318136</v>
      </c>
      <c r="G5079" cm="1">
        <f t="array" ref="G5079">IFERROR(INDEX(Jesper!AK$2:AK$366,ROUNDDOWN($C5079/24,0)+1,1)*INDEX($D$3:$AA$30,INDEX(Jesper!$R$2:$R$366,ROW(INDEX(Jesper!AK$2:AK$366,ROUNDDOWN($C5079/24,0)+1,1))-1)+IF('Standard Profiles'!$G$21=$B$10,7,0)+IF('Standard Profiles'!$G$21=$B$17,14,0)+IF('Standard Profiles'!$G$21=$B$24,21,0),MOD($C5079,24)+1)/SUM(INDEX($D$3:$AA$30,INDEX(Jesper!$R$2:$R$366,ROW(INDEX(Jesper!AK$2:AK$366,ROUNDDOWN($C5079/24,0)+1,1))-1)+IF('Standard Profiles'!$G$21=$B$10,7,0)+IF('Standard Profiles'!$G$21=$B$17,14,0)+IF('Standard Profiles'!$G$21=$B$24,21,0),0)),0)</f>
        <v>0.4769805303379423</v>
      </c>
      <c r="H5079" cm="1">
        <f t="array" ref="H5079">IFERROR(INDEX(Jesper!AL$2:AL$366,ROUNDDOWN($C5079/24,0)+1,1)*INDEX($D$3:$AA$30,INDEX(Jesper!$R$2:$R$366,ROW(INDEX(Jesper!AL$2:AL$366,ROUNDDOWN($C5079/24,0)+1,1))-1)+IF('Standard Profiles'!$G$22=$B$10,7,0)+IF('Standard Profiles'!$G$22=$B$17,14,0)+IF('Standard Profiles'!$G$22=$B$24,21,0),MOD($C5079,24)+1)/SUM(INDEX($D$3:$AA$30,INDEX(Jesper!$R$2:$R$366,ROW(INDEX(Jesper!AL$2:AL$366,ROUNDDOWN($C5079/24,0)+1,1))-1)+IF('Standard Profiles'!$G$22=$B$10,7,0)+IF('Standard Profiles'!$G$22=$B$17,14,0)+IF('Standard Profiles'!$G$22=$B$24,21,0),0)),0)</f>
        <v>0.10913133038256322</v>
      </c>
      <c r="I5079">
        <f t="shared" si="566"/>
        <v>0.10476607716726075</v>
      </c>
      <c r="J5079">
        <f t="shared" si="567"/>
        <v>3.8822657303929624</v>
      </c>
      <c r="K5079">
        <f t="shared" si="568"/>
        <v>0.21661016729162763</v>
      </c>
      <c r="L5079">
        <f t="shared" si="569"/>
        <v>0.10830508364581382</v>
      </c>
      <c r="M5079">
        <f t="shared" si="570"/>
        <v>0</v>
      </c>
      <c r="N5079" s="45">
        <f t="shared" si="571"/>
        <v>45137.208333321098</v>
      </c>
    </row>
    <row r="5080" spans="2:14" x14ac:dyDescent="0.25">
      <c r="B5080">
        <f t="shared" si="565"/>
        <v>7</v>
      </c>
      <c r="C5080" s="16">
        <v>5046</v>
      </c>
      <c r="D5080" cm="1">
        <f t="array" ref="D5080">IFERROR(INDEX(Jesper!AH$2:AH$366,ROUNDDOWN($C5080/24,0)+1,1)*INDEX($D$3:$AA$30,INDEX(Jesper!$R$2:$R$366,ROW(INDEX(Jesper!AH$2:AH$366,ROUNDDOWN($C5080/24,0)+1,1))-1)+IF('Standard Profiles'!$G$18=$B$10,7,0)+IF('Standard Profiles'!$G$18=$B$17,14,0)+IF('Standard Profiles'!$G$18=$B$24,21,0),MOD($C5080,24)+1)/SUM(INDEX($D$3:$AA$30,INDEX(Jesper!$R$2:$R$366,ROW(INDEX(Jesper!AH$2:AH$366,ROUNDDOWN($C5080/24,0)+1,1))-1)+IF('Standard Profiles'!$G$18=$B$10,7,0)+IF('Standard Profiles'!$G$18=$B$17,14,0)+IF('Standard Profiles'!$G$18=$B$24,21,0),0)),0)</f>
        <v>0</v>
      </c>
      <c r="E5080" cm="1">
        <f t="array" ref="E5080">IFERROR(INDEX(Jesper!AI$2:AI$366,ROUNDDOWN($C5080/24,0)+1,1)*INDEX($D$3:$AA$30,INDEX(Jesper!$R$2:$R$366,ROW(INDEX(Jesper!AI$2:AI$366,ROUNDDOWN($C5080/24,0)+1,1))-1)+IF('Standard Profiles'!$G$19=$B$10,7,0)+IF('Standard Profiles'!$G$19=$B$17,14,0)+IF('Standard Profiles'!$G$19=$B$24,21,0),MOD($C5080,24)+1)/SUM(INDEX($D$3:$AA$30,INDEX(Jesper!$R$2:$R$366,ROW(INDEX(Jesper!AI$2:AI$366,ROUNDDOWN($C5080/24,0)+1,1))-1)+IF('Standard Profiles'!$G$19=$B$10,7,0)+IF('Standard Profiles'!$G$19=$B$17,14,0)+IF('Standard Profiles'!$G$19=$B$24,21,0),0)),0)</f>
        <v>2.7076270911453455</v>
      </c>
      <c r="F5080" cm="1">
        <f t="array" ref="F5080">IFERROR(INDEX(Jesper!AJ$2:AJ$366,ROUNDDOWN($C5080/24,0)+1,1)*INDEX($D$3:$AA$30,INDEX(Jesper!$R$2:$R$366,ROW(INDEX(Jesper!AJ$2:AJ$366,ROUNDDOWN($C5080/24,0)+1,1))-1)+IF('Standard Profiles'!$G$20=$B$10,7,0)+IF('Standard Profiles'!$G$20=$B$17,14,0)+IF('Standard Profiles'!$G$20=$B$24,21,0),MOD($C5080,24)+1)/SUM(INDEX($D$3:$AA$30,INDEX(Jesper!$R$2:$R$366,ROW(INDEX(Jesper!AJ$2:AJ$366,ROUNDDOWN($C5080/24,0)+1,1))-1)+IF('Standard Profiles'!$G$20=$B$10,7,0)+IF('Standard Profiles'!$G$20=$B$17,14,0)+IF('Standard Profiles'!$G$20=$B$24,21,0),0)),0)</f>
        <v>1.0182081066318136</v>
      </c>
      <c r="G5080" cm="1">
        <f t="array" ref="G5080">IFERROR(INDEX(Jesper!AK$2:AK$366,ROUNDDOWN($C5080/24,0)+1,1)*INDEX($D$3:$AA$30,INDEX(Jesper!$R$2:$R$366,ROW(INDEX(Jesper!AK$2:AK$366,ROUNDDOWN($C5080/24,0)+1,1))-1)+IF('Standard Profiles'!$G$21=$B$10,7,0)+IF('Standard Profiles'!$G$21=$B$17,14,0)+IF('Standard Profiles'!$G$21=$B$24,21,0),MOD($C5080,24)+1)/SUM(INDEX($D$3:$AA$30,INDEX(Jesper!$R$2:$R$366,ROW(INDEX(Jesper!AK$2:AK$366,ROUNDDOWN($C5080/24,0)+1,1))-1)+IF('Standard Profiles'!$G$21=$B$10,7,0)+IF('Standard Profiles'!$G$21=$B$17,14,0)+IF('Standard Profiles'!$G$21=$B$24,21,0),0)),0)</f>
        <v>0.4769805303379423</v>
      </c>
      <c r="H5080" cm="1">
        <f t="array" ref="H5080">IFERROR(INDEX(Jesper!AL$2:AL$366,ROUNDDOWN($C5080/24,0)+1,1)*INDEX($D$3:$AA$30,INDEX(Jesper!$R$2:$R$366,ROW(INDEX(Jesper!AL$2:AL$366,ROUNDDOWN($C5080/24,0)+1,1))-1)+IF('Standard Profiles'!$G$22=$B$10,7,0)+IF('Standard Profiles'!$G$22=$B$17,14,0)+IF('Standard Profiles'!$G$22=$B$24,21,0),MOD($C5080,24)+1)/SUM(INDEX($D$3:$AA$30,INDEX(Jesper!$R$2:$R$366,ROW(INDEX(Jesper!AL$2:AL$366,ROUNDDOWN($C5080/24,0)+1,1))-1)+IF('Standard Profiles'!$G$22=$B$10,7,0)+IF('Standard Profiles'!$G$22=$B$17,14,0)+IF('Standard Profiles'!$G$22=$B$24,21,0),0)),0)</f>
        <v>0.12853245578390779</v>
      </c>
      <c r="I5080">
        <f t="shared" si="566"/>
        <v>0.12339115755255155</v>
      </c>
      <c r="J5080">
        <f t="shared" si="567"/>
        <v>3.8830417754090161</v>
      </c>
      <c r="K5080">
        <f t="shared" si="568"/>
        <v>0.21661016729162763</v>
      </c>
      <c r="L5080">
        <f t="shared" si="569"/>
        <v>0.10830508364581382</v>
      </c>
      <c r="M5080">
        <f t="shared" si="570"/>
        <v>0</v>
      </c>
      <c r="N5080" s="45">
        <f t="shared" si="571"/>
        <v>45137.249999987762</v>
      </c>
    </row>
    <row r="5081" spans="2:14" x14ac:dyDescent="0.25">
      <c r="B5081">
        <f t="shared" si="565"/>
        <v>7</v>
      </c>
      <c r="C5081" s="16">
        <v>5047</v>
      </c>
      <c r="D5081" cm="1">
        <f t="array" ref="D5081">IFERROR(INDEX(Jesper!AH$2:AH$366,ROUNDDOWN($C5081/24,0)+1,1)*INDEX($D$3:$AA$30,INDEX(Jesper!$R$2:$R$366,ROW(INDEX(Jesper!AH$2:AH$366,ROUNDDOWN($C5081/24,0)+1,1))-1)+IF('Standard Profiles'!$G$18=$B$10,7,0)+IF('Standard Profiles'!$G$18=$B$17,14,0)+IF('Standard Profiles'!$G$18=$B$24,21,0),MOD($C5081,24)+1)/SUM(INDEX($D$3:$AA$30,INDEX(Jesper!$R$2:$R$366,ROW(INDEX(Jesper!AH$2:AH$366,ROUNDDOWN($C5081/24,0)+1,1))-1)+IF('Standard Profiles'!$G$18=$B$10,7,0)+IF('Standard Profiles'!$G$18=$B$17,14,0)+IF('Standard Profiles'!$G$18=$B$24,21,0),0)),0)</f>
        <v>0</v>
      </c>
      <c r="E5081" cm="1">
        <f t="array" ref="E5081">IFERROR(INDEX(Jesper!AI$2:AI$366,ROUNDDOWN($C5081/24,0)+1,1)*INDEX($D$3:$AA$30,INDEX(Jesper!$R$2:$R$366,ROW(INDEX(Jesper!AI$2:AI$366,ROUNDDOWN($C5081/24,0)+1,1))-1)+IF('Standard Profiles'!$G$19=$B$10,7,0)+IF('Standard Profiles'!$G$19=$B$17,14,0)+IF('Standard Profiles'!$G$19=$B$24,21,0),MOD($C5081,24)+1)/SUM(INDEX($D$3:$AA$30,INDEX(Jesper!$R$2:$R$366,ROW(INDEX(Jesper!AI$2:AI$366,ROUNDDOWN($C5081/24,0)+1,1))-1)+IF('Standard Profiles'!$G$19=$B$10,7,0)+IF('Standard Profiles'!$G$19=$B$17,14,0)+IF('Standard Profiles'!$G$19=$B$24,21,0),0)),0)</f>
        <v>2.7076270911453455</v>
      </c>
      <c r="F5081" cm="1">
        <f t="array" ref="F5081">IFERROR(INDEX(Jesper!AJ$2:AJ$366,ROUNDDOWN($C5081/24,0)+1,1)*INDEX($D$3:$AA$30,INDEX(Jesper!$R$2:$R$366,ROW(INDEX(Jesper!AJ$2:AJ$366,ROUNDDOWN($C5081/24,0)+1,1))-1)+IF('Standard Profiles'!$G$20=$B$10,7,0)+IF('Standard Profiles'!$G$20=$B$17,14,0)+IF('Standard Profiles'!$G$20=$B$24,21,0),MOD($C5081,24)+1)/SUM(INDEX($D$3:$AA$30,INDEX(Jesper!$R$2:$R$366,ROW(INDEX(Jesper!AJ$2:AJ$366,ROUNDDOWN($C5081/24,0)+1,1))-1)+IF('Standard Profiles'!$G$20=$B$10,7,0)+IF('Standard Profiles'!$G$20=$B$17,14,0)+IF('Standard Profiles'!$G$20=$B$24,21,0),0)),0)</f>
        <v>1.0182081066318136</v>
      </c>
      <c r="G5081" cm="1">
        <f t="array" ref="G5081">IFERROR(INDEX(Jesper!AK$2:AK$366,ROUNDDOWN($C5081/24,0)+1,1)*INDEX($D$3:$AA$30,INDEX(Jesper!$R$2:$R$366,ROW(INDEX(Jesper!AK$2:AK$366,ROUNDDOWN($C5081/24,0)+1,1))-1)+IF('Standard Profiles'!$G$21=$B$10,7,0)+IF('Standard Profiles'!$G$21=$B$17,14,0)+IF('Standard Profiles'!$G$21=$B$24,21,0),MOD($C5081,24)+1)/SUM(INDEX($D$3:$AA$30,INDEX(Jesper!$R$2:$R$366,ROW(INDEX(Jesper!AK$2:AK$366,ROUNDDOWN($C5081/24,0)+1,1))-1)+IF('Standard Profiles'!$G$21=$B$10,7,0)+IF('Standard Profiles'!$G$21=$B$17,14,0)+IF('Standard Profiles'!$G$21=$B$24,21,0),0)),0)</f>
        <v>0.4769805303379423</v>
      </c>
      <c r="H5081" cm="1">
        <f t="array" ref="H5081">IFERROR(INDEX(Jesper!AL$2:AL$366,ROUNDDOWN($C5081/24,0)+1,1)*INDEX($D$3:$AA$30,INDEX(Jesper!$R$2:$R$366,ROW(INDEX(Jesper!AL$2:AL$366,ROUNDDOWN($C5081/24,0)+1,1))-1)+IF('Standard Profiles'!$G$22=$B$10,7,0)+IF('Standard Profiles'!$G$22=$B$17,14,0)+IF('Standard Profiles'!$G$22=$B$24,21,0),MOD($C5081,24)+1)/SUM(INDEX($D$3:$AA$30,INDEX(Jesper!$R$2:$R$366,ROW(INDEX(Jesper!AL$2:AL$366,ROUNDDOWN($C5081/24,0)+1,1))-1)+IF('Standard Profiles'!$G$22=$B$10,7,0)+IF('Standard Profiles'!$G$22=$B$17,14,0)+IF('Standard Profiles'!$G$22=$B$24,21,0),0)),0)</f>
        <v>0.15278386253558851</v>
      </c>
      <c r="I5081">
        <f t="shared" si="566"/>
        <v>0.14667250803416504</v>
      </c>
      <c r="J5081">
        <f t="shared" si="567"/>
        <v>3.8840118316790835</v>
      </c>
      <c r="K5081">
        <f t="shared" si="568"/>
        <v>0.21661016729162763</v>
      </c>
      <c r="L5081">
        <f t="shared" si="569"/>
        <v>0.10830508364581382</v>
      </c>
      <c r="M5081">
        <f t="shared" si="570"/>
        <v>0</v>
      </c>
      <c r="N5081" s="45">
        <f t="shared" si="571"/>
        <v>45137.291666654426</v>
      </c>
    </row>
    <row r="5082" spans="2:14" x14ac:dyDescent="0.25">
      <c r="B5082">
        <f t="shared" si="565"/>
        <v>7</v>
      </c>
      <c r="C5082" s="16">
        <v>5048</v>
      </c>
      <c r="D5082" cm="1">
        <f t="array" ref="D5082">IFERROR(INDEX(Jesper!AH$2:AH$366,ROUNDDOWN($C5082/24,0)+1,1)*INDEX($D$3:$AA$30,INDEX(Jesper!$R$2:$R$366,ROW(INDEX(Jesper!AH$2:AH$366,ROUNDDOWN($C5082/24,0)+1,1))-1)+IF('Standard Profiles'!$G$18=$B$10,7,0)+IF('Standard Profiles'!$G$18=$B$17,14,0)+IF('Standard Profiles'!$G$18=$B$24,21,0),MOD($C5082,24)+1)/SUM(INDEX($D$3:$AA$30,INDEX(Jesper!$R$2:$R$366,ROW(INDEX(Jesper!AH$2:AH$366,ROUNDDOWN($C5082/24,0)+1,1))-1)+IF('Standard Profiles'!$G$18=$B$10,7,0)+IF('Standard Profiles'!$G$18=$B$17,14,0)+IF('Standard Profiles'!$G$18=$B$24,21,0),0)),0)</f>
        <v>0</v>
      </c>
      <c r="E5082" cm="1">
        <f t="array" ref="E5082">IFERROR(INDEX(Jesper!AI$2:AI$366,ROUNDDOWN($C5082/24,0)+1,1)*INDEX($D$3:$AA$30,INDEX(Jesper!$R$2:$R$366,ROW(INDEX(Jesper!AI$2:AI$366,ROUNDDOWN($C5082/24,0)+1,1))-1)+IF('Standard Profiles'!$G$19=$B$10,7,0)+IF('Standard Profiles'!$G$19=$B$17,14,0)+IF('Standard Profiles'!$G$19=$B$24,21,0),MOD($C5082,24)+1)/SUM(INDEX($D$3:$AA$30,INDEX(Jesper!$R$2:$R$366,ROW(INDEX(Jesper!AI$2:AI$366,ROUNDDOWN($C5082/24,0)+1,1))-1)+IF('Standard Profiles'!$G$19=$B$10,7,0)+IF('Standard Profiles'!$G$19=$B$17,14,0)+IF('Standard Profiles'!$G$19=$B$24,21,0),0)),0)</f>
        <v>2.7076270911453455</v>
      </c>
      <c r="F5082" cm="1">
        <f t="array" ref="F5082">IFERROR(INDEX(Jesper!AJ$2:AJ$366,ROUNDDOWN($C5082/24,0)+1,1)*INDEX($D$3:$AA$30,INDEX(Jesper!$R$2:$R$366,ROW(INDEX(Jesper!AJ$2:AJ$366,ROUNDDOWN($C5082/24,0)+1,1))-1)+IF('Standard Profiles'!$G$20=$B$10,7,0)+IF('Standard Profiles'!$G$20=$B$17,14,0)+IF('Standard Profiles'!$G$20=$B$24,21,0),MOD($C5082,24)+1)/SUM(INDEX($D$3:$AA$30,INDEX(Jesper!$R$2:$R$366,ROW(INDEX(Jesper!AJ$2:AJ$366,ROUNDDOWN($C5082/24,0)+1,1))-1)+IF('Standard Profiles'!$G$20=$B$10,7,0)+IF('Standard Profiles'!$G$20=$B$17,14,0)+IF('Standard Profiles'!$G$20=$B$24,21,0),0)),0)</f>
        <v>1.0182081066318136</v>
      </c>
      <c r="G5082" cm="1">
        <f t="array" ref="G5082">IFERROR(INDEX(Jesper!AK$2:AK$366,ROUNDDOWN($C5082/24,0)+1,1)*INDEX($D$3:$AA$30,INDEX(Jesper!$R$2:$R$366,ROW(INDEX(Jesper!AK$2:AK$366,ROUNDDOWN($C5082/24,0)+1,1))-1)+IF('Standard Profiles'!$G$21=$B$10,7,0)+IF('Standard Profiles'!$G$21=$B$17,14,0)+IF('Standard Profiles'!$G$21=$B$24,21,0),MOD($C5082,24)+1)/SUM(INDEX($D$3:$AA$30,INDEX(Jesper!$R$2:$R$366,ROW(INDEX(Jesper!AK$2:AK$366,ROUNDDOWN($C5082/24,0)+1,1))-1)+IF('Standard Profiles'!$G$21=$B$10,7,0)+IF('Standard Profiles'!$G$21=$B$17,14,0)+IF('Standard Profiles'!$G$21=$B$24,21,0),0)),0)</f>
        <v>0.4769805303379423</v>
      </c>
      <c r="H5082" cm="1">
        <f t="array" ref="H5082">IFERROR(INDEX(Jesper!AL$2:AL$366,ROUNDDOWN($C5082/24,0)+1,1)*INDEX($D$3:$AA$30,INDEX(Jesper!$R$2:$R$366,ROW(INDEX(Jesper!AL$2:AL$366,ROUNDDOWN($C5082/24,0)+1,1))-1)+IF('Standard Profiles'!$G$22=$B$10,7,0)+IF('Standard Profiles'!$G$22=$B$17,14,0)+IF('Standard Profiles'!$G$22=$B$24,21,0),MOD($C5082,24)+1)/SUM(INDEX($D$3:$AA$30,INDEX(Jesper!$R$2:$R$366,ROW(INDEX(Jesper!AL$2:AL$366,ROUNDDOWN($C5082/24,0)+1,1))-1)+IF('Standard Profiles'!$G$22=$B$10,7,0)+IF('Standard Profiles'!$G$22=$B$17,14,0)+IF('Standard Profiles'!$G$22=$B$24,21,0),0)),0)</f>
        <v>0.15278386253558851</v>
      </c>
      <c r="I5082">
        <f t="shared" si="566"/>
        <v>0.14667250803416504</v>
      </c>
      <c r="J5082">
        <f t="shared" si="567"/>
        <v>3.8840118316790835</v>
      </c>
      <c r="K5082">
        <f t="shared" si="568"/>
        <v>0.21661016729162763</v>
      </c>
      <c r="L5082">
        <f t="shared" si="569"/>
        <v>0.10830508364581382</v>
      </c>
      <c r="M5082">
        <f t="shared" si="570"/>
        <v>0</v>
      </c>
      <c r="N5082" s="45">
        <f t="shared" si="571"/>
        <v>45137.33333332109</v>
      </c>
    </row>
    <row r="5083" spans="2:14" x14ac:dyDescent="0.25">
      <c r="B5083">
        <f t="shared" si="565"/>
        <v>7</v>
      </c>
      <c r="C5083" s="16">
        <v>5049</v>
      </c>
      <c r="D5083" cm="1">
        <f t="array" ref="D5083">IFERROR(INDEX(Jesper!AH$2:AH$366,ROUNDDOWN($C5083/24,0)+1,1)*INDEX($D$3:$AA$30,INDEX(Jesper!$R$2:$R$366,ROW(INDEX(Jesper!AH$2:AH$366,ROUNDDOWN($C5083/24,0)+1,1))-1)+IF('Standard Profiles'!$G$18=$B$10,7,0)+IF('Standard Profiles'!$G$18=$B$17,14,0)+IF('Standard Profiles'!$G$18=$B$24,21,0),MOD($C5083,24)+1)/SUM(INDEX($D$3:$AA$30,INDEX(Jesper!$R$2:$R$366,ROW(INDEX(Jesper!AH$2:AH$366,ROUNDDOWN($C5083/24,0)+1,1))-1)+IF('Standard Profiles'!$G$18=$B$10,7,0)+IF('Standard Profiles'!$G$18=$B$17,14,0)+IF('Standard Profiles'!$G$18=$B$24,21,0),0)),0)</f>
        <v>0</v>
      </c>
      <c r="E5083" cm="1">
        <f t="array" ref="E5083">IFERROR(INDEX(Jesper!AI$2:AI$366,ROUNDDOWN($C5083/24,0)+1,1)*INDEX($D$3:$AA$30,INDEX(Jesper!$R$2:$R$366,ROW(INDEX(Jesper!AI$2:AI$366,ROUNDDOWN($C5083/24,0)+1,1))-1)+IF('Standard Profiles'!$G$19=$B$10,7,0)+IF('Standard Profiles'!$G$19=$B$17,14,0)+IF('Standard Profiles'!$G$19=$B$24,21,0),MOD($C5083,24)+1)/SUM(INDEX($D$3:$AA$30,INDEX(Jesper!$R$2:$R$366,ROW(INDEX(Jesper!AI$2:AI$366,ROUNDDOWN($C5083/24,0)+1,1))-1)+IF('Standard Profiles'!$G$19=$B$10,7,0)+IF('Standard Profiles'!$G$19=$B$17,14,0)+IF('Standard Profiles'!$G$19=$B$24,21,0),0)),0)</f>
        <v>2.7076270911453455</v>
      </c>
      <c r="F5083" cm="1">
        <f t="array" ref="F5083">IFERROR(INDEX(Jesper!AJ$2:AJ$366,ROUNDDOWN($C5083/24,0)+1,1)*INDEX($D$3:$AA$30,INDEX(Jesper!$R$2:$R$366,ROW(INDEX(Jesper!AJ$2:AJ$366,ROUNDDOWN($C5083/24,0)+1,1))-1)+IF('Standard Profiles'!$G$20=$B$10,7,0)+IF('Standard Profiles'!$G$20=$B$17,14,0)+IF('Standard Profiles'!$G$20=$B$24,21,0),MOD($C5083,24)+1)/SUM(INDEX($D$3:$AA$30,INDEX(Jesper!$R$2:$R$366,ROW(INDEX(Jesper!AJ$2:AJ$366,ROUNDDOWN($C5083/24,0)+1,1))-1)+IF('Standard Profiles'!$G$20=$B$10,7,0)+IF('Standard Profiles'!$G$20=$B$17,14,0)+IF('Standard Profiles'!$G$20=$B$24,21,0),0)),0)</f>
        <v>1.0182081066318136</v>
      </c>
      <c r="G5083" cm="1">
        <f t="array" ref="G5083">IFERROR(INDEX(Jesper!AK$2:AK$366,ROUNDDOWN($C5083/24,0)+1,1)*INDEX($D$3:$AA$30,INDEX(Jesper!$R$2:$R$366,ROW(INDEX(Jesper!AK$2:AK$366,ROUNDDOWN($C5083/24,0)+1,1))-1)+IF('Standard Profiles'!$G$21=$B$10,7,0)+IF('Standard Profiles'!$G$21=$B$17,14,0)+IF('Standard Profiles'!$G$21=$B$24,21,0),MOD($C5083,24)+1)/SUM(INDEX($D$3:$AA$30,INDEX(Jesper!$R$2:$R$366,ROW(INDEX(Jesper!AK$2:AK$366,ROUNDDOWN($C5083/24,0)+1,1))-1)+IF('Standard Profiles'!$G$21=$B$10,7,0)+IF('Standard Profiles'!$G$21=$B$17,14,0)+IF('Standard Profiles'!$G$21=$B$24,21,0),0)),0)</f>
        <v>0.4769805303379423</v>
      </c>
      <c r="H5083" cm="1">
        <f t="array" ref="H5083">IFERROR(INDEX(Jesper!AL$2:AL$366,ROUNDDOWN($C5083/24,0)+1,1)*INDEX($D$3:$AA$30,INDEX(Jesper!$R$2:$R$366,ROW(INDEX(Jesper!AL$2:AL$366,ROUNDDOWN($C5083/24,0)+1,1))-1)+IF('Standard Profiles'!$G$22=$B$10,7,0)+IF('Standard Profiles'!$G$22=$B$17,14,0)+IF('Standard Profiles'!$G$22=$B$24,21,0),MOD($C5083,24)+1)/SUM(INDEX($D$3:$AA$30,INDEX(Jesper!$R$2:$R$366,ROW(INDEX(Jesper!AL$2:AL$366,ROUNDDOWN($C5083/24,0)+1,1))-1)+IF('Standard Profiles'!$G$22=$B$10,7,0)+IF('Standard Profiles'!$G$22=$B$17,14,0)+IF('Standard Profiles'!$G$22=$B$24,21,0),0)),0)</f>
        <v>0.15278386253558851</v>
      </c>
      <c r="I5083">
        <f t="shared" si="566"/>
        <v>0.14667250803416504</v>
      </c>
      <c r="J5083">
        <f t="shared" si="567"/>
        <v>3.8840118316790835</v>
      </c>
      <c r="K5083">
        <f t="shared" si="568"/>
        <v>0.21661016729162763</v>
      </c>
      <c r="L5083">
        <f t="shared" si="569"/>
        <v>0.10830508364581382</v>
      </c>
      <c r="M5083">
        <f t="shared" si="570"/>
        <v>0</v>
      </c>
      <c r="N5083" s="45">
        <f t="shared" si="571"/>
        <v>45137.374999987755</v>
      </c>
    </row>
    <row r="5084" spans="2:14" x14ac:dyDescent="0.25">
      <c r="B5084">
        <f t="shared" si="565"/>
        <v>7</v>
      </c>
      <c r="C5084" s="16">
        <v>5050</v>
      </c>
      <c r="D5084" cm="1">
        <f t="array" ref="D5084">IFERROR(INDEX(Jesper!AH$2:AH$366,ROUNDDOWN($C5084/24,0)+1,1)*INDEX($D$3:$AA$30,INDEX(Jesper!$R$2:$R$366,ROW(INDEX(Jesper!AH$2:AH$366,ROUNDDOWN($C5084/24,0)+1,1))-1)+IF('Standard Profiles'!$G$18=$B$10,7,0)+IF('Standard Profiles'!$G$18=$B$17,14,0)+IF('Standard Profiles'!$G$18=$B$24,21,0),MOD($C5084,24)+1)/SUM(INDEX($D$3:$AA$30,INDEX(Jesper!$R$2:$R$366,ROW(INDEX(Jesper!AH$2:AH$366,ROUNDDOWN($C5084/24,0)+1,1))-1)+IF('Standard Profiles'!$G$18=$B$10,7,0)+IF('Standard Profiles'!$G$18=$B$17,14,0)+IF('Standard Profiles'!$G$18=$B$24,21,0),0)),0)</f>
        <v>0</v>
      </c>
      <c r="E5084" cm="1">
        <f t="array" ref="E5084">IFERROR(INDEX(Jesper!AI$2:AI$366,ROUNDDOWN($C5084/24,0)+1,1)*INDEX($D$3:$AA$30,INDEX(Jesper!$R$2:$R$366,ROW(INDEX(Jesper!AI$2:AI$366,ROUNDDOWN($C5084/24,0)+1,1))-1)+IF('Standard Profiles'!$G$19=$B$10,7,0)+IF('Standard Profiles'!$G$19=$B$17,14,0)+IF('Standard Profiles'!$G$19=$B$24,21,0),MOD($C5084,24)+1)/SUM(INDEX($D$3:$AA$30,INDEX(Jesper!$R$2:$R$366,ROW(INDEX(Jesper!AI$2:AI$366,ROUNDDOWN($C5084/24,0)+1,1))-1)+IF('Standard Profiles'!$G$19=$B$10,7,0)+IF('Standard Profiles'!$G$19=$B$17,14,0)+IF('Standard Profiles'!$G$19=$B$24,21,0),0)),0)</f>
        <v>2.7076270911453455</v>
      </c>
      <c r="F5084" cm="1">
        <f t="array" ref="F5084">IFERROR(INDEX(Jesper!AJ$2:AJ$366,ROUNDDOWN($C5084/24,0)+1,1)*INDEX($D$3:$AA$30,INDEX(Jesper!$R$2:$R$366,ROW(INDEX(Jesper!AJ$2:AJ$366,ROUNDDOWN($C5084/24,0)+1,1))-1)+IF('Standard Profiles'!$G$20=$B$10,7,0)+IF('Standard Profiles'!$G$20=$B$17,14,0)+IF('Standard Profiles'!$G$20=$B$24,21,0),MOD($C5084,24)+1)/SUM(INDEX($D$3:$AA$30,INDEX(Jesper!$R$2:$R$366,ROW(INDEX(Jesper!AJ$2:AJ$366,ROUNDDOWN($C5084/24,0)+1,1))-1)+IF('Standard Profiles'!$G$20=$B$10,7,0)+IF('Standard Profiles'!$G$20=$B$17,14,0)+IF('Standard Profiles'!$G$20=$B$24,21,0),0)),0)</f>
        <v>1.0182081066318136</v>
      </c>
      <c r="G5084" cm="1">
        <f t="array" ref="G5084">IFERROR(INDEX(Jesper!AK$2:AK$366,ROUNDDOWN($C5084/24,0)+1,1)*INDEX($D$3:$AA$30,INDEX(Jesper!$R$2:$R$366,ROW(INDEX(Jesper!AK$2:AK$366,ROUNDDOWN($C5084/24,0)+1,1))-1)+IF('Standard Profiles'!$G$21=$B$10,7,0)+IF('Standard Profiles'!$G$21=$B$17,14,0)+IF('Standard Profiles'!$G$21=$B$24,21,0),MOD($C5084,24)+1)/SUM(INDEX($D$3:$AA$30,INDEX(Jesper!$R$2:$R$366,ROW(INDEX(Jesper!AK$2:AK$366,ROUNDDOWN($C5084/24,0)+1,1))-1)+IF('Standard Profiles'!$G$21=$B$10,7,0)+IF('Standard Profiles'!$G$21=$B$17,14,0)+IF('Standard Profiles'!$G$21=$B$24,21,0),0)),0)</f>
        <v>0.4769805303379423</v>
      </c>
      <c r="H5084" cm="1">
        <f t="array" ref="H5084">IFERROR(INDEX(Jesper!AL$2:AL$366,ROUNDDOWN($C5084/24,0)+1,1)*INDEX($D$3:$AA$30,INDEX(Jesper!$R$2:$R$366,ROW(INDEX(Jesper!AL$2:AL$366,ROUNDDOWN($C5084/24,0)+1,1))-1)+IF('Standard Profiles'!$G$22=$B$10,7,0)+IF('Standard Profiles'!$G$22=$B$17,14,0)+IF('Standard Profiles'!$G$22=$B$24,21,0),MOD($C5084,24)+1)/SUM(INDEX($D$3:$AA$30,INDEX(Jesper!$R$2:$R$366,ROW(INDEX(Jesper!AL$2:AL$366,ROUNDDOWN($C5084/24,0)+1,1))-1)+IF('Standard Profiles'!$G$22=$B$10,7,0)+IF('Standard Profiles'!$G$22=$B$17,14,0)+IF('Standard Profiles'!$G$22=$B$24,21,0),0)),0)</f>
        <v>0.15278386253558851</v>
      </c>
      <c r="I5084">
        <f t="shared" si="566"/>
        <v>0.14667250803416504</v>
      </c>
      <c r="J5084">
        <f t="shared" si="567"/>
        <v>3.8840118316790835</v>
      </c>
      <c r="K5084">
        <f t="shared" si="568"/>
        <v>0.21661016729162763</v>
      </c>
      <c r="L5084">
        <f t="shared" si="569"/>
        <v>0.10830508364581382</v>
      </c>
      <c r="M5084">
        <f t="shared" si="570"/>
        <v>0</v>
      </c>
      <c r="N5084" s="45">
        <f t="shared" si="571"/>
        <v>45137.416666654419</v>
      </c>
    </row>
    <row r="5085" spans="2:14" x14ac:dyDescent="0.25">
      <c r="B5085">
        <f t="shared" si="565"/>
        <v>7</v>
      </c>
      <c r="C5085" s="16">
        <v>5051</v>
      </c>
      <c r="D5085" cm="1">
        <f t="array" ref="D5085">IFERROR(INDEX(Jesper!AH$2:AH$366,ROUNDDOWN($C5085/24,0)+1,1)*INDEX($D$3:$AA$30,INDEX(Jesper!$R$2:$R$366,ROW(INDEX(Jesper!AH$2:AH$366,ROUNDDOWN($C5085/24,0)+1,1))-1)+IF('Standard Profiles'!$G$18=$B$10,7,0)+IF('Standard Profiles'!$G$18=$B$17,14,0)+IF('Standard Profiles'!$G$18=$B$24,21,0),MOD($C5085,24)+1)/SUM(INDEX($D$3:$AA$30,INDEX(Jesper!$R$2:$R$366,ROW(INDEX(Jesper!AH$2:AH$366,ROUNDDOWN($C5085/24,0)+1,1))-1)+IF('Standard Profiles'!$G$18=$B$10,7,0)+IF('Standard Profiles'!$G$18=$B$17,14,0)+IF('Standard Profiles'!$G$18=$B$24,21,0),0)),0)</f>
        <v>0</v>
      </c>
      <c r="E5085" cm="1">
        <f t="array" ref="E5085">IFERROR(INDEX(Jesper!AI$2:AI$366,ROUNDDOWN($C5085/24,0)+1,1)*INDEX($D$3:$AA$30,INDEX(Jesper!$R$2:$R$366,ROW(INDEX(Jesper!AI$2:AI$366,ROUNDDOWN($C5085/24,0)+1,1))-1)+IF('Standard Profiles'!$G$19=$B$10,7,0)+IF('Standard Profiles'!$G$19=$B$17,14,0)+IF('Standard Profiles'!$G$19=$B$24,21,0),MOD($C5085,24)+1)/SUM(INDEX($D$3:$AA$30,INDEX(Jesper!$R$2:$R$366,ROW(INDEX(Jesper!AI$2:AI$366,ROUNDDOWN($C5085/24,0)+1,1))-1)+IF('Standard Profiles'!$G$19=$B$10,7,0)+IF('Standard Profiles'!$G$19=$B$17,14,0)+IF('Standard Profiles'!$G$19=$B$24,21,0),0)),0)</f>
        <v>2.7076270911453455</v>
      </c>
      <c r="F5085" cm="1">
        <f t="array" ref="F5085">IFERROR(INDEX(Jesper!AJ$2:AJ$366,ROUNDDOWN($C5085/24,0)+1,1)*INDEX($D$3:$AA$30,INDEX(Jesper!$R$2:$R$366,ROW(INDEX(Jesper!AJ$2:AJ$366,ROUNDDOWN($C5085/24,0)+1,1))-1)+IF('Standard Profiles'!$G$20=$B$10,7,0)+IF('Standard Profiles'!$G$20=$B$17,14,0)+IF('Standard Profiles'!$G$20=$B$24,21,0),MOD($C5085,24)+1)/SUM(INDEX($D$3:$AA$30,INDEX(Jesper!$R$2:$R$366,ROW(INDEX(Jesper!AJ$2:AJ$366,ROUNDDOWN($C5085/24,0)+1,1))-1)+IF('Standard Profiles'!$G$20=$B$10,7,0)+IF('Standard Profiles'!$G$20=$B$17,14,0)+IF('Standard Profiles'!$G$20=$B$24,21,0),0)),0)</f>
        <v>1.0182081066318136</v>
      </c>
      <c r="G5085" cm="1">
        <f t="array" ref="G5085">IFERROR(INDEX(Jesper!AK$2:AK$366,ROUNDDOWN($C5085/24,0)+1,1)*INDEX($D$3:$AA$30,INDEX(Jesper!$R$2:$R$366,ROW(INDEX(Jesper!AK$2:AK$366,ROUNDDOWN($C5085/24,0)+1,1))-1)+IF('Standard Profiles'!$G$21=$B$10,7,0)+IF('Standard Profiles'!$G$21=$B$17,14,0)+IF('Standard Profiles'!$G$21=$B$24,21,0),MOD($C5085,24)+1)/SUM(INDEX($D$3:$AA$30,INDEX(Jesper!$R$2:$R$366,ROW(INDEX(Jesper!AK$2:AK$366,ROUNDDOWN($C5085/24,0)+1,1))-1)+IF('Standard Profiles'!$G$21=$B$10,7,0)+IF('Standard Profiles'!$G$21=$B$17,14,0)+IF('Standard Profiles'!$G$21=$B$24,21,0),0)),0)</f>
        <v>0.4769805303379423</v>
      </c>
      <c r="H5085" cm="1">
        <f t="array" ref="H5085">IFERROR(INDEX(Jesper!AL$2:AL$366,ROUNDDOWN($C5085/24,0)+1,1)*INDEX($D$3:$AA$30,INDEX(Jesper!$R$2:$R$366,ROW(INDEX(Jesper!AL$2:AL$366,ROUNDDOWN($C5085/24,0)+1,1))-1)+IF('Standard Profiles'!$G$22=$B$10,7,0)+IF('Standard Profiles'!$G$22=$B$17,14,0)+IF('Standard Profiles'!$G$22=$B$24,21,0),MOD($C5085,24)+1)/SUM(INDEX($D$3:$AA$30,INDEX(Jesper!$R$2:$R$366,ROW(INDEX(Jesper!AL$2:AL$366,ROUNDDOWN($C5085/24,0)+1,1))-1)+IF('Standard Profiles'!$G$22=$B$10,7,0)+IF('Standard Profiles'!$G$22=$B$17,14,0)+IF('Standard Profiles'!$G$22=$B$24,21,0),0)),0)</f>
        <v>0.15278386253558851</v>
      </c>
      <c r="I5085">
        <f t="shared" si="566"/>
        <v>0.14667250803416504</v>
      </c>
      <c r="J5085">
        <f t="shared" si="567"/>
        <v>3.8840118316790835</v>
      </c>
      <c r="K5085">
        <f t="shared" si="568"/>
        <v>0.21661016729162763</v>
      </c>
      <c r="L5085">
        <f t="shared" si="569"/>
        <v>0.10830508364581382</v>
      </c>
      <c r="M5085">
        <f t="shared" si="570"/>
        <v>0</v>
      </c>
      <c r="N5085" s="45">
        <f t="shared" si="571"/>
        <v>45137.458333321083</v>
      </c>
    </row>
    <row r="5086" spans="2:14" x14ac:dyDescent="0.25">
      <c r="B5086">
        <f t="shared" si="565"/>
        <v>7</v>
      </c>
      <c r="C5086" s="16">
        <v>5052</v>
      </c>
      <c r="D5086" cm="1">
        <f t="array" ref="D5086">IFERROR(INDEX(Jesper!AH$2:AH$366,ROUNDDOWN($C5086/24,0)+1,1)*INDEX($D$3:$AA$30,INDEX(Jesper!$R$2:$R$366,ROW(INDEX(Jesper!AH$2:AH$366,ROUNDDOWN($C5086/24,0)+1,1))-1)+IF('Standard Profiles'!$G$18=$B$10,7,0)+IF('Standard Profiles'!$G$18=$B$17,14,0)+IF('Standard Profiles'!$G$18=$B$24,21,0),MOD($C5086,24)+1)/SUM(INDEX($D$3:$AA$30,INDEX(Jesper!$R$2:$R$366,ROW(INDEX(Jesper!AH$2:AH$366,ROUNDDOWN($C5086/24,0)+1,1))-1)+IF('Standard Profiles'!$G$18=$B$10,7,0)+IF('Standard Profiles'!$G$18=$B$17,14,0)+IF('Standard Profiles'!$G$18=$B$24,21,0),0)),0)</f>
        <v>0</v>
      </c>
      <c r="E5086" cm="1">
        <f t="array" ref="E5086">IFERROR(INDEX(Jesper!AI$2:AI$366,ROUNDDOWN($C5086/24,0)+1,1)*INDEX($D$3:$AA$30,INDEX(Jesper!$R$2:$R$366,ROW(INDEX(Jesper!AI$2:AI$366,ROUNDDOWN($C5086/24,0)+1,1))-1)+IF('Standard Profiles'!$G$19=$B$10,7,0)+IF('Standard Profiles'!$G$19=$B$17,14,0)+IF('Standard Profiles'!$G$19=$B$24,21,0),MOD($C5086,24)+1)/SUM(INDEX($D$3:$AA$30,INDEX(Jesper!$R$2:$R$366,ROW(INDEX(Jesper!AI$2:AI$366,ROUNDDOWN($C5086/24,0)+1,1))-1)+IF('Standard Profiles'!$G$19=$B$10,7,0)+IF('Standard Profiles'!$G$19=$B$17,14,0)+IF('Standard Profiles'!$G$19=$B$24,21,0),0)),0)</f>
        <v>2.7076270911453455</v>
      </c>
      <c r="F5086" cm="1">
        <f t="array" ref="F5086">IFERROR(INDEX(Jesper!AJ$2:AJ$366,ROUNDDOWN($C5086/24,0)+1,1)*INDEX($D$3:$AA$30,INDEX(Jesper!$R$2:$R$366,ROW(INDEX(Jesper!AJ$2:AJ$366,ROUNDDOWN($C5086/24,0)+1,1))-1)+IF('Standard Profiles'!$G$20=$B$10,7,0)+IF('Standard Profiles'!$G$20=$B$17,14,0)+IF('Standard Profiles'!$G$20=$B$24,21,0),MOD($C5086,24)+1)/SUM(INDEX($D$3:$AA$30,INDEX(Jesper!$R$2:$R$366,ROW(INDEX(Jesper!AJ$2:AJ$366,ROUNDDOWN($C5086/24,0)+1,1))-1)+IF('Standard Profiles'!$G$20=$B$10,7,0)+IF('Standard Profiles'!$G$20=$B$17,14,0)+IF('Standard Profiles'!$G$20=$B$24,21,0),0)),0)</f>
        <v>1.0182081066318136</v>
      </c>
      <c r="G5086" cm="1">
        <f t="array" ref="G5086">IFERROR(INDEX(Jesper!AK$2:AK$366,ROUNDDOWN($C5086/24,0)+1,1)*INDEX($D$3:$AA$30,INDEX(Jesper!$R$2:$R$366,ROW(INDEX(Jesper!AK$2:AK$366,ROUNDDOWN($C5086/24,0)+1,1))-1)+IF('Standard Profiles'!$G$21=$B$10,7,0)+IF('Standard Profiles'!$G$21=$B$17,14,0)+IF('Standard Profiles'!$G$21=$B$24,21,0),MOD($C5086,24)+1)/SUM(INDEX($D$3:$AA$30,INDEX(Jesper!$R$2:$R$366,ROW(INDEX(Jesper!AK$2:AK$366,ROUNDDOWN($C5086/24,0)+1,1))-1)+IF('Standard Profiles'!$G$21=$B$10,7,0)+IF('Standard Profiles'!$G$21=$B$17,14,0)+IF('Standard Profiles'!$G$21=$B$24,21,0),0)),0)</f>
        <v>0.4769805303379423</v>
      </c>
      <c r="H5086" cm="1">
        <f t="array" ref="H5086">IFERROR(INDEX(Jesper!AL$2:AL$366,ROUNDDOWN($C5086/24,0)+1,1)*INDEX($D$3:$AA$30,INDEX(Jesper!$R$2:$R$366,ROW(INDEX(Jesper!AL$2:AL$366,ROUNDDOWN($C5086/24,0)+1,1))-1)+IF('Standard Profiles'!$G$22=$B$10,7,0)+IF('Standard Profiles'!$G$22=$B$17,14,0)+IF('Standard Profiles'!$G$22=$B$24,21,0),MOD($C5086,24)+1)/SUM(INDEX($D$3:$AA$30,INDEX(Jesper!$R$2:$R$366,ROW(INDEX(Jesper!AL$2:AL$366,ROUNDDOWN($C5086/24,0)+1,1))-1)+IF('Standard Profiles'!$G$22=$B$10,7,0)+IF('Standard Profiles'!$G$22=$B$17,14,0)+IF('Standard Profiles'!$G$22=$B$24,21,0),0)),0)</f>
        <v>0.15278386253558851</v>
      </c>
      <c r="I5086">
        <f t="shared" si="566"/>
        <v>0.14667250803416504</v>
      </c>
      <c r="J5086">
        <f t="shared" si="567"/>
        <v>3.8840118316790835</v>
      </c>
      <c r="K5086">
        <f t="shared" si="568"/>
        <v>0.21661016729162763</v>
      </c>
      <c r="L5086">
        <f t="shared" si="569"/>
        <v>0.10830508364581382</v>
      </c>
      <c r="M5086">
        <f t="shared" si="570"/>
        <v>0</v>
      </c>
      <c r="N5086" s="45">
        <f t="shared" si="571"/>
        <v>45137.499999987747</v>
      </c>
    </row>
    <row r="5087" spans="2:14" x14ac:dyDescent="0.25">
      <c r="B5087">
        <f t="shared" si="565"/>
        <v>7</v>
      </c>
      <c r="C5087" s="16">
        <v>5053</v>
      </c>
      <c r="D5087" cm="1">
        <f t="array" ref="D5087">IFERROR(INDEX(Jesper!AH$2:AH$366,ROUNDDOWN($C5087/24,0)+1,1)*INDEX($D$3:$AA$30,INDEX(Jesper!$R$2:$R$366,ROW(INDEX(Jesper!AH$2:AH$366,ROUNDDOWN($C5087/24,0)+1,1))-1)+IF('Standard Profiles'!$G$18=$B$10,7,0)+IF('Standard Profiles'!$G$18=$B$17,14,0)+IF('Standard Profiles'!$G$18=$B$24,21,0),MOD($C5087,24)+1)/SUM(INDEX($D$3:$AA$30,INDEX(Jesper!$R$2:$R$366,ROW(INDEX(Jesper!AH$2:AH$366,ROUNDDOWN($C5087/24,0)+1,1))-1)+IF('Standard Profiles'!$G$18=$B$10,7,0)+IF('Standard Profiles'!$G$18=$B$17,14,0)+IF('Standard Profiles'!$G$18=$B$24,21,0),0)),0)</f>
        <v>0</v>
      </c>
      <c r="E5087" cm="1">
        <f t="array" ref="E5087">IFERROR(INDEX(Jesper!AI$2:AI$366,ROUNDDOWN($C5087/24,0)+1,1)*INDEX($D$3:$AA$30,INDEX(Jesper!$R$2:$R$366,ROW(INDEX(Jesper!AI$2:AI$366,ROUNDDOWN($C5087/24,0)+1,1))-1)+IF('Standard Profiles'!$G$19=$B$10,7,0)+IF('Standard Profiles'!$G$19=$B$17,14,0)+IF('Standard Profiles'!$G$19=$B$24,21,0),MOD($C5087,24)+1)/SUM(INDEX($D$3:$AA$30,INDEX(Jesper!$R$2:$R$366,ROW(INDEX(Jesper!AI$2:AI$366,ROUNDDOWN($C5087/24,0)+1,1))-1)+IF('Standard Profiles'!$G$19=$B$10,7,0)+IF('Standard Profiles'!$G$19=$B$17,14,0)+IF('Standard Profiles'!$G$19=$B$24,21,0),0)),0)</f>
        <v>2.7076270911453455</v>
      </c>
      <c r="F5087" cm="1">
        <f t="array" ref="F5087">IFERROR(INDEX(Jesper!AJ$2:AJ$366,ROUNDDOWN($C5087/24,0)+1,1)*INDEX($D$3:$AA$30,INDEX(Jesper!$R$2:$R$366,ROW(INDEX(Jesper!AJ$2:AJ$366,ROUNDDOWN($C5087/24,0)+1,1))-1)+IF('Standard Profiles'!$G$20=$B$10,7,0)+IF('Standard Profiles'!$G$20=$B$17,14,0)+IF('Standard Profiles'!$G$20=$B$24,21,0),MOD($C5087,24)+1)/SUM(INDEX($D$3:$AA$30,INDEX(Jesper!$R$2:$R$366,ROW(INDEX(Jesper!AJ$2:AJ$366,ROUNDDOWN($C5087/24,0)+1,1))-1)+IF('Standard Profiles'!$G$20=$B$10,7,0)+IF('Standard Profiles'!$G$20=$B$17,14,0)+IF('Standard Profiles'!$G$20=$B$24,21,0),0)),0)</f>
        <v>1.0182081066318136</v>
      </c>
      <c r="G5087" cm="1">
        <f t="array" ref="G5087">IFERROR(INDEX(Jesper!AK$2:AK$366,ROUNDDOWN($C5087/24,0)+1,1)*INDEX($D$3:$AA$30,INDEX(Jesper!$R$2:$R$366,ROW(INDEX(Jesper!AK$2:AK$366,ROUNDDOWN($C5087/24,0)+1,1))-1)+IF('Standard Profiles'!$G$21=$B$10,7,0)+IF('Standard Profiles'!$G$21=$B$17,14,0)+IF('Standard Profiles'!$G$21=$B$24,21,0),MOD($C5087,24)+1)/SUM(INDEX($D$3:$AA$30,INDEX(Jesper!$R$2:$R$366,ROW(INDEX(Jesper!AK$2:AK$366,ROUNDDOWN($C5087/24,0)+1,1))-1)+IF('Standard Profiles'!$G$21=$B$10,7,0)+IF('Standard Profiles'!$G$21=$B$17,14,0)+IF('Standard Profiles'!$G$21=$B$24,21,0),0)),0)</f>
        <v>0.4769805303379423</v>
      </c>
      <c r="H5087" cm="1">
        <f t="array" ref="H5087">IFERROR(INDEX(Jesper!AL$2:AL$366,ROUNDDOWN($C5087/24,0)+1,1)*INDEX($D$3:$AA$30,INDEX(Jesper!$R$2:$R$366,ROW(INDEX(Jesper!AL$2:AL$366,ROUNDDOWN($C5087/24,0)+1,1))-1)+IF('Standard Profiles'!$G$22=$B$10,7,0)+IF('Standard Profiles'!$G$22=$B$17,14,0)+IF('Standard Profiles'!$G$22=$B$24,21,0),MOD($C5087,24)+1)/SUM(INDEX($D$3:$AA$30,INDEX(Jesper!$R$2:$R$366,ROW(INDEX(Jesper!AL$2:AL$366,ROUNDDOWN($C5087/24,0)+1,1))-1)+IF('Standard Profiles'!$G$22=$B$10,7,0)+IF('Standard Profiles'!$G$22=$B$17,14,0)+IF('Standard Profiles'!$G$22=$B$24,21,0),0)),0)</f>
        <v>0.15278386253558851</v>
      </c>
      <c r="I5087">
        <f t="shared" si="566"/>
        <v>0.14667250803416504</v>
      </c>
      <c r="J5087">
        <f t="shared" si="567"/>
        <v>3.8840118316790835</v>
      </c>
      <c r="K5087">
        <f t="shared" si="568"/>
        <v>0.21661016729162763</v>
      </c>
      <c r="L5087">
        <f t="shared" si="569"/>
        <v>0.10830508364581382</v>
      </c>
      <c r="M5087">
        <f t="shared" si="570"/>
        <v>0</v>
      </c>
      <c r="N5087" s="45">
        <f t="shared" si="571"/>
        <v>45137.541666654412</v>
      </c>
    </row>
    <row r="5088" spans="2:14" x14ac:dyDescent="0.25">
      <c r="B5088">
        <f t="shared" si="565"/>
        <v>7</v>
      </c>
      <c r="C5088" s="16">
        <v>5054</v>
      </c>
      <c r="D5088" cm="1">
        <f t="array" ref="D5088">IFERROR(INDEX(Jesper!AH$2:AH$366,ROUNDDOWN($C5088/24,0)+1,1)*INDEX($D$3:$AA$30,INDEX(Jesper!$R$2:$R$366,ROW(INDEX(Jesper!AH$2:AH$366,ROUNDDOWN($C5088/24,0)+1,1))-1)+IF('Standard Profiles'!$G$18=$B$10,7,0)+IF('Standard Profiles'!$G$18=$B$17,14,0)+IF('Standard Profiles'!$G$18=$B$24,21,0),MOD($C5088,24)+1)/SUM(INDEX($D$3:$AA$30,INDEX(Jesper!$R$2:$R$366,ROW(INDEX(Jesper!AH$2:AH$366,ROUNDDOWN($C5088/24,0)+1,1))-1)+IF('Standard Profiles'!$G$18=$B$10,7,0)+IF('Standard Profiles'!$G$18=$B$17,14,0)+IF('Standard Profiles'!$G$18=$B$24,21,0),0)),0)</f>
        <v>0</v>
      </c>
      <c r="E5088" cm="1">
        <f t="array" ref="E5088">IFERROR(INDEX(Jesper!AI$2:AI$366,ROUNDDOWN($C5088/24,0)+1,1)*INDEX($D$3:$AA$30,INDEX(Jesper!$R$2:$R$366,ROW(INDEX(Jesper!AI$2:AI$366,ROUNDDOWN($C5088/24,0)+1,1))-1)+IF('Standard Profiles'!$G$19=$B$10,7,0)+IF('Standard Profiles'!$G$19=$B$17,14,0)+IF('Standard Profiles'!$G$19=$B$24,21,0),MOD($C5088,24)+1)/SUM(INDEX($D$3:$AA$30,INDEX(Jesper!$R$2:$R$366,ROW(INDEX(Jesper!AI$2:AI$366,ROUNDDOWN($C5088/24,0)+1,1))-1)+IF('Standard Profiles'!$G$19=$B$10,7,0)+IF('Standard Profiles'!$G$19=$B$17,14,0)+IF('Standard Profiles'!$G$19=$B$24,21,0),0)),0)</f>
        <v>2.7076270911453455</v>
      </c>
      <c r="F5088" cm="1">
        <f t="array" ref="F5088">IFERROR(INDEX(Jesper!AJ$2:AJ$366,ROUNDDOWN($C5088/24,0)+1,1)*INDEX($D$3:$AA$30,INDEX(Jesper!$R$2:$R$366,ROW(INDEX(Jesper!AJ$2:AJ$366,ROUNDDOWN($C5088/24,0)+1,1))-1)+IF('Standard Profiles'!$G$20=$B$10,7,0)+IF('Standard Profiles'!$G$20=$B$17,14,0)+IF('Standard Profiles'!$G$20=$B$24,21,0),MOD($C5088,24)+1)/SUM(INDEX($D$3:$AA$30,INDEX(Jesper!$R$2:$R$366,ROW(INDEX(Jesper!AJ$2:AJ$366,ROUNDDOWN($C5088/24,0)+1,1))-1)+IF('Standard Profiles'!$G$20=$B$10,7,0)+IF('Standard Profiles'!$G$20=$B$17,14,0)+IF('Standard Profiles'!$G$20=$B$24,21,0),0)),0)</f>
        <v>1.0182081066318136</v>
      </c>
      <c r="G5088" cm="1">
        <f t="array" ref="G5088">IFERROR(INDEX(Jesper!AK$2:AK$366,ROUNDDOWN($C5088/24,0)+1,1)*INDEX($D$3:$AA$30,INDEX(Jesper!$R$2:$R$366,ROW(INDEX(Jesper!AK$2:AK$366,ROUNDDOWN($C5088/24,0)+1,1))-1)+IF('Standard Profiles'!$G$21=$B$10,7,0)+IF('Standard Profiles'!$G$21=$B$17,14,0)+IF('Standard Profiles'!$G$21=$B$24,21,0),MOD($C5088,24)+1)/SUM(INDEX($D$3:$AA$30,INDEX(Jesper!$R$2:$R$366,ROW(INDEX(Jesper!AK$2:AK$366,ROUNDDOWN($C5088/24,0)+1,1))-1)+IF('Standard Profiles'!$G$21=$B$10,7,0)+IF('Standard Profiles'!$G$21=$B$17,14,0)+IF('Standard Profiles'!$G$21=$B$24,21,0),0)),0)</f>
        <v>0.4769805303379423</v>
      </c>
      <c r="H5088" cm="1">
        <f t="array" ref="H5088">IFERROR(INDEX(Jesper!AL$2:AL$366,ROUNDDOWN($C5088/24,0)+1,1)*INDEX($D$3:$AA$30,INDEX(Jesper!$R$2:$R$366,ROW(INDEX(Jesper!AL$2:AL$366,ROUNDDOWN($C5088/24,0)+1,1))-1)+IF('Standard Profiles'!$G$22=$B$10,7,0)+IF('Standard Profiles'!$G$22=$B$17,14,0)+IF('Standard Profiles'!$G$22=$B$24,21,0),MOD($C5088,24)+1)/SUM(INDEX($D$3:$AA$30,INDEX(Jesper!$R$2:$R$366,ROW(INDEX(Jesper!AL$2:AL$366,ROUNDDOWN($C5088/24,0)+1,1))-1)+IF('Standard Profiles'!$G$22=$B$10,7,0)+IF('Standard Profiles'!$G$22=$B$17,14,0)+IF('Standard Profiles'!$G$22=$B$24,21,0),0)),0)</f>
        <v>0.15278386253558851</v>
      </c>
      <c r="I5088">
        <f t="shared" si="566"/>
        <v>0.14667250803416504</v>
      </c>
      <c r="J5088">
        <f t="shared" si="567"/>
        <v>3.8840118316790835</v>
      </c>
      <c r="K5088">
        <f t="shared" si="568"/>
        <v>0.21661016729162763</v>
      </c>
      <c r="L5088">
        <f t="shared" si="569"/>
        <v>0.10830508364581382</v>
      </c>
      <c r="M5088">
        <f t="shared" si="570"/>
        <v>0</v>
      </c>
      <c r="N5088" s="45">
        <f t="shared" si="571"/>
        <v>45137.583333321076</v>
      </c>
    </row>
    <row r="5089" spans="2:14" x14ac:dyDescent="0.25">
      <c r="B5089">
        <f t="shared" si="565"/>
        <v>7</v>
      </c>
      <c r="C5089" s="16">
        <v>5055</v>
      </c>
      <c r="D5089" cm="1">
        <f t="array" ref="D5089">IFERROR(INDEX(Jesper!AH$2:AH$366,ROUNDDOWN($C5089/24,0)+1,1)*INDEX($D$3:$AA$30,INDEX(Jesper!$R$2:$R$366,ROW(INDEX(Jesper!AH$2:AH$366,ROUNDDOWN($C5089/24,0)+1,1))-1)+IF('Standard Profiles'!$G$18=$B$10,7,0)+IF('Standard Profiles'!$G$18=$B$17,14,0)+IF('Standard Profiles'!$G$18=$B$24,21,0),MOD($C5089,24)+1)/SUM(INDEX($D$3:$AA$30,INDEX(Jesper!$R$2:$R$366,ROW(INDEX(Jesper!AH$2:AH$366,ROUNDDOWN($C5089/24,0)+1,1))-1)+IF('Standard Profiles'!$G$18=$B$10,7,0)+IF('Standard Profiles'!$G$18=$B$17,14,0)+IF('Standard Profiles'!$G$18=$B$24,21,0),0)),0)</f>
        <v>0</v>
      </c>
      <c r="E5089" cm="1">
        <f t="array" ref="E5089">IFERROR(INDEX(Jesper!AI$2:AI$366,ROUNDDOWN($C5089/24,0)+1,1)*INDEX($D$3:$AA$30,INDEX(Jesper!$R$2:$R$366,ROW(INDEX(Jesper!AI$2:AI$366,ROUNDDOWN($C5089/24,0)+1,1))-1)+IF('Standard Profiles'!$G$19=$B$10,7,0)+IF('Standard Profiles'!$G$19=$B$17,14,0)+IF('Standard Profiles'!$G$19=$B$24,21,0),MOD($C5089,24)+1)/SUM(INDEX($D$3:$AA$30,INDEX(Jesper!$R$2:$R$366,ROW(INDEX(Jesper!AI$2:AI$366,ROUNDDOWN($C5089/24,0)+1,1))-1)+IF('Standard Profiles'!$G$19=$B$10,7,0)+IF('Standard Profiles'!$G$19=$B$17,14,0)+IF('Standard Profiles'!$G$19=$B$24,21,0),0)),0)</f>
        <v>2.7076270911453455</v>
      </c>
      <c r="F5089" cm="1">
        <f t="array" ref="F5089">IFERROR(INDEX(Jesper!AJ$2:AJ$366,ROUNDDOWN($C5089/24,0)+1,1)*INDEX($D$3:$AA$30,INDEX(Jesper!$R$2:$R$366,ROW(INDEX(Jesper!AJ$2:AJ$366,ROUNDDOWN($C5089/24,0)+1,1))-1)+IF('Standard Profiles'!$G$20=$B$10,7,0)+IF('Standard Profiles'!$G$20=$B$17,14,0)+IF('Standard Profiles'!$G$20=$B$24,21,0),MOD($C5089,24)+1)/SUM(INDEX($D$3:$AA$30,INDEX(Jesper!$R$2:$R$366,ROW(INDEX(Jesper!AJ$2:AJ$366,ROUNDDOWN($C5089/24,0)+1,1))-1)+IF('Standard Profiles'!$G$20=$B$10,7,0)+IF('Standard Profiles'!$G$20=$B$17,14,0)+IF('Standard Profiles'!$G$20=$B$24,21,0),0)),0)</f>
        <v>1.0182081066318136</v>
      </c>
      <c r="G5089" cm="1">
        <f t="array" ref="G5089">IFERROR(INDEX(Jesper!AK$2:AK$366,ROUNDDOWN($C5089/24,0)+1,1)*INDEX($D$3:$AA$30,INDEX(Jesper!$R$2:$R$366,ROW(INDEX(Jesper!AK$2:AK$366,ROUNDDOWN($C5089/24,0)+1,1))-1)+IF('Standard Profiles'!$G$21=$B$10,7,0)+IF('Standard Profiles'!$G$21=$B$17,14,0)+IF('Standard Profiles'!$G$21=$B$24,21,0),MOD($C5089,24)+1)/SUM(INDEX($D$3:$AA$30,INDEX(Jesper!$R$2:$R$366,ROW(INDEX(Jesper!AK$2:AK$366,ROUNDDOWN($C5089/24,0)+1,1))-1)+IF('Standard Profiles'!$G$21=$B$10,7,0)+IF('Standard Profiles'!$G$21=$B$17,14,0)+IF('Standard Profiles'!$G$21=$B$24,21,0),0)),0)</f>
        <v>0.4769805303379423</v>
      </c>
      <c r="H5089" cm="1">
        <f t="array" ref="H5089">IFERROR(INDEX(Jesper!AL$2:AL$366,ROUNDDOWN($C5089/24,0)+1,1)*INDEX($D$3:$AA$30,INDEX(Jesper!$R$2:$R$366,ROW(INDEX(Jesper!AL$2:AL$366,ROUNDDOWN($C5089/24,0)+1,1))-1)+IF('Standard Profiles'!$G$22=$B$10,7,0)+IF('Standard Profiles'!$G$22=$B$17,14,0)+IF('Standard Profiles'!$G$22=$B$24,21,0),MOD($C5089,24)+1)/SUM(INDEX($D$3:$AA$30,INDEX(Jesper!$R$2:$R$366,ROW(INDEX(Jesper!AL$2:AL$366,ROUNDDOWN($C5089/24,0)+1,1))-1)+IF('Standard Profiles'!$G$22=$B$10,7,0)+IF('Standard Profiles'!$G$22=$B$17,14,0)+IF('Standard Profiles'!$G$22=$B$24,21,0),0)),0)</f>
        <v>0.135807877809412</v>
      </c>
      <c r="I5089">
        <f t="shared" si="566"/>
        <v>0.1303755626970356</v>
      </c>
      <c r="J5089">
        <f t="shared" si="567"/>
        <v>3.8833327922900365</v>
      </c>
      <c r="K5089">
        <f t="shared" si="568"/>
        <v>0.21661016729162763</v>
      </c>
      <c r="L5089">
        <f t="shared" si="569"/>
        <v>0.10830508364581382</v>
      </c>
      <c r="M5089">
        <f t="shared" si="570"/>
        <v>0</v>
      </c>
      <c r="N5089" s="45">
        <f t="shared" si="571"/>
        <v>45137.62499998774</v>
      </c>
    </row>
    <row r="5090" spans="2:14" x14ac:dyDescent="0.25">
      <c r="B5090">
        <f t="shared" si="565"/>
        <v>7</v>
      </c>
      <c r="C5090" s="16">
        <v>5056</v>
      </c>
      <c r="D5090" cm="1">
        <f t="array" ref="D5090">IFERROR(INDEX(Jesper!AH$2:AH$366,ROUNDDOWN($C5090/24,0)+1,1)*INDEX($D$3:$AA$30,INDEX(Jesper!$R$2:$R$366,ROW(INDEX(Jesper!AH$2:AH$366,ROUNDDOWN($C5090/24,0)+1,1))-1)+IF('Standard Profiles'!$G$18=$B$10,7,0)+IF('Standard Profiles'!$G$18=$B$17,14,0)+IF('Standard Profiles'!$G$18=$B$24,21,0),MOD($C5090,24)+1)/SUM(INDEX($D$3:$AA$30,INDEX(Jesper!$R$2:$R$366,ROW(INDEX(Jesper!AH$2:AH$366,ROUNDDOWN($C5090/24,0)+1,1))-1)+IF('Standard Profiles'!$G$18=$B$10,7,0)+IF('Standard Profiles'!$G$18=$B$17,14,0)+IF('Standard Profiles'!$G$18=$B$24,21,0),0)),0)</f>
        <v>0</v>
      </c>
      <c r="E5090" cm="1">
        <f t="array" ref="E5090">IFERROR(INDEX(Jesper!AI$2:AI$366,ROUNDDOWN($C5090/24,0)+1,1)*INDEX($D$3:$AA$30,INDEX(Jesper!$R$2:$R$366,ROW(INDEX(Jesper!AI$2:AI$366,ROUNDDOWN($C5090/24,0)+1,1))-1)+IF('Standard Profiles'!$G$19=$B$10,7,0)+IF('Standard Profiles'!$G$19=$B$17,14,0)+IF('Standard Profiles'!$G$19=$B$24,21,0),MOD($C5090,24)+1)/SUM(INDEX($D$3:$AA$30,INDEX(Jesper!$R$2:$R$366,ROW(INDEX(Jesper!AI$2:AI$366,ROUNDDOWN($C5090/24,0)+1,1))-1)+IF('Standard Profiles'!$G$19=$B$10,7,0)+IF('Standard Profiles'!$G$19=$B$17,14,0)+IF('Standard Profiles'!$G$19=$B$24,21,0),0)),0)</f>
        <v>2.7076270911453455</v>
      </c>
      <c r="F5090" cm="1">
        <f t="array" ref="F5090">IFERROR(INDEX(Jesper!AJ$2:AJ$366,ROUNDDOWN($C5090/24,0)+1,1)*INDEX($D$3:$AA$30,INDEX(Jesper!$R$2:$R$366,ROW(INDEX(Jesper!AJ$2:AJ$366,ROUNDDOWN($C5090/24,0)+1,1))-1)+IF('Standard Profiles'!$G$20=$B$10,7,0)+IF('Standard Profiles'!$G$20=$B$17,14,0)+IF('Standard Profiles'!$G$20=$B$24,21,0),MOD($C5090,24)+1)/SUM(INDEX($D$3:$AA$30,INDEX(Jesper!$R$2:$R$366,ROW(INDEX(Jesper!AJ$2:AJ$366,ROUNDDOWN($C5090/24,0)+1,1))-1)+IF('Standard Profiles'!$G$20=$B$10,7,0)+IF('Standard Profiles'!$G$20=$B$17,14,0)+IF('Standard Profiles'!$G$20=$B$24,21,0),0)),0)</f>
        <v>1.0182081066318136</v>
      </c>
      <c r="G5090" cm="1">
        <f t="array" ref="G5090">IFERROR(INDEX(Jesper!AK$2:AK$366,ROUNDDOWN($C5090/24,0)+1,1)*INDEX($D$3:$AA$30,INDEX(Jesper!$R$2:$R$366,ROW(INDEX(Jesper!AK$2:AK$366,ROUNDDOWN($C5090/24,0)+1,1))-1)+IF('Standard Profiles'!$G$21=$B$10,7,0)+IF('Standard Profiles'!$G$21=$B$17,14,0)+IF('Standard Profiles'!$G$21=$B$24,21,0),MOD($C5090,24)+1)/SUM(INDEX($D$3:$AA$30,INDEX(Jesper!$R$2:$R$366,ROW(INDEX(Jesper!AK$2:AK$366,ROUNDDOWN($C5090/24,0)+1,1))-1)+IF('Standard Profiles'!$G$21=$B$10,7,0)+IF('Standard Profiles'!$G$21=$B$17,14,0)+IF('Standard Profiles'!$G$21=$B$24,21,0),0)),0)</f>
        <v>0.4769805303379423</v>
      </c>
      <c r="H5090" cm="1">
        <f t="array" ref="H5090">IFERROR(INDEX(Jesper!AL$2:AL$366,ROUNDDOWN($C5090/24,0)+1,1)*INDEX($D$3:$AA$30,INDEX(Jesper!$R$2:$R$366,ROW(INDEX(Jesper!AL$2:AL$366,ROUNDDOWN($C5090/24,0)+1,1))-1)+IF('Standard Profiles'!$G$22=$B$10,7,0)+IF('Standard Profiles'!$G$22=$B$17,14,0)+IF('Standard Profiles'!$G$22=$B$24,21,0),MOD($C5090,24)+1)/SUM(INDEX($D$3:$AA$30,INDEX(Jesper!$R$2:$R$366,ROW(INDEX(Jesper!AL$2:AL$366,ROUNDDOWN($C5090/24,0)+1,1))-1)+IF('Standard Profiles'!$G$22=$B$10,7,0)+IF('Standard Profiles'!$G$22=$B$17,14,0)+IF('Standard Profiles'!$G$22=$B$24,21,0),0)),0)</f>
        <v>0.13338273713424395</v>
      </c>
      <c r="I5090">
        <f t="shared" si="566"/>
        <v>0.12804742764887425</v>
      </c>
      <c r="J5090">
        <f t="shared" si="567"/>
        <v>3.8832357866630298</v>
      </c>
      <c r="K5090">
        <f t="shared" si="568"/>
        <v>0.21661016729162763</v>
      </c>
      <c r="L5090">
        <f t="shared" si="569"/>
        <v>0.10830508364581382</v>
      </c>
      <c r="M5090">
        <f t="shared" si="570"/>
        <v>0</v>
      </c>
      <c r="N5090" s="45">
        <f t="shared" si="571"/>
        <v>45137.666666654404</v>
      </c>
    </row>
    <row r="5091" spans="2:14" x14ac:dyDescent="0.25">
      <c r="B5091">
        <f t="shared" ref="B5091:B5154" si="572">WEEKDAY(N5091,2)</f>
        <v>7</v>
      </c>
      <c r="C5091" s="16">
        <v>5057</v>
      </c>
      <c r="D5091" cm="1">
        <f t="array" ref="D5091">IFERROR(INDEX(Jesper!AH$2:AH$366,ROUNDDOWN($C5091/24,0)+1,1)*INDEX($D$3:$AA$30,INDEX(Jesper!$R$2:$R$366,ROW(INDEX(Jesper!AH$2:AH$366,ROUNDDOWN($C5091/24,0)+1,1))-1)+IF('Standard Profiles'!$G$18=$B$10,7,0)+IF('Standard Profiles'!$G$18=$B$17,14,0)+IF('Standard Profiles'!$G$18=$B$24,21,0),MOD($C5091,24)+1)/SUM(INDEX($D$3:$AA$30,INDEX(Jesper!$R$2:$R$366,ROW(INDEX(Jesper!AH$2:AH$366,ROUNDDOWN($C5091/24,0)+1,1))-1)+IF('Standard Profiles'!$G$18=$B$10,7,0)+IF('Standard Profiles'!$G$18=$B$17,14,0)+IF('Standard Profiles'!$G$18=$B$24,21,0),0)),0)</f>
        <v>0</v>
      </c>
      <c r="E5091" cm="1">
        <f t="array" ref="E5091">IFERROR(INDEX(Jesper!AI$2:AI$366,ROUNDDOWN($C5091/24,0)+1,1)*INDEX($D$3:$AA$30,INDEX(Jesper!$R$2:$R$366,ROW(INDEX(Jesper!AI$2:AI$366,ROUNDDOWN($C5091/24,0)+1,1))-1)+IF('Standard Profiles'!$G$19=$B$10,7,0)+IF('Standard Profiles'!$G$19=$B$17,14,0)+IF('Standard Profiles'!$G$19=$B$24,21,0),MOD($C5091,24)+1)/SUM(INDEX($D$3:$AA$30,INDEX(Jesper!$R$2:$R$366,ROW(INDEX(Jesper!AI$2:AI$366,ROUNDDOWN($C5091/24,0)+1,1))-1)+IF('Standard Profiles'!$G$19=$B$10,7,0)+IF('Standard Profiles'!$G$19=$B$17,14,0)+IF('Standard Profiles'!$G$19=$B$24,21,0),0)),0)</f>
        <v>2.7076270911453455</v>
      </c>
      <c r="F5091" cm="1">
        <f t="array" ref="F5091">IFERROR(INDEX(Jesper!AJ$2:AJ$366,ROUNDDOWN($C5091/24,0)+1,1)*INDEX($D$3:$AA$30,INDEX(Jesper!$R$2:$R$366,ROW(INDEX(Jesper!AJ$2:AJ$366,ROUNDDOWN($C5091/24,0)+1,1))-1)+IF('Standard Profiles'!$G$20=$B$10,7,0)+IF('Standard Profiles'!$G$20=$B$17,14,0)+IF('Standard Profiles'!$G$20=$B$24,21,0),MOD($C5091,24)+1)/SUM(INDEX($D$3:$AA$30,INDEX(Jesper!$R$2:$R$366,ROW(INDEX(Jesper!AJ$2:AJ$366,ROUNDDOWN($C5091/24,0)+1,1))-1)+IF('Standard Profiles'!$G$20=$B$10,7,0)+IF('Standard Profiles'!$G$20=$B$17,14,0)+IF('Standard Profiles'!$G$20=$B$24,21,0),0)),0)</f>
        <v>1.0182081066318136</v>
      </c>
      <c r="G5091" cm="1">
        <f t="array" ref="G5091">IFERROR(INDEX(Jesper!AK$2:AK$366,ROUNDDOWN($C5091/24,0)+1,1)*INDEX($D$3:$AA$30,INDEX(Jesper!$R$2:$R$366,ROW(INDEX(Jesper!AK$2:AK$366,ROUNDDOWN($C5091/24,0)+1,1))-1)+IF('Standard Profiles'!$G$21=$B$10,7,0)+IF('Standard Profiles'!$G$21=$B$17,14,0)+IF('Standard Profiles'!$G$21=$B$24,21,0),MOD($C5091,24)+1)/SUM(INDEX($D$3:$AA$30,INDEX(Jesper!$R$2:$R$366,ROW(INDEX(Jesper!AK$2:AK$366,ROUNDDOWN($C5091/24,0)+1,1))-1)+IF('Standard Profiles'!$G$21=$B$10,7,0)+IF('Standard Profiles'!$G$21=$B$17,14,0)+IF('Standard Profiles'!$G$21=$B$24,21,0),0)),0)</f>
        <v>0.4769805303379423</v>
      </c>
      <c r="H5091" cm="1">
        <f t="array" ref="H5091">IFERROR(INDEX(Jesper!AL$2:AL$366,ROUNDDOWN($C5091/24,0)+1,1)*INDEX($D$3:$AA$30,INDEX(Jesper!$R$2:$R$366,ROW(INDEX(Jesper!AL$2:AL$366,ROUNDDOWN($C5091/24,0)+1,1))-1)+IF('Standard Profiles'!$G$22=$B$10,7,0)+IF('Standard Profiles'!$G$22=$B$17,14,0)+IF('Standard Profiles'!$G$22=$B$24,21,0),MOD($C5091,24)+1)/SUM(INDEX($D$3:$AA$30,INDEX(Jesper!$R$2:$R$366,ROW(INDEX(Jesper!AL$2:AL$366,ROUNDDOWN($C5091/24,0)+1,1))-1)+IF('Standard Profiles'!$G$22=$B$10,7,0)+IF('Standard Profiles'!$G$22=$B$17,14,0)+IF('Standard Profiles'!$G$22=$B$24,21,0),0)),0)</f>
        <v>0.11398161173289936</v>
      </c>
      <c r="I5091">
        <f t="shared" ref="I5091:I5154" si="573">IF($B5091&lt;6,AC$37*$D5091+AC$38*$E5091+AC$39*$F5091+AC$40*$G5091,AC$46*$D5091+AC$47*$E5091+AC$48*$F5091+AC$49*$G5091+AC$50*$H5091)</f>
        <v>0.10942234726358345</v>
      </c>
      <c r="J5091">
        <f t="shared" ref="J5091:J5154" si="574">IF($B5091&lt;6,AD$37*$D5091+AD$38*$E5091+AD$39*$F5091+AD$40*$G5091,AD$46*$D5091+AD$47*$E5091+AD$48*$F5091+AD$49*$G5091+AD$50*$H5091)</f>
        <v>3.8824597416469757</v>
      </c>
      <c r="K5091">
        <f t="shared" ref="K5091:K5154" si="575">IF($B5091&lt;6,AE$37*$D5091+AE$38*$E5091+AE$39*$F5091+AE$40*$G5091,AE$46*$D5091+AE$47*$E5091+AE$48*$F5091+AE$49*$G5091+AE$50*$H5091)</f>
        <v>0.21661016729162763</v>
      </c>
      <c r="L5091">
        <f t="shared" ref="L5091:L5154" si="576">IF($B5091&lt;6,AF$37*$D5091+AF$38*$E5091+AF$39*$F5091+AF$40*$G5091,AF$46*$D5091+AF$47*$E5091+AF$48*$F5091+AF$49*$G5091+AF$50*$H5091)</f>
        <v>0.10830508364581382</v>
      </c>
      <c r="M5091">
        <f t="shared" ref="M5091:M5154" si="577">IF($B5091&lt;6,AG$37*$D5091+AG$38*$E5091+AG$39*$F5091+AG$40*$G5091,AG$46*$D5091+AG$47*$E5091+AG$48*$F5091+AG$49*$G5091+AG$50*$H5091)</f>
        <v>0</v>
      </c>
      <c r="N5091" s="45">
        <f t="shared" si="571"/>
        <v>45137.708333321068</v>
      </c>
    </row>
    <row r="5092" spans="2:14" x14ac:dyDescent="0.25">
      <c r="B5092">
        <f t="shared" si="572"/>
        <v>7</v>
      </c>
      <c r="C5092" s="16">
        <v>5058</v>
      </c>
      <c r="D5092" cm="1">
        <f t="array" ref="D5092">IFERROR(INDEX(Jesper!AH$2:AH$366,ROUNDDOWN($C5092/24,0)+1,1)*INDEX($D$3:$AA$30,INDEX(Jesper!$R$2:$R$366,ROW(INDEX(Jesper!AH$2:AH$366,ROUNDDOWN($C5092/24,0)+1,1))-1)+IF('Standard Profiles'!$G$18=$B$10,7,0)+IF('Standard Profiles'!$G$18=$B$17,14,0)+IF('Standard Profiles'!$G$18=$B$24,21,0),MOD($C5092,24)+1)/SUM(INDEX($D$3:$AA$30,INDEX(Jesper!$R$2:$R$366,ROW(INDEX(Jesper!AH$2:AH$366,ROUNDDOWN($C5092/24,0)+1,1))-1)+IF('Standard Profiles'!$G$18=$B$10,7,0)+IF('Standard Profiles'!$G$18=$B$17,14,0)+IF('Standard Profiles'!$G$18=$B$24,21,0),0)),0)</f>
        <v>0</v>
      </c>
      <c r="E5092" cm="1">
        <f t="array" ref="E5092">IFERROR(INDEX(Jesper!AI$2:AI$366,ROUNDDOWN($C5092/24,0)+1,1)*INDEX($D$3:$AA$30,INDEX(Jesper!$R$2:$R$366,ROW(INDEX(Jesper!AI$2:AI$366,ROUNDDOWN($C5092/24,0)+1,1))-1)+IF('Standard Profiles'!$G$19=$B$10,7,0)+IF('Standard Profiles'!$G$19=$B$17,14,0)+IF('Standard Profiles'!$G$19=$B$24,21,0),MOD($C5092,24)+1)/SUM(INDEX($D$3:$AA$30,INDEX(Jesper!$R$2:$R$366,ROW(INDEX(Jesper!AI$2:AI$366,ROUNDDOWN($C5092/24,0)+1,1))-1)+IF('Standard Profiles'!$G$19=$B$10,7,0)+IF('Standard Profiles'!$G$19=$B$17,14,0)+IF('Standard Profiles'!$G$19=$B$24,21,0),0)),0)</f>
        <v>2.7076270911453455</v>
      </c>
      <c r="F5092" cm="1">
        <f t="array" ref="F5092">IFERROR(INDEX(Jesper!AJ$2:AJ$366,ROUNDDOWN($C5092/24,0)+1,1)*INDEX($D$3:$AA$30,INDEX(Jesper!$R$2:$R$366,ROW(INDEX(Jesper!AJ$2:AJ$366,ROUNDDOWN($C5092/24,0)+1,1))-1)+IF('Standard Profiles'!$G$20=$B$10,7,0)+IF('Standard Profiles'!$G$20=$B$17,14,0)+IF('Standard Profiles'!$G$20=$B$24,21,0),MOD($C5092,24)+1)/SUM(INDEX($D$3:$AA$30,INDEX(Jesper!$R$2:$R$366,ROW(INDEX(Jesper!AJ$2:AJ$366,ROUNDDOWN($C5092/24,0)+1,1))-1)+IF('Standard Profiles'!$G$20=$B$10,7,0)+IF('Standard Profiles'!$G$20=$B$17,14,0)+IF('Standard Profiles'!$G$20=$B$24,21,0),0)),0)</f>
        <v>1.0182081066318136</v>
      </c>
      <c r="G5092" cm="1">
        <f t="array" ref="G5092">IFERROR(INDEX(Jesper!AK$2:AK$366,ROUNDDOWN($C5092/24,0)+1,1)*INDEX($D$3:$AA$30,INDEX(Jesper!$R$2:$R$366,ROW(INDEX(Jesper!AK$2:AK$366,ROUNDDOWN($C5092/24,0)+1,1))-1)+IF('Standard Profiles'!$G$21=$B$10,7,0)+IF('Standard Profiles'!$G$21=$B$17,14,0)+IF('Standard Profiles'!$G$21=$B$24,21,0),MOD($C5092,24)+1)/SUM(INDEX($D$3:$AA$30,INDEX(Jesper!$R$2:$R$366,ROW(INDEX(Jesper!AK$2:AK$366,ROUNDDOWN($C5092/24,0)+1,1))-1)+IF('Standard Profiles'!$G$21=$B$10,7,0)+IF('Standard Profiles'!$G$21=$B$17,14,0)+IF('Standard Profiles'!$G$21=$B$24,21,0),0)),0)</f>
        <v>0.4769805303379423</v>
      </c>
      <c r="H5092" cm="1">
        <f t="array" ref="H5092">IFERROR(INDEX(Jesper!AL$2:AL$366,ROUNDDOWN($C5092/24,0)+1,1)*INDEX($D$3:$AA$30,INDEX(Jesper!$R$2:$R$366,ROW(INDEX(Jesper!AL$2:AL$366,ROUNDDOWN($C5092/24,0)+1,1))-1)+IF('Standard Profiles'!$G$22=$B$10,7,0)+IF('Standard Profiles'!$G$22=$B$17,14,0)+IF('Standard Profiles'!$G$22=$B$24,21,0),MOD($C5092,24)+1)/SUM(INDEX($D$3:$AA$30,INDEX(Jesper!$R$2:$R$366,ROW(INDEX(Jesper!AL$2:AL$366,ROUNDDOWN($C5092/24,0)+1,1))-1)+IF('Standard Profiles'!$G$22=$B$10,7,0)+IF('Standard Profiles'!$G$22=$B$17,14,0)+IF('Standard Profiles'!$G$22=$B$24,21,0),0)),0)</f>
        <v>0.10670618970739515</v>
      </c>
      <c r="I5092">
        <f t="shared" si="573"/>
        <v>0.1024379421190994</v>
      </c>
      <c r="J5092">
        <f t="shared" si="574"/>
        <v>3.8821687247659558</v>
      </c>
      <c r="K5092">
        <f t="shared" si="575"/>
        <v>0.21661016729162763</v>
      </c>
      <c r="L5092">
        <f t="shared" si="576"/>
        <v>0.10830508364581382</v>
      </c>
      <c r="M5092">
        <f t="shared" si="577"/>
        <v>0</v>
      </c>
      <c r="N5092" s="45">
        <f t="shared" ref="N5092:N5155" si="578">N5091+1/24</f>
        <v>45137.749999987733</v>
      </c>
    </row>
    <row r="5093" spans="2:14" x14ac:dyDescent="0.25">
      <c r="B5093">
        <f t="shared" si="572"/>
        <v>7</v>
      </c>
      <c r="C5093" s="16">
        <v>5059</v>
      </c>
      <c r="D5093" cm="1">
        <f t="array" ref="D5093">IFERROR(INDEX(Jesper!AH$2:AH$366,ROUNDDOWN($C5093/24,0)+1,1)*INDEX($D$3:$AA$30,INDEX(Jesper!$R$2:$R$366,ROW(INDEX(Jesper!AH$2:AH$366,ROUNDDOWN($C5093/24,0)+1,1))-1)+IF('Standard Profiles'!$G$18=$B$10,7,0)+IF('Standard Profiles'!$G$18=$B$17,14,0)+IF('Standard Profiles'!$G$18=$B$24,21,0),MOD($C5093,24)+1)/SUM(INDEX($D$3:$AA$30,INDEX(Jesper!$R$2:$R$366,ROW(INDEX(Jesper!AH$2:AH$366,ROUNDDOWN($C5093/24,0)+1,1))-1)+IF('Standard Profiles'!$G$18=$B$10,7,0)+IF('Standard Profiles'!$G$18=$B$17,14,0)+IF('Standard Profiles'!$G$18=$B$24,21,0),0)),0)</f>
        <v>0</v>
      </c>
      <c r="E5093" cm="1">
        <f t="array" ref="E5093">IFERROR(INDEX(Jesper!AI$2:AI$366,ROUNDDOWN($C5093/24,0)+1,1)*INDEX($D$3:$AA$30,INDEX(Jesper!$R$2:$R$366,ROW(INDEX(Jesper!AI$2:AI$366,ROUNDDOWN($C5093/24,0)+1,1))-1)+IF('Standard Profiles'!$G$19=$B$10,7,0)+IF('Standard Profiles'!$G$19=$B$17,14,0)+IF('Standard Profiles'!$G$19=$B$24,21,0),MOD($C5093,24)+1)/SUM(INDEX($D$3:$AA$30,INDEX(Jesper!$R$2:$R$366,ROW(INDEX(Jesper!AI$2:AI$366,ROUNDDOWN($C5093/24,0)+1,1))-1)+IF('Standard Profiles'!$G$19=$B$10,7,0)+IF('Standard Profiles'!$G$19=$B$17,14,0)+IF('Standard Profiles'!$G$19=$B$24,21,0),0)),0)</f>
        <v>2.7076270911453455</v>
      </c>
      <c r="F5093" cm="1">
        <f t="array" ref="F5093">IFERROR(INDEX(Jesper!AJ$2:AJ$366,ROUNDDOWN($C5093/24,0)+1,1)*INDEX($D$3:$AA$30,INDEX(Jesper!$R$2:$R$366,ROW(INDEX(Jesper!AJ$2:AJ$366,ROUNDDOWN($C5093/24,0)+1,1))-1)+IF('Standard Profiles'!$G$20=$B$10,7,0)+IF('Standard Profiles'!$G$20=$B$17,14,0)+IF('Standard Profiles'!$G$20=$B$24,21,0),MOD($C5093,24)+1)/SUM(INDEX($D$3:$AA$30,INDEX(Jesper!$R$2:$R$366,ROW(INDEX(Jesper!AJ$2:AJ$366,ROUNDDOWN($C5093/24,0)+1,1))-1)+IF('Standard Profiles'!$G$20=$B$10,7,0)+IF('Standard Profiles'!$G$20=$B$17,14,0)+IF('Standard Profiles'!$G$20=$B$24,21,0),0)),0)</f>
        <v>1.0182081066318136</v>
      </c>
      <c r="G5093" cm="1">
        <f t="array" ref="G5093">IFERROR(INDEX(Jesper!AK$2:AK$366,ROUNDDOWN($C5093/24,0)+1,1)*INDEX($D$3:$AA$30,INDEX(Jesper!$R$2:$R$366,ROW(INDEX(Jesper!AK$2:AK$366,ROUNDDOWN($C5093/24,0)+1,1))-1)+IF('Standard Profiles'!$G$21=$B$10,7,0)+IF('Standard Profiles'!$G$21=$B$17,14,0)+IF('Standard Profiles'!$G$21=$B$24,21,0),MOD($C5093,24)+1)/SUM(INDEX($D$3:$AA$30,INDEX(Jesper!$R$2:$R$366,ROW(INDEX(Jesper!AK$2:AK$366,ROUNDDOWN($C5093/24,0)+1,1))-1)+IF('Standard Profiles'!$G$21=$B$10,7,0)+IF('Standard Profiles'!$G$21=$B$17,14,0)+IF('Standard Profiles'!$G$21=$B$24,21,0),0)),0)</f>
        <v>0.4769805303379423</v>
      </c>
      <c r="H5093" cm="1">
        <f t="array" ref="H5093">IFERROR(INDEX(Jesper!AL$2:AL$366,ROUNDDOWN($C5093/24,0)+1,1)*INDEX($D$3:$AA$30,INDEX(Jesper!$R$2:$R$366,ROW(INDEX(Jesper!AL$2:AL$366,ROUNDDOWN($C5093/24,0)+1,1))-1)+IF('Standard Profiles'!$G$22=$B$10,7,0)+IF('Standard Profiles'!$G$22=$B$17,14,0)+IF('Standard Profiles'!$G$22=$B$24,21,0),MOD($C5093,24)+1)/SUM(INDEX($D$3:$AA$30,INDEX(Jesper!$R$2:$R$366,ROW(INDEX(Jesper!AL$2:AL$366,ROUNDDOWN($C5093/24,0)+1,1))-1)+IF('Standard Profiles'!$G$22=$B$10,7,0)+IF('Standard Profiles'!$G$22=$B$17,14,0)+IF('Standard Profiles'!$G$22=$B$24,21,0),0)),0)</f>
        <v>8.9730204981218656E-2</v>
      </c>
      <c r="I5093">
        <f t="shared" si="573"/>
        <v>8.6140996781969958E-2</v>
      </c>
      <c r="J5093">
        <f t="shared" si="574"/>
        <v>3.8814896853769087</v>
      </c>
      <c r="K5093">
        <f t="shared" si="575"/>
        <v>0.21661016729162763</v>
      </c>
      <c r="L5093">
        <f t="shared" si="576"/>
        <v>0.10830508364581382</v>
      </c>
      <c r="M5093">
        <f t="shared" si="577"/>
        <v>0</v>
      </c>
      <c r="N5093" s="45">
        <f t="shared" si="578"/>
        <v>45137.791666654397</v>
      </c>
    </row>
    <row r="5094" spans="2:14" x14ac:dyDescent="0.25">
      <c r="B5094">
        <f t="shared" si="572"/>
        <v>7</v>
      </c>
      <c r="C5094" s="16">
        <v>5060</v>
      </c>
      <c r="D5094" cm="1">
        <f t="array" ref="D5094">IFERROR(INDEX(Jesper!AH$2:AH$366,ROUNDDOWN($C5094/24,0)+1,1)*INDEX($D$3:$AA$30,INDEX(Jesper!$R$2:$R$366,ROW(INDEX(Jesper!AH$2:AH$366,ROUNDDOWN($C5094/24,0)+1,1))-1)+IF('Standard Profiles'!$G$18=$B$10,7,0)+IF('Standard Profiles'!$G$18=$B$17,14,0)+IF('Standard Profiles'!$G$18=$B$24,21,0),MOD($C5094,24)+1)/SUM(INDEX($D$3:$AA$30,INDEX(Jesper!$R$2:$R$366,ROW(INDEX(Jesper!AH$2:AH$366,ROUNDDOWN($C5094/24,0)+1,1))-1)+IF('Standard Profiles'!$G$18=$B$10,7,0)+IF('Standard Profiles'!$G$18=$B$17,14,0)+IF('Standard Profiles'!$G$18=$B$24,21,0),0)),0)</f>
        <v>0</v>
      </c>
      <c r="E5094" cm="1">
        <f t="array" ref="E5094">IFERROR(INDEX(Jesper!AI$2:AI$366,ROUNDDOWN($C5094/24,0)+1,1)*INDEX($D$3:$AA$30,INDEX(Jesper!$R$2:$R$366,ROW(INDEX(Jesper!AI$2:AI$366,ROUNDDOWN($C5094/24,0)+1,1))-1)+IF('Standard Profiles'!$G$19=$B$10,7,0)+IF('Standard Profiles'!$G$19=$B$17,14,0)+IF('Standard Profiles'!$G$19=$B$24,21,0),MOD($C5094,24)+1)/SUM(INDEX($D$3:$AA$30,INDEX(Jesper!$R$2:$R$366,ROW(INDEX(Jesper!AI$2:AI$366,ROUNDDOWN($C5094/24,0)+1,1))-1)+IF('Standard Profiles'!$G$19=$B$10,7,0)+IF('Standard Profiles'!$G$19=$B$17,14,0)+IF('Standard Profiles'!$G$19=$B$24,21,0),0)),0)</f>
        <v>2.7076270911453455</v>
      </c>
      <c r="F5094" cm="1">
        <f t="array" ref="F5094">IFERROR(INDEX(Jesper!AJ$2:AJ$366,ROUNDDOWN($C5094/24,0)+1,1)*INDEX($D$3:$AA$30,INDEX(Jesper!$R$2:$R$366,ROW(INDEX(Jesper!AJ$2:AJ$366,ROUNDDOWN($C5094/24,0)+1,1))-1)+IF('Standard Profiles'!$G$20=$B$10,7,0)+IF('Standard Profiles'!$G$20=$B$17,14,0)+IF('Standard Profiles'!$G$20=$B$24,21,0),MOD($C5094,24)+1)/SUM(INDEX($D$3:$AA$30,INDEX(Jesper!$R$2:$R$366,ROW(INDEX(Jesper!AJ$2:AJ$366,ROUNDDOWN($C5094/24,0)+1,1))-1)+IF('Standard Profiles'!$G$20=$B$10,7,0)+IF('Standard Profiles'!$G$20=$B$17,14,0)+IF('Standard Profiles'!$G$20=$B$24,21,0),0)),0)</f>
        <v>1.0182081066318136</v>
      </c>
      <c r="G5094" cm="1">
        <f t="array" ref="G5094">IFERROR(INDEX(Jesper!AK$2:AK$366,ROUNDDOWN($C5094/24,0)+1,1)*INDEX($D$3:$AA$30,INDEX(Jesper!$R$2:$R$366,ROW(INDEX(Jesper!AK$2:AK$366,ROUNDDOWN($C5094/24,0)+1,1))-1)+IF('Standard Profiles'!$G$21=$B$10,7,0)+IF('Standard Profiles'!$G$21=$B$17,14,0)+IF('Standard Profiles'!$G$21=$B$24,21,0),MOD($C5094,24)+1)/SUM(INDEX($D$3:$AA$30,INDEX(Jesper!$R$2:$R$366,ROW(INDEX(Jesper!AK$2:AK$366,ROUNDDOWN($C5094/24,0)+1,1))-1)+IF('Standard Profiles'!$G$21=$B$10,7,0)+IF('Standard Profiles'!$G$21=$B$17,14,0)+IF('Standard Profiles'!$G$21=$B$24,21,0),0)),0)</f>
        <v>0.4769805303379423</v>
      </c>
      <c r="H5094" cm="1">
        <f t="array" ref="H5094">IFERROR(INDEX(Jesper!AL$2:AL$366,ROUNDDOWN($C5094/24,0)+1,1)*INDEX($D$3:$AA$30,INDEX(Jesper!$R$2:$R$366,ROW(INDEX(Jesper!AL$2:AL$366,ROUNDDOWN($C5094/24,0)+1,1))-1)+IF('Standard Profiles'!$G$22=$B$10,7,0)+IF('Standard Profiles'!$G$22=$B$17,14,0)+IF('Standard Profiles'!$G$22=$B$24,21,0),MOD($C5094,24)+1)/SUM(INDEX($D$3:$AA$30,INDEX(Jesper!$R$2:$R$366,ROW(INDEX(Jesper!AL$2:AL$366,ROUNDDOWN($C5094/24,0)+1,1))-1)+IF('Standard Profiles'!$G$22=$B$10,7,0)+IF('Standard Profiles'!$G$22=$B$17,14,0)+IF('Standard Profiles'!$G$22=$B$24,21,0),0)),0)</f>
        <v>7.5179360930210215E-2</v>
      </c>
      <c r="I5094">
        <f t="shared" si="573"/>
        <v>7.2172186493001847E-2</v>
      </c>
      <c r="J5094">
        <f t="shared" si="574"/>
        <v>3.8809076516148684</v>
      </c>
      <c r="K5094">
        <f t="shared" si="575"/>
        <v>0.21661016729162763</v>
      </c>
      <c r="L5094">
        <f t="shared" si="576"/>
        <v>0.10830508364581382</v>
      </c>
      <c r="M5094">
        <f t="shared" si="577"/>
        <v>0</v>
      </c>
      <c r="N5094" s="45">
        <f t="shared" si="578"/>
        <v>45137.833333321061</v>
      </c>
    </row>
    <row r="5095" spans="2:14" x14ac:dyDescent="0.25">
      <c r="B5095">
        <f t="shared" si="572"/>
        <v>7</v>
      </c>
      <c r="C5095" s="16">
        <v>5061</v>
      </c>
      <c r="D5095" cm="1">
        <f t="array" ref="D5095">IFERROR(INDEX(Jesper!AH$2:AH$366,ROUNDDOWN($C5095/24,0)+1,1)*INDEX($D$3:$AA$30,INDEX(Jesper!$R$2:$R$366,ROW(INDEX(Jesper!AH$2:AH$366,ROUNDDOWN($C5095/24,0)+1,1))-1)+IF('Standard Profiles'!$G$18=$B$10,7,0)+IF('Standard Profiles'!$G$18=$B$17,14,0)+IF('Standard Profiles'!$G$18=$B$24,21,0),MOD($C5095,24)+1)/SUM(INDEX($D$3:$AA$30,INDEX(Jesper!$R$2:$R$366,ROW(INDEX(Jesper!AH$2:AH$366,ROUNDDOWN($C5095/24,0)+1,1))-1)+IF('Standard Profiles'!$G$18=$B$10,7,0)+IF('Standard Profiles'!$G$18=$B$17,14,0)+IF('Standard Profiles'!$G$18=$B$24,21,0),0)),0)</f>
        <v>0</v>
      </c>
      <c r="E5095" cm="1">
        <f t="array" ref="E5095">IFERROR(INDEX(Jesper!AI$2:AI$366,ROUNDDOWN($C5095/24,0)+1,1)*INDEX($D$3:$AA$30,INDEX(Jesper!$R$2:$R$366,ROW(INDEX(Jesper!AI$2:AI$366,ROUNDDOWN($C5095/24,0)+1,1))-1)+IF('Standard Profiles'!$G$19=$B$10,7,0)+IF('Standard Profiles'!$G$19=$B$17,14,0)+IF('Standard Profiles'!$G$19=$B$24,21,0),MOD($C5095,24)+1)/SUM(INDEX($D$3:$AA$30,INDEX(Jesper!$R$2:$R$366,ROW(INDEX(Jesper!AI$2:AI$366,ROUNDDOWN($C5095/24,0)+1,1))-1)+IF('Standard Profiles'!$G$19=$B$10,7,0)+IF('Standard Profiles'!$G$19=$B$17,14,0)+IF('Standard Profiles'!$G$19=$B$24,21,0),0)),0)</f>
        <v>2.7076270911453455</v>
      </c>
      <c r="F5095" cm="1">
        <f t="array" ref="F5095">IFERROR(INDEX(Jesper!AJ$2:AJ$366,ROUNDDOWN($C5095/24,0)+1,1)*INDEX($D$3:$AA$30,INDEX(Jesper!$R$2:$R$366,ROW(INDEX(Jesper!AJ$2:AJ$366,ROUNDDOWN($C5095/24,0)+1,1))-1)+IF('Standard Profiles'!$G$20=$B$10,7,0)+IF('Standard Profiles'!$G$20=$B$17,14,0)+IF('Standard Profiles'!$G$20=$B$24,21,0),MOD($C5095,24)+1)/SUM(INDEX($D$3:$AA$30,INDEX(Jesper!$R$2:$R$366,ROW(INDEX(Jesper!AJ$2:AJ$366,ROUNDDOWN($C5095/24,0)+1,1))-1)+IF('Standard Profiles'!$G$20=$B$10,7,0)+IF('Standard Profiles'!$G$20=$B$17,14,0)+IF('Standard Profiles'!$G$20=$B$24,21,0),0)),0)</f>
        <v>1.0182081066318136</v>
      </c>
      <c r="G5095" cm="1">
        <f t="array" ref="G5095">IFERROR(INDEX(Jesper!AK$2:AK$366,ROUNDDOWN($C5095/24,0)+1,1)*INDEX($D$3:$AA$30,INDEX(Jesper!$R$2:$R$366,ROW(INDEX(Jesper!AK$2:AK$366,ROUNDDOWN($C5095/24,0)+1,1))-1)+IF('Standard Profiles'!$G$21=$B$10,7,0)+IF('Standard Profiles'!$G$21=$B$17,14,0)+IF('Standard Profiles'!$G$21=$B$24,21,0),MOD($C5095,24)+1)/SUM(INDEX($D$3:$AA$30,INDEX(Jesper!$R$2:$R$366,ROW(INDEX(Jesper!AK$2:AK$366,ROUNDDOWN($C5095/24,0)+1,1))-1)+IF('Standard Profiles'!$G$21=$B$10,7,0)+IF('Standard Profiles'!$G$21=$B$17,14,0)+IF('Standard Profiles'!$G$21=$B$24,21,0),0)),0)</f>
        <v>0.4769805303379423</v>
      </c>
      <c r="H5095" cm="1">
        <f t="array" ref="H5095">IFERROR(INDEX(Jesper!AL$2:AL$366,ROUNDDOWN($C5095/24,0)+1,1)*INDEX($D$3:$AA$30,INDEX(Jesper!$R$2:$R$366,ROW(INDEX(Jesper!AL$2:AL$366,ROUNDDOWN($C5095/24,0)+1,1))-1)+IF('Standard Profiles'!$G$22=$B$10,7,0)+IF('Standard Profiles'!$G$22=$B$17,14,0)+IF('Standard Profiles'!$G$22=$B$24,21,0),MOD($C5095,24)+1)/SUM(INDEX($D$3:$AA$30,INDEX(Jesper!$R$2:$R$366,ROW(INDEX(Jesper!AL$2:AL$366,ROUNDDOWN($C5095/24,0)+1,1))-1)+IF('Standard Profiles'!$G$22=$B$10,7,0)+IF('Standard Profiles'!$G$22=$B$17,14,0)+IF('Standard Profiles'!$G$22=$B$24,21,0),0)),0)</f>
        <v>6.5478798229537935E-2</v>
      </c>
      <c r="I5095">
        <f t="shared" si="573"/>
        <v>6.2859646300356453E-2</v>
      </c>
      <c r="J5095">
        <f t="shared" si="574"/>
        <v>3.8805196291068413</v>
      </c>
      <c r="K5095">
        <f t="shared" si="575"/>
        <v>0.21661016729162763</v>
      </c>
      <c r="L5095">
        <f t="shared" si="576"/>
        <v>0.10830508364581382</v>
      </c>
      <c r="M5095">
        <f t="shared" si="577"/>
        <v>0</v>
      </c>
      <c r="N5095" s="45">
        <f t="shared" si="578"/>
        <v>45137.874999987725</v>
      </c>
    </row>
    <row r="5096" spans="2:14" x14ac:dyDescent="0.25">
      <c r="B5096">
        <f t="shared" si="572"/>
        <v>7</v>
      </c>
      <c r="C5096" s="16">
        <v>5062</v>
      </c>
      <c r="D5096" cm="1">
        <f t="array" ref="D5096">IFERROR(INDEX(Jesper!AH$2:AH$366,ROUNDDOWN($C5096/24,0)+1,1)*INDEX($D$3:$AA$30,INDEX(Jesper!$R$2:$R$366,ROW(INDEX(Jesper!AH$2:AH$366,ROUNDDOWN($C5096/24,0)+1,1))-1)+IF('Standard Profiles'!$G$18=$B$10,7,0)+IF('Standard Profiles'!$G$18=$B$17,14,0)+IF('Standard Profiles'!$G$18=$B$24,21,0),MOD($C5096,24)+1)/SUM(INDEX($D$3:$AA$30,INDEX(Jesper!$R$2:$R$366,ROW(INDEX(Jesper!AH$2:AH$366,ROUNDDOWN($C5096/24,0)+1,1))-1)+IF('Standard Profiles'!$G$18=$B$10,7,0)+IF('Standard Profiles'!$G$18=$B$17,14,0)+IF('Standard Profiles'!$G$18=$B$24,21,0),0)),0)</f>
        <v>0</v>
      </c>
      <c r="E5096" cm="1">
        <f t="array" ref="E5096">IFERROR(INDEX(Jesper!AI$2:AI$366,ROUNDDOWN($C5096/24,0)+1,1)*INDEX($D$3:$AA$30,INDEX(Jesper!$R$2:$R$366,ROW(INDEX(Jesper!AI$2:AI$366,ROUNDDOWN($C5096/24,0)+1,1))-1)+IF('Standard Profiles'!$G$19=$B$10,7,0)+IF('Standard Profiles'!$G$19=$B$17,14,0)+IF('Standard Profiles'!$G$19=$B$24,21,0),MOD($C5096,24)+1)/SUM(INDEX($D$3:$AA$30,INDEX(Jesper!$R$2:$R$366,ROW(INDEX(Jesper!AI$2:AI$366,ROUNDDOWN($C5096/24,0)+1,1))-1)+IF('Standard Profiles'!$G$19=$B$10,7,0)+IF('Standard Profiles'!$G$19=$B$17,14,0)+IF('Standard Profiles'!$G$19=$B$24,21,0),0)),0)</f>
        <v>2.7076270911453455</v>
      </c>
      <c r="F5096" cm="1">
        <f t="array" ref="F5096">IFERROR(INDEX(Jesper!AJ$2:AJ$366,ROUNDDOWN($C5096/24,0)+1,1)*INDEX($D$3:$AA$30,INDEX(Jesper!$R$2:$R$366,ROW(INDEX(Jesper!AJ$2:AJ$366,ROUNDDOWN($C5096/24,0)+1,1))-1)+IF('Standard Profiles'!$G$20=$B$10,7,0)+IF('Standard Profiles'!$G$20=$B$17,14,0)+IF('Standard Profiles'!$G$20=$B$24,21,0),MOD($C5096,24)+1)/SUM(INDEX($D$3:$AA$30,INDEX(Jesper!$R$2:$R$366,ROW(INDEX(Jesper!AJ$2:AJ$366,ROUNDDOWN($C5096/24,0)+1,1))-1)+IF('Standard Profiles'!$G$20=$B$10,7,0)+IF('Standard Profiles'!$G$20=$B$17,14,0)+IF('Standard Profiles'!$G$20=$B$24,21,0),0)),0)</f>
        <v>1.0182081066318136</v>
      </c>
      <c r="G5096" cm="1">
        <f t="array" ref="G5096">IFERROR(INDEX(Jesper!AK$2:AK$366,ROUNDDOWN($C5096/24,0)+1,1)*INDEX($D$3:$AA$30,INDEX(Jesper!$R$2:$R$366,ROW(INDEX(Jesper!AK$2:AK$366,ROUNDDOWN($C5096/24,0)+1,1))-1)+IF('Standard Profiles'!$G$21=$B$10,7,0)+IF('Standard Profiles'!$G$21=$B$17,14,0)+IF('Standard Profiles'!$G$21=$B$24,21,0),MOD($C5096,24)+1)/SUM(INDEX($D$3:$AA$30,INDEX(Jesper!$R$2:$R$366,ROW(INDEX(Jesper!AK$2:AK$366,ROUNDDOWN($C5096/24,0)+1,1))-1)+IF('Standard Profiles'!$G$21=$B$10,7,0)+IF('Standard Profiles'!$G$21=$B$17,14,0)+IF('Standard Profiles'!$G$21=$B$24,21,0),0)),0)</f>
        <v>0.4769805303379423</v>
      </c>
      <c r="H5096" cm="1">
        <f t="array" ref="H5096">IFERROR(INDEX(Jesper!AL$2:AL$366,ROUNDDOWN($C5096/24,0)+1,1)*INDEX($D$3:$AA$30,INDEX(Jesper!$R$2:$R$366,ROW(INDEX(Jesper!AL$2:AL$366,ROUNDDOWN($C5096/24,0)+1,1))-1)+IF('Standard Profiles'!$G$22=$B$10,7,0)+IF('Standard Profiles'!$G$22=$B$17,14,0)+IF('Standard Profiles'!$G$22=$B$24,21,0),MOD($C5096,24)+1)/SUM(INDEX($D$3:$AA$30,INDEX(Jesper!$R$2:$R$366,ROW(INDEX(Jesper!AL$2:AL$366,ROUNDDOWN($C5096/24,0)+1,1))-1)+IF('Standard Profiles'!$G$22=$B$10,7,0)+IF('Standard Profiles'!$G$22=$B$17,14,0)+IF('Standard Profiles'!$G$22=$B$24,21,0),0)),0)</f>
        <v>6.5478798229537935E-2</v>
      </c>
      <c r="I5096">
        <f t="shared" si="573"/>
        <v>6.2859646300356453E-2</v>
      </c>
      <c r="J5096">
        <f t="shared" si="574"/>
        <v>3.8805196291068413</v>
      </c>
      <c r="K5096">
        <f t="shared" si="575"/>
        <v>0.21661016729162763</v>
      </c>
      <c r="L5096">
        <f t="shared" si="576"/>
        <v>0.10830508364581382</v>
      </c>
      <c r="M5096">
        <f t="shared" si="577"/>
        <v>0</v>
      </c>
      <c r="N5096" s="45">
        <f t="shared" si="578"/>
        <v>45137.91666665439</v>
      </c>
    </row>
    <row r="5097" spans="2:14" x14ac:dyDescent="0.25">
      <c r="B5097">
        <f t="shared" si="572"/>
        <v>7</v>
      </c>
      <c r="C5097" s="16">
        <v>5063</v>
      </c>
      <c r="D5097" cm="1">
        <f t="array" ref="D5097">IFERROR(INDEX(Jesper!AH$2:AH$366,ROUNDDOWN($C5097/24,0)+1,1)*INDEX($D$3:$AA$30,INDEX(Jesper!$R$2:$R$366,ROW(INDEX(Jesper!AH$2:AH$366,ROUNDDOWN($C5097/24,0)+1,1))-1)+IF('Standard Profiles'!$G$18=$B$10,7,0)+IF('Standard Profiles'!$G$18=$B$17,14,0)+IF('Standard Profiles'!$G$18=$B$24,21,0),MOD($C5097,24)+1)/SUM(INDEX($D$3:$AA$30,INDEX(Jesper!$R$2:$R$366,ROW(INDEX(Jesper!AH$2:AH$366,ROUNDDOWN($C5097/24,0)+1,1))-1)+IF('Standard Profiles'!$G$18=$B$10,7,0)+IF('Standard Profiles'!$G$18=$B$17,14,0)+IF('Standard Profiles'!$G$18=$B$24,21,0),0)),0)</f>
        <v>0</v>
      </c>
      <c r="E5097" cm="1">
        <f t="array" ref="E5097">IFERROR(INDEX(Jesper!AI$2:AI$366,ROUNDDOWN($C5097/24,0)+1,1)*INDEX($D$3:$AA$30,INDEX(Jesper!$R$2:$R$366,ROW(INDEX(Jesper!AI$2:AI$366,ROUNDDOWN($C5097/24,0)+1,1))-1)+IF('Standard Profiles'!$G$19=$B$10,7,0)+IF('Standard Profiles'!$G$19=$B$17,14,0)+IF('Standard Profiles'!$G$19=$B$24,21,0),MOD($C5097,24)+1)/SUM(INDEX($D$3:$AA$30,INDEX(Jesper!$R$2:$R$366,ROW(INDEX(Jesper!AI$2:AI$366,ROUNDDOWN($C5097/24,0)+1,1))-1)+IF('Standard Profiles'!$G$19=$B$10,7,0)+IF('Standard Profiles'!$G$19=$B$17,14,0)+IF('Standard Profiles'!$G$19=$B$24,21,0),0)),0)</f>
        <v>2.7076270911453455</v>
      </c>
      <c r="F5097" cm="1">
        <f t="array" ref="F5097">IFERROR(INDEX(Jesper!AJ$2:AJ$366,ROUNDDOWN($C5097/24,0)+1,1)*INDEX($D$3:$AA$30,INDEX(Jesper!$R$2:$R$366,ROW(INDEX(Jesper!AJ$2:AJ$366,ROUNDDOWN($C5097/24,0)+1,1))-1)+IF('Standard Profiles'!$G$20=$B$10,7,0)+IF('Standard Profiles'!$G$20=$B$17,14,0)+IF('Standard Profiles'!$G$20=$B$24,21,0),MOD($C5097,24)+1)/SUM(INDEX($D$3:$AA$30,INDEX(Jesper!$R$2:$R$366,ROW(INDEX(Jesper!AJ$2:AJ$366,ROUNDDOWN($C5097/24,0)+1,1))-1)+IF('Standard Profiles'!$G$20=$B$10,7,0)+IF('Standard Profiles'!$G$20=$B$17,14,0)+IF('Standard Profiles'!$G$20=$B$24,21,0),0)),0)</f>
        <v>1.0182081066318136</v>
      </c>
      <c r="G5097" cm="1">
        <f t="array" ref="G5097">IFERROR(INDEX(Jesper!AK$2:AK$366,ROUNDDOWN($C5097/24,0)+1,1)*INDEX($D$3:$AA$30,INDEX(Jesper!$R$2:$R$366,ROW(INDEX(Jesper!AK$2:AK$366,ROUNDDOWN($C5097/24,0)+1,1))-1)+IF('Standard Profiles'!$G$21=$B$10,7,0)+IF('Standard Profiles'!$G$21=$B$17,14,0)+IF('Standard Profiles'!$G$21=$B$24,21,0),MOD($C5097,24)+1)/SUM(INDEX($D$3:$AA$30,INDEX(Jesper!$R$2:$R$366,ROW(INDEX(Jesper!AK$2:AK$366,ROUNDDOWN($C5097/24,0)+1,1))-1)+IF('Standard Profiles'!$G$21=$B$10,7,0)+IF('Standard Profiles'!$G$21=$B$17,14,0)+IF('Standard Profiles'!$G$21=$B$24,21,0),0)),0)</f>
        <v>0.4769805303379423</v>
      </c>
      <c r="H5097" cm="1">
        <f t="array" ref="H5097">IFERROR(INDEX(Jesper!AL$2:AL$366,ROUNDDOWN($C5097/24,0)+1,1)*INDEX($D$3:$AA$30,INDEX(Jesper!$R$2:$R$366,ROW(INDEX(Jesper!AL$2:AL$366,ROUNDDOWN($C5097/24,0)+1,1))-1)+IF('Standard Profiles'!$G$22=$B$10,7,0)+IF('Standard Profiles'!$G$22=$B$17,14,0)+IF('Standard Profiles'!$G$22=$B$24,21,0),MOD($C5097,24)+1)/SUM(INDEX($D$3:$AA$30,INDEX(Jesper!$R$2:$R$366,ROW(INDEX(Jesper!AL$2:AL$366,ROUNDDOWN($C5097/24,0)+1,1))-1)+IF('Standard Profiles'!$G$22=$B$10,7,0)+IF('Standard Profiles'!$G$22=$B$17,14,0)+IF('Standard Profiles'!$G$22=$B$24,21,0),0)),0)</f>
        <v>6.5478798229537935E-2</v>
      </c>
      <c r="I5097">
        <f t="shared" si="573"/>
        <v>6.2859646300356453E-2</v>
      </c>
      <c r="J5097">
        <f t="shared" si="574"/>
        <v>3.8805196291068413</v>
      </c>
      <c r="K5097">
        <f t="shared" si="575"/>
        <v>0.21661016729162763</v>
      </c>
      <c r="L5097">
        <f t="shared" si="576"/>
        <v>0.10830508364581382</v>
      </c>
      <c r="M5097">
        <f t="shared" si="577"/>
        <v>0</v>
      </c>
      <c r="N5097" s="45">
        <f t="shared" si="578"/>
        <v>45137.958333321054</v>
      </c>
    </row>
    <row r="5098" spans="2:14" x14ac:dyDescent="0.25">
      <c r="B5098">
        <f t="shared" si="572"/>
        <v>1</v>
      </c>
      <c r="C5098" s="16">
        <v>5064</v>
      </c>
      <c r="D5098" cm="1">
        <f t="array" ref="D5098">IFERROR(INDEX(Jesper!AH$2:AH$366,ROUNDDOWN($C5098/24,0)+1,1)*INDEX($D$3:$AA$30,INDEX(Jesper!$R$2:$R$366,ROW(INDEX(Jesper!AH$2:AH$366,ROUNDDOWN($C5098/24,0)+1,1))-1)+IF('Standard Profiles'!$G$18=$B$10,7,0)+IF('Standard Profiles'!$G$18=$B$17,14,0)+IF('Standard Profiles'!$G$18=$B$24,21,0),MOD($C5098,24)+1)/SUM(INDEX($D$3:$AA$30,INDEX(Jesper!$R$2:$R$366,ROW(INDEX(Jesper!AH$2:AH$366,ROUNDDOWN($C5098/24,0)+1,1))-1)+IF('Standard Profiles'!$G$18=$B$10,7,0)+IF('Standard Profiles'!$G$18=$B$17,14,0)+IF('Standard Profiles'!$G$18=$B$24,21,0),0)),0)</f>
        <v>5.0826987879638033</v>
      </c>
      <c r="E5098" cm="1">
        <f t="array" ref="E5098">IFERROR(INDEX(Jesper!AI$2:AI$366,ROUNDDOWN($C5098/24,0)+1,1)*INDEX($D$3:$AA$30,INDEX(Jesper!$R$2:$R$366,ROW(INDEX(Jesper!AI$2:AI$366,ROUNDDOWN($C5098/24,0)+1,1))-1)+IF('Standard Profiles'!$G$19=$B$10,7,0)+IF('Standard Profiles'!$G$19=$B$17,14,0)+IF('Standard Profiles'!$G$19=$B$24,21,0),MOD($C5098,24)+1)/SUM(INDEX($D$3:$AA$30,INDEX(Jesper!$R$2:$R$366,ROW(INDEX(Jesper!AI$2:AI$366,ROUNDDOWN($C5098/24,0)+1,1))-1)+IF('Standard Profiles'!$G$19=$B$10,7,0)+IF('Standard Profiles'!$G$19=$B$17,14,0)+IF('Standard Profiles'!$G$19=$B$24,21,0),0)),0)</f>
        <v>2.0873827399107077</v>
      </c>
      <c r="F5098" cm="1">
        <f t="array" ref="F5098">IFERROR(INDEX(Jesper!AJ$2:AJ$366,ROUNDDOWN($C5098/24,0)+1,1)*INDEX($D$3:$AA$30,INDEX(Jesper!$R$2:$R$366,ROW(INDEX(Jesper!AJ$2:AJ$366,ROUNDDOWN($C5098/24,0)+1,1))-1)+IF('Standard Profiles'!$G$20=$B$10,7,0)+IF('Standard Profiles'!$G$20=$B$17,14,0)+IF('Standard Profiles'!$G$20=$B$24,21,0),MOD($C5098,24)+1)/SUM(INDEX($D$3:$AA$30,INDEX(Jesper!$R$2:$R$366,ROW(INDEX(Jesper!AJ$2:AJ$366,ROUNDDOWN($C5098/24,0)+1,1))-1)+IF('Standard Profiles'!$G$20=$B$10,7,0)+IF('Standard Profiles'!$G$20=$B$17,14,0)+IF('Standard Profiles'!$G$20=$B$24,21,0),0)),0)</f>
        <v>0</v>
      </c>
      <c r="G5098" cm="1">
        <f t="array" ref="G5098">IFERROR(INDEX(Jesper!AK$2:AK$366,ROUNDDOWN($C5098/24,0)+1,1)*INDEX($D$3:$AA$30,INDEX(Jesper!$R$2:$R$366,ROW(INDEX(Jesper!AK$2:AK$366,ROUNDDOWN($C5098/24,0)+1,1))-1)+IF('Standard Profiles'!$G$21=$B$10,7,0)+IF('Standard Profiles'!$G$21=$B$17,14,0)+IF('Standard Profiles'!$G$21=$B$24,21,0),MOD($C5098,24)+1)/SUM(INDEX($D$3:$AA$30,INDEX(Jesper!$R$2:$R$366,ROW(INDEX(Jesper!AK$2:AK$366,ROUNDDOWN($C5098/24,0)+1,1))-1)+IF('Standard Profiles'!$G$21=$B$10,7,0)+IF('Standard Profiles'!$G$21=$B$17,14,0)+IF('Standard Profiles'!$G$21=$B$24,21,0),0)),0)</f>
        <v>6.1664432670167482E-2</v>
      </c>
      <c r="H5098" cm="1">
        <f t="array" ref="H5098">IFERROR(INDEX(Jesper!AL$2:AL$366,ROUNDDOWN($C5098/24,0)+1,1)*INDEX($D$3:$AA$30,INDEX(Jesper!$R$2:$R$366,ROW(INDEX(Jesper!AL$2:AL$366,ROUNDDOWN($C5098/24,0)+1,1))-1)+IF('Standard Profiles'!$G$22=$B$10,7,0)+IF('Standard Profiles'!$G$22=$B$17,14,0)+IF('Standard Profiles'!$G$22=$B$24,21,0),MOD($C5098,24)+1)/SUM(INDEX($D$3:$AA$30,INDEX(Jesper!$R$2:$R$366,ROW(INDEX(Jesper!AL$2:AL$366,ROUNDDOWN($C5098/24,0)+1,1))-1)+IF('Standard Profiles'!$G$22=$B$10,7,0)+IF('Standard Profiles'!$G$22=$B$17,14,0)+IF('Standard Profiles'!$G$22=$B$24,21,0),0)),0)</f>
        <v>0</v>
      </c>
      <c r="I5098">
        <f t="shared" si="573"/>
        <v>2.9598927681680376E-2</v>
      </c>
      <c r="J5098">
        <f t="shared" si="574"/>
        <v>6.3889152267887894</v>
      </c>
      <c r="K5098">
        <f t="shared" si="575"/>
        <v>0.54215453738280572</v>
      </c>
      <c r="L5098">
        <f t="shared" si="576"/>
        <v>0.27107726869140286</v>
      </c>
      <c r="M5098">
        <f t="shared" si="577"/>
        <v>0</v>
      </c>
      <c r="N5098" s="45">
        <f t="shared" si="578"/>
        <v>45137.999999987718</v>
      </c>
    </row>
    <row r="5099" spans="2:14" x14ac:dyDescent="0.25">
      <c r="B5099">
        <f t="shared" si="572"/>
        <v>1</v>
      </c>
      <c r="C5099" s="16">
        <v>5065</v>
      </c>
      <c r="D5099" cm="1">
        <f t="array" ref="D5099">IFERROR(INDEX(Jesper!AH$2:AH$366,ROUNDDOWN($C5099/24,0)+1,1)*INDEX($D$3:$AA$30,INDEX(Jesper!$R$2:$R$366,ROW(INDEX(Jesper!AH$2:AH$366,ROUNDDOWN($C5099/24,0)+1,1))-1)+IF('Standard Profiles'!$G$18=$B$10,7,0)+IF('Standard Profiles'!$G$18=$B$17,14,0)+IF('Standard Profiles'!$G$18=$B$24,21,0),MOD($C5099,24)+1)/SUM(INDEX($D$3:$AA$30,INDEX(Jesper!$R$2:$R$366,ROW(INDEX(Jesper!AH$2:AH$366,ROUNDDOWN($C5099/24,0)+1,1))-1)+IF('Standard Profiles'!$G$18=$B$10,7,0)+IF('Standard Profiles'!$G$18=$B$17,14,0)+IF('Standard Profiles'!$G$18=$B$24,21,0),0)),0)</f>
        <v>5.0826987879638033</v>
      </c>
      <c r="E5099" cm="1">
        <f t="array" ref="E5099">IFERROR(INDEX(Jesper!AI$2:AI$366,ROUNDDOWN($C5099/24,0)+1,1)*INDEX($D$3:$AA$30,INDEX(Jesper!$R$2:$R$366,ROW(INDEX(Jesper!AI$2:AI$366,ROUNDDOWN($C5099/24,0)+1,1))-1)+IF('Standard Profiles'!$G$19=$B$10,7,0)+IF('Standard Profiles'!$G$19=$B$17,14,0)+IF('Standard Profiles'!$G$19=$B$24,21,0),MOD($C5099,24)+1)/SUM(INDEX($D$3:$AA$30,INDEX(Jesper!$R$2:$R$366,ROW(INDEX(Jesper!AI$2:AI$366,ROUNDDOWN($C5099/24,0)+1,1))-1)+IF('Standard Profiles'!$G$19=$B$10,7,0)+IF('Standard Profiles'!$G$19=$B$17,14,0)+IF('Standard Profiles'!$G$19=$B$24,21,0),0)),0)</f>
        <v>2.0873827399107077</v>
      </c>
      <c r="F5099" cm="1">
        <f t="array" ref="F5099">IFERROR(INDEX(Jesper!AJ$2:AJ$366,ROUNDDOWN($C5099/24,0)+1,1)*INDEX($D$3:$AA$30,INDEX(Jesper!$R$2:$R$366,ROW(INDEX(Jesper!AJ$2:AJ$366,ROUNDDOWN($C5099/24,0)+1,1))-1)+IF('Standard Profiles'!$G$20=$B$10,7,0)+IF('Standard Profiles'!$G$20=$B$17,14,0)+IF('Standard Profiles'!$G$20=$B$24,21,0),MOD($C5099,24)+1)/SUM(INDEX($D$3:$AA$30,INDEX(Jesper!$R$2:$R$366,ROW(INDEX(Jesper!AJ$2:AJ$366,ROUNDDOWN($C5099/24,0)+1,1))-1)+IF('Standard Profiles'!$G$20=$B$10,7,0)+IF('Standard Profiles'!$G$20=$B$17,14,0)+IF('Standard Profiles'!$G$20=$B$24,21,0),0)),0)</f>
        <v>0</v>
      </c>
      <c r="G5099" cm="1">
        <f t="array" ref="G5099">IFERROR(INDEX(Jesper!AK$2:AK$366,ROUNDDOWN($C5099/24,0)+1,1)*INDEX($D$3:$AA$30,INDEX(Jesper!$R$2:$R$366,ROW(INDEX(Jesper!AK$2:AK$366,ROUNDDOWN($C5099/24,0)+1,1))-1)+IF('Standard Profiles'!$G$21=$B$10,7,0)+IF('Standard Profiles'!$G$21=$B$17,14,0)+IF('Standard Profiles'!$G$21=$B$24,21,0),MOD($C5099,24)+1)/SUM(INDEX($D$3:$AA$30,INDEX(Jesper!$R$2:$R$366,ROW(INDEX(Jesper!AK$2:AK$366,ROUNDDOWN($C5099/24,0)+1,1))-1)+IF('Standard Profiles'!$G$21=$B$10,7,0)+IF('Standard Profiles'!$G$21=$B$17,14,0)+IF('Standard Profiles'!$G$21=$B$24,21,0),0)),0)</f>
        <v>6.1664432670167482E-2</v>
      </c>
      <c r="H5099" cm="1">
        <f t="array" ref="H5099">IFERROR(INDEX(Jesper!AL$2:AL$366,ROUNDDOWN($C5099/24,0)+1,1)*INDEX($D$3:$AA$30,INDEX(Jesper!$R$2:$R$366,ROW(INDEX(Jesper!AL$2:AL$366,ROUNDDOWN($C5099/24,0)+1,1))-1)+IF('Standard Profiles'!$G$22=$B$10,7,0)+IF('Standard Profiles'!$G$22=$B$17,14,0)+IF('Standard Profiles'!$G$22=$B$24,21,0),MOD($C5099,24)+1)/SUM(INDEX($D$3:$AA$30,INDEX(Jesper!$R$2:$R$366,ROW(INDEX(Jesper!AL$2:AL$366,ROUNDDOWN($C5099/24,0)+1,1))-1)+IF('Standard Profiles'!$G$22=$B$10,7,0)+IF('Standard Profiles'!$G$22=$B$17,14,0)+IF('Standard Profiles'!$G$22=$B$24,21,0),0)),0)</f>
        <v>0</v>
      </c>
      <c r="I5099">
        <f t="shared" si="573"/>
        <v>2.9598927681680376E-2</v>
      </c>
      <c r="J5099">
        <f t="shared" si="574"/>
        <v>6.3889152267887894</v>
      </c>
      <c r="K5099">
        <f t="shared" si="575"/>
        <v>0.54215453738280572</v>
      </c>
      <c r="L5099">
        <f t="shared" si="576"/>
        <v>0.27107726869140286</v>
      </c>
      <c r="M5099">
        <f t="shared" si="577"/>
        <v>0</v>
      </c>
      <c r="N5099" s="45">
        <f t="shared" si="578"/>
        <v>45138.041666654382</v>
      </c>
    </row>
    <row r="5100" spans="2:14" x14ac:dyDescent="0.25">
      <c r="B5100">
        <f t="shared" si="572"/>
        <v>1</v>
      </c>
      <c r="C5100" s="16">
        <v>5066</v>
      </c>
      <c r="D5100" cm="1">
        <f t="array" ref="D5100">IFERROR(INDEX(Jesper!AH$2:AH$366,ROUNDDOWN($C5100/24,0)+1,1)*INDEX($D$3:$AA$30,INDEX(Jesper!$R$2:$R$366,ROW(INDEX(Jesper!AH$2:AH$366,ROUNDDOWN($C5100/24,0)+1,1))-1)+IF('Standard Profiles'!$G$18=$B$10,7,0)+IF('Standard Profiles'!$G$18=$B$17,14,0)+IF('Standard Profiles'!$G$18=$B$24,21,0),MOD($C5100,24)+1)/SUM(INDEX($D$3:$AA$30,INDEX(Jesper!$R$2:$R$366,ROW(INDEX(Jesper!AH$2:AH$366,ROUNDDOWN($C5100/24,0)+1,1))-1)+IF('Standard Profiles'!$G$18=$B$10,7,0)+IF('Standard Profiles'!$G$18=$B$17,14,0)+IF('Standard Profiles'!$G$18=$B$24,21,0),0)),0)</f>
        <v>5.0826987879638033</v>
      </c>
      <c r="E5100" cm="1">
        <f t="array" ref="E5100">IFERROR(INDEX(Jesper!AI$2:AI$366,ROUNDDOWN($C5100/24,0)+1,1)*INDEX($D$3:$AA$30,INDEX(Jesper!$R$2:$R$366,ROW(INDEX(Jesper!AI$2:AI$366,ROUNDDOWN($C5100/24,0)+1,1))-1)+IF('Standard Profiles'!$G$19=$B$10,7,0)+IF('Standard Profiles'!$G$19=$B$17,14,0)+IF('Standard Profiles'!$G$19=$B$24,21,0),MOD($C5100,24)+1)/SUM(INDEX($D$3:$AA$30,INDEX(Jesper!$R$2:$R$366,ROW(INDEX(Jesper!AI$2:AI$366,ROUNDDOWN($C5100/24,0)+1,1))-1)+IF('Standard Profiles'!$G$19=$B$10,7,0)+IF('Standard Profiles'!$G$19=$B$17,14,0)+IF('Standard Profiles'!$G$19=$B$24,21,0),0)),0)</f>
        <v>2.0873827399107077</v>
      </c>
      <c r="F5100" cm="1">
        <f t="array" ref="F5100">IFERROR(INDEX(Jesper!AJ$2:AJ$366,ROUNDDOWN($C5100/24,0)+1,1)*INDEX($D$3:$AA$30,INDEX(Jesper!$R$2:$R$366,ROW(INDEX(Jesper!AJ$2:AJ$366,ROUNDDOWN($C5100/24,0)+1,1))-1)+IF('Standard Profiles'!$G$20=$B$10,7,0)+IF('Standard Profiles'!$G$20=$B$17,14,0)+IF('Standard Profiles'!$G$20=$B$24,21,0),MOD($C5100,24)+1)/SUM(INDEX($D$3:$AA$30,INDEX(Jesper!$R$2:$R$366,ROW(INDEX(Jesper!AJ$2:AJ$366,ROUNDDOWN($C5100/24,0)+1,1))-1)+IF('Standard Profiles'!$G$20=$B$10,7,0)+IF('Standard Profiles'!$G$20=$B$17,14,0)+IF('Standard Profiles'!$G$20=$B$24,21,0),0)),0)</f>
        <v>0</v>
      </c>
      <c r="G5100" cm="1">
        <f t="array" ref="G5100">IFERROR(INDEX(Jesper!AK$2:AK$366,ROUNDDOWN($C5100/24,0)+1,1)*INDEX($D$3:$AA$30,INDEX(Jesper!$R$2:$R$366,ROW(INDEX(Jesper!AK$2:AK$366,ROUNDDOWN($C5100/24,0)+1,1))-1)+IF('Standard Profiles'!$G$21=$B$10,7,0)+IF('Standard Profiles'!$G$21=$B$17,14,0)+IF('Standard Profiles'!$G$21=$B$24,21,0),MOD($C5100,24)+1)/SUM(INDEX($D$3:$AA$30,INDEX(Jesper!$R$2:$R$366,ROW(INDEX(Jesper!AK$2:AK$366,ROUNDDOWN($C5100/24,0)+1,1))-1)+IF('Standard Profiles'!$G$21=$B$10,7,0)+IF('Standard Profiles'!$G$21=$B$17,14,0)+IF('Standard Profiles'!$G$21=$B$24,21,0),0)),0)</f>
        <v>6.1664432670167482E-2</v>
      </c>
      <c r="H5100" cm="1">
        <f t="array" ref="H5100">IFERROR(INDEX(Jesper!AL$2:AL$366,ROUNDDOWN($C5100/24,0)+1,1)*INDEX($D$3:$AA$30,INDEX(Jesper!$R$2:$R$366,ROW(INDEX(Jesper!AL$2:AL$366,ROUNDDOWN($C5100/24,0)+1,1))-1)+IF('Standard Profiles'!$G$22=$B$10,7,0)+IF('Standard Profiles'!$G$22=$B$17,14,0)+IF('Standard Profiles'!$G$22=$B$24,21,0),MOD($C5100,24)+1)/SUM(INDEX($D$3:$AA$30,INDEX(Jesper!$R$2:$R$366,ROW(INDEX(Jesper!AL$2:AL$366,ROUNDDOWN($C5100/24,0)+1,1))-1)+IF('Standard Profiles'!$G$22=$B$10,7,0)+IF('Standard Profiles'!$G$22=$B$17,14,0)+IF('Standard Profiles'!$G$22=$B$24,21,0),0)),0)</f>
        <v>0</v>
      </c>
      <c r="I5100">
        <f t="shared" si="573"/>
        <v>2.9598927681680376E-2</v>
      </c>
      <c r="J5100">
        <f t="shared" si="574"/>
        <v>6.3889152267887894</v>
      </c>
      <c r="K5100">
        <f t="shared" si="575"/>
        <v>0.54215453738280572</v>
      </c>
      <c r="L5100">
        <f t="shared" si="576"/>
        <v>0.27107726869140286</v>
      </c>
      <c r="M5100">
        <f t="shared" si="577"/>
        <v>0</v>
      </c>
      <c r="N5100" s="45">
        <f t="shared" si="578"/>
        <v>45138.083333321047</v>
      </c>
    </row>
    <row r="5101" spans="2:14" x14ac:dyDescent="0.25">
      <c r="B5101">
        <f t="shared" si="572"/>
        <v>1</v>
      </c>
      <c r="C5101" s="16">
        <v>5067</v>
      </c>
      <c r="D5101" cm="1">
        <f t="array" ref="D5101">IFERROR(INDEX(Jesper!AH$2:AH$366,ROUNDDOWN($C5101/24,0)+1,1)*INDEX($D$3:$AA$30,INDEX(Jesper!$R$2:$R$366,ROW(INDEX(Jesper!AH$2:AH$366,ROUNDDOWN($C5101/24,0)+1,1))-1)+IF('Standard Profiles'!$G$18=$B$10,7,0)+IF('Standard Profiles'!$G$18=$B$17,14,0)+IF('Standard Profiles'!$G$18=$B$24,21,0),MOD($C5101,24)+1)/SUM(INDEX($D$3:$AA$30,INDEX(Jesper!$R$2:$R$366,ROW(INDEX(Jesper!AH$2:AH$366,ROUNDDOWN($C5101/24,0)+1,1))-1)+IF('Standard Profiles'!$G$18=$B$10,7,0)+IF('Standard Profiles'!$G$18=$B$17,14,0)+IF('Standard Profiles'!$G$18=$B$24,21,0),0)),0)</f>
        <v>5.0826987879638033</v>
      </c>
      <c r="E5101" cm="1">
        <f t="array" ref="E5101">IFERROR(INDEX(Jesper!AI$2:AI$366,ROUNDDOWN($C5101/24,0)+1,1)*INDEX($D$3:$AA$30,INDEX(Jesper!$R$2:$R$366,ROW(INDEX(Jesper!AI$2:AI$366,ROUNDDOWN($C5101/24,0)+1,1))-1)+IF('Standard Profiles'!$G$19=$B$10,7,0)+IF('Standard Profiles'!$G$19=$B$17,14,0)+IF('Standard Profiles'!$G$19=$B$24,21,0),MOD($C5101,24)+1)/SUM(INDEX($D$3:$AA$30,INDEX(Jesper!$R$2:$R$366,ROW(INDEX(Jesper!AI$2:AI$366,ROUNDDOWN($C5101/24,0)+1,1))-1)+IF('Standard Profiles'!$G$19=$B$10,7,0)+IF('Standard Profiles'!$G$19=$B$17,14,0)+IF('Standard Profiles'!$G$19=$B$24,21,0),0)),0)</f>
        <v>2.0873827399107077</v>
      </c>
      <c r="F5101" cm="1">
        <f t="array" ref="F5101">IFERROR(INDEX(Jesper!AJ$2:AJ$366,ROUNDDOWN($C5101/24,0)+1,1)*INDEX($D$3:$AA$30,INDEX(Jesper!$R$2:$R$366,ROW(INDEX(Jesper!AJ$2:AJ$366,ROUNDDOWN($C5101/24,0)+1,1))-1)+IF('Standard Profiles'!$G$20=$B$10,7,0)+IF('Standard Profiles'!$G$20=$B$17,14,0)+IF('Standard Profiles'!$G$20=$B$24,21,0),MOD($C5101,24)+1)/SUM(INDEX($D$3:$AA$30,INDEX(Jesper!$R$2:$R$366,ROW(INDEX(Jesper!AJ$2:AJ$366,ROUNDDOWN($C5101/24,0)+1,1))-1)+IF('Standard Profiles'!$G$20=$B$10,7,0)+IF('Standard Profiles'!$G$20=$B$17,14,0)+IF('Standard Profiles'!$G$20=$B$24,21,0),0)),0)</f>
        <v>0</v>
      </c>
      <c r="G5101" cm="1">
        <f t="array" ref="G5101">IFERROR(INDEX(Jesper!AK$2:AK$366,ROUNDDOWN($C5101/24,0)+1,1)*INDEX($D$3:$AA$30,INDEX(Jesper!$R$2:$R$366,ROW(INDEX(Jesper!AK$2:AK$366,ROUNDDOWN($C5101/24,0)+1,1))-1)+IF('Standard Profiles'!$G$21=$B$10,7,0)+IF('Standard Profiles'!$G$21=$B$17,14,0)+IF('Standard Profiles'!$G$21=$B$24,21,0),MOD($C5101,24)+1)/SUM(INDEX($D$3:$AA$30,INDEX(Jesper!$R$2:$R$366,ROW(INDEX(Jesper!AK$2:AK$366,ROUNDDOWN($C5101/24,0)+1,1))-1)+IF('Standard Profiles'!$G$21=$B$10,7,0)+IF('Standard Profiles'!$G$21=$B$17,14,0)+IF('Standard Profiles'!$G$21=$B$24,21,0),0)),0)</f>
        <v>6.1664432670167482E-2</v>
      </c>
      <c r="H5101" cm="1">
        <f t="array" ref="H5101">IFERROR(INDEX(Jesper!AL$2:AL$366,ROUNDDOWN($C5101/24,0)+1,1)*INDEX($D$3:$AA$30,INDEX(Jesper!$R$2:$R$366,ROW(INDEX(Jesper!AL$2:AL$366,ROUNDDOWN($C5101/24,0)+1,1))-1)+IF('Standard Profiles'!$G$22=$B$10,7,0)+IF('Standard Profiles'!$G$22=$B$17,14,0)+IF('Standard Profiles'!$G$22=$B$24,21,0),MOD($C5101,24)+1)/SUM(INDEX($D$3:$AA$30,INDEX(Jesper!$R$2:$R$366,ROW(INDEX(Jesper!AL$2:AL$366,ROUNDDOWN($C5101/24,0)+1,1))-1)+IF('Standard Profiles'!$G$22=$B$10,7,0)+IF('Standard Profiles'!$G$22=$B$17,14,0)+IF('Standard Profiles'!$G$22=$B$24,21,0),0)),0)</f>
        <v>0</v>
      </c>
      <c r="I5101">
        <f t="shared" si="573"/>
        <v>2.9598927681680376E-2</v>
      </c>
      <c r="J5101">
        <f t="shared" si="574"/>
        <v>6.3889152267887894</v>
      </c>
      <c r="K5101">
        <f t="shared" si="575"/>
        <v>0.54215453738280572</v>
      </c>
      <c r="L5101">
        <f t="shared" si="576"/>
        <v>0.27107726869140286</v>
      </c>
      <c r="M5101">
        <f t="shared" si="577"/>
        <v>0</v>
      </c>
      <c r="N5101" s="45">
        <f t="shared" si="578"/>
        <v>45138.124999987711</v>
      </c>
    </row>
    <row r="5102" spans="2:14" x14ac:dyDescent="0.25">
      <c r="B5102">
        <f t="shared" si="572"/>
        <v>1</v>
      </c>
      <c r="C5102" s="16">
        <v>5068</v>
      </c>
      <c r="D5102" cm="1">
        <f t="array" ref="D5102">IFERROR(INDEX(Jesper!AH$2:AH$366,ROUNDDOWN($C5102/24,0)+1,1)*INDEX($D$3:$AA$30,INDEX(Jesper!$R$2:$R$366,ROW(INDEX(Jesper!AH$2:AH$366,ROUNDDOWN($C5102/24,0)+1,1))-1)+IF('Standard Profiles'!$G$18=$B$10,7,0)+IF('Standard Profiles'!$G$18=$B$17,14,0)+IF('Standard Profiles'!$G$18=$B$24,21,0),MOD($C5102,24)+1)/SUM(INDEX($D$3:$AA$30,INDEX(Jesper!$R$2:$R$366,ROW(INDEX(Jesper!AH$2:AH$366,ROUNDDOWN($C5102/24,0)+1,1))-1)+IF('Standard Profiles'!$G$18=$B$10,7,0)+IF('Standard Profiles'!$G$18=$B$17,14,0)+IF('Standard Profiles'!$G$18=$B$24,21,0),0)),0)</f>
        <v>5.0826987879638033</v>
      </c>
      <c r="E5102" cm="1">
        <f t="array" ref="E5102">IFERROR(INDEX(Jesper!AI$2:AI$366,ROUNDDOWN($C5102/24,0)+1,1)*INDEX($D$3:$AA$30,INDEX(Jesper!$R$2:$R$366,ROW(INDEX(Jesper!AI$2:AI$366,ROUNDDOWN($C5102/24,0)+1,1))-1)+IF('Standard Profiles'!$G$19=$B$10,7,0)+IF('Standard Profiles'!$G$19=$B$17,14,0)+IF('Standard Profiles'!$G$19=$B$24,21,0),MOD($C5102,24)+1)/SUM(INDEX($D$3:$AA$30,INDEX(Jesper!$R$2:$R$366,ROW(INDEX(Jesper!AI$2:AI$366,ROUNDDOWN($C5102/24,0)+1,1))-1)+IF('Standard Profiles'!$G$19=$B$10,7,0)+IF('Standard Profiles'!$G$19=$B$17,14,0)+IF('Standard Profiles'!$G$19=$B$24,21,0),0)),0)</f>
        <v>2.0873827399107077</v>
      </c>
      <c r="F5102" cm="1">
        <f t="array" ref="F5102">IFERROR(INDEX(Jesper!AJ$2:AJ$366,ROUNDDOWN($C5102/24,0)+1,1)*INDEX($D$3:$AA$30,INDEX(Jesper!$R$2:$R$366,ROW(INDEX(Jesper!AJ$2:AJ$366,ROUNDDOWN($C5102/24,0)+1,1))-1)+IF('Standard Profiles'!$G$20=$B$10,7,0)+IF('Standard Profiles'!$G$20=$B$17,14,0)+IF('Standard Profiles'!$G$20=$B$24,21,0),MOD($C5102,24)+1)/SUM(INDEX($D$3:$AA$30,INDEX(Jesper!$R$2:$R$366,ROW(INDEX(Jesper!AJ$2:AJ$366,ROUNDDOWN($C5102/24,0)+1,1))-1)+IF('Standard Profiles'!$G$20=$B$10,7,0)+IF('Standard Profiles'!$G$20=$B$17,14,0)+IF('Standard Profiles'!$G$20=$B$24,21,0),0)),0)</f>
        <v>0</v>
      </c>
      <c r="G5102" cm="1">
        <f t="array" ref="G5102">IFERROR(INDEX(Jesper!AK$2:AK$366,ROUNDDOWN($C5102/24,0)+1,1)*INDEX($D$3:$AA$30,INDEX(Jesper!$R$2:$R$366,ROW(INDEX(Jesper!AK$2:AK$366,ROUNDDOWN($C5102/24,0)+1,1))-1)+IF('Standard Profiles'!$G$21=$B$10,7,0)+IF('Standard Profiles'!$G$21=$B$17,14,0)+IF('Standard Profiles'!$G$21=$B$24,21,0),MOD($C5102,24)+1)/SUM(INDEX($D$3:$AA$30,INDEX(Jesper!$R$2:$R$366,ROW(INDEX(Jesper!AK$2:AK$366,ROUNDDOWN($C5102/24,0)+1,1))-1)+IF('Standard Profiles'!$G$21=$B$10,7,0)+IF('Standard Profiles'!$G$21=$B$17,14,0)+IF('Standard Profiles'!$G$21=$B$24,21,0),0)),0)</f>
        <v>6.1664432670167482E-2</v>
      </c>
      <c r="H5102" cm="1">
        <f t="array" ref="H5102">IFERROR(INDEX(Jesper!AL$2:AL$366,ROUNDDOWN($C5102/24,0)+1,1)*INDEX($D$3:$AA$30,INDEX(Jesper!$R$2:$R$366,ROW(INDEX(Jesper!AL$2:AL$366,ROUNDDOWN($C5102/24,0)+1,1))-1)+IF('Standard Profiles'!$G$22=$B$10,7,0)+IF('Standard Profiles'!$G$22=$B$17,14,0)+IF('Standard Profiles'!$G$22=$B$24,21,0),MOD($C5102,24)+1)/SUM(INDEX($D$3:$AA$30,INDEX(Jesper!$R$2:$R$366,ROW(INDEX(Jesper!AL$2:AL$366,ROUNDDOWN($C5102/24,0)+1,1))-1)+IF('Standard Profiles'!$G$22=$B$10,7,0)+IF('Standard Profiles'!$G$22=$B$17,14,0)+IF('Standard Profiles'!$G$22=$B$24,21,0),0)),0)</f>
        <v>0</v>
      </c>
      <c r="I5102">
        <f t="shared" si="573"/>
        <v>2.9598927681680376E-2</v>
      </c>
      <c r="J5102">
        <f t="shared" si="574"/>
        <v>6.3889152267887894</v>
      </c>
      <c r="K5102">
        <f t="shared" si="575"/>
        <v>0.54215453738280572</v>
      </c>
      <c r="L5102">
        <f t="shared" si="576"/>
        <v>0.27107726869140286</v>
      </c>
      <c r="M5102">
        <f t="shared" si="577"/>
        <v>0</v>
      </c>
      <c r="N5102" s="45">
        <f t="shared" si="578"/>
        <v>45138.166666654375</v>
      </c>
    </row>
    <row r="5103" spans="2:14" x14ac:dyDescent="0.25">
      <c r="B5103">
        <f t="shared" si="572"/>
        <v>1</v>
      </c>
      <c r="C5103" s="16">
        <v>5069</v>
      </c>
      <c r="D5103" cm="1">
        <f t="array" ref="D5103">IFERROR(INDEX(Jesper!AH$2:AH$366,ROUNDDOWN($C5103/24,0)+1,1)*INDEX($D$3:$AA$30,INDEX(Jesper!$R$2:$R$366,ROW(INDEX(Jesper!AH$2:AH$366,ROUNDDOWN($C5103/24,0)+1,1))-1)+IF('Standard Profiles'!$G$18=$B$10,7,0)+IF('Standard Profiles'!$G$18=$B$17,14,0)+IF('Standard Profiles'!$G$18=$B$24,21,0),MOD($C5103,24)+1)/SUM(INDEX($D$3:$AA$30,INDEX(Jesper!$R$2:$R$366,ROW(INDEX(Jesper!AH$2:AH$366,ROUNDDOWN($C5103/24,0)+1,1))-1)+IF('Standard Profiles'!$G$18=$B$10,7,0)+IF('Standard Profiles'!$G$18=$B$17,14,0)+IF('Standard Profiles'!$G$18=$B$24,21,0),0)),0)</f>
        <v>5.0826987879638033</v>
      </c>
      <c r="E5103" cm="1">
        <f t="array" ref="E5103">IFERROR(INDEX(Jesper!AI$2:AI$366,ROUNDDOWN($C5103/24,0)+1,1)*INDEX($D$3:$AA$30,INDEX(Jesper!$R$2:$R$366,ROW(INDEX(Jesper!AI$2:AI$366,ROUNDDOWN($C5103/24,0)+1,1))-1)+IF('Standard Profiles'!$G$19=$B$10,7,0)+IF('Standard Profiles'!$G$19=$B$17,14,0)+IF('Standard Profiles'!$G$19=$B$24,21,0),MOD($C5103,24)+1)/SUM(INDEX($D$3:$AA$30,INDEX(Jesper!$R$2:$R$366,ROW(INDEX(Jesper!AI$2:AI$366,ROUNDDOWN($C5103/24,0)+1,1))-1)+IF('Standard Profiles'!$G$19=$B$10,7,0)+IF('Standard Profiles'!$G$19=$B$17,14,0)+IF('Standard Profiles'!$G$19=$B$24,21,0),0)),0)</f>
        <v>2.0873827399107077</v>
      </c>
      <c r="F5103" cm="1">
        <f t="array" ref="F5103">IFERROR(INDEX(Jesper!AJ$2:AJ$366,ROUNDDOWN($C5103/24,0)+1,1)*INDEX($D$3:$AA$30,INDEX(Jesper!$R$2:$R$366,ROW(INDEX(Jesper!AJ$2:AJ$366,ROUNDDOWN($C5103/24,0)+1,1))-1)+IF('Standard Profiles'!$G$20=$B$10,7,0)+IF('Standard Profiles'!$G$20=$B$17,14,0)+IF('Standard Profiles'!$G$20=$B$24,21,0),MOD($C5103,24)+1)/SUM(INDEX($D$3:$AA$30,INDEX(Jesper!$R$2:$R$366,ROW(INDEX(Jesper!AJ$2:AJ$366,ROUNDDOWN($C5103/24,0)+1,1))-1)+IF('Standard Profiles'!$G$20=$B$10,7,0)+IF('Standard Profiles'!$G$20=$B$17,14,0)+IF('Standard Profiles'!$G$20=$B$24,21,0),0)),0)</f>
        <v>0</v>
      </c>
      <c r="G5103" cm="1">
        <f t="array" ref="G5103">IFERROR(INDEX(Jesper!AK$2:AK$366,ROUNDDOWN($C5103/24,0)+1,1)*INDEX($D$3:$AA$30,INDEX(Jesper!$R$2:$R$366,ROW(INDEX(Jesper!AK$2:AK$366,ROUNDDOWN($C5103/24,0)+1,1))-1)+IF('Standard Profiles'!$G$21=$B$10,7,0)+IF('Standard Profiles'!$G$21=$B$17,14,0)+IF('Standard Profiles'!$G$21=$B$24,21,0),MOD($C5103,24)+1)/SUM(INDEX($D$3:$AA$30,INDEX(Jesper!$R$2:$R$366,ROW(INDEX(Jesper!AK$2:AK$366,ROUNDDOWN($C5103/24,0)+1,1))-1)+IF('Standard Profiles'!$G$21=$B$10,7,0)+IF('Standard Profiles'!$G$21=$B$17,14,0)+IF('Standard Profiles'!$G$21=$B$24,21,0),0)),0)</f>
        <v>6.1664432670167482E-2</v>
      </c>
      <c r="H5103" cm="1">
        <f t="array" ref="H5103">IFERROR(INDEX(Jesper!AL$2:AL$366,ROUNDDOWN($C5103/24,0)+1,1)*INDEX($D$3:$AA$30,INDEX(Jesper!$R$2:$R$366,ROW(INDEX(Jesper!AL$2:AL$366,ROUNDDOWN($C5103/24,0)+1,1))-1)+IF('Standard Profiles'!$G$22=$B$10,7,0)+IF('Standard Profiles'!$G$22=$B$17,14,0)+IF('Standard Profiles'!$G$22=$B$24,21,0),MOD($C5103,24)+1)/SUM(INDEX($D$3:$AA$30,INDEX(Jesper!$R$2:$R$366,ROW(INDEX(Jesper!AL$2:AL$366,ROUNDDOWN($C5103/24,0)+1,1))-1)+IF('Standard Profiles'!$G$22=$B$10,7,0)+IF('Standard Profiles'!$G$22=$B$17,14,0)+IF('Standard Profiles'!$G$22=$B$24,21,0),0)),0)</f>
        <v>0</v>
      </c>
      <c r="I5103">
        <f t="shared" si="573"/>
        <v>2.9598927681680376E-2</v>
      </c>
      <c r="J5103">
        <f t="shared" si="574"/>
        <v>6.3889152267887894</v>
      </c>
      <c r="K5103">
        <f t="shared" si="575"/>
        <v>0.54215453738280572</v>
      </c>
      <c r="L5103">
        <f t="shared" si="576"/>
        <v>0.27107726869140286</v>
      </c>
      <c r="M5103">
        <f t="shared" si="577"/>
        <v>0</v>
      </c>
      <c r="N5103" s="45">
        <f t="shared" si="578"/>
        <v>45138.208333321039</v>
      </c>
    </row>
    <row r="5104" spans="2:14" x14ac:dyDescent="0.25">
      <c r="B5104">
        <f t="shared" si="572"/>
        <v>1</v>
      </c>
      <c r="C5104" s="16">
        <v>5070</v>
      </c>
      <c r="D5104" cm="1">
        <f t="array" ref="D5104">IFERROR(INDEX(Jesper!AH$2:AH$366,ROUNDDOWN($C5104/24,0)+1,1)*INDEX($D$3:$AA$30,INDEX(Jesper!$R$2:$R$366,ROW(INDEX(Jesper!AH$2:AH$366,ROUNDDOWN($C5104/24,0)+1,1))-1)+IF('Standard Profiles'!$G$18=$B$10,7,0)+IF('Standard Profiles'!$G$18=$B$17,14,0)+IF('Standard Profiles'!$G$18=$B$24,21,0),MOD($C5104,24)+1)/SUM(INDEX($D$3:$AA$30,INDEX(Jesper!$R$2:$R$366,ROW(INDEX(Jesper!AH$2:AH$366,ROUNDDOWN($C5104/24,0)+1,1))-1)+IF('Standard Profiles'!$G$18=$B$10,7,0)+IF('Standard Profiles'!$G$18=$B$17,14,0)+IF('Standard Profiles'!$G$18=$B$24,21,0),0)),0)</f>
        <v>5.0826987879638033</v>
      </c>
      <c r="E5104" cm="1">
        <f t="array" ref="E5104">IFERROR(INDEX(Jesper!AI$2:AI$366,ROUNDDOWN($C5104/24,0)+1,1)*INDEX($D$3:$AA$30,INDEX(Jesper!$R$2:$R$366,ROW(INDEX(Jesper!AI$2:AI$366,ROUNDDOWN($C5104/24,0)+1,1))-1)+IF('Standard Profiles'!$G$19=$B$10,7,0)+IF('Standard Profiles'!$G$19=$B$17,14,0)+IF('Standard Profiles'!$G$19=$B$24,21,0),MOD($C5104,24)+1)/SUM(INDEX($D$3:$AA$30,INDEX(Jesper!$R$2:$R$366,ROW(INDEX(Jesper!AI$2:AI$366,ROUNDDOWN($C5104/24,0)+1,1))-1)+IF('Standard Profiles'!$G$19=$B$10,7,0)+IF('Standard Profiles'!$G$19=$B$17,14,0)+IF('Standard Profiles'!$G$19=$B$24,21,0),0)),0)</f>
        <v>2.0873827399107077</v>
      </c>
      <c r="F5104" cm="1">
        <f t="array" ref="F5104">IFERROR(INDEX(Jesper!AJ$2:AJ$366,ROUNDDOWN($C5104/24,0)+1,1)*INDEX($D$3:$AA$30,INDEX(Jesper!$R$2:$R$366,ROW(INDEX(Jesper!AJ$2:AJ$366,ROUNDDOWN($C5104/24,0)+1,1))-1)+IF('Standard Profiles'!$G$20=$B$10,7,0)+IF('Standard Profiles'!$G$20=$B$17,14,0)+IF('Standard Profiles'!$G$20=$B$24,21,0),MOD($C5104,24)+1)/SUM(INDEX($D$3:$AA$30,INDEX(Jesper!$R$2:$R$366,ROW(INDEX(Jesper!AJ$2:AJ$366,ROUNDDOWN($C5104/24,0)+1,1))-1)+IF('Standard Profiles'!$G$20=$B$10,7,0)+IF('Standard Profiles'!$G$20=$B$17,14,0)+IF('Standard Profiles'!$G$20=$B$24,21,0),0)),0)</f>
        <v>0</v>
      </c>
      <c r="G5104" cm="1">
        <f t="array" ref="G5104">IFERROR(INDEX(Jesper!AK$2:AK$366,ROUNDDOWN($C5104/24,0)+1,1)*INDEX($D$3:$AA$30,INDEX(Jesper!$R$2:$R$366,ROW(INDEX(Jesper!AK$2:AK$366,ROUNDDOWN($C5104/24,0)+1,1))-1)+IF('Standard Profiles'!$G$21=$B$10,7,0)+IF('Standard Profiles'!$G$21=$B$17,14,0)+IF('Standard Profiles'!$G$21=$B$24,21,0),MOD($C5104,24)+1)/SUM(INDEX($D$3:$AA$30,INDEX(Jesper!$R$2:$R$366,ROW(INDEX(Jesper!AK$2:AK$366,ROUNDDOWN($C5104/24,0)+1,1))-1)+IF('Standard Profiles'!$G$21=$B$10,7,0)+IF('Standard Profiles'!$G$21=$B$17,14,0)+IF('Standard Profiles'!$G$21=$B$24,21,0),0)),0)</f>
        <v>6.1664432670167482E-2</v>
      </c>
      <c r="H5104" cm="1">
        <f t="array" ref="H5104">IFERROR(INDEX(Jesper!AL$2:AL$366,ROUNDDOWN($C5104/24,0)+1,1)*INDEX($D$3:$AA$30,INDEX(Jesper!$R$2:$R$366,ROW(INDEX(Jesper!AL$2:AL$366,ROUNDDOWN($C5104/24,0)+1,1))-1)+IF('Standard Profiles'!$G$22=$B$10,7,0)+IF('Standard Profiles'!$G$22=$B$17,14,0)+IF('Standard Profiles'!$G$22=$B$24,21,0),MOD($C5104,24)+1)/SUM(INDEX($D$3:$AA$30,INDEX(Jesper!$R$2:$R$366,ROW(INDEX(Jesper!AL$2:AL$366,ROUNDDOWN($C5104/24,0)+1,1))-1)+IF('Standard Profiles'!$G$22=$B$10,7,0)+IF('Standard Profiles'!$G$22=$B$17,14,0)+IF('Standard Profiles'!$G$22=$B$24,21,0),0)),0)</f>
        <v>0</v>
      </c>
      <c r="I5104">
        <f t="shared" si="573"/>
        <v>2.9598927681680376E-2</v>
      </c>
      <c r="J5104">
        <f t="shared" si="574"/>
        <v>6.3889152267887894</v>
      </c>
      <c r="K5104">
        <f t="shared" si="575"/>
        <v>0.54215453738280572</v>
      </c>
      <c r="L5104">
        <f t="shared" si="576"/>
        <v>0.27107726869140286</v>
      </c>
      <c r="M5104">
        <f t="shared" si="577"/>
        <v>0</v>
      </c>
      <c r="N5104" s="45">
        <f t="shared" si="578"/>
        <v>45138.249999987704</v>
      </c>
    </row>
    <row r="5105" spans="2:14" x14ac:dyDescent="0.25">
      <c r="B5105">
        <f t="shared" si="572"/>
        <v>1</v>
      </c>
      <c r="C5105" s="16">
        <v>5071</v>
      </c>
      <c r="D5105" cm="1">
        <f t="array" ref="D5105">IFERROR(INDEX(Jesper!AH$2:AH$366,ROUNDDOWN($C5105/24,0)+1,1)*INDEX($D$3:$AA$30,INDEX(Jesper!$R$2:$R$366,ROW(INDEX(Jesper!AH$2:AH$366,ROUNDDOWN($C5105/24,0)+1,1))-1)+IF('Standard Profiles'!$G$18=$B$10,7,0)+IF('Standard Profiles'!$G$18=$B$17,14,0)+IF('Standard Profiles'!$G$18=$B$24,21,0),MOD($C5105,24)+1)/SUM(INDEX($D$3:$AA$30,INDEX(Jesper!$R$2:$R$366,ROW(INDEX(Jesper!AH$2:AH$366,ROUNDDOWN($C5105/24,0)+1,1))-1)+IF('Standard Profiles'!$G$18=$B$10,7,0)+IF('Standard Profiles'!$G$18=$B$17,14,0)+IF('Standard Profiles'!$G$18=$B$24,21,0),0)),0)</f>
        <v>21.6522968367258</v>
      </c>
      <c r="E5105" cm="1">
        <f t="array" ref="E5105">IFERROR(INDEX(Jesper!AI$2:AI$366,ROUNDDOWN($C5105/24,0)+1,1)*INDEX($D$3:$AA$30,INDEX(Jesper!$R$2:$R$366,ROW(INDEX(Jesper!AI$2:AI$366,ROUNDDOWN($C5105/24,0)+1,1))-1)+IF('Standard Profiles'!$G$19=$B$10,7,0)+IF('Standard Profiles'!$G$19=$B$17,14,0)+IF('Standard Profiles'!$G$19=$B$24,21,0),MOD($C5105,24)+1)/SUM(INDEX($D$3:$AA$30,INDEX(Jesper!$R$2:$R$366,ROW(INDEX(Jesper!AI$2:AI$366,ROUNDDOWN($C5105/24,0)+1,1))-1)+IF('Standard Profiles'!$G$19=$B$10,7,0)+IF('Standard Profiles'!$G$19=$B$17,14,0)+IF('Standard Profiles'!$G$19=$B$24,21,0),0)),0)</f>
        <v>8.8922504720196134</v>
      </c>
      <c r="F5105" cm="1">
        <f t="array" ref="F5105">IFERROR(INDEX(Jesper!AJ$2:AJ$366,ROUNDDOWN($C5105/24,0)+1,1)*INDEX($D$3:$AA$30,INDEX(Jesper!$R$2:$R$366,ROW(INDEX(Jesper!AJ$2:AJ$366,ROUNDDOWN($C5105/24,0)+1,1))-1)+IF('Standard Profiles'!$G$20=$B$10,7,0)+IF('Standard Profiles'!$G$20=$B$17,14,0)+IF('Standard Profiles'!$G$20=$B$24,21,0),MOD($C5105,24)+1)/SUM(INDEX($D$3:$AA$30,INDEX(Jesper!$R$2:$R$366,ROW(INDEX(Jesper!AJ$2:AJ$366,ROUNDDOWN($C5105/24,0)+1,1))-1)+IF('Standard Profiles'!$G$20=$B$10,7,0)+IF('Standard Profiles'!$G$20=$B$17,14,0)+IF('Standard Profiles'!$G$20=$B$24,21,0),0)),0)</f>
        <v>0</v>
      </c>
      <c r="G5105" cm="1">
        <f t="array" ref="G5105">IFERROR(INDEX(Jesper!AK$2:AK$366,ROUNDDOWN($C5105/24,0)+1,1)*INDEX($D$3:$AA$30,INDEX(Jesper!$R$2:$R$366,ROW(INDEX(Jesper!AK$2:AK$366,ROUNDDOWN($C5105/24,0)+1,1))-1)+IF('Standard Profiles'!$G$21=$B$10,7,0)+IF('Standard Profiles'!$G$21=$B$17,14,0)+IF('Standard Profiles'!$G$21=$B$24,21,0),MOD($C5105,24)+1)/SUM(INDEX($D$3:$AA$30,INDEX(Jesper!$R$2:$R$366,ROW(INDEX(Jesper!AK$2:AK$366,ROUNDDOWN($C5105/24,0)+1,1))-1)+IF('Standard Profiles'!$G$21=$B$10,7,0)+IF('Standard Profiles'!$G$21=$B$17,14,0)+IF('Standard Profiles'!$G$21=$B$24,21,0),0)),0)</f>
        <v>0.26824028211522855</v>
      </c>
      <c r="H5105" cm="1">
        <f t="array" ref="H5105">IFERROR(INDEX(Jesper!AL$2:AL$366,ROUNDDOWN($C5105/24,0)+1,1)*INDEX($D$3:$AA$30,INDEX(Jesper!$R$2:$R$366,ROW(INDEX(Jesper!AL$2:AL$366,ROUNDDOWN($C5105/24,0)+1,1))-1)+IF('Standard Profiles'!$G$22=$B$10,7,0)+IF('Standard Profiles'!$G$22=$B$17,14,0)+IF('Standard Profiles'!$G$22=$B$24,21,0),MOD($C5105,24)+1)/SUM(INDEX($D$3:$AA$30,INDEX(Jesper!$R$2:$R$366,ROW(INDEX(Jesper!AL$2:AL$366,ROUNDDOWN($C5105/24,0)+1,1))-1)+IF('Standard Profiles'!$G$22=$B$10,7,0)+IF('Standard Profiles'!$G$22=$B$17,14,0)+IF('Standard Profiles'!$G$22=$B$24,21,0),0)),0)</f>
        <v>0</v>
      </c>
      <c r="I5105">
        <f t="shared" si="573"/>
        <v>0.12875533541530965</v>
      </c>
      <c r="J5105">
        <f t="shared" si="574"/>
        <v>27.219664761569202</v>
      </c>
      <c r="K5105">
        <f t="shared" si="575"/>
        <v>2.3095783292507521</v>
      </c>
      <c r="L5105">
        <f t="shared" si="576"/>
        <v>1.1547891646253761</v>
      </c>
      <c r="M5105">
        <f t="shared" si="577"/>
        <v>0</v>
      </c>
      <c r="N5105" s="45">
        <f t="shared" si="578"/>
        <v>45138.291666654368</v>
      </c>
    </row>
    <row r="5106" spans="2:14" x14ac:dyDescent="0.25">
      <c r="B5106">
        <f t="shared" si="572"/>
        <v>1</v>
      </c>
      <c r="C5106" s="16">
        <v>5072</v>
      </c>
      <c r="D5106" cm="1">
        <f t="array" ref="D5106">IFERROR(INDEX(Jesper!AH$2:AH$366,ROUNDDOWN($C5106/24,0)+1,1)*INDEX($D$3:$AA$30,INDEX(Jesper!$R$2:$R$366,ROW(INDEX(Jesper!AH$2:AH$366,ROUNDDOWN($C5106/24,0)+1,1))-1)+IF('Standard Profiles'!$G$18=$B$10,7,0)+IF('Standard Profiles'!$G$18=$B$17,14,0)+IF('Standard Profiles'!$G$18=$B$24,21,0),MOD($C5106,24)+1)/SUM(INDEX($D$3:$AA$30,INDEX(Jesper!$R$2:$R$366,ROW(INDEX(Jesper!AH$2:AH$366,ROUNDDOWN($C5106/24,0)+1,1))-1)+IF('Standard Profiles'!$G$18=$B$10,7,0)+IF('Standard Profiles'!$G$18=$B$17,14,0)+IF('Standard Profiles'!$G$18=$B$24,21,0),0)),0)</f>
        <v>24.358833941316526</v>
      </c>
      <c r="E5106" cm="1">
        <f t="array" ref="E5106">IFERROR(INDEX(Jesper!AI$2:AI$366,ROUNDDOWN($C5106/24,0)+1,1)*INDEX($D$3:$AA$30,INDEX(Jesper!$R$2:$R$366,ROW(INDEX(Jesper!AI$2:AI$366,ROUNDDOWN($C5106/24,0)+1,1))-1)+IF('Standard Profiles'!$G$19=$B$10,7,0)+IF('Standard Profiles'!$G$19=$B$17,14,0)+IF('Standard Profiles'!$G$19=$B$24,21,0),MOD($C5106,24)+1)/SUM(INDEX($D$3:$AA$30,INDEX(Jesper!$R$2:$R$366,ROW(INDEX(Jesper!AI$2:AI$366,ROUNDDOWN($C5106/24,0)+1,1))-1)+IF('Standard Profiles'!$G$19=$B$10,7,0)+IF('Standard Profiles'!$G$19=$B$17,14,0)+IF('Standard Profiles'!$G$19=$B$24,21,0),0)),0)</f>
        <v>10.003781781022067</v>
      </c>
      <c r="F5106" cm="1">
        <f t="array" ref="F5106">IFERROR(INDEX(Jesper!AJ$2:AJ$366,ROUNDDOWN($C5106/24,0)+1,1)*INDEX($D$3:$AA$30,INDEX(Jesper!$R$2:$R$366,ROW(INDEX(Jesper!AJ$2:AJ$366,ROUNDDOWN($C5106/24,0)+1,1))-1)+IF('Standard Profiles'!$G$20=$B$10,7,0)+IF('Standard Profiles'!$G$20=$B$17,14,0)+IF('Standard Profiles'!$G$20=$B$24,21,0),MOD($C5106,24)+1)/SUM(INDEX($D$3:$AA$30,INDEX(Jesper!$R$2:$R$366,ROW(INDEX(Jesper!AJ$2:AJ$366,ROUNDDOWN($C5106/24,0)+1,1))-1)+IF('Standard Profiles'!$G$20=$B$10,7,0)+IF('Standard Profiles'!$G$20=$B$17,14,0)+IF('Standard Profiles'!$G$20=$B$24,21,0),0)),0)</f>
        <v>0</v>
      </c>
      <c r="G5106" cm="1">
        <f t="array" ref="G5106">IFERROR(INDEX(Jesper!AK$2:AK$366,ROUNDDOWN($C5106/24,0)+1,1)*INDEX($D$3:$AA$30,INDEX(Jesper!$R$2:$R$366,ROW(INDEX(Jesper!AK$2:AK$366,ROUNDDOWN($C5106/24,0)+1,1))-1)+IF('Standard Profiles'!$G$21=$B$10,7,0)+IF('Standard Profiles'!$G$21=$B$17,14,0)+IF('Standard Profiles'!$G$21=$B$24,21,0),MOD($C5106,24)+1)/SUM(INDEX($D$3:$AA$30,INDEX(Jesper!$R$2:$R$366,ROW(INDEX(Jesper!AK$2:AK$366,ROUNDDOWN($C5106/24,0)+1,1))-1)+IF('Standard Profiles'!$G$21=$B$10,7,0)+IF('Standard Profiles'!$G$21=$B$17,14,0)+IF('Standard Profiles'!$G$21=$B$24,21,0),0)),0)</f>
        <v>0.30177031737963211</v>
      </c>
      <c r="H5106" cm="1">
        <f t="array" ref="H5106">IFERROR(INDEX(Jesper!AL$2:AL$366,ROUNDDOWN($C5106/24,0)+1,1)*INDEX($D$3:$AA$30,INDEX(Jesper!$R$2:$R$366,ROW(INDEX(Jesper!AL$2:AL$366,ROUNDDOWN($C5106/24,0)+1,1))-1)+IF('Standard Profiles'!$G$22=$B$10,7,0)+IF('Standard Profiles'!$G$22=$B$17,14,0)+IF('Standard Profiles'!$G$22=$B$24,21,0),MOD($C5106,24)+1)/SUM(INDEX($D$3:$AA$30,INDEX(Jesper!$R$2:$R$366,ROW(INDEX(Jesper!AL$2:AL$366,ROUNDDOWN($C5106/24,0)+1,1))-1)+IF('Standard Profiles'!$G$22=$B$10,7,0)+IF('Standard Profiles'!$G$22=$B$17,14,0)+IF('Standard Profiles'!$G$22=$B$24,21,0),0)),0)</f>
        <v>0</v>
      </c>
      <c r="I5106">
        <f t="shared" si="573"/>
        <v>0.14484975234222333</v>
      </c>
      <c r="J5106">
        <f t="shared" si="574"/>
        <v>30.622122856765358</v>
      </c>
      <c r="K5106">
        <f t="shared" si="575"/>
        <v>2.598275620407096</v>
      </c>
      <c r="L5106">
        <f t="shared" si="576"/>
        <v>1.299137810203548</v>
      </c>
      <c r="M5106">
        <f t="shared" si="577"/>
        <v>0</v>
      </c>
      <c r="N5106" s="45">
        <f t="shared" si="578"/>
        <v>45138.333333321032</v>
      </c>
    </row>
    <row r="5107" spans="2:14" x14ac:dyDescent="0.25">
      <c r="B5107">
        <f t="shared" si="572"/>
        <v>1</v>
      </c>
      <c r="C5107" s="16">
        <v>5073</v>
      </c>
      <c r="D5107" cm="1">
        <f t="array" ref="D5107">IFERROR(INDEX(Jesper!AH$2:AH$366,ROUNDDOWN($C5107/24,0)+1,1)*INDEX($D$3:$AA$30,INDEX(Jesper!$R$2:$R$366,ROW(INDEX(Jesper!AH$2:AH$366,ROUNDDOWN($C5107/24,0)+1,1))-1)+IF('Standard Profiles'!$G$18=$B$10,7,0)+IF('Standard Profiles'!$G$18=$B$17,14,0)+IF('Standard Profiles'!$G$18=$B$24,21,0),MOD($C5107,24)+1)/SUM(INDEX($D$3:$AA$30,INDEX(Jesper!$R$2:$R$366,ROW(INDEX(Jesper!AH$2:AH$366,ROUNDDOWN($C5107/24,0)+1,1))-1)+IF('Standard Profiles'!$G$18=$B$10,7,0)+IF('Standard Profiles'!$G$18=$B$17,14,0)+IF('Standard Profiles'!$G$18=$B$24,21,0),0)),0)</f>
        <v>27.065371045907252</v>
      </c>
      <c r="E5107" cm="1">
        <f t="array" ref="E5107">IFERROR(INDEX(Jesper!AI$2:AI$366,ROUNDDOWN($C5107/24,0)+1,1)*INDEX($D$3:$AA$30,INDEX(Jesper!$R$2:$R$366,ROW(INDEX(Jesper!AI$2:AI$366,ROUNDDOWN($C5107/24,0)+1,1))-1)+IF('Standard Profiles'!$G$19=$B$10,7,0)+IF('Standard Profiles'!$G$19=$B$17,14,0)+IF('Standard Profiles'!$G$19=$B$24,21,0),MOD($C5107,24)+1)/SUM(INDEX($D$3:$AA$30,INDEX(Jesper!$R$2:$R$366,ROW(INDEX(Jesper!AI$2:AI$366,ROUNDDOWN($C5107/24,0)+1,1))-1)+IF('Standard Profiles'!$G$19=$B$10,7,0)+IF('Standard Profiles'!$G$19=$B$17,14,0)+IF('Standard Profiles'!$G$19=$B$24,21,0),0)),0)</f>
        <v>11.115313090024516</v>
      </c>
      <c r="F5107" cm="1">
        <f t="array" ref="F5107">IFERROR(INDEX(Jesper!AJ$2:AJ$366,ROUNDDOWN($C5107/24,0)+1,1)*INDEX($D$3:$AA$30,INDEX(Jesper!$R$2:$R$366,ROW(INDEX(Jesper!AJ$2:AJ$366,ROUNDDOWN($C5107/24,0)+1,1))-1)+IF('Standard Profiles'!$G$20=$B$10,7,0)+IF('Standard Profiles'!$G$20=$B$17,14,0)+IF('Standard Profiles'!$G$20=$B$24,21,0),MOD($C5107,24)+1)/SUM(INDEX($D$3:$AA$30,INDEX(Jesper!$R$2:$R$366,ROW(INDEX(Jesper!AJ$2:AJ$366,ROUNDDOWN($C5107/24,0)+1,1))-1)+IF('Standard Profiles'!$G$20=$B$10,7,0)+IF('Standard Profiles'!$G$20=$B$17,14,0)+IF('Standard Profiles'!$G$20=$B$24,21,0),0)),0)</f>
        <v>0</v>
      </c>
      <c r="G5107" cm="1">
        <f t="array" ref="G5107">IFERROR(INDEX(Jesper!AK$2:AK$366,ROUNDDOWN($C5107/24,0)+1,1)*INDEX($D$3:$AA$30,INDEX(Jesper!$R$2:$R$366,ROW(INDEX(Jesper!AK$2:AK$366,ROUNDDOWN($C5107/24,0)+1,1))-1)+IF('Standard Profiles'!$G$21=$B$10,7,0)+IF('Standard Profiles'!$G$21=$B$17,14,0)+IF('Standard Profiles'!$G$21=$B$24,21,0),MOD($C5107,24)+1)/SUM(INDEX($D$3:$AA$30,INDEX(Jesper!$R$2:$R$366,ROW(INDEX(Jesper!AK$2:AK$366,ROUNDDOWN($C5107/24,0)+1,1))-1)+IF('Standard Profiles'!$G$21=$B$10,7,0)+IF('Standard Profiles'!$G$21=$B$17,14,0)+IF('Standard Profiles'!$G$21=$B$24,21,0),0)),0)</f>
        <v>0.33530035264403563</v>
      </c>
      <c r="H5107" cm="1">
        <f t="array" ref="H5107">IFERROR(INDEX(Jesper!AL$2:AL$366,ROUNDDOWN($C5107/24,0)+1,1)*INDEX($D$3:$AA$30,INDEX(Jesper!$R$2:$R$366,ROW(INDEX(Jesper!AL$2:AL$366,ROUNDDOWN($C5107/24,0)+1,1))-1)+IF('Standard Profiles'!$G$22=$B$10,7,0)+IF('Standard Profiles'!$G$22=$B$17,14,0)+IF('Standard Profiles'!$G$22=$B$24,21,0),MOD($C5107,24)+1)/SUM(INDEX($D$3:$AA$30,INDEX(Jesper!$R$2:$R$366,ROW(INDEX(Jesper!AL$2:AL$366,ROUNDDOWN($C5107/24,0)+1,1))-1)+IF('Standard Profiles'!$G$22=$B$10,7,0)+IF('Standard Profiles'!$G$22=$B$17,14,0)+IF('Standard Profiles'!$G$22=$B$24,21,0),0)),0)</f>
        <v>0</v>
      </c>
      <c r="I5107">
        <f t="shared" si="573"/>
        <v>0.16094416926913702</v>
      </c>
      <c r="J5107">
        <f t="shared" si="574"/>
        <v>34.024580951961504</v>
      </c>
      <c r="K5107">
        <f t="shared" si="575"/>
        <v>2.8869729115634404</v>
      </c>
      <c r="L5107">
        <f t="shared" si="576"/>
        <v>1.4434864557817202</v>
      </c>
      <c r="M5107">
        <f t="shared" si="577"/>
        <v>0</v>
      </c>
      <c r="N5107" s="45">
        <f t="shared" si="578"/>
        <v>45138.374999987696</v>
      </c>
    </row>
    <row r="5108" spans="2:14" x14ac:dyDescent="0.25">
      <c r="B5108">
        <f t="shared" si="572"/>
        <v>1</v>
      </c>
      <c r="C5108" s="16">
        <v>5074</v>
      </c>
      <c r="D5108" cm="1">
        <f t="array" ref="D5108">IFERROR(INDEX(Jesper!AH$2:AH$366,ROUNDDOWN($C5108/24,0)+1,1)*INDEX($D$3:$AA$30,INDEX(Jesper!$R$2:$R$366,ROW(INDEX(Jesper!AH$2:AH$366,ROUNDDOWN($C5108/24,0)+1,1))-1)+IF('Standard Profiles'!$G$18=$B$10,7,0)+IF('Standard Profiles'!$G$18=$B$17,14,0)+IF('Standard Profiles'!$G$18=$B$24,21,0),MOD($C5108,24)+1)/SUM(INDEX($D$3:$AA$30,INDEX(Jesper!$R$2:$R$366,ROW(INDEX(Jesper!AH$2:AH$366,ROUNDDOWN($C5108/24,0)+1,1))-1)+IF('Standard Profiles'!$G$18=$B$10,7,0)+IF('Standard Profiles'!$G$18=$B$17,14,0)+IF('Standard Profiles'!$G$18=$B$24,21,0),0)),0)</f>
        <v>27.065371045907252</v>
      </c>
      <c r="E5108" cm="1">
        <f t="array" ref="E5108">IFERROR(INDEX(Jesper!AI$2:AI$366,ROUNDDOWN($C5108/24,0)+1,1)*INDEX($D$3:$AA$30,INDEX(Jesper!$R$2:$R$366,ROW(INDEX(Jesper!AI$2:AI$366,ROUNDDOWN($C5108/24,0)+1,1))-1)+IF('Standard Profiles'!$G$19=$B$10,7,0)+IF('Standard Profiles'!$G$19=$B$17,14,0)+IF('Standard Profiles'!$G$19=$B$24,21,0),MOD($C5108,24)+1)/SUM(INDEX($D$3:$AA$30,INDEX(Jesper!$R$2:$R$366,ROW(INDEX(Jesper!AI$2:AI$366,ROUNDDOWN($C5108/24,0)+1,1))-1)+IF('Standard Profiles'!$G$19=$B$10,7,0)+IF('Standard Profiles'!$G$19=$B$17,14,0)+IF('Standard Profiles'!$G$19=$B$24,21,0),0)),0)</f>
        <v>11.115313090024516</v>
      </c>
      <c r="F5108" cm="1">
        <f t="array" ref="F5108">IFERROR(INDEX(Jesper!AJ$2:AJ$366,ROUNDDOWN($C5108/24,0)+1,1)*INDEX($D$3:$AA$30,INDEX(Jesper!$R$2:$R$366,ROW(INDEX(Jesper!AJ$2:AJ$366,ROUNDDOWN($C5108/24,0)+1,1))-1)+IF('Standard Profiles'!$G$20=$B$10,7,0)+IF('Standard Profiles'!$G$20=$B$17,14,0)+IF('Standard Profiles'!$G$20=$B$24,21,0),MOD($C5108,24)+1)/SUM(INDEX($D$3:$AA$30,INDEX(Jesper!$R$2:$R$366,ROW(INDEX(Jesper!AJ$2:AJ$366,ROUNDDOWN($C5108/24,0)+1,1))-1)+IF('Standard Profiles'!$G$20=$B$10,7,0)+IF('Standard Profiles'!$G$20=$B$17,14,0)+IF('Standard Profiles'!$G$20=$B$24,21,0),0)),0)</f>
        <v>0</v>
      </c>
      <c r="G5108" cm="1">
        <f t="array" ref="G5108">IFERROR(INDEX(Jesper!AK$2:AK$366,ROUNDDOWN($C5108/24,0)+1,1)*INDEX($D$3:$AA$30,INDEX(Jesper!$R$2:$R$366,ROW(INDEX(Jesper!AK$2:AK$366,ROUNDDOWN($C5108/24,0)+1,1))-1)+IF('Standard Profiles'!$G$21=$B$10,7,0)+IF('Standard Profiles'!$G$21=$B$17,14,0)+IF('Standard Profiles'!$G$21=$B$24,21,0),MOD($C5108,24)+1)/SUM(INDEX($D$3:$AA$30,INDEX(Jesper!$R$2:$R$366,ROW(INDEX(Jesper!AK$2:AK$366,ROUNDDOWN($C5108/24,0)+1,1))-1)+IF('Standard Profiles'!$G$21=$B$10,7,0)+IF('Standard Profiles'!$G$21=$B$17,14,0)+IF('Standard Profiles'!$G$21=$B$24,21,0),0)),0)</f>
        <v>0.33530035264403563</v>
      </c>
      <c r="H5108" cm="1">
        <f t="array" ref="H5108">IFERROR(INDEX(Jesper!AL$2:AL$366,ROUNDDOWN($C5108/24,0)+1,1)*INDEX($D$3:$AA$30,INDEX(Jesper!$R$2:$R$366,ROW(INDEX(Jesper!AL$2:AL$366,ROUNDDOWN($C5108/24,0)+1,1))-1)+IF('Standard Profiles'!$G$22=$B$10,7,0)+IF('Standard Profiles'!$G$22=$B$17,14,0)+IF('Standard Profiles'!$G$22=$B$24,21,0),MOD($C5108,24)+1)/SUM(INDEX($D$3:$AA$30,INDEX(Jesper!$R$2:$R$366,ROW(INDEX(Jesper!AL$2:AL$366,ROUNDDOWN($C5108/24,0)+1,1))-1)+IF('Standard Profiles'!$G$22=$B$10,7,0)+IF('Standard Profiles'!$G$22=$B$17,14,0)+IF('Standard Profiles'!$G$22=$B$24,21,0),0)),0)</f>
        <v>0</v>
      </c>
      <c r="I5108">
        <f t="shared" si="573"/>
        <v>0.16094416926913702</v>
      </c>
      <c r="J5108">
        <f t="shared" si="574"/>
        <v>34.024580951961504</v>
      </c>
      <c r="K5108">
        <f t="shared" si="575"/>
        <v>2.8869729115634404</v>
      </c>
      <c r="L5108">
        <f t="shared" si="576"/>
        <v>1.4434864557817202</v>
      </c>
      <c r="M5108">
        <f t="shared" si="577"/>
        <v>0</v>
      </c>
      <c r="N5108" s="45">
        <f t="shared" si="578"/>
        <v>45138.416666654361</v>
      </c>
    </row>
    <row r="5109" spans="2:14" x14ac:dyDescent="0.25">
      <c r="B5109">
        <f t="shared" si="572"/>
        <v>1</v>
      </c>
      <c r="C5109" s="16">
        <v>5075</v>
      </c>
      <c r="D5109" cm="1">
        <f t="array" ref="D5109">IFERROR(INDEX(Jesper!AH$2:AH$366,ROUNDDOWN($C5109/24,0)+1,1)*INDEX($D$3:$AA$30,INDEX(Jesper!$R$2:$R$366,ROW(INDEX(Jesper!AH$2:AH$366,ROUNDDOWN($C5109/24,0)+1,1))-1)+IF('Standard Profiles'!$G$18=$B$10,7,0)+IF('Standard Profiles'!$G$18=$B$17,14,0)+IF('Standard Profiles'!$G$18=$B$24,21,0),MOD($C5109,24)+1)/SUM(INDEX($D$3:$AA$30,INDEX(Jesper!$R$2:$R$366,ROW(INDEX(Jesper!AH$2:AH$366,ROUNDDOWN($C5109/24,0)+1,1))-1)+IF('Standard Profiles'!$G$18=$B$10,7,0)+IF('Standard Profiles'!$G$18=$B$17,14,0)+IF('Standard Profiles'!$G$18=$B$24,21,0),0)),0)</f>
        <v>32.478445255088701</v>
      </c>
      <c r="E5109" cm="1">
        <f t="array" ref="E5109">IFERROR(INDEX(Jesper!AI$2:AI$366,ROUNDDOWN($C5109/24,0)+1,1)*INDEX($D$3:$AA$30,INDEX(Jesper!$R$2:$R$366,ROW(INDEX(Jesper!AI$2:AI$366,ROUNDDOWN($C5109/24,0)+1,1))-1)+IF('Standard Profiles'!$G$19=$B$10,7,0)+IF('Standard Profiles'!$G$19=$B$17,14,0)+IF('Standard Profiles'!$G$19=$B$24,21,0),MOD($C5109,24)+1)/SUM(INDEX($D$3:$AA$30,INDEX(Jesper!$R$2:$R$366,ROW(INDEX(Jesper!AI$2:AI$366,ROUNDDOWN($C5109/24,0)+1,1))-1)+IF('Standard Profiles'!$G$19=$B$10,7,0)+IF('Standard Profiles'!$G$19=$B$17,14,0)+IF('Standard Profiles'!$G$19=$B$24,21,0),0)),0)</f>
        <v>13.338375708029419</v>
      </c>
      <c r="F5109" cm="1">
        <f t="array" ref="F5109">IFERROR(INDEX(Jesper!AJ$2:AJ$366,ROUNDDOWN($C5109/24,0)+1,1)*INDEX($D$3:$AA$30,INDEX(Jesper!$R$2:$R$366,ROW(INDEX(Jesper!AJ$2:AJ$366,ROUNDDOWN($C5109/24,0)+1,1))-1)+IF('Standard Profiles'!$G$20=$B$10,7,0)+IF('Standard Profiles'!$G$20=$B$17,14,0)+IF('Standard Profiles'!$G$20=$B$24,21,0),MOD($C5109,24)+1)/SUM(INDEX($D$3:$AA$30,INDEX(Jesper!$R$2:$R$366,ROW(INDEX(Jesper!AJ$2:AJ$366,ROUNDDOWN($C5109/24,0)+1,1))-1)+IF('Standard Profiles'!$G$20=$B$10,7,0)+IF('Standard Profiles'!$G$20=$B$17,14,0)+IF('Standard Profiles'!$G$20=$B$24,21,0),0)),0)</f>
        <v>0</v>
      </c>
      <c r="G5109" cm="1">
        <f t="array" ref="G5109">IFERROR(INDEX(Jesper!AK$2:AK$366,ROUNDDOWN($C5109/24,0)+1,1)*INDEX($D$3:$AA$30,INDEX(Jesper!$R$2:$R$366,ROW(INDEX(Jesper!AK$2:AK$366,ROUNDDOWN($C5109/24,0)+1,1))-1)+IF('Standard Profiles'!$G$21=$B$10,7,0)+IF('Standard Profiles'!$G$21=$B$17,14,0)+IF('Standard Profiles'!$G$21=$B$24,21,0),MOD($C5109,24)+1)/SUM(INDEX($D$3:$AA$30,INDEX(Jesper!$R$2:$R$366,ROW(INDEX(Jesper!AK$2:AK$366,ROUNDDOWN($C5109/24,0)+1,1))-1)+IF('Standard Profiles'!$G$21=$B$10,7,0)+IF('Standard Profiles'!$G$21=$B$17,14,0)+IF('Standard Profiles'!$G$21=$B$24,21,0),0)),0)</f>
        <v>0.40236042317284271</v>
      </c>
      <c r="H5109" cm="1">
        <f t="array" ref="H5109">IFERROR(INDEX(Jesper!AL$2:AL$366,ROUNDDOWN($C5109/24,0)+1,1)*INDEX($D$3:$AA$30,INDEX(Jesper!$R$2:$R$366,ROW(INDEX(Jesper!AL$2:AL$366,ROUNDDOWN($C5109/24,0)+1,1))-1)+IF('Standard Profiles'!$G$22=$B$10,7,0)+IF('Standard Profiles'!$G$22=$B$17,14,0)+IF('Standard Profiles'!$G$22=$B$24,21,0),MOD($C5109,24)+1)/SUM(INDEX($D$3:$AA$30,INDEX(Jesper!$R$2:$R$366,ROW(INDEX(Jesper!AL$2:AL$366,ROUNDDOWN($C5109/24,0)+1,1))-1)+IF('Standard Profiles'!$G$22=$B$10,7,0)+IF('Standard Profiles'!$G$22=$B$17,14,0)+IF('Standard Profiles'!$G$22=$B$24,21,0),0)),0)</f>
        <v>0</v>
      </c>
      <c r="I5109">
        <f t="shared" si="573"/>
        <v>0.19313300312296441</v>
      </c>
      <c r="J5109">
        <f t="shared" si="574"/>
        <v>40.829497142353802</v>
      </c>
      <c r="K5109">
        <f t="shared" si="575"/>
        <v>3.4643674938761282</v>
      </c>
      <c r="L5109">
        <f t="shared" si="576"/>
        <v>1.7321837469380641</v>
      </c>
      <c r="M5109">
        <f t="shared" si="577"/>
        <v>0</v>
      </c>
      <c r="N5109" s="45">
        <f t="shared" si="578"/>
        <v>45138.458333321025</v>
      </c>
    </row>
    <row r="5110" spans="2:14" x14ac:dyDescent="0.25">
      <c r="B5110">
        <f t="shared" si="572"/>
        <v>1</v>
      </c>
      <c r="C5110" s="16">
        <v>5076</v>
      </c>
      <c r="D5110" cm="1">
        <f t="array" ref="D5110">IFERROR(INDEX(Jesper!AH$2:AH$366,ROUNDDOWN($C5110/24,0)+1,1)*INDEX($D$3:$AA$30,INDEX(Jesper!$R$2:$R$366,ROW(INDEX(Jesper!AH$2:AH$366,ROUNDDOWN($C5110/24,0)+1,1))-1)+IF('Standard Profiles'!$G$18=$B$10,7,0)+IF('Standard Profiles'!$G$18=$B$17,14,0)+IF('Standard Profiles'!$G$18=$B$24,21,0),MOD($C5110,24)+1)/SUM(INDEX($D$3:$AA$30,INDEX(Jesper!$R$2:$R$366,ROW(INDEX(Jesper!AH$2:AH$366,ROUNDDOWN($C5110/24,0)+1,1))-1)+IF('Standard Profiles'!$G$18=$B$10,7,0)+IF('Standard Profiles'!$G$18=$B$17,14,0)+IF('Standard Profiles'!$G$18=$B$24,21,0),0)),0)</f>
        <v>32.478445255088701</v>
      </c>
      <c r="E5110" cm="1">
        <f t="array" ref="E5110">IFERROR(INDEX(Jesper!AI$2:AI$366,ROUNDDOWN($C5110/24,0)+1,1)*INDEX($D$3:$AA$30,INDEX(Jesper!$R$2:$R$366,ROW(INDEX(Jesper!AI$2:AI$366,ROUNDDOWN($C5110/24,0)+1,1))-1)+IF('Standard Profiles'!$G$19=$B$10,7,0)+IF('Standard Profiles'!$G$19=$B$17,14,0)+IF('Standard Profiles'!$G$19=$B$24,21,0),MOD($C5110,24)+1)/SUM(INDEX($D$3:$AA$30,INDEX(Jesper!$R$2:$R$366,ROW(INDEX(Jesper!AI$2:AI$366,ROUNDDOWN($C5110/24,0)+1,1))-1)+IF('Standard Profiles'!$G$19=$B$10,7,0)+IF('Standard Profiles'!$G$19=$B$17,14,0)+IF('Standard Profiles'!$G$19=$B$24,21,0),0)),0)</f>
        <v>13.338375708029419</v>
      </c>
      <c r="F5110" cm="1">
        <f t="array" ref="F5110">IFERROR(INDEX(Jesper!AJ$2:AJ$366,ROUNDDOWN($C5110/24,0)+1,1)*INDEX($D$3:$AA$30,INDEX(Jesper!$R$2:$R$366,ROW(INDEX(Jesper!AJ$2:AJ$366,ROUNDDOWN($C5110/24,0)+1,1))-1)+IF('Standard Profiles'!$G$20=$B$10,7,0)+IF('Standard Profiles'!$G$20=$B$17,14,0)+IF('Standard Profiles'!$G$20=$B$24,21,0),MOD($C5110,24)+1)/SUM(INDEX($D$3:$AA$30,INDEX(Jesper!$R$2:$R$366,ROW(INDEX(Jesper!AJ$2:AJ$366,ROUNDDOWN($C5110/24,0)+1,1))-1)+IF('Standard Profiles'!$G$20=$B$10,7,0)+IF('Standard Profiles'!$G$20=$B$17,14,0)+IF('Standard Profiles'!$G$20=$B$24,21,0),0)),0)</f>
        <v>0</v>
      </c>
      <c r="G5110" cm="1">
        <f t="array" ref="G5110">IFERROR(INDEX(Jesper!AK$2:AK$366,ROUNDDOWN($C5110/24,0)+1,1)*INDEX($D$3:$AA$30,INDEX(Jesper!$R$2:$R$366,ROW(INDEX(Jesper!AK$2:AK$366,ROUNDDOWN($C5110/24,0)+1,1))-1)+IF('Standard Profiles'!$G$21=$B$10,7,0)+IF('Standard Profiles'!$G$21=$B$17,14,0)+IF('Standard Profiles'!$G$21=$B$24,21,0),MOD($C5110,24)+1)/SUM(INDEX($D$3:$AA$30,INDEX(Jesper!$R$2:$R$366,ROW(INDEX(Jesper!AK$2:AK$366,ROUNDDOWN($C5110/24,0)+1,1))-1)+IF('Standard Profiles'!$G$21=$B$10,7,0)+IF('Standard Profiles'!$G$21=$B$17,14,0)+IF('Standard Profiles'!$G$21=$B$24,21,0),0)),0)</f>
        <v>0.40236042317284271</v>
      </c>
      <c r="H5110" cm="1">
        <f t="array" ref="H5110">IFERROR(INDEX(Jesper!AL$2:AL$366,ROUNDDOWN($C5110/24,0)+1,1)*INDEX($D$3:$AA$30,INDEX(Jesper!$R$2:$R$366,ROW(INDEX(Jesper!AL$2:AL$366,ROUNDDOWN($C5110/24,0)+1,1))-1)+IF('Standard Profiles'!$G$22=$B$10,7,0)+IF('Standard Profiles'!$G$22=$B$17,14,0)+IF('Standard Profiles'!$G$22=$B$24,21,0),MOD($C5110,24)+1)/SUM(INDEX($D$3:$AA$30,INDEX(Jesper!$R$2:$R$366,ROW(INDEX(Jesper!AL$2:AL$366,ROUNDDOWN($C5110/24,0)+1,1))-1)+IF('Standard Profiles'!$G$22=$B$10,7,0)+IF('Standard Profiles'!$G$22=$B$17,14,0)+IF('Standard Profiles'!$G$22=$B$24,21,0),0)),0)</f>
        <v>0</v>
      </c>
      <c r="I5110">
        <f t="shared" si="573"/>
        <v>0.19313300312296441</v>
      </c>
      <c r="J5110">
        <f t="shared" si="574"/>
        <v>40.829497142353802</v>
      </c>
      <c r="K5110">
        <f t="shared" si="575"/>
        <v>3.4643674938761282</v>
      </c>
      <c r="L5110">
        <f t="shared" si="576"/>
        <v>1.7321837469380641</v>
      </c>
      <c r="M5110">
        <f t="shared" si="577"/>
        <v>0</v>
      </c>
      <c r="N5110" s="45">
        <f t="shared" si="578"/>
        <v>45138.499999987689</v>
      </c>
    </row>
    <row r="5111" spans="2:14" x14ac:dyDescent="0.25">
      <c r="B5111">
        <f t="shared" si="572"/>
        <v>1</v>
      </c>
      <c r="C5111" s="16">
        <v>5077</v>
      </c>
      <c r="D5111" cm="1">
        <f t="array" ref="D5111">IFERROR(INDEX(Jesper!AH$2:AH$366,ROUNDDOWN($C5111/24,0)+1,1)*INDEX($D$3:$AA$30,INDEX(Jesper!$R$2:$R$366,ROW(INDEX(Jesper!AH$2:AH$366,ROUNDDOWN($C5111/24,0)+1,1))-1)+IF('Standard Profiles'!$G$18=$B$10,7,0)+IF('Standard Profiles'!$G$18=$B$17,14,0)+IF('Standard Profiles'!$G$18=$B$24,21,0),MOD($C5111,24)+1)/SUM(INDEX($D$3:$AA$30,INDEX(Jesper!$R$2:$R$366,ROW(INDEX(Jesper!AH$2:AH$366,ROUNDDOWN($C5111/24,0)+1,1))-1)+IF('Standard Profiles'!$G$18=$B$10,7,0)+IF('Standard Profiles'!$G$18=$B$17,14,0)+IF('Standard Profiles'!$G$18=$B$24,21,0),0)),0)</f>
        <v>21.6522968367258</v>
      </c>
      <c r="E5111" cm="1">
        <f t="array" ref="E5111">IFERROR(INDEX(Jesper!AI$2:AI$366,ROUNDDOWN($C5111/24,0)+1,1)*INDEX($D$3:$AA$30,INDEX(Jesper!$R$2:$R$366,ROW(INDEX(Jesper!AI$2:AI$366,ROUNDDOWN($C5111/24,0)+1,1))-1)+IF('Standard Profiles'!$G$19=$B$10,7,0)+IF('Standard Profiles'!$G$19=$B$17,14,0)+IF('Standard Profiles'!$G$19=$B$24,21,0),MOD($C5111,24)+1)/SUM(INDEX($D$3:$AA$30,INDEX(Jesper!$R$2:$R$366,ROW(INDEX(Jesper!AI$2:AI$366,ROUNDDOWN($C5111/24,0)+1,1))-1)+IF('Standard Profiles'!$G$19=$B$10,7,0)+IF('Standard Profiles'!$G$19=$B$17,14,0)+IF('Standard Profiles'!$G$19=$B$24,21,0),0)),0)</f>
        <v>8.8922504720196134</v>
      </c>
      <c r="F5111" cm="1">
        <f t="array" ref="F5111">IFERROR(INDEX(Jesper!AJ$2:AJ$366,ROUNDDOWN($C5111/24,0)+1,1)*INDEX($D$3:$AA$30,INDEX(Jesper!$R$2:$R$366,ROW(INDEX(Jesper!AJ$2:AJ$366,ROUNDDOWN($C5111/24,0)+1,1))-1)+IF('Standard Profiles'!$G$20=$B$10,7,0)+IF('Standard Profiles'!$G$20=$B$17,14,0)+IF('Standard Profiles'!$G$20=$B$24,21,0),MOD($C5111,24)+1)/SUM(INDEX($D$3:$AA$30,INDEX(Jesper!$R$2:$R$366,ROW(INDEX(Jesper!AJ$2:AJ$366,ROUNDDOWN($C5111/24,0)+1,1))-1)+IF('Standard Profiles'!$G$20=$B$10,7,0)+IF('Standard Profiles'!$G$20=$B$17,14,0)+IF('Standard Profiles'!$G$20=$B$24,21,0),0)),0)</f>
        <v>0</v>
      </c>
      <c r="G5111" cm="1">
        <f t="array" ref="G5111">IFERROR(INDEX(Jesper!AK$2:AK$366,ROUNDDOWN($C5111/24,0)+1,1)*INDEX($D$3:$AA$30,INDEX(Jesper!$R$2:$R$366,ROW(INDEX(Jesper!AK$2:AK$366,ROUNDDOWN($C5111/24,0)+1,1))-1)+IF('Standard Profiles'!$G$21=$B$10,7,0)+IF('Standard Profiles'!$G$21=$B$17,14,0)+IF('Standard Profiles'!$G$21=$B$24,21,0),MOD($C5111,24)+1)/SUM(INDEX($D$3:$AA$30,INDEX(Jesper!$R$2:$R$366,ROW(INDEX(Jesper!AK$2:AK$366,ROUNDDOWN($C5111/24,0)+1,1))-1)+IF('Standard Profiles'!$G$21=$B$10,7,0)+IF('Standard Profiles'!$G$21=$B$17,14,0)+IF('Standard Profiles'!$G$21=$B$24,21,0),0)),0)</f>
        <v>0.26824028211522855</v>
      </c>
      <c r="H5111" cm="1">
        <f t="array" ref="H5111">IFERROR(INDEX(Jesper!AL$2:AL$366,ROUNDDOWN($C5111/24,0)+1,1)*INDEX($D$3:$AA$30,INDEX(Jesper!$R$2:$R$366,ROW(INDEX(Jesper!AL$2:AL$366,ROUNDDOWN($C5111/24,0)+1,1))-1)+IF('Standard Profiles'!$G$22=$B$10,7,0)+IF('Standard Profiles'!$G$22=$B$17,14,0)+IF('Standard Profiles'!$G$22=$B$24,21,0),MOD($C5111,24)+1)/SUM(INDEX($D$3:$AA$30,INDEX(Jesper!$R$2:$R$366,ROW(INDEX(Jesper!AL$2:AL$366,ROUNDDOWN($C5111/24,0)+1,1))-1)+IF('Standard Profiles'!$G$22=$B$10,7,0)+IF('Standard Profiles'!$G$22=$B$17,14,0)+IF('Standard Profiles'!$G$22=$B$24,21,0),0)),0)</f>
        <v>0</v>
      </c>
      <c r="I5111">
        <f t="shared" si="573"/>
        <v>0.12875533541530965</v>
      </c>
      <c r="J5111">
        <f t="shared" si="574"/>
        <v>27.219664761569202</v>
      </c>
      <c r="K5111">
        <f t="shared" si="575"/>
        <v>2.3095783292507521</v>
      </c>
      <c r="L5111">
        <f t="shared" si="576"/>
        <v>1.1547891646253761</v>
      </c>
      <c r="M5111">
        <f t="shared" si="577"/>
        <v>0</v>
      </c>
      <c r="N5111" s="45">
        <f t="shared" si="578"/>
        <v>45138.541666654353</v>
      </c>
    </row>
    <row r="5112" spans="2:14" x14ac:dyDescent="0.25">
      <c r="B5112">
        <f t="shared" si="572"/>
        <v>1</v>
      </c>
      <c r="C5112" s="16">
        <v>5078</v>
      </c>
      <c r="D5112" cm="1">
        <f t="array" ref="D5112">IFERROR(INDEX(Jesper!AH$2:AH$366,ROUNDDOWN($C5112/24,0)+1,1)*INDEX($D$3:$AA$30,INDEX(Jesper!$R$2:$R$366,ROW(INDEX(Jesper!AH$2:AH$366,ROUNDDOWN($C5112/24,0)+1,1))-1)+IF('Standard Profiles'!$G$18=$B$10,7,0)+IF('Standard Profiles'!$G$18=$B$17,14,0)+IF('Standard Profiles'!$G$18=$B$24,21,0),MOD($C5112,24)+1)/SUM(INDEX($D$3:$AA$30,INDEX(Jesper!$R$2:$R$366,ROW(INDEX(Jesper!AH$2:AH$366,ROUNDDOWN($C5112/24,0)+1,1))-1)+IF('Standard Profiles'!$G$18=$B$10,7,0)+IF('Standard Profiles'!$G$18=$B$17,14,0)+IF('Standard Profiles'!$G$18=$B$24,21,0),0)),0)</f>
        <v>32.478445255088701</v>
      </c>
      <c r="E5112" cm="1">
        <f t="array" ref="E5112">IFERROR(INDEX(Jesper!AI$2:AI$366,ROUNDDOWN($C5112/24,0)+1,1)*INDEX($D$3:$AA$30,INDEX(Jesper!$R$2:$R$366,ROW(INDEX(Jesper!AI$2:AI$366,ROUNDDOWN($C5112/24,0)+1,1))-1)+IF('Standard Profiles'!$G$19=$B$10,7,0)+IF('Standard Profiles'!$G$19=$B$17,14,0)+IF('Standard Profiles'!$G$19=$B$24,21,0),MOD($C5112,24)+1)/SUM(INDEX($D$3:$AA$30,INDEX(Jesper!$R$2:$R$366,ROW(INDEX(Jesper!AI$2:AI$366,ROUNDDOWN($C5112/24,0)+1,1))-1)+IF('Standard Profiles'!$G$19=$B$10,7,0)+IF('Standard Profiles'!$G$19=$B$17,14,0)+IF('Standard Profiles'!$G$19=$B$24,21,0),0)),0)</f>
        <v>13.338375708029419</v>
      </c>
      <c r="F5112" cm="1">
        <f t="array" ref="F5112">IFERROR(INDEX(Jesper!AJ$2:AJ$366,ROUNDDOWN($C5112/24,0)+1,1)*INDEX($D$3:$AA$30,INDEX(Jesper!$R$2:$R$366,ROW(INDEX(Jesper!AJ$2:AJ$366,ROUNDDOWN($C5112/24,0)+1,1))-1)+IF('Standard Profiles'!$G$20=$B$10,7,0)+IF('Standard Profiles'!$G$20=$B$17,14,0)+IF('Standard Profiles'!$G$20=$B$24,21,0),MOD($C5112,24)+1)/SUM(INDEX($D$3:$AA$30,INDEX(Jesper!$R$2:$R$366,ROW(INDEX(Jesper!AJ$2:AJ$366,ROUNDDOWN($C5112/24,0)+1,1))-1)+IF('Standard Profiles'!$G$20=$B$10,7,0)+IF('Standard Profiles'!$G$20=$B$17,14,0)+IF('Standard Profiles'!$G$20=$B$24,21,0),0)),0)</f>
        <v>0</v>
      </c>
      <c r="G5112" cm="1">
        <f t="array" ref="G5112">IFERROR(INDEX(Jesper!AK$2:AK$366,ROUNDDOWN($C5112/24,0)+1,1)*INDEX($D$3:$AA$30,INDEX(Jesper!$R$2:$R$366,ROW(INDEX(Jesper!AK$2:AK$366,ROUNDDOWN($C5112/24,0)+1,1))-1)+IF('Standard Profiles'!$G$21=$B$10,7,0)+IF('Standard Profiles'!$G$21=$B$17,14,0)+IF('Standard Profiles'!$G$21=$B$24,21,0),MOD($C5112,24)+1)/SUM(INDEX($D$3:$AA$30,INDEX(Jesper!$R$2:$R$366,ROW(INDEX(Jesper!AK$2:AK$366,ROUNDDOWN($C5112/24,0)+1,1))-1)+IF('Standard Profiles'!$G$21=$B$10,7,0)+IF('Standard Profiles'!$G$21=$B$17,14,0)+IF('Standard Profiles'!$G$21=$B$24,21,0),0)),0)</f>
        <v>0.40236042317284271</v>
      </c>
      <c r="H5112" cm="1">
        <f t="array" ref="H5112">IFERROR(INDEX(Jesper!AL$2:AL$366,ROUNDDOWN($C5112/24,0)+1,1)*INDEX($D$3:$AA$30,INDEX(Jesper!$R$2:$R$366,ROW(INDEX(Jesper!AL$2:AL$366,ROUNDDOWN($C5112/24,0)+1,1))-1)+IF('Standard Profiles'!$G$22=$B$10,7,0)+IF('Standard Profiles'!$G$22=$B$17,14,0)+IF('Standard Profiles'!$G$22=$B$24,21,0),MOD($C5112,24)+1)/SUM(INDEX($D$3:$AA$30,INDEX(Jesper!$R$2:$R$366,ROW(INDEX(Jesper!AL$2:AL$366,ROUNDDOWN($C5112/24,0)+1,1))-1)+IF('Standard Profiles'!$G$22=$B$10,7,0)+IF('Standard Profiles'!$G$22=$B$17,14,0)+IF('Standard Profiles'!$G$22=$B$24,21,0),0)),0)</f>
        <v>0</v>
      </c>
      <c r="I5112">
        <f t="shared" si="573"/>
        <v>0.19313300312296441</v>
      </c>
      <c r="J5112">
        <f t="shared" si="574"/>
        <v>40.829497142353802</v>
      </c>
      <c r="K5112">
        <f t="shared" si="575"/>
        <v>3.4643674938761282</v>
      </c>
      <c r="L5112">
        <f t="shared" si="576"/>
        <v>1.7321837469380641</v>
      </c>
      <c r="M5112">
        <f t="shared" si="577"/>
        <v>0</v>
      </c>
      <c r="N5112" s="45">
        <f t="shared" si="578"/>
        <v>45138.583333321018</v>
      </c>
    </row>
    <row r="5113" spans="2:14" x14ac:dyDescent="0.25">
      <c r="B5113">
        <f t="shared" si="572"/>
        <v>1</v>
      </c>
      <c r="C5113" s="16">
        <v>5079</v>
      </c>
      <c r="D5113" cm="1">
        <f t="array" ref="D5113">IFERROR(INDEX(Jesper!AH$2:AH$366,ROUNDDOWN($C5113/24,0)+1,1)*INDEX($D$3:$AA$30,INDEX(Jesper!$R$2:$R$366,ROW(INDEX(Jesper!AH$2:AH$366,ROUNDDOWN($C5113/24,0)+1,1))-1)+IF('Standard Profiles'!$G$18=$B$10,7,0)+IF('Standard Profiles'!$G$18=$B$17,14,0)+IF('Standard Profiles'!$G$18=$B$24,21,0),MOD($C5113,24)+1)/SUM(INDEX($D$3:$AA$30,INDEX(Jesper!$R$2:$R$366,ROW(INDEX(Jesper!AH$2:AH$366,ROUNDDOWN($C5113/24,0)+1,1))-1)+IF('Standard Profiles'!$G$18=$B$10,7,0)+IF('Standard Profiles'!$G$18=$B$17,14,0)+IF('Standard Profiles'!$G$18=$B$24,21,0),0)),0)</f>
        <v>32.478445255088701</v>
      </c>
      <c r="E5113" cm="1">
        <f t="array" ref="E5113">IFERROR(INDEX(Jesper!AI$2:AI$366,ROUNDDOWN($C5113/24,0)+1,1)*INDEX($D$3:$AA$30,INDEX(Jesper!$R$2:$R$366,ROW(INDEX(Jesper!AI$2:AI$366,ROUNDDOWN($C5113/24,0)+1,1))-1)+IF('Standard Profiles'!$G$19=$B$10,7,0)+IF('Standard Profiles'!$G$19=$B$17,14,0)+IF('Standard Profiles'!$G$19=$B$24,21,0),MOD($C5113,24)+1)/SUM(INDEX($D$3:$AA$30,INDEX(Jesper!$R$2:$R$366,ROW(INDEX(Jesper!AI$2:AI$366,ROUNDDOWN($C5113/24,0)+1,1))-1)+IF('Standard Profiles'!$G$19=$B$10,7,0)+IF('Standard Profiles'!$G$19=$B$17,14,0)+IF('Standard Profiles'!$G$19=$B$24,21,0),0)),0)</f>
        <v>13.338375708029419</v>
      </c>
      <c r="F5113" cm="1">
        <f t="array" ref="F5113">IFERROR(INDEX(Jesper!AJ$2:AJ$366,ROUNDDOWN($C5113/24,0)+1,1)*INDEX($D$3:$AA$30,INDEX(Jesper!$R$2:$R$366,ROW(INDEX(Jesper!AJ$2:AJ$366,ROUNDDOWN($C5113/24,0)+1,1))-1)+IF('Standard Profiles'!$G$20=$B$10,7,0)+IF('Standard Profiles'!$G$20=$B$17,14,0)+IF('Standard Profiles'!$G$20=$B$24,21,0),MOD($C5113,24)+1)/SUM(INDEX($D$3:$AA$30,INDEX(Jesper!$R$2:$R$366,ROW(INDEX(Jesper!AJ$2:AJ$366,ROUNDDOWN($C5113/24,0)+1,1))-1)+IF('Standard Profiles'!$G$20=$B$10,7,0)+IF('Standard Profiles'!$G$20=$B$17,14,0)+IF('Standard Profiles'!$G$20=$B$24,21,0),0)),0)</f>
        <v>0</v>
      </c>
      <c r="G5113" cm="1">
        <f t="array" ref="G5113">IFERROR(INDEX(Jesper!AK$2:AK$366,ROUNDDOWN($C5113/24,0)+1,1)*INDEX($D$3:$AA$30,INDEX(Jesper!$R$2:$R$366,ROW(INDEX(Jesper!AK$2:AK$366,ROUNDDOWN($C5113/24,0)+1,1))-1)+IF('Standard Profiles'!$G$21=$B$10,7,0)+IF('Standard Profiles'!$G$21=$B$17,14,0)+IF('Standard Profiles'!$G$21=$B$24,21,0),MOD($C5113,24)+1)/SUM(INDEX($D$3:$AA$30,INDEX(Jesper!$R$2:$R$366,ROW(INDEX(Jesper!AK$2:AK$366,ROUNDDOWN($C5113/24,0)+1,1))-1)+IF('Standard Profiles'!$G$21=$B$10,7,0)+IF('Standard Profiles'!$G$21=$B$17,14,0)+IF('Standard Profiles'!$G$21=$B$24,21,0),0)),0)</f>
        <v>0.40236042317284271</v>
      </c>
      <c r="H5113" cm="1">
        <f t="array" ref="H5113">IFERROR(INDEX(Jesper!AL$2:AL$366,ROUNDDOWN($C5113/24,0)+1,1)*INDEX($D$3:$AA$30,INDEX(Jesper!$R$2:$R$366,ROW(INDEX(Jesper!AL$2:AL$366,ROUNDDOWN($C5113/24,0)+1,1))-1)+IF('Standard Profiles'!$G$22=$B$10,7,0)+IF('Standard Profiles'!$G$22=$B$17,14,0)+IF('Standard Profiles'!$G$22=$B$24,21,0),MOD($C5113,24)+1)/SUM(INDEX($D$3:$AA$30,INDEX(Jesper!$R$2:$R$366,ROW(INDEX(Jesper!AL$2:AL$366,ROUNDDOWN($C5113/24,0)+1,1))-1)+IF('Standard Profiles'!$G$22=$B$10,7,0)+IF('Standard Profiles'!$G$22=$B$17,14,0)+IF('Standard Profiles'!$G$22=$B$24,21,0),0)),0)</f>
        <v>0</v>
      </c>
      <c r="I5113">
        <f t="shared" si="573"/>
        <v>0.19313300312296441</v>
      </c>
      <c r="J5113">
        <f t="shared" si="574"/>
        <v>40.829497142353802</v>
      </c>
      <c r="K5113">
        <f t="shared" si="575"/>
        <v>3.4643674938761282</v>
      </c>
      <c r="L5113">
        <f t="shared" si="576"/>
        <v>1.7321837469380641</v>
      </c>
      <c r="M5113">
        <f t="shared" si="577"/>
        <v>0</v>
      </c>
      <c r="N5113" s="45">
        <f t="shared" si="578"/>
        <v>45138.624999987682</v>
      </c>
    </row>
    <row r="5114" spans="2:14" x14ac:dyDescent="0.25">
      <c r="B5114">
        <f t="shared" si="572"/>
        <v>1</v>
      </c>
      <c r="C5114" s="16">
        <v>5080</v>
      </c>
      <c r="D5114" cm="1">
        <f t="array" ref="D5114">IFERROR(INDEX(Jesper!AH$2:AH$366,ROUNDDOWN($C5114/24,0)+1,1)*INDEX($D$3:$AA$30,INDEX(Jesper!$R$2:$R$366,ROW(INDEX(Jesper!AH$2:AH$366,ROUNDDOWN($C5114/24,0)+1,1))-1)+IF('Standard Profiles'!$G$18=$B$10,7,0)+IF('Standard Profiles'!$G$18=$B$17,14,0)+IF('Standard Profiles'!$G$18=$B$24,21,0),MOD($C5114,24)+1)/SUM(INDEX($D$3:$AA$30,INDEX(Jesper!$R$2:$R$366,ROW(INDEX(Jesper!AH$2:AH$366,ROUNDDOWN($C5114/24,0)+1,1))-1)+IF('Standard Profiles'!$G$18=$B$10,7,0)+IF('Standard Profiles'!$G$18=$B$17,14,0)+IF('Standard Profiles'!$G$18=$B$24,21,0),0)),0)</f>
        <v>18.945759732135073</v>
      </c>
      <c r="E5114" cm="1">
        <f t="array" ref="E5114">IFERROR(INDEX(Jesper!AI$2:AI$366,ROUNDDOWN($C5114/24,0)+1,1)*INDEX($D$3:$AA$30,INDEX(Jesper!$R$2:$R$366,ROW(INDEX(Jesper!AI$2:AI$366,ROUNDDOWN($C5114/24,0)+1,1))-1)+IF('Standard Profiles'!$G$19=$B$10,7,0)+IF('Standard Profiles'!$G$19=$B$17,14,0)+IF('Standard Profiles'!$G$19=$B$24,21,0),MOD($C5114,24)+1)/SUM(INDEX($D$3:$AA$30,INDEX(Jesper!$R$2:$R$366,ROW(INDEX(Jesper!AI$2:AI$366,ROUNDDOWN($C5114/24,0)+1,1))-1)+IF('Standard Profiles'!$G$19=$B$10,7,0)+IF('Standard Profiles'!$G$19=$B$17,14,0)+IF('Standard Profiles'!$G$19=$B$24,21,0),0)),0)</f>
        <v>7.7807191630171619</v>
      </c>
      <c r="F5114" cm="1">
        <f t="array" ref="F5114">IFERROR(INDEX(Jesper!AJ$2:AJ$366,ROUNDDOWN($C5114/24,0)+1,1)*INDEX($D$3:$AA$30,INDEX(Jesper!$R$2:$R$366,ROW(INDEX(Jesper!AJ$2:AJ$366,ROUNDDOWN($C5114/24,0)+1,1))-1)+IF('Standard Profiles'!$G$20=$B$10,7,0)+IF('Standard Profiles'!$G$20=$B$17,14,0)+IF('Standard Profiles'!$G$20=$B$24,21,0),MOD($C5114,24)+1)/SUM(INDEX($D$3:$AA$30,INDEX(Jesper!$R$2:$R$366,ROW(INDEX(Jesper!AJ$2:AJ$366,ROUNDDOWN($C5114/24,0)+1,1))-1)+IF('Standard Profiles'!$G$20=$B$10,7,0)+IF('Standard Profiles'!$G$20=$B$17,14,0)+IF('Standard Profiles'!$G$20=$B$24,21,0),0)),0)</f>
        <v>0</v>
      </c>
      <c r="G5114" cm="1">
        <f t="array" ref="G5114">IFERROR(INDEX(Jesper!AK$2:AK$366,ROUNDDOWN($C5114/24,0)+1,1)*INDEX($D$3:$AA$30,INDEX(Jesper!$R$2:$R$366,ROW(INDEX(Jesper!AK$2:AK$366,ROUNDDOWN($C5114/24,0)+1,1))-1)+IF('Standard Profiles'!$G$21=$B$10,7,0)+IF('Standard Profiles'!$G$21=$B$17,14,0)+IF('Standard Profiles'!$G$21=$B$24,21,0),MOD($C5114,24)+1)/SUM(INDEX($D$3:$AA$30,INDEX(Jesper!$R$2:$R$366,ROW(INDEX(Jesper!AK$2:AK$366,ROUNDDOWN($C5114/24,0)+1,1))-1)+IF('Standard Profiles'!$G$21=$B$10,7,0)+IF('Standard Profiles'!$G$21=$B$17,14,0)+IF('Standard Profiles'!$G$21=$B$24,21,0),0)),0)</f>
        <v>0.33530035264403563</v>
      </c>
      <c r="H5114" cm="1">
        <f t="array" ref="H5114">IFERROR(INDEX(Jesper!AL$2:AL$366,ROUNDDOWN($C5114/24,0)+1,1)*INDEX($D$3:$AA$30,INDEX(Jesper!$R$2:$R$366,ROW(INDEX(Jesper!AL$2:AL$366,ROUNDDOWN($C5114/24,0)+1,1))-1)+IF('Standard Profiles'!$G$22=$B$10,7,0)+IF('Standard Profiles'!$G$22=$B$17,14,0)+IF('Standard Profiles'!$G$22=$B$24,21,0),MOD($C5114,24)+1)/SUM(INDEX($D$3:$AA$30,INDEX(Jesper!$R$2:$R$366,ROW(INDEX(Jesper!AL$2:AL$366,ROUNDDOWN($C5114/24,0)+1,1))-1)+IF('Standard Profiles'!$G$22=$B$10,7,0)+IF('Standard Profiles'!$G$22=$B$17,14,0)+IF('Standard Profiles'!$G$22=$B$24,21,0),0)),0)</f>
        <v>0</v>
      </c>
      <c r="I5114">
        <f t="shared" si="573"/>
        <v>0.16094416926913702</v>
      </c>
      <c r="J5114">
        <f t="shared" si="574"/>
        <v>23.869513521385521</v>
      </c>
      <c r="K5114">
        <f t="shared" si="575"/>
        <v>2.0208810380944078</v>
      </c>
      <c r="L5114">
        <f t="shared" si="576"/>
        <v>1.0104405190472039</v>
      </c>
      <c r="M5114">
        <f t="shared" si="577"/>
        <v>0</v>
      </c>
      <c r="N5114" s="45">
        <f t="shared" si="578"/>
        <v>45138.666666654346</v>
      </c>
    </row>
    <row r="5115" spans="2:14" x14ac:dyDescent="0.25">
      <c r="B5115">
        <f t="shared" si="572"/>
        <v>1</v>
      </c>
      <c r="C5115" s="16">
        <v>5081</v>
      </c>
      <c r="D5115" cm="1">
        <f t="array" ref="D5115">IFERROR(INDEX(Jesper!AH$2:AH$366,ROUNDDOWN($C5115/24,0)+1,1)*INDEX($D$3:$AA$30,INDEX(Jesper!$R$2:$R$366,ROW(INDEX(Jesper!AH$2:AH$366,ROUNDDOWN($C5115/24,0)+1,1))-1)+IF('Standard Profiles'!$G$18=$B$10,7,0)+IF('Standard Profiles'!$G$18=$B$17,14,0)+IF('Standard Profiles'!$G$18=$B$24,21,0),MOD($C5115,24)+1)/SUM(INDEX($D$3:$AA$30,INDEX(Jesper!$R$2:$R$366,ROW(INDEX(Jesper!AH$2:AH$366,ROUNDDOWN($C5115/24,0)+1,1))-1)+IF('Standard Profiles'!$G$18=$B$10,7,0)+IF('Standard Profiles'!$G$18=$B$17,14,0)+IF('Standard Profiles'!$G$18=$B$24,21,0),0)),0)</f>
        <v>5.4130742091814499</v>
      </c>
      <c r="E5115" cm="1">
        <f t="array" ref="E5115">IFERROR(INDEX(Jesper!AI$2:AI$366,ROUNDDOWN($C5115/24,0)+1,1)*INDEX($D$3:$AA$30,INDEX(Jesper!$R$2:$R$366,ROW(INDEX(Jesper!AI$2:AI$366,ROUNDDOWN($C5115/24,0)+1,1))-1)+IF('Standard Profiles'!$G$19=$B$10,7,0)+IF('Standard Profiles'!$G$19=$B$17,14,0)+IF('Standard Profiles'!$G$19=$B$24,21,0),MOD($C5115,24)+1)/SUM(INDEX($D$3:$AA$30,INDEX(Jesper!$R$2:$R$366,ROW(INDEX(Jesper!AI$2:AI$366,ROUNDDOWN($C5115/24,0)+1,1))-1)+IF('Standard Profiles'!$G$19=$B$10,7,0)+IF('Standard Profiles'!$G$19=$B$17,14,0)+IF('Standard Profiles'!$G$19=$B$24,21,0),0)),0)</f>
        <v>2.2230626180049033</v>
      </c>
      <c r="F5115" cm="1">
        <f t="array" ref="F5115">IFERROR(INDEX(Jesper!AJ$2:AJ$366,ROUNDDOWN($C5115/24,0)+1,1)*INDEX($D$3:$AA$30,INDEX(Jesper!$R$2:$R$366,ROW(INDEX(Jesper!AJ$2:AJ$366,ROUNDDOWN($C5115/24,0)+1,1))-1)+IF('Standard Profiles'!$G$20=$B$10,7,0)+IF('Standard Profiles'!$G$20=$B$17,14,0)+IF('Standard Profiles'!$G$20=$B$24,21,0),MOD($C5115,24)+1)/SUM(INDEX($D$3:$AA$30,INDEX(Jesper!$R$2:$R$366,ROW(INDEX(Jesper!AJ$2:AJ$366,ROUNDDOWN($C5115/24,0)+1,1))-1)+IF('Standard Profiles'!$G$20=$B$10,7,0)+IF('Standard Profiles'!$G$20=$B$17,14,0)+IF('Standard Profiles'!$G$20=$B$24,21,0),0)),0)</f>
        <v>0</v>
      </c>
      <c r="G5115" cm="1">
        <f t="array" ref="G5115">IFERROR(INDEX(Jesper!AK$2:AK$366,ROUNDDOWN($C5115/24,0)+1,1)*INDEX($D$3:$AA$30,INDEX(Jesper!$R$2:$R$366,ROW(INDEX(Jesper!AK$2:AK$366,ROUNDDOWN($C5115/24,0)+1,1))-1)+IF('Standard Profiles'!$G$21=$B$10,7,0)+IF('Standard Profiles'!$G$21=$B$17,14,0)+IF('Standard Profiles'!$G$21=$B$24,21,0),MOD($C5115,24)+1)/SUM(INDEX($D$3:$AA$30,INDEX(Jesper!$R$2:$R$366,ROW(INDEX(Jesper!AK$2:AK$366,ROUNDDOWN($C5115/24,0)+1,1))-1)+IF('Standard Profiles'!$G$21=$B$10,7,0)+IF('Standard Profiles'!$G$21=$B$17,14,0)+IF('Standard Profiles'!$G$21=$B$24,21,0),0)),0)</f>
        <v>0.26978189293198274</v>
      </c>
      <c r="H5115" cm="1">
        <f t="array" ref="H5115">IFERROR(INDEX(Jesper!AL$2:AL$366,ROUNDDOWN($C5115/24,0)+1,1)*INDEX($D$3:$AA$30,INDEX(Jesper!$R$2:$R$366,ROW(INDEX(Jesper!AL$2:AL$366,ROUNDDOWN($C5115/24,0)+1,1))-1)+IF('Standard Profiles'!$G$22=$B$10,7,0)+IF('Standard Profiles'!$G$22=$B$17,14,0)+IF('Standard Profiles'!$G$22=$B$24,21,0),MOD($C5115,24)+1)/SUM(INDEX($D$3:$AA$30,INDEX(Jesper!$R$2:$R$366,ROW(INDEX(Jesper!AL$2:AL$366,ROUNDDOWN($C5115/24,0)+1,1))-1)+IF('Standard Profiles'!$G$22=$B$10,7,0)+IF('Standard Profiles'!$G$22=$B$17,14,0)+IF('Standard Profiles'!$G$22=$B$24,21,0),0)),0)</f>
        <v>0</v>
      </c>
      <c r="I5115">
        <f t="shared" si="573"/>
        <v>0.12949530860735164</v>
      </c>
      <c r="J5115">
        <f t="shared" si="574"/>
        <v>6.9103315380419517</v>
      </c>
      <c r="K5115">
        <f t="shared" si="575"/>
        <v>0.57739458231268803</v>
      </c>
      <c r="L5115">
        <f t="shared" si="576"/>
        <v>0.28869729115634402</v>
      </c>
      <c r="M5115">
        <f t="shared" si="577"/>
        <v>0</v>
      </c>
      <c r="N5115" s="45">
        <f t="shared" si="578"/>
        <v>45138.70833332101</v>
      </c>
    </row>
    <row r="5116" spans="2:14" x14ac:dyDescent="0.25">
      <c r="B5116">
        <f t="shared" si="572"/>
        <v>1</v>
      </c>
      <c r="C5116" s="16">
        <v>5082</v>
      </c>
      <c r="D5116" cm="1">
        <f t="array" ref="D5116">IFERROR(INDEX(Jesper!AH$2:AH$366,ROUNDDOWN($C5116/24,0)+1,1)*INDEX($D$3:$AA$30,INDEX(Jesper!$R$2:$R$366,ROW(INDEX(Jesper!AH$2:AH$366,ROUNDDOWN($C5116/24,0)+1,1))-1)+IF('Standard Profiles'!$G$18=$B$10,7,0)+IF('Standard Profiles'!$G$18=$B$17,14,0)+IF('Standard Profiles'!$G$18=$B$24,21,0),MOD($C5116,24)+1)/SUM(INDEX($D$3:$AA$30,INDEX(Jesper!$R$2:$R$366,ROW(INDEX(Jesper!AH$2:AH$366,ROUNDDOWN($C5116/24,0)+1,1))-1)+IF('Standard Profiles'!$G$18=$B$10,7,0)+IF('Standard Profiles'!$G$18=$B$17,14,0)+IF('Standard Profiles'!$G$18=$B$24,21,0),0)),0)</f>
        <v>5.3368337273619932</v>
      </c>
      <c r="E5116" cm="1">
        <f t="array" ref="E5116">IFERROR(INDEX(Jesper!AI$2:AI$366,ROUNDDOWN($C5116/24,0)+1,1)*INDEX($D$3:$AA$30,INDEX(Jesper!$R$2:$R$366,ROW(INDEX(Jesper!AI$2:AI$366,ROUNDDOWN($C5116/24,0)+1,1))-1)+IF('Standard Profiles'!$G$19=$B$10,7,0)+IF('Standard Profiles'!$G$19=$B$17,14,0)+IF('Standard Profiles'!$G$19=$B$24,21,0),MOD($C5116,24)+1)/SUM(INDEX($D$3:$AA$30,INDEX(Jesper!$R$2:$R$366,ROW(INDEX(Jesper!AI$2:AI$366,ROUNDDOWN($C5116/24,0)+1,1))-1)+IF('Standard Profiles'!$G$19=$B$10,7,0)+IF('Standard Profiles'!$G$19=$B$17,14,0)+IF('Standard Profiles'!$G$19=$B$24,21,0),0)),0)</f>
        <v>2.1917518769062427</v>
      </c>
      <c r="F5116" cm="1">
        <f t="array" ref="F5116">IFERROR(INDEX(Jesper!AJ$2:AJ$366,ROUNDDOWN($C5116/24,0)+1,1)*INDEX($D$3:$AA$30,INDEX(Jesper!$R$2:$R$366,ROW(INDEX(Jesper!AJ$2:AJ$366,ROUNDDOWN($C5116/24,0)+1,1))-1)+IF('Standard Profiles'!$G$20=$B$10,7,0)+IF('Standard Profiles'!$G$20=$B$17,14,0)+IF('Standard Profiles'!$G$20=$B$24,21,0),MOD($C5116,24)+1)/SUM(INDEX($D$3:$AA$30,INDEX(Jesper!$R$2:$R$366,ROW(INDEX(Jesper!AJ$2:AJ$366,ROUNDDOWN($C5116/24,0)+1,1))-1)+IF('Standard Profiles'!$G$20=$B$10,7,0)+IF('Standard Profiles'!$G$20=$B$17,14,0)+IF('Standard Profiles'!$G$20=$B$24,21,0),0)),0)</f>
        <v>0</v>
      </c>
      <c r="G5116" cm="1">
        <f t="array" ref="G5116">IFERROR(INDEX(Jesper!AK$2:AK$366,ROUNDDOWN($C5116/24,0)+1,1)*INDEX($D$3:$AA$30,INDEX(Jesper!$R$2:$R$366,ROW(INDEX(Jesper!AK$2:AK$366,ROUNDDOWN($C5116/24,0)+1,1))-1)+IF('Standard Profiles'!$G$21=$B$10,7,0)+IF('Standard Profiles'!$G$21=$B$17,14,0)+IF('Standard Profiles'!$G$21=$B$24,21,0),MOD($C5116,24)+1)/SUM(INDEX($D$3:$AA$30,INDEX(Jesper!$R$2:$R$366,ROW(INDEX(Jesper!AK$2:AK$366,ROUNDDOWN($C5116/24,0)+1,1))-1)+IF('Standard Profiles'!$G$21=$B$10,7,0)+IF('Standard Profiles'!$G$21=$B$17,14,0)+IF('Standard Profiles'!$G$21=$B$24,21,0),0)),0)</f>
        <v>9.6350676047136694E-2</v>
      </c>
      <c r="H5116" cm="1">
        <f t="array" ref="H5116">IFERROR(INDEX(Jesper!AL$2:AL$366,ROUNDDOWN($C5116/24,0)+1,1)*INDEX($D$3:$AA$30,INDEX(Jesper!$R$2:$R$366,ROW(INDEX(Jesper!AL$2:AL$366,ROUNDDOWN($C5116/24,0)+1,1))-1)+IF('Standard Profiles'!$G$22=$B$10,7,0)+IF('Standard Profiles'!$G$22=$B$17,14,0)+IF('Standard Profiles'!$G$22=$B$24,21,0),MOD($C5116,24)+1)/SUM(INDEX($D$3:$AA$30,INDEX(Jesper!$R$2:$R$366,ROW(INDEX(Jesper!AL$2:AL$366,ROUNDDOWN($C5116/24,0)+1,1))-1)+IF('Standard Profiles'!$G$22=$B$10,7,0)+IF('Standard Profiles'!$G$22=$B$17,14,0)+IF('Standard Profiles'!$G$22=$B$24,21,0),0)),0)</f>
        <v>0</v>
      </c>
      <c r="I5116">
        <f t="shared" si="573"/>
        <v>4.6248324502625587E-2</v>
      </c>
      <c r="J5116">
        <f t="shared" si="574"/>
        <v>6.7247945594348275</v>
      </c>
      <c r="K5116">
        <f t="shared" si="575"/>
        <v>0.56926226425194604</v>
      </c>
      <c r="L5116">
        <f t="shared" si="576"/>
        <v>0.28463113212597302</v>
      </c>
      <c r="M5116">
        <f t="shared" si="577"/>
        <v>0</v>
      </c>
      <c r="N5116" s="45">
        <f t="shared" si="578"/>
        <v>45138.749999987675</v>
      </c>
    </row>
    <row r="5117" spans="2:14" x14ac:dyDescent="0.25">
      <c r="B5117">
        <f t="shared" si="572"/>
        <v>1</v>
      </c>
      <c r="C5117" s="16">
        <v>5083</v>
      </c>
      <c r="D5117" cm="1">
        <f t="array" ref="D5117">IFERROR(INDEX(Jesper!AH$2:AH$366,ROUNDDOWN($C5117/24,0)+1,1)*INDEX($D$3:$AA$30,INDEX(Jesper!$R$2:$R$366,ROW(INDEX(Jesper!AH$2:AH$366,ROUNDDOWN($C5117/24,0)+1,1))-1)+IF('Standard Profiles'!$G$18=$B$10,7,0)+IF('Standard Profiles'!$G$18=$B$17,14,0)+IF('Standard Profiles'!$G$18=$B$24,21,0),MOD($C5117,24)+1)/SUM(INDEX($D$3:$AA$30,INDEX(Jesper!$R$2:$R$366,ROW(INDEX(Jesper!AH$2:AH$366,ROUNDDOWN($C5117/24,0)+1,1))-1)+IF('Standard Profiles'!$G$18=$B$10,7,0)+IF('Standard Profiles'!$G$18=$B$17,14,0)+IF('Standard Profiles'!$G$18=$B$24,21,0),0)),0)</f>
        <v>5.3368337273619932</v>
      </c>
      <c r="E5117" cm="1">
        <f t="array" ref="E5117">IFERROR(INDEX(Jesper!AI$2:AI$366,ROUNDDOWN($C5117/24,0)+1,1)*INDEX($D$3:$AA$30,INDEX(Jesper!$R$2:$R$366,ROW(INDEX(Jesper!AI$2:AI$366,ROUNDDOWN($C5117/24,0)+1,1))-1)+IF('Standard Profiles'!$G$19=$B$10,7,0)+IF('Standard Profiles'!$G$19=$B$17,14,0)+IF('Standard Profiles'!$G$19=$B$24,21,0),MOD($C5117,24)+1)/SUM(INDEX($D$3:$AA$30,INDEX(Jesper!$R$2:$R$366,ROW(INDEX(Jesper!AI$2:AI$366,ROUNDDOWN($C5117/24,0)+1,1))-1)+IF('Standard Profiles'!$G$19=$B$10,7,0)+IF('Standard Profiles'!$G$19=$B$17,14,0)+IF('Standard Profiles'!$G$19=$B$24,21,0),0)),0)</f>
        <v>2.1917518769062427</v>
      </c>
      <c r="F5117" cm="1">
        <f t="array" ref="F5117">IFERROR(INDEX(Jesper!AJ$2:AJ$366,ROUNDDOWN($C5117/24,0)+1,1)*INDEX($D$3:$AA$30,INDEX(Jesper!$R$2:$R$366,ROW(INDEX(Jesper!AJ$2:AJ$366,ROUNDDOWN($C5117/24,0)+1,1))-1)+IF('Standard Profiles'!$G$20=$B$10,7,0)+IF('Standard Profiles'!$G$20=$B$17,14,0)+IF('Standard Profiles'!$G$20=$B$24,21,0),MOD($C5117,24)+1)/SUM(INDEX($D$3:$AA$30,INDEX(Jesper!$R$2:$R$366,ROW(INDEX(Jesper!AJ$2:AJ$366,ROUNDDOWN($C5117/24,0)+1,1))-1)+IF('Standard Profiles'!$G$20=$B$10,7,0)+IF('Standard Profiles'!$G$20=$B$17,14,0)+IF('Standard Profiles'!$G$20=$B$24,21,0),0)),0)</f>
        <v>0</v>
      </c>
      <c r="G5117" cm="1">
        <f t="array" ref="G5117">IFERROR(INDEX(Jesper!AK$2:AK$366,ROUNDDOWN($C5117/24,0)+1,1)*INDEX($D$3:$AA$30,INDEX(Jesper!$R$2:$R$366,ROW(INDEX(Jesper!AK$2:AK$366,ROUNDDOWN($C5117/24,0)+1,1))-1)+IF('Standard Profiles'!$G$21=$B$10,7,0)+IF('Standard Profiles'!$G$21=$B$17,14,0)+IF('Standard Profiles'!$G$21=$B$24,21,0),MOD($C5117,24)+1)/SUM(INDEX($D$3:$AA$30,INDEX(Jesper!$R$2:$R$366,ROW(INDEX(Jesper!AK$2:AK$366,ROUNDDOWN($C5117/24,0)+1,1))-1)+IF('Standard Profiles'!$G$21=$B$10,7,0)+IF('Standard Profiles'!$G$21=$B$17,14,0)+IF('Standard Profiles'!$G$21=$B$24,21,0),0)),0)</f>
        <v>9.6350676047136694E-2</v>
      </c>
      <c r="H5117" cm="1">
        <f t="array" ref="H5117">IFERROR(INDEX(Jesper!AL$2:AL$366,ROUNDDOWN($C5117/24,0)+1,1)*INDEX($D$3:$AA$30,INDEX(Jesper!$R$2:$R$366,ROW(INDEX(Jesper!AL$2:AL$366,ROUNDDOWN($C5117/24,0)+1,1))-1)+IF('Standard Profiles'!$G$22=$B$10,7,0)+IF('Standard Profiles'!$G$22=$B$17,14,0)+IF('Standard Profiles'!$G$22=$B$24,21,0),MOD($C5117,24)+1)/SUM(INDEX($D$3:$AA$30,INDEX(Jesper!$R$2:$R$366,ROW(INDEX(Jesper!AL$2:AL$366,ROUNDDOWN($C5117/24,0)+1,1))-1)+IF('Standard Profiles'!$G$22=$B$10,7,0)+IF('Standard Profiles'!$G$22=$B$17,14,0)+IF('Standard Profiles'!$G$22=$B$24,21,0),0)),0)</f>
        <v>0</v>
      </c>
      <c r="I5117">
        <f t="shared" si="573"/>
        <v>4.6248324502625587E-2</v>
      </c>
      <c r="J5117">
        <f t="shared" si="574"/>
        <v>6.7247945594348275</v>
      </c>
      <c r="K5117">
        <f t="shared" si="575"/>
        <v>0.56926226425194604</v>
      </c>
      <c r="L5117">
        <f t="shared" si="576"/>
        <v>0.28463113212597302</v>
      </c>
      <c r="M5117">
        <f t="shared" si="577"/>
        <v>0</v>
      </c>
      <c r="N5117" s="45">
        <f t="shared" si="578"/>
        <v>45138.791666654339</v>
      </c>
    </row>
    <row r="5118" spans="2:14" x14ac:dyDescent="0.25">
      <c r="B5118">
        <f t="shared" si="572"/>
        <v>1</v>
      </c>
      <c r="C5118" s="16">
        <v>5084</v>
      </c>
      <c r="D5118" cm="1">
        <f t="array" ref="D5118">IFERROR(INDEX(Jesper!AH$2:AH$366,ROUNDDOWN($C5118/24,0)+1,1)*INDEX($D$3:$AA$30,INDEX(Jesper!$R$2:$R$366,ROW(INDEX(Jesper!AH$2:AH$366,ROUNDDOWN($C5118/24,0)+1,1))-1)+IF('Standard Profiles'!$G$18=$B$10,7,0)+IF('Standard Profiles'!$G$18=$B$17,14,0)+IF('Standard Profiles'!$G$18=$B$24,21,0),MOD($C5118,24)+1)/SUM(INDEX($D$3:$AA$30,INDEX(Jesper!$R$2:$R$366,ROW(INDEX(Jesper!AH$2:AH$366,ROUNDDOWN($C5118/24,0)+1,1))-1)+IF('Standard Profiles'!$G$18=$B$10,7,0)+IF('Standard Profiles'!$G$18=$B$17,14,0)+IF('Standard Profiles'!$G$18=$B$24,21,0),0)),0)</f>
        <v>5.3368337273619932</v>
      </c>
      <c r="E5118" cm="1">
        <f t="array" ref="E5118">IFERROR(INDEX(Jesper!AI$2:AI$366,ROUNDDOWN($C5118/24,0)+1,1)*INDEX($D$3:$AA$30,INDEX(Jesper!$R$2:$R$366,ROW(INDEX(Jesper!AI$2:AI$366,ROUNDDOWN($C5118/24,0)+1,1))-1)+IF('Standard Profiles'!$G$19=$B$10,7,0)+IF('Standard Profiles'!$G$19=$B$17,14,0)+IF('Standard Profiles'!$G$19=$B$24,21,0),MOD($C5118,24)+1)/SUM(INDEX($D$3:$AA$30,INDEX(Jesper!$R$2:$R$366,ROW(INDEX(Jesper!AI$2:AI$366,ROUNDDOWN($C5118/24,0)+1,1))-1)+IF('Standard Profiles'!$G$19=$B$10,7,0)+IF('Standard Profiles'!$G$19=$B$17,14,0)+IF('Standard Profiles'!$G$19=$B$24,21,0),0)),0)</f>
        <v>2.1917518769062427</v>
      </c>
      <c r="F5118" cm="1">
        <f t="array" ref="F5118">IFERROR(INDEX(Jesper!AJ$2:AJ$366,ROUNDDOWN($C5118/24,0)+1,1)*INDEX($D$3:$AA$30,INDEX(Jesper!$R$2:$R$366,ROW(INDEX(Jesper!AJ$2:AJ$366,ROUNDDOWN($C5118/24,0)+1,1))-1)+IF('Standard Profiles'!$G$20=$B$10,7,0)+IF('Standard Profiles'!$G$20=$B$17,14,0)+IF('Standard Profiles'!$G$20=$B$24,21,0),MOD($C5118,24)+1)/SUM(INDEX($D$3:$AA$30,INDEX(Jesper!$R$2:$R$366,ROW(INDEX(Jesper!AJ$2:AJ$366,ROUNDDOWN($C5118/24,0)+1,1))-1)+IF('Standard Profiles'!$G$20=$B$10,7,0)+IF('Standard Profiles'!$G$20=$B$17,14,0)+IF('Standard Profiles'!$G$20=$B$24,21,0),0)),0)</f>
        <v>0</v>
      </c>
      <c r="G5118" cm="1">
        <f t="array" ref="G5118">IFERROR(INDEX(Jesper!AK$2:AK$366,ROUNDDOWN($C5118/24,0)+1,1)*INDEX($D$3:$AA$30,INDEX(Jesper!$R$2:$R$366,ROW(INDEX(Jesper!AK$2:AK$366,ROUNDDOWN($C5118/24,0)+1,1))-1)+IF('Standard Profiles'!$G$21=$B$10,7,0)+IF('Standard Profiles'!$G$21=$B$17,14,0)+IF('Standard Profiles'!$G$21=$B$24,21,0),MOD($C5118,24)+1)/SUM(INDEX($D$3:$AA$30,INDEX(Jesper!$R$2:$R$366,ROW(INDEX(Jesper!AK$2:AK$366,ROUNDDOWN($C5118/24,0)+1,1))-1)+IF('Standard Profiles'!$G$21=$B$10,7,0)+IF('Standard Profiles'!$G$21=$B$17,14,0)+IF('Standard Profiles'!$G$21=$B$24,21,0),0)),0)</f>
        <v>9.6350676047136694E-2</v>
      </c>
      <c r="H5118" cm="1">
        <f t="array" ref="H5118">IFERROR(INDEX(Jesper!AL$2:AL$366,ROUNDDOWN($C5118/24,0)+1,1)*INDEX($D$3:$AA$30,INDEX(Jesper!$R$2:$R$366,ROW(INDEX(Jesper!AL$2:AL$366,ROUNDDOWN($C5118/24,0)+1,1))-1)+IF('Standard Profiles'!$G$22=$B$10,7,0)+IF('Standard Profiles'!$G$22=$B$17,14,0)+IF('Standard Profiles'!$G$22=$B$24,21,0),MOD($C5118,24)+1)/SUM(INDEX($D$3:$AA$30,INDEX(Jesper!$R$2:$R$366,ROW(INDEX(Jesper!AL$2:AL$366,ROUNDDOWN($C5118/24,0)+1,1))-1)+IF('Standard Profiles'!$G$22=$B$10,7,0)+IF('Standard Profiles'!$G$22=$B$17,14,0)+IF('Standard Profiles'!$G$22=$B$24,21,0),0)),0)</f>
        <v>0</v>
      </c>
      <c r="I5118">
        <f t="shared" si="573"/>
        <v>4.6248324502625587E-2</v>
      </c>
      <c r="J5118">
        <f t="shared" si="574"/>
        <v>6.7247945594348275</v>
      </c>
      <c r="K5118">
        <f t="shared" si="575"/>
        <v>0.56926226425194604</v>
      </c>
      <c r="L5118">
        <f t="shared" si="576"/>
        <v>0.28463113212597302</v>
      </c>
      <c r="M5118">
        <f t="shared" si="577"/>
        <v>0</v>
      </c>
      <c r="N5118" s="45">
        <f t="shared" si="578"/>
        <v>45138.833333321003</v>
      </c>
    </row>
    <row r="5119" spans="2:14" x14ac:dyDescent="0.25">
      <c r="B5119">
        <f t="shared" si="572"/>
        <v>1</v>
      </c>
      <c r="C5119" s="16">
        <v>5085</v>
      </c>
      <c r="D5119" cm="1">
        <f t="array" ref="D5119">IFERROR(INDEX(Jesper!AH$2:AH$366,ROUNDDOWN($C5119/24,0)+1,1)*INDEX($D$3:$AA$30,INDEX(Jesper!$R$2:$R$366,ROW(INDEX(Jesper!AH$2:AH$366,ROUNDDOWN($C5119/24,0)+1,1))-1)+IF('Standard Profiles'!$G$18=$B$10,7,0)+IF('Standard Profiles'!$G$18=$B$17,14,0)+IF('Standard Profiles'!$G$18=$B$24,21,0),MOD($C5119,24)+1)/SUM(INDEX($D$3:$AA$30,INDEX(Jesper!$R$2:$R$366,ROW(INDEX(Jesper!AH$2:AH$366,ROUNDDOWN($C5119/24,0)+1,1))-1)+IF('Standard Profiles'!$G$18=$B$10,7,0)+IF('Standard Profiles'!$G$18=$B$17,14,0)+IF('Standard Profiles'!$G$18=$B$24,21,0),0)),0)</f>
        <v>5.3368337273619932</v>
      </c>
      <c r="E5119" cm="1">
        <f t="array" ref="E5119">IFERROR(INDEX(Jesper!AI$2:AI$366,ROUNDDOWN($C5119/24,0)+1,1)*INDEX($D$3:$AA$30,INDEX(Jesper!$R$2:$R$366,ROW(INDEX(Jesper!AI$2:AI$366,ROUNDDOWN($C5119/24,0)+1,1))-1)+IF('Standard Profiles'!$G$19=$B$10,7,0)+IF('Standard Profiles'!$G$19=$B$17,14,0)+IF('Standard Profiles'!$G$19=$B$24,21,0),MOD($C5119,24)+1)/SUM(INDEX($D$3:$AA$30,INDEX(Jesper!$R$2:$R$366,ROW(INDEX(Jesper!AI$2:AI$366,ROUNDDOWN($C5119/24,0)+1,1))-1)+IF('Standard Profiles'!$G$19=$B$10,7,0)+IF('Standard Profiles'!$G$19=$B$17,14,0)+IF('Standard Profiles'!$G$19=$B$24,21,0),0)),0)</f>
        <v>2.1917518769062427</v>
      </c>
      <c r="F5119" cm="1">
        <f t="array" ref="F5119">IFERROR(INDEX(Jesper!AJ$2:AJ$366,ROUNDDOWN($C5119/24,0)+1,1)*INDEX($D$3:$AA$30,INDEX(Jesper!$R$2:$R$366,ROW(INDEX(Jesper!AJ$2:AJ$366,ROUNDDOWN($C5119/24,0)+1,1))-1)+IF('Standard Profiles'!$G$20=$B$10,7,0)+IF('Standard Profiles'!$G$20=$B$17,14,0)+IF('Standard Profiles'!$G$20=$B$24,21,0),MOD($C5119,24)+1)/SUM(INDEX($D$3:$AA$30,INDEX(Jesper!$R$2:$R$366,ROW(INDEX(Jesper!AJ$2:AJ$366,ROUNDDOWN($C5119/24,0)+1,1))-1)+IF('Standard Profiles'!$G$20=$B$10,7,0)+IF('Standard Profiles'!$G$20=$B$17,14,0)+IF('Standard Profiles'!$G$20=$B$24,21,0),0)),0)</f>
        <v>0</v>
      </c>
      <c r="G5119" cm="1">
        <f t="array" ref="G5119">IFERROR(INDEX(Jesper!AK$2:AK$366,ROUNDDOWN($C5119/24,0)+1,1)*INDEX($D$3:$AA$30,INDEX(Jesper!$R$2:$R$366,ROW(INDEX(Jesper!AK$2:AK$366,ROUNDDOWN($C5119/24,0)+1,1))-1)+IF('Standard Profiles'!$G$21=$B$10,7,0)+IF('Standard Profiles'!$G$21=$B$17,14,0)+IF('Standard Profiles'!$G$21=$B$24,21,0),MOD($C5119,24)+1)/SUM(INDEX($D$3:$AA$30,INDEX(Jesper!$R$2:$R$366,ROW(INDEX(Jesper!AK$2:AK$366,ROUNDDOWN($C5119/24,0)+1,1))-1)+IF('Standard Profiles'!$G$21=$B$10,7,0)+IF('Standard Profiles'!$G$21=$B$17,14,0)+IF('Standard Profiles'!$G$21=$B$24,21,0),0)),0)</f>
        <v>9.6350676047136694E-2</v>
      </c>
      <c r="H5119" cm="1">
        <f t="array" ref="H5119">IFERROR(INDEX(Jesper!AL$2:AL$366,ROUNDDOWN($C5119/24,0)+1,1)*INDEX($D$3:$AA$30,INDEX(Jesper!$R$2:$R$366,ROW(INDEX(Jesper!AL$2:AL$366,ROUNDDOWN($C5119/24,0)+1,1))-1)+IF('Standard Profiles'!$G$22=$B$10,7,0)+IF('Standard Profiles'!$G$22=$B$17,14,0)+IF('Standard Profiles'!$G$22=$B$24,21,0),MOD($C5119,24)+1)/SUM(INDEX($D$3:$AA$30,INDEX(Jesper!$R$2:$R$366,ROW(INDEX(Jesper!AL$2:AL$366,ROUNDDOWN($C5119/24,0)+1,1))-1)+IF('Standard Profiles'!$G$22=$B$10,7,0)+IF('Standard Profiles'!$G$22=$B$17,14,0)+IF('Standard Profiles'!$G$22=$B$24,21,0),0)),0)</f>
        <v>0</v>
      </c>
      <c r="I5119">
        <f t="shared" si="573"/>
        <v>4.6248324502625587E-2</v>
      </c>
      <c r="J5119">
        <f t="shared" si="574"/>
        <v>6.7247945594348275</v>
      </c>
      <c r="K5119">
        <f t="shared" si="575"/>
        <v>0.56926226425194604</v>
      </c>
      <c r="L5119">
        <f t="shared" si="576"/>
        <v>0.28463113212597302</v>
      </c>
      <c r="M5119">
        <f t="shared" si="577"/>
        <v>0</v>
      </c>
      <c r="N5119" s="45">
        <f t="shared" si="578"/>
        <v>45138.874999987667</v>
      </c>
    </row>
    <row r="5120" spans="2:14" x14ac:dyDescent="0.25">
      <c r="B5120">
        <f t="shared" si="572"/>
        <v>1</v>
      </c>
      <c r="C5120" s="16">
        <v>5086</v>
      </c>
      <c r="D5120" cm="1">
        <f t="array" ref="D5120">IFERROR(INDEX(Jesper!AH$2:AH$366,ROUNDDOWN($C5120/24,0)+1,1)*INDEX($D$3:$AA$30,INDEX(Jesper!$R$2:$R$366,ROW(INDEX(Jesper!AH$2:AH$366,ROUNDDOWN($C5120/24,0)+1,1))-1)+IF('Standard Profiles'!$G$18=$B$10,7,0)+IF('Standard Profiles'!$G$18=$B$17,14,0)+IF('Standard Profiles'!$G$18=$B$24,21,0),MOD($C5120,24)+1)/SUM(INDEX($D$3:$AA$30,INDEX(Jesper!$R$2:$R$366,ROW(INDEX(Jesper!AH$2:AH$366,ROUNDDOWN($C5120/24,0)+1,1))-1)+IF('Standard Profiles'!$G$18=$B$10,7,0)+IF('Standard Profiles'!$G$18=$B$17,14,0)+IF('Standard Profiles'!$G$18=$B$24,21,0),0)),0)</f>
        <v>5.3368337273619932</v>
      </c>
      <c r="E5120" cm="1">
        <f t="array" ref="E5120">IFERROR(INDEX(Jesper!AI$2:AI$366,ROUNDDOWN($C5120/24,0)+1,1)*INDEX($D$3:$AA$30,INDEX(Jesper!$R$2:$R$366,ROW(INDEX(Jesper!AI$2:AI$366,ROUNDDOWN($C5120/24,0)+1,1))-1)+IF('Standard Profiles'!$G$19=$B$10,7,0)+IF('Standard Profiles'!$G$19=$B$17,14,0)+IF('Standard Profiles'!$G$19=$B$24,21,0),MOD($C5120,24)+1)/SUM(INDEX($D$3:$AA$30,INDEX(Jesper!$R$2:$R$366,ROW(INDEX(Jesper!AI$2:AI$366,ROUNDDOWN($C5120/24,0)+1,1))-1)+IF('Standard Profiles'!$G$19=$B$10,7,0)+IF('Standard Profiles'!$G$19=$B$17,14,0)+IF('Standard Profiles'!$G$19=$B$24,21,0),0)),0)</f>
        <v>2.1917518769062427</v>
      </c>
      <c r="F5120" cm="1">
        <f t="array" ref="F5120">IFERROR(INDEX(Jesper!AJ$2:AJ$366,ROUNDDOWN($C5120/24,0)+1,1)*INDEX($D$3:$AA$30,INDEX(Jesper!$R$2:$R$366,ROW(INDEX(Jesper!AJ$2:AJ$366,ROUNDDOWN($C5120/24,0)+1,1))-1)+IF('Standard Profiles'!$G$20=$B$10,7,0)+IF('Standard Profiles'!$G$20=$B$17,14,0)+IF('Standard Profiles'!$G$20=$B$24,21,0),MOD($C5120,24)+1)/SUM(INDEX($D$3:$AA$30,INDEX(Jesper!$R$2:$R$366,ROW(INDEX(Jesper!AJ$2:AJ$366,ROUNDDOWN($C5120/24,0)+1,1))-1)+IF('Standard Profiles'!$G$20=$B$10,7,0)+IF('Standard Profiles'!$G$20=$B$17,14,0)+IF('Standard Profiles'!$G$20=$B$24,21,0),0)),0)</f>
        <v>0</v>
      </c>
      <c r="G5120" cm="1">
        <f t="array" ref="G5120">IFERROR(INDEX(Jesper!AK$2:AK$366,ROUNDDOWN($C5120/24,0)+1,1)*INDEX($D$3:$AA$30,INDEX(Jesper!$R$2:$R$366,ROW(INDEX(Jesper!AK$2:AK$366,ROUNDDOWN($C5120/24,0)+1,1))-1)+IF('Standard Profiles'!$G$21=$B$10,7,0)+IF('Standard Profiles'!$G$21=$B$17,14,0)+IF('Standard Profiles'!$G$21=$B$24,21,0),MOD($C5120,24)+1)/SUM(INDEX($D$3:$AA$30,INDEX(Jesper!$R$2:$R$366,ROW(INDEX(Jesper!AK$2:AK$366,ROUNDDOWN($C5120/24,0)+1,1))-1)+IF('Standard Profiles'!$G$21=$B$10,7,0)+IF('Standard Profiles'!$G$21=$B$17,14,0)+IF('Standard Profiles'!$G$21=$B$24,21,0),0)),0)</f>
        <v>9.6350676047136694E-2</v>
      </c>
      <c r="H5120" cm="1">
        <f t="array" ref="H5120">IFERROR(INDEX(Jesper!AL$2:AL$366,ROUNDDOWN($C5120/24,0)+1,1)*INDEX($D$3:$AA$30,INDEX(Jesper!$R$2:$R$366,ROW(INDEX(Jesper!AL$2:AL$366,ROUNDDOWN($C5120/24,0)+1,1))-1)+IF('Standard Profiles'!$G$22=$B$10,7,0)+IF('Standard Profiles'!$G$22=$B$17,14,0)+IF('Standard Profiles'!$G$22=$B$24,21,0),MOD($C5120,24)+1)/SUM(INDEX($D$3:$AA$30,INDEX(Jesper!$R$2:$R$366,ROW(INDEX(Jesper!AL$2:AL$366,ROUNDDOWN($C5120/24,0)+1,1))-1)+IF('Standard Profiles'!$G$22=$B$10,7,0)+IF('Standard Profiles'!$G$22=$B$17,14,0)+IF('Standard Profiles'!$G$22=$B$24,21,0),0)),0)</f>
        <v>0</v>
      </c>
      <c r="I5120">
        <f t="shared" si="573"/>
        <v>4.6248324502625587E-2</v>
      </c>
      <c r="J5120">
        <f t="shared" si="574"/>
        <v>6.7247945594348275</v>
      </c>
      <c r="K5120">
        <f t="shared" si="575"/>
        <v>0.56926226425194604</v>
      </c>
      <c r="L5120">
        <f t="shared" si="576"/>
        <v>0.28463113212597302</v>
      </c>
      <c r="M5120">
        <f t="shared" si="577"/>
        <v>0</v>
      </c>
      <c r="N5120" s="45">
        <f t="shared" si="578"/>
        <v>45138.916666654331</v>
      </c>
    </row>
    <row r="5121" spans="2:14" x14ac:dyDescent="0.25">
      <c r="B5121">
        <f t="shared" si="572"/>
        <v>1</v>
      </c>
      <c r="C5121" s="16">
        <v>5087</v>
      </c>
      <c r="D5121" cm="1">
        <f t="array" ref="D5121">IFERROR(INDEX(Jesper!AH$2:AH$366,ROUNDDOWN($C5121/24,0)+1,1)*INDEX($D$3:$AA$30,INDEX(Jesper!$R$2:$R$366,ROW(INDEX(Jesper!AH$2:AH$366,ROUNDDOWN($C5121/24,0)+1,1))-1)+IF('Standard Profiles'!$G$18=$B$10,7,0)+IF('Standard Profiles'!$G$18=$B$17,14,0)+IF('Standard Profiles'!$G$18=$B$24,21,0),MOD($C5121,24)+1)/SUM(INDEX($D$3:$AA$30,INDEX(Jesper!$R$2:$R$366,ROW(INDEX(Jesper!AH$2:AH$366,ROUNDDOWN($C5121/24,0)+1,1))-1)+IF('Standard Profiles'!$G$18=$B$10,7,0)+IF('Standard Profiles'!$G$18=$B$17,14,0)+IF('Standard Profiles'!$G$18=$B$24,21,0),0)),0)</f>
        <v>5.3368337273619932</v>
      </c>
      <c r="E5121" cm="1">
        <f t="array" ref="E5121">IFERROR(INDEX(Jesper!AI$2:AI$366,ROUNDDOWN($C5121/24,0)+1,1)*INDEX($D$3:$AA$30,INDEX(Jesper!$R$2:$R$366,ROW(INDEX(Jesper!AI$2:AI$366,ROUNDDOWN($C5121/24,0)+1,1))-1)+IF('Standard Profiles'!$G$19=$B$10,7,0)+IF('Standard Profiles'!$G$19=$B$17,14,0)+IF('Standard Profiles'!$G$19=$B$24,21,0),MOD($C5121,24)+1)/SUM(INDEX($D$3:$AA$30,INDEX(Jesper!$R$2:$R$366,ROW(INDEX(Jesper!AI$2:AI$366,ROUNDDOWN($C5121/24,0)+1,1))-1)+IF('Standard Profiles'!$G$19=$B$10,7,0)+IF('Standard Profiles'!$G$19=$B$17,14,0)+IF('Standard Profiles'!$G$19=$B$24,21,0),0)),0)</f>
        <v>2.1917518769062427</v>
      </c>
      <c r="F5121" cm="1">
        <f t="array" ref="F5121">IFERROR(INDEX(Jesper!AJ$2:AJ$366,ROUNDDOWN($C5121/24,0)+1,1)*INDEX($D$3:$AA$30,INDEX(Jesper!$R$2:$R$366,ROW(INDEX(Jesper!AJ$2:AJ$366,ROUNDDOWN($C5121/24,0)+1,1))-1)+IF('Standard Profiles'!$G$20=$B$10,7,0)+IF('Standard Profiles'!$G$20=$B$17,14,0)+IF('Standard Profiles'!$G$20=$B$24,21,0),MOD($C5121,24)+1)/SUM(INDEX($D$3:$AA$30,INDEX(Jesper!$R$2:$R$366,ROW(INDEX(Jesper!AJ$2:AJ$366,ROUNDDOWN($C5121/24,0)+1,1))-1)+IF('Standard Profiles'!$G$20=$B$10,7,0)+IF('Standard Profiles'!$G$20=$B$17,14,0)+IF('Standard Profiles'!$G$20=$B$24,21,0),0)),0)</f>
        <v>0</v>
      </c>
      <c r="G5121" cm="1">
        <f t="array" ref="G5121">IFERROR(INDEX(Jesper!AK$2:AK$366,ROUNDDOWN($C5121/24,0)+1,1)*INDEX($D$3:$AA$30,INDEX(Jesper!$R$2:$R$366,ROW(INDEX(Jesper!AK$2:AK$366,ROUNDDOWN($C5121/24,0)+1,1))-1)+IF('Standard Profiles'!$G$21=$B$10,7,0)+IF('Standard Profiles'!$G$21=$B$17,14,0)+IF('Standard Profiles'!$G$21=$B$24,21,0),MOD($C5121,24)+1)/SUM(INDEX($D$3:$AA$30,INDEX(Jesper!$R$2:$R$366,ROW(INDEX(Jesper!AK$2:AK$366,ROUNDDOWN($C5121/24,0)+1,1))-1)+IF('Standard Profiles'!$G$21=$B$10,7,0)+IF('Standard Profiles'!$G$21=$B$17,14,0)+IF('Standard Profiles'!$G$21=$B$24,21,0),0)),0)</f>
        <v>9.6350676047136694E-2</v>
      </c>
      <c r="H5121" cm="1">
        <f t="array" ref="H5121">IFERROR(INDEX(Jesper!AL$2:AL$366,ROUNDDOWN($C5121/24,0)+1,1)*INDEX($D$3:$AA$30,INDEX(Jesper!$R$2:$R$366,ROW(INDEX(Jesper!AL$2:AL$366,ROUNDDOWN($C5121/24,0)+1,1))-1)+IF('Standard Profiles'!$G$22=$B$10,7,0)+IF('Standard Profiles'!$G$22=$B$17,14,0)+IF('Standard Profiles'!$G$22=$B$24,21,0),MOD($C5121,24)+1)/SUM(INDEX($D$3:$AA$30,INDEX(Jesper!$R$2:$R$366,ROW(INDEX(Jesper!AL$2:AL$366,ROUNDDOWN($C5121/24,0)+1,1))-1)+IF('Standard Profiles'!$G$22=$B$10,7,0)+IF('Standard Profiles'!$G$22=$B$17,14,0)+IF('Standard Profiles'!$G$22=$B$24,21,0),0)),0)</f>
        <v>0</v>
      </c>
      <c r="I5121">
        <f t="shared" si="573"/>
        <v>4.6248324502625587E-2</v>
      </c>
      <c r="J5121">
        <f t="shared" si="574"/>
        <v>6.7247945594348275</v>
      </c>
      <c r="K5121">
        <f t="shared" si="575"/>
        <v>0.56926226425194604</v>
      </c>
      <c r="L5121">
        <f t="shared" si="576"/>
        <v>0.28463113212597302</v>
      </c>
      <c r="M5121">
        <f t="shared" si="577"/>
        <v>0</v>
      </c>
      <c r="N5121" s="45">
        <f t="shared" si="578"/>
        <v>45138.958333320996</v>
      </c>
    </row>
    <row r="5122" spans="2:14" x14ac:dyDescent="0.25">
      <c r="B5122">
        <f t="shared" si="572"/>
        <v>2</v>
      </c>
      <c r="C5122" s="16">
        <v>5088</v>
      </c>
      <c r="D5122" cm="1">
        <f t="array" ref="D5122">IFERROR(INDEX(Jesper!AH$2:AH$366,ROUNDDOWN($C5122/24,0)+1,1)*INDEX($D$3:$AA$30,INDEX(Jesper!$R$2:$R$366,ROW(INDEX(Jesper!AH$2:AH$366,ROUNDDOWN($C5122/24,0)+1,1))-1)+IF('Standard Profiles'!$G$18=$B$10,7,0)+IF('Standard Profiles'!$G$18=$B$17,14,0)+IF('Standard Profiles'!$G$18=$B$24,21,0),MOD($C5122,24)+1)/SUM(INDEX($D$3:$AA$30,INDEX(Jesper!$R$2:$R$366,ROW(INDEX(Jesper!AH$2:AH$366,ROUNDDOWN($C5122/24,0)+1,1))-1)+IF('Standard Profiles'!$G$18=$B$10,7,0)+IF('Standard Profiles'!$G$18=$B$17,14,0)+IF('Standard Profiles'!$G$18=$B$24,21,0),0)),0)</f>
        <v>3.4369884657124912</v>
      </c>
      <c r="E5122" cm="1">
        <f t="array" ref="E5122">IFERROR(INDEX(Jesper!AI$2:AI$366,ROUNDDOWN($C5122/24,0)+1,1)*INDEX($D$3:$AA$30,INDEX(Jesper!$R$2:$R$366,ROW(INDEX(Jesper!AI$2:AI$366,ROUNDDOWN($C5122/24,0)+1,1))-1)+IF('Standard Profiles'!$G$19=$B$10,7,0)+IF('Standard Profiles'!$G$19=$B$17,14,0)+IF('Standard Profiles'!$G$19=$B$24,21,0),MOD($C5122,24)+1)/SUM(INDEX($D$3:$AA$30,INDEX(Jesper!$R$2:$R$366,ROW(INDEX(Jesper!AI$2:AI$366,ROUNDDOWN($C5122/24,0)+1,1))-1)+IF('Standard Profiles'!$G$19=$B$10,7,0)+IF('Standard Profiles'!$G$19=$B$17,14,0)+IF('Standard Profiles'!$G$19=$B$24,21,0),0)),0)</f>
        <v>1.4665497442212783</v>
      </c>
      <c r="F5122" cm="1">
        <f t="array" ref="F5122">IFERROR(INDEX(Jesper!AJ$2:AJ$366,ROUNDDOWN($C5122/24,0)+1,1)*INDEX($D$3:$AA$30,INDEX(Jesper!$R$2:$R$366,ROW(INDEX(Jesper!AJ$2:AJ$366,ROUNDDOWN($C5122/24,0)+1,1))-1)+IF('Standard Profiles'!$G$20=$B$10,7,0)+IF('Standard Profiles'!$G$20=$B$17,14,0)+IF('Standard Profiles'!$G$20=$B$24,21,0),MOD($C5122,24)+1)/SUM(INDEX($D$3:$AA$30,INDEX(Jesper!$R$2:$R$366,ROW(INDEX(Jesper!AJ$2:AJ$366,ROUNDDOWN($C5122/24,0)+1,1))-1)+IF('Standard Profiles'!$G$20=$B$10,7,0)+IF('Standard Profiles'!$G$20=$B$17,14,0)+IF('Standard Profiles'!$G$20=$B$24,21,0),0)),0)</f>
        <v>0</v>
      </c>
      <c r="G5122" cm="1">
        <f t="array" ref="G5122">IFERROR(INDEX(Jesper!AK$2:AK$366,ROUNDDOWN($C5122/24,0)+1,1)*INDEX($D$3:$AA$30,INDEX(Jesper!$R$2:$R$366,ROW(INDEX(Jesper!AK$2:AK$366,ROUNDDOWN($C5122/24,0)+1,1))-1)+IF('Standard Profiles'!$G$21=$B$10,7,0)+IF('Standard Profiles'!$G$21=$B$17,14,0)+IF('Standard Profiles'!$G$21=$B$24,21,0),MOD($C5122,24)+1)/SUM(INDEX($D$3:$AA$30,INDEX(Jesper!$R$2:$R$366,ROW(INDEX(Jesper!AK$2:AK$366,ROUNDDOWN($C5122/24,0)+1,1))-1)+IF('Standard Profiles'!$G$21=$B$10,7,0)+IF('Standard Profiles'!$G$21=$B$17,14,0)+IF('Standard Profiles'!$G$21=$B$24,21,0),0)),0)</f>
        <v>0.23740900052777053</v>
      </c>
      <c r="H5122" cm="1">
        <f t="array" ref="H5122">IFERROR(INDEX(Jesper!AL$2:AL$366,ROUNDDOWN($C5122/24,0)+1,1)*INDEX($D$3:$AA$30,INDEX(Jesper!$R$2:$R$366,ROW(INDEX(Jesper!AL$2:AL$366,ROUNDDOWN($C5122/24,0)+1,1))-1)+IF('Standard Profiles'!$G$22=$B$10,7,0)+IF('Standard Profiles'!$G$22=$B$17,14,0)+IF('Standard Profiles'!$G$22=$B$24,21,0),MOD($C5122,24)+1)/SUM(INDEX($D$3:$AA$30,INDEX(Jesper!$R$2:$R$366,ROW(INDEX(Jesper!AL$2:AL$366,ROUNDDOWN($C5122/24,0)+1,1))-1)+IF('Standard Profiles'!$G$22=$B$10,7,0)+IF('Standard Profiles'!$G$22=$B$17,14,0)+IF('Standard Profiles'!$G$22=$B$24,21,0),0)),0)</f>
        <v>0</v>
      </c>
      <c r="I5122">
        <f t="shared" si="573"/>
        <v>0.1139563202533298</v>
      </c>
      <c r="J5122">
        <f t="shared" si="574"/>
        <v>4.477072735694211</v>
      </c>
      <c r="K5122">
        <f t="shared" si="575"/>
        <v>0.36661210300933239</v>
      </c>
      <c r="L5122">
        <f t="shared" si="576"/>
        <v>0.1833060515046662</v>
      </c>
      <c r="M5122">
        <f t="shared" si="577"/>
        <v>0</v>
      </c>
      <c r="N5122" s="45">
        <f t="shared" si="578"/>
        <v>45138.99999998766</v>
      </c>
    </row>
    <row r="5123" spans="2:14" x14ac:dyDescent="0.25">
      <c r="B5123">
        <f t="shared" si="572"/>
        <v>2</v>
      </c>
      <c r="C5123" s="16">
        <v>5089</v>
      </c>
      <c r="D5123" cm="1">
        <f t="array" ref="D5123">IFERROR(INDEX(Jesper!AH$2:AH$366,ROUNDDOWN($C5123/24,0)+1,1)*INDEX($D$3:$AA$30,INDEX(Jesper!$R$2:$R$366,ROW(INDEX(Jesper!AH$2:AH$366,ROUNDDOWN($C5123/24,0)+1,1))-1)+IF('Standard Profiles'!$G$18=$B$10,7,0)+IF('Standard Profiles'!$G$18=$B$17,14,0)+IF('Standard Profiles'!$G$18=$B$24,21,0),MOD($C5123,24)+1)/SUM(INDEX($D$3:$AA$30,INDEX(Jesper!$R$2:$R$366,ROW(INDEX(Jesper!AH$2:AH$366,ROUNDDOWN($C5123/24,0)+1,1))-1)+IF('Standard Profiles'!$G$18=$B$10,7,0)+IF('Standard Profiles'!$G$18=$B$17,14,0)+IF('Standard Profiles'!$G$18=$B$24,21,0),0)),0)</f>
        <v>5.2373157572761784</v>
      </c>
      <c r="E5123" cm="1">
        <f t="array" ref="E5123">IFERROR(INDEX(Jesper!AI$2:AI$366,ROUNDDOWN($C5123/24,0)+1,1)*INDEX($D$3:$AA$30,INDEX(Jesper!$R$2:$R$366,ROW(INDEX(Jesper!AI$2:AI$366,ROUNDDOWN($C5123/24,0)+1,1))-1)+IF('Standard Profiles'!$G$19=$B$10,7,0)+IF('Standard Profiles'!$G$19=$B$17,14,0)+IF('Standard Profiles'!$G$19=$B$24,21,0),MOD($C5123,24)+1)/SUM(INDEX($D$3:$AA$30,INDEX(Jesper!$R$2:$R$366,ROW(INDEX(Jesper!AI$2:AI$366,ROUNDDOWN($C5123/24,0)+1,1))-1)+IF('Standard Profiles'!$G$19=$B$10,7,0)+IF('Standard Profiles'!$G$19=$B$17,14,0)+IF('Standard Profiles'!$G$19=$B$24,21,0),0)),0)</f>
        <v>2.2347424673848053</v>
      </c>
      <c r="F5123" cm="1">
        <f t="array" ref="F5123">IFERROR(INDEX(Jesper!AJ$2:AJ$366,ROUNDDOWN($C5123/24,0)+1,1)*INDEX($D$3:$AA$30,INDEX(Jesper!$R$2:$R$366,ROW(INDEX(Jesper!AJ$2:AJ$366,ROUNDDOWN($C5123/24,0)+1,1))-1)+IF('Standard Profiles'!$G$20=$B$10,7,0)+IF('Standard Profiles'!$G$20=$B$17,14,0)+IF('Standard Profiles'!$G$20=$B$24,21,0),MOD($C5123,24)+1)/SUM(INDEX($D$3:$AA$30,INDEX(Jesper!$R$2:$R$366,ROW(INDEX(Jesper!AJ$2:AJ$366,ROUNDDOWN($C5123/24,0)+1,1))-1)+IF('Standard Profiles'!$G$20=$B$10,7,0)+IF('Standard Profiles'!$G$20=$B$17,14,0)+IF('Standard Profiles'!$G$20=$B$24,21,0),0)),0)</f>
        <v>0</v>
      </c>
      <c r="G5123" cm="1">
        <f t="array" ref="G5123">IFERROR(INDEX(Jesper!AK$2:AK$366,ROUNDDOWN($C5123/24,0)+1,1)*INDEX($D$3:$AA$30,INDEX(Jesper!$R$2:$R$366,ROW(INDEX(Jesper!AK$2:AK$366,ROUNDDOWN($C5123/24,0)+1,1))-1)+IF('Standard Profiles'!$G$21=$B$10,7,0)+IF('Standard Profiles'!$G$21=$B$17,14,0)+IF('Standard Profiles'!$G$21=$B$24,21,0),MOD($C5123,24)+1)/SUM(INDEX($D$3:$AA$30,INDEX(Jesper!$R$2:$R$366,ROW(INDEX(Jesper!AK$2:AK$366,ROUNDDOWN($C5123/24,0)+1,1))-1)+IF('Standard Profiles'!$G$21=$B$10,7,0)+IF('Standard Profiles'!$G$21=$B$17,14,0)+IF('Standard Profiles'!$G$21=$B$24,21,0),0)),0)</f>
        <v>0.23740900052777053</v>
      </c>
      <c r="H5123" cm="1">
        <f t="array" ref="H5123">IFERROR(INDEX(Jesper!AL$2:AL$366,ROUNDDOWN($C5123/24,0)+1,1)*INDEX($D$3:$AA$30,INDEX(Jesper!$R$2:$R$366,ROW(INDEX(Jesper!AL$2:AL$366,ROUNDDOWN($C5123/24,0)+1,1))-1)+IF('Standard Profiles'!$G$22=$B$10,7,0)+IF('Standard Profiles'!$G$22=$B$17,14,0)+IF('Standard Profiles'!$G$22=$B$24,21,0),MOD($C5123,24)+1)/SUM(INDEX($D$3:$AA$30,INDEX(Jesper!$R$2:$R$366,ROW(INDEX(Jesper!AL$2:AL$366,ROUNDDOWN($C5123/24,0)+1,1))-1)+IF('Standard Profiles'!$G$22=$B$10,7,0)+IF('Standard Profiles'!$G$22=$B$17,14,0)+IF('Standard Profiles'!$G$22=$B$24,21,0),0)),0)</f>
        <v>0</v>
      </c>
      <c r="I5123">
        <f t="shared" si="573"/>
        <v>0.1139563202533298</v>
      </c>
      <c r="J5123">
        <f t="shared" si="574"/>
        <v>6.7575403837712358</v>
      </c>
      <c r="K5123">
        <f t="shared" si="575"/>
        <v>0.55864701410945905</v>
      </c>
      <c r="L5123">
        <f t="shared" si="576"/>
        <v>0.27932350705472953</v>
      </c>
      <c r="M5123">
        <f t="shared" si="577"/>
        <v>0</v>
      </c>
      <c r="N5123" s="45">
        <f t="shared" si="578"/>
        <v>45139.041666654324</v>
      </c>
    </row>
    <row r="5124" spans="2:14" x14ac:dyDescent="0.25">
      <c r="B5124">
        <f t="shared" si="572"/>
        <v>2</v>
      </c>
      <c r="C5124" s="16">
        <v>5090</v>
      </c>
      <c r="D5124" cm="1">
        <f t="array" ref="D5124">IFERROR(INDEX(Jesper!AH$2:AH$366,ROUNDDOWN($C5124/24,0)+1,1)*INDEX($D$3:$AA$30,INDEX(Jesper!$R$2:$R$366,ROW(INDEX(Jesper!AH$2:AH$366,ROUNDDOWN($C5124/24,0)+1,1))-1)+IF('Standard Profiles'!$G$18=$B$10,7,0)+IF('Standard Profiles'!$G$18=$B$17,14,0)+IF('Standard Profiles'!$G$18=$B$24,21,0),MOD($C5124,24)+1)/SUM(INDEX($D$3:$AA$30,INDEX(Jesper!$R$2:$R$366,ROW(INDEX(Jesper!AH$2:AH$366,ROUNDDOWN($C5124/24,0)+1,1))-1)+IF('Standard Profiles'!$G$18=$B$10,7,0)+IF('Standard Profiles'!$G$18=$B$17,14,0)+IF('Standard Profiles'!$G$18=$B$24,21,0),0)),0)</f>
        <v>5.2373157572761784</v>
      </c>
      <c r="E5124" cm="1">
        <f t="array" ref="E5124">IFERROR(INDEX(Jesper!AI$2:AI$366,ROUNDDOWN($C5124/24,0)+1,1)*INDEX($D$3:$AA$30,INDEX(Jesper!$R$2:$R$366,ROW(INDEX(Jesper!AI$2:AI$366,ROUNDDOWN($C5124/24,0)+1,1))-1)+IF('Standard Profiles'!$G$19=$B$10,7,0)+IF('Standard Profiles'!$G$19=$B$17,14,0)+IF('Standard Profiles'!$G$19=$B$24,21,0),MOD($C5124,24)+1)/SUM(INDEX($D$3:$AA$30,INDEX(Jesper!$R$2:$R$366,ROW(INDEX(Jesper!AI$2:AI$366,ROUNDDOWN($C5124/24,0)+1,1))-1)+IF('Standard Profiles'!$G$19=$B$10,7,0)+IF('Standard Profiles'!$G$19=$B$17,14,0)+IF('Standard Profiles'!$G$19=$B$24,21,0),0)),0)</f>
        <v>2.2347424673848053</v>
      </c>
      <c r="F5124" cm="1">
        <f t="array" ref="F5124">IFERROR(INDEX(Jesper!AJ$2:AJ$366,ROUNDDOWN($C5124/24,0)+1,1)*INDEX($D$3:$AA$30,INDEX(Jesper!$R$2:$R$366,ROW(INDEX(Jesper!AJ$2:AJ$366,ROUNDDOWN($C5124/24,0)+1,1))-1)+IF('Standard Profiles'!$G$20=$B$10,7,0)+IF('Standard Profiles'!$G$20=$B$17,14,0)+IF('Standard Profiles'!$G$20=$B$24,21,0),MOD($C5124,24)+1)/SUM(INDEX($D$3:$AA$30,INDEX(Jesper!$R$2:$R$366,ROW(INDEX(Jesper!AJ$2:AJ$366,ROUNDDOWN($C5124/24,0)+1,1))-1)+IF('Standard Profiles'!$G$20=$B$10,7,0)+IF('Standard Profiles'!$G$20=$B$17,14,0)+IF('Standard Profiles'!$G$20=$B$24,21,0),0)),0)</f>
        <v>0</v>
      </c>
      <c r="G5124" cm="1">
        <f t="array" ref="G5124">IFERROR(INDEX(Jesper!AK$2:AK$366,ROUNDDOWN($C5124/24,0)+1,1)*INDEX($D$3:$AA$30,INDEX(Jesper!$R$2:$R$366,ROW(INDEX(Jesper!AK$2:AK$366,ROUNDDOWN($C5124/24,0)+1,1))-1)+IF('Standard Profiles'!$G$21=$B$10,7,0)+IF('Standard Profiles'!$G$21=$B$17,14,0)+IF('Standard Profiles'!$G$21=$B$24,21,0),MOD($C5124,24)+1)/SUM(INDEX($D$3:$AA$30,INDEX(Jesper!$R$2:$R$366,ROW(INDEX(Jesper!AK$2:AK$366,ROUNDDOWN($C5124/24,0)+1,1))-1)+IF('Standard Profiles'!$G$21=$B$10,7,0)+IF('Standard Profiles'!$G$21=$B$17,14,0)+IF('Standard Profiles'!$G$21=$B$24,21,0),0)),0)</f>
        <v>0.23740900052777053</v>
      </c>
      <c r="H5124" cm="1">
        <f t="array" ref="H5124">IFERROR(INDEX(Jesper!AL$2:AL$366,ROUNDDOWN($C5124/24,0)+1,1)*INDEX($D$3:$AA$30,INDEX(Jesper!$R$2:$R$366,ROW(INDEX(Jesper!AL$2:AL$366,ROUNDDOWN($C5124/24,0)+1,1))-1)+IF('Standard Profiles'!$G$22=$B$10,7,0)+IF('Standard Profiles'!$G$22=$B$17,14,0)+IF('Standard Profiles'!$G$22=$B$24,21,0),MOD($C5124,24)+1)/SUM(INDEX($D$3:$AA$30,INDEX(Jesper!$R$2:$R$366,ROW(INDEX(Jesper!AL$2:AL$366,ROUNDDOWN($C5124/24,0)+1,1))-1)+IF('Standard Profiles'!$G$22=$B$10,7,0)+IF('Standard Profiles'!$G$22=$B$17,14,0)+IF('Standard Profiles'!$G$22=$B$24,21,0),0)),0)</f>
        <v>0</v>
      </c>
      <c r="I5124">
        <f t="shared" si="573"/>
        <v>0.1139563202533298</v>
      </c>
      <c r="J5124">
        <f t="shared" si="574"/>
        <v>6.7575403837712358</v>
      </c>
      <c r="K5124">
        <f t="shared" si="575"/>
        <v>0.55864701410945905</v>
      </c>
      <c r="L5124">
        <f t="shared" si="576"/>
        <v>0.27932350705472953</v>
      </c>
      <c r="M5124">
        <f t="shared" si="577"/>
        <v>0</v>
      </c>
      <c r="N5124" s="45">
        <f t="shared" si="578"/>
        <v>45139.083333320988</v>
      </c>
    </row>
    <row r="5125" spans="2:14" x14ac:dyDescent="0.25">
      <c r="B5125">
        <f t="shared" si="572"/>
        <v>2</v>
      </c>
      <c r="C5125" s="16">
        <v>5091</v>
      </c>
      <c r="D5125" cm="1">
        <f t="array" ref="D5125">IFERROR(INDEX(Jesper!AH$2:AH$366,ROUNDDOWN($C5125/24,0)+1,1)*INDEX($D$3:$AA$30,INDEX(Jesper!$R$2:$R$366,ROW(INDEX(Jesper!AH$2:AH$366,ROUNDDOWN($C5125/24,0)+1,1))-1)+IF('Standard Profiles'!$G$18=$B$10,7,0)+IF('Standard Profiles'!$G$18=$B$17,14,0)+IF('Standard Profiles'!$G$18=$B$24,21,0),MOD($C5125,24)+1)/SUM(INDEX($D$3:$AA$30,INDEX(Jesper!$R$2:$R$366,ROW(INDEX(Jesper!AH$2:AH$366,ROUNDDOWN($C5125/24,0)+1,1))-1)+IF('Standard Profiles'!$G$18=$B$10,7,0)+IF('Standard Profiles'!$G$18=$B$17,14,0)+IF('Standard Profiles'!$G$18=$B$24,21,0),0)),0)</f>
        <v>5.2373157572761784</v>
      </c>
      <c r="E5125" cm="1">
        <f t="array" ref="E5125">IFERROR(INDEX(Jesper!AI$2:AI$366,ROUNDDOWN($C5125/24,0)+1,1)*INDEX($D$3:$AA$30,INDEX(Jesper!$R$2:$R$366,ROW(INDEX(Jesper!AI$2:AI$366,ROUNDDOWN($C5125/24,0)+1,1))-1)+IF('Standard Profiles'!$G$19=$B$10,7,0)+IF('Standard Profiles'!$G$19=$B$17,14,0)+IF('Standard Profiles'!$G$19=$B$24,21,0),MOD($C5125,24)+1)/SUM(INDEX($D$3:$AA$30,INDEX(Jesper!$R$2:$R$366,ROW(INDEX(Jesper!AI$2:AI$366,ROUNDDOWN($C5125/24,0)+1,1))-1)+IF('Standard Profiles'!$G$19=$B$10,7,0)+IF('Standard Profiles'!$G$19=$B$17,14,0)+IF('Standard Profiles'!$G$19=$B$24,21,0),0)),0)</f>
        <v>2.2347424673848053</v>
      </c>
      <c r="F5125" cm="1">
        <f t="array" ref="F5125">IFERROR(INDEX(Jesper!AJ$2:AJ$366,ROUNDDOWN($C5125/24,0)+1,1)*INDEX($D$3:$AA$30,INDEX(Jesper!$R$2:$R$366,ROW(INDEX(Jesper!AJ$2:AJ$366,ROUNDDOWN($C5125/24,0)+1,1))-1)+IF('Standard Profiles'!$G$20=$B$10,7,0)+IF('Standard Profiles'!$G$20=$B$17,14,0)+IF('Standard Profiles'!$G$20=$B$24,21,0),MOD($C5125,24)+1)/SUM(INDEX($D$3:$AA$30,INDEX(Jesper!$R$2:$R$366,ROW(INDEX(Jesper!AJ$2:AJ$366,ROUNDDOWN($C5125/24,0)+1,1))-1)+IF('Standard Profiles'!$G$20=$B$10,7,0)+IF('Standard Profiles'!$G$20=$B$17,14,0)+IF('Standard Profiles'!$G$20=$B$24,21,0),0)),0)</f>
        <v>0</v>
      </c>
      <c r="G5125" cm="1">
        <f t="array" ref="G5125">IFERROR(INDEX(Jesper!AK$2:AK$366,ROUNDDOWN($C5125/24,0)+1,1)*INDEX($D$3:$AA$30,INDEX(Jesper!$R$2:$R$366,ROW(INDEX(Jesper!AK$2:AK$366,ROUNDDOWN($C5125/24,0)+1,1))-1)+IF('Standard Profiles'!$G$21=$B$10,7,0)+IF('Standard Profiles'!$G$21=$B$17,14,0)+IF('Standard Profiles'!$G$21=$B$24,21,0),MOD($C5125,24)+1)/SUM(INDEX($D$3:$AA$30,INDEX(Jesper!$R$2:$R$366,ROW(INDEX(Jesper!AK$2:AK$366,ROUNDDOWN($C5125/24,0)+1,1))-1)+IF('Standard Profiles'!$G$21=$B$10,7,0)+IF('Standard Profiles'!$G$21=$B$17,14,0)+IF('Standard Profiles'!$G$21=$B$24,21,0),0)),0)</f>
        <v>0.23740900052777053</v>
      </c>
      <c r="H5125" cm="1">
        <f t="array" ref="H5125">IFERROR(INDEX(Jesper!AL$2:AL$366,ROUNDDOWN($C5125/24,0)+1,1)*INDEX($D$3:$AA$30,INDEX(Jesper!$R$2:$R$366,ROW(INDEX(Jesper!AL$2:AL$366,ROUNDDOWN($C5125/24,0)+1,1))-1)+IF('Standard Profiles'!$G$22=$B$10,7,0)+IF('Standard Profiles'!$G$22=$B$17,14,0)+IF('Standard Profiles'!$G$22=$B$24,21,0),MOD($C5125,24)+1)/SUM(INDEX($D$3:$AA$30,INDEX(Jesper!$R$2:$R$366,ROW(INDEX(Jesper!AL$2:AL$366,ROUNDDOWN($C5125/24,0)+1,1))-1)+IF('Standard Profiles'!$G$22=$B$10,7,0)+IF('Standard Profiles'!$G$22=$B$17,14,0)+IF('Standard Profiles'!$G$22=$B$24,21,0),0)),0)</f>
        <v>0</v>
      </c>
      <c r="I5125">
        <f t="shared" si="573"/>
        <v>0.1139563202533298</v>
      </c>
      <c r="J5125">
        <f t="shared" si="574"/>
        <v>6.7575403837712358</v>
      </c>
      <c r="K5125">
        <f t="shared" si="575"/>
        <v>0.55864701410945905</v>
      </c>
      <c r="L5125">
        <f t="shared" si="576"/>
        <v>0.27932350705472953</v>
      </c>
      <c r="M5125">
        <f t="shared" si="577"/>
        <v>0</v>
      </c>
      <c r="N5125" s="45">
        <f t="shared" si="578"/>
        <v>45139.124999987653</v>
      </c>
    </row>
    <row r="5126" spans="2:14" x14ac:dyDescent="0.25">
      <c r="B5126">
        <f t="shared" si="572"/>
        <v>2</v>
      </c>
      <c r="C5126" s="16">
        <v>5092</v>
      </c>
      <c r="D5126" cm="1">
        <f t="array" ref="D5126">IFERROR(INDEX(Jesper!AH$2:AH$366,ROUNDDOWN($C5126/24,0)+1,1)*INDEX($D$3:$AA$30,INDEX(Jesper!$R$2:$R$366,ROW(INDEX(Jesper!AH$2:AH$366,ROUNDDOWN($C5126/24,0)+1,1))-1)+IF('Standard Profiles'!$G$18=$B$10,7,0)+IF('Standard Profiles'!$G$18=$B$17,14,0)+IF('Standard Profiles'!$G$18=$B$24,21,0),MOD($C5126,24)+1)/SUM(INDEX($D$3:$AA$30,INDEX(Jesper!$R$2:$R$366,ROW(INDEX(Jesper!AH$2:AH$366,ROUNDDOWN($C5126/24,0)+1,1))-1)+IF('Standard Profiles'!$G$18=$B$10,7,0)+IF('Standard Profiles'!$G$18=$B$17,14,0)+IF('Standard Profiles'!$G$18=$B$24,21,0),0)),0)</f>
        <v>5.2373157572761784</v>
      </c>
      <c r="E5126" cm="1">
        <f t="array" ref="E5126">IFERROR(INDEX(Jesper!AI$2:AI$366,ROUNDDOWN($C5126/24,0)+1,1)*INDEX($D$3:$AA$30,INDEX(Jesper!$R$2:$R$366,ROW(INDEX(Jesper!AI$2:AI$366,ROUNDDOWN($C5126/24,0)+1,1))-1)+IF('Standard Profiles'!$G$19=$B$10,7,0)+IF('Standard Profiles'!$G$19=$B$17,14,0)+IF('Standard Profiles'!$G$19=$B$24,21,0),MOD($C5126,24)+1)/SUM(INDEX($D$3:$AA$30,INDEX(Jesper!$R$2:$R$366,ROW(INDEX(Jesper!AI$2:AI$366,ROUNDDOWN($C5126/24,0)+1,1))-1)+IF('Standard Profiles'!$G$19=$B$10,7,0)+IF('Standard Profiles'!$G$19=$B$17,14,0)+IF('Standard Profiles'!$G$19=$B$24,21,0),0)),0)</f>
        <v>2.2347424673848053</v>
      </c>
      <c r="F5126" cm="1">
        <f t="array" ref="F5126">IFERROR(INDEX(Jesper!AJ$2:AJ$366,ROUNDDOWN($C5126/24,0)+1,1)*INDEX($D$3:$AA$30,INDEX(Jesper!$R$2:$R$366,ROW(INDEX(Jesper!AJ$2:AJ$366,ROUNDDOWN($C5126/24,0)+1,1))-1)+IF('Standard Profiles'!$G$20=$B$10,7,0)+IF('Standard Profiles'!$G$20=$B$17,14,0)+IF('Standard Profiles'!$G$20=$B$24,21,0),MOD($C5126,24)+1)/SUM(INDEX($D$3:$AA$30,INDEX(Jesper!$R$2:$R$366,ROW(INDEX(Jesper!AJ$2:AJ$366,ROUNDDOWN($C5126/24,0)+1,1))-1)+IF('Standard Profiles'!$G$20=$B$10,7,0)+IF('Standard Profiles'!$G$20=$B$17,14,0)+IF('Standard Profiles'!$G$20=$B$24,21,0),0)),0)</f>
        <v>0</v>
      </c>
      <c r="G5126" cm="1">
        <f t="array" ref="G5126">IFERROR(INDEX(Jesper!AK$2:AK$366,ROUNDDOWN($C5126/24,0)+1,1)*INDEX($D$3:$AA$30,INDEX(Jesper!$R$2:$R$366,ROW(INDEX(Jesper!AK$2:AK$366,ROUNDDOWN($C5126/24,0)+1,1))-1)+IF('Standard Profiles'!$G$21=$B$10,7,0)+IF('Standard Profiles'!$G$21=$B$17,14,0)+IF('Standard Profiles'!$G$21=$B$24,21,0),MOD($C5126,24)+1)/SUM(INDEX($D$3:$AA$30,INDEX(Jesper!$R$2:$R$366,ROW(INDEX(Jesper!AK$2:AK$366,ROUNDDOWN($C5126/24,0)+1,1))-1)+IF('Standard Profiles'!$G$21=$B$10,7,0)+IF('Standard Profiles'!$G$21=$B$17,14,0)+IF('Standard Profiles'!$G$21=$B$24,21,0),0)),0)</f>
        <v>0.23740900052777053</v>
      </c>
      <c r="H5126" cm="1">
        <f t="array" ref="H5126">IFERROR(INDEX(Jesper!AL$2:AL$366,ROUNDDOWN($C5126/24,0)+1,1)*INDEX($D$3:$AA$30,INDEX(Jesper!$R$2:$R$366,ROW(INDEX(Jesper!AL$2:AL$366,ROUNDDOWN($C5126/24,0)+1,1))-1)+IF('Standard Profiles'!$G$22=$B$10,7,0)+IF('Standard Profiles'!$G$22=$B$17,14,0)+IF('Standard Profiles'!$G$22=$B$24,21,0),MOD($C5126,24)+1)/SUM(INDEX($D$3:$AA$30,INDEX(Jesper!$R$2:$R$366,ROW(INDEX(Jesper!AL$2:AL$366,ROUNDDOWN($C5126/24,0)+1,1))-1)+IF('Standard Profiles'!$G$22=$B$10,7,0)+IF('Standard Profiles'!$G$22=$B$17,14,0)+IF('Standard Profiles'!$G$22=$B$24,21,0),0)),0)</f>
        <v>0</v>
      </c>
      <c r="I5126">
        <f t="shared" si="573"/>
        <v>0.1139563202533298</v>
      </c>
      <c r="J5126">
        <f t="shared" si="574"/>
        <v>6.7575403837712358</v>
      </c>
      <c r="K5126">
        <f t="shared" si="575"/>
        <v>0.55864701410945905</v>
      </c>
      <c r="L5126">
        <f t="shared" si="576"/>
        <v>0.27932350705472953</v>
      </c>
      <c r="M5126">
        <f t="shared" si="577"/>
        <v>0</v>
      </c>
      <c r="N5126" s="45">
        <f t="shared" si="578"/>
        <v>45139.166666654317</v>
      </c>
    </row>
    <row r="5127" spans="2:14" x14ac:dyDescent="0.25">
      <c r="B5127">
        <f t="shared" si="572"/>
        <v>2</v>
      </c>
      <c r="C5127" s="16">
        <v>5093</v>
      </c>
      <c r="D5127" cm="1">
        <f t="array" ref="D5127">IFERROR(INDEX(Jesper!AH$2:AH$366,ROUNDDOWN($C5127/24,0)+1,1)*INDEX($D$3:$AA$30,INDEX(Jesper!$R$2:$R$366,ROW(INDEX(Jesper!AH$2:AH$366,ROUNDDOWN($C5127/24,0)+1,1))-1)+IF('Standard Profiles'!$G$18=$B$10,7,0)+IF('Standard Profiles'!$G$18=$B$17,14,0)+IF('Standard Profiles'!$G$18=$B$24,21,0),MOD($C5127,24)+1)/SUM(INDEX($D$3:$AA$30,INDEX(Jesper!$R$2:$R$366,ROW(INDEX(Jesper!AH$2:AH$366,ROUNDDOWN($C5127/24,0)+1,1))-1)+IF('Standard Profiles'!$G$18=$B$10,7,0)+IF('Standard Profiles'!$G$18=$B$17,14,0)+IF('Standard Profiles'!$G$18=$B$24,21,0),0)),0)</f>
        <v>5.2373157572761784</v>
      </c>
      <c r="E5127" cm="1">
        <f t="array" ref="E5127">IFERROR(INDEX(Jesper!AI$2:AI$366,ROUNDDOWN($C5127/24,0)+1,1)*INDEX($D$3:$AA$30,INDEX(Jesper!$R$2:$R$366,ROW(INDEX(Jesper!AI$2:AI$366,ROUNDDOWN($C5127/24,0)+1,1))-1)+IF('Standard Profiles'!$G$19=$B$10,7,0)+IF('Standard Profiles'!$G$19=$B$17,14,0)+IF('Standard Profiles'!$G$19=$B$24,21,0),MOD($C5127,24)+1)/SUM(INDEX($D$3:$AA$30,INDEX(Jesper!$R$2:$R$366,ROW(INDEX(Jesper!AI$2:AI$366,ROUNDDOWN($C5127/24,0)+1,1))-1)+IF('Standard Profiles'!$G$19=$B$10,7,0)+IF('Standard Profiles'!$G$19=$B$17,14,0)+IF('Standard Profiles'!$G$19=$B$24,21,0),0)),0)</f>
        <v>2.2347424673848053</v>
      </c>
      <c r="F5127" cm="1">
        <f t="array" ref="F5127">IFERROR(INDEX(Jesper!AJ$2:AJ$366,ROUNDDOWN($C5127/24,0)+1,1)*INDEX($D$3:$AA$30,INDEX(Jesper!$R$2:$R$366,ROW(INDEX(Jesper!AJ$2:AJ$366,ROUNDDOWN($C5127/24,0)+1,1))-1)+IF('Standard Profiles'!$G$20=$B$10,7,0)+IF('Standard Profiles'!$G$20=$B$17,14,0)+IF('Standard Profiles'!$G$20=$B$24,21,0),MOD($C5127,24)+1)/SUM(INDEX($D$3:$AA$30,INDEX(Jesper!$R$2:$R$366,ROW(INDEX(Jesper!AJ$2:AJ$366,ROUNDDOWN($C5127/24,0)+1,1))-1)+IF('Standard Profiles'!$G$20=$B$10,7,0)+IF('Standard Profiles'!$G$20=$B$17,14,0)+IF('Standard Profiles'!$G$20=$B$24,21,0),0)),0)</f>
        <v>0</v>
      </c>
      <c r="G5127" cm="1">
        <f t="array" ref="G5127">IFERROR(INDEX(Jesper!AK$2:AK$366,ROUNDDOWN($C5127/24,0)+1,1)*INDEX($D$3:$AA$30,INDEX(Jesper!$R$2:$R$366,ROW(INDEX(Jesper!AK$2:AK$366,ROUNDDOWN($C5127/24,0)+1,1))-1)+IF('Standard Profiles'!$G$21=$B$10,7,0)+IF('Standard Profiles'!$G$21=$B$17,14,0)+IF('Standard Profiles'!$G$21=$B$24,21,0),MOD($C5127,24)+1)/SUM(INDEX($D$3:$AA$30,INDEX(Jesper!$R$2:$R$366,ROW(INDEX(Jesper!AK$2:AK$366,ROUNDDOWN($C5127/24,0)+1,1))-1)+IF('Standard Profiles'!$G$21=$B$10,7,0)+IF('Standard Profiles'!$G$21=$B$17,14,0)+IF('Standard Profiles'!$G$21=$B$24,21,0),0)),0)</f>
        <v>0.23740900052777053</v>
      </c>
      <c r="H5127" cm="1">
        <f t="array" ref="H5127">IFERROR(INDEX(Jesper!AL$2:AL$366,ROUNDDOWN($C5127/24,0)+1,1)*INDEX($D$3:$AA$30,INDEX(Jesper!$R$2:$R$366,ROW(INDEX(Jesper!AL$2:AL$366,ROUNDDOWN($C5127/24,0)+1,1))-1)+IF('Standard Profiles'!$G$22=$B$10,7,0)+IF('Standard Profiles'!$G$22=$B$17,14,0)+IF('Standard Profiles'!$G$22=$B$24,21,0),MOD($C5127,24)+1)/SUM(INDEX($D$3:$AA$30,INDEX(Jesper!$R$2:$R$366,ROW(INDEX(Jesper!AL$2:AL$366,ROUNDDOWN($C5127/24,0)+1,1))-1)+IF('Standard Profiles'!$G$22=$B$10,7,0)+IF('Standard Profiles'!$G$22=$B$17,14,0)+IF('Standard Profiles'!$G$22=$B$24,21,0),0)),0)</f>
        <v>0</v>
      </c>
      <c r="I5127">
        <f t="shared" si="573"/>
        <v>0.1139563202533298</v>
      </c>
      <c r="J5127">
        <f t="shared" si="574"/>
        <v>6.7575403837712358</v>
      </c>
      <c r="K5127">
        <f t="shared" si="575"/>
        <v>0.55864701410945905</v>
      </c>
      <c r="L5127">
        <f t="shared" si="576"/>
        <v>0.27932350705472953</v>
      </c>
      <c r="M5127">
        <f t="shared" si="577"/>
        <v>0</v>
      </c>
      <c r="N5127" s="45">
        <f t="shared" si="578"/>
        <v>45139.208333320981</v>
      </c>
    </row>
    <row r="5128" spans="2:14" x14ac:dyDescent="0.25">
      <c r="B5128">
        <f t="shared" si="572"/>
        <v>2</v>
      </c>
      <c r="C5128" s="16">
        <v>5094</v>
      </c>
      <c r="D5128" cm="1">
        <f t="array" ref="D5128">IFERROR(INDEX(Jesper!AH$2:AH$366,ROUNDDOWN($C5128/24,0)+1,1)*INDEX($D$3:$AA$30,INDEX(Jesper!$R$2:$R$366,ROW(INDEX(Jesper!AH$2:AH$366,ROUNDDOWN($C5128/24,0)+1,1))-1)+IF('Standard Profiles'!$G$18=$B$10,7,0)+IF('Standard Profiles'!$G$18=$B$17,14,0)+IF('Standard Profiles'!$G$18=$B$24,21,0),MOD($C5128,24)+1)/SUM(INDEX($D$3:$AA$30,INDEX(Jesper!$R$2:$R$366,ROW(INDEX(Jesper!AH$2:AH$366,ROUNDDOWN($C5128/24,0)+1,1))-1)+IF('Standard Profiles'!$G$18=$B$10,7,0)+IF('Standard Profiles'!$G$18=$B$17,14,0)+IF('Standard Profiles'!$G$18=$B$24,21,0),0)),0)</f>
        <v>5.2373157572761784</v>
      </c>
      <c r="E5128" cm="1">
        <f t="array" ref="E5128">IFERROR(INDEX(Jesper!AI$2:AI$366,ROUNDDOWN($C5128/24,0)+1,1)*INDEX($D$3:$AA$30,INDEX(Jesper!$R$2:$R$366,ROW(INDEX(Jesper!AI$2:AI$366,ROUNDDOWN($C5128/24,0)+1,1))-1)+IF('Standard Profiles'!$G$19=$B$10,7,0)+IF('Standard Profiles'!$G$19=$B$17,14,0)+IF('Standard Profiles'!$G$19=$B$24,21,0),MOD($C5128,24)+1)/SUM(INDEX($D$3:$AA$30,INDEX(Jesper!$R$2:$R$366,ROW(INDEX(Jesper!AI$2:AI$366,ROUNDDOWN($C5128/24,0)+1,1))-1)+IF('Standard Profiles'!$G$19=$B$10,7,0)+IF('Standard Profiles'!$G$19=$B$17,14,0)+IF('Standard Profiles'!$G$19=$B$24,21,0),0)),0)</f>
        <v>2.2347424673848053</v>
      </c>
      <c r="F5128" cm="1">
        <f t="array" ref="F5128">IFERROR(INDEX(Jesper!AJ$2:AJ$366,ROUNDDOWN($C5128/24,0)+1,1)*INDEX($D$3:$AA$30,INDEX(Jesper!$R$2:$R$366,ROW(INDEX(Jesper!AJ$2:AJ$366,ROUNDDOWN($C5128/24,0)+1,1))-1)+IF('Standard Profiles'!$G$20=$B$10,7,0)+IF('Standard Profiles'!$G$20=$B$17,14,0)+IF('Standard Profiles'!$G$20=$B$24,21,0),MOD($C5128,24)+1)/SUM(INDEX($D$3:$AA$30,INDEX(Jesper!$R$2:$R$366,ROW(INDEX(Jesper!AJ$2:AJ$366,ROUNDDOWN($C5128/24,0)+1,1))-1)+IF('Standard Profiles'!$G$20=$B$10,7,0)+IF('Standard Profiles'!$G$20=$B$17,14,0)+IF('Standard Profiles'!$G$20=$B$24,21,0),0)),0)</f>
        <v>0</v>
      </c>
      <c r="G5128" cm="1">
        <f t="array" ref="G5128">IFERROR(INDEX(Jesper!AK$2:AK$366,ROUNDDOWN($C5128/24,0)+1,1)*INDEX($D$3:$AA$30,INDEX(Jesper!$R$2:$R$366,ROW(INDEX(Jesper!AK$2:AK$366,ROUNDDOWN($C5128/24,0)+1,1))-1)+IF('Standard Profiles'!$G$21=$B$10,7,0)+IF('Standard Profiles'!$G$21=$B$17,14,0)+IF('Standard Profiles'!$G$21=$B$24,21,0),MOD($C5128,24)+1)/SUM(INDEX($D$3:$AA$30,INDEX(Jesper!$R$2:$R$366,ROW(INDEX(Jesper!AK$2:AK$366,ROUNDDOWN($C5128/24,0)+1,1))-1)+IF('Standard Profiles'!$G$21=$B$10,7,0)+IF('Standard Profiles'!$G$21=$B$17,14,0)+IF('Standard Profiles'!$G$21=$B$24,21,0),0)),0)</f>
        <v>0.23740900052777053</v>
      </c>
      <c r="H5128" cm="1">
        <f t="array" ref="H5128">IFERROR(INDEX(Jesper!AL$2:AL$366,ROUNDDOWN($C5128/24,0)+1,1)*INDEX($D$3:$AA$30,INDEX(Jesper!$R$2:$R$366,ROW(INDEX(Jesper!AL$2:AL$366,ROUNDDOWN($C5128/24,0)+1,1))-1)+IF('Standard Profiles'!$G$22=$B$10,7,0)+IF('Standard Profiles'!$G$22=$B$17,14,0)+IF('Standard Profiles'!$G$22=$B$24,21,0),MOD($C5128,24)+1)/SUM(INDEX($D$3:$AA$30,INDEX(Jesper!$R$2:$R$366,ROW(INDEX(Jesper!AL$2:AL$366,ROUNDDOWN($C5128/24,0)+1,1))-1)+IF('Standard Profiles'!$G$22=$B$10,7,0)+IF('Standard Profiles'!$G$22=$B$17,14,0)+IF('Standard Profiles'!$G$22=$B$24,21,0),0)),0)</f>
        <v>0</v>
      </c>
      <c r="I5128">
        <f t="shared" si="573"/>
        <v>0.1139563202533298</v>
      </c>
      <c r="J5128">
        <f t="shared" si="574"/>
        <v>6.7575403837712358</v>
      </c>
      <c r="K5128">
        <f t="shared" si="575"/>
        <v>0.55864701410945905</v>
      </c>
      <c r="L5128">
        <f t="shared" si="576"/>
        <v>0.27932350705472953</v>
      </c>
      <c r="M5128">
        <f t="shared" si="577"/>
        <v>0</v>
      </c>
      <c r="N5128" s="45">
        <f t="shared" si="578"/>
        <v>45139.249999987645</v>
      </c>
    </row>
    <row r="5129" spans="2:14" x14ac:dyDescent="0.25">
      <c r="B5129">
        <f t="shared" si="572"/>
        <v>2</v>
      </c>
      <c r="C5129" s="16">
        <v>5095</v>
      </c>
      <c r="D5129" cm="1">
        <f t="array" ref="D5129">IFERROR(INDEX(Jesper!AH$2:AH$366,ROUNDDOWN($C5129/24,0)+1,1)*INDEX($D$3:$AA$30,INDEX(Jesper!$R$2:$R$366,ROW(INDEX(Jesper!AH$2:AH$366,ROUNDDOWN($C5129/24,0)+1,1))-1)+IF('Standard Profiles'!$G$18=$B$10,7,0)+IF('Standard Profiles'!$G$18=$B$17,14,0)+IF('Standard Profiles'!$G$18=$B$24,21,0),MOD($C5129,24)+1)/SUM(INDEX($D$3:$AA$30,INDEX(Jesper!$R$2:$R$366,ROW(INDEX(Jesper!AH$2:AH$366,ROUNDDOWN($C5129/24,0)+1,1))-1)+IF('Standard Profiles'!$G$18=$B$10,7,0)+IF('Standard Profiles'!$G$18=$B$17,14,0)+IF('Standard Profiles'!$G$18=$B$24,21,0),0)),0)</f>
        <v>22.078559239267381</v>
      </c>
      <c r="E5129" cm="1">
        <f t="array" ref="E5129">IFERROR(INDEX(Jesper!AI$2:AI$366,ROUNDDOWN($C5129/24,0)+1,1)*INDEX($D$3:$AA$30,INDEX(Jesper!$R$2:$R$366,ROW(INDEX(Jesper!AI$2:AI$366,ROUNDDOWN($C5129/24,0)+1,1))-1)+IF('Standard Profiles'!$G$19=$B$10,7,0)+IF('Standard Profiles'!$G$19=$B$17,14,0)+IF('Standard Profiles'!$G$19=$B$24,21,0),MOD($C5129,24)+1)/SUM(INDEX($D$3:$AA$30,INDEX(Jesper!$R$2:$R$366,ROW(INDEX(Jesper!AI$2:AI$366,ROUNDDOWN($C5129/24,0)+1,1))-1)+IF('Standard Profiles'!$G$19=$B$10,7,0)+IF('Standard Profiles'!$G$19=$B$17,14,0)+IF('Standard Profiles'!$G$19=$B$24,21,0),0)),0)</f>
        <v>9.4208362140690678</v>
      </c>
      <c r="F5129" cm="1">
        <f t="array" ref="F5129">IFERROR(INDEX(Jesper!AJ$2:AJ$366,ROUNDDOWN($C5129/24,0)+1,1)*INDEX($D$3:$AA$30,INDEX(Jesper!$R$2:$R$366,ROW(INDEX(Jesper!AJ$2:AJ$366,ROUNDDOWN($C5129/24,0)+1,1))-1)+IF('Standard Profiles'!$G$20=$B$10,7,0)+IF('Standard Profiles'!$G$20=$B$17,14,0)+IF('Standard Profiles'!$G$20=$B$24,21,0),MOD($C5129,24)+1)/SUM(INDEX($D$3:$AA$30,INDEX(Jesper!$R$2:$R$366,ROW(INDEX(Jesper!AJ$2:AJ$366,ROUNDDOWN($C5129/24,0)+1,1))-1)+IF('Standard Profiles'!$G$20=$B$10,7,0)+IF('Standard Profiles'!$G$20=$B$17,14,0)+IF('Standard Profiles'!$G$20=$B$24,21,0),0)),0)</f>
        <v>0</v>
      </c>
      <c r="G5129" cm="1">
        <f t="array" ref="G5129">IFERROR(INDEX(Jesper!AK$2:AK$366,ROUNDDOWN($C5129/24,0)+1,1)*INDEX($D$3:$AA$30,INDEX(Jesper!$R$2:$R$366,ROW(INDEX(Jesper!AK$2:AK$366,ROUNDDOWN($C5129/24,0)+1,1))-1)+IF('Standard Profiles'!$G$21=$B$10,7,0)+IF('Standard Profiles'!$G$21=$B$17,14,0)+IF('Standard Profiles'!$G$21=$B$24,21,0),MOD($C5129,24)+1)/SUM(INDEX($D$3:$AA$30,INDEX(Jesper!$R$2:$R$366,ROW(INDEX(Jesper!AK$2:AK$366,ROUNDDOWN($C5129/24,0)+1,1))-1)+IF('Standard Profiles'!$G$21=$B$10,7,0)+IF('Standard Profiles'!$G$21=$B$17,14,0)+IF('Standard Profiles'!$G$21=$B$24,21,0),0)),0)</f>
        <v>0.6838910886170938</v>
      </c>
      <c r="H5129" cm="1">
        <f t="array" ref="H5129">IFERROR(INDEX(Jesper!AL$2:AL$366,ROUNDDOWN($C5129/24,0)+1,1)*INDEX($D$3:$AA$30,INDEX(Jesper!$R$2:$R$366,ROW(INDEX(Jesper!AL$2:AL$366,ROUNDDOWN($C5129/24,0)+1,1))-1)+IF('Standard Profiles'!$G$22=$B$10,7,0)+IF('Standard Profiles'!$G$22=$B$17,14,0)+IF('Standard Profiles'!$G$22=$B$24,21,0),MOD($C5129,24)+1)/SUM(INDEX($D$3:$AA$30,INDEX(Jesper!$R$2:$R$366,ROW(INDEX(Jesper!AL$2:AL$366,ROUNDDOWN($C5129/24,0)+1,1))-1)+IF('Standard Profiles'!$G$22=$B$10,7,0)+IF('Standard Profiles'!$G$22=$B$17,14,0)+IF('Standard Profiles'!$G$22=$B$24,21,0),0)),0)</f>
        <v>0</v>
      </c>
      <c r="I5129">
        <f t="shared" si="573"/>
        <v>0.32826772253620484</v>
      </c>
      <c r="J5129">
        <f t="shared" si="574"/>
        <v>28.322449341134554</v>
      </c>
      <c r="K5129">
        <f t="shared" si="575"/>
        <v>2.3550463188551873</v>
      </c>
      <c r="L5129">
        <f t="shared" si="576"/>
        <v>1.1775231594275937</v>
      </c>
      <c r="M5129">
        <f t="shared" si="577"/>
        <v>0</v>
      </c>
      <c r="N5129" s="45">
        <f t="shared" si="578"/>
        <v>45139.29166665431</v>
      </c>
    </row>
    <row r="5130" spans="2:14" x14ac:dyDescent="0.25">
      <c r="B5130">
        <f t="shared" si="572"/>
        <v>2</v>
      </c>
      <c r="C5130" s="16">
        <v>5096</v>
      </c>
      <c r="D5130" cm="1">
        <f t="array" ref="D5130">IFERROR(INDEX(Jesper!AH$2:AH$366,ROUNDDOWN($C5130/24,0)+1,1)*INDEX($D$3:$AA$30,INDEX(Jesper!$R$2:$R$366,ROW(INDEX(Jesper!AH$2:AH$366,ROUNDDOWN($C5130/24,0)+1,1))-1)+IF('Standard Profiles'!$G$18=$B$10,7,0)+IF('Standard Profiles'!$G$18=$B$17,14,0)+IF('Standard Profiles'!$G$18=$B$24,21,0),MOD($C5130,24)+1)/SUM(INDEX($D$3:$AA$30,INDEX(Jesper!$R$2:$R$366,ROW(INDEX(Jesper!AH$2:AH$366,ROUNDDOWN($C5130/24,0)+1,1))-1)+IF('Standard Profiles'!$G$18=$B$10,7,0)+IF('Standard Profiles'!$G$18=$B$17,14,0)+IF('Standard Profiles'!$G$18=$B$24,21,0),0)),0)</f>
        <v>24.63502399328782</v>
      </c>
      <c r="E5130" cm="1">
        <f t="array" ref="E5130">IFERROR(INDEX(Jesper!AI$2:AI$366,ROUNDDOWN($C5130/24,0)+1,1)*INDEX($D$3:$AA$30,INDEX(Jesper!$R$2:$R$366,ROW(INDEX(Jesper!AI$2:AI$366,ROUNDDOWN($C5130/24,0)+1,1))-1)+IF('Standard Profiles'!$G$19=$B$10,7,0)+IF('Standard Profiles'!$G$19=$B$17,14,0)+IF('Standard Profiles'!$G$19=$B$24,21,0),MOD($C5130,24)+1)/SUM(INDEX($D$3:$AA$30,INDEX(Jesper!$R$2:$R$366,ROW(INDEX(Jesper!AI$2:AI$366,ROUNDDOWN($C5130/24,0)+1,1))-1)+IF('Standard Profiles'!$G$19=$B$10,7,0)+IF('Standard Profiles'!$G$19=$B$17,14,0)+IF('Standard Profiles'!$G$19=$B$24,21,0),0)),0)</f>
        <v>10.511669880961277</v>
      </c>
      <c r="F5130" cm="1">
        <f t="array" ref="F5130">IFERROR(INDEX(Jesper!AJ$2:AJ$366,ROUNDDOWN($C5130/24,0)+1,1)*INDEX($D$3:$AA$30,INDEX(Jesper!$R$2:$R$366,ROW(INDEX(Jesper!AJ$2:AJ$366,ROUNDDOWN($C5130/24,0)+1,1))-1)+IF('Standard Profiles'!$G$20=$B$10,7,0)+IF('Standard Profiles'!$G$20=$B$17,14,0)+IF('Standard Profiles'!$G$20=$B$24,21,0),MOD($C5130,24)+1)/SUM(INDEX($D$3:$AA$30,INDEX(Jesper!$R$2:$R$366,ROW(INDEX(Jesper!AJ$2:AJ$366,ROUNDDOWN($C5130/24,0)+1,1))-1)+IF('Standard Profiles'!$G$20=$B$10,7,0)+IF('Standard Profiles'!$G$20=$B$17,14,0)+IF('Standard Profiles'!$G$20=$B$24,21,0),0)),0)</f>
        <v>0</v>
      </c>
      <c r="G5130" cm="1">
        <f t="array" ref="G5130">IFERROR(INDEX(Jesper!AK$2:AK$366,ROUNDDOWN($C5130/24,0)+1,1)*INDEX($D$3:$AA$30,INDEX(Jesper!$R$2:$R$366,ROW(INDEX(Jesper!AK$2:AK$366,ROUNDDOWN($C5130/24,0)+1,1))-1)+IF('Standard Profiles'!$G$21=$B$10,7,0)+IF('Standard Profiles'!$G$21=$B$17,14,0)+IF('Standard Profiles'!$G$21=$B$24,21,0),MOD($C5130,24)+1)/SUM(INDEX($D$3:$AA$30,INDEX(Jesper!$R$2:$R$366,ROW(INDEX(Jesper!AK$2:AK$366,ROUNDDOWN($C5130/24,0)+1,1))-1)+IF('Standard Profiles'!$G$21=$B$10,7,0)+IF('Standard Profiles'!$G$21=$B$17,14,0)+IF('Standard Profiles'!$G$21=$B$24,21,0),0)),0)</f>
        <v>0.76307847782538885</v>
      </c>
      <c r="H5130" cm="1">
        <f t="array" ref="H5130">IFERROR(INDEX(Jesper!AL$2:AL$366,ROUNDDOWN($C5130/24,0)+1,1)*INDEX($D$3:$AA$30,INDEX(Jesper!$R$2:$R$366,ROW(INDEX(Jesper!AL$2:AL$366,ROUNDDOWN($C5130/24,0)+1,1))-1)+IF('Standard Profiles'!$G$22=$B$10,7,0)+IF('Standard Profiles'!$G$22=$B$17,14,0)+IF('Standard Profiles'!$G$22=$B$24,21,0),MOD($C5130,24)+1)/SUM(INDEX($D$3:$AA$30,INDEX(Jesper!$R$2:$R$366,ROW(INDEX(Jesper!AL$2:AL$366,ROUNDDOWN($C5130/24,0)+1,1))-1)+IF('Standard Profiles'!$G$22=$B$10,7,0)+IF('Standard Profiles'!$G$22=$B$17,14,0)+IF('Standard Profiles'!$G$22=$B$24,21,0),0)),0)</f>
        <v>0</v>
      </c>
      <c r="I5130">
        <f t="shared" si="573"/>
        <v>0.36627766935618644</v>
      </c>
      <c r="J5130">
        <f t="shared" si="574"/>
        <v>31.601890843792248</v>
      </c>
      <c r="K5130">
        <f t="shared" si="575"/>
        <v>2.6277358926173675</v>
      </c>
      <c r="L5130">
        <f t="shared" si="576"/>
        <v>1.3138679463086838</v>
      </c>
      <c r="M5130">
        <f t="shared" si="577"/>
        <v>0</v>
      </c>
      <c r="N5130" s="45">
        <f t="shared" si="578"/>
        <v>45139.333333320974</v>
      </c>
    </row>
    <row r="5131" spans="2:14" x14ac:dyDescent="0.25">
      <c r="B5131">
        <f t="shared" si="572"/>
        <v>2</v>
      </c>
      <c r="C5131" s="16">
        <v>5097</v>
      </c>
      <c r="D5131" cm="1">
        <f t="array" ref="D5131">IFERROR(INDEX(Jesper!AH$2:AH$366,ROUNDDOWN($C5131/24,0)+1,1)*INDEX($D$3:$AA$30,INDEX(Jesper!$R$2:$R$366,ROW(INDEX(Jesper!AH$2:AH$366,ROUNDDOWN($C5131/24,0)+1,1))-1)+IF('Standard Profiles'!$G$18=$B$10,7,0)+IF('Standard Profiles'!$G$18=$B$17,14,0)+IF('Standard Profiles'!$G$18=$B$24,21,0),MOD($C5131,24)+1)/SUM(INDEX($D$3:$AA$30,INDEX(Jesper!$R$2:$R$366,ROW(INDEX(Jesper!AH$2:AH$366,ROUNDDOWN($C5131/24,0)+1,1))-1)+IF('Standard Profiles'!$G$18=$B$10,7,0)+IF('Standard Profiles'!$G$18=$B$17,14,0)+IF('Standard Profiles'!$G$18=$B$24,21,0),0)),0)</f>
        <v>27.191488747308252</v>
      </c>
      <c r="E5131" cm="1">
        <f t="array" ref="E5131">IFERROR(INDEX(Jesper!AI$2:AI$366,ROUNDDOWN($C5131/24,0)+1,1)*INDEX($D$3:$AA$30,INDEX(Jesper!$R$2:$R$366,ROW(INDEX(Jesper!AI$2:AI$366,ROUNDDOWN($C5131/24,0)+1,1))-1)+IF('Standard Profiles'!$G$19=$B$10,7,0)+IF('Standard Profiles'!$G$19=$B$17,14,0)+IF('Standard Profiles'!$G$19=$B$24,21,0),MOD($C5131,24)+1)/SUM(INDEX($D$3:$AA$30,INDEX(Jesper!$R$2:$R$366,ROW(INDEX(Jesper!AI$2:AI$366,ROUNDDOWN($C5131/24,0)+1,1))-1)+IF('Standard Profiles'!$G$19=$B$10,7,0)+IF('Standard Profiles'!$G$19=$B$17,14,0)+IF('Standard Profiles'!$G$19=$B$24,21,0),0)),0)</f>
        <v>11.602503547853484</v>
      </c>
      <c r="F5131" cm="1">
        <f t="array" ref="F5131">IFERROR(INDEX(Jesper!AJ$2:AJ$366,ROUNDDOWN($C5131/24,0)+1,1)*INDEX($D$3:$AA$30,INDEX(Jesper!$R$2:$R$366,ROW(INDEX(Jesper!AJ$2:AJ$366,ROUNDDOWN($C5131/24,0)+1,1))-1)+IF('Standard Profiles'!$G$20=$B$10,7,0)+IF('Standard Profiles'!$G$20=$B$17,14,0)+IF('Standard Profiles'!$G$20=$B$24,21,0),MOD($C5131,24)+1)/SUM(INDEX($D$3:$AA$30,INDEX(Jesper!$R$2:$R$366,ROW(INDEX(Jesper!AJ$2:AJ$366,ROUNDDOWN($C5131/24,0)+1,1))-1)+IF('Standard Profiles'!$G$20=$B$10,7,0)+IF('Standard Profiles'!$G$20=$B$17,14,0)+IF('Standard Profiles'!$G$20=$B$24,21,0),0)),0)</f>
        <v>0</v>
      </c>
      <c r="G5131" cm="1">
        <f t="array" ref="G5131">IFERROR(INDEX(Jesper!AK$2:AK$366,ROUNDDOWN($C5131/24,0)+1,1)*INDEX($D$3:$AA$30,INDEX(Jesper!$R$2:$R$366,ROW(INDEX(Jesper!AK$2:AK$366,ROUNDDOWN($C5131/24,0)+1,1))-1)+IF('Standard Profiles'!$G$21=$B$10,7,0)+IF('Standard Profiles'!$G$21=$B$17,14,0)+IF('Standard Profiles'!$G$21=$B$24,21,0),MOD($C5131,24)+1)/SUM(INDEX($D$3:$AA$30,INDEX(Jesper!$R$2:$R$366,ROW(INDEX(Jesper!AK$2:AK$366,ROUNDDOWN($C5131/24,0)+1,1))-1)+IF('Standard Profiles'!$G$21=$B$10,7,0)+IF('Standard Profiles'!$G$21=$B$17,14,0)+IF('Standard Profiles'!$G$21=$B$24,21,0),0)),0)</f>
        <v>0.84226586703368389</v>
      </c>
      <c r="H5131" cm="1">
        <f t="array" ref="H5131">IFERROR(INDEX(Jesper!AL$2:AL$366,ROUNDDOWN($C5131/24,0)+1,1)*INDEX($D$3:$AA$30,INDEX(Jesper!$R$2:$R$366,ROW(INDEX(Jesper!AL$2:AL$366,ROUNDDOWN($C5131/24,0)+1,1))-1)+IF('Standard Profiles'!$G$22=$B$10,7,0)+IF('Standard Profiles'!$G$22=$B$17,14,0)+IF('Standard Profiles'!$G$22=$B$24,21,0),MOD($C5131,24)+1)/SUM(INDEX($D$3:$AA$30,INDEX(Jesper!$R$2:$R$366,ROW(INDEX(Jesper!AL$2:AL$366,ROUNDDOWN($C5131/24,0)+1,1))-1)+IF('Standard Profiles'!$G$22=$B$10,7,0)+IF('Standard Profiles'!$G$22=$B$17,14,0)+IF('Standard Profiles'!$G$22=$B$24,21,0),0)),0)</f>
        <v>0</v>
      </c>
      <c r="I5131">
        <f t="shared" si="573"/>
        <v>0.40428761617616804</v>
      </c>
      <c r="J5131">
        <f t="shared" si="574"/>
        <v>34.881332346449931</v>
      </c>
      <c r="K5131">
        <f t="shared" si="575"/>
        <v>2.9004254663795472</v>
      </c>
      <c r="L5131">
        <f t="shared" si="576"/>
        <v>1.4502127331897736</v>
      </c>
      <c r="M5131">
        <f t="shared" si="577"/>
        <v>0</v>
      </c>
      <c r="N5131" s="45">
        <f t="shared" si="578"/>
        <v>45139.374999987638</v>
      </c>
    </row>
    <row r="5132" spans="2:14" x14ac:dyDescent="0.25">
      <c r="B5132">
        <f t="shared" si="572"/>
        <v>2</v>
      </c>
      <c r="C5132" s="16">
        <v>5098</v>
      </c>
      <c r="D5132" cm="1">
        <f t="array" ref="D5132">IFERROR(INDEX(Jesper!AH$2:AH$366,ROUNDDOWN($C5132/24,0)+1,1)*INDEX($D$3:$AA$30,INDEX(Jesper!$R$2:$R$366,ROW(INDEX(Jesper!AH$2:AH$366,ROUNDDOWN($C5132/24,0)+1,1))-1)+IF('Standard Profiles'!$G$18=$B$10,7,0)+IF('Standard Profiles'!$G$18=$B$17,14,0)+IF('Standard Profiles'!$G$18=$B$24,21,0),MOD($C5132,24)+1)/SUM(INDEX($D$3:$AA$30,INDEX(Jesper!$R$2:$R$366,ROW(INDEX(Jesper!AH$2:AH$366,ROUNDDOWN($C5132/24,0)+1,1))-1)+IF('Standard Profiles'!$G$18=$B$10,7,0)+IF('Standard Profiles'!$G$18=$B$17,14,0)+IF('Standard Profiles'!$G$18=$B$24,21,0),0)),0)</f>
        <v>27.191488747308252</v>
      </c>
      <c r="E5132" cm="1">
        <f t="array" ref="E5132">IFERROR(INDEX(Jesper!AI$2:AI$366,ROUNDDOWN($C5132/24,0)+1,1)*INDEX($D$3:$AA$30,INDEX(Jesper!$R$2:$R$366,ROW(INDEX(Jesper!AI$2:AI$366,ROUNDDOWN($C5132/24,0)+1,1))-1)+IF('Standard Profiles'!$G$19=$B$10,7,0)+IF('Standard Profiles'!$G$19=$B$17,14,0)+IF('Standard Profiles'!$G$19=$B$24,21,0),MOD($C5132,24)+1)/SUM(INDEX($D$3:$AA$30,INDEX(Jesper!$R$2:$R$366,ROW(INDEX(Jesper!AI$2:AI$366,ROUNDDOWN($C5132/24,0)+1,1))-1)+IF('Standard Profiles'!$G$19=$B$10,7,0)+IF('Standard Profiles'!$G$19=$B$17,14,0)+IF('Standard Profiles'!$G$19=$B$24,21,0),0)),0)</f>
        <v>11.602503547853484</v>
      </c>
      <c r="F5132" cm="1">
        <f t="array" ref="F5132">IFERROR(INDEX(Jesper!AJ$2:AJ$366,ROUNDDOWN($C5132/24,0)+1,1)*INDEX($D$3:$AA$30,INDEX(Jesper!$R$2:$R$366,ROW(INDEX(Jesper!AJ$2:AJ$366,ROUNDDOWN($C5132/24,0)+1,1))-1)+IF('Standard Profiles'!$G$20=$B$10,7,0)+IF('Standard Profiles'!$G$20=$B$17,14,0)+IF('Standard Profiles'!$G$20=$B$24,21,0),MOD($C5132,24)+1)/SUM(INDEX($D$3:$AA$30,INDEX(Jesper!$R$2:$R$366,ROW(INDEX(Jesper!AJ$2:AJ$366,ROUNDDOWN($C5132/24,0)+1,1))-1)+IF('Standard Profiles'!$G$20=$B$10,7,0)+IF('Standard Profiles'!$G$20=$B$17,14,0)+IF('Standard Profiles'!$G$20=$B$24,21,0),0)),0)</f>
        <v>0</v>
      </c>
      <c r="G5132" cm="1">
        <f t="array" ref="G5132">IFERROR(INDEX(Jesper!AK$2:AK$366,ROUNDDOWN($C5132/24,0)+1,1)*INDEX($D$3:$AA$30,INDEX(Jesper!$R$2:$R$366,ROW(INDEX(Jesper!AK$2:AK$366,ROUNDDOWN($C5132/24,0)+1,1))-1)+IF('Standard Profiles'!$G$21=$B$10,7,0)+IF('Standard Profiles'!$G$21=$B$17,14,0)+IF('Standard Profiles'!$G$21=$B$24,21,0),MOD($C5132,24)+1)/SUM(INDEX($D$3:$AA$30,INDEX(Jesper!$R$2:$R$366,ROW(INDEX(Jesper!AK$2:AK$366,ROUNDDOWN($C5132/24,0)+1,1))-1)+IF('Standard Profiles'!$G$21=$B$10,7,0)+IF('Standard Profiles'!$G$21=$B$17,14,0)+IF('Standard Profiles'!$G$21=$B$24,21,0),0)),0)</f>
        <v>0.84226586703368389</v>
      </c>
      <c r="H5132" cm="1">
        <f t="array" ref="H5132">IFERROR(INDEX(Jesper!AL$2:AL$366,ROUNDDOWN($C5132/24,0)+1,1)*INDEX($D$3:$AA$30,INDEX(Jesper!$R$2:$R$366,ROW(INDEX(Jesper!AL$2:AL$366,ROUNDDOWN($C5132/24,0)+1,1))-1)+IF('Standard Profiles'!$G$22=$B$10,7,0)+IF('Standard Profiles'!$G$22=$B$17,14,0)+IF('Standard Profiles'!$G$22=$B$24,21,0),MOD($C5132,24)+1)/SUM(INDEX($D$3:$AA$30,INDEX(Jesper!$R$2:$R$366,ROW(INDEX(Jesper!AL$2:AL$366,ROUNDDOWN($C5132/24,0)+1,1))-1)+IF('Standard Profiles'!$G$22=$B$10,7,0)+IF('Standard Profiles'!$G$22=$B$17,14,0)+IF('Standard Profiles'!$G$22=$B$24,21,0),0)),0)</f>
        <v>0</v>
      </c>
      <c r="I5132">
        <f t="shared" si="573"/>
        <v>0.40428761617616804</v>
      </c>
      <c r="J5132">
        <f t="shared" si="574"/>
        <v>34.881332346449931</v>
      </c>
      <c r="K5132">
        <f t="shared" si="575"/>
        <v>2.9004254663795472</v>
      </c>
      <c r="L5132">
        <f t="shared" si="576"/>
        <v>1.4502127331897736</v>
      </c>
      <c r="M5132">
        <f t="shared" si="577"/>
        <v>0</v>
      </c>
      <c r="N5132" s="45">
        <f t="shared" si="578"/>
        <v>45139.416666654302</v>
      </c>
    </row>
    <row r="5133" spans="2:14" x14ac:dyDescent="0.25">
      <c r="B5133">
        <f t="shared" si="572"/>
        <v>2</v>
      </c>
      <c r="C5133" s="16">
        <v>5099</v>
      </c>
      <c r="D5133" cm="1">
        <f t="array" ref="D5133">IFERROR(INDEX(Jesper!AH$2:AH$366,ROUNDDOWN($C5133/24,0)+1,1)*INDEX($D$3:$AA$30,INDEX(Jesper!$R$2:$R$366,ROW(INDEX(Jesper!AH$2:AH$366,ROUNDDOWN($C5133/24,0)+1,1))-1)+IF('Standard Profiles'!$G$18=$B$10,7,0)+IF('Standard Profiles'!$G$18=$B$17,14,0)+IF('Standard Profiles'!$G$18=$B$24,21,0),MOD($C5133,24)+1)/SUM(INDEX($D$3:$AA$30,INDEX(Jesper!$R$2:$R$366,ROW(INDEX(Jesper!AH$2:AH$366,ROUNDDOWN($C5133/24,0)+1,1))-1)+IF('Standard Profiles'!$G$18=$B$10,7,0)+IF('Standard Profiles'!$G$18=$B$17,14,0)+IF('Standard Profiles'!$G$18=$B$24,21,0),0)),0)</f>
        <v>32.536824142078252</v>
      </c>
      <c r="E5133" cm="1">
        <f t="array" ref="E5133">IFERROR(INDEX(Jesper!AI$2:AI$366,ROUNDDOWN($C5133/24,0)+1,1)*INDEX($D$3:$AA$30,INDEX(Jesper!$R$2:$R$366,ROW(INDEX(Jesper!AI$2:AI$366,ROUNDDOWN($C5133/24,0)+1,1))-1)+IF('Standard Profiles'!$G$19=$B$10,7,0)+IF('Standard Profiles'!$G$19=$B$17,14,0)+IF('Standard Profiles'!$G$19=$B$24,21,0),MOD($C5133,24)+1)/SUM(INDEX($D$3:$AA$30,INDEX(Jesper!$R$2:$R$366,ROW(INDEX(Jesper!AI$2:AI$366,ROUNDDOWN($C5133/24,0)+1,1))-1)+IF('Standard Profiles'!$G$19=$B$10,7,0)+IF('Standard Profiles'!$G$19=$B$17,14,0)+IF('Standard Profiles'!$G$19=$B$24,21,0),0)),0)</f>
        <v>13.883337578628099</v>
      </c>
      <c r="F5133" cm="1">
        <f t="array" ref="F5133">IFERROR(INDEX(Jesper!AJ$2:AJ$366,ROUNDDOWN($C5133/24,0)+1,1)*INDEX($D$3:$AA$30,INDEX(Jesper!$R$2:$R$366,ROW(INDEX(Jesper!AJ$2:AJ$366,ROUNDDOWN($C5133/24,0)+1,1))-1)+IF('Standard Profiles'!$G$20=$B$10,7,0)+IF('Standard Profiles'!$G$20=$B$17,14,0)+IF('Standard Profiles'!$G$20=$B$24,21,0),MOD($C5133,24)+1)/SUM(INDEX($D$3:$AA$30,INDEX(Jesper!$R$2:$R$366,ROW(INDEX(Jesper!AJ$2:AJ$366,ROUNDDOWN($C5133/24,0)+1,1))-1)+IF('Standard Profiles'!$G$20=$B$10,7,0)+IF('Standard Profiles'!$G$20=$B$17,14,0)+IF('Standard Profiles'!$G$20=$B$24,21,0),0)),0)</f>
        <v>0</v>
      </c>
      <c r="G5133" cm="1">
        <f t="array" ref="G5133">IFERROR(INDEX(Jesper!AK$2:AK$366,ROUNDDOWN($C5133/24,0)+1,1)*INDEX($D$3:$AA$30,INDEX(Jesper!$R$2:$R$366,ROW(INDEX(Jesper!AK$2:AK$366,ROUNDDOWN($C5133/24,0)+1,1))-1)+IF('Standard Profiles'!$G$21=$B$10,7,0)+IF('Standard Profiles'!$G$21=$B$17,14,0)+IF('Standard Profiles'!$G$21=$B$24,21,0),MOD($C5133,24)+1)/SUM(INDEX($D$3:$AA$30,INDEX(Jesper!$R$2:$R$366,ROW(INDEX(Jesper!AK$2:AK$366,ROUNDDOWN($C5133/24,0)+1,1))-1)+IF('Standard Profiles'!$G$21=$B$10,7,0)+IF('Standard Profiles'!$G$21=$B$17,14,0)+IF('Standard Profiles'!$G$21=$B$24,21,0),0)),0)</f>
        <v>1.0078394990146646</v>
      </c>
      <c r="H5133" cm="1">
        <f t="array" ref="H5133">IFERROR(INDEX(Jesper!AL$2:AL$366,ROUNDDOWN($C5133/24,0)+1,1)*INDEX($D$3:$AA$30,INDEX(Jesper!$R$2:$R$366,ROW(INDEX(Jesper!AL$2:AL$366,ROUNDDOWN($C5133/24,0)+1,1))-1)+IF('Standard Profiles'!$G$22=$B$10,7,0)+IF('Standard Profiles'!$G$22=$B$17,14,0)+IF('Standard Profiles'!$G$22=$B$24,21,0),MOD($C5133,24)+1)/SUM(INDEX($D$3:$AA$30,INDEX(Jesper!$R$2:$R$366,ROW(INDEX(Jesper!AL$2:AL$366,ROUNDDOWN($C5133/24,0)+1,1))-1)+IF('Standard Profiles'!$G$22=$B$10,7,0)+IF('Standard Profiles'!$G$22=$B$17,14,0)+IF('Standard Profiles'!$G$22=$B$24,21,0),0)),0)</f>
        <v>0</v>
      </c>
      <c r="I5133">
        <f t="shared" si="573"/>
        <v>0.48376295952703879</v>
      </c>
      <c r="J5133">
        <f t="shared" si="574"/>
        <v>41.738346397461456</v>
      </c>
      <c r="K5133">
        <f t="shared" si="575"/>
        <v>3.470594575155014</v>
      </c>
      <c r="L5133">
        <f t="shared" si="576"/>
        <v>1.735297287577507</v>
      </c>
      <c r="M5133">
        <f t="shared" si="577"/>
        <v>0</v>
      </c>
      <c r="N5133" s="45">
        <f t="shared" si="578"/>
        <v>45139.458333320967</v>
      </c>
    </row>
    <row r="5134" spans="2:14" x14ac:dyDescent="0.25">
      <c r="B5134">
        <f t="shared" si="572"/>
        <v>2</v>
      </c>
      <c r="C5134" s="16">
        <v>5100</v>
      </c>
      <c r="D5134" cm="1">
        <f t="array" ref="D5134">IFERROR(INDEX(Jesper!AH$2:AH$366,ROUNDDOWN($C5134/24,0)+1,1)*INDEX($D$3:$AA$30,INDEX(Jesper!$R$2:$R$366,ROW(INDEX(Jesper!AH$2:AH$366,ROUNDDOWN($C5134/24,0)+1,1))-1)+IF('Standard Profiles'!$G$18=$B$10,7,0)+IF('Standard Profiles'!$G$18=$B$17,14,0)+IF('Standard Profiles'!$G$18=$B$24,21,0),MOD($C5134,24)+1)/SUM(INDEX($D$3:$AA$30,INDEX(Jesper!$R$2:$R$366,ROW(INDEX(Jesper!AH$2:AH$366,ROUNDDOWN($C5134/24,0)+1,1))-1)+IF('Standard Profiles'!$G$18=$B$10,7,0)+IF('Standard Profiles'!$G$18=$B$17,14,0)+IF('Standard Profiles'!$G$18=$B$24,21,0),0)),0)</f>
        <v>32.536824142078252</v>
      </c>
      <c r="E5134" cm="1">
        <f t="array" ref="E5134">IFERROR(INDEX(Jesper!AI$2:AI$366,ROUNDDOWN($C5134/24,0)+1,1)*INDEX($D$3:$AA$30,INDEX(Jesper!$R$2:$R$366,ROW(INDEX(Jesper!AI$2:AI$366,ROUNDDOWN($C5134/24,0)+1,1))-1)+IF('Standard Profiles'!$G$19=$B$10,7,0)+IF('Standard Profiles'!$G$19=$B$17,14,0)+IF('Standard Profiles'!$G$19=$B$24,21,0),MOD($C5134,24)+1)/SUM(INDEX($D$3:$AA$30,INDEX(Jesper!$R$2:$R$366,ROW(INDEX(Jesper!AI$2:AI$366,ROUNDDOWN($C5134/24,0)+1,1))-1)+IF('Standard Profiles'!$G$19=$B$10,7,0)+IF('Standard Profiles'!$G$19=$B$17,14,0)+IF('Standard Profiles'!$G$19=$B$24,21,0),0)),0)</f>
        <v>13.883337578628099</v>
      </c>
      <c r="F5134" cm="1">
        <f t="array" ref="F5134">IFERROR(INDEX(Jesper!AJ$2:AJ$366,ROUNDDOWN($C5134/24,0)+1,1)*INDEX($D$3:$AA$30,INDEX(Jesper!$R$2:$R$366,ROW(INDEX(Jesper!AJ$2:AJ$366,ROUNDDOWN($C5134/24,0)+1,1))-1)+IF('Standard Profiles'!$G$20=$B$10,7,0)+IF('Standard Profiles'!$G$20=$B$17,14,0)+IF('Standard Profiles'!$G$20=$B$24,21,0),MOD($C5134,24)+1)/SUM(INDEX($D$3:$AA$30,INDEX(Jesper!$R$2:$R$366,ROW(INDEX(Jesper!AJ$2:AJ$366,ROUNDDOWN($C5134/24,0)+1,1))-1)+IF('Standard Profiles'!$G$20=$B$10,7,0)+IF('Standard Profiles'!$G$20=$B$17,14,0)+IF('Standard Profiles'!$G$20=$B$24,21,0),0)),0)</f>
        <v>0</v>
      </c>
      <c r="G5134" cm="1">
        <f t="array" ref="G5134">IFERROR(INDEX(Jesper!AK$2:AK$366,ROUNDDOWN($C5134/24,0)+1,1)*INDEX($D$3:$AA$30,INDEX(Jesper!$R$2:$R$366,ROW(INDEX(Jesper!AK$2:AK$366,ROUNDDOWN($C5134/24,0)+1,1))-1)+IF('Standard Profiles'!$G$21=$B$10,7,0)+IF('Standard Profiles'!$G$21=$B$17,14,0)+IF('Standard Profiles'!$G$21=$B$24,21,0),MOD($C5134,24)+1)/SUM(INDEX($D$3:$AA$30,INDEX(Jesper!$R$2:$R$366,ROW(INDEX(Jesper!AK$2:AK$366,ROUNDDOWN($C5134/24,0)+1,1))-1)+IF('Standard Profiles'!$G$21=$B$10,7,0)+IF('Standard Profiles'!$G$21=$B$17,14,0)+IF('Standard Profiles'!$G$21=$B$24,21,0),0)),0)</f>
        <v>1.0078394990146646</v>
      </c>
      <c r="H5134" cm="1">
        <f t="array" ref="H5134">IFERROR(INDEX(Jesper!AL$2:AL$366,ROUNDDOWN($C5134/24,0)+1,1)*INDEX($D$3:$AA$30,INDEX(Jesper!$R$2:$R$366,ROW(INDEX(Jesper!AL$2:AL$366,ROUNDDOWN($C5134/24,0)+1,1))-1)+IF('Standard Profiles'!$G$22=$B$10,7,0)+IF('Standard Profiles'!$G$22=$B$17,14,0)+IF('Standard Profiles'!$G$22=$B$24,21,0),MOD($C5134,24)+1)/SUM(INDEX($D$3:$AA$30,INDEX(Jesper!$R$2:$R$366,ROW(INDEX(Jesper!AL$2:AL$366,ROUNDDOWN($C5134/24,0)+1,1))-1)+IF('Standard Profiles'!$G$22=$B$10,7,0)+IF('Standard Profiles'!$G$22=$B$17,14,0)+IF('Standard Profiles'!$G$22=$B$24,21,0),0)),0)</f>
        <v>0</v>
      </c>
      <c r="I5134">
        <f t="shared" si="573"/>
        <v>0.48376295952703879</v>
      </c>
      <c r="J5134">
        <f t="shared" si="574"/>
        <v>41.738346397461456</v>
      </c>
      <c r="K5134">
        <f t="shared" si="575"/>
        <v>3.470594575155014</v>
      </c>
      <c r="L5134">
        <f t="shared" si="576"/>
        <v>1.735297287577507</v>
      </c>
      <c r="M5134">
        <f t="shared" si="577"/>
        <v>0</v>
      </c>
      <c r="N5134" s="45">
        <f t="shared" si="578"/>
        <v>45139.499999987631</v>
      </c>
    </row>
    <row r="5135" spans="2:14" x14ac:dyDescent="0.25">
      <c r="B5135">
        <f t="shared" si="572"/>
        <v>2</v>
      </c>
      <c r="C5135" s="16">
        <v>5101</v>
      </c>
      <c r="D5135" cm="1">
        <f t="array" ref="D5135">IFERROR(INDEX(Jesper!AH$2:AH$366,ROUNDDOWN($C5135/24,0)+1,1)*INDEX($D$3:$AA$30,INDEX(Jesper!$R$2:$R$366,ROW(INDEX(Jesper!AH$2:AH$366,ROUNDDOWN($C5135/24,0)+1,1))-1)+IF('Standard Profiles'!$G$18=$B$10,7,0)+IF('Standard Profiles'!$G$18=$B$17,14,0)+IF('Standard Profiles'!$G$18=$B$24,21,0),MOD($C5135,24)+1)/SUM(INDEX($D$3:$AA$30,INDEX(Jesper!$R$2:$R$366,ROW(INDEX(Jesper!AH$2:AH$366,ROUNDDOWN($C5135/24,0)+1,1))-1)+IF('Standard Profiles'!$G$18=$B$10,7,0)+IF('Standard Profiles'!$G$18=$B$17,14,0)+IF('Standard Profiles'!$G$18=$B$24,21,0),0)),0)</f>
        <v>21.613747465809123</v>
      </c>
      <c r="E5135" cm="1">
        <f t="array" ref="E5135">IFERROR(INDEX(Jesper!AI$2:AI$366,ROUNDDOWN($C5135/24,0)+1,1)*INDEX($D$3:$AA$30,INDEX(Jesper!$R$2:$R$366,ROW(INDEX(Jesper!AI$2:AI$366,ROUNDDOWN($C5135/24,0)+1,1))-1)+IF('Standard Profiles'!$G$19=$B$10,7,0)+IF('Standard Profiles'!$G$19=$B$17,14,0)+IF('Standard Profiles'!$G$19=$B$24,21,0),MOD($C5135,24)+1)/SUM(INDEX($D$3:$AA$30,INDEX(Jesper!$R$2:$R$366,ROW(INDEX(Jesper!AI$2:AI$366,ROUNDDOWN($C5135/24,0)+1,1))-1)+IF('Standard Profiles'!$G$19=$B$10,7,0)+IF('Standard Profiles'!$G$19=$B$17,14,0)+IF('Standard Profiles'!$G$19=$B$24,21,0),0)),0)</f>
        <v>9.2225028200886658</v>
      </c>
      <c r="F5135" cm="1">
        <f t="array" ref="F5135">IFERROR(INDEX(Jesper!AJ$2:AJ$366,ROUNDDOWN($C5135/24,0)+1,1)*INDEX($D$3:$AA$30,INDEX(Jesper!$R$2:$R$366,ROW(INDEX(Jesper!AJ$2:AJ$366,ROUNDDOWN($C5135/24,0)+1,1))-1)+IF('Standard Profiles'!$G$20=$B$10,7,0)+IF('Standard Profiles'!$G$20=$B$17,14,0)+IF('Standard Profiles'!$G$20=$B$24,21,0),MOD($C5135,24)+1)/SUM(INDEX($D$3:$AA$30,INDEX(Jesper!$R$2:$R$366,ROW(INDEX(Jesper!AJ$2:AJ$366,ROUNDDOWN($C5135/24,0)+1,1))-1)+IF('Standard Profiles'!$G$20=$B$10,7,0)+IF('Standard Profiles'!$G$20=$B$17,14,0)+IF('Standard Profiles'!$G$20=$B$24,21,0),0)),0)</f>
        <v>0</v>
      </c>
      <c r="G5135" cm="1">
        <f t="array" ref="G5135">IFERROR(INDEX(Jesper!AK$2:AK$366,ROUNDDOWN($C5135/24,0)+1,1)*INDEX($D$3:$AA$30,INDEX(Jesper!$R$2:$R$366,ROW(INDEX(Jesper!AK$2:AK$366,ROUNDDOWN($C5135/24,0)+1,1))-1)+IF('Standard Profiles'!$G$21=$B$10,7,0)+IF('Standard Profiles'!$G$21=$B$17,14,0)+IF('Standard Profiles'!$G$21=$B$24,21,0),MOD($C5135,24)+1)/SUM(INDEX($D$3:$AA$30,INDEX(Jesper!$R$2:$R$366,ROW(INDEX(Jesper!AK$2:AK$366,ROUNDDOWN($C5135/24,0)+1,1))-1)+IF('Standard Profiles'!$G$21=$B$10,7,0)+IF('Standard Profiles'!$G$21=$B$17,14,0)+IF('Standard Profiles'!$G$21=$B$24,21,0),0)),0)</f>
        <v>0.66949338148831272</v>
      </c>
      <c r="H5135" cm="1">
        <f t="array" ref="H5135">IFERROR(INDEX(Jesper!AL$2:AL$366,ROUNDDOWN($C5135/24,0)+1,1)*INDEX($D$3:$AA$30,INDEX(Jesper!$R$2:$R$366,ROW(INDEX(Jesper!AL$2:AL$366,ROUNDDOWN($C5135/24,0)+1,1))-1)+IF('Standard Profiles'!$G$22=$B$10,7,0)+IF('Standard Profiles'!$G$22=$B$17,14,0)+IF('Standard Profiles'!$G$22=$B$24,21,0),MOD($C5135,24)+1)/SUM(INDEX($D$3:$AA$30,INDEX(Jesper!$R$2:$R$366,ROW(INDEX(Jesper!AL$2:AL$366,ROUNDDOWN($C5135/24,0)+1,1))-1)+IF('Standard Profiles'!$G$22=$B$10,7,0)+IF('Standard Profiles'!$G$22=$B$17,14,0)+IF('Standard Profiles'!$G$22=$B$24,21,0),0)),0)</f>
        <v>0</v>
      </c>
      <c r="I5135">
        <f t="shared" si="573"/>
        <v>0.32135682311438996</v>
      </c>
      <c r="J5135">
        <f t="shared" si="574"/>
        <v>27.726187249742253</v>
      </c>
      <c r="K5135">
        <f t="shared" si="575"/>
        <v>2.3054663963529731</v>
      </c>
      <c r="L5135">
        <f t="shared" si="576"/>
        <v>1.1527331981764866</v>
      </c>
      <c r="M5135">
        <f t="shared" si="577"/>
        <v>0</v>
      </c>
      <c r="N5135" s="45">
        <f t="shared" si="578"/>
        <v>45139.541666654295</v>
      </c>
    </row>
    <row r="5136" spans="2:14" x14ac:dyDescent="0.25">
      <c r="B5136">
        <f t="shared" si="572"/>
        <v>2</v>
      </c>
      <c r="C5136" s="16">
        <v>5102</v>
      </c>
      <c r="D5136" cm="1">
        <f t="array" ref="D5136">IFERROR(INDEX(Jesper!AH$2:AH$366,ROUNDDOWN($C5136/24,0)+1,1)*INDEX($D$3:$AA$30,INDEX(Jesper!$R$2:$R$366,ROW(INDEX(Jesper!AH$2:AH$366,ROUNDDOWN($C5136/24,0)+1,1))-1)+IF('Standard Profiles'!$G$18=$B$10,7,0)+IF('Standard Profiles'!$G$18=$B$17,14,0)+IF('Standard Profiles'!$G$18=$B$24,21,0),MOD($C5136,24)+1)/SUM(INDEX($D$3:$AA$30,INDEX(Jesper!$R$2:$R$366,ROW(INDEX(Jesper!AH$2:AH$366,ROUNDDOWN($C5136/24,0)+1,1))-1)+IF('Standard Profiles'!$G$18=$B$10,7,0)+IF('Standard Profiles'!$G$18=$B$17,14,0)+IF('Standard Profiles'!$G$18=$B$24,21,0),0)),0)</f>
        <v>32.536824142078252</v>
      </c>
      <c r="E5136" cm="1">
        <f t="array" ref="E5136">IFERROR(INDEX(Jesper!AI$2:AI$366,ROUNDDOWN($C5136/24,0)+1,1)*INDEX($D$3:$AA$30,INDEX(Jesper!$R$2:$R$366,ROW(INDEX(Jesper!AI$2:AI$366,ROUNDDOWN($C5136/24,0)+1,1))-1)+IF('Standard Profiles'!$G$19=$B$10,7,0)+IF('Standard Profiles'!$G$19=$B$17,14,0)+IF('Standard Profiles'!$G$19=$B$24,21,0),MOD($C5136,24)+1)/SUM(INDEX($D$3:$AA$30,INDEX(Jesper!$R$2:$R$366,ROW(INDEX(Jesper!AI$2:AI$366,ROUNDDOWN($C5136/24,0)+1,1))-1)+IF('Standard Profiles'!$G$19=$B$10,7,0)+IF('Standard Profiles'!$G$19=$B$17,14,0)+IF('Standard Profiles'!$G$19=$B$24,21,0),0)),0)</f>
        <v>13.883337578628099</v>
      </c>
      <c r="F5136" cm="1">
        <f t="array" ref="F5136">IFERROR(INDEX(Jesper!AJ$2:AJ$366,ROUNDDOWN($C5136/24,0)+1,1)*INDEX($D$3:$AA$30,INDEX(Jesper!$R$2:$R$366,ROW(INDEX(Jesper!AJ$2:AJ$366,ROUNDDOWN($C5136/24,0)+1,1))-1)+IF('Standard Profiles'!$G$20=$B$10,7,0)+IF('Standard Profiles'!$G$20=$B$17,14,0)+IF('Standard Profiles'!$G$20=$B$24,21,0),MOD($C5136,24)+1)/SUM(INDEX($D$3:$AA$30,INDEX(Jesper!$R$2:$R$366,ROW(INDEX(Jesper!AJ$2:AJ$366,ROUNDDOWN($C5136/24,0)+1,1))-1)+IF('Standard Profiles'!$G$20=$B$10,7,0)+IF('Standard Profiles'!$G$20=$B$17,14,0)+IF('Standard Profiles'!$G$20=$B$24,21,0),0)),0)</f>
        <v>0</v>
      </c>
      <c r="G5136" cm="1">
        <f t="array" ref="G5136">IFERROR(INDEX(Jesper!AK$2:AK$366,ROUNDDOWN($C5136/24,0)+1,1)*INDEX($D$3:$AA$30,INDEX(Jesper!$R$2:$R$366,ROW(INDEX(Jesper!AK$2:AK$366,ROUNDDOWN($C5136/24,0)+1,1))-1)+IF('Standard Profiles'!$G$21=$B$10,7,0)+IF('Standard Profiles'!$G$21=$B$17,14,0)+IF('Standard Profiles'!$G$21=$B$24,21,0),MOD($C5136,24)+1)/SUM(INDEX($D$3:$AA$30,INDEX(Jesper!$R$2:$R$366,ROW(INDEX(Jesper!AK$2:AK$366,ROUNDDOWN($C5136/24,0)+1,1))-1)+IF('Standard Profiles'!$G$21=$B$10,7,0)+IF('Standard Profiles'!$G$21=$B$17,14,0)+IF('Standard Profiles'!$G$21=$B$24,21,0),0)),0)</f>
        <v>1.0078394990146646</v>
      </c>
      <c r="H5136" cm="1">
        <f t="array" ref="H5136">IFERROR(INDEX(Jesper!AL$2:AL$366,ROUNDDOWN($C5136/24,0)+1,1)*INDEX($D$3:$AA$30,INDEX(Jesper!$R$2:$R$366,ROW(INDEX(Jesper!AL$2:AL$366,ROUNDDOWN($C5136/24,0)+1,1))-1)+IF('Standard Profiles'!$G$22=$B$10,7,0)+IF('Standard Profiles'!$G$22=$B$17,14,0)+IF('Standard Profiles'!$G$22=$B$24,21,0),MOD($C5136,24)+1)/SUM(INDEX($D$3:$AA$30,INDEX(Jesper!$R$2:$R$366,ROW(INDEX(Jesper!AL$2:AL$366,ROUNDDOWN($C5136/24,0)+1,1))-1)+IF('Standard Profiles'!$G$22=$B$10,7,0)+IF('Standard Profiles'!$G$22=$B$17,14,0)+IF('Standard Profiles'!$G$22=$B$24,21,0),0)),0)</f>
        <v>0</v>
      </c>
      <c r="I5136">
        <f t="shared" si="573"/>
        <v>0.48376295952703879</v>
      </c>
      <c r="J5136">
        <f t="shared" si="574"/>
        <v>41.738346397461456</v>
      </c>
      <c r="K5136">
        <f t="shared" si="575"/>
        <v>3.470594575155014</v>
      </c>
      <c r="L5136">
        <f t="shared" si="576"/>
        <v>1.735297287577507</v>
      </c>
      <c r="M5136">
        <f t="shared" si="577"/>
        <v>0</v>
      </c>
      <c r="N5136" s="45">
        <f t="shared" si="578"/>
        <v>45139.583333320959</v>
      </c>
    </row>
    <row r="5137" spans="2:14" x14ac:dyDescent="0.25">
      <c r="B5137">
        <f t="shared" si="572"/>
        <v>2</v>
      </c>
      <c r="C5137" s="16">
        <v>5103</v>
      </c>
      <c r="D5137" cm="1">
        <f t="array" ref="D5137">IFERROR(INDEX(Jesper!AH$2:AH$366,ROUNDDOWN($C5137/24,0)+1,1)*INDEX($D$3:$AA$30,INDEX(Jesper!$R$2:$R$366,ROW(INDEX(Jesper!AH$2:AH$366,ROUNDDOWN($C5137/24,0)+1,1))-1)+IF('Standard Profiles'!$G$18=$B$10,7,0)+IF('Standard Profiles'!$G$18=$B$17,14,0)+IF('Standard Profiles'!$G$18=$B$24,21,0),MOD($C5137,24)+1)/SUM(INDEX($D$3:$AA$30,INDEX(Jesper!$R$2:$R$366,ROW(INDEX(Jesper!AH$2:AH$366,ROUNDDOWN($C5137/24,0)+1,1))-1)+IF('Standard Profiles'!$G$18=$B$10,7,0)+IF('Standard Profiles'!$G$18=$B$17,14,0)+IF('Standard Profiles'!$G$18=$B$24,21,0),0)),0)</f>
        <v>32.536824142078252</v>
      </c>
      <c r="E5137" cm="1">
        <f t="array" ref="E5137">IFERROR(INDEX(Jesper!AI$2:AI$366,ROUNDDOWN($C5137/24,0)+1,1)*INDEX($D$3:$AA$30,INDEX(Jesper!$R$2:$R$366,ROW(INDEX(Jesper!AI$2:AI$366,ROUNDDOWN($C5137/24,0)+1,1))-1)+IF('Standard Profiles'!$G$19=$B$10,7,0)+IF('Standard Profiles'!$G$19=$B$17,14,0)+IF('Standard Profiles'!$G$19=$B$24,21,0),MOD($C5137,24)+1)/SUM(INDEX($D$3:$AA$30,INDEX(Jesper!$R$2:$R$366,ROW(INDEX(Jesper!AI$2:AI$366,ROUNDDOWN($C5137/24,0)+1,1))-1)+IF('Standard Profiles'!$G$19=$B$10,7,0)+IF('Standard Profiles'!$G$19=$B$17,14,0)+IF('Standard Profiles'!$G$19=$B$24,21,0),0)),0)</f>
        <v>13.883337578628099</v>
      </c>
      <c r="F5137" cm="1">
        <f t="array" ref="F5137">IFERROR(INDEX(Jesper!AJ$2:AJ$366,ROUNDDOWN($C5137/24,0)+1,1)*INDEX($D$3:$AA$30,INDEX(Jesper!$R$2:$R$366,ROW(INDEX(Jesper!AJ$2:AJ$366,ROUNDDOWN($C5137/24,0)+1,1))-1)+IF('Standard Profiles'!$G$20=$B$10,7,0)+IF('Standard Profiles'!$G$20=$B$17,14,0)+IF('Standard Profiles'!$G$20=$B$24,21,0),MOD($C5137,24)+1)/SUM(INDEX($D$3:$AA$30,INDEX(Jesper!$R$2:$R$366,ROW(INDEX(Jesper!AJ$2:AJ$366,ROUNDDOWN($C5137/24,0)+1,1))-1)+IF('Standard Profiles'!$G$20=$B$10,7,0)+IF('Standard Profiles'!$G$20=$B$17,14,0)+IF('Standard Profiles'!$G$20=$B$24,21,0),0)),0)</f>
        <v>0</v>
      </c>
      <c r="G5137" cm="1">
        <f t="array" ref="G5137">IFERROR(INDEX(Jesper!AK$2:AK$366,ROUNDDOWN($C5137/24,0)+1,1)*INDEX($D$3:$AA$30,INDEX(Jesper!$R$2:$R$366,ROW(INDEX(Jesper!AK$2:AK$366,ROUNDDOWN($C5137/24,0)+1,1))-1)+IF('Standard Profiles'!$G$21=$B$10,7,0)+IF('Standard Profiles'!$G$21=$B$17,14,0)+IF('Standard Profiles'!$G$21=$B$24,21,0),MOD($C5137,24)+1)/SUM(INDEX($D$3:$AA$30,INDEX(Jesper!$R$2:$R$366,ROW(INDEX(Jesper!AK$2:AK$366,ROUNDDOWN($C5137/24,0)+1,1))-1)+IF('Standard Profiles'!$G$21=$B$10,7,0)+IF('Standard Profiles'!$G$21=$B$17,14,0)+IF('Standard Profiles'!$G$21=$B$24,21,0),0)),0)</f>
        <v>1.0078394990146646</v>
      </c>
      <c r="H5137" cm="1">
        <f t="array" ref="H5137">IFERROR(INDEX(Jesper!AL$2:AL$366,ROUNDDOWN($C5137/24,0)+1,1)*INDEX($D$3:$AA$30,INDEX(Jesper!$R$2:$R$366,ROW(INDEX(Jesper!AL$2:AL$366,ROUNDDOWN($C5137/24,0)+1,1))-1)+IF('Standard Profiles'!$G$22=$B$10,7,0)+IF('Standard Profiles'!$G$22=$B$17,14,0)+IF('Standard Profiles'!$G$22=$B$24,21,0),MOD($C5137,24)+1)/SUM(INDEX($D$3:$AA$30,INDEX(Jesper!$R$2:$R$366,ROW(INDEX(Jesper!AL$2:AL$366,ROUNDDOWN($C5137/24,0)+1,1))-1)+IF('Standard Profiles'!$G$22=$B$10,7,0)+IF('Standard Profiles'!$G$22=$B$17,14,0)+IF('Standard Profiles'!$G$22=$B$24,21,0),0)),0)</f>
        <v>0</v>
      </c>
      <c r="I5137">
        <f t="shared" si="573"/>
        <v>0.48376295952703879</v>
      </c>
      <c r="J5137">
        <f t="shared" si="574"/>
        <v>41.738346397461456</v>
      </c>
      <c r="K5137">
        <f t="shared" si="575"/>
        <v>3.470594575155014</v>
      </c>
      <c r="L5137">
        <f t="shared" si="576"/>
        <v>1.735297287577507</v>
      </c>
      <c r="M5137">
        <f t="shared" si="577"/>
        <v>0</v>
      </c>
      <c r="N5137" s="45">
        <f t="shared" si="578"/>
        <v>45139.624999987624</v>
      </c>
    </row>
    <row r="5138" spans="2:14" x14ac:dyDescent="0.25">
      <c r="B5138">
        <f t="shared" si="572"/>
        <v>2</v>
      </c>
      <c r="C5138" s="16">
        <v>5104</v>
      </c>
      <c r="D5138" cm="1">
        <f t="array" ref="D5138">IFERROR(INDEX(Jesper!AH$2:AH$366,ROUNDDOWN($C5138/24,0)+1,1)*INDEX($D$3:$AA$30,INDEX(Jesper!$R$2:$R$366,ROW(INDEX(Jesper!AH$2:AH$366,ROUNDDOWN($C5138/24,0)+1,1))-1)+IF('Standard Profiles'!$G$18=$B$10,7,0)+IF('Standard Profiles'!$G$18=$B$17,14,0)+IF('Standard Profiles'!$G$18=$B$24,21,0),MOD($C5138,24)+1)/SUM(INDEX($D$3:$AA$30,INDEX(Jesper!$R$2:$R$366,ROW(INDEX(Jesper!AH$2:AH$366,ROUNDDOWN($C5138/24,0)+1,1))-1)+IF('Standard Profiles'!$G$18=$B$10,7,0)+IF('Standard Profiles'!$G$18=$B$17,14,0)+IF('Standard Profiles'!$G$18=$B$24,21,0),0)),0)</f>
        <v>19.173485655153254</v>
      </c>
      <c r="E5138" cm="1">
        <f t="array" ref="E5138">IFERROR(INDEX(Jesper!AI$2:AI$366,ROUNDDOWN($C5138/24,0)+1,1)*INDEX($D$3:$AA$30,INDEX(Jesper!$R$2:$R$366,ROW(INDEX(Jesper!AI$2:AI$366,ROUNDDOWN($C5138/24,0)+1,1))-1)+IF('Standard Profiles'!$G$19=$B$10,7,0)+IF('Standard Profiles'!$G$19=$B$17,14,0)+IF('Standard Profiles'!$G$19=$B$24,21,0),MOD($C5138,24)+1)/SUM(INDEX($D$3:$AA$30,INDEX(Jesper!$R$2:$R$366,ROW(INDEX(Jesper!AI$2:AI$366,ROUNDDOWN($C5138/24,0)+1,1))-1)+IF('Standard Profiles'!$G$19=$B$10,7,0)+IF('Standard Profiles'!$G$19=$B$17,14,0)+IF('Standard Profiles'!$G$19=$B$24,21,0),0)),0)</f>
        <v>8.1812525016915583</v>
      </c>
      <c r="F5138" cm="1">
        <f t="array" ref="F5138">IFERROR(INDEX(Jesper!AJ$2:AJ$366,ROUNDDOWN($C5138/24,0)+1,1)*INDEX($D$3:$AA$30,INDEX(Jesper!$R$2:$R$366,ROW(INDEX(Jesper!AJ$2:AJ$366,ROUNDDOWN($C5138/24,0)+1,1))-1)+IF('Standard Profiles'!$G$20=$B$10,7,0)+IF('Standard Profiles'!$G$20=$B$17,14,0)+IF('Standard Profiles'!$G$20=$B$24,21,0),MOD($C5138,24)+1)/SUM(INDEX($D$3:$AA$30,INDEX(Jesper!$R$2:$R$366,ROW(INDEX(Jesper!AJ$2:AJ$366,ROUNDDOWN($C5138/24,0)+1,1))-1)+IF('Standard Profiles'!$G$20=$B$10,7,0)+IF('Standard Profiles'!$G$20=$B$17,14,0)+IF('Standard Profiles'!$G$20=$B$24,21,0),0)),0)</f>
        <v>0</v>
      </c>
      <c r="G5138" cm="1">
        <f t="array" ref="G5138">IFERROR(INDEX(Jesper!AK$2:AK$366,ROUNDDOWN($C5138/24,0)+1,1)*INDEX($D$3:$AA$30,INDEX(Jesper!$R$2:$R$366,ROW(INDEX(Jesper!AK$2:AK$366,ROUNDDOWN($C5138/24,0)+1,1))-1)+IF('Standard Profiles'!$G$21=$B$10,7,0)+IF('Standard Profiles'!$G$21=$B$17,14,0)+IF('Standard Profiles'!$G$21=$B$24,21,0),MOD($C5138,24)+1)/SUM(INDEX($D$3:$AA$30,INDEX(Jesper!$R$2:$R$366,ROW(INDEX(Jesper!AK$2:AK$366,ROUNDDOWN($C5138/24,0)+1,1))-1)+IF('Standard Profiles'!$G$21=$B$10,7,0)+IF('Standard Profiles'!$G$21=$B$17,14,0)+IF('Standard Profiles'!$G$21=$B$24,21,0),0)),0)</f>
        <v>0.84241903413079855</v>
      </c>
      <c r="H5138" cm="1">
        <f t="array" ref="H5138">IFERROR(INDEX(Jesper!AL$2:AL$366,ROUNDDOWN($C5138/24,0)+1,1)*INDEX($D$3:$AA$30,INDEX(Jesper!$R$2:$R$366,ROW(INDEX(Jesper!AL$2:AL$366,ROUNDDOWN($C5138/24,0)+1,1))-1)+IF('Standard Profiles'!$G$22=$B$10,7,0)+IF('Standard Profiles'!$G$22=$B$17,14,0)+IF('Standard Profiles'!$G$22=$B$24,21,0),MOD($C5138,24)+1)/SUM(INDEX($D$3:$AA$30,INDEX(Jesper!$R$2:$R$366,ROW(INDEX(Jesper!AL$2:AL$366,ROUNDDOWN($C5138/24,0)+1,1))-1)+IF('Standard Profiles'!$G$22=$B$10,7,0)+IF('Standard Profiles'!$G$22=$B$17,14,0)+IF('Standard Profiles'!$G$22=$B$24,21,0),0)),0)</f>
        <v>0</v>
      </c>
      <c r="I5138">
        <f t="shared" si="573"/>
        <v>0.40436113638278309</v>
      </c>
      <c r="J5138">
        <f t="shared" si="574"/>
        <v>24.725038349768305</v>
      </c>
      <c r="K5138">
        <f t="shared" si="575"/>
        <v>2.0451718032163471</v>
      </c>
      <c r="L5138">
        <f t="shared" si="576"/>
        <v>1.0225859016081735</v>
      </c>
      <c r="M5138">
        <f t="shared" si="577"/>
        <v>0</v>
      </c>
      <c r="N5138" s="45">
        <f t="shared" si="578"/>
        <v>45139.666666654288</v>
      </c>
    </row>
    <row r="5139" spans="2:14" x14ac:dyDescent="0.25">
      <c r="B5139">
        <f t="shared" si="572"/>
        <v>2</v>
      </c>
      <c r="C5139" s="16">
        <v>5105</v>
      </c>
      <c r="D5139" cm="1">
        <f t="array" ref="D5139">IFERROR(INDEX(Jesper!AH$2:AH$366,ROUNDDOWN($C5139/24,0)+1,1)*INDEX($D$3:$AA$30,INDEX(Jesper!$R$2:$R$366,ROW(INDEX(Jesper!AH$2:AH$366,ROUNDDOWN($C5139/24,0)+1,1))-1)+IF('Standard Profiles'!$G$18=$B$10,7,0)+IF('Standard Profiles'!$G$18=$B$17,14,0)+IF('Standard Profiles'!$G$18=$B$24,21,0),MOD($C5139,24)+1)/SUM(INDEX($D$3:$AA$30,INDEX(Jesper!$R$2:$R$366,ROW(INDEX(Jesper!AH$2:AH$366,ROUNDDOWN($C5139/24,0)+1,1))-1)+IF('Standard Profiles'!$G$18=$B$10,7,0)+IF('Standard Profiles'!$G$18=$B$17,14,0)+IF('Standard Profiles'!$G$18=$B$24,21,0),0)),0)</f>
        <v>8.1833058707440269</v>
      </c>
      <c r="E5139" cm="1">
        <f t="array" ref="E5139">IFERROR(INDEX(Jesper!AI$2:AI$366,ROUNDDOWN($C5139/24,0)+1,1)*INDEX($D$3:$AA$30,INDEX(Jesper!$R$2:$R$366,ROW(INDEX(Jesper!AI$2:AI$366,ROUNDDOWN($C5139/24,0)+1,1))-1)+IF('Standard Profiles'!$G$19=$B$10,7,0)+IF('Standard Profiles'!$G$19=$B$17,14,0)+IF('Standard Profiles'!$G$19=$B$24,21,0),MOD($C5139,24)+1)/SUM(INDEX($D$3:$AA$30,INDEX(Jesper!$R$2:$R$366,ROW(INDEX(Jesper!AI$2:AI$366,ROUNDDOWN($C5139/24,0)+1,1))-1)+IF('Standard Profiles'!$G$19=$B$10,7,0)+IF('Standard Profiles'!$G$19=$B$17,14,0)+IF('Standard Profiles'!$G$19=$B$24,21,0),0)),0)</f>
        <v>3.4917851052887579</v>
      </c>
      <c r="F5139" cm="1">
        <f t="array" ref="F5139">IFERROR(INDEX(Jesper!AJ$2:AJ$366,ROUNDDOWN($C5139/24,0)+1,1)*INDEX($D$3:$AA$30,INDEX(Jesper!$R$2:$R$366,ROW(INDEX(Jesper!AJ$2:AJ$366,ROUNDDOWN($C5139/24,0)+1,1))-1)+IF('Standard Profiles'!$G$20=$B$10,7,0)+IF('Standard Profiles'!$G$20=$B$17,14,0)+IF('Standard Profiles'!$G$20=$B$24,21,0),MOD($C5139,24)+1)/SUM(INDEX($D$3:$AA$30,INDEX(Jesper!$R$2:$R$366,ROW(INDEX(Jesper!AJ$2:AJ$366,ROUNDDOWN($C5139/24,0)+1,1))-1)+IF('Standard Profiles'!$G$20=$B$10,7,0)+IF('Standard Profiles'!$G$20=$B$17,14,0)+IF('Standard Profiles'!$G$20=$B$24,21,0),0)),0)</f>
        <v>0</v>
      </c>
      <c r="G5139" cm="1">
        <f t="array" ref="G5139">IFERROR(INDEX(Jesper!AK$2:AK$366,ROUNDDOWN($C5139/24,0)+1,1)*INDEX($D$3:$AA$30,INDEX(Jesper!$R$2:$R$366,ROW(INDEX(Jesper!AK$2:AK$366,ROUNDDOWN($C5139/24,0)+1,1))-1)+IF('Standard Profiles'!$G$21=$B$10,7,0)+IF('Standard Profiles'!$G$21=$B$17,14,0)+IF('Standard Profiles'!$G$21=$B$24,21,0),MOD($C5139,24)+1)/SUM(INDEX($D$3:$AA$30,INDEX(Jesper!$R$2:$R$366,ROW(INDEX(Jesper!AK$2:AK$366,ROUNDDOWN($C5139/24,0)+1,1))-1)+IF('Standard Profiles'!$G$21=$B$10,7,0)+IF('Standard Profiles'!$G$21=$B$17,14,0)+IF('Standard Profiles'!$G$21=$B$24,21,0),0)),0)</f>
        <v>0.66934021439119817</v>
      </c>
      <c r="H5139" cm="1">
        <f t="array" ref="H5139">IFERROR(INDEX(Jesper!AL$2:AL$366,ROUNDDOWN($C5139/24,0)+1,1)*INDEX($D$3:$AA$30,INDEX(Jesper!$R$2:$R$366,ROW(INDEX(Jesper!AL$2:AL$366,ROUNDDOWN($C5139/24,0)+1,1))-1)+IF('Standard Profiles'!$G$22=$B$10,7,0)+IF('Standard Profiles'!$G$22=$B$17,14,0)+IF('Standard Profiles'!$G$22=$B$24,21,0),MOD($C5139,24)+1)/SUM(INDEX($D$3:$AA$30,INDEX(Jesper!$R$2:$R$366,ROW(INDEX(Jesper!AL$2:AL$366,ROUNDDOWN($C5139/24,0)+1,1))-1)+IF('Standard Profiles'!$G$22=$B$10,7,0)+IF('Standard Profiles'!$G$22=$B$17,14,0)+IF('Standard Profiles'!$G$22=$B$24,21,0),0)),0)</f>
        <v>0</v>
      </c>
      <c r="I5139">
        <f t="shared" si="573"/>
        <v>0.32128330290777496</v>
      </c>
      <c r="J5139">
        <f t="shared" si="574"/>
        <v>10.713818948197163</v>
      </c>
      <c r="K5139">
        <f t="shared" si="575"/>
        <v>0.87288595954602954</v>
      </c>
      <c r="L5139">
        <f t="shared" si="576"/>
        <v>0.43644297977301477</v>
      </c>
      <c r="M5139">
        <f t="shared" si="577"/>
        <v>0</v>
      </c>
      <c r="N5139" s="45">
        <f t="shared" si="578"/>
        <v>45139.708333320952</v>
      </c>
    </row>
    <row r="5140" spans="2:14" x14ac:dyDescent="0.25">
      <c r="B5140">
        <f t="shared" si="572"/>
        <v>2</v>
      </c>
      <c r="C5140" s="16">
        <v>5106</v>
      </c>
      <c r="D5140" cm="1">
        <f t="array" ref="D5140">IFERROR(INDEX(Jesper!AH$2:AH$366,ROUNDDOWN($C5140/24,0)+1,1)*INDEX($D$3:$AA$30,INDEX(Jesper!$R$2:$R$366,ROW(INDEX(Jesper!AH$2:AH$366,ROUNDDOWN($C5140/24,0)+1,1))-1)+IF('Standard Profiles'!$G$18=$B$10,7,0)+IF('Standard Profiles'!$G$18=$B$17,14,0)+IF('Standard Profiles'!$G$18=$B$24,21,0),MOD($C5140,24)+1)/SUM(INDEX($D$3:$AA$30,INDEX(Jesper!$R$2:$R$366,ROW(INDEX(Jesper!AH$2:AH$366,ROUNDDOWN($C5140/24,0)+1,1))-1)+IF('Standard Profiles'!$G$18=$B$10,7,0)+IF('Standard Profiles'!$G$18=$B$17,14,0)+IF('Standard Profiles'!$G$18=$B$24,21,0),0)),0)</f>
        <v>5.4009818746910581</v>
      </c>
      <c r="E5140" cm="1">
        <f t="array" ref="E5140">IFERROR(INDEX(Jesper!AI$2:AI$366,ROUNDDOWN($C5140/24,0)+1,1)*INDEX($D$3:$AA$30,INDEX(Jesper!$R$2:$R$366,ROW(INDEX(Jesper!AI$2:AI$366,ROUNDDOWN($C5140/24,0)+1,1))-1)+IF('Standard Profiles'!$G$19=$B$10,7,0)+IF('Standard Profiles'!$G$19=$B$17,14,0)+IF('Standard Profiles'!$G$19=$B$24,21,0),MOD($C5140,24)+1)/SUM(INDEX($D$3:$AA$30,INDEX(Jesper!$R$2:$R$366,ROW(INDEX(Jesper!AI$2:AI$366,ROUNDDOWN($C5140/24,0)+1,1))-1)+IF('Standard Profiles'!$G$19=$B$10,7,0)+IF('Standard Profiles'!$G$19=$B$17,14,0)+IF('Standard Profiles'!$G$19=$B$24,21,0),0)),0)</f>
        <v>2.30457816949058</v>
      </c>
      <c r="F5140" cm="1">
        <f t="array" ref="F5140">IFERROR(INDEX(Jesper!AJ$2:AJ$366,ROUNDDOWN($C5140/24,0)+1,1)*INDEX($D$3:$AA$30,INDEX(Jesper!$R$2:$R$366,ROW(INDEX(Jesper!AJ$2:AJ$366,ROUNDDOWN($C5140/24,0)+1,1))-1)+IF('Standard Profiles'!$G$20=$B$10,7,0)+IF('Standard Profiles'!$G$20=$B$17,14,0)+IF('Standard Profiles'!$G$20=$B$24,21,0),MOD($C5140,24)+1)/SUM(INDEX($D$3:$AA$30,INDEX(Jesper!$R$2:$R$366,ROW(INDEX(Jesper!AJ$2:AJ$366,ROUNDDOWN($C5140/24,0)+1,1))-1)+IF('Standard Profiles'!$G$20=$B$10,7,0)+IF('Standard Profiles'!$G$20=$B$17,14,0)+IF('Standard Profiles'!$G$20=$B$24,21,0),0)),0)</f>
        <v>0</v>
      </c>
      <c r="G5140" cm="1">
        <f t="array" ref="G5140">IFERROR(INDEX(Jesper!AK$2:AK$366,ROUNDDOWN($C5140/24,0)+1,1)*INDEX($D$3:$AA$30,INDEX(Jesper!$R$2:$R$366,ROW(INDEX(Jesper!AK$2:AK$366,ROUNDDOWN($C5140/24,0)+1,1))-1)+IF('Standard Profiles'!$G$21=$B$10,7,0)+IF('Standard Profiles'!$G$21=$B$17,14,0)+IF('Standard Profiles'!$G$21=$B$24,21,0),MOD($C5140,24)+1)/SUM(INDEX($D$3:$AA$30,INDEX(Jesper!$R$2:$R$366,ROW(INDEX(Jesper!AK$2:AK$366,ROUNDDOWN($C5140/24,0)+1,1))-1)+IF('Standard Profiles'!$G$21=$B$10,7,0)+IF('Standard Profiles'!$G$21=$B$17,14,0)+IF('Standard Profiles'!$G$21=$B$24,21,0),0)),0)</f>
        <v>0.23740900052777053</v>
      </c>
      <c r="H5140" cm="1">
        <f t="array" ref="H5140">IFERROR(INDEX(Jesper!AL$2:AL$366,ROUNDDOWN($C5140/24,0)+1,1)*INDEX($D$3:$AA$30,INDEX(Jesper!$R$2:$R$366,ROW(INDEX(Jesper!AL$2:AL$366,ROUNDDOWN($C5140/24,0)+1,1))-1)+IF('Standard Profiles'!$G$22=$B$10,7,0)+IF('Standard Profiles'!$G$22=$B$17,14,0)+IF('Standard Profiles'!$G$22=$B$24,21,0),MOD($C5140,24)+1)/SUM(INDEX($D$3:$AA$30,INDEX(Jesper!$R$2:$R$366,ROW(INDEX(Jesper!AL$2:AL$366,ROUNDDOWN($C5140/24,0)+1,1))-1)+IF('Standard Profiles'!$G$22=$B$10,7,0)+IF('Standard Profiles'!$G$22=$B$17,14,0)+IF('Standard Profiles'!$G$22=$B$24,21,0),0)),0)</f>
        <v>0</v>
      </c>
      <c r="I5140">
        <f t="shared" si="573"/>
        <v>0.1139563202533298</v>
      </c>
      <c r="J5140">
        <f t="shared" si="574"/>
        <v>6.9648556245055095</v>
      </c>
      <c r="K5140">
        <f t="shared" si="575"/>
        <v>0.57610473330037959</v>
      </c>
      <c r="L5140">
        <f t="shared" si="576"/>
        <v>0.2880523666501898</v>
      </c>
      <c r="M5140">
        <f t="shared" si="577"/>
        <v>0</v>
      </c>
      <c r="N5140" s="45">
        <f t="shared" si="578"/>
        <v>45139.749999987616</v>
      </c>
    </row>
    <row r="5141" spans="2:14" x14ac:dyDescent="0.25">
      <c r="B5141">
        <f t="shared" si="572"/>
        <v>2</v>
      </c>
      <c r="C5141" s="16">
        <v>5107</v>
      </c>
      <c r="D5141" cm="1">
        <f t="array" ref="D5141">IFERROR(INDEX(Jesper!AH$2:AH$366,ROUNDDOWN($C5141/24,0)+1,1)*INDEX($D$3:$AA$30,INDEX(Jesper!$R$2:$R$366,ROW(INDEX(Jesper!AH$2:AH$366,ROUNDDOWN($C5141/24,0)+1,1))-1)+IF('Standard Profiles'!$G$18=$B$10,7,0)+IF('Standard Profiles'!$G$18=$B$17,14,0)+IF('Standard Profiles'!$G$18=$B$24,21,0),MOD($C5141,24)+1)/SUM(INDEX($D$3:$AA$30,INDEX(Jesper!$R$2:$R$366,ROW(INDEX(Jesper!AH$2:AH$366,ROUNDDOWN($C5141/24,0)+1,1))-1)+IF('Standard Profiles'!$G$18=$B$10,7,0)+IF('Standard Profiles'!$G$18=$B$17,14,0)+IF('Standard Profiles'!$G$18=$B$24,21,0),0)),0)</f>
        <v>5.4009818746910581</v>
      </c>
      <c r="E5141" cm="1">
        <f t="array" ref="E5141">IFERROR(INDEX(Jesper!AI$2:AI$366,ROUNDDOWN($C5141/24,0)+1,1)*INDEX($D$3:$AA$30,INDEX(Jesper!$R$2:$R$366,ROW(INDEX(Jesper!AI$2:AI$366,ROUNDDOWN($C5141/24,0)+1,1))-1)+IF('Standard Profiles'!$G$19=$B$10,7,0)+IF('Standard Profiles'!$G$19=$B$17,14,0)+IF('Standard Profiles'!$G$19=$B$24,21,0),MOD($C5141,24)+1)/SUM(INDEX($D$3:$AA$30,INDEX(Jesper!$R$2:$R$366,ROW(INDEX(Jesper!AI$2:AI$366,ROUNDDOWN($C5141/24,0)+1,1))-1)+IF('Standard Profiles'!$G$19=$B$10,7,0)+IF('Standard Profiles'!$G$19=$B$17,14,0)+IF('Standard Profiles'!$G$19=$B$24,21,0),0)),0)</f>
        <v>2.30457816949058</v>
      </c>
      <c r="F5141" cm="1">
        <f t="array" ref="F5141">IFERROR(INDEX(Jesper!AJ$2:AJ$366,ROUNDDOWN($C5141/24,0)+1,1)*INDEX($D$3:$AA$30,INDEX(Jesper!$R$2:$R$366,ROW(INDEX(Jesper!AJ$2:AJ$366,ROUNDDOWN($C5141/24,0)+1,1))-1)+IF('Standard Profiles'!$G$20=$B$10,7,0)+IF('Standard Profiles'!$G$20=$B$17,14,0)+IF('Standard Profiles'!$G$20=$B$24,21,0),MOD($C5141,24)+1)/SUM(INDEX($D$3:$AA$30,INDEX(Jesper!$R$2:$R$366,ROW(INDEX(Jesper!AJ$2:AJ$366,ROUNDDOWN($C5141/24,0)+1,1))-1)+IF('Standard Profiles'!$G$20=$B$10,7,0)+IF('Standard Profiles'!$G$20=$B$17,14,0)+IF('Standard Profiles'!$G$20=$B$24,21,0),0)),0)</f>
        <v>0</v>
      </c>
      <c r="G5141" cm="1">
        <f t="array" ref="G5141">IFERROR(INDEX(Jesper!AK$2:AK$366,ROUNDDOWN($C5141/24,0)+1,1)*INDEX($D$3:$AA$30,INDEX(Jesper!$R$2:$R$366,ROW(INDEX(Jesper!AK$2:AK$366,ROUNDDOWN($C5141/24,0)+1,1))-1)+IF('Standard Profiles'!$G$21=$B$10,7,0)+IF('Standard Profiles'!$G$21=$B$17,14,0)+IF('Standard Profiles'!$G$21=$B$24,21,0),MOD($C5141,24)+1)/SUM(INDEX($D$3:$AA$30,INDEX(Jesper!$R$2:$R$366,ROW(INDEX(Jesper!AK$2:AK$366,ROUNDDOWN($C5141/24,0)+1,1))-1)+IF('Standard Profiles'!$G$21=$B$10,7,0)+IF('Standard Profiles'!$G$21=$B$17,14,0)+IF('Standard Profiles'!$G$21=$B$24,21,0),0)),0)</f>
        <v>0.23740900052777053</v>
      </c>
      <c r="H5141" cm="1">
        <f t="array" ref="H5141">IFERROR(INDEX(Jesper!AL$2:AL$366,ROUNDDOWN($C5141/24,0)+1,1)*INDEX($D$3:$AA$30,INDEX(Jesper!$R$2:$R$366,ROW(INDEX(Jesper!AL$2:AL$366,ROUNDDOWN($C5141/24,0)+1,1))-1)+IF('Standard Profiles'!$G$22=$B$10,7,0)+IF('Standard Profiles'!$G$22=$B$17,14,0)+IF('Standard Profiles'!$G$22=$B$24,21,0),MOD($C5141,24)+1)/SUM(INDEX($D$3:$AA$30,INDEX(Jesper!$R$2:$R$366,ROW(INDEX(Jesper!AL$2:AL$366,ROUNDDOWN($C5141/24,0)+1,1))-1)+IF('Standard Profiles'!$G$22=$B$10,7,0)+IF('Standard Profiles'!$G$22=$B$17,14,0)+IF('Standard Profiles'!$G$22=$B$24,21,0),0)),0)</f>
        <v>0</v>
      </c>
      <c r="I5141">
        <f t="shared" si="573"/>
        <v>0.1139563202533298</v>
      </c>
      <c r="J5141">
        <f t="shared" si="574"/>
        <v>6.9648556245055095</v>
      </c>
      <c r="K5141">
        <f t="shared" si="575"/>
        <v>0.57610473330037959</v>
      </c>
      <c r="L5141">
        <f t="shared" si="576"/>
        <v>0.2880523666501898</v>
      </c>
      <c r="M5141">
        <f t="shared" si="577"/>
        <v>0</v>
      </c>
      <c r="N5141" s="45">
        <f t="shared" si="578"/>
        <v>45139.791666654281</v>
      </c>
    </row>
    <row r="5142" spans="2:14" x14ac:dyDescent="0.25">
      <c r="B5142">
        <f t="shared" si="572"/>
        <v>2</v>
      </c>
      <c r="C5142" s="16">
        <v>5108</v>
      </c>
      <c r="D5142" cm="1">
        <f t="array" ref="D5142">IFERROR(INDEX(Jesper!AH$2:AH$366,ROUNDDOWN($C5142/24,0)+1,1)*INDEX($D$3:$AA$30,INDEX(Jesper!$R$2:$R$366,ROW(INDEX(Jesper!AH$2:AH$366,ROUNDDOWN($C5142/24,0)+1,1))-1)+IF('Standard Profiles'!$G$18=$B$10,7,0)+IF('Standard Profiles'!$G$18=$B$17,14,0)+IF('Standard Profiles'!$G$18=$B$24,21,0),MOD($C5142,24)+1)/SUM(INDEX($D$3:$AA$30,INDEX(Jesper!$R$2:$R$366,ROW(INDEX(Jesper!AH$2:AH$366,ROUNDDOWN($C5142/24,0)+1,1))-1)+IF('Standard Profiles'!$G$18=$B$10,7,0)+IF('Standard Profiles'!$G$18=$B$17,14,0)+IF('Standard Profiles'!$G$18=$B$24,21,0),0)),0)</f>
        <v>5.4009818746910581</v>
      </c>
      <c r="E5142" cm="1">
        <f t="array" ref="E5142">IFERROR(INDEX(Jesper!AI$2:AI$366,ROUNDDOWN($C5142/24,0)+1,1)*INDEX($D$3:$AA$30,INDEX(Jesper!$R$2:$R$366,ROW(INDEX(Jesper!AI$2:AI$366,ROUNDDOWN($C5142/24,0)+1,1))-1)+IF('Standard Profiles'!$G$19=$B$10,7,0)+IF('Standard Profiles'!$G$19=$B$17,14,0)+IF('Standard Profiles'!$G$19=$B$24,21,0),MOD($C5142,24)+1)/SUM(INDEX($D$3:$AA$30,INDEX(Jesper!$R$2:$R$366,ROW(INDEX(Jesper!AI$2:AI$366,ROUNDDOWN($C5142/24,0)+1,1))-1)+IF('Standard Profiles'!$G$19=$B$10,7,0)+IF('Standard Profiles'!$G$19=$B$17,14,0)+IF('Standard Profiles'!$G$19=$B$24,21,0),0)),0)</f>
        <v>2.30457816949058</v>
      </c>
      <c r="F5142" cm="1">
        <f t="array" ref="F5142">IFERROR(INDEX(Jesper!AJ$2:AJ$366,ROUNDDOWN($C5142/24,0)+1,1)*INDEX($D$3:$AA$30,INDEX(Jesper!$R$2:$R$366,ROW(INDEX(Jesper!AJ$2:AJ$366,ROUNDDOWN($C5142/24,0)+1,1))-1)+IF('Standard Profiles'!$G$20=$B$10,7,0)+IF('Standard Profiles'!$G$20=$B$17,14,0)+IF('Standard Profiles'!$G$20=$B$24,21,0),MOD($C5142,24)+1)/SUM(INDEX($D$3:$AA$30,INDEX(Jesper!$R$2:$R$366,ROW(INDEX(Jesper!AJ$2:AJ$366,ROUNDDOWN($C5142/24,0)+1,1))-1)+IF('Standard Profiles'!$G$20=$B$10,7,0)+IF('Standard Profiles'!$G$20=$B$17,14,0)+IF('Standard Profiles'!$G$20=$B$24,21,0),0)),0)</f>
        <v>0</v>
      </c>
      <c r="G5142" cm="1">
        <f t="array" ref="G5142">IFERROR(INDEX(Jesper!AK$2:AK$366,ROUNDDOWN($C5142/24,0)+1,1)*INDEX($D$3:$AA$30,INDEX(Jesper!$R$2:$R$366,ROW(INDEX(Jesper!AK$2:AK$366,ROUNDDOWN($C5142/24,0)+1,1))-1)+IF('Standard Profiles'!$G$21=$B$10,7,0)+IF('Standard Profiles'!$G$21=$B$17,14,0)+IF('Standard Profiles'!$G$21=$B$24,21,0),MOD($C5142,24)+1)/SUM(INDEX($D$3:$AA$30,INDEX(Jesper!$R$2:$R$366,ROW(INDEX(Jesper!AK$2:AK$366,ROUNDDOWN($C5142/24,0)+1,1))-1)+IF('Standard Profiles'!$G$21=$B$10,7,0)+IF('Standard Profiles'!$G$21=$B$17,14,0)+IF('Standard Profiles'!$G$21=$B$24,21,0),0)),0)</f>
        <v>0.23740900052777053</v>
      </c>
      <c r="H5142" cm="1">
        <f t="array" ref="H5142">IFERROR(INDEX(Jesper!AL$2:AL$366,ROUNDDOWN($C5142/24,0)+1,1)*INDEX($D$3:$AA$30,INDEX(Jesper!$R$2:$R$366,ROW(INDEX(Jesper!AL$2:AL$366,ROUNDDOWN($C5142/24,0)+1,1))-1)+IF('Standard Profiles'!$G$22=$B$10,7,0)+IF('Standard Profiles'!$G$22=$B$17,14,0)+IF('Standard Profiles'!$G$22=$B$24,21,0),MOD($C5142,24)+1)/SUM(INDEX($D$3:$AA$30,INDEX(Jesper!$R$2:$R$366,ROW(INDEX(Jesper!AL$2:AL$366,ROUNDDOWN($C5142/24,0)+1,1))-1)+IF('Standard Profiles'!$G$22=$B$10,7,0)+IF('Standard Profiles'!$G$22=$B$17,14,0)+IF('Standard Profiles'!$G$22=$B$24,21,0),0)),0)</f>
        <v>0</v>
      </c>
      <c r="I5142">
        <f t="shared" si="573"/>
        <v>0.1139563202533298</v>
      </c>
      <c r="J5142">
        <f t="shared" si="574"/>
        <v>6.9648556245055095</v>
      </c>
      <c r="K5142">
        <f t="shared" si="575"/>
        <v>0.57610473330037959</v>
      </c>
      <c r="L5142">
        <f t="shared" si="576"/>
        <v>0.2880523666501898</v>
      </c>
      <c r="M5142">
        <f t="shared" si="577"/>
        <v>0</v>
      </c>
      <c r="N5142" s="45">
        <f t="shared" si="578"/>
        <v>45139.833333320945</v>
      </c>
    </row>
    <row r="5143" spans="2:14" x14ac:dyDescent="0.25">
      <c r="B5143">
        <f t="shared" si="572"/>
        <v>2</v>
      </c>
      <c r="C5143" s="16">
        <v>5109</v>
      </c>
      <c r="D5143" cm="1">
        <f t="array" ref="D5143">IFERROR(INDEX(Jesper!AH$2:AH$366,ROUNDDOWN($C5143/24,0)+1,1)*INDEX($D$3:$AA$30,INDEX(Jesper!$R$2:$R$366,ROW(INDEX(Jesper!AH$2:AH$366,ROUNDDOWN($C5143/24,0)+1,1))-1)+IF('Standard Profiles'!$G$18=$B$10,7,0)+IF('Standard Profiles'!$G$18=$B$17,14,0)+IF('Standard Profiles'!$G$18=$B$24,21,0),MOD($C5143,24)+1)/SUM(INDEX($D$3:$AA$30,INDEX(Jesper!$R$2:$R$366,ROW(INDEX(Jesper!AH$2:AH$366,ROUNDDOWN($C5143/24,0)+1,1))-1)+IF('Standard Profiles'!$G$18=$B$10,7,0)+IF('Standard Profiles'!$G$18=$B$17,14,0)+IF('Standard Profiles'!$G$18=$B$24,21,0),0)),0)</f>
        <v>5.4009818746910581</v>
      </c>
      <c r="E5143" cm="1">
        <f t="array" ref="E5143">IFERROR(INDEX(Jesper!AI$2:AI$366,ROUNDDOWN($C5143/24,0)+1,1)*INDEX($D$3:$AA$30,INDEX(Jesper!$R$2:$R$366,ROW(INDEX(Jesper!AI$2:AI$366,ROUNDDOWN($C5143/24,0)+1,1))-1)+IF('Standard Profiles'!$G$19=$B$10,7,0)+IF('Standard Profiles'!$G$19=$B$17,14,0)+IF('Standard Profiles'!$G$19=$B$24,21,0),MOD($C5143,24)+1)/SUM(INDEX($D$3:$AA$30,INDEX(Jesper!$R$2:$R$366,ROW(INDEX(Jesper!AI$2:AI$366,ROUNDDOWN($C5143/24,0)+1,1))-1)+IF('Standard Profiles'!$G$19=$B$10,7,0)+IF('Standard Profiles'!$G$19=$B$17,14,0)+IF('Standard Profiles'!$G$19=$B$24,21,0),0)),0)</f>
        <v>2.30457816949058</v>
      </c>
      <c r="F5143" cm="1">
        <f t="array" ref="F5143">IFERROR(INDEX(Jesper!AJ$2:AJ$366,ROUNDDOWN($C5143/24,0)+1,1)*INDEX($D$3:$AA$30,INDEX(Jesper!$R$2:$R$366,ROW(INDEX(Jesper!AJ$2:AJ$366,ROUNDDOWN($C5143/24,0)+1,1))-1)+IF('Standard Profiles'!$G$20=$B$10,7,0)+IF('Standard Profiles'!$G$20=$B$17,14,0)+IF('Standard Profiles'!$G$20=$B$24,21,0),MOD($C5143,24)+1)/SUM(INDEX($D$3:$AA$30,INDEX(Jesper!$R$2:$R$366,ROW(INDEX(Jesper!AJ$2:AJ$366,ROUNDDOWN($C5143/24,0)+1,1))-1)+IF('Standard Profiles'!$G$20=$B$10,7,0)+IF('Standard Profiles'!$G$20=$B$17,14,0)+IF('Standard Profiles'!$G$20=$B$24,21,0),0)),0)</f>
        <v>0</v>
      </c>
      <c r="G5143" cm="1">
        <f t="array" ref="G5143">IFERROR(INDEX(Jesper!AK$2:AK$366,ROUNDDOWN($C5143/24,0)+1,1)*INDEX($D$3:$AA$30,INDEX(Jesper!$R$2:$R$366,ROW(INDEX(Jesper!AK$2:AK$366,ROUNDDOWN($C5143/24,0)+1,1))-1)+IF('Standard Profiles'!$G$21=$B$10,7,0)+IF('Standard Profiles'!$G$21=$B$17,14,0)+IF('Standard Profiles'!$G$21=$B$24,21,0),MOD($C5143,24)+1)/SUM(INDEX($D$3:$AA$30,INDEX(Jesper!$R$2:$R$366,ROW(INDEX(Jesper!AK$2:AK$366,ROUNDDOWN($C5143/24,0)+1,1))-1)+IF('Standard Profiles'!$G$21=$B$10,7,0)+IF('Standard Profiles'!$G$21=$B$17,14,0)+IF('Standard Profiles'!$G$21=$B$24,21,0),0)),0)</f>
        <v>0.23740900052777053</v>
      </c>
      <c r="H5143" cm="1">
        <f t="array" ref="H5143">IFERROR(INDEX(Jesper!AL$2:AL$366,ROUNDDOWN($C5143/24,0)+1,1)*INDEX($D$3:$AA$30,INDEX(Jesper!$R$2:$R$366,ROW(INDEX(Jesper!AL$2:AL$366,ROUNDDOWN($C5143/24,0)+1,1))-1)+IF('Standard Profiles'!$G$22=$B$10,7,0)+IF('Standard Profiles'!$G$22=$B$17,14,0)+IF('Standard Profiles'!$G$22=$B$24,21,0),MOD($C5143,24)+1)/SUM(INDEX($D$3:$AA$30,INDEX(Jesper!$R$2:$R$366,ROW(INDEX(Jesper!AL$2:AL$366,ROUNDDOWN($C5143/24,0)+1,1))-1)+IF('Standard Profiles'!$G$22=$B$10,7,0)+IF('Standard Profiles'!$G$22=$B$17,14,0)+IF('Standard Profiles'!$G$22=$B$24,21,0),0)),0)</f>
        <v>0</v>
      </c>
      <c r="I5143">
        <f t="shared" si="573"/>
        <v>0.1139563202533298</v>
      </c>
      <c r="J5143">
        <f t="shared" si="574"/>
        <v>6.9648556245055095</v>
      </c>
      <c r="K5143">
        <f t="shared" si="575"/>
        <v>0.57610473330037959</v>
      </c>
      <c r="L5143">
        <f t="shared" si="576"/>
        <v>0.2880523666501898</v>
      </c>
      <c r="M5143">
        <f t="shared" si="577"/>
        <v>0</v>
      </c>
      <c r="N5143" s="45">
        <f t="shared" si="578"/>
        <v>45139.874999987609</v>
      </c>
    </row>
    <row r="5144" spans="2:14" x14ac:dyDescent="0.25">
      <c r="B5144">
        <f t="shared" si="572"/>
        <v>2</v>
      </c>
      <c r="C5144" s="16">
        <v>5110</v>
      </c>
      <c r="D5144" cm="1">
        <f t="array" ref="D5144">IFERROR(INDEX(Jesper!AH$2:AH$366,ROUNDDOWN($C5144/24,0)+1,1)*INDEX($D$3:$AA$30,INDEX(Jesper!$R$2:$R$366,ROW(INDEX(Jesper!AH$2:AH$366,ROUNDDOWN($C5144/24,0)+1,1))-1)+IF('Standard Profiles'!$G$18=$B$10,7,0)+IF('Standard Profiles'!$G$18=$B$17,14,0)+IF('Standard Profiles'!$G$18=$B$24,21,0),MOD($C5144,24)+1)/SUM(INDEX($D$3:$AA$30,INDEX(Jesper!$R$2:$R$366,ROW(INDEX(Jesper!AH$2:AH$366,ROUNDDOWN($C5144/24,0)+1,1))-1)+IF('Standard Profiles'!$G$18=$B$10,7,0)+IF('Standard Profiles'!$G$18=$B$17,14,0)+IF('Standard Profiles'!$G$18=$B$24,21,0),0)),0)</f>
        <v>5.4009818746910581</v>
      </c>
      <c r="E5144" cm="1">
        <f t="array" ref="E5144">IFERROR(INDEX(Jesper!AI$2:AI$366,ROUNDDOWN($C5144/24,0)+1,1)*INDEX($D$3:$AA$30,INDEX(Jesper!$R$2:$R$366,ROW(INDEX(Jesper!AI$2:AI$366,ROUNDDOWN($C5144/24,0)+1,1))-1)+IF('Standard Profiles'!$G$19=$B$10,7,0)+IF('Standard Profiles'!$G$19=$B$17,14,0)+IF('Standard Profiles'!$G$19=$B$24,21,0),MOD($C5144,24)+1)/SUM(INDEX($D$3:$AA$30,INDEX(Jesper!$R$2:$R$366,ROW(INDEX(Jesper!AI$2:AI$366,ROUNDDOWN($C5144/24,0)+1,1))-1)+IF('Standard Profiles'!$G$19=$B$10,7,0)+IF('Standard Profiles'!$G$19=$B$17,14,0)+IF('Standard Profiles'!$G$19=$B$24,21,0),0)),0)</f>
        <v>2.30457816949058</v>
      </c>
      <c r="F5144" cm="1">
        <f t="array" ref="F5144">IFERROR(INDEX(Jesper!AJ$2:AJ$366,ROUNDDOWN($C5144/24,0)+1,1)*INDEX($D$3:$AA$30,INDEX(Jesper!$R$2:$R$366,ROW(INDEX(Jesper!AJ$2:AJ$366,ROUNDDOWN($C5144/24,0)+1,1))-1)+IF('Standard Profiles'!$G$20=$B$10,7,0)+IF('Standard Profiles'!$G$20=$B$17,14,0)+IF('Standard Profiles'!$G$20=$B$24,21,0),MOD($C5144,24)+1)/SUM(INDEX($D$3:$AA$30,INDEX(Jesper!$R$2:$R$366,ROW(INDEX(Jesper!AJ$2:AJ$366,ROUNDDOWN($C5144/24,0)+1,1))-1)+IF('Standard Profiles'!$G$20=$B$10,7,0)+IF('Standard Profiles'!$G$20=$B$17,14,0)+IF('Standard Profiles'!$G$20=$B$24,21,0),0)),0)</f>
        <v>0</v>
      </c>
      <c r="G5144" cm="1">
        <f t="array" ref="G5144">IFERROR(INDEX(Jesper!AK$2:AK$366,ROUNDDOWN($C5144/24,0)+1,1)*INDEX($D$3:$AA$30,INDEX(Jesper!$R$2:$R$366,ROW(INDEX(Jesper!AK$2:AK$366,ROUNDDOWN($C5144/24,0)+1,1))-1)+IF('Standard Profiles'!$G$21=$B$10,7,0)+IF('Standard Profiles'!$G$21=$B$17,14,0)+IF('Standard Profiles'!$G$21=$B$24,21,0),MOD($C5144,24)+1)/SUM(INDEX($D$3:$AA$30,INDEX(Jesper!$R$2:$R$366,ROW(INDEX(Jesper!AK$2:AK$366,ROUNDDOWN($C5144/24,0)+1,1))-1)+IF('Standard Profiles'!$G$21=$B$10,7,0)+IF('Standard Profiles'!$G$21=$B$17,14,0)+IF('Standard Profiles'!$G$21=$B$24,21,0),0)),0)</f>
        <v>0.23740900052777053</v>
      </c>
      <c r="H5144" cm="1">
        <f t="array" ref="H5144">IFERROR(INDEX(Jesper!AL$2:AL$366,ROUNDDOWN($C5144/24,0)+1,1)*INDEX($D$3:$AA$30,INDEX(Jesper!$R$2:$R$366,ROW(INDEX(Jesper!AL$2:AL$366,ROUNDDOWN($C5144/24,0)+1,1))-1)+IF('Standard Profiles'!$G$22=$B$10,7,0)+IF('Standard Profiles'!$G$22=$B$17,14,0)+IF('Standard Profiles'!$G$22=$B$24,21,0),MOD($C5144,24)+1)/SUM(INDEX($D$3:$AA$30,INDEX(Jesper!$R$2:$R$366,ROW(INDEX(Jesper!AL$2:AL$366,ROUNDDOWN($C5144/24,0)+1,1))-1)+IF('Standard Profiles'!$G$22=$B$10,7,0)+IF('Standard Profiles'!$G$22=$B$17,14,0)+IF('Standard Profiles'!$G$22=$B$24,21,0),0)),0)</f>
        <v>0</v>
      </c>
      <c r="I5144">
        <f t="shared" si="573"/>
        <v>0.1139563202533298</v>
      </c>
      <c r="J5144">
        <f t="shared" si="574"/>
        <v>6.9648556245055095</v>
      </c>
      <c r="K5144">
        <f t="shared" si="575"/>
        <v>0.57610473330037959</v>
      </c>
      <c r="L5144">
        <f t="shared" si="576"/>
        <v>0.2880523666501898</v>
      </c>
      <c r="M5144">
        <f t="shared" si="577"/>
        <v>0</v>
      </c>
      <c r="N5144" s="45">
        <f t="shared" si="578"/>
        <v>45139.916666654273</v>
      </c>
    </row>
    <row r="5145" spans="2:14" x14ac:dyDescent="0.25">
      <c r="B5145">
        <f t="shared" si="572"/>
        <v>2</v>
      </c>
      <c r="C5145" s="16">
        <v>5111</v>
      </c>
      <c r="D5145" cm="1">
        <f t="array" ref="D5145">IFERROR(INDEX(Jesper!AH$2:AH$366,ROUNDDOWN($C5145/24,0)+1,1)*INDEX($D$3:$AA$30,INDEX(Jesper!$R$2:$R$366,ROW(INDEX(Jesper!AH$2:AH$366,ROUNDDOWN($C5145/24,0)+1,1))-1)+IF('Standard Profiles'!$G$18=$B$10,7,0)+IF('Standard Profiles'!$G$18=$B$17,14,0)+IF('Standard Profiles'!$G$18=$B$24,21,0),MOD($C5145,24)+1)/SUM(INDEX($D$3:$AA$30,INDEX(Jesper!$R$2:$R$366,ROW(INDEX(Jesper!AH$2:AH$366,ROUNDDOWN($C5145/24,0)+1,1))-1)+IF('Standard Profiles'!$G$18=$B$10,7,0)+IF('Standard Profiles'!$G$18=$B$17,14,0)+IF('Standard Profiles'!$G$18=$B$24,21,0),0)),0)</f>
        <v>5.4009818746910581</v>
      </c>
      <c r="E5145" cm="1">
        <f t="array" ref="E5145">IFERROR(INDEX(Jesper!AI$2:AI$366,ROUNDDOWN($C5145/24,0)+1,1)*INDEX($D$3:$AA$30,INDEX(Jesper!$R$2:$R$366,ROW(INDEX(Jesper!AI$2:AI$366,ROUNDDOWN($C5145/24,0)+1,1))-1)+IF('Standard Profiles'!$G$19=$B$10,7,0)+IF('Standard Profiles'!$G$19=$B$17,14,0)+IF('Standard Profiles'!$G$19=$B$24,21,0),MOD($C5145,24)+1)/SUM(INDEX($D$3:$AA$30,INDEX(Jesper!$R$2:$R$366,ROW(INDEX(Jesper!AI$2:AI$366,ROUNDDOWN($C5145/24,0)+1,1))-1)+IF('Standard Profiles'!$G$19=$B$10,7,0)+IF('Standard Profiles'!$G$19=$B$17,14,0)+IF('Standard Profiles'!$G$19=$B$24,21,0),0)),0)</f>
        <v>2.30457816949058</v>
      </c>
      <c r="F5145" cm="1">
        <f t="array" ref="F5145">IFERROR(INDEX(Jesper!AJ$2:AJ$366,ROUNDDOWN($C5145/24,0)+1,1)*INDEX($D$3:$AA$30,INDEX(Jesper!$R$2:$R$366,ROW(INDEX(Jesper!AJ$2:AJ$366,ROUNDDOWN($C5145/24,0)+1,1))-1)+IF('Standard Profiles'!$G$20=$B$10,7,0)+IF('Standard Profiles'!$G$20=$B$17,14,0)+IF('Standard Profiles'!$G$20=$B$24,21,0),MOD($C5145,24)+1)/SUM(INDEX($D$3:$AA$30,INDEX(Jesper!$R$2:$R$366,ROW(INDEX(Jesper!AJ$2:AJ$366,ROUNDDOWN($C5145/24,0)+1,1))-1)+IF('Standard Profiles'!$G$20=$B$10,7,0)+IF('Standard Profiles'!$G$20=$B$17,14,0)+IF('Standard Profiles'!$G$20=$B$24,21,0),0)),0)</f>
        <v>0</v>
      </c>
      <c r="G5145" cm="1">
        <f t="array" ref="G5145">IFERROR(INDEX(Jesper!AK$2:AK$366,ROUNDDOWN($C5145/24,0)+1,1)*INDEX($D$3:$AA$30,INDEX(Jesper!$R$2:$R$366,ROW(INDEX(Jesper!AK$2:AK$366,ROUNDDOWN($C5145/24,0)+1,1))-1)+IF('Standard Profiles'!$G$21=$B$10,7,0)+IF('Standard Profiles'!$G$21=$B$17,14,0)+IF('Standard Profiles'!$G$21=$B$24,21,0),MOD($C5145,24)+1)/SUM(INDEX($D$3:$AA$30,INDEX(Jesper!$R$2:$R$366,ROW(INDEX(Jesper!AK$2:AK$366,ROUNDDOWN($C5145/24,0)+1,1))-1)+IF('Standard Profiles'!$G$21=$B$10,7,0)+IF('Standard Profiles'!$G$21=$B$17,14,0)+IF('Standard Profiles'!$G$21=$B$24,21,0),0)),0)</f>
        <v>0.23740900052777053</v>
      </c>
      <c r="H5145" cm="1">
        <f t="array" ref="H5145">IFERROR(INDEX(Jesper!AL$2:AL$366,ROUNDDOWN($C5145/24,0)+1,1)*INDEX($D$3:$AA$30,INDEX(Jesper!$R$2:$R$366,ROW(INDEX(Jesper!AL$2:AL$366,ROUNDDOWN($C5145/24,0)+1,1))-1)+IF('Standard Profiles'!$G$22=$B$10,7,0)+IF('Standard Profiles'!$G$22=$B$17,14,0)+IF('Standard Profiles'!$G$22=$B$24,21,0),MOD($C5145,24)+1)/SUM(INDEX($D$3:$AA$30,INDEX(Jesper!$R$2:$R$366,ROW(INDEX(Jesper!AL$2:AL$366,ROUNDDOWN($C5145/24,0)+1,1))-1)+IF('Standard Profiles'!$G$22=$B$10,7,0)+IF('Standard Profiles'!$G$22=$B$17,14,0)+IF('Standard Profiles'!$G$22=$B$24,21,0),0)),0)</f>
        <v>0</v>
      </c>
      <c r="I5145">
        <f t="shared" si="573"/>
        <v>0.1139563202533298</v>
      </c>
      <c r="J5145">
        <f t="shared" si="574"/>
        <v>6.9648556245055095</v>
      </c>
      <c r="K5145">
        <f t="shared" si="575"/>
        <v>0.57610473330037959</v>
      </c>
      <c r="L5145">
        <f t="shared" si="576"/>
        <v>0.2880523666501898</v>
      </c>
      <c r="M5145">
        <f t="shared" si="577"/>
        <v>0</v>
      </c>
      <c r="N5145" s="45">
        <f t="shared" si="578"/>
        <v>45139.958333320938</v>
      </c>
    </row>
    <row r="5146" spans="2:14" x14ac:dyDescent="0.25">
      <c r="B5146">
        <f t="shared" si="572"/>
        <v>3</v>
      </c>
      <c r="C5146" s="16">
        <v>5112</v>
      </c>
      <c r="D5146" cm="1">
        <f t="array" ref="D5146">IFERROR(INDEX(Jesper!AH$2:AH$366,ROUNDDOWN($C5146/24,0)+1,1)*INDEX($D$3:$AA$30,INDEX(Jesper!$R$2:$R$366,ROW(INDEX(Jesper!AH$2:AH$366,ROUNDDOWN($C5146/24,0)+1,1))-1)+IF('Standard Profiles'!$G$18=$B$10,7,0)+IF('Standard Profiles'!$G$18=$B$17,14,0)+IF('Standard Profiles'!$G$18=$B$24,21,0),MOD($C5146,24)+1)/SUM(INDEX($D$3:$AA$30,INDEX(Jesper!$R$2:$R$366,ROW(INDEX(Jesper!AH$2:AH$366,ROUNDDOWN($C5146/24,0)+1,1))-1)+IF('Standard Profiles'!$G$18=$B$10,7,0)+IF('Standard Profiles'!$G$18=$B$17,14,0)+IF('Standard Profiles'!$G$18=$B$24,21,0),0)),0)</f>
        <v>5.3093835906513309</v>
      </c>
      <c r="E5146" cm="1">
        <f t="array" ref="E5146">IFERROR(INDEX(Jesper!AI$2:AI$366,ROUNDDOWN($C5146/24,0)+1,1)*INDEX($D$3:$AA$30,INDEX(Jesper!$R$2:$R$366,ROW(INDEX(Jesper!AI$2:AI$366,ROUNDDOWN($C5146/24,0)+1,1))-1)+IF('Standard Profiles'!$G$19=$B$10,7,0)+IF('Standard Profiles'!$G$19=$B$17,14,0)+IF('Standard Profiles'!$G$19=$B$24,21,0),MOD($C5146,24)+1)/SUM(INDEX($D$3:$AA$30,INDEX(Jesper!$R$2:$R$366,ROW(INDEX(Jesper!AI$2:AI$366,ROUNDDOWN($C5146/24,0)+1,1))-1)+IF('Standard Profiles'!$G$19=$B$10,7,0)+IF('Standard Profiles'!$G$19=$B$17,14,0)+IF('Standard Profiles'!$G$19=$B$24,21,0),0)),0)</f>
        <v>2.1988545410498395</v>
      </c>
      <c r="F5146" cm="1">
        <f t="array" ref="F5146">IFERROR(INDEX(Jesper!AJ$2:AJ$366,ROUNDDOWN($C5146/24,0)+1,1)*INDEX($D$3:$AA$30,INDEX(Jesper!$R$2:$R$366,ROW(INDEX(Jesper!AJ$2:AJ$366,ROUNDDOWN($C5146/24,0)+1,1))-1)+IF('Standard Profiles'!$G$20=$B$10,7,0)+IF('Standard Profiles'!$G$20=$B$17,14,0)+IF('Standard Profiles'!$G$20=$B$24,21,0),MOD($C5146,24)+1)/SUM(INDEX($D$3:$AA$30,INDEX(Jesper!$R$2:$R$366,ROW(INDEX(Jesper!AJ$2:AJ$366,ROUNDDOWN($C5146/24,0)+1,1))-1)+IF('Standard Profiles'!$G$20=$B$10,7,0)+IF('Standard Profiles'!$G$20=$B$17,14,0)+IF('Standard Profiles'!$G$20=$B$24,21,0),0)),0)</f>
        <v>0</v>
      </c>
      <c r="G5146" cm="1">
        <f t="array" ref="G5146">IFERROR(INDEX(Jesper!AK$2:AK$366,ROUNDDOWN($C5146/24,0)+1,1)*INDEX($D$3:$AA$30,INDEX(Jesper!$R$2:$R$366,ROW(INDEX(Jesper!AK$2:AK$366,ROUNDDOWN($C5146/24,0)+1,1))-1)+IF('Standard Profiles'!$G$21=$B$10,7,0)+IF('Standard Profiles'!$G$21=$B$17,14,0)+IF('Standard Profiles'!$G$21=$B$24,21,0),MOD($C5146,24)+1)/SUM(INDEX($D$3:$AA$30,INDEX(Jesper!$R$2:$R$366,ROW(INDEX(Jesper!AK$2:AK$366,ROUNDDOWN($C5146/24,0)+1,1))-1)+IF('Standard Profiles'!$G$21=$B$10,7,0)+IF('Standard Profiles'!$G$21=$B$17,14,0)+IF('Standard Profiles'!$G$21=$B$24,21,0),0)),0)</f>
        <v>0.12603277278579364</v>
      </c>
      <c r="H5146" cm="1">
        <f t="array" ref="H5146">IFERROR(INDEX(Jesper!AL$2:AL$366,ROUNDDOWN($C5146/24,0)+1,1)*INDEX($D$3:$AA$30,INDEX(Jesper!$R$2:$R$366,ROW(INDEX(Jesper!AL$2:AL$366,ROUNDDOWN($C5146/24,0)+1,1))-1)+IF('Standard Profiles'!$G$22=$B$10,7,0)+IF('Standard Profiles'!$G$22=$B$17,14,0)+IF('Standard Profiles'!$G$22=$B$24,21,0),MOD($C5146,24)+1)/SUM(INDEX($D$3:$AA$30,INDEX(Jesper!$R$2:$R$366,ROW(INDEX(Jesper!AL$2:AL$366,ROUNDDOWN($C5146/24,0)+1,1))-1)+IF('Standard Profiles'!$G$22=$B$10,7,0)+IF('Standard Profiles'!$G$22=$B$17,14,0)+IF('Standard Profiles'!$G$22=$B$24,21,0),0)),0)</f>
        <v>0</v>
      </c>
      <c r="I5146">
        <f t="shared" si="573"/>
        <v>6.0495730937180914E-2</v>
      </c>
      <c r="J5146">
        <f t="shared" si="574"/>
        <v>6.7242737990455694</v>
      </c>
      <c r="K5146">
        <f t="shared" si="575"/>
        <v>0.56633424966947532</v>
      </c>
      <c r="L5146">
        <f t="shared" si="576"/>
        <v>0.28316712483473766</v>
      </c>
      <c r="M5146">
        <f t="shared" si="577"/>
        <v>0</v>
      </c>
      <c r="N5146" s="45">
        <f t="shared" si="578"/>
        <v>45139.999999987602</v>
      </c>
    </row>
    <row r="5147" spans="2:14" x14ac:dyDescent="0.25">
      <c r="B5147">
        <f t="shared" si="572"/>
        <v>3</v>
      </c>
      <c r="C5147" s="16">
        <v>5113</v>
      </c>
      <c r="D5147" cm="1">
        <f t="array" ref="D5147">IFERROR(INDEX(Jesper!AH$2:AH$366,ROUNDDOWN($C5147/24,0)+1,1)*INDEX($D$3:$AA$30,INDEX(Jesper!$R$2:$R$366,ROW(INDEX(Jesper!AH$2:AH$366,ROUNDDOWN($C5147/24,0)+1,1))-1)+IF('Standard Profiles'!$G$18=$B$10,7,0)+IF('Standard Profiles'!$G$18=$B$17,14,0)+IF('Standard Profiles'!$G$18=$B$24,21,0),MOD($C5147,24)+1)/SUM(INDEX($D$3:$AA$30,INDEX(Jesper!$R$2:$R$366,ROW(INDEX(Jesper!AH$2:AH$366,ROUNDDOWN($C5147/24,0)+1,1))-1)+IF('Standard Profiles'!$G$18=$B$10,7,0)+IF('Standard Profiles'!$G$18=$B$17,14,0)+IF('Standard Profiles'!$G$18=$B$24,21,0),0)),0)</f>
        <v>5.3093835906513309</v>
      </c>
      <c r="E5147" cm="1">
        <f t="array" ref="E5147">IFERROR(INDEX(Jesper!AI$2:AI$366,ROUNDDOWN($C5147/24,0)+1,1)*INDEX($D$3:$AA$30,INDEX(Jesper!$R$2:$R$366,ROW(INDEX(Jesper!AI$2:AI$366,ROUNDDOWN($C5147/24,0)+1,1))-1)+IF('Standard Profiles'!$G$19=$B$10,7,0)+IF('Standard Profiles'!$G$19=$B$17,14,0)+IF('Standard Profiles'!$G$19=$B$24,21,0),MOD($C5147,24)+1)/SUM(INDEX($D$3:$AA$30,INDEX(Jesper!$R$2:$R$366,ROW(INDEX(Jesper!AI$2:AI$366,ROUNDDOWN($C5147/24,0)+1,1))-1)+IF('Standard Profiles'!$G$19=$B$10,7,0)+IF('Standard Profiles'!$G$19=$B$17,14,0)+IF('Standard Profiles'!$G$19=$B$24,21,0),0)),0)</f>
        <v>2.1988545410498395</v>
      </c>
      <c r="F5147" cm="1">
        <f t="array" ref="F5147">IFERROR(INDEX(Jesper!AJ$2:AJ$366,ROUNDDOWN($C5147/24,0)+1,1)*INDEX($D$3:$AA$30,INDEX(Jesper!$R$2:$R$366,ROW(INDEX(Jesper!AJ$2:AJ$366,ROUNDDOWN($C5147/24,0)+1,1))-1)+IF('Standard Profiles'!$G$20=$B$10,7,0)+IF('Standard Profiles'!$G$20=$B$17,14,0)+IF('Standard Profiles'!$G$20=$B$24,21,0),MOD($C5147,24)+1)/SUM(INDEX($D$3:$AA$30,INDEX(Jesper!$R$2:$R$366,ROW(INDEX(Jesper!AJ$2:AJ$366,ROUNDDOWN($C5147/24,0)+1,1))-1)+IF('Standard Profiles'!$G$20=$B$10,7,0)+IF('Standard Profiles'!$G$20=$B$17,14,0)+IF('Standard Profiles'!$G$20=$B$24,21,0),0)),0)</f>
        <v>0</v>
      </c>
      <c r="G5147" cm="1">
        <f t="array" ref="G5147">IFERROR(INDEX(Jesper!AK$2:AK$366,ROUNDDOWN($C5147/24,0)+1,1)*INDEX($D$3:$AA$30,INDEX(Jesper!$R$2:$R$366,ROW(INDEX(Jesper!AK$2:AK$366,ROUNDDOWN($C5147/24,0)+1,1))-1)+IF('Standard Profiles'!$G$21=$B$10,7,0)+IF('Standard Profiles'!$G$21=$B$17,14,0)+IF('Standard Profiles'!$G$21=$B$24,21,0),MOD($C5147,24)+1)/SUM(INDEX($D$3:$AA$30,INDEX(Jesper!$R$2:$R$366,ROW(INDEX(Jesper!AK$2:AK$366,ROUNDDOWN($C5147/24,0)+1,1))-1)+IF('Standard Profiles'!$G$21=$B$10,7,0)+IF('Standard Profiles'!$G$21=$B$17,14,0)+IF('Standard Profiles'!$G$21=$B$24,21,0),0)),0)</f>
        <v>0.12603277278579364</v>
      </c>
      <c r="H5147" cm="1">
        <f t="array" ref="H5147">IFERROR(INDEX(Jesper!AL$2:AL$366,ROUNDDOWN($C5147/24,0)+1,1)*INDEX($D$3:$AA$30,INDEX(Jesper!$R$2:$R$366,ROW(INDEX(Jesper!AL$2:AL$366,ROUNDDOWN($C5147/24,0)+1,1))-1)+IF('Standard Profiles'!$G$22=$B$10,7,0)+IF('Standard Profiles'!$G$22=$B$17,14,0)+IF('Standard Profiles'!$G$22=$B$24,21,0),MOD($C5147,24)+1)/SUM(INDEX($D$3:$AA$30,INDEX(Jesper!$R$2:$R$366,ROW(INDEX(Jesper!AL$2:AL$366,ROUNDDOWN($C5147/24,0)+1,1))-1)+IF('Standard Profiles'!$G$22=$B$10,7,0)+IF('Standard Profiles'!$G$22=$B$17,14,0)+IF('Standard Profiles'!$G$22=$B$24,21,0),0)),0)</f>
        <v>0</v>
      </c>
      <c r="I5147">
        <f t="shared" si="573"/>
        <v>6.0495730937180914E-2</v>
      </c>
      <c r="J5147">
        <f t="shared" si="574"/>
        <v>6.7242737990455694</v>
      </c>
      <c r="K5147">
        <f t="shared" si="575"/>
        <v>0.56633424966947532</v>
      </c>
      <c r="L5147">
        <f t="shared" si="576"/>
        <v>0.28316712483473766</v>
      </c>
      <c r="M5147">
        <f t="shared" si="577"/>
        <v>0</v>
      </c>
      <c r="N5147" s="45">
        <f t="shared" si="578"/>
        <v>45140.041666654266</v>
      </c>
    </row>
    <row r="5148" spans="2:14" x14ac:dyDescent="0.25">
      <c r="B5148">
        <f t="shared" si="572"/>
        <v>3</v>
      </c>
      <c r="C5148" s="16">
        <v>5114</v>
      </c>
      <c r="D5148" cm="1">
        <f t="array" ref="D5148">IFERROR(INDEX(Jesper!AH$2:AH$366,ROUNDDOWN($C5148/24,0)+1,1)*INDEX($D$3:$AA$30,INDEX(Jesper!$R$2:$R$366,ROW(INDEX(Jesper!AH$2:AH$366,ROUNDDOWN($C5148/24,0)+1,1))-1)+IF('Standard Profiles'!$G$18=$B$10,7,0)+IF('Standard Profiles'!$G$18=$B$17,14,0)+IF('Standard Profiles'!$G$18=$B$24,21,0),MOD($C5148,24)+1)/SUM(INDEX($D$3:$AA$30,INDEX(Jesper!$R$2:$R$366,ROW(INDEX(Jesper!AH$2:AH$366,ROUNDDOWN($C5148/24,0)+1,1))-1)+IF('Standard Profiles'!$G$18=$B$10,7,0)+IF('Standard Profiles'!$G$18=$B$17,14,0)+IF('Standard Profiles'!$G$18=$B$24,21,0),0)),0)</f>
        <v>5.3093835906513309</v>
      </c>
      <c r="E5148" cm="1">
        <f t="array" ref="E5148">IFERROR(INDEX(Jesper!AI$2:AI$366,ROUNDDOWN($C5148/24,0)+1,1)*INDEX($D$3:$AA$30,INDEX(Jesper!$R$2:$R$366,ROW(INDEX(Jesper!AI$2:AI$366,ROUNDDOWN($C5148/24,0)+1,1))-1)+IF('Standard Profiles'!$G$19=$B$10,7,0)+IF('Standard Profiles'!$G$19=$B$17,14,0)+IF('Standard Profiles'!$G$19=$B$24,21,0),MOD($C5148,24)+1)/SUM(INDEX($D$3:$AA$30,INDEX(Jesper!$R$2:$R$366,ROW(INDEX(Jesper!AI$2:AI$366,ROUNDDOWN($C5148/24,0)+1,1))-1)+IF('Standard Profiles'!$G$19=$B$10,7,0)+IF('Standard Profiles'!$G$19=$B$17,14,0)+IF('Standard Profiles'!$G$19=$B$24,21,0),0)),0)</f>
        <v>2.1988545410498395</v>
      </c>
      <c r="F5148" cm="1">
        <f t="array" ref="F5148">IFERROR(INDEX(Jesper!AJ$2:AJ$366,ROUNDDOWN($C5148/24,0)+1,1)*INDEX($D$3:$AA$30,INDEX(Jesper!$R$2:$R$366,ROW(INDEX(Jesper!AJ$2:AJ$366,ROUNDDOWN($C5148/24,0)+1,1))-1)+IF('Standard Profiles'!$G$20=$B$10,7,0)+IF('Standard Profiles'!$G$20=$B$17,14,0)+IF('Standard Profiles'!$G$20=$B$24,21,0),MOD($C5148,24)+1)/SUM(INDEX($D$3:$AA$30,INDEX(Jesper!$R$2:$R$366,ROW(INDEX(Jesper!AJ$2:AJ$366,ROUNDDOWN($C5148/24,0)+1,1))-1)+IF('Standard Profiles'!$G$20=$B$10,7,0)+IF('Standard Profiles'!$G$20=$B$17,14,0)+IF('Standard Profiles'!$G$20=$B$24,21,0),0)),0)</f>
        <v>0</v>
      </c>
      <c r="G5148" cm="1">
        <f t="array" ref="G5148">IFERROR(INDEX(Jesper!AK$2:AK$366,ROUNDDOWN($C5148/24,0)+1,1)*INDEX($D$3:$AA$30,INDEX(Jesper!$R$2:$R$366,ROW(INDEX(Jesper!AK$2:AK$366,ROUNDDOWN($C5148/24,0)+1,1))-1)+IF('Standard Profiles'!$G$21=$B$10,7,0)+IF('Standard Profiles'!$G$21=$B$17,14,0)+IF('Standard Profiles'!$G$21=$B$24,21,0),MOD($C5148,24)+1)/SUM(INDEX($D$3:$AA$30,INDEX(Jesper!$R$2:$R$366,ROW(INDEX(Jesper!AK$2:AK$366,ROUNDDOWN($C5148/24,0)+1,1))-1)+IF('Standard Profiles'!$G$21=$B$10,7,0)+IF('Standard Profiles'!$G$21=$B$17,14,0)+IF('Standard Profiles'!$G$21=$B$24,21,0),0)),0)</f>
        <v>0.12603277278579364</v>
      </c>
      <c r="H5148" cm="1">
        <f t="array" ref="H5148">IFERROR(INDEX(Jesper!AL$2:AL$366,ROUNDDOWN($C5148/24,0)+1,1)*INDEX($D$3:$AA$30,INDEX(Jesper!$R$2:$R$366,ROW(INDEX(Jesper!AL$2:AL$366,ROUNDDOWN($C5148/24,0)+1,1))-1)+IF('Standard Profiles'!$G$22=$B$10,7,0)+IF('Standard Profiles'!$G$22=$B$17,14,0)+IF('Standard Profiles'!$G$22=$B$24,21,0),MOD($C5148,24)+1)/SUM(INDEX($D$3:$AA$30,INDEX(Jesper!$R$2:$R$366,ROW(INDEX(Jesper!AL$2:AL$366,ROUNDDOWN($C5148/24,0)+1,1))-1)+IF('Standard Profiles'!$G$22=$B$10,7,0)+IF('Standard Profiles'!$G$22=$B$17,14,0)+IF('Standard Profiles'!$G$22=$B$24,21,0),0)),0)</f>
        <v>0</v>
      </c>
      <c r="I5148">
        <f t="shared" si="573"/>
        <v>6.0495730937180914E-2</v>
      </c>
      <c r="J5148">
        <f t="shared" si="574"/>
        <v>6.7242737990455694</v>
      </c>
      <c r="K5148">
        <f t="shared" si="575"/>
        <v>0.56633424966947532</v>
      </c>
      <c r="L5148">
        <f t="shared" si="576"/>
        <v>0.28316712483473766</v>
      </c>
      <c r="M5148">
        <f t="shared" si="577"/>
        <v>0</v>
      </c>
      <c r="N5148" s="45">
        <f t="shared" si="578"/>
        <v>45140.08333332093</v>
      </c>
    </row>
    <row r="5149" spans="2:14" x14ac:dyDescent="0.25">
      <c r="B5149">
        <f t="shared" si="572"/>
        <v>3</v>
      </c>
      <c r="C5149" s="16">
        <v>5115</v>
      </c>
      <c r="D5149" cm="1">
        <f t="array" ref="D5149">IFERROR(INDEX(Jesper!AH$2:AH$366,ROUNDDOWN($C5149/24,0)+1,1)*INDEX($D$3:$AA$30,INDEX(Jesper!$R$2:$R$366,ROW(INDEX(Jesper!AH$2:AH$366,ROUNDDOWN($C5149/24,0)+1,1))-1)+IF('Standard Profiles'!$G$18=$B$10,7,0)+IF('Standard Profiles'!$G$18=$B$17,14,0)+IF('Standard Profiles'!$G$18=$B$24,21,0),MOD($C5149,24)+1)/SUM(INDEX($D$3:$AA$30,INDEX(Jesper!$R$2:$R$366,ROW(INDEX(Jesper!AH$2:AH$366,ROUNDDOWN($C5149/24,0)+1,1))-1)+IF('Standard Profiles'!$G$18=$B$10,7,0)+IF('Standard Profiles'!$G$18=$B$17,14,0)+IF('Standard Profiles'!$G$18=$B$24,21,0),0)),0)</f>
        <v>5.3093835906513309</v>
      </c>
      <c r="E5149" cm="1">
        <f t="array" ref="E5149">IFERROR(INDEX(Jesper!AI$2:AI$366,ROUNDDOWN($C5149/24,0)+1,1)*INDEX($D$3:$AA$30,INDEX(Jesper!$R$2:$R$366,ROW(INDEX(Jesper!AI$2:AI$366,ROUNDDOWN($C5149/24,0)+1,1))-1)+IF('Standard Profiles'!$G$19=$B$10,7,0)+IF('Standard Profiles'!$G$19=$B$17,14,0)+IF('Standard Profiles'!$G$19=$B$24,21,0),MOD($C5149,24)+1)/SUM(INDEX($D$3:$AA$30,INDEX(Jesper!$R$2:$R$366,ROW(INDEX(Jesper!AI$2:AI$366,ROUNDDOWN($C5149/24,0)+1,1))-1)+IF('Standard Profiles'!$G$19=$B$10,7,0)+IF('Standard Profiles'!$G$19=$B$17,14,0)+IF('Standard Profiles'!$G$19=$B$24,21,0),0)),0)</f>
        <v>2.1988545410498395</v>
      </c>
      <c r="F5149" cm="1">
        <f t="array" ref="F5149">IFERROR(INDEX(Jesper!AJ$2:AJ$366,ROUNDDOWN($C5149/24,0)+1,1)*INDEX($D$3:$AA$30,INDEX(Jesper!$R$2:$R$366,ROW(INDEX(Jesper!AJ$2:AJ$366,ROUNDDOWN($C5149/24,0)+1,1))-1)+IF('Standard Profiles'!$G$20=$B$10,7,0)+IF('Standard Profiles'!$G$20=$B$17,14,0)+IF('Standard Profiles'!$G$20=$B$24,21,0),MOD($C5149,24)+1)/SUM(INDEX($D$3:$AA$30,INDEX(Jesper!$R$2:$R$366,ROW(INDEX(Jesper!AJ$2:AJ$366,ROUNDDOWN($C5149/24,0)+1,1))-1)+IF('Standard Profiles'!$G$20=$B$10,7,0)+IF('Standard Profiles'!$G$20=$B$17,14,0)+IF('Standard Profiles'!$G$20=$B$24,21,0),0)),0)</f>
        <v>0</v>
      </c>
      <c r="G5149" cm="1">
        <f t="array" ref="G5149">IFERROR(INDEX(Jesper!AK$2:AK$366,ROUNDDOWN($C5149/24,0)+1,1)*INDEX($D$3:$AA$30,INDEX(Jesper!$R$2:$R$366,ROW(INDEX(Jesper!AK$2:AK$366,ROUNDDOWN($C5149/24,0)+1,1))-1)+IF('Standard Profiles'!$G$21=$B$10,7,0)+IF('Standard Profiles'!$G$21=$B$17,14,0)+IF('Standard Profiles'!$G$21=$B$24,21,0),MOD($C5149,24)+1)/SUM(INDEX($D$3:$AA$30,INDEX(Jesper!$R$2:$R$366,ROW(INDEX(Jesper!AK$2:AK$366,ROUNDDOWN($C5149/24,0)+1,1))-1)+IF('Standard Profiles'!$G$21=$B$10,7,0)+IF('Standard Profiles'!$G$21=$B$17,14,0)+IF('Standard Profiles'!$G$21=$B$24,21,0),0)),0)</f>
        <v>0.12603277278579364</v>
      </c>
      <c r="H5149" cm="1">
        <f t="array" ref="H5149">IFERROR(INDEX(Jesper!AL$2:AL$366,ROUNDDOWN($C5149/24,0)+1,1)*INDEX($D$3:$AA$30,INDEX(Jesper!$R$2:$R$366,ROW(INDEX(Jesper!AL$2:AL$366,ROUNDDOWN($C5149/24,0)+1,1))-1)+IF('Standard Profiles'!$G$22=$B$10,7,0)+IF('Standard Profiles'!$G$22=$B$17,14,0)+IF('Standard Profiles'!$G$22=$B$24,21,0),MOD($C5149,24)+1)/SUM(INDEX($D$3:$AA$30,INDEX(Jesper!$R$2:$R$366,ROW(INDEX(Jesper!AL$2:AL$366,ROUNDDOWN($C5149/24,0)+1,1))-1)+IF('Standard Profiles'!$G$22=$B$10,7,0)+IF('Standard Profiles'!$G$22=$B$17,14,0)+IF('Standard Profiles'!$G$22=$B$24,21,0),0)),0)</f>
        <v>0</v>
      </c>
      <c r="I5149">
        <f t="shared" si="573"/>
        <v>6.0495730937180914E-2</v>
      </c>
      <c r="J5149">
        <f t="shared" si="574"/>
        <v>6.7242737990455694</v>
      </c>
      <c r="K5149">
        <f t="shared" si="575"/>
        <v>0.56633424966947532</v>
      </c>
      <c r="L5149">
        <f t="shared" si="576"/>
        <v>0.28316712483473766</v>
      </c>
      <c r="M5149">
        <f t="shared" si="577"/>
        <v>0</v>
      </c>
      <c r="N5149" s="45">
        <f t="shared" si="578"/>
        <v>45140.124999987594</v>
      </c>
    </row>
    <row r="5150" spans="2:14" x14ac:dyDescent="0.25">
      <c r="B5150">
        <f t="shared" si="572"/>
        <v>3</v>
      </c>
      <c r="C5150" s="16">
        <v>5116</v>
      </c>
      <c r="D5150" cm="1">
        <f t="array" ref="D5150">IFERROR(INDEX(Jesper!AH$2:AH$366,ROUNDDOWN($C5150/24,0)+1,1)*INDEX($D$3:$AA$30,INDEX(Jesper!$R$2:$R$366,ROW(INDEX(Jesper!AH$2:AH$366,ROUNDDOWN($C5150/24,0)+1,1))-1)+IF('Standard Profiles'!$G$18=$B$10,7,0)+IF('Standard Profiles'!$G$18=$B$17,14,0)+IF('Standard Profiles'!$G$18=$B$24,21,0),MOD($C5150,24)+1)/SUM(INDEX($D$3:$AA$30,INDEX(Jesper!$R$2:$R$366,ROW(INDEX(Jesper!AH$2:AH$366,ROUNDDOWN($C5150/24,0)+1,1))-1)+IF('Standard Profiles'!$G$18=$B$10,7,0)+IF('Standard Profiles'!$G$18=$B$17,14,0)+IF('Standard Profiles'!$G$18=$B$24,21,0),0)),0)</f>
        <v>5.3093835906513309</v>
      </c>
      <c r="E5150" cm="1">
        <f t="array" ref="E5150">IFERROR(INDEX(Jesper!AI$2:AI$366,ROUNDDOWN($C5150/24,0)+1,1)*INDEX($D$3:$AA$30,INDEX(Jesper!$R$2:$R$366,ROW(INDEX(Jesper!AI$2:AI$366,ROUNDDOWN($C5150/24,0)+1,1))-1)+IF('Standard Profiles'!$G$19=$B$10,7,0)+IF('Standard Profiles'!$G$19=$B$17,14,0)+IF('Standard Profiles'!$G$19=$B$24,21,0),MOD($C5150,24)+1)/SUM(INDEX($D$3:$AA$30,INDEX(Jesper!$R$2:$R$366,ROW(INDEX(Jesper!AI$2:AI$366,ROUNDDOWN($C5150/24,0)+1,1))-1)+IF('Standard Profiles'!$G$19=$B$10,7,0)+IF('Standard Profiles'!$G$19=$B$17,14,0)+IF('Standard Profiles'!$G$19=$B$24,21,0),0)),0)</f>
        <v>2.1988545410498395</v>
      </c>
      <c r="F5150" cm="1">
        <f t="array" ref="F5150">IFERROR(INDEX(Jesper!AJ$2:AJ$366,ROUNDDOWN($C5150/24,0)+1,1)*INDEX($D$3:$AA$30,INDEX(Jesper!$R$2:$R$366,ROW(INDEX(Jesper!AJ$2:AJ$366,ROUNDDOWN($C5150/24,0)+1,1))-1)+IF('Standard Profiles'!$G$20=$B$10,7,0)+IF('Standard Profiles'!$G$20=$B$17,14,0)+IF('Standard Profiles'!$G$20=$B$24,21,0),MOD($C5150,24)+1)/SUM(INDEX($D$3:$AA$30,INDEX(Jesper!$R$2:$R$366,ROW(INDEX(Jesper!AJ$2:AJ$366,ROUNDDOWN($C5150/24,0)+1,1))-1)+IF('Standard Profiles'!$G$20=$B$10,7,0)+IF('Standard Profiles'!$G$20=$B$17,14,0)+IF('Standard Profiles'!$G$20=$B$24,21,0),0)),0)</f>
        <v>0</v>
      </c>
      <c r="G5150" cm="1">
        <f t="array" ref="G5150">IFERROR(INDEX(Jesper!AK$2:AK$366,ROUNDDOWN($C5150/24,0)+1,1)*INDEX($D$3:$AA$30,INDEX(Jesper!$R$2:$R$366,ROW(INDEX(Jesper!AK$2:AK$366,ROUNDDOWN($C5150/24,0)+1,1))-1)+IF('Standard Profiles'!$G$21=$B$10,7,0)+IF('Standard Profiles'!$G$21=$B$17,14,0)+IF('Standard Profiles'!$G$21=$B$24,21,0),MOD($C5150,24)+1)/SUM(INDEX($D$3:$AA$30,INDEX(Jesper!$R$2:$R$366,ROW(INDEX(Jesper!AK$2:AK$366,ROUNDDOWN($C5150/24,0)+1,1))-1)+IF('Standard Profiles'!$G$21=$B$10,7,0)+IF('Standard Profiles'!$G$21=$B$17,14,0)+IF('Standard Profiles'!$G$21=$B$24,21,0),0)),0)</f>
        <v>0.12603277278579364</v>
      </c>
      <c r="H5150" cm="1">
        <f t="array" ref="H5150">IFERROR(INDEX(Jesper!AL$2:AL$366,ROUNDDOWN($C5150/24,0)+1,1)*INDEX($D$3:$AA$30,INDEX(Jesper!$R$2:$R$366,ROW(INDEX(Jesper!AL$2:AL$366,ROUNDDOWN($C5150/24,0)+1,1))-1)+IF('Standard Profiles'!$G$22=$B$10,7,0)+IF('Standard Profiles'!$G$22=$B$17,14,0)+IF('Standard Profiles'!$G$22=$B$24,21,0),MOD($C5150,24)+1)/SUM(INDEX($D$3:$AA$30,INDEX(Jesper!$R$2:$R$366,ROW(INDEX(Jesper!AL$2:AL$366,ROUNDDOWN($C5150/24,0)+1,1))-1)+IF('Standard Profiles'!$G$22=$B$10,7,0)+IF('Standard Profiles'!$G$22=$B$17,14,0)+IF('Standard Profiles'!$G$22=$B$24,21,0),0)),0)</f>
        <v>0</v>
      </c>
      <c r="I5150">
        <f t="shared" si="573"/>
        <v>6.0495730937180914E-2</v>
      </c>
      <c r="J5150">
        <f t="shared" si="574"/>
        <v>6.7242737990455694</v>
      </c>
      <c r="K5150">
        <f t="shared" si="575"/>
        <v>0.56633424966947532</v>
      </c>
      <c r="L5150">
        <f t="shared" si="576"/>
        <v>0.28316712483473766</v>
      </c>
      <c r="M5150">
        <f t="shared" si="577"/>
        <v>0</v>
      </c>
      <c r="N5150" s="45">
        <f t="shared" si="578"/>
        <v>45140.166666654259</v>
      </c>
    </row>
    <row r="5151" spans="2:14" x14ac:dyDescent="0.25">
      <c r="B5151">
        <f t="shared" si="572"/>
        <v>3</v>
      </c>
      <c r="C5151" s="16">
        <v>5117</v>
      </c>
      <c r="D5151" cm="1">
        <f t="array" ref="D5151">IFERROR(INDEX(Jesper!AH$2:AH$366,ROUNDDOWN($C5151/24,0)+1,1)*INDEX($D$3:$AA$30,INDEX(Jesper!$R$2:$R$366,ROW(INDEX(Jesper!AH$2:AH$366,ROUNDDOWN($C5151/24,0)+1,1))-1)+IF('Standard Profiles'!$G$18=$B$10,7,0)+IF('Standard Profiles'!$G$18=$B$17,14,0)+IF('Standard Profiles'!$G$18=$B$24,21,0),MOD($C5151,24)+1)/SUM(INDEX($D$3:$AA$30,INDEX(Jesper!$R$2:$R$366,ROW(INDEX(Jesper!AH$2:AH$366,ROUNDDOWN($C5151/24,0)+1,1))-1)+IF('Standard Profiles'!$G$18=$B$10,7,0)+IF('Standard Profiles'!$G$18=$B$17,14,0)+IF('Standard Profiles'!$G$18=$B$24,21,0),0)),0)</f>
        <v>5.3093835906513309</v>
      </c>
      <c r="E5151" cm="1">
        <f t="array" ref="E5151">IFERROR(INDEX(Jesper!AI$2:AI$366,ROUNDDOWN($C5151/24,0)+1,1)*INDEX($D$3:$AA$30,INDEX(Jesper!$R$2:$R$366,ROW(INDEX(Jesper!AI$2:AI$366,ROUNDDOWN($C5151/24,0)+1,1))-1)+IF('Standard Profiles'!$G$19=$B$10,7,0)+IF('Standard Profiles'!$G$19=$B$17,14,0)+IF('Standard Profiles'!$G$19=$B$24,21,0),MOD($C5151,24)+1)/SUM(INDEX($D$3:$AA$30,INDEX(Jesper!$R$2:$R$366,ROW(INDEX(Jesper!AI$2:AI$366,ROUNDDOWN($C5151/24,0)+1,1))-1)+IF('Standard Profiles'!$G$19=$B$10,7,0)+IF('Standard Profiles'!$G$19=$B$17,14,0)+IF('Standard Profiles'!$G$19=$B$24,21,0),0)),0)</f>
        <v>2.1988545410498395</v>
      </c>
      <c r="F5151" cm="1">
        <f t="array" ref="F5151">IFERROR(INDEX(Jesper!AJ$2:AJ$366,ROUNDDOWN($C5151/24,0)+1,1)*INDEX($D$3:$AA$30,INDEX(Jesper!$R$2:$R$366,ROW(INDEX(Jesper!AJ$2:AJ$366,ROUNDDOWN($C5151/24,0)+1,1))-1)+IF('Standard Profiles'!$G$20=$B$10,7,0)+IF('Standard Profiles'!$G$20=$B$17,14,0)+IF('Standard Profiles'!$G$20=$B$24,21,0),MOD($C5151,24)+1)/SUM(INDEX($D$3:$AA$30,INDEX(Jesper!$R$2:$R$366,ROW(INDEX(Jesper!AJ$2:AJ$366,ROUNDDOWN($C5151/24,0)+1,1))-1)+IF('Standard Profiles'!$G$20=$B$10,7,0)+IF('Standard Profiles'!$G$20=$B$17,14,0)+IF('Standard Profiles'!$G$20=$B$24,21,0),0)),0)</f>
        <v>0</v>
      </c>
      <c r="G5151" cm="1">
        <f t="array" ref="G5151">IFERROR(INDEX(Jesper!AK$2:AK$366,ROUNDDOWN($C5151/24,0)+1,1)*INDEX($D$3:$AA$30,INDEX(Jesper!$R$2:$R$366,ROW(INDEX(Jesper!AK$2:AK$366,ROUNDDOWN($C5151/24,0)+1,1))-1)+IF('Standard Profiles'!$G$21=$B$10,7,0)+IF('Standard Profiles'!$G$21=$B$17,14,0)+IF('Standard Profiles'!$G$21=$B$24,21,0),MOD($C5151,24)+1)/SUM(INDEX($D$3:$AA$30,INDEX(Jesper!$R$2:$R$366,ROW(INDEX(Jesper!AK$2:AK$366,ROUNDDOWN($C5151/24,0)+1,1))-1)+IF('Standard Profiles'!$G$21=$B$10,7,0)+IF('Standard Profiles'!$G$21=$B$17,14,0)+IF('Standard Profiles'!$G$21=$B$24,21,0),0)),0)</f>
        <v>0.12603277278579364</v>
      </c>
      <c r="H5151" cm="1">
        <f t="array" ref="H5151">IFERROR(INDEX(Jesper!AL$2:AL$366,ROUNDDOWN($C5151/24,0)+1,1)*INDEX($D$3:$AA$30,INDEX(Jesper!$R$2:$R$366,ROW(INDEX(Jesper!AL$2:AL$366,ROUNDDOWN($C5151/24,0)+1,1))-1)+IF('Standard Profiles'!$G$22=$B$10,7,0)+IF('Standard Profiles'!$G$22=$B$17,14,0)+IF('Standard Profiles'!$G$22=$B$24,21,0),MOD($C5151,24)+1)/SUM(INDEX($D$3:$AA$30,INDEX(Jesper!$R$2:$R$366,ROW(INDEX(Jesper!AL$2:AL$366,ROUNDDOWN($C5151/24,0)+1,1))-1)+IF('Standard Profiles'!$G$22=$B$10,7,0)+IF('Standard Profiles'!$G$22=$B$17,14,0)+IF('Standard Profiles'!$G$22=$B$24,21,0),0)),0)</f>
        <v>0</v>
      </c>
      <c r="I5151">
        <f t="shared" si="573"/>
        <v>6.0495730937180914E-2</v>
      </c>
      <c r="J5151">
        <f t="shared" si="574"/>
        <v>6.7242737990455694</v>
      </c>
      <c r="K5151">
        <f t="shared" si="575"/>
        <v>0.56633424966947532</v>
      </c>
      <c r="L5151">
        <f t="shared" si="576"/>
        <v>0.28316712483473766</v>
      </c>
      <c r="M5151">
        <f t="shared" si="577"/>
        <v>0</v>
      </c>
      <c r="N5151" s="45">
        <f t="shared" si="578"/>
        <v>45140.208333320923</v>
      </c>
    </row>
    <row r="5152" spans="2:14" x14ac:dyDescent="0.25">
      <c r="B5152">
        <f t="shared" si="572"/>
        <v>3</v>
      </c>
      <c r="C5152" s="16">
        <v>5118</v>
      </c>
      <c r="D5152" cm="1">
        <f t="array" ref="D5152">IFERROR(INDEX(Jesper!AH$2:AH$366,ROUNDDOWN($C5152/24,0)+1,1)*INDEX($D$3:$AA$30,INDEX(Jesper!$R$2:$R$366,ROW(INDEX(Jesper!AH$2:AH$366,ROUNDDOWN($C5152/24,0)+1,1))-1)+IF('Standard Profiles'!$G$18=$B$10,7,0)+IF('Standard Profiles'!$G$18=$B$17,14,0)+IF('Standard Profiles'!$G$18=$B$24,21,0),MOD($C5152,24)+1)/SUM(INDEX($D$3:$AA$30,INDEX(Jesper!$R$2:$R$366,ROW(INDEX(Jesper!AH$2:AH$366,ROUNDDOWN($C5152/24,0)+1,1))-1)+IF('Standard Profiles'!$G$18=$B$10,7,0)+IF('Standard Profiles'!$G$18=$B$17,14,0)+IF('Standard Profiles'!$G$18=$B$24,21,0),0)),0)</f>
        <v>5.3093835906513309</v>
      </c>
      <c r="E5152" cm="1">
        <f t="array" ref="E5152">IFERROR(INDEX(Jesper!AI$2:AI$366,ROUNDDOWN($C5152/24,0)+1,1)*INDEX($D$3:$AA$30,INDEX(Jesper!$R$2:$R$366,ROW(INDEX(Jesper!AI$2:AI$366,ROUNDDOWN($C5152/24,0)+1,1))-1)+IF('Standard Profiles'!$G$19=$B$10,7,0)+IF('Standard Profiles'!$G$19=$B$17,14,0)+IF('Standard Profiles'!$G$19=$B$24,21,0),MOD($C5152,24)+1)/SUM(INDEX($D$3:$AA$30,INDEX(Jesper!$R$2:$R$366,ROW(INDEX(Jesper!AI$2:AI$366,ROUNDDOWN($C5152/24,0)+1,1))-1)+IF('Standard Profiles'!$G$19=$B$10,7,0)+IF('Standard Profiles'!$G$19=$B$17,14,0)+IF('Standard Profiles'!$G$19=$B$24,21,0),0)),0)</f>
        <v>2.1988545410498395</v>
      </c>
      <c r="F5152" cm="1">
        <f t="array" ref="F5152">IFERROR(INDEX(Jesper!AJ$2:AJ$366,ROUNDDOWN($C5152/24,0)+1,1)*INDEX($D$3:$AA$30,INDEX(Jesper!$R$2:$R$366,ROW(INDEX(Jesper!AJ$2:AJ$366,ROUNDDOWN($C5152/24,0)+1,1))-1)+IF('Standard Profiles'!$G$20=$B$10,7,0)+IF('Standard Profiles'!$G$20=$B$17,14,0)+IF('Standard Profiles'!$G$20=$B$24,21,0),MOD($C5152,24)+1)/SUM(INDEX($D$3:$AA$30,INDEX(Jesper!$R$2:$R$366,ROW(INDEX(Jesper!AJ$2:AJ$366,ROUNDDOWN($C5152/24,0)+1,1))-1)+IF('Standard Profiles'!$G$20=$B$10,7,0)+IF('Standard Profiles'!$G$20=$B$17,14,0)+IF('Standard Profiles'!$G$20=$B$24,21,0),0)),0)</f>
        <v>0</v>
      </c>
      <c r="G5152" cm="1">
        <f t="array" ref="G5152">IFERROR(INDEX(Jesper!AK$2:AK$366,ROUNDDOWN($C5152/24,0)+1,1)*INDEX($D$3:$AA$30,INDEX(Jesper!$R$2:$R$366,ROW(INDEX(Jesper!AK$2:AK$366,ROUNDDOWN($C5152/24,0)+1,1))-1)+IF('Standard Profiles'!$G$21=$B$10,7,0)+IF('Standard Profiles'!$G$21=$B$17,14,0)+IF('Standard Profiles'!$G$21=$B$24,21,0),MOD($C5152,24)+1)/SUM(INDEX($D$3:$AA$30,INDEX(Jesper!$R$2:$R$366,ROW(INDEX(Jesper!AK$2:AK$366,ROUNDDOWN($C5152/24,0)+1,1))-1)+IF('Standard Profiles'!$G$21=$B$10,7,0)+IF('Standard Profiles'!$G$21=$B$17,14,0)+IF('Standard Profiles'!$G$21=$B$24,21,0),0)),0)</f>
        <v>0.12603277278579364</v>
      </c>
      <c r="H5152" cm="1">
        <f t="array" ref="H5152">IFERROR(INDEX(Jesper!AL$2:AL$366,ROUNDDOWN($C5152/24,0)+1,1)*INDEX($D$3:$AA$30,INDEX(Jesper!$R$2:$R$366,ROW(INDEX(Jesper!AL$2:AL$366,ROUNDDOWN($C5152/24,0)+1,1))-1)+IF('Standard Profiles'!$G$22=$B$10,7,0)+IF('Standard Profiles'!$G$22=$B$17,14,0)+IF('Standard Profiles'!$G$22=$B$24,21,0),MOD($C5152,24)+1)/SUM(INDEX($D$3:$AA$30,INDEX(Jesper!$R$2:$R$366,ROW(INDEX(Jesper!AL$2:AL$366,ROUNDDOWN($C5152/24,0)+1,1))-1)+IF('Standard Profiles'!$G$22=$B$10,7,0)+IF('Standard Profiles'!$G$22=$B$17,14,0)+IF('Standard Profiles'!$G$22=$B$24,21,0),0)),0)</f>
        <v>0</v>
      </c>
      <c r="I5152">
        <f t="shared" si="573"/>
        <v>6.0495730937180914E-2</v>
      </c>
      <c r="J5152">
        <f t="shared" si="574"/>
        <v>6.7242737990455694</v>
      </c>
      <c r="K5152">
        <f t="shared" si="575"/>
        <v>0.56633424966947532</v>
      </c>
      <c r="L5152">
        <f t="shared" si="576"/>
        <v>0.28316712483473766</v>
      </c>
      <c r="M5152">
        <f t="shared" si="577"/>
        <v>0</v>
      </c>
      <c r="N5152" s="45">
        <f t="shared" si="578"/>
        <v>45140.249999987587</v>
      </c>
    </row>
    <row r="5153" spans="2:14" x14ac:dyDescent="0.25">
      <c r="B5153">
        <f t="shared" si="572"/>
        <v>3</v>
      </c>
      <c r="C5153" s="16">
        <v>5119</v>
      </c>
      <c r="D5153" cm="1">
        <f t="array" ref="D5153">IFERROR(INDEX(Jesper!AH$2:AH$366,ROUNDDOWN($C5153/24,0)+1,1)*INDEX($D$3:$AA$30,INDEX(Jesper!$R$2:$R$366,ROW(INDEX(Jesper!AH$2:AH$366,ROUNDDOWN($C5153/24,0)+1,1))-1)+IF('Standard Profiles'!$G$18=$B$10,7,0)+IF('Standard Profiles'!$G$18=$B$17,14,0)+IF('Standard Profiles'!$G$18=$B$24,21,0),MOD($C5153,24)+1)/SUM(INDEX($D$3:$AA$30,INDEX(Jesper!$R$2:$R$366,ROW(INDEX(Jesper!AH$2:AH$366,ROUNDDOWN($C5153/24,0)+1,1))-1)+IF('Standard Profiles'!$G$18=$B$10,7,0)+IF('Standard Profiles'!$G$18=$B$17,14,0)+IF('Standard Profiles'!$G$18=$B$24,21,0),0)),0)</f>
        <v>21.70411655693529</v>
      </c>
      <c r="E5153" cm="1">
        <f t="array" ref="E5153">IFERROR(INDEX(Jesper!AI$2:AI$366,ROUNDDOWN($C5153/24,0)+1,1)*INDEX($D$3:$AA$30,INDEX(Jesper!$R$2:$R$366,ROW(INDEX(Jesper!AI$2:AI$366,ROUNDDOWN($C5153/24,0)+1,1))-1)+IF('Standard Profiles'!$G$19=$B$10,7,0)+IF('Standard Profiles'!$G$19=$B$17,14,0)+IF('Standard Profiles'!$G$19=$B$24,21,0),MOD($C5153,24)+1)/SUM(INDEX($D$3:$AA$30,INDEX(Jesper!$R$2:$R$366,ROW(INDEX(Jesper!AI$2:AI$366,ROUNDDOWN($C5153/24,0)+1,1))-1)+IF('Standard Profiles'!$G$19=$B$10,7,0)+IF('Standard Profiles'!$G$19=$B$17,14,0)+IF('Standard Profiles'!$G$19=$B$24,21,0),0)),0)</f>
        <v>8.9886508359885831</v>
      </c>
      <c r="F5153" cm="1">
        <f t="array" ref="F5153">IFERROR(INDEX(Jesper!AJ$2:AJ$366,ROUNDDOWN($C5153/24,0)+1,1)*INDEX($D$3:$AA$30,INDEX(Jesper!$R$2:$R$366,ROW(INDEX(Jesper!AJ$2:AJ$366,ROUNDDOWN($C5153/24,0)+1,1))-1)+IF('Standard Profiles'!$G$20=$B$10,7,0)+IF('Standard Profiles'!$G$20=$B$17,14,0)+IF('Standard Profiles'!$G$20=$B$24,21,0),MOD($C5153,24)+1)/SUM(INDEX($D$3:$AA$30,INDEX(Jesper!$R$2:$R$366,ROW(INDEX(Jesper!AJ$2:AJ$366,ROUNDDOWN($C5153/24,0)+1,1))-1)+IF('Standard Profiles'!$G$20=$B$10,7,0)+IF('Standard Profiles'!$G$20=$B$17,14,0)+IF('Standard Profiles'!$G$20=$B$24,21,0),0)),0)</f>
        <v>0</v>
      </c>
      <c r="G5153" cm="1">
        <f t="array" ref="G5153">IFERROR(INDEX(Jesper!AK$2:AK$366,ROUNDDOWN($C5153/24,0)+1,1)*INDEX($D$3:$AA$30,INDEX(Jesper!$R$2:$R$366,ROW(INDEX(Jesper!AK$2:AK$366,ROUNDDOWN($C5153/24,0)+1,1))-1)+IF('Standard Profiles'!$G$21=$B$10,7,0)+IF('Standard Profiles'!$G$21=$B$17,14,0)+IF('Standard Profiles'!$G$21=$B$24,21,0),MOD($C5153,24)+1)/SUM(INDEX($D$3:$AA$30,INDEX(Jesper!$R$2:$R$366,ROW(INDEX(Jesper!AK$2:AK$366,ROUNDDOWN($C5153/24,0)+1,1))-1)+IF('Standard Profiles'!$G$21=$B$10,7,0)+IF('Standard Profiles'!$G$21=$B$17,14,0)+IF('Standard Profiles'!$G$21=$B$24,21,0),0)),0)</f>
        <v>0.34722028902486141</v>
      </c>
      <c r="H5153" cm="1">
        <f t="array" ref="H5153">IFERROR(INDEX(Jesper!AL$2:AL$366,ROUNDDOWN($C5153/24,0)+1,1)*INDEX($D$3:$AA$30,INDEX(Jesper!$R$2:$R$366,ROW(INDEX(Jesper!AL$2:AL$366,ROUNDDOWN($C5153/24,0)+1,1))-1)+IF('Standard Profiles'!$G$22=$B$10,7,0)+IF('Standard Profiles'!$G$22=$B$17,14,0)+IF('Standard Profiles'!$G$22=$B$24,21,0),MOD($C5153,24)+1)/SUM(INDEX($D$3:$AA$30,INDEX(Jesper!$R$2:$R$366,ROW(INDEX(Jesper!AL$2:AL$366,ROUNDDOWN($C5153/24,0)+1,1))-1)+IF('Standard Profiles'!$G$22=$B$10,7,0)+IF('Standard Profiles'!$G$22=$B$17,14,0)+IF('Standard Profiles'!$G$22=$B$24,21,0),0)),0)</f>
        <v>0</v>
      </c>
      <c r="I5153">
        <f t="shared" si="573"/>
        <v>0.16666573873193338</v>
      </c>
      <c r="J5153">
        <f t="shared" si="574"/>
        <v>27.400663294107154</v>
      </c>
      <c r="K5153">
        <f t="shared" si="575"/>
        <v>2.3151057660730978</v>
      </c>
      <c r="L5153">
        <f t="shared" si="576"/>
        <v>1.1575528830365489</v>
      </c>
      <c r="M5153">
        <f t="shared" si="577"/>
        <v>0</v>
      </c>
      <c r="N5153" s="45">
        <f t="shared" si="578"/>
        <v>45140.291666654251</v>
      </c>
    </row>
    <row r="5154" spans="2:14" x14ac:dyDescent="0.25">
      <c r="B5154">
        <f t="shared" si="572"/>
        <v>3</v>
      </c>
      <c r="C5154" s="16">
        <v>5120</v>
      </c>
      <c r="D5154" cm="1">
        <f t="array" ref="D5154">IFERROR(INDEX(Jesper!AH$2:AH$366,ROUNDDOWN($C5154/24,0)+1,1)*INDEX($D$3:$AA$30,INDEX(Jesper!$R$2:$R$366,ROW(INDEX(Jesper!AH$2:AH$366,ROUNDDOWN($C5154/24,0)+1,1))-1)+IF('Standard Profiles'!$G$18=$B$10,7,0)+IF('Standard Profiles'!$G$18=$B$17,14,0)+IF('Standard Profiles'!$G$18=$B$24,21,0),MOD($C5154,24)+1)/SUM(INDEX($D$3:$AA$30,INDEX(Jesper!$R$2:$R$366,ROW(INDEX(Jesper!AH$2:AH$366,ROUNDDOWN($C5154/24,0)+1,1))-1)+IF('Standard Profiles'!$G$18=$B$10,7,0)+IF('Standard Profiles'!$G$18=$B$17,14,0)+IF('Standard Profiles'!$G$18=$B$24,21,0),0)),0)</f>
        <v>24.217224789843584</v>
      </c>
      <c r="E5154" cm="1">
        <f t="array" ref="E5154">IFERROR(INDEX(Jesper!AI$2:AI$366,ROUNDDOWN($C5154/24,0)+1,1)*INDEX($D$3:$AA$30,INDEX(Jesper!$R$2:$R$366,ROW(INDEX(Jesper!AI$2:AI$366,ROUNDDOWN($C5154/24,0)+1,1))-1)+IF('Standard Profiles'!$G$19=$B$10,7,0)+IF('Standard Profiles'!$G$19=$B$17,14,0)+IF('Standard Profiles'!$G$19=$B$24,21,0),MOD($C5154,24)+1)/SUM(INDEX($D$3:$AA$30,INDEX(Jesper!$R$2:$R$366,ROW(INDEX(Jesper!AI$2:AI$366,ROUNDDOWN($C5154/24,0)+1,1))-1)+IF('Standard Profiles'!$G$19=$B$10,7,0)+IF('Standard Profiles'!$G$19=$B$17,14,0)+IF('Standard Profiles'!$G$19=$B$24,21,0),0)),0)</f>
        <v>10.029441985418842</v>
      </c>
      <c r="F5154" cm="1">
        <f t="array" ref="F5154">IFERROR(INDEX(Jesper!AJ$2:AJ$366,ROUNDDOWN($C5154/24,0)+1,1)*INDEX($D$3:$AA$30,INDEX(Jesper!$R$2:$R$366,ROW(INDEX(Jesper!AJ$2:AJ$366,ROUNDDOWN($C5154/24,0)+1,1))-1)+IF('Standard Profiles'!$G$20=$B$10,7,0)+IF('Standard Profiles'!$G$20=$B$17,14,0)+IF('Standard Profiles'!$G$20=$B$24,21,0),MOD($C5154,24)+1)/SUM(INDEX($D$3:$AA$30,INDEX(Jesper!$R$2:$R$366,ROW(INDEX(Jesper!AJ$2:AJ$366,ROUNDDOWN($C5154/24,0)+1,1))-1)+IF('Standard Profiles'!$G$20=$B$10,7,0)+IF('Standard Profiles'!$G$20=$B$17,14,0)+IF('Standard Profiles'!$G$20=$B$24,21,0),0)),0)</f>
        <v>0</v>
      </c>
      <c r="G5154" cm="1">
        <f t="array" ref="G5154">IFERROR(INDEX(Jesper!AK$2:AK$366,ROUNDDOWN($C5154/24,0)+1,1)*INDEX($D$3:$AA$30,INDEX(Jesper!$R$2:$R$366,ROW(INDEX(Jesper!AK$2:AK$366,ROUNDDOWN($C5154/24,0)+1,1))-1)+IF('Standard Profiles'!$G$21=$B$10,7,0)+IF('Standard Profiles'!$G$21=$B$17,14,0)+IF('Standard Profiles'!$G$21=$B$24,21,0),MOD($C5154,24)+1)/SUM(INDEX($D$3:$AA$30,INDEX(Jesper!$R$2:$R$366,ROW(INDEX(Jesper!AK$2:AK$366,ROUNDDOWN($C5154/24,0)+1,1))-1)+IF('Standard Profiles'!$G$21=$B$10,7,0)+IF('Standard Profiles'!$G$21=$B$17,14,0)+IF('Standard Profiles'!$G$21=$B$24,21,0),0)),0)</f>
        <v>0.38742474354352952</v>
      </c>
      <c r="H5154" cm="1">
        <f t="array" ref="H5154">IFERROR(INDEX(Jesper!AL$2:AL$366,ROUNDDOWN($C5154/24,0)+1,1)*INDEX($D$3:$AA$30,INDEX(Jesper!$R$2:$R$366,ROW(INDEX(Jesper!AL$2:AL$366,ROUNDDOWN($C5154/24,0)+1,1))-1)+IF('Standard Profiles'!$G$22=$B$10,7,0)+IF('Standard Profiles'!$G$22=$B$17,14,0)+IF('Standard Profiles'!$G$22=$B$24,21,0),MOD($C5154,24)+1)/SUM(INDEX($D$3:$AA$30,INDEX(Jesper!$R$2:$R$366,ROW(INDEX(Jesper!AL$2:AL$366,ROUNDDOWN($C5154/24,0)+1,1))-1)+IF('Standard Profiles'!$G$22=$B$10,7,0)+IF('Standard Profiles'!$G$22=$B$17,14,0)+IF('Standard Profiles'!$G$22=$B$24,21,0),0)),0)</f>
        <v>0</v>
      </c>
      <c r="I5154">
        <f t="shared" si="573"/>
        <v>0.18596387690089408</v>
      </c>
      <c r="J5154">
        <f t="shared" si="574"/>
        <v>30.573371675530087</v>
      </c>
      <c r="K5154">
        <f t="shared" si="575"/>
        <v>2.5831706442499827</v>
      </c>
      <c r="L5154">
        <f t="shared" si="576"/>
        <v>1.2915853221249913</v>
      </c>
      <c r="M5154">
        <f t="shared" si="577"/>
        <v>0</v>
      </c>
      <c r="N5154" s="45">
        <f t="shared" si="578"/>
        <v>45140.333333320916</v>
      </c>
    </row>
    <row r="5155" spans="2:14" x14ac:dyDescent="0.25">
      <c r="B5155">
        <f t="shared" ref="B5155:B5218" si="579">WEEKDAY(N5155,2)</f>
        <v>3</v>
      </c>
      <c r="C5155" s="16">
        <v>5121</v>
      </c>
      <c r="D5155" cm="1">
        <f t="array" ref="D5155">IFERROR(INDEX(Jesper!AH$2:AH$366,ROUNDDOWN($C5155/24,0)+1,1)*INDEX($D$3:$AA$30,INDEX(Jesper!$R$2:$R$366,ROW(INDEX(Jesper!AH$2:AH$366,ROUNDDOWN($C5155/24,0)+1,1))-1)+IF('Standard Profiles'!$G$18=$B$10,7,0)+IF('Standard Profiles'!$G$18=$B$17,14,0)+IF('Standard Profiles'!$G$18=$B$24,21,0),MOD($C5155,24)+1)/SUM(INDEX($D$3:$AA$30,INDEX(Jesper!$R$2:$R$366,ROW(INDEX(Jesper!AH$2:AH$366,ROUNDDOWN($C5155/24,0)+1,1))-1)+IF('Standard Profiles'!$G$18=$B$10,7,0)+IF('Standard Profiles'!$G$18=$B$17,14,0)+IF('Standard Profiles'!$G$18=$B$24,21,0),0)),0)</f>
        <v>26.730333022751886</v>
      </c>
      <c r="E5155" cm="1">
        <f t="array" ref="E5155">IFERROR(INDEX(Jesper!AI$2:AI$366,ROUNDDOWN($C5155/24,0)+1,1)*INDEX($D$3:$AA$30,INDEX(Jesper!$R$2:$R$366,ROW(INDEX(Jesper!AI$2:AI$366,ROUNDDOWN($C5155/24,0)+1,1))-1)+IF('Standard Profiles'!$G$19=$B$10,7,0)+IF('Standard Profiles'!$G$19=$B$17,14,0)+IF('Standard Profiles'!$G$19=$B$24,21,0),MOD($C5155,24)+1)/SUM(INDEX($D$3:$AA$30,INDEX(Jesper!$R$2:$R$366,ROW(INDEX(Jesper!AI$2:AI$366,ROUNDDOWN($C5155/24,0)+1,1))-1)+IF('Standard Profiles'!$G$19=$B$10,7,0)+IF('Standard Profiles'!$G$19=$B$17,14,0)+IF('Standard Profiles'!$G$19=$B$24,21,0),0)),0)</f>
        <v>11.070233134849101</v>
      </c>
      <c r="F5155" cm="1">
        <f t="array" ref="F5155">IFERROR(INDEX(Jesper!AJ$2:AJ$366,ROUNDDOWN($C5155/24,0)+1,1)*INDEX($D$3:$AA$30,INDEX(Jesper!$R$2:$R$366,ROW(INDEX(Jesper!AJ$2:AJ$366,ROUNDDOWN($C5155/24,0)+1,1))-1)+IF('Standard Profiles'!$G$20=$B$10,7,0)+IF('Standard Profiles'!$G$20=$B$17,14,0)+IF('Standard Profiles'!$G$20=$B$24,21,0),MOD($C5155,24)+1)/SUM(INDEX($D$3:$AA$30,INDEX(Jesper!$R$2:$R$366,ROW(INDEX(Jesper!AJ$2:AJ$366,ROUNDDOWN($C5155/24,0)+1,1))-1)+IF('Standard Profiles'!$G$20=$B$10,7,0)+IF('Standard Profiles'!$G$20=$B$17,14,0)+IF('Standard Profiles'!$G$20=$B$24,21,0),0)),0)</f>
        <v>0</v>
      </c>
      <c r="G5155" cm="1">
        <f t="array" ref="G5155">IFERROR(INDEX(Jesper!AK$2:AK$366,ROUNDDOWN($C5155/24,0)+1,1)*INDEX($D$3:$AA$30,INDEX(Jesper!$R$2:$R$366,ROW(INDEX(Jesper!AK$2:AK$366,ROUNDDOWN($C5155/24,0)+1,1))-1)+IF('Standard Profiles'!$G$21=$B$10,7,0)+IF('Standard Profiles'!$G$21=$B$17,14,0)+IF('Standard Profiles'!$G$21=$B$24,21,0),MOD($C5155,24)+1)/SUM(INDEX($D$3:$AA$30,INDEX(Jesper!$R$2:$R$366,ROW(INDEX(Jesper!AK$2:AK$366,ROUNDDOWN($C5155/24,0)+1,1))-1)+IF('Standard Profiles'!$G$21=$B$10,7,0)+IF('Standard Profiles'!$G$21=$B$17,14,0)+IF('Standard Profiles'!$G$21=$B$24,21,0),0)),0)</f>
        <v>0.42762919806219768</v>
      </c>
      <c r="H5155" cm="1">
        <f t="array" ref="H5155">IFERROR(INDEX(Jesper!AL$2:AL$366,ROUNDDOWN($C5155/24,0)+1,1)*INDEX($D$3:$AA$30,INDEX(Jesper!$R$2:$R$366,ROW(INDEX(Jesper!AL$2:AL$366,ROUNDDOWN($C5155/24,0)+1,1))-1)+IF('Standard Profiles'!$G$22=$B$10,7,0)+IF('Standard Profiles'!$G$22=$B$17,14,0)+IF('Standard Profiles'!$G$22=$B$24,21,0),MOD($C5155,24)+1)/SUM(INDEX($D$3:$AA$30,INDEX(Jesper!$R$2:$R$366,ROW(INDEX(Jesper!AL$2:AL$366,ROUNDDOWN($C5155/24,0)+1,1))-1)+IF('Standard Profiles'!$G$22=$B$10,7,0)+IF('Standard Profiles'!$G$22=$B$17,14,0)+IF('Standard Profiles'!$G$22=$B$24,21,0),0)),0)</f>
        <v>0</v>
      </c>
      <c r="I5155">
        <f t="shared" ref="I5155:I5218" si="580">IF($B5155&lt;6,AC$37*$D5155+AC$38*$E5155+AC$39*$F5155+AC$40*$G5155,AC$46*$D5155+AC$47*$E5155+AC$48*$F5155+AC$49*$G5155+AC$50*$H5155)</f>
        <v>0.20526201506985478</v>
      </c>
      <c r="J5155">
        <f t="shared" ref="J5155:J5218" si="581">IF($B5155&lt;6,AD$37*$D5155+AD$38*$E5155+AD$39*$F5155+AD$40*$G5155,AD$46*$D5155+AD$47*$E5155+AD$48*$F5155+AD$49*$G5155+AD$50*$H5155)</f>
        <v>33.746080056953026</v>
      </c>
      <c r="K5155">
        <f t="shared" ref="K5155:K5218" si="582">IF($B5155&lt;6,AE$37*$D5155+AE$38*$E5155+AE$39*$F5155+AE$40*$G5155,AE$46*$D5155+AE$47*$E5155+AE$48*$F5155+AE$49*$G5155+AE$50*$H5155)</f>
        <v>2.851235522426868</v>
      </c>
      <c r="L5155">
        <f t="shared" ref="L5155:L5218" si="583">IF($B5155&lt;6,AF$37*$D5155+AF$38*$E5155+AF$39*$F5155+AF$40*$G5155,AF$46*$D5155+AF$47*$E5155+AF$48*$F5155+AF$49*$G5155+AF$50*$H5155)</f>
        <v>1.425617761213434</v>
      </c>
      <c r="M5155">
        <f t="shared" ref="M5155:M5218" si="584">IF($B5155&lt;6,AG$37*$D5155+AG$38*$E5155+AG$39*$F5155+AG$40*$G5155,AG$46*$D5155+AG$47*$E5155+AG$48*$F5155+AG$49*$G5155+AG$50*$H5155)</f>
        <v>0</v>
      </c>
      <c r="N5155" s="45">
        <f t="shared" si="578"/>
        <v>45140.37499998758</v>
      </c>
    </row>
    <row r="5156" spans="2:14" x14ac:dyDescent="0.25">
      <c r="B5156">
        <f t="shared" si="579"/>
        <v>3</v>
      </c>
      <c r="C5156" s="16">
        <v>5122</v>
      </c>
      <c r="D5156" cm="1">
        <f t="array" ref="D5156">IFERROR(INDEX(Jesper!AH$2:AH$366,ROUNDDOWN($C5156/24,0)+1,1)*INDEX($D$3:$AA$30,INDEX(Jesper!$R$2:$R$366,ROW(INDEX(Jesper!AH$2:AH$366,ROUNDDOWN($C5156/24,0)+1,1))-1)+IF('Standard Profiles'!$G$18=$B$10,7,0)+IF('Standard Profiles'!$G$18=$B$17,14,0)+IF('Standard Profiles'!$G$18=$B$24,21,0),MOD($C5156,24)+1)/SUM(INDEX($D$3:$AA$30,INDEX(Jesper!$R$2:$R$366,ROW(INDEX(Jesper!AH$2:AH$366,ROUNDDOWN($C5156/24,0)+1,1))-1)+IF('Standard Profiles'!$G$18=$B$10,7,0)+IF('Standard Profiles'!$G$18=$B$17,14,0)+IF('Standard Profiles'!$G$18=$B$24,21,0),0)),0)</f>
        <v>26.730333022751886</v>
      </c>
      <c r="E5156" cm="1">
        <f t="array" ref="E5156">IFERROR(INDEX(Jesper!AI$2:AI$366,ROUNDDOWN($C5156/24,0)+1,1)*INDEX($D$3:$AA$30,INDEX(Jesper!$R$2:$R$366,ROW(INDEX(Jesper!AI$2:AI$366,ROUNDDOWN($C5156/24,0)+1,1))-1)+IF('Standard Profiles'!$G$19=$B$10,7,0)+IF('Standard Profiles'!$G$19=$B$17,14,0)+IF('Standard Profiles'!$G$19=$B$24,21,0),MOD($C5156,24)+1)/SUM(INDEX($D$3:$AA$30,INDEX(Jesper!$R$2:$R$366,ROW(INDEX(Jesper!AI$2:AI$366,ROUNDDOWN($C5156/24,0)+1,1))-1)+IF('Standard Profiles'!$G$19=$B$10,7,0)+IF('Standard Profiles'!$G$19=$B$17,14,0)+IF('Standard Profiles'!$G$19=$B$24,21,0),0)),0)</f>
        <v>11.070233134849101</v>
      </c>
      <c r="F5156" cm="1">
        <f t="array" ref="F5156">IFERROR(INDEX(Jesper!AJ$2:AJ$366,ROUNDDOWN($C5156/24,0)+1,1)*INDEX($D$3:$AA$30,INDEX(Jesper!$R$2:$R$366,ROW(INDEX(Jesper!AJ$2:AJ$366,ROUNDDOWN($C5156/24,0)+1,1))-1)+IF('Standard Profiles'!$G$20=$B$10,7,0)+IF('Standard Profiles'!$G$20=$B$17,14,0)+IF('Standard Profiles'!$G$20=$B$24,21,0),MOD($C5156,24)+1)/SUM(INDEX($D$3:$AA$30,INDEX(Jesper!$R$2:$R$366,ROW(INDEX(Jesper!AJ$2:AJ$366,ROUNDDOWN($C5156/24,0)+1,1))-1)+IF('Standard Profiles'!$G$20=$B$10,7,0)+IF('Standard Profiles'!$G$20=$B$17,14,0)+IF('Standard Profiles'!$G$20=$B$24,21,0),0)),0)</f>
        <v>0</v>
      </c>
      <c r="G5156" cm="1">
        <f t="array" ref="G5156">IFERROR(INDEX(Jesper!AK$2:AK$366,ROUNDDOWN($C5156/24,0)+1,1)*INDEX($D$3:$AA$30,INDEX(Jesper!$R$2:$R$366,ROW(INDEX(Jesper!AK$2:AK$366,ROUNDDOWN($C5156/24,0)+1,1))-1)+IF('Standard Profiles'!$G$21=$B$10,7,0)+IF('Standard Profiles'!$G$21=$B$17,14,0)+IF('Standard Profiles'!$G$21=$B$24,21,0),MOD($C5156,24)+1)/SUM(INDEX($D$3:$AA$30,INDEX(Jesper!$R$2:$R$366,ROW(INDEX(Jesper!AK$2:AK$366,ROUNDDOWN($C5156/24,0)+1,1))-1)+IF('Standard Profiles'!$G$21=$B$10,7,0)+IF('Standard Profiles'!$G$21=$B$17,14,0)+IF('Standard Profiles'!$G$21=$B$24,21,0),0)),0)</f>
        <v>0.42762919806219768</v>
      </c>
      <c r="H5156" cm="1">
        <f t="array" ref="H5156">IFERROR(INDEX(Jesper!AL$2:AL$366,ROUNDDOWN($C5156/24,0)+1,1)*INDEX($D$3:$AA$30,INDEX(Jesper!$R$2:$R$366,ROW(INDEX(Jesper!AL$2:AL$366,ROUNDDOWN($C5156/24,0)+1,1))-1)+IF('Standard Profiles'!$G$22=$B$10,7,0)+IF('Standard Profiles'!$G$22=$B$17,14,0)+IF('Standard Profiles'!$G$22=$B$24,21,0),MOD($C5156,24)+1)/SUM(INDEX($D$3:$AA$30,INDEX(Jesper!$R$2:$R$366,ROW(INDEX(Jesper!AL$2:AL$366,ROUNDDOWN($C5156/24,0)+1,1))-1)+IF('Standard Profiles'!$G$22=$B$10,7,0)+IF('Standard Profiles'!$G$22=$B$17,14,0)+IF('Standard Profiles'!$G$22=$B$24,21,0),0)),0)</f>
        <v>0</v>
      </c>
      <c r="I5156">
        <f t="shared" si="580"/>
        <v>0.20526201506985478</v>
      </c>
      <c r="J5156">
        <f t="shared" si="581"/>
        <v>33.746080056953026</v>
      </c>
      <c r="K5156">
        <f t="shared" si="582"/>
        <v>2.851235522426868</v>
      </c>
      <c r="L5156">
        <f t="shared" si="583"/>
        <v>1.425617761213434</v>
      </c>
      <c r="M5156">
        <f t="shared" si="584"/>
        <v>0</v>
      </c>
      <c r="N5156" s="45">
        <f t="shared" ref="N5156:N5219" si="585">N5155+1/24</f>
        <v>45140.416666654244</v>
      </c>
    </row>
    <row r="5157" spans="2:14" x14ac:dyDescent="0.25">
      <c r="B5157">
        <f t="shared" si="579"/>
        <v>3</v>
      </c>
      <c r="C5157" s="16">
        <v>5123</v>
      </c>
      <c r="D5157" cm="1">
        <f t="array" ref="D5157">IFERROR(INDEX(Jesper!AH$2:AH$366,ROUNDDOWN($C5157/24,0)+1,1)*INDEX($D$3:$AA$30,INDEX(Jesper!$R$2:$R$366,ROW(INDEX(Jesper!AH$2:AH$366,ROUNDDOWN($C5157/24,0)+1,1))-1)+IF('Standard Profiles'!$G$18=$B$10,7,0)+IF('Standard Profiles'!$G$18=$B$17,14,0)+IF('Standard Profiles'!$G$18=$B$24,21,0),MOD($C5157,24)+1)/SUM(INDEX($D$3:$AA$30,INDEX(Jesper!$R$2:$R$366,ROW(INDEX(Jesper!AH$2:AH$366,ROUNDDOWN($C5157/24,0)+1,1))-1)+IF('Standard Profiles'!$G$18=$B$10,7,0)+IF('Standard Profiles'!$G$18=$B$17,14,0)+IF('Standard Profiles'!$G$18=$B$24,21,0),0)),0)</f>
        <v>31.985013873378321</v>
      </c>
      <c r="E5157" cm="1">
        <f t="array" ref="E5157">IFERROR(INDEX(Jesper!AI$2:AI$366,ROUNDDOWN($C5157/24,0)+1,1)*INDEX($D$3:$AA$30,INDEX(Jesper!$R$2:$R$366,ROW(INDEX(Jesper!AI$2:AI$366,ROUNDDOWN($C5157/24,0)+1,1))-1)+IF('Standard Profiles'!$G$19=$B$10,7,0)+IF('Standard Profiles'!$G$19=$B$17,14,0)+IF('Standard Profiles'!$G$19=$B$24,21,0),MOD($C5157,24)+1)/SUM(INDEX($D$3:$AA$30,INDEX(Jesper!$R$2:$R$366,ROW(INDEX(Jesper!AI$2:AI$366,ROUNDDOWN($C5157/24,0)+1,1))-1)+IF('Standard Profiles'!$G$19=$B$10,7,0)+IF('Standard Profiles'!$G$19=$B$17,14,0)+IF('Standard Profiles'!$G$19=$B$24,21,0),0)),0)</f>
        <v>13.246432810930544</v>
      </c>
      <c r="F5157" cm="1">
        <f t="array" ref="F5157">IFERROR(INDEX(Jesper!AJ$2:AJ$366,ROUNDDOWN($C5157/24,0)+1,1)*INDEX($D$3:$AA$30,INDEX(Jesper!$R$2:$R$366,ROW(INDEX(Jesper!AJ$2:AJ$366,ROUNDDOWN($C5157/24,0)+1,1))-1)+IF('Standard Profiles'!$G$20=$B$10,7,0)+IF('Standard Profiles'!$G$20=$B$17,14,0)+IF('Standard Profiles'!$G$20=$B$24,21,0),MOD($C5157,24)+1)/SUM(INDEX($D$3:$AA$30,INDEX(Jesper!$R$2:$R$366,ROW(INDEX(Jesper!AJ$2:AJ$366,ROUNDDOWN($C5157/24,0)+1,1))-1)+IF('Standard Profiles'!$G$20=$B$10,7,0)+IF('Standard Profiles'!$G$20=$B$17,14,0)+IF('Standard Profiles'!$G$20=$B$24,21,0),0)),0)</f>
        <v>0</v>
      </c>
      <c r="G5157" cm="1">
        <f t="array" ref="G5157">IFERROR(INDEX(Jesper!AK$2:AK$366,ROUNDDOWN($C5157/24,0)+1,1)*INDEX($D$3:$AA$30,INDEX(Jesper!$R$2:$R$366,ROW(INDEX(Jesper!AK$2:AK$366,ROUNDDOWN($C5157/24,0)+1,1))-1)+IF('Standard Profiles'!$G$21=$B$10,7,0)+IF('Standard Profiles'!$G$21=$B$17,14,0)+IF('Standard Profiles'!$G$21=$B$24,21,0),MOD($C5157,24)+1)/SUM(INDEX($D$3:$AA$30,INDEX(Jesper!$R$2:$R$366,ROW(INDEX(Jesper!AK$2:AK$366,ROUNDDOWN($C5157/24,0)+1,1))-1)+IF('Standard Profiles'!$G$21=$B$10,7,0)+IF('Standard Profiles'!$G$21=$B$17,14,0)+IF('Standard Profiles'!$G$21=$B$24,21,0),0)),0)</f>
        <v>0.51169305751032201</v>
      </c>
      <c r="H5157" cm="1">
        <f t="array" ref="H5157">IFERROR(INDEX(Jesper!AL$2:AL$366,ROUNDDOWN($C5157/24,0)+1,1)*INDEX($D$3:$AA$30,INDEX(Jesper!$R$2:$R$366,ROW(INDEX(Jesper!AL$2:AL$366,ROUNDDOWN($C5157/24,0)+1,1))-1)+IF('Standard Profiles'!$G$22=$B$10,7,0)+IF('Standard Profiles'!$G$22=$B$17,14,0)+IF('Standard Profiles'!$G$22=$B$24,21,0),MOD($C5157,24)+1)/SUM(INDEX($D$3:$AA$30,INDEX(Jesper!$R$2:$R$366,ROW(INDEX(Jesper!AL$2:AL$366,ROUNDDOWN($C5157/24,0)+1,1))-1)+IF('Standard Profiles'!$G$22=$B$10,7,0)+IF('Standard Profiles'!$G$22=$B$17,14,0)+IF('Standard Profiles'!$G$22=$B$24,21,0),0)),0)</f>
        <v>0</v>
      </c>
      <c r="I5157">
        <f t="shared" si="580"/>
        <v>0.24561266760495445</v>
      </c>
      <c r="J5157">
        <f t="shared" si="581"/>
        <v>40.3799248544737</v>
      </c>
      <c r="K5157">
        <f t="shared" si="582"/>
        <v>3.4117348131603547</v>
      </c>
      <c r="L5157">
        <f t="shared" si="583"/>
        <v>1.7058674065801773</v>
      </c>
      <c r="M5157">
        <f t="shared" si="584"/>
        <v>0</v>
      </c>
      <c r="N5157" s="45">
        <f t="shared" si="585"/>
        <v>45140.458333320908</v>
      </c>
    </row>
    <row r="5158" spans="2:14" x14ac:dyDescent="0.25">
      <c r="B5158">
        <f t="shared" si="579"/>
        <v>3</v>
      </c>
      <c r="C5158" s="16">
        <v>5124</v>
      </c>
      <c r="D5158" cm="1">
        <f t="array" ref="D5158">IFERROR(INDEX(Jesper!AH$2:AH$366,ROUNDDOWN($C5158/24,0)+1,1)*INDEX($D$3:$AA$30,INDEX(Jesper!$R$2:$R$366,ROW(INDEX(Jesper!AH$2:AH$366,ROUNDDOWN($C5158/24,0)+1,1))-1)+IF('Standard Profiles'!$G$18=$B$10,7,0)+IF('Standard Profiles'!$G$18=$B$17,14,0)+IF('Standard Profiles'!$G$18=$B$24,21,0),MOD($C5158,24)+1)/SUM(INDEX($D$3:$AA$30,INDEX(Jesper!$R$2:$R$366,ROW(INDEX(Jesper!AH$2:AH$366,ROUNDDOWN($C5158/24,0)+1,1))-1)+IF('Standard Profiles'!$G$18=$B$10,7,0)+IF('Standard Profiles'!$G$18=$B$17,14,0)+IF('Standard Profiles'!$G$18=$B$24,21,0),0)),0)</f>
        <v>31.985013873378321</v>
      </c>
      <c r="E5158" cm="1">
        <f t="array" ref="E5158">IFERROR(INDEX(Jesper!AI$2:AI$366,ROUNDDOWN($C5158/24,0)+1,1)*INDEX($D$3:$AA$30,INDEX(Jesper!$R$2:$R$366,ROW(INDEX(Jesper!AI$2:AI$366,ROUNDDOWN($C5158/24,0)+1,1))-1)+IF('Standard Profiles'!$G$19=$B$10,7,0)+IF('Standard Profiles'!$G$19=$B$17,14,0)+IF('Standard Profiles'!$G$19=$B$24,21,0),MOD($C5158,24)+1)/SUM(INDEX($D$3:$AA$30,INDEX(Jesper!$R$2:$R$366,ROW(INDEX(Jesper!AI$2:AI$366,ROUNDDOWN($C5158/24,0)+1,1))-1)+IF('Standard Profiles'!$G$19=$B$10,7,0)+IF('Standard Profiles'!$G$19=$B$17,14,0)+IF('Standard Profiles'!$G$19=$B$24,21,0),0)),0)</f>
        <v>13.246432810930544</v>
      </c>
      <c r="F5158" cm="1">
        <f t="array" ref="F5158">IFERROR(INDEX(Jesper!AJ$2:AJ$366,ROUNDDOWN($C5158/24,0)+1,1)*INDEX($D$3:$AA$30,INDEX(Jesper!$R$2:$R$366,ROW(INDEX(Jesper!AJ$2:AJ$366,ROUNDDOWN($C5158/24,0)+1,1))-1)+IF('Standard Profiles'!$G$20=$B$10,7,0)+IF('Standard Profiles'!$G$20=$B$17,14,0)+IF('Standard Profiles'!$G$20=$B$24,21,0),MOD($C5158,24)+1)/SUM(INDEX($D$3:$AA$30,INDEX(Jesper!$R$2:$R$366,ROW(INDEX(Jesper!AJ$2:AJ$366,ROUNDDOWN($C5158/24,0)+1,1))-1)+IF('Standard Profiles'!$G$20=$B$10,7,0)+IF('Standard Profiles'!$G$20=$B$17,14,0)+IF('Standard Profiles'!$G$20=$B$24,21,0),0)),0)</f>
        <v>0</v>
      </c>
      <c r="G5158" cm="1">
        <f t="array" ref="G5158">IFERROR(INDEX(Jesper!AK$2:AK$366,ROUNDDOWN($C5158/24,0)+1,1)*INDEX($D$3:$AA$30,INDEX(Jesper!$R$2:$R$366,ROW(INDEX(Jesper!AK$2:AK$366,ROUNDDOWN($C5158/24,0)+1,1))-1)+IF('Standard Profiles'!$G$21=$B$10,7,0)+IF('Standard Profiles'!$G$21=$B$17,14,0)+IF('Standard Profiles'!$G$21=$B$24,21,0),MOD($C5158,24)+1)/SUM(INDEX($D$3:$AA$30,INDEX(Jesper!$R$2:$R$366,ROW(INDEX(Jesper!AK$2:AK$366,ROUNDDOWN($C5158/24,0)+1,1))-1)+IF('Standard Profiles'!$G$21=$B$10,7,0)+IF('Standard Profiles'!$G$21=$B$17,14,0)+IF('Standard Profiles'!$G$21=$B$24,21,0),0)),0)</f>
        <v>0.51169305751032201</v>
      </c>
      <c r="H5158" cm="1">
        <f t="array" ref="H5158">IFERROR(INDEX(Jesper!AL$2:AL$366,ROUNDDOWN($C5158/24,0)+1,1)*INDEX($D$3:$AA$30,INDEX(Jesper!$R$2:$R$366,ROW(INDEX(Jesper!AL$2:AL$366,ROUNDDOWN($C5158/24,0)+1,1))-1)+IF('Standard Profiles'!$G$22=$B$10,7,0)+IF('Standard Profiles'!$G$22=$B$17,14,0)+IF('Standard Profiles'!$G$22=$B$24,21,0),MOD($C5158,24)+1)/SUM(INDEX($D$3:$AA$30,INDEX(Jesper!$R$2:$R$366,ROW(INDEX(Jesper!AL$2:AL$366,ROUNDDOWN($C5158/24,0)+1,1))-1)+IF('Standard Profiles'!$G$22=$B$10,7,0)+IF('Standard Profiles'!$G$22=$B$17,14,0)+IF('Standard Profiles'!$G$22=$B$24,21,0),0)),0)</f>
        <v>0</v>
      </c>
      <c r="I5158">
        <f t="shared" si="580"/>
        <v>0.24561266760495445</v>
      </c>
      <c r="J5158">
        <f t="shared" si="581"/>
        <v>40.3799248544737</v>
      </c>
      <c r="K5158">
        <f t="shared" si="582"/>
        <v>3.4117348131603547</v>
      </c>
      <c r="L5158">
        <f t="shared" si="583"/>
        <v>1.7058674065801773</v>
      </c>
      <c r="M5158">
        <f t="shared" si="584"/>
        <v>0</v>
      </c>
      <c r="N5158" s="45">
        <f t="shared" si="585"/>
        <v>45140.499999987573</v>
      </c>
    </row>
    <row r="5159" spans="2:14" x14ac:dyDescent="0.25">
      <c r="B5159">
        <f t="shared" si="579"/>
        <v>3</v>
      </c>
      <c r="C5159" s="16">
        <v>5125</v>
      </c>
      <c r="D5159" cm="1">
        <f t="array" ref="D5159">IFERROR(INDEX(Jesper!AH$2:AH$366,ROUNDDOWN($C5159/24,0)+1,1)*INDEX($D$3:$AA$30,INDEX(Jesper!$R$2:$R$366,ROW(INDEX(Jesper!AH$2:AH$366,ROUNDDOWN($C5159/24,0)+1,1))-1)+IF('Standard Profiles'!$G$18=$B$10,7,0)+IF('Standard Profiles'!$G$18=$B$17,14,0)+IF('Standard Profiles'!$G$18=$B$24,21,0),MOD($C5159,24)+1)/SUM(INDEX($D$3:$AA$30,INDEX(Jesper!$R$2:$R$366,ROW(INDEX(Jesper!AH$2:AH$366,ROUNDDOWN($C5159/24,0)+1,1))-1)+IF('Standard Profiles'!$G$18=$B$10,7,0)+IF('Standard Profiles'!$G$18=$B$17,14,0)+IF('Standard Profiles'!$G$18=$B$24,21,0),0)),0)</f>
        <v>21.247187787315596</v>
      </c>
      <c r="E5159" cm="1">
        <f t="array" ref="E5159">IFERROR(INDEX(Jesper!AI$2:AI$366,ROUNDDOWN($C5159/24,0)+1,1)*INDEX($D$3:$AA$30,INDEX(Jesper!$R$2:$R$366,ROW(INDEX(Jesper!AI$2:AI$366,ROUNDDOWN($C5159/24,0)+1,1))-1)+IF('Standard Profiles'!$G$19=$B$10,7,0)+IF('Standard Profiles'!$G$19=$B$17,14,0)+IF('Standard Profiles'!$G$19=$B$24,21,0),MOD($C5159,24)+1)/SUM(INDEX($D$3:$AA$30,INDEX(Jesper!$R$2:$R$366,ROW(INDEX(Jesper!AI$2:AI$366,ROUNDDOWN($C5159/24,0)+1,1))-1)+IF('Standard Profiles'!$G$19=$B$10,7,0)+IF('Standard Profiles'!$G$19=$B$17,14,0)+IF('Standard Profiles'!$G$19=$B$24,21,0),0)),0)</f>
        <v>8.7994160815467186</v>
      </c>
      <c r="F5159" cm="1">
        <f t="array" ref="F5159">IFERROR(INDEX(Jesper!AJ$2:AJ$366,ROUNDDOWN($C5159/24,0)+1,1)*INDEX($D$3:$AA$30,INDEX(Jesper!$R$2:$R$366,ROW(INDEX(Jesper!AJ$2:AJ$366,ROUNDDOWN($C5159/24,0)+1,1))-1)+IF('Standard Profiles'!$G$20=$B$10,7,0)+IF('Standard Profiles'!$G$20=$B$17,14,0)+IF('Standard Profiles'!$G$20=$B$24,21,0),MOD($C5159,24)+1)/SUM(INDEX($D$3:$AA$30,INDEX(Jesper!$R$2:$R$366,ROW(INDEX(Jesper!AJ$2:AJ$366,ROUNDDOWN($C5159/24,0)+1,1))-1)+IF('Standard Profiles'!$G$20=$B$10,7,0)+IF('Standard Profiles'!$G$20=$B$17,14,0)+IF('Standard Profiles'!$G$20=$B$24,21,0),0)),0)</f>
        <v>0</v>
      </c>
      <c r="G5159" cm="1">
        <f t="array" ref="G5159">IFERROR(INDEX(Jesper!AK$2:AK$366,ROUNDDOWN($C5159/24,0)+1,1)*INDEX($D$3:$AA$30,INDEX(Jesper!$R$2:$R$366,ROW(INDEX(Jesper!AK$2:AK$366,ROUNDDOWN($C5159/24,0)+1,1))-1)+IF('Standard Profiles'!$G$21=$B$10,7,0)+IF('Standard Profiles'!$G$21=$B$17,14,0)+IF('Standard Profiles'!$G$21=$B$24,21,0),MOD($C5159,24)+1)/SUM(INDEX($D$3:$AA$30,INDEX(Jesper!$R$2:$R$366,ROW(INDEX(Jesper!AK$2:AK$366,ROUNDDOWN($C5159/24,0)+1,1))-1)+IF('Standard Profiles'!$G$21=$B$10,7,0)+IF('Standard Profiles'!$G$21=$B$17,14,0)+IF('Standard Profiles'!$G$21=$B$24,21,0),0)),0)</f>
        <v>0.3399103882032854</v>
      </c>
      <c r="H5159" cm="1">
        <f t="array" ref="H5159">IFERROR(INDEX(Jesper!AL$2:AL$366,ROUNDDOWN($C5159/24,0)+1,1)*INDEX($D$3:$AA$30,INDEX(Jesper!$R$2:$R$366,ROW(INDEX(Jesper!AL$2:AL$366,ROUNDDOWN($C5159/24,0)+1,1))-1)+IF('Standard Profiles'!$G$22=$B$10,7,0)+IF('Standard Profiles'!$G$22=$B$17,14,0)+IF('Standard Profiles'!$G$22=$B$24,21,0),MOD($C5159,24)+1)/SUM(INDEX($D$3:$AA$30,INDEX(Jesper!$R$2:$R$366,ROW(INDEX(Jesper!AL$2:AL$366,ROUNDDOWN($C5159/24,0)+1,1))-1)+IF('Standard Profiles'!$G$22=$B$10,7,0)+IF('Standard Profiles'!$G$22=$B$17,14,0)+IF('Standard Profiles'!$G$22=$B$24,21,0),0)),0)</f>
        <v>0</v>
      </c>
      <c r="I5159">
        <f t="shared" si="580"/>
        <v>0.16315698633757691</v>
      </c>
      <c r="J5159">
        <f t="shared" si="581"/>
        <v>26.82380722475753</v>
      </c>
      <c r="K5159">
        <f t="shared" si="582"/>
        <v>2.2663666973136638</v>
      </c>
      <c r="L5159">
        <f t="shared" si="583"/>
        <v>1.1331833486568319</v>
      </c>
      <c r="M5159">
        <f t="shared" si="584"/>
        <v>0</v>
      </c>
      <c r="N5159" s="45">
        <f t="shared" si="585"/>
        <v>45140.541666654237</v>
      </c>
    </row>
    <row r="5160" spans="2:14" x14ac:dyDescent="0.25">
      <c r="B5160">
        <f t="shared" si="579"/>
        <v>3</v>
      </c>
      <c r="C5160" s="16">
        <v>5126</v>
      </c>
      <c r="D5160" cm="1">
        <f t="array" ref="D5160">IFERROR(INDEX(Jesper!AH$2:AH$366,ROUNDDOWN($C5160/24,0)+1,1)*INDEX($D$3:$AA$30,INDEX(Jesper!$R$2:$R$366,ROW(INDEX(Jesper!AH$2:AH$366,ROUNDDOWN($C5160/24,0)+1,1))-1)+IF('Standard Profiles'!$G$18=$B$10,7,0)+IF('Standard Profiles'!$G$18=$B$17,14,0)+IF('Standard Profiles'!$G$18=$B$24,21,0),MOD($C5160,24)+1)/SUM(INDEX($D$3:$AA$30,INDEX(Jesper!$R$2:$R$366,ROW(INDEX(Jesper!AH$2:AH$366,ROUNDDOWN($C5160/24,0)+1,1))-1)+IF('Standard Profiles'!$G$18=$B$10,7,0)+IF('Standard Profiles'!$G$18=$B$17,14,0)+IF('Standard Profiles'!$G$18=$B$24,21,0),0)),0)</f>
        <v>31.985013873378321</v>
      </c>
      <c r="E5160" cm="1">
        <f t="array" ref="E5160">IFERROR(INDEX(Jesper!AI$2:AI$366,ROUNDDOWN($C5160/24,0)+1,1)*INDEX($D$3:$AA$30,INDEX(Jesper!$R$2:$R$366,ROW(INDEX(Jesper!AI$2:AI$366,ROUNDDOWN($C5160/24,0)+1,1))-1)+IF('Standard Profiles'!$G$19=$B$10,7,0)+IF('Standard Profiles'!$G$19=$B$17,14,0)+IF('Standard Profiles'!$G$19=$B$24,21,0),MOD($C5160,24)+1)/SUM(INDEX($D$3:$AA$30,INDEX(Jesper!$R$2:$R$366,ROW(INDEX(Jesper!AI$2:AI$366,ROUNDDOWN($C5160/24,0)+1,1))-1)+IF('Standard Profiles'!$G$19=$B$10,7,0)+IF('Standard Profiles'!$G$19=$B$17,14,0)+IF('Standard Profiles'!$G$19=$B$24,21,0),0)),0)</f>
        <v>13.246432810930544</v>
      </c>
      <c r="F5160" cm="1">
        <f t="array" ref="F5160">IFERROR(INDEX(Jesper!AJ$2:AJ$366,ROUNDDOWN($C5160/24,0)+1,1)*INDEX($D$3:$AA$30,INDEX(Jesper!$R$2:$R$366,ROW(INDEX(Jesper!AJ$2:AJ$366,ROUNDDOWN($C5160/24,0)+1,1))-1)+IF('Standard Profiles'!$G$20=$B$10,7,0)+IF('Standard Profiles'!$G$20=$B$17,14,0)+IF('Standard Profiles'!$G$20=$B$24,21,0),MOD($C5160,24)+1)/SUM(INDEX($D$3:$AA$30,INDEX(Jesper!$R$2:$R$366,ROW(INDEX(Jesper!AJ$2:AJ$366,ROUNDDOWN($C5160/24,0)+1,1))-1)+IF('Standard Profiles'!$G$20=$B$10,7,0)+IF('Standard Profiles'!$G$20=$B$17,14,0)+IF('Standard Profiles'!$G$20=$B$24,21,0),0)),0)</f>
        <v>0</v>
      </c>
      <c r="G5160" cm="1">
        <f t="array" ref="G5160">IFERROR(INDEX(Jesper!AK$2:AK$366,ROUNDDOWN($C5160/24,0)+1,1)*INDEX($D$3:$AA$30,INDEX(Jesper!$R$2:$R$366,ROW(INDEX(Jesper!AK$2:AK$366,ROUNDDOWN($C5160/24,0)+1,1))-1)+IF('Standard Profiles'!$G$21=$B$10,7,0)+IF('Standard Profiles'!$G$21=$B$17,14,0)+IF('Standard Profiles'!$G$21=$B$24,21,0),MOD($C5160,24)+1)/SUM(INDEX($D$3:$AA$30,INDEX(Jesper!$R$2:$R$366,ROW(INDEX(Jesper!AK$2:AK$366,ROUNDDOWN($C5160/24,0)+1,1))-1)+IF('Standard Profiles'!$G$21=$B$10,7,0)+IF('Standard Profiles'!$G$21=$B$17,14,0)+IF('Standard Profiles'!$G$21=$B$24,21,0),0)),0)</f>
        <v>0.51169305751032201</v>
      </c>
      <c r="H5160" cm="1">
        <f t="array" ref="H5160">IFERROR(INDEX(Jesper!AL$2:AL$366,ROUNDDOWN($C5160/24,0)+1,1)*INDEX($D$3:$AA$30,INDEX(Jesper!$R$2:$R$366,ROW(INDEX(Jesper!AL$2:AL$366,ROUNDDOWN($C5160/24,0)+1,1))-1)+IF('Standard Profiles'!$G$22=$B$10,7,0)+IF('Standard Profiles'!$G$22=$B$17,14,0)+IF('Standard Profiles'!$G$22=$B$24,21,0),MOD($C5160,24)+1)/SUM(INDEX($D$3:$AA$30,INDEX(Jesper!$R$2:$R$366,ROW(INDEX(Jesper!AL$2:AL$366,ROUNDDOWN($C5160/24,0)+1,1))-1)+IF('Standard Profiles'!$G$22=$B$10,7,0)+IF('Standard Profiles'!$G$22=$B$17,14,0)+IF('Standard Profiles'!$G$22=$B$24,21,0),0)),0)</f>
        <v>0</v>
      </c>
      <c r="I5160">
        <f t="shared" si="580"/>
        <v>0.24561266760495445</v>
      </c>
      <c r="J5160">
        <f t="shared" si="581"/>
        <v>40.3799248544737</v>
      </c>
      <c r="K5160">
        <f t="shared" si="582"/>
        <v>3.4117348131603547</v>
      </c>
      <c r="L5160">
        <f t="shared" si="583"/>
        <v>1.7058674065801773</v>
      </c>
      <c r="M5160">
        <f t="shared" si="584"/>
        <v>0</v>
      </c>
      <c r="N5160" s="45">
        <f t="shared" si="585"/>
        <v>45140.583333320901</v>
      </c>
    </row>
    <row r="5161" spans="2:14" x14ac:dyDescent="0.25">
      <c r="B5161">
        <f t="shared" si="579"/>
        <v>3</v>
      </c>
      <c r="C5161" s="16">
        <v>5127</v>
      </c>
      <c r="D5161" cm="1">
        <f t="array" ref="D5161">IFERROR(INDEX(Jesper!AH$2:AH$366,ROUNDDOWN($C5161/24,0)+1,1)*INDEX($D$3:$AA$30,INDEX(Jesper!$R$2:$R$366,ROW(INDEX(Jesper!AH$2:AH$366,ROUNDDOWN($C5161/24,0)+1,1))-1)+IF('Standard Profiles'!$G$18=$B$10,7,0)+IF('Standard Profiles'!$G$18=$B$17,14,0)+IF('Standard Profiles'!$G$18=$B$24,21,0),MOD($C5161,24)+1)/SUM(INDEX($D$3:$AA$30,INDEX(Jesper!$R$2:$R$366,ROW(INDEX(Jesper!AH$2:AH$366,ROUNDDOWN($C5161/24,0)+1,1))-1)+IF('Standard Profiles'!$G$18=$B$10,7,0)+IF('Standard Profiles'!$G$18=$B$17,14,0)+IF('Standard Profiles'!$G$18=$B$24,21,0),0)),0)</f>
        <v>31.985013873378321</v>
      </c>
      <c r="E5161" cm="1">
        <f t="array" ref="E5161">IFERROR(INDEX(Jesper!AI$2:AI$366,ROUNDDOWN($C5161/24,0)+1,1)*INDEX($D$3:$AA$30,INDEX(Jesper!$R$2:$R$366,ROW(INDEX(Jesper!AI$2:AI$366,ROUNDDOWN($C5161/24,0)+1,1))-1)+IF('Standard Profiles'!$G$19=$B$10,7,0)+IF('Standard Profiles'!$G$19=$B$17,14,0)+IF('Standard Profiles'!$G$19=$B$24,21,0),MOD($C5161,24)+1)/SUM(INDEX($D$3:$AA$30,INDEX(Jesper!$R$2:$R$366,ROW(INDEX(Jesper!AI$2:AI$366,ROUNDDOWN($C5161/24,0)+1,1))-1)+IF('Standard Profiles'!$G$19=$B$10,7,0)+IF('Standard Profiles'!$G$19=$B$17,14,0)+IF('Standard Profiles'!$G$19=$B$24,21,0),0)),0)</f>
        <v>13.246432810930544</v>
      </c>
      <c r="F5161" cm="1">
        <f t="array" ref="F5161">IFERROR(INDEX(Jesper!AJ$2:AJ$366,ROUNDDOWN($C5161/24,0)+1,1)*INDEX($D$3:$AA$30,INDEX(Jesper!$R$2:$R$366,ROW(INDEX(Jesper!AJ$2:AJ$366,ROUNDDOWN($C5161/24,0)+1,1))-1)+IF('Standard Profiles'!$G$20=$B$10,7,0)+IF('Standard Profiles'!$G$20=$B$17,14,0)+IF('Standard Profiles'!$G$20=$B$24,21,0),MOD($C5161,24)+1)/SUM(INDEX($D$3:$AA$30,INDEX(Jesper!$R$2:$R$366,ROW(INDEX(Jesper!AJ$2:AJ$366,ROUNDDOWN($C5161/24,0)+1,1))-1)+IF('Standard Profiles'!$G$20=$B$10,7,0)+IF('Standard Profiles'!$G$20=$B$17,14,0)+IF('Standard Profiles'!$G$20=$B$24,21,0),0)),0)</f>
        <v>0</v>
      </c>
      <c r="G5161" cm="1">
        <f t="array" ref="G5161">IFERROR(INDEX(Jesper!AK$2:AK$366,ROUNDDOWN($C5161/24,0)+1,1)*INDEX($D$3:$AA$30,INDEX(Jesper!$R$2:$R$366,ROW(INDEX(Jesper!AK$2:AK$366,ROUNDDOWN($C5161/24,0)+1,1))-1)+IF('Standard Profiles'!$G$21=$B$10,7,0)+IF('Standard Profiles'!$G$21=$B$17,14,0)+IF('Standard Profiles'!$G$21=$B$24,21,0),MOD($C5161,24)+1)/SUM(INDEX($D$3:$AA$30,INDEX(Jesper!$R$2:$R$366,ROW(INDEX(Jesper!AK$2:AK$366,ROUNDDOWN($C5161/24,0)+1,1))-1)+IF('Standard Profiles'!$G$21=$B$10,7,0)+IF('Standard Profiles'!$G$21=$B$17,14,0)+IF('Standard Profiles'!$G$21=$B$24,21,0),0)),0)</f>
        <v>0.51169305751032201</v>
      </c>
      <c r="H5161" cm="1">
        <f t="array" ref="H5161">IFERROR(INDEX(Jesper!AL$2:AL$366,ROUNDDOWN($C5161/24,0)+1,1)*INDEX($D$3:$AA$30,INDEX(Jesper!$R$2:$R$366,ROW(INDEX(Jesper!AL$2:AL$366,ROUNDDOWN($C5161/24,0)+1,1))-1)+IF('Standard Profiles'!$G$22=$B$10,7,0)+IF('Standard Profiles'!$G$22=$B$17,14,0)+IF('Standard Profiles'!$G$22=$B$24,21,0),MOD($C5161,24)+1)/SUM(INDEX($D$3:$AA$30,INDEX(Jesper!$R$2:$R$366,ROW(INDEX(Jesper!AL$2:AL$366,ROUNDDOWN($C5161/24,0)+1,1))-1)+IF('Standard Profiles'!$G$22=$B$10,7,0)+IF('Standard Profiles'!$G$22=$B$17,14,0)+IF('Standard Profiles'!$G$22=$B$24,21,0),0)),0)</f>
        <v>0</v>
      </c>
      <c r="I5161">
        <f t="shared" si="580"/>
        <v>0.24561266760495445</v>
      </c>
      <c r="J5161">
        <f t="shared" si="581"/>
        <v>40.3799248544737</v>
      </c>
      <c r="K5161">
        <f t="shared" si="582"/>
        <v>3.4117348131603547</v>
      </c>
      <c r="L5161">
        <f t="shared" si="583"/>
        <v>1.7058674065801773</v>
      </c>
      <c r="M5161">
        <f t="shared" si="584"/>
        <v>0</v>
      </c>
      <c r="N5161" s="45">
        <f t="shared" si="585"/>
        <v>45140.624999987565</v>
      </c>
    </row>
    <row r="5162" spans="2:14" x14ac:dyDescent="0.25">
      <c r="B5162">
        <f t="shared" si="579"/>
        <v>3</v>
      </c>
      <c r="C5162" s="16">
        <v>5128</v>
      </c>
      <c r="D5162" cm="1">
        <f t="array" ref="D5162">IFERROR(INDEX(Jesper!AH$2:AH$366,ROUNDDOWN($C5162/24,0)+1,1)*INDEX($D$3:$AA$30,INDEX(Jesper!$R$2:$R$366,ROW(INDEX(Jesper!AH$2:AH$366,ROUNDDOWN($C5162/24,0)+1,1))-1)+IF('Standard Profiles'!$G$18=$B$10,7,0)+IF('Standard Profiles'!$G$18=$B$17,14,0)+IF('Standard Profiles'!$G$18=$B$24,21,0),MOD($C5162,24)+1)/SUM(INDEX($D$3:$AA$30,INDEX(Jesper!$R$2:$R$366,ROW(INDEX(Jesper!AH$2:AH$366,ROUNDDOWN($C5162/24,0)+1,1))-1)+IF('Standard Profiles'!$G$18=$B$10,7,0)+IF('Standard Profiles'!$G$18=$B$17,14,0)+IF('Standard Profiles'!$G$18=$B$24,21,0),0)),0)</f>
        <v>18.848311746812225</v>
      </c>
      <c r="E5162" cm="1">
        <f t="array" ref="E5162">IFERROR(INDEX(Jesper!AI$2:AI$366,ROUNDDOWN($C5162/24,0)+1,1)*INDEX($D$3:$AA$30,INDEX(Jesper!$R$2:$R$366,ROW(INDEX(Jesper!AI$2:AI$366,ROUNDDOWN($C5162/24,0)+1,1))-1)+IF('Standard Profiles'!$G$19=$B$10,7,0)+IF('Standard Profiles'!$G$19=$B$17,14,0)+IF('Standard Profiles'!$G$19=$B$24,21,0),MOD($C5162,24)+1)/SUM(INDEX($D$3:$AA$30,INDEX(Jesper!$R$2:$R$366,ROW(INDEX(Jesper!AI$2:AI$366,ROUNDDOWN($C5162/24,0)+1,1))-1)+IF('Standard Profiles'!$G$19=$B$10,7,0)+IF('Standard Profiles'!$G$19=$B$17,14,0)+IF('Standard Profiles'!$G$19=$B$24,21,0),0)),0)</f>
        <v>7.805933620726929</v>
      </c>
      <c r="F5162" cm="1">
        <f t="array" ref="F5162">IFERROR(INDEX(Jesper!AJ$2:AJ$366,ROUNDDOWN($C5162/24,0)+1,1)*INDEX($D$3:$AA$30,INDEX(Jesper!$R$2:$R$366,ROW(INDEX(Jesper!AJ$2:AJ$366,ROUNDDOWN($C5162/24,0)+1,1))-1)+IF('Standard Profiles'!$G$20=$B$10,7,0)+IF('Standard Profiles'!$G$20=$B$17,14,0)+IF('Standard Profiles'!$G$20=$B$24,21,0),MOD($C5162,24)+1)/SUM(INDEX($D$3:$AA$30,INDEX(Jesper!$R$2:$R$366,ROW(INDEX(Jesper!AJ$2:AJ$366,ROUNDDOWN($C5162/24,0)+1,1))-1)+IF('Standard Profiles'!$G$20=$B$10,7,0)+IF('Standard Profiles'!$G$20=$B$17,14,0)+IF('Standard Profiles'!$G$20=$B$24,21,0),0)),0)</f>
        <v>0</v>
      </c>
      <c r="G5162" cm="1">
        <f t="array" ref="G5162">IFERROR(INDEX(Jesper!AK$2:AK$366,ROUNDDOWN($C5162/24,0)+1,1)*INDEX($D$3:$AA$30,INDEX(Jesper!$R$2:$R$366,ROW(INDEX(Jesper!AK$2:AK$366,ROUNDDOWN($C5162/24,0)+1,1))-1)+IF('Standard Profiles'!$G$21=$B$10,7,0)+IF('Standard Profiles'!$G$21=$B$17,14,0)+IF('Standard Profiles'!$G$21=$B$24,21,0),MOD($C5162,24)+1)/SUM(INDEX($D$3:$AA$30,INDEX(Jesper!$R$2:$R$366,ROW(INDEX(Jesper!AK$2:AK$366,ROUNDDOWN($C5162/24,0)+1,1))-1)+IF('Standard Profiles'!$G$21=$B$10,7,0)+IF('Standard Profiles'!$G$21=$B$17,14,0)+IF('Standard Profiles'!$G$21=$B$24,21,0),0)),0)</f>
        <v>0.4275661816758049</v>
      </c>
      <c r="H5162" cm="1">
        <f t="array" ref="H5162">IFERROR(INDEX(Jesper!AL$2:AL$366,ROUNDDOWN($C5162/24,0)+1,1)*INDEX($D$3:$AA$30,INDEX(Jesper!$R$2:$R$366,ROW(INDEX(Jesper!AL$2:AL$366,ROUNDDOWN($C5162/24,0)+1,1))-1)+IF('Standard Profiles'!$G$22=$B$10,7,0)+IF('Standard Profiles'!$G$22=$B$17,14,0)+IF('Standard Profiles'!$G$22=$B$24,21,0),MOD($C5162,24)+1)/SUM(INDEX($D$3:$AA$30,INDEX(Jesper!$R$2:$R$366,ROW(INDEX(Jesper!AL$2:AL$366,ROUNDDOWN($C5162/24,0)+1,1))-1)+IF('Standard Profiles'!$G$22=$B$10,7,0)+IF('Standard Profiles'!$G$22=$B$17,14,0)+IF('Standard Profiles'!$G$22=$B$24,21,0),0)),0)</f>
        <v>0</v>
      </c>
      <c r="I5162">
        <f t="shared" si="580"/>
        <v>0.20523176720438624</v>
      </c>
      <c r="J5162">
        <f t="shared" si="581"/>
        <v>23.860849902520616</v>
      </c>
      <c r="K5162">
        <f t="shared" si="582"/>
        <v>2.0104865863266377</v>
      </c>
      <c r="L5162">
        <f t="shared" si="583"/>
        <v>1.0052432931633188</v>
      </c>
      <c r="M5162">
        <f t="shared" si="584"/>
        <v>0</v>
      </c>
      <c r="N5162" s="45">
        <f t="shared" si="585"/>
        <v>45140.66666665423</v>
      </c>
    </row>
    <row r="5163" spans="2:14" x14ac:dyDescent="0.25">
      <c r="B5163">
        <f t="shared" si="579"/>
        <v>3</v>
      </c>
      <c r="C5163" s="16">
        <v>5129</v>
      </c>
      <c r="D5163" cm="1">
        <f t="array" ref="D5163">IFERROR(INDEX(Jesper!AH$2:AH$366,ROUNDDOWN($C5163/24,0)+1,1)*INDEX($D$3:$AA$30,INDEX(Jesper!$R$2:$R$366,ROW(INDEX(Jesper!AH$2:AH$366,ROUNDDOWN($C5163/24,0)+1,1))-1)+IF('Standard Profiles'!$G$18=$B$10,7,0)+IF('Standard Profiles'!$G$18=$B$17,14,0)+IF('Standard Profiles'!$G$18=$B$24,21,0),MOD($C5163,24)+1)/SUM(INDEX($D$3:$AA$30,INDEX(Jesper!$R$2:$R$366,ROW(INDEX(Jesper!AH$2:AH$366,ROUNDDOWN($C5163/24,0)+1,1))-1)+IF('Standard Profiles'!$G$18=$B$10,7,0)+IF('Standard Profiles'!$G$18=$B$17,14,0)+IF('Standard Profiles'!$G$18=$B$24,21,0),0)),0)</f>
        <v>8.0445205918959566</v>
      </c>
      <c r="E5163" cm="1">
        <f t="array" ref="E5163">IFERROR(INDEX(Jesper!AI$2:AI$366,ROUNDDOWN($C5163/24,0)+1,1)*INDEX($D$3:$AA$30,INDEX(Jesper!$R$2:$R$366,ROW(INDEX(Jesper!AI$2:AI$366,ROUNDDOWN($C5163/24,0)+1,1))-1)+IF('Standard Profiles'!$G$19=$B$10,7,0)+IF('Standard Profiles'!$G$19=$B$17,14,0)+IF('Standard Profiles'!$G$19=$B$24,21,0),MOD($C5163,24)+1)/SUM(INDEX($D$3:$AA$30,INDEX(Jesper!$R$2:$R$366,ROW(INDEX(Jesper!AI$2:AI$366,ROUNDDOWN($C5163/24,0)+1,1))-1)+IF('Standard Profiles'!$G$19=$B$10,7,0)+IF('Standard Profiles'!$G$19=$B$17,14,0)+IF('Standard Profiles'!$G$19=$B$24,21,0),0)),0)</f>
        <v>3.3315977894694533</v>
      </c>
      <c r="F5163" cm="1">
        <f t="array" ref="F5163">IFERROR(INDEX(Jesper!AJ$2:AJ$366,ROUNDDOWN($C5163/24,0)+1,1)*INDEX($D$3:$AA$30,INDEX(Jesper!$R$2:$R$366,ROW(INDEX(Jesper!AJ$2:AJ$366,ROUNDDOWN($C5163/24,0)+1,1))-1)+IF('Standard Profiles'!$G$20=$B$10,7,0)+IF('Standard Profiles'!$G$20=$B$17,14,0)+IF('Standard Profiles'!$G$20=$B$24,21,0),MOD($C5163,24)+1)/SUM(INDEX($D$3:$AA$30,INDEX(Jesper!$R$2:$R$366,ROW(INDEX(Jesper!AJ$2:AJ$366,ROUNDDOWN($C5163/24,0)+1,1))-1)+IF('Standard Profiles'!$G$20=$B$10,7,0)+IF('Standard Profiles'!$G$20=$B$17,14,0)+IF('Standard Profiles'!$G$20=$B$24,21,0),0)),0)</f>
        <v>0</v>
      </c>
      <c r="G5163" cm="1">
        <f t="array" ref="G5163">IFERROR(INDEX(Jesper!AK$2:AK$366,ROUNDDOWN($C5163/24,0)+1,1)*INDEX($D$3:$AA$30,INDEX(Jesper!$R$2:$R$366,ROW(INDEX(Jesper!AK$2:AK$366,ROUNDDOWN($C5163/24,0)+1,1))-1)+IF('Standard Profiles'!$G$21=$B$10,7,0)+IF('Standard Profiles'!$G$21=$B$17,14,0)+IF('Standard Profiles'!$G$21=$B$24,21,0),MOD($C5163,24)+1)/SUM(INDEX($D$3:$AA$30,INDEX(Jesper!$R$2:$R$366,ROW(INDEX(Jesper!AK$2:AK$366,ROUNDDOWN($C5163/24,0)+1,1))-1)+IF('Standard Profiles'!$G$21=$B$10,7,0)+IF('Standard Profiles'!$G$21=$B$17,14,0)+IF('Standard Profiles'!$G$21=$B$24,21,0),0)),0)</f>
        <v>0.33997340458967823</v>
      </c>
      <c r="H5163" cm="1">
        <f t="array" ref="H5163">IFERROR(INDEX(Jesper!AL$2:AL$366,ROUNDDOWN($C5163/24,0)+1,1)*INDEX($D$3:$AA$30,INDEX(Jesper!$R$2:$R$366,ROW(INDEX(Jesper!AL$2:AL$366,ROUNDDOWN($C5163/24,0)+1,1))-1)+IF('Standard Profiles'!$G$22=$B$10,7,0)+IF('Standard Profiles'!$G$22=$B$17,14,0)+IF('Standard Profiles'!$G$22=$B$24,21,0),MOD($C5163,24)+1)/SUM(INDEX($D$3:$AA$30,INDEX(Jesper!$R$2:$R$366,ROW(INDEX(Jesper!AL$2:AL$366,ROUNDDOWN($C5163/24,0)+1,1))-1)+IF('Standard Profiles'!$G$22=$B$10,7,0)+IF('Standard Profiles'!$G$22=$B$17,14,0)+IF('Standard Profiles'!$G$22=$B$24,21,0),0)),0)</f>
        <v>0</v>
      </c>
      <c r="I5163">
        <f t="shared" si="580"/>
        <v>0.16318723420304546</v>
      </c>
      <c r="J5163">
        <f t="shared" si="581"/>
        <v>10.265781257048689</v>
      </c>
      <c r="K5163">
        <f t="shared" si="582"/>
        <v>0.85808219646890205</v>
      </c>
      <c r="L5163">
        <f t="shared" si="583"/>
        <v>0.42904109823445102</v>
      </c>
      <c r="M5163">
        <f t="shared" si="584"/>
        <v>0</v>
      </c>
      <c r="N5163" s="45">
        <f t="shared" si="585"/>
        <v>45140.708333320894</v>
      </c>
    </row>
    <row r="5164" spans="2:14" x14ac:dyDescent="0.25">
      <c r="B5164">
        <f t="shared" si="579"/>
        <v>3</v>
      </c>
      <c r="C5164" s="16">
        <v>5130</v>
      </c>
      <c r="D5164" cm="1">
        <f t="array" ref="D5164">IFERROR(INDEX(Jesper!AH$2:AH$366,ROUNDDOWN($C5164/24,0)+1,1)*INDEX($D$3:$AA$30,INDEX(Jesper!$R$2:$R$366,ROW(INDEX(Jesper!AH$2:AH$366,ROUNDDOWN($C5164/24,0)+1,1))-1)+IF('Standard Profiles'!$G$18=$B$10,7,0)+IF('Standard Profiles'!$G$18=$B$17,14,0)+IF('Standard Profiles'!$G$18=$B$24,21,0),MOD($C5164,24)+1)/SUM(INDEX($D$3:$AA$30,INDEX(Jesper!$R$2:$R$366,ROW(INDEX(Jesper!AH$2:AH$366,ROUNDDOWN($C5164/24,0)+1,1))-1)+IF('Standard Profiles'!$G$18=$B$10,7,0)+IF('Standard Profiles'!$G$18=$B$17,14,0)+IF('Standard Profiles'!$G$18=$B$24,21,0),0)),0)</f>
        <v>5.3093835906513309</v>
      </c>
      <c r="E5164" cm="1">
        <f t="array" ref="E5164">IFERROR(INDEX(Jesper!AI$2:AI$366,ROUNDDOWN($C5164/24,0)+1,1)*INDEX($D$3:$AA$30,INDEX(Jesper!$R$2:$R$366,ROW(INDEX(Jesper!AI$2:AI$366,ROUNDDOWN($C5164/24,0)+1,1))-1)+IF('Standard Profiles'!$G$19=$B$10,7,0)+IF('Standard Profiles'!$G$19=$B$17,14,0)+IF('Standard Profiles'!$G$19=$B$24,21,0),MOD($C5164,24)+1)/SUM(INDEX($D$3:$AA$30,INDEX(Jesper!$R$2:$R$366,ROW(INDEX(Jesper!AI$2:AI$366,ROUNDDOWN($C5164/24,0)+1,1))-1)+IF('Standard Profiles'!$G$19=$B$10,7,0)+IF('Standard Profiles'!$G$19=$B$17,14,0)+IF('Standard Profiles'!$G$19=$B$24,21,0),0)),0)</f>
        <v>2.1988545410498395</v>
      </c>
      <c r="F5164" cm="1">
        <f t="array" ref="F5164">IFERROR(INDEX(Jesper!AJ$2:AJ$366,ROUNDDOWN($C5164/24,0)+1,1)*INDEX($D$3:$AA$30,INDEX(Jesper!$R$2:$R$366,ROW(INDEX(Jesper!AJ$2:AJ$366,ROUNDDOWN($C5164/24,0)+1,1))-1)+IF('Standard Profiles'!$G$20=$B$10,7,0)+IF('Standard Profiles'!$G$20=$B$17,14,0)+IF('Standard Profiles'!$G$20=$B$24,21,0),MOD($C5164,24)+1)/SUM(INDEX($D$3:$AA$30,INDEX(Jesper!$R$2:$R$366,ROW(INDEX(Jesper!AJ$2:AJ$366,ROUNDDOWN($C5164/24,0)+1,1))-1)+IF('Standard Profiles'!$G$20=$B$10,7,0)+IF('Standard Profiles'!$G$20=$B$17,14,0)+IF('Standard Profiles'!$G$20=$B$24,21,0),0)),0)</f>
        <v>0</v>
      </c>
      <c r="G5164" cm="1">
        <f t="array" ref="G5164">IFERROR(INDEX(Jesper!AK$2:AK$366,ROUNDDOWN($C5164/24,0)+1,1)*INDEX($D$3:$AA$30,INDEX(Jesper!$R$2:$R$366,ROW(INDEX(Jesper!AK$2:AK$366,ROUNDDOWN($C5164/24,0)+1,1))-1)+IF('Standard Profiles'!$G$21=$B$10,7,0)+IF('Standard Profiles'!$G$21=$B$17,14,0)+IF('Standard Profiles'!$G$21=$B$24,21,0),MOD($C5164,24)+1)/SUM(INDEX($D$3:$AA$30,INDEX(Jesper!$R$2:$R$366,ROW(INDEX(Jesper!AK$2:AK$366,ROUNDDOWN($C5164/24,0)+1,1))-1)+IF('Standard Profiles'!$G$21=$B$10,7,0)+IF('Standard Profiles'!$G$21=$B$17,14,0)+IF('Standard Profiles'!$G$21=$B$24,21,0),0)),0)</f>
        <v>0.12603277278579364</v>
      </c>
      <c r="H5164" cm="1">
        <f t="array" ref="H5164">IFERROR(INDEX(Jesper!AL$2:AL$366,ROUNDDOWN($C5164/24,0)+1,1)*INDEX($D$3:$AA$30,INDEX(Jesper!$R$2:$R$366,ROW(INDEX(Jesper!AL$2:AL$366,ROUNDDOWN($C5164/24,0)+1,1))-1)+IF('Standard Profiles'!$G$22=$B$10,7,0)+IF('Standard Profiles'!$G$22=$B$17,14,0)+IF('Standard Profiles'!$G$22=$B$24,21,0),MOD($C5164,24)+1)/SUM(INDEX($D$3:$AA$30,INDEX(Jesper!$R$2:$R$366,ROW(INDEX(Jesper!AL$2:AL$366,ROUNDDOWN($C5164/24,0)+1,1))-1)+IF('Standard Profiles'!$G$22=$B$10,7,0)+IF('Standard Profiles'!$G$22=$B$17,14,0)+IF('Standard Profiles'!$G$22=$B$24,21,0),0)),0)</f>
        <v>0</v>
      </c>
      <c r="I5164">
        <f t="shared" si="580"/>
        <v>6.0495730937180914E-2</v>
      </c>
      <c r="J5164">
        <f t="shared" si="581"/>
        <v>6.7242737990455694</v>
      </c>
      <c r="K5164">
        <f t="shared" si="582"/>
        <v>0.56633424966947532</v>
      </c>
      <c r="L5164">
        <f t="shared" si="583"/>
        <v>0.28316712483473766</v>
      </c>
      <c r="M5164">
        <f t="shared" si="584"/>
        <v>0</v>
      </c>
      <c r="N5164" s="45">
        <f t="shared" si="585"/>
        <v>45140.749999987558</v>
      </c>
    </row>
    <row r="5165" spans="2:14" x14ac:dyDescent="0.25">
      <c r="B5165">
        <f t="shared" si="579"/>
        <v>3</v>
      </c>
      <c r="C5165" s="16">
        <v>5131</v>
      </c>
      <c r="D5165" cm="1">
        <f t="array" ref="D5165">IFERROR(INDEX(Jesper!AH$2:AH$366,ROUNDDOWN($C5165/24,0)+1,1)*INDEX($D$3:$AA$30,INDEX(Jesper!$R$2:$R$366,ROW(INDEX(Jesper!AH$2:AH$366,ROUNDDOWN($C5165/24,0)+1,1))-1)+IF('Standard Profiles'!$G$18=$B$10,7,0)+IF('Standard Profiles'!$G$18=$B$17,14,0)+IF('Standard Profiles'!$G$18=$B$24,21,0),MOD($C5165,24)+1)/SUM(INDEX($D$3:$AA$30,INDEX(Jesper!$R$2:$R$366,ROW(INDEX(Jesper!AH$2:AH$366,ROUNDDOWN($C5165/24,0)+1,1))-1)+IF('Standard Profiles'!$G$18=$B$10,7,0)+IF('Standard Profiles'!$G$18=$B$17,14,0)+IF('Standard Profiles'!$G$18=$B$24,21,0),0)),0)</f>
        <v>5.3093835906513309</v>
      </c>
      <c r="E5165" cm="1">
        <f t="array" ref="E5165">IFERROR(INDEX(Jesper!AI$2:AI$366,ROUNDDOWN($C5165/24,0)+1,1)*INDEX($D$3:$AA$30,INDEX(Jesper!$R$2:$R$366,ROW(INDEX(Jesper!AI$2:AI$366,ROUNDDOWN($C5165/24,0)+1,1))-1)+IF('Standard Profiles'!$G$19=$B$10,7,0)+IF('Standard Profiles'!$G$19=$B$17,14,0)+IF('Standard Profiles'!$G$19=$B$24,21,0),MOD($C5165,24)+1)/SUM(INDEX($D$3:$AA$30,INDEX(Jesper!$R$2:$R$366,ROW(INDEX(Jesper!AI$2:AI$366,ROUNDDOWN($C5165/24,0)+1,1))-1)+IF('Standard Profiles'!$G$19=$B$10,7,0)+IF('Standard Profiles'!$G$19=$B$17,14,0)+IF('Standard Profiles'!$G$19=$B$24,21,0),0)),0)</f>
        <v>2.1988545410498395</v>
      </c>
      <c r="F5165" cm="1">
        <f t="array" ref="F5165">IFERROR(INDEX(Jesper!AJ$2:AJ$366,ROUNDDOWN($C5165/24,0)+1,1)*INDEX($D$3:$AA$30,INDEX(Jesper!$R$2:$R$366,ROW(INDEX(Jesper!AJ$2:AJ$366,ROUNDDOWN($C5165/24,0)+1,1))-1)+IF('Standard Profiles'!$G$20=$B$10,7,0)+IF('Standard Profiles'!$G$20=$B$17,14,0)+IF('Standard Profiles'!$G$20=$B$24,21,0),MOD($C5165,24)+1)/SUM(INDEX($D$3:$AA$30,INDEX(Jesper!$R$2:$R$366,ROW(INDEX(Jesper!AJ$2:AJ$366,ROUNDDOWN($C5165/24,0)+1,1))-1)+IF('Standard Profiles'!$G$20=$B$10,7,0)+IF('Standard Profiles'!$G$20=$B$17,14,0)+IF('Standard Profiles'!$G$20=$B$24,21,0),0)),0)</f>
        <v>0</v>
      </c>
      <c r="G5165" cm="1">
        <f t="array" ref="G5165">IFERROR(INDEX(Jesper!AK$2:AK$366,ROUNDDOWN($C5165/24,0)+1,1)*INDEX($D$3:$AA$30,INDEX(Jesper!$R$2:$R$366,ROW(INDEX(Jesper!AK$2:AK$366,ROUNDDOWN($C5165/24,0)+1,1))-1)+IF('Standard Profiles'!$G$21=$B$10,7,0)+IF('Standard Profiles'!$G$21=$B$17,14,0)+IF('Standard Profiles'!$G$21=$B$24,21,0),MOD($C5165,24)+1)/SUM(INDEX($D$3:$AA$30,INDEX(Jesper!$R$2:$R$366,ROW(INDEX(Jesper!AK$2:AK$366,ROUNDDOWN($C5165/24,0)+1,1))-1)+IF('Standard Profiles'!$G$21=$B$10,7,0)+IF('Standard Profiles'!$G$21=$B$17,14,0)+IF('Standard Profiles'!$G$21=$B$24,21,0),0)),0)</f>
        <v>0.12603277278579364</v>
      </c>
      <c r="H5165" cm="1">
        <f t="array" ref="H5165">IFERROR(INDEX(Jesper!AL$2:AL$366,ROUNDDOWN($C5165/24,0)+1,1)*INDEX($D$3:$AA$30,INDEX(Jesper!$R$2:$R$366,ROW(INDEX(Jesper!AL$2:AL$366,ROUNDDOWN($C5165/24,0)+1,1))-1)+IF('Standard Profiles'!$G$22=$B$10,7,0)+IF('Standard Profiles'!$G$22=$B$17,14,0)+IF('Standard Profiles'!$G$22=$B$24,21,0),MOD($C5165,24)+1)/SUM(INDEX($D$3:$AA$30,INDEX(Jesper!$R$2:$R$366,ROW(INDEX(Jesper!AL$2:AL$366,ROUNDDOWN($C5165/24,0)+1,1))-1)+IF('Standard Profiles'!$G$22=$B$10,7,0)+IF('Standard Profiles'!$G$22=$B$17,14,0)+IF('Standard Profiles'!$G$22=$B$24,21,0),0)),0)</f>
        <v>0</v>
      </c>
      <c r="I5165">
        <f t="shared" si="580"/>
        <v>6.0495730937180914E-2</v>
      </c>
      <c r="J5165">
        <f t="shared" si="581"/>
        <v>6.7242737990455694</v>
      </c>
      <c r="K5165">
        <f t="shared" si="582"/>
        <v>0.56633424966947532</v>
      </c>
      <c r="L5165">
        <f t="shared" si="583"/>
        <v>0.28316712483473766</v>
      </c>
      <c r="M5165">
        <f t="shared" si="584"/>
        <v>0</v>
      </c>
      <c r="N5165" s="45">
        <f t="shared" si="585"/>
        <v>45140.791666654222</v>
      </c>
    </row>
    <row r="5166" spans="2:14" x14ac:dyDescent="0.25">
      <c r="B5166">
        <f t="shared" si="579"/>
        <v>3</v>
      </c>
      <c r="C5166" s="16">
        <v>5132</v>
      </c>
      <c r="D5166" cm="1">
        <f t="array" ref="D5166">IFERROR(INDEX(Jesper!AH$2:AH$366,ROUNDDOWN($C5166/24,0)+1,1)*INDEX($D$3:$AA$30,INDEX(Jesper!$R$2:$R$366,ROW(INDEX(Jesper!AH$2:AH$366,ROUNDDOWN($C5166/24,0)+1,1))-1)+IF('Standard Profiles'!$G$18=$B$10,7,0)+IF('Standard Profiles'!$G$18=$B$17,14,0)+IF('Standard Profiles'!$G$18=$B$24,21,0),MOD($C5166,24)+1)/SUM(INDEX($D$3:$AA$30,INDEX(Jesper!$R$2:$R$366,ROW(INDEX(Jesper!AH$2:AH$366,ROUNDDOWN($C5166/24,0)+1,1))-1)+IF('Standard Profiles'!$G$18=$B$10,7,0)+IF('Standard Profiles'!$G$18=$B$17,14,0)+IF('Standard Profiles'!$G$18=$B$24,21,0),0)),0)</f>
        <v>5.3093835906513309</v>
      </c>
      <c r="E5166" cm="1">
        <f t="array" ref="E5166">IFERROR(INDEX(Jesper!AI$2:AI$366,ROUNDDOWN($C5166/24,0)+1,1)*INDEX($D$3:$AA$30,INDEX(Jesper!$R$2:$R$366,ROW(INDEX(Jesper!AI$2:AI$366,ROUNDDOWN($C5166/24,0)+1,1))-1)+IF('Standard Profiles'!$G$19=$B$10,7,0)+IF('Standard Profiles'!$G$19=$B$17,14,0)+IF('Standard Profiles'!$G$19=$B$24,21,0),MOD($C5166,24)+1)/SUM(INDEX($D$3:$AA$30,INDEX(Jesper!$R$2:$R$366,ROW(INDEX(Jesper!AI$2:AI$366,ROUNDDOWN($C5166/24,0)+1,1))-1)+IF('Standard Profiles'!$G$19=$B$10,7,0)+IF('Standard Profiles'!$G$19=$B$17,14,0)+IF('Standard Profiles'!$G$19=$B$24,21,0),0)),0)</f>
        <v>2.1988545410498395</v>
      </c>
      <c r="F5166" cm="1">
        <f t="array" ref="F5166">IFERROR(INDEX(Jesper!AJ$2:AJ$366,ROUNDDOWN($C5166/24,0)+1,1)*INDEX($D$3:$AA$30,INDEX(Jesper!$R$2:$R$366,ROW(INDEX(Jesper!AJ$2:AJ$366,ROUNDDOWN($C5166/24,0)+1,1))-1)+IF('Standard Profiles'!$G$20=$B$10,7,0)+IF('Standard Profiles'!$G$20=$B$17,14,0)+IF('Standard Profiles'!$G$20=$B$24,21,0),MOD($C5166,24)+1)/SUM(INDEX($D$3:$AA$30,INDEX(Jesper!$R$2:$R$366,ROW(INDEX(Jesper!AJ$2:AJ$366,ROUNDDOWN($C5166/24,0)+1,1))-1)+IF('Standard Profiles'!$G$20=$B$10,7,0)+IF('Standard Profiles'!$G$20=$B$17,14,0)+IF('Standard Profiles'!$G$20=$B$24,21,0),0)),0)</f>
        <v>0</v>
      </c>
      <c r="G5166" cm="1">
        <f t="array" ref="G5166">IFERROR(INDEX(Jesper!AK$2:AK$366,ROUNDDOWN($C5166/24,0)+1,1)*INDEX($D$3:$AA$30,INDEX(Jesper!$R$2:$R$366,ROW(INDEX(Jesper!AK$2:AK$366,ROUNDDOWN($C5166/24,0)+1,1))-1)+IF('Standard Profiles'!$G$21=$B$10,7,0)+IF('Standard Profiles'!$G$21=$B$17,14,0)+IF('Standard Profiles'!$G$21=$B$24,21,0),MOD($C5166,24)+1)/SUM(INDEX($D$3:$AA$30,INDEX(Jesper!$R$2:$R$366,ROW(INDEX(Jesper!AK$2:AK$366,ROUNDDOWN($C5166/24,0)+1,1))-1)+IF('Standard Profiles'!$G$21=$B$10,7,0)+IF('Standard Profiles'!$G$21=$B$17,14,0)+IF('Standard Profiles'!$G$21=$B$24,21,0),0)),0)</f>
        <v>0.12603277278579364</v>
      </c>
      <c r="H5166" cm="1">
        <f t="array" ref="H5166">IFERROR(INDEX(Jesper!AL$2:AL$366,ROUNDDOWN($C5166/24,0)+1,1)*INDEX($D$3:$AA$30,INDEX(Jesper!$R$2:$R$366,ROW(INDEX(Jesper!AL$2:AL$366,ROUNDDOWN($C5166/24,0)+1,1))-1)+IF('Standard Profiles'!$G$22=$B$10,7,0)+IF('Standard Profiles'!$G$22=$B$17,14,0)+IF('Standard Profiles'!$G$22=$B$24,21,0),MOD($C5166,24)+1)/SUM(INDEX($D$3:$AA$30,INDEX(Jesper!$R$2:$R$366,ROW(INDEX(Jesper!AL$2:AL$366,ROUNDDOWN($C5166/24,0)+1,1))-1)+IF('Standard Profiles'!$G$22=$B$10,7,0)+IF('Standard Profiles'!$G$22=$B$17,14,0)+IF('Standard Profiles'!$G$22=$B$24,21,0),0)),0)</f>
        <v>0</v>
      </c>
      <c r="I5166">
        <f t="shared" si="580"/>
        <v>6.0495730937180914E-2</v>
      </c>
      <c r="J5166">
        <f t="shared" si="581"/>
        <v>6.7242737990455694</v>
      </c>
      <c r="K5166">
        <f t="shared" si="582"/>
        <v>0.56633424966947532</v>
      </c>
      <c r="L5166">
        <f t="shared" si="583"/>
        <v>0.28316712483473766</v>
      </c>
      <c r="M5166">
        <f t="shared" si="584"/>
        <v>0</v>
      </c>
      <c r="N5166" s="45">
        <f t="shared" si="585"/>
        <v>45140.833333320887</v>
      </c>
    </row>
    <row r="5167" spans="2:14" x14ac:dyDescent="0.25">
      <c r="B5167">
        <f t="shared" si="579"/>
        <v>3</v>
      </c>
      <c r="C5167" s="16">
        <v>5133</v>
      </c>
      <c r="D5167" cm="1">
        <f t="array" ref="D5167">IFERROR(INDEX(Jesper!AH$2:AH$366,ROUNDDOWN($C5167/24,0)+1,1)*INDEX($D$3:$AA$30,INDEX(Jesper!$R$2:$R$366,ROW(INDEX(Jesper!AH$2:AH$366,ROUNDDOWN($C5167/24,0)+1,1))-1)+IF('Standard Profiles'!$G$18=$B$10,7,0)+IF('Standard Profiles'!$G$18=$B$17,14,0)+IF('Standard Profiles'!$G$18=$B$24,21,0),MOD($C5167,24)+1)/SUM(INDEX($D$3:$AA$30,INDEX(Jesper!$R$2:$R$366,ROW(INDEX(Jesper!AH$2:AH$366,ROUNDDOWN($C5167/24,0)+1,1))-1)+IF('Standard Profiles'!$G$18=$B$10,7,0)+IF('Standard Profiles'!$G$18=$B$17,14,0)+IF('Standard Profiles'!$G$18=$B$24,21,0),0)),0)</f>
        <v>5.3093835906513309</v>
      </c>
      <c r="E5167" cm="1">
        <f t="array" ref="E5167">IFERROR(INDEX(Jesper!AI$2:AI$366,ROUNDDOWN($C5167/24,0)+1,1)*INDEX($D$3:$AA$30,INDEX(Jesper!$R$2:$R$366,ROW(INDEX(Jesper!AI$2:AI$366,ROUNDDOWN($C5167/24,0)+1,1))-1)+IF('Standard Profiles'!$G$19=$B$10,7,0)+IF('Standard Profiles'!$G$19=$B$17,14,0)+IF('Standard Profiles'!$G$19=$B$24,21,0),MOD($C5167,24)+1)/SUM(INDEX($D$3:$AA$30,INDEX(Jesper!$R$2:$R$366,ROW(INDEX(Jesper!AI$2:AI$366,ROUNDDOWN($C5167/24,0)+1,1))-1)+IF('Standard Profiles'!$G$19=$B$10,7,0)+IF('Standard Profiles'!$G$19=$B$17,14,0)+IF('Standard Profiles'!$G$19=$B$24,21,0),0)),0)</f>
        <v>2.1988545410498395</v>
      </c>
      <c r="F5167" cm="1">
        <f t="array" ref="F5167">IFERROR(INDEX(Jesper!AJ$2:AJ$366,ROUNDDOWN($C5167/24,0)+1,1)*INDEX($D$3:$AA$30,INDEX(Jesper!$R$2:$R$366,ROW(INDEX(Jesper!AJ$2:AJ$366,ROUNDDOWN($C5167/24,0)+1,1))-1)+IF('Standard Profiles'!$G$20=$B$10,7,0)+IF('Standard Profiles'!$G$20=$B$17,14,0)+IF('Standard Profiles'!$G$20=$B$24,21,0),MOD($C5167,24)+1)/SUM(INDEX($D$3:$AA$30,INDEX(Jesper!$R$2:$R$366,ROW(INDEX(Jesper!AJ$2:AJ$366,ROUNDDOWN($C5167/24,0)+1,1))-1)+IF('Standard Profiles'!$G$20=$B$10,7,0)+IF('Standard Profiles'!$G$20=$B$17,14,0)+IF('Standard Profiles'!$G$20=$B$24,21,0),0)),0)</f>
        <v>0</v>
      </c>
      <c r="G5167" cm="1">
        <f t="array" ref="G5167">IFERROR(INDEX(Jesper!AK$2:AK$366,ROUNDDOWN($C5167/24,0)+1,1)*INDEX($D$3:$AA$30,INDEX(Jesper!$R$2:$R$366,ROW(INDEX(Jesper!AK$2:AK$366,ROUNDDOWN($C5167/24,0)+1,1))-1)+IF('Standard Profiles'!$G$21=$B$10,7,0)+IF('Standard Profiles'!$G$21=$B$17,14,0)+IF('Standard Profiles'!$G$21=$B$24,21,0),MOD($C5167,24)+1)/SUM(INDEX($D$3:$AA$30,INDEX(Jesper!$R$2:$R$366,ROW(INDEX(Jesper!AK$2:AK$366,ROUNDDOWN($C5167/24,0)+1,1))-1)+IF('Standard Profiles'!$G$21=$B$10,7,0)+IF('Standard Profiles'!$G$21=$B$17,14,0)+IF('Standard Profiles'!$G$21=$B$24,21,0),0)),0)</f>
        <v>0.12603277278579364</v>
      </c>
      <c r="H5167" cm="1">
        <f t="array" ref="H5167">IFERROR(INDEX(Jesper!AL$2:AL$366,ROUNDDOWN($C5167/24,0)+1,1)*INDEX($D$3:$AA$30,INDEX(Jesper!$R$2:$R$366,ROW(INDEX(Jesper!AL$2:AL$366,ROUNDDOWN($C5167/24,0)+1,1))-1)+IF('Standard Profiles'!$G$22=$B$10,7,0)+IF('Standard Profiles'!$G$22=$B$17,14,0)+IF('Standard Profiles'!$G$22=$B$24,21,0),MOD($C5167,24)+1)/SUM(INDEX($D$3:$AA$30,INDEX(Jesper!$R$2:$R$366,ROW(INDEX(Jesper!AL$2:AL$366,ROUNDDOWN($C5167/24,0)+1,1))-1)+IF('Standard Profiles'!$G$22=$B$10,7,0)+IF('Standard Profiles'!$G$22=$B$17,14,0)+IF('Standard Profiles'!$G$22=$B$24,21,0),0)),0)</f>
        <v>0</v>
      </c>
      <c r="I5167">
        <f t="shared" si="580"/>
        <v>6.0495730937180914E-2</v>
      </c>
      <c r="J5167">
        <f t="shared" si="581"/>
        <v>6.7242737990455694</v>
      </c>
      <c r="K5167">
        <f t="shared" si="582"/>
        <v>0.56633424966947532</v>
      </c>
      <c r="L5167">
        <f t="shared" si="583"/>
        <v>0.28316712483473766</v>
      </c>
      <c r="M5167">
        <f t="shared" si="584"/>
        <v>0</v>
      </c>
      <c r="N5167" s="45">
        <f t="shared" si="585"/>
        <v>45140.874999987551</v>
      </c>
    </row>
    <row r="5168" spans="2:14" x14ac:dyDescent="0.25">
      <c r="B5168">
        <f t="shared" si="579"/>
        <v>3</v>
      </c>
      <c r="C5168" s="16">
        <v>5134</v>
      </c>
      <c r="D5168" cm="1">
        <f t="array" ref="D5168">IFERROR(INDEX(Jesper!AH$2:AH$366,ROUNDDOWN($C5168/24,0)+1,1)*INDEX($D$3:$AA$30,INDEX(Jesper!$R$2:$R$366,ROW(INDEX(Jesper!AH$2:AH$366,ROUNDDOWN($C5168/24,0)+1,1))-1)+IF('Standard Profiles'!$G$18=$B$10,7,0)+IF('Standard Profiles'!$G$18=$B$17,14,0)+IF('Standard Profiles'!$G$18=$B$24,21,0),MOD($C5168,24)+1)/SUM(INDEX($D$3:$AA$30,INDEX(Jesper!$R$2:$R$366,ROW(INDEX(Jesper!AH$2:AH$366,ROUNDDOWN($C5168/24,0)+1,1))-1)+IF('Standard Profiles'!$G$18=$B$10,7,0)+IF('Standard Profiles'!$G$18=$B$17,14,0)+IF('Standard Profiles'!$G$18=$B$24,21,0),0)),0)</f>
        <v>5.3093835906513309</v>
      </c>
      <c r="E5168" cm="1">
        <f t="array" ref="E5168">IFERROR(INDEX(Jesper!AI$2:AI$366,ROUNDDOWN($C5168/24,0)+1,1)*INDEX($D$3:$AA$30,INDEX(Jesper!$R$2:$R$366,ROW(INDEX(Jesper!AI$2:AI$366,ROUNDDOWN($C5168/24,0)+1,1))-1)+IF('Standard Profiles'!$G$19=$B$10,7,0)+IF('Standard Profiles'!$G$19=$B$17,14,0)+IF('Standard Profiles'!$G$19=$B$24,21,0),MOD($C5168,24)+1)/SUM(INDEX($D$3:$AA$30,INDEX(Jesper!$R$2:$R$366,ROW(INDEX(Jesper!AI$2:AI$366,ROUNDDOWN($C5168/24,0)+1,1))-1)+IF('Standard Profiles'!$G$19=$B$10,7,0)+IF('Standard Profiles'!$G$19=$B$17,14,0)+IF('Standard Profiles'!$G$19=$B$24,21,0),0)),0)</f>
        <v>2.1988545410498395</v>
      </c>
      <c r="F5168" cm="1">
        <f t="array" ref="F5168">IFERROR(INDEX(Jesper!AJ$2:AJ$366,ROUNDDOWN($C5168/24,0)+1,1)*INDEX($D$3:$AA$30,INDEX(Jesper!$R$2:$R$366,ROW(INDEX(Jesper!AJ$2:AJ$366,ROUNDDOWN($C5168/24,0)+1,1))-1)+IF('Standard Profiles'!$G$20=$B$10,7,0)+IF('Standard Profiles'!$G$20=$B$17,14,0)+IF('Standard Profiles'!$G$20=$B$24,21,0),MOD($C5168,24)+1)/SUM(INDEX($D$3:$AA$30,INDEX(Jesper!$R$2:$R$366,ROW(INDEX(Jesper!AJ$2:AJ$366,ROUNDDOWN($C5168/24,0)+1,1))-1)+IF('Standard Profiles'!$G$20=$B$10,7,0)+IF('Standard Profiles'!$G$20=$B$17,14,0)+IF('Standard Profiles'!$G$20=$B$24,21,0),0)),0)</f>
        <v>0</v>
      </c>
      <c r="G5168" cm="1">
        <f t="array" ref="G5168">IFERROR(INDEX(Jesper!AK$2:AK$366,ROUNDDOWN($C5168/24,0)+1,1)*INDEX($D$3:$AA$30,INDEX(Jesper!$R$2:$R$366,ROW(INDEX(Jesper!AK$2:AK$366,ROUNDDOWN($C5168/24,0)+1,1))-1)+IF('Standard Profiles'!$G$21=$B$10,7,0)+IF('Standard Profiles'!$G$21=$B$17,14,0)+IF('Standard Profiles'!$G$21=$B$24,21,0),MOD($C5168,24)+1)/SUM(INDEX($D$3:$AA$30,INDEX(Jesper!$R$2:$R$366,ROW(INDEX(Jesper!AK$2:AK$366,ROUNDDOWN($C5168/24,0)+1,1))-1)+IF('Standard Profiles'!$G$21=$B$10,7,0)+IF('Standard Profiles'!$G$21=$B$17,14,0)+IF('Standard Profiles'!$G$21=$B$24,21,0),0)),0)</f>
        <v>0.12603277278579364</v>
      </c>
      <c r="H5168" cm="1">
        <f t="array" ref="H5168">IFERROR(INDEX(Jesper!AL$2:AL$366,ROUNDDOWN($C5168/24,0)+1,1)*INDEX($D$3:$AA$30,INDEX(Jesper!$R$2:$R$366,ROW(INDEX(Jesper!AL$2:AL$366,ROUNDDOWN($C5168/24,0)+1,1))-1)+IF('Standard Profiles'!$G$22=$B$10,7,0)+IF('Standard Profiles'!$G$22=$B$17,14,0)+IF('Standard Profiles'!$G$22=$B$24,21,0),MOD($C5168,24)+1)/SUM(INDEX($D$3:$AA$30,INDEX(Jesper!$R$2:$R$366,ROW(INDEX(Jesper!AL$2:AL$366,ROUNDDOWN($C5168/24,0)+1,1))-1)+IF('Standard Profiles'!$G$22=$B$10,7,0)+IF('Standard Profiles'!$G$22=$B$17,14,0)+IF('Standard Profiles'!$G$22=$B$24,21,0),0)),0)</f>
        <v>0</v>
      </c>
      <c r="I5168">
        <f t="shared" si="580"/>
        <v>6.0495730937180914E-2</v>
      </c>
      <c r="J5168">
        <f t="shared" si="581"/>
        <v>6.7242737990455694</v>
      </c>
      <c r="K5168">
        <f t="shared" si="582"/>
        <v>0.56633424966947532</v>
      </c>
      <c r="L5168">
        <f t="shared" si="583"/>
        <v>0.28316712483473766</v>
      </c>
      <c r="M5168">
        <f t="shared" si="584"/>
        <v>0</v>
      </c>
      <c r="N5168" s="45">
        <f t="shared" si="585"/>
        <v>45140.916666654215</v>
      </c>
    </row>
    <row r="5169" spans="2:14" x14ac:dyDescent="0.25">
      <c r="B5169">
        <f t="shared" si="579"/>
        <v>3</v>
      </c>
      <c r="C5169" s="16">
        <v>5135</v>
      </c>
      <c r="D5169" cm="1">
        <f t="array" ref="D5169">IFERROR(INDEX(Jesper!AH$2:AH$366,ROUNDDOWN($C5169/24,0)+1,1)*INDEX($D$3:$AA$30,INDEX(Jesper!$R$2:$R$366,ROW(INDEX(Jesper!AH$2:AH$366,ROUNDDOWN($C5169/24,0)+1,1))-1)+IF('Standard Profiles'!$G$18=$B$10,7,0)+IF('Standard Profiles'!$G$18=$B$17,14,0)+IF('Standard Profiles'!$G$18=$B$24,21,0),MOD($C5169,24)+1)/SUM(INDEX($D$3:$AA$30,INDEX(Jesper!$R$2:$R$366,ROW(INDEX(Jesper!AH$2:AH$366,ROUNDDOWN($C5169/24,0)+1,1))-1)+IF('Standard Profiles'!$G$18=$B$10,7,0)+IF('Standard Profiles'!$G$18=$B$17,14,0)+IF('Standard Profiles'!$G$18=$B$24,21,0),0)),0)</f>
        <v>5.3093835906513309</v>
      </c>
      <c r="E5169" cm="1">
        <f t="array" ref="E5169">IFERROR(INDEX(Jesper!AI$2:AI$366,ROUNDDOWN($C5169/24,0)+1,1)*INDEX($D$3:$AA$30,INDEX(Jesper!$R$2:$R$366,ROW(INDEX(Jesper!AI$2:AI$366,ROUNDDOWN($C5169/24,0)+1,1))-1)+IF('Standard Profiles'!$G$19=$B$10,7,0)+IF('Standard Profiles'!$G$19=$B$17,14,0)+IF('Standard Profiles'!$G$19=$B$24,21,0),MOD($C5169,24)+1)/SUM(INDEX($D$3:$AA$30,INDEX(Jesper!$R$2:$R$366,ROW(INDEX(Jesper!AI$2:AI$366,ROUNDDOWN($C5169/24,0)+1,1))-1)+IF('Standard Profiles'!$G$19=$B$10,7,0)+IF('Standard Profiles'!$G$19=$B$17,14,0)+IF('Standard Profiles'!$G$19=$B$24,21,0),0)),0)</f>
        <v>2.1988545410498395</v>
      </c>
      <c r="F5169" cm="1">
        <f t="array" ref="F5169">IFERROR(INDEX(Jesper!AJ$2:AJ$366,ROUNDDOWN($C5169/24,0)+1,1)*INDEX($D$3:$AA$30,INDEX(Jesper!$R$2:$R$366,ROW(INDEX(Jesper!AJ$2:AJ$366,ROUNDDOWN($C5169/24,0)+1,1))-1)+IF('Standard Profiles'!$G$20=$B$10,7,0)+IF('Standard Profiles'!$G$20=$B$17,14,0)+IF('Standard Profiles'!$G$20=$B$24,21,0),MOD($C5169,24)+1)/SUM(INDEX($D$3:$AA$30,INDEX(Jesper!$R$2:$R$366,ROW(INDEX(Jesper!AJ$2:AJ$366,ROUNDDOWN($C5169/24,0)+1,1))-1)+IF('Standard Profiles'!$G$20=$B$10,7,0)+IF('Standard Profiles'!$G$20=$B$17,14,0)+IF('Standard Profiles'!$G$20=$B$24,21,0),0)),0)</f>
        <v>0</v>
      </c>
      <c r="G5169" cm="1">
        <f t="array" ref="G5169">IFERROR(INDEX(Jesper!AK$2:AK$366,ROUNDDOWN($C5169/24,0)+1,1)*INDEX($D$3:$AA$30,INDEX(Jesper!$R$2:$R$366,ROW(INDEX(Jesper!AK$2:AK$366,ROUNDDOWN($C5169/24,0)+1,1))-1)+IF('Standard Profiles'!$G$21=$B$10,7,0)+IF('Standard Profiles'!$G$21=$B$17,14,0)+IF('Standard Profiles'!$G$21=$B$24,21,0),MOD($C5169,24)+1)/SUM(INDEX($D$3:$AA$30,INDEX(Jesper!$R$2:$R$366,ROW(INDEX(Jesper!AK$2:AK$366,ROUNDDOWN($C5169/24,0)+1,1))-1)+IF('Standard Profiles'!$G$21=$B$10,7,0)+IF('Standard Profiles'!$G$21=$B$17,14,0)+IF('Standard Profiles'!$G$21=$B$24,21,0),0)),0)</f>
        <v>0.12603277278579364</v>
      </c>
      <c r="H5169" cm="1">
        <f t="array" ref="H5169">IFERROR(INDEX(Jesper!AL$2:AL$366,ROUNDDOWN($C5169/24,0)+1,1)*INDEX($D$3:$AA$30,INDEX(Jesper!$R$2:$R$366,ROW(INDEX(Jesper!AL$2:AL$366,ROUNDDOWN($C5169/24,0)+1,1))-1)+IF('Standard Profiles'!$G$22=$B$10,7,0)+IF('Standard Profiles'!$G$22=$B$17,14,0)+IF('Standard Profiles'!$G$22=$B$24,21,0),MOD($C5169,24)+1)/SUM(INDEX($D$3:$AA$30,INDEX(Jesper!$R$2:$R$366,ROW(INDEX(Jesper!AL$2:AL$366,ROUNDDOWN($C5169/24,0)+1,1))-1)+IF('Standard Profiles'!$G$22=$B$10,7,0)+IF('Standard Profiles'!$G$22=$B$17,14,0)+IF('Standard Profiles'!$G$22=$B$24,21,0),0)),0)</f>
        <v>0</v>
      </c>
      <c r="I5169">
        <f t="shared" si="580"/>
        <v>6.0495730937180914E-2</v>
      </c>
      <c r="J5169">
        <f t="shared" si="581"/>
        <v>6.7242737990455694</v>
      </c>
      <c r="K5169">
        <f t="shared" si="582"/>
        <v>0.56633424966947532</v>
      </c>
      <c r="L5169">
        <f t="shared" si="583"/>
        <v>0.28316712483473766</v>
      </c>
      <c r="M5169">
        <f t="shared" si="584"/>
        <v>0</v>
      </c>
      <c r="N5169" s="45">
        <f t="shared" si="585"/>
        <v>45140.958333320879</v>
      </c>
    </row>
    <row r="5170" spans="2:14" x14ac:dyDescent="0.25">
      <c r="B5170">
        <f t="shared" si="579"/>
        <v>4</v>
      </c>
      <c r="C5170" s="16">
        <v>5136</v>
      </c>
      <c r="D5170" cm="1">
        <f t="array" ref="D5170">IFERROR(INDEX(Jesper!AH$2:AH$366,ROUNDDOWN($C5170/24,0)+1,1)*INDEX($D$3:$AA$30,INDEX(Jesper!$R$2:$R$366,ROW(INDEX(Jesper!AH$2:AH$366,ROUNDDOWN($C5170/24,0)+1,1))-1)+IF('Standard Profiles'!$G$18=$B$10,7,0)+IF('Standard Profiles'!$G$18=$B$17,14,0)+IF('Standard Profiles'!$G$18=$B$24,21,0),MOD($C5170,24)+1)/SUM(INDEX($D$3:$AA$30,INDEX(Jesper!$R$2:$R$366,ROW(INDEX(Jesper!AH$2:AH$366,ROUNDDOWN($C5170/24,0)+1,1))-1)+IF('Standard Profiles'!$G$18=$B$10,7,0)+IF('Standard Profiles'!$G$18=$B$17,14,0)+IF('Standard Profiles'!$G$18=$B$24,21,0),0)),0)</f>
        <v>5.3135829557298457</v>
      </c>
      <c r="E5170" cm="1">
        <f t="array" ref="E5170">IFERROR(INDEX(Jesper!AI$2:AI$366,ROUNDDOWN($C5170/24,0)+1,1)*INDEX($D$3:$AA$30,INDEX(Jesper!$R$2:$R$366,ROW(INDEX(Jesper!AI$2:AI$366,ROUNDDOWN($C5170/24,0)+1,1))-1)+IF('Standard Profiles'!$G$19=$B$10,7,0)+IF('Standard Profiles'!$G$19=$B$17,14,0)+IF('Standard Profiles'!$G$19=$B$24,21,0),MOD($C5170,24)+1)/SUM(INDEX($D$3:$AA$30,INDEX(Jesper!$R$2:$R$366,ROW(INDEX(Jesper!AI$2:AI$366,ROUNDDOWN($C5170/24,0)+1,1))-1)+IF('Standard Profiles'!$G$19=$B$10,7,0)+IF('Standard Profiles'!$G$19=$B$17,14,0)+IF('Standard Profiles'!$G$19=$B$24,21,0),0)),0)</f>
        <v>2.2067044842628087</v>
      </c>
      <c r="F5170" cm="1">
        <f t="array" ref="F5170">IFERROR(INDEX(Jesper!AJ$2:AJ$366,ROUNDDOWN($C5170/24,0)+1,1)*INDEX($D$3:$AA$30,INDEX(Jesper!$R$2:$R$366,ROW(INDEX(Jesper!AJ$2:AJ$366,ROUNDDOWN($C5170/24,0)+1,1))-1)+IF('Standard Profiles'!$G$20=$B$10,7,0)+IF('Standard Profiles'!$G$20=$B$17,14,0)+IF('Standard Profiles'!$G$20=$B$24,21,0),MOD($C5170,24)+1)/SUM(INDEX($D$3:$AA$30,INDEX(Jesper!$R$2:$R$366,ROW(INDEX(Jesper!AJ$2:AJ$366,ROUNDDOWN($C5170/24,0)+1,1))-1)+IF('Standard Profiles'!$G$20=$B$10,7,0)+IF('Standard Profiles'!$G$20=$B$17,14,0)+IF('Standard Profiles'!$G$20=$B$24,21,0),0)),0)</f>
        <v>0</v>
      </c>
      <c r="G5170" cm="1">
        <f t="array" ref="G5170">IFERROR(INDEX(Jesper!AK$2:AK$366,ROUNDDOWN($C5170/24,0)+1,1)*INDEX($D$3:$AA$30,INDEX(Jesper!$R$2:$R$366,ROW(INDEX(Jesper!AK$2:AK$366,ROUNDDOWN($C5170/24,0)+1,1))-1)+IF('Standard Profiles'!$G$21=$B$10,7,0)+IF('Standard Profiles'!$G$21=$B$17,14,0)+IF('Standard Profiles'!$G$21=$B$24,21,0),MOD($C5170,24)+1)/SUM(INDEX($D$3:$AA$30,INDEX(Jesper!$R$2:$R$366,ROW(INDEX(Jesper!AK$2:AK$366,ROUNDDOWN($C5170/24,0)+1,1))-1)+IF('Standard Profiles'!$G$21=$B$10,7,0)+IF('Standard Profiles'!$G$21=$B$17,14,0)+IF('Standard Profiles'!$G$21=$B$24,21,0),0)),0)</f>
        <v>0.13688951270706246</v>
      </c>
      <c r="H5170" cm="1">
        <f t="array" ref="H5170">IFERROR(INDEX(Jesper!AL$2:AL$366,ROUNDDOWN($C5170/24,0)+1,1)*INDEX($D$3:$AA$30,INDEX(Jesper!$R$2:$R$366,ROW(INDEX(Jesper!AL$2:AL$366,ROUNDDOWN($C5170/24,0)+1,1))-1)+IF('Standard Profiles'!$G$22=$B$10,7,0)+IF('Standard Profiles'!$G$22=$B$17,14,0)+IF('Standard Profiles'!$G$22=$B$24,21,0),MOD($C5170,24)+1)/SUM(INDEX($D$3:$AA$30,INDEX(Jesper!$R$2:$R$366,ROW(INDEX(Jesper!AL$2:AL$366,ROUNDDOWN($C5170/24,0)+1,1))-1)+IF('Standard Profiles'!$G$22=$B$10,7,0)+IF('Standard Profiles'!$G$22=$B$17,14,0)+IF('Standard Profiles'!$G$22=$B$24,21,0),0)),0)</f>
        <v>0</v>
      </c>
      <c r="I5170">
        <f t="shared" si="580"/>
        <v>6.5706966099389946E-2</v>
      </c>
      <c r="J5170">
        <f t="shared" si="581"/>
        <v>6.7412967136835515</v>
      </c>
      <c r="K5170">
        <f t="shared" si="582"/>
        <v>0.56678218194451691</v>
      </c>
      <c r="L5170">
        <f t="shared" si="583"/>
        <v>0.28339109097225845</v>
      </c>
      <c r="M5170">
        <f t="shared" si="584"/>
        <v>0</v>
      </c>
      <c r="N5170" s="45">
        <f t="shared" si="585"/>
        <v>45140.999999987544</v>
      </c>
    </row>
    <row r="5171" spans="2:14" x14ac:dyDescent="0.25">
      <c r="B5171">
        <f t="shared" si="579"/>
        <v>4</v>
      </c>
      <c r="C5171" s="16">
        <v>5137</v>
      </c>
      <c r="D5171" cm="1">
        <f t="array" ref="D5171">IFERROR(INDEX(Jesper!AH$2:AH$366,ROUNDDOWN($C5171/24,0)+1,1)*INDEX($D$3:$AA$30,INDEX(Jesper!$R$2:$R$366,ROW(INDEX(Jesper!AH$2:AH$366,ROUNDDOWN($C5171/24,0)+1,1))-1)+IF('Standard Profiles'!$G$18=$B$10,7,0)+IF('Standard Profiles'!$G$18=$B$17,14,0)+IF('Standard Profiles'!$G$18=$B$24,21,0),MOD($C5171,24)+1)/SUM(INDEX($D$3:$AA$30,INDEX(Jesper!$R$2:$R$366,ROW(INDEX(Jesper!AH$2:AH$366,ROUNDDOWN($C5171/24,0)+1,1))-1)+IF('Standard Profiles'!$G$18=$B$10,7,0)+IF('Standard Profiles'!$G$18=$B$17,14,0)+IF('Standard Profiles'!$G$18=$B$24,21,0),0)),0)</f>
        <v>5.3135829557298457</v>
      </c>
      <c r="E5171" cm="1">
        <f t="array" ref="E5171">IFERROR(INDEX(Jesper!AI$2:AI$366,ROUNDDOWN($C5171/24,0)+1,1)*INDEX($D$3:$AA$30,INDEX(Jesper!$R$2:$R$366,ROW(INDEX(Jesper!AI$2:AI$366,ROUNDDOWN($C5171/24,0)+1,1))-1)+IF('Standard Profiles'!$G$19=$B$10,7,0)+IF('Standard Profiles'!$G$19=$B$17,14,0)+IF('Standard Profiles'!$G$19=$B$24,21,0),MOD($C5171,24)+1)/SUM(INDEX($D$3:$AA$30,INDEX(Jesper!$R$2:$R$366,ROW(INDEX(Jesper!AI$2:AI$366,ROUNDDOWN($C5171/24,0)+1,1))-1)+IF('Standard Profiles'!$G$19=$B$10,7,0)+IF('Standard Profiles'!$G$19=$B$17,14,0)+IF('Standard Profiles'!$G$19=$B$24,21,0),0)),0)</f>
        <v>2.2067044842628087</v>
      </c>
      <c r="F5171" cm="1">
        <f t="array" ref="F5171">IFERROR(INDEX(Jesper!AJ$2:AJ$366,ROUNDDOWN($C5171/24,0)+1,1)*INDEX($D$3:$AA$30,INDEX(Jesper!$R$2:$R$366,ROW(INDEX(Jesper!AJ$2:AJ$366,ROUNDDOWN($C5171/24,0)+1,1))-1)+IF('Standard Profiles'!$G$20=$B$10,7,0)+IF('Standard Profiles'!$G$20=$B$17,14,0)+IF('Standard Profiles'!$G$20=$B$24,21,0),MOD($C5171,24)+1)/SUM(INDEX($D$3:$AA$30,INDEX(Jesper!$R$2:$R$366,ROW(INDEX(Jesper!AJ$2:AJ$366,ROUNDDOWN($C5171/24,0)+1,1))-1)+IF('Standard Profiles'!$G$20=$B$10,7,0)+IF('Standard Profiles'!$G$20=$B$17,14,0)+IF('Standard Profiles'!$G$20=$B$24,21,0),0)),0)</f>
        <v>0</v>
      </c>
      <c r="G5171" cm="1">
        <f t="array" ref="G5171">IFERROR(INDEX(Jesper!AK$2:AK$366,ROUNDDOWN($C5171/24,0)+1,1)*INDEX($D$3:$AA$30,INDEX(Jesper!$R$2:$R$366,ROW(INDEX(Jesper!AK$2:AK$366,ROUNDDOWN($C5171/24,0)+1,1))-1)+IF('Standard Profiles'!$G$21=$B$10,7,0)+IF('Standard Profiles'!$G$21=$B$17,14,0)+IF('Standard Profiles'!$G$21=$B$24,21,0),MOD($C5171,24)+1)/SUM(INDEX($D$3:$AA$30,INDEX(Jesper!$R$2:$R$366,ROW(INDEX(Jesper!AK$2:AK$366,ROUNDDOWN($C5171/24,0)+1,1))-1)+IF('Standard Profiles'!$G$21=$B$10,7,0)+IF('Standard Profiles'!$G$21=$B$17,14,0)+IF('Standard Profiles'!$G$21=$B$24,21,0),0)),0)</f>
        <v>0.13688951270706246</v>
      </c>
      <c r="H5171" cm="1">
        <f t="array" ref="H5171">IFERROR(INDEX(Jesper!AL$2:AL$366,ROUNDDOWN($C5171/24,0)+1,1)*INDEX($D$3:$AA$30,INDEX(Jesper!$R$2:$R$366,ROW(INDEX(Jesper!AL$2:AL$366,ROUNDDOWN($C5171/24,0)+1,1))-1)+IF('Standard Profiles'!$G$22=$B$10,7,0)+IF('Standard Profiles'!$G$22=$B$17,14,0)+IF('Standard Profiles'!$G$22=$B$24,21,0),MOD($C5171,24)+1)/SUM(INDEX($D$3:$AA$30,INDEX(Jesper!$R$2:$R$366,ROW(INDEX(Jesper!AL$2:AL$366,ROUNDDOWN($C5171/24,0)+1,1))-1)+IF('Standard Profiles'!$G$22=$B$10,7,0)+IF('Standard Profiles'!$G$22=$B$17,14,0)+IF('Standard Profiles'!$G$22=$B$24,21,0),0)),0)</f>
        <v>0</v>
      </c>
      <c r="I5171">
        <f t="shared" si="580"/>
        <v>6.5706966099389946E-2</v>
      </c>
      <c r="J5171">
        <f t="shared" si="581"/>
        <v>6.7412967136835515</v>
      </c>
      <c r="K5171">
        <f t="shared" si="582"/>
        <v>0.56678218194451691</v>
      </c>
      <c r="L5171">
        <f t="shared" si="583"/>
        <v>0.28339109097225845</v>
      </c>
      <c r="M5171">
        <f t="shared" si="584"/>
        <v>0</v>
      </c>
      <c r="N5171" s="45">
        <f t="shared" si="585"/>
        <v>45141.041666654208</v>
      </c>
    </row>
    <row r="5172" spans="2:14" x14ac:dyDescent="0.25">
      <c r="B5172">
        <f t="shared" si="579"/>
        <v>4</v>
      </c>
      <c r="C5172" s="16">
        <v>5138</v>
      </c>
      <c r="D5172" cm="1">
        <f t="array" ref="D5172">IFERROR(INDEX(Jesper!AH$2:AH$366,ROUNDDOWN($C5172/24,0)+1,1)*INDEX($D$3:$AA$30,INDEX(Jesper!$R$2:$R$366,ROW(INDEX(Jesper!AH$2:AH$366,ROUNDDOWN($C5172/24,0)+1,1))-1)+IF('Standard Profiles'!$G$18=$B$10,7,0)+IF('Standard Profiles'!$G$18=$B$17,14,0)+IF('Standard Profiles'!$G$18=$B$24,21,0),MOD($C5172,24)+1)/SUM(INDEX($D$3:$AA$30,INDEX(Jesper!$R$2:$R$366,ROW(INDEX(Jesper!AH$2:AH$366,ROUNDDOWN($C5172/24,0)+1,1))-1)+IF('Standard Profiles'!$G$18=$B$10,7,0)+IF('Standard Profiles'!$G$18=$B$17,14,0)+IF('Standard Profiles'!$G$18=$B$24,21,0),0)),0)</f>
        <v>5.3135829557298457</v>
      </c>
      <c r="E5172" cm="1">
        <f t="array" ref="E5172">IFERROR(INDEX(Jesper!AI$2:AI$366,ROUNDDOWN($C5172/24,0)+1,1)*INDEX($D$3:$AA$30,INDEX(Jesper!$R$2:$R$366,ROW(INDEX(Jesper!AI$2:AI$366,ROUNDDOWN($C5172/24,0)+1,1))-1)+IF('Standard Profiles'!$G$19=$B$10,7,0)+IF('Standard Profiles'!$G$19=$B$17,14,0)+IF('Standard Profiles'!$G$19=$B$24,21,0),MOD($C5172,24)+1)/SUM(INDEX($D$3:$AA$30,INDEX(Jesper!$R$2:$R$366,ROW(INDEX(Jesper!AI$2:AI$366,ROUNDDOWN($C5172/24,0)+1,1))-1)+IF('Standard Profiles'!$G$19=$B$10,7,0)+IF('Standard Profiles'!$G$19=$B$17,14,0)+IF('Standard Profiles'!$G$19=$B$24,21,0),0)),0)</f>
        <v>2.2067044842628087</v>
      </c>
      <c r="F5172" cm="1">
        <f t="array" ref="F5172">IFERROR(INDEX(Jesper!AJ$2:AJ$366,ROUNDDOWN($C5172/24,0)+1,1)*INDEX($D$3:$AA$30,INDEX(Jesper!$R$2:$R$366,ROW(INDEX(Jesper!AJ$2:AJ$366,ROUNDDOWN($C5172/24,0)+1,1))-1)+IF('Standard Profiles'!$G$20=$B$10,7,0)+IF('Standard Profiles'!$G$20=$B$17,14,0)+IF('Standard Profiles'!$G$20=$B$24,21,0),MOD($C5172,24)+1)/SUM(INDEX($D$3:$AA$30,INDEX(Jesper!$R$2:$R$366,ROW(INDEX(Jesper!AJ$2:AJ$366,ROUNDDOWN($C5172/24,0)+1,1))-1)+IF('Standard Profiles'!$G$20=$B$10,7,0)+IF('Standard Profiles'!$G$20=$B$17,14,0)+IF('Standard Profiles'!$G$20=$B$24,21,0),0)),0)</f>
        <v>0</v>
      </c>
      <c r="G5172" cm="1">
        <f t="array" ref="G5172">IFERROR(INDEX(Jesper!AK$2:AK$366,ROUNDDOWN($C5172/24,0)+1,1)*INDEX($D$3:$AA$30,INDEX(Jesper!$R$2:$R$366,ROW(INDEX(Jesper!AK$2:AK$366,ROUNDDOWN($C5172/24,0)+1,1))-1)+IF('Standard Profiles'!$G$21=$B$10,7,0)+IF('Standard Profiles'!$G$21=$B$17,14,0)+IF('Standard Profiles'!$G$21=$B$24,21,0),MOD($C5172,24)+1)/SUM(INDEX($D$3:$AA$30,INDEX(Jesper!$R$2:$R$366,ROW(INDEX(Jesper!AK$2:AK$366,ROUNDDOWN($C5172/24,0)+1,1))-1)+IF('Standard Profiles'!$G$21=$B$10,7,0)+IF('Standard Profiles'!$G$21=$B$17,14,0)+IF('Standard Profiles'!$G$21=$B$24,21,0),0)),0)</f>
        <v>0.13688951270706246</v>
      </c>
      <c r="H5172" cm="1">
        <f t="array" ref="H5172">IFERROR(INDEX(Jesper!AL$2:AL$366,ROUNDDOWN($C5172/24,0)+1,1)*INDEX($D$3:$AA$30,INDEX(Jesper!$R$2:$R$366,ROW(INDEX(Jesper!AL$2:AL$366,ROUNDDOWN($C5172/24,0)+1,1))-1)+IF('Standard Profiles'!$G$22=$B$10,7,0)+IF('Standard Profiles'!$G$22=$B$17,14,0)+IF('Standard Profiles'!$G$22=$B$24,21,0),MOD($C5172,24)+1)/SUM(INDEX($D$3:$AA$30,INDEX(Jesper!$R$2:$R$366,ROW(INDEX(Jesper!AL$2:AL$366,ROUNDDOWN($C5172/24,0)+1,1))-1)+IF('Standard Profiles'!$G$22=$B$10,7,0)+IF('Standard Profiles'!$G$22=$B$17,14,0)+IF('Standard Profiles'!$G$22=$B$24,21,0),0)),0)</f>
        <v>0</v>
      </c>
      <c r="I5172">
        <f t="shared" si="580"/>
        <v>6.5706966099389946E-2</v>
      </c>
      <c r="J5172">
        <f t="shared" si="581"/>
        <v>6.7412967136835515</v>
      </c>
      <c r="K5172">
        <f t="shared" si="582"/>
        <v>0.56678218194451691</v>
      </c>
      <c r="L5172">
        <f t="shared" si="583"/>
        <v>0.28339109097225845</v>
      </c>
      <c r="M5172">
        <f t="shared" si="584"/>
        <v>0</v>
      </c>
      <c r="N5172" s="45">
        <f t="shared" si="585"/>
        <v>45141.083333320872</v>
      </c>
    </row>
    <row r="5173" spans="2:14" x14ac:dyDescent="0.25">
      <c r="B5173">
        <f t="shared" si="579"/>
        <v>4</v>
      </c>
      <c r="C5173" s="16">
        <v>5139</v>
      </c>
      <c r="D5173" cm="1">
        <f t="array" ref="D5173">IFERROR(INDEX(Jesper!AH$2:AH$366,ROUNDDOWN($C5173/24,0)+1,1)*INDEX($D$3:$AA$30,INDEX(Jesper!$R$2:$R$366,ROW(INDEX(Jesper!AH$2:AH$366,ROUNDDOWN($C5173/24,0)+1,1))-1)+IF('Standard Profiles'!$G$18=$B$10,7,0)+IF('Standard Profiles'!$G$18=$B$17,14,0)+IF('Standard Profiles'!$G$18=$B$24,21,0),MOD($C5173,24)+1)/SUM(INDEX($D$3:$AA$30,INDEX(Jesper!$R$2:$R$366,ROW(INDEX(Jesper!AH$2:AH$366,ROUNDDOWN($C5173/24,0)+1,1))-1)+IF('Standard Profiles'!$G$18=$B$10,7,0)+IF('Standard Profiles'!$G$18=$B$17,14,0)+IF('Standard Profiles'!$G$18=$B$24,21,0),0)),0)</f>
        <v>5.3135829557298457</v>
      </c>
      <c r="E5173" cm="1">
        <f t="array" ref="E5173">IFERROR(INDEX(Jesper!AI$2:AI$366,ROUNDDOWN($C5173/24,0)+1,1)*INDEX($D$3:$AA$30,INDEX(Jesper!$R$2:$R$366,ROW(INDEX(Jesper!AI$2:AI$366,ROUNDDOWN($C5173/24,0)+1,1))-1)+IF('Standard Profiles'!$G$19=$B$10,7,0)+IF('Standard Profiles'!$G$19=$B$17,14,0)+IF('Standard Profiles'!$G$19=$B$24,21,0),MOD($C5173,24)+1)/SUM(INDEX($D$3:$AA$30,INDEX(Jesper!$R$2:$R$366,ROW(INDEX(Jesper!AI$2:AI$366,ROUNDDOWN($C5173/24,0)+1,1))-1)+IF('Standard Profiles'!$G$19=$B$10,7,0)+IF('Standard Profiles'!$G$19=$B$17,14,0)+IF('Standard Profiles'!$G$19=$B$24,21,0),0)),0)</f>
        <v>2.2067044842628087</v>
      </c>
      <c r="F5173" cm="1">
        <f t="array" ref="F5173">IFERROR(INDEX(Jesper!AJ$2:AJ$366,ROUNDDOWN($C5173/24,0)+1,1)*INDEX($D$3:$AA$30,INDEX(Jesper!$R$2:$R$366,ROW(INDEX(Jesper!AJ$2:AJ$366,ROUNDDOWN($C5173/24,0)+1,1))-1)+IF('Standard Profiles'!$G$20=$B$10,7,0)+IF('Standard Profiles'!$G$20=$B$17,14,0)+IF('Standard Profiles'!$G$20=$B$24,21,0),MOD($C5173,24)+1)/SUM(INDEX($D$3:$AA$30,INDEX(Jesper!$R$2:$R$366,ROW(INDEX(Jesper!AJ$2:AJ$366,ROUNDDOWN($C5173/24,0)+1,1))-1)+IF('Standard Profiles'!$G$20=$B$10,7,0)+IF('Standard Profiles'!$G$20=$B$17,14,0)+IF('Standard Profiles'!$G$20=$B$24,21,0),0)),0)</f>
        <v>0</v>
      </c>
      <c r="G5173" cm="1">
        <f t="array" ref="G5173">IFERROR(INDEX(Jesper!AK$2:AK$366,ROUNDDOWN($C5173/24,0)+1,1)*INDEX($D$3:$AA$30,INDEX(Jesper!$R$2:$R$366,ROW(INDEX(Jesper!AK$2:AK$366,ROUNDDOWN($C5173/24,0)+1,1))-1)+IF('Standard Profiles'!$G$21=$B$10,7,0)+IF('Standard Profiles'!$G$21=$B$17,14,0)+IF('Standard Profiles'!$G$21=$B$24,21,0),MOD($C5173,24)+1)/SUM(INDEX($D$3:$AA$30,INDEX(Jesper!$R$2:$R$366,ROW(INDEX(Jesper!AK$2:AK$366,ROUNDDOWN($C5173/24,0)+1,1))-1)+IF('Standard Profiles'!$G$21=$B$10,7,0)+IF('Standard Profiles'!$G$21=$B$17,14,0)+IF('Standard Profiles'!$G$21=$B$24,21,0),0)),0)</f>
        <v>0.13688951270706246</v>
      </c>
      <c r="H5173" cm="1">
        <f t="array" ref="H5173">IFERROR(INDEX(Jesper!AL$2:AL$366,ROUNDDOWN($C5173/24,0)+1,1)*INDEX($D$3:$AA$30,INDEX(Jesper!$R$2:$R$366,ROW(INDEX(Jesper!AL$2:AL$366,ROUNDDOWN($C5173/24,0)+1,1))-1)+IF('Standard Profiles'!$G$22=$B$10,7,0)+IF('Standard Profiles'!$G$22=$B$17,14,0)+IF('Standard Profiles'!$G$22=$B$24,21,0),MOD($C5173,24)+1)/SUM(INDEX($D$3:$AA$30,INDEX(Jesper!$R$2:$R$366,ROW(INDEX(Jesper!AL$2:AL$366,ROUNDDOWN($C5173/24,0)+1,1))-1)+IF('Standard Profiles'!$G$22=$B$10,7,0)+IF('Standard Profiles'!$G$22=$B$17,14,0)+IF('Standard Profiles'!$G$22=$B$24,21,0),0)),0)</f>
        <v>0</v>
      </c>
      <c r="I5173">
        <f t="shared" si="580"/>
        <v>6.5706966099389946E-2</v>
      </c>
      <c r="J5173">
        <f t="shared" si="581"/>
        <v>6.7412967136835515</v>
      </c>
      <c r="K5173">
        <f t="shared" si="582"/>
        <v>0.56678218194451691</v>
      </c>
      <c r="L5173">
        <f t="shared" si="583"/>
        <v>0.28339109097225845</v>
      </c>
      <c r="M5173">
        <f t="shared" si="584"/>
        <v>0</v>
      </c>
      <c r="N5173" s="45">
        <f t="shared" si="585"/>
        <v>45141.124999987536</v>
      </c>
    </row>
    <row r="5174" spans="2:14" x14ac:dyDescent="0.25">
      <c r="B5174">
        <f t="shared" si="579"/>
        <v>4</v>
      </c>
      <c r="C5174" s="16">
        <v>5140</v>
      </c>
      <c r="D5174" cm="1">
        <f t="array" ref="D5174">IFERROR(INDEX(Jesper!AH$2:AH$366,ROUNDDOWN($C5174/24,0)+1,1)*INDEX($D$3:$AA$30,INDEX(Jesper!$R$2:$R$366,ROW(INDEX(Jesper!AH$2:AH$366,ROUNDDOWN($C5174/24,0)+1,1))-1)+IF('Standard Profiles'!$G$18=$B$10,7,0)+IF('Standard Profiles'!$G$18=$B$17,14,0)+IF('Standard Profiles'!$G$18=$B$24,21,0),MOD($C5174,24)+1)/SUM(INDEX($D$3:$AA$30,INDEX(Jesper!$R$2:$R$366,ROW(INDEX(Jesper!AH$2:AH$366,ROUNDDOWN($C5174/24,0)+1,1))-1)+IF('Standard Profiles'!$G$18=$B$10,7,0)+IF('Standard Profiles'!$G$18=$B$17,14,0)+IF('Standard Profiles'!$G$18=$B$24,21,0),0)),0)</f>
        <v>5.3135829557298457</v>
      </c>
      <c r="E5174" cm="1">
        <f t="array" ref="E5174">IFERROR(INDEX(Jesper!AI$2:AI$366,ROUNDDOWN($C5174/24,0)+1,1)*INDEX($D$3:$AA$30,INDEX(Jesper!$R$2:$R$366,ROW(INDEX(Jesper!AI$2:AI$366,ROUNDDOWN($C5174/24,0)+1,1))-1)+IF('Standard Profiles'!$G$19=$B$10,7,0)+IF('Standard Profiles'!$G$19=$B$17,14,0)+IF('Standard Profiles'!$G$19=$B$24,21,0),MOD($C5174,24)+1)/SUM(INDEX($D$3:$AA$30,INDEX(Jesper!$R$2:$R$366,ROW(INDEX(Jesper!AI$2:AI$366,ROUNDDOWN($C5174/24,0)+1,1))-1)+IF('Standard Profiles'!$G$19=$B$10,7,0)+IF('Standard Profiles'!$G$19=$B$17,14,0)+IF('Standard Profiles'!$G$19=$B$24,21,0),0)),0)</f>
        <v>2.2067044842628087</v>
      </c>
      <c r="F5174" cm="1">
        <f t="array" ref="F5174">IFERROR(INDEX(Jesper!AJ$2:AJ$366,ROUNDDOWN($C5174/24,0)+1,1)*INDEX($D$3:$AA$30,INDEX(Jesper!$R$2:$R$366,ROW(INDEX(Jesper!AJ$2:AJ$366,ROUNDDOWN($C5174/24,0)+1,1))-1)+IF('Standard Profiles'!$G$20=$B$10,7,0)+IF('Standard Profiles'!$G$20=$B$17,14,0)+IF('Standard Profiles'!$G$20=$B$24,21,0),MOD($C5174,24)+1)/SUM(INDEX($D$3:$AA$30,INDEX(Jesper!$R$2:$R$366,ROW(INDEX(Jesper!AJ$2:AJ$366,ROUNDDOWN($C5174/24,0)+1,1))-1)+IF('Standard Profiles'!$G$20=$B$10,7,0)+IF('Standard Profiles'!$G$20=$B$17,14,0)+IF('Standard Profiles'!$G$20=$B$24,21,0),0)),0)</f>
        <v>0</v>
      </c>
      <c r="G5174" cm="1">
        <f t="array" ref="G5174">IFERROR(INDEX(Jesper!AK$2:AK$366,ROUNDDOWN($C5174/24,0)+1,1)*INDEX($D$3:$AA$30,INDEX(Jesper!$R$2:$R$366,ROW(INDEX(Jesper!AK$2:AK$366,ROUNDDOWN($C5174/24,0)+1,1))-1)+IF('Standard Profiles'!$G$21=$B$10,7,0)+IF('Standard Profiles'!$G$21=$B$17,14,0)+IF('Standard Profiles'!$G$21=$B$24,21,0),MOD($C5174,24)+1)/SUM(INDEX($D$3:$AA$30,INDEX(Jesper!$R$2:$R$366,ROW(INDEX(Jesper!AK$2:AK$366,ROUNDDOWN($C5174/24,0)+1,1))-1)+IF('Standard Profiles'!$G$21=$B$10,7,0)+IF('Standard Profiles'!$G$21=$B$17,14,0)+IF('Standard Profiles'!$G$21=$B$24,21,0),0)),0)</f>
        <v>0.13688951270706246</v>
      </c>
      <c r="H5174" cm="1">
        <f t="array" ref="H5174">IFERROR(INDEX(Jesper!AL$2:AL$366,ROUNDDOWN($C5174/24,0)+1,1)*INDEX($D$3:$AA$30,INDEX(Jesper!$R$2:$R$366,ROW(INDEX(Jesper!AL$2:AL$366,ROUNDDOWN($C5174/24,0)+1,1))-1)+IF('Standard Profiles'!$G$22=$B$10,7,0)+IF('Standard Profiles'!$G$22=$B$17,14,0)+IF('Standard Profiles'!$G$22=$B$24,21,0),MOD($C5174,24)+1)/SUM(INDEX($D$3:$AA$30,INDEX(Jesper!$R$2:$R$366,ROW(INDEX(Jesper!AL$2:AL$366,ROUNDDOWN($C5174/24,0)+1,1))-1)+IF('Standard Profiles'!$G$22=$B$10,7,0)+IF('Standard Profiles'!$G$22=$B$17,14,0)+IF('Standard Profiles'!$G$22=$B$24,21,0),0)),0)</f>
        <v>0</v>
      </c>
      <c r="I5174">
        <f t="shared" si="580"/>
        <v>6.5706966099389946E-2</v>
      </c>
      <c r="J5174">
        <f t="shared" si="581"/>
        <v>6.7412967136835515</v>
      </c>
      <c r="K5174">
        <f t="shared" si="582"/>
        <v>0.56678218194451691</v>
      </c>
      <c r="L5174">
        <f t="shared" si="583"/>
        <v>0.28339109097225845</v>
      </c>
      <c r="M5174">
        <f t="shared" si="584"/>
        <v>0</v>
      </c>
      <c r="N5174" s="45">
        <f t="shared" si="585"/>
        <v>45141.166666654201</v>
      </c>
    </row>
    <row r="5175" spans="2:14" x14ac:dyDescent="0.25">
      <c r="B5175">
        <f t="shared" si="579"/>
        <v>4</v>
      </c>
      <c r="C5175" s="16">
        <v>5141</v>
      </c>
      <c r="D5175" cm="1">
        <f t="array" ref="D5175">IFERROR(INDEX(Jesper!AH$2:AH$366,ROUNDDOWN($C5175/24,0)+1,1)*INDEX($D$3:$AA$30,INDEX(Jesper!$R$2:$R$366,ROW(INDEX(Jesper!AH$2:AH$366,ROUNDDOWN($C5175/24,0)+1,1))-1)+IF('Standard Profiles'!$G$18=$B$10,7,0)+IF('Standard Profiles'!$G$18=$B$17,14,0)+IF('Standard Profiles'!$G$18=$B$24,21,0),MOD($C5175,24)+1)/SUM(INDEX($D$3:$AA$30,INDEX(Jesper!$R$2:$R$366,ROW(INDEX(Jesper!AH$2:AH$366,ROUNDDOWN($C5175/24,0)+1,1))-1)+IF('Standard Profiles'!$G$18=$B$10,7,0)+IF('Standard Profiles'!$G$18=$B$17,14,0)+IF('Standard Profiles'!$G$18=$B$24,21,0),0)),0)</f>
        <v>5.3135829557298457</v>
      </c>
      <c r="E5175" cm="1">
        <f t="array" ref="E5175">IFERROR(INDEX(Jesper!AI$2:AI$366,ROUNDDOWN($C5175/24,0)+1,1)*INDEX($D$3:$AA$30,INDEX(Jesper!$R$2:$R$366,ROW(INDEX(Jesper!AI$2:AI$366,ROUNDDOWN($C5175/24,0)+1,1))-1)+IF('Standard Profiles'!$G$19=$B$10,7,0)+IF('Standard Profiles'!$G$19=$B$17,14,0)+IF('Standard Profiles'!$G$19=$B$24,21,0),MOD($C5175,24)+1)/SUM(INDEX($D$3:$AA$30,INDEX(Jesper!$R$2:$R$366,ROW(INDEX(Jesper!AI$2:AI$366,ROUNDDOWN($C5175/24,0)+1,1))-1)+IF('Standard Profiles'!$G$19=$B$10,7,0)+IF('Standard Profiles'!$G$19=$B$17,14,0)+IF('Standard Profiles'!$G$19=$B$24,21,0),0)),0)</f>
        <v>2.2067044842628087</v>
      </c>
      <c r="F5175" cm="1">
        <f t="array" ref="F5175">IFERROR(INDEX(Jesper!AJ$2:AJ$366,ROUNDDOWN($C5175/24,0)+1,1)*INDEX($D$3:$AA$30,INDEX(Jesper!$R$2:$R$366,ROW(INDEX(Jesper!AJ$2:AJ$366,ROUNDDOWN($C5175/24,0)+1,1))-1)+IF('Standard Profiles'!$G$20=$B$10,7,0)+IF('Standard Profiles'!$G$20=$B$17,14,0)+IF('Standard Profiles'!$G$20=$B$24,21,0),MOD($C5175,24)+1)/SUM(INDEX($D$3:$AA$30,INDEX(Jesper!$R$2:$R$366,ROW(INDEX(Jesper!AJ$2:AJ$366,ROUNDDOWN($C5175/24,0)+1,1))-1)+IF('Standard Profiles'!$G$20=$B$10,7,0)+IF('Standard Profiles'!$G$20=$B$17,14,0)+IF('Standard Profiles'!$G$20=$B$24,21,0),0)),0)</f>
        <v>0</v>
      </c>
      <c r="G5175" cm="1">
        <f t="array" ref="G5175">IFERROR(INDEX(Jesper!AK$2:AK$366,ROUNDDOWN($C5175/24,0)+1,1)*INDEX($D$3:$AA$30,INDEX(Jesper!$R$2:$R$366,ROW(INDEX(Jesper!AK$2:AK$366,ROUNDDOWN($C5175/24,0)+1,1))-1)+IF('Standard Profiles'!$G$21=$B$10,7,0)+IF('Standard Profiles'!$G$21=$B$17,14,0)+IF('Standard Profiles'!$G$21=$B$24,21,0),MOD($C5175,24)+1)/SUM(INDEX($D$3:$AA$30,INDEX(Jesper!$R$2:$R$366,ROW(INDEX(Jesper!AK$2:AK$366,ROUNDDOWN($C5175/24,0)+1,1))-1)+IF('Standard Profiles'!$G$21=$B$10,7,0)+IF('Standard Profiles'!$G$21=$B$17,14,0)+IF('Standard Profiles'!$G$21=$B$24,21,0),0)),0)</f>
        <v>0.13688951270706246</v>
      </c>
      <c r="H5175" cm="1">
        <f t="array" ref="H5175">IFERROR(INDEX(Jesper!AL$2:AL$366,ROUNDDOWN($C5175/24,0)+1,1)*INDEX($D$3:$AA$30,INDEX(Jesper!$R$2:$R$366,ROW(INDEX(Jesper!AL$2:AL$366,ROUNDDOWN($C5175/24,0)+1,1))-1)+IF('Standard Profiles'!$G$22=$B$10,7,0)+IF('Standard Profiles'!$G$22=$B$17,14,0)+IF('Standard Profiles'!$G$22=$B$24,21,0),MOD($C5175,24)+1)/SUM(INDEX($D$3:$AA$30,INDEX(Jesper!$R$2:$R$366,ROW(INDEX(Jesper!AL$2:AL$366,ROUNDDOWN($C5175/24,0)+1,1))-1)+IF('Standard Profiles'!$G$22=$B$10,7,0)+IF('Standard Profiles'!$G$22=$B$17,14,0)+IF('Standard Profiles'!$G$22=$B$24,21,0),0)),0)</f>
        <v>0</v>
      </c>
      <c r="I5175">
        <f t="shared" si="580"/>
        <v>6.5706966099389946E-2</v>
      </c>
      <c r="J5175">
        <f t="shared" si="581"/>
        <v>6.7412967136835515</v>
      </c>
      <c r="K5175">
        <f t="shared" si="582"/>
        <v>0.56678218194451691</v>
      </c>
      <c r="L5175">
        <f t="shared" si="583"/>
        <v>0.28339109097225845</v>
      </c>
      <c r="M5175">
        <f t="shared" si="584"/>
        <v>0</v>
      </c>
      <c r="N5175" s="45">
        <f t="shared" si="585"/>
        <v>45141.208333320865</v>
      </c>
    </row>
    <row r="5176" spans="2:14" x14ac:dyDescent="0.25">
      <c r="B5176">
        <f t="shared" si="579"/>
        <v>4</v>
      </c>
      <c r="C5176" s="16">
        <v>5142</v>
      </c>
      <c r="D5176" cm="1">
        <f t="array" ref="D5176">IFERROR(INDEX(Jesper!AH$2:AH$366,ROUNDDOWN($C5176/24,0)+1,1)*INDEX($D$3:$AA$30,INDEX(Jesper!$R$2:$R$366,ROW(INDEX(Jesper!AH$2:AH$366,ROUNDDOWN($C5176/24,0)+1,1))-1)+IF('Standard Profiles'!$G$18=$B$10,7,0)+IF('Standard Profiles'!$G$18=$B$17,14,0)+IF('Standard Profiles'!$G$18=$B$24,21,0),MOD($C5176,24)+1)/SUM(INDEX($D$3:$AA$30,INDEX(Jesper!$R$2:$R$366,ROW(INDEX(Jesper!AH$2:AH$366,ROUNDDOWN($C5176/24,0)+1,1))-1)+IF('Standard Profiles'!$G$18=$B$10,7,0)+IF('Standard Profiles'!$G$18=$B$17,14,0)+IF('Standard Profiles'!$G$18=$B$24,21,0),0)),0)</f>
        <v>5.3135829557298457</v>
      </c>
      <c r="E5176" cm="1">
        <f t="array" ref="E5176">IFERROR(INDEX(Jesper!AI$2:AI$366,ROUNDDOWN($C5176/24,0)+1,1)*INDEX($D$3:$AA$30,INDEX(Jesper!$R$2:$R$366,ROW(INDEX(Jesper!AI$2:AI$366,ROUNDDOWN($C5176/24,0)+1,1))-1)+IF('Standard Profiles'!$G$19=$B$10,7,0)+IF('Standard Profiles'!$G$19=$B$17,14,0)+IF('Standard Profiles'!$G$19=$B$24,21,0),MOD($C5176,24)+1)/SUM(INDEX($D$3:$AA$30,INDEX(Jesper!$R$2:$R$366,ROW(INDEX(Jesper!AI$2:AI$366,ROUNDDOWN($C5176/24,0)+1,1))-1)+IF('Standard Profiles'!$G$19=$B$10,7,0)+IF('Standard Profiles'!$G$19=$B$17,14,0)+IF('Standard Profiles'!$G$19=$B$24,21,0),0)),0)</f>
        <v>2.2067044842628087</v>
      </c>
      <c r="F5176" cm="1">
        <f t="array" ref="F5176">IFERROR(INDEX(Jesper!AJ$2:AJ$366,ROUNDDOWN($C5176/24,0)+1,1)*INDEX($D$3:$AA$30,INDEX(Jesper!$R$2:$R$366,ROW(INDEX(Jesper!AJ$2:AJ$366,ROUNDDOWN($C5176/24,0)+1,1))-1)+IF('Standard Profiles'!$G$20=$B$10,7,0)+IF('Standard Profiles'!$G$20=$B$17,14,0)+IF('Standard Profiles'!$G$20=$B$24,21,0),MOD($C5176,24)+1)/SUM(INDEX($D$3:$AA$30,INDEX(Jesper!$R$2:$R$366,ROW(INDEX(Jesper!AJ$2:AJ$366,ROUNDDOWN($C5176/24,0)+1,1))-1)+IF('Standard Profiles'!$G$20=$B$10,7,0)+IF('Standard Profiles'!$G$20=$B$17,14,0)+IF('Standard Profiles'!$G$20=$B$24,21,0),0)),0)</f>
        <v>0</v>
      </c>
      <c r="G5176" cm="1">
        <f t="array" ref="G5176">IFERROR(INDEX(Jesper!AK$2:AK$366,ROUNDDOWN($C5176/24,0)+1,1)*INDEX($D$3:$AA$30,INDEX(Jesper!$R$2:$R$366,ROW(INDEX(Jesper!AK$2:AK$366,ROUNDDOWN($C5176/24,0)+1,1))-1)+IF('Standard Profiles'!$G$21=$B$10,7,0)+IF('Standard Profiles'!$G$21=$B$17,14,0)+IF('Standard Profiles'!$G$21=$B$24,21,0),MOD($C5176,24)+1)/SUM(INDEX($D$3:$AA$30,INDEX(Jesper!$R$2:$R$366,ROW(INDEX(Jesper!AK$2:AK$366,ROUNDDOWN($C5176/24,0)+1,1))-1)+IF('Standard Profiles'!$G$21=$B$10,7,0)+IF('Standard Profiles'!$G$21=$B$17,14,0)+IF('Standard Profiles'!$G$21=$B$24,21,0),0)),0)</f>
        <v>0.13688951270706246</v>
      </c>
      <c r="H5176" cm="1">
        <f t="array" ref="H5176">IFERROR(INDEX(Jesper!AL$2:AL$366,ROUNDDOWN($C5176/24,0)+1,1)*INDEX($D$3:$AA$30,INDEX(Jesper!$R$2:$R$366,ROW(INDEX(Jesper!AL$2:AL$366,ROUNDDOWN($C5176/24,0)+1,1))-1)+IF('Standard Profiles'!$G$22=$B$10,7,0)+IF('Standard Profiles'!$G$22=$B$17,14,0)+IF('Standard Profiles'!$G$22=$B$24,21,0),MOD($C5176,24)+1)/SUM(INDEX($D$3:$AA$30,INDEX(Jesper!$R$2:$R$366,ROW(INDEX(Jesper!AL$2:AL$366,ROUNDDOWN($C5176/24,0)+1,1))-1)+IF('Standard Profiles'!$G$22=$B$10,7,0)+IF('Standard Profiles'!$G$22=$B$17,14,0)+IF('Standard Profiles'!$G$22=$B$24,21,0),0)),0)</f>
        <v>0</v>
      </c>
      <c r="I5176">
        <f t="shared" si="580"/>
        <v>6.5706966099389946E-2</v>
      </c>
      <c r="J5176">
        <f t="shared" si="581"/>
        <v>6.7412967136835515</v>
      </c>
      <c r="K5176">
        <f t="shared" si="582"/>
        <v>0.56678218194451691</v>
      </c>
      <c r="L5176">
        <f t="shared" si="583"/>
        <v>0.28339109097225845</v>
      </c>
      <c r="M5176">
        <f t="shared" si="584"/>
        <v>0</v>
      </c>
      <c r="N5176" s="45">
        <f t="shared" si="585"/>
        <v>45141.249999987529</v>
      </c>
    </row>
    <row r="5177" spans="2:14" x14ac:dyDescent="0.25">
      <c r="B5177">
        <f t="shared" si="579"/>
        <v>4</v>
      </c>
      <c r="C5177" s="16">
        <v>5143</v>
      </c>
      <c r="D5177" cm="1">
        <f t="array" ref="D5177">IFERROR(INDEX(Jesper!AH$2:AH$366,ROUNDDOWN($C5177/24,0)+1,1)*INDEX($D$3:$AA$30,INDEX(Jesper!$R$2:$R$366,ROW(INDEX(Jesper!AH$2:AH$366,ROUNDDOWN($C5177/24,0)+1,1))-1)+IF('Standard Profiles'!$G$18=$B$10,7,0)+IF('Standard Profiles'!$G$18=$B$17,14,0)+IF('Standard Profiles'!$G$18=$B$24,21,0),MOD($C5177,24)+1)/SUM(INDEX($D$3:$AA$30,INDEX(Jesper!$R$2:$R$366,ROW(INDEX(Jesper!AH$2:AH$366,ROUNDDOWN($C5177/24,0)+1,1))-1)+IF('Standard Profiles'!$G$18=$B$10,7,0)+IF('Standard Profiles'!$G$18=$B$17,14,0)+IF('Standard Profiles'!$G$18=$B$24,21,0),0)),0)</f>
        <v>21.721283052362306</v>
      </c>
      <c r="E5177" cm="1">
        <f t="array" ref="E5177">IFERROR(INDEX(Jesper!AI$2:AI$366,ROUNDDOWN($C5177/24,0)+1,1)*INDEX($D$3:$AA$30,INDEX(Jesper!$R$2:$R$366,ROW(INDEX(Jesper!AI$2:AI$366,ROUNDDOWN($C5177/24,0)+1,1))-1)+IF('Standard Profiles'!$G$19=$B$10,7,0)+IF('Standard Profiles'!$G$19=$B$17,14,0)+IF('Standard Profiles'!$G$19=$B$24,21,0),MOD($C5177,24)+1)/SUM(INDEX($D$3:$AA$30,INDEX(Jesper!$R$2:$R$366,ROW(INDEX(Jesper!AI$2:AI$366,ROUNDDOWN($C5177/24,0)+1,1))-1)+IF('Standard Profiles'!$G$19=$B$10,7,0)+IF('Standard Profiles'!$G$19=$B$17,14,0)+IF('Standard Profiles'!$G$19=$B$24,21,0),0)),0)</f>
        <v>9.0207404523349357</v>
      </c>
      <c r="F5177" cm="1">
        <f t="array" ref="F5177">IFERROR(INDEX(Jesper!AJ$2:AJ$366,ROUNDDOWN($C5177/24,0)+1,1)*INDEX($D$3:$AA$30,INDEX(Jesper!$R$2:$R$366,ROW(INDEX(Jesper!AJ$2:AJ$366,ROUNDDOWN($C5177/24,0)+1,1))-1)+IF('Standard Profiles'!$G$20=$B$10,7,0)+IF('Standard Profiles'!$G$20=$B$17,14,0)+IF('Standard Profiles'!$G$20=$B$24,21,0),MOD($C5177,24)+1)/SUM(INDEX($D$3:$AA$30,INDEX(Jesper!$R$2:$R$366,ROW(INDEX(Jesper!AJ$2:AJ$366,ROUNDDOWN($C5177/24,0)+1,1))-1)+IF('Standard Profiles'!$G$20=$B$10,7,0)+IF('Standard Profiles'!$G$20=$B$17,14,0)+IF('Standard Profiles'!$G$20=$B$24,21,0),0)),0)</f>
        <v>0</v>
      </c>
      <c r="G5177" cm="1">
        <f t="array" ref="G5177">IFERROR(INDEX(Jesper!AK$2:AK$366,ROUNDDOWN($C5177/24,0)+1,1)*INDEX($D$3:$AA$30,INDEX(Jesper!$R$2:$R$366,ROW(INDEX(Jesper!AK$2:AK$366,ROUNDDOWN($C5177/24,0)+1,1))-1)+IF('Standard Profiles'!$G$21=$B$10,7,0)+IF('Standard Profiles'!$G$21=$B$17,14,0)+IF('Standard Profiles'!$G$21=$B$24,21,0),MOD($C5177,24)+1)/SUM(INDEX($D$3:$AA$30,INDEX(Jesper!$R$2:$R$366,ROW(INDEX(Jesper!AK$2:AK$366,ROUNDDOWN($C5177/24,0)+1,1))-1)+IF('Standard Profiles'!$G$21=$B$10,7,0)+IF('Standard Profiles'!$G$21=$B$17,14,0)+IF('Standard Profiles'!$G$21=$B$24,21,0),0)),0)</f>
        <v>0.37713060750795702</v>
      </c>
      <c r="H5177" cm="1">
        <f t="array" ref="H5177">IFERROR(INDEX(Jesper!AL$2:AL$366,ROUNDDOWN($C5177/24,0)+1,1)*INDEX($D$3:$AA$30,INDEX(Jesper!$R$2:$R$366,ROW(INDEX(Jesper!AL$2:AL$366,ROUNDDOWN($C5177/24,0)+1,1))-1)+IF('Standard Profiles'!$G$22=$B$10,7,0)+IF('Standard Profiles'!$G$22=$B$17,14,0)+IF('Standard Profiles'!$G$22=$B$24,21,0),MOD($C5177,24)+1)/SUM(INDEX($D$3:$AA$30,INDEX(Jesper!$R$2:$R$366,ROW(INDEX(Jesper!AL$2:AL$366,ROUNDDOWN($C5177/24,0)+1,1))-1)+IF('Standard Profiles'!$G$22=$B$10,7,0)+IF('Standard Profiles'!$G$22=$B$17,14,0)+IF('Standard Profiles'!$G$22=$B$24,21,0),0)),0)</f>
        <v>0</v>
      </c>
      <c r="I5177">
        <f t="shared" si="580"/>
        <v>0.18102269160381929</v>
      </c>
      <c r="J5177">
        <f t="shared" si="581"/>
        <v>27.462726132223409</v>
      </c>
      <c r="K5177">
        <f t="shared" si="582"/>
        <v>2.3169368589186461</v>
      </c>
      <c r="L5177">
        <f t="shared" si="583"/>
        <v>1.158468429459323</v>
      </c>
      <c r="M5177">
        <f t="shared" si="584"/>
        <v>0</v>
      </c>
      <c r="N5177" s="45">
        <f t="shared" si="585"/>
        <v>45141.291666654193</v>
      </c>
    </row>
    <row r="5178" spans="2:14" x14ac:dyDescent="0.25">
      <c r="B5178">
        <f t="shared" si="579"/>
        <v>4</v>
      </c>
      <c r="C5178" s="16">
        <v>5144</v>
      </c>
      <c r="D5178" cm="1">
        <f t="array" ref="D5178">IFERROR(INDEX(Jesper!AH$2:AH$366,ROUNDDOWN($C5178/24,0)+1,1)*INDEX($D$3:$AA$30,INDEX(Jesper!$R$2:$R$366,ROW(INDEX(Jesper!AH$2:AH$366,ROUNDDOWN($C5178/24,0)+1,1))-1)+IF('Standard Profiles'!$G$18=$B$10,7,0)+IF('Standard Profiles'!$G$18=$B$17,14,0)+IF('Standard Profiles'!$G$18=$B$24,21,0),MOD($C5178,24)+1)/SUM(INDEX($D$3:$AA$30,INDEX(Jesper!$R$2:$R$366,ROW(INDEX(Jesper!AH$2:AH$366,ROUNDDOWN($C5178/24,0)+1,1))-1)+IF('Standard Profiles'!$G$18=$B$10,7,0)+IF('Standard Profiles'!$G$18=$B$17,14,0)+IF('Standard Profiles'!$G$18=$B$24,21,0),0)),0)</f>
        <v>24.236378984741105</v>
      </c>
      <c r="E5178" cm="1">
        <f t="array" ref="E5178">IFERROR(INDEX(Jesper!AI$2:AI$366,ROUNDDOWN($C5178/24,0)+1,1)*INDEX($D$3:$AA$30,INDEX(Jesper!$R$2:$R$366,ROW(INDEX(Jesper!AI$2:AI$366,ROUNDDOWN($C5178/24,0)+1,1))-1)+IF('Standard Profiles'!$G$19=$B$10,7,0)+IF('Standard Profiles'!$G$19=$B$17,14,0)+IF('Standard Profiles'!$G$19=$B$24,21,0),MOD($C5178,24)+1)/SUM(INDEX($D$3:$AA$30,INDEX(Jesper!$R$2:$R$366,ROW(INDEX(Jesper!AI$2:AI$366,ROUNDDOWN($C5178/24,0)+1,1))-1)+IF('Standard Profiles'!$G$19=$B$10,7,0)+IF('Standard Profiles'!$G$19=$B$17,14,0)+IF('Standard Profiles'!$G$19=$B$24,21,0),0)),0)</f>
        <v>10.065247241552665</v>
      </c>
      <c r="F5178" cm="1">
        <f t="array" ref="F5178">IFERROR(INDEX(Jesper!AJ$2:AJ$366,ROUNDDOWN($C5178/24,0)+1,1)*INDEX($D$3:$AA$30,INDEX(Jesper!$R$2:$R$366,ROW(INDEX(Jesper!AJ$2:AJ$366,ROUNDDOWN($C5178/24,0)+1,1))-1)+IF('Standard Profiles'!$G$20=$B$10,7,0)+IF('Standard Profiles'!$G$20=$B$17,14,0)+IF('Standard Profiles'!$G$20=$B$24,21,0),MOD($C5178,24)+1)/SUM(INDEX($D$3:$AA$30,INDEX(Jesper!$R$2:$R$366,ROW(INDEX(Jesper!AJ$2:AJ$366,ROUNDDOWN($C5178/24,0)+1,1))-1)+IF('Standard Profiles'!$G$20=$B$10,7,0)+IF('Standard Profiles'!$G$20=$B$17,14,0)+IF('Standard Profiles'!$G$20=$B$24,21,0),0)),0)</f>
        <v>0</v>
      </c>
      <c r="G5178" cm="1">
        <f t="array" ref="G5178">IFERROR(INDEX(Jesper!AK$2:AK$366,ROUNDDOWN($C5178/24,0)+1,1)*INDEX($D$3:$AA$30,INDEX(Jesper!$R$2:$R$366,ROW(INDEX(Jesper!AK$2:AK$366,ROUNDDOWN($C5178/24,0)+1,1))-1)+IF('Standard Profiles'!$G$21=$B$10,7,0)+IF('Standard Profiles'!$G$21=$B$17,14,0)+IF('Standard Profiles'!$G$21=$B$24,21,0),MOD($C5178,24)+1)/SUM(INDEX($D$3:$AA$30,INDEX(Jesper!$R$2:$R$366,ROW(INDEX(Jesper!AK$2:AK$366,ROUNDDOWN($C5178/24,0)+1,1))-1)+IF('Standard Profiles'!$G$21=$B$10,7,0)+IF('Standard Profiles'!$G$21=$B$17,14,0)+IF('Standard Profiles'!$G$21=$B$24,21,0),0)),0)</f>
        <v>0.42079836206150995</v>
      </c>
      <c r="H5178" cm="1">
        <f t="array" ref="H5178">IFERROR(INDEX(Jesper!AL$2:AL$366,ROUNDDOWN($C5178/24,0)+1,1)*INDEX($D$3:$AA$30,INDEX(Jesper!$R$2:$R$366,ROW(INDEX(Jesper!AL$2:AL$366,ROUNDDOWN($C5178/24,0)+1,1))-1)+IF('Standard Profiles'!$G$22=$B$10,7,0)+IF('Standard Profiles'!$G$22=$B$17,14,0)+IF('Standard Profiles'!$G$22=$B$24,21,0),MOD($C5178,24)+1)/SUM(INDEX($D$3:$AA$30,INDEX(Jesper!$R$2:$R$366,ROW(INDEX(Jesper!AL$2:AL$366,ROUNDDOWN($C5178/24,0)+1,1))-1)+IF('Standard Profiles'!$G$22=$B$10,7,0)+IF('Standard Profiles'!$G$22=$B$17,14,0)+IF('Standard Profiles'!$G$22=$B$24,21,0),0)),0)</f>
        <v>0</v>
      </c>
      <c r="I5178">
        <f t="shared" si="580"/>
        <v>0.20198321378952466</v>
      </c>
      <c r="J5178">
        <f t="shared" si="581"/>
        <v>30.642620737007178</v>
      </c>
      <c r="K5178">
        <f t="shared" si="582"/>
        <v>2.5852137583723849</v>
      </c>
      <c r="L5178">
        <f t="shared" si="583"/>
        <v>1.2926068791861924</v>
      </c>
      <c r="M5178">
        <f t="shared" si="584"/>
        <v>0</v>
      </c>
      <c r="N5178" s="45">
        <f t="shared" si="585"/>
        <v>45141.333333320857</v>
      </c>
    </row>
    <row r="5179" spans="2:14" x14ac:dyDescent="0.25">
      <c r="B5179">
        <f t="shared" si="579"/>
        <v>4</v>
      </c>
      <c r="C5179" s="16">
        <v>5145</v>
      </c>
      <c r="D5179" cm="1">
        <f t="array" ref="D5179">IFERROR(INDEX(Jesper!AH$2:AH$366,ROUNDDOWN($C5179/24,0)+1,1)*INDEX($D$3:$AA$30,INDEX(Jesper!$R$2:$R$366,ROW(INDEX(Jesper!AH$2:AH$366,ROUNDDOWN($C5179/24,0)+1,1))-1)+IF('Standard Profiles'!$G$18=$B$10,7,0)+IF('Standard Profiles'!$G$18=$B$17,14,0)+IF('Standard Profiles'!$G$18=$B$24,21,0),MOD($C5179,24)+1)/SUM(INDEX($D$3:$AA$30,INDEX(Jesper!$R$2:$R$366,ROW(INDEX(Jesper!AH$2:AH$366,ROUNDDOWN($C5179/24,0)+1,1))-1)+IF('Standard Profiles'!$G$18=$B$10,7,0)+IF('Standard Profiles'!$G$18=$B$17,14,0)+IF('Standard Profiles'!$G$18=$B$24,21,0),0)),0)</f>
        <v>26.751474917119896</v>
      </c>
      <c r="E5179" cm="1">
        <f t="array" ref="E5179">IFERROR(INDEX(Jesper!AI$2:AI$366,ROUNDDOWN($C5179/24,0)+1,1)*INDEX($D$3:$AA$30,INDEX(Jesper!$R$2:$R$366,ROW(INDEX(Jesper!AI$2:AI$366,ROUNDDOWN($C5179/24,0)+1,1))-1)+IF('Standard Profiles'!$G$19=$B$10,7,0)+IF('Standard Profiles'!$G$19=$B$17,14,0)+IF('Standard Profiles'!$G$19=$B$24,21,0),MOD($C5179,24)+1)/SUM(INDEX($D$3:$AA$30,INDEX(Jesper!$R$2:$R$366,ROW(INDEX(Jesper!AI$2:AI$366,ROUNDDOWN($C5179/24,0)+1,1))-1)+IF('Standard Profiles'!$G$19=$B$10,7,0)+IF('Standard Profiles'!$G$19=$B$17,14,0)+IF('Standard Profiles'!$G$19=$B$24,21,0),0)),0)</f>
        <v>11.109754030770397</v>
      </c>
      <c r="F5179" cm="1">
        <f t="array" ref="F5179">IFERROR(INDEX(Jesper!AJ$2:AJ$366,ROUNDDOWN($C5179/24,0)+1,1)*INDEX($D$3:$AA$30,INDEX(Jesper!$R$2:$R$366,ROW(INDEX(Jesper!AJ$2:AJ$366,ROUNDDOWN($C5179/24,0)+1,1))-1)+IF('Standard Profiles'!$G$20=$B$10,7,0)+IF('Standard Profiles'!$G$20=$B$17,14,0)+IF('Standard Profiles'!$G$20=$B$24,21,0),MOD($C5179,24)+1)/SUM(INDEX($D$3:$AA$30,INDEX(Jesper!$R$2:$R$366,ROW(INDEX(Jesper!AJ$2:AJ$366,ROUNDDOWN($C5179/24,0)+1,1))-1)+IF('Standard Profiles'!$G$20=$B$10,7,0)+IF('Standard Profiles'!$G$20=$B$17,14,0)+IF('Standard Profiles'!$G$20=$B$24,21,0),0)),0)</f>
        <v>0</v>
      </c>
      <c r="G5179" cm="1">
        <f t="array" ref="G5179">IFERROR(INDEX(Jesper!AK$2:AK$366,ROUNDDOWN($C5179/24,0)+1,1)*INDEX($D$3:$AA$30,INDEX(Jesper!$R$2:$R$366,ROW(INDEX(Jesper!AK$2:AK$366,ROUNDDOWN($C5179/24,0)+1,1))-1)+IF('Standard Profiles'!$G$21=$B$10,7,0)+IF('Standard Profiles'!$G$21=$B$17,14,0)+IF('Standard Profiles'!$G$21=$B$24,21,0),MOD($C5179,24)+1)/SUM(INDEX($D$3:$AA$30,INDEX(Jesper!$R$2:$R$366,ROW(INDEX(Jesper!AK$2:AK$366,ROUNDDOWN($C5179/24,0)+1,1))-1)+IF('Standard Profiles'!$G$21=$B$10,7,0)+IF('Standard Profiles'!$G$21=$B$17,14,0)+IF('Standard Profiles'!$G$21=$B$24,21,0),0)),0)</f>
        <v>0.46446611661506282</v>
      </c>
      <c r="H5179" cm="1">
        <f t="array" ref="H5179">IFERROR(INDEX(Jesper!AL$2:AL$366,ROUNDDOWN($C5179/24,0)+1,1)*INDEX($D$3:$AA$30,INDEX(Jesper!$R$2:$R$366,ROW(INDEX(Jesper!AL$2:AL$366,ROUNDDOWN($C5179/24,0)+1,1))-1)+IF('Standard Profiles'!$G$22=$B$10,7,0)+IF('Standard Profiles'!$G$22=$B$17,14,0)+IF('Standard Profiles'!$G$22=$B$24,21,0),MOD($C5179,24)+1)/SUM(INDEX($D$3:$AA$30,INDEX(Jesper!$R$2:$R$366,ROW(INDEX(Jesper!AL$2:AL$366,ROUNDDOWN($C5179/24,0)+1,1))-1)+IF('Standard Profiles'!$G$22=$B$10,7,0)+IF('Standard Profiles'!$G$22=$B$17,14,0)+IF('Standard Profiles'!$G$22=$B$24,21,0),0)),0)</f>
        <v>0</v>
      </c>
      <c r="I5179">
        <f t="shared" si="580"/>
        <v>0.22294373597523004</v>
      </c>
      <c r="J5179">
        <f t="shared" si="581"/>
        <v>33.822515341790947</v>
      </c>
      <c r="K5179">
        <f t="shared" si="582"/>
        <v>2.8534906578261223</v>
      </c>
      <c r="L5179">
        <f t="shared" si="583"/>
        <v>1.4267453289130612</v>
      </c>
      <c r="M5179">
        <f t="shared" si="584"/>
        <v>0</v>
      </c>
      <c r="N5179" s="45">
        <f t="shared" si="585"/>
        <v>45141.374999987522</v>
      </c>
    </row>
    <row r="5180" spans="2:14" x14ac:dyDescent="0.25">
      <c r="B5180">
        <f t="shared" si="579"/>
        <v>4</v>
      </c>
      <c r="C5180" s="16">
        <v>5146</v>
      </c>
      <c r="D5180" cm="1">
        <f t="array" ref="D5180">IFERROR(INDEX(Jesper!AH$2:AH$366,ROUNDDOWN($C5180/24,0)+1,1)*INDEX($D$3:$AA$30,INDEX(Jesper!$R$2:$R$366,ROW(INDEX(Jesper!AH$2:AH$366,ROUNDDOWN($C5180/24,0)+1,1))-1)+IF('Standard Profiles'!$G$18=$B$10,7,0)+IF('Standard Profiles'!$G$18=$B$17,14,0)+IF('Standard Profiles'!$G$18=$B$24,21,0),MOD($C5180,24)+1)/SUM(INDEX($D$3:$AA$30,INDEX(Jesper!$R$2:$R$366,ROW(INDEX(Jesper!AH$2:AH$366,ROUNDDOWN($C5180/24,0)+1,1))-1)+IF('Standard Profiles'!$G$18=$B$10,7,0)+IF('Standard Profiles'!$G$18=$B$17,14,0)+IF('Standard Profiles'!$G$18=$B$24,21,0),0)),0)</f>
        <v>26.751474917119896</v>
      </c>
      <c r="E5180" cm="1">
        <f t="array" ref="E5180">IFERROR(INDEX(Jesper!AI$2:AI$366,ROUNDDOWN($C5180/24,0)+1,1)*INDEX($D$3:$AA$30,INDEX(Jesper!$R$2:$R$366,ROW(INDEX(Jesper!AI$2:AI$366,ROUNDDOWN($C5180/24,0)+1,1))-1)+IF('Standard Profiles'!$G$19=$B$10,7,0)+IF('Standard Profiles'!$G$19=$B$17,14,0)+IF('Standard Profiles'!$G$19=$B$24,21,0),MOD($C5180,24)+1)/SUM(INDEX($D$3:$AA$30,INDEX(Jesper!$R$2:$R$366,ROW(INDEX(Jesper!AI$2:AI$366,ROUNDDOWN($C5180/24,0)+1,1))-1)+IF('Standard Profiles'!$G$19=$B$10,7,0)+IF('Standard Profiles'!$G$19=$B$17,14,0)+IF('Standard Profiles'!$G$19=$B$24,21,0),0)),0)</f>
        <v>11.109754030770397</v>
      </c>
      <c r="F5180" cm="1">
        <f t="array" ref="F5180">IFERROR(INDEX(Jesper!AJ$2:AJ$366,ROUNDDOWN($C5180/24,0)+1,1)*INDEX($D$3:$AA$30,INDEX(Jesper!$R$2:$R$366,ROW(INDEX(Jesper!AJ$2:AJ$366,ROUNDDOWN($C5180/24,0)+1,1))-1)+IF('Standard Profiles'!$G$20=$B$10,7,0)+IF('Standard Profiles'!$G$20=$B$17,14,0)+IF('Standard Profiles'!$G$20=$B$24,21,0),MOD($C5180,24)+1)/SUM(INDEX($D$3:$AA$30,INDEX(Jesper!$R$2:$R$366,ROW(INDEX(Jesper!AJ$2:AJ$366,ROUNDDOWN($C5180/24,0)+1,1))-1)+IF('Standard Profiles'!$G$20=$B$10,7,0)+IF('Standard Profiles'!$G$20=$B$17,14,0)+IF('Standard Profiles'!$G$20=$B$24,21,0),0)),0)</f>
        <v>0</v>
      </c>
      <c r="G5180" cm="1">
        <f t="array" ref="G5180">IFERROR(INDEX(Jesper!AK$2:AK$366,ROUNDDOWN($C5180/24,0)+1,1)*INDEX($D$3:$AA$30,INDEX(Jesper!$R$2:$R$366,ROW(INDEX(Jesper!AK$2:AK$366,ROUNDDOWN($C5180/24,0)+1,1))-1)+IF('Standard Profiles'!$G$21=$B$10,7,0)+IF('Standard Profiles'!$G$21=$B$17,14,0)+IF('Standard Profiles'!$G$21=$B$24,21,0),MOD($C5180,24)+1)/SUM(INDEX($D$3:$AA$30,INDEX(Jesper!$R$2:$R$366,ROW(INDEX(Jesper!AK$2:AK$366,ROUNDDOWN($C5180/24,0)+1,1))-1)+IF('Standard Profiles'!$G$21=$B$10,7,0)+IF('Standard Profiles'!$G$21=$B$17,14,0)+IF('Standard Profiles'!$G$21=$B$24,21,0),0)),0)</f>
        <v>0.46446611661506282</v>
      </c>
      <c r="H5180" cm="1">
        <f t="array" ref="H5180">IFERROR(INDEX(Jesper!AL$2:AL$366,ROUNDDOWN($C5180/24,0)+1,1)*INDEX($D$3:$AA$30,INDEX(Jesper!$R$2:$R$366,ROW(INDEX(Jesper!AL$2:AL$366,ROUNDDOWN($C5180/24,0)+1,1))-1)+IF('Standard Profiles'!$G$22=$B$10,7,0)+IF('Standard Profiles'!$G$22=$B$17,14,0)+IF('Standard Profiles'!$G$22=$B$24,21,0),MOD($C5180,24)+1)/SUM(INDEX($D$3:$AA$30,INDEX(Jesper!$R$2:$R$366,ROW(INDEX(Jesper!AL$2:AL$366,ROUNDDOWN($C5180/24,0)+1,1))-1)+IF('Standard Profiles'!$G$22=$B$10,7,0)+IF('Standard Profiles'!$G$22=$B$17,14,0)+IF('Standard Profiles'!$G$22=$B$24,21,0),0)),0)</f>
        <v>0</v>
      </c>
      <c r="I5180">
        <f t="shared" si="580"/>
        <v>0.22294373597523004</v>
      </c>
      <c r="J5180">
        <f t="shared" si="581"/>
        <v>33.822515341790947</v>
      </c>
      <c r="K5180">
        <f t="shared" si="582"/>
        <v>2.8534906578261223</v>
      </c>
      <c r="L5180">
        <f t="shared" si="583"/>
        <v>1.4267453289130612</v>
      </c>
      <c r="M5180">
        <f t="shared" si="584"/>
        <v>0</v>
      </c>
      <c r="N5180" s="45">
        <f t="shared" si="585"/>
        <v>45141.416666654186</v>
      </c>
    </row>
    <row r="5181" spans="2:14" x14ac:dyDescent="0.25">
      <c r="B5181">
        <f t="shared" si="579"/>
        <v>4</v>
      </c>
      <c r="C5181" s="16">
        <v>5147</v>
      </c>
      <c r="D5181" cm="1">
        <f t="array" ref="D5181">IFERROR(INDEX(Jesper!AH$2:AH$366,ROUNDDOWN($C5181/24,0)+1,1)*INDEX($D$3:$AA$30,INDEX(Jesper!$R$2:$R$366,ROW(INDEX(Jesper!AH$2:AH$366,ROUNDDOWN($C5181/24,0)+1,1))-1)+IF('Standard Profiles'!$G$18=$B$10,7,0)+IF('Standard Profiles'!$G$18=$B$17,14,0)+IF('Standard Profiles'!$G$18=$B$24,21,0),MOD($C5181,24)+1)/SUM(INDEX($D$3:$AA$30,INDEX(Jesper!$R$2:$R$366,ROW(INDEX(Jesper!AH$2:AH$366,ROUNDDOWN($C5181/24,0)+1,1))-1)+IF('Standard Profiles'!$G$18=$B$10,7,0)+IF('Standard Profiles'!$G$18=$B$17,14,0)+IF('Standard Profiles'!$G$18=$B$24,21,0),0)),0)</f>
        <v>32.010311866639192</v>
      </c>
      <c r="E5181" cm="1">
        <f t="array" ref="E5181">IFERROR(INDEX(Jesper!AI$2:AI$366,ROUNDDOWN($C5181/24,0)+1,1)*INDEX($D$3:$AA$30,INDEX(Jesper!$R$2:$R$366,ROW(INDEX(Jesper!AI$2:AI$366,ROUNDDOWN($C5181/24,0)+1,1))-1)+IF('Standard Profiles'!$G$19=$B$10,7,0)+IF('Standard Profiles'!$G$19=$B$17,14,0)+IF('Standard Profiles'!$G$19=$B$24,21,0),MOD($C5181,24)+1)/SUM(INDEX($D$3:$AA$30,INDEX(Jesper!$R$2:$R$366,ROW(INDEX(Jesper!AI$2:AI$366,ROUNDDOWN($C5181/24,0)+1,1))-1)+IF('Standard Profiles'!$G$19=$B$10,7,0)+IF('Standard Profiles'!$G$19=$B$17,14,0)+IF('Standard Profiles'!$G$19=$B$24,21,0),0)),0)</f>
        <v>13.293722771862011</v>
      </c>
      <c r="F5181" cm="1">
        <f t="array" ref="F5181">IFERROR(INDEX(Jesper!AJ$2:AJ$366,ROUNDDOWN($C5181/24,0)+1,1)*INDEX($D$3:$AA$30,INDEX(Jesper!$R$2:$R$366,ROW(INDEX(Jesper!AJ$2:AJ$366,ROUNDDOWN($C5181/24,0)+1,1))-1)+IF('Standard Profiles'!$G$20=$B$10,7,0)+IF('Standard Profiles'!$G$20=$B$17,14,0)+IF('Standard Profiles'!$G$20=$B$24,21,0),MOD($C5181,24)+1)/SUM(INDEX($D$3:$AA$30,INDEX(Jesper!$R$2:$R$366,ROW(INDEX(Jesper!AJ$2:AJ$366,ROUNDDOWN($C5181/24,0)+1,1))-1)+IF('Standard Profiles'!$G$20=$B$10,7,0)+IF('Standard Profiles'!$G$20=$B$17,14,0)+IF('Standard Profiles'!$G$20=$B$24,21,0),0)),0)</f>
        <v>0</v>
      </c>
      <c r="G5181" cm="1">
        <f t="array" ref="G5181">IFERROR(INDEX(Jesper!AK$2:AK$366,ROUNDDOWN($C5181/24,0)+1,1)*INDEX($D$3:$AA$30,INDEX(Jesper!$R$2:$R$366,ROW(INDEX(Jesper!AK$2:AK$366,ROUNDDOWN($C5181/24,0)+1,1))-1)+IF('Standard Profiles'!$G$21=$B$10,7,0)+IF('Standard Profiles'!$G$21=$B$17,14,0)+IF('Standard Profiles'!$G$21=$B$24,21,0),MOD($C5181,24)+1)/SUM(INDEX($D$3:$AA$30,INDEX(Jesper!$R$2:$R$366,ROW(INDEX(Jesper!AK$2:AK$366,ROUNDDOWN($C5181/24,0)+1,1))-1)+IF('Standard Profiles'!$G$21=$B$10,7,0)+IF('Standard Profiles'!$G$21=$B$17,14,0)+IF('Standard Profiles'!$G$21=$B$24,21,0),0)),0)</f>
        <v>0.55577142159067339</v>
      </c>
      <c r="H5181" cm="1">
        <f t="array" ref="H5181">IFERROR(INDEX(Jesper!AL$2:AL$366,ROUNDDOWN($C5181/24,0)+1,1)*INDEX($D$3:$AA$30,INDEX(Jesper!$R$2:$R$366,ROW(INDEX(Jesper!AL$2:AL$366,ROUNDDOWN($C5181/24,0)+1,1))-1)+IF('Standard Profiles'!$G$22=$B$10,7,0)+IF('Standard Profiles'!$G$22=$B$17,14,0)+IF('Standard Profiles'!$G$22=$B$24,21,0),MOD($C5181,24)+1)/SUM(INDEX($D$3:$AA$30,INDEX(Jesper!$R$2:$R$366,ROW(INDEX(Jesper!AL$2:AL$366,ROUNDDOWN($C5181/24,0)+1,1))-1)+IF('Standard Profiles'!$G$22=$B$10,7,0)+IF('Standard Profiles'!$G$22=$B$17,14,0)+IF('Standard Profiles'!$G$22=$B$24,21,0),0)),0)</f>
        <v>0</v>
      </c>
      <c r="I5181">
        <f t="shared" si="580"/>
        <v>0.26677028236352307</v>
      </c>
      <c r="J5181">
        <f t="shared" si="581"/>
        <v>40.471385879066084</v>
      </c>
      <c r="K5181">
        <f t="shared" si="582"/>
        <v>3.4144332657748473</v>
      </c>
      <c r="L5181">
        <f t="shared" si="583"/>
        <v>1.7072166328874236</v>
      </c>
      <c r="M5181">
        <f t="shared" si="584"/>
        <v>0</v>
      </c>
      <c r="N5181" s="45">
        <f t="shared" si="585"/>
        <v>45141.45833332085</v>
      </c>
    </row>
    <row r="5182" spans="2:14" x14ac:dyDescent="0.25">
      <c r="B5182">
        <f t="shared" si="579"/>
        <v>4</v>
      </c>
      <c r="C5182" s="16">
        <v>5148</v>
      </c>
      <c r="D5182" cm="1">
        <f t="array" ref="D5182">IFERROR(INDEX(Jesper!AH$2:AH$366,ROUNDDOWN($C5182/24,0)+1,1)*INDEX($D$3:$AA$30,INDEX(Jesper!$R$2:$R$366,ROW(INDEX(Jesper!AH$2:AH$366,ROUNDDOWN($C5182/24,0)+1,1))-1)+IF('Standard Profiles'!$G$18=$B$10,7,0)+IF('Standard Profiles'!$G$18=$B$17,14,0)+IF('Standard Profiles'!$G$18=$B$24,21,0),MOD($C5182,24)+1)/SUM(INDEX($D$3:$AA$30,INDEX(Jesper!$R$2:$R$366,ROW(INDEX(Jesper!AH$2:AH$366,ROUNDDOWN($C5182/24,0)+1,1))-1)+IF('Standard Profiles'!$G$18=$B$10,7,0)+IF('Standard Profiles'!$G$18=$B$17,14,0)+IF('Standard Profiles'!$G$18=$B$24,21,0),0)),0)</f>
        <v>32.010311866639192</v>
      </c>
      <c r="E5182" cm="1">
        <f t="array" ref="E5182">IFERROR(INDEX(Jesper!AI$2:AI$366,ROUNDDOWN($C5182/24,0)+1,1)*INDEX($D$3:$AA$30,INDEX(Jesper!$R$2:$R$366,ROW(INDEX(Jesper!AI$2:AI$366,ROUNDDOWN($C5182/24,0)+1,1))-1)+IF('Standard Profiles'!$G$19=$B$10,7,0)+IF('Standard Profiles'!$G$19=$B$17,14,0)+IF('Standard Profiles'!$G$19=$B$24,21,0),MOD($C5182,24)+1)/SUM(INDEX($D$3:$AA$30,INDEX(Jesper!$R$2:$R$366,ROW(INDEX(Jesper!AI$2:AI$366,ROUNDDOWN($C5182/24,0)+1,1))-1)+IF('Standard Profiles'!$G$19=$B$10,7,0)+IF('Standard Profiles'!$G$19=$B$17,14,0)+IF('Standard Profiles'!$G$19=$B$24,21,0),0)),0)</f>
        <v>13.293722771862011</v>
      </c>
      <c r="F5182" cm="1">
        <f t="array" ref="F5182">IFERROR(INDEX(Jesper!AJ$2:AJ$366,ROUNDDOWN($C5182/24,0)+1,1)*INDEX($D$3:$AA$30,INDEX(Jesper!$R$2:$R$366,ROW(INDEX(Jesper!AJ$2:AJ$366,ROUNDDOWN($C5182/24,0)+1,1))-1)+IF('Standard Profiles'!$G$20=$B$10,7,0)+IF('Standard Profiles'!$G$20=$B$17,14,0)+IF('Standard Profiles'!$G$20=$B$24,21,0),MOD($C5182,24)+1)/SUM(INDEX($D$3:$AA$30,INDEX(Jesper!$R$2:$R$366,ROW(INDEX(Jesper!AJ$2:AJ$366,ROUNDDOWN($C5182/24,0)+1,1))-1)+IF('Standard Profiles'!$G$20=$B$10,7,0)+IF('Standard Profiles'!$G$20=$B$17,14,0)+IF('Standard Profiles'!$G$20=$B$24,21,0),0)),0)</f>
        <v>0</v>
      </c>
      <c r="G5182" cm="1">
        <f t="array" ref="G5182">IFERROR(INDEX(Jesper!AK$2:AK$366,ROUNDDOWN($C5182/24,0)+1,1)*INDEX($D$3:$AA$30,INDEX(Jesper!$R$2:$R$366,ROW(INDEX(Jesper!AK$2:AK$366,ROUNDDOWN($C5182/24,0)+1,1))-1)+IF('Standard Profiles'!$G$21=$B$10,7,0)+IF('Standard Profiles'!$G$21=$B$17,14,0)+IF('Standard Profiles'!$G$21=$B$24,21,0),MOD($C5182,24)+1)/SUM(INDEX($D$3:$AA$30,INDEX(Jesper!$R$2:$R$366,ROW(INDEX(Jesper!AK$2:AK$366,ROUNDDOWN($C5182/24,0)+1,1))-1)+IF('Standard Profiles'!$G$21=$B$10,7,0)+IF('Standard Profiles'!$G$21=$B$17,14,0)+IF('Standard Profiles'!$G$21=$B$24,21,0),0)),0)</f>
        <v>0.55577142159067339</v>
      </c>
      <c r="H5182" cm="1">
        <f t="array" ref="H5182">IFERROR(INDEX(Jesper!AL$2:AL$366,ROUNDDOWN($C5182/24,0)+1,1)*INDEX($D$3:$AA$30,INDEX(Jesper!$R$2:$R$366,ROW(INDEX(Jesper!AL$2:AL$366,ROUNDDOWN($C5182/24,0)+1,1))-1)+IF('Standard Profiles'!$G$22=$B$10,7,0)+IF('Standard Profiles'!$G$22=$B$17,14,0)+IF('Standard Profiles'!$G$22=$B$24,21,0),MOD($C5182,24)+1)/SUM(INDEX($D$3:$AA$30,INDEX(Jesper!$R$2:$R$366,ROW(INDEX(Jesper!AL$2:AL$366,ROUNDDOWN($C5182/24,0)+1,1))-1)+IF('Standard Profiles'!$G$22=$B$10,7,0)+IF('Standard Profiles'!$G$22=$B$17,14,0)+IF('Standard Profiles'!$G$22=$B$24,21,0),0)),0)</f>
        <v>0</v>
      </c>
      <c r="I5182">
        <f t="shared" si="580"/>
        <v>0.26677028236352307</v>
      </c>
      <c r="J5182">
        <f t="shared" si="581"/>
        <v>40.471385879066084</v>
      </c>
      <c r="K5182">
        <f t="shared" si="582"/>
        <v>3.4144332657748473</v>
      </c>
      <c r="L5182">
        <f t="shared" si="583"/>
        <v>1.7072166328874236</v>
      </c>
      <c r="M5182">
        <f t="shared" si="584"/>
        <v>0</v>
      </c>
      <c r="N5182" s="45">
        <f t="shared" si="585"/>
        <v>45141.499999987514</v>
      </c>
    </row>
    <row r="5183" spans="2:14" x14ac:dyDescent="0.25">
      <c r="B5183">
        <f t="shared" si="579"/>
        <v>4</v>
      </c>
      <c r="C5183" s="16">
        <v>5149</v>
      </c>
      <c r="D5183" cm="1">
        <f t="array" ref="D5183">IFERROR(INDEX(Jesper!AH$2:AH$366,ROUNDDOWN($C5183/24,0)+1,1)*INDEX($D$3:$AA$30,INDEX(Jesper!$R$2:$R$366,ROW(INDEX(Jesper!AH$2:AH$366,ROUNDDOWN($C5183/24,0)+1,1))-1)+IF('Standard Profiles'!$G$18=$B$10,7,0)+IF('Standard Profiles'!$G$18=$B$17,14,0)+IF('Standard Profiles'!$G$18=$B$24,21,0),MOD($C5183,24)+1)/SUM(INDEX($D$3:$AA$30,INDEX(Jesper!$R$2:$R$366,ROW(INDEX(Jesper!AH$2:AH$366,ROUNDDOWN($C5183/24,0)+1,1))-1)+IF('Standard Profiles'!$G$18=$B$10,7,0)+IF('Standard Profiles'!$G$18=$B$17,14,0)+IF('Standard Profiles'!$G$18=$B$24,21,0),0)),0)</f>
        <v>21.263992882838892</v>
      </c>
      <c r="E5183" cm="1">
        <f t="array" ref="E5183">IFERROR(INDEX(Jesper!AI$2:AI$366,ROUNDDOWN($C5183/24,0)+1,1)*INDEX($D$3:$AA$30,INDEX(Jesper!$R$2:$R$366,ROW(INDEX(Jesper!AI$2:AI$366,ROUNDDOWN($C5183/24,0)+1,1))-1)+IF('Standard Profiles'!$G$19=$B$10,7,0)+IF('Standard Profiles'!$G$19=$B$17,14,0)+IF('Standard Profiles'!$G$19=$B$24,21,0),MOD($C5183,24)+1)/SUM(INDEX($D$3:$AA$30,INDEX(Jesper!$R$2:$R$366,ROW(INDEX(Jesper!AI$2:AI$366,ROUNDDOWN($C5183/24,0)+1,1))-1)+IF('Standard Profiles'!$G$19=$B$10,7,0)+IF('Standard Profiles'!$G$19=$B$17,14,0)+IF('Standard Profiles'!$G$19=$B$24,21,0),0)),0)</f>
        <v>8.8308301270226224</v>
      </c>
      <c r="F5183" cm="1">
        <f t="array" ref="F5183">IFERROR(INDEX(Jesper!AJ$2:AJ$366,ROUNDDOWN($C5183/24,0)+1,1)*INDEX($D$3:$AA$30,INDEX(Jesper!$R$2:$R$366,ROW(INDEX(Jesper!AJ$2:AJ$366,ROUNDDOWN($C5183/24,0)+1,1))-1)+IF('Standard Profiles'!$G$20=$B$10,7,0)+IF('Standard Profiles'!$G$20=$B$17,14,0)+IF('Standard Profiles'!$G$20=$B$24,21,0),MOD($C5183,24)+1)/SUM(INDEX($D$3:$AA$30,INDEX(Jesper!$R$2:$R$366,ROW(INDEX(Jesper!AJ$2:AJ$366,ROUNDDOWN($C5183/24,0)+1,1))-1)+IF('Standard Profiles'!$G$20=$B$10,7,0)+IF('Standard Profiles'!$G$20=$B$17,14,0)+IF('Standard Profiles'!$G$20=$B$24,21,0),0)),0)</f>
        <v>0</v>
      </c>
      <c r="G5183" cm="1">
        <f t="array" ref="G5183">IFERROR(INDEX(Jesper!AK$2:AK$366,ROUNDDOWN($C5183/24,0)+1,1)*INDEX($D$3:$AA$30,INDEX(Jesper!$R$2:$R$366,ROW(INDEX(Jesper!AK$2:AK$366,ROUNDDOWN($C5183/24,0)+1,1))-1)+IF('Standard Profiles'!$G$21=$B$10,7,0)+IF('Standard Profiles'!$G$21=$B$17,14,0)+IF('Standard Profiles'!$G$21=$B$24,21,0),MOD($C5183,24)+1)/SUM(INDEX($D$3:$AA$30,INDEX(Jesper!$R$2:$R$366,ROW(INDEX(Jesper!AK$2:AK$366,ROUNDDOWN($C5183/24,0)+1,1))-1)+IF('Standard Profiles'!$G$21=$B$10,7,0)+IF('Standard Profiles'!$G$21=$B$17,14,0)+IF('Standard Profiles'!$G$21=$B$24,21,0),0)),0)</f>
        <v>0.36919101577094737</v>
      </c>
      <c r="H5183" cm="1">
        <f t="array" ref="H5183">IFERROR(INDEX(Jesper!AL$2:AL$366,ROUNDDOWN($C5183/24,0)+1,1)*INDEX($D$3:$AA$30,INDEX(Jesper!$R$2:$R$366,ROW(INDEX(Jesper!AL$2:AL$366,ROUNDDOWN($C5183/24,0)+1,1))-1)+IF('Standard Profiles'!$G$22=$B$10,7,0)+IF('Standard Profiles'!$G$22=$B$17,14,0)+IF('Standard Profiles'!$G$22=$B$24,21,0),MOD($C5183,24)+1)/SUM(INDEX($D$3:$AA$30,INDEX(Jesper!$R$2:$R$366,ROW(INDEX(Jesper!AL$2:AL$366,ROUNDDOWN($C5183/24,0)+1,1))-1)+IF('Standard Profiles'!$G$22=$B$10,7,0)+IF('Standard Profiles'!$G$22=$B$17,14,0)+IF('Standard Profiles'!$G$22=$B$24,21,0),0)),0)</f>
        <v>0</v>
      </c>
      <c r="I5183">
        <f t="shared" si="580"/>
        <v>0.17721168757005465</v>
      </c>
      <c r="J5183">
        <f t="shared" si="581"/>
        <v>26.884563476808186</v>
      </c>
      <c r="K5183">
        <f t="shared" si="582"/>
        <v>2.2681592408361486</v>
      </c>
      <c r="L5183">
        <f t="shared" si="583"/>
        <v>1.1340796204180743</v>
      </c>
      <c r="M5183">
        <f t="shared" si="584"/>
        <v>0</v>
      </c>
      <c r="N5183" s="45">
        <f t="shared" si="585"/>
        <v>45141.541666654179</v>
      </c>
    </row>
    <row r="5184" spans="2:14" x14ac:dyDescent="0.25">
      <c r="B5184">
        <f t="shared" si="579"/>
        <v>4</v>
      </c>
      <c r="C5184" s="16">
        <v>5150</v>
      </c>
      <c r="D5184" cm="1">
        <f t="array" ref="D5184">IFERROR(INDEX(Jesper!AH$2:AH$366,ROUNDDOWN($C5184/24,0)+1,1)*INDEX($D$3:$AA$30,INDEX(Jesper!$R$2:$R$366,ROW(INDEX(Jesper!AH$2:AH$366,ROUNDDOWN($C5184/24,0)+1,1))-1)+IF('Standard Profiles'!$G$18=$B$10,7,0)+IF('Standard Profiles'!$G$18=$B$17,14,0)+IF('Standard Profiles'!$G$18=$B$24,21,0),MOD($C5184,24)+1)/SUM(INDEX($D$3:$AA$30,INDEX(Jesper!$R$2:$R$366,ROW(INDEX(Jesper!AH$2:AH$366,ROUNDDOWN($C5184/24,0)+1,1))-1)+IF('Standard Profiles'!$G$18=$B$10,7,0)+IF('Standard Profiles'!$G$18=$B$17,14,0)+IF('Standard Profiles'!$G$18=$B$24,21,0),0)),0)</f>
        <v>32.010311866639192</v>
      </c>
      <c r="E5184" cm="1">
        <f t="array" ref="E5184">IFERROR(INDEX(Jesper!AI$2:AI$366,ROUNDDOWN($C5184/24,0)+1,1)*INDEX($D$3:$AA$30,INDEX(Jesper!$R$2:$R$366,ROW(INDEX(Jesper!AI$2:AI$366,ROUNDDOWN($C5184/24,0)+1,1))-1)+IF('Standard Profiles'!$G$19=$B$10,7,0)+IF('Standard Profiles'!$G$19=$B$17,14,0)+IF('Standard Profiles'!$G$19=$B$24,21,0),MOD($C5184,24)+1)/SUM(INDEX($D$3:$AA$30,INDEX(Jesper!$R$2:$R$366,ROW(INDEX(Jesper!AI$2:AI$366,ROUNDDOWN($C5184/24,0)+1,1))-1)+IF('Standard Profiles'!$G$19=$B$10,7,0)+IF('Standard Profiles'!$G$19=$B$17,14,0)+IF('Standard Profiles'!$G$19=$B$24,21,0),0)),0)</f>
        <v>13.293722771862011</v>
      </c>
      <c r="F5184" cm="1">
        <f t="array" ref="F5184">IFERROR(INDEX(Jesper!AJ$2:AJ$366,ROUNDDOWN($C5184/24,0)+1,1)*INDEX($D$3:$AA$30,INDEX(Jesper!$R$2:$R$366,ROW(INDEX(Jesper!AJ$2:AJ$366,ROUNDDOWN($C5184/24,0)+1,1))-1)+IF('Standard Profiles'!$G$20=$B$10,7,0)+IF('Standard Profiles'!$G$20=$B$17,14,0)+IF('Standard Profiles'!$G$20=$B$24,21,0),MOD($C5184,24)+1)/SUM(INDEX($D$3:$AA$30,INDEX(Jesper!$R$2:$R$366,ROW(INDEX(Jesper!AJ$2:AJ$366,ROUNDDOWN($C5184/24,0)+1,1))-1)+IF('Standard Profiles'!$G$20=$B$10,7,0)+IF('Standard Profiles'!$G$20=$B$17,14,0)+IF('Standard Profiles'!$G$20=$B$24,21,0),0)),0)</f>
        <v>0</v>
      </c>
      <c r="G5184" cm="1">
        <f t="array" ref="G5184">IFERROR(INDEX(Jesper!AK$2:AK$366,ROUNDDOWN($C5184/24,0)+1,1)*INDEX($D$3:$AA$30,INDEX(Jesper!$R$2:$R$366,ROW(INDEX(Jesper!AK$2:AK$366,ROUNDDOWN($C5184/24,0)+1,1))-1)+IF('Standard Profiles'!$G$21=$B$10,7,0)+IF('Standard Profiles'!$G$21=$B$17,14,0)+IF('Standard Profiles'!$G$21=$B$24,21,0),MOD($C5184,24)+1)/SUM(INDEX($D$3:$AA$30,INDEX(Jesper!$R$2:$R$366,ROW(INDEX(Jesper!AK$2:AK$366,ROUNDDOWN($C5184/24,0)+1,1))-1)+IF('Standard Profiles'!$G$21=$B$10,7,0)+IF('Standard Profiles'!$G$21=$B$17,14,0)+IF('Standard Profiles'!$G$21=$B$24,21,0),0)),0)</f>
        <v>0.55577142159067339</v>
      </c>
      <c r="H5184" cm="1">
        <f t="array" ref="H5184">IFERROR(INDEX(Jesper!AL$2:AL$366,ROUNDDOWN($C5184/24,0)+1,1)*INDEX($D$3:$AA$30,INDEX(Jesper!$R$2:$R$366,ROW(INDEX(Jesper!AL$2:AL$366,ROUNDDOWN($C5184/24,0)+1,1))-1)+IF('Standard Profiles'!$G$22=$B$10,7,0)+IF('Standard Profiles'!$G$22=$B$17,14,0)+IF('Standard Profiles'!$G$22=$B$24,21,0),MOD($C5184,24)+1)/SUM(INDEX($D$3:$AA$30,INDEX(Jesper!$R$2:$R$366,ROW(INDEX(Jesper!AL$2:AL$366,ROUNDDOWN($C5184/24,0)+1,1))-1)+IF('Standard Profiles'!$G$22=$B$10,7,0)+IF('Standard Profiles'!$G$22=$B$17,14,0)+IF('Standard Profiles'!$G$22=$B$24,21,0),0)),0)</f>
        <v>0</v>
      </c>
      <c r="I5184">
        <f t="shared" si="580"/>
        <v>0.26677028236352307</v>
      </c>
      <c r="J5184">
        <f t="shared" si="581"/>
        <v>40.471385879066084</v>
      </c>
      <c r="K5184">
        <f t="shared" si="582"/>
        <v>3.4144332657748473</v>
      </c>
      <c r="L5184">
        <f t="shared" si="583"/>
        <v>1.7072166328874236</v>
      </c>
      <c r="M5184">
        <f t="shared" si="584"/>
        <v>0</v>
      </c>
      <c r="N5184" s="45">
        <f t="shared" si="585"/>
        <v>45141.583333320843</v>
      </c>
    </row>
    <row r="5185" spans="2:14" x14ac:dyDescent="0.25">
      <c r="B5185">
        <f t="shared" si="579"/>
        <v>4</v>
      </c>
      <c r="C5185" s="16">
        <v>5151</v>
      </c>
      <c r="D5185" cm="1">
        <f t="array" ref="D5185">IFERROR(INDEX(Jesper!AH$2:AH$366,ROUNDDOWN($C5185/24,0)+1,1)*INDEX($D$3:$AA$30,INDEX(Jesper!$R$2:$R$366,ROW(INDEX(Jesper!AH$2:AH$366,ROUNDDOWN($C5185/24,0)+1,1))-1)+IF('Standard Profiles'!$G$18=$B$10,7,0)+IF('Standard Profiles'!$G$18=$B$17,14,0)+IF('Standard Profiles'!$G$18=$B$24,21,0),MOD($C5185,24)+1)/SUM(INDEX($D$3:$AA$30,INDEX(Jesper!$R$2:$R$366,ROW(INDEX(Jesper!AH$2:AH$366,ROUNDDOWN($C5185/24,0)+1,1))-1)+IF('Standard Profiles'!$G$18=$B$10,7,0)+IF('Standard Profiles'!$G$18=$B$17,14,0)+IF('Standard Profiles'!$G$18=$B$24,21,0),0)),0)</f>
        <v>32.010311866639192</v>
      </c>
      <c r="E5185" cm="1">
        <f t="array" ref="E5185">IFERROR(INDEX(Jesper!AI$2:AI$366,ROUNDDOWN($C5185/24,0)+1,1)*INDEX($D$3:$AA$30,INDEX(Jesper!$R$2:$R$366,ROW(INDEX(Jesper!AI$2:AI$366,ROUNDDOWN($C5185/24,0)+1,1))-1)+IF('Standard Profiles'!$G$19=$B$10,7,0)+IF('Standard Profiles'!$G$19=$B$17,14,0)+IF('Standard Profiles'!$G$19=$B$24,21,0),MOD($C5185,24)+1)/SUM(INDEX($D$3:$AA$30,INDEX(Jesper!$R$2:$R$366,ROW(INDEX(Jesper!AI$2:AI$366,ROUNDDOWN($C5185/24,0)+1,1))-1)+IF('Standard Profiles'!$G$19=$B$10,7,0)+IF('Standard Profiles'!$G$19=$B$17,14,0)+IF('Standard Profiles'!$G$19=$B$24,21,0),0)),0)</f>
        <v>13.293722771862011</v>
      </c>
      <c r="F5185" cm="1">
        <f t="array" ref="F5185">IFERROR(INDEX(Jesper!AJ$2:AJ$366,ROUNDDOWN($C5185/24,0)+1,1)*INDEX($D$3:$AA$30,INDEX(Jesper!$R$2:$R$366,ROW(INDEX(Jesper!AJ$2:AJ$366,ROUNDDOWN($C5185/24,0)+1,1))-1)+IF('Standard Profiles'!$G$20=$B$10,7,0)+IF('Standard Profiles'!$G$20=$B$17,14,0)+IF('Standard Profiles'!$G$20=$B$24,21,0),MOD($C5185,24)+1)/SUM(INDEX($D$3:$AA$30,INDEX(Jesper!$R$2:$R$366,ROW(INDEX(Jesper!AJ$2:AJ$366,ROUNDDOWN($C5185/24,0)+1,1))-1)+IF('Standard Profiles'!$G$20=$B$10,7,0)+IF('Standard Profiles'!$G$20=$B$17,14,0)+IF('Standard Profiles'!$G$20=$B$24,21,0),0)),0)</f>
        <v>0</v>
      </c>
      <c r="G5185" cm="1">
        <f t="array" ref="G5185">IFERROR(INDEX(Jesper!AK$2:AK$366,ROUNDDOWN($C5185/24,0)+1,1)*INDEX($D$3:$AA$30,INDEX(Jesper!$R$2:$R$366,ROW(INDEX(Jesper!AK$2:AK$366,ROUNDDOWN($C5185/24,0)+1,1))-1)+IF('Standard Profiles'!$G$21=$B$10,7,0)+IF('Standard Profiles'!$G$21=$B$17,14,0)+IF('Standard Profiles'!$G$21=$B$24,21,0),MOD($C5185,24)+1)/SUM(INDEX($D$3:$AA$30,INDEX(Jesper!$R$2:$R$366,ROW(INDEX(Jesper!AK$2:AK$366,ROUNDDOWN($C5185/24,0)+1,1))-1)+IF('Standard Profiles'!$G$21=$B$10,7,0)+IF('Standard Profiles'!$G$21=$B$17,14,0)+IF('Standard Profiles'!$G$21=$B$24,21,0),0)),0)</f>
        <v>0.55577142159067339</v>
      </c>
      <c r="H5185" cm="1">
        <f t="array" ref="H5185">IFERROR(INDEX(Jesper!AL$2:AL$366,ROUNDDOWN($C5185/24,0)+1,1)*INDEX($D$3:$AA$30,INDEX(Jesper!$R$2:$R$366,ROW(INDEX(Jesper!AL$2:AL$366,ROUNDDOWN($C5185/24,0)+1,1))-1)+IF('Standard Profiles'!$G$22=$B$10,7,0)+IF('Standard Profiles'!$G$22=$B$17,14,0)+IF('Standard Profiles'!$G$22=$B$24,21,0),MOD($C5185,24)+1)/SUM(INDEX($D$3:$AA$30,INDEX(Jesper!$R$2:$R$366,ROW(INDEX(Jesper!AL$2:AL$366,ROUNDDOWN($C5185/24,0)+1,1))-1)+IF('Standard Profiles'!$G$22=$B$10,7,0)+IF('Standard Profiles'!$G$22=$B$17,14,0)+IF('Standard Profiles'!$G$22=$B$24,21,0),0)),0)</f>
        <v>0</v>
      </c>
      <c r="I5185">
        <f t="shared" si="580"/>
        <v>0.26677028236352307</v>
      </c>
      <c r="J5185">
        <f t="shared" si="581"/>
        <v>40.471385879066084</v>
      </c>
      <c r="K5185">
        <f t="shared" si="582"/>
        <v>3.4144332657748473</v>
      </c>
      <c r="L5185">
        <f t="shared" si="583"/>
        <v>1.7072166328874236</v>
      </c>
      <c r="M5185">
        <f t="shared" si="584"/>
        <v>0</v>
      </c>
      <c r="N5185" s="45">
        <f t="shared" si="585"/>
        <v>45141.624999987507</v>
      </c>
    </row>
    <row r="5186" spans="2:14" x14ac:dyDescent="0.25">
      <c r="B5186">
        <f t="shared" si="579"/>
        <v>4</v>
      </c>
      <c r="C5186" s="16">
        <v>5152</v>
      </c>
      <c r="D5186" cm="1">
        <f t="array" ref="D5186">IFERROR(INDEX(Jesper!AH$2:AH$366,ROUNDDOWN($C5186/24,0)+1,1)*INDEX($D$3:$AA$30,INDEX(Jesper!$R$2:$R$366,ROW(INDEX(Jesper!AH$2:AH$366,ROUNDDOWN($C5186/24,0)+1,1))-1)+IF('Standard Profiles'!$G$18=$B$10,7,0)+IF('Standard Profiles'!$G$18=$B$17,14,0)+IF('Standard Profiles'!$G$18=$B$24,21,0),MOD($C5186,24)+1)/SUM(INDEX($D$3:$AA$30,INDEX(Jesper!$R$2:$R$366,ROW(INDEX(Jesper!AH$2:AH$366,ROUNDDOWN($C5186/24,0)+1,1))-1)+IF('Standard Profiles'!$G$18=$B$10,7,0)+IF('Standard Profiles'!$G$18=$B$17,14,0)+IF('Standard Profiles'!$G$18=$B$24,21,0),0)),0)</f>
        <v>18.863219492840951</v>
      </c>
      <c r="E5186" cm="1">
        <f t="array" ref="E5186">IFERROR(INDEX(Jesper!AI$2:AI$366,ROUNDDOWN($C5186/24,0)+1,1)*INDEX($D$3:$AA$30,INDEX(Jesper!$R$2:$R$366,ROW(INDEX(Jesper!AI$2:AI$366,ROUNDDOWN($C5186/24,0)+1,1))-1)+IF('Standard Profiles'!$G$19=$B$10,7,0)+IF('Standard Profiles'!$G$19=$B$17,14,0)+IF('Standard Profiles'!$G$19=$B$24,21,0),MOD($C5186,24)+1)/SUM(INDEX($D$3:$AA$30,INDEX(Jesper!$R$2:$R$366,ROW(INDEX(Jesper!AI$2:AI$366,ROUNDDOWN($C5186/24,0)+1,1))-1)+IF('Standard Profiles'!$G$19=$B$10,7,0)+IF('Standard Profiles'!$G$19=$B$17,14,0)+IF('Standard Profiles'!$G$19=$B$24,21,0),0)),0)</f>
        <v>7.8338009191329707</v>
      </c>
      <c r="F5186" cm="1">
        <f t="array" ref="F5186">IFERROR(INDEX(Jesper!AJ$2:AJ$366,ROUNDDOWN($C5186/24,0)+1,1)*INDEX($D$3:$AA$30,INDEX(Jesper!$R$2:$R$366,ROW(INDEX(Jesper!AJ$2:AJ$366,ROUNDDOWN($C5186/24,0)+1,1))-1)+IF('Standard Profiles'!$G$20=$B$10,7,0)+IF('Standard Profiles'!$G$20=$B$17,14,0)+IF('Standard Profiles'!$G$20=$B$24,21,0),MOD($C5186,24)+1)/SUM(INDEX($D$3:$AA$30,INDEX(Jesper!$R$2:$R$366,ROW(INDEX(Jesper!AJ$2:AJ$366,ROUNDDOWN($C5186/24,0)+1,1))-1)+IF('Standard Profiles'!$G$20=$B$10,7,0)+IF('Standard Profiles'!$G$20=$B$17,14,0)+IF('Standard Profiles'!$G$20=$B$24,21,0),0)),0)</f>
        <v>0</v>
      </c>
      <c r="G5186" cm="1">
        <f t="array" ref="G5186">IFERROR(INDEX(Jesper!AK$2:AK$366,ROUNDDOWN($C5186/24,0)+1,1)*INDEX($D$3:$AA$30,INDEX(Jesper!$R$2:$R$366,ROW(INDEX(Jesper!AK$2:AK$366,ROUNDDOWN($C5186/24,0)+1,1))-1)+IF('Standard Profiles'!$G$21=$B$10,7,0)+IF('Standard Profiles'!$G$21=$B$17,14,0)+IF('Standard Profiles'!$G$21=$B$24,21,0),MOD($C5186,24)+1)/SUM(INDEX($D$3:$AA$30,INDEX(Jesper!$R$2:$R$366,ROW(INDEX(Jesper!AK$2:AK$366,ROUNDDOWN($C5186/24,0)+1,1))-1)+IF('Standard Profiles'!$G$21=$B$10,7,0)+IF('Standard Profiles'!$G$21=$B$17,14,0)+IF('Standard Profiles'!$G$21=$B$24,21,0),0)),0)</f>
        <v>0.46439767185870934</v>
      </c>
      <c r="H5186" cm="1">
        <f t="array" ref="H5186">IFERROR(INDEX(Jesper!AL$2:AL$366,ROUNDDOWN($C5186/24,0)+1,1)*INDEX($D$3:$AA$30,INDEX(Jesper!$R$2:$R$366,ROW(INDEX(Jesper!AL$2:AL$366,ROUNDDOWN($C5186/24,0)+1,1))-1)+IF('Standard Profiles'!$G$22=$B$10,7,0)+IF('Standard Profiles'!$G$22=$B$17,14,0)+IF('Standard Profiles'!$G$22=$B$24,21,0),MOD($C5186,24)+1)/SUM(INDEX($D$3:$AA$30,INDEX(Jesper!$R$2:$R$366,ROW(INDEX(Jesper!AL$2:AL$366,ROUNDDOWN($C5186/24,0)+1,1))-1)+IF('Standard Profiles'!$G$22=$B$10,7,0)+IF('Standard Profiles'!$G$22=$B$17,14,0)+IF('Standard Profiles'!$G$22=$B$24,21,0),0)),0)</f>
        <v>0</v>
      </c>
      <c r="I5186">
        <f t="shared" si="580"/>
        <v>0.22291088249218038</v>
      </c>
      <c r="J5186">
        <f t="shared" si="581"/>
        <v>23.9203920824859</v>
      </c>
      <c r="K5186">
        <f t="shared" si="582"/>
        <v>2.0120767459030349</v>
      </c>
      <c r="L5186">
        <f t="shared" si="583"/>
        <v>1.0060383729515174</v>
      </c>
      <c r="M5186">
        <f t="shared" si="584"/>
        <v>0</v>
      </c>
      <c r="N5186" s="45">
        <f t="shared" si="585"/>
        <v>45141.666666654171</v>
      </c>
    </row>
    <row r="5187" spans="2:14" x14ac:dyDescent="0.25">
      <c r="B5187">
        <f t="shared" si="579"/>
        <v>4</v>
      </c>
      <c r="C5187" s="16">
        <v>5153</v>
      </c>
      <c r="D5187" cm="1">
        <f t="array" ref="D5187">IFERROR(INDEX(Jesper!AH$2:AH$366,ROUNDDOWN($C5187/24,0)+1,1)*INDEX($D$3:$AA$30,INDEX(Jesper!$R$2:$R$366,ROW(INDEX(Jesper!AH$2:AH$366,ROUNDDOWN($C5187/24,0)+1,1))-1)+IF('Standard Profiles'!$G$18=$B$10,7,0)+IF('Standard Profiles'!$G$18=$B$17,14,0)+IF('Standard Profiles'!$G$18=$B$24,21,0),MOD($C5187,24)+1)/SUM(INDEX($D$3:$AA$30,INDEX(Jesper!$R$2:$R$366,ROW(INDEX(Jesper!AH$2:AH$366,ROUNDDOWN($C5187/24,0)+1,1))-1)+IF('Standard Profiles'!$G$18=$B$10,7,0)+IF('Standard Profiles'!$G$18=$B$17,14,0)+IF('Standard Profiles'!$G$18=$B$24,21,0),0)),0)</f>
        <v>8.0508832662573422</v>
      </c>
      <c r="E5187" cm="1">
        <f t="array" ref="E5187">IFERROR(INDEX(Jesper!AI$2:AI$366,ROUNDDOWN($C5187/24,0)+1,1)*INDEX($D$3:$AA$30,INDEX(Jesper!$R$2:$R$366,ROW(INDEX(Jesper!AI$2:AI$366,ROUNDDOWN($C5187/24,0)+1,1))-1)+IF('Standard Profiles'!$G$19=$B$10,7,0)+IF('Standard Profiles'!$G$19=$B$17,14,0)+IF('Standard Profiles'!$G$19=$B$24,21,0),MOD($C5187,24)+1)/SUM(INDEX($D$3:$AA$30,INDEX(Jesper!$R$2:$R$366,ROW(INDEX(Jesper!AI$2:AI$366,ROUNDDOWN($C5187/24,0)+1,1))-1)+IF('Standard Profiles'!$G$19=$B$10,7,0)+IF('Standard Profiles'!$G$19=$B$17,14,0)+IF('Standard Profiles'!$G$19=$B$24,21,0),0)),0)</f>
        <v>3.3434916428224377</v>
      </c>
      <c r="F5187" cm="1">
        <f t="array" ref="F5187">IFERROR(INDEX(Jesper!AJ$2:AJ$366,ROUNDDOWN($C5187/24,0)+1,1)*INDEX($D$3:$AA$30,INDEX(Jesper!$R$2:$R$366,ROW(INDEX(Jesper!AJ$2:AJ$366,ROUNDDOWN($C5187/24,0)+1,1))-1)+IF('Standard Profiles'!$G$20=$B$10,7,0)+IF('Standard Profiles'!$G$20=$B$17,14,0)+IF('Standard Profiles'!$G$20=$B$24,21,0),MOD($C5187,24)+1)/SUM(INDEX($D$3:$AA$30,INDEX(Jesper!$R$2:$R$366,ROW(INDEX(Jesper!AJ$2:AJ$366,ROUNDDOWN($C5187/24,0)+1,1))-1)+IF('Standard Profiles'!$G$20=$B$10,7,0)+IF('Standard Profiles'!$G$20=$B$17,14,0)+IF('Standard Profiles'!$G$20=$B$24,21,0),0)),0)</f>
        <v>0</v>
      </c>
      <c r="G5187" cm="1">
        <f t="array" ref="G5187">IFERROR(INDEX(Jesper!AK$2:AK$366,ROUNDDOWN($C5187/24,0)+1,1)*INDEX($D$3:$AA$30,INDEX(Jesper!$R$2:$R$366,ROW(INDEX(Jesper!AK$2:AK$366,ROUNDDOWN($C5187/24,0)+1,1))-1)+IF('Standard Profiles'!$G$21=$B$10,7,0)+IF('Standard Profiles'!$G$21=$B$17,14,0)+IF('Standard Profiles'!$G$21=$B$24,21,0),MOD($C5187,24)+1)/SUM(INDEX($D$3:$AA$30,INDEX(Jesper!$R$2:$R$366,ROW(INDEX(Jesper!AK$2:AK$366,ROUNDDOWN($C5187/24,0)+1,1))-1)+IF('Standard Profiles'!$G$21=$B$10,7,0)+IF('Standard Profiles'!$G$21=$B$17,14,0)+IF('Standard Profiles'!$G$21=$B$24,21,0),0)),0)</f>
        <v>0.36925946052730091</v>
      </c>
      <c r="H5187" cm="1">
        <f t="array" ref="H5187">IFERROR(INDEX(Jesper!AL$2:AL$366,ROUNDDOWN($C5187/24,0)+1,1)*INDEX($D$3:$AA$30,INDEX(Jesper!$R$2:$R$366,ROW(INDEX(Jesper!AL$2:AL$366,ROUNDDOWN($C5187/24,0)+1,1))-1)+IF('Standard Profiles'!$G$22=$B$10,7,0)+IF('Standard Profiles'!$G$22=$B$17,14,0)+IF('Standard Profiles'!$G$22=$B$24,21,0),MOD($C5187,24)+1)/SUM(INDEX($D$3:$AA$30,INDEX(Jesper!$R$2:$R$366,ROW(INDEX(Jesper!AL$2:AL$366,ROUNDDOWN($C5187/24,0)+1,1))-1)+IF('Standard Profiles'!$G$22=$B$10,7,0)+IF('Standard Profiles'!$G$22=$B$17,14,0)+IF('Standard Profiles'!$G$22=$B$24,21,0),0)),0)</f>
        <v>0</v>
      </c>
      <c r="I5187">
        <f t="shared" si="580"/>
        <v>0.17724454105310436</v>
      </c>
      <c r="J5187">
        <f t="shared" si="581"/>
        <v>10.298248505952802</v>
      </c>
      <c r="K5187">
        <f t="shared" si="582"/>
        <v>0.85876088173411658</v>
      </c>
      <c r="L5187">
        <f t="shared" si="583"/>
        <v>0.42938044086705829</v>
      </c>
      <c r="M5187">
        <f t="shared" si="584"/>
        <v>0</v>
      </c>
      <c r="N5187" s="45">
        <f t="shared" si="585"/>
        <v>45141.708333320836</v>
      </c>
    </row>
    <row r="5188" spans="2:14" x14ac:dyDescent="0.25">
      <c r="B5188">
        <f t="shared" si="579"/>
        <v>4</v>
      </c>
      <c r="C5188" s="16">
        <v>5154</v>
      </c>
      <c r="D5188" cm="1">
        <f t="array" ref="D5188">IFERROR(INDEX(Jesper!AH$2:AH$366,ROUNDDOWN($C5188/24,0)+1,1)*INDEX($D$3:$AA$30,INDEX(Jesper!$R$2:$R$366,ROW(INDEX(Jesper!AH$2:AH$366,ROUNDDOWN($C5188/24,0)+1,1))-1)+IF('Standard Profiles'!$G$18=$B$10,7,0)+IF('Standard Profiles'!$G$18=$B$17,14,0)+IF('Standard Profiles'!$G$18=$B$24,21,0),MOD($C5188,24)+1)/SUM(INDEX($D$3:$AA$30,INDEX(Jesper!$R$2:$R$366,ROW(INDEX(Jesper!AH$2:AH$366,ROUNDDOWN($C5188/24,0)+1,1))-1)+IF('Standard Profiles'!$G$18=$B$10,7,0)+IF('Standard Profiles'!$G$18=$B$17,14,0)+IF('Standard Profiles'!$G$18=$B$24,21,0),0)),0)</f>
        <v>5.3135829557298457</v>
      </c>
      <c r="E5188" cm="1">
        <f t="array" ref="E5188">IFERROR(INDEX(Jesper!AI$2:AI$366,ROUNDDOWN($C5188/24,0)+1,1)*INDEX($D$3:$AA$30,INDEX(Jesper!$R$2:$R$366,ROW(INDEX(Jesper!AI$2:AI$366,ROUNDDOWN($C5188/24,0)+1,1))-1)+IF('Standard Profiles'!$G$19=$B$10,7,0)+IF('Standard Profiles'!$G$19=$B$17,14,0)+IF('Standard Profiles'!$G$19=$B$24,21,0),MOD($C5188,24)+1)/SUM(INDEX($D$3:$AA$30,INDEX(Jesper!$R$2:$R$366,ROW(INDEX(Jesper!AI$2:AI$366,ROUNDDOWN($C5188/24,0)+1,1))-1)+IF('Standard Profiles'!$G$19=$B$10,7,0)+IF('Standard Profiles'!$G$19=$B$17,14,0)+IF('Standard Profiles'!$G$19=$B$24,21,0),0)),0)</f>
        <v>2.2067044842628087</v>
      </c>
      <c r="F5188" cm="1">
        <f t="array" ref="F5188">IFERROR(INDEX(Jesper!AJ$2:AJ$366,ROUNDDOWN($C5188/24,0)+1,1)*INDEX($D$3:$AA$30,INDEX(Jesper!$R$2:$R$366,ROW(INDEX(Jesper!AJ$2:AJ$366,ROUNDDOWN($C5188/24,0)+1,1))-1)+IF('Standard Profiles'!$G$20=$B$10,7,0)+IF('Standard Profiles'!$G$20=$B$17,14,0)+IF('Standard Profiles'!$G$20=$B$24,21,0),MOD($C5188,24)+1)/SUM(INDEX($D$3:$AA$30,INDEX(Jesper!$R$2:$R$366,ROW(INDEX(Jesper!AJ$2:AJ$366,ROUNDDOWN($C5188/24,0)+1,1))-1)+IF('Standard Profiles'!$G$20=$B$10,7,0)+IF('Standard Profiles'!$G$20=$B$17,14,0)+IF('Standard Profiles'!$G$20=$B$24,21,0),0)),0)</f>
        <v>0</v>
      </c>
      <c r="G5188" cm="1">
        <f t="array" ref="G5188">IFERROR(INDEX(Jesper!AK$2:AK$366,ROUNDDOWN($C5188/24,0)+1,1)*INDEX($D$3:$AA$30,INDEX(Jesper!$R$2:$R$366,ROW(INDEX(Jesper!AK$2:AK$366,ROUNDDOWN($C5188/24,0)+1,1))-1)+IF('Standard Profiles'!$G$21=$B$10,7,0)+IF('Standard Profiles'!$G$21=$B$17,14,0)+IF('Standard Profiles'!$G$21=$B$24,21,0),MOD($C5188,24)+1)/SUM(INDEX($D$3:$AA$30,INDEX(Jesper!$R$2:$R$366,ROW(INDEX(Jesper!AK$2:AK$366,ROUNDDOWN($C5188/24,0)+1,1))-1)+IF('Standard Profiles'!$G$21=$B$10,7,0)+IF('Standard Profiles'!$G$21=$B$17,14,0)+IF('Standard Profiles'!$G$21=$B$24,21,0),0)),0)</f>
        <v>0.13688951270706246</v>
      </c>
      <c r="H5188" cm="1">
        <f t="array" ref="H5188">IFERROR(INDEX(Jesper!AL$2:AL$366,ROUNDDOWN($C5188/24,0)+1,1)*INDEX($D$3:$AA$30,INDEX(Jesper!$R$2:$R$366,ROW(INDEX(Jesper!AL$2:AL$366,ROUNDDOWN($C5188/24,0)+1,1))-1)+IF('Standard Profiles'!$G$22=$B$10,7,0)+IF('Standard Profiles'!$G$22=$B$17,14,0)+IF('Standard Profiles'!$G$22=$B$24,21,0),MOD($C5188,24)+1)/SUM(INDEX($D$3:$AA$30,INDEX(Jesper!$R$2:$R$366,ROW(INDEX(Jesper!AL$2:AL$366,ROUNDDOWN($C5188/24,0)+1,1))-1)+IF('Standard Profiles'!$G$22=$B$10,7,0)+IF('Standard Profiles'!$G$22=$B$17,14,0)+IF('Standard Profiles'!$G$22=$B$24,21,0),0)),0)</f>
        <v>0</v>
      </c>
      <c r="I5188">
        <f t="shared" si="580"/>
        <v>6.5706966099389946E-2</v>
      </c>
      <c r="J5188">
        <f t="shared" si="581"/>
        <v>6.7412967136835515</v>
      </c>
      <c r="K5188">
        <f t="shared" si="582"/>
        <v>0.56678218194451691</v>
      </c>
      <c r="L5188">
        <f t="shared" si="583"/>
        <v>0.28339109097225845</v>
      </c>
      <c r="M5188">
        <f t="shared" si="584"/>
        <v>0</v>
      </c>
      <c r="N5188" s="45">
        <f t="shared" si="585"/>
        <v>45141.7499999875</v>
      </c>
    </row>
    <row r="5189" spans="2:14" x14ac:dyDescent="0.25">
      <c r="B5189">
        <f t="shared" si="579"/>
        <v>4</v>
      </c>
      <c r="C5189" s="16">
        <v>5155</v>
      </c>
      <c r="D5189" cm="1">
        <f t="array" ref="D5189">IFERROR(INDEX(Jesper!AH$2:AH$366,ROUNDDOWN($C5189/24,0)+1,1)*INDEX($D$3:$AA$30,INDEX(Jesper!$R$2:$R$366,ROW(INDEX(Jesper!AH$2:AH$366,ROUNDDOWN($C5189/24,0)+1,1))-1)+IF('Standard Profiles'!$G$18=$B$10,7,0)+IF('Standard Profiles'!$G$18=$B$17,14,0)+IF('Standard Profiles'!$G$18=$B$24,21,0),MOD($C5189,24)+1)/SUM(INDEX($D$3:$AA$30,INDEX(Jesper!$R$2:$R$366,ROW(INDEX(Jesper!AH$2:AH$366,ROUNDDOWN($C5189/24,0)+1,1))-1)+IF('Standard Profiles'!$G$18=$B$10,7,0)+IF('Standard Profiles'!$G$18=$B$17,14,0)+IF('Standard Profiles'!$G$18=$B$24,21,0),0)),0)</f>
        <v>5.3135829557298457</v>
      </c>
      <c r="E5189" cm="1">
        <f t="array" ref="E5189">IFERROR(INDEX(Jesper!AI$2:AI$366,ROUNDDOWN($C5189/24,0)+1,1)*INDEX($D$3:$AA$30,INDEX(Jesper!$R$2:$R$366,ROW(INDEX(Jesper!AI$2:AI$366,ROUNDDOWN($C5189/24,0)+1,1))-1)+IF('Standard Profiles'!$G$19=$B$10,7,0)+IF('Standard Profiles'!$G$19=$B$17,14,0)+IF('Standard Profiles'!$G$19=$B$24,21,0),MOD($C5189,24)+1)/SUM(INDEX($D$3:$AA$30,INDEX(Jesper!$R$2:$R$366,ROW(INDEX(Jesper!AI$2:AI$366,ROUNDDOWN($C5189/24,0)+1,1))-1)+IF('Standard Profiles'!$G$19=$B$10,7,0)+IF('Standard Profiles'!$G$19=$B$17,14,0)+IF('Standard Profiles'!$G$19=$B$24,21,0),0)),0)</f>
        <v>2.2067044842628087</v>
      </c>
      <c r="F5189" cm="1">
        <f t="array" ref="F5189">IFERROR(INDEX(Jesper!AJ$2:AJ$366,ROUNDDOWN($C5189/24,0)+1,1)*INDEX($D$3:$AA$30,INDEX(Jesper!$R$2:$R$366,ROW(INDEX(Jesper!AJ$2:AJ$366,ROUNDDOWN($C5189/24,0)+1,1))-1)+IF('Standard Profiles'!$G$20=$B$10,7,0)+IF('Standard Profiles'!$G$20=$B$17,14,0)+IF('Standard Profiles'!$G$20=$B$24,21,0),MOD($C5189,24)+1)/SUM(INDEX($D$3:$AA$30,INDEX(Jesper!$R$2:$R$366,ROW(INDEX(Jesper!AJ$2:AJ$366,ROUNDDOWN($C5189/24,0)+1,1))-1)+IF('Standard Profiles'!$G$20=$B$10,7,0)+IF('Standard Profiles'!$G$20=$B$17,14,0)+IF('Standard Profiles'!$G$20=$B$24,21,0),0)),0)</f>
        <v>0</v>
      </c>
      <c r="G5189" cm="1">
        <f t="array" ref="G5189">IFERROR(INDEX(Jesper!AK$2:AK$366,ROUNDDOWN($C5189/24,0)+1,1)*INDEX($D$3:$AA$30,INDEX(Jesper!$R$2:$R$366,ROW(INDEX(Jesper!AK$2:AK$366,ROUNDDOWN($C5189/24,0)+1,1))-1)+IF('Standard Profiles'!$G$21=$B$10,7,0)+IF('Standard Profiles'!$G$21=$B$17,14,0)+IF('Standard Profiles'!$G$21=$B$24,21,0),MOD($C5189,24)+1)/SUM(INDEX($D$3:$AA$30,INDEX(Jesper!$R$2:$R$366,ROW(INDEX(Jesper!AK$2:AK$366,ROUNDDOWN($C5189/24,0)+1,1))-1)+IF('Standard Profiles'!$G$21=$B$10,7,0)+IF('Standard Profiles'!$G$21=$B$17,14,0)+IF('Standard Profiles'!$G$21=$B$24,21,0),0)),0)</f>
        <v>0.13688951270706246</v>
      </c>
      <c r="H5189" cm="1">
        <f t="array" ref="H5189">IFERROR(INDEX(Jesper!AL$2:AL$366,ROUNDDOWN($C5189/24,0)+1,1)*INDEX($D$3:$AA$30,INDEX(Jesper!$R$2:$R$366,ROW(INDEX(Jesper!AL$2:AL$366,ROUNDDOWN($C5189/24,0)+1,1))-1)+IF('Standard Profiles'!$G$22=$B$10,7,0)+IF('Standard Profiles'!$G$22=$B$17,14,0)+IF('Standard Profiles'!$G$22=$B$24,21,0),MOD($C5189,24)+1)/SUM(INDEX($D$3:$AA$30,INDEX(Jesper!$R$2:$R$366,ROW(INDEX(Jesper!AL$2:AL$366,ROUNDDOWN($C5189/24,0)+1,1))-1)+IF('Standard Profiles'!$G$22=$B$10,7,0)+IF('Standard Profiles'!$G$22=$B$17,14,0)+IF('Standard Profiles'!$G$22=$B$24,21,0),0)),0)</f>
        <v>0</v>
      </c>
      <c r="I5189">
        <f t="shared" si="580"/>
        <v>6.5706966099389946E-2</v>
      </c>
      <c r="J5189">
        <f t="shared" si="581"/>
        <v>6.7412967136835515</v>
      </c>
      <c r="K5189">
        <f t="shared" si="582"/>
        <v>0.56678218194451691</v>
      </c>
      <c r="L5189">
        <f t="shared" si="583"/>
        <v>0.28339109097225845</v>
      </c>
      <c r="M5189">
        <f t="shared" si="584"/>
        <v>0</v>
      </c>
      <c r="N5189" s="45">
        <f t="shared" si="585"/>
        <v>45141.791666654164</v>
      </c>
    </row>
    <row r="5190" spans="2:14" x14ac:dyDescent="0.25">
      <c r="B5190">
        <f t="shared" si="579"/>
        <v>4</v>
      </c>
      <c r="C5190" s="16">
        <v>5156</v>
      </c>
      <c r="D5190" cm="1">
        <f t="array" ref="D5190">IFERROR(INDEX(Jesper!AH$2:AH$366,ROUNDDOWN($C5190/24,0)+1,1)*INDEX($D$3:$AA$30,INDEX(Jesper!$R$2:$R$366,ROW(INDEX(Jesper!AH$2:AH$366,ROUNDDOWN($C5190/24,0)+1,1))-1)+IF('Standard Profiles'!$G$18=$B$10,7,0)+IF('Standard Profiles'!$G$18=$B$17,14,0)+IF('Standard Profiles'!$G$18=$B$24,21,0),MOD($C5190,24)+1)/SUM(INDEX($D$3:$AA$30,INDEX(Jesper!$R$2:$R$366,ROW(INDEX(Jesper!AH$2:AH$366,ROUNDDOWN($C5190/24,0)+1,1))-1)+IF('Standard Profiles'!$G$18=$B$10,7,0)+IF('Standard Profiles'!$G$18=$B$17,14,0)+IF('Standard Profiles'!$G$18=$B$24,21,0),0)),0)</f>
        <v>5.3135829557298457</v>
      </c>
      <c r="E5190" cm="1">
        <f t="array" ref="E5190">IFERROR(INDEX(Jesper!AI$2:AI$366,ROUNDDOWN($C5190/24,0)+1,1)*INDEX($D$3:$AA$30,INDEX(Jesper!$R$2:$R$366,ROW(INDEX(Jesper!AI$2:AI$366,ROUNDDOWN($C5190/24,0)+1,1))-1)+IF('Standard Profiles'!$G$19=$B$10,7,0)+IF('Standard Profiles'!$G$19=$B$17,14,0)+IF('Standard Profiles'!$G$19=$B$24,21,0),MOD($C5190,24)+1)/SUM(INDEX($D$3:$AA$30,INDEX(Jesper!$R$2:$R$366,ROW(INDEX(Jesper!AI$2:AI$366,ROUNDDOWN($C5190/24,0)+1,1))-1)+IF('Standard Profiles'!$G$19=$B$10,7,0)+IF('Standard Profiles'!$G$19=$B$17,14,0)+IF('Standard Profiles'!$G$19=$B$24,21,0),0)),0)</f>
        <v>2.2067044842628087</v>
      </c>
      <c r="F5190" cm="1">
        <f t="array" ref="F5190">IFERROR(INDEX(Jesper!AJ$2:AJ$366,ROUNDDOWN($C5190/24,0)+1,1)*INDEX($D$3:$AA$30,INDEX(Jesper!$R$2:$R$366,ROW(INDEX(Jesper!AJ$2:AJ$366,ROUNDDOWN($C5190/24,0)+1,1))-1)+IF('Standard Profiles'!$G$20=$B$10,7,0)+IF('Standard Profiles'!$G$20=$B$17,14,0)+IF('Standard Profiles'!$G$20=$B$24,21,0),MOD($C5190,24)+1)/SUM(INDEX($D$3:$AA$30,INDEX(Jesper!$R$2:$R$366,ROW(INDEX(Jesper!AJ$2:AJ$366,ROUNDDOWN($C5190/24,0)+1,1))-1)+IF('Standard Profiles'!$G$20=$B$10,7,0)+IF('Standard Profiles'!$G$20=$B$17,14,0)+IF('Standard Profiles'!$G$20=$B$24,21,0),0)),0)</f>
        <v>0</v>
      </c>
      <c r="G5190" cm="1">
        <f t="array" ref="G5190">IFERROR(INDEX(Jesper!AK$2:AK$366,ROUNDDOWN($C5190/24,0)+1,1)*INDEX($D$3:$AA$30,INDEX(Jesper!$R$2:$R$366,ROW(INDEX(Jesper!AK$2:AK$366,ROUNDDOWN($C5190/24,0)+1,1))-1)+IF('Standard Profiles'!$G$21=$B$10,7,0)+IF('Standard Profiles'!$G$21=$B$17,14,0)+IF('Standard Profiles'!$G$21=$B$24,21,0),MOD($C5190,24)+1)/SUM(INDEX($D$3:$AA$30,INDEX(Jesper!$R$2:$R$366,ROW(INDEX(Jesper!AK$2:AK$366,ROUNDDOWN($C5190/24,0)+1,1))-1)+IF('Standard Profiles'!$G$21=$B$10,7,0)+IF('Standard Profiles'!$G$21=$B$17,14,0)+IF('Standard Profiles'!$G$21=$B$24,21,0),0)),0)</f>
        <v>0.13688951270706246</v>
      </c>
      <c r="H5190" cm="1">
        <f t="array" ref="H5190">IFERROR(INDEX(Jesper!AL$2:AL$366,ROUNDDOWN($C5190/24,0)+1,1)*INDEX($D$3:$AA$30,INDEX(Jesper!$R$2:$R$366,ROW(INDEX(Jesper!AL$2:AL$366,ROUNDDOWN($C5190/24,0)+1,1))-1)+IF('Standard Profiles'!$G$22=$B$10,7,0)+IF('Standard Profiles'!$G$22=$B$17,14,0)+IF('Standard Profiles'!$G$22=$B$24,21,0),MOD($C5190,24)+1)/SUM(INDEX($D$3:$AA$30,INDEX(Jesper!$R$2:$R$366,ROW(INDEX(Jesper!AL$2:AL$366,ROUNDDOWN($C5190/24,0)+1,1))-1)+IF('Standard Profiles'!$G$22=$B$10,7,0)+IF('Standard Profiles'!$G$22=$B$17,14,0)+IF('Standard Profiles'!$G$22=$B$24,21,0),0)),0)</f>
        <v>0</v>
      </c>
      <c r="I5190">
        <f t="shared" si="580"/>
        <v>6.5706966099389946E-2</v>
      </c>
      <c r="J5190">
        <f t="shared" si="581"/>
        <v>6.7412967136835515</v>
      </c>
      <c r="K5190">
        <f t="shared" si="582"/>
        <v>0.56678218194451691</v>
      </c>
      <c r="L5190">
        <f t="shared" si="583"/>
        <v>0.28339109097225845</v>
      </c>
      <c r="M5190">
        <f t="shared" si="584"/>
        <v>0</v>
      </c>
      <c r="N5190" s="45">
        <f t="shared" si="585"/>
        <v>45141.833333320828</v>
      </c>
    </row>
    <row r="5191" spans="2:14" x14ac:dyDescent="0.25">
      <c r="B5191">
        <f t="shared" si="579"/>
        <v>4</v>
      </c>
      <c r="C5191" s="16">
        <v>5157</v>
      </c>
      <c r="D5191" cm="1">
        <f t="array" ref="D5191">IFERROR(INDEX(Jesper!AH$2:AH$366,ROUNDDOWN($C5191/24,0)+1,1)*INDEX($D$3:$AA$30,INDEX(Jesper!$R$2:$R$366,ROW(INDEX(Jesper!AH$2:AH$366,ROUNDDOWN($C5191/24,0)+1,1))-1)+IF('Standard Profiles'!$G$18=$B$10,7,0)+IF('Standard Profiles'!$G$18=$B$17,14,0)+IF('Standard Profiles'!$G$18=$B$24,21,0),MOD($C5191,24)+1)/SUM(INDEX($D$3:$AA$30,INDEX(Jesper!$R$2:$R$366,ROW(INDEX(Jesper!AH$2:AH$366,ROUNDDOWN($C5191/24,0)+1,1))-1)+IF('Standard Profiles'!$G$18=$B$10,7,0)+IF('Standard Profiles'!$G$18=$B$17,14,0)+IF('Standard Profiles'!$G$18=$B$24,21,0),0)),0)</f>
        <v>5.3135829557298457</v>
      </c>
      <c r="E5191" cm="1">
        <f t="array" ref="E5191">IFERROR(INDEX(Jesper!AI$2:AI$366,ROUNDDOWN($C5191/24,0)+1,1)*INDEX($D$3:$AA$30,INDEX(Jesper!$R$2:$R$366,ROW(INDEX(Jesper!AI$2:AI$366,ROUNDDOWN($C5191/24,0)+1,1))-1)+IF('Standard Profiles'!$G$19=$B$10,7,0)+IF('Standard Profiles'!$G$19=$B$17,14,0)+IF('Standard Profiles'!$G$19=$B$24,21,0),MOD($C5191,24)+1)/SUM(INDEX($D$3:$AA$30,INDEX(Jesper!$R$2:$R$366,ROW(INDEX(Jesper!AI$2:AI$366,ROUNDDOWN($C5191/24,0)+1,1))-1)+IF('Standard Profiles'!$G$19=$B$10,7,0)+IF('Standard Profiles'!$G$19=$B$17,14,0)+IF('Standard Profiles'!$G$19=$B$24,21,0),0)),0)</f>
        <v>2.2067044842628087</v>
      </c>
      <c r="F5191" cm="1">
        <f t="array" ref="F5191">IFERROR(INDEX(Jesper!AJ$2:AJ$366,ROUNDDOWN($C5191/24,0)+1,1)*INDEX($D$3:$AA$30,INDEX(Jesper!$R$2:$R$366,ROW(INDEX(Jesper!AJ$2:AJ$366,ROUNDDOWN($C5191/24,0)+1,1))-1)+IF('Standard Profiles'!$G$20=$B$10,7,0)+IF('Standard Profiles'!$G$20=$B$17,14,0)+IF('Standard Profiles'!$G$20=$B$24,21,0),MOD($C5191,24)+1)/SUM(INDEX($D$3:$AA$30,INDEX(Jesper!$R$2:$R$366,ROW(INDEX(Jesper!AJ$2:AJ$366,ROUNDDOWN($C5191/24,0)+1,1))-1)+IF('Standard Profiles'!$G$20=$B$10,7,0)+IF('Standard Profiles'!$G$20=$B$17,14,0)+IF('Standard Profiles'!$G$20=$B$24,21,0),0)),0)</f>
        <v>0</v>
      </c>
      <c r="G5191" cm="1">
        <f t="array" ref="G5191">IFERROR(INDEX(Jesper!AK$2:AK$366,ROUNDDOWN($C5191/24,0)+1,1)*INDEX($D$3:$AA$30,INDEX(Jesper!$R$2:$R$366,ROW(INDEX(Jesper!AK$2:AK$366,ROUNDDOWN($C5191/24,0)+1,1))-1)+IF('Standard Profiles'!$G$21=$B$10,7,0)+IF('Standard Profiles'!$G$21=$B$17,14,0)+IF('Standard Profiles'!$G$21=$B$24,21,0),MOD($C5191,24)+1)/SUM(INDEX($D$3:$AA$30,INDEX(Jesper!$R$2:$R$366,ROW(INDEX(Jesper!AK$2:AK$366,ROUNDDOWN($C5191/24,0)+1,1))-1)+IF('Standard Profiles'!$G$21=$B$10,7,0)+IF('Standard Profiles'!$G$21=$B$17,14,0)+IF('Standard Profiles'!$G$21=$B$24,21,0),0)),0)</f>
        <v>0.13688951270706246</v>
      </c>
      <c r="H5191" cm="1">
        <f t="array" ref="H5191">IFERROR(INDEX(Jesper!AL$2:AL$366,ROUNDDOWN($C5191/24,0)+1,1)*INDEX($D$3:$AA$30,INDEX(Jesper!$R$2:$R$366,ROW(INDEX(Jesper!AL$2:AL$366,ROUNDDOWN($C5191/24,0)+1,1))-1)+IF('Standard Profiles'!$G$22=$B$10,7,0)+IF('Standard Profiles'!$G$22=$B$17,14,0)+IF('Standard Profiles'!$G$22=$B$24,21,0),MOD($C5191,24)+1)/SUM(INDEX($D$3:$AA$30,INDEX(Jesper!$R$2:$R$366,ROW(INDEX(Jesper!AL$2:AL$366,ROUNDDOWN($C5191/24,0)+1,1))-1)+IF('Standard Profiles'!$G$22=$B$10,7,0)+IF('Standard Profiles'!$G$22=$B$17,14,0)+IF('Standard Profiles'!$G$22=$B$24,21,0),0)),0)</f>
        <v>0</v>
      </c>
      <c r="I5191">
        <f t="shared" si="580"/>
        <v>6.5706966099389946E-2</v>
      </c>
      <c r="J5191">
        <f t="shared" si="581"/>
        <v>6.7412967136835515</v>
      </c>
      <c r="K5191">
        <f t="shared" si="582"/>
        <v>0.56678218194451691</v>
      </c>
      <c r="L5191">
        <f t="shared" si="583"/>
        <v>0.28339109097225845</v>
      </c>
      <c r="M5191">
        <f t="shared" si="584"/>
        <v>0</v>
      </c>
      <c r="N5191" s="45">
        <f t="shared" si="585"/>
        <v>45141.874999987493</v>
      </c>
    </row>
    <row r="5192" spans="2:14" x14ac:dyDescent="0.25">
      <c r="B5192">
        <f t="shared" si="579"/>
        <v>4</v>
      </c>
      <c r="C5192" s="16">
        <v>5158</v>
      </c>
      <c r="D5192" cm="1">
        <f t="array" ref="D5192">IFERROR(INDEX(Jesper!AH$2:AH$366,ROUNDDOWN($C5192/24,0)+1,1)*INDEX($D$3:$AA$30,INDEX(Jesper!$R$2:$R$366,ROW(INDEX(Jesper!AH$2:AH$366,ROUNDDOWN($C5192/24,0)+1,1))-1)+IF('Standard Profiles'!$G$18=$B$10,7,0)+IF('Standard Profiles'!$G$18=$B$17,14,0)+IF('Standard Profiles'!$G$18=$B$24,21,0),MOD($C5192,24)+1)/SUM(INDEX($D$3:$AA$30,INDEX(Jesper!$R$2:$R$366,ROW(INDEX(Jesper!AH$2:AH$366,ROUNDDOWN($C5192/24,0)+1,1))-1)+IF('Standard Profiles'!$G$18=$B$10,7,0)+IF('Standard Profiles'!$G$18=$B$17,14,0)+IF('Standard Profiles'!$G$18=$B$24,21,0),0)),0)</f>
        <v>5.3135829557298457</v>
      </c>
      <c r="E5192" cm="1">
        <f t="array" ref="E5192">IFERROR(INDEX(Jesper!AI$2:AI$366,ROUNDDOWN($C5192/24,0)+1,1)*INDEX($D$3:$AA$30,INDEX(Jesper!$R$2:$R$366,ROW(INDEX(Jesper!AI$2:AI$366,ROUNDDOWN($C5192/24,0)+1,1))-1)+IF('Standard Profiles'!$G$19=$B$10,7,0)+IF('Standard Profiles'!$G$19=$B$17,14,0)+IF('Standard Profiles'!$G$19=$B$24,21,0),MOD($C5192,24)+1)/SUM(INDEX($D$3:$AA$30,INDEX(Jesper!$R$2:$R$366,ROW(INDEX(Jesper!AI$2:AI$366,ROUNDDOWN($C5192/24,0)+1,1))-1)+IF('Standard Profiles'!$G$19=$B$10,7,0)+IF('Standard Profiles'!$G$19=$B$17,14,0)+IF('Standard Profiles'!$G$19=$B$24,21,0),0)),0)</f>
        <v>2.2067044842628087</v>
      </c>
      <c r="F5192" cm="1">
        <f t="array" ref="F5192">IFERROR(INDEX(Jesper!AJ$2:AJ$366,ROUNDDOWN($C5192/24,0)+1,1)*INDEX($D$3:$AA$30,INDEX(Jesper!$R$2:$R$366,ROW(INDEX(Jesper!AJ$2:AJ$366,ROUNDDOWN($C5192/24,0)+1,1))-1)+IF('Standard Profiles'!$G$20=$B$10,7,0)+IF('Standard Profiles'!$G$20=$B$17,14,0)+IF('Standard Profiles'!$G$20=$B$24,21,0),MOD($C5192,24)+1)/SUM(INDEX($D$3:$AA$30,INDEX(Jesper!$R$2:$R$366,ROW(INDEX(Jesper!AJ$2:AJ$366,ROUNDDOWN($C5192/24,0)+1,1))-1)+IF('Standard Profiles'!$G$20=$B$10,7,0)+IF('Standard Profiles'!$G$20=$B$17,14,0)+IF('Standard Profiles'!$G$20=$B$24,21,0),0)),0)</f>
        <v>0</v>
      </c>
      <c r="G5192" cm="1">
        <f t="array" ref="G5192">IFERROR(INDEX(Jesper!AK$2:AK$366,ROUNDDOWN($C5192/24,0)+1,1)*INDEX($D$3:$AA$30,INDEX(Jesper!$R$2:$R$366,ROW(INDEX(Jesper!AK$2:AK$366,ROUNDDOWN($C5192/24,0)+1,1))-1)+IF('Standard Profiles'!$G$21=$B$10,7,0)+IF('Standard Profiles'!$G$21=$B$17,14,0)+IF('Standard Profiles'!$G$21=$B$24,21,0),MOD($C5192,24)+1)/SUM(INDEX($D$3:$AA$30,INDEX(Jesper!$R$2:$R$366,ROW(INDEX(Jesper!AK$2:AK$366,ROUNDDOWN($C5192/24,0)+1,1))-1)+IF('Standard Profiles'!$G$21=$B$10,7,0)+IF('Standard Profiles'!$G$21=$B$17,14,0)+IF('Standard Profiles'!$G$21=$B$24,21,0),0)),0)</f>
        <v>0.13688951270706246</v>
      </c>
      <c r="H5192" cm="1">
        <f t="array" ref="H5192">IFERROR(INDEX(Jesper!AL$2:AL$366,ROUNDDOWN($C5192/24,0)+1,1)*INDEX($D$3:$AA$30,INDEX(Jesper!$R$2:$R$366,ROW(INDEX(Jesper!AL$2:AL$366,ROUNDDOWN($C5192/24,0)+1,1))-1)+IF('Standard Profiles'!$G$22=$B$10,7,0)+IF('Standard Profiles'!$G$22=$B$17,14,0)+IF('Standard Profiles'!$G$22=$B$24,21,0),MOD($C5192,24)+1)/SUM(INDEX($D$3:$AA$30,INDEX(Jesper!$R$2:$R$366,ROW(INDEX(Jesper!AL$2:AL$366,ROUNDDOWN($C5192/24,0)+1,1))-1)+IF('Standard Profiles'!$G$22=$B$10,7,0)+IF('Standard Profiles'!$G$22=$B$17,14,0)+IF('Standard Profiles'!$G$22=$B$24,21,0),0)),0)</f>
        <v>0</v>
      </c>
      <c r="I5192">
        <f t="shared" si="580"/>
        <v>6.5706966099389946E-2</v>
      </c>
      <c r="J5192">
        <f t="shared" si="581"/>
        <v>6.7412967136835515</v>
      </c>
      <c r="K5192">
        <f t="shared" si="582"/>
        <v>0.56678218194451691</v>
      </c>
      <c r="L5192">
        <f t="shared" si="583"/>
        <v>0.28339109097225845</v>
      </c>
      <c r="M5192">
        <f t="shared" si="584"/>
        <v>0</v>
      </c>
      <c r="N5192" s="45">
        <f t="shared" si="585"/>
        <v>45141.916666654157</v>
      </c>
    </row>
    <row r="5193" spans="2:14" x14ac:dyDescent="0.25">
      <c r="B5193">
        <f t="shared" si="579"/>
        <v>4</v>
      </c>
      <c r="C5193" s="16">
        <v>5159</v>
      </c>
      <c r="D5193" cm="1">
        <f t="array" ref="D5193">IFERROR(INDEX(Jesper!AH$2:AH$366,ROUNDDOWN($C5193/24,0)+1,1)*INDEX($D$3:$AA$30,INDEX(Jesper!$R$2:$R$366,ROW(INDEX(Jesper!AH$2:AH$366,ROUNDDOWN($C5193/24,0)+1,1))-1)+IF('Standard Profiles'!$G$18=$B$10,7,0)+IF('Standard Profiles'!$G$18=$B$17,14,0)+IF('Standard Profiles'!$G$18=$B$24,21,0),MOD($C5193,24)+1)/SUM(INDEX($D$3:$AA$30,INDEX(Jesper!$R$2:$R$366,ROW(INDEX(Jesper!AH$2:AH$366,ROUNDDOWN($C5193/24,0)+1,1))-1)+IF('Standard Profiles'!$G$18=$B$10,7,0)+IF('Standard Profiles'!$G$18=$B$17,14,0)+IF('Standard Profiles'!$G$18=$B$24,21,0),0)),0)</f>
        <v>5.3135829557298457</v>
      </c>
      <c r="E5193" cm="1">
        <f t="array" ref="E5193">IFERROR(INDEX(Jesper!AI$2:AI$366,ROUNDDOWN($C5193/24,0)+1,1)*INDEX($D$3:$AA$30,INDEX(Jesper!$R$2:$R$366,ROW(INDEX(Jesper!AI$2:AI$366,ROUNDDOWN($C5193/24,0)+1,1))-1)+IF('Standard Profiles'!$G$19=$B$10,7,0)+IF('Standard Profiles'!$G$19=$B$17,14,0)+IF('Standard Profiles'!$G$19=$B$24,21,0),MOD($C5193,24)+1)/SUM(INDEX($D$3:$AA$30,INDEX(Jesper!$R$2:$R$366,ROW(INDEX(Jesper!AI$2:AI$366,ROUNDDOWN($C5193/24,0)+1,1))-1)+IF('Standard Profiles'!$G$19=$B$10,7,0)+IF('Standard Profiles'!$G$19=$B$17,14,0)+IF('Standard Profiles'!$G$19=$B$24,21,0),0)),0)</f>
        <v>2.2067044842628087</v>
      </c>
      <c r="F5193" cm="1">
        <f t="array" ref="F5193">IFERROR(INDEX(Jesper!AJ$2:AJ$366,ROUNDDOWN($C5193/24,0)+1,1)*INDEX($D$3:$AA$30,INDEX(Jesper!$R$2:$R$366,ROW(INDEX(Jesper!AJ$2:AJ$366,ROUNDDOWN($C5193/24,0)+1,1))-1)+IF('Standard Profiles'!$G$20=$B$10,7,0)+IF('Standard Profiles'!$G$20=$B$17,14,0)+IF('Standard Profiles'!$G$20=$B$24,21,0),MOD($C5193,24)+1)/SUM(INDEX($D$3:$AA$30,INDEX(Jesper!$R$2:$R$366,ROW(INDEX(Jesper!AJ$2:AJ$366,ROUNDDOWN($C5193/24,0)+1,1))-1)+IF('Standard Profiles'!$G$20=$B$10,7,0)+IF('Standard Profiles'!$G$20=$B$17,14,0)+IF('Standard Profiles'!$G$20=$B$24,21,0),0)),0)</f>
        <v>0</v>
      </c>
      <c r="G5193" cm="1">
        <f t="array" ref="G5193">IFERROR(INDEX(Jesper!AK$2:AK$366,ROUNDDOWN($C5193/24,0)+1,1)*INDEX($D$3:$AA$30,INDEX(Jesper!$R$2:$R$366,ROW(INDEX(Jesper!AK$2:AK$366,ROUNDDOWN($C5193/24,0)+1,1))-1)+IF('Standard Profiles'!$G$21=$B$10,7,0)+IF('Standard Profiles'!$G$21=$B$17,14,0)+IF('Standard Profiles'!$G$21=$B$24,21,0),MOD($C5193,24)+1)/SUM(INDEX($D$3:$AA$30,INDEX(Jesper!$R$2:$R$366,ROW(INDEX(Jesper!AK$2:AK$366,ROUNDDOWN($C5193/24,0)+1,1))-1)+IF('Standard Profiles'!$G$21=$B$10,7,0)+IF('Standard Profiles'!$G$21=$B$17,14,0)+IF('Standard Profiles'!$G$21=$B$24,21,0),0)),0)</f>
        <v>0.13688951270706246</v>
      </c>
      <c r="H5193" cm="1">
        <f t="array" ref="H5193">IFERROR(INDEX(Jesper!AL$2:AL$366,ROUNDDOWN($C5193/24,0)+1,1)*INDEX($D$3:$AA$30,INDEX(Jesper!$R$2:$R$366,ROW(INDEX(Jesper!AL$2:AL$366,ROUNDDOWN($C5193/24,0)+1,1))-1)+IF('Standard Profiles'!$G$22=$B$10,7,0)+IF('Standard Profiles'!$G$22=$B$17,14,0)+IF('Standard Profiles'!$G$22=$B$24,21,0),MOD($C5193,24)+1)/SUM(INDEX($D$3:$AA$30,INDEX(Jesper!$R$2:$R$366,ROW(INDEX(Jesper!AL$2:AL$366,ROUNDDOWN($C5193/24,0)+1,1))-1)+IF('Standard Profiles'!$G$22=$B$10,7,0)+IF('Standard Profiles'!$G$22=$B$17,14,0)+IF('Standard Profiles'!$G$22=$B$24,21,0),0)),0)</f>
        <v>0</v>
      </c>
      <c r="I5193">
        <f t="shared" si="580"/>
        <v>6.5706966099389946E-2</v>
      </c>
      <c r="J5193">
        <f t="shared" si="581"/>
        <v>6.7412967136835515</v>
      </c>
      <c r="K5193">
        <f t="shared" si="582"/>
        <v>0.56678218194451691</v>
      </c>
      <c r="L5193">
        <f t="shared" si="583"/>
        <v>0.28339109097225845</v>
      </c>
      <c r="M5193">
        <f t="shared" si="584"/>
        <v>0</v>
      </c>
      <c r="N5193" s="45">
        <f t="shared" si="585"/>
        <v>45141.958333320821</v>
      </c>
    </row>
    <row r="5194" spans="2:14" x14ac:dyDescent="0.25">
      <c r="B5194">
        <f t="shared" si="579"/>
        <v>5</v>
      </c>
      <c r="C5194" s="16">
        <v>5160</v>
      </c>
      <c r="D5194" cm="1">
        <f t="array" ref="D5194">IFERROR(INDEX(Jesper!AH$2:AH$366,ROUNDDOWN($C5194/24,0)+1,1)*INDEX($D$3:$AA$30,INDEX(Jesper!$R$2:$R$366,ROW(INDEX(Jesper!AH$2:AH$366,ROUNDDOWN($C5194/24,0)+1,1))-1)+IF('Standard Profiles'!$G$18=$B$10,7,0)+IF('Standard Profiles'!$G$18=$B$17,14,0)+IF('Standard Profiles'!$G$18=$B$24,21,0),MOD($C5194,24)+1)/SUM(INDEX($D$3:$AA$30,INDEX(Jesper!$R$2:$R$366,ROW(INDEX(Jesper!AH$2:AH$366,ROUNDDOWN($C5194/24,0)+1,1))-1)+IF('Standard Profiles'!$G$18=$B$10,7,0)+IF('Standard Profiles'!$G$18=$B$17,14,0)+IF('Standard Profiles'!$G$18=$B$24,21,0),0)),0)</f>
        <v>8.3405939098262092</v>
      </c>
      <c r="E5194" cm="1">
        <f t="array" ref="E5194">IFERROR(INDEX(Jesper!AI$2:AI$366,ROUNDDOWN($C5194/24,0)+1,1)*INDEX($D$3:$AA$30,INDEX(Jesper!$R$2:$R$366,ROW(INDEX(Jesper!AI$2:AI$366,ROUNDDOWN($C5194/24,0)+1,1))-1)+IF('Standard Profiles'!$G$19=$B$10,7,0)+IF('Standard Profiles'!$G$19=$B$17,14,0)+IF('Standard Profiles'!$G$19=$B$24,21,0),MOD($C5194,24)+1)/SUM(INDEX($D$3:$AA$30,INDEX(Jesper!$R$2:$R$366,ROW(INDEX(Jesper!AI$2:AI$366,ROUNDDOWN($C5194/24,0)+1,1))-1)+IF('Standard Profiles'!$G$19=$B$10,7,0)+IF('Standard Profiles'!$G$19=$B$17,14,0)+IF('Standard Profiles'!$G$19=$B$24,21,0),0)),0)</f>
        <v>3.7811488279663252</v>
      </c>
      <c r="F5194" cm="1">
        <f t="array" ref="F5194">IFERROR(INDEX(Jesper!AJ$2:AJ$366,ROUNDDOWN($C5194/24,0)+1,1)*INDEX($D$3:$AA$30,INDEX(Jesper!$R$2:$R$366,ROW(INDEX(Jesper!AJ$2:AJ$366,ROUNDDOWN($C5194/24,0)+1,1))-1)+IF('Standard Profiles'!$G$20=$B$10,7,0)+IF('Standard Profiles'!$G$20=$B$17,14,0)+IF('Standard Profiles'!$G$20=$B$24,21,0),MOD($C5194,24)+1)/SUM(INDEX($D$3:$AA$30,INDEX(Jesper!$R$2:$R$366,ROW(INDEX(Jesper!AJ$2:AJ$366,ROUNDDOWN($C5194/24,0)+1,1))-1)+IF('Standard Profiles'!$G$20=$B$10,7,0)+IF('Standard Profiles'!$G$20=$B$17,14,0)+IF('Standard Profiles'!$G$20=$B$24,21,0),0)),0)</f>
        <v>0</v>
      </c>
      <c r="G5194" cm="1">
        <f t="array" ref="G5194">IFERROR(INDEX(Jesper!AK$2:AK$366,ROUNDDOWN($C5194/24,0)+1,1)*INDEX($D$3:$AA$30,INDEX(Jesper!$R$2:$R$366,ROW(INDEX(Jesper!AK$2:AK$366,ROUNDDOWN($C5194/24,0)+1,1))-1)+IF('Standard Profiles'!$G$21=$B$10,7,0)+IF('Standard Profiles'!$G$21=$B$17,14,0)+IF('Standard Profiles'!$G$21=$B$24,21,0),MOD($C5194,24)+1)/SUM(INDEX($D$3:$AA$30,INDEX(Jesper!$R$2:$R$366,ROW(INDEX(Jesper!AK$2:AK$366,ROUNDDOWN($C5194/24,0)+1,1))-1)+IF('Standard Profiles'!$G$21=$B$10,7,0)+IF('Standard Profiles'!$G$21=$B$17,14,0)+IF('Standard Profiles'!$G$21=$B$24,21,0),0)),0)</f>
        <v>0.48841052697063431</v>
      </c>
      <c r="H5194" cm="1">
        <f t="array" ref="H5194">IFERROR(INDEX(Jesper!AL$2:AL$366,ROUNDDOWN($C5194/24,0)+1,1)*INDEX($D$3:$AA$30,INDEX(Jesper!$R$2:$R$366,ROW(INDEX(Jesper!AL$2:AL$366,ROUNDDOWN($C5194/24,0)+1,1))-1)+IF('Standard Profiles'!$G$22=$B$10,7,0)+IF('Standard Profiles'!$G$22=$B$17,14,0)+IF('Standard Profiles'!$G$22=$B$24,21,0),MOD($C5194,24)+1)/SUM(INDEX($D$3:$AA$30,INDEX(Jesper!$R$2:$R$366,ROW(INDEX(Jesper!AL$2:AL$366,ROUNDDOWN($C5194/24,0)+1,1))-1)+IF('Standard Profiles'!$G$22=$B$10,7,0)+IF('Standard Profiles'!$G$22=$B$17,14,0)+IF('Standard Profiles'!$G$22=$B$24,21,0),0)),0)</f>
        <v>0</v>
      </c>
      <c r="I5194">
        <f t="shared" si="580"/>
        <v>0.23443705294590436</v>
      </c>
      <c r="J5194">
        <f t="shared" si="581"/>
        <v>11.041221186245071</v>
      </c>
      <c r="K5194">
        <f t="shared" si="582"/>
        <v>0.88966335038146238</v>
      </c>
      <c r="L5194">
        <f t="shared" si="583"/>
        <v>0.44483167519073119</v>
      </c>
      <c r="M5194">
        <f t="shared" si="584"/>
        <v>0</v>
      </c>
      <c r="N5194" s="45">
        <f t="shared" si="585"/>
        <v>45141.999999987485</v>
      </c>
    </row>
    <row r="5195" spans="2:14" x14ac:dyDescent="0.25">
      <c r="B5195">
        <f t="shared" si="579"/>
        <v>5</v>
      </c>
      <c r="C5195" s="16">
        <v>5161</v>
      </c>
      <c r="D5195" cm="1">
        <f t="array" ref="D5195">IFERROR(INDEX(Jesper!AH$2:AH$366,ROUNDDOWN($C5195/24,0)+1,1)*INDEX($D$3:$AA$30,INDEX(Jesper!$R$2:$R$366,ROW(INDEX(Jesper!AH$2:AH$366,ROUNDDOWN($C5195/24,0)+1,1))-1)+IF('Standard Profiles'!$G$18=$B$10,7,0)+IF('Standard Profiles'!$G$18=$B$17,14,0)+IF('Standard Profiles'!$G$18=$B$24,21,0),MOD($C5195,24)+1)/SUM(INDEX($D$3:$AA$30,INDEX(Jesper!$R$2:$R$366,ROW(INDEX(Jesper!AH$2:AH$366,ROUNDDOWN($C5195/24,0)+1,1))-1)+IF('Standard Profiles'!$G$18=$B$10,7,0)+IF('Standard Profiles'!$G$18=$B$17,14,0)+IF('Standard Profiles'!$G$18=$B$24,21,0),0)),0)</f>
        <v>5.0549053998946727</v>
      </c>
      <c r="E5195" cm="1">
        <f t="array" ref="E5195">IFERROR(INDEX(Jesper!AI$2:AI$366,ROUNDDOWN($C5195/24,0)+1,1)*INDEX($D$3:$AA$30,INDEX(Jesper!$R$2:$R$366,ROW(INDEX(Jesper!AI$2:AI$366,ROUNDDOWN($C5195/24,0)+1,1))-1)+IF('Standard Profiles'!$G$19=$B$10,7,0)+IF('Standard Profiles'!$G$19=$B$17,14,0)+IF('Standard Profiles'!$G$19=$B$24,21,0),MOD($C5195,24)+1)/SUM(INDEX($D$3:$AA$30,INDEX(Jesper!$R$2:$R$366,ROW(INDEX(Jesper!AI$2:AI$366,ROUNDDOWN($C5195/24,0)+1,1))-1)+IF('Standard Profiles'!$G$19=$B$10,7,0)+IF('Standard Profiles'!$G$19=$B$17,14,0)+IF('Standard Profiles'!$G$19=$B$24,21,0),0)),0)</f>
        <v>2.2916053502826212</v>
      </c>
      <c r="F5195" cm="1">
        <f t="array" ref="F5195">IFERROR(INDEX(Jesper!AJ$2:AJ$366,ROUNDDOWN($C5195/24,0)+1,1)*INDEX($D$3:$AA$30,INDEX(Jesper!$R$2:$R$366,ROW(INDEX(Jesper!AJ$2:AJ$366,ROUNDDOWN($C5195/24,0)+1,1))-1)+IF('Standard Profiles'!$G$20=$B$10,7,0)+IF('Standard Profiles'!$G$20=$B$17,14,0)+IF('Standard Profiles'!$G$20=$B$24,21,0),MOD($C5195,24)+1)/SUM(INDEX($D$3:$AA$30,INDEX(Jesper!$R$2:$R$366,ROW(INDEX(Jesper!AJ$2:AJ$366,ROUNDDOWN($C5195/24,0)+1,1))-1)+IF('Standard Profiles'!$G$20=$B$10,7,0)+IF('Standard Profiles'!$G$20=$B$17,14,0)+IF('Standard Profiles'!$G$20=$B$24,21,0),0)),0)</f>
        <v>0</v>
      </c>
      <c r="G5195" cm="1">
        <f t="array" ref="G5195">IFERROR(INDEX(Jesper!AK$2:AK$366,ROUNDDOWN($C5195/24,0)+1,1)*INDEX($D$3:$AA$30,INDEX(Jesper!$R$2:$R$366,ROW(INDEX(Jesper!AK$2:AK$366,ROUNDDOWN($C5195/24,0)+1,1))-1)+IF('Standard Profiles'!$G$21=$B$10,7,0)+IF('Standard Profiles'!$G$21=$B$17,14,0)+IF('Standard Profiles'!$G$21=$B$24,21,0),MOD($C5195,24)+1)/SUM(INDEX($D$3:$AA$30,INDEX(Jesper!$R$2:$R$366,ROW(INDEX(Jesper!AK$2:AK$366,ROUNDDOWN($C5195/24,0)+1,1))-1)+IF('Standard Profiles'!$G$21=$B$10,7,0)+IF('Standard Profiles'!$G$21=$B$17,14,0)+IF('Standard Profiles'!$G$21=$B$24,21,0),0)),0)</f>
        <v>0.48841052697063431</v>
      </c>
      <c r="H5195" cm="1">
        <f t="array" ref="H5195">IFERROR(INDEX(Jesper!AL$2:AL$366,ROUNDDOWN($C5195/24,0)+1,1)*INDEX($D$3:$AA$30,INDEX(Jesper!$R$2:$R$366,ROW(INDEX(Jesper!AL$2:AL$366,ROUNDDOWN($C5195/24,0)+1,1))-1)+IF('Standard Profiles'!$G$22=$B$10,7,0)+IF('Standard Profiles'!$G$22=$B$17,14,0)+IF('Standard Profiles'!$G$22=$B$24,21,0),MOD($C5195,24)+1)/SUM(INDEX($D$3:$AA$30,INDEX(Jesper!$R$2:$R$366,ROW(INDEX(Jesper!AL$2:AL$366,ROUNDDOWN($C5195/24,0)+1,1))-1)+IF('Standard Profiles'!$G$22=$B$10,7,0)+IF('Standard Profiles'!$G$22=$B$17,14,0)+IF('Standard Profiles'!$G$22=$B$24,21,0),0)),0)</f>
        <v>0</v>
      </c>
      <c r="I5195">
        <f t="shared" si="580"/>
        <v>0.23443705294590436</v>
      </c>
      <c r="J5195">
        <f t="shared" si="581"/>
        <v>6.7916993602188764</v>
      </c>
      <c r="K5195">
        <f t="shared" si="582"/>
        <v>0.53918990932209843</v>
      </c>
      <c r="L5195">
        <f t="shared" si="583"/>
        <v>0.26959495466104921</v>
      </c>
      <c r="M5195">
        <f t="shared" si="584"/>
        <v>0</v>
      </c>
      <c r="N5195" s="45">
        <f t="shared" si="585"/>
        <v>45142.04166665415</v>
      </c>
    </row>
    <row r="5196" spans="2:14" x14ac:dyDescent="0.25">
      <c r="B5196">
        <f t="shared" si="579"/>
        <v>5</v>
      </c>
      <c r="C5196" s="16">
        <v>5162</v>
      </c>
      <c r="D5196" cm="1">
        <f t="array" ref="D5196">IFERROR(INDEX(Jesper!AH$2:AH$366,ROUNDDOWN($C5196/24,0)+1,1)*INDEX($D$3:$AA$30,INDEX(Jesper!$R$2:$R$366,ROW(INDEX(Jesper!AH$2:AH$366,ROUNDDOWN($C5196/24,0)+1,1))-1)+IF('Standard Profiles'!$G$18=$B$10,7,0)+IF('Standard Profiles'!$G$18=$B$17,14,0)+IF('Standard Profiles'!$G$18=$B$24,21,0),MOD($C5196,24)+1)/SUM(INDEX($D$3:$AA$30,INDEX(Jesper!$R$2:$R$366,ROW(INDEX(Jesper!AH$2:AH$366,ROUNDDOWN($C5196/24,0)+1,1))-1)+IF('Standard Profiles'!$G$18=$B$10,7,0)+IF('Standard Profiles'!$G$18=$B$17,14,0)+IF('Standard Profiles'!$G$18=$B$24,21,0),0)),0)</f>
        <v>5.0549053998946727</v>
      </c>
      <c r="E5196" cm="1">
        <f t="array" ref="E5196">IFERROR(INDEX(Jesper!AI$2:AI$366,ROUNDDOWN($C5196/24,0)+1,1)*INDEX($D$3:$AA$30,INDEX(Jesper!$R$2:$R$366,ROW(INDEX(Jesper!AI$2:AI$366,ROUNDDOWN($C5196/24,0)+1,1))-1)+IF('Standard Profiles'!$G$19=$B$10,7,0)+IF('Standard Profiles'!$G$19=$B$17,14,0)+IF('Standard Profiles'!$G$19=$B$24,21,0),MOD($C5196,24)+1)/SUM(INDEX($D$3:$AA$30,INDEX(Jesper!$R$2:$R$366,ROW(INDEX(Jesper!AI$2:AI$366,ROUNDDOWN($C5196/24,0)+1,1))-1)+IF('Standard Profiles'!$G$19=$B$10,7,0)+IF('Standard Profiles'!$G$19=$B$17,14,0)+IF('Standard Profiles'!$G$19=$B$24,21,0),0)),0)</f>
        <v>2.2916053502826212</v>
      </c>
      <c r="F5196" cm="1">
        <f t="array" ref="F5196">IFERROR(INDEX(Jesper!AJ$2:AJ$366,ROUNDDOWN($C5196/24,0)+1,1)*INDEX($D$3:$AA$30,INDEX(Jesper!$R$2:$R$366,ROW(INDEX(Jesper!AJ$2:AJ$366,ROUNDDOWN($C5196/24,0)+1,1))-1)+IF('Standard Profiles'!$G$20=$B$10,7,0)+IF('Standard Profiles'!$G$20=$B$17,14,0)+IF('Standard Profiles'!$G$20=$B$24,21,0),MOD($C5196,24)+1)/SUM(INDEX($D$3:$AA$30,INDEX(Jesper!$R$2:$R$366,ROW(INDEX(Jesper!AJ$2:AJ$366,ROUNDDOWN($C5196/24,0)+1,1))-1)+IF('Standard Profiles'!$G$20=$B$10,7,0)+IF('Standard Profiles'!$G$20=$B$17,14,0)+IF('Standard Profiles'!$G$20=$B$24,21,0),0)),0)</f>
        <v>0</v>
      </c>
      <c r="G5196" cm="1">
        <f t="array" ref="G5196">IFERROR(INDEX(Jesper!AK$2:AK$366,ROUNDDOWN($C5196/24,0)+1,1)*INDEX($D$3:$AA$30,INDEX(Jesper!$R$2:$R$366,ROW(INDEX(Jesper!AK$2:AK$366,ROUNDDOWN($C5196/24,0)+1,1))-1)+IF('Standard Profiles'!$G$21=$B$10,7,0)+IF('Standard Profiles'!$G$21=$B$17,14,0)+IF('Standard Profiles'!$G$21=$B$24,21,0),MOD($C5196,24)+1)/SUM(INDEX($D$3:$AA$30,INDEX(Jesper!$R$2:$R$366,ROW(INDEX(Jesper!AK$2:AK$366,ROUNDDOWN($C5196/24,0)+1,1))-1)+IF('Standard Profiles'!$G$21=$B$10,7,0)+IF('Standard Profiles'!$G$21=$B$17,14,0)+IF('Standard Profiles'!$G$21=$B$24,21,0),0)),0)</f>
        <v>0.48841052697063431</v>
      </c>
      <c r="H5196" cm="1">
        <f t="array" ref="H5196">IFERROR(INDEX(Jesper!AL$2:AL$366,ROUNDDOWN($C5196/24,0)+1,1)*INDEX($D$3:$AA$30,INDEX(Jesper!$R$2:$R$366,ROW(INDEX(Jesper!AL$2:AL$366,ROUNDDOWN($C5196/24,0)+1,1))-1)+IF('Standard Profiles'!$G$22=$B$10,7,0)+IF('Standard Profiles'!$G$22=$B$17,14,0)+IF('Standard Profiles'!$G$22=$B$24,21,0),MOD($C5196,24)+1)/SUM(INDEX($D$3:$AA$30,INDEX(Jesper!$R$2:$R$366,ROW(INDEX(Jesper!AL$2:AL$366,ROUNDDOWN($C5196/24,0)+1,1))-1)+IF('Standard Profiles'!$G$22=$B$10,7,0)+IF('Standard Profiles'!$G$22=$B$17,14,0)+IF('Standard Profiles'!$G$22=$B$24,21,0),0)),0)</f>
        <v>0</v>
      </c>
      <c r="I5196">
        <f t="shared" si="580"/>
        <v>0.23443705294590436</v>
      </c>
      <c r="J5196">
        <f t="shared" si="581"/>
        <v>6.7916993602188764</v>
      </c>
      <c r="K5196">
        <f t="shared" si="582"/>
        <v>0.53918990932209843</v>
      </c>
      <c r="L5196">
        <f t="shared" si="583"/>
        <v>0.26959495466104921</v>
      </c>
      <c r="M5196">
        <f t="shared" si="584"/>
        <v>0</v>
      </c>
      <c r="N5196" s="45">
        <f t="shared" si="585"/>
        <v>45142.083333320814</v>
      </c>
    </row>
    <row r="5197" spans="2:14" x14ac:dyDescent="0.25">
      <c r="B5197">
        <f t="shared" si="579"/>
        <v>5</v>
      </c>
      <c r="C5197" s="16">
        <v>5163</v>
      </c>
      <c r="D5197" cm="1">
        <f t="array" ref="D5197">IFERROR(INDEX(Jesper!AH$2:AH$366,ROUNDDOWN($C5197/24,0)+1,1)*INDEX($D$3:$AA$30,INDEX(Jesper!$R$2:$R$366,ROW(INDEX(Jesper!AH$2:AH$366,ROUNDDOWN($C5197/24,0)+1,1))-1)+IF('Standard Profiles'!$G$18=$B$10,7,0)+IF('Standard Profiles'!$G$18=$B$17,14,0)+IF('Standard Profiles'!$G$18=$B$24,21,0),MOD($C5197,24)+1)/SUM(INDEX($D$3:$AA$30,INDEX(Jesper!$R$2:$R$366,ROW(INDEX(Jesper!AH$2:AH$366,ROUNDDOWN($C5197/24,0)+1,1))-1)+IF('Standard Profiles'!$G$18=$B$10,7,0)+IF('Standard Profiles'!$G$18=$B$17,14,0)+IF('Standard Profiles'!$G$18=$B$24,21,0),0)),0)</f>
        <v>5.0549053998946727</v>
      </c>
      <c r="E5197" cm="1">
        <f t="array" ref="E5197">IFERROR(INDEX(Jesper!AI$2:AI$366,ROUNDDOWN($C5197/24,0)+1,1)*INDEX($D$3:$AA$30,INDEX(Jesper!$R$2:$R$366,ROW(INDEX(Jesper!AI$2:AI$366,ROUNDDOWN($C5197/24,0)+1,1))-1)+IF('Standard Profiles'!$G$19=$B$10,7,0)+IF('Standard Profiles'!$G$19=$B$17,14,0)+IF('Standard Profiles'!$G$19=$B$24,21,0),MOD($C5197,24)+1)/SUM(INDEX($D$3:$AA$30,INDEX(Jesper!$R$2:$R$366,ROW(INDEX(Jesper!AI$2:AI$366,ROUNDDOWN($C5197/24,0)+1,1))-1)+IF('Standard Profiles'!$G$19=$B$10,7,0)+IF('Standard Profiles'!$G$19=$B$17,14,0)+IF('Standard Profiles'!$G$19=$B$24,21,0),0)),0)</f>
        <v>2.2916053502826212</v>
      </c>
      <c r="F5197" cm="1">
        <f t="array" ref="F5197">IFERROR(INDEX(Jesper!AJ$2:AJ$366,ROUNDDOWN($C5197/24,0)+1,1)*INDEX($D$3:$AA$30,INDEX(Jesper!$R$2:$R$366,ROW(INDEX(Jesper!AJ$2:AJ$366,ROUNDDOWN($C5197/24,0)+1,1))-1)+IF('Standard Profiles'!$G$20=$B$10,7,0)+IF('Standard Profiles'!$G$20=$B$17,14,0)+IF('Standard Profiles'!$G$20=$B$24,21,0),MOD($C5197,24)+1)/SUM(INDEX($D$3:$AA$30,INDEX(Jesper!$R$2:$R$366,ROW(INDEX(Jesper!AJ$2:AJ$366,ROUNDDOWN($C5197/24,0)+1,1))-1)+IF('Standard Profiles'!$G$20=$B$10,7,0)+IF('Standard Profiles'!$G$20=$B$17,14,0)+IF('Standard Profiles'!$G$20=$B$24,21,0),0)),0)</f>
        <v>0</v>
      </c>
      <c r="G5197" cm="1">
        <f t="array" ref="G5197">IFERROR(INDEX(Jesper!AK$2:AK$366,ROUNDDOWN($C5197/24,0)+1,1)*INDEX($D$3:$AA$30,INDEX(Jesper!$R$2:$R$366,ROW(INDEX(Jesper!AK$2:AK$366,ROUNDDOWN($C5197/24,0)+1,1))-1)+IF('Standard Profiles'!$G$21=$B$10,7,0)+IF('Standard Profiles'!$G$21=$B$17,14,0)+IF('Standard Profiles'!$G$21=$B$24,21,0),MOD($C5197,24)+1)/SUM(INDEX($D$3:$AA$30,INDEX(Jesper!$R$2:$R$366,ROW(INDEX(Jesper!AK$2:AK$366,ROUNDDOWN($C5197/24,0)+1,1))-1)+IF('Standard Profiles'!$G$21=$B$10,7,0)+IF('Standard Profiles'!$G$21=$B$17,14,0)+IF('Standard Profiles'!$G$21=$B$24,21,0),0)),0)</f>
        <v>0.48841052697063431</v>
      </c>
      <c r="H5197" cm="1">
        <f t="array" ref="H5197">IFERROR(INDEX(Jesper!AL$2:AL$366,ROUNDDOWN($C5197/24,0)+1,1)*INDEX($D$3:$AA$30,INDEX(Jesper!$R$2:$R$366,ROW(INDEX(Jesper!AL$2:AL$366,ROUNDDOWN($C5197/24,0)+1,1))-1)+IF('Standard Profiles'!$G$22=$B$10,7,0)+IF('Standard Profiles'!$G$22=$B$17,14,0)+IF('Standard Profiles'!$G$22=$B$24,21,0),MOD($C5197,24)+1)/SUM(INDEX($D$3:$AA$30,INDEX(Jesper!$R$2:$R$366,ROW(INDEX(Jesper!AL$2:AL$366,ROUNDDOWN($C5197/24,0)+1,1))-1)+IF('Standard Profiles'!$G$22=$B$10,7,0)+IF('Standard Profiles'!$G$22=$B$17,14,0)+IF('Standard Profiles'!$G$22=$B$24,21,0),0)),0)</f>
        <v>0</v>
      </c>
      <c r="I5197">
        <f t="shared" si="580"/>
        <v>0.23443705294590436</v>
      </c>
      <c r="J5197">
        <f t="shared" si="581"/>
        <v>6.7916993602188764</v>
      </c>
      <c r="K5197">
        <f t="shared" si="582"/>
        <v>0.53918990932209843</v>
      </c>
      <c r="L5197">
        <f t="shared" si="583"/>
        <v>0.26959495466104921</v>
      </c>
      <c r="M5197">
        <f t="shared" si="584"/>
        <v>0</v>
      </c>
      <c r="N5197" s="45">
        <f t="shared" si="585"/>
        <v>45142.124999987478</v>
      </c>
    </row>
    <row r="5198" spans="2:14" x14ac:dyDescent="0.25">
      <c r="B5198">
        <f t="shared" si="579"/>
        <v>5</v>
      </c>
      <c r="C5198" s="16">
        <v>5164</v>
      </c>
      <c r="D5198" cm="1">
        <f t="array" ref="D5198">IFERROR(INDEX(Jesper!AH$2:AH$366,ROUNDDOWN($C5198/24,0)+1,1)*INDEX($D$3:$AA$30,INDEX(Jesper!$R$2:$R$366,ROW(INDEX(Jesper!AH$2:AH$366,ROUNDDOWN($C5198/24,0)+1,1))-1)+IF('Standard Profiles'!$G$18=$B$10,7,0)+IF('Standard Profiles'!$G$18=$B$17,14,0)+IF('Standard Profiles'!$G$18=$B$24,21,0),MOD($C5198,24)+1)/SUM(INDEX($D$3:$AA$30,INDEX(Jesper!$R$2:$R$366,ROW(INDEX(Jesper!AH$2:AH$366,ROUNDDOWN($C5198/24,0)+1,1))-1)+IF('Standard Profiles'!$G$18=$B$10,7,0)+IF('Standard Profiles'!$G$18=$B$17,14,0)+IF('Standard Profiles'!$G$18=$B$24,21,0),0)),0)</f>
        <v>5.0549053998946727</v>
      </c>
      <c r="E5198" cm="1">
        <f t="array" ref="E5198">IFERROR(INDEX(Jesper!AI$2:AI$366,ROUNDDOWN($C5198/24,0)+1,1)*INDEX($D$3:$AA$30,INDEX(Jesper!$R$2:$R$366,ROW(INDEX(Jesper!AI$2:AI$366,ROUNDDOWN($C5198/24,0)+1,1))-1)+IF('Standard Profiles'!$G$19=$B$10,7,0)+IF('Standard Profiles'!$G$19=$B$17,14,0)+IF('Standard Profiles'!$G$19=$B$24,21,0),MOD($C5198,24)+1)/SUM(INDEX($D$3:$AA$30,INDEX(Jesper!$R$2:$R$366,ROW(INDEX(Jesper!AI$2:AI$366,ROUNDDOWN($C5198/24,0)+1,1))-1)+IF('Standard Profiles'!$G$19=$B$10,7,0)+IF('Standard Profiles'!$G$19=$B$17,14,0)+IF('Standard Profiles'!$G$19=$B$24,21,0),0)),0)</f>
        <v>2.2916053502826212</v>
      </c>
      <c r="F5198" cm="1">
        <f t="array" ref="F5198">IFERROR(INDEX(Jesper!AJ$2:AJ$366,ROUNDDOWN($C5198/24,0)+1,1)*INDEX($D$3:$AA$30,INDEX(Jesper!$R$2:$R$366,ROW(INDEX(Jesper!AJ$2:AJ$366,ROUNDDOWN($C5198/24,0)+1,1))-1)+IF('Standard Profiles'!$G$20=$B$10,7,0)+IF('Standard Profiles'!$G$20=$B$17,14,0)+IF('Standard Profiles'!$G$20=$B$24,21,0),MOD($C5198,24)+1)/SUM(INDEX($D$3:$AA$30,INDEX(Jesper!$R$2:$R$366,ROW(INDEX(Jesper!AJ$2:AJ$366,ROUNDDOWN($C5198/24,0)+1,1))-1)+IF('Standard Profiles'!$G$20=$B$10,7,0)+IF('Standard Profiles'!$G$20=$B$17,14,0)+IF('Standard Profiles'!$G$20=$B$24,21,0),0)),0)</f>
        <v>0</v>
      </c>
      <c r="G5198" cm="1">
        <f t="array" ref="G5198">IFERROR(INDEX(Jesper!AK$2:AK$366,ROUNDDOWN($C5198/24,0)+1,1)*INDEX($D$3:$AA$30,INDEX(Jesper!$R$2:$R$366,ROW(INDEX(Jesper!AK$2:AK$366,ROUNDDOWN($C5198/24,0)+1,1))-1)+IF('Standard Profiles'!$G$21=$B$10,7,0)+IF('Standard Profiles'!$G$21=$B$17,14,0)+IF('Standard Profiles'!$G$21=$B$24,21,0),MOD($C5198,24)+1)/SUM(INDEX($D$3:$AA$30,INDEX(Jesper!$R$2:$R$366,ROW(INDEX(Jesper!AK$2:AK$366,ROUNDDOWN($C5198/24,0)+1,1))-1)+IF('Standard Profiles'!$G$21=$B$10,7,0)+IF('Standard Profiles'!$G$21=$B$17,14,0)+IF('Standard Profiles'!$G$21=$B$24,21,0),0)),0)</f>
        <v>0.48841052697063431</v>
      </c>
      <c r="H5198" cm="1">
        <f t="array" ref="H5198">IFERROR(INDEX(Jesper!AL$2:AL$366,ROUNDDOWN($C5198/24,0)+1,1)*INDEX($D$3:$AA$30,INDEX(Jesper!$R$2:$R$366,ROW(INDEX(Jesper!AL$2:AL$366,ROUNDDOWN($C5198/24,0)+1,1))-1)+IF('Standard Profiles'!$G$22=$B$10,7,0)+IF('Standard Profiles'!$G$22=$B$17,14,0)+IF('Standard Profiles'!$G$22=$B$24,21,0),MOD($C5198,24)+1)/SUM(INDEX($D$3:$AA$30,INDEX(Jesper!$R$2:$R$366,ROW(INDEX(Jesper!AL$2:AL$366,ROUNDDOWN($C5198/24,0)+1,1))-1)+IF('Standard Profiles'!$G$22=$B$10,7,0)+IF('Standard Profiles'!$G$22=$B$17,14,0)+IF('Standard Profiles'!$G$22=$B$24,21,0),0)),0)</f>
        <v>0</v>
      </c>
      <c r="I5198">
        <f t="shared" si="580"/>
        <v>0.23443705294590436</v>
      </c>
      <c r="J5198">
        <f t="shared" si="581"/>
        <v>6.7916993602188764</v>
      </c>
      <c r="K5198">
        <f t="shared" si="582"/>
        <v>0.53918990932209843</v>
      </c>
      <c r="L5198">
        <f t="shared" si="583"/>
        <v>0.26959495466104921</v>
      </c>
      <c r="M5198">
        <f t="shared" si="584"/>
        <v>0</v>
      </c>
      <c r="N5198" s="45">
        <f t="shared" si="585"/>
        <v>45142.166666654142</v>
      </c>
    </row>
    <row r="5199" spans="2:14" x14ac:dyDescent="0.25">
      <c r="B5199">
        <f t="shared" si="579"/>
        <v>5</v>
      </c>
      <c r="C5199" s="16">
        <v>5165</v>
      </c>
      <c r="D5199" cm="1">
        <f t="array" ref="D5199">IFERROR(INDEX(Jesper!AH$2:AH$366,ROUNDDOWN($C5199/24,0)+1,1)*INDEX($D$3:$AA$30,INDEX(Jesper!$R$2:$R$366,ROW(INDEX(Jesper!AH$2:AH$366,ROUNDDOWN($C5199/24,0)+1,1))-1)+IF('Standard Profiles'!$G$18=$B$10,7,0)+IF('Standard Profiles'!$G$18=$B$17,14,0)+IF('Standard Profiles'!$G$18=$B$24,21,0),MOD($C5199,24)+1)/SUM(INDEX($D$3:$AA$30,INDEX(Jesper!$R$2:$R$366,ROW(INDEX(Jesper!AH$2:AH$366,ROUNDDOWN($C5199/24,0)+1,1))-1)+IF('Standard Profiles'!$G$18=$B$10,7,0)+IF('Standard Profiles'!$G$18=$B$17,14,0)+IF('Standard Profiles'!$G$18=$B$24,21,0),0)),0)</f>
        <v>5.0549053998946727</v>
      </c>
      <c r="E5199" cm="1">
        <f t="array" ref="E5199">IFERROR(INDEX(Jesper!AI$2:AI$366,ROUNDDOWN($C5199/24,0)+1,1)*INDEX($D$3:$AA$30,INDEX(Jesper!$R$2:$R$366,ROW(INDEX(Jesper!AI$2:AI$366,ROUNDDOWN($C5199/24,0)+1,1))-1)+IF('Standard Profiles'!$G$19=$B$10,7,0)+IF('Standard Profiles'!$G$19=$B$17,14,0)+IF('Standard Profiles'!$G$19=$B$24,21,0),MOD($C5199,24)+1)/SUM(INDEX($D$3:$AA$30,INDEX(Jesper!$R$2:$R$366,ROW(INDEX(Jesper!AI$2:AI$366,ROUNDDOWN($C5199/24,0)+1,1))-1)+IF('Standard Profiles'!$G$19=$B$10,7,0)+IF('Standard Profiles'!$G$19=$B$17,14,0)+IF('Standard Profiles'!$G$19=$B$24,21,0),0)),0)</f>
        <v>2.2916053502826212</v>
      </c>
      <c r="F5199" cm="1">
        <f t="array" ref="F5199">IFERROR(INDEX(Jesper!AJ$2:AJ$366,ROUNDDOWN($C5199/24,0)+1,1)*INDEX($D$3:$AA$30,INDEX(Jesper!$R$2:$R$366,ROW(INDEX(Jesper!AJ$2:AJ$366,ROUNDDOWN($C5199/24,0)+1,1))-1)+IF('Standard Profiles'!$G$20=$B$10,7,0)+IF('Standard Profiles'!$G$20=$B$17,14,0)+IF('Standard Profiles'!$G$20=$B$24,21,0),MOD($C5199,24)+1)/SUM(INDEX($D$3:$AA$30,INDEX(Jesper!$R$2:$R$366,ROW(INDEX(Jesper!AJ$2:AJ$366,ROUNDDOWN($C5199/24,0)+1,1))-1)+IF('Standard Profiles'!$G$20=$B$10,7,0)+IF('Standard Profiles'!$G$20=$B$17,14,0)+IF('Standard Profiles'!$G$20=$B$24,21,0),0)),0)</f>
        <v>0</v>
      </c>
      <c r="G5199" cm="1">
        <f t="array" ref="G5199">IFERROR(INDEX(Jesper!AK$2:AK$366,ROUNDDOWN($C5199/24,0)+1,1)*INDEX($D$3:$AA$30,INDEX(Jesper!$R$2:$R$366,ROW(INDEX(Jesper!AK$2:AK$366,ROUNDDOWN($C5199/24,0)+1,1))-1)+IF('Standard Profiles'!$G$21=$B$10,7,0)+IF('Standard Profiles'!$G$21=$B$17,14,0)+IF('Standard Profiles'!$G$21=$B$24,21,0),MOD($C5199,24)+1)/SUM(INDEX($D$3:$AA$30,INDEX(Jesper!$R$2:$R$366,ROW(INDEX(Jesper!AK$2:AK$366,ROUNDDOWN($C5199/24,0)+1,1))-1)+IF('Standard Profiles'!$G$21=$B$10,7,0)+IF('Standard Profiles'!$G$21=$B$17,14,0)+IF('Standard Profiles'!$G$21=$B$24,21,0),0)),0)</f>
        <v>0.48841052697063431</v>
      </c>
      <c r="H5199" cm="1">
        <f t="array" ref="H5199">IFERROR(INDEX(Jesper!AL$2:AL$366,ROUNDDOWN($C5199/24,0)+1,1)*INDEX($D$3:$AA$30,INDEX(Jesper!$R$2:$R$366,ROW(INDEX(Jesper!AL$2:AL$366,ROUNDDOWN($C5199/24,0)+1,1))-1)+IF('Standard Profiles'!$G$22=$B$10,7,0)+IF('Standard Profiles'!$G$22=$B$17,14,0)+IF('Standard Profiles'!$G$22=$B$24,21,0),MOD($C5199,24)+1)/SUM(INDEX($D$3:$AA$30,INDEX(Jesper!$R$2:$R$366,ROW(INDEX(Jesper!AL$2:AL$366,ROUNDDOWN($C5199/24,0)+1,1))-1)+IF('Standard Profiles'!$G$22=$B$10,7,0)+IF('Standard Profiles'!$G$22=$B$17,14,0)+IF('Standard Profiles'!$G$22=$B$24,21,0),0)),0)</f>
        <v>0</v>
      </c>
      <c r="I5199">
        <f t="shared" si="580"/>
        <v>0.23443705294590436</v>
      </c>
      <c r="J5199">
        <f t="shared" si="581"/>
        <v>6.7916993602188764</v>
      </c>
      <c r="K5199">
        <f t="shared" si="582"/>
        <v>0.53918990932209843</v>
      </c>
      <c r="L5199">
        <f t="shared" si="583"/>
        <v>0.26959495466104921</v>
      </c>
      <c r="M5199">
        <f t="shared" si="584"/>
        <v>0</v>
      </c>
      <c r="N5199" s="45">
        <f t="shared" si="585"/>
        <v>45142.208333320807</v>
      </c>
    </row>
    <row r="5200" spans="2:14" x14ac:dyDescent="0.25">
      <c r="B5200">
        <f t="shared" si="579"/>
        <v>5</v>
      </c>
      <c r="C5200" s="16">
        <v>5166</v>
      </c>
      <c r="D5200" cm="1">
        <f t="array" ref="D5200">IFERROR(INDEX(Jesper!AH$2:AH$366,ROUNDDOWN($C5200/24,0)+1,1)*INDEX($D$3:$AA$30,INDEX(Jesper!$R$2:$R$366,ROW(INDEX(Jesper!AH$2:AH$366,ROUNDDOWN($C5200/24,0)+1,1))-1)+IF('Standard Profiles'!$G$18=$B$10,7,0)+IF('Standard Profiles'!$G$18=$B$17,14,0)+IF('Standard Profiles'!$G$18=$B$24,21,0),MOD($C5200,24)+1)/SUM(INDEX($D$3:$AA$30,INDEX(Jesper!$R$2:$R$366,ROW(INDEX(Jesper!AH$2:AH$366,ROUNDDOWN($C5200/24,0)+1,1))-1)+IF('Standard Profiles'!$G$18=$B$10,7,0)+IF('Standard Profiles'!$G$18=$B$17,14,0)+IF('Standard Profiles'!$G$18=$B$24,21,0),0)),0)</f>
        <v>5.0549053998946727</v>
      </c>
      <c r="E5200" cm="1">
        <f t="array" ref="E5200">IFERROR(INDEX(Jesper!AI$2:AI$366,ROUNDDOWN($C5200/24,0)+1,1)*INDEX($D$3:$AA$30,INDEX(Jesper!$R$2:$R$366,ROW(INDEX(Jesper!AI$2:AI$366,ROUNDDOWN($C5200/24,0)+1,1))-1)+IF('Standard Profiles'!$G$19=$B$10,7,0)+IF('Standard Profiles'!$G$19=$B$17,14,0)+IF('Standard Profiles'!$G$19=$B$24,21,0),MOD($C5200,24)+1)/SUM(INDEX($D$3:$AA$30,INDEX(Jesper!$R$2:$R$366,ROW(INDEX(Jesper!AI$2:AI$366,ROUNDDOWN($C5200/24,0)+1,1))-1)+IF('Standard Profiles'!$G$19=$B$10,7,0)+IF('Standard Profiles'!$G$19=$B$17,14,0)+IF('Standard Profiles'!$G$19=$B$24,21,0),0)),0)</f>
        <v>2.2916053502826212</v>
      </c>
      <c r="F5200" cm="1">
        <f t="array" ref="F5200">IFERROR(INDEX(Jesper!AJ$2:AJ$366,ROUNDDOWN($C5200/24,0)+1,1)*INDEX($D$3:$AA$30,INDEX(Jesper!$R$2:$R$366,ROW(INDEX(Jesper!AJ$2:AJ$366,ROUNDDOWN($C5200/24,0)+1,1))-1)+IF('Standard Profiles'!$G$20=$B$10,7,0)+IF('Standard Profiles'!$G$20=$B$17,14,0)+IF('Standard Profiles'!$G$20=$B$24,21,0),MOD($C5200,24)+1)/SUM(INDEX($D$3:$AA$30,INDEX(Jesper!$R$2:$R$366,ROW(INDEX(Jesper!AJ$2:AJ$366,ROUNDDOWN($C5200/24,0)+1,1))-1)+IF('Standard Profiles'!$G$20=$B$10,7,0)+IF('Standard Profiles'!$G$20=$B$17,14,0)+IF('Standard Profiles'!$G$20=$B$24,21,0),0)),0)</f>
        <v>0</v>
      </c>
      <c r="G5200" cm="1">
        <f t="array" ref="G5200">IFERROR(INDEX(Jesper!AK$2:AK$366,ROUNDDOWN($C5200/24,0)+1,1)*INDEX($D$3:$AA$30,INDEX(Jesper!$R$2:$R$366,ROW(INDEX(Jesper!AK$2:AK$366,ROUNDDOWN($C5200/24,0)+1,1))-1)+IF('Standard Profiles'!$G$21=$B$10,7,0)+IF('Standard Profiles'!$G$21=$B$17,14,0)+IF('Standard Profiles'!$G$21=$B$24,21,0),MOD($C5200,24)+1)/SUM(INDEX($D$3:$AA$30,INDEX(Jesper!$R$2:$R$366,ROW(INDEX(Jesper!AK$2:AK$366,ROUNDDOWN($C5200/24,0)+1,1))-1)+IF('Standard Profiles'!$G$21=$B$10,7,0)+IF('Standard Profiles'!$G$21=$B$17,14,0)+IF('Standard Profiles'!$G$21=$B$24,21,0),0)),0)</f>
        <v>0.48841052697063431</v>
      </c>
      <c r="H5200" cm="1">
        <f t="array" ref="H5200">IFERROR(INDEX(Jesper!AL$2:AL$366,ROUNDDOWN($C5200/24,0)+1,1)*INDEX($D$3:$AA$30,INDEX(Jesper!$R$2:$R$366,ROW(INDEX(Jesper!AL$2:AL$366,ROUNDDOWN($C5200/24,0)+1,1))-1)+IF('Standard Profiles'!$G$22=$B$10,7,0)+IF('Standard Profiles'!$G$22=$B$17,14,0)+IF('Standard Profiles'!$G$22=$B$24,21,0),MOD($C5200,24)+1)/SUM(INDEX($D$3:$AA$30,INDEX(Jesper!$R$2:$R$366,ROW(INDEX(Jesper!AL$2:AL$366,ROUNDDOWN($C5200/24,0)+1,1))-1)+IF('Standard Profiles'!$G$22=$B$10,7,0)+IF('Standard Profiles'!$G$22=$B$17,14,0)+IF('Standard Profiles'!$G$22=$B$24,21,0),0)),0)</f>
        <v>0</v>
      </c>
      <c r="I5200">
        <f t="shared" si="580"/>
        <v>0.23443705294590436</v>
      </c>
      <c r="J5200">
        <f t="shared" si="581"/>
        <v>6.7916993602188764</v>
      </c>
      <c r="K5200">
        <f t="shared" si="582"/>
        <v>0.53918990932209843</v>
      </c>
      <c r="L5200">
        <f t="shared" si="583"/>
        <v>0.26959495466104921</v>
      </c>
      <c r="M5200">
        <f t="shared" si="584"/>
        <v>0</v>
      </c>
      <c r="N5200" s="45">
        <f t="shared" si="585"/>
        <v>45142.249999987471</v>
      </c>
    </row>
    <row r="5201" spans="2:14" x14ac:dyDescent="0.25">
      <c r="B5201">
        <f t="shared" si="579"/>
        <v>5</v>
      </c>
      <c r="C5201" s="16">
        <v>5167</v>
      </c>
      <c r="D5201" cm="1">
        <f t="array" ref="D5201">IFERROR(INDEX(Jesper!AH$2:AH$366,ROUNDDOWN($C5201/24,0)+1,1)*INDEX($D$3:$AA$30,INDEX(Jesper!$R$2:$R$366,ROW(INDEX(Jesper!AH$2:AH$366,ROUNDDOWN($C5201/24,0)+1,1))-1)+IF('Standard Profiles'!$G$18=$B$10,7,0)+IF('Standard Profiles'!$G$18=$B$17,14,0)+IF('Standard Profiles'!$G$18=$B$24,21,0),MOD($C5201,24)+1)/SUM(INDEX($D$3:$AA$30,INDEX(Jesper!$R$2:$R$366,ROW(INDEX(Jesper!AH$2:AH$366,ROUNDDOWN($C5201/24,0)+1,1))-1)+IF('Standard Profiles'!$G$18=$B$10,7,0)+IF('Standard Profiles'!$G$18=$B$17,14,0)+IF('Standard Profiles'!$G$18=$B$24,21,0),0)),0)</f>
        <v>21.533897003551306</v>
      </c>
      <c r="E5201" cm="1">
        <f t="array" ref="E5201">IFERROR(INDEX(Jesper!AI$2:AI$366,ROUNDDOWN($C5201/24,0)+1,1)*INDEX($D$3:$AA$30,INDEX(Jesper!$R$2:$R$366,ROW(INDEX(Jesper!AI$2:AI$366,ROUNDDOWN($C5201/24,0)+1,1))-1)+IF('Standard Profiles'!$G$19=$B$10,7,0)+IF('Standard Profiles'!$G$19=$B$17,14,0)+IF('Standard Profiles'!$G$19=$B$24,21,0),MOD($C5201,24)+1)/SUM(INDEX($D$3:$AA$30,INDEX(Jesper!$R$2:$R$366,ROW(INDEX(Jesper!AI$2:AI$366,ROUNDDOWN($C5201/24,0)+1,1))-1)+IF('Standard Profiles'!$G$19=$B$10,7,0)+IF('Standard Profiles'!$G$19=$B$17,14,0)+IF('Standard Profiles'!$G$19=$B$24,21,0),0)),0)</f>
        <v>9.7622387922039646</v>
      </c>
      <c r="F5201" cm="1">
        <f t="array" ref="F5201">IFERROR(INDEX(Jesper!AJ$2:AJ$366,ROUNDDOWN($C5201/24,0)+1,1)*INDEX($D$3:$AA$30,INDEX(Jesper!$R$2:$R$366,ROW(INDEX(Jesper!AJ$2:AJ$366,ROUNDDOWN($C5201/24,0)+1,1))-1)+IF('Standard Profiles'!$G$20=$B$10,7,0)+IF('Standard Profiles'!$G$20=$B$17,14,0)+IF('Standard Profiles'!$G$20=$B$24,21,0),MOD($C5201,24)+1)/SUM(INDEX($D$3:$AA$30,INDEX(Jesper!$R$2:$R$366,ROW(INDEX(Jesper!AJ$2:AJ$366,ROUNDDOWN($C5201/24,0)+1,1))-1)+IF('Standard Profiles'!$G$20=$B$10,7,0)+IF('Standard Profiles'!$G$20=$B$17,14,0)+IF('Standard Profiles'!$G$20=$B$24,21,0),0)),0)</f>
        <v>0</v>
      </c>
      <c r="G5201" cm="1">
        <f t="array" ref="G5201">IFERROR(INDEX(Jesper!AK$2:AK$366,ROUNDDOWN($C5201/24,0)+1,1)*INDEX($D$3:$AA$30,INDEX(Jesper!$R$2:$R$366,ROW(INDEX(Jesper!AK$2:AK$366,ROUNDDOWN($C5201/24,0)+1,1))-1)+IF('Standard Profiles'!$G$21=$B$10,7,0)+IF('Standard Profiles'!$G$21=$B$17,14,0)+IF('Standard Profiles'!$G$21=$B$24,21,0),MOD($C5201,24)+1)/SUM(INDEX($D$3:$AA$30,INDEX(Jesper!$R$2:$R$366,ROW(INDEX(Jesper!AK$2:AK$366,ROUNDDOWN($C5201/24,0)+1,1))-1)+IF('Standard Profiles'!$G$21=$B$10,7,0)+IF('Standard Profiles'!$G$21=$B$17,14,0)+IF('Standard Profiles'!$G$21=$B$24,21,0),0)),0)</f>
        <v>1.3234349763075253</v>
      </c>
      <c r="H5201" cm="1">
        <f t="array" ref="H5201">IFERROR(INDEX(Jesper!AL$2:AL$366,ROUNDDOWN($C5201/24,0)+1,1)*INDEX($D$3:$AA$30,INDEX(Jesper!$R$2:$R$366,ROW(INDEX(Jesper!AL$2:AL$366,ROUNDDOWN($C5201/24,0)+1,1))-1)+IF('Standard Profiles'!$G$22=$B$10,7,0)+IF('Standard Profiles'!$G$22=$B$17,14,0)+IF('Standard Profiles'!$G$22=$B$24,21,0),MOD($C5201,24)+1)/SUM(INDEX($D$3:$AA$30,INDEX(Jesper!$R$2:$R$366,ROW(INDEX(Jesper!AL$2:AL$366,ROUNDDOWN($C5201/24,0)+1,1))-1)+IF('Standard Profiles'!$G$22=$B$10,7,0)+IF('Standard Profiles'!$G$22=$B$17,14,0)+IF('Standard Profiles'!$G$22=$B$24,21,0),0)),0)</f>
        <v>0</v>
      </c>
      <c r="I5201">
        <f t="shared" si="580"/>
        <v>0.6352487886276118</v>
      </c>
      <c r="J5201">
        <f t="shared" si="581"/>
        <v>28.538898462866978</v>
      </c>
      <c r="K5201">
        <f t="shared" si="582"/>
        <v>2.2969490137121396</v>
      </c>
      <c r="L5201">
        <f t="shared" si="583"/>
        <v>1.1484745068560698</v>
      </c>
      <c r="M5201">
        <f t="shared" si="584"/>
        <v>0</v>
      </c>
      <c r="N5201" s="45">
        <f t="shared" si="585"/>
        <v>45142.291666654135</v>
      </c>
    </row>
    <row r="5202" spans="2:14" x14ac:dyDescent="0.25">
      <c r="B5202">
        <f t="shared" si="579"/>
        <v>5</v>
      </c>
      <c r="C5202" s="16">
        <v>5168</v>
      </c>
      <c r="D5202" cm="1">
        <f t="array" ref="D5202">IFERROR(INDEX(Jesper!AH$2:AH$366,ROUNDDOWN($C5202/24,0)+1,1)*INDEX($D$3:$AA$30,INDEX(Jesper!$R$2:$R$366,ROW(INDEX(Jesper!AH$2:AH$366,ROUNDDOWN($C5202/24,0)+1,1))-1)+IF('Standard Profiles'!$G$18=$B$10,7,0)+IF('Standard Profiles'!$G$18=$B$17,14,0)+IF('Standard Profiles'!$G$18=$B$24,21,0),MOD($C5202,24)+1)/SUM(INDEX($D$3:$AA$30,INDEX(Jesper!$R$2:$R$366,ROW(INDEX(Jesper!AH$2:AH$366,ROUNDDOWN($C5202/24,0)+1,1))-1)+IF('Standard Profiles'!$G$18=$B$10,7,0)+IF('Standard Profiles'!$G$18=$B$17,14,0)+IF('Standard Profiles'!$G$18=$B$24,21,0),0)),0)</f>
        <v>26.917371254439132</v>
      </c>
      <c r="E5202" cm="1">
        <f t="array" ref="E5202">IFERROR(INDEX(Jesper!AI$2:AI$366,ROUNDDOWN($C5202/24,0)+1,1)*INDEX($D$3:$AA$30,INDEX(Jesper!$R$2:$R$366,ROW(INDEX(Jesper!AI$2:AI$366,ROUNDDOWN($C5202/24,0)+1,1))-1)+IF('Standard Profiles'!$G$19=$B$10,7,0)+IF('Standard Profiles'!$G$19=$B$17,14,0)+IF('Standard Profiles'!$G$19=$B$24,21,0),MOD($C5202,24)+1)/SUM(INDEX($D$3:$AA$30,INDEX(Jesper!$R$2:$R$366,ROW(INDEX(Jesper!AI$2:AI$366,ROUNDDOWN($C5202/24,0)+1,1))-1)+IF('Standard Profiles'!$G$19=$B$10,7,0)+IF('Standard Profiles'!$G$19=$B$17,14,0)+IF('Standard Profiles'!$G$19=$B$24,21,0),0)),0)</f>
        <v>12.202798490254958</v>
      </c>
      <c r="F5202" cm="1">
        <f t="array" ref="F5202">IFERROR(INDEX(Jesper!AJ$2:AJ$366,ROUNDDOWN($C5202/24,0)+1,1)*INDEX($D$3:$AA$30,INDEX(Jesper!$R$2:$R$366,ROW(INDEX(Jesper!AJ$2:AJ$366,ROUNDDOWN($C5202/24,0)+1,1))-1)+IF('Standard Profiles'!$G$20=$B$10,7,0)+IF('Standard Profiles'!$G$20=$B$17,14,0)+IF('Standard Profiles'!$G$20=$B$24,21,0),MOD($C5202,24)+1)/SUM(INDEX($D$3:$AA$30,INDEX(Jesper!$R$2:$R$366,ROW(INDEX(Jesper!AJ$2:AJ$366,ROUNDDOWN($C5202/24,0)+1,1))-1)+IF('Standard Profiles'!$G$20=$B$10,7,0)+IF('Standard Profiles'!$G$20=$B$17,14,0)+IF('Standard Profiles'!$G$20=$B$24,21,0),0)),0)</f>
        <v>0</v>
      </c>
      <c r="G5202" cm="1">
        <f t="array" ref="G5202">IFERROR(INDEX(Jesper!AK$2:AK$366,ROUNDDOWN($C5202/24,0)+1,1)*INDEX($D$3:$AA$30,INDEX(Jesper!$R$2:$R$366,ROW(INDEX(Jesper!AK$2:AK$366,ROUNDDOWN($C5202/24,0)+1,1))-1)+IF('Standard Profiles'!$G$21=$B$10,7,0)+IF('Standard Profiles'!$G$21=$B$17,14,0)+IF('Standard Profiles'!$G$21=$B$24,21,0),MOD($C5202,24)+1)/SUM(INDEX($D$3:$AA$30,INDEX(Jesper!$R$2:$R$366,ROW(INDEX(Jesper!AK$2:AK$366,ROUNDDOWN($C5202/24,0)+1,1))-1)+IF('Standard Profiles'!$G$21=$B$10,7,0)+IF('Standard Profiles'!$G$21=$B$17,14,0)+IF('Standard Profiles'!$G$21=$B$24,21,0),0)),0)</f>
        <v>1.6542937203844061</v>
      </c>
      <c r="H5202" cm="1">
        <f t="array" ref="H5202">IFERROR(INDEX(Jesper!AL$2:AL$366,ROUNDDOWN($C5202/24,0)+1,1)*INDEX($D$3:$AA$30,INDEX(Jesper!$R$2:$R$366,ROW(INDEX(Jesper!AL$2:AL$366,ROUNDDOWN($C5202/24,0)+1,1))-1)+IF('Standard Profiles'!$G$22=$B$10,7,0)+IF('Standard Profiles'!$G$22=$B$17,14,0)+IF('Standard Profiles'!$G$22=$B$24,21,0),MOD($C5202,24)+1)/SUM(INDEX($D$3:$AA$30,INDEX(Jesper!$R$2:$R$366,ROW(INDEX(Jesper!AL$2:AL$366,ROUNDDOWN($C5202/24,0)+1,1))-1)+IF('Standard Profiles'!$G$22=$B$10,7,0)+IF('Standard Profiles'!$G$22=$B$17,14,0)+IF('Standard Profiles'!$G$22=$B$24,21,0),0)),0)</f>
        <v>0</v>
      </c>
      <c r="I5202">
        <f t="shared" si="580"/>
        <v>0.79406098578451456</v>
      </c>
      <c r="J5202">
        <f t="shared" si="581"/>
        <v>35.673623078583717</v>
      </c>
      <c r="K5202">
        <f t="shared" si="582"/>
        <v>2.8711862671401742</v>
      </c>
      <c r="L5202">
        <f t="shared" si="583"/>
        <v>1.4355931335700871</v>
      </c>
      <c r="M5202">
        <f t="shared" si="584"/>
        <v>0</v>
      </c>
      <c r="N5202" s="45">
        <f t="shared" si="585"/>
        <v>45142.333333320799</v>
      </c>
    </row>
    <row r="5203" spans="2:14" x14ac:dyDescent="0.25">
      <c r="B5203">
        <f t="shared" si="579"/>
        <v>5</v>
      </c>
      <c r="C5203" s="16">
        <v>5169</v>
      </c>
      <c r="D5203" cm="1">
        <f t="array" ref="D5203">IFERROR(INDEX(Jesper!AH$2:AH$366,ROUNDDOWN($C5203/24,0)+1,1)*INDEX($D$3:$AA$30,INDEX(Jesper!$R$2:$R$366,ROW(INDEX(Jesper!AH$2:AH$366,ROUNDDOWN($C5203/24,0)+1,1))-1)+IF('Standard Profiles'!$G$18=$B$10,7,0)+IF('Standard Profiles'!$G$18=$B$17,14,0)+IF('Standard Profiles'!$G$18=$B$24,21,0),MOD($C5203,24)+1)/SUM(INDEX($D$3:$AA$30,INDEX(Jesper!$R$2:$R$366,ROW(INDEX(Jesper!AH$2:AH$366,ROUNDDOWN($C5203/24,0)+1,1))-1)+IF('Standard Profiles'!$G$18=$B$10,7,0)+IF('Standard Profiles'!$G$18=$B$17,14,0)+IF('Standard Profiles'!$G$18=$B$24,21,0),0)),0)</f>
        <v>29.609108379883043</v>
      </c>
      <c r="E5203" cm="1">
        <f t="array" ref="E5203">IFERROR(INDEX(Jesper!AI$2:AI$366,ROUNDDOWN($C5203/24,0)+1,1)*INDEX($D$3:$AA$30,INDEX(Jesper!$R$2:$R$366,ROW(INDEX(Jesper!AI$2:AI$366,ROUNDDOWN($C5203/24,0)+1,1))-1)+IF('Standard Profiles'!$G$19=$B$10,7,0)+IF('Standard Profiles'!$G$19=$B$17,14,0)+IF('Standard Profiles'!$G$19=$B$24,21,0),MOD($C5203,24)+1)/SUM(INDEX($D$3:$AA$30,INDEX(Jesper!$R$2:$R$366,ROW(INDEX(Jesper!AI$2:AI$366,ROUNDDOWN($C5203/24,0)+1,1))-1)+IF('Standard Profiles'!$G$19=$B$10,7,0)+IF('Standard Profiles'!$G$19=$B$17,14,0)+IF('Standard Profiles'!$G$19=$B$24,21,0),0)),0)</f>
        <v>13.423078339280453</v>
      </c>
      <c r="F5203" cm="1">
        <f t="array" ref="F5203">IFERROR(INDEX(Jesper!AJ$2:AJ$366,ROUNDDOWN($C5203/24,0)+1,1)*INDEX($D$3:$AA$30,INDEX(Jesper!$R$2:$R$366,ROW(INDEX(Jesper!AJ$2:AJ$366,ROUNDDOWN($C5203/24,0)+1,1))-1)+IF('Standard Profiles'!$G$20=$B$10,7,0)+IF('Standard Profiles'!$G$20=$B$17,14,0)+IF('Standard Profiles'!$G$20=$B$24,21,0),MOD($C5203,24)+1)/SUM(INDEX($D$3:$AA$30,INDEX(Jesper!$R$2:$R$366,ROW(INDEX(Jesper!AJ$2:AJ$366,ROUNDDOWN($C5203/24,0)+1,1))-1)+IF('Standard Profiles'!$G$20=$B$10,7,0)+IF('Standard Profiles'!$G$20=$B$17,14,0)+IF('Standard Profiles'!$G$20=$B$24,21,0),0)),0)</f>
        <v>0</v>
      </c>
      <c r="G5203" cm="1">
        <f t="array" ref="G5203">IFERROR(INDEX(Jesper!AK$2:AK$366,ROUNDDOWN($C5203/24,0)+1,1)*INDEX($D$3:$AA$30,INDEX(Jesper!$R$2:$R$366,ROW(INDEX(Jesper!AK$2:AK$366,ROUNDDOWN($C5203/24,0)+1,1))-1)+IF('Standard Profiles'!$G$21=$B$10,7,0)+IF('Standard Profiles'!$G$21=$B$17,14,0)+IF('Standard Profiles'!$G$21=$B$24,21,0),MOD($C5203,24)+1)/SUM(INDEX($D$3:$AA$30,INDEX(Jesper!$R$2:$R$366,ROW(INDEX(Jesper!AK$2:AK$366,ROUNDDOWN($C5203/24,0)+1,1))-1)+IF('Standard Profiles'!$G$21=$B$10,7,0)+IF('Standard Profiles'!$G$21=$B$17,14,0)+IF('Standard Profiles'!$G$21=$B$24,21,0),0)),0)</f>
        <v>1.8197230924228471</v>
      </c>
      <c r="H5203" cm="1">
        <f t="array" ref="H5203">IFERROR(INDEX(Jesper!AL$2:AL$366,ROUNDDOWN($C5203/24,0)+1,1)*INDEX($D$3:$AA$30,INDEX(Jesper!$R$2:$R$366,ROW(INDEX(Jesper!AL$2:AL$366,ROUNDDOWN($C5203/24,0)+1,1))-1)+IF('Standard Profiles'!$G$22=$B$10,7,0)+IF('Standard Profiles'!$G$22=$B$17,14,0)+IF('Standard Profiles'!$G$22=$B$24,21,0),MOD($C5203,24)+1)/SUM(INDEX($D$3:$AA$30,INDEX(Jesper!$R$2:$R$366,ROW(INDEX(Jesper!AL$2:AL$366,ROUNDDOWN($C5203/24,0)+1,1))-1)+IF('Standard Profiles'!$G$22=$B$10,7,0)+IF('Standard Profiles'!$G$22=$B$17,14,0)+IF('Standard Profiles'!$G$22=$B$24,21,0),0)),0)</f>
        <v>0</v>
      </c>
      <c r="I5203">
        <f t="shared" si="580"/>
        <v>0.87346708436296616</v>
      </c>
      <c r="J5203">
        <f t="shared" si="581"/>
        <v>39.240985386442091</v>
      </c>
      <c r="K5203">
        <f t="shared" si="582"/>
        <v>3.1583048938541913</v>
      </c>
      <c r="L5203">
        <f t="shared" si="583"/>
        <v>1.5791524469270957</v>
      </c>
      <c r="M5203">
        <f t="shared" si="584"/>
        <v>0</v>
      </c>
      <c r="N5203" s="45">
        <f t="shared" si="585"/>
        <v>45142.374999987464</v>
      </c>
    </row>
    <row r="5204" spans="2:14" x14ac:dyDescent="0.25">
      <c r="B5204">
        <f t="shared" si="579"/>
        <v>5</v>
      </c>
      <c r="C5204" s="16">
        <v>5170</v>
      </c>
      <c r="D5204" cm="1">
        <f t="array" ref="D5204">IFERROR(INDEX(Jesper!AH$2:AH$366,ROUNDDOWN($C5204/24,0)+1,1)*INDEX($D$3:$AA$30,INDEX(Jesper!$R$2:$R$366,ROW(INDEX(Jesper!AH$2:AH$366,ROUNDDOWN($C5204/24,0)+1,1))-1)+IF('Standard Profiles'!$G$18=$B$10,7,0)+IF('Standard Profiles'!$G$18=$B$17,14,0)+IF('Standard Profiles'!$G$18=$B$24,21,0),MOD($C5204,24)+1)/SUM(INDEX($D$3:$AA$30,INDEX(Jesper!$R$2:$R$366,ROW(INDEX(Jesper!AH$2:AH$366,ROUNDDOWN($C5204/24,0)+1,1))-1)+IF('Standard Profiles'!$G$18=$B$10,7,0)+IF('Standard Profiles'!$G$18=$B$17,14,0)+IF('Standard Profiles'!$G$18=$B$24,21,0),0)),0)</f>
        <v>29.609108379883043</v>
      </c>
      <c r="E5204" cm="1">
        <f t="array" ref="E5204">IFERROR(INDEX(Jesper!AI$2:AI$366,ROUNDDOWN($C5204/24,0)+1,1)*INDEX($D$3:$AA$30,INDEX(Jesper!$R$2:$R$366,ROW(INDEX(Jesper!AI$2:AI$366,ROUNDDOWN($C5204/24,0)+1,1))-1)+IF('Standard Profiles'!$G$19=$B$10,7,0)+IF('Standard Profiles'!$G$19=$B$17,14,0)+IF('Standard Profiles'!$G$19=$B$24,21,0),MOD($C5204,24)+1)/SUM(INDEX($D$3:$AA$30,INDEX(Jesper!$R$2:$R$366,ROW(INDEX(Jesper!AI$2:AI$366,ROUNDDOWN($C5204/24,0)+1,1))-1)+IF('Standard Profiles'!$G$19=$B$10,7,0)+IF('Standard Profiles'!$G$19=$B$17,14,0)+IF('Standard Profiles'!$G$19=$B$24,21,0),0)),0)</f>
        <v>13.423078339280453</v>
      </c>
      <c r="F5204" cm="1">
        <f t="array" ref="F5204">IFERROR(INDEX(Jesper!AJ$2:AJ$366,ROUNDDOWN($C5204/24,0)+1,1)*INDEX($D$3:$AA$30,INDEX(Jesper!$R$2:$R$366,ROW(INDEX(Jesper!AJ$2:AJ$366,ROUNDDOWN($C5204/24,0)+1,1))-1)+IF('Standard Profiles'!$G$20=$B$10,7,0)+IF('Standard Profiles'!$G$20=$B$17,14,0)+IF('Standard Profiles'!$G$20=$B$24,21,0),MOD($C5204,24)+1)/SUM(INDEX($D$3:$AA$30,INDEX(Jesper!$R$2:$R$366,ROW(INDEX(Jesper!AJ$2:AJ$366,ROUNDDOWN($C5204/24,0)+1,1))-1)+IF('Standard Profiles'!$G$20=$B$10,7,0)+IF('Standard Profiles'!$G$20=$B$17,14,0)+IF('Standard Profiles'!$G$20=$B$24,21,0),0)),0)</f>
        <v>0</v>
      </c>
      <c r="G5204" cm="1">
        <f t="array" ref="G5204">IFERROR(INDEX(Jesper!AK$2:AK$366,ROUNDDOWN($C5204/24,0)+1,1)*INDEX($D$3:$AA$30,INDEX(Jesper!$R$2:$R$366,ROW(INDEX(Jesper!AK$2:AK$366,ROUNDDOWN($C5204/24,0)+1,1))-1)+IF('Standard Profiles'!$G$21=$B$10,7,0)+IF('Standard Profiles'!$G$21=$B$17,14,0)+IF('Standard Profiles'!$G$21=$B$24,21,0),MOD($C5204,24)+1)/SUM(INDEX($D$3:$AA$30,INDEX(Jesper!$R$2:$R$366,ROW(INDEX(Jesper!AK$2:AK$366,ROUNDDOWN($C5204/24,0)+1,1))-1)+IF('Standard Profiles'!$G$21=$B$10,7,0)+IF('Standard Profiles'!$G$21=$B$17,14,0)+IF('Standard Profiles'!$G$21=$B$24,21,0),0)),0)</f>
        <v>1.8197230924228471</v>
      </c>
      <c r="H5204" cm="1">
        <f t="array" ref="H5204">IFERROR(INDEX(Jesper!AL$2:AL$366,ROUNDDOWN($C5204/24,0)+1,1)*INDEX($D$3:$AA$30,INDEX(Jesper!$R$2:$R$366,ROW(INDEX(Jesper!AL$2:AL$366,ROUNDDOWN($C5204/24,0)+1,1))-1)+IF('Standard Profiles'!$G$22=$B$10,7,0)+IF('Standard Profiles'!$G$22=$B$17,14,0)+IF('Standard Profiles'!$G$22=$B$24,21,0),MOD($C5204,24)+1)/SUM(INDEX($D$3:$AA$30,INDEX(Jesper!$R$2:$R$366,ROW(INDEX(Jesper!AL$2:AL$366,ROUNDDOWN($C5204/24,0)+1,1))-1)+IF('Standard Profiles'!$G$22=$B$10,7,0)+IF('Standard Profiles'!$G$22=$B$17,14,0)+IF('Standard Profiles'!$G$22=$B$24,21,0),0)),0)</f>
        <v>0</v>
      </c>
      <c r="I5204">
        <f t="shared" si="580"/>
        <v>0.87346708436296616</v>
      </c>
      <c r="J5204">
        <f t="shared" si="581"/>
        <v>39.240985386442091</v>
      </c>
      <c r="K5204">
        <f t="shared" si="582"/>
        <v>3.1583048938541913</v>
      </c>
      <c r="L5204">
        <f t="shared" si="583"/>
        <v>1.5791524469270957</v>
      </c>
      <c r="M5204">
        <f t="shared" si="584"/>
        <v>0</v>
      </c>
      <c r="N5204" s="45">
        <f t="shared" si="585"/>
        <v>45142.416666654128</v>
      </c>
    </row>
    <row r="5205" spans="2:14" x14ac:dyDescent="0.25">
      <c r="B5205">
        <f t="shared" si="579"/>
        <v>5</v>
      </c>
      <c r="C5205" s="16">
        <v>5171</v>
      </c>
      <c r="D5205" cm="1">
        <f t="array" ref="D5205">IFERROR(INDEX(Jesper!AH$2:AH$366,ROUNDDOWN($C5205/24,0)+1,1)*INDEX($D$3:$AA$30,INDEX(Jesper!$R$2:$R$366,ROW(INDEX(Jesper!AH$2:AH$366,ROUNDDOWN($C5205/24,0)+1,1))-1)+IF('Standard Profiles'!$G$18=$B$10,7,0)+IF('Standard Profiles'!$G$18=$B$17,14,0)+IF('Standard Profiles'!$G$18=$B$24,21,0),MOD($C5205,24)+1)/SUM(INDEX($D$3:$AA$30,INDEX(Jesper!$R$2:$R$366,ROW(INDEX(Jesper!AH$2:AH$366,ROUNDDOWN($C5205/24,0)+1,1))-1)+IF('Standard Profiles'!$G$18=$B$10,7,0)+IF('Standard Profiles'!$G$18=$B$17,14,0)+IF('Standard Profiles'!$G$18=$B$24,21,0),0)),0)</f>
        <v>34.992582630770869</v>
      </c>
      <c r="E5205" cm="1">
        <f t="array" ref="E5205">IFERROR(INDEX(Jesper!AI$2:AI$366,ROUNDDOWN($C5205/24,0)+1,1)*INDEX($D$3:$AA$30,INDEX(Jesper!$R$2:$R$366,ROW(INDEX(Jesper!AI$2:AI$366,ROUNDDOWN($C5205/24,0)+1,1))-1)+IF('Standard Profiles'!$G$19=$B$10,7,0)+IF('Standard Profiles'!$G$19=$B$17,14,0)+IF('Standard Profiles'!$G$19=$B$24,21,0),MOD($C5205,24)+1)/SUM(INDEX($D$3:$AA$30,INDEX(Jesper!$R$2:$R$366,ROW(INDEX(Jesper!AI$2:AI$366,ROUNDDOWN($C5205/24,0)+1,1))-1)+IF('Standard Profiles'!$G$19=$B$10,7,0)+IF('Standard Profiles'!$G$19=$B$17,14,0)+IF('Standard Profiles'!$G$19=$B$24,21,0),0)),0)</f>
        <v>15.863638037331445</v>
      </c>
      <c r="F5205" cm="1">
        <f t="array" ref="F5205">IFERROR(INDEX(Jesper!AJ$2:AJ$366,ROUNDDOWN($C5205/24,0)+1,1)*INDEX($D$3:$AA$30,INDEX(Jesper!$R$2:$R$366,ROW(INDEX(Jesper!AJ$2:AJ$366,ROUNDDOWN($C5205/24,0)+1,1))-1)+IF('Standard Profiles'!$G$20=$B$10,7,0)+IF('Standard Profiles'!$G$20=$B$17,14,0)+IF('Standard Profiles'!$G$20=$B$24,21,0),MOD($C5205,24)+1)/SUM(INDEX($D$3:$AA$30,INDEX(Jesper!$R$2:$R$366,ROW(INDEX(Jesper!AJ$2:AJ$366,ROUNDDOWN($C5205/24,0)+1,1))-1)+IF('Standard Profiles'!$G$20=$B$10,7,0)+IF('Standard Profiles'!$G$20=$B$17,14,0)+IF('Standard Profiles'!$G$20=$B$24,21,0),0)),0)</f>
        <v>0</v>
      </c>
      <c r="G5205" cm="1">
        <f t="array" ref="G5205">IFERROR(INDEX(Jesper!AK$2:AK$366,ROUNDDOWN($C5205/24,0)+1,1)*INDEX($D$3:$AA$30,INDEX(Jesper!$R$2:$R$366,ROW(INDEX(Jesper!AK$2:AK$366,ROUNDDOWN($C5205/24,0)+1,1))-1)+IF('Standard Profiles'!$G$21=$B$10,7,0)+IF('Standard Profiles'!$G$21=$B$17,14,0)+IF('Standard Profiles'!$G$21=$B$24,21,0),MOD($C5205,24)+1)/SUM(INDEX($D$3:$AA$30,INDEX(Jesper!$R$2:$R$366,ROW(INDEX(Jesper!AK$2:AK$366,ROUNDDOWN($C5205/24,0)+1,1))-1)+IF('Standard Profiles'!$G$21=$B$10,7,0)+IF('Standard Profiles'!$G$21=$B$17,14,0)+IF('Standard Profiles'!$G$21=$B$24,21,0),0)),0)</f>
        <v>2.1505818364997284</v>
      </c>
      <c r="H5205" cm="1">
        <f t="array" ref="H5205">IFERROR(INDEX(Jesper!AL$2:AL$366,ROUNDDOWN($C5205/24,0)+1,1)*INDEX($D$3:$AA$30,INDEX(Jesper!$R$2:$R$366,ROW(INDEX(Jesper!AL$2:AL$366,ROUNDDOWN($C5205/24,0)+1,1))-1)+IF('Standard Profiles'!$G$22=$B$10,7,0)+IF('Standard Profiles'!$G$22=$B$17,14,0)+IF('Standard Profiles'!$G$22=$B$24,21,0),MOD($C5205,24)+1)/SUM(INDEX($D$3:$AA$30,INDEX(Jesper!$R$2:$R$366,ROW(INDEX(Jesper!AL$2:AL$366,ROUNDDOWN($C5205/24,0)+1,1))-1)+IF('Standard Profiles'!$G$22=$B$10,7,0)+IF('Standard Profiles'!$G$22=$B$17,14,0)+IF('Standard Profiles'!$G$22=$B$24,21,0),0)),0)</f>
        <v>0</v>
      </c>
      <c r="I5205">
        <f t="shared" si="580"/>
        <v>1.0322792815198691</v>
      </c>
      <c r="J5205">
        <f t="shared" si="581"/>
        <v>46.37571000215884</v>
      </c>
      <c r="K5205">
        <f t="shared" si="582"/>
        <v>3.7325421472822264</v>
      </c>
      <c r="L5205">
        <f t="shared" si="583"/>
        <v>1.8662710736411132</v>
      </c>
      <c r="M5205">
        <f t="shared" si="584"/>
        <v>0</v>
      </c>
      <c r="N5205" s="45">
        <f t="shared" si="585"/>
        <v>45142.458333320792</v>
      </c>
    </row>
    <row r="5206" spans="2:14" x14ac:dyDescent="0.25">
      <c r="B5206">
        <f t="shared" si="579"/>
        <v>5</v>
      </c>
      <c r="C5206" s="16">
        <v>5172</v>
      </c>
      <c r="D5206" cm="1">
        <f t="array" ref="D5206">IFERROR(INDEX(Jesper!AH$2:AH$366,ROUNDDOWN($C5206/24,0)+1,1)*INDEX($D$3:$AA$30,INDEX(Jesper!$R$2:$R$366,ROW(INDEX(Jesper!AH$2:AH$366,ROUNDDOWN($C5206/24,0)+1,1))-1)+IF('Standard Profiles'!$G$18=$B$10,7,0)+IF('Standard Profiles'!$G$18=$B$17,14,0)+IF('Standard Profiles'!$G$18=$B$24,21,0),MOD($C5206,24)+1)/SUM(INDEX($D$3:$AA$30,INDEX(Jesper!$R$2:$R$366,ROW(INDEX(Jesper!AH$2:AH$366,ROUNDDOWN($C5206/24,0)+1,1))-1)+IF('Standard Profiles'!$G$18=$B$10,7,0)+IF('Standard Profiles'!$G$18=$B$17,14,0)+IF('Standard Profiles'!$G$18=$B$24,21,0),0)),0)</f>
        <v>34.992582630770869</v>
      </c>
      <c r="E5206" cm="1">
        <f t="array" ref="E5206">IFERROR(INDEX(Jesper!AI$2:AI$366,ROUNDDOWN($C5206/24,0)+1,1)*INDEX($D$3:$AA$30,INDEX(Jesper!$R$2:$R$366,ROW(INDEX(Jesper!AI$2:AI$366,ROUNDDOWN($C5206/24,0)+1,1))-1)+IF('Standard Profiles'!$G$19=$B$10,7,0)+IF('Standard Profiles'!$G$19=$B$17,14,0)+IF('Standard Profiles'!$G$19=$B$24,21,0),MOD($C5206,24)+1)/SUM(INDEX($D$3:$AA$30,INDEX(Jesper!$R$2:$R$366,ROW(INDEX(Jesper!AI$2:AI$366,ROUNDDOWN($C5206/24,0)+1,1))-1)+IF('Standard Profiles'!$G$19=$B$10,7,0)+IF('Standard Profiles'!$G$19=$B$17,14,0)+IF('Standard Profiles'!$G$19=$B$24,21,0),0)),0)</f>
        <v>15.863638037331445</v>
      </c>
      <c r="F5206" cm="1">
        <f t="array" ref="F5206">IFERROR(INDEX(Jesper!AJ$2:AJ$366,ROUNDDOWN($C5206/24,0)+1,1)*INDEX($D$3:$AA$30,INDEX(Jesper!$R$2:$R$366,ROW(INDEX(Jesper!AJ$2:AJ$366,ROUNDDOWN($C5206/24,0)+1,1))-1)+IF('Standard Profiles'!$G$20=$B$10,7,0)+IF('Standard Profiles'!$G$20=$B$17,14,0)+IF('Standard Profiles'!$G$20=$B$24,21,0),MOD($C5206,24)+1)/SUM(INDEX($D$3:$AA$30,INDEX(Jesper!$R$2:$R$366,ROW(INDEX(Jesper!AJ$2:AJ$366,ROUNDDOWN($C5206/24,0)+1,1))-1)+IF('Standard Profiles'!$G$20=$B$10,7,0)+IF('Standard Profiles'!$G$20=$B$17,14,0)+IF('Standard Profiles'!$G$20=$B$24,21,0),0)),0)</f>
        <v>0</v>
      </c>
      <c r="G5206" cm="1">
        <f t="array" ref="G5206">IFERROR(INDEX(Jesper!AK$2:AK$366,ROUNDDOWN($C5206/24,0)+1,1)*INDEX($D$3:$AA$30,INDEX(Jesper!$R$2:$R$366,ROW(INDEX(Jesper!AK$2:AK$366,ROUNDDOWN($C5206/24,0)+1,1))-1)+IF('Standard Profiles'!$G$21=$B$10,7,0)+IF('Standard Profiles'!$G$21=$B$17,14,0)+IF('Standard Profiles'!$G$21=$B$24,21,0),MOD($C5206,24)+1)/SUM(INDEX($D$3:$AA$30,INDEX(Jesper!$R$2:$R$366,ROW(INDEX(Jesper!AK$2:AK$366,ROUNDDOWN($C5206/24,0)+1,1))-1)+IF('Standard Profiles'!$G$21=$B$10,7,0)+IF('Standard Profiles'!$G$21=$B$17,14,0)+IF('Standard Profiles'!$G$21=$B$24,21,0),0)),0)</f>
        <v>2.1505818364997284</v>
      </c>
      <c r="H5206" cm="1">
        <f t="array" ref="H5206">IFERROR(INDEX(Jesper!AL$2:AL$366,ROUNDDOWN($C5206/24,0)+1,1)*INDEX($D$3:$AA$30,INDEX(Jesper!$R$2:$R$366,ROW(INDEX(Jesper!AL$2:AL$366,ROUNDDOWN($C5206/24,0)+1,1))-1)+IF('Standard Profiles'!$G$22=$B$10,7,0)+IF('Standard Profiles'!$G$22=$B$17,14,0)+IF('Standard Profiles'!$G$22=$B$24,21,0),MOD($C5206,24)+1)/SUM(INDEX($D$3:$AA$30,INDEX(Jesper!$R$2:$R$366,ROW(INDEX(Jesper!AL$2:AL$366,ROUNDDOWN($C5206/24,0)+1,1))-1)+IF('Standard Profiles'!$G$22=$B$10,7,0)+IF('Standard Profiles'!$G$22=$B$17,14,0)+IF('Standard Profiles'!$G$22=$B$24,21,0),0)),0)</f>
        <v>0</v>
      </c>
      <c r="I5206">
        <f t="shared" si="580"/>
        <v>1.0322792815198691</v>
      </c>
      <c r="J5206">
        <f t="shared" si="581"/>
        <v>46.37571000215884</v>
      </c>
      <c r="K5206">
        <f t="shared" si="582"/>
        <v>3.7325421472822264</v>
      </c>
      <c r="L5206">
        <f t="shared" si="583"/>
        <v>1.8662710736411132</v>
      </c>
      <c r="M5206">
        <f t="shared" si="584"/>
        <v>0</v>
      </c>
      <c r="N5206" s="45">
        <f t="shared" si="585"/>
        <v>45142.499999987456</v>
      </c>
    </row>
    <row r="5207" spans="2:14" x14ac:dyDescent="0.25">
      <c r="B5207">
        <f t="shared" si="579"/>
        <v>5</v>
      </c>
      <c r="C5207" s="16">
        <v>5173</v>
      </c>
      <c r="D5207" cm="1">
        <f t="array" ref="D5207">IFERROR(INDEX(Jesper!AH$2:AH$366,ROUNDDOWN($C5207/24,0)+1,1)*INDEX($D$3:$AA$30,INDEX(Jesper!$R$2:$R$366,ROW(INDEX(Jesper!AH$2:AH$366,ROUNDDOWN($C5207/24,0)+1,1))-1)+IF('Standard Profiles'!$G$18=$B$10,7,0)+IF('Standard Profiles'!$G$18=$B$17,14,0)+IF('Standard Profiles'!$G$18=$B$24,21,0),MOD($C5207,24)+1)/SUM(INDEX($D$3:$AA$30,INDEX(Jesper!$R$2:$R$366,ROW(INDEX(Jesper!AH$2:AH$366,ROUNDDOWN($C5207/24,0)+1,1))-1)+IF('Standard Profiles'!$G$18=$B$10,7,0)+IF('Standard Profiles'!$G$18=$B$17,14,0)+IF('Standard Profiles'!$G$18=$B$24,21,0),0)),0)</f>
        <v>24.225634128995218</v>
      </c>
      <c r="E5207" cm="1">
        <f t="array" ref="E5207">IFERROR(INDEX(Jesper!AI$2:AI$366,ROUNDDOWN($C5207/24,0)+1,1)*INDEX($D$3:$AA$30,INDEX(Jesper!$R$2:$R$366,ROW(INDEX(Jesper!AI$2:AI$366,ROUNDDOWN($C5207/24,0)+1,1))-1)+IF('Standard Profiles'!$G$19=$B$10,7,0)+IF('Standard Profiles'!$G$19=$B$17,14,0)+IF('Standard Profiles'!$G$19=$B$24,21,0),MOD($C5207,24)+1)/SUM(INDEX($D$3:$AA$30,INDEX(Jesper!$R$2:$R$366,ROW(INDEX(Jesper!AI$2:AI$366,ROUNDDOWN($C5207/24,0)+1,1))-1)+IF('Standard Profiles'!$G$19=$B$10,7,0)+IF('Standard Profiles'!$G$19=$B$17,14,0)+IF('Standard Profiles'!$G$19=$B$24,21,0),0)),0)</f>
        <v>10.982518641229461</v>
      </c>
      <c r="F5207" cm="1">
        <f t="array" ref="F5207">IFERROR(INDEX(Jesper!AJ$2:AJ$366,ROUNDDOWN($C5207/24,0)+1,1)*INDEX($D$3:$AA$30,INDEX(Jesper!$R$2:$R$366,ROW(INDEX(Jesper!AJ$2:AJ$366,ROUNDDOWN($C5207/24,0)+1,1))-1)+IF('Standard Profiles'!$G$20=$B$10,7,0)+IF('Standard Profiles'!$G$20=$B$17,14,0)+IF('Standard Profiles'!$G$20=$B$24,21,0),MOD($C5207,24)+1)/SUM(INDEX($D$3:$AA$30,INDEX(Jesper!$R$2:$R$366,ROW(INDEX(Jesper!AJ$2:AJ$366,ROUNDDOWN($C5207/24,0)+1,1))-1)+IF('Standard Profiles'!$G$20=$B$10,7,0)+IF('Standard Profiles'!$G$20=$B$17,14,0)+IF('Standard Profiles'!$G$20=$B$24,21,0),0)),0)</f>
        <v>0</v>
      </c>
      <c r="G5207" cm="1">
        <f t="array" ref="G5207">IFERROR(INDEX(Jesper!AK$2:AK$366,ROUNDDOWN($C5207/24,0)+1,1)*INDEX($D$3:$AA$30,INDEX(Jesper!$R$2:$R$366,ROW(INDEX(Jesper!AK$2:AK$366,ROUNDDOWN($C5207/24,0)+1,1))-1)+IF('Standard Profiles'!$G$21=$B$10,7,0)+IF('Standard Profiles'!$G$21=$B$17,14,0)+IF('Standard Profiles'!$G$21=$B$24,21,0),MOD($C5207,24)+1)/SUM(INDEX($D$3:$AA$30,INDEX(Jesper!$R$2:$R$366,ROW(INDEX(Jesper!AK$2:AK$366,ROUNDDOWN($C5207/24,0)+1,1))-1)+IF('Standard Profiles'!$G$21=$B$10,7,0)+IF('Standard Profiles'!$G$21=$B$17,14,0)+IF('Standard Profiles'!$G$21=$B$24,21,0),0)),0)</f>
        <v>1.488864348345966</v>
      </c>
      <c r="H5207" cm="1">
        <f t="array" ref="H5207">IFERROR(INDEX(Jesper!AL$2:AL$366,ROUNDDOWN($C5207/24,0)+1,1)*INDEX($D$3:$AA$30,INDEX(Jesper!$R$2:$R$366,ROW(INDEX(Jesper!AL$2:AL$366,ROUNDDOWN($C5207/24,0)+1,1))-1)+IF('Standard Profiles'!$G$22=$B$10,7,0)+IF('Standard Profiles'!$G$22=$B$17,14,0)+IF('Standard Profiles'!$G$22=$B$24,21,0),MOD($C5207,24)+1)/SUM(INDEX($D$3:$AA$30,INDEX(Jesper!$R$2:$R$366,ROW(INDEX(Jesper!AL$2:AL$366,ROUNDDOWN($C5207/24,0)+1,1))-1)+IF('Standard Profiles'!$G$22=$B$10,7,0)+IF('Standard Profiles'!$G$22=$B$17,14,0)+IF('Standard Profiles'!$G$22=$B$24,21,0),0)),0)</f>
        <v>0</v>
      </c>
      <c r="I5207">
        <f t="shared" si="580"/>
        <v>0.71465488720606329</v>
      </c>
      <c r="J5207">
        <f t="shared" si="581"/>
        <v>32.106260770725342</v>
      </c>
      <c r="K5207">
        <f t="shared" si="582"/>
        <v>2.5840676404261567</v>
      </c>
      <c r="L5207">
        <f t="shared" si="583"/>
        <v>1.2920338202130783</v>
      </c>
      <c r="M5207">
        <f t="shared" si="584"/>
        <v>0</v>
      </c>
      <c r="N5207" s="45">
        <f t="shared" si="585"/>
        <v>45142.54166665412</v>
      </c>
    </row>
    <row r="5208" spans="2:14" x14ac:dyDescent="0.25">
      <c r="B5208">
        <f t="shared" si="579"/>
        <v>5</v>
      </c>
      <c r="C5208" s="16">
        <v>5174</v>
      </c>
      <c r="D5208" cm="1">
        <f t="array" ref="D5208">IFERROR(INDEX(Jesper!AH$2:AH$366,ROUNDDOWN($C5208/24,0)+1,1)*INDEX($D$3:$AA$30,INDEX(Jesper!$R$2:$R$366,ROW(INDEX(Jesper!AH$2:AH$366,ROUNDDOWN($C5208/24,0)+1,1))-1)+IF('Standard Profiles'!$G$18=$B$10,7,0)+IF('Standard Profiles'!$G$18=$B$17,14,0)+IF('Standard Profiles'!$G$18=$B$24,21,0),MOD($C5208,24)+1)/SUM(INDEX($D$3:$AA$30,INDEX(Jesper!$R$2:$R$366,ROW(INDEX(Jesper!AH$2:AH$366,ROUNDDOWN($C5208/24,0)+1,1))-1)+IF('Standard Profiles'!$G$18=$B$10,7,0)+IF('Standard Profiles'!$G$18=$B$17,14,0)+IF('Standard Profiles'!$G$18=$B$24,21,0),0)),0)</f>
        <v>34.992582630770869</v>
      </c>
      <c r="E5208" cm="1">
        <f t="array" ref="E5208">IFERROR(INDEX(Jesper!AI$2:AI$366,ROUNDDOWN($C5208/24,0)+1,1)*INDEX($D$3:$AA$30,INDEX(Jesper!$R$2:$R$366,ROW(INDEX(Jesper!AI$2:AI$366,ROUNDDOWN($C5208/24,0)+1,1))-1)+IF('Standard Profiles'!$G$19=$B$10,7,0)+IF('Standard Profiles'!$G$19=$B$17,14,0)+IF('Standard Profiles'!$G$19=$B$24,21,0),MOD($C5208,24)+1)/SUM(INDEX($D$3:$AA$30,INDEX(Jesper!$R$2:$R$366,ROW(INDEX(Jesper!AI$2:AI$366,ROUNDDOWN($C5208/24,0)+1,1))-1)+IF('Standard Profiles'!$G$19=$B$10,7,0)+IF('Standard Profiles'!$G$19=$B$17,14,0)+IF('Standard Profiles'!$G$19=$B$24,21,0),0)),0)</f>
        <v>15.863638037331445</v>
      </c>
      <c r="F5208" cm="1">
        <f t="array" ref="F5208">IFERROR(INDEX(Jesper!AJ$2:AJ$366,ROUNDDOWN($C5208/24,0)+1,1)*INDEX($D$3:$AA$30,INDEX(Jesper!$R$2:$R$366,ROW(INDEX(Jesper!AJ$2:AJ$366,ROUNDDOWN($C5208/24,0)+1,1))-1)+IF('Standard Profiles'!$G$20=$B$10,7,0)+IF('Standard Profiles'!$G$20=$B$17,14,0)+IF('Standard Profiles'!$G$20=$B$24,21,0),MOD($C5208,24)+1)/SUM(INDEX($D$3:$AA$30,INDEX(Jesper!$R$2:$R$366,ROW(INDEX(Jesper!AJ$2:AJ$366,ROUNDDOWN($C5208/24,0)+1,1))-1)+IF('Standard Profiles'!$G$20=$B$10,7,0)+IF('Standard Profiles'!$G$20=$B$17,14,0)+IF('Standard Profiles'!$G$20=$B$24,21,0),0)),0)</f>
        <v>0</v>
      </c>
      <c r="G5208" cm="1">
        <f t="array" ref="G5208">IFERROR(INDEX(Jesper!AK$2:AK$366,ROUNDDOWN($C5208/24,0)+1,1)*INDEX($D$3:$AA$30,INDEX(Jesper!$R$2:$R$366,ROW(INDEX(Jesper!AK$2:AK$366,ROUNDDOWN($C5208/24,0)+1,1))-1)+IF('Standard Profiles'!$G$21=$B$10,7,0)+IF('Standard Profiles'!$G$21=$B$17,14,0)+IF('Standard Profiles'!$G$21=$B$24,21,0),MOD($C5208,24)+1)/SUM(INDEX($D$3:$AA$30,INDEX(Jesper!$R$2:$R$366,ROW(INDEX(Jesper!AK$2:AK$366,ROUNDDOWN($C5208/24,0)+1,1))-1)+IF('Standard Profiles'!$G$21=$B$10,7,0)+IF('Standard Profiles'!$G$21=$B$17,14,0)+IF('Standard Profiles'!$G$21=$B$24,21,0),0)),0)</f>
        <v>2.1505818364997284</v>
      </c>
      <c r="H5208" cm="1">
        <f t="array" ref="H5208">IFERROR(INDEX(Jesper!AL$2:AL$366,ROUNDDOWN($C5208/24,0)+1,1)*INDEX($D$3:$AA$30,INDEX(Jesper!$R$2:$R$366,ROW(INDEX(Jesper!AL$2:AL$366,ROUNDDOWN($C5208/24,0)+1,1))-1)+IF('Standard Profiles'!$G$22=$B$10,7,0)+IF('Standard Profiles'!$G$22=$B$17,14,0)+IF('Standard Profiles'!$G$22=$B$24,21,0),MOD($C5208,24)+1)/SUM(INDEX($D$3:$AA$30,INDEX(Jesper!$R$2:$R$366,ROW(INDEX(Jesper!AL$2:AL$366,ROUNDDOWN($C5208/24,0)+1,1))-1)+IF('Standard Profiles'!$G$22=$B$10,7,0)+IF('Standard Profiles'!$G$22=$B$17,14,0)+IF('Standard Profiles'!$G$22=$B$24,21,0),0)),0)</f>
        <v>0</v>
      </c>
      <c r="I5208">
        <f t="shared" si="580"/>
        <v>1.0322792815198691</v>
      </c>
      <c r="J5208">
        <f t="shared" si="581"/>
        <v>46.37571000215884</v>
      </c>
      <c r="K5208">
        <f t="shared" si="582"/>
        <v>3.7325421472822264</v>
      </c>
      <c r="L5208">
        <f t="shared" si="583"/>
        <v>1.8662710736411132</v>
      </c>
      <c r="M5208">
        <f t="shared" si="584"/>
        <v>0</v>
      </c>
      <c r="N5208" s="45">
        <f t="shared" si="585"/>
        <v>45142.583333320785</v>
      </c>
    </row>
    <row r="5209" spans="2:14" x14ac:dyDescent="0.25">
      <c r="B5209">
        <f t="shared" si="579"/>
        <v>5</v>
      </c>
      <c r="C5209" s="16">
        <v>5175</v>
      </c>
      <c r="D5209" cm="1">
        <f t="array" ref="D5209">IFERROR(INDEX(Jesper!AH$2:AH$366,ROUNDDOWN($C5209/24,0)+1,1)*INDEX($D$3:$AA$30,INDEX(Jesper!$R$2:$R$366,ROW(INDEX(Jesper!AH$2:AH$366,ROUNDDOWN($C5209/24,0)+1,1))-1)+IF('Standard Profiles'!$G$18=$B$10,7,0)+IF('Standard Profiles'!$G$18=$B$17,14,0)+IF('Standard Profiles'!$G$18=$B$24,21,0),MOD($C5209,24)+1)/SUM(INDEX($D$3:$AA$30,INDEX(Jesper!$R$2:$R$366,ROW(INDEX(Jesper!AH$2:AH$366,ROUNDDOWN($C5209/24,0)+1,1))-1)+IF('Standard Profiles'!$G$18=$B$10,7,0)+IF('Standard Profiles'!$G$18=$B$17,14,0)+IF('Standard Profiles'!$G$18=$B$24,21,0),0)),0)</f>
        <v>26.917371254439132</v>
      </c>
      <c r="E5209" cm="1">
        <f t="array" ref="E5209">IFERROR(INDEX(Jesper!AI$2:AI$366,ROUNDDOWN($C5209/24,0)+1,1)*INDEX($D$3:$AA$30,INDEX(Jesper!$R$2:$R$366,ROW(INDEX(Jesper!AI$2:AI$366,ROUNDDOWN($C5209/24,0)+1,1))-1)+IF('Standard Profiles'!$G$19=$B$10,7,0)+IF('Standard Profiles'!$G$19=$B$17,14,0)+IF('Standard Profiles'!$G$19=$B$24,21,0),MOD($C5209,24)+1)/SUM(INDEX($D$3:$AA$30,INDEX(Jesper!$R$2:$R$366,ROW(INDEX(Jesper!AI$2:AI$366,ROUNDDOWN($C5209/24,0)+1,1))-1)+IF('Standard Profiles'!$G$19=$B$10,7,0)+IF('Standard Profiles'!$G$19=$B$17,14,0)+IF('Standard Profiles'!$G$19=$B$24,21,0),0)),0)</f>
        <v>12.202798490254958</v>
      </c>
      <c r="F5209" cm="1">
        <f t="array" ref="F5209">IFERROR(INDEX(Jesper!AJ$2:AJ$366,ROUNDDOWN($C5209/24,0)+1,1)*INDEX($D$3:$AA$30,INDEX(Jesper!$R$2:$R$366,ROW(INDEX(Jesper!AJ$2:AJ$366,ROUNDDOWN($C5209/24,0)+1,1))-1)+IF('Standard Profiles'!$G$20=$B$10,7,0)+IF('Standard Profiles'!$G$20=$B$17,14,0)+IF('Standard Profiles'!$G$20=$B$24,21,0),MOD($C5209,24)+1)/SUM(INDEX($D$3:$AA$30,INDEX(Jesper!$R$2:$R$366,ROW(INDEX(Jesper!AJ$2:AJ$366,ROUNDDOWN($C5209/24,0)+1,1))-1)+IF('Standard Profiles'!$G$20=$B$10,7,0)+IF('Standard Profiles'!$G$20=$B$17,14,0)+IF('Standard Profiles'!$G$20=$B$24,21,0),0)),0)</f>
        <v>0</v>
      </c>
      <c r="G5209" cm="1">
        <f t="array" ref="G5209">IFERROR(INDEX(Jesper!AK$2:AK$366,ROUNDDOWN($C5209/24,0)+1,1)*INDEX($D$3:$AA$30,INDEX(Jesper!$R$2:$R$366,ROW(INDEX(Jesper!AK$2:AK$366,ROUNDDOWN($C5209/24,0)+1,1))-1)+IF('Standard Profiles'!$G$21=$B$10,7,0)+IF('Standard Profiles'!$G$21=$B$17,14,0)+IF('Standard Profiles'!$G$21=$B$24,21,0),MOD($C5209,24)+1)/SUM(INDEX($D$3:$AA$30,INDEX(Jesper!$R$2:$R$366,ROW(INDEX(Jesper!AK$2:AK$366,ROUNDDOWN($C5209/24,0)+1,1))-1)+IF('Standard Profiles'!$G$21=$B$10,7,0)+IF('Standard Profiles'!$G$21=$B$17,14,0)+IF('Standard Profiles'!$G$21=$B$24,21,0),0)),0)</f>
        <v>1.8197230924228471</v>
      </c>
      <c r="H5209" cm="1">
        <f t="array" ref="H5209">IFERROR(INDEX(Jesper!AL$2:AL$366,ROUNDDOWN($C5209/24,0)+1,1)*INDEX($D$3:$AA$30,INDEX(Jesper!$R$2:$R$366,ROW(INDEX(Jesper!AL$2:AL$366,ROUNDDOWN($C5209/24,0)+1,1))-1)+IF('Standard Profiles'!$G$22=$B$10,7,0)+IF('Standard Profiles'!$G$22=$B$17,14,0)+IF('Standard Profiles'!$G$22=$B$24,21,0),MOD($C5209,24)+1)/SUM(INDEX($D$3:$AA$30,INDEX(Jesper!$R$2:$R$366,ROW(INDEX(Jesper!AL$2:AL$366,ROUNDDOWN($C5209/24,0)+1,1))-1)+IF('Standard Profiles'!$G$22=$B$10,7,0)+IF('Standard Profiles'!$G$22=$B$17,14,0)+IF('Standard Profiles'!$G$22=$B$24,21,0),0)),0)</f>
        <v>0</v>
      </c>
      <c r="I5209">
        <f t="shared" si="580"/>
        <v>0.87346708436296616</v>
      </c>
      <c r="J5209">
        <f t="shared" si="581"/>
        <v>35.75964635204371</v>
      </c>
      <c r="K5209">
        <f t="shared" si="582"/>
        <v>2.8711862671401742</v>
      </c>
      <c r="L5209">
        <f t="shared" si="583"/>
        <v>1.4355931335700871</v>
      </c>
      <c r="M5209">
        <f t="shared" si="584"/>
        <v>0</v>
      </c>
      <c r="N5209" s="45">
        <f t="shared" si="585"/>
        <v>45142.624999987449</v>
      </c>
    </row>
    <row r="5210" spans="2:14" x14ac:dyDescent="0.25">
      <c r="B5210">
        <f t="shared" si="579"/>
        <v>5</v>
      </c>
      <c r="C5210" s="16">
        <v>5176</v>
      </c>
      <c r="D5210" cm="1">
        <f t="array" ref="D5210">IFERROR(INDEX(Jesper!AH$2:AH$366,ROUNDDOWN($C5210/24,0)+1,1)*INDEX($D$3:$AA$30,INDEX(Jesper!$R$2:$R$366,ROW(INDEX(Jesper!AH$2:AH$366,ROUNDDOWN($C5210/24,0)+1,1))-1)+IF('Standard Profiles'!$G$18=$B$10,7,0)+IF('Standard Profiles'!$G$18=$B$17,14,0)+IF('Standard Profiles'!$G$18=$B$24,21,0),MOD($C5210,24)+1)/SUM(INDEX($D$3:$AA$30,INDEX(Jesper!$R$2:$R$366,ROW(INDEX(Jesper!AH$2:AH$366,ROUNDDOWN($C5210/24,0)+1,1))-1)+IF('Standard Profiles'!$G$18=$B$10,7,0)+IF('Standard Profiles'!$G$18=$B$17,14,0)+IF('Standard Profiles'!$G$18=$B$24,21,0),0)),0)</f>
        <v>12.637263499736681</v>
      </c>
      <c r="E5210" cm="1">
        <f t="array" ref="E5210">IFERROR(INDEX(Jesper!AI$2:AI$366,ROUNDDOWN($C5210/24,0)+1,1)*INDEX($D$3:$AA$30,INDEX(Jesper!$R$2:$R$366,ROW(INDEX(Jesper!AI$2:AI$366,ROUNDDOWN($C5210/24,0)+1,1))-1)+IF('Standard Profiles'!$G$19=$B$10,7,0)+IF('Standard Profiles'!$G$19=$B$17,14,0)+IF('Standard Profiles'!$G$19=$B$24,21,0),MOD($C5210,24)+1)/SUM(INDEX($D$3:$AA$30,INDEX(Jesper!$R$2:$R$366,ROW(INDEX(Jesper!AI$2:AI$366,ROUNDDOWN($C5210/24,0)+1,1))-1)+IF('Standard Profiles'!$G$19=$B$10,7,0)+IF('Standard Profiles'!$G$19=$B$17,14,0)+IF('Standard Profiles'!$G$19=$B$24,21,0),0)),0)</f>
        <v>5.7290133757065531</v>
      </c>
      <c r="F5210" cm="1">
        <f t="array" ref="F5210">IFERROR(INDEX(Jesper!AJ$2:AJ$366,ROUNDDOWN($C5210/24,0)+1,1)*INDEX($D$3:$AA$30,INDEX(Jesper!$R$2:$R$366,ROW(INDEX(Jesper!AJ$2:AJ$366,ROUNDDOWN($C5210/24,0)+1,1))-1)+IF('Standard Profiles'!$G$20=$B$10,7,0)+IF('Standard Profiles'!$G$20=$B$17,14,0)+IF('Standard Profiles'!$G$20=$B$24,21,0),MOD($C5210,24)+1)/SUM(INDEX($D$3:$AA$30,INDEX(Jesper!$R$2:$R$366,ROW(INDEX(Jesper!AJ$2:AJ$366,ROUNDDOWN($C5210/24,0)+1,1))-1)+IF('Standard Profiles'!$G$20=$B$10,7,0)+IF('Standard Profiles'!$G$20=$B$17,14,0)+IF('Standard Profiles'!$G$20=$B$24,21,0),0)),0)</f>
        <v>0</v>
      </c>
      <c r="G5210" cm="1">
        <f t="array" ref="G5210">IFERROR(INDEX(Jesper!AK$2:AK$366,ROUNDDOWN($C5210/24,0)+1,1)*INDEX($D$3:$AA$30,INDEX(Jesper!$R$2:$R$366,ROW(INDEX(Jesper!AK$2:AK$366,ROUNDDOWN($C5210/24,0)+1,1))-1)+IF('Standard Profiles'!$G$21=$B$10,7,0)+IF('Standard Profiles'!$G$21=$B$17,14,0)+IF('Standard Profiles'!$G$21=$B$24,21,0),MOD($C5210,24)+1)/SUM(INDEX($D$3:$AA$30,INDEX(Jesper!$R$2:$R$366,ROW(INDEX(Jesper!AK$2:AK$366,ROUNDDOWN($C5210/24,0)+1,1))-1)+IF('Standard Profiles'!$G$21=$B$10,7,0)+IF('Standard Profiles'!$G$21=$B$17,14,0)+IF('Standard Profiles'!$G$21=$B$24,21,0),0)),0)</f>
        <v>1.57551782893753</v>
      </c>
      <c r="H5210" cm="1">
        <f t="array" ref="H5210">IFERROR(INDEX(Jesper!AL$2:AL$366,ROUNDDOWN($C5210/24,0)+1,1)*INDEX($D$3:$AA$30,INDEX(Jesper!$R$2:$R$366,ROW(INDEX(Jesper!AL$2:AL$366,ROUNDDOWN($C5210/24,0)+1,1))-1)+IF('Standard Profiles'!$G$22=$B$10,7,0)+IF('Standard Profiles'!$G$22=$B$17,14,0)+IF('Standard Profiles'!$G$22=$B$24,21,0),MOD($C5210,24)+1)/SUM(INDEX($D$3:$AA$30,INDEX(Jesper!$R$2:$R$366,ROW(INDEX(Jesper!AL$2:AL$366,ROUNDDOWN($C5210/24,0)+1,1))-1)+IF('Standard Profiles'!$G$22=$B$10,7,0)+IF('Standard Profiles'!$G$22=$B$17,14,0)+IF('Standard Profiles'!$G$22=$B$24,21,0),0)),0)</f>
        <v>0</v>
      </c>
      <c r="I5210">
        <f t="shared" si="580"/>
        <v>0.75624855789001399</v>
      </c>
      <c r="J5210">
        <f t="shared" si="581"/>
        <v>17.163583986532881</v>
      </c>
      <c r="K5210">
        <f t="shared" si="582"/>
        <v>1.3479747733052461</v>
      </c>
      <c r="L5210">
        <f t="shared" si="583"/>
        <v>0.67398738665262303</v>
      </c>
      <c r="M5210">
        <f t="shared" si="584"/>
        <v>0</v>
      </c>
      <c r="N5210" s="45">
        <f t="shared" si="585"/>
        <v>45142.666666654113</v>
      </c>
    </row>
    <row r="5211" spans="2:14" x14ac:dyDescent="0.25">
      <c r="B5211">
        <f t="shared" si="579"/>
        <v>5</v>
      </c>
      <c r="C5211" s="16">
        <v>5177</v>
      </c>
      <c r="D5211" cm="1">
        <f t="array" ref="D5211">IFERROR(INDEX(Jesper!AH$2:AH$366,ROUNDDOWN($C5211/24,0)+1,1)*INDEX($D$3:$AA$30,INDEX(Jesper!$R$2:$R$366,ROW(INDEX(Jesper!AH$2:AH$366,ROUNDDOWN($C5211/24,0)+1,1))-1)+IF('Standard Profiles'!$G$18=$B$10,7,0)+IF('Standard Profiles'!$G$18=$B$17,14,0)+IF('Standard Profiles'!$G$18=$B$24,21,0),MOD($C5211,24)+1)/SUM(INDEX($D$3:$AA$30,INDEX(Jesper!$R$2:$R$366,ROW(INDEX(Jesper!AH$2:AH$366,ROUNDDOWN($C5211/24,0)+1,1))-1)+IF('Standard Profiles'!$G$18=$B$10,7,0)+IF('Standard Profiles'!$G$18=$B$17,14,0)+IF('Standard Profiles'!$G$18=$B$24,21,0),0)),0)</f>
        <v>8.3405939098262092</v>
      </c>
      <c r="E5211" cm="1">
        <f t="array" ref="E5211">IFERROR(INDEX(Jesper!AI$2:AI$366,ROUNDDOWN($C5211/24,0)+1,1)*INDEX($D$3:$AA$30,INDEX(Jesper!$R$2:$R$366,ROW(INDEX(Jesper!AI$2:AI$366,ROUNDDOWN($C5211/24,0)+1,1))-1)+IF('Standard Profiles'!$G$19=$B$10,7,0)+IF('Standard Profiles'!$G$19=$B$17,14,0)+IF('Standard Profiles'!$G$19=$B$24,21,0),MOD($C5211,24)+1)/SUM(INDEX($D$3:$AA$30,INDEX(Jesper!$R$2:$R$366,ROW(INDEX(Jesper!AI$2:AI$366,ROUNDDOWN($C5211/24,0)+1,1))-1)+IF('Standard Profiles'!$G$19=$B$10,7,0)+IF('Standard Profiles'!$G$19=$B$17,14,0)+IF('Standard Profiles'!$G$19=$B$24,21,0),0)),0)</f>
        <v>3.7811488279663252</v>
      </c>
      <c r="F5211" cm="1">
        <f t="array" ref="F5211">IFERROR(INDEX(Jesper!AJ$2:AJ$366,ROUNDDOWN($C5211/24,0)+1,1)*INDEX($D$3:$AA$30,INDEX(Jesper!$R$2:$R$366,ROW(INDEX(Jesper!AJ$2:AJ$366,ROUNDDOWN($C5211/24,0)+1,1))-1)+IF('Standard Profiles'!$G$20=$B$10,7,0)+IF('Standard Profiles'!$G$20=$B$17,14,0)+IF('Standard Profiles'!$G$20=$B$24,21,0),MOD($C5211,24)+1)/SUM(INDEX($D$3:$AA$30,INDEX(Jesper!$R$2:$R$366,ROW(INDEX(Jesper!AJ$2:AJ$366,ROUNDDOWN($C5211/24,0)+1,1))-1)+IF('Standard Profiles'!$G$20=$B$10,7,0)+IF('Standard Profiles'!$G$20=$B$17,14,0)+IF('Standard Profiles'!$G$20=$B$24,21,0),0)),0)</f>
        <v>0</v>
      </c>
      <c r="G5211" cm="1">
        <f t="array" ref="G5211">IFERROR(INDEX(Jesper!AK$2:AK$366,ROUNDDOWN($C5211/24,0)+1,1)*INDEX($D$3:$AA$30,INDEX(Jesper!$R$2:$R$366,ROW(INDEX(Jesper!AK$2:AK$366,ROUNDDOWN($C5211/24,0)+1,1))-1)+IF('Standard Profiles'!$G$21=$B$10,7,0)+IF('Standard Profiles'!$G$21=$B$17,14,0)+IF('Standard Profiles'!$G$21=$B$24,21,0),MOD($C5211,24)+1)/SUM(INDEX($D$3:$AA$30,INDEX(Jesper!$R$2:$R$366,ROW(INDEX(Jesper!AK$2:AK$366,ROUNDDOWN($C5211/24,0)+1,1))-1)+IF('Standard Profiles'!$G$21=$B$10,7,0)+IF('Standard Profiles'!$G$21=$B$17,14,0)+IF('Standard Profiles'!$G$21=$B$24,21,0),0)),0)</f>
        <v>1.3234349763075253</v>
      </c>
      <c r="H5211" cm="1">
        <f t="array" ref="H5211">IFERROR(INDEX(Jesper!AL$2:AL$366,ROUNDDOWN($C5211/24,0)+1,1)*INDEX($D$3:$AA$30,INDEX(Jesper!$R$2:$R$366,ROW(INDEX(Jesper!AL$2:AL$366,ROUNDDOWN($C5211/24,0)+1,1))-1)+IF('Standard Profiles'!$G$22=$B$10,7,0)+IF('Standard Profiles'!$G$22=$B$17,14,0)+IF('Standard Profiles'!$G$22=$B$24,21,0),MOD($C5211,24)+1)/SUM(INDEX($D$3:$AA$30,INDEX(Jesper!$R$2:$R$366,ROW(INDEX(Jesper!AL$2:AL$366,ROUNDDOWN($C5211/24,0)+1,1))-1)+IF('Standard Profiles'!$G$22=$B$10,7,0)+IF('Standard Profiles'!$G$22=$B$17,14,0)+IF('Standard Profiles'!$G$22=$B$24,21,0),0)),0)</f>
        <v>0</v>
      </c>
      <c r="I5211">
        <f t="shared" si="580"/>
        <v>0.6352487886276118</v>
      </c>
      <c r="J5211">
        <f t="shared" si="581"/>
        <v>11.475433899900255</v>
      </c>
      <c r="K5211">
        <f t="shared" si="582"/>
        <v>0.88966335038146238</v>
      </c>
      <c r="L5211">
        <f t="shared" si="583"/>
        <v>0.44483167519073119</v>
      </c>
      <c r="M5211">
        <f t="shared" si="584"/>
        <v>0</v>
      </c>
      <c r="N5211" s="45">
        <f t="shared" si="585"/>
        <v>45142.708333320777</v>
      </c>
    </row>
    <row r="5212" spans="2:14" x14ac:dyDescent="0.25">
      <c r="B5212">
        <f t="shared" si="579"/>
        <v>5</v>
      </c>
      <c r="C5212" s="16">
        <v>5178</v>
      </c>
      <c r="D5212" cm="1">
        <f t="array" ref="D5212">IFERROR(INDEX(Jesper!AH$2:AH$366,ROUNDDOWN($C5212/24,0)+1,1)*INDEX($D$3:$AA$30,INDEX(Jesper!$R$2:$R$366,ROW(INDEX(Jesper!AH$2:AH$366,ROUNDDOWN($C5212/24,0)+1,1))-1)+IF('Standard Profiles'!$G$18=$B$10,7,0)+IF('Standard Profiles'!$G$18=$B$17,14,0)+IF('Standard Profiles'!$G$18=$B$24,21,0),MOD($C5212,24)+1)/SUM(INDEX($D$3:$AA$30,INDEX(Jesper!$R$2:$R$366,ROW(INDEX(Jesper!AH$2:AH$366,ROUNDDOWN($C5212/24,0)+1,1))-1)+IF('Standard Profiles'!$G$18=$B$10,7,0)+IF('Standard Profiles'!$G$18=$B$17,14,0)+IF('Standard Profiles'!$G$18=$B$24,21,0),0)),0)</f>
        <v>5.3076506698894059</v>
      </c>
      <c r="E5212" cm="1">
        <f t="array" ref="E5212">IFERROR(INDEX(Jesper!AI$2:AI$366,ROUNDDOWN($C5212/24,0)+1,1)*INDEX($D$3:$AA$30,INDEX(Jesper!$R$2:$R$366,ROW(INDEX(Jesper!AI$2:AI$366,ROUNDDOWN($C5212/24,0)+1,1))-1)+IF('Standard Profiles'!$G$19=$B$10,7,0)+IF('Standard Profiles'!$G$19=$B$17,14,0)+IF('Standard Profiles'!$G$19=$B$24,21,0),MOD($C5212,24)+1)/SUM(INDEX($D$3:$AA$30,INDEX(Jesper!$R$2:$R$366,ROW(INDEX(Jesper!AI$2:AI$366,ROUNDDOWN($C5212/24,0)+1,1))-1)+IF('Standard Profiles'!$G$19=$B$10,7,0)+IF('Standard Profiles'!$G$19=$B$17,14,0)+IF('Standard Profiles'!$G$19=$B$24,21,0),0)),0)</f>
        <v>2.4061856177967522</v>
      </c>
      <c r="F5212" cm="1">
        <f t="array" ref="F5212">IFERROR(INDEX(Jesper!AJ$2:AJ$366,ROUNDDOWN($C5212/24,0)+1,1)*INDEX($D$3:$AA$30,INDEX(Jesper!$R$2:$R$366,ROW(INDEX(Jesper!AJ$2:AJ$366,ROUNDDOWN($C5212/24,0)+1,1))-1)+IF('Standard Profiles'!$G$20=$B$10,7,0)+IF('Standard Profiles'!$G$20=$B$17,14,0)+IF('Standard Profiles'!$G$20=$B$24,21,0),MOD($C5212,24)+1)/SUM(INDEX($D$3:$AA$30,INDEX(Jesper!$R$2:$R$366,ROW(INDEX(Jesper!AJ$2:AJ$366,ROUNDDOWN($C5212/24,0)+1,1))-1)+IF('Standard Profiles'!$G$20=$B$10,7,0)+IF('Standard Profiles'!$G$20=$B$17,14,0)+IF('Standard Profiles'!$G$20=$B$24,21,0),0)),0)</f>
        <v>0</v>
      </c>
      <c r="G5212" cm="1">
        <f t="array" ref="G5212">IFERROR(INDEX(Jesper!AK$2:AK$366,ROUNDDOWN($C5212/24,0)+1,1)*INDEX($D$3:$AA$30,INDEX(Jesper!$R$2:$R$366,ROW(INDEX(Jesper!AK$2:AK$366,ROUNDDOWN($C5212/24,0)+1,1))-1)+IF('Standard Profiles'!$G$21=$B$10,7,0)+IF('Standard Profiles'!$G$21=$B$17,14,0)+IF('Standard Profiles'!$G$21=$B$24,21,0),MOD($C5212,24)+1)/SUM(INDEX($D$3:$AA$30,INDEX(Jesper!$R$2:$R$366,ROW(INDEX(Jesper!AK$2:AK$366,ROUNDDOWN($C5212/24,0)+1,1))-1)+IF('Standard Profiles'!$G$21=$B$10,7,0)+IF('Standard Profiles'!$G$21=$B$17,14,0)+IF('Standard Profiles'!$G$21=$B$24,21,0),0)),0)</f>
        <v>0.48841052697063431</v>
      </c>
      <c r="H5212" cm="1">
        <f t="array" ref="H5212">IFERROR(INDEX(Jesper!AL$2:AL$366,ROUNDDOWN($C5212/24,0)+1,1)*INDEX($D$3:$AA$30,INDEX(Jesper!$R$2:$R$366,ROW(INDEX(Jesper!AL$2:AL$366,ROUNDDOWN($C5212/24,0)+1,1))-1)+IF('Standard Profiles'!$G$22=$B$10,7,0)+IF('Standard Profiles'!$G$22=$B$17,14,0)+IF('Standard Profiles'!$G$22=$B$24,21,0),MOD($C5212,24)+1)/SUM(INDEX($D$3:$AA$30,INDEX(Jesper!$R$2:$R$366,ROW(INDEX(Jesper!AL$2:AL$366,ROUNDDOWN($C5212/24,0)+1,1))-1)+IF('Standard Profiles'!$G$22=$B$10,7,0)+IF('Standard Profiles'!$G$22=$B$17,14,0)+IF('Standard Profiles'!$G$22=$B$24,21,0),0)),0)</f>
        <v>0</v>
      </c>
      <c r="I5212">
        <f t="shared" si="580"/>
        <v>0.23443705294590436</v>
      </c>
      <c r="J5212">
        <f t="shared" si="581"/>
        <v>7.1185856545285828</v>
      </c>
      <c r="K5212">
        <f t="shared" si="582"/>
        <v>0.5661494047882033</v>
      </c>
      <c r="L5212">
        <f t="shared" si="583"/>
        <v>0.28307470239410165</v>
      </c>
      <c r="M5212">
        <f t="shared" si="584"/>
        <v>0</v>
      </c>
      <c r="N5212" s="45">
        <f t="shared" si="585"/>
        <v>45142.749999987442</v>
      </c>
    </row>
    <row r="5213" spans="2:14" x14ac:dyDescent="0.25">
      <c r="B5213">
        <f t="shared" si="579"/>
        <v>5</v>
      </c>
      <c r="C5213" s="16">
        <v>5179</v>
      </c>
      <c r="D5213" cm="1">
        <f t="array" ref="D5213">IFERROR(INDEX(Jesper!AH$2:AH$366,ROUNDDOWN($C5213/24,0)+1,1)*INDEX($D$3:$AA$30,INDEX(Jesper!$R$2:$R$366,ROW(INDEX(Jesper!AH$2:AH$366,ROUNDDOWN($C5213/24,0)+1,1))-1)+IF('Standard Profiles'!$G$18=$B$10,7,0)+IF('Standard Profiles'!$G$18=$B$17,14,0)+IF('Standard Profiles'!$G$18=$B$24,21,0),MOD($C5213,24)+1)/SUM(INDEX($D$3:$AA$30,INDEX(Jesper!$R$2:$R$366,ROW(INDEX(Jesper!AH$2:AH$366,ROUNDDOWN($C5213/24,0)+1,1))-1)+IF('Standard Profiles'!$G$18=$B$10,7,0)+IF('Standard Profiles'!$G$18=$B$17,14,0)+IF('Standard Profiles'!$G$18=$B$24,21,0),0)),0)</f>
        <v>5.0549053998946727</v>
      </c>
      <c r="E5213" cm="1">
        <f t="array" ref="E5213">IFERROR(INDEX(Jesper!AI$2:AI$366,ROUNDDOWN($C5213/24,0)+1,1)*INDEX($D$3:$AA$30,INDEX(Jesper!$R$2:$R$366,ROW(INDEX(Jesper!AI$2:AI$366,ROUNDDOWN($C5213/24,0)+1,1))-1)+IF('Standard Profiles'!$G$19=$B$10,7,0)+IF('Standard Profiles'!$G$19=$B$17,14,0)+IF('Standard Profiles'!$G$19=$B$24,21,0),MOD($C5213,24)+1)/SUM(INDEX($D$3:$AA$30,INDEX(Jesper!$R$2:$R$366,ROW(INDEX(Jesper!AI$2:AI$366,ROUNDDOWN($C5213/24,0)+1,1))-1)+IF('Standard Profiles'!$G$19=$B$10,7,0)+IF('Standard Profiles'!$G$19=$B$17,14,0)+IF('Standard Profiles'!$G$19=$B$24,21,0),0)),0)</f>
        <v>2.2916053502826212</v>
      </c>
      <c r="F5213" cm="1">
        <f t="array" ref="F5213">IFERROR(INDEX(Jesper!AJ$2:AJ$366,ROUNDDOWN($C5213/24,0)+1,1)*INDEX($D$3:$AA$30,INDEX(Jesper!$R$2:$R$366,ROW(INDEX(Jesper!AJ$2:AJ$366,ROUNDDOWN($C5213/24,0)+1,1))-1)+IF('Standard Profiles'!$G$20=$B$10,7,0)+IF('Standard Profiles'!$G$20=$B$17,14,0)+IF('Standard Profiles'!$G$20=$B$24,21,0),MOD($C5213,24)+1)/SUM(INDEX($D$3:$AA$30,INDEX(Jesper!$R$2:$R$366,ROW(INDEX(Jesper!AJ$2:AJ$366,ROUNDDOWN($C5213/24,0)+1,1))-1)+IF('Standard Profiles'!$G$20=$B$10,7,0)+IF('Standard Profiles'!$G$20=$B$17,14,0)+IF('Standard Profiles'!$G$20=$B$24,21,0),0)),0)</f>
        <v>0</v>
      </c>
      <c r="G5213" cm="1">
        <f t="array" ref="G5213">IFERROR(INDEX(Jesper!AK$2:AK$366,ROUNDDOWN($C5213/24,0)+1,1)*INDEX($D$3:$AA$30,INDEX(Jesper!$R$2:$R$366,ROW(INDEX(Jesper!AK$2:AK$366,ROUNDDOWN($C5213/24,0)+1,1))-1)+IF('Standard Profiles'!$G$21=$B$10,7,0)+IF('Standard Profiles'!$G$21=$B$17,14,0)+IF('Standard Profiles'!$G$21=$B$24,21,0),MOD($C5213,24)+1)/SUM(INDEX($D$3:$AA$30,INDEX(Jesper!$R$2:$R$366,ROW(INDEX(Jesper!AK$2:AK$366,ROUNDDOWN($C5213/24,0)+1,1))-1)+IF('Standard Profiles'!$G$21=$B$10,7,0)+IF('Standard Profiles'!$G$21=$B$17,14,0)+IF('Standard Profiles'!$G$21=$B$24,21,0),0)),0)</f>
        <v>0.48841052697063431</v>
      </c>
      <c r="H5213" cm="1">
        <f t="array" ref="H5213">IFERROR(INDEX(Jesper!AL$2:AL$366,ROUNDDOWN($C5213/24,0)+1,1)*INDEX($D$3:$AA$30,INDEX(Jesper!$R$2:$R$366,ROW(INDEX(Jesper!AL$2:AL$366,ROUNDDOWN($C5213/24,0)+1,1))-1)+IF('Standard Profiles'!$G$22=$B$10,7,0)+IF('Standard Profiles'!$G$22=$B$17,14,0)+IF('Standard Profiles'!$G$22=$B$24,21,0),MOD($C5213,24)+1)/SUM(INDEX($D$3:$AA$30,INDEX(Jesper!$R$2:$R$366,ROW(INDEX(Jesper!AL$2:AL$366,ROUNDDOWN($C5213/24,0)+1,1))-1)+IF('Standard Profiles'!$G$22=$B$10,7,0)+IF('Standard Profiles'!$G$22=$B$17,14,0)+IF('Standard Profiles'!$G$22=$B$24,21,0),0)),0)</f>
        <v>0</v>
      </c>
      <c r="I5213">
        <f t="shared" si="580"/>
        <v>0.23443705294590436</v>
      </c>
      <c r="J5213">
        <f t="shared" si="581"/>
        <v>6.7916993602188764</v>
      </c>
      <c r="K5213">
        <f t="shared" si="582"/>
        <v>0.53918990932209843</v>
      </c>
      <c r="L5213">
        <f t="shared" si="583"/>
        <v>0.26959495466104921</v>
      </c>
      <c r="M5213">
        <f t="shared" si="584"/>
        <v>0</v>
      </c>
      <c r="N5213" s="45">
        <f t="shared" si="585"/>
        <v>45142.791666654106</v>
      </c>
    </row>
    <row r="5214" spans="2:14" x14ac:dyDescent="0.25">
      <c r="B5214">
        <f t="shared" si="579"/>
        <v>5</v>
      </c>
      <c r="C5214" s="16">
        <v>5180</v>
      </c>
      <c r="D5214" cm="1">
        <f t="array" ref="D5214">IFERROR(INDEX(Jesper!AH$2:AH$366,ROUNDDOWN($C5214/24,0)+1,1)*INDEX($D$3:$AA$30,INDEX(Jesper!$R$2:$R$366,ROW(INDEX(Jesper!AH$2:AH$366,ROUNDDOWN($C5214/24,0)+1,1))-1)+IF('Standard Profiles'!$G$18=$B$10,7,0)+IF('Standard Profiles'!$G$18=$B$17,14,0)+IF('Standard Profiles'!$G$18=$B$24,21,0),MOD($C5214,24)+1)/SUM(INDEX($D$3:$AA$30,INDEX(Jesper!$R$2:$R$366,ROW(INDEX(Jesper!AH$2:AH$366,ROUNDDOWN($C5214/24,0)+1,1))-1)+IF('Standard Profiles'!$G$18=$B$10,7,0)+IF('Standard Profiles'!$G$18=$B$17,14,0)+IF('Standard Profiles'!$G$18=$B$24,21,0),0)),0)</f>
        <v>5.0549053998946727</v>
      </c>
      <c r="E5214" cm="1">
        <f t="array" ref="E5214">IFERROR(INDEX(Jesper!AI$2:AI$366,ROUNDDOWN($C5214/24,0)+1,1)*INDEX($D$3:$AA$30,INDEX(Jesper!$R$2:$R$366,ROW(INDEX(Jesper!AI$2:AI$366,ROUNDDOWN($C5214/24,0)+1,1))-1)+IF('Standard Profiles'!$G$19=$B$10,7,0)+IF('Standard Profiles'!$G$19=$B$17,14,0)+IF('Standard Profiles'!$G$19=$B$24,21,0),MOD($C5214,24)+1)/SUM(INDEX($D$3:$AA$30,INDEX(Jesper!$R$2:$R$366,ROW(INDEX(Jesper!AI$2:AI$366,ROUNDDOWN($C5214/24,0)+1,1))-1)+IF('Standard Profiles'!$G$19=$B$10,7,0)+IF('Standard Profiles'!$G$19=$B$17,14,0)+IF('Standard Profiles'!$G$19=$B$24,21,0),0)),0)</f>
        <v>2.2916053502826212</v>
      </c>
      <c r="F5214" cm="1">
        <f t="array" ref="F5214">IFERROR(INDEX(Jesper!AJ$2:AJ$366,ROUNDDOWN($C5214/24,0)+1,1)*INDEX($D$3:$AA$30,INDEX(Jesper!$R$2:$R$366,ROW(INDEX(Jesper!AJ$2:AJ$366,ROUNDDOWN($C5214/24,0)+1,1))-1)+IF('Standard Profiles'!$G$20=$B$10,7,0)+IF('Standard Profiles'!$G$20=$B$17,14,0)+IF('Standard Profiles'!$G$20=$B$24,21,0),MOD($C5214,24)+1)/SUM(INDEX($D$3:$AA$30,INDEX(Jesper!$R$2:$R$366,ROW(INDEX(Jesper!AJ$2:AJ$366,ROUNDDOWN($C5214/24,0)+1,1))-1)+IF('Standard Profiles'!$G$20=$B$10,7,0)+IF('Standard Profiles'!$G$20=$B$17,14,0)+IF('Standard Profiles'!$G$20=$B$24,21,0),0)),0)</f>
        <v>0</v>
      </c>
      <c r="G5214" cm="1">
        <f t="array" ref="G5214">IFERROR(INDEX(Jesper!AK$2:AK$366,ROUNDDOWN($C5214/24,0)+1,1)*INDEX($D$3:$AA$30,INDEX(Jesper!$R$2:$R$366,ROW(INDEX(Jesper!AK$2:AK$366,ROUNDDOWN($C5214/24,0)+1,1))-1)+IF('Standard Profiles'!$G$21=$B$10,7,0)+IF('Standard Profiles'!$G$21=$B$17,14,0)+IF('Standard Profiles'!$G$21=$B$24,21,0),MOD($C5214,24)+1)/SUM(INDEX($D$3:$AA$30,INDEX(Jesper!$R$2:$R$366,ROW(INDEX(Jesper!AK$2:AK$366,ROUNDDOWN($C5214/24,0)+1,1))-1)+IF('Standard Profiles'!$G$21=$B$10,7,0)+IF('Standard Profiles'!$G$21=$B$17,14,0)+IF('Standard Profiles'!$G$21=$B$24,21,0),0)),0)</f>
        <v>0.48841052697063431</v>
      </c>
      <c r="H5214" cm="1">
        <f t="array" ref="H5214">IFERROR(INDEX(Jesper!AL$2:AL$366,ROUNDDOWN($C5214/24,0)+1,1)*INDEX($D$3:$AA$30,INDEX(Jesper!$R$2:$R$366,ROW(INDEX(Jesper!AL$2:AL$366,ROUNDDOWN($C5214/24,0)+1,1))-1)+IF('Standard Profiles'!$G$22=$B$10,7,0)+IF('Standard Profiles'!$G$22=$B$17,14,0)+IF('Standard Profiles'!$G$22=$B$24,21,0),MOD($C5214,24)+1)/SUM(INDEX($D$3:$AA$30,INDEX(Jesper!$R$2:$R$366,ROW(INDEX(Jesper!AL$2:AL$366,ROUNDDOWN($C5214/24,0)+1,1))-1)+IF('Standard Profiles'!$G$22=$B$10,7,0)+IF('Standard Profiles'!$G$22=$B$17,14,0)+IF('Standard Profiles'!$G$22=$B$24,21,0),0)),0)</f>
        <v>0</v>
      </c>
      <c r="I5214">
        <f t="shared" si="580"/>
        <v>0.23443705294590436</v>
      </c>
      <c r="J5214">
        <f t="shared" si="581"/>
        <v>6.7916993602188764</v>
      </c>
      <c r="K5214">
        <f t="shared" si="582"/>
        <v>0.53918990932209843</v>
      </c>
      <c r="L5214">
        <f t="shared" si="583"/>
        <v>0.26959495466104921</v>
      </c>
      <c r="M5214">
        <f t="shared" si="584"/>
        <v>0</v>
      </c>
      <c r="N5214" s="45">
        <f t="shared" si="585"/>
        <v>45142.83333332077</v>
      </c>
    </row>
    <row r="5215" spans="2:14" x14ac:dyDescent="0.25">
      <c r="B5215">
        <f t="shared" si="579"/>
        <v>5</v>
      </c>
      <c r="C5215" s="16">
        <v>5181</v>
      </c>
      <c r="D5215" cm="1">
        <f t="array" ref="D5215">IFERROR(INDEX(Jesper!AH$2:AH$366,ROUNDDOWN($C5215/24,0)+1,1)*INDEX($D$3:$AA$30,INDEX(Jesper!$R$2:$R$366,ROW(INDEX(Jesper!AH$2:AH$366,ROUNDDOWN($C5215/24,0)+1,1))-1)+IF('Standard Profiles'!$G$18=$B$10,7,0)+IF('Standard Profiles'!$G$18=$B$17,14,0)+IF('Standard Profiles'!$G$18=$B$24,21,0),MOD($C5215,24)+1)/SUM(INDEX($D$3:$AA$30,INDEX(Jesper!$R$2:$R$366,ROW(INDEX(Jesper!AH$2:AH$366,ROUNDDOWN($C5215/24,0)+1,1))-1)+IF('Standard Profiles'!$G$18=$B$10,7,0)+IF('Standard Profiles'!$G$18=$B$17,14,0)+IF('Standard Profiles'!$G$18=$B$24,21,0),0)),0)</f>
        <v>5.0549053998946727</v>
      </c>
      <c r="E5215" cm="1">
        <f t="array" ref="E5215">IFERROR(INDEX(Jesper!AI$2:AI$366,ROUNDDOWN($C5215/24,0)+1,1)*INDEX($D$3:$AA$30,INDEX(Jesper!$R$2:$R$366,ROW(INDEX(Jesper!AI$2:AI$366,ROUNDDOWN($C5215/24,0)+1,1))-1)+IF('Standard Profiles'!$G$19=$B$10,7,0)+IF('Standard Profiles'!$G$19=$B$17,14,0)+IF('Standard Profiles'!$G$19=$B$24,21,0),MOD($C5215,24)+1)/SUM(INDEX($D$3:$AA$30,INDEX(Jesper!$R$2:$R$366,ROW(INDEX(Jesper!AI$2:AI$366,ROUNDDOWN($C5215/24,0)+1,1))-1)+IF('Standard Profiles'!$G$19=$B$10,7,0)+IF('Standard Profiles'!$G$19=$B$17,14,0)+IF('Standard Profiles'!$G$19=$B$24,21,0),0)),0)</f>
        <v>2.2916053502826212</v>
      </c>
      <c r="F5215" cm="1">
        <f t="array" ref="F5215">IFERROR(INDEX(Jesper!AJ$2:AJ$366,ROUNDDOWN($C5215/24,0)+1,1)*INDEX($D$3:$AA$30,INDEX(Jesper!$R$2:$R$366,ROW(INDEX(Jesper!AJ$2:AJ$366,ROUNDDOWN($C5215/24,0)+1,1))-1)+IF('Standard Profiles'!$G$20=$B$10,7,0)+IF('Standard Profiles'!$G$20=$B$17,14,0)+IF('Standard Profiles'!$G$20=$B$24,21,0),MOD($C5215,24)+1)/SUM(INDEX($D$3:$AA$30,INDEX(Jesper!$R$2:$R$366,ROW(INDEX(Jesper!AJ$2:AJ$366,ROUNDDOWN($C5215/24,0)+1,1))-1)+IF('Standard Profiles'!$G$20=$B$10,7,0)+IF('Standard Profiles'!$G$20=$B$17,14,0)+IF('Standard Profiles'!$G$20=$B$24,21,0),0)),0)</f>
        <v>0</v>
      </c>
      <c r="G5215" cm="1">
        <f t="array" ref="G5215">IFERROR(INDEX(Jesper!AK$2:AK$366,ROUNDDOWN($C5215/24,0)+1,1)*INDEX($D$3:$AA$30,INDEX(Jesper!$R$2:$R$366,ROW(INDEX(Jesper!AK$2:AK$366,ROUNDDOWN($C5215/24,0)+1,1))-1)+IF('Standard Profiles'!$G$21=$B$10,7,0)+IF('Standard Profiles'!$G$21=$B$17,14,0)+IF('Standard Profiles'!$G$21=$B$24,21,0),MOD($C5215,24)+1)/SUM(INDEX($D$3:$AA$30,INDEX(Jesper!$R$2:$R$366,ROW(INDEX(Jesper!AK$2:AK$366,ROUNDDOWN($C5215/24,0)+1,1))-1)+IF('Standard Profiles'!$G$21=$B$10,7,0)+IF('Standard Profiles'!$G$21=$B$17,14,0)+IF('Standard Profiles'!$G$21=$B$24,21,0),0)),0)</f>
        <v>0.48841052697063431</v>
      </c>
      <c r="H5215" cm="1">
        <f t="array" ref="H5215">IFERROR(INDEX(Jesper!AL$2:AL$366,ROUNDDOWN($C5215/24,0)+1,1)*INDEX($D$3:$AA$30,INDEX(Jesper!$R$2:$R$366,ROW(INDEX(Jesper!AL$2:AL$366,ROUNDDOWN($C5215/24,0)+1,1))-1)+IF('Standard Profiles'!$G$22=$B$10,7,0)+IF('Standard Profiles'!$G$22=$B$17,14,0)+IF('Standard Profiles'!$G$22=$B$24,21,0),MOD($C5215,24)+1)/SUM(INDEX($D$3:$AA$30,INDEX(Jesper!$R$2:$R$366,ROW(INDEX(Jesper!AL$2:AL$366,ROUNDDOWN($C5215/24,0)+1,1))-1)+IF('Standard Profiles'!$G$22=$B$10,7,0)+IF('Standard Profiles'!$G$22=$B$17,14,0)+IF('Standard Profiles'!$G$22=$B$24,21,0),0)),0)</f>
        <v>0</v>
      </c>
      <c r="I5215">
        <f t="shared" si="580"/>
        <v>0.23443705294590436</v>
      </c>
      <c r="J5215">
        <f t="shared" si="581"/>
        <v>6.7916993602188764</v>
      </c>
      <c r="K5215">
        <f t="shared" si="582"/>
        <v>0.53918990932209843</v>
      </c>
      <c r="L5215">
        <f t="shared" si="583"/>
        <v>0.26959495466104921</v>
      </c>
      <c r="M5215">
        <f t="shared" si="584"/>
        <v>0</v>
      </c>
      <c r="N5215" s="45">
        <f t="shared" si="585"/>
        <v>45142.874999987434</v>
      </c>
    </row>
    <row r="5216" spans="2:14" x14ac:dyDescent="0.25">
      <c r="B5216">
        <f t="shared" si="579"/>
        <v>5</v>
      </c>
      <c r="C5216" s="16">
        <v>5182</v>
      </c>
      <c r="D5216" cm="1">
        <f t="array" ref="D5216">IFERROR(INDEX(Jesper!AH$2:AH$366,ROUNDDOWN($C5216/24,0)+1,1)*INDEX($D$3:$AA$30,INDEX(Jesper!$R$2:$R$366,ROW(INDEX(Jesper!AH$2:AH$366,ROUNDDOWN($C5216/24,0)+1,1))-1)+IF('Standard Profiles'!$G$18=$B$10,7,0)+IF('Standard Profiles'!$G$18=$B$17,14,0)+IF('Standard Profiles'!$G$18=$B$24,21,0),MOD($C5216,24)+1)/SUM(INDEX($D$3:$AA$30,INDEX(Jesper!$R$2:$R$366,ROW(INDEX(Jesper!AH$2:AH$366,ROUNDDOWN($C5216/24,0)+1,1))-1)+IF('Standard Profiles'!$G$18=$B$10,7,0)+IF('Standard Profiles'!$G$18=$B$17,14,0)+IF('Standard Profiles'!$G$18=$B$24,21,0),0)),0)</f>
        <v>5.0549053998946727</v>
      </c>
      <c r="E5216" cm="1">
        <f t="array" ref="E5216">IFERROR(INDEX(Jesper!AI$2:AI$366,ROUNDDOWN($C5216/24,0)+1,1)*INDEX($D$3:$AA$30,INDEX(Jesper!$R$2:$R$366,ROW(INDEX(Jesper!AI$2:AI$366,ROUNDDOWN($C5216/24,0)+1,1))-1)+IF('Standard Profiles'!$G$19=$B$10,7,0)+IF('Standard Profiles'!$G$19=$B$17,14,0)+IF('Standard Profiles'!$G$19=$B$24,21,0),MOD($C5216,24)+1)/SUM(INDEX($D$3:$AA$30,INDEX(Jesper!$R$2:$R$366,ROW(INDEX(Jesper!AI$2:AI$366,ROUNDDOWN($C5216/24,0)+1,1))-1)+IF('Standard Profiles'!$G$19=$B$10,7,0)+IF('Standard Profiles'!$G$19=$B$17,14,0)+IF('Standard Profiles'!$G$19=$B$24,21,0),0)),0)</f>
        <v>2.2916053502826212</v>
      </c>
      <c r="F5216" cm="1">
        <f t="array" ref="F5216">IFERROR(INDEX(Jesper!AJ$2:AJ$366,ROUNDDOWN($C5216/24,0)+1,1)*INDEX($D$3:$AA$30,INDEX(Jesper!$R$2:$R$366,ROW(INDEX(Jesper!AJ$2:AJ$366,ROUNDDOWN($C5216/24,0)+1,1))-1)+IF('Standard Profiles'!$G$20=$B$10,7,0)+IF('Standard Profiles'!$G$20=$B$17,14,0)+IF('Standard Profiles'!$G$20=$B$24,21,0),MOD($C5216,24)+1)/SUM(INDEX($D$3:$AA$30,INDEX(Jesper!$R$2:$R$366,ROW(INDEX(Jesper!AJ$2:AJ$366,ROUNDDOWN($C5216/24,0)+1,1))-1)+IF('Standard Profiles'!$G$20=$B$10,7,0)+IF('Standard Profiles'!$G$20=$B$17,14,0)+IF('Standard Profiles'!$G$20=$B$24,21,0),0)),0)</f>
        <v>0</v>
      </c>
      <c r="G5216" cm="1">
        <f t="array" ref="G5216">IFERROR(INDEX(Jesper!AK$2:AK$366,ROUNDDOWN($C5216/24,0)+1,1)*INDEX($D$3:$AA$30,INDEX(Jesper!$R$2:$R$366,ROW(INDEX(Jesper!AK$2:AK$366,ROUNDDOWN($C5216/24,0)+1,1))-1)+IF('Standard Profiles'!$G$21=$B$10,7,0)+IF('Standard Profiles'!$G$21=$B$17,14,0)+IF('Standard Profiles'!$G$21=$B$24,21,0),MOD($C5216,24)+1)/SUM(INDEX($D$3:$AA$30,INDEX(Jesper!$R$2:$R$366,ROW(INDEX(Jesper!AK$2:AK$366,ROUNDDOWN($C5216/24,0)+1,1))-1)+IF('Standard Profiles'!$G$21=$B$10,7,0)+IF('Standard Profiles'!$G$21=$B$17,14,0)+IF('Standard Profiles'!$G$21=$B$24,21,0),0)),0)</f>
        <v>0.48841052697063431</v>
      </c>
      <c r="H5216" cm="1">
        <f t="array" ref="H5216">IFERROR(INDEX(Jesper!AL$2:AL$366,ROUNDDOWN($C5216/24,0)+1,1)*INDEX($D$3:$AA$30,INDEX(Jesper!$R$2:$R$366,ROW(INDEX(Jesper!AL$2:AL$366,ROUNDDOWN($C5216/24,0)+1,1))-1)+IF('Standard Profiles'!$G$22=$B$10,7,0)+IF('Standard Profiles'!$G$22=$B$17,14,0)+IF('Standard Profiles'!$G$22=$B$24,21,0),MOD($C5216,24)+1)/SUM(INDEX($D$3:$AA$30,INDEX(Jesper!$R$2:$R$366,ROW(INDEX(Jesper!AL$2:AL$366,ROUNDDOWN($C5216/24,0)+1,1))-1)+IF('Standard Profiles'!$G$22=$B$10,7,0)+IF('Standard Profiles'!$G$22=$B$17,14,0)+IF('Standard Profiles'!$G$22=$B$24,21,0),0)),0)</f>
        <v>0</v>
      </c>
      <c r="I5216">
        <f t="shared" si="580"/>
        <v>0.23443705294590436</v>
      </c>
      <c r="J5216">
        <f t="shared" si="581"/>
        <v>6.7916993602188764</v>
      </c>
      <c r="K5216">
        <f t="shared" si="582"/>
        <v>0.53918990932209843</v>
      </c>
      <c r="L5216">
        <f t="shared" si="583"/>
        <v>0.26959495466104921</v>
      </c>
      <c r="M5216">
        <f t="shared" si="584"/>
        <v>0</v>
      </c>
      <c r="N5216" s="45">
        <f t="shared" si="585"/>
        <v>45142.916666654099</v>
      </c>
    </row>
    <row r="5217" spans="2:14" x14ac:dyDescent="0.25">
      <c r="B5217">
        <f t="shared" si="579"/>
        <v>5</v>
      </c>
      <c r="C5217" s="16">
        <v>5183</v>
      </c>
      <c r="D5217" cm="1">
        <f t="array" ref="D5217">IFERROR(INDEX(Jesper!AH$2:AH$366,ROUNDDOWN($C5217/24,0)+1,1)*INDEX($D$3:$AA$30,INDEX(Jesper!$R$2:$R$366,ROW(INDEX(Jesper!AH$2:AH$366,ROUNDDOWN($C5217/24,0)+1,1))-1)+IF('Standard Profiles'!$G$18=$B$10,7,0)+IF('Standard Profiles'!$G$18=$B$17,14,0)+IF('Standard Profiles'!$G$18=$B$24,21,0),MOD($C5217,24)+1)/SUM(INDEX($D$3:$AA$30,INDEX(Jesper!$R$2:$R$366,ROW(INDEX(Jesper!AH$2:AH$366,ROUNDDOWN($C5217/24,0)+1,1))-1)+IF('Standard Profiles'!$G$18=$B$10,7,0)+IF('Standard Profiles'!$G$18=$B$17,14,0)+IF('Standard Profiles'!$G$18=$B$24,21,0),0)),0)</f>
        <v>5.0549053998946727</v>
      </c>
      <c r="E5217" cm="1">
        <f t="array" ref="E5217">IFERROR(INDEX(Jesper!AI$2:AI$366,ROUNDDOWN($C5217/24,0)+1,1)*INDEX($D$3:$AA$30,INDEX(Jesper!$R$2:$R$366,ROW(INDEX(Jesper!AI$2:AI$366,ROUNDDOWN($C5217/24,0)+1,1))-1)+IF('Standard Profiles'!$G$19=$B$10,7,0)+IF('Standard Profiles'!$G$19=$B$17,14,0)+IF('Standard Profiles'!$G$19=$B$24,21,0),MOD($C5217,24)+1)/SUM(INDEX($D$3:$AA$30,INDEX(Jesper!$R$2:$R$366,ROW(INDEX(Jesper!AI$2:AI$366,ROUNDDOWN($C5217/24,0)+1,1))-1)+IF('Standard Profiles'!$G$19=$B$10,7,0)+IF('Standard Profiles'!$G$19=$B$17,14,0)+IF('Standard Profiles'!$G$19=$B$24,21,0),0)),0)</f>
        <v>2.2916053502826212</v>
      </c>
      <c r="F5217" cm="1">
        <f t="array" ref="F5217">IFERROR(INDEX(Jesper!AJ$2:AJ$366,ROUNDDOWN($C5217/24,0)+1,1)*INDEX($D$3:$AA$30,INDEX(Jesper!$R$2:$R$366,ROW(INDEX(Jesper!AJ$2:AJ$366,ROUNDDOWN($C5217/24,0)+1,1))-1)+IF('Standard Profiles'!$G$20=$B$10,7,0)+IF('Standard Profiles'!$G$20=$B$17,14,0)+IF('Standard Profiles'!$G$20=$B$24,21,0),MOD($C5217,24)+1)/SUM(INDEX($D$3:$AA$30,INDEX(Jesper!$R$2:$R$366,ROW(INDEX(Jesper!AJ$2:AJ$366,ROUNDDOWN($C5217/24,0)+1,1))-1)+IF('Standard Profiles'!$G$20=$B$10,7,0)+IF('Standard Profiles'!$G$20=$B$17,14,0)+IF('Standard Profiles'!$G$20=$B$24,21,0),0)),0)</f>
        <v>0</v>
      </c>
      <c r="G5217" cm="1">
        <f t="array" ref="G5217">IFERROR(INDEX(Jesper!AK$2:AK$366,ROUNDDOWN($C5217/24,0)+1,1)*INDEX($D$3:$AA$30,INDEX(Jesper!$R$2:$R$366,ROW(INDEX(Jesper!AK$2:AK$366,ROUNDDOWN($C5217/24,0)+1,1))-1)+IF('Standard Profiles'!$G$21=$B$10,7,0)+IF('Standard Profiles'!$G$21=$B$17,14,0)+IF('Standard Profiles'!$G$21=$B$24,21,0),MOD($C5217,24)+1)/SUM(INDEX($D$3:$AA$30,INDEX(Jesper!$R$2:$R$366,ROW(INDEX(Jesper!AK$2:AK$366,ROUNDDOWN($C5217/24,0)+1,1))-1)+IF('Standard Profiles'!$G$21=$B$10,7,0)+IF('Standard Profiles'!$G$21=$B$17,14,0)+IF('Standard Profiles'!$G$21=$B$24,21,0),0)),0)</f>
        <v>0.48841052697063431</v>
      </c>
      <c r="H5217" cm="1">
        <f t="array" ref="H5217">IFERROR(INDEX(Jesper!AL$2:AL$366,ROUNDDOWN($C5217/24,0)+1,1)*INDEX($D$3:$AA$30,INDEX(Jesper!$R$2:$R$366,ROW(INDEX(Jesper!AL$2:AL$366,ROUNDDOWN($C5217/24,0)+1,1))-1)+IF('Standard Profiles'!$G$22=$B$10,7,0)+IF('Standard Profiles'!$G$22=$B$17,14,0)+IF('Standard Profiles'!$G$22=$B$24,21,0),MOD($C5217,24)+1)/SUM(INDEX($D$3:$AA$30,INDEX(Jesper!$R$2:$R$366,ROW(INDEX(Jesper!AL$2:AL$366,ROUNDDOWN($C5217/24,0)+1,1))-1)+IF('Standard Profiles'!$G$22=$B$10,7,0)+IF('Standard Profiles'!$G$22=$B$17,14,0)+IF('Standard Profiles'!$G$22=$B$24,21,0),0)),0)</f>
        <v>0</v>
      </c>
      <c r="I5217">
        <f t="shared" si="580"/>
        <v>0.23443705294590436</v>
      </c>
      <c r="J5217">
        <f t="shared" si="581"/>
        <v>6.7916993602188764</v>
      </c>
      <c r="K5217">
        <f t="shared" si="582"/>
        <v>0.53918990932209843</v>
      </c>
      <c r="L5217">
        <f t="shared" si="583"/>
        <v>0.26959495466104921</v>
      </c>
      <c r="M5217">
        <f t="shared" si="584"/>
        <v>0</v>
      </c>
      <c r="N5217" s="45">
        <f t="shared" si="585"/>
        <v>45142.958333320763</v>
      </c>
    </row>
    <row r="5218" spans="2:14" x14ac:dyDescent="0.25">
      <c r="B5218">
        <f t="shared" si="579"/>
        <v>6</v>
      </c>
      <c r="C5218" s="16">
        <v>5184</v>
      </c>
      <c r="D5218" cm="1">
        <f t="array" ref="D5218">IFERROR(INDEX(Jesper!AH$2:AH$366,ROUNDDOWN($C5218/24,0)+1,1)*INDEX($D$3:$AA$30,INDEX(Jesper!$R$2:$R$366,ROW(INDEX(Jesper!AH$2:AH$366,ROUNDDOWN($C5218/24,0)+1,1))-1)+IF('Standard Profiles'!$G$18=$B$10,7,0)+IF('Standard Profiles'!$G$18=$B$17,14,0)+IF('Standard Profiles'!$G$18=$B$24,21,0),MOD($C5218,24)+1)/SUM(INDEX($D$3:$AA$30,INDEX(Jesper!$R$2:$R$366,ROW(INDEX(Jesper!AH$2:AH$366,ROUNDDOWN($C5218/24,0)+1,1))-1)+IF('Standard Profiles'!$G$18=$B$10,7,0)+IF('Standard Profiles'!$G$18=$B$17,14,0)+IF('Standard Profiles'!$G$18=$B$24,21,0),0)),0)</f>
        <v>0</v>
      </c>
      <c r="E5218" cm="1">
        <f t="array" ref="E5218">IFERROR(INDEX(Jesper!AI$2:AI$366,ROUNDDOWN($C5218/24,0)+1,1)*INDEX($D$3:$AA$30,INDEX(Jesper!$R$2:$R$366,ROW(INDEX(Jesper!AI$2:AI$366,ROUNDDOWN($C5218/24,0)+1,1))-1)+IF('Standard Profiles'!$G$19=$B$10,7,0)+IF('Standard Profiles'!$G$19=$B$17,14,0)+IF('Standard Profiles'!$G$19=$B$24,21,0),MOD($C5218,24)+1)/SUM(INDEX($D$3:$AA$30,INDEX(Jesper!$R$2:$R$366,ROW(INDEX(Jesper!AI$2:AI$366,ROUNDDOWN($C5218/24,0)+1,1))-1)+IF('Standard Profiles'!$G$19=$B$10,7,0)+IF('Standard Profiles'!$G$19=$B$17,14,0)+IF('Standard Profiles'!$G$19=$B$24,21,0),0)),0)</f>
        <v>3.048099223902307</v>
      </c>
      <c r="F5218" cm="1">
        <f t="array" ref="F5218">IFERROR(INDEX(Jesper!AJ$2:AJ$366,ROUNDDOWN($C5218/24,0)+1,1)*INDEX($D$3:$AA$30,INDEX(Jesper!$R$2:$R$366,ROW(INDEX(Jesper!AJ$2:AJ$366,ROUNDDOWN($C5218/24,0)+1,1))-1)+IF('Standard Profiles'!$G$20=$B$10,7,0)+IF('Standard Profiles'!$G$20=$B$17,14,0)+IF('Standard Profiles'!$G$20=$B$24,21,0),MOD($C5218,24)+1)/SUM(INDEX($D$3:$AA$30,INDEX(Jesper!$R$2:$R$366,ROW(INDEX(Jesper!AJ$2:AJ$366,ROUNDDOWN($C5218/24,0)+1,1))-1)+IF('Standard Profiles'!$G$20=$B$10,7,0)+IF('Standard Profiles'!$G$20=$B$17,14,0)+IF('Standard Profiles'!$G$20=$B$24,21,0),0)),0)</f>
        <v>1.4704045310385134</v>
      </c>
      <c r="G5218" cm="1">
        <f t="array" ref="G5218">IFERROR(INDEX(Jesper!AK$2:AK$366,ROUNDDOWN($C5218/24,0)+1,1)*INDEX($D$3:$AA$30,INDEX(Jesper!$R$2:$R$366,ROW(INDEX(Jesper!AK$2:AK$366,ROUNDDOWN($C5218/24,0)+1,1))-1)+IF('Standard Profiles'!$G$21=$B$10,7,0)+IF('Standard Profiles'!$G$21=$B$17,14,0)+IF('Standard Profiles'!$G$21=$B$24,21,0),MOD($C5218,24)+1)/SUM(INDEX($D$3:$AA$30,INDEX(Jesper!$R$2:$R$366,ROW(INDEX(Jesper!AK$2:AK$366,ROUNDDOWN($C5218/24,0)+1,1))-1)+IF('Standard Profiles'!$G$21=$B$10,7,0)+IF('Standard Profiles'!$G$21=$B$17,14,0)+IF('Standard Profiles'!$G$21=$B$24,21,0),0)),0)</f>
        <v>0.85601836103447437</v>
      </c>
      <c r="H5218" cm="1">
        <f t="array" ref="H5218">IFERROR(INDEX(Jesper!AL$2:AL$366,ROUNDDOWN($C5218/24,0)+1,1)*INDEX($D$3:$AA$30,INDEX(Jesper!$R$2:$R$366,ROW(INDEX(Jesper!AL$2:AL$366,ROUNDDOWN($C5218/24,0)+1,1))-1)+IF('Standard Profiles'!$G$22=$B$10,7,0)+IF('Standard Profiles'!$G$22=$B$17,14,0)+IF('Standard Profiles'!$G$22=$B$24,21,0),MOD($C5218,24)+1)/SUM(INDEX($D$3:$AA$30,INDEX(Jesper!$R$2:$R$366,ROW(INDEX(Jesper!AL$2:AL$366,ROUNDDOWN($C5218/24,0)+1,1))-1)+IF('Standard Profiles'!$G$22=$B$10,7,0)+IF('Standard Profiles'!$G$22=$B$17,14,0)+IF('Standard Profiles'!$G$22=$B$24,21,0),0)),0)</f>
        <v>0.17824302673790582</v>
      </c>
      <c r="I5218">
        <f t="shared" si="580"/>
        <v>0.17111330566838967</v>
      </c>
      <c r="J5218">
        <f t="shared" si="581"/>
        <v>5.0158799301765331</v>
      </c>
      <c r="K5218">
        <f t="shared" si="582"/>
        <v>0.24384793791218456</v>
      </c>
      <c r="L5218">
        <f t="shared" si="583"/>
        <v>0.12192396895609228</v>
      </c>
      <c r="M5218">
        <f t="shared" si="584"/>
        <v>0</v>
      </c>
      <c r="N5218" s="45">
        <f t="shared" si="585"/>
        <v>45142.999999987427</v>
      </c>
    </row>
    <row r="5219" spans="2:14" x14ac:dyDescent="0.25">
      <c r="B5219">
        <f t="shared" ref="B5219:B5282" si="586">WEEKDAY(N5219,2)</f>
        <v>6</v>
      </c>
      <c r="C5219" s="16">
        <v>5185</v>
      </c>
      <c r="D5219" cm="1">
        <f t="array" ref="D5219">IFERROR(INDEX(Jesper!AH$2:AH$366,ROUNDDOWN($C5219/24,0)+1,1)*INDEX($D$3:$AA$30,INDEX(Jesper!$R$2:$R$366,ROW(INDEX(Jesper!AH$2:AH$366,ROUNDDOWN($C5219/24,0)+1,1))-1)+IF('Standard Profiles'!$G$18=$B$10,7,0)+IF('Standard Profiles'!$G$18=$B$17,14,0)+IF('Standard Profiles'!$G$18=$B$24,21,0),MOD($C5219,24)+1)/SUM(INDEX($D$3:$AA$30,INDEX(Jesper!$R$2:$R$366,ROW(INDEX(Jesper!AH$2:AH$366,ROUNDDOWN($C5219/24,0)+1,1))-1)+IF('Standard Profiles'!$G$18=$B$10,7,0)+IF('Standard Profiles'!$G$18=$B$17,14,0)+IF('Standard Profiles'!$G$18=$B$24,21,0),0)),0)</f>
        <v>0</v>
      </c>
      <c r="E5219" cm="1">
        <f t="array" ref="E5219">IFERROR(INDEX(Jesper!AI$2:AI$366,ROUNDDOWN($C5219/24,0)+1,1)*INDEX($D$3:$AA$30,INDEX(Jesper!$R$2:$R$366,ROW(INDEX(Jesper!AI$2:AI$366,ROUNDDOWN($C5219/24,0)+1,1))-1)+IF('Standard Profiles'!$G$19=$B$10,7,0)+IF('Standard Profiles'!$G$19=$B$17,14,0)+IF('Standard Profiles'!$G$19=$B$24,21,0),MOD($C5219,24)+1)/SUM(INDEX($D$3:$AA$30,INDEX(Jesper!$R$2:$R$366,ROW(INDEX(Jesper!AI$2:AI$366,ROUNDDOWN($C5219/24,0)+1,1))-1)+IF('Standard Profiles'!$G$19=$B$10,7,0)+IF('Standard Profiles'!$G$19=$B$17,14,0)+IF('Standard Profiles'!$G$19=$B$24,21,0),0)),0)</f>
        <v>2.7432893015120761</v>
      </c>
      <c r="F5219" cm="1">
        <f t="array" ref="F5219">IFERROR(INDEX(Jesper!AJ$2:AJ$366,ROUNDDOWN($C5219/24,0)+1,1)*INDEX($D$3:$AA$30,INDEX(Jesper!$R$2:$R$366,ROW(INDEX(Jesper!AJ$2:AJ$366,ROUNDDOWN($C5219/24,0)+1,1))-1)+IF('Standard Profiles'!$G$20=$B$10,7,0)+IF('Standard Profiles'!$G$20=$B$17,14,0)+IF('Standard Profiles'!$G$20=$B$24,21,0),MOD($C5219,24)+1)/SUM(INDEX($D$3:$AA$30,INDEX(Jesper!$R$2:$R$366,ROW(INDEX(Jesper!AJ$2:AJ$366,ROUNDDOWN($C5219/24,0)+1,1))-1)+IF('Standard Profiles'!$G$20=$B$10,7,0)+IF('Standard Profiles'!$G$20=$B$17,14,0)+IF('Standard Profiles'!$G$20=$B$24,21,0),0)),0)</f>
        <v>1.323364077934662</v>
      </c>
      <c r="G5219" cm="1">
        <f t="array" ref="G5219">IFERROR(INDEX(Jesper!AK$2:AK$366,ROUNDDOWN($C5219/24,0)+1,1)*INDEX($D$3:$AA$30,INDEX(Jesper!$R$2:$R$366,ROW(INDEX(Jesper!AK$2:AK$366,ROUNDDOWN($C5219/24,0)+1,1))-1)+IF('Standard Profiles'!$G$21=$B$10,7,0)+IF('Standard Profiles'!$G$21=$B$17,14,0)+IF('Standard Profiles'!$G$21=$B$24,21,0),MOD($C5219,24)+1)/SUM(INDEX($D$3:$AA$30,INDEX(Jesper!$R$2:$R$366,ROW(INDEX(Jesper!AK$2:AK$366,ROUNDDOWN($C5219/24,0)+1,1))-1)+IF('Standard Profiles'!$G$21=$B$10,7,0)+IF('Standard Profiles'!$G$21=$B$17,14,0)+IF('Standard Profiles'!$G$21=$B$24,21,0),0)),0)</f>
        <v>0.85601836103447437</v>
      </c>
      <c r="H5219" cm="1">
        <f t="array" ref="H5219">IFERROR(INDEX(Jesper!AL$2:AL$366,ROUNDDOWN($C5219/24,0)+1,1)*INDEX($D$3:$AA$30,INDEX(Jesper!$R$2:$R$366,ROW(INDEX(Jesper!AL$2:AL$366,ROUNDDOWN($C5219/24,0)+1,1))-1)+IF('Standard Profiles'!$G$22=$B$10,7,0)+IF('Standard Profiles'!$G$22=$B$17,14,0)+IF('Standard Profiles'!$G$22=$B$24,21,0),MOD($C5219,24)+1)/SUM(INDEX($D$3:$AA$30,INDEX(Jesper!$R$2:$R$366,ROW(INDEX(Jesper!AL$2:AL$366,ROUNDDOWN($C5219/24,0)+1,1))-1)+IF('Standard Profiles'!$G$22=$B$10,7,0)+IF('Standard Profiles'!$G$22=$B$17,14,0)+IF('Standard Profiles'!$G$22=$B$24,21,0),0)),0)</f>
        <v>0.34799829029781615</v>
      </c>
      <c r="I5219">
        <f t="shared" ref="I5219:I5282" si="587">IF($B5219&lt;6,AC$37*$D5219+AC$38*$E5219+AC$39*$F5219+AC$40*$G5219,AC$46*$D5219+AC$47*$E5219+AC$48*$F5219+AC$49*$G5219+AC$50*$H5219)</f>
        <v>0.33407835868590369</v>
      </c>
      <c r="J5219">
        <f t="shared" ref="J5219:J5282" si="588">IF($B5219&lt;6,AD$37*$D5219+AD$38*$E5219+AD$39*$F5219+AD$40*$G5219,AD$46*$D5219+AD$47*$E5219+AD$48*$F5219+AD$49*$G5219+AD$50*$H5219)</f>
        <v>4.6073969559116756</v>
      </c>
      <c r="K5219">
        <f t="shared" ref="K5219:K5282" si="589">IF($B5219&lt;6,AE$37*$D5219+AE$38*$E5219+AE$39*$F5219+AE$40*$G5219,AE$46*$D5219+AE$47*$E5219+AE$48*$F5219+AE$49*$G5219+AE$50*$H5219)</f>
        <v>0.2194631441209661</v>
      </c>
      <c r="L5219">
        <f t="shared" ref="L5219:L5282" si="590">IF($B5219&lt;6,AF$37*$D5219+AF$38*$E5219+AF$39*$F5219+AF$40*$G5219,AF$46*$D5219+AF$47*$E5219+AF$48*$F5219+AF$49*$G5219+AF$50*$H5219)</f>
        <v>0.10973157206048305</v>
      </c>
      <c r="M5219">
        <f t="shared" ref="M5219:M5282" si="591">IF($B5219&lt;6,AG$37*$D5219+AG$38*$E5219+AG$39*$F5219+AG$40*$G5219,AG$46*$D5219+AG$47*$E5219+AG$48*$F5219+AG$49*$G5219+AG$50*$H5219)</f>
        <v>0</v>
      </c>
      <c r="N5219" s="45">
        <f t="shared" si="585"/>
        <v>45143.041666654091</v>
      </c>
    </row>
    <row r="5220" spans="2:14" x14ac:dyDescent="0.25">
      <c r="B5220">
        <f t="shared" si="586"/>
        <v>6</v>
      </c>
      <c r="C5220" s="16">
        <v>5186</v>
      </c>
      <c r="D5220" cm="1">
        <f t="array" ref="D5220">IFERROR(INDEX(Jesper!AH$2:AH$366,ROUNDDOWN($C5220/24,0)+1,1)*INDEX($D$3:$AA$30,INDEX(Jesper!$R$2:$R$366,ROW(INDEX(Jesper!AH$2:AH$366,ROUNDDOWN($C5220/24,0)+1,1))-1)+IF('Standard Profiles'!$G$18=$B$10,7,0)+IF('Standard Profiles'!$G$18=$B$17,14,0)+IF('Standard Profiles'!$G$18=$B$24,21,0),MOD($C5220,24)+1)/SUM(INDEX($D$3:$AA$30,INDEX(Jesper!$R$2:$R$366,ROW(INDEX(Jesper!AH$2:AH$366,ROUNDDOWN($C5220/24,0)+1,1))-1)+IF('Standard Profiles'!$G$18=$B$10,7,0)+IF('Standard Profiles'!$G$18=$B$17,14,0)+IF('Standard Profiles'!$G$18=$B$24,21,0),0)),0)</f>
        <v>0</v>
      </c>
      <c r="E5220" cm="1">
        <f t="array" ref="E5220">IFERROR(INDEX(Jesper!AI$2:AI$366,ROUNDDOWN($C5220/24,0)+1,1)*INDEX($D$3:$AA$30,INDEX(Jesper!$R$2:$R$366,ROW(INDEX(Jesper!AI$2:AI$366,ROUNDDOWN($C5220/24,0)+1,1))-1)+IF('Standard Profiles'!$G$19=$B$10,7,0)+IF('Standard Profiles'!$G$19=$B$17,14,0)+IF('Standard Profiles'!$G$19=$B$24,21,0),MOD($C5220,24)+1)/SUM(INDEX($D$3:$AA$30,INDEX(Jesper!$R$2:$R$366,ROW(INDEX(Jesper!AI$2:AI$366,ROUNDDOWN($C5220/24,0)+1,1))-1)+IF('Standard Profiles'!$G$19=$B$10,7,0)+IF('Standard Profiles'!$G$19=$B$17,14,0)+IF('Standard Profiles'!$G$19=$B$24,21,0),0)),0)</f>
        <v>2.7432893015120761</v>
      </c>
      <c r="F5220" cm="1">
        <f t="array" ref="F5220">IFERROR(INDEX(Jesper!AJ$2:AJ$366,ROUNDDOWN($C5220/24,0)+1,1)*INDEX($D$3:$AA$30,INDEX(Jesper!$R$2:$R$366,ROW(INDEX(Jesper!AJ$2:AJ$366,ROUNDDOWN($C5220/24,0)+1,1))-1)+IF('Standard Profiles'!$G$20=$B$10,7,0)+IF('Standard Profiles'!$G$20=$B$17,14,0)+IF('Standard Profiles'!$G$20=$B$24,21,0),MOD($C5220,24)+1)/SUM(INDEX($D$3:$AA$30,INDEX(Jesper!$R$2:$R$366,ROW(INDEX(Jesper!AJ$2:AJ$366,ROUNDDOWN($C5220/24,0)+1,1))-1)+IF('Standard Profiles'!$G$20=$B$10,7,0)+IF('Standard Profiles'!$G$20=$B$17,14,0)+IF('Standard Profiles'!$G$20=$B$24,21,0),0)),0)</f>
        <v>1.323364077934662</v>
      </c>
      <c r="G5220" cm="1">
        <f t="array" ref="G5220">IFERROR(INDEX(Jesper!AK$2:AK$366,ROUNDDOWN($C5220/24,0)+1,1)*INDEX($D$3:$AA$30,INDEX(Jesper!$R$2:$R$366,ROW(INDEX(Jesper!AK$2:AK$366,ROUNDDOWN($C5220/24,0)+1,1))-1)+IF('Standard Profiles'!$G$21=$B$10,7,0)+IF('Standard Profiles'!$G$21=$B$17,14,0)+IF('Standard Profiles'!$G$21=$B$24,21,0),MOD($C5220,24)+1)/SUM(INDEX($D$3:$AA$30,INDEX(Jesper!$R$2:$R$366,ROW(INDEX(Jesper!AK$2:AK$366,ROUNDDOWN($C5220/24,0)+1,1))-1)+IF('Standard Profiles'!$G$21=$B$10,7,0)+IF('Standard Profiles'!$G$21=$B$17,14,0)+IF('Standard Profiles'!$G$21=$B$24,21,0),0)),0)</f>
        <v>0.85601836103447437</v>
      </c>
      <c r="H5220" cm="1">
        <f t="array" ref="H5220">IFERROR(INDEX(Jesper!AL$2:AL$366,ROUNDDOWN($C5220/24,0)+1,1)*INDEX($D$3:$AA$30,INDEX(Jesper!$R$2:$R$366,ROW(INDEX(Jesper!AL$2:AL$366,ROUNDDOWN($C5220/24,0)+1,1))-1)+IF('Standard Profiles'!$G$22=$B$10,7,0)+IF('Standard Profiles'!$G$22=$B$17,14,0)+IF('Standard Profiles'!$G$22=$B$24,21,0),MOD($C5220,24)+1)/SUM(INDEX($D$3:$AA$30,INDEX(Jesper!$R$2:$R$366,ROW(INDEX(Jesper!AL$2:AL$366,ROUNDDOWN($C5220/24,0)+1,1))-1)+IF('Standard Profiles'!$G$22=$B$10,7,0)+IF('Standard Profiles'!$G$22=$B$17,14,0)+IF('Standard Profiles'!$G$22=$B$24,21,0),0)),0)</f>
        <v>0.34799829029781615</v>
      </c>
      <c r="I5220">
        <f t="shared" si="587"/>
        <v>0.33407835868590369</v>
      </c>
      <c r="J5220">
        <f t="shared" si="588"/>
        <v>4.6073969559116756</v>
      </c>
      <c r="K5220">
        <f t="shared" si="589"/>
        <v>0.2194631441209661</v>
      </c>
      <c r="L5220">
        <f t="shared" si="590"/>
        <v>0.10973157206048305</v>
      </c>
      <c r="M5220">
        <f t="shared" si="591"/>
        <v>0</v>
      </c>
      <c r="N5220" s="45">
        <f t="shared" ref="N5220:N5283" si="592">N5219+1/24</f>
        <v>45143.083333320756</v>
      </c>
    </row>
    <row r="5221" spans="2:14" x14ac:dyDescent="0.25">
      <c r="B5221">
        <f t="shared" si="586"/>
        <v>6</v>
      </c>
      <c r="C5221" s="16">
        <v>5187</v>
      </c>
      <c r="D5221" cm="1">
        <f t="array" ref="D5221">IFERROR(INDEX(Jesper!AH$2:AH$366,ROUNDDOWN($C5221/24,0)+1,1)*INDEX($D$3:$AA$30,INDEX(Jesper!$R$2:$R$366,ROW(INDEX(Jesper!AH$2:AH$366,ROUNDDOWN($C5221/24,0)+1,1))-1)+IF('Standard Profiles'!$G$18=$B$10,7,0)+IF('Standard Profiles'!$G$18=$B$17,14,0)+IF('Standard Profiles'!$G$18=$B$24,21,0),MOD($C5221,24)+1)/SUM(INDEX($D$3:$AA$30,INDEX(Jesper!$R$2:$R$366,ROW(INDEX(Jesper!AH$2:AH$366,ROUNDDOWN($C5221/24,0)+1,1))-1)+IF('Standard Profiles'!$G$18=$B$10,7,0)+IF('Standard Profiles'!$G$18=$B$17,14,0)+IF('Standard Profiles'!$G$18=$B$24,21,0),0)),0)</f>
        <v>0</v>
      </c>
      <c r="E5221" cm="1">
        <f t="array" ref="E5221">IFERROR(INDEX(Jesper!AI$2:AI$366,ROUNDDOWN($C5221/24,0)+1,1)*INDEX($D$3:$AA$30,INDEX(Jesper!$R$2:$R$366,ROW(INDEX(Jesper!AI$2:AI$366,ROUNDDOWN($C5221/24,0)+1,1))-1)+IF('Standard Profiles'!$G$19=$B$10,7,0)+IF('Standard Profiles'!$G$19=$B$17,14,0)+IF('Standard Profiles'!$G$19=$B$24,21,0),MOD($C5221,24)+1)/SUM(INDEX($D$3:$AA$30,INDEX(Jesper!$R$2:$R$366,ROW(INDEX(Jesper!AI$2:AI$366,ROUNDDOWN($C5221/24,0)+1,1))-1)+IF('Standard Profiles'!$G$19=$B$10,7,0)+IF('Standard Profiles'!$G$19=$B$17,14,0)+IF('Standard Profiles'!$G$19=$B$24,21,0),0)),0)</f>
        <v>2.7432893015120761</v>
      </c>
      <c r="F5221" cm="1">
        <f t="array" ref="F5221">IFERROR(INDEX(Jesper!AJ$2:AJ$366,ROUNDDOWN($C5221/24,0)+1,1)*INDEX($D$3:$AA$30,INDEX(Jesper!$R$2:$R$366,ROW(INDEX(Jesper!AJ$2:AJ$366,ROUNDDOWN($C5221/24,0)+1,1))-1)+IF('Standard Profiles'!$G$20=$B$10,7,0)+IF('Standard Profiles'!$G$20=$B$17,14,0)+IF('Standard Profiles'!$G$20=$B$24,21,0),MOD($C5221,24)+1)/SUM(INDEX($D$3:$AA$30,INDEX(Jesper!$R$2:$R$366,ROW(INDEX(Jesper!AJ$2:AJ$366,ROUNDDOWN($C5221/24,0)+1,1))-1)+IF('Standard Profiles'!$G$20=$B$10,7,0)+IF('Standard Profiles'!$G$20=$B$17,14,0)+IF('Standard Profiles'!$G$20=$B$24,21,0),0)),0)</f>
        <v>1.323364077934662</v>
      </c>
      <c r="G5221" cm="1">
        <f t="array" ref="G5221">IFERROR(INDEX(Jesper!AK$2:AK$366,ROUNDDOWN($C5221/24,0)+1,1)*INDEX($D$3:$AA$30,INDEX(Jesper!$R$2:$R$366,ROW(INDEX(Jesper!AK$2:AK$366,ROUNDDOWN($C5221/24,0)+1,1))-1)+IF('Standard Profiles'!$G$21=$B$10,7,0)+IF('Standard Profiles'!$G$21=$B$17,14,0)+IF('Standard Profiles'!$G$21=$B$24,21,0),MOD($C5221,24)+1)/SUM(INDEX($D$3:$AA$30,INDEX(Jesper!$R$2:$R$366,ROW(INDEX(Jesper!AK$2:AK$366,ROUNDDOWN($C5221/24,0)+1,1))-1)+IF('Standard Profiles'!$G$21=$B$10,7,0)+IF('Standard Profiles'!$G$21=$B$17,14,0)+IF('Standard Profiles'!$G$21=$B$24,21,0),0)),0)</f>
        <v>0.85601836103447437</v>
      </c>
      <c r="H5221" cm="1">
        <f t="array" ref="H5221">IFERROR(INDEX(Jesper!AL$2:AL$366,ROUNDDOWN($C5221/24,0)+1,1)*INDEX($D$3:$AA$30,INDEX(Jesper!$R$2:$R$366,ROW(INDEX(Jesper!AL$2:AL$366,ROUNDDOWN($C5221/24,0)+1,1))-1)+IF('Standard Profiles'!$G$22=$B$10,7,0)+IF('Standard Profiles'!$G$22=$B$17,14,0)+IF('Standard Profiles'!$G$22=$B$24,21,0),MOD($C5221,24)+1)/SUM(INDEX($D$3:$AA$30,INDEX(Jesper!$R$2:$R$366,ROW(INDEX(Jesper!AL$2:AL$366,ROUNDDOWN($C5221/24,0)+1,1))-1)+IF('Standard Profiles'!$G$22=$B$10,7,0)+IF('Standard Profiles'!$G$22=$B$17,14,0)+IF('Standard Profiles'!$G$22=$B$24,21,0),0)),0)</f>
        <v>0.34799829029781615</v>
      </c>
      <c r="I5221">
        <f t="shared" si="587"/>
        <v>0.33407835868590369</v>
      </c>
      <c r="J5221">
        <f t="shared" si="588"/>
        <v>4.6073969559116756</v>
      </c>
      <c r="K5221">
        <f t="shared" si="589"/>
        <v>0.2194631441209661</v>
      </c>
      <c r="L5221">
        <f t="shared" si="590"/>
        <v>0.10973157206048305</v>
      </c>
      <c r="M5221">
        <f t="shared" si="591"/>
        <v>0</v>
      </c>
      <c r="N5221" s="45">
        <f t="shared" si="592"/>
        <v>45143.12499998742</v>
      </c>
    </row>
    <row r="5222" spans="2:14" x14ac:dyDescent="0.25">
      <c r="B5222">
        <f t="shared" si="586"/>
        <v>6</v>
      </c>
      <c r="C5222" s="16">
        <v>5188</v>
      </c>
      <c r="D5222" cm="1">
        <f t="array" ref="D5222">IFERROR(INDEX(Jesper!AH$2:AH$366,ROUNDDOWN($C5222/24,0)+1,1)*INDEX($D$3:$AA$30,INDEX(Jesper!$R$2:$R$366,ROW(INDEX(Jesper!AH$2:AH$366,ROUNDDOWN($C5222/24,0)+1,1))-1)+IF('Standard Profiles'!$G$18=$B$10,7,0)+IF('Standard Profiles'!$G$18=$B$17,14,0)+IF('Standard Profiles'!$G$18=$B$24,21,0),MOD($C5222,24)+1)/SUM(INDEX($D$3:$AA$30,INDEX(Jesper!$R$2:$R$366,ROW(INDEX(Jesper!AH$2:AH$366,ROUNDDOWN($C5222/24,0)+1,1))-1)+IF('Standard Profiles'!$G$18=$B$10,7,0)+IF('Standard Profiles'!$G$18=$B$17,14,0)+IF('Standard Profiles'!$G$18=$B$24,21,0),0)),0)</f>
        <v>0</v>
      </c>
      <c r="E5222" cm="1">
        <f t="array" ref="E5222">IFERROR(INDEX(Jesper!AI$2:AI$366,ROUNDDOWN($C5222/24,0)+1,1)*INDEX($D$3:$AA$30,INDEX(Jesper!$R$2:$R$366,ROW(INDEX(Jesper!AI$2:AI$366,ROUNDDOWN($C5222/24,0)+1,1))-1)+IF('Standard Profiles'!$G$19=$B$10,7,0)+IF('Standard Profiles'!$G$19=$B$17,14,0)+IF('Standard Profiles'!$G$19=$B$24,21,0),MOD($C5222,24)+1)/SUM(INDEX($D$3:$AA$30,INDEX(Jesper!$R$2:$R$366,ROW(INDEX(Jesper!AI$2:AI$366,ROUNDDOWN($C5222/24,0)+1,1))-1)+IF('Standard Profiles'!$G$19=$B$10,7,0)+IF('Standard Profiles'!$G$19=$B$17,14,0)+IF('Standard Profiles'!$G$19=$B$24,21,0),0)),0)</f>
        <v>2.7432893015120761</v>
      </c>
      <c r="F5222" cm="1">
        <f t="array" ref="F5222">IFERROR(INDEX(Jesper!AJ$2:AJ$366,ROUNDDOWN($C5222/24,0)+1,1)*INDEX($D$3:$AA$30,INDEX(Jesper!$R$2:$R$366,ROW(INDEX(Jesper!AJ$2:AJ$366,ROUNDDOWN($C5222/24,0)+1,1))-1)+IF('Standard Profiles'!$G$20=$B$10,7,0)+IF('Standard Profiles'!$G$20=$B$17,14,0)+IF('Standard Profiles'!$G$20=$B$24,21,0),MOD($C5222,24)+1)/SUM(INDEX($D$3:$AA$30,INDEX(Jesper!$R$2:$R$366,ROW(INDEX(Jesper!AJ$2:AJ$366,ROUNDDOWN($C5222/24,0)+1,1))-1)+IF('Standard Profiles'!$G$20=$B$10,7,0)+IF('Standard Profiles'!$G$20=$B$17,14,0)+IF('Standard Profiles'!$G$20=$B$24,21,0),0)),0)</f>
        <v>1.323364077934662</v>
      </c>
      <c r="G5222" cm="1">
        <f t="array" ref="G5222">IFERROR(INDEX(Jesper!AK$2:AK$366,ROUNDDOWN($C5222/24,0)+1,1)*INDEX($D$3:$AA$30,INDEX(Jesper!$R$2:$R$366,ROW(INDEX(Jesper!AK$2:AK$366,ROUNDDOWN($C5222/24,0)+1,1))-1)+IF('Standard Profiles'!$G$21=$B$10,7,0)+IF('Standard Profiles'!$G$21=$B$17,14,0)+IF('Standard Profiles'!$G$21=$B$24,21,0),MOD($C5222,24)+1)/SUM(INDEX($D$3:$AA$30,INDEX(Jesper!$R$2:$R$366,ROW(INDEX(Jesper!AK$2:AK$366,ROUNDDOWN($C5222/24,0)+1,1))-1)+IF('Standard Profiles'!$G$21=$B$10,7,0)+IF('Standard Profiles'!$G$21=$B$17,14,0)+IF('Standard Profiles'!$G$21=$B$24,21,0),0)),0)</f>
        <v>0.85601836103447437</v>
      </c>
      <c r="H5222" cm="1">
        <f t="array" ref="H5222">IFERROR(INDEX(Jesper!AL$2:AL$366,ROUNDDOWN($C5222/24,0)+1,1)*INDEX($D$3:$AA$30,INDEX(Jesper!$R$2:$R$366,ROW(INDEX(Jesper!AL$2:AL$366,ROUNDDOWN($C5222/24,0)+1,1))-1)+IF('Standard Profiles'!$G$22=$B$10,7,0)+IF('Standard Profiles'!$G$22=$B$17,14,0)+IF('Standard Profiles'!$G$22=$B$24,21,0),MOD($C5222,24)+1)/SUM(INDEX($D$3:$AA$30,INDEX(Jesper!$R$2:$R$366,ROW(INDEX(Jesper!AL$2:AL$366,ROUNDDOWN($C5222/24,0)+1,1))-1)+IF('Standard Profiles'!$G$22=$B$10,7,0)+IF('Standard Profiles'!$G$22=$B$17,14,0)+IF('Standard Profiles'!$G$22=$B$24,21,0),0)),0)</f>
        <v>0.34799829029781615</v>
      </c>
      <c r="I5222">
        <f t="shared" si="587"/>
        <v>0.33407835868590369</v>
      </c>
      <c r="J5222">
        <f t="shared" si="588"/>
        <v>4.6073969559116756</v>
      </c>
      <c r="K5222">
        <f t="shared" si="589"/>
        <v>0.2194631441209661</v>
      </c>
      <c r="L5222">
        <f t="shared" si="590"/>
        <v>0.10973157206048305</v>
      </c>
      <c r="M5222">
        <f t="shared" si="591"/>
        <v>0</v>
      </c>
      <c r="N5222" s="45">
        <f t="shared" si="592"/>
        <v>45143.166666654084</v>
      </c>
    </row>
    <row r="5223" spans="2:14" x14ac:dyDescent="0.25">
      <c r="B5223">
        <f t="shared" si="586"/>
        <v>6</v>
      </c>
      <c r="C5223" s="16">
        <v>5189</v>
      </c>
      <c r="D5223" cm="1">
        <f t="array" ref="D5223">IFERROR(INDEX(Jesper!AH$2:AH$366,ROUNDDOWN($C5223/24,0)+1,1)*INDEX($D$3:$AA$30,INDEX(Jesper!$R$2:$R$366,ROW(INDEX(Jesper!AH$2:AH$366,ROUNDDOWN($C5223/24,0)+1,1))-1)+IF('Standard Profiles'!$G$18=$B$10,7,0)+IF('Standard Profiles'!$G$18=$B$17,14,0)+IF('Standard Profiles'!$G$18=$B$24,21,0),MOD($C5223,24)+1)/SUM(INDEX($D$3:$AA$30,INDEX(Jesper!$R$2:$R$366,ROW(INDEX(Jesper!AH$2:AH$366,ROUNDDOWN($C5223/24,0)+1,1))-1)+IF('Standard Profiles'!$G$18=$B$10,7,0)+IF('Standard Profiles'!$G$18=$B$17,14,0)+IF('Standard Profiles'!$G$18=$B$24,21,0),0)),0)</f>
        <v>0</v>
      </c>
      <c r="E5223" cm="1">
        <f t="array" ref="E5223">IFERROR(INDEX(Jesper!AI$2:AI$366,ROUNDDOWN($C5223/24,0)+1,1)*INDEX($D$3:$AA$30,INDEX(Jesper!$R$2:$R$366,ROW(INDEX(Jesper!AI$2:AI$366,ROUNDDOWN($C5223/24,0)+1,1))-1)+IF('Standard Profiles'!$G$19=$B$10,7,0)+IF('Standard Profiles'!$G$19=$B$17,14,0)+IF('Standard Profiles'!$G$19=$B$24,21,0),MOD($C5223,24)+1)/SUM(INDEX($D$3:$AA$30,INDEX(Jesper!$R$2:$R$366,ROW(INDEX(Jesper!AI$2:AI$366,ROUNDDOWN($C5223/24,0)+1,1))-1)+IF('Standard Profiles'!$G$19=$B$10,7,0)+IF('Standard Profiles'!$G$19=$B$17,14,0)+IF('Standard Profiles'!$G$19=$B$24,21,0),0)),0)</f>
        <v>2.7432893015120761</v>
      </c>
      <c r="F5223" cm="1">
        <f t="array" ref="F5223">IFERROR(INDEX(Jesper!AJ$2:AJ$366,ROUNDDOWN($C5223/24,0)+1,1)*INDEX($D$3:$AA$30,INDEX(Jesper!$R$2:$R$366,ROW(INDEX(Jesper!AJ$2:AJ$366,ROUNDDOWN($C5223/24,0)+1,1))-1)+IF('Standard Profiles'!$G$20=$B$10,7,0)+IF('Standard Profiles'!$G$20=$B$17,14,0)+IF('Standard Profiles'!$G$20=$B$24,21,0),MOD($C5223,24)+1)/SUM(INDEX($D$3:$AA$30,INDEX(Jesper!$R$2:$R$366,ROW(INDEX(Jesper!AJ$2:AJ$366,ROUNDDOWN($C5223/24,0)+1,1))-1)+IF('Standard Profiles'!$G$20=$B$10,7,0)+IF('Standard Profiles'!$G$20=$B$17,14,0)+IF('Standard Profiles'!$G$20=$B$24,21,0),0)),0)</f>
        <v>1.323364077934662</v>
      </c>
      <c r="G5223" cm="1">
        <f t="array" ref="G5223">IFERROR(INDEX(Jesper!AK$2:AK$366,ROUNDDOWN($C5223/24,0)+1,1)*INDEX($D$3:$AA$30,INDEX(Jesper!$R$2:$R$366,ROW(INDEX(Jesper!AK$2:AK$366,ROUNDDOWN($C5223/24,0)+1,1))-1)+IF('Standard Profiles'!$G$21=$B$10,7,0)+IF('Standard Profiles'!$G$21=$B$17,14,0)+IF('Standard Profiles'!$G$21=$B$24,21,0),MOD($C5223,24)+1)/SUM(INDEX($D$3:$AA$30,INDEX(Jesper!$R$2:$R$366,ROW(INDEX(Jesper!AK$2:AK$366,ROUNDDOWN($C5223/24,0)+1,1))-1)+IF('Standard Profiles'!$G$21=$B$10,7,0)+IF('Standard Profiles'!$G$21=$B$17,14,0)+IF('Standard Profiles'!$G$21=$B$24,21,0),0)),0)</f>
        <v>0.85601836103447437</v>
      </c>
      <c r="H5223" cm="1">
        <f t="array" ref="H5223">IFERROR(INDEX(Jesper!AL$2:AL$366,ROUNDDOWN($C5223/24,0)+1,1)*INDEX($D$3:$AA$30,INDEX(Jesper!$R$2:$R$366,ROW(INDEX(Jesper!AL$2:AL$366,ROUNDDOWN($C5223/24,0)+1,1))-1)+IF('Standard Profiles'!$G$22=$B$10,7,0)+IF('Standard Profiles'!$G$22=$B$17,14,0)+IF('Standard Profiles'!$G$22=$B$24,21,0),MOD($C5223,24)+1)/SUM(INDEX($D$3:$AA$30,INDEX(Jesper!$R$2:$R$366,ROW(INDEX(Jesper!AL$2:AL$366,ROUNDDOWN($C5223/24,0)+1,1))-1)+IF('Standard Profiles'!$G$22=$B$10,7,0)+IF('Standard Profiles'!$G$22=$B$17,14,0)+IF('Standard Profiles'!$G$22=$B$24,21,0),0)),0)</f>
        <v>0.43287592207777131</v>
      </c>
      <c r="I5223">
        <f t="shared" si="587"/>
        <v>0.41556088519466067</v>
      </c>
      <c r="J5223">
        <f t="shared" si="588"/>
        <v>4.6107920611828739</v>
      </c>
      <c r="K5223">
        <f t="shared" si="589"/>
        <v>0.2194631441209661</v>
      </c>
      <c r="L5223">
        <f t="shared" si="590"/>
        <v>0.10973157206048305</v>
      </c>
      <c r="M5223">
        <f t="shared" si="591"/>
        <v>0</v>
      </c>
      <c r="N5223" s="45">
        <f t="shared" si="592"/>
        <v>45143.208333320748</v>
      </c>
    </row>
    <row r="5224" spans="2:14" x14ac:dyDescent="0.25">
      <c r="B5224">
        <f t="shared" si="586"/>
        <v>6</v>
      </c>
      <c r="C5224" s="16">
        <v>5190</v>
      </c>
      <c r="D5224" cm="1">
        <f t="array" ref="D5224">IFERROR(INDEX(Jesper!AH$2:AH$366,ROUNDDOWN($C5224/24,0)+1,1)*INDEX($D$3:$AA$30,INDEX(Jesper!$R$2:$R$366,ROW(INDEX(Jesper!AH$2:AH$366,ROUNDDOWN($C5224/24,0)+1,1))-1)+IF('Standard Profiles'!$G$18=$B$10,7,0)+IF('Standard Profiles'!$G$18=$B$17,14,0)+IF('Standard Profiles'!$G$18=$B$24,21,0),MOD($C5224,24)+1)/SUM(INDEX($D$3:$AA$30,INDEX(Jesper!$R$2:$R$366,ROW(INDEX(Jesper!AH$2:AH$366,ROUNDDOWN($C5224/24,0)+1,1))-1)+IF('Standard Profiles'!$G$18=$B$10,7,0)+IF('Standard Profiles'!$G$18=$B$17,14,0)+IF('Standard Profiles'!$G$18=$B$24,21,0),0)),0)</f>
        <v>0</v>
      </c>
      <c r="E5224" cm="1">
        <f t="array" ref="E5224">IFERROR(INDEX(Jesper!AI$2:AI$366,ROUNDDOWN($C5224/24,0)+1,1)*INDEX($D$3:$AA$30,INDEX(Jesper!$R$2:$R$366,ROW(INDEX(Jesper!AI$2:AI$366,ROUNDDOWN($C5224/24,0)+1,1))-1)+IF('Standard Profiles'!$G$19=$B$10,7,0)+IF('Standard Profiles'!$G$19=$B$17,14,0)+IF('Standard Profiles'!$G$19=$B$24,21,0),MOD($C5224,24)+1)/SUM(INDEX($D$3:$AA$30,INDEX(Jesper!$R$2:$R$366,ROW(INDEX(Jesper!AI$2:AI$366,ROUNDDOWN($C5224/24,0)+1,1))-1)+IF('Standard Profiles'!$G$19=$B$10,7,0)+IF('Standard Profiles'!$G$19=$B$17,14,0)+IF('Standard Profiles'!$G$19=$B$24,21,0),0)),0)</f>
        <v>2.7432893015120761</v>
      </c>
      <c r="F5224" cm="1">
        <f t="array" ref="F5224">IFERROR(INDEX(Jesper!AJ$2:AJ$366,ROUNDDOWN($C5224/24,0)+1,1)*INDEX($D$3:$AA$30,INDEX(Jesper!$R$2:$R$366,ROW(INDEX(Jesper!AJ$2:AJ$366,ROUNDDOWN($C5224/24,0)+1,1))-1)+IF('Standard Profiles'!$G$20=$B$10,7,0)+IF('Standard Profiles'!$G$20=$B$17,14,0)+IF('Standard Profiles'!$G$20=$B$24,21,0),MOD($C5224,24)+1)/SUM(INDEX($D$3:$AA$30,INDEX(Jesper!$R$2:$R$366,ROW(INDEX(Jesper!AJ$2:AJ$366,ROUNDDOWN($C5224/24,0)+1,1))-1)+IF('Standard Profiles'!$G$20=$B$10,7,0)+IF('Standard Profiles'!$G$20=$B$17,14,0)+IF('Standard Profiles'!$G$20=$B$24,21,0),0)),0)</f>
        <v>1.323364077934662</v>
      </c>
      <c r="G5224" cm="1">
        <f t="array" ref="G5224">IFERROR(INDEX(Jesper!AK$2:AK$366,ROUNDDOWN($C5224/24,0)+1,1)*INDEX($D$3:$AA$30,INDEX(Jesper!$R$2:$R$366,ROW(INDEX(Jesper!AK$2:AK$366,ROUNDDOWN($C5224/24,0)+1,1))-1)+IF('Standard Profiles'!$G$21=$B$10,7,0)+IF('Standard Profiles'!$G$21=$B$17,14,0)+IF('Standard Profiles'!$G$21=$B$24,21,0),MOD($C5224,24)+1)/SUM(INDEX($D$3:$AA$30,INDEX(Jesper!$R$2:$R$366,ROW(INDEX(Jesper!AK$2:AK$366,ROUNDDOWN($C5224/24,0)+1,1))-1)+IF('Standard Profiles'!$G$21=$B$10,7,0)+IF('Standard Profiles'!$G$21=$B$17,14,0)+IF('Standard Profiles'!$G$21=$B$24,21,0),0)),0)</f>
        <v>0.85601836103447437</v>
      </c>
      <c r="H5224" cm="1">
        <f t="array" ref="H5224">IFERROR(INDEX(Jesper!AL$2:AL$366,ROUNDDOWN($C5224/24,0)+1,1)*INDEX($D$3:$AA$30,INDEX(Jesper!$R$2:$R$366,ROW(INDEX(Jesper!AL$2:AL$366,ROUNDDOWN($C5224/24,0)+1,1))-1)+IF('Standard Profiles'!$G$22=$B$10,7,0)+IF('Standard Profiles'!$G$22=$B$17,14,0)+IF('Standard Profiles'!$G$22=$B$24,21,0),MOD($C5224,24)+1)/SUM(INDEX($D$3:$AA$30,INDEX(Jesper!$R$2:$R$366,ROW(INDEX(Jesper!AL$2:AL$366,ROUNDDOWN($C5224/24,0)+1,1))-1)+IF('Standard Profiles'!$G$22=$B$10,7,0)+IF('Standard Profiles'!$G$22=$B$17,14,0)+IF('Standard Profiles'!$G$22=$B$24,21,0),0)),0)</f>
        <v>0.54321684339171306</v>
      </c>
      <c r="I5224">
        <f t="shared" si="587"/>
        <v>0.52148816965604483</v>
      </c>
      <c r="J5224">
        <f t="shared" si="588"/>
        <v>4.6152056980354317</v>
      </c>
      <c r="K5224">
        <f t="shared" si="589"/>
        <v>0.2194631441209661</v>
      </c>
      <c r="L5224">
        <f t="shared" si="590"/>
        <v>0.10973157206048305</v>
      </c>
      <c r="M5224">
        <f t="shared" si="591"/>
        <v>0</v>
      </c>
      <c r="N5224" s="45">
        <f t="shared" si="592"/>
        <v>45143.249999987413</v>
      </c>
    </row>
    <row r="5225" spans="2:14" x14ac:dyDescent="0.25">
      <c r="B5225">
        <f t="shared" si="586"/>
        <v>6</v>
      </c>
      <c r="C5225" s="16">
        <v>5191</v>
      </c>
      <c r="D5225" cm="1">
        <f t="array" ref="D5225">IFERROR(INDEX(Jesper!AH$2:AH$366,ROUNDDOWN($C5225/24,0)+1,1)*INDEX($D$3:$AA$30,INDEX(Jesper!$R$2:$R$366,ROW(INDEX(Jesper!AH$2:AH$366,ROUNDDOWN($C5225/24,0)+1,1))-1)+IF('Standard Profiles'!$G$18=$B$10,7,0)+IF('Standard Profiles'!$G$18=$B$17,14,0)+IF('Standard Profiles'!$G$18=$B$24,21,0),MOD($C5225,24)+1)/SUM(INDEX($D$3:$AA$30,INDEX(Jesper!$R$2:$R$366,ROW(INDEX(Jesper!AH$2:AH$366,ROUNDDOWN($C5225/24,0)+1,1))-1)+IF('Standard Profiles'!$G$18=$B$10,7,0)+IF('Standard Profiles'!$G$18=$B$17,14,0)+IF('Standard Profiles'!$G$18=$B$24,21,0),0)),0)</f>
        <v>0</v>
      </c>
      <c r="E5225" cm="1">
        <f t="array" ref="E5225">IFERROR(INDEX(Jesper!AI$2:AI$366,ROUNDDOWN($C5225/24,0)+1,1)*INDEX($D$3:$AA$30,INDEX(Jesper!$R$2:$R$366,ROW(INDEX(Jesper!AI$2:AI$366,ROUNDDOWN($C5225/24,0)+1,1))-1)+IF('Standard Profiles'!$G$19=$B$10,7,0)+IF('Standard Profiles'!$G$19=$B$17,14,0)+IF('Standard Profiles'!$G$19=$B$24,21,0),MOD($C5225,24)+1)/SUM(INDEX($D$3:$AA$30,INDEX(Jesper!$R$2:$R$366,ROW(INDEX(Jesper!AI$2:AI$366,ROUNDDOWN($C5225/24,0)+1,1))-1)+IF('Standard Profiles'!$G$19=$B$10,7,0)+IF('Standard Profiles'!$G$19=$B$17,14,0)+IF('Standard Profiles'!$G$19=$B$24,21,0),0)),0)</f>
        <v>2.7432893015120761</v>
      </c>
      <c r="F5225" cm="1">
        <f t="array" ref="F5225">IFERROR(INDEX(Jesper!AJ$2:AJ$366,ROUNDDOWN($C5225/24,0)+1,1)*INDEX($D$3:$AA$30,INDEX(Jesper!$R$2:$R$366,ROW(INDEX(Jesper!AJ$2:AJ$366,ROUNDDOWN($C5225/24,0)+1,1))-1)+IF('Standard Profiles'!$G$20=$B$10,7,0)+IF('Standard Profiles'!$G$20=$B$17,14,0)+IF('Standard Profiles'!$G$20=$B$24,21,0),MOD($C5225,24)+1)/SUM(INDEX($D$3:$AA$30,INDEX(Jesper!$R$2:$R$366,ROW(INDEX(Jesper!AJ$2:AJ$366,ROUNDDOWN($C5225/24,0)+1,1))-1)+IF('Standard Profiles'!$G$20=$B$10,7,0)+IF('Standard Profiles'!$G$20=$B$17,14,0)+IF('Standard Profiles'!$G$20=$B$24,21,0),0)),0)</f>
        <v>1.323364077934662</v>
      </c>
      <c r="G5225" cm="1">
        <f t="array" ref="G5225">IFERROR(INDEX(Jesper!AK$2:AK$366,ROUNDDOWN($C5225/24,0)+1,1)*INDEX($D$3:$AA$30,INDEX(Jesper!$R$2:$R$366,ROW(INDEX(Jesper!AK$2:AK$366,ROUNDDOWN($C5225/24,0)+1,1))-1)+IF('Standard Profiles'!$G$21=$B$10,7,0)+IF('Standard Profiles'!$G$21=$B$17,14,0)+IF('Standard Profiles'!$G$21=$B$24,21,0),MOD($C5225,24)+1)/SUM(INDEX($D$3:$AA$30,INDEX(Jesper!$R$2:$R$366,ROW(INDEX(Jesper!AK$2:AK$366,ROUNDDOWN($C5225/24,0)+1,1))-1)+IF('Standard Profiles'!$G$21=$B$10,7,0)+IF('Standard Profiles'!$G$21=$B$17,14,0)+IF('Standard Profiles'!$G$21=$B$24,21,0),0)),0)</f>
        <v>0.85601836103447437</v>
      </c>
      <c r="H5225" cm="1">
        <f t="array" ref="H5225">IFERROR(INDEX(Jesper!AL$2:AL$366,ROUNDDOWN($C5225/24,0)+1,1)*INDEX($D$3:$AA$30,INDEX(Jesper!$R$2:$R$366,ROW(INDEX(Jesper!AL$2:AL$366,ROUNDDOWN($C5225/24,0)+1,1))-1)+IF('Standard Profiles'!$G$22=$B$10,7,0)+IF('Standard Profiles'!$G$22=$B$17,14,0)+IF('Standard Profiles'!$G$22=$B$24,21,0),MOD($C5225,24)+1)/SUM(INDEX($D$3:$AA$30,INDEX(Jesper!$R$2:$R$366,ROW(INDEX(Jesper!AL$2:AL$366,ROUNDDOWN($C5225/24,0)+1,1))-1)+IF('Standard Profiles'!$G$22=$B$10,7,0)+IF('Standard Profiles'!$G$22=$B$17,14,0)+IF('Standard Profiles'!$G$22=$B$24,21,0),0)),0)</f>
        <v>0.61960671199367257</v>
      </c>
      <c r="I5225">
        <f t="shared" si="587"/>
        <v>0.59482244351392599</v>
      </c>
      <c r="J5225">
        <f t="shared" si="588"/>
        <v>4.6182612927795095</v>
      </c>
      <c r="K5225">
        <f t="shared" si="589"/>
        <v>0.2194631441209661</v>
      </c>
      <c r="L5225">
        <f t="shared" si="590"/>
        <v>0.10973157206048305</v>
      </c>
      <c r="M5225">
        <f t="shared" si="591"/>
        <v>0</v>
      </c>
      <c r="N5225" s="45">
        <f t="shared" si="592"/>
        <v>45143.291666654077</v>
      </c>
    </row>
    <row r="5226" spans="2:14" x14ac:dyDescent="0.25">
      <c r="B5226">
        <f t="shared" si="586"/>
        <v>6</v>
      </c>
      <c r="C5226" s="16">
        <v>5192</v>
      </c>
      <c r="D5226" cm="1">
        <f t="array" ref="D5226">IFERROR(INDEX(Jesper!AH$2:AH$366,ROUNDDOWN($C5226/24,0)+1,1)*INDEX($D$3:$AA$30,INDEX(Jesper!$R$2:$R$366,ROW(INDEX(Jesper!AH$2:AH$366,ROUNDDOWN($C5226/24,0)+1,1))-1)+IF('Standard Profiles'!$G$18=$B$10,7,0)+IF('Standard Profiles'!$G$18=$B$17,14,0)+IF('Standard Profiles'!$G$18=$B$24,21,0),MOD($C5226,24)+1)/SUM(INDEX($D$3:$AA$30,INDEX(Jesper!$R$2:$R$366,ROW(INDEX(Jesper!AH$2:AH$366,ROUNDDOWN($C5226/24,0)+1,1))-1)+IF('Standard Profiles'!$G$18=$B$10,7,0)+IF('Standard Profiles'!$G$18=$B$17,14,0)+IF('Standard Profiles'!$G$18=$B$24,21,0),0)),0)</f>
        <v>0</v>
      </c>
      <c r="E5226" cm="1">
        <f t="array" ref="E5226">IFERROR(INDEX(Jesper!AI$2:AI$366,ROUNDDOWN($C5226/24,0)+1,1)*INDEX($D$3:$AA$30,INDEX(Jesper!$R$2:$R$366,ROW(INDEX(Jesper!AI$2:AI$366,ROUNDDOWN($C5226/24,0)+1,1))-1)+IF('Standard Profiles'!$G$19=$B$10,7,0)+IF('Standard Profiles'!$G$19=$B$17,14,0)+IF('Standard Profiles'!$G$19=$B$24,21,0),MOD($C5226,24)+1)/SUM(INDEX($D$3:$AA$30,INDEX(Jesper!$R$2:$R$366,ROW(INDEX(Jesper!AI$2:AI$366,ROUNDDOWN($C5226/24,0)+1,1))-1)+IF('Standard Profiles'!$G$19=$B$10,7,0)+IF('Standard Profiles'!$G$19=$B$17,14,0)+IF('Standard Profiles'!$G$19=$B$24,21,0),0)),0)</f>
        <v>2.7432893015120761</v>
      </c>
      <c r="F5226" cm="1">
        <f t="array" ref="F5226">IFERROR(INDEX(Jesper!AJ$2:AJ$366,ROUNDDOWN($C5226/24,0)+1,1)*INDEX($D$3:$AA$30,INDEX(Jesper!$R$2:$R$366,ROW(INDEX(Jesper!AJ$2:AJ$366,ROUNDDOWN($C5226/24,0)+1,1))-1)+IF('Standard Profiles'!$G$20=$B$10,7,0)+IF('Standard Profiles'!$G$20=$B$17,14,0)+IF('Standard Profiles'!$G$20=$B$24,21,0),MOD($C5226,24)+1)/SUM(INDEX($D$3:$AA$30,INDEX(Jesper!$R$2:$R$366,ROW(INDEX(Jesper!AJ$2:AJ$366,ROUNDDOWN($C5226/24,0)+1,1))-1)+IF('Standard Profiles'!$G$20=$B$10,7,0)+IF('Standard Profiles'!$G$20=$B$17,14,0)+IF('Standard Profiles'!$G$20=$B$24,21,0),0)),0)</f>
        <v>1.323364077934662</v>
      </c>
      <c r="G5226" cm="1">
        <f t="array" ref="G5226">IFERROR(INDEX(Jesper!AK$2:AK$366,ROUNDDOWN($C5226/24,0)+1,1)*INDEX($D$3:$AA$30,INDEX(Jesper!$R$2:$R$366,ROW(INDEX(Jesper!AK$2:AK$366,ROUNDDOWN($C5226/24,0)+1,1))-1)+IF('Standard Profiles'!$G$21=$B$10,7,0)+IF('Standard Profiles'!$G$21=$B$17,14,0)+IF('Standard Profiles'!$G$21=$B$24,21,0),MOD($C5226,24)+1)/SUM(INDEX($D$3:$AA$30,INDEX(Jesper!$R$2:$R$366,ROW(INDEX(Jesper!AK$2:AK$366,ROUNDDOWN($C5226/24,0)+1,1))-1)+IF('Standard Profiles'!$G$21=$B$10,7,0)+IF('Standard Profiles'!$G$21=$B$17,14,0)+IF('Standard Profiles'!$G$21=$B$24,21,0),0)),0)</f>
        <v>0.85601836103447437</v>
      </c>
      <c r="H5226" cm="1">
        <f t="array" ref="H5226">IFERROR(INDEX(Jesper!AL$2:AL$366,ROUNDDOWN($C5226/24,0)+1,1)*INDEX($D$3:$AA$30,INDEX(Jesper!$R$2:$R$366,ROW(INDEX(Jesper!AL$2:AL$366,ROUNDDOWN($C5226/24,0)+1,1))-1)+IF('Standard Profiles'!$G$22=$B$10,7,0)+IF('Standard Profiles'!$G$22=$B$17,14,0)+IF('Standard Profiles'!$G$22=$B$24,21,0),MOD($C5226,24)+1)/SUM(INDEX($D$3:$AA$30,INDEX(Jesper!$R$2:$R$366,ROW(INDEX(Jesper!AL$2:AL$366,ROUNDDOWN($C5226/24,0)+1,1))-1)+IF('Standard Profiles'!$G$22=$B$10,7,0)+IF('Standard Profiles'!$G$22=$B$17,14,0)+IF('Standard Profiles'!$G$22=$B$24,21,0),0)),0)</f>
        <v>0.61960671199367257</v>
      </c>
      <c r="I5226">
        <f t="shared" si="587"/>
        <v>0.59482244351392599</v>
      </c>
      <c r="J5226">
        <f t="shared" si="588"/>
        <v>4.6182612927795095</v>
      </c>
      <c r="K5226">
        <f t="shared" si="589"/>
        <v>0.2194631441209661</v>
      </c>
      <c r="L5226">
        <f t="shared" si="590"/>
        <v>0.10973157206048305</v>
      </c>
      <c r="M5226">
        <f t="shared" si="591"/>
        <v>0</v>
      </c>
      <c r="N5226" s="45">
        <f t="shared" si="592"/>
        <v>45143.333333320741</v>
      </c>
    </row>
    <row r="5227" spans="2:14" x14ac:dyDescent="0.25">
      <c r="B5227">
        <f t="shared" si="586"/>
        <v>6</v>
      </c>
      <c r="C5227" s="16">
        <v>5193</v>
      </c>
      <c r="D5227" cm="1">
        <f t="array" ref="D5227">IFERROR(INDEX(Jesper!AH$2:AH$366,ROUNDDOWN($C5227/24,0)+1,1)*INDEX($D$3:$AA$30,INDEX(Jesper!$R$2:$R$366,ROW(INDEX(Jesper!AH$2:AH$366,ROUNDDOWN($C5227/24,0)+1,1))-1)+IF('Standard Profiles'!$G$18=$B$10,7,0)+IF('Standard Profiles'!$G$18=$B$17,14,0)+IF('Standard Profiles'!$G$18=$B$24,21,0),MOD($C5227,24)+1)/SUM(INDEX($D$3:$AA$30,INDEX(Jesper!$R$2:$R$366,ROW(INDEX(Jesper!AH$2:AH$366,ROUNDDOWN($C5227/24,0)+1,1))-1)+IF('Standard Profiles'!$G$18=$B$10,7,0)+IF('Standard Profiles'!$G$18=$B$17,14,0)+IF('Standard Profiles'!$G$18=$B$24,21,0),0)),0)</f>
        <v>0</v>
      </c>
      <c r="E5227" cm="1">
        <f t="array" ref="E5227">IFERROR(INDEX(Jesper!AI$2:AI$366,ROUNDDOWN($C5227/24,0)+1,1)*INDEX($D$3:$AA$30,INDEX(Jesper!$R$2:$R$366,ROW(INDEX(Jesper!AI$2:AI$366,ROUNDDOWN($C5227/24,0)+1,1))-1)+IF('Standard Profiles'!$G$19=$B$10,7,0)+IF('Standard Profiles'!$G$19=$B$17,14,0)+IF('Standard Profiles'!$G$19=$B$24,21,0),MOD($C5227,24)+1)/SUM(INDEX($D$3:$AA$30,INDEX(Jesper!$R$2:$R$366,ROW(INDEX(Jesper!AI$2:AI$366,ROUNDDOWN($C5227/24,0)+1,1))-1)+IF('Standard Profiles'!$G$19=$B$10,7,0)+IF('Standard Profiles'!$G$19=$B$17,14,0)+IF('Standard Profiles'!$G$19=$B$24,21,0),0)),0)</f>
        <v>2.7432893015120761</v>
      </c>
      <c r="F5227" cm="1">
        <f t="array" ref="F5227">IFERROR(INDEX(Jesper!AJ$2:AJ$366,ROUNDDOWN($C5227/24,0)+1,1)*INDEX($D$3:$AA$30,INDEX(Jesper!$R$2:$R$366,ROW(INDEX(Jesper!AJ$2:AJ$366,ROUNDDOWN($C5227/24,0)+1,1))-1)+IF('Standard Profiles'!$G$20=$B$10,7,0)+IF('Standard Profiles'!$G$20=$B$17,14,0)+IF('Standard Profiles'!$G$20=$B$24,21,0),MOD($C5227,24)+1)/SUM(INDEX($D$3:$AA$30,INDEX(Jesper!$R$2:$R$366,ROW(INDEX(Jesper!AJ$2:AJ$366,ROUNDDOWN($C5227/24,0)+1,1))-1)+IF('Standard Profiles'!$G$20=$B$10,7,0)+IF('Standard Profiles'!$G$20=$B$17,14,0)+IF('Standard Profiles'!$G$20=$B$24,21,0),0)),0)</f>
        <v>1.323364077934662</v>
      </c>
      <c r="G5227" cm="1">
        <f t="array" ref="G5227">IFERROR(INDEX(Jesper!AK$2:AK$366,ROUNDDOWN($C5227/24,0)+1,1)*INDEX($D$3:$AA$30,INDEX(Jesper!$R$2:$R$366,ROW(INDEX(Jesper!AK$2:AK$366,ROUNDDOWN($C5227/24,0)+1,1))-1)+IF('Standard Profiles'!$G$21=$B$10,7,0)+IF('Standard Profiles'!$G$21=$B$17,14,0)+IF('Standard Profiles'!$G$21=$B$24,21,0),MOD($C5227,24)+1)/SUM(INDEX($D$3:$AA$30,INDEX(Jesper!$R$2:$R$366,ROW(INDEX(Jesper!AK$2:AK$366,ROUNDDOWN($C5227/24,0)+1,1))-1)+IF('Standard Profiles'!$G$21=$B$10,7,0)+IF('Standard Profiles'!$G$21=$B$17,14,0)+IF('Standard Profiles'!$G$21=$B$24,21,0),0)),0)</f>
        <v>0.85601836103447437</v>
      </c>
      <c r="H5227" cm="1">
        <f t="array" ref="H5227">IFERROR(INDEX(Jesper!AL$2:AL$366,ROUNDDOWN($C5227/24,0)+1,1)*INDEX($D$3:$AA$30,INDEX(Jesper!$R$2:$R$366,ROW(INDEX(Jesper!AL$2:AL$366,ROUNDDOWN($C5227/24,0)+1,1))-1)+IF('Standard Profiles'!$G$22=$B$10,7,0)+IF('Standard Profiles'!$G$22=$B$17,14,0)+IF('Standard Profiles'!$G$22=$B$24,21,0),MOD($C5227,24)+1)/SUM(INDEX($D$3:$AA$30,INDEX(Jesper!$R$2:$R$366,ROW(INDEX(Jesper!AL$2:AL$366,ROUNDDOWN($C5227/24,0)+1,1))-1)+IF('Standard Profiles'!$G$22=$B$10,7,0)+IF('Standard Profiles'!$G$22=$B$17,14,0)+IF('Standard Profiles'!$G$22=$B$24,21,0),0)),0)</f>
        <v>0.61960671199367257</v>
      </c>
      <c r="I5227">
        <f t="shared" si="587"/>
        <v>0.59482244351392599</v>
      </c>
      <c r="J5227">
        <f t="shared" si="588"/>
        <v>4.6182612927795095</v>
      </c>
      <c r="K5227">
        <f t="shared" si="589"/>
        <v>0.2194631441209661</v>
      </c>
      <c r="L5227">
        <f t="shared" si="590"/>
        <v>0.10973157206048305</v>
      </c>
      <c r="M5227">
        <f t="shared" si="591"/>
        <v>0</v>
      </c>
      <c r="N5227" s="45">
        <f t="shared" si="592"/>
        <v>45143.374999987405</v>
      </c>
    </row>
    <row r="5228" spans="2:14" x14ac:dyDescent="0.25">
      <c r="B5228">
        <f t="shared" si="586"/>
        <v>6</v>
      </c>
      <c r="C5228" s="16">
        <v>5194</v>
      </c>
      <c r="D5228" cm="1">
        <f t="array" ref="D5228">IFERROR(INDEX(Jesper!AH$2:AH$366,ROUNDDOWN($C5228/24,0)+1,1)*INDEX($D$3:$AA$30,INDEX(Jesper!$R$2:$R$366,ROW(INDEX(Jesper!AH$2:AH$366,ROUNDDOWN($C5228/24,0)+1,1))-1)+IF('Standard Profiles'!$G$18=$B$10,7,0)+IF('Standard Profiles'!$G$18=$B$17,14,0)+IF('Standard Profiles'!$G$18=$B$24,21,0),MOD($C5228,24)+1)/SUM(INDEX($D$3:$AA$30,INDEX(Jesper!$R$2:$R$366,ROW(INDEX(Jesper!AH$2:AH$366,ROUNDDOWN($C5228/24,0)+1,1))-1)+IF('Standard Profiles'!$G$18=$B$10,7,0)+IF('Standard Profiles'!$G$18=$B$17,14,0)+IF('Standard Profiles'!$G$18=$B$24,21,0),0)),0)</f>
        <v>0</v>
      </c>
      <c r="E5228" cm="1">
        <f t="array" ref="E5228">IFERROR(INDEX(Jesper!AI$2:AI$366,ROUNDDOWN($C5228/24,0)+1,1)*INDEX($D$3:$AA$30,INDEX(Jesper!$R$2:$R$366,ROW(INDEX(Jesper!AI$2:AI$366,ROUNDDOWN($C5228/24,0)+1,1))-1)+IF('Standard Profiles'!$G$19=$B$10,7,0)+IF('Standard Profiles'!$G$19=$B$17,14,0)+IF('Standard Profiles'!$G$19=$B$24,21,0),MOD($C5228,24)+1)/SUM(INDEX($D$3:$AA$30,INDEX(Jesper!$R$2:$R$366,ROW(INDEX(Jesper!AI$2:AI$366,ROUNDDOWN($C5228/24,0)+1,1))-1)+IF('Standard Profiles'!$G$19=$B$10,7,0)+IF('Standard Profiles'!$G$19=$B$17,14,0)+IF('Standard Profiles'!$G$19=$B$24,21,0),0)),0)</f>
        <v>2.7432893015120761</v>
      </c>
      <c r="F5228" cm="1">
        <f t="array" ref="F5228">IFERROR(INDEX(Jesper!AJ$2:AJ$366,ROUNDDOWN($C5228/24,0)+1,1)*INDEX($D$3:$AA$30,INDEX(Jesper!$R$2:$R$366,ROW(INDEX(Jesper!AJ$2:AJ$366,ROUNDDOWN($C5228/24,0)+1,1))-1)+IF('Standard Profiles'!$G$20=$B$10,7,0)+IF('Standard Profiles'!$G$20=$B$17,14,0)+IF('Standard Profiles'!$G$20=$B$24,21,0),MOD($C5228,24)+1)/SUM(INDEX($D$3:$AA$30,INDEX(Jesper!$R$2:$R$366,ROW(INDEX(Jesper!AJ$2:AJ$366,ROUNDDOWN($C5228/24,0)+1,1))-1)+IF('Standard Profiles'!$G$20=$B$10,7,0)+IF('Standard Profiles'!$G$20=$B$17,14,0)+IF('Standard Profiles'!$G$20=$B$24,21,0),0)),0)</f>
        <v>1.323364077934662</v>
      </c>
      <c r="G5228" cm="1">
        <f t="array" ref="G5228">IFERROR(INDEX(Jesper!AK$2:AK$366,ROUNDDOWN($C5228/24,0)+1,1)*INDEX($D$3:$AA$30,INDEX(Jesper!$R$2:$R$366,ROW(INDEX(Jesper!AK$2:AK$366,ROUNDDOWN($C5228/24,0)+1,1))-1)+IF('Standard Profiles'!$G$21=$B$10,7,0)+IF('Standard Profiles'!$G$21=$B$17,14,0)+IF('Standard Profiles'!$G$21=$B$24,21,0),MOD($C5228,24)+1)/SUM(INDEX($D$3:$AA$30,INDEX(Jesper!$R$2:$R$366,ROW(INDEX(Jesper!AK$2:AK$366,ROUNDDOWN($C5228/24,0)+1,1))-1)+IF('Standard Profiles'!$G$21=$B$10,7,0)+IF('Standard Profiles'!$G$21=$B$17,14,0)+IF('Standard Profiles'!$G$21=$B$24,21,0),0)),0)</f>
        <v>0.85601836103447437</v>
      </c>
      <c r="H5228" cm="1">
        <f t="array" ref="H5228">IFERROR(INDEX(Jesper!AL$2:AL$366,ROUNDDOWN($C5228/24,0)+1,1)*INDEX($D$3:$AA$30,INDEX(Jesper!$R$2:$R$366,ROW(INDEX(Jesper!AL$2:AL$366,ROUNDDOWN($C5228/24,0)+1,1))-1)+IF('Standard Profiles'!$G$22=$B$10,7,0)+IF('Standard Profiles'!$G$22=$B$17,14,0)+IF('Standard Profiles'!$G$22=$B$24,21,0),MOD($C5228,24)+1)/SUM(INDEX($D$3:$AA$30,INDEX(Jesper!$R$2:$R$366,ROW(INDEX(Jesper!AL$2:AL$366,ROUNDDOWN($C5228/24,0)+1,1))-1)+IF('Standard Profiles'!$G$22=$B$10,7,0)+IF('Standard Profiles'!$G$22=$B$17,14,0)+IF('Standard Profiles'!$G$22=$B$24,21,0),0)),0)</f>
        <v>0.61960671199367257</v>
      </c>
      <c r="I5228">
        <f t="shared" si="587"/>
        <v>0.59482244351392599</v>
      </c>
      <c r="J5228">
        <f t="shared" si="588"/>
        <v>4.6182612927795095</v>
      </c>
      <c r="K5228">
        <f t="shared" si="589"/>
        <v>0.2194631441209661</v>
      </c>
      <c r="L5228">
        <f t="shared" si="590"/>
        <v>0.10973157206048305</v>
      </c>
      <c r="M5228">
        <f t="shared" si="591"/>
        <v>0</v>
      </c>
      <c r="N5228" s="45">
        <f t="shared" si="592"/>
        <v>45143.41666665407</v>
      </c>
    </row>
    <row r="5229" spans="2:14" x14ac:dyDescent="0.25">
      <c r="B5229">
        <f t="shared" si="586"/>
        <v>6</v>
      </c>
      <c r="C5229" s="16">
        <v>5195</v>
      </c>
      <c r="D5229" cm="1">
        <f t="array" ref="D5229">IFERROR(INDEX(Jesper!AH$2:AH$366,ROUNDDOWN($C5229/24,0)+1,1)*INDEX($D$3:$AA$30,INDEX(Jesper!$R$2:$R$366,ROW(INDEX(Jesper!AH$2:AH$366,ROUNDDOWN($C5229/24,0)+1,1))-1)+IF('Standard Profiles'!$G$18=$B$10,7,0)+IF('Standard Profiles'!$G$18=$B$17,14,0)+IF('Standard Profiles'!$G$18=$B$24,21,0),MOD($C5229,24)+1)/SUM(INDEX($D$3:$AA$30,INDEX(Jesper!$R$2:$R$366,ROW(INDEX(Jesper!AH$2:AH$366,ROUNDDOWN($C5229/24,0)+1,1))-1)+IF('Standard Profiles'!$G$18=$B$10,7,0)+IF('Standard Profiles'!$G$18=$B$17,14,0)+IF('Standard Profiles'!$G$18=$B$24,21,0),0)),0)</f>
        <v>0</v>
      </c>
      <c r="E5229" cm="1">
        <f t="array" ref="E5229">IFERROR(INDEX(Jesper!AI$2:AI$366,ROUNDDOWN($C5229/24,0)+1,1)*INDEX($D$3:$AA$30,INDEX(Jesper!$R$2:$R$366,ROW(INDEX(Jesper!AI$2:AI$366,ROUNDDOWN($C5229/24,0)+1,1))-1)+IF('Standard Profiles'!$G$19=$B$10,7,0)+IF('Standard Profiles'!$G$19=$B$17,14,0)+IF('Standard Profiles'!$G$19=$B$24,21,0),MOD($C5229,24)+1)/SUM(INDEX($D$3:$AA$30,INDEX(Jesper!$R$2:$R$366,ROW(INDEX(Jesper!AI$2:AI$366,ROUNDDOWN($C5229/24,0)+1,1))-1)+IF('Standard Profiles'!$G$19=$B$10,7,0)+IF('Standard Profiles'!$G$19=$B$17,14,0)+IF('Standard Profiles'!$G$19=$B$24,21,0),0)),0)</f>
        <v>2.7432893015120761</v>
      </c>
      <c r="F5229" cm="1">
        <f t="array" ref="F5229">IFERROR(INDEX(Jesper!AJ$2:AJ$366,ROUNDDOWN($C5229/24,0)+1,1)*INDEX($D$3:$AA$30,INDEX(Jesper!$R$2:$R$366,ROW(INDEX(Jesper!AJ$2:AJ$366,ROUNDDOWN($C5229/24,0)+1,1))-1)+IF('Standard Profiles'!$G$20=$B$10,7,0)+IF('Standard Profiles'!$G$20=$B$17,14,0)+IF('Standard Profiles'!$G$20=$B$24,21,0),MOD($C5229,24)+1)/SUM(INDEX($D$3:$AA$30,INDEX(Jesper!$R$2:$R$366,ROW(INDEX(Jesper!AJ$2:AJ$366,ROUNDDOWN($C5229/24,0)+1,1))-1)+IF('Standard Profiles'!$G$20=$B$10,7,0)+IF('Standard Profiles'!$G$20=$B$17,14,0)+IF('Standard Profiles'!$G$20=$B$24,21,0),0)),0)</f>
        <v>1.323364077934662</v>
      </c>
      <c r="G5229" cm="1">
        <f t="array" ref="G5229">IFERROR(INDEX(Jesper!AK$2:AK$366,ROUNDDOWN($C5229/24,0)+1,1)*INDEX($D$3:$AA$30,INDEX(Jesper!$R$2:$R$366,ROW(INDEX(Jesper!AK$2:AK$366,ROUNDDOWN($C5229/24,0)+1,1))-1)+IF('Standard Profiles'!$G$21=$B$10,7,0)+IF('Standard Profiles'!$G$21=$B$17,14,0)+IF('Standard Profiles'!$G$21=$B$24,21,0),MOD($C5229,24)+1)/SUM(INDEX($D$3:$AA$30,INDEX(Jesper!$R$2:$R$366,ROW(INDEX(Jesper!AK$2:AK$366,ROUNDDOWN($C5229/24,0)+1,1))-1)+IF('Standard Profiles'!$G$21=$B$10,7,0)+IF('Standard Profiles'!$G$21=$B$17,14,0)+IF('Standard Profiles'!$G$21=$B$24,21,0),0)),0)</f>
        <v>0.85601836103447437</v>
      </c>
      <c r="H5229" cm="1">
        <f t="array" ref="H5229">IFERROR(INDEX(Jesper!AL$2:AL$366,ROUNDDOWN($C5229/24,0)+1,1)*INDEX($D$3:$AA$30,INDEX(Jesper!$R$2:$R$366,ROW(INDEX(Jesper!AL$2:AL$366,ROUNDDOWN($C5229/24,0)+1,1))-1)+IF('Standard Profiles'!$G$22=$B$10,7,0)+IF('Standard Profiles'!$G$22=$B$17,14,0)+IF('Standard Profiles'!$G$22=$B$24,21,0),MOD($C5229,24)+1)/SUM(INDEX($D$3:$AA$30,INDEX(Jesper!$R$2:$R$366,ROW(INDEX(Jesper!AL$2:AL$366,ROUNDDOWN($C5229/24,0)+1,1))-1)+IF('Standard Profiles'!$G$22=$B$10,7,0)+IF('Standard Profiles'!$G$22=$B$17,14,0)+IF('Standard Profiles'!$G$22=$B$24,21,0),0)),0)</f>
        <v>0.61960671199367257</v>
      </c>
      <c r="I5229">
        <f t="shared" si="587"/>
        <v>0.59482244351392599</v>
      </c>
      <c r="J5229">
        <f t="shared" si="588"/>
        <v>4.6182612927795095</v>
      </c>
      <c r="K5229">
        <f t="shared" si="589"/>
        <v>0.2194631441209661</v>
      </c>
      <c r="L5229">
        <f t="shared" si="590"/>
        <v>0.10973157206048305</v>
      </c>
      <c r="M5229">
        <f t="shared" si="591"/>
        <v>0</v>
      </c>
      <c r="N5229" s="45">
        <f t="shared" si="592"/>
        <v>45143.458333320734</v>
      </c>
    </row>
    <row r="5230" spans="2:14" x14ac:dyDescent="0.25">
      <c r="B5230">
        <f t="shared" si="586"/>
        <v>6</v>
      </c>
      <c r="C5230" s="16">
        <v>5196</v>
      </c>
      <c r="D5230" cm="1">
        <f t="array" ref="D5230">IFERROR(INDEX(Jesper!AH$2:AH$366,ROUNDDOWN($C5230/24,0)+1,1)*INDEX($D$3:$AA$30,INDEX(Jesper!$R$2:$R$366,ROW(INDEX(Jesper!AH$2:AH$366,ROUNDDOWN($C5230/24,0)+1,1))-1)+IF('Standard Profiles'!$G$18=$B$10,7,0)+IF('Standard Profiles'!$G$18=$B$17,14,0)+IF('Standard Profiles'!$G$18=$B$24,21,0),MOD($C5230,24)+1)/SUM(INDEX($D$3:$AA$30,INDEX(Jesper!$R$2:$R$366,ROW(INDEX(Jesper!AH$2:AH$366,ROUNDDOWN($C5230/24,0)+1,1))-1)+IF('Standard Profiles'!$G$18=$B$10,7,0)+IF('Standard Profiles'!$G$18=$B$17,14,0)+IF('Standard Profiles'!$G$18=$B$24,21,0),0)),0)</f>
        <v>0</v>
      </c>
      <c r="E5230" cm="1">
        <f t="array" ref="E5230">IFERROR(INDEX(Jesper!AI$2:AI$366,ROUNDDOWN($C5230/24,0)+1,1)*INDEX($D$3:$AA$30,INDEX(Jesper!$R$2:$R$366,ROW(INDEX(Jesper!AI$2:AI$366,ROUNDDOWN($C5230/24,0)+1,1))-1)+IF('Standard Profiles'!$G$19=$B$10,7,0)+IF('Standard Profiles'!$G$19=$B$17,14,0)+IF('Standard Profiles'!$G$19=$B$24,21,0),MOD($C5230,24)+1)/SUM(INDEX($D$3:$AA$30,INDEX(Jesper!$R$2:$R$366,ROW(INDEX(Jesper!AI$2:AI$366,ROUNDDOWN($C5230/24,0)+1,1))-1)+IF('Standard Profiles'!$G$19=$B$10,7,0)+IF('Standard Profiles'!$G$19=$B$17,14,0)+IF('Standard Profiles'!$G$19=$B$24,21,0),0)),0)</f>
        <v>2.7432893015120761</v>
      </c>
      <c r="F5230" cm="1">
        <f t="array" ref="F5230">IFERROR(INDEX(Jesper!AJ$2:AJ$366,ROUNDDOWN($C5230/24,0)+1,1)*INDEX($D$3:$AA$30,INDEX(Jesper!$R$2:$R$366,ROW(INDEX(Jesper!AJ$2:AJ$366,ROUNDDOWN($C5230/24,0)+1,1))-1)+IF('Standard Profiles'!$G$20=$B$10,7,0)+IF('Standard Profiles'!$G$20=$B$17,14,0)+IF('Standard Profiles'!$G$20=$B$24,21,0),MOD($C5230,24)+1)/SUM(INDEX($D$3:$AA$30,INDEX(Jesper!$R$2:$R$366,ROW(INDEX(Jesper!AJ$2:AJ$366,ROUNDDOWN($C5230/24,0)+1,1))-1)+IF('Standard Profiles'!$G$20=$B$10,7,0)+IF('Standard Profiles'!$G$20=$B$17,14,0)+IF('Standard Profiles'!$G$20=$B$24,21,0),0)),0)</f>
        <v>1.323364077934662</v>
      </c>
      <c r="G5230" cm="1">
        <f t="array" ref="G5230">IFERROR(INDEX(Jesper!AK$2:AK$366,ROUNDDOWN($C5230/24,0)+1,1)*INDEX($D$3:$AA$30,INDEX(Jesper!$R$2:$R$366,ROW(INDEX(Jesper!AK$2:AK$366,ROUNDDOWN($C5230/24,0)+1,1))-1)+IF('Standard Profiles'!$G$21=$B$10,7,0)+IF('Standard Profiles'!$G$21=$B$17,14,0)+IF('Standard Profiles'!$G$21=$B$24,21,0),MOD($C5230,24)+1)/SUM(INDEX($D$3:$AA$30,INDEX(Jesper!$R$2:$R$366,ROW(INDEX(Jesper!AK$2:AK$366,ROUNDDOWN($C5230/24,0)+1,1))-1)+IF('Standard Profiles'!$G$21=$B$10,7,0)+IF('Standard Profiles'!$G$21=$B$17,14,0)+IF('Standard Profiles'!$G$21=$B$24,21,0),0)),0)</f>
        <v>0.85601836103447437</v>
      </c>
      <c r="H5230" cm="1">
        <f t="array" ref="H5230">IFERROR(INDEX(Jesper!AL$2:AL$366,ROUNDDOWN($C5230/24,0)+1,1)*INDEX($D$3:$AA$30,INDEX(Jesper!$R$2:$R$366,ROW(INDEX(Jesper!AL$2:AL$366,ROUNDDOWN($C5230/24,0)+1,1))-1)+IF('Standard Profiles'!$G$22=$B$10,7,0)+IF('Standard Profiles'!$G$22=$B$17,14,0)+IF('Standard Profiles'!$G$22=$B$24,21,0),MOD($C5230,24)+1)/SUM(INDEX($D$3:$AA$30,INDEX(Jesper!$R$2:$R$366,ROW(INDEX(Jesper!AL$2:AL$366,ROUNDDOWN($C5230/24,0)+1,1))-1)+IF('Standard Profiles'!$G$22=$B$10,7,0)+IF('Standard Profiles'!$G$22=$B$17,14,0)+IF('Standard Profiles'!$G$22=$B$24,21,0),0)),0)</f>
        <v>0.61960671199367257</v>
      </c>
      <c r="I5230">
        <f t="shared" si="587"/>
        <v>0.59482244351392599</v>
      </c>
      <c r="J5230">
        <f t="shared" si="588"/>
        <v>4.6182612927795095</v>
      </c>
      <c r="K5230">
        <f t="shared" si="589"/>
        <v>0.2194631441209661</v>
      </c>
      <c r="L5230">
        <f t="shared" si="590"/>
        <v>0.10973157206048305</v>
      </c>
      <c r="M5230">
        <f t="shared" si="591"/>
        <v>0</v>
      </c>
      <c r="N5230" s="45">
        <f t="shared" si="592"/>
        <v>45143.499999987398</v>
      </c>
    </row>
    <row r="5231" spans="2:14" x14ac:dyDescent="0.25">
      <c r="B5231">
        <f t="shared" si="586"/>
        <v>6</v>
      </c>
      <c r="C5231" s="16">
        <v>5197</v>
      </c>
      <c r="D5231" cm="1">
        <f t="array" ref="D5231">IFERROR(INDEX(Jesper!AH$2:AH$366,ROUNDDOWN($C5231/24,0)+1,1)*INDEX($D$3:$AA$30,INDEX(Jesper!$R$2:$R$366,ROW(INDEX(Jesper!AH$2:AH$366,ROUNDDOWN($C5231/24,0)+1,1))-1)+IF('Standard Profiles'!$G$18=$B$10,7,0)+IF('Standard Profiles'!$G$18=$B$17,14,0)+IF('Standard Profiles'!$G$18=$B$24,21,0),MOD($C5231,24)+1)/SUM(INDEX($D$3:$AA$30,INDEX(Jesper!$R$2:$R$366,ROW(INDEX(Jesper!AH$2:AH$366,ROUNDDOWN($C5231/24,0)+1,1))-1)+IF('Standard Profiles'!$G$18=$B$10,7,0)+IF('Standard Profiles'!$G$18=$B$17,14,0)+IF('Standard Profiles'!$G$18=$B$24,21,0),0)),0)</f>
        <v>0</v>
      </c>
      <c r="E5231" cm="1">
        <f t="array" ref="E5231">IFERROR(INDEX(Jesper!AI$2:AI$366,ROUNDDOWN($C5231/24,0)+1,1)*INDEX($D$3:$AA$30,INDEX(Jesper!$R$2:$R$366,ROW(INDEX(Jesper!AI$2:AI$366,ROUNDDOWN($C5231/24,0)+1,1))-1)+IF('Standard Profiles'!$G$19=$B$10,7,0)+IF('Standard Profiles'!$G$19=$B$17,14,0)+IF('Standard Profiles'!$G$19=$B$24,21,0),MOD($C5231,24)+1)/SUM(INDEX($D$3:$AA$30,INDEX(Jesper!$R$2:$R$366,ROW(INDEX(Jesper!AI$2:AI$366,ROUNDDOWN($C5231/24,0)+1,1))-1)+IF('Standard Profiles'!$G$19=$B$10,7,0)+IF('Standard Profiles'!$G$19=$B$17,14,0)+IF('Standard Profiles'!$G$19=$B$24,21,0),0)),0)</f>
        <v>2.7432893015120761</v>
      </c>
      <c r="F5231" cm="1">
        <f t="array" ref="F5231">IFERROR(INDEX(Jesper!AJ$2:AJ$366,ROUNDDOWN($C5231/24,0)+1,1)*INDEX($D$3:$AA$30,INDEX(Jesper!$R$2:$R$366,ROW(INDEX(Jesper!AJ$2:AJ$366,ROUNDDOWN($C5231/24,0)+1,1))-1)+IF('Standard Profiles'!$G$20=$B$10,7,0)+IF('Standard Profiles'!$G$20=$B$17,14,0)+IF('Standard Profiles'!$G$20=$B$24,21,0),MOD($C5231,24)+1)/SUM(INDEX($D$3:$AA$30,INDEX(Jesper!$R$2:$R$366,ROW(INDEX(Jesper!AJ$2:AJ$366,ROUNDDOWN($C5231/24,0)+1,1))-1)+IF('Standard Profiles'!$G$20=$B$10,7,0)+IF('Standard Profiles'!$G$20=$B$17,14,0)+IF('Standard Profiles'!$G$20=$B$24,21,0),0)),0)</f>
        <v>1.323364077934662</v>
      </c>
      <c r="G5231" cm="1">
        <f t="array" ref="G5231">IFERROR(INDEX(Jesper!AK$2:AK$366,ROUNDDOWN($C5231/24,0)+1,1)*INDEX($D$3:$AA$30,INDEX(Jesper!$R$2:$R$366,ROW(INDEX(Jesper!AK$2:AK$366,ROUNDDOWN($C5231/24,0)+1,1))-1)+IF('Standard Profiles'!$G$21=$B$10,7,0)+IF('Standard Profiles'!$G$21=$B$17,14,0)+IF('Standard Profiles'!$G$21=$B$24,21,0),MOD($C5231,24)+1)/SUM(INDEX($D$3:$AA$30,INDEX(Jesper!$R$2:$R$366,ROW(INDEX(Jesper!AK$2:AK$366,ROUNDDOWN($C5231/24,0)+1,1))-1)+IF('Standard Profiles'!$G$21=$B$10,7,0)+IF('Standard Profiles'!$G$21=$B$17,14,0)+IF('Standard Profiles'!$G$21=$B$24,21,0),0)),0)</f>
        <v>0.85601836103447437</v>
      </c>
      <c r="H5231" cm="1">
        <f t="array" ref="H5231">IFERROR(INDEX(Jesper!AL$2:AL$366,ROUNDDOWN($C5231/24,0)+1,1)*INDEX($D$3:$AA$30,INDEX(Jesper!$R$2:$R$366,ROW(INDEX(Jesper!AL$2:AL$366,ROUNDDOWN($C5231/24,0)+1,1))-1)+IF('Standard Profiles'!$G$22=$B$10,7,0)+IF('Standard Profiles'!$G$22=$B$17,14,0)+IF('Standard Profiles'!$G$22=$B$24,21,0),MOD($C5231,24)+1)/SUM(INDEX($D$3:$AA$30,INDEX(Jesper!$R$2:$R$366,ROW(INDEX(Jesper!AL$2:AL$366,ROUNDDOWN($C5231/24,0)+1,1))-1)+IF('Standard Profiles'!$G$22=$B$10,7,0)+IF('Standard Profiles'!$G$22=$B$17,14,0)+IF('Standard Profiles'!$G$22=$B$24,21,0),0)),0)</f>
        <v>0.61960671199367257</v>
      </c>
      <c r="I5231">
        <f t="shared" si="587"/>
        <v>0.59482244351392599</v>
      </c>
      <c r="J5231">
        <f t="shared" si="588"/>
        <v>4.6182612927795095</v>
      </c>
      <c r="K5231">
        <f t="shared" si="589"/>
        <v>0.2194631441209661</v>
      </c>
      <c r="L5231">
        <f t="shared" si="590"/>
        <v>0.10973157206048305</v>
      </c>
      <c r="M5231">
        <f t="shared" si="591"/>
        <v>0</v>
      </c>
      <c r="N5231" s="45">
        <f t="shared" si="592"/>
        <v>45143.541666654062</v>
      </c>
    </row>
    <row r="5232" spans="2:14" x14ac:dyDescent="0.25">
      <c r="B5232">
        <f t="shared" si="586"/>
        <v>6</v>
      </c>
      <c r="C5232" s="16">
        <v>5198</v>
      </c>
      <c r="D5232" cm="1">
        <f t="array" ref="D5232">IFERROR(INDEX(Jesper!AH$2:AH$366,ROUNDDOWN($C5232/24,0)+1,1)*INDEX($D$3:$AA$30,INDEX(Jesper!$R$2:$R$366,ROW(INDEX(Jesper!AH$2:AH$366,ROUNDDOWN($C5232/24,0)+1,1))-1)+IF('Standard Profiles'!$G$18=$B$10,7,0)+IF('Standard Profiles'!$G$18=$B$17,14,0)+IF('Standard Profiles'!$G$18=$B$24,21,0),MOD($C5232,24)+1)/SUM(INDEX($D$3:$AA$30,INDEX(Jesper!$R$2:$R$366,ROW(INDEX(Jesper!AH$2:AH$366,ROUNDDOWN($C5232/24,0)+1,1))-1)+IF('Standard Profiles'!$G$18=$B$10,7,0)+IF('Standard Profiles'!$G$18=$B$17,14,0)+IF('Standard Profiles'!$G$18=$B$24,21,0),0)),0)</f>
        <v>0</v>
      </c>
      <c r="E5232" cm="1">
        <f t="array" ref="E5232">IFERROR(INDEX(Jesper!AI$2:AI$366,ROUNDDOWN($C5232/24,0)+1,1)*INDEX($D$3:$AA$30,INDEX(Jesper!$R$2:$R$366,ROW(INDEX(Jesper!AI$2:AI$366,ROUNDDOWN($C5232/24,0)+1,1))-1)+IF('Standard Profiles'!$G$19=$B$10,7,0)+IF('Standard Profiles'!$G$19=$B$17,14,0)+IF('Standard Profiles'!$G$19=$B$24,21,0),MOD($C5232,24)+1)/SUM(INDEX($D$3:$AA$30,INDEX(Jesper!$R$2:$R$366,ROW(INDEX(Jesper!AI$2:AI$366,ROUNDDOWN($C5232/24,0)+1,1))-1)+IF('Standard Profiles'!$G$19=$B$10,7,0)+IF('Standard Profiles'!$G$19=$B$17,14,0)+IF('Standard Profiles'!$G$19=$B$24,21,0),0)),0)</f>
        <v>2.7432893015120761</v>
      </c>
      <c r="F5232" cm="1">
        <f t="array" ref="F5232">IFERROR(INDEX(Jesper!AJ$2:AJ$366,ROUNDDOWN($C5232/24,0)+1,1)*INDEX($D$3:$AA$30,INDEX(Jesper!$R$2:$R$366,ROW(INDEX(Jesper!AJ$2:AJ$366,ROUNDDOWN($C5232/24,0)+1,1))-1)+IF('Standard Profiles'!$G$20=$B$10,7,0)+IF('Standard Profiles'!$G$20=$B$17,14,0)+IF('Standard Profiles'!$G$20=$B$24,21,0),MOD($C5232,24)+1)/SUM(INDEX($D$3:$AA$30,INDEX(Jesper!$R$2:$R$366,ROW(INDEX(Jesper!AJ$2:AJ$366,ROUNDDOWN($C5232/24,0)+1,1))-1)+IF('Standard Profiles'!$G$20=$B$10,7,0)+IF('Standard Profiles'!$G$20=$B$17,14,0)+IF('Standard Profiles'!$G$20=$B$24,21,0),0)),0)</f>
        <v>1.323364077934662</v>
      </c>
      <c r="G5232" cm="1">
        <f t="array" ref="G5232">IFERROR(INDEX(Jesper!AK$2:AK$366,ROUNDDOWN($C5232/24,0)+1,1)*INDEX($D$3:$AA$30,INDEX(Jesper!$R$2:$R$366,ROW(INDEX(Jesper!AK$2:AK$366,ROUNDDOWN($C5232/24,0)+1,1))-1)+IF('Standard Profiles'!$G$21=$B$10,7,0)+IF('Standard Profiles'!$G$21=$B$17,14,0)+IF('Standard Profiles'!$G$21=$B$24,21,0),MOD($C5232,24)+1)/SUM(INDEX($D$3:$AA$30,INDEX(Jesper!$R$2:$R$366,ROW(INDEX(Jesper!AK$2:AK$366,ROUNDDOWN($C5232/24,0)+1,1))-1)+IF('Standard Profiles'!$G$21=$B$10,7,0)+IF('Standard Profiles'!$G$21=$B$17,14,0)+IF('Standard Profiles'!$G$21=$B$24,21,0),0)),0)</f>
        <v>0.85601836103447437</v>
      </c>
      <c r="H5232" cm="1">
        <f t="array" ref="H5232">IFERROR(INDEX(Jesper!AL$2:AL$366,ROUNDDOWN($C5232/24,0)+1,1)*INDEX($D$3:$AA$30,INDEX(Jesper!$R$2:$R$366,ROW(INDEX(Jesper!AL$2:AL$366,ROUNDDOWN($C5232/24,0)+1,1))-1)+IF('Standard Profiles'!$G$22=$B$10,7,0)+IF('Standard Profiles'!$G$22=$B$17,14,0)+IF('Standard Profiles'!$G$22=$B$24,21,0),MOD($C5232,24)+1)/SUM(INDEX($D$3:$AA$30,INDEX(Jesper!$R$2:$R$366,ROW(INDEX(Jesper!AL$2:AL$366,ROUNDDOWN($C5232/24,0)+1,1))-1)+IF('Standard Profiles'!$G$22=$B$10,7,0)+IF('Standard Profiles'!$G$22=$B$17,14,0)+IF('Standard Profiles'!$G$22=$B$24,21,0),0)),0)</f>
        <v>0.61960671199367257</v>
      </c>
      <c r="I5232">
        <f t="shared" si="587"/>
        <v>0.59482244351392599</v>
      </c>
      <c r="J5232">
        <f t="shared" si="588"/>
        <v>4.6182612927795095</v>
      </c>
      <c r="K5232">
        <f t="shared" si="589"/>
        <v>0.2194631441209661</v>
      </c>
      <c r="L5232">
        <f t="shared" si="590"/>
        <v>0.10973157206048305</v>
      </c>
      <c r="M5232">
        <f t="shared" si="591"/>
        <v>0</v>
      </c>
      <c r="N5232" s="45">
        <f t="shared" si="592"/>
        <v>45143.583333320727</v>
      </c>
    </row>
    <row r="5233" spans="2:14" x14ac:dyDescent="0.25">
      <c r="B5233">
        <f t="shared" si="586"/>
        <v>6</v>
      </c>
      <c r="C5233" s="16">
        <v>5199</v>
      </c>
      <c r="D5233" cm="1">
        <f t="array" ref="D5233">IFERROR(INDEX(Jesper!AH$2:AH$366,ROUNDDOWN($C5233/24,0)+1,1)*INDEX($D$3:$AA$30,INDEX(Jesper!$R$2:$R$366,ROW(INDEX(Jesper!AH$2:AH$366,ROUNDDOWN($C5233/24,0)+1,1))-1)+IF('Standard Profiles'!$G$18=$B$10,7,0)+IF('Standard Profiles'!$G$18=$B$17,14,0)+IF('Standard Profiles'!$G$18=$B$24,21,0),MOD($C5233,24)+1)/SUM(INDEX($D$3:$AA$30,INDEX(Jesper!$R$2:$R$366,ROW(INDEX(Jesper!AH$2:AH$366,ROUNDDOWN($C5233/24,0)+1,1))-1)+IF('Standard Profiles'!$G$18=$B$10,7,0)+IF('Standard Profiles'!$G$18=$B$17,14,0)+IF('Standard Profiles'!$G$18=$B$24,21,0),0)),0)</f>
        <v>0</v>
      </c>
      <c r="E5233" cm="1">
        <f t="array" ref="E5233">IFERROR(INDEX(Jesper!AI$2:AI$366,ROUNDDOWN($C5233/24,0)+1,1)*INDEX($D$3:$AA$30,INDEX(Jesper!$R$2:$R$366,ROW(INDEX(Jesper!AI$2:AI$366,ROUNDDOWN($C5233/24,0)+1,1))-1)+IF('Standard Profiles'!$G$19=$B$10,7,0)+IF('Standard Profiles'!$G$19=$B$17,14,0)+IF('Standard Profiles'!$G$19=$B$24,21,0),MOD($C5233,24)+1)/SUM(INDEX($D$3:$AA$30,INDEX(Jesper!$R$2:$R$366,ROW(INDEX(Jesper!AI$2:AI$366,ROUNDDOWN($C5233/24,0)+1,1))-1)+IF('Standard Profiles'!$G$19=$B$10,7,0)+IF('Standard Profiles'!$G$19=$B$17,14,0)+IF('Standard Profiles'!$G$19=$B$24,21,0),0)),0)</f>
        <v>2.7432893015120761</v>
      </c>
      <c r="F5233" cm="1">
        <f t="array" ref="F5233">IFERROR(INDEX(Jesper!AJ$2:AJ$366,ROUNDDOWN($C5233/24,0)+1,1)*INDEX($D$3:$AA$30,INDEX(Jesper!$R$2:$R$366,ROW(INDEX(Jesper!AJ$2:AJ$366,ROUNDDOWN($C5233/24,0)+1,1))-1)+IF('Standard Profiles'!$G$20=$B$10,7,0)+IF('Standard Profiles'!$G$20=$B$17,14,0)+IF('Standard Profiles'!$G$20=$B$24,21,0),MOD($C5233,24)+1)/SUM(INDEX($D$3:$AA$30,INDEX(Jesper!$R$2:$R$366,ROW(INDEX(Jesper!AJ$2:AJ$366,ROUNDDOWN($C5233/24,0)+1,1))-1)+IF('Standard Profiles'!$G$20=$B$10,7,0)+IF('Standard Profiles'!$G$20=$B$17,14,0)+IF('Standard Profiles'!$G$20=$B$24,21,0),0)),0)</f>
        <v>1.323364077934662</v>
      </c>
      <c r="G5233" cm="1">
        <f t="array" ref="G5233">IFERROR(INDEX(Jesper!AK$2:AK$366,ROUNDDOWN($C5233/24,0)+1,1)*INDEX($D$3:$AA$30,INDEX(Jesper!$R$2:$R$366,ROW(INDEX(Jesper!AK$2:AK$366,ROUNDDOWN($C5233/24,0)+1,1))-1)+IF('Standard Profiles'!$G$21=$B$10,7,0)+IF('Standard Profiles'!$G$21=$B$17,14,0)+IF('Standard Profiles'!$G$21=$B$24,21,0),MOD($C5233,24)+1)/SUM(INDEX($D$3:$AA$30,INDEX(Jesper!$R$2:$R$366,ROW(INDEX(Jesper!AK$2:AK$366,ROUNDDOWN($C5233/24,0)+1,1))-1)+IF('Standard Profiles'!$G$21=$B$10,7,0)+IF('Standard Profiles'!$G$21=$B$17,14,0)+IF('Standard Profiles'!$G$21=$B$24,21,0),0)),0)</f>
        <v>0.85601836103447437</v>
      </c>
      <c r="H5233" cm="1">
        <f t="array" ref="H5233">IFERROR(INDEX(Jesper!AL$2:AL$366,ROUNDDOWN($C5233/24,0)+1,1)*INDEX($D$3:$AA$30,INDEX(Jesper!$R$2:$R$366,ROW(INDEX(Jesper!AL$2:AL$366,ROUNDDOWN($C5233/24,0)+1,1))-1)+IF('Standard Profiles'!$G$22=$B$10,7,0)+IF('Standard Profiles'!$G$22=$B$17,14,0)+IF('Standard Profiles'!$G$22=$B$24,21,0),MOD($C5233,24)+1)/SUM(INDEX($D$3:$AA$30,INDEX(Jesper!$R$2:$R$366,ROW(INDEX(Jesper!AL$2:AL$366,ROUNDDOWN($C5233/24,0)+1,1))-1)+IF('Standard Profiles'!$G$22=$B$10,7,0)+IF('Standard Profiles'!$G$22=$B$17,14,0)+IF('Standard Profiles'!$G$22=$B$24,21,0),0)),0)</f>
        <v>0.56019236974770403</v>
      </c>
      <c r="I5233">
        <f t="shared" si="587"/>
        <v>0.53778467495779614</v>
      </c>
      <c r="J5233">
        <f t="shared" si="588"/>
        <v>4.6158847190896708</v>
      </c>
      <c r="K5233">
        <f t="shared" si="589"/>
        <v>0.2194631441209661</v>
      </c>
      <c r="L5233">
        <f t="shared" si="590"/>
        <v>0.10973157206048305</v>
      </c>
      <c r="M5233">
        <f t="shared" si="591"/>
        <v>0</v>
      </c>
      <c r="N5233" s="45">
        <f t="shared" si="592"/>
        <v>45143.624999987391</v>
      </c>
    </row>
    <row r="5234" spans="2:14" x14ac:dyDescent="0.25">
      <c r="B5234">
        <f t="shared" si="586"/>
        <v>6</v>
      </c>
      <c r="C5234" s="16">
        <v>5200</v>
      </c>
      <c r="D5234" cm="1">
        <f t="array" ref="D5234">IFERROR(INDEX(Jesper!AH$2:AH$366,ROUNDDOWN($C5234/24,0)+1,1)*INDEX($D$3:$AA$30,INDEX(Jesper!$R$2:$R$366,ROW(INDEX(Jesper!AH$2:AH$366,ROUNDDOWN($C5234/24,0)+1,1))-1)+IF('Standard Profiles'!$G$18=$B$10,7,0)+IF('Standard Profiles'!$G$18=$B$17,14,0)+IF('Standard Profiles'!$G$18=$B$24,21,0),MOD($C5234,24)+1)/SUM(INDEX($D$3:$AA$30,INDEX(Jesper!$R$2:$R$366,ROW(INDEX(Jesper!AH$2:AH$366,ROUNDDOWN($C5234/24,0)+1,1))-1)+IF('Standard Profiles'!$G$18=$B$10,7,0)+IF('Standard Profiles'!$G$18=$B$17,14,0)+IF('Standard Profiles'!$G$18=$B$24,21,0),0)),0)</f>
        <v>0</v>
      </c>
      <c r="E5234" cm="1">
        <f t="array" ref="E5234">IFERROR(INDEX(Jesper!AI$2:AI$366,ROUNDDOWN($C5234/24,0)+1,1)*INDEX($D$3:$AA$30,INDEX(Jesper!$R$2:$R$366,ROW(INDEX(Jesper!AI$2:AI$366,ROUNDDOWN($C5234/24,0)+1,1))-1)+IF('Standard Profiles'!$G$19=$B$10,7,0)+IF('Standard Profiles'!$G$19=$B$17,14,0)+IF('Standard Profiles'!$G$19=$B$24,21,0),MOD($C5234,24)+1)/SUM(INDEX($D$3:$AA$30,INDEX(Jesper!$R$2:$R$366,ROW(INDEX(Jesper!AI$2:AI$366,ROUNDDOWN($C5234/24,0)+1,1))-1)+IF('Standard Profiles'!$G$19=$B$10,7,0)+IF('Standard Profiles'!$G$19=$B$17,14,0)+IF('Standard Profiles'!$G$19=$B$24,21,0),0)),0)</f>
        <v>2.7432893015120761</v>
      </c>
      <c r="F5234" cm="1">
        <f t="array" ref="F5234">IFERROR(INDEX(Jesper!AJ$2:AJ$366,ROUNDDOWN($C5234/24,0)+1,1)*INDEX($D$3:$AA$30,INDEX(Jesper!$R$2:$R$366,ROW(INDEX(Jesper!AJ$2:AJ$366,ROUNDDOWN($C5234/24,0)+1,1))-1)+IF('Standard Profiles'!$G$20=$B$10,7,0)+IF('Standard Profiles'!$G$20=$B$17,14,0)+IF('Standard Profiles'!$G$20=$B$24,21,0),MOD($C5234,24)+1)/SUM(INDEX($D$3:$AA$30,INDEX(Jesper!$R$2:$R$366,ROW(INDEX(Jesper!AJ$2:AJ$366,ROUNDDOWN($C5234/24,0)+1,1))-1)+IF('Standard Profiles'!$G$20=$B$10,7,0)+IF('Standard Profiles'!$G$20=$B$17,14,0)+IF('Standard Profiles'!$G$20=$B$24,21,0),0)),0)</f>
        <v>1.323364077934662</v>
      </c>
      <c r="G5234" cm="1">
        <f t="array" ref="G5234">IFERROR(INDEX(Jesper!AK$2:AK$366,ROUNDDOWN($C5234/24,0)+1,1)*INDEX($D$3:$AA$30,INDEX(Jesper!$R$2:$R$366,ROW(INDEX(Jesper!AK$2:AK$366,ROUNDDOWN($C5234/24,0)+1,1))-1)+IF('Standard Profiles'!$G$21=$B$10,7,0)+IF('Standard Profiles'!$G$21=$B$17,14,0)+IF('Standard Profiles'!$G$21=$B$24,21,0),MOD($C5234,24)+1)/SUM(INDEX($D$3:$AA$30,INDEX(Jesper!$R$2:$R$366,ROW(INDEX(Jesper!AK$2:AK$366,ROUNDDOWN($C5234/24,0)+1,1))-1)+IF('Standard Profiles'!$G$21=$B$10,7,0)+IF('Standard Profiles'!$G$21=$B$17,14,0)+IF('Standard Profiles'!$G$21=$B$24,21,0),0)),0)</f>
        <v>0.85601836103447437</v>
      </c>
      <c r="H5234" cm="1">
        <f t="array" ref="H5234">IFERROR(INDEX(Jesper!AL$2:AL$366,ROUNDDOWN($C5234/24,0)+1,1)*INDEX($D$3:$AA$30,INDEX(Jesper!$R$2:$R$366,ROW(INDEX(Jesper!AL$2:AL$366,ROUNDDOWN($C5234/24,0)+1,1))-1)+IF('Standard Profiles'!$G$22=$B$10,7,0)+IF('Standard Profiles'!$G$22=$B$17,14,0)+IF('Standard Profiles'!$G$22=$B$24,21,0),MOD($C5234,24)+1)/SUM(INDEX($D$3:$AA$30,INDEX(Jesper!$R$2:$R$366,ROW(INDEX(Jesper!AL$2:AL$366,ROUNDDOWN($C5234/24,0)+1,1))-1)+IF('Standard Profiles'!$G$22=$B$10,7,0)+IF('Standard Profiles'!$G$22=$B$17,14,0)+IF('Standard Profiles'!$G$22=$B$24,21,0),0)),0)</f>
        <v>0.50926579067973088</v>
      </c>
      <c r="I5234">
        <f t="shared" si="587"/>
        <v>0.48889515905254188</v>
      </c>
      <c r="J5234">
        <f t="shared" si="588"/>
        <v>4.6138476559269517</v>
      </c>
      <c r="K5234">
        <f t="shared" si="589"/>
        <v>0.2194631441209661</v>
      </c>
      <c r="L5234">
        <f t="shared" si="590"/>
        <v>0.10973157206048305</v>
      </c>
      <c r="M5234">
        <f t="shared" si="591"/>
        <v>0</v>
      </c>
      <c r="N5234" s="45">
        <f t="shared" si="592"/>
        <v>45143.666666654055</v>
      </c>
    </row>
    <row r="5235" spans="2:14" x14ac:dyDescent="0.25">
      <c r="B5235">
        <f t="shared" si="586"/>
        <v>6</v>
      </c>
      <c r="C5235" s="16">
        <v>5201</v>
      </c>
      <c r="D5235" cm="1">
        <f t="array" ref="D5235">IFERROR(INDEX(Jesper!AH$2:AH$366,ROUNDDOWN($C5235/24,0)+1,1)*INDEX($D$3:$AA$30,INDEX(Jesper!$R$2:$R$366,ROW(INDEX(Jesper!AH$2:AH$366,ROUNDDOWN($C5235/24,0)+1,1))-1)+IF('Standard Profiles'!$G$18=$B$10,7,0)+IF('Standard Profiles'!$G$18=$B$17,14,0)+IF('Standard Profiles'!$G$18=$B$24,21,0),MOD($C5235,24)+1)/SUM(INDEX($D$3:$AA$30,INDEX(Jesper!$R$2:$R$366,ROW(INDEX(Jesper!AH$2:AH$366,ROUNDDOWN($C5235/24,0)+1,1))-1)+IF('Standard Profiles'!$G$18=$B$10,7,0)+IF('Standard Profiles'!$G$18=$B$17,14,0)+IF('Standard Profiles'!$G$18=$B$24,21,0),0)),0)</f>
        <v>0</v>
      </c>
      <c r="E5235" cm="1">
        <f t="array" ref="E5235">IFERROR(INDEX(Jesper!AI$2:AI$366,ROUNDDOWN($C5235/24,0)+1,1)*INDEX($D$3:$AA$30,INDEX(Jesper!$R$2:$R$366,ROW(INDEX(Jesper!AI$2:AI$366,ROUNDDOWN($C5235/24,0)+1,1))-1)+IF('Standard Profiles'!$G$19=$B$10,7,0)+IF('Standard Profiles'!$G$19=$B$17,14,0)+IF('Standard Profiles'!$G$19=$B$24,21,0),MOD($C5235,24)+1)/SUM(INDEX($D$3:$AA$30,INDEX(Jesper!$R$2:$R$366,ROW(INDEX(Jesper!AI$2:AI$366,ROUNDDOWN($C5235/24,0)+1,1))-1)+IF('Standard Profiles'!$G$19=$B$10,7,0)+IF('Standard Profiles'!$G$19=$B$17,14,0)+IF('Standard Profiles'!$G$19=$B$24,21,0),0)),0)</f>
        <v>2.7432893015120761</v>
      </c>
      <c r="F5235" cm="1">
        <f t="array" ref="F5235">IFERROR(INDEX(Jesper!AJ$2:AJ$366,ROUNDDOWN($C5235/24,0)+1,1)*INDEX($D$3:$AA$30,INDEX(Jesper!$R$2:$R$366,ROW(INDEX(Jesper!AJ$2:AJ$366,ROUNDDOWN($C5235/24,0)+1,1))-1)+IF('Standard Profiles'!$G$20=$B$10,7,0)+IF('Standard Profiles'!$G$20=$B$17,14,0)+IF('Standard Profiles'!$G$20=$B$24,21,0),MOD($C5235,24)+1)/SUM(INDEX($D$3:$AA$30,INDEX(Jesper!$R$2:$R$366,ROW(INDEX(Jesper!AJ$2:AJ$366,ROUNDDOWN($C5235/24,0)+1,1))-1)+IF('Standard Profiles'!$G$20=$B$10,7,0)+IF('Standard Profiles'!$G$20=$B$17,14,0)+IF('Standard Profiles'!$G$20=$B$24,21,0),0)),0)</f>
        <v>1.323364077934662</v>
      </c>
      <c r="G5235" cm="1">
        <f t="array" ref="G5235">IFERROR(INDEX(Jesper!AK$2:AK$366,ROUNDDOWN($C5235/24,0)+1,1)*INDEX($D$3:$AA$30,INDEX(Jesper!$R$2:$R$366,ROW(INDEX(Jesper!AK$2:AK$366,ROUNDDOWN($C5235/24,0)+1,1))-1)+IF('Standard Profiles'!$G$21=$B$10,7,0)+IF('Standard Profiles'!$G$21=$B$17,14,0)+IF('Standard Profiles'!$G$21=$B$24,21,0),MOD($C5235,24)+1)/SUM(INDEX($D$3:$AA$30,INDEX(Jesper!$R$2:$R$366,ROW(INDEX(Jesper!AK$2:AK$366,ROUNDDOWN($C5235/24,0)+1,1))-1)+IF('Standard Profiles'!$G$21=$B$10,7,0)+IF('Standard Profiles'!$G$21=$B$17,14,0)+IF('Standard Profiles'!$G$21=$B$24,21,0),0)),0)</f>
        <v>0.85601836103447437</v>
      </c>
      <c r="H5235" cm="1">
        <f t="array" ref="H5235">IFERROR(INDEX(Jesper!AL$2:AL$366,ROUNDDOWN($C5235/24,0)+1,1)*INDEX($D$3:$AA$30,INDEX(Jesper!$R$2:$R$366,ROW(INDEX(Jesper!AL$2:AL$366,ROUNDDOWN($C5235/24,0)+1,1))-1)+IF('Standard Profiles'!$G$22=$B$10,7,0)+IF('Standard Profiles'!$G$22=$B$17,14,0)+IF('Standard Profiles'!$G$22=$B$24,21,0),MOD($C5235,24)+1)/SUM(INDEX($D$3:$AA$30,INDEX(Jesper!$R$2:$R$366,ROW(INDEX(Jesper!AL$2:AL$366,ROUNDDOWN($C5235/24,0)+1,1))-1)+IF('Standard Profiles'!$G$22=$B$10,7,0)+IF('Standard Profiles'!$G$22=$B$17,14,0)+IF('Standard Profiles'!$G$22=$B$24,21,0),0)),0)</f>
        <v>0.45833921161175784</v>
      </c>
      <c r="I5235">
        <f t="shared" si="587"/>
        <v>0.44000564314728774</v>
      </c>
      <c r="J5235">
        <f t="shared" si="588"/>
        <v>4.6118105927642334</v>
      </c>
      <c r="K5235">
        <f t="shared" si="589"/>
        <v>0.2194631441209661</v>
      </c>
      <c r="L5235">
        <f t="shared" si="590"/>
        <v>0.10973157206048305</v>
      </c>
      <c r="M5235">
        <f t="shared" si="591"/>
        <v>0</v>
      </c>
      <c r="N5235" s="45">
        <f t="shared" si="592"/>
        <v>45143.708333320719</v>
      </c>
    </row>
    <row r="5236" spans="2:14" x14ac:dyDescent="0.25">
      <c r="B5236">
        <f t="shared" si="586"/>
        <v>6</v>
      </c>
      <c r="C5236" s="16">
        <v>5202</v>
      </c>
      <c r="D5236" cm="1">
        <f t="array" ref="D5236">IFERROR(INDEX(Jesper!AH$2:AH$366,ROUNDDOWN($C5236/24,0)+1,1)*INDEX($D$3:$AA$30,INDEX(Jesper!$R$2:$R$366,ROW(INDEX(Jesper!AH$2:AH$366,ROUNDDOWN($C5236/24,0)+1,1))-1)+IF('Standard Profiles'!$G$18=$B$10,7,0)+IF('Standard Profiles'!$G$18=$B$17,14,0)+IF('Standard Profiles'!$G$18=$B$24,21,0),MOD($C5236,24)+1)/SUM(INDEX($D$3:$AA$30,INDEX(Jesper!$R$2:$R$366,ROW(INDEX(Jesper!AH$2:AH$366,ROUNDDOWN($C5236/24,0)+1,1))-1)+IF('Standard Profiles'!$G$18=$B$10,7,0)+IF('Standard Profiles'!$G$18=$B$17,14,0)+IF('Standard Profiles'!$G$18=$B$24,21,0),0)),0)</f>
        <v>0</v>
      </c>
      <c r="E5236" cm="1">
        <f t="array" ref="E5236">IFERROR(INDEX(Jesper!AI$2:AI$366,ROUNDDOWN($C5236/24,0)+1,1)*INDEX($D$3:$AA$30,INDEX(Jesper!$R$2:$R$366,ROW(INDEX(Jesper!AI$2:AI$366,ROUNDDOWN($C5236/24,0)+1,1))-1)+IF('Standard Profiles'!$G$19=$B$10,7,0)+IF('Standard Profiles'!$G$19=$B$17,14,0)+IF('Standard Profiles'!$G$19=$B$24,21,0),MOD($C5236,24)+1)/SUM(INDEX($D$3:$AA$30,INDEX(Jesper!$R$2:$R$366,ROW(INDEX(Jesper!AI$2:AI$366,ROUNDDOWN($C5236/24,0)+1,1))-1)+IF('Standard Profiles'!$G$19=$B$10,7,0)+IF('Standard Profiles'!$G$19=$B$17,14,0)+IF('Standard Profiles'!$G$19=$B$24,21,0),0)),0)</f>
        <v>2.7432893015120761</v>
      </c>
      <c r="F5236" cm="1">
        <f t="array" ref="F5236">IFERROR(INDEX(Jesper!AJ$2:AJ$366,ROUNDDOWN($C5236/24,0)+1,1)*INDEX($D$3:$AA$30,INDEX(Jesper!$R$2:$R$366,ROW(INDEX(Jesper!AJ$2:AJ$366,ROUNDDOWN($C5236/24,0)+1,1))-1)+IF('Standard Profiles'!$G$20=$B$10,7,0)+IF('Standard Profiles'!$G$20=$B$17,14,0)+IF('Standard Profiles'!$G$20=$B$24,21,0),MOD($C5236,24)+1)/SUM(INDEX($D$3:$AA$30,INDEX(Jesper!$R$2:$R$366,ROW(INDEX(Jesper!AJ$2:AJ$366,ROUNDDOWN($C5236/24,0)+1,1))-1)+IF('Standard Profiles'!$G$20=$B$10,7,0)+IF('Standard Profiles'!$G$20=$B$17,14,0)+IF('Standard Profiles'!$G$20=$B$24,21,0),0)),0)</f>
        <v>1.323364077934662</v>
      </c>
      <c r="G5236" cm="1">
        <f t="array" ref="G5236">IFERROR(INDEX(Jesper!AK$2:AK$366,ROUNDDOWN($C5236/24,0)+1,1)*INDEX($D$3:$AA$30,INDEX(Jesper!$R$2:$R$366,ROW(INDEX(Jesper!AK$2:AK$366,ROUNDDOWN($C5236/24,0)+1,1))-1)+IF('Standard Profiles'!$G$21=$B$10,7,0)+IF('Standard Profiles'!$G$21=$B$17,14,0)+IF('Standard Profiles'!$G$21=$B$24,21,0),MOD($C5236,24)+1)/SUM(INDEX($D$3:$AA$30,INDEX(Jesper!$R$2:$R$366,ROW(INDEX(Jesper!AK$2:AK$366,ROUNDDOWN($C5236/24,0)+1,1))-1)+IF('Standard Profiles'!$G$21=$B$10,7,0)+IF('Standard Profiles'!$G$21=$B$17,14,0)+IF('Standard Profiles'!$G$21=$B$24,21,0),0)),0)</f>
        <v>0.85601836103447437</v>
      </c>
      <c r="H5236" cm="1">
        <f t="array" ref="H5236">IFERROR(INDEX(Jesper!AL$2:AL$366,ROUNDDOWN($C5236/24,0)+1,1)*INDEX($D$3:$AA$30,INDEX(Jesper!$R$2:$R$366,ROW(INDEX(Jesper!AL$2:AL$366,ROUNDDOWN($C5236/24,0)+1,1))-1)+IF('Standard Profiles'!$G$22=$B$10,7,0)+IF('Standard Profiles'!$G$22=$B$17,14,0)+IF('Standard Profiles'!$G$22=$B$24,21,0),MOD($C5236,24)+1)/SUM(INDEX($D$3:$AA$30,INDEX(Jesper!$R$2:$R$366,ROW(INDEX(Jesper!AL$2:AL$366,ROUNDDOWN($C5236/24,0)+1,1))-1)+IF('Standard Profiles'!$G$22=$B$10,7,0)+IF('Standard Profiles'!$G$22=$B$17,14,0)+IF('Standard Profiles'!$G$22=$B$24,21,0),0)),0)</f>
        <v>0.4413636852557668</v>
      </c>
      <c r="I5236">
        <f t="shared" si="587"/>
        <v>0.42370913784553638</v>
      </c>
      <c r="J5236">
        <f t="shared" si="588"/>
        <v>4.6111315717099934</v>
      </c>
      <c r="K5236">
        <f t="shared" si="589"/>
        <v>0.2194631441209661</v>
      </c>
      <c r="L5236">
        <f t="shared" si="590"/>
        <v>0.10973157206048305</v>
      </c>
      <c r="M5236">
        <f t="shared" si="591"/>
        <v>0</v>
      </c>
      <c r="N5236" s="45">
        <f t="shared" si="592"/>
        <v>45143.749999987383</v>
      </c>
    </row>
    <row r="5237" spans="2:14" x14ac:dyDescent="0.25">
      <c r="B5237">
        <f t="shared" si="586"/>
        <v>6</v>
      </c>
      <c r="C5237" s="16">
        <v>5203</v>
      </c>
      <c r="D5237" cm="1">
        <f t="array" ref="D5237">IFERROR(INDEX(Jesper!AH$2:AH$366,ROUNDDOWN($C5237/24,0)+1,1)*INDEX($D$3:$AA$30,INDEX(Jesper!$R$2:$R$366,ROW(INDEX(Jesper!AH$2:AH$366,ROUNDDOWN($C5237/24,0)+1,1))-1)+IF('Standard Profiles'!$G$18=$B$10,7,0)+IF('Standard Profiles'!$G$18=$B$17,14,0)+IF('Standard Profiles'!$G$18=$B$24,21,0),MOD($C5237,24)+1)/SUM(INDEX($D$3:$AA$30,INDEX(Jesper!$R$2:$R$366,ROW(INDEX(Jesper!AH$2:AH$366,ROUNDDOWN($C5237/24,0)+1,1))-1)+IF('Standard Profiles'!$G$18=$B$10,7,0)+IF('Standard Profiles'!$G$18=$B$17,14,0)+IF('Standard Profiles'!$G$18=$B$24,21,0),0)),0)</f>
        <v>0</v>
      </c>
      <c r="E5237" cm="1">
        <f t="array" ref="E5237">IFERROR(INDEX(Jesper!AI$2:AI$366,ROUNDDOWN($C5237/24,0)+1,1)*INDEX($D$3:$AA$30,INDEX(Jesper!$R$2:$R$366,ROW(INDEX(Jesper!AI$2:AI$366,ROUNDDOWN($C5237/24,0)+1,1))-1)+IF('Standard Profiles'!$G$19=$B$10,7,0)+IF('Standard Profiles'!$G$19=$B$17,14,0)+IF('Standard Profiles'!$G$19=$B$24,21,0),MOD($C5237,24)+1)/SUM(INDEX($D$3:$AA$30,INDEX(Jesper!$R$2:$R$366,ROW(INDEX(Jesper!AI$2:AI$366,ROUNDDOWN($C5237/24,0)+1,1))-1)+IF('Standard Profiles'!$G$19=$B$10,7,0)+IF('Standard Profiles'!$G$19=$B$17,14,0)+IF('Standard Profiles'!$G$19=$B$24,21,0),0)),0)</f>
        <v>2.7432893015120761</v>
      </c>
      <c r="F5237" cm="1">
        <f t="array" ref="F5237">IFERROR(INDEX(Jesper!AJ$2:AJ$366,ROUNDDOWN($C5237/24,0)+1,1)*INDEX($D$3:$AA$30,INDEX(Jesper!$R$2:$R$366,ROW(INDEX(Jesper!AJ$2:AJ$366,ROUNDDOWN($C5237/24,0)+1,1))-1)+IF('Standard Profiles'!$G$20=$B$10,7,0)+IF('Standard Profiles'!$G$20=$B$17,14,0)+IF('Standard Profiles'!$G$20=$B$24,21,0),MOD($C5237,24)+1)/SUM(INDEX($D$3:$AA$30,INDEX(Jesper!$R$2:$R$366,ROW(INDEX(Jesper!AJ$2:AJ$366,ROUNDDOWN($C5237/24,0)+1,1))-1)+IF('Standard Profiles'!$G$20=$B$10,7,0)+IF('Standard Profiles'!$G$20=$B$17,14,0)+IF('Standard Profiles'!$G$20=$B$24,21,0),0)),0)</f>
        <v>1.323364077934662</v>
      </c>
      <c r="G5237" cm="1">
        <f t="array" ref="G5237">IFERROR(INDEX(Jesper!AK$2:AK$366,ROUNDDOWN($C5237/24,0)+1,1)*INDEX($D$3:$AA$30,INDEX(Jesper!$R$2:$R$366,ROW(INDEX(Jesper!AK$2:AK$366,ROUNDDOWN($C5237/24,0)+1,1))-1)+IF('Standard Profiles'!$G$21=$B$10,7,0)+IF('Standard Profiles'!$G$21=$B$17,14,0)+IF('Standard Profiles'!$G$21=$B$24,21,0),MOD($C5237,24)+1)/SUM(INDEX($D$3:$AA$30,INDEX(Jesper!$R$2:$R$366,ROW(INDEX(Jesper!AK$2:AK$366,ROUNDDOWN($C5237/24,0)+1,1))-1)+IF('Standard Profiles'!$G$21=$B$10,7,0)+IF('Standard Profiles'!$G$21=$B$17,14,0)+IF('Standard Profiles'!$G$21=$B$24,21,0),0)),0)</f>
        <v>0.85601836103447437</v>
      </c>
      <c r="H5237" cm="1">
        <f t="array" ref="H5237">IFERROR(INDEX(Jesper!AL$2:AL$366,ROUNDDOWN($C5237/24,0)+1,1)*INDEX($D$3:$AA$30,INDEX(Jesper!$R$2:$R$366,ROW(INDEX(Jesper!AL$2:AL$366,ROUNDDOWN($C5237/24,0)+1,1))-1)+IF('Standard Profiles'!$G$22=$B$10,7,0)+IF('Standard Profiles'!$G$22=$B$17,14,0)+IF('Standard Profiles'!$G$22=$B$24,21,0),MOD($C5237,24)+1)/SUM(INDEX($D$3:$AA$30,INDEX(Jesper!$R$2:$R$366,ROW(INDEX(Jesper!AL$2:AL$366,ROUNDDOWN($C5237/24,0)+1,1))-1)+IF('Standard Profiles'!$G$22=$B$10,7,0)+IF('Standard Profiles'!$G$22=$B$17,14,0)+IF('Standard Profiles'!$G$22=$B$24,21,0),0)),0)</f>
        <v>0.35648605347581164</v>
      </c>
      <c r="I5237">
        <f t="shared" si="587"/>
        <v>0.34222661133677934</v>
      </c>
      <c r="J5237">
        <f t="shared" si="588"/>
        <v>4.6077364664387952</v>
      </c>
      <c r="K5237">
        <f t="shared" si="589"/>
        <v>0.2194631441209661</v>
      </c>
      <c r="L5237">
        <f t="shared" si="590"/>
        <v>0.10973157206048305</v>
      </c>
      <c r="M5237">
        <f t="shared" si="591"/>
        <v>0</v>
      </c>
      <c r="N5237" s="45">
        <f t="shared" si="592"/>
        <v>45143.791666654048</v>
      </c>
    </row>
    <row r="5238" spans="2:14" x14ac:dyDescent="0.25">
      <c r="B5238">
        <f t="shared" si="586"/>
        <v>6</v>
      </c>
      <c r="C5238" s="16">
        <v>5204</v>
      </c>
      <c r="D5238" cm="1">
        <f t="array" ref="D5238">IFERROR(INDEX(Jesper!AH$2:AH$366,ROUNDDOWN($C5238/24,0)+1,1)*INDEX($D$3:$AA$30,INDEX(Jesper!$R$2:$R$366,ROW(INDEX(Jesper!AH$2:AH$366,ROUNDDOWN($C5238/24,0)+1,1))-1)+IF('Standard Profiles'!$G$18=$B$10,7,0)+IF('Standard Profiles'!$G$18=$B$17,14,0)+IF('Standard Profiles'!$G$18=$B$24,21,0),MOD($C5238,24)+1)/SUM(INDEX($D$3:$AA$30,INDEX(Jesper!$R$2:$R$366,ROW(INDEX(Jesper!AH$2:AH$366,ROUNDDOWN($C5238/24,0)+1,1))-1)+IF('Standard Profiles'!$G$18=$B$10,7,0)+IF('Standard Profiles'!$G$18=$B$17,14,0)+IF('Standard Profiles'!$G$18=$B$24,21,0),0)),0)</f>
        <v>0</v>
      </c>
      <c r="E5238" cm="1">
        <f t="array" ref="E5238">IFERROR(INDEX(Jesper!AI$2:AI$366,ROUNDDOWN($C5238/24,0)+1,1)*INDEX($D$3:$AA$30,INDEX(Jesper!$R$2:$R$366,ROW(INDEX(Jesper!AI$2:AI$366,ROUNDDOWN($C5238/24,0)+1,1))-1)+IF('Standard Profiles'!$G$19=$B$10,7,0)+IF('Standard Profiles'!$G$19=$B$17,14,0)+IF('Standard Profiles'!$G$19=$B$24,21,0),MOD($C5238,24)+1)/SUM(INDEX($D$3:$AA$30,INDEX(Jesper!$R$2:$R$366,ROW(INDEX(Jesper!AI$2:AI$366,ROUNDDOWN($C5238/24,0)+1,1))-1)+IF('Standard Profiles'!$G$19=$B$10,7,0)+IF('Standard Profiles'!$G$19=$B$17,14,0)+IF('Standard Profiles'!$G$19=$B$24,21,0),0)),0)</f>
        <v>2.7432893015120761</v>
      </c>
      <c r="F5238" cm="1">
        <f t="array" ref="F5238">IFERROR(INDEX(Jesper!AJ$2:AJ$366,ROUNDDOWN($C5238/24,0)+1,1)*INDEX($D$3:$AA$30,INDEX(Jesper!$R$2:$R$366,ROW(INDEX(Jesper!AJ$2:AJ$366,ROUNDDOWN($C5238/24,0)+1,1))-1)+IF('Standard Profiles'!$G$20=$B$10,7,0)+IF('Standard Profiles'!$G$20=$B$17,14,0)+IF('Standard Profiles'!$G$20=$B$24,21,0),MOD($C5238,24)+1)/SUM(INDEX($D$3:$AA$30,INDEX(Jesper!$R$2:$R$366,ROW(INDEX(Jesper!AJ$2:AJ$366,ROUNDDOWN($C5238/24,0)+1,1))-1)+IF('Standard Profiles'!$G$20=$B$10,7,0)+IF('Standard Profiles'!$G$20=$B$17,14,0)+IF('Standard Profiles'!$G$20=$B$24,21,0),0)),0)</f>
        <v>1.323364077934662</v>
      </c>
      <c r="G5238" cm="1">
        <f t="array" ref="G5238">IFERROR(INDEX(Jesper!AK$2:AK$366,ROUNDDOWN($C5238/24,0)+1,1)*INDEX($D$3:$AA$30,INDEX(Jesper!$R$2:$R$366,ROW(INDEX(Jesper!AK$2:AK$366,ROUNDDOWN($C5238/24,0)+1,1))-1)+IF('Standard Profiles'!$G$21=$B$10,7,0)+IF('Standard Profiles'!$G$21=$B$17,14,0)+IF('Standard Profiles'!$G$21=$B$24,21,0),MOD($C5238,24)+1)/SUM(INDEX($D$3:$AA$30,INDEX(Jesper!$R$2:$R$366,ROW(INDEX(Jesper!AK$2:AK$366,ROUNDDOWN($C5238/24,0)+1,1))-1)+IF('Standard Profiles'!$G$21=$B$10,7,0)+IF('Standard Profiles'!$G$21=$B$17,14,0)+IF('Standard Profiles'!$G$21=$B$24,21,0),0)),0)</f>
        <v>0.85601836103447437</v>
      </c>
      <c r="H5238" cm="1">
        <f t="array" ref="H5238">IFERROR(INDEX(Jesper!AL$2:AL$366,ROUNDDOWN($C5238/24,0)+1,1)*INDEX($D$3:$AA$30,INDEX(Jesper!$R$2:$R$366,ROW(INDEX(Jesper!AL$2:AL$366,ROUNDDOWN($C5238/24,0)+1,1))-1)+IF('Standard Profiles'!$G$22=$B$10,7,0)+IF('Standard Profiles'!$G$22=$B$17,14,0)+IF('Standard Profiles'!$G$22=$B$24,21,0),MOD($C5238,24)+1)/SUM(INDEX($D$3:$AA$30,INDEX(Jesper!$R$2:$R$366,ROW(INDEX(Jesper!AL$2:AL$366,ROUNDDOWN($C5238/24,0)+1,1))-1)+IF('Standard Profiles'!$G$22=$B$10,7,0)+IF('Standard Profiles'!$G$22=$B$17,14,0)+IF('Standard Profiles'!$G$22=$B$24,21,0),0)),0)</f>
        <v>0.26312065851786098</v>
      </c>
      <c r="I5238">
        <f t="shared" si="587"/>
        <v>0.25259583217714671</v>
      </c>
      <c r="J5238">
        <f t="shared" si="588"/>
        <v>4.6040018506404774</v>
      </c>
      <c r="K5238">
        <f t="shared" si="589"/>
        <v>0.2194631441209661</v>
      </c>
      <c r="L5238">
        <f t="shared" si="590"/>
        <v>0.10973157206048305</v>
      </c>
      <c r="M5238">
        <f t="shared" si="591"/>
        <v>0</v>
      </c>
      <c r="N5238" s="45">
        <f t="shared" si="592"/>
        <v>45143.833333320712</v>
      </c>
    </row>
    <row r="5239" spans="2:14" x14ac:dyDescent="0.25">
      <c r="B5239">
        <f t="shared" si="586"/>
        <v>6</v>
      </c>
      <c r="C5239" s="16">
        <v>5205</v>
      </c>
      <c r="D5239" cm="1">
        <f t="array" ref="D5239">IFERROR(INDEX(Jesper!AH$2:AH$366,ROUNDDOWN($C5239/24,0)+1,1)*INDEX($D$3:$AA$30,INDEX(Jesper!$R$2:$R$366,ROW(INDEX(Jesper!AH$2:AH$366,ROUNDDOWN($C5239/24,0)+1,1))-1)+IF('Standard Profiles'!$G$18=$B$10,7,0)+IF('Standard Profiles'!$G$18=$B$17,14,0)+IF('Standard Profiles'!$G$18=$B$24,21,0),MOD($C5239,24)+1)/SUM(INDEX($D$3:$AA$30,INDEX(Jesper!$R$2:$R$366,ROW(INDEX(Jesper!AH$2:AH$366,ROUNDDOWN($C5239/24,0)+1,1))-1)+IF('Standard Profiles'!$G$18=$B$10,7,0)+IF('Standard Profiles'!$G$18=$B$17,14,0)+IF('Standard Profiles'!$G$18=$B$24,21,0),0)),0)</f>
        <v>0</v>
      </c>
      <c r="E5239" cm="1">
        <f t="array" ref="E5239">IFERROR(INDEX(Jesper!AI$2:AI$366,ROUNDDOWN($C5239/24,0)+1,1)*INDEX($D$3:$AA$30,INDEX(Jesper!$R$2:$R$366,ROW(INDEX(Jesper!AI$2:AI$366,ROUNDDOWN($C5239/24,0)+1,1))-1)+IF('Standard Profiles'!$G$19=$B$10,7,0)+IF('Standard Profiles'!$G$19=$B$17,14,0)+IF('Standard Profiles'!$G$19=$B$24,21,0),MOD($C5239,24)+1)/SUM(INDEX($D$3:$AA$30,INDEX(Jesper!$R$2:$R$366,ROW(INDEX(Jesper!AI$2:AI$366,ROUNDDOWN($C5239/24,0)+1,1))-1)+IF('Standard Profiles'!$G$19=$B$10,7,0)+IF('Standard Profiles'!$G$19=$B$17,14,0)+IF('Standard Profiles'!$G$19=$B$24,21,0),0)),0)</f>
        <v>2.7432893015120761</v>
      </c>
      <c r="F5239" cm="1">
        <f t="array" ref="F5239">IFERROR(INDEX(Jesper!AJ$2:AJ$366,ROUNDDOWN($C5239/24,0)+1,1)*INDEX($D$3:$AA$30,INDEX(Jesper!$R$2:$R$366,ROW(INDEX(Jesper!AJ$2:AJ$366,ROUNDDOWN($C5239/24,0)+1,1))-1)+IF('Standard Profiles'!$G$20=$B$10,7,0)+IF('Standard Profiles'!$G$20=$B$17,14,0)+IF('Standard Profiles'!$G$20=$B$24,21,0),MOD($C5239,24)+1)/SUM(INDEX($D$3:$AA$30,INDEX(Jesper!$R$2:$R$366,ROW(INDEX(Jesper!AJ$2:AJ$366,ROUNDDOWN($C5239/24,0)+1,1))-1)+IF('Standard Profiles'!$G$20=$B$10,7,0)+IF('Standard Profiles'!$G$20=$B$17,14,0)+IF('Standard Profiles'!$G$20=$B$24,21,0),0)),0)</f>
        <v>1.323364077934662</v>
      </c>
      <c r="G5239" cm="1">
        <f t="array" ref="G5239">IFERROR(INDEX(Jesper!AK$2:AK$366,ROUNDDOWN($C5239/24,0)+1,1)*INDEX($D$3:$AA$30,INDEX(Jesper!$R$2:$R$366,ROW(INDEX(Jesper!AK$2:AK$366,ROUNDDOWN($C5239/24,0)+1,1))-1)+IF('Standard Profiles'!$G$21=$B$10,7,0)+IF('Standard Profiles'!$G$21=$B$17,14,0)+IF('Standard Profiles'!$G$21=$B$24,21,0),MOD($C5239,24)+1)/SUM(INDEX($D$3:$AA$30,INDEX(Jesper!$R$2:$R$366,ROW(INDEX(Jesper!AK$2:AK$366,ROUNDDOWN($C5239/24,0)+1,1))-1)+IF('Standard Profiles'!$G$21=$B$10,7,0)+IF('Standard Profiles'!$G$21=$B$17,14,0)+IF('Standard Profiles'!$G$21=$B$24,21,0),0)),0)</f>
        <v>0.85601836103447437</v>
      </c>
      <c r="H5239" cm="1">
        <f t="array" ref="H5239">IFERROR(INDEX(Jesper!AL$2:AL$366,ROUNDDOWN($C5239/24,0)+1,1)*INDEX($D$3:$AA$30,INDEX(Jesper!$R$2:$R$366,ROW(INDEX(Jesper!AL$2:AL$366,ROUNDDOWN($C5239/24,0)+1,1))-1)+IF('Standard Profiles'!$G$22=$B$10,7,0)+IF('Standard Profiles'!$G$22=$B$17,14,0)+IF('Standard Profiles'!$G$22=$B$24,21,0),MOD($C5239,24)+1)/SUM(INDEX($D$3:$AA$30,INDEX(Jesper!$R$2:$R$366,ROW(INDEX(Jesper!AL$2:AL$366,ROUNDDOWN($C5239/24,0)+1,1))-1)+IF('Standard Profiles'!$G$22=$B$10,7,0)+IF('Standard Profiles'!$G$22=$B$17,14,0)+IF('Standard Profiles'!$G$22=$B$24,21,0),0)),0)</f>
        <v>0.26312065851786098</v>
      </c>
      <c r="I5239">
        <f t="shared" si="587"/>
        <v>0.25259583217714671</v>
      </c>
      <c r="J5239">
        <f t="shared" si="588"/>
        <v>4.6040018506404774</v>
      </c>
      <c r="K5239">
        <f t="shared" si="589"/>
        <v>0.2194631441209661</v>
      </c>
      <c r="L5239">
        <f t="shared" si="590"/>
        <v>0.10973157206048305</v>
      </c>
      <c r="M5239">
        <f t="shared" si="591"/>
        <v>0</v>
      </c>
      <c r="N5239" s="45">
        <f t="shared" si="592"/>
        <v>45143.874999987376</v>
      </c>
    </row>
    <row r="5240" spans="2:14" x14ac:dyDescent="0.25">
      <c r="B5240">
        <f t="shared" si="586"/>
        <v>6</v>
      </c>
      <c r="C5240" s="16">
        <v>5206</v>
      </c>
      <c r="D5240" cm="1">
        <f t="array" ref="D5240">IFERROR(INDEX(Jesper!AH$2:AH$366,ROUNDDOWN($C5240/24,0)+1,1)*INDEX($D$3:$AA$30,INDEX(Jesper!$R$2:$R$366,ROW(INDEX(Jesper!AH$2:AH$366,ROUNDDOWN($C5240/24,0)+1,1))-1)+IF('Standard Profiles'!$G$18=$B$10,7,0)+IF('Standard Profiles'!$G$18=$B$17,14,0)+IF('Standard Profiles'!$G$18=$B$24,21,0),MOD($C5240,24)+1)/SUM(INDEX($D$3:$AA$30,INDEX(Jesper!$R$2:$R$366,ROW(INDEX(Jesper!AH$2:AH$366,ROUNDDOWN($C5240/24,0)+1,1))-1)+IF('Standard Profiles'!$G$18=$B$10,7,0)+IF('Standard Profiles'!$G$18=$B$17,14,0)+IF('Standard Profiles'!$G$18=$B$24,21,0),0)),0)</f>
        <v>0</v>
      </c>
      <c r="E5240" cm="1">
        <f t="array" ref="E5240">IFERROR(INDEX(Jesper!AI$2:AI$366,ROUNDDOWN($C5240/24,0)+1,1)*INDEX($D$3:$AA$30,INDEX(Jesper!$R$2:$R$366,ROW(INDEX(Jesper!AI$2:AI$366,ROUNDDOWN($C5240/24,0)+1,1))-1)+IF('Standard Profiles'!$G$19=$B$10,7,0)+IF('Standard Profiles'!$G$19=$B$17,14,0)+IF('Standard Profiles'!$G$19=$B$24,21,0),MOD($C5240,24)+1)/SUM(INDEX($D$3:$AA$30,INDEX(Jesper!$R$2:$R$366,ROW(INDEX(Jesper!AI$2:AI$366,ROUNDDOWN($C5240/24,0)+1,1))-1)+IF('Standard Profiles'!$G$19=$B$10,7,0)+IF('Standard Profiles'!$G$19=$B$17,14,0)+IF('Standard Profiles'!$G$19=$B$24,21,0),0)),0)</f>
        <v>2.7432893015120761</v>
      </c>
      <c r="F5240" cm="1">
        <f t="array" ref="F5240">IFERROR(INDEX(Jesper!AJ$2:AJ$366,ROUNDDOWN($C5240/24,0)+1,1)*INDEX($D$3:$AA$30,INDEX(Jesper!$R$2:$R$366,ROW(INDEX(Jesper!AJ$2:AJ$366,ROUNDDOWN($C5240/24,0)+1,1))-1)+IF('Standard Profiles'!$G$20=$B$10,7,0)+IF('Standard Profiles'!$G$20=$B$17,14,0)+IF('Standard Profiles'!$G$20=$B$24,21,0),MOD($C5240,24)+1)/SUM(INDEX($D$3:$AA$30,INDEX(Jesper!$R$2:$R$366,ROW(INDEX(Jesper!AJ$2:AJ$366,ROUNDDOWN($C5240/24,0)+1,1))-1)+IF('Standard Profiles'!$G$20=$B$10,7,0)+IF('Standard Profiles'!$G$20=$B$17,14,0)+IF('Standard Profiles'!$G$20=$B$24,21,0),0)),0)</f>
        <v>1.323364077934662</v>
      </c>
      <c r="G5240" cm="1">
        <f t="array" ref="G5240">IFERROR(INDEX(Jesper!AK$2:AK$366,ROUNDDOWN($C5240/24,0)+1,1)*INDEX($D$3:$AA$30,INDEX(Jesper!$R$2:$R$366,ROW(INDEX(Jesper!AK$2:AK$366,ROUNDDOWN($C5240/24,0)+1,1))-1)+IF('Standard Profiles'!$G$21=$B$10,7,0)+IF('Standard Profiles'!$G$21=$B$17,14,0)+IF('Standard Profiles'!$G$21=$B$24,21,0),MOD($C5240,24)+1)/SUM(INDEX($D$3:$AA$30,INDEX(Jesper!$R$2:$R$366,ROW(INDEX(Jesper!AK$2:AK$366,ROUNDDOWN($C5240/24,0)+1,1))-1)+IF('Standard Profiles'!$G$21=$B$10,7,0)+IF('Standard Profiles'!$G$21=$B$17,14,0)+IF('Standard Profiles'!$G$21=$B$24,21,0),0)),0)</f>
        <v>0.85601836103447437</v>
      </c>
      <c r="H5240" cm="1">
        <f t="array" ref="H5240">IFERROR(INDEX(Jesper!AL$2:AL$366,ROUNDDOWN($C5240/24,0)+1,1)*INDEX($D$3:$AA$30,INDEX(Jesper!$R$2:$R$366,ROW(INDEX(Jesper!AL$2:AL$366,ROUNDDOWN($C5240/24,0)+1,1))-1)+IF('Standard Profiles'!$G$22=$B$10,7,0)+IF('Standard Profiles'!$G$22=$B$17,14,0)+IF('Standard Profiles'!$G$22=$B$24,21,0),MOD($C5240,24)+1)/SUM(INDEX($D$3:$AA$30,INDEX(Jesper!$R$2:$R$366,ROW(INDEX(Jesper!AL$2:AL$366,ROUNDDOWN($C5240/24,0)+1,1))-1)+IF('Standard Profiles'!$G$22=$B$10,7,0)+IF('Standard Profiles'!$G$22=$B$17,14,0)+IF('Standard Profiles'!$G$22=$B$24,21,0),0)),0)</f>
        <v>0.26312065851786098</v>
      </c>
      <c r="I5240">
        <f t="shared" si="587"/>
        <v>0.25259583217714671</v>
      </c>
      <c r="J5240">
        <f t="shared" si="588"/>
        <v>4.6040018506404774</v>
      </c>
      <c r="K5240">
        <f t="shared" si="589"/>
        <v>0.2194631441209661</v>
      </c>
      <c r="L5240">
        <f t="shared" si="590"/>
        <v>0.10973157206048305</v>
      </c>
      <c r="M5240">
        <f t="shared" si="591"/>
        <v>0</v>
      </c>
      <c r="N5240" s="45">
        <f t="shared" si="592"/>
        <v>45143.91666665404</v>
      </c>
    </row>
    <row r="5241" spans="2:14" x14ac:dyDescent="0.25">
      <c r="B5241">
        <f t="shared" si="586"/>
        <v>6</v>
      </c>
      <c r="C5241" s="16">
        <v>5207</v>
      </c>
      <c r="D5241" cm="1">
        <f t="array" ref="D5241">IFERROR(INDEX(Jesper!AH$2:AH$366,ROUNDDOWN($C5241/24,0)+1,1)*INDEX($D$3:$AA$30,INDEX(Jesper!$R$2:$R$366,ROW(INDEX(Jesper!AH$2:AH$366,ROUNDDOWN($C5241/24,0)+1,1))-1)+IF('Standard Profiles'!$G$18=$B$10,7,0)+IF('Standard Profiles'!$G$18=$B$17,14,0)+IF('Standard Profiles'!$G$18=$B$24,21,0),MOD($C5241,24)+1)/SUM(INDEX($D$3:$AA$30,INDEX(Jesper!$R$2:$R$366,ROW(INDEX(Jesper!AH$2:AH$366,ROUNDDOWN($C5241/24,0)+1,1))-1)+IF('Standard Profiles'!$G$18=$B$10,7,0)+IF('Standard Profiles'!$G$18=$B$17,14,0)+IF('Standard Profiles'!$G$18=$B$24,21,0),0)),0)</f>
        <v>0</v>
      </c>
      <c r="E5241" cm="1">
        <f t="array" ref="E5241">IFERROR(INDEX(Jesper!AI$2:AI$366,ROUNDDOWN($C5241/24,0)+1,1)*INDEX($D$3:$AA$30,INDEX(Jesper!$R$2:$R$366,ROW(INDEX(Jesper!AI$2:AI$366,ROUNDDOWN($C5241/24,0)+1,1))-1)+IF('Standard Profiles'!$G$19=$B$10,7,0)+IF('Standard Profiles'!$G$19=$B$17,14,0)+IF('Standard Profiles'!$G$19=$B$24,21,0),MOD($C5241,24)+1)/SUM(INDEX($D$3:$AA$30,INDEX(Jesper!$R$2:$R$366,ROW(INDEX(Jesper!AI$2:AI$366,ROUNDDOWN($C5241/24,0)+1,1))-1)+IF('Standard Profiles'!$G$19=$B$10,7,0)+IF('Standard Profiles'!$G$19=$B$17,14,0)+IF('Standard Profiles'!$G$19=$B$24,21,0),0)),0)</f>
        <v>2.7432893015120761</v>
      </c>
      <c r="F5241" cm="1">
        <f t="array" ref="F5241">IFERROR(INDEX(Jesper!AJ$2:AJ$366,ROUNDDOWN($C5241/24,0)+1,1)*INDEX($D$3:$AA$30,INDEX(Jesper!$R$2:$R$366,ROW(INDEX(Jesper!AJ$2:AJ$366,ROUNDDOWN($C5241/24,0)+1,1))-1)+IF('Standard Profiles'!$G$20=$B$10,7,0)+IF('Standard Profiles'!$G$20=$B$17,14,0)+IF('Standard Profiles'!$G$20=$B$24,21,0),MOD($C5241,24)+1)/SUM(INDEX($D$3:$AA$30,INDEX(Jesper!$R$2:$R$366,ROW(INDEX(Jesper!AJ$2:AJ$366,ROUNDDOWN($C5241/24,0)+1,1))-1)+IF('Standard Profiles'!$G$20=$B$10,7,0)+IF('Standard Profiles'!$G$20=$B$17,14,0)+IF('Standard Profiles'!$G$20=$B$24,21,0),0)),0)</f>
        <v>1.323364077934662</v>
      </c>
      <c r="G5241" cm="1">
        <f t="array" ref="G5241">IFERROR(INDEX(Jesper!AK$2:AK$366,ROUNDDOWN($C5241/24,0)+1,1)*INDEX($D$3:$AA$30,INDEX(Jesper!$R$2:$R$366,ROW(INDEX(Jesper!AK$2:AK$366,ROUNDDOWN($C5241/24,0)+1,1))-1)+IF('Standard Profiles'!$G$21=$B$10,7,0)+IF('Standard Profiles'!$G$21=$B$17,14,0)+IF('Standard Profiles'!$G$21=$B$24,21,0),MOD($C5241,24)+1)/SUM(INDEX($D$3:$AA$30,INDEX(Jesper!$R$2:$R$366,ROW(INDEX(Jesper!AK$2:AK$366,ROUNDDOWN($C5241/24,0)+1,1))-1)+IF('Standard Profiles'!$G$21=$B$10,7,0)+IF('Standard Profiles'!$G$21=$B$17,14,0)+IF('Standard Profiles'!$G$21=$B$24,21,0),0)),0)</f>
        <v>0.85601836103447437</v>
      </c>
      <c r="H5241" cm="1">
        <f t="array" ref="H5241">IFERROR(INDEX(Jesper!AL$2:AL$366,ROUNDDOWN($C5241/24,0)+1,1)*INDEX($D$3:$AA$30,INDEX(Jesper!$R$2:$R$366,ROW(INDEX(Jesper!AL$2:AL$366,ROUNDDOWN($C5241/24,0)+1,1))-1)+IF('Standard Profiles'!$G$22=$B$10,7,0)+IF('Standard Profiles'!$G$22=$B$17,14,0)+IF('Standard Profiles'!$G$22=$B$24,21,0),MOD($C5241,24)+1)/SUM(INDEX($D$3:$AA$30,INDEX(Jesper!$R$2:$R$366,ROW(INDEX(Jesper!AL$2:AL$366,ROUNDDOWN($C5241/24,0)+1,1))-1)+IF('Standard Profiles'!$G$22=$B$10,7,0)+IF('Standard Profiles'!$G$22=$B$17,14,0)+IF('Standard Profiles'!$G$22=$B$24,21,0),0)),0)</f>
        <v>0.26312065851786098</v>
      </c>
      <c r="I5241">
        <f t="shared" si="587"/>
        <v>0.25259583217714671</v>
      </c>
      <c r="J5241">
        <f t="shared" si="588"/>
        <v>4.6040018506404774</v>
      </c>
      <c r="K5241">
        <f t="shared" si="589"/>
        <v>0.2194631441209661</v>
      </c>
      <c r="L5241">
        <f t="shared" si="590"/>
        <v>0.10973157206048305</v>
      </c>
      <c r="M5241">
        <f t="shared" si="591"/>
        <v>0</v>
      </c>
      <c r="N5241" s="45">
        <f t="shared" si="592"/>
        <v>45143.958333320705</v>
      </c>
    </row>
    <row r="5242" spans="2:14" x14ac:dyDescent="0.25">
      <c r="B5242">
        <f t="shared" si="586"/>
        <v>7</v>
      </c>
      <c r="C5242" s="16">
        <v>5208</v>
      </c>
      <c r="D5242" cm="1">
        <f t="array" ref="D5242">IFERROR(INDEX(Jesper!AH$2:AH$366,ROUNDDOWN($C5242/24,0)+1,1)*INDEX($D$3:$AA$30,INDEX(Jesper!$R$2:$R$366,ROW(INDEX(Jesper!AH$2:AH$366,ROUNDDOWN($C5242/24,0)+1,1))-1)+IF('Standard Profiles'!$G$18=$B$10,7,0)+IF('Standard Profiles'!$G$18=$B$17,14,0)+IF('Standard Profiles'!$G$18=$B$24,21,0),MOD($C5242,24)+1)/SUM(INDEX($D$3:$AA$30,INDEX(Jesper!$R$2:$R$366,ROW(INDEX(Jesper!AH$2:AH$366,ROUNDDOWN($C5242/24,0)+1,1))-1)+IF('Standard Profiles'!$G$18=$B$10,7,0)+IF('Standard Profiles'!$G$18=$B$17,14,0)+IF('Standard Profiles'!$G$18=$B$24,21,0),0)),0)</f>
        <v>0</v>
      </c>
      <c r="E5242" cm="1">
        <f t="array" ref="E5242">IFERROR(INDEX(Jesper!AI$2:AI$366,ROUNDDOWN($C5242/24,0)+1,1)*INDEX($D$3:$AA$30,INDEX(Jesper!$R$2:$R$366,ROW(INDEX(Jesper!AI$2:AI$366,ROUNDDOWN($C5242/24,0)+1,1))-1)+IF('Standard Profiles'!$G$19=$B$10,7,0)+IF('Standard Profiles'!$G$19=$B$17,14,0)+IF('Standard Profiles'!$G$19=$B$24,21,0),MOD($C5242,24)+1)/SUM(INDEX($D$3:$AA$30,INDEX(Jesper!$R$2:$R$366,ROW(INDEX(Jesper!AI$2:AI$366,ROUNDDOWN($C5242/24,0)+1,1))-1)+IF('Standard Profiles'!$G$19=$B$10,7,0)+IF('Standard Profiles'!$G$19=$B$17,14,0)+IF('Standard Profiles'!$G$19=$B$24,21,0),0)),0)</f>
        <v>2.7634301186064887</v>
      </c>
      <c r="F5242" cm="1">
        <f t="array" ref="F5242">IFERROR(INDEX(Jesper!AJ$2:AJ$366,ROUNDDOWN($C5242/24,0)+1,1)*INDEX($D$3:$AA$30,INDEX(Jesper!$R$2:$R$366,ROW(INDEX(Jesper!AJ$2:AJ$366,ROUNDDOWN($C5242/24,0)+1,1))-1)+IF('Standard Profiles'!$G$20=$B$10,7,0)+IF('Standard Profiles'!$G$20=$B$17,14,0)+IF('Standard Profiles'!$G$20=$B$24,21,0),MOD($C5242,24)+1)/SUM(INDEX($D$3:$AA$30,INDEX(Jesper!$R$2:$R$366,ROW(INDEX(Jesper!AJ$2:AJ$366,ROUNDDOWN($C5242/24,0)+1,1))-1)+IF('Standard Profiles'!$G$20=$B$10,7,0)+IF('Standard Profiles'!$G$20=$B$17,14,0)+IF('Standard Profiles'!$G$20=$B$24,21,0),0)),0)</f>
        <v>1.3773804029958625</v>
      </c>
      <c r="G5242" cm="1">
        <f t="array" ref="G5242">IFERROR(INDEX(Jesper!AK$2:AK$366,ROUNDDOWN($C5242/24,0)+1,1)*INDEX($D$3:$AA$30,INDEX(Jesper!$R$2:$R$366,ROW(INDEX(Jesper!AK$2:AK$366,ROUNDDOWN($C5242/24,0)+1,1))-1)+IF('Standard Profiles'!$G$21=$B$10,7,0)+IF('Standard Profiles'!$G$21=$B$17,14,0)+IF('Standard Profiles'!$G$21=$B$24,21,0),MOD($C5242,24)+1)/SUM(INDEX($D$3:$AA$30,INDEX(Jesper!$R$2:$R$366,ROW(INDEX(Jesper!AK$2:AK$366,ROUNDDOWN($C5242/24,0)+1,1))-1)+IF('Standard Profiles'!$G$21=$B$10,7,0)+IF('Standard Profiles'!$G$21=$B$17,14,0)+IF('Standard Profiles'!$G$21=$B$24,21,0),0)),0)</f>
        <v>0.91433187344932554</v>
      </c>
      <c r="H5242" cm="1">
        <f t="array" ref="H5242">IFERROR(INDEX(Jesper!AL$2:AL$366,ROUNDDOWN($C5242/24,0)+1,1)*INDEX($D$3:$AA$30,INDEX(Jesper!$R$2:$R$366,ROW(INDEX(Jesper!AL$2:AL$366,ROUNDDOWN($C5242/24,0)+1,1))-1)+IF('Standard Profiles'!$G$22=$B$10,7,0)+IF('Standard Profiles'!$G$22=$B$17,14,0)+IF('Standard Profiles'!$G$22=$B$24,21,0),MOD($C5242,24)+1)/SUM(INDEX($D$3:$AA$30,INDEX(Jesper!$R$2:$R$366,ROW(INDEX(Jesper!AL$2:AL$366,ROUNDDOWN($C5242/24,0)+1,1))-1)+IF('Standard Profiles'!$G$22=$B$10,7,0)+IF('Standard Profiles'!$G$22=$B$17,14,0)+IF('Standard Profiles'!$G$22=$B$24,21,0),0)),0)</f>
        <v>0.33348374420621352</v>
      </c>
      <c r="I5242">
        <f t="shared" si="587"/>
        <v>0.32014439443796516</v>
      </c>
      <c r="J5242">
        <f t="shared" si="588"/>
        <v>4.7368701305871461</v>
      </c>
      <c r="K5242">
        <f t="shared" si="589"/>
        <v>0.22107440948851909</v>
      </c>
      <c r="L5242">
        <f t="shared" si="590"/>
        <v>0.11053720474425954</v>
      </c>
      <c r="M5242">
        <f t="shared" si="591"/>
        <v>0</v>
      </c>
      <c r="N5242" s="45">
        <f t="shared" si="592"/>
        <v>45143.999999987369</v>
      </c>
    </row>
    <row r="5243" spans="2:14" x14ac:dyDescent="0.25">
      <c r="B5243">
        <f t="shared" si="586"/>
        <v>7</v>
      </c>
      <c r="C5243" s="16">
        <v>5209</v>
      </c>
      <c r="D5243" cm="1">
        <f t="array" ref="D5243">IFERROR(INDEX(Jesper!AH$2:AH$366,ROUNDDOWN($C5243/24,0)+1,1)*INDEX($D$3:$AA$30,INDEX(Jesper!$R$2:$R$366,ROW(INDEX(Jesper!AH$2:AH$366,ROUNDDOWN($C5243/24,0)+1,1))-1)+IF('Standard Profiles'!$G$18=$B$10,7,0)+IF('Standard Profiles'!$G$18=$B$17,14,0)+IF('Standard Profiles'!$G$18=$B$24,21,0),MOD($C5243,24)+1)/SUM(INDEX($D$3:$AA$30,INDEX(Jesper!$R$2:$R$366,ROW(INDEX(Jesper!AH$2:AH$366,ROUNDDOWN($C5243/24,0)+1,1))-1)+IF('Standard Profiles'!$G$18=$B$10,7,0)+IF('Standard Profiles'!$G$18=$B$17,14,0)+IF('Standard Profiles'!$G$18=$B$24,21,0),0)),0)</f>
        <v>0</v>
      </c>
      <c r="E5243" cm="1">
        <f t="array" ref="E5243">IFERROR(INDEX(Jesper!AI$2:AI$366,ROUNDDOWN($C5243/24,0)+1,1)*INDEX($D$3:$AA$30,INDEX(Jesper!$R$2:$R$366,ROW(INDEX(Jesper!AI$2:AI$366,ROUNDDOWN($C5243/24,0)+1,1))-1)+IF('Standard Profiles'!$G$19=$B$10,7,0)+IF('Standard Profiles'!$G$19=$B$17,14,0)+IF('Standard Profiles'!$G$19=$B$24,21,0),MOD($C5243,24)+1)/SUM(INDEX($D$3:$AA$30,INDEX(Jesper!$R$2:$R$366,ROW(INDEX(Jesper!AI$2:AI$366,ROUNDDOWN($C5243/24,0)+1,1))-1)+IF('Standard Profiles'!$G$19=$B$10,7,0)+IF('Standard Profiles'!$G$19=$B$17,14,0)+IF('Standard Profiles'!$G$19=$B$24,21,0),0)),0)</f>
        <v>2.7634301186064887</v>
      </c>
      <c r="F5243" cm="1">
        <f t="array" ref="F5243">IFERROR(INDEX(Jesper!AJ$2:AJ$366,ROUNDDOWN($C5243/24,0)+1,1)*INDEX($D$3:$AA$30,INDEX(Jesper!$R$2:$R$366,ROW(INDEX(Jesper!AJ$2:AJ$366,ROUNDDOWN($C5243/24,0)+1,1))-1)+IF('Standard Profiles'!$G$20=$B$10,7,0)+IF('Standard Profiles'!$G$20=$B$17,14,0)+IF('Standard Profiles'!$G$20=$B$24,21,0),MOD($C5243,24)+1)/SUM(INDEX($D$3:$AA$30,INDEX(Jesper!$R$2:$R$366,ROW(INDEX(Jesper!AJ$2:AJ$366,ROUNDDOWN($C5243/24,0)+1,1))-1)+IF('Standard Profiles'!$G$20=$B$10,7,0)+IF('Standard Profiles'!$G$20=$B$17,14,0)+IF('Standard Profiles'!$G$20=$B$24,21,0),0)),0)</f>
        <v>1.3773804029958625</v>
      </c>
      <c r="G5243" cm="1">
        <f t="array" ref="G5243">IFERROR(INDEX(Jesper!AK$2:AK$366,ROUNDDOWN($C5243/24,0)+1,1)*INDEX($D$3:$AA$30,INDEX(Jesper!$R$2:$R$366,ROW(INDEX(Jesper!AK$2:AK$366,ROUNDDOWN($C5243/24,0)+1,1))-1)+IF('Standard Profiles'!$G$21=$B$10,7,0)+IF('Standard Profiles'!$G$21=$B$17,14,0)+IF('Standard Profiles'!$G$21=$B$24,21,0),MOD($C5243,24)+1)/SUM(INDEX($D$3:$AA$30,INDEX(Jesper!$R$2:$R$366,ROW(INDEX(Jesper!AK$2:AK$366,ROUNDDOWN($C5243/24,0)+1,1))-1)+IF('Standard Profiles'!$G$21=$B$10,7,0)+IF('Standard Profiles'!$G$21=$B$17,14,0)+IF('Standard Profiles'!$G$21=$B$24,21,0),0)),0)</f>
        <v>0.91433187344932554</v>
      </c>
      <c r="H5243" cm="1">
        <f t="array" ref="H5243">IFERROR(INDEX(Jesper!AL$2:AL$366,ROUNDDOWN($C5243/24,0)+1,1)*INDEX($D$3:$AA$30,INDEX(Jesper!$R$2:$R$366,ROW(INDEX(Jesper!AL$2:AL$366,ROUNDDOWN($C5243/24,0)+1,1))-1)+IF('Standard Profiles'!$G$22=$B$10,7,0)+IF('Standard Profiles'!$G$22=$B$17,14,0)+IF('Standard Profiles'!$G$22=$B$24,21,0),MOD($C5243,24)+1)/SUM(INDEX($D$3:$AA$30,INDEX(Jesper!$R$2:$R$366,ROW(INDEX(Jesper!AL$2:AL$366,ROUNDDOWN($C5243/24,0)+1,1))-1)+IF('Standard Profiles'!$G$22=$B$10,7,0)+IF('Standard Profiles'!$G$22=$B$17,14,0)+IF('Standard Profiles'!$G$22=$B$24,21,0),0)),0)</f>
        <v>0.38727144488463505</v>
      </c>
      <c r="I5243">
        <f t="shared" si="587"/>
        <v>0.37178058708924983</v>
      </c>
      <c r="J5243">
        <f t="shared" si="588"/>
        <v>4.7390216386142834</v>
      </c>
      <c r="K5243">
        <f t="shared" si="589"/>
        <v>0.22107440948851909</v>
      </c>
      <c r="L5243">
        <f t="shared" si="590"/>
        <v>0.11053720474425954</v>
      </c>
      <c r="M5243">
        <f t="shared" si="591"/>
        <v>0</v>
      </c>
      <c r="N5243" s="45">
        <f t="shared" si="592"/>
        <v>45144.041666654033</v>
      </c>
    </row>
    <row r="5244" spans="2:14" x14ac:dyDescent="0.25">
      <c r="B5244">
        <f t="shared" si="586"/>
        <v>7</v>
      </c>
      <c r="C5244" s="16">
        <v>5210</v>
      </c>
      <c r="D5244" cm="1">
        <f t="array" ref="D5244">IFERROR(INDEX(Jesper!AH$2:AH$366,ROUNDDOWN($C5244/24,0)+1,1)*INDEX($D$3:$AA$30,INDEX(Jesper!$R$2:$R$366,ROW(INDEX(Jesper!AH$2:AH$366,ROUNDDOWN($C5244/24,0)+1,1))-1)+IF('Standard Profiles'!$G$18=$B$10,7,0)+IF('Standard Profiles'!$G$18=$B$17,14,0)+IF('Standard Profiles'!$G$18=$B$24,21,0),MOD($C5244,24)+1)/SUM(INDEX($D$3:$AA$30,INDEX(Jesper!$R$2:$R$366,ROW(INDEX(Jesper!AH$2:AH$366,ROUNDDOWN($C5244/24,0)+1,1))-1)+IF('Standard Profiles'!$G$18=$B$10,7,0)+IF('Standard Profiles'!$G$18=$B$17,14,0)+IF('Standard Profiles'!$G$18=$B$24,21,0),0)),0)</f>
        <v>0</v>
      </c>
      <c r="E5244" cm="1">
        <f t="array" ref="E5244">IFERROR(INDEX(Jesper!AI$2:AI$366,ROUNDDOWN($C5244/24,0)+1,1)*INDEX($D$3:$AA$30,INDEX(Jesper!$R$2:$R$366,ROW(INDEX(Jesper!AI$2:AI$366,ROUNDDOWN($C5244/24,0)+1,1))-1)+IF('Standard Profiles'!$G$19=$B$10,7,0)+IF('Standard Profiles'!$G$19=$B$17,14,0)+IF('Standard Profiles'!$G$19=$B$24,21,0),MOD($C5244,24)+1)/SUM(INDEX($D$3:$AA$30,INDEX(Jesper!$R$2:$R$366,ROW(INDEX(Jesper!AI$2:AI$366,ROUNDDOWN($C5244/24,0)+1,1))-1)+IF('Standard Profiles'!$G$19=$B$10,7,0)+IF('Standard Profiles'!$G$19=$B$17,14,0)+IF('Standard Profiles'!$G$19=$B$24,21,0),0)),0)</f>
        <v>2.7634301186064887</v>
      </c>
      <c r="F5244" cm="1">
        <f t="array" ref="F5244">IFERROR(INDEX(Jesper!AJ$2:AJ$366,ROUNDDOWN($C5244/24,0)+1,1)*INDEX($D$3:$AA$30,INDEX(Jesper!$R$2:$R$366,ROW(INDEX(Jesper!AJ$2:AJ$366,ROUNDDOWN($C5244/24,0)+1,1))-1)+IF('Standard Profiles'!$G$20=$B$10,7,0)+IF('Standard Profiles'!$G$20=$B$17,14,0)+IF('Standard Profiles'!$G$20=$B$24,21,0),MOD($C5244,24)+1)/SUM(INDEX($D$3:$AA$30,INDEX(Jesper!$R$2:$R$366,ROW(INDEX(Jesper!AJ$2:AJ$366,ROUNDDOWN($C5244/24,0)+1,1))-1)+IF('Standard Profiles'!$G$20=$B$10,7,0)+IF('Standard Profiles'!$G$20=$B$17,14,0)+IF('Standard Profiles'!$G$20=$B$24,21,0),0)),0)</f>
        <v>1.3773804029958625</v>
      </c>
      <c r="G5244" cm="1">
        <f t="array" ref="G5244">IFERROR(INDEX(Jesper!AK$2:AK$366,ROUNDDOWN($C5244/24,0)+1,1)*INDEX($D$3:$AA$30,INDEX(Jesper!$R$2:$R$366,ROW(INDEX(Jesper!AK$2:AK$366,ROUNDDOWN($C5244/24,0)+1,1))-1)+IF('Standard Profiles'!$G$21=$B$10,7,0)+IF('Standard Profiles'!$G$21=$B$17,14,0)+IF('Standard Profiles'!$G$21=$B$24,21,0),MOD($C5244,24)+1)/SUM(INDEX($D$3:$AA$30,INDEX(Jesper!$R$2:$R$366,ROW(INDEX(Jesper!AK$2:AK$366,ROUNDDOWN($C5244/24,0)+1,1))-1)+IF('Standard Profiles'!$G$21=$B$10,7,0)+IF('Standard Profiles'!$G$21=$B$17,14,0)+IF('Standard Profiles'!$G$21=$B$24,21,0),0)),0)</f>
        <v>0.91433187344932554</v>
      </c>
      <c r="H5244" cm="1">
        <f t="array" ref="H5244">IFERROR(INDEX(Jesper!AL$2:AL$366,ROUNDDOWN($C5244/24,0)+1,1)*INDEX($D$3:$AA$30,INDEX(Jesper!$R$2:$R$366,ROW(INDEX(Jesper!AL$2:AL$366,ROUNDDOWN($C5244/24,0)+1,1))-1)+IF('Standard Profiles'!$G$22=$B$10,7,0)+IF('Standard Profiles'!$G$22=$B$17,14,0)+IF('Standard Profiles'!$G$22=$B$24,21,0),MOD($C5244,24)+1)/SUM(INDEX($D$3:$AA$30,INDEX(Jesper!$R$2:$R$366,ROW(INDEX(Jesper!AL$2:AL$366,ROUNDDOWN($C5244/24,0)+1,1))-1)+IF('Standard Profiles'!$G$22=$B$10,7,0)+IF('Standard Profiles'!$G$22=$B$17,14,0)+IF('Standard Profiles'!$G$22=$B$24,21,0),0)),0)</f>
        <v>0.38727144488463505</v>
      </c>
      <c r="I5244">
        <f t="shared" si="587"/>
        <v>0.37178058708924983</v>
      </c>
      <c r="J5244">
        <f t="shared" si="588"/>
        <v>4.7390216386142834</v>
      </c>
      <c r="K5244">
        <f t="shared" si="589"/>
        <v>0.22107440948851909</v>
      </c>
      <c r="L5244">
        <f t="shared" si="590"/>
        <v>0.11053720474425954</v>
      </c>
      <c r="M5244">
        <f t="shared" si="591"/>
        <v>0</v>
      </c>
      <c r="N5244" s="45">
        <f t="shared" si="592"/>
        <v>45144.083333320697</v>
      </c>
    </row>
    <row r="5245" spans="2:14" x14ac:dyDescent="0.25">
      <c r="B5245">
        <f t="shared" si="586"/>
        <v>7</v>
      </c>
      <c r="C5245" s="16">
        <v>5211</v>
      </c>
      <c r="D5245" cm="1">
        <f t="array" ref="D5245">IFERROR(INDEX(Jesper!AH$2:AH$366,ROUNDDOWN($C5245/24,0)+1,1)*INDEX($D$3:$AA$30,INDEX(Jesper!$R$2:$R$366,ROW(INDEX(Jesper!AH$2:AH$366,ROUNDDOWN($C5245/24,0)+1,1))-1)+IF('Standard Profiles'!$G$18=$B$10,7,0)+IF('Standard Profiles'!$G$18=$B$17,14,0)+IF('Standard Profiles'!$G$18=$B$24,21,0),MOD($C5245,24)+1)/SUM(INDEX($D$3:$AA$30,INDEX(Jesper!$R$2:$R$366,ROW(INDEX(Jesper!AH$2:AH$366,ROUNDDOWN($C5245/24,0)+1,1))-1)+IF('Standard Profiles'!$G$18=$B$10,7,0)+IF('Standard Profiles'!$G$18=$B$17,14,0)+IF('Standard Profiles'!$G$18=$B$24,21,0),0)),0)</f>
        <v>0</v>
      </c>
      <c r="E5245" cm="1">
        <f t="array" ref="E5245">IFERROR(INDEX(Jesper!AI$2:AI$366,ROUNDDOWN($C5245/24,0)+1,1)*INDEX($D$3:$AA$30,INDEX(Jesper!$R$2:$R$366,ROW(INDEX(Jesper!AI$2:AI$366,ROUNDDOWN($C5245/24,0)+1,1))-1)+IF('Standard Profiles'!$G$19=$B$10,7,0)+IF('Standard Profiles'!$G$19=$B$17,14,0)+IF('Standard Profiles'!$G$19=$B$24,21,0),MOD($C5245,24)+1)/SUM(INDEX($D$3:$AA$30,INDEX(Jesper!$R$2:$R$366,ROW(INDEX(Jesper!AI$2:AI$366,ROUNDDOWN($C5245/24,0)+1,1))-1)+IF('Standard Profiles'!$G$19=$B$10,7,0)+IF('Standard Profiles'!$G$19=$B$17,14,0)+IF('Standard Profiles'!$G$19=$B$24,21,0),0)),0)</f>
        <v>2.7634301186064887</v>
      </c>
      <c r="F5245" cm="1">
        <f t="array" ref="F5245">IFERROR(INDEX(Jesper!AJ$2:AJ$366,ROUNDDOWN($C5245/24,0)+1,1)*INDEX($D$3:$AA$30,INDEX(Jesper!$R$2:$R$366,ROW(INDEX(Jesper!AJ$2:AJ$366,ROUNDDOWN($C5245/24,0)+1,1))-1)+IF('Standard Profiles'!$G$20=$B$10,7,0)+IF('Standard Profiles'!$G$20=$B$17,14,0)+IF('Standard Profiles'!$G$20=$B$24,21,0),MOD($C5245,24)+1)/SUM(INDEX($D$3:$AA$30,INDEX(Jesper!$R$2:$R$366,ROW(INDEX(Jesper!AJ$2:AJ$366,ROUNDDOWN($C5245/24,0)+1,1))-1)+IF('Standard Profiles'!$G$20=$B$10,7,0)+IF('Standard Profiles'!$G$20=$B$17,14,0)+IF('Standard Profiles'!$G$20=$B$24,21,0),0)),0)</f>
        <v>1.3773804029958625</v>
      </c>
      <c r="G5245" cm="1">
        <f t="array" ref="G5245">IFERROR(INDEX(Jesper!AK$2:AK$366,ROUNDDOWN($C5245/24,0)+1,1)*INDEX($D$3:$AA$30,INDEX(Jesper!$R$2:$R$366,ROW(INDEX(Jesper!AK$2:AK$366,ROUNDDOWN($C5245/24,0)+1,1))-1)+IF('Standard Profiles'!$G$21=$B$10,7,0)+IF('Standard Profiles'!$G$21=$B$17,14,0)+IF('Standard Profiles'!$G$21=$B$24,21,0),MOD($C5245,24)+1)/SUM(INDEX($D$3:$AA$30,INDEX(Jesper!$R$2:$R$366,ROW(INDEX(Jesper!AK$2:AK$366,ROUNDDOWN($C5245/24,0)+1,1))-1)+IF('Standard Profiles'!$G$21=$B$10,7,0)+IF('Standard Profiles'!$G$21=$B$17,14,0)+IF('Standard Profiles'!$G$21=$B$24,21,0),0)),0)</f>
        <v>0.91433187344932554</v>
      </c>
      <c r="H5245" cm="1">
        <f t="array" ref="H5245">IFERROR(INDEX(Jesper!AL$2:AL$366,ROUNDDOWN($C5245/24,0)+1,1)*INDEX($D$3:$AA$30,INDEX(Jesper!$R$2:$R$366,ROW(INDEX(Jesper!AL$2:AL$366,ROUNDDOWN($C5245/24,0)+1,1))-1)+IF('Standard Profiles'!$G$22=$B$10,7,0)+IF('Standard Profiles'!$G$22=$B$17,14,0)+IF('Standard Profiles'!$G$22=$B$24,21,0),MOD($C5245,24)+1)/SUM(INDEX($D$3:$AA$30,INDEX(Jesper!$R$2:$R$366,ROW(INDEX(Jesper!AL$2:AL$366,ROUNDDOWN($C5245/24,0)+1,1))-1)+IF('Standard Profiles'!$G$22=$B$10,7,0)+IF('Standard Profiles'!$G$22=$B$17,14,0)+IF('Standard Profiles'!$G$22=$B$24,21,0),0)),0)</f>
        <v>0.38727144488463505</v>
      </c>
      <c r="I5245">
        <f t="shared" si="587"/>
        <v>0.37178058708924983</v>
      </c>
      <c r="J5245">
        <f t="shared" si="588"/>
        <v>4.7390216386142834</v>
      </c>
      <c r="K5245">
        <f t="shared" si="589"/>
        <v>0.22107440948851909</v>
      </c>
      <c r="L5245">
        <f t="shared" si="590"/>
        <v>0.11053720474425954</v>
      </c>
      <c r="M5245">
        <f t="shared" si="591"/>
        <v>0</v>
      </c>
      <c r="N5245" s="45">
        <f t="shared" si="592"/>
        <v>45144.124999987362</v>
      </c>
    </row>
    <row r="5246" spans="2:14" x14ac:dyDescent="0.25">
      <c r="B5246">
        <f t="shared" si="586"/>
        <v>7</v>
      </c>
      <c r="C5246" s="16">
        <v>5212</v>
      </c>
      <c r="D5246" cm="1">
        <f t="array" ref="D5246">IFERROR(INDEX(Jesper!AH$2:AH$366,ROUNDDOWN($C5246/24,0)+1,1)*INDEX($D$3:$AA$30,INDEX(Jesper!$R$2:$R$366,ROW(INDEX(Jesper!AH$2:AH$366,ROUNDDOWN($C5246/24,0)+1,1))-1)+IF('Standard Profiles'!$G$18=$B$10,7,0)+IF('Standard Profiles'!$G$18=$B$17,14,0)+IF('Standard Profiles'!$G$18=$B$24,21,0),MOD($C5246,24)+1)/SUM(INDEX($D$3:$AA$30,INDEX(Jesper!$R$2:$R$366,ROW(INDEX(Jesper!AH$2:AH$366,ROUNDDOWN($C5246/24,0)+1,1))-1)+IF('Standard Profiles'!$G$18=$B$10,7,0)+IF('Standard Profiles'!$G$18=$B$17,14,0)+IF('Standard Profiles'!$G$18=$B$24,21,0),0)),0)</f>
        <v>0</v>
      </c>
      <c r="E5246" cm="1">
        <f t="array" ref="E5246">IFERROR(INDEX(Jesper!AI$2:AI$366,ROUNDDOWN($C5246/24,0)+1,1)*INDEX($D$3:$AA$30,INDEX(Jesper!$R$2:$R$366,ROW(INDEX(Jesper!AI$2:AI$366,ROUNDDOWN($C5246/24,0)+1,1))-1)+IF('Standard Profiles'!$G$19=$B$10,7,0)+IF('Standard Profiles'!$G$19=$B$17,14,0)+IF('Standard Profiles'!$G$19=$B$24,21,0),MOD($C5246,24)+1)/SUM(INDEX($D$3:$AA$30,INDEX(Jesper!$R$2:$R$366,ROW(INDEX(Jesper!AI$2:AI$366,ROUNDDOWN($C5246/24,0)+1,1))-1)+IF('Standard Profiles'!$G$19=$B$10,7,0)+IF('Standard Profiles'!$G$19=$B$17,14,0)+IF('Standard Profiles'!$G$19=$B$24,21,0),0)),0)</f>
        <v>2.7634301186064887</v>
      </c>
      <c r="F5246" cm="1">
        <f t="array" ref="F5246">IFERROR(INDEX(Jesper!AJ$2:AJ$366,ROUNDDOWN($C5246/24,0)+1,1)*INDEX($D$3:$AA$30,INDEX(Jesper!$R$2:$R$366,ROW(INDEX(Jesper!AJ$2:AJ$366,ROUNDDOWN($C5246/24,0)+1,1))-1)+IF('Standard Profiles'!$G$20=$B$10,7,0)+IF('Standard Profiles'!$G$20=$B$17,14,0)+IF('Standard Profiles'!$G$20=$B$24,21,0),MOD($C5246,24)+1)/SUM(INDEX($D$3:$AA$30,INDEX(Jesper!$R$2:$R$366,ROW(INDEX(Jesper!AJ$2:AJ$366,ROUNDDOWN($C5246/24,0)+1,1))-1)+IF('Standard Profiles'!$G$20=$B$10,7,0)+IF('Standard Profiles'!$G$20=$B$17,14,0)+IF('Standard Profiles'!$G$20=$B$24,21,0),0)),0)</f>
        <v>1.3773804029958625</v>
      </c>
      <c r="G5246" cm="1">
        <f t="array" ref="G5246">IFERROR(INDEX(Jesper!AK$2:AK$366,ROUNDDOWN($C5246/24,0)+1,1)*INDEX($D$3:$AA$30,INDEX(Jesper!$R$2:$R$366,ROW(INDEX(Jesper!AK$2:AK$366,ROUNDDOWN($C5246/24,0)+1,1))-1)+IF('Standard Profiles'!$G$21=$B$10,7,0)+IF('Standard Profiles'!$G$21=$B$17,14,0)+IF('Standard Profiles'!$G$21=$B$24,21,0),MOD($C5246,24)+1)/SUM(INDEX($D$3:$AA$30,INDEX(Jesper!$R$2:$R$366,ROW(INDEX(Jesper!AK$2:AK$366,ROUNDDOWN($C5246/24,0)+1,1))-1)+IF('Standard Profiles'!$G$21=$B$10,7,0)+IF('Standard Profiles'!$G$21=$B$17,14,0)+IF('Standard Profiles'!$G$21=$B$24,21,0),0)),0)</f>
        <v>0.91433187344932554</v>
      </c>
      <c r="H5246" cm="1">
        <f t="array" ref="H5246">IFERROR(INDEX(Jesper!AL$2:AL$366,ROUNDDOWN($C5246/24,0)+1,1)*INDEX($D$3:$AA$30,INDEX(Jesper!$R$2:$R$366,ROW(INDEX(Jesper!AL$2:AL$366,ROUNDDOWN($C5246/24,0)+1,1))-1)+IF('Standard Profiles'!$G$22=$B$10,7,0)+IF('Standard Profiles'!$G$22=$B$17,14,0)+IF('Standard Profiles'!$G$22=$B$24,21,0),MOD($C5246,24)+1)/SUM(INDEX($D$3:$AA$30,INDEX(Jesper!$R$2:$R$366,ROW(INDEX(Jesper!AL$2:AL$366,ROUNDDOWN($C5246/24,0)+1,1))-1)+IF('Standard Profiles'!$G$22=$B$10,7,0)+IF('Standard Profiles'!$G$22=$B$17,14,0)+IF('Standard Profiles'!$G$22=$B$24,21,0),0)),0)</f>
        <v>0.38727144488463505</v>
      </c>
      <c r="I5246">
        <f t="shared" si="587"/>
        <v>0.37178058708924983</v>
      </c>
      <c r="J5246">
        <f t="shared" si="588"/>
        <v>4.7390216386142834</v>
      </c>
      <c r="K5246">
        <f t="shared" si="589"/>
        <v>0.22107440948851909</v>
      </c>
      <c r="L5246">
        <f t="shared" si="590"/>
        <v>0.11053720474425954</v>
      </c>
      <c r="M5246">
        <f t="shared" si="591"/>
        <v>0</v>
      </c>
      <c r="N5246" s="45">
        <f t="shared" si="592"/>
        <v>45144.166666654026</v>
      </c>
    </row>
    <row r="5247" spans="2:14" x14ac:dyDescent="0.25">
      <c r="B5247">
        <f t="shared" si="586"/>
        <v>7</v>
      </c>
      <c r="C5247" s="16">
        <v>5213</v>
      </c>
      <c r="D5247" cm="1">
        <f t="array" ref="D5247">IFERROR(INDEX(Jesper!AH$2:AH$366,ROUNDDOWN($C5247/24,0)+1,1)*INDEX($D$3:$AA$30,INDEX(Jesper!$R$2:$R$366,ROW(INDEX(Jesper!AH$2:AH$366,ROUNDDOWN($C5247/24,0)+1,1))-1)+IF('Standard Profiles'!$G$18=$B$10,7,0)+IF('Standard Profiles'!$G$18=$B$17,14,0)+IF('Standard Profiles'!$G$18=$B$24,21,0),MOD($C5247,24)+1)/SUM(INDEX($D$3:$AA$30,INDEX(Jesper!$R$2:$R$366,ROW(INDEX(Jesper!AH$2:AH$366,ROUNDDOWN($C5247/24,0)+1,1))-1)+IF('Standard Profiles'!$G$18=$B$10,7,0)+IF('Standard Profiles'!$G$18=$B$17,14,0)+IF('Standard Profiles'!$G$18=$B$24,21,0),0)),0)</f>
        <v>0</v>
      </c>
      <c r="E5247" cm="1">
        <f t="array" ref="E5247">IFERROR(INDEX(Jesper!AI$2:AI$366,ROUNDDOWN($C5247/24,0)+1,1)*INDEX($D$3:$AA$30,INDEX(Jesper!$R$2:$R$366,ROW(INDEX(Jesper!AI$2:AI$366,ROUNDDOWN($C5247/24,0)+1,1))-1)+IF('Standard Profiles'!$G$19=$B$10,7,0)+IF('Standard Profiles'!$G$19=$B$17,14,0)+IF('Standard Profiles'!$G$19=$B$24,21,0),MOD($C5247,24)+1)/SUM(INDEX($D$3:$AA$30,INDEX(Jesper!$R$2:$R$366,ROW(INDEX(Jesper!AI$2:AI$366,ROUNDDOWN($C5247/24,0)+1,1))-1)+IF('Standard Profiles'!$G$19=$B$10,7,0)+IF('Standard Profiles'!$G$19=$B$17,14,0)+IF('Standard Profiles'!$G$19=$B$24,21,0),0)),0)</f>
        <v>2.7634301186064887</v>
      </c>
      <c r="F5247" cm="1">
        <f t="array" ref="F5247">IFERROR(INDEX(Jesper!AJ$2:AJ$366,ROUNDDOWN($C5247/24,0)+1,1)*INDEX($D$3:$AA$30,INDEX(Jesper!$R$2:$R$366,ROW(INDEX(Jesper!AJ$2:AJ$366,ROUNDDOWN($C5247/24,0)+1,1))-1)+IF('Standard Profiles'!$G$20=$B$10,7,0)+IF('Standard Profiles'!$G$20=$B$17,14,0)+IF('Standard Profiles'!$G$20=$B$24,21,0),MOD($C5247,24)+1)/SUM(INDEX($D$3:$AA$30,INDEX(Jesper!$R$2:$R$366,ROW(INDEX(Jesper!AJ$2:AJ$366,ROUNDDOWN($C5247/24,0)+1,1))-1)+IF('Standard Profiles'!$G$20=$B$10,7,0)+IF('Standard Profiles'!$G$20=$B$17,14,0)+IF('Standard Profiles'!$G$20=$B$24,21,0),0)),0)</f>
        <v>1.3773804029958625</v>
      </c>
      <c r="G5247" cm="1">
        <f t="array" ref="G5247">IFERROR(INDEX(Jesper!AK$2:AK$366,ROUNDDOWN($C5247/24,0)+1,1)*INDEX($D$3:$AA$30,INDEX(Jesper!$R$2:$R$366,ROW(INDEX(Jesper!AK$2:AK$366,ROUNDDOWN($C5247/24,0)+1,1))-1)+IF('Standard Profiles'!$G$21=$B$10,7,0)+IF('Standard Profiles'!$G$21=$B$17,14,0)+IF('Standard Profiles'!$G$21=$B$24,21,0),MOD($C5247,24)+1)/SUM(INDEX($D$3:$AA$30,INDEX(Jesper!$R$2:$R$366,ROW(INDEX(Jesper!AK$2:AK$366,ROUNDDOWN($C5247/24,0)+1,1))-1)+IF('Standard Profiles'!$G$21=$B$10,7,0)+IF('Standard Profiles'!$G$21=$B$17,14,0)+IF('Standard Profiles'!$G$21=$B$24,21,0),0)),0)</f>
        <v>0.91433187344932554</v>
      </c>
      <c r="H5247" cm="1">
        <f t="array" ref="H5247">IFERROR(INDEX(Jesper!AL$2:AL$366,ROUNDDOWN($C5247/24,0)+1,1)*INDEX($D$3:$AA$30,INDEX(Jesper!$R$2:$R$366,ROW(INDEX(Jesper!AL$2:AL$366,ROUNDDOWN($C5247/24,0)+1,1))-1)+IF('Standard Profiles'!$G$22=$B$10,7,0)+IF('Standard Profiles'!$G$22=$B$17,14,0)+IF('Standard Profiles'!$G$22=$B$24,21,0),MOD($C5247,24)+1)/SUM(INDEX($D$3:$AA$30,INDEX(Jesper!$R$2:$R$366,ROW(INDEX(Jesper!AL$2:AL$366,ROUNDDOWN($C5247/24,0)+1,1))-1)+IF('Standard Profiles'!$G$22=$B$10,7,0)+IF('Standard Profiles'!$G$22=$B$17,14,0)+IF('Standard Profiles'!$G$22=$B$24,21,0),0)),0)</f>
        <v>0.48408930610579376</v>
      </c>
      <c r="I5247">
        <f t="shared" si="587"/>
        <v>0.46472573386156224</v>
      </c>
      <c r="J5247">
        <f t="shared" si="588"/>
        <v>4.7428943530631296</v>
      </c>
      <c r="K5247">
        <f t="shared" si="589"/>
        <v>0.22107440948851909</v>
      </c>
      <c r="L5247">
        <f t="shared" si="590"/>
        <v>0.11053720474425954</v>
      </c>
      <c r="M5247">
        <f t="shared" si="591"/>
        <v>0</v>
      </c>
      <c r="N5247" s="45">
        <f t="shared" si="592"/>
        <v>45144.20833332069</v>
      </c>
    </row>
    <row r="5248" spans="2:14" x14ac:dyDescent="0.25">
      <c r="B5248">
        <f t="shared" si="586"/>
        <v>7</v>
      </c>
      <c r="C5248" s="16">
        <v>5214</v>
      </c>
      <c r="D5248" cm="1">
        <f t="array" ref="D5248">IFERROR(INDEX(Jesper!AH$2:AH$366,ROUNDDOWN($C5248/24,0)+1,1)*INDEX($D$3:$AA$30,INDEX(Jesper!$R$2:$R$366,ROW(INDEX(Jesper!AH$2:AH$366,ROUNDDOWN($C5248/24,0)+1,1))-1)+IF('Standard Profiles'!$G$18=$B$10,7,0)+IF('Standard Profiles'!$G$18=$B$17,14,0)+IF('Standard Profiles'!$G$18=$B$24,21,0),MOD($C5248,24)+1)/SUM(INDEX($D$3:$AA$30,INDEX(Jesper!$R$2:$R$366,ROW(INDEX(Jesper!AH$2:AH$366,ROUNDDOWN($C5248/24,0)+1,1))-1)+IF('Standard Profiles'!$G$18=$B$10,7,0)+IF('Standard Profiles'!$G$18=$B$17,14,0)+IF('Standard Profiles'!$G$18=$B$24,21,0),0)),0)</f>
        <v>0</v>
      </c>
      <c r="E5248" cm="1">
        <f t="array" ref="E5248">IFERROR(INDEX(Jesper!AI$2:AI$366,ROUNDDOWN($C5248/24,0)+1,1)*INDEX($D$3:$AA$30,INDEX(Jesper!$R$2:$R$366,ROW(INDEX(Jesper!AI$2:AI$366,ROUNDDOWN($C5248/24,0)+1,1))-1)+IF('Standard Profiles'!$G$19=$B$10,7,0)+IF('Standard Profiles'!$G$19=$B$17,14,0)+IF('Standard Profiles'!$G$19=$B$24,21,0),MOD($C5248,24)+1)/SUM(INDEX($D$3:$AA$30,INDEX(Jesper!$R$2:$R$366,ROW(INDEX(Jesper!AI$2:AI$366,ROUNDDOWN($C5248/24,0)+1,1))-1)+IF('Standard Profiles'!$G$19=$B$10,7,0)+IF('Standard Profiles'!$G$19=$B$17,14,0)+IF('Standard Profiles'!$G$19=$B$24,21,0),0)),0)</f>
        <v>2.7634301186064887</v>
      </c>
      <c r="F5248" cm="1">
        <f t="array" ref="F5248">IFERROR(INDEX(Jesper!AJ$2:AJ$366,ROUNDDOWN($C5248/24,0)+1,1)*INDEX($D$3:$AA$30,INDEX(Jesper!$R$2:$R$366,ROW(INDEX(Jesper!AJ$2:AJ$366,ROUNDDOWN($C5248/24,0)+1,1))-1)+IF('Standard Profiles'!$G$20=$B$10,7,0)+IF('Standard Profiles'!$G$20=$B$17,14,0)+IF('Standard Profiles'!$G$20=$B$24,21,0),MOD($C5248,24)+1)/SUM(INDEX($D$3:$AA$30,INDEX(Jesper!$R$2:$R$366,ROW(INDEX(Jesper!AJ$2:AJ$366,ROUNDDOWN($C5248/24,0)+1,1))-1)+IF('Standard Profiles'!$G$20=$B$10,7,0)+IF('Standard Profiles'!$G$20=$B$17,14,0)+IF('Standard Profiles'!$G$20=$B$24,21,0),0)),0)</f>
        <v>1.3773804029958625</v>
      </c>
      <c r="G5248" cm="1">
        <f t="array" ref="G5248">IFERROR(INDEX(Jesper!AK$2:AK$366,ROUNDDOWN($C5248/24,0)+1,1)*INDEX($D$3:$AA$30,INDEX(Jesper!$R$2:$R$366,ROW(INDEX(Jesper!AK$2:AK$366,ROUNDDOWN($C5248/24,0)+1,1))-1)+IF('Standard Profiles'!$G$21=$B$10,7,0)+IF('Standard Profiles'!$G$21=$B$17,14,0)+IF('Standard Profiles'!$G$21=$B$24,21,0),MOD($C5248,24)+1)/SUM(INDEX($D$3:$AA$30,INDEX(Jesper!$R$2:$R$366,ROW(INDEX(Jesper!AK$2:AK$366,ROUNDDOWN($C5248/24,0)+1,1))-1)+IF('Standard Profiles'!$G$21=$B$10,7,0)+IF('Standard Profiles'!$G$21=$B$17,14,0)+IF('Standard Profiles'!$G$21=$B$24,21,0),0)),0)</f>
        <v>0.91433187344932554</v>
      </c>
      <c r="H5248" cm="1">
        <f t="array" ref="H5248">IFERROR(INDEX(Jesper!AL$2:AL$366,ROUNDDOWN($C5248/24,0)+1,1)*INDEX($D$3:$AA$30,INDEX(Jesper!$R$2:$R$366,ROW(INDEX(Jesper!AL$2:AL$366,ROUNDDOWN($C5248/24,0)+1,1))-1)+IF('Standard Profiles'!$G$22=$B$10,7,0)+IF('Standard Profiles'!$G$22=$B$17,14,0)+IF('Standard Profiles'!$G$22=$B$24,21,0),MOD($C5248,24)+1)/SUM(INDEX($D$3:$AA$30,INDEX(Jesper!$R$2:$R$366,ROW(INDEX(Jesper!AL$2:AL$366,ROUNDDOWN($C5248/24,0)+1,1))-1)+IF('Standard Profiles'!$G$22=$B$10,7,0)+IF('Standard Profiles'!$G$22=$B$17,14,0)+IF('Standard Profiles'!$G$22=$B$24,21,0),0)),0)</f>
        <v>0.57014962719126816</v>
      </c>
      <c r="I5248">
        <f t="shared" si="587"/>
        <v>0.54734364210361774</v>
      </c>
      <c r="J5248">
        <f t="shared" si="588"/>
        <v>4.7463367659065483</v>
      </c>
      <c r="K5248">
        <f t="shared" si="589"/>
        <v>0.22107440948851909</v>
      </c>
      <c r="L5248">
        <f t="shared" si="590"/>
        <v>0.11053720474425954</v>
      </c>
      <c r="M5248">
        <f t="shared" si="591"/>
        <v>0</v>
      </c>
      <c r="N5248" s="45">
        <f t="shared" si="592"/>
        <v>45144.249999987354</v>
      </c>
    </row>
    <row r="5249" spans="2:14" x14ac:dyDescent="0.25">
      <c r="B5249">
        <f t="shared" si="586"/>
        <v>7</v>
      </c>
      <c r="C5249" s="16">
        <v>5215</v>
      </c>
      <c r="D5249" cm="1">
        <f t="array" ref="D5249">IFERROR(INDEX(Jesper!AH$2:AH$366,ROUNDDOWN($C5249/24,0)+1,1)*INDEX($D$3:$AA$30,INDEX(Jesper!$R$2:$R$366,ROW(INDEX(Jesper!AH$2:AH$366,ROUNDDOWN($C5249/24,0)+1,1))-1)+IF('Standard Profiles'!$G$18=$B$10,7,0)+IF('Standard Profiles'!$G$18=$B$17,14,0)+IF('Standard Profiles'!$G$18=$B$24,21,0),MOD($C5249,24)+1)/SUM(INDEX($D$3:$AA$30,INDEX(Jesper!$R$2:$R$366,ROW(INDEX(Jesper!AH$2:AH$366,ROUNDDOWN($C5249/24,0)+1,1))-1)+IF('Standard Profiles'!$G$18=$B$10,7,0)+IF('Standard Profiles'!$G$18=$B$17,14,0)+IF('Standard Profiles'!$G$18=$B$24,21,0),0)),0)</f>
        <v>0</v>
      </c>
      <c r="E5249" cm="1">
        <f t="array" ref="E5249">IFERROR(INDEX(Jesper!AI$2:AI$366,ROUNDDOWN($C5249/24,0)+1,1)*INDEX($D$3:$AA$30,INDEX(Jesper!$R$2:$R$366,ROW(INDEX(Jesper!AI$2:AI$366,ROUNDDOWN($C5249/24,0)+1,1))-1)+IF('Standard Profiles'!$G$19=$B$10,7,0)+IF('Standard Profiles'!$G$19=$B$17,14,0)+IF('Standard Profiles'!$G$19=$B$24,21,0),MOD($C5249,24)+1)/SUM(INDEX($D$3:$AA$30,INDEX(Jesper!$R$2:$R$366,ROW(INDEX(Jesper!AI$2:AI$366,ROUNDDOWN($C5249/24,0)+1,1))-1)+IF('Standard Profiles'!$G$19=$B$10,7,0)+IF('Standard Profiles'!$G$19=$B$17,14,0)+IF('Standard Profiles'!$G$19=$B$24,21,0),0)),0)</f>
        <v>2.7634301186064887</v>
      </c>
      <c r="F5249" cm="1">
        <f t="array" ref="F5249">IFERROR(INDEX(Jesper!AJ$2:AJ$366,ROUNDDOWN($C5249/24,0)+1,1)*INDEX($D$3:$AA$30,INDEX(Jesper!$R$2:$R$366,ROW(INDEX(Jesper!AJ$2:AJ$366,ROUNDDOWN($C5249/24,0)+1,1))-1)+IF('Standard Profiles'!$G$20=$B$10,7,0)+IF('Standard Profiles'!$G$20=$B$17,14,0)+IF('Standard Profiles'!$G$20=$B$24,21,0),MOD($C5249,24)+1)/SUM(INDEX($D$3:$AA$30,INDEX(Jesper!$R$2:$R$366,ROW(INDEX(Jesper!AJ$2:AJ$366,ROUNDDOWN($C5249/24,0)+1,1))-1)+IF('Standard Profiles'!$G$20=$B$10,7,0)+IF('Standard Profiles'!$G$20=$B$17,14,0)+IF('Standard Profiles'!$G$20=$B$24,21,0),0)),0)</f>
        <v>1.3773804029958625</v>
      </c>
      <c r="G5249" cm="1">
        <f t="array" ref="G5249">IFERROR(INDEX(Jesper!AK$2:AK$366,ROUNDDOWN($C5249/24,0)+1,1)*INDEX($D$3:$AA$30,INDEX(Jesper!$R$2:$R$366,ROW(INDEX(Jesper!AK$2:AK$366,ROUNDDOWN($C5249/24,0)+1,1))-1)+IF('Standard Profiles'!$G$21=$B$10,7,0)+IF('Standard Profiles'!$G$21=$B$17,14,0)+IF('Standard Profiles'!$G$21=$B$24,21,0),MOD($C5249,24)+1)/SUM(INDEX($D$3:$AA$30,INDEX(Jesper!$R$2:$R$366,ROW(INDEX(Jesper!AK$2:AK$366,ROUNDDOWN($C5249/24,0)+1,1))-1)+IF('Standard Profiles'!$G$21=$B$10,7,0)+IF('Standard Profiles'!$G$21=$B$17,14,0)+IF('Standard Profiles'!$G$21=$B$24,21,0),0)),0)</f>
        <v>0.91433187344932554</v>
      </c>
      <c r="H5249" cm="1">
        <f t="array" ref="H5249">IFERROR(INDEX(Jesper!AL$2:AL$366,ROUNDDOWN($C5249/24,0)+1,1)*INDEX($D$3:$AA$30,INDEX(Jesper!$R$2:$R$366,ROW(INDEX(Jesper!AL$2:AL$366,ROUNDDOWN($C5249/24,0)+1,1))-1)+IF('Standard Profiles'!$G$22=$B$10,7,0)+IF('Standard Profiles'!$G$22=$B$17,14,0)+IF('Standard Profiles'!$G$22=$B$24,21,0),MOD($C5249,24)+1)/SUM(INDEX($D$3:$AA$30,INDEX(Jesper!$R$2:$R$366,ROW(INDEX(Jesper!AL$2:AL$366,ROUNDDOWN($C5249/24,0)+1,1))-1)+IF('Standard Profiles'!$G$22=$B$10,7,0)+IF('Standard Profiles'!$G$22=$B$17,14,0)+IF('Standard Profiles'!$G$22=$B$24,21,0),0)),0)</f>
        <v>0.67772502854811134</v>
      </c>
      <c r="I5249">
        <f t="shared" si="587"/>
        <v>0.65061602740618729</v>
      </c>
      <c r="J5249">
        <f t="shared" si="588"/>
        <v>4.7506397819608219</v>
      </c>
      <c r="K5249">
        <f t="shared" si="589"/>
        <v>0.22107440948851909</v>
      </c>
      <c r="L5249">
        <f t="shared" si="590"/>
        <v>0.11053720474425954</v>
      </c>
      <c r="M5249">
        <f t="shared" si="591"/>
        <v>0</v>
      </c>
      <c r="N5249" s="45">
        <f t="shared" si="592"/>
        <v>45144.291666654019</v>
      </c>
    </row>
    <row r="5250" spans="2:14" x14ac:dyDescent="0.25">
      <c r="B5250">
        <f t="shared" si="586"/>
        <v>7</v>
      </c>
      <c r="C5250" s="16">
        <v>5216</v>
      </c>
      <c r="D5250" cm="1">
        <f t="array" ref="D5250">IFERROR(INDEX(Jesper!AH$2:AH$366,ROUNDDOWN($C5250/24,0)+1,1)*INDEX($D$3:$AA$30,INDEX(Jesper!$R$2:$R$366,ROW(INDEX(Jesper!AH$2:AH$366,ROUNDDOWN($C5250/24,0)+1,1))-1)+IF('Standard Profiles'!$G$18=$B$10,7,0)+IF('Standard Profiles'!$G$18=$B$17,14,0)+IF('Standard Profiles'!$G$18=$B$24,21,0),MOD($C5250,24)+1)/SUM(INDEX($D$3:$AA$30,INDEX(Jesper!$R$2:$R$366,ROW(INDEX(Jesper!AH$2:AH$366,ROUNDDOWN($C5250/24,0)+1,1))-1)+IF('Standard Profiles'!$G$18=$B$10,7,0)+IF('Standard Profiles'!$G$18=$B$17,14,0)+IF('Standard Profiles'!$G$18=$B$24,21,0),0)),0)</f>
        <v>0</v>
      </c>
      <c r="E5250" cm="1">
        <f t="array" ref="E5250">IFERROR(INDEX(Jesper!AI$2:AI$366,ROUNDDOWN($C5250/24,0)+1,1)*INDEX($D$3:$AA$30,INDEX(Jesper!$R$2:$R$366,ROW(INDEX(Jesper!AI$2:AI$366,ROUNDDOWN($C5250/24,0)+1,1))-1)+IF('Standard Profiles'!$G$19=$B$10,7,0)+IF('Standard Profiles'!$G$19=$B$17,14,0)+IF('Standard Profiles'!$G$19=$B$24,21,0),MOD($C5250,24)+1)/SUM(INDEX($D$3:$AA$30,INDEX(Jesper!$R$2:$R$366,ROW(INDEX(Jesper!AI$2:AI$366,ROUNDDOWN($C5250/24,0)+1,1))-1)+IF('Standard Profiles'!$G$19=$B$10,7,0)+IF('Standard Profiles'!$G$19=$B$17,14,0)+IF('Standard Profiles'!$G$19=$B$24,21,0),0)),0)</f>
        <v>2.7634301186064887</v>
      </c>
      <c r="F5250" cm="1">
        <f t="array" ref="F5250">IFERROR(INDEX(Jesper!AJ$2:AJ$366,ROUNDDOWN($C5250/24,0)+1,1)*INDEX($D$3:$AA$30,INDEX(Jesper!$R$2:$R$366,ROW(INDEX(Jesper!AJ$2:AJ$366,ROUNDDOWN($C5250/24,0)+1,1))-1)+IF('Standard Profiles'!$G$20=$B$10,7,0)+IF('Standard Profiles'!$G$20=$B$17,14,0)+IF('Standard Profiles'!$G$20=$B$24,21,0),MOD($C5250,24)+1)/SUM(INDEX($D$3:$AA$30,INDEX(Jesper!$R$2:$R$366,ROW(INDEX(Jesper!AJ$2:AJ$366,ROUNDDOWN($C5250/24,0)+1,1))-1)+IF('Standard Profiles'!$G$20=$B$10,7,0)+IF('Standard Profiles'!$G$20=$B$17,14,0)+IF('Standard Profiles'!$G$20=$B$24,21,0),0)),0)</f>
        <v>1.3773804029958625</v>
      </c>
      <c r="G5250" cm="1">
        <f t="array" ref="G5250">IFERROR(INDEX(Jesper!AK$2:AK$366,ROUNDDOWN($C5250/24,0)+1,1)*INDEX($D$3:$AA$30,INDEX(Jesper!$R$2:$R$366,ROW(INDEX(Jesper!AK$2:AK$366,ROUNDDOWN($C5250/24,0)+1,1))-1)+IF('Standard Profiles'!$G$21=$B$10,7,0)+IF('Standard Profiles'!$G$21=$B$17,14,0)+IF('Standard Profiles'!$G$21=$B$24,21,0),MOD($C5250,24)+1)/SUM(INDEX($D$3:$AA$30,INDEX(Jesper!$R$2:$R$366,ROW(INDEX(Jesper!AK$2:AK$366,ROUNDDOWN($C5250/24,0)+1,1))-1)+IF('Standard Profiles'!$G$21=$B$10,7,0)+IF('Standard Profiles'!$G$21=$B$17,14,0)+IF('Standard Profiles'!$G$21=$B$24,21,0),0)),0)</f>
        <v>0.91433187344932554</v>
      </c>
      <c r="H5250" cm="1">
        <f t="array" ref="H5250">IFERROR(INDEX(Jesper!AL$2:AL$366,ROUNDDOWN($C5250/24,0)+1,1)*INDEX($D$3:$AA$30,INDEX(Jesper!$R$2:$R$366,ROW(INDEX(Jesper!AL$2:AL$366,ROUNDDOWN($C5250/24,0)+1,1))-1)+IF('Standard Profiles'!$G$22=$B$10,7,0)+IF('Standard Profiles'!$G$22=$B$17,14,0)+IF('Standard Profiles'!$G$22=$B$24,21,0),MOD($C5250,24)+1)/SUM(INDEX($D$3:$AA$30,INDEX(Jesper!$R$2:$R$366,ROW(INDEX(Jesper!AL$2:AL$366,ROUNDDOWN($C5250/24,0)+1,1))-1)+IF('Standard Profiles'!$G$22=$B$10,7,0)+IF('Standard Profiles'!$G$22=$B$17,14,0)+IF('Standard Profiles'!$G$22=$B$24,21,0),0)),0)</f>
        <v>0.67772502854811134</v>
      </c>
      <c r="I5250">
        <f t="shared" si="587"/>
        <v>0.65061602740618729</v>
      </c>
      <c r="J5250">
        <f t="shared" si="588"/>
        <v>4.7506397819608219</v>
      </c>
      <c r="K5250">
        <f t="shared" si="589"/>
        <v>0.22107440948851909</v>
      </c>
      <c r="L5250">
        <f t="shared" si="590"/>
        <v>0.11053720474425954</v>
      </c>
      <c r="M5250">
        <f t="shared" si="591"/>
        <v>0</v>
      </c>
      <c r="N5250" s="45">
        <f t="shared" si="592"/>
        <v>45144.333333320683</v>
      </c>
    </row>
    <row r="5251" spans="2:14" x14ac:dyDescent="0.25">
      <c r="B5251">
        <f t="shared" si="586"/>
        <v>7</v>
      </c>
      <c r="C5251" s="16">
        <v>5217</v>
      </c>
      <c r="D5251" cm="1">
        <f t="array" ref="D5251">IFERROR(INDEX(Jesper!AH$2:AH$366,ROUNDDOWN($C5251/24,0)+1,1)*INDEX($D$3:$AA$30,INDEX(Jesper!$R$2:$R$366,ROW(INDEX(Jesper!AH$2:AH$366,ROUNDDOWN($C5251/24,0)+1,1))-1)+IF('Standard Profiles'!$G$18=$B$10,7,0)+IF('Standard Profiles'!$G$18=$B$17,14,0)+IF('Standard Profiles'!$G$18=$B$24,21,0),MOD($C5251,24)+1)/SUM(INDEX($D$3:$AA$30,INDEX(Jesper!$R$2:$R$366,ROW(INDEX(Jesper!AH$2:AH$366,ROUNDDOWN($C5251/24,0)+1,1))-1)+IF('Standard Profiles'!$G$18=$B$10,7,0)+IF('Standard Profiles'!$G$18=$B$17,14,0)+IF('Standard Profiles'!$G$18=$B$24,21,0),0)),0)</f>
        <v>0</v>
      </c>
      <c r="E5251" cm="1">
        <f t="array" ref="E5251">IFERROR(INDEX(Jesper!AI$2:AI$366,ROUNDDOWN($C5251/24,0)+1,1)*INDEX($D$3:$AA$30,INDEX(Jesper!$R$2:$R$366,ROW(INDEX(Jesper!AI$2:AI$366,ROUNDDOWN($C5251/24,0)+1,1))-1)+IF('Standard Profiles'!$G$19=$B$10,7,0)+IF('Standard Profiles'!$G$19=$B$17,14,0)+IF('Standard Profiles'!$G$19=$B$24,21,0),MOD($C5251,24)+1)/SUM(INDEX($D$3:$AA$30,INDEX(Jesper!$R$2:$R$366,ROW(INDEX(Jesper!AI$2:AI$366,ROUNDDOWN($C5251/24,0)+1,1))-1)+IF('Standard Profiles'!$G$19=$B$10,7,0)+IF('Standard Profiles'!$G$19=$B$17,14,0)+IF('Standard Profiles'!$G$19=$B$24,21,0),0)),0)</f>
        <v>2.7634301186064887</v>
      </c>
      <c r="F5251" cm="1">
        <f t="array" ref="F5251">IFERROR(INDEX(Jesper!AJ$2:AJ$366,ROUNDDOWN($C5251/24,0)+1,1)*INDEX($D$3:$AA$30,INDEX(Jesper!$R$2:$R$366,ROW(INDEX(Jesper!AJ$2:AJ$366,ROUNDDOWN($C5251/24,0)+1,1))-1)+IF('Standard Profiles'!$G$20=$B$10,7,0)+IF('Standard Profiles'!$G$20=$B$17,14,0)+IF('Standard Profiles'!$G$20=$B$24,21,0),MOD($C5251,24)+1)/SUM(INDEX($D$3:$AA$30,INDEX(Jesper!$R$2:$R$366,ROW(INDEX(Jesper!AJ$2:AJ$366,ROUNDDOWN($C5251/24,0)+1,1))-1)+IF('Standard Profiles'!$G$20=$B$10,7,0)+IF('Standard Profiles'!$G$20=$B$17,14,0)+IF('Standard Profiles'!$G$20=$B$24,21,0),0)),0)</f>
        <v>1.3773804029958625</v>
      </c>
      <c r="G5251" cm="1">
        <f t="array" ref="G5251">IFERROR(INDEX(Jesper!AK$2:AK$366,ROUNDDOWN($C5251/24,0)+1,1)*INDEX($D$3:$AA$30,INDEX(Jesper!$R$2:$R$366,ROW(INDEX(Jesper!AK$2:AK$366,ROUNDDOWN($C5251/24,0)+1,1))-1)+IF('Standard Profiles'!$G$21=$B$10,7,0)+IF('Standard Profiles'!$G$21=$B$17,14,0)+IF('Standard Profiles'!$G$21=$B$24,21,0),MOD($C5251,24)+1)/SUM(INDEX($D$3:$AA$30,INDEX(Jesper!$R$2:$R$366,ROW(INDEX(Jesper!AK$2:AK$366,ROUNDDOWN($C5251/24,0)+1,1))-1)+IF('Standard Profiles'!$G$21=$B$10,7,0)+IF('Standard Profiles'!$G$21=$B$17,14,0)+IF('Standard Profiles'!$G$21=$B$24,21,0),0)),0)</f>
        <v>0.91433187344932554</v>
      </c>
      <c r="H5251" cm="1">
        <f t="array" ref="H5251">IFERROR(INDEX(Jesper!AL$2:AL$366,ROUNDDOWN($C5251/24,0)+1,1)*INDEX($D$3:$AA$30,INDEX(Jesper!$R$2:$R$366,ROW(INDEX(Jesper!AL$2:AL$366,ROUNDDOWN($C5251/24,0)+1,1))-1)+IF('Standard Profiles'!$G$22=$B$10,7,0)+IF('Standard Profiles'!$G$22=$B$17,14,0)+IF('Standard Profiles'!$G$22=$B$24,21,0),MOD($C5251,24)+1)/SUM(INDEX($D$3:$AA$30,INDEX(Jesper!$R$2:$R$366,ROW(INDEX(Jesper!AL$2:AL$366,ROUNDDOWN($C5251/24,0)+1,1))-1)+IF('Standard Profiles'!$G$22=$B$10,7,0)+IF('Standard Profiles'!$G$22=$B$17,14,0)+IF('Standard Profiles'!$G$22=$B$24,21,0),0)),0)</f>
        <v>0.67772502854811134</v>
      </c>
      <c r="I5251">
        <f t="shared" si="587"/>
        <v>0.65061602740618729</v>
      </c>
      <c r="J5251">
        <f t="shared" si="588"/>
        <v>4.7506397819608219</v>
      </c>
      <c r="K5251">
        <f t="shared" si="589"/>
        <v>0.22107440948851909</v>
      </c>
      <c r="L5251">
        <f t="shared" si="590"/>
        <v>0.11053720474425954</v>
      </c>
      <c r="M5251">
        <f t="shared" si="591"/>
        <v>0</v>
      </c>
      <c r="N5251" s="45">
        <f t="shared" si="592"/>
        <v>45144.374999987347</v>
      </c>
    </row>
    <row r="5252" spans="2:14" x14ac:dyDescent="0.25">
      <c r="B5252">
        <f t="shared" si="586"/>
        <v>7</v>
      </c>
      <c r="C5252" s="16">
        <v>5218</v>
      </c>
      <c r="D5252" cm="1">
        <f t="array" ref="D5252">IFERROR(INDEX(Jesper!AH$2:AH$366,ROUNDDOWN($C5252/24,0)+1,1)*INDEX($D$3:$AA$30,INDEX(Jesper!$R$2:$R$366,ROW(INDEX(Jesper!AH$2:AH$366,ROUNDDOWN($C5252/24,0)+1,1))-1)+IF('Standard Profiles'!$G$18=$B$10,7,0)+IF('Standard Profiles'!$G$18=$B$17,14,0)+IF('Standard Profiles'!$G$18=$B$24,21,0),MOD($C5252,24)+1)/SUM(INDEX($D$3:$AA$30,INDEX(Jesper!$R$2:$R$366,ROW(INDEX(Jesper!AH$2:AH$366,ROUNDDOWN($C5252/24,0)+1,1))-1)+IF('Standard Profiles'!$G$18=$B$10,7,0)+IF('Standard Profiles'!$G$18=$B$17,14,0)+IF('Standard Profiles'!$G$18=$B$24,21,0),0)),0)</f>
        <v>0</v>
      </c>
      <c r="E5252" cm="1">
        <f t="array" ref="E5252">IFERROR(INDEX(Jesper!AI$2:AI$366,ROUNDDOWN($C5252/24,0)+1,1)*INDEX($D$3:$AA$30,INDEX(Jesper!$R$2:$R$366,ROW(INDEX(Jesper!AI$2:AI$366,ROUNDDOWN($C5252/24,0)+1,1))-1)+IF('Standard Profiles'!$G$19=$B$10,7,0)+IF('Standard Profiles'!$G$19=$B$17,14,0)+IF('Standard Profiles'!$G$19=$B$24,21,0),MOD($C5252,24)+1)/SUM(INDEX($D$3:$AA$30,INDEX(Jesper!$R$2:$R$366,ROW(INDEX(Jesper!AI$2:AI$366,ROUNDDOWN($C5252/24,0)+1,1))-1)+IF('Standard Profiles'!$G$19=$B$10,7,0)+IF('Standard Profiles'!$G$19=$B$17,14,0)+IF('Standard Profiles'!$G$19=$B$24,21,0),0)),0)</f>
        <v>2.7634301186064887</v>
      </c>
      <c r="F5252" cm="1">
        <f t="array" ref="F5252">IFERROR(INDEX(Jesper!AJ$2:AJ$366,ROUNDDOWN($C5252/24,0)+1,1)*INDEX($D$3:$AA$30,INDEX(Jesper!$R$2:$R$366,ROW(INDEX(Jesper!AJ$2:AJ$366,ROUNDDOWN($C5252/24,0)+1,1))-1)+IF('Standard Profiles'!$G$20=$B$10,7,0)+IF('Standard Profiles'!$G$20=$B$17,14,0)+IF('Standard Profiles'!$G$20=$B$24,21,0),MOD($C5252,24)+1)/SUM(INDEX($D$3:$AA$30,INDEX(Jesper!$R$2:$R$366,ROW(INDEX(Jesper!AJ$2:AJ$366,ROUNDDOWN($C5252/24,0)+1,1))-1)+IF('Standard Profiles'!$G$20=$B$10,7,0)+IF('Standard Profiles'!$G$20=$B$17,14,0)+IF('Standard Profiles'!$G$20=$B$24,21,0),0)),0)</f>
        <v>1.3773804029958625</v>
      </c>
      <c r="G5252" cm="1">
        <f t="array" ref="G5252">IFERROR(INDEX(Jesper!AK$2:AK$366,ROUNDDOWN($C5252/24,0)+1,1)*INDEX($D$3:$AA$30,INDEX(Jesper!$R$2:$R$366,ROW(INDEX(Jesper!AK$2:AK$366,ROUNDDOWN($C5252/24,0)+1,1))-1)+IF('Standard Profiles'!$G$21=$B$10,7,0)+IF('Standard Profiles'!$G$21=$B$17,14,0)+IF('Standard Profiles'!$G$21=$B$24,21,0),MOD($C5252,24)+1)/SUM(INDEX($D$3:$AA$30,INDEX(Jesper!$R$2:$R$366,ROW(INDEX(Jesper!AK$2:AK$366,ROUNDDOWN($C5252/24,0)+1,1))-1)+IF('Standard Profiles'!$G$21=$B$10,7,0)+IF('Standard Profiles'!$G$21=$B$17,14,0)+IF('Standard Profiles'!$G$21=$B$24,21,0),0)),0)</f>
        <v>0.91433187344932554</v>
      </c>
      <c r="H5252" cm="1">
        <f t="array" ref="H5252">IFERROR(INDEX(Jesper!AL$2:AL$366,ROUNDDOWN($C5252/24,0)+1,1)*INDEX($D$3:$AA$30,INDEX(Jesper!$R$2:$R$366,ROW(INDEX(Jesper!AL$2:AL$366,ROUNDDOWN($C5252/24,0)+1,1))-1)+IF('Standard Profiles'!$G$22=$B$10,7,0)+IF('Standard Profiles'!$G$22=$B$17,14,0)+IF('Standard Profiles'!$G$22=$B$24,21,0),MOD($C5252,24)+1)/SUM(INDEX($D$3:$AA$30,INDEX(Jesper!$R$2:$R$366,ROW(INDEX(Jesper!AL$2:AL$366,ROUNDDOWN($C5252/24,0)+1,1))-1)+IF('Standard Profiles'!$G$22=$B$10,7,0)+IF('Standard Profiles'!$G$22=$B$17,14,0)+IF('Standard Profiles'!$G$22=$B$24,21,0),0)),0)</f>
        <v>0.67772502854811134</v>
      </c>
      <c r="I5252">
        <f t="shared" si="587"/>
        <v>0.65061602740618729</v>
      </c>
      <c r="J5252">
        <f t="shared" si="588"/>
        <v>4.7506397819608219</v>
      </c>
      <c r="K5252">
        <f t="shared" si="589"/>
        <v>0.22107440948851909</v>
      </c>
      <c r="L5252">
        <f t="shared" si="590"/>
        <v>0.11053720474425954</v>
      </c>
      <c r="M5252">
        <f t="shared" si="591"/>
        <v>0</v>
      </c>
      <c r="N5252" s="45">
        <f t="shared" si="592"/>
        <v>45144.416666654011</v>
      </c>
    </row>
    <row r="5253" spans="2:14" x14ac:dyDescent="0.25">
      <c r="B5253">
        <f t="shared" si="586"/>
        <v>7</v>
      </c>
      <c r="C5253" s="16">
        <v>5219</v>
      </c>
      <c r="D5253" cm="1">
        <f t="array" ref="D5253">IFERROR(INDEX(Jesper!AH$2:AH$366,ROUNDDOWN($C5253/24,0)+1,1)*INDEX($D$3:$AA$30,INDEX(Jesper!$R$2:$R$366,ROW(INDEX(Jesper!AH$2:AH$366,ROUNDDOWN($C5253/24,0)+1,1))-1)+IF('Standard Profiles'!$G$18=$B$10,7,0)+IF('Standard Profiles'!$G$18=$B$17,14,0)+IF('Standard Profiles'!$G$18=$B$24,21,0),MOD($C5253,24)+1)/SUM(INDEX($D$3:$AA$30,INDEX(Jesper!$R$2:$R$366,ROW(INDEX(Jesper!AH$2:AH$366,ROUNDDOWN($C5253/24,0)+1,1))-1)+IF('Standard Profiles'!$G$18=$B$10,7,0)+IF('Standard Profiles'!$G$18=$B$17,14,0)+IF('Standard Profiles'!$G$18=$B$24,21,0),0)),0)</f>
        <v>0</v>
      </c>
      <c r="E5253" cm="1">
        <f t="array" ref="E5253">IFERROR(INDEX(Jesper!AI$2:AI$366,ROUNDDOWN($C5253/24,0)+1,1)*INDEX($D$3:$AA$30,INDEX(Jesper!$R$2:$R$366,ROW(INDEX(Jesper!AI$2:AI$366,ROUNDDOWN($C5253/24,0)+1,1))-1)+IF('Standard Profiles'!$G$19=$B$10,7,0)+IF('Standard Profiles'!$G$19=$B$17,14,0)+IF('Standard Profiles'!$G$19=$B$24,21,0),MOD($C5253,24)+1)/SUM(INDEX($D$3:$AA$30,INDEX(Jesper!$R$2:$R$366,ROW(INDEX(Jesper!AI$2:AI$366,ROUNDDOWN($C5253/24,0)+1,1))-1)+IF('Standard Profiles'!$G$19=$B$10,7,0)+IF('Standard Profiles'!$G$19=$B$17,14,0)+IF('Standard Profiles'!$G$19=$B$24,21,0),0)),0)</f>
        <v>2.7634301186064887</v>
      </c>
      <c r="F5253" cm="1">
        <f t="array" ref="F5253">IFERROR(INDEX(Jesper!AJ$2:AJ$366,ROUNDDOWN($C5253/24,0)+1,1)*INDEX($D$3:$AA$30,INDEX(Jesper!$R$2:$R$366,ROW(INDEX(Jesper!AJ$2:AJ$366,ROUNDDOWN($C5253/24,0)+1,1))-1)+IF('Standard Profiles'!$G$20=$B$10,7,0)+IF('Standard Profiles'!$G$20=$B$17,14,0)+IF('Standard Profiles'!$G$20=$B$24,21,0),MOD($C5253,24)+1)/SUM(INDEX($D$3:$AA$30,INDEX(Jesper!$R$2:$R$366,ROW(INDEX(Jesper!AJ$2:AJ$366,ROUNDDOWN($C5253/24,0)+1,1))-1)+IF('Standard Profiles'!$G$20=$B$10,7,0)+IF('Standard Profiles'!$G$20=$B$17,14,0)+IF('Standard Profiles'!$G$20=$B$24,21,0),0)),0)</f>
        <v>1.3773804029958625</v>
      </c>
      <c r="G5253" cm="1">
        <f t="array" ref="G5253">IFERROR(INDEX(Jesper!AK$2:AK$366,ROUNDDOWN($C5253/24,0)+1,1)*INDEX($D$3:$AA$30,INDEX(Jesper!$R$2:$R$366,ROW(INDEX(Jesper!AK$2:AK$366,ROUNDDOWN($C5253/24,0)+1,1))-1)+IF('Standard Profiles'!$G$21=$B$10,7,0)+IF('Standard Profiles'!$G$21=$B$17,14,0)+IF('Standard Profiles'!$G$21=$B$24,21,0),MOD($C5253,24)+1)/SUM(INDEX($D$3:$AA$30,INDEX(Jesper!$R$2:$R$366,ROW(INDEX(Jesper!AK$2:AK$366,ROUNDDOWN($C5253/24,0)+1,1))-1)+IF('Standard Profiles'!$G$21=$B$10,7,0)+IF('Standard Profiles'!$G$21=$B$17,14,0)+IF('Standard Profiles'!$G$21=$B$24,21,0),0)),0)</f>
        <v>0.91433187344932554</v>
      </c>
      <c r="H5253" cm="1">
        <f t="array" ref="H5253">IFERROR(INDEX(Jesper!AL$2:AL$366,ROUNDDOWN($C5253/24,0)+1,1)*INDEX($D$3:$AA$30,INDEX(Jesper!$R$2:$R$366,ROW(INDEX(Jesper!AL$2:AL$366,ROUNDDOWN($C5253/24,0)+1,1))-1)+IF('Standard Profiles'!$G$22=$B$10,7,0)+IF('Standard Profiles'!$G$22=$B$17,14,0)+IF('Standard Profiles'!$G$22=$B$24,21,0),MOD($C5253,24)+1)/SUM(INDEX($D$3:$AA$30,INDEX(Jesper!$R$2:$R$366,ROW(INDEX(Jesper!AL$2:AL$366,ROUNDDOWN($C5253/24,0)+1,1))-1)+IF('Standard Profiles'!$G$22=$B$10,7,0)+IF('Standard Profiles'!$G$22=$B$17,14,0)+IF('Standard Profiles'!$G$22=$B$24,21,0),0)),0)</f>
        <v>0.67772502854811134</v>
      </c>
      <c r="I5253">
        <f t="shared" si="587"/>
        <v>0.65061602740618729</v>
      </c>
      <c r="J5253">
        <f t="shared" si="588"/>
        <v>4.7506397819608219</v>
      </c>
      <c r="K5253">
        <f t="shared" si="589"/>
        <v>0.22107440948851909</v>
      </c>
      <c r="L5253">
        <f t="shared" si="590"/>
        <v>0.11053720474425954</v>
      </c>
      <c r="M5253">
        <f t="shared" si="591"/>
        <v>0</v>
      </c>
      <c r="N5253" s="45">
        <f t="shared" si="592"/>
        <v>45144.458333320676</v>
      </c>
    </row>
    <row r="5254" spans="2:14" x14ac:dyDescent="0.25">
      <c r="B5254">
        <f t="shared" si="586"/>
        <v>7</v>
      </c>
      <c r="C5254" s="16">
        <v>5220</v>
      </c>
      <c r="D5254" cm="1">
        <f t="array" ref="D5254">IFERROR(INDEX(Jesper!AH$2:AH$366,ROUNDDOWN($C5254/24,0)+1,1)*INDEX($D$3:$AA$30,INDEX(Jesper!$R$2:$R$366,ROW(INDEX(Jesper!AH$2:AH$366,ROUNDDOWN($C5254/24,0)+1,1))-1)+IF('Standard Profiles'!$G$18=$B$10,7,0)+IF('Standard Profiles'!$G$18=$B$17,14,0)+IF('Standard Profiles'!$G$18=$B$24,21,0),MOD($C5254,24)+1)/SUM(INDEX($D$3:$AA$30,INDEX(Jesper!$R$2:$R$366,ROW(INDEX(Jesper!AH$2:AH$366,ROUNDDOWN($C5254/24,0)+1,1))-1)+IF('Standard Profiles'!$G$18=$B$10,7,0)+IF('Standard Profiles'!$G$18=$B$17,14,0)+IF('Standard Profiles'!$G$18=$B$24,21,0),0)),0)</f>
        <v>0</v>
      </c>
      <c r="E5254" cm="1">
        <f t="array" ref="E5254">IFERROR(INDEX(Jesper!AI$2:AI$366,ROUNDDOWN($C5254/24,0)+1,1)*INDEX($D$3:$AA$30,INDEX(Jesper!$R$2:$R$366,ROW(INDEX(Jesper!AI$2:AI$366,ROUNDDOWN($C5254/24,0)+1,1))-1)+IF('Standard Profiles'!$G$19=$B$10,7,0)+IF('Standard Profiles'!$G$19=$B$17,14,0)+IF('Standard Profiles'!$G$19=$B$24,21,0),MOD($C5254,24)+1)/SUM(INDEX($D$3:$AA$30,INDEX(Jesper!$R$2:$R$366,ROW(INDEX(Jesper!AI$2:AI$366,ROUNDDOWN($C5254/24,0)+1,1))-1)+IF('Standard Profiles'!$G$19=$B$10,7,0)+IF('Standard Profiles'!$G$19=$B$17,14,0)+IF('Standard Profiles'!$G$19=$B$24,21,0),0)),0)</f>
        <v>2.7634301186064887</v>
      </c>
      <c r="F5254" cm="1">
        <f t="array" ref="F5254">IFERROR(INDEX(Jesper!AJ$2:AJ$366,ROUNDDOWN($C5254/24,0)+1,1)*INDEX($D$3:$AA$30,INDEX(Jesper!$R$2:$R$366,ROW(INDEX(Jesper!AJ$2:AJ$366,ROUNDDOWN($C5254/24,0)+1,1))-1)+IF('Standard Profiles'!$G$20=$B$10,7,0)+IF('Standard Profiles'!$G$20=$B$17,14,0)+IF('Standard Profiles'!$G$20=$B$24,21,0),MOD($C5254,24)+1)/SUM(INDEX($D$3:$AA$30,INDEX(Jesper!$R$2:$R$366,ROW(INDEX(Jesper!AJ$2:AJ$366,ROUNDDOWN($C5254/24,0)+1,1))-1)+IF('Standard Profiles'!$G$20=$B$10,7,0)+IF('Standard Profiles'!$G$20=$B$17,14,0)+IF('Standard Profiles'!$G$20=$B$24,21,0),0)),0)</f>
        <v>1.3773804029958625</v>
      </c>
      <c r="G5254" cm="1">
        <f t="array" ref="G5254">IFERROR(INDEX(Jesper!AK$2:AK$366,ROUNDDOWN($C5254/24,0)+1,1)*INDEX($D$3:$AA$30,INDEX(Jesper!$R$2:$R$366,ROW(INDEX(Jesper!AK$2:AK$366,ROUNDDOWN($C5254/24,0)+1,1))-1)+IF('Standard Profiles'!$G$21=$B$10,7,0)+IF('Standard Profiles'!$G$21=$B$17,14,0)+IF('Standard Profiles'!$G$21=$B$24,21,0),MOD($C5254,24)+1)/SUM(INDEX($D$3:$AA$30,INDEX(Jesper!$R$2:$R$366,ROW(INDEX(Jesper!AK$2:AK$366,ROUNDDOWN($C5254/24,0)+1,1))-1)+IF('Standard Profiles'!$G$21=$B$10,7,0)+IF('Standard Profiles'!$G$21=$B$17,14,0)+IF('Standard Profiles'!$G$21=$B$24,21,0),0)),0)</f>
        <v>0.91433187344932554</v>
      </c>
      <c r="H5254" cm="1">
        <f t="array" ref="H5254">IFERROR(INDEX(Jesper!AL$2:AL$366,ROUNDDOWN($C5254/24,0)+1,1)*INDEX($D$3:$AA$30,INDEX(Jesper!$R$2:$R$366,ROW(INDEX(Jesper!AL$2:AL$366,ROUNDDOWN($C5254/24,0)+1,1))-1)+IF('Standard Profiles'!$G$22=$B$10,7,0)+IF('Standard Profiles'!$G$22=$B$17,14,0)+IF('Standard Profiles'!$G$22=$B$24,21,0),MOD($C5254,24)+1)/SUM(INDEX($D$3:$AA$30,INDEX(Jesper!$R$2:$R$366,ROW(INDEX(Jesper!AL$2:AL$366,ROUNDDOWN($C5254/24,0)+1,1))-1)+IF('Standard Profiles'!$G$22=$B$10,7,0)+IF('Standard Profiles'!$G$22=$B$17,14,0)+IF('Standard Profiles'!$G$22=$B$24,21,0),0)),0)</f>
        <v>0.67772502854811134</v>
      </c>
      <c r="I5254">
        <f t="shared" si="587"/>
        <v>0.65061602740618729</v>
      </c>
      <c r="J5254">
        <f t="shared" si="588"/>
        <v>4.7506397819608219</v>
      </c>
      <c r="K5254">
        <f t="shared" si="589"/>
        <v>0.22107440948851909</v>
      </c>
      <c r="L5254">
        <f t="shared" si="590"/>
        <v>0.11053720474425954</v>
      </c>
      <c r="M5254">
        <f t="shared" si="591"/>
        <v>0</v>
      </c>
      <c r="N5254" s="45">
        <f t="shared" si="592"/>
        <v>45144.49999998734</v>
      </c>
    </row>
    <row r="5255" spans="2:14" x14ac:dyDescent="0.25">
      <c r="B5255">
        <f t="shared" si="586"/>
        <v>7</v>
      </c>
      <c r="C5255" s="16">
        <v>5221</v>
      </c>
      <c r="D5255" cm="1">
        <f t="array" ref="D5255">IFERROR(INDEX(Jesper!AH$2:AH$366,ROUNDDOWN($C5255/24,0)+1,1)*INDEX($D$3:$AA$30,INDEX(Jesper!$R$2:$R$366,ROW(INDEX(Jesper!AH$2:AH$366,ROUNDDOWN($C5255/24,0)+1,1))-1)+IF('Standard Profiles'!$G$18=$B$10,7,0)+IF('Standard Profiles'!$G$18=$B$17,14,0)+IF('Standard Profiles'!$G$18=$B$24,21,0),MOD($C5255,24)+1)/SUM(INDEX($D$3:$AA$30,INDEX(Jesper!$R$2:$R$366,ROW(INDEX(Jesper!AH$2:AH$366,ROUNDDOWN($C5255/24,0)+1,1))-1)+IF('Standard Profiles'!$G$18=$B$10,7,0)+IF('Standard Profiles'!$G$18=$B$17,14,0)+IF('Standard Profiles'!$G$18=$B$24,21,0),0)),0)</f>
        <v>0</v>
      </c>
      <c r="E5255" cm="1">
        <f t="array" ref="E5255">IFERROR(INDEX(Jesper!AI$2:AI$366,ROUNDDOWN($C5255/24,0)+1,1)*INDEX($D$3:$AA$30,INDEX(Jesper!$R$2:$R$366,ROW(INDEX(Jesper!AI$2:AI$366,ROUNDDOWN($C5255/24,0)+1,1))-1)+IF('Standard Profiles'!$G$19=$B$10,7,0)+IF('Standard Profiles'!$G$19=$B$17,14,0)+IF('Standard Profiles'!$G$19=$B$24,21,0),MOD($C5255,24)+1)/SUM(INDEX($D$3:$AA$30,INDEX(Jesper!$R$2:$R$366,ROW(INDEX(Jesper!AI$2:AI$366,ROUNDDOWN($C5255/24,0)+1,1))-1)+IF('Standard Profiles'!$G$19=$B$10,7,0)+IF('Standard Profiles'!$G$19=$B$17,14,0)+IF('Standard Profiles'!$G$19=$B$24,21,0),0)),0)</f>
        <v>2.7634301186064887</v>
      </c>
      <c r="F5255" cm="1">
        <f t="array" ref="F5255">IFERROR(INDEX(Jesper!AJ$2:AJ$366,ROUNDDOWN($C5255/24,0)+1,1)*INDEX($D$3:$AA$30,INDEX(Jesper!$R$2:$R$366,ROW(INDEX(Jesper!AJ$2:AJ$366,ROUNDDOWN($C5255/24,0)+1,1))-1)+IF('Standard Profiles'!$G$20=$B$10,7,0)+IF('Standard Profiles'!$G$20=$B$17,14,0)+IF('Standard Profiles'!$G$20=$B$24,21,0),MOD($C5255,24)+1)/SUM(INDEX($D$3:$AA$30,INDEX(Jesper!$R$2:$R$366,ROW(INDEX(Jesper!AJ$2:AJ$366,ROUNDDOWN($C5255/24,0)+1,1))-1)+IF('Standard Profiles'!$G$20=$B$10,7,0)+IF('Standard Profiles'!$G$20=$B$17,14,0)+IF('Standard Profiles'!$G$20=$B$24,21,0),0)),0)</f>
        <v>1.3773804029958625</v>
      </c>
      <c r="G5255" cm="1">
        <f t="array" ref="G5255">IFERROR(INDEX(Jesper!AK$2:AK$366,ROUNDDOWN($C5255/24,0)+1,1)*INDEX($D$3:$AA$30,INDEX(Jesper!$R$2:$R$366,ROW(INDEX(Jesper!AK$2:AK$366,ROUNDDOWN($C5255/24,0)+1,1))-1)+IF('Standard Profiles'!$G$21=$B$10,7,0)+IF('Standard Profiles'!$G$21=$B$17,14,0)+IF('Standard Profiles'!$G$21=$B$24,21,0),MOD($C5255,24)+1)/SUM(INDEX($D$3:$AA$30,INDEX(Jesper!$R$2:$R$366,ROW(INDEX(Jesper!AK$2:AK$366,ROUNDDOWN($C5255/24,0)+1,1))-1)+IF('Standard Profiles'!$G$21=$B$10,7,0)+IF('Standard Profiles'!$G$21=$B$17,14,0)+IF('Standard Profiles'!$G$21=$B$24,21,0),0)),0)</f>
        <v>0.91433187344932554</v>
      </c>
      <c r="H5255" cm="1">
        <f t="array" ref="H5255">IFERROR(INDEX(Jesper!AL$2:AL$366,ROUNDDOWN($C5255/24,0)+1,1)*INDEX($D$3:$AA$30,INDEX(Jesper!$R$2:$R$366,ROW(INDEX(Jesper!AL$2:AL$366,ROUNDDOWN($C5255/24,0)+1,1))-1)+IF('Standard Profiles'!$G$22=$B$10,7,0)+IF('Standard Profiles'!$G$22=$B$17,14,0)+IF('Standard Profiles'!$G$22=$B$24,21,0),MOD($C5255,24)+1)/SUM(INDEX($D$3:$AA$30,INDEX(Jesper!$R$2:$R$366,ROW(INDEX(Jesper!AL$2:AL$366,ROUNDDOWN($C5255/24,0)+1,1))-1)+IF('Standard Profiles'!$G$22=$B$10,7,0)+IF('Standard Profiles'!$G$22=$B$17,14,0)+IF('Standard Profiles'!$G$22=$B$24,21,0),0)),0)</f>
        <v>0.67772502854811134</v>
      </c>
      <c r="I5255">
        <f t="shared" si="587"/>
        <v>0.65061602740618729</v>
      </c>
      <c r="J5255">
        <f t="shared" si="588"/>
        <v>4.7506397819608219</v>
      </c>
      <c r="K5255">
        <f t="shared" si="589"/>
        <v>0.22107440948851909</v>
      </c>
      <c r="L5255">
        <f t="shared" si="590"/>
        <v>0.11053720474425954</v>
      </c>
      <c r="M5255">
        <f t="shared" si="591"/>
        <v>0</v>
      </c>
      <c r="N5255" s="45">
        <f t="shared" si="592"/>
        <v>45144.541666654004</v>
      </c>
    </row>
    <row r="5256" spans="2:14" x14ac:dyDescent="0.25">
      <c r="B5256">
        <f t="shared" si="586"/>
        <v>7</v>
      </c>
      <c r="C5256" s="16">
        <v>5222</v>
      </c>
      <c r="D5256" cm="1">
        <f t="array" ref="D5256">IFERROR(INDEX(Jesper!AH$2:AH$366,ROUNDDOWN($C5256/24,0)+1,1)*INDEX($D$3:$AA$30,INDEX(Jesper!$R$2:$R$366,ROW(INDEX(Jesper!AH$2:AH$366,ROUNDDOWN($C5256/24,0)+1,1))-1)+IF('Standard Profiles'!$G$18=$B$10,7,0)+IF('Standard Profiles'!$G$18=$B$17,14,0)+IF('Standard Profiles'!$G$18=$B$24,21,0),MOD($C5256,24)+1)/SUM(INDEX($D$3:$AA$30,INDEX(Jesper!$R$2:$R$366,ROW(INDEX(Jesper!AH$2:AH$366,ROUNDDOWN($C5256/24,0)+1,1))-1)+IF('Standard Profiles'!$G$18=$B$10,7,0)+IF('Standard Profiles'!$G$18=$B$17,14,0)+IF('Standard Profiles'!$G$18=$B$24,21,0),0)),0)</f>
        <v>0</v>
      </c>
      <c r="E5256" cm="1">
        <f t="array" ref="E5256">IFERROR(INDEX(Jesper!AI$2:AI$366,ROUNDDOWN($C5256/24,0)+1,1)*INDEX($D$3:$AA$30,INDEX(Jesper!$R$2:$R$366,ROW(INDEX(Jesper!AI$2:AI$366,ROUNDDOWN($C5256/24,0)+1,1))-1)+IF('Standard Profiles'!$G$19=$B$10,7,0)+IF('Standard Profiles'!$G$19=$B$17,14,0)+IF('Standard Profiles'!$G$19=$B$24,21,0),MOD($C5256,24)+1)/SUM(INDEX($D$3:$AA$30,INDEX(Jesper!$R$2:$R$366,ROW(INDEX(Jesper!AI$2:AI$366,ROUNDDOWN($C5256/24,0)+1,1))-1)+IF('Standard Profiles'!$G$19=$B$10,7,0)+IF('Standard Profiles'!$G$19=$B$17,14,0)+IF('Standard Profiles'!$G$19=$B$24,21,0),0)),0)</f>
        <v>2.7634301186064887</v>
      </c>
      <c r="F5256" cm="1">
        <f t="array" ref="F5256">IFERROR(INDEX(Jesper!AJ$2:AJ$366,ROUNDDOWN($C5256/24,0)+1,1)*INDEX($D$3:$AA$30,INDEX(Jesper!$R$2:$R$366,ROW(INDEX(Jesper!AJ$2:AJ$366,ROUNDDOWN($C5256/24,0)+1,1))-1)+IF('Standard Profiles'!$G$20=$B$10,7,0)+IF('Standard Profiles'!$G$20=$B$17,14,0)+IF('Standard Profiles'!$G$20=$B$24,21,0),MOD($C5256,24)+1)/SUM(INDEX($D$3:$AA$30,INDEX(Jesper!$R$2:$R$366,ROW(INDEX(Jesper!AJ$2:AJ$366,ROUNDDOWN($C5256/24,0)+1,1))-1)+IF('Standard Profiles'!$G$20=$B$10,7,0)+IF('Standard Profiles'!$G$20=$B$17,14,0)+IF('Standard Profiles'!$G$20=$B$24,21,0),0)),0)</f>
        <v>1.3773804029958625</v>
      </c>
      <c r="G5256" cm="1">
        <f t="array" ref="G5256">IFERROR(INDEX(Jesper!AK$2:AK$366,ROUNDDOWN($C5256/24,0)+1,1)*INDEX($D$3:$AA$30,INDEX(Jesper!$R$2:$R$366,ROW(INDEX(Jesper!AK$2:AK$366,ROUNDDOWN($C5256/24,0)+1,1))-1)+IF('Standard Profiles'!$G$21=$B$10,7,0)+IF('Standard Profiles'!$G$21=$B$17,14,0)+IF('Standard Profiles'!$G$21=$B$24,21,0),MOD($C5256,24)+1)/SUM(INDEX($D$3:$AA$30,INDEX(Jesper!$R$2:$R$366,ROW(INDEX(Jesper!AK$2:AK$366,ROUNDDOWN($C5256/24,0)+1,1))-1)+IF('Standard Profiles'!$G$21=$B$10,7,0)+IF('Standard Profiles'!$G$21=$B$17,14,0)+IF('Standard Profiles'!$G$21=$B$24,21,0),0)),0)</f>
        <v>0.91433187344932554</v>
      </c>
      <c r="H5256" cm="1">
        <f t="array" ref="H5256">IFERROR(INDEX(Jesper!AL$2:AL$366,ROUNDDOWN($C5256/24,0)+1,1)*INDEX($D$3:$AA$30,INDEX(Jesper!$R$2:$R$366,ROW(INDEX(Jesper!AL$2:AL$366,ROUNDDOWN($C5256/24,0)+1,1))-1)+IF('Standard Profiles'!$G$22=$B$10,7,0)+IF('Standard Profiles'!$G$22=$B$17,14,0)+IF('Standard Profiles'!$G$22=$B$24,21,0),MOD($C5256,24)+1)/SUM(INDEX($D$3:$AA$30,INDEX(Jesper!$R$2:$R$366,ROW(INDEX(Jesper!AL$2:AL$366,ROUNDDOWN($C5256/24,0)+1,1))-1)+IF('Standard Profiles'!$G$22=$B$10,7,0)+IF('Standard Profiles'!$G$22=$B$17,14,0)+IF('Standard Profiles'!$G$22=$B$24,21,0),0)),0)</f>
        <v>0.67772502854811134</v>
      </c>
      <c r="I5256">
        <f t="shared" si="587"/>
        <v>0.65061602740618729</v>
      </c>
      <c r="J5256">
        <f t="shared" si="588"/>
        <v>4.7506397819608219</v>
      </c>
      <c r="K5256">
        <f t="shared" si="589"/>
        <v>0.22107440948851909</v>
      </c>
      <c r="L5256">
        <f t="shared" si="590"/>
        <v>0.11053720474425954</v>
      </c>
      <c r="M5256">
        <f t="shared" si="591"/>
        <v>0</v>
      </c>
      <c r="N5256" s="45">
        <f t="shared" si="592"/>
        <v>45144.583333320668</v>
      </c>
    </row>
    <row r="5257" spans="2:14" x14ac:dyDescent="0.25">
      <c r="B5257">
        <f t="shared" si="586"/>
        <v>7</v>
      </c>
      <c r="C5257" s="16">
        <v>5223</v>
      </c>
      <c r="D5257" cm="1">
        <f t="array" ref="D5257">IFERROR(INDEX(Jesper!AH$2:AH$366,ROUNDDOWN($C5257/24,0)+1,1)*INDEX($D$3:$AA$30,INDEX(Jesper!$R$2:$R$366,ROW(INDEX(Jesper!AH$2:AH$366,ROUNDDOWN($C5257/24,0)+1,1))-1)+IF('Standard Profiles'!$G$18=$B$10,7,0)+IF('Standard Profiles'!$G$18=$B$17,14,0)+IF('Standard Profiles'!$G$18=$B$24,21,0),MOD($C5257,24)+1)/SUM(INDEX($D$3:$AA$30,INDEX(Jesper!$R$2:$R$366,ROW(INDEX(Jesper!AH$2:AH$366,ROUNDDOWN($C5257/24,0)+1,1))-1)+IF('Standard Profiles'!$G$18=$B$10,7,0)+IF('Standard Profiles'!$G$18=$B$17,14,0)+IF('Standard Profiles'!$G$18=$B$24,21,0),0)),0)</f>
        <v>0</v>
      </c>
      <c r="E5257" cm="1">
        <f t="array" ref="E5257">IFERROR(INDEX(Jesper!AI$2:AI$366,ROUNDDOWN($C5257/24,0)+1,1)*INDEX($D$3:$AA$30,INDEX(Jesper!$R$2:$R$366,ROW(INDEX(Jesper!AI$2:AI$366,ROUNDDOWN($C5257/24,0)+1,1))-1)+IF('Standard Profiles'!$G$19=$B$10,7,0)+IF('Standard Profiles'!$G$19=$B$17,14,0)+IF('Standard Profiles'!$G$19=$B$24,21,0),MOD($C5257,24)+1)/SUM(INDEX($D$3:$AA$30,INDEX(Jesper!$R$2:$R$366,ROW(INDEX(Jesper!AI$2:AI$366,ROUNDDOWN($C5257/24,0)+1,1))-1)+IF('Standard Profiles'!$G$19=$B$10,7,0)+IF('Standard Profiles'!$G$19=$B$17,14,0)+IF('Standard Profiles'!$G$19=$B$24,21,0),0)),0)</f>
        <v>2.7634301186064887</v>
      </c>
      <c r="F5257" cm="1">
        <f t="array" ref="F5257">IFERROR(INDEX(Jesper!AJ$2:AJ$366,ROUNDDOWN($C5257/24,0)+1,1)*INDEX($D$3:$AA$30,INDEX(Jesper!$R$2:$R$366,ROW(INDEX(Jesper!AJ$2:AJ$366,ROUNDDOWN($C5257/24,0)+1,1))-1)+IF('Standard Profiles'!$G$20=$B$10,7,0)+IF('Standard Profiles'!$G$20=$B$17,14,0)+IF('Standard Profiles'!$G$20=$B$24,21,0),MOD($C5257,24)+1)/SUM(INDEX($D$3:$AA$30,INDEX(Jesper!$R$2:$R$366,ROW(INDEX(Jesper!AJ$2:AJ$366,ROUNDDOWN($C5257/24,0)+1,1))-1)+IF('Standard Profiles'!$G$20=$B$10,7,0)+IF('Standard Profiles'!$G$20=$B$17,14,0)+IF('Standard Profiles'!$G$20=$B$24,21,0),0)),0)</f>
        <v>1.3773804029958625</v>
      </c>
      <c r="G5257" cm="1">
        <f t="array" ref="G5257">IFERROR(INDEX(Jesper!AK$2:AK$366,ROUNDDOWN($C5257/24,0)+1,1)*INDEX($D$3:$AA$30,INDEX(Jesper!$R$2:$R$366,ROW(INDEX(Jesper!AK$2:AK$366,ROUNDDOWN($C5257/24,0)+1,1))-1)+IF('Standard Profiles'!$G$21=$B$10,7,0)+IF('Standard Profiles'!$G$21=$B$17,14,0)+IF('Standard Profiles'!$G$21=$B$24,21,0),MOD($C5257,24)+1)/SUM(INDEX($D$3:$AA$30,INDEX(Jesper!$R$2:$R$366,ROW(INDEX(Jesper!AK$2:AK$366,ROUNDDOWN($C5257/24,0)+1,1))-1)+IF('Standard Profiles'!$G$21=$B$10,7,0)+IF('Standard Profiles'!$G$21=$B$17,14,0)+IF('Standard Profiles'!$G$21=$B$24,21,0),0)),0)</f>
        <v>0.91433187344932554</v>
      </c>
      <c r="H5257" cm="1">
        <f t="array" ref="H5257">IFERROR(INDEX(Jesper!AL$2:AL$366,ROUNDDOWN($C5257/24,0)+1,1)*INDEX($D$3:$AA$30,INDEX(Jesper!$R$2:$R$366,ROW(INDEX(Jesper!AL$2:AL$366,ROUNDDOWN($C5257/24,0)+1,1))-1)+IF('Standard Profiles'!$G$22=$B$10,7,0)+IF('Standard Profiles'!$G$22=$B$17,14,0)+IF('Standard Profiles'!$G$22=$B$24,21,0),MOD($C5257,24)+1)/SUM(INDEX($D$3:$AA$30,INDEX(Jesper!$R$2:$R$366,ROW(INDEX(Jesper!AL$2:AL$366,ROUNDDOWN($C5257/24,0)+1,1))-1)+IF('Standard Profiles'!$G$22=$B$10,7,0)+IF('Standard Profiles'!$G$22=$B$17,14,0)+IF('Standard Profiles'!$G$22=$B$24,21,0),0)),0)</f>
        <v>0.60242224759832119</v>
      </c>
      <c r="I5257">
        <f t="shared" si="587"/>
        <v>0.57832535769438864</v>
      </c>
      <c r="J5257">
        <f t="shared" si="588"/>
        <v>4.7476276707228307</v>
      </c>
      <c r="K5257">
        <f t="shared" si="589"/>
        <v>0.22107440948851909</v>
      </c>
      <c r="L5257">
        <f t="shared" si="590"/>
        <v>0.11053720474425954</v>
      </c>
      <c r="M5257">
        <f t="shared" si="591"/>
        <v>0</v>
      </c>
      <c r="N5257" s="45">
        <f t="shared" si="592"/>
        <v>45144.624999987333</v>
      </c>
    </row>
    <row r="5258" spans="2:14" x14ac:dyDescent="0.25">
      <c r="B5258">
        <f t="shared" si="586"/>
        <v>7</v>
      </c>
      <c r="C5258" s="16">
        <v>5224</v>
      </c>
      <c r="D5258" cm="1">
        <f t="array" ref="D5258">IFERROR(INDEX(Jesper!AH$2:AH$366,ROUNDDOWN($C5258/24,0)+1,1)*INDEX($D$3:$AA$30,INDEX(Jesper!$R$2:$R$366,ROW(INDEX(Jesper!AH$2:AH$366,ROUNDDOWN($C5258/24,0)+1,1))-1)+IF('Standard Profiles'!$G$18=$B$10,7,0)+IF('Standard Profiles'!$G$18=$B$17,14,0)+IF('Standard Profiles'!$G$18=$B$24,21,0),MOD($C5258,24)+1)/SUM(INDEX($D$3:$AA$30,INDEX(Jesper!$R$2:$R$366,ROW(INDEX(Jesper!AH$2:AH$366,ROUNDDOWN($C5258/24,0)+1,1))-1)+IF('Standard Profiles'!$G$18=$B$10,7,0)+IF('Standard Profiles'!$G$18=$B$17,14,0)+IF('Standard Profiles'!$G$18=$B$24,21,0),0)),0)</f>
        <v>0</v>
      </c>
      <c r="E5258" cm="1">
        <f t="array" ref="E5258">IFERROR(INDEX(Jesper!AI$2:AI$366,ROUNDDOWN($C5258/24,0)+1,1)*INDEX($D$3:$AA$30,INDEX(Jesper!$R$2:$R$366,ROW(INDEX(Jesper!AI$2:AI$366,ROUNDDOWN($C5258/24,0)+1,1))-1)+IF('Standard Profiles'!$G$19=$B$10,7,0)+IF('Standard Profiles'!$G$19=$B$17,14,0)+IF('Standard Profiles'!$G$19=$B$24,21,0),MOD($C5258,24)+1)/SUM(INDEX($D$3:$AA$30,INDEX(Jesper!$R$2:$R$366,ROW(INDEX(Jesper!AI$2:AI$366,ROUNDDOWN($C5258/24,0)+1,1))-1)+IF('Standard Profiles'!$G$19=$B$10,7,0)+IF('Standard Profiles'!$G$19=$B$17,14,0)+IF('Standard Profiles'!$G$19=$B$24,21,0),0)),0)</f>
        <v>2.7634301186064887</v>
      </c>
      <c r="F5258" cm="1">
        <f t="array" ref="F5258">IFERROR(INDEX(Jesper!AJ$2:AJ$366,ROUNDDOWN($C5258/24,0)+1,1)*INDEX($D$3:$AA$30,INDEX(Jesper!$R$2:$R$366,ROW(INDEX(Jesper!AJ$2:AJ$366,ROUNDDOWN($C5258/24,0)+1,1))-1)+IF('Standard Profiles'!$G$20=$B$10,7,0)+IF('Standard Profiles'!$G$20=$B$17,14,0)+IF('Standard Profiles'!$G$20=$B$24,21,0),MOD($C5258,24)+1)/SUM(INDEX($D$3:$AA$30,INDEX(Jesper!$R$2:$R$366,ROW(INDEX(Jesper!AJ$2:AJ$366,ROUNDDOWN($C5258/24,0)+1,1))-1)+IF('Standard Profiles'!$G$20=$B$10,7,0)+IF('Standard Profiles'!$G$20=$B$17,14,0)+IF('Standard Profiles'!$G$20=$B$24,21,0),0)),0)</f>
        <v>1.3773804029958625</v>
      </c>
      <c r="G5258" cm="1">
        <f t="array" ref="G5258">IFERROR(INDEX(Jesper!AK$2:AK$366,ROUNDDOWN($C5258/24,0)+1,1)*INDEX($D$3:$AA$30,INDEX(Jesper!$R$2:$R$366,ROW(INDEX(Jesper!AK$2:AK$366,ROUNDDOWN($C5258/24,0)+1,1))-1)+IF('Standard Profiles'!$G$21=$B$10,7,0)+IF('Standard Profiles'!$G$21=$B$17,14,0)+IF('Standard Profiles'!$G$21=$B$24,21,0),MOD($C5258,24)+1)/SUM(INDEX($D$3:$AA$30,INDEX(Jesper!$R$2:$R$366,ROW(INDEX(Jesper!AK$2:AK$366,ROUNDDOWN($C5258/24,0)+1,1))-1)+IF('Standard Profiles'!$G$21=$B$10,7,0)+IF('Standard Profiles'!$G$21=$B$17,14,0)+IF('Standard Profiles'!$G$21=$B$24,21,0),0)),0)</f>
        <v>0.91433187344932554</v>
      </c>
      <c r="H5258" cm="1">
        <f t="array" ref="H5258">IFERROR(INDEX(Jesper!AL$2:AL$366,ROUNDDOWN($C5258/24,0)+1,1)*INDEX($D$3:$AA$30,INDEX(Jesper!$R$2:$R$366,ROW(INDEX(Jesper!AL$2:AL$366,ROUNDDOWN($C5258/24,0)+1,1))-1)+IF('Standard Profiles'!$G$22=$B$10,7,0)+IF('Standard Profiles'!$G$22=$B$17,14,0)+IF('Standard Profiles'!$G$22=$B$24,21,0),MOD($C5258,24)+1)/SUM(INDEX($D$3:$AA$30,INDEX(Jesper!$R$2:$R$366,ROW(INDEX(Jesper!AL$2:AL$366,ROUNDDOWN($C5258/24,0)+1,1))-1)+IF('Standard Profiles'!$G$22=$B$10,7,0)+IF('Standard Profiles'!$G$22=$B$17,14,0)+IF('Standard Profiles'!$G$22=$B$24,21,0),0)),0)</f>
        <v>0.59166470746263689</v>
      </c>
      <c r="I5258">
        <f t="shared" si="587"/>
        <v>0.56799811916413168</v>
      </c>
      <c r="J5258">
        <f t="shared" si="588"/>
        <v>4.7471973691174032</v>
      </c>
      <c r="K5258">
        <f t="shared" si="589"/>
        <v>0.22107440948851909</v>
      </c>
      <c r="L5258">
        <f t="shared" si="590"/>
        <v>0.11053720474425954</v>
      </c>
      <c r="M5258">
        <f t="shared" si="591"/>
        <v>0</v>
      </c>
      <c r="N5258" s="45">
        <f t="shared" si="592"/>
        <v>45144.666666653997</v>
      </c>
    </row>
    <row r="5259" spans="2:14" x14ac:dyDescent="0.25">
      <c r="B5259">
        <f t="shared" si="586"/>
        <v>7</v>
      </c>
      <c r="C5259" s="16">
        <v>5225</v>
      </c>
      <c r="D5259" cm="1">
        <f t="array" ref="D5259">IFERROR(INDEX(Jesper!AH$2:AH$366,ROUNDDOWN($C5259/24,0)+1,1)*INDEX($D$3:$AA$30,INDEX(Jesper!$R$2:$R$366,ROW(INDEX(Jesper!AH$2:AH$366,ROUNDDOWN($C5259/24,0)+1,1))-1)+IF('Standard Profiles'!$G$18=$B$10,7,0)+IF('Standard Profiles'!$G$18=$B$17,14,0)+IF('Standard Profiles'!$G$18=$B$24,21,0),MOD($C5259,24)+1)/SUM(INDEX($D$3:$AA$30,INDEX(Jesper!$R$2:$R$366,ROW(INDEX(Jesper!AH$2:AH$366,ROUNDDOWN($C5259/24,0)+1,1))-1)+IF('Standard Profiles'!$G$18=$B$10,7,0)+IF('Standard Profiles'!$G$18=$B$17,14,0)+IF('Standard Profiles'!$G$18=$B$24,21,0),0)),0)</f>
        <v>0</v>
      </c>
      <c r="E5259" cm="1">
        <f t="array" ref="E5259">IFERROR(INDEX(Jesper!AI$2:AI$366,ROUNDDOWN($C5259/24,0)+1,1)*INDEX($D$3:$AA$30,INDEX(Jesper!$R$2:$R$366,ROW(INDEX(Jesper!AI$2:AI$366,ROUNDDOWN($C5259/24,0)+1,1))-1)+IF('Standard Profiles'!$G$19=$B$10,7,0)+IF('Standard Profiles'!$G$19=$B$17,14,0)+IF('Standard Profiles'!$G$19=$B$24,21,0),MOD($C5259,24)+1)/SUM(INDEX($D$3:$AA$30,INDEX(Jesper!$R$2:$R$366,ROW(INDEX(Jesper!AI$2:AI$366,ROUNDDOWN($C5259/24,0)+1,1))-1)+IF('Standard Profiles'!$G$19=$B$10,7,0)+IF('Standard Profiles'!$G$19=$B$17,14,0)+IF('Standard Profiles'!$G$19=$B$24,21,0),0)),0)</f>
        <v>2.7634301186064887</v>
      </c>
      <c r="F5259" cm="1">
        <f t="array" ref="F5259">IFERROR(INDEX(Jesper!AJ$2:AJ$366,ROUNDDOWN($C5259/24,0)+1,1)*INDEX($D$3:$AA$30,INDEX(Jesper!$R$2:$R$366,ROW(INDEX(Jesper!AJ$2:AJ$366,ROUNDDOWN($C5259/24,0)+1,1))-1)+IF('Standard Profiles'!$G$20=$B$10,7,0)+IF('Standard Profiles'!$G$20=$B$17,14,0)+IF('Standard Profiles'!$G$20=$B$24,21,0),MOD($C5259,24)+1)/SUM(INDEX($D$3:$AA$30,INDEX(Jesper!$R$2:$R$366,ROW(INDEX(Jesper!AJ$2:AJ$366,ROUNDDOWN($C5259/24,0)+1,1))-1)+IF('Standard Profiles'!$G$20=$B$10,7,0)+IF('Standard Profiles'!$G$20=$B$17,14,0)+IF('Standard Profiles'!$G$20=$B$24,21,0),0)),0)</f>
        <v>1.3773804029958625</v>
      </c>
      <c r="G5259" cm="1">
        <f t="array" ref="G5259">IFERROR(INDEX(Jesper!AK$2:AK$366,ROUNDDOWN($C5259/24,0)+1,1)*INDEX($D$3:$AA$30,INDEX(Jesper!$R$2:$R$366,ROW(INDEX(Jesper!AK$2:AK$366,ROUNDDOWN($C5259/24,0)+1,1))-1)+IF('Standard Profiles'!$G$21=$B$10,7,0)+IF('Standard Profiles'!$G$21=$B$17,14,0)+IF('Standard Profiles'!$G$21=$B$24,21,0),MOD($C5259,24)+1)/SUM(INDEX($D$3:$AA$30,INDEX(Jesper!$R$2:$R$366,ROW(INDEX(Jesper!AK$2:AK$366,ROUNDDOWN($C5259/24,0)+1,1))-1)+IF('Standard Profiles'!$G$21=$B$10,7,0)+IF('Standard Profiles'!$G$21=$B$17,14,0)+IF('Standard Profiles'!$G$21=$B$24,21,0),0)),0)</f>
        <v>0.91433187344932554</v>
      </c>
      <c r="H5259" cm="1">
        <f t="array" ref="H5259">IFERROR(INDEX(Jesper!AL$2:AL$366,ROUNDDOWN($C5259/24,0)+1,1)*INDEX($D$3:$AA$30,INDEX(Jesper!$R$2:$R$366,ROW(INDEX(Jesper!AL$2:AL$366,ROUNDDOWN($C5259/24,0)+1,1))-1)+IF('Standard Profiles'!$G$22=$B$10,7,0)+IF('Standard Profiles'!$G$22=$B$17,14,0)+IF('Standard Profiles'!$G$22=$B$24,21,0),MOD($C5259,24)+1)/SUM(INDEX($D$3:$AA$30,INDEX(Jesper!$R$2:$R$366,ROW(INDEX(Jesper!AL$2:AL$366,ROUNDDOWN($C5259/24,0)+1,1))-1)+IF('Standard Profiles'!$G$22=$B$10,7,0)+IF('Standard Profiles'!$G$22=$B$17,14,0)+IF('Standard Profiles'!$G$22=$B$24,21,0),0)),0)</f>
        <v>0.50560438637716243</v>
      </c>
      <c r="I5259">
        <f t="shared" si="587"/>
        <v>0.48538021092207617</v>
      </c>
      <c r="J5259">
        <f t="shared" si="588"/>
        <v>4.7437549562739836</v>
      </c>
      <c r="K5259">
        <f t="shared" si="589"/>
        <v>0.22107440948851909</v>
      </c>
      <c r="L5259">
        <f t="shared" si="590"/>
        <v>0.11053720474425954</v>
      </c>
      <c r="M5259">
        <f t="shared" si="591"/>
        <v>0</v>
      </c>
      <c r="N5259" s="45">
        <f t="shared" si="592"/>
        <v>45144.708333320661</v>
      </c>
    </row>
    <row r="5260" spans="2:14" x14ac:dyDescent="0.25">
      <c r="B5260">
        <f t="shared" si="586"/>
        <v>7</v>
      </c>
      <c r="C5260" s="16">
        <v>5226</v>
      </c>
      <c r="D5260" cm="1">
        <f t="array" ref="D5260">IFERROR(INDEX(Jesper!AH$2:AH$366,ROUNDDOWN($C5260/24,0)+1,1)*INDEX($D$3:$AA$30,INDEX(Jesper!$R$2:$R$366,ROW(INDEX(Jesper!AH$2:AH$366,ROUNDDOWN($C5260/24,0)+1,1))-1)+IF('Standard Profiles'!$G$18=$B$10,7,0)+IF('Standard Profiles'!$G$18=$B$17,14,0)+IF('Standard Profiles'!$G$18=$B$24,21,0),MOD($C5260,24)+1)/SUM(INDEX($D$3:$AA$30,INDEX(Jesper!$R$2:$R$366,ROW(INDEX(Jesper!AH$2:AH$366,ROUNDDOWN($C5260/24,0)+1,1))-1)+IF('Standard Profiles'!$G$18=$B$10,7,0)+IF('Standard Profiles'!$G$18=$B$17,14,0)+IF('Standard Profiles'!$G$18=$B$24,21,0),0)),0)</f>
        <v>0</v>
      </c>
      <c r="E5260" cm="1">
        <f t="array" ref="E5260">IFERROR(INDEX(Jesper!AI$2:AI$366,ROUNDDOWN($C5260/24,0)+1,1)*INDEX($D$3:$AA$30,INDEX(Jesper!$R$2:$R$366,ROW(INDEX(Jesper!AI$2:AI$366,ROUNDDOWN($C5260/24,0)+1,1))-1)+IF('Standard Profiles'!$G$19=$B$10,7,0)+IF('Standard Profiles'!$G$19=$B$17,14,0)+IF('Standard Profiles'!$G$19=$B$24,21,0),MOD($C5260,24)+1)/SUM(INDEX($D$3:$AA$30,INDEX(Jesper!$R$2:$R$366,ROW(INDEX(Jesper!AI$2:AI$366,ROUNDDOWN($C5260/24,0)+1,1))-1)+IF('Standard Profiles'!$G$19=$B$10,7,0)+IF('Standard Profiles'!$G$19=$B$17,14,0)+IF('Standard Profiles'!$G$19=$B$24,21,0),0)),0)</f>
        <v>2.7634301186064887</v>
      </c>
      <c r="F5260" cm="1">
        <f t="array" ref="F5260">IFERROR(INDEX(Jesper!AJ$2:AJ$366,ROUNDDOWN($C5260/24,0)+1,1)*INDEX($D$3:$AA$30,INDEX(Jesper!$R$2:$R$366,ROW(INDEX(Jesper!AJ$2:AJ$366,ROUNDDOWN($C5260/24,0)+1,1))-1)+IF('Standard Profiles'!$G$20=$B$10,7,0)+IF('Standard Profiles'!$G$20=$B$17,14,0)+IF('Standard Profiles'!$G$20=$B$24,21,0),MOD($C5260,24)+1)/SUM(INDEX($D$3:$AA$30,INDEX(Jesper!$R$2:$R$366,ROW(INDEX(Jesper!AJ$2:AJ$366,ROUNDDOWN($C5260/24,0)+1,1))-1)+IF('Standard Profiles'!$G$20=$B$10,7,0)+IF('Standard Profiles'!$G$20=$B$17,14,0)+IF('Standard Profiles'!$G$20=$B$24,21,0),0)),0)</f>
        <v>1.3773804029958625</v>
      </c>
      <c r="G5260" cm="1">
        <f t="array" ref="G5260">IFERROR(INDEX(Jesper!AK$2:AK$366,ROUNDDOWN($C5260/24,0)+1,1)*INDEX($D$3:$AA$30,INDEX(Jesper!$R$2:$R$366,ROW(INDEX(Jesper!AK$2:AK$366,ROUNDDOWN($C5260/24,0)+1,1))-1)+IF('Standard Profiles'!$G$21=$B$10,7,0)+IF('Standard Profiles'!$G$21=$B$17,14,0)+IF('Standard Profiles'!$G$21=$B$24,21,0),MOD($C5260,24)+1)/SUM(INDEX($D$3:$AA$30,INDEX(Jesper!$R$2:$R$366,ROW(INDEX(Jesper!AK$2:AK$366,ROUNDDOWN($C5260/24,0)+1,1))-1)+IF('Standard Profiles'!$G$21=$B$10,7,0)+IF('Standard Profiles'!$G$21=$B$17,14,0)+IF('Standard Profiles'!$G$21=$B$24,21,0),0)),0)</f>
        <v>0.91433187344932554</v>
      </c>
      <c r="H5260" cm="1">
        <f t="array" ref="H5260">IFERROR(INDEX(Jesper!AL$2:AL$366,ROUNDDOWN($C5260/24,0)+1,1)*INDEX($D$3:$AA$30,INDEX(Jesper!$R$2:$R$366,ROW(INDEX(Jesper!AL$2:AL$366,ROUNDDOWN($C5260/24,0)+1,1))-1)+IF('Standard Profiles'!$G$22=$B$10,7,0)+IF('Standard Profiles'!$G$22=$B$17,14,0)+IF('Standard Profiles'!$G$22=$B$24,21,0),MOD($C5260,24)+1)/SUM(INDEX($D$3:$AA$30,INDEX(Jesper!$R$2:$R$366,ROW(INDEX(Jesper!AL$2:AL$366,ROUNDDOWN($C5260/24,0)+1,1))-1)+IF('Standard Profiles'!$G$22=$B$10,7,0)+IF('Standard Profiles'!$G$22=$B$17,14,0)+IF('Standard Profiles'!$G$22=$B$24,21,0),0)),0)</f>
        <v>0.47333176597010951</v>
      </c>
      <c r="I5260">
        <f t="shared" si="587"/>
        <v>0.45439849533130539</v>
      </c>
      <c r="J5260">
        <f t="shared" si="588"/>
        <v>4.7424640514577021</v>
      </c>
      <c r="K5260">
        <f t="shared" si="589"/>
        <v>0.22107440948851909</v>
      </c>
      <c r="L5260">
        <f t="shared" si="590"/>
        <v>0.11053720474425954</v>
      </c>
      <c r="M5260">
        <f t="shared" si="591"/>
        <v>0</v>
      </c>
      <c r="N5260" s="45">
        <f t="shared" si="592"/>
        <v>45144.749999987325</v>
      </c>
    </row>
    <row r="5261" spans="2:14" x14ac:dyDescent="0.25">
      <c r="B5261">
        <f t="shared" si="586"/>
        <v>7</v>
      </c>
      <c r="C5261" s="16">
        <v>5227</v>
      </c>
      <c r="D5261" cm="1">
        <f t="array" ref="D5261">IFERROR(INDEX(Jesper!AH$2:AH$366,ROUNDDOWN($C5261/24,0)+1,1)*INDEX($D$3:$AA$30,INDEX(Jesper!$R$2:$R$366,ROW(INDEX(Jesper!AH$2:AH$366,ROUNDDOWN($C5261/24,0)+1,1))-1)+IF('Standard Profiles'!$G$18=$B$10,7,0)+IF('Standard Profiles'!$G$18=$B$17,14,0)+IF('Standard Profiles'!$G$18=$B$24,21,0),MOD($C5261,24)+1)/SUM(INDEX($D$3:$AA$30,INDEX(Jesper!$R$2:$R$366,ROW(INDEX(Jesper!AH$2:AH$366,ROUNDDOWN($C5261/24,0)+1,1))-1)+IF('Standard Profiles'!$G$18=$B$10,7,0)+IF('Standard Profiles'!$G$18=$B$17,14,0)+IF('Standard Profiles'!$G$18=$B$24,21,0),0)),0)</f>
        <v>0</v>
      </c>
      <c r="E5261" cm="1">
        <f t="array" ref="E5261">IFERROR(INDEX(Jesper!AI$2:AI$366,ROUNDDOWN($C5261/24,0)+1,1)*INDEX($D$3:$AA$30,INDEX(Jesper!$R$2:$R$366,ROW(INDEX(Jesper!AI$2:AI$366,ROUNDDOWN($C5261/24,0)+1,1))-1)+IF('Standard Profiles'!$G$19=$B$10,7,0)+IF('Standard Profiles'!$G$19=$B$17,14,0)+IF('Standard Profiles'!$G$19=$B$24,21,0),MOD($C5261,24)+1)/SUM(INDEX($D$3:$AA$30,INDEX(Jesper!$R$2:$R$366,ROW(INDEX(Jesper!AI$2:AI$366,ROUNDDOWN($C5261/24,0)+1,1))-1)+IF('Standard Profiles'!$G$19=$B$10,7,0)+IF('Standard Profiles'!$G$19=$B$17,14,0)+IF('Standard Profiles'!$G$19=$B$24,21,0),0)),0)</f>
        <v>2.7634301186064887</v>
      </c>
      <c r="F5261" cm="1">
        <f t="array" ref="F5261">IFERROR(INDEX(Jesper!AJ$2:AJ$366,ROUNDDOWN($C5261/24,0)+1,1)*INDEX($D$3:$AA$30,INDEX(Jesper!$R$2:$R$366,ROW(INDEX(Jesper!AJ$2:AJ$366,ROUNDDOWN($C5261/24,0)+1,1))-1)+IF('Standard Profiles'!$G$20=$B$10,7,0)+IF('Standard Profiles'!$G$20=$B$17,14,0)+IF('Standard Profiles'!$G$20=$B$24,21,0),MOD($C5261,24)+1)/SUM(INDEX($D$3:$AA$30,INDEX(Jesper!$R$2:$R$366,ROW(INDEX(Jesper!AJ$2:AJ$366,ROUNDDOWN($C5261/24,0)+1,1))-1)+IF('Standard Profiles'!$G$20=$B$10,7,0)+IF('Standard Profiles'!$G$20=$B$17,14,0)+IF('Standard Profiles'!$G$20=$B$24,21,0),0)),0)</f>
        <v>1.3773804029958625</v>
      </c>
      <c r="G5261" cm="1">
        <f t="array" ref="G5261">IFERROR(INDEX(Jesper!AK$2:AK$366,ROUNDDOWN($C5261/24,0)+1,1)*INDEX($D$3:$AA$30,INDEX(Jesper!$R$2:$R$366,ROW(INDEX(Jesper!AK$2:AK$366,ROUNDDOWN($C5261/24,0)+1,1))-1)+IF('Standard Profiles'!$G$21=$B$10,7,0)+IF('Standard Profiles'!$G$21=$B$17,14,0)+IF('Standard Profiles'!$G$21=$B$24,21,0),MOD($C5261,24)+1)/SUM(INDEX($D$3:$AA$30,INDEX(Jesper!$R$2:$R$366,ROW(INDEX(Jesper!AK$2:AK$366,ROUNDDOWN($C5261/24,0)+1,1))-1)+IF('Standard Profiles'!$G$21=$B$10,7,0)+IF('Standard Profiles'!$G$21=$B$17,14,0)+IF('Standard Profiles'!$G$21=$B$24,21,0),0)),0)</f>
        <v>0.91433187344932554</v>
      </c>
      <c r="H5261" cm="1">
        <f t="array" ref="H5261">IFERROR(INDEX(Jesper!AL$2:AL$366,ROUNDDOWN($C5261/24,0)+1,1)*INDEX($D$3:$AA$30,INDEX(Jesper!$R$2:$R$366,ROW(INDEX(Jesper!AL$2:AL$366,ROUNDDOWN($C5261/24,0)+1,1))-1)+IF('Standard Profiles'!$G$22=$B$10,7,0)+IF('Standard Profiles'!$G$22=$B$17,14,0)+IF('Standard Profiles'!$G$22=$B$24,21,0),MOD($C5261,24)+1)/SUM(INDEX($D$3:$AA$30,INDEX(Jesper!$R$2:$R$366,ROW(INDEX(Jesper!AL$2:AL$366,ROUNDDOWN($C5261/24,0)+1,1))-1)+IF('Standard Profiles'!$G$22=$B$10,7,0)+IF('Standard Profiles'!$G$22=$B$17,14,0)+IF('Standard Profiles'!$G$22=$B$24,21,0),0)),0)</f>
        <v>0.39802898502031936</v>
      </c>
      <c r="I5261">
        <f t="shared" si="587"/>
        <v>0.38210782561950679</v>
      </c>
      <c r="J5261">
        <f t="shared" si="588"/>
        <v>4.7394519402197099</v>
      </c>
      <c r="K5261">
        <f t="shared" si="589"/>
        <v>0.22107440948851909</v>
      </c>
      <c r="L5261">
        <f t="shared" si="590"/>
        <v>0.11053720474425954</v>
      </c>
      <c r="M5261">
        <f t="shared" si="591"/>
        <v>0</v>
      </c>
      <c r="N5261" s="45">
        <f t="shared" si="592"/>
        <v>45144.79166665399</v>
      </c>
    </row>
    <row r="5262" spans="2:14" x14ac:dyDescent="0.25">
      <c r="B5262">
        <f t="shared" si="586"/>
        <v>7</v>
      </c>
      <c r="C5262" s="16">
        <v>5228</v>
      </c>
      <c r="D5262" cm="1">
        <f t="array" ref="D5262">IFERROR(INDEX(Jesper!AH$2:AH$366,ROUNDDOWN($C5262/24,0)+1,1)*INDEX($D$3:$AA$30,INDEX(Jesper!$R$2:$R$366,ROW(INDEX(Jesper!AH$2:AH$366,ROUNDDOWN($C5262/24,0)+1,1))-1)+IF('Standard Profiles'!$G$18=$B$10,7,0)+IF('Standard Profiles'!$G$18=$B$17,14,0)+IF('Standard Profiles'!$G$18=$B$24,21,0),MOD($C5262,24)+1)/SUM(INDEX($D$3:$AA$30,INDEX(Jesper!$R$2:$R$366,ROW(INDEX(Jesper!AH$2:AH$366,ROUNDDOWN($C5262/24,0)+1,1))-1)+IF('Standard Profiles'!$G$18=$B$10,7,0)+IF('Standard Profiles'!$G$18=$B$17,14,0)+IF('Standard Profiles'!$G$18=$B$24,21,0),0)),0)</f>
        <v>0</v>
      </c>
      <c r="E5262" cm="1">
        <f t="array" ref="E5262">IFERROR(INDEX(Jesper!AI$2:AI$366,ROUNDDOWN($C5262/24,0)+1,1)*INDEX($D$3:$AA$30,INDEX(Jesper!$R$2:$R$366,ROW(INDEX(Jesper!AI$2:AI$366,ROUNDDOWN($C5262/24,0)+1,1))-1)+IF('Standard Profiles'!$G$19=$B$10,7,0)+IF('Standard Profiles'!$G$19=$B$17,14,0)+IF('Standard Profiles'!$G$19=$B$24,21,0),MOD($C5262,24)+1)/SUM(INDEX($D$3:$AA$30,INDEX(Jesper!$R$2:$R$366,ROW(INDEX(Jesper!AI$2:AI$366,ROUNDDOWN($C5262/24,0)+1,1))-1)+IF('Standard Profiles'!$G$19=$B$10,7,0)+IF('Standard Profiles'!$G$19=$B$17,14,0)+IF('Standard Profiles'!$G$19=$B$24,21,0),0)),0)</f>
        <v>2.7634301186064887</v>
      </c>
      <c r="F5262" cm="1">
        <f t="array" ref="F5262">IFERROR(INDEX(Jesper!AJ$2:AJ$366,ROUNDDOWN($C5262/24,0)+1,1)*INDEX($D$3:$AA$30,INDEX(Jesper!$R$2:$R$366,ROW(INDEX(Jesper!AJ$2:AJ$366,ROUNDDOWN($C5262/24,0)+1,1))-1)+IF('Standard Profiles'!$G$20=$B$10,7,0)+IF('Standard Profiles'!$G$20=$B$17,14,0)+IF('Standard Profiles'!$G$20=$B$24,21,0),MOD($C5262,24)+1)/SUM(INDEX($D$3:$AA$30,INDEX(Jesper!$R$2:$R$366,ROW(INDEX(Jesper!AJ$2:AJ$366,ROUNDDOWN($C5262/24,0)+1,1))-1)+IF('Standard Profiles'!$G$20=$B$10,7,0)+IF('Standard Profiles'!$G$20=$B$17,14,0)+IF('Standard Profiles'!$G$20=$B$24,21,0),0)),0)</f>
        <v>1.3773804029958625</v>
      </c>
      <c r="G5262" cm="1">
        <f t="array" ref="G5262">IFERROR(INDEX(Jesper!AK$2:AK$366,ROUNDDOWN($C5262/24,0)+1,1)*INDEX($D$3:$AA$30,INDEX(Jesper!$R$2:$R$366,ROW(INDEX(Jesper!AK$2:AK$366,ROUNDDOWN($C5262/24,0)+1,1))-1)+IF('Standard Profiles'!$G$21=$B$10,7,0)+IF('Standard Profiles'!$G$21=$B$17,14,0)+IF('Standard Profiles'!$G$21=$B$24,21,0),MOD($C5262,24)+1)/SUM(INDEX($D$3:$AA$30,INDEX(Jesper!$R$2:$R$366,ROW(INDEX(Jesper!AK$2:AK$366,ROUNDDOWN($C5262/24,0)+1,1))-1)+IF('Standard Profiles'!$G$21=$B$10,7,0)+IF('Standard Profiles'!$G$21=$B$17,14,0)+IF('Standard Profiles'!$G$21=$B$24,21,0),0)),0)</f>
        <v>0.91433187344932554</v>
      </c>
      <c r="H5262" cm="1">
        <f t="array" ref="H5262">IFERROR(INDEX(Jesper!AL$2:AL$366,ROUNDDOWN($C5262/24,0)+1,1)*INDEX($D$3:$AA$30,INDEX(Jesper!$R$2:$R$366,ROW(INDEX(Jesper!AL$2:AL$366,ROUNDDOWN($C5262/24,0)+1,1))-1)+IF('Standard Profiles'!$G$22=$B$10,7,0)+IF('Standard Profiles'!$G$22=$B$17,14,0)+IF('Standard Profiles'!$G$22=$B$24,21,0),MOD($C5262,24)+1)/SUM(INDEX($D$3:$AA$30,INDEX(Jesper!$R$2:$R$366,ROW(INDEX(Jesper!AL$2:AL$366,ROUNDDOWN($C5262/24,0)+1,1))-1)+IF('Standard Profiles'!$G$22=$B$10,7,0)+IF('Standard Profiles'!$G$22=$B$17,14,0)+IF('Standard Profiles'!$G$22=$B$24,21,0),0)),0)</f>
        <v>0.33348374420621352</v>
      </c>
      <c r="I5262">
        <f t="shared" si="587"/>
        <v>0.32014439443796516</v>
      </c>
      <c r="J5262">
        <f t="shared" si="588"/>
        <v>4.7368701305871461</v>
      </c>
      <c r="K5262">
        <f t="shared" si="589"/>
        <v>0.22107440948851909</v>
      </c>
      <c r="L5262">
        <f t="shared" si="590"/>
        <v>0.11053720474425954</v>
      </c>
      <c r="M5262">
        <f t="shared" si="591"/>
        <v>0</v>
      </c>
      <c r="N5262" s="45">
        <f t="shared" si="592"/>
        <v>45144.833333320654</v>
      </c>
    </row>
    <row r="5263" spans="2:14" x14ac:dyDescent="0.25">
      <c r="B5263">
        <f t="shared" si="586"/>
        <v>7</v>
      </c>
      <c r="C5263" s="16">
        <v>5229</v>
      </c>
      <c r="D5263" cm="1">
        <f t="array" ref="D5263">IFERROR(INDEX(Jesper!AH$2:AH$366,ROUNDDOWN($C5263/24,0)+1,1)*INDEX($D$3:$AA$30,INDEX(Jesper!$R$2:$R$366,ROW(INDEX(Jesper!AH$2:AH$366,ROUNDDOWN($C5263/24,0)+1,1))-1)+IF('Standard Profiles'!$G$18=$B$10,7,0)+IF('Standard Profiles'!$G$18=$B$17,14,0)+IF('Standard Profiles'!$G$18=$B$24,21,0),MOD($C5263,24)+1)/SUM(INDEX($D$3:$AA$30,INDEX(Jesper!$R$2:$R$366,ROW(INDEX(Jesper!AH$2:AH$366,ROUNDDOWN($C5263/24,0)+1,1))-1)+IF('Standard Profiles'!$G$18=$B$10,7,0)+IF('Standard Profiles'!$G$18=$B$17,14,0)+IF('Standard Profiles'!$G$18=$B$24,21,0),0)),0)</f>
        <v>0</v>
      </c>
      <c r="E5263" cm="1">
        <f t="array" ref="E5263">IFERROR(INDEX(Jesper!AI$2:AI$366,ROUNDDOWN($C5263/24,0)+1,1)*INDEX($D$3:$AA$30,INDEX(Jesper!$R$2:$R$366,ROW(INDEX(Jesper!AI$2:AI$366,ROUNDDOWN($C5263/24,0)+1,1))-1)+IF('Standard Profiles'!$G$19=$B$10,7,0)+IF('Standard Profiles'!$G$19=$B$17,14,0)+IF('Standard Profiles'!$G$19=$B$24,21,0),MOD($C5263,24)+1)/SUM(INDEX($D$3:$AA$30,INDEX(Jesper!$R$2:$R$366,ROW(INDEX(Jesper!AI$2:AI$366,ROUNDDOWN($C5263/24,0)+1,1))-1)+IF('Standard Profiles'!$G$19=$B$10,7,0)+IF('Standard Profiles'!$G$19=$B$17,14,0)+IF('Standard Profiles'!$G$19=$B$24,21,0),0)),0)</f>
        <v>2.7634301186064887</v>
      </c>
      <c r="F5263" cm="1">
        <f t="array" ref="F5263">IFERROR(INDEX(Jesper!AJ$2:AJ$366,ROUNDDOWN($C5263/24,0)+1,1)*INDEX($D$3:$AA$30,INDEX(Jesper!$R$2:$R$366,ROW(INDEX(Jesper!AJ$2:AJ$366,ROUNDDOWN($C5263/24,0)+1,1))-1)+IF('Standard Profiles'!$G$20=$B$10,7,0)+IF('Standard Profiles'!$G$20=$B$17,14,0)+IF('Standard Profiles'!$G$20=$B$24,21,0),MOD($C5263,24)+1)/SUM(INDEX($D$3:$AA$30,INDEX(Jesper!$R$2:$R$366,ROW(INDEX(Jesper!AJ$2:AJ$366,ROUNDDOWN($C5263/24,0)+1,1))-1)+IF('Standard Profiles'!$G$20=$B$10,7,0)+IF('Standard Profiles'!$G$20=$B$17,14,0)+IF('Standard Profiles'!$G$20=$B$24,21,0),0)),0)</f>
        <v>1.3773804029958625</v>
      </c>
      <c r="G5263" cm="1">
        <f t="array" ref="G5263">IFERROR(INDEX(Jesper!AK$2:AK$366,ROUNDDOWN($C5263/24,0)+1,1)*INDEX($D$3:$AA$30,INDEX(Jesper!$R$2:$R$366,ROW(INDEX(Jesper!AK$2:AK$366,ROUNDDOWN($C5263/24,0)+1,1))-1)+IF('Standard Profiles'!$G$21=$B$10,7,0)+IF('Standard Profiles'!$G$21=$B$17,14,0)+IF('Standard Profiles'!$G$21=$B$24,21,0),MOD($C5263,24)+1)/SUM(INDEX($D$3:$AA$30,INDEX(Jesper!$R$2:$R$366,ROW(INDEX(Jesper!AK$2:AK$366,ROUNDDOWN($C5263/24,0)+1,1))-1)+IF('Standard Profiles'!$G$21=$B$10,7,0)+IF('Standard Profiles'!$G$21=$B$17,14,0)+IF('Standard Profiles'!$G$21=$B$24,21,0),0)),0)</f>
        <v>0.91433187344932554</v>
      </c>
      <c r="H5263" cm="1">
        <f t="array" ref="H5263">IFERROR(INDEX(Jesper!AL$2:AL$366,ROUNDDOWN($C5263/24,0)+1,1)*INDEX($D$3:$AA$30,INDEX(Jesper!$R$2:$R$366,ROW(INDEX(Jesper!AL$2:AL$366,ROUNDDOWN($C5263/24,0)+1,1))-1)+IF('Standard Profiles'!$G$22=$B$10,7,0)+IF('Standard Profiles'!$G$22=$B$17,14,0)+IF('Standard Profiles'!$G$22=$B$24,21,0),MOD($C5263,24)+1)/SUM(INDEX($D$3:$AA$30,INDEX(Jesper!$R$2:$R$366,ROW(INDEX(Jesper!AL$2:AL$366,ROUNDDOWN($C5263/24,0)+1,1))-1)+IF('Standard Profiles'!$G$22=$B$10,7,0)+IF('Standard Profiles'!$G$22=$B$17,14,0)+IF('Standard Profiles'!$G$22=$B$24,21,0),0)),0)</f>
        <v>0.29045358366347634</v>
      </c>
      <c r="I5263">
        <f t="shared" si="587"/>
        <v>0.27883544031693747</v>
      </c>
      <c r="J5263">
        <f t="shared" si="588"/>
        <v>4.7351489241654363</v>
      </c>
      <c r="K5263">
        <f t="shared" si="589"/>
        <v>0.22107440948851909</v>
      </c>
      <c r="L5263">
        <f t="shared" si="590"/>
        <v>0.11053720474425954</v>
      </c>
      <c r="M5263">
        <f t="shared" si="591"/>
        <v>0</v>
      </c>
      <c r="N5263" s="45">
        <f t="shared" si="592"/>
        <v>45144.874999987318</v>
      </c>
    </row>
    <row r="5264" spans="2:14" x14ac:dyDescent="0.25">
      <c r="B5264">
        <f t="shared" si="586"/>
        <v>7</v>
      </c>
      <c r="C5264" s="16">
        <v>5230</v>
      </c>
      <c r="D5264" cm="1">
        <f t="array" ref="D5264">IFERROR(INDEX(Jesper!AH$2:AH$366,ROUNDDOWN($C5264/24,0)+1,1)*INDEX($D$3:$AA$30,INDEX(Jesper!$R$2:$R$366,ROW(INDEX(Jesper!AH$2:AH$366,ROUNDDOWN($C5264/24,0)+1,1))-1)+IF('Standard Profiles'!$G$18=$B$10,7,0)+IF('Standard Profiles'!$G$18=$B$17,14,0)+IF('Standard Profiles'!$G$18=$B$24,21,0),MOD($C5264,24)+1)/SUM(INDEX($D$3:$AA$30,INDEX(Jesper!$R$2:$R$366,ROW(INDEX(Jesper!AH$2:AH$366,ROUNDDOWN($C5264/24,0)+1,1))-1)+IF('Standard Profiles'!$G$18=$B$10,7,0)+IF('Standard Profiles'!$G$18=$B$17,14,0)+IF('Standard Profiles'!$G$18=$B$24,21,0),0)),0)</f>
        <v>0</v>
      </c>
      <c r="E5264" cm="1">
        <f t="array" ref="E5264">IFERROR(INDEX(Jesper!AI$2:AI$366,ROUNDDOWN($C5264/24,0)+1,1)*INDEX($D$3:$AA$30,INDEX(Jesper!$R$2:$R$366,ROW(INDEX(Jesper!AI$2:AI$366,ROUNDDOWN($C5264/24,0)+1,1))-1)+IF('Standard Profiles'!$G$19=$B$10,7,0)+IF('Standard Profiles'!$G$19=$B$17,14,0)+IF('Standard Profiles'!$G$19=$B$24,21,0),MOD($C5264,24)+1)/SUM(INDEX($D$3:$AA$30,INDEX(Jesper!$R$2:$R$366,ROW(INDEX(Jesper!AI$2:AI$366,ROUNDDOWN($C5264/24,0)+1,1))-1)+IF('Standard Profiles'!$G$19=$B$10,7,0)+IF('Standard Profiles'!$G$19=$B$17,14,0)+IF('Standard Profiles'!$G$19=$B$24,21,0),0)),0)</f>
        <v>2.7634301186064887</v>
      </c>
      <c r="F5264" cm="1">
        <f t="array" ref="F5264">IFERROR(INDEX(Jesper!AJ$2:AJ$366,ROUNDDOWN($C5264/24,0)+1,1)*INDEX($D$3:$AA$30,INDEX(Jesper!$R$2:$R$366,ROW(INDEX(Jesper!AJ$2:AJ$366,ROUNDDOWN($C5264/24,0)+1,1))-1)+IF('Standard Profiles'!$G$20=$B$10,7,0)+IF('Standard Profiles'!$G$20=$B$17,14,0)+IF('Standard Profiles'!$G$20=$B$24,21,0),MOD($C5264,24)+1)/SUM(INDEX($D$3:$AA$30,INDEX(Jesper!$R$2:$R$366,ROW(INDEX(Jesper!AJ$2:AJ$366,ROUNDDOWN($C5264/24,0)+1,1))-1)+IF('Standard Profiles'!$G$20=$B$10,7,0)+IF('Standard Profiles'!$G$20=$B$17,14,0)+IF('Standard Profiles'!$G$20=$B$24,21,0),0)),0)</f>
        <v>1.3773804029958625</v>
      </c>
      <c r="G5264" cm="1">
        <f t="array" ref="G5264">IFERROR(INDEX(Jesper!AK$2:AK$366,ROUNDDOWN($C5264/24,0)+1,1)*INDEX($D$3:$AA$30,INDEX(Jesper!$R$2:$R$366,ROW(INDEX(Jesper!AK$2:AK$366,ROUNDDOWN($C5264/24,0)+1,1))-1)+IF('Standard Profiles'!$G$21=$B$10,7,0)+IF('Standard Profiles'!$G$21=$B$17,14,0)+IF('Standard Profiles'!$G$21=$B$24,21,0),MOD($C5264,24)+1)/SUM(INDEX($D$3:$AA$30,INDEX(Jesper!$R$2:$R$366,ROW(INDEX(Jesper!AK$2:AK$366,ROUNDDOWN($C5264/24,0)+1,1))-1)+IF('Standard Profiles'!$G$21=$B$10,7,0)+IF('Standard Profiles'!$G$21=$B$17,14,0)+IF('Standard Profiles'!$G$21=$B$24,21,0),0)),0)</f>
        <v>0.91433187344932554</v>
      </c>
      <c r="H5264" cm="1">
        <f t="array" ref="H5264">IFERROR(INDEX(Jesper!AL$2:AL$366,ROUNDDOWN($C5264/24,0)+1,1)*INDEX($D$3:$AA$30,INDEX(Jesper!$R$2:$R$366,ROW(INDEX(Jesper!AL$2:AL$366,ROUNDDOWN($C5264/24,0)+1,1))-1)+IF('Standard Profiles'!$G$22=$B$10,7,0)+IF('Standard Profiles'!$G$22=$B$17,14,0)+IF('Standard Profiles'!$G$22=$B$24,21,0),MOD($C5264,24)+1)/SUM(INDEX($D$3:$AA$30,INDEX(Jesper!$R$2:$R$366,ROW(INDEX(Jesper!AL$2:AL$366,ROUNDDOWN($C5264/24,0)+1,1))-1)+IF('Standard Profiles'!$G$22=$B$10,7,0)+IF('Standard Profiles'!$G$22=$B$17,14,0)+IF('Standard Profiles'!$G$22=$B$24,21,0),0)),0)</f>
        <v>0.29045358366347634</v>
      </c>
      <c r="I5264">
        <f t="shared" si="587"/>
        <v>0.27883544031693747</v>
      </c>
      <c r="J5264">
        <f t="shared" si="588"/>
        <v>4.7351489241654363</v>
      </c>
      <c r="K5264">
        <f t="shared" si="589"/>
        <v>0.22107440948851909</v>
      </c>
      <c r="L5264">
        <f t="shared" si="590"/>
        <v>0.11053720474425954</v>
      </c>
      <c r="M5264">
        <f t="shared" si="591"/>
        <v>0</v>
      </c>
      <c r="N5264" s="45">
        <f t="shared" si="592"/>
        <v>45144.916666653982</v>
      </c>
    </row>
    <row r="5265" spans="2:14" x14ac:dyDescent="0.25">
      <c r="B5265">
        <f t="shared" si="586"/>
        <v>7</v>
      </c>
      <c r="C5265" s="16">
        <v>5231</v>
      </c>
      <c r="D5265" cm="1">
        <f t="array" ref="D5265">IFERROR(INDEX(Jesper!AH$2:AH$366,ROUNDDOWN($C5265/24,0)+1,1)*INDEX($D$3:$AA$30,INDEX(Jesper!$R$2:$R$366,ROW(INDEX(Jesper!AH$2:AH$366,ROUNDDOWN($C5265/24,0)+1,1))-1)+IF('Standard Profiles'!$G$18=$B$10,7,0)+IF('Standard Profiles'!$G$18=$B$17,14,0)+IF('Standard Profiles'!$G$18=$B$24,21,0),MOD($C5265,24)+1)/SUM(INDEX($D$3:$AA$30,INDEX(Jesper!$R$2:$R$366,ROW(INDEX(Jesper!AH$2:AH$366,ROUNDDOWN($C5265/24,0)+1,1))-1)+IF('Standard Profiles'!$G$18=$B$10,7,0)+IF('Standard Profiles'!$G$18=$B$17,14,0)+IF('Standard Profiles'!$G$18=$B$24,21,0),0)),0)</f>
        <v>0</v>
      </c>
      <c r="E5265" cm="1">
        <f t="array" ref="E5265">IFERROR(INDEX(Jesper!AI$2:AI$366,ROUNDDOWN($C5265/24,0)+1,1)*INDEX($D$3:$AA$30,INDEX(Jesper!$R$2:$R$366,ROW(INDEX(Jesper!AI$2:AI$366,ROUNDDOWN($C5265/24,0)+1,1))-1)+IF('Standard Profiles'!$G$19=$B$10,7,0)+IF('Standard Profiles'!$G$19=$B$17,14,0)+IF('Standard Profiles'!$G$19=$B$24,21,0),MOD($C5265,24)+1)/SUM(INDEX($D$3:$AA$30,INDEX(Jesper!$R$2:$R$366,ROW(INDEX(Jesper!AI$2:AI$366,ROUNDDOWN($C5265/24,0)+1,1))-1)+IF('Standard Profiles'!$G$19=$B$10,7,0)+IF('Standard Profiles'!$G$19=$B$17,14,0)+IF('Standard Profiles'!$G$19=$B$24,21,0),0)),0)</f>
        <v>2.7634301186064887</v>
      </c>
      <c r="F5265" cm="1">
        <f t="array" ref="F5265">IFERROR(INDEX(Jesper!AJ$2:AJ$366,ROUNDDOWN($C5265/24,0)+1,1)*INDEX($D$3:$AA$30,INDEX(Jesper!$R$2:$R$366,ROW(INDEX(Jesper!AJ$2:AJ$366,ROUNDDOWN($C5265/24,0)+1,1))-1)+IF('Standard Profiles'!$G$20=$B$10,7,0)+IF('Standard Profiles'!$G$20=$B$17,14,0)+IF('Standard Profiles'!$G$20=$B$24,21,0),MOD($C5265,24)+1)/SUM(INDEX($D$3:$AA$30,INDEX(Jesper!$R$2:$R$366,ROW(INDEX(Jesper!AJ$2:AJ$366,ROUNDDOWN($C5265/24,0)+1,1))-1)+IF('Standard Profiles'!$G$20=$B$10,7,0)+IF('Standard Profiles'!$G$20=$B$17,14,0)+IF('Standard Profiles'!$G$20=$B$24,21,0),0)),0)</f>
        <v>1.3773804029958625</v>
      </c>
      <c r="G5265" cm="1">
        <f t="array" ref="G5265">IFERROR(INDEX(Jesper!AK$2:AK$366,ROUNDDOWN($C5265/24,0)+1,1)*INDEX($D$3:$AA$30,INDEX(Jesper!$R$2:$R$366,ROW(INDEX(Jesper!AK$2:AK$366,ROUNDDOWN($C5265/24,0)+1,1))-1)+IF('Standard Profiles'!$G$21=$B$10,7,0)+IF('Standard Profiles'!$G$21=$B$17,14,0)+IF('Standard Profiles'!$G$21=$B$24,21,0),MOD($C5265,24)+1)/SUM(INDEX($D$3:$AA$30,INDEX(Jesper!$R$2:$R$366,ROW(INDEX(Jesper!AK$2:AK$366,ROUNDDOWN($C5265/24,0)+1,1))-1)+IF('Standard Profiles'!$G$21=$B$10,7,0)+IF('Standard Profiles'!$G$21=$B$17,14,0)+IF('Standard Profiles'!$G$21=$B$24,21,0),0)),0)</f>
        <v>0.91433187344932554</v>
      </c>
      <c r="H5265" cm="1">
        <f t="array" ref="H5265">IFERROR(INDEX(Jesper!AL$2:AL$366,ROUNDDOWN($C5265/24,0)+1,1)*INDEX($D$3:$AA$30,INDEX(Jesper!$R$2:$R$366,ROW(INDEX(Jesper!AL$2:AL$366,ROUNDDOWN($C5265/24,0)+1,1))-1)+IF('Standard Profiles'!$G$22=$B$10,7,0)+IF('Standard Profiles'!$G$22=$B$17,14,0)+IF('Standard Profiles'!$G$22=$B$24,21,0),MOD($C5265,24)+1)/SUM(INDEX($D$3:$AA$30,INDEX(Jesper!$R$2:$R$366,ROW(INDEX(Jesper!AL$2:AL$366,ROUNDDOWN($C5265/24,0)+1,1))-1)+IF('Standard Profiles'!$G$22=$B$10,7,0)+IF('Standard Profiles'!$G$22=$B$17,14,0)+IF('Standard Profiles'!$G$22=$B$24,21,0),0)),0)</f>
        <v>0.29045358366347634</v>
      </c>
      <c r="I5265">
        <f t="shared" si="587"/>
        <v>0.27883544031693747</v>
      </c>
      <c r="J5265">
        <f t="shared" si="588"/>
        <v>4.7351489241654363</v>
      </c>
      <c r="K5265">
        <f t="shared" si="589"/>
        <v>0.22107440948851909</v>
      </c>
      <c r="L5265">
        <f t="shared" si="590"/>
        <v>0.11053720474425954</v>
      </c>
      <c r="M5265">
        <f t="shared" si="591"/>
        <v>0</v>
      </c>
      <c r="N5265" s="45">
        <f t="shared" si="592"/>
        <v>45144.958333320646</v>
      </c>
    </row>
    <row r="5266" spans="2:14" x14ac:dyDescent="0.25">
      <c r="B5266">
        <f t="shared" si="586"/>
        <v>1</v>
      </c>
      <c r="C5266" s="16">
        <v>5232</v>
      </c>
      <c r="D5266" cm="1">
        <f t="array" ref="D5266">IFERROR(INDEX(Jesper!AH$2:AH$366,ROUNDDOWN($C5266/24,0)+1,1)*INDEX($D$3:$AA$30,INDEX(Jesper!$R$2:$R$366,ROW(INDEX(Jesper!AH$2:AH$366,ROUNDDOWN($C5266/24,0)+1,1))-1)+IF('Standard Profiles'!$G$18=$B$10,7,0)+IF('Standard Profiles'!$G$18=$B$17,14,0)+IF('Standard Profiles'!$G$18=$B$24,21,0),MOD($C5266,24)+1)/SUM(INDEX($D$3:$AA$30,INDEX(Jesper!$R$2:$R$366,ROW(INDEX(Jesper!AH$2:AH$366,ROUNDDOWN($C5266/24,0)+1,1))-1)+IF('Standard Profiles'!$G$18=$B$10,7,0)+IF('Standard Profiles'!$G$18=$B$17,14,0)+IF('Standard Profiles'!$G$18=$B$24,21,0),0)),0)</f>
        <v>5.3970102528011656</v>
      </c>
      <c r="E5266" cm="1">
        <f t="array" ref="E5266">IFERROR(INDEX(Jesper!AI$2:AI$366,ROUNDDOWN($C5266/24,0)+1,1)*INDEX($D$3:$AA$30,INDEX(Jesper!$R$2:$R$366,ROW(INDEX(Jesper!AI$2:AI$366,ROUNDDOWN($C5266/24,0)+1,1))-1)+IF('Standard Profiles'!$G$19=$B$10,7,0)+IF('Standard Profiles'!$G$19=$B$17,14,0)+IF('Standard Profiles'!$G$19=$B$24,21,0),MOD($C5266,24)+1)/SUM(INDEX($D$3:$AA$30,INDEX(Jesper!$R$2:$R$366,ROW(INDEX(Jesper!AI$2:AI$366,ROUNDDOWN($C5266/24,0)+1,1))-1)+IF('Standard Profiles'!$G$19=$B$10,7,0)+IF('Standard Profiles'!$G$19=$B$17,14,0)+IF('Standard Profiles'!$G$19=$B$24,21,0),0)),0)</f>
        <v>3.1400203597980516</v>
      </c>
      <c r="F5266" cm="1">
        <f t="array" ref="F5266">IFERROR(INDEX(Jesper!AJ$2:AJ$366,ROUNDDOWN($C5266/24,0)+1,1)*INDEX($D$3:$AA$30,INDEX(Jesper!$R$2:$R$366,ROW(INDEX(Jesper!AJ$2:AJ$366,ROUNDDOWN($C5266/24,0)+1,1))-1)+IF('Standard Profiles'!$G$20=$B$10,7,0)+IF('Standard Profiles'!$G$20=$B$17,14,0)+IF('Standard Profiles'!$G$20=$B$24,21,0),MOD($C5266,24)+1)/SUM(INDEX($D$3:$AA$30,INDEX(Jesper!$R$2:$R$366,ROW(INDEX(Jesper!AJ$2:AJ$366,ROUNDDOWN($C5266/24,0)+1,1))-1)+IF('Standard Profiles'!$G$20=$B$10,7,0)+IF('Standard Profiles'!$G$20=$B$17,14,0)+IF('Standard Profiles'!$G$20=$B$24,21,0),0)),0)</f>
        <v>0</v>
      </c>
      <c r="G5266" cm="1">
        <f t="array" ref="G5266">IFERROR(INDEX(Jesper!AK$2:AK$366,ROUNDDOWN($C5266/24,0)+1,1)*INDEX($D$3:$AA$30,INDEX(Jesper!$R$2:$R$366,ROW(INDEX(Jesper!AK$2:AK$366,ROUNDDOWN($C5266/24,0)+1,1))-1)+IF('Standard Profiles'!$G$21=$B$10,7,0)+IF('Standard Profiles'!$G$21=$B$17,14,0)+IF('Standard Profiles'!$G$21=$B$24,21,0),MOD($C5266,24)+1)/SUM(INDEX($D$3:$AA$30,INDEX(Jesper!$R$2:$R$366,ROW(INDEX(Jesper!AK$2:AK$366,ROUNDDOWN($C5266/24,0)+1,1))-1)+IF('Standard Profiles'!$G$21=$B$10,7,0)+IF('Standard Profiles'!$G$21=$B$17,14,0)+IF('Standard Profiles'!$G$21=$B$24,21,0),0)),0)</f>
        <v>0.62038046949120174</v>
      </c>
      <c r="H5266" cm="1">
        <f t="array" ref="H5266">IFERROR(INDEX(Jesper!AL$2:AL$366,ROUNDDOWN($C5266/24,0)+1,1)*INDEX($D$3:$AA$30,INDEX(Jesper!$R$2:$R$366,ROW(INDEX(Jesper!AL$2:AL$366,ROUNDDOWN($C5266/24,0)+1,1))-1)+IF('Standard Profiles'!$G$22=$B$10,7,0)+IF('Standard Profiles'!$G$22=$B$17,14,0)+IF('Standard Profiles'!$G$22=$B$24,21,0),MOD($C5266,24)+1)/SUM(INDEX($D$3:$AA$30,INDEX(Jesper!$R$2:$R$366,ROW(INDEX(Jesper!AL$2:AL$366,ROUNDDOWN($C5266/24,0)+1,1))-1)+IF('Standard Profiles'!$G$22=$B$10,7,0)+IF('Standard Profiles'!$G$22=$B$17,14,0)+IF('Standard Profiles'!$G$22=$B$24,21,0),0)),0)</f>
        <v>0</v>
      </c>
      <c r="I5266">
        <f t="shared" si="587"/>
        <v>0.29778262535577671</v>
      </c>
      <c r="J5266">
        <f t="shared" si="588"/>
        <v>7.9961068162864555</v>
      </c>
      <c r="K5266">
        <f t="shared" si="589"/>
        <v>0.57568109363212439</v>
      </c>
      <c r="L5266">
        <f t="shared" si="590"/>
        <v>0.28784054681606219</v>
      </c>
      <c r="M5266">
        <f t="shared" si="591"/>
        <v>0</v>
      </c>
      <c r="N5266" s="45">
        <f t="shared" si="592"/>
        <v>45144.999999987311</v>
      </c>
    </row>
    <row r="5267" spans="2:14" x14ac:dyDescent="0.25">
      <c r="B5267">
        <f t="shared" si="586"/>
        <v>1</v>
      </c>
      <c r="C5267" s="16">
        <v>5233</v>
      </c>
      <c r="D5267" cm="1">
        <f t="array" ref="D5267">IFERROR(INDEX(Jesper!AH$2:AH$366,ROUNDDOWN($C5267/24,0)+1,1)*INDEX($D$3:$AA$30,INDEX(Jesper!$R$2:$R$366,ROW(INDEX(Jesper!AH$2:AH$366,ROUNDDOWN($C5267/24,0)+1,1))-1)+IF('Standard Profiles'!$G$18=$B$10,7,0)+IF('Standard Profiles'!$G$18=$B$17,14,0)+IF('Standard Profiles'!$G$18=$B$24,21,0),MOD($C5267,24)+1)/SUM(INDEX($D$3:$AA$30,INDEX(Jesper!$R$2:$R$366,ROW(INDEX(Jesper!AH$2:AH$366,ROUNDDOWN($C5267/24,0)+1,1))-1)+IF('Standard Profiles'!$G$18=$B$10,7,0)+IF('Standard Profiles'!$G$18=$B$17,14,0)+IF('Standard Profiles'!$G$18=$B$24,21,0),0)),0)</f>
        <v>5.3970102528011656</v>
      </c>
      <c r="E5267" cm="1">
        <f t="array" ref="E5267">IFERROR(INDEX(Jesper!AI$2:AI$366,ROUNDDOWN($C5267/24,0)+1,1)*INDEX($D$3:$AA$30,INDEX(Jesper!$R$2:$R$366,ROW(INDEX(Jesper!AI$2:AI$366,ROUNDDOWN($C5267/24,0)+1,1))-1)+IF('Standard Profiles'!$G$19=$B$10,7,0)+IF('Standard Profiles'!$G$19=$B$17,14,0)+IF('Standard Profiles'!$G$19=$B$24,21,0),MOD($C5267,24)+1)/SUM(INDEX($D$3:$AA$30,INDEX(Jesper!$R$2:$R$366,ROW(INDEX(Jesper!AI$2:AI$366,ROUNDDOWN($C5267/24,0)+1,1))-1)+IF('Standard Profiles'!$G$19=$B$10,7,0)+IF('Standard Profiles'!$G$19=$B$17,14,0)+IF('Standard Profiles'!$G$19=$B$24,21,0),0)),0)</f>
        <v>3.1400203597980516</v>
      </c>
      <c r="F5267" cm="1">
        <f t="array" ref="F5267">IFERROR(INDEX(Jesper!AJ$2:AJ$366,ROUNDDOWN($C5267/24,0)+1,1)*INDEX($D$3:$AA$30,INDEX(Jesper!$R$2:$R$366,ROW(INDEX(Jesper!AJ$2:AJ$366,ROUNDDOWN($C5267/24,0)+1,1))-1)+IF('Standard Profiles'!$G$20=$B$10,7,0)+IF('Standard Profiles'!$G$20=$B$17,14,0)+IF('Standard Profiles'!$G$20=$B$24,21,0),MOD($C5267,24)+1)/SUM(INDEX($D$3:$AA$30,INDEX(Jesper!$R$2:$R$366,ROW(INDEX(Jesper!AJ$2:AJ$366,ROUNDDOWN($C5267/24,0)+1,1))-1)+IF('Standard Profiles'!$G$20=$B$10,7,0)+IF('Standard Profiles'!$G$20=$B$17,14,0)+IF('Standard Profiles'!$G$20=$B$24,21,0),0)),0)</f>
        <v>0</v>
      </c>
      <c r="G5267" cm="1">
        <f t="array" ref="G5267">IFERROR(INDEX(Jesper!AK$2:AK$366,ROUNDDOWN($C5267/24,0)+1,1)*INDEX($D$3:$AA$30,INDEX(Jesper!$R$2:$R$366,ROW(INDEX(Jesper!AK$2:AK$366,ROUNDDOWN($C5267/24,0)+1,1))-1)+IF('Standard Profiles'!$G$21=$B$10,7,0)+IF('Standard Profiles'!$G$21=$B$17,14,0)+IF('Standard Profiles'!$G$21=$B$24,21,0),MOD($C5267,24)+1)/SUM(INDEX($D$3:$AA$30,INDEX(Jesper!$R$2:$R$366,ROW(INDEX(Jesper!AK$2:AK$366,ROUNDDOWN($C5267/24,0)+1,1))-1)+IF('Standard Profiles'!$G$21=$B$10,7,0)+IF('Standard Profiles'!$G$21=$B$17,14,0)+IF('Standard Profiles'!$G$21=$B$24,21,0),0)),0)</f>
        <v>0.62038046949120174</v>
      </c>
      <c r="H5267" cm="1">
        <f t="array" ref="H5267">IFERROR(INDEX(Jesper!AL$2:AL$366,ROUNDDOWN($C5267/24,0)+1,1)*INDEX($D$3:$AA$30,INDEX(Jesper!$R$2:$R$366,ROW(INDEX(Jesper!AL$2:AL$366,ROUNDDOWN($C5267/24,0)+1,1))-1)+IF('Standard Profiles'!$G$22=$B$10,7,0)+IF('Standard Profiles'!$G$22=$B$17,14,0)+IF('Standard Profiles'!$G$22=$B$24,21,0),MOD($C5267,24)+1)/SUM(INDEX($D$3:$AA$30,INDEX(Jesper!$R$2:$R$366,ROW(INDEX(Jesper!AL$2:AL$366,ROUNDDOWN($C5267/24,0)+1,1))-1)+IF('Standard Profiles'!$G$22=$B$10,7,0)+IF('Standard Profiles'!$G$22=$B$17,14,0)+IF('Standard Profiles'!$G$22=$B$24,21,0),0)),0)</f>
        <v>0</v>
      </c>
      <c r="I5267">
        <f t="shared" si="587"/>
        <v>0.29778262535577671</v>
      </c>
      <c r="J5267">
        <f t="shared" si="588"/>
        <v>7.9961068162864555</v>
      </c>
      <c r="K5267">
        <f t="shared" si="589"/>
        <v>0.57568109363212439</v>
      </c>
      <c r="L5267">
        <f t="shared" si="590"/>
        <v>0.28784054681606219</v>
      </c>
      <c r="M5267">
        <f t="shared" si="591"/>
        <v>0</v>
      </c>
      <c r="N5267" s="45">
        <f t="shared" si="592"/>
        <v>45145.041666653975</v>
      </c>
    </row>
    <row r="5268" spans="2:14" x14ac:dyDescent="0.25">
      <c r="B5268">
        <f t="shared" si="586"/>
        <v>1</v>
      </c>
      <c r="C5268" s="16">
        <v>5234</v>
      </c>
      <c r="D5268" cm="1">
        <f t="array" ref="D5268">IFERROR(INDEX(Jesper!AH$2:AH$366,ROUNDDOWN($C5268/24,0)+1,1)*INDEX($D$3:$AA$30,INDEX(Jesper!$R$2:$R$366,ROW(INDEX(Jesper!AH$2:AH$366,ROUNDDOWN($C5268/24,0)+1,1))-1)+IF('Standard Profiles'!$G$18=$B$10,7,0)+IF('Standard Profiles'!$G$18=$B$17,14,0)+IF('Standard Profiles'!$G$18=$B$24,21,0),MOD($C5268,24)+1)/SUM(INDEX($D$3:$AA$30,INDEX(Jesper!$R$2:$R$366,ROW(INDEX(Jesper!AH$2:AH$366,ROUNDDOWN($C5268/24,0)+1,1))-1)+IF('Standard Profiles'!$G$18=$B$10,7,0)+IF('Standard Profiles'!$G$18=$B$17,14,0)+IF('Standard Profiles'!$G$18=$B$24,21,0),0)),0)</f>
        <v>5.3970102528011656</v>
      </c>
      <c r="E5268" cm="1">
        <f t="array" ref="E5268">IFERROR(INDEX(Jesper!AI$2:AI$366,ROUNDDOWN($C5268/24,0)+1,1)*INDEX($D$3:$AA$30,INDEX(Jesper!$R$2:$R$366,ROW(INDEX(Jesper!AI$2:AI$366,ROUNDDOWN($C5268/24,0)+1,1))-1)+IF('Standard Profiles'!$G$19=$B$10,7,0)+IF('Standard Profiles'!$G$19=$B$17,14,0)+IF('Standard Profiles'!$G$19=$B$24,21,0),MOD($C5268,24)+1)/SUM(INDEX($D$3:$AA$30,INDEX(Jesper!$R$2:$R$366,ROW(INDEX(Jesper!AI$2:AI$366,ROUNDDOWN($C5268/24,0)+1,1))-1)+IF('Standard Profiles'!$G$19=$B$10,7,0)+IF('Standard Profiles'!$G$19=$B$17,14,0)+IF('Standard Profiles'!$G$19=$B$24,21,0),0)),0)</f>
        <v>3.1400203597980516</v>
      </c>
      <c r="F5268" cm="1">
        <f t="array" ref="F5268">IFERROR(INDEX(Jesper!AJ$2:AJ$366,ROUNDDOWN($C5268/24,0)+1,1)*INDEX($D$3:$AA$30,INDEX(Jesper!$R$2:$R$366,ROW(INDEX(Jesper!AJ$2:AJ$366,ROUNDDOWN($C5268/24,0)+1,1))-1)+IF('Standard Profiles'!$G$20=$B$10,7,0)+IF('Standard Profiles'!$G$20=$B$17,14,0)+IF('Standard Profiles'!$G$20=$B$24,21,0),MOD($C5268,24)+1)/SUM(INDEX($D$3:$AA$30,INDEX(Jesper!$R$2:$R$366,ROW(INDEX(Jesper!AJ$2:AJ$366,ROUNDDOWN($C5268/24,0)+1,1))-1)+IF('Standard Profiles'!$G$20=$B$10,7,0)+IF('Standard Profiles'!$G$20=$B$17,14,0)+IF('Standard Profiles'!$G$20=$B$24,21,0),0)),0)</f>
        <v>0</v>
      </c>
      <c r="G5268" cm="1">
        <f t="array" ref="G5268">IFERROR(INDEX(Jesper!AK$2:AK$366,ROUNDDOWN($C5268/24,0)+1,1)*INDEX($D$3:$AA$30,INDEX(Jesper!$R$2:$R$366,ROW(INDEX(Jesper!AK$2:AK$366,ROUNDDOWN($C5268/24,0)+1,1))-1)+IF('Standard Profiles'!$G$21=$B$10,7,0)+IF('Standard Profiles'!$G$21=$B$17,14,0)+IF('Standard Profiles'!$G$21=$B$24,21,0),MOD($C5268,24)+1)/SUM(INDEX($D$3:$AA$30,INDEX(Jesper!$R$2:$R$366,ROW(INDEX(Jesper!AK$2:AK$366,ROUNDDOWN($C5268/24,0)+1,1))-1)+IF('Standard Profiles'!$G$21=$B$10,7,0)+IF('Standard Profiles'!$G$21=$B$17,14,0)+IF('Standard Profiles'!$G$21=$B$24,21,0),0)),0)</f>
        <v>0.62038046949120174</v>
      </c>
      <c r="H5268" cm="1">
        <f t="array" ref="H5268">IFERROR(INDEX(Jesper!AL$2:AL$366,ROUNDDOWN($C5268/24,0)+1,1)*INDEX($D$3:$AA$30,INDEX(Jesper!$R$2:$R$366,ROW(INDEX(Jesper!AL$2:AL$366,ROUNDDOWN($C5268/24,0)+1,1))-1)+IF('Standard Profiles'!$G$22=$B$10,7,0)+IF('Standard Profiles'!$G$22=$B$17,14,0)+IF('Standard Profiles'!$G$22=$B$24,21,0),MOD($C5268,24)+1)/SUM(INDEX($D$3:$AA$30,INDEX(Jesper!$R$2:$R$366,ROW(INDEX(Jesper!AL$2:AL$366,ROUNDDOWN($C5268/24,0)+1,1))-1)+IF('Standard Profiles'!$G$22=$B$10,7,0)+IF('Standard Profiles'!$G$22=$B$17,14,0)+IF('Standard Profiles'!$G$22=$B$24,21,0),0)),0)</f>
        <v>0</v>
      </c>
      <c r="I5268">
        <f t="shared" si="587"/>
        <v>0.29778262535577671</v>
      </c>
      <c r="J5268">
        <f t="shared" si="588"/>
        <v>7.9961068162864555</v>
      </c>
      <c r="K5268">
        <f t="shared" si="589"/>
        <v>0.57568109363212439</v>
      </c>
      <c r="L5268">
        <f t="shared" si="590"/>
        <v>0.28784054681606219</v>
      </c>
      <c r="M5268">
        <f t="shared" si="591"/>
        <v>0</v>
      </c>
      <c r="N5268" s="45">
        <f t="shared" si="592"/>
        <v>45145.083333320639</v>
      </c>
    </row>
    <row r="5269" spans="2:14" x14ac:dyDescent="0.25">
      <c r="B5269">
        <f t="shared" si="586"/>
        <v>1</v>
      </c>
      <c r="C5269" s="16">
        <v>5235</v>
      </c>
      <c r="D5269" cm="1">
        <f t="array" ref="D5269">IFERROR(INDEX(Jesper!AH$2:AH$366,ROUNDDOWN($C5269/24,0)+1,1)*INDEX($D$3:$AA$30,INDEX(Jesper!$R$2:$R$366,ROW(INDEX(Jesper!AH$2:AH$366,ROUNDDOWN($C5269/24,0)+1,1))-1)+IF('Standard Profiles'!$G$18=$B$10,7,0)+IF('Standard Profiles'!$G$18=$B$17,14,0)+IF('Standard Profiles'!$G$18=$B$24,21,0),MOD($C5269,24)+1)/SUM(INDEX($D$3:$AA$30,INDEX(Jesper!$R$2:$R$366,ROW(INDEX(Jesper!AH$2:AH$366,ROUNDDOWN($C5269/24,0)+1,1))-1)+IF('Standard Profiles'!$G$18=$B$10,7,0)+IF('Standard Profiles'!$G$18=$B$17,14,0)+IF('Standard Profiles'!$G$18=$B$24,21,0),0)),0)</f>
        <v>5.3970102528011656</v>
      </c>
      <c r="E5269" cm="1">
        <f t="array" ref="E5269">IFERROR(INDEX(Jesper!AI$2:AI$366,ROUNDDOWN($C5269/24,0)+1,1)*INDEX($D$3:$AA$30,INDEX(Jesper!$R$2:$R$366,ROW(INDEX(Jesper!AI$2:AI$366,ROUNDDOWN($C5269/24,0)+1,1))-1)+IF('Standard Profiles'!$G$19=$B$10,7,0)+IF('Standard Profiles'!$G$19=$B$17,14,0)+IF('Standard Profiles'!$G$19=$B$24,21,0),MOD($C5269,24)+1)/SUM(INDEX($D$3:$AA$30,INDEX(Jesper!$R$2:$R$366,ROW(INDEX(Jesper!AI$2:AI$366,ROUNDDOWN($C5269/24,0)+1,1))-1)+IF('Standard Profiles'!$G$19=$B$10,7,0)+IF('Standard Profiles'!$G$19=$B$17,14,0)+IF('Standard Profiles'!$G$19=$B$24,21,0),0)),0)</f>
        <v>3.1400203597980516</v>
      </c>
      <c r="F5269" cm="1">
        <f t="array" ref="F5269">IFERROR(INDEX(Jesper!AJ$2:AJ$366,ROUNDDOWN($C5269/24,0)+1,1)*INDEX($D$3:$AA$30,INDEX(Jesper!$R$2:$R$366,ROW(INDEX(Jesper!AJ$2:AJ$366,ROUNDDOWN($C5269/24,0)+1,1))-1)+IF('Standard Profiles'!$G$20=$B$10,7,0)+IF('Standard Profiles'!$G$20=$B$17,14,0)+IF('Standard Profiles'!$G$20=$B$24,21,0),MOD($C5269,24)+1)/SUM(INDEX($D$3:$AA$30,INDEX(Jesper!$R$2:$R$366,ROW(INDEX(Jesper!AJ$2:AJ$366,ROUNDDOWN($C5269/24,0)+1,1))-1)+IF('Standard Profiles'!$G$20=$B$10,7,0)+IF('Standard Profiles'!$G$20=$B$17,14,0)+IF('Standard Profiles'!$G$20=$B$24,21,0),0)),0)</f>
        <v>0</v>
      </c>
      <c r="G5269" cm="1">
        <f t="array" ref="G5269">IFERROR(INDEX(Jesper!AK$2:AK$366,ROUNDDOWN($C5269/24,0)+1,1)*INDEX($D$3:$AA$30,INDEX(Jesper!$R$2:$R$366,ROW(INDEX(Jesper!AK$2:AK$366,ROUNDDOWN($C5269/24,0)+1,1))-1)+IF('Standard Profiles'!$G$21=$B$10,7,0)+IF('Standard Profiles'!$G$21=$B$17,14,0)+IF('Standard Profiles'!$G$21=$B$24,21,0),MOD($C5269,24)+1)/SUM(INDEX($D$3:$AA$30,INDEX(Jesper!$R$2:$R$366,ROW(INDEX(Jesper!AK$2:AK$366,ROUNDDOWN($C5269/24,0)+1,1))-1)+IF('Standard Profiles'!$G$21=$B$10,7,0)+IF('Standard Profiles'!$G$21=$B$17,14,0)+IF('Standard Profiles'!$G$21=$B$24,21,0),0)),0)</f>
        <v>0.62038046949120174</v>
      </c>
      <c r="H5269" cm="1">
        <f t="array" ref="H5269">IFERROR(INDEX(Jesper!AL$2:AL$366,ROUNDDOWN($C5269/24,0)+1,1)*INDEX($D$3:$AA$30,INDEX(Jesper!$R$2:$R$366,ROW(INDEX(Jesper!AL$2:AL$366,ROUNDDOWN($C5269/24,0)+1,1))-1)+IF('Standard Profiles'!$G$22=$B$10,7,0)+IF('Standard Profiles'!$G$22=$B$17,14,0)+IF('Standard Profiles'!$G$22=$B$24,21,0),MOD($C5269,24)+1)/SUM(INDEX($D$3:$AA$30,INDEX(Jesper!$R$2:$R$366,ROW(INDEX(Jesper!AL$2:AL$366,ROUNDDOWN($C5269/24,0)+1,1))-1)+IF('Standard Profiles'!$G$22=$B$10,7,0)+IF('Standard Profiles'!$G$22=$B$17,14,0)+IF('Standard Profiles'!$G$22=$B$24,21,0),0)),0)</f>
        <v>0</v>
      </c>
      <c r="I5269">
        <f t="shared" si="587"/>
        <v>0.29778262535577671</v>
      </c>
      <c r="J5269">
        <f t="shared" si="588"/>
        <v>7.9961068162864555</v>
      </c>
      <c r="K5269">
        <f t="shared" si="589"/>
        <v>0.57568109363212439</v>
      </c>
      <c r="L5269">
        <f t="shared" si="590"/>
        <v>0.28784054681606219</v>
      </c>
      <c r="M5269">
        <f t="shared" si="591"/>
        <v>0</v>
      </c>
      <c r="N5269" s="45">
        <f t="shared" si="592"/>
        <v>45145.124999987303</v>
      </c>
    </row>
    <row r="5270" spans="2:14" x14ac:dyDescent="0.25">
      <c r="B5270">
        <f t="shared" si="586"/>
        <v>1</v>
      </c>
      <c r="C5270" s="16">
        <v>5236</v>
      </c>
      <c r="D5270" cm="1">
        <f t="array" ref="D5270">IFERROR(INDEX(Jesper!AH$2:AH$366,ROUNDDOWN($C5270/24,0)+1,1)*INDEX($D$3:$AA$30,INDEX(Jesper!$R$2:$R$366,ROW(INDEX(Jesper!AH$2:AH$366,ROUNDDOWN($C5270/24,0)+1,1))-1)+IF('Standard Profiles'!$G$18=$B$10,7,0)+IF('Standard Profiles'!$G$18=$B$17,14,0)+IF('Standard Profiles'!$G$18=$B$24,21,0),MOD($C5270,24)+1)/SUM(INDEX($D$3:$AA$30,INDEX(Jesper!$R$2:$R$366,ROW(INDEX(Jesper!AH$2:AH$366,ROUNDDOWN($C5270/24,0)+1,1))-1)+IF('Standard Profiles'!$G$18=$B$10,7,0)+IF('Standard Profiles'!$G$18=$B$17,14,0)+IF('Standard Profiles'!$G$18=$B$24,21,0),0)),0)</f>
        <v>5.3970102528011656</v>
      </c>
      <c r="E5270" cm="1">
        <f t="array" ref="E5270">IFERROR(INDEX(Jesper!AI$2:AI$366,ROUNDDOWN($C5270/24,0)+1,1)*INDEX($D$3:$AA$30,INDEX(Jesper!$R$2:$R$366,ROW(INDEX(Jesper!AI$2:AI$366,ROUNDDOWN($C5270/24,0)+1,1))-1)+IF('Standard Profiles'!$G$19=$B$10,7,0)+IF('Standard Profiles'!$G$19=$B$17,14,0)+IF('Standard Profiles'!$G$19=$B$24,21,0),MOD($C5270,24)+1)/SUM(INDEX($D$3:$AA$30,INDEX(Jesper!$R$2:$R$366,ROW(INDEX(Jesper!AI$2:AI$366,ROUNDDOWN($C5270/24,0)+1,1))-1)+IF('Standard Profiles'!$G$19=$B$10,7,0)+IF('Standard Profiles'!$G$19=$B$17,14,0)+IF('Standard Profiles'!$G$19=$B$24,21,0),0)),0)</f>
        <v>3.1400203597980516</v>
      </c>
      <c r="F5270" cm="1">
        <f t="array" ref="F5270">IFERROR(INDEX(Jesper!AJ$2:AJ$366,ROUNDDOWN($C5270/24,0)+1,1)*INDEX($D$3:$AA$30,INDEX(Jesper!$R$2:$R$366,ROW(INDEX(Jesper!AJ$2:AJ$366,ROUNDDOWN($C5270/24,0)+1,1))-1)+IF('Standard Profiles'!$G$20=$B$10,7,0)+IF('Standard Profiles'!$G$20=$B$17,14,0)+IF('Standard Profiles'!$G$20=$B$24,21,0),MOD($C5270,24)+1)/SUM(INDEX($D$3:$AA$30,INDEX(Jesper!$R$2:$R$366,ROW(INDEX(Jesper!AJ$2:AJ$366,ROUNDDOWN($C5270/24,0)+1,1))-1)+IF('Standard Profiles'!$G$20=$B$10,7,0)+IF('Standard Profiles'!$G$20=$B$17,14,0)+IF('Standard Profiles'!$G$20=$B$24,21,0),0)),0)</f>
        <v>0</v>
      </c>
      <c r="G5270" cm="1">
        <f t="array" ref="G5270">IFERROR(INDEX(Jesper!AK$2:AK$366,ROUNDDOWN($C5270/24,0)+1,1)*INDEX($D$3:$AA$30,INDEX(Jesper!$R$2:$R$366,ROW(INDEX(Jesper!AK$2:AK$366,ROUNDDOWN($C5270/24,0)+1,1))-1)+IF('Standard Profiles'!$G$21=$B$10,7,0)+IF('Standard Profiles'!$G$21=$B$17,14,0)+IF('Standard Profiles'!$G$21=$B$24,21,0),MOD($C5270,24)+1)/SUM(INDEX($D$3:$AA$30,INDEX(Jesper!$R$2:$R$366,ROW(INDEX(Jesper!AK$2:AK$366,ROUNDDOWN($C5270/24,0)+1,1))-1)+IF('Standard Profiles'!$G$21=$B$10,7,0)+IF('Standard Profiles'!$G$21=$B$17,14,0)+IF('Standard Profiles'!$G$21=$B$24,21,0),0)),0)</f>
        <v>0.62038046949120174</v>
      </c>
      <c r="H5270" cm="1">
        <f t="array" ref="H5270">IFERROR(INDEX(Jesper!AL$2:AL$366,ROUNDDOWN($C5270/24,0)+1,1)*INDEX($D$3:$AA$30,INDEX(Jesper!$R$2:$R$366,ROW(INDEX(Jesper!AL$2:AL$366,ROUNDDOWN($C5270/24,0)+1,1))-1)+IF('Standard Profiles'!$G$22=$B$10,7,0)+IF('Standard Profiles'!$G$22=$B$17,14,0)+IF('Standard Profiles'!$G$22=$B$24,21,0),MOD($C5270,24)+1)/SUM(INDEX($D$3:$AA$30,INDEX(Jesper!$R$2:$R$366,ROW(INDEX(Jesper!AL$2:AL$366,ROUNDDOWN($C5270/24,0)+1,1))-1)+IF('Standard Profiles'!$G$22=$B$10,7,0)+IF('Standard Profiles'!$G$22=$B$17,14,0)+IF('Standard Profiles'!$G$22=$B$24,21,0),0)),0)</f>
        <v>0</v>
      </c>
      <c r="I5270">
        <f t="shared" si="587"/>
        <v>0.29778262535577671</v>
      </c>
      <c r="J5270">
        <f t="shared" si="588"/>
        <v>7.9961068162864555</v>
      </c>
      <c r="K5270">
        <f t="shared" si="589"/>
        <v>0.57568109363212439</v>
      </c>
      <c r="L5270">
        <f t="shared" si="590"/>
        <v>0.28784054681606219</v>
      </c>
      <c r="M5270">
        <f t="shared" si="591"/>
        <v>0</v>
      </c>
      <c r="N5270" s="45">
        <f t="shared" si="592"/>
        <v>45145.166666653968</v>
      </c>
    </row>
    <row r="5271" spans="2:14" x14ac:dyDescent="0.25">
      <c r="B5271">
        <f t="shared" si="586"/>
        <v>1</v>
      </c>
      <c r="C5271" s="16">
        <v>5237</v>
      </c>
      <c r="D5271" cm="1">
        <f t="array" ref="D5271">IFERROR(INDEX(Jesper!AH$2:AH$366,ROUNDDOWN($C5271/24,0)+1,1)*INDEX($D$3:$AA$30,INDEX(Jesper!$R$2:$R$366,ROW(INDEX(Jesper!AH$2:AH$366,ROUNDDOWN($C5271/24,0)+1,1))-1)+IF('Standard Profiles'!$G$18=$B$10,7,0)+IF('Standard Profiles'!$G$18=$B$17,14,0)+IF('Standard Profiles'!$G$18=$B$24,21,0),MOD($C5271,24)+1)/SUM(INDEX($D$3:$AA$30,INDEX(Jesper!$R$2:$R$366,ROW(INDEX(Jesper!AH$2:AH$366,ROUNDDOWN($C5271/24,0)+1,1))-1)+IF('Standard Profiles'!$G$18=$B$10,7,0)+IF('Standard Profiles'!$G$18=$B$17,14,0)+IF('Standard Profiles'!$G$18=$B$24,21,0),0)),0)</f>
        <v>5.3970102528011656</v>
      </c>
      <c r="E5271" cm="1">
        <f t="array" ref="E5271">IFERROR(INDEX(Jesper!AI$2:AI$366,ROUNDDOWN($C5271/24,0)+1,1)*INDEX($D$3:$AA$30,INDEX(Jesper!$R$2:$R$366,ROW(INDEX(Jesper!AI$2:AI$366,ROUNDDOWN($C5271/24,0)+1,1))-1)+IF('Standard Profiles'!$G$19=$B$10,7,0)+IF('Standard Profiles'!$G$19=$B$17,14,0)+IF('Standard Profiles'!$G$19=$B$24,21,0),MOD($C5271,24)+1)/SUM(INDEX($D$3:$AA$30,INDEX(Jesper!$R$2:$R$366,ROW(INDEX(Jesper!AI$2:AI$366,ROUNDDOWN($C5271/24,0)+1,1))-1)+IF('Standard Profiles'!$G$19=$B$10,7,0)+IF('Standard Profiles'!$G$19=$B$17,14,0)+IF('Standard Profiles'!$G$19=$B$24,21,0),0)),0)</f>
        <v>3.1400203597980516</v>
      </c>
      <c r="F5271" cm="1">
        <f t="array" ref="F5271">IFERROR(INDEX(Jesper!AJ$2:AJ$366,ROUNDDOWN($C5271/24,0)+1,1)*INDEX($D$3:$AA$30,INDEX(Jesper!$R$2:$R$366,ROW(INDEX(Jesper!AJ$2:AJ$366,ROUNDDOWN($C5271/24,0)+1,1))-1)+IF('Standard Profiles'!$G$20=$B$10,7,0)+IF('Standard Profiles'!$G$20=$B$17,14,0)+IF('Standard Profiles'!$G$20=$B$24,21,0),MOD($C5271,24)+1)/SUM(INDEX($D$3:$AA$30,INDEX(Jesper!$R$2:$R$366,ROW(INDEX(Jesper!AJ$2:AJ$366,ROUNDDOWN($C5271/24,0)+1,1))-1)+IF('Standard Profiles'!$G$20=$B$10,7,0)+IF('Standard Profiles'!$G$20=$B$17,14,0)+IF('Standard Profiles'!$G$20=$B$24,21,0),0)),0)</f>
        <v>0</v>
      </c>
      <c r="G5271" cm="1">
        <f t="array" ref="G5271">IFERROR(INDEX(Jesper!AK$2:AK$366,ROUNDDOWN($C5271/24,0)+1,1)*INDEX($D$3:$AA$30,INDEX(Jesper!$R$2:$R$366,ROW(INDEX(Jesper!AK$2:AK$366,ROUNDDOWN($C5271/24,0)+1,1))-1)+IF('Standard Profiles'!$G$21=$B$10,7,0)+IF('Standard Profiles'!$G$21=$B$17,14,0)+IF('Standard Profiles'!$G$21=$B$24,21,0),MOD($C5271,24)+1)/SUM(INDEX($D$3:$AA$30,INDEX(Jesper!$R$2:$R$366,ROW(INDEX(Jesper!AK$2:AK$366,ROUNDDOWN($C5271/24,0)+1,1))-1)+IF('Standard Profiles'!$G$21=$B$10,7,0)+IF('Standard Profiles'!$G$21=$B$17,14,0)+IF('Standard Profiles'!$G$21=$B$24,21,0),0)),0)</f>
        <v>0.62038046949120174</v>
      </c>
      <c r="H5271" cm="1">
        <f t="array" ref="H5271">IFERROR(INDEX(Jesper!AL$2:AL$366,ROUNDDOWN($C5271/24,0)+1,1)*INDEX($D$3:$AA$30,INDEX(Jesper!$R$2:$R$366,ROW(INDEX(Jesper!AL$2:AL$366,ROUNDDOWN($C5271/24,0)+1,1))-1)+IF('Standard Profiles'!$G$22=$B$10,7,0)+IF('Standard Profiles'!$G$22=$B$17,14,0)+IF('Standard Profiles'!$G$22=$B$24,21,0),MOD($C5271,24)+1)/SUM(INDEX($D$3:$AA$30,INDEX(Jesper!$R$2:$R$366,ROW(INDEX(Jesper!AL$2:AL$366,ROUNDDOWN($C5271/24,0)+1,1))-1)+IF('Standard Profiles'!$G$22=$B$10,7,0)+IF('Standard Profiles'!$G$22=$B$17,14,0)+IF('Standard Profiles'!$G$22=$B$24,21,0),0)),0)</f>
        <v>0</v>
      </c>
      <c r="I5271">
        <f t="shared" si="587"/>
        <v>0.29778262535577671</v>
      </c>
      <c r="J5271">
        <f t="shared" si="588"/>
        <v>7.9961068162864555</v>
      </c>
      <c r="K5271">
        <f t="shared" si="589"/>
        <v>0.57568109363212439</v>
      </c>
      <c r="L5271">
        <f t="shared" si="590"/>
        <v>0.28784054681606219</v>
      </c>
      <c r="M5271">
        <f t="shared" si="591"/>
        <v>0</v>
      </c>
      <c r="N5271" s="45">
        <f t="shared" si="592"/>
        <v>45145.208333320632</v>
      </c>
    </row>
    <row r="5272" spans="2:14" x14ac:dyDescent="0.25">
      <c r="B5272">
        <f t="shared" si="586"/>
        <v>1</v>
      </c>
      <c r="C5272" s="16">
        <v>5238</v>
      </c>
      <c r="D5272" cm="1">
        <f t="array" ref="D5272">IFERROR(INDEX(Jesper!AH$2:AH$366,ROUNDDOWN($C5272/24,0)+1,1)*INDEX($D$3:$AA$30,INDEX(Jesper!$R$2:$R$366,ROW(INDEX(Jesper!AH$2:AH$366,ROUNDDOWN($C5272/24,0)+1,1))-1)+IF('Standard Profiles'!$G$18=$B$10,7,0)+IF('Standard Profiles'!$G$18=$B$17,14,0)+IF('Standard Profiles'!$G$18=$B$24,21,0),MOD($C5272,24)+1)/SUM(INDEX($D$3:$AA$30,INDEX(Jesper!$R$2:$R$366,ROW(INDEX(Jesper!AH$2:AH$366,ROUNDDOWN($C5272/24,0)+1,1))-1)+IF('Standard Profiles'!$G$18=$B$10,7,0)+IF('Standard Profiles'!$G$18=$B$17,14,0)+IF('Standard Profiles'!$G$18=$B$24,21,0),0)),0)</f>
        <v>5.3970102528011656</v>
      </c>
      <c r="E5272" cm="1">
        <f t="array" ref="E5272">IFERROR(INDEX(Jesper!AI$2:AI$366,ROUNDDOWN($C5272/24,0)+1,1)*INDEX($D$3:$AA$30,INDEX(Jesper!$R$2:$R$366,ROW(INDEX(Jesper!AI$2:AI$366,ROUNDDOWN($C5272/24,0)+1,1))-1)+IF('Standard Profiles'!$G$19=$B$10,7,0)+IF('Standard Profiles'!$G$19=$B$17,14,0)+IF('Standard Profiles'!$G$19=$B$24,21,0),MOD($C5272,24)+1)/SUM(INDEX($D$3:$AA$30,INDEX(Jesper!$R$2:$R$366,ROW(INDEX(Jesper!AI$2:AI$366,ROUNDDOWN($C5272/24,0)+1,1))-1)+IF('Standard Profiles'!$G$19=$B$10,7,0)+IF('Standard Profiles'!$G$19=$B$17,14,0)+IF('Standard Profiles'!$G$19=$B$24,21,0),0)),0)</f>
        <v>3.1400203597980516</v>
      </c>
      <c r="F5272" cm="1">
        <f t="array" ref="F5272">IFERROR(INDEX(Jesper!AJ$2:AJ$366,ROUNDDOWN($C5272/24,0)+1,1)*INDEX($D$3:$AA$30,INDEX(Jesper!$R$2:$R$366,ROW(INDEX(Jesper!AJ$2:AJ$366,ROUNDDOWN($C5272/24,0)+1,1))-1)+IF('Standard Profiles'!$G$20=$B$10,7,0)+IF('Standard Profiles'!$G$20=$B$17,14,0)+IF('Standard Profiles'!$G$20=$B$24,21,0),MOD($C5272,24)+1)/SUM(INDEX($D$3:$AA$30,INDEX(Jesper!$R$2:$R$366,ROW(INDEX(Jesper!AJ$2:AJ$366,ROUNDDOWN($C5272/24,0)+1,1))-1)+IF('Standard Profiles'!$G$20=$B$10,7,0)+IF('Standard Profiles'!$G$20=$B$17,14,0)+IF('Standard Profiles'!$G$20=$B$24,21,0),0)),0)</f>
        <v>0</v>
      </c>
      <c r="G5272" cm="1">
        <f t="array" ref="G5272">IFERROR(INDEX(Jesper!AK$2:AK$366,ROUNDDOWN($C5272/24,0)+1,1)*INDEX($D$3:$AA$30,INDEX(Jesper!$R$2:$R$366,ROW(INDEX(Jesper!AK$2:AK$366,ROUNDDOWN($C5272/24,0)+1,1))-1)+IF('Standard Profiles'!$G$21=$B$10,7,0)+IF('Standard Profiles'!$G$21=$B$17,14,0)+IF('Standard Profiles'!$G$21=$B$24,21,0),MOD($C5272,24)+1)/SUM(INDEX($D$3:$AA$30,INDEX(Jesper!$R$2:$R$366,ROW(INDEX(Jesper!AK$2:AK$366,ROUNDDOWN($C5272/24,0)+1,1))-1)+IF('Standard Profiles'!$G$21=$B$10,7,0)+IF('Standard Profiles'!$G$21=$B$17,14,0)+IF('Standard Profiles'!$G$21=$B$24,21,0),0)),0)</f>
        <v>0.62038046949120174</v>
      </c>
      <c r="H5272" cm="1">
        <f t="array" ref="H5272">IFERROR(INDEX(Jesper!AL$2:AL$366,ROUNDDOWN($C5272/24,0)+1,1)*INDEX($D$3:$AA$30,INDEX(Jesper!$R$2:$R$366,ROW(INDEX(Jesper!AL$2:AL$366,ROUNDDOWN($C5272/24,0)+1,1))-1)+IF('Standard Profiles'!$G$22=$B$10,7,0)+IF('Standard Profiles'!$G$22=$B$17,14,0)+IF('Standard Profiles'!$G$22=$B$24,21,0),MOD($C5272,24)+1)/SUM(INDEX($D$3:$AA$30,INDEX(Jesper!$R$2:$R$366,ROW(INDEX(Jesper!AL$2:AL$366,ROUNDDOWN($C5272/24,0)+1,1))-1)+IF('Standard Profiles'!$G$22=$B$10,7,0)+IF('Standard Profiles'!$G$22=$B$17,14,0)+IF('Standard Profiles'!$G$22=$B$24,21,0),0)),0)</f>
        <v>0</v>
      </c>
      <c r="I5272">
        <f t="shared" si="587"/>
        <v>0.29778262535577671</v>
      </c>
      <c r="J5272">
        <f t="shared" si="588"/>
        <v>7.9961068162864555</v>
      </c>
      <c r="K5272">
        <f t="shared" si="589"/>
        <v>0.57568109363212439</v>
      </c>
      <c r="L5272">
        <f t="shared" si="590"/>
        <v>0.28784054681606219</v>
      </c>
      <c r="M5272">
        <f t="shared" si="591"/>
        <v>0</v>
      </c>
      <c r="N5272" s="45">
        <f t="shared" si="592"/>
        <v>45145.249999987296</v>
      </c>
    </row>
    <row r="5273" spans="2:14" x14ac:dyDescent="0.25">
      <c r="B5273">
        <f t="shared" si="586"/>
        <v>1</v>
      </c>
      <c r="C5273" s="16">
        <v>5239</v>
      </c>
      <c r="D5273" cm="1">
        <f t="array" ref="D5273">IFERROR(INDEX(Jesper!AH$2:AH$366,ROUNDDOWN($C5273/24,0)+1,1)*INDEX($D$3:$AA$30,INDEX(Jesper!$R$2:$R$366,ROW(INDEX(Jesper!AH$2:AH$366,ROUNDDOWN($C5273/24,0)+1,1))-1)+IF('Standard Profiles'!$G$18=$B$10,7,0)+IF('Standard Profiles'!$G$18=$B$17,14,0)+IF('Standard Profiles'!$G$18=$B$24,21,0),MOD($C5273,24)+1)/SUM(INDEX($D$3:$AA$30,INDEX(Jesper!$R$2:$R$366,ROW(INDEX(Jesper!AH$2:AH$366,ROUNDDOWN($C5273/24,0)+1,1))-1)+IF('Standard Profiles'!$G$18=$B$10,7,0)+IF('Standard Profiles'!$G$18=$B$17,14,0)+IF('Standard Profiles'!$G$18=$B$24,21,0),0)),0)</f>
        <v>22.991263676932963</v>
      </c>
      <c r="E5273" cm="1">
        <f t="array" ref="E5273">IFERROR(INDEX(Jesper!AI$2:AI$366,ROUNDDOWN($C5273/24,0)+1,1)*INDEX($D$3:$AA$30,INDEX(Jesper!$R$2:$R$366,ROW(INDEX(Jesper!AI$2:AI$366,ROUNDDOWN($C5273/24,0)+1,1))-1)+IF('Standard Profiles'!$G$19=$B$10,7,0)+IF('Standard Profiles'!$G$19=$B$17,14,0)+IF('Standard Profiles'!$G$19=$B$24,21,0),MOD($C5273,24)+1)/SUM(INDEX($D$3:$AA$30,INDEX(Jesper!$R$2:$R$366,ROW(INDEX(Jesper!AI$2:AI$366,ROUNDDOWN($C5273/24,0)+1,1))-1)+IF('Standard Profiles'!$G$19=$B$10,7,0)+IF('Standard Profiles'!$G$19=$B$17,14,0)+IF('Standard Profiles'!$G$19=$B$24,21,0),0)),0)</f>
        <v>13.376486732739698</v>
      </c>
      <c r="F5273" cm="1">
        <f t="array" ref="F5273">IFERROR(INDEX(Jesper!AJ$2:AJ$366,ROUNDDOWN($C5273/24,0)+1,1)*INDEX($D$3:$AA$30,INDEX(Jesper!$R$2:$R$366,ROW(INDEX(Jesper!AJ$2:AJ$366,ROUNDDOWN($C5273/24,0)+1,1))-1)+IF('Standard Profiles'!$G$20=$B$10,7,0)+IF('Standard Profiles'!$G$20=$B$17,14,0)+IF('Standard Profiles'!$G$20=$B$24,21,0),MOD($C5273,24)+1)/SUM(INDEX($D$3:$AA$30,INDEX(Jesper!$R$2:$R$366,ROW(INDEX(Jesper!AJ$2:AJ$366,ROUNDDOWN($C5273/24,0)+1,1))-1)+IF('Standard Profiles'!$G$20=$B$10,7,0)+IF('Standard Profiles'!$G$20=$B$17,14,0)+IF('Standard Profiles'!$G$20=$B$24,21,0),0)),0)</f>
        <v>0</v>
      </c>
      <c r="G5273" cm="1">
        <f t="array" ref="G5273">IFERROR(INDEX(Jesper!AK$2:AK$366,ROUNDDOWN($C5273/24,0)+1,1)*INDEX($D$3:$AA$30,INDEX(Jesper!$R$2:$R$366,ROW(INDEX(Jesper!AK$2:AK$366,ROUNDDOWN($C5273/24,0)+1,1))-1)+IF('Standard Profiles'!$G$21=$B$10,7,0)+IF('Standard Profiles'!$G$21=$B$17,14,0)+IF('Standard Profiles'!$G$21=$B$24,21,0),MOD($C5273,24)+1)/SUM(INDEX($D$3:$AA$30,INDEX(Jesper!$R$2:$R$366,ROW(INDEX(Jesper!AK$2:AK$366,ROUNDDOWN($C5273/24,0)+1,1))-1)+IF('Standard Profiles'!$G$21=$B$10,7,0)+IF('Standard Profiles'!$G$21=$B$17,14,0)+IF('Standard Profiles'!$G$21=$B$24,21,0),0)),0)</f>
        <v>2.6986550422867279</v>
      </c>
      <c r="H5273" cm="1">
        <f t="array" ref="H5273">IFERROR(INDEX(Jesper!AL$2:AL$366,ROUNDDOWN($C5273/24,0)+1,1)*INDEX($D$3:$AA$30,INDEX(Jesper!$R$2:$R$366,ROW(INDEX(Jesper!AL$2:AL$366,ROUNDDOWN($C5273/24,0)+1,1))-1)+IF('Standard Profiles'!$G$22=$B$10,7,0)+IF('Standard Profiles'!$G$22=$B$17,14,0)+IF('Standard Profiles'!$G$22=$B$24,21,0),MOD($C5273,24)+1)/SUM(INDEX($D$3:$AA$30,INDEX(Jesper!$R$2:$R$366,ROW(INDEX(Jesper!AL$2:AL$366,ROUNDDOWN($C5273/24,0)+1,1))-1)+IF('Standard Profiles'!$G$22=$B$10,7,0)+IF('Standard Profiles'!$G$22=$B$17,14,0)+IF('Standard Profiles'!$G$22=$B$24,21,0),0)),0)</f>
        <v>0</v>
      </c>
      <c r="I5273">
        <f t="shared" si="587"/>
        <v>1.2953544202976288</v>
      </c>
      <c r="J5273">
        <f t="shared" si="588"/>
        <v>34.092448843352486</v>
      </c>
      <c r="K5273">
        <f t="shared" si="589"/>
        <v>2.4524014588728495</v>
      </c>
      <c r="L5273">
        <f t="shared" si="590"/>
        <v>1.2262007294364248</v>
      </c>
      <c r="M5273">
        <f t="shared" si="591"/>
        <v>0</v>
      </c>
      <c r="N5273" s="45">
        <f t="shared" si="592"/>
        <v>45145.29166665396</v>
      </c>
    </row>
    <row r="5274" spans="2:14" x14ac:dyDescent="0.25">
      <c r="B5274">
        <f t="shared" si="586"/>
        <v>1</v>
      </c>
      <c r="C5274" s="16">
        <v>5240</v>
      </c>
      <c r="D5274" cm="1">
        <f t="array" ref="D5274">IFERROR(INDEX(Jesper!AH$2:AH$366,ROUNDDOWN($C5274/24,0)+1,1)*INDEX($D$3:$AA$30,INDEX(Jesper!$R$2:$R$366,ROW(INDEX(Jesper!AH$2:AH$366,ROUNDDOWN($C5274/24,0)+1,1))-1)+IF('Standard Profiles'!$G$18=$B$10,7,0)+IF('Standard Profiles'!$G$18=$B$17,14,0)+IF('Standard Profiles'!$G$18=$B$24,21,0),MOD($C5274,24)+1)/SUM(INDEX($D$3:$AA$30,INDEX(Jesper!$R$2:$R$366,ROW(INDEX(Jesper!AH$2:AH$366,ROUNDDOWN($C5274/24,0)+1,1))-1)+IF('Standard Profiles'!$G$18=$B$10,7,0)+IF('Standard Profiles'!$G$18=$B$17,14,0)+IF('Standard Profiles'!$G$18=$B$24,21,0),0)),0)</f>
        <v>25.865171636549587</v>
      </c>
      <c r="E5274" cm="1">
        <f t="array" ref="E5274">IFERROR(INDEX(Jesper!AI$2:AI$366,ROUNDDOWN($C5274/24,0)+1,1)*INDEX($D$3:$AA$30,INDEX(Jesper!$R$2:$R$366,ROW(INDEX(Jesper!AI$2:AI$366,ROUNDDOWN($C5274/24,0)+1,1))-1)+IF('Standard Profiles'!$G$19=$B$10,7,0)+IF('Standard Profiles'!$G$19=$B$17,14,0)+IF('Standard Profiles'!$G$19=$B$24,21,0),MOD($C5274,24)+1)/SUM(INDEX($D$3:$AA$30,INDEX(Jesper!$R$2:$R$366,ROW(INDEX(Jesper!AI$2:AI$366,ROUNDDOWN($C5274/24,0)+1,1))-1)+IF('Standard Profiles'!$G$19=$B$10,7,0)+IF('Standard Profiles'!$G$19=$B$17,14,0)+IF('Standard Profiles'!$G$19=$B$24,21,0),0)),0)</f>
        <v>15.04854757433216</v>
      </c>
      <c r="F5274" cm="1">
        <f t="array" ref="F5274">IFERROR(INDEX(Jesper!AJ$2:AJ$366,ROUNDDOWN($C5274/24,0)+1,1)*INDEX($D$3:$AA$30,INDEX(Jesper!$R$2:$R$366,ROW(INDEX(Jesper!AJ$2:AJ$366,ROUNDDOWN($C5274/24,0)+1,1))-1)+IF('Standard Profiles'!$G$20=$B$10,7,0)+IF('Standard Profiles'!$G$20=$B$17,14,0)+IF('Standard Profiles'!$G$20=$B$24,21,0),MOD($C5274,24)+1)/SUM(INDEX($D$3:$AA$30,INDEX(Jesper!$R$2:$R$366,ROW(INDEX(Jesper!AJ$2:AJ$366,ROUNDDOWN($C5274/24,0)+1,1))-1)+IF('Standard Profiles'!$G$20=$B$10,7,0)+IF('Standard Profiles'!$G$20=$B$17,14,0)+IF('Standard Profiles'!$G$20=$B$24,21,0),0)),0)</f>
        <v>0</v>
      </c>
      <c r="G5274" cm="1">
        <f t="array" ref="G5274">IFERROR(INDEX(Jesper!AK$2:AK$366,ROUNDDOWN($C5274/24,0)+1,1)*INDEX($D$3:$AA$30,INDEX(Jesper!$R$2:$R$366,ROW(INDEX(Jesper!AK$2:AK$366,ROUNDDOWN($C5274/24,0)+1,1))-1)+IF('Standard Profiles'!$G$21=$B$10,7,0)+IF('Standard Profiles'!$G$21=$B$17,14,0)+IF('Standard Profiles'!$G$21=$B$24,21,0),MOD($C5274,24)+1)/SUM(INDEX($D$3:$AA$30,INDEX(Jesper!$R$2:$R$366,ROW(INDEX(Jesper!AK$2:AK$366,ROUNDDOWN($C5274/24,0)+1,1))-1)+IF('Standard Profiles'!$G$21=$B$10,7,0)+IF('Standard Profiles'!$G$21=$B$17,14,0)+IF('Standard Profiles'!$G$21=$B$24,21,0),0)),0)</f>
        <v>3.0359869225725689</v>
      </c>
      <c r="H5274" cm="1">
        <f t="array" ref="H5274">IFERROR(INDEX(Jesper!AL$2:AL$366,ROUNDDOWN($C5274/24,0)+1,1)*INDEX($D$3:$AA$30,INDEX(Jesper!$R$2:$R$366,ROW(INDEX(Jesper!AL$2:AL$366,ROUNDDOWN($C5274/24,0)+1,1))-1)+IF('Standard Profiles'!$G$22=$B$10,7,0)+IF('Standard Profiles'!$G$22=$B$17,14,0)+IF('Standard Profiles'!$G$22=$B$24,21,0),MOD($C5274,24)+1)/SUM(INDEX($D$3:$AA$30,INDEX(Jesper!$R$2:$R$366,ROW(INDEX(Jesper!AL$2:AL$366,ROUNDDOWN($C5274/24,0)+1,1))-1)+IF('Standard Profiles'!$G$22=$B$10,7,0)+IF('Standard Profiles'!$G$22=$B$17,14,0)+IF('Standard Profiles'!$G$22=$B$24,21,0),0)),0)</f>
        <v>0</v>
      </c>
      <c r="I5274">
        <f t="shared" si="587"/>
        <v>1.4572737228348323</v>
      </c>
      <c r="J5274">
        <f t="shared" si="588"/>
        <v>38.354004948771546</v>
      </c>
      <c r="K5274">
        <f t="shared" si="589"/>
        <v>2.7589516412319561</v>
      </c>
      <c r="L5274">
        <f t="shared" si="590"/>
        <v>1.3794758206159781</v>
      </c>
      <c r="M5274">
        <f t="shared" si="591"/>
        <v>0</v>
      </c>
      <c r="N5274" s="45">
        <f t="shared" si="592"/>
        <v>45145.333333320625</v>
      </c>
    </row>
    <row r="5275" spans="2:14" x14ac:dyDescent="0.25">
      <c r="B5275">
        <f t="shared" si="586"/>
        <v>1</v>
      </c>
      <c r="C5275" s="16">
        <v>5241</v>
      </c>
      <c r="D5275" cm="1">
        <f t="array" ref="D5275">IFERROR(INDEX(Jesper!AH$2:AH$366,ROUNDDOWN($C5275/24,0)+1,1)*INDEX($D$3:$AA$30,INDEX(Jesper!$R$2:$R$366,ROW(INDEX(Jesper!AH$2:AH$366,ROUNDDOWN($C5275/24,0)+1,1))-1)+IF('Standard Profiles'!$G$18=$B$10,7,0)+IF('Standard Profiles'!$G$18=$B$17,14,0)+IF('Standard Profiles'!$G$18=$B$24,21,0),MOD($C5275,24)+1)/SUM(INDEX($D$3:$AA$30,INDEX(Jesper!$R$2:$R$366,ROW(INDEX(Jesper!AH$2:AH$366,ROUNDDOWN($C5275/24,0)+1,1))-1)+IF('Standard Profiles'!$G$18=$B$10,7,0)+IF('Standard Profiles'!$G$18=$B$17,14,0)+IF('Standard Profiles'!$G$18=$B$24,21,0),0)),0)</f>
        <v>28.739079596166206</v>
      </c>
      <c r="E5275" cm="1">
        <f t="array" ref="E5275">IFERROR(INDEX(Jesper!AI$2:AI$366,ROUNDDOWN($C5275/24,0)+1,1)*INDEX($D$3:$AA$30,INDEX(Jesper!$R$2:$R$366,ROW(INDEX(Jesper!AI$2:AI$366,ROUNDDOWN($C5275/24,0)+1,1))-1)+IF('Standard Profiles'!$G$19=$B$10,7,0)+IF('Standard Profiles'!$G$19=$B$17,14,0)+IF('Standard Profiles'!$G$19=$B$24,21,0),MOD($C5275,24)+1)/SUM(INDEX($D$3:$AA$30,INDEX(Jesper!$R$2:$R$366,ROW(INDEX(Jesper!AI$2:AI$366,ROUNDDOWN($C5275/24,0)+1,1))-1)+IF('Standard Profiles'!$G$19=$B$10,7,0)+IF('Standard Profiles'!$G$19=$B$17,14,0)+IF('Standard Profiles'!$G$19=$B$24,21,0),0)),0)</f>
        <v>16.720608415924623</v>
      </c>
      <c r="F5275" cm="1">
        <f t="array" ref="F5275">IFERROR(INDEX(Jesper!AJ$2:AJ$366,ROUNDDOWN($C5275/24,0)+1,1)*INDEX($D$3:$AA$30,INDEX(Jesper!$R$2:$R$366,ROW(INDEX(Jesper!AJ$2:AJ$366,ROUNDDOWN($C5275/24,0)+1,1))-1)+IF('Standard Profiles'!$G$20=$B$10,7,0)+IF('Standard Profiles'!$G$20=$B$17,14,0)+IF('Standard Profiles'!$G$20=$B$24,21,0),MOD($C5275,24)+1)/SUM(INDEX($D$3:$AA$30,INDEX(Jesper!$R$2:$R$366,ROW(INDEX(Jesper!AJ$2:AJ$366,ROUNDDOWN($C5275/24,0)+1,1))-1)+IF('Standard Profiles'!$G$20=$B$10,7,0)+IF('Standard Profiles'!$G$20=$B$17,14,0)+IF('Standard Profiles'!$G$20=$B$24,21,0),0)),0)</f>
        <v>0</v>
      </c>
      <c r="G5275" cm="1">
        <f t="array" ref="G5275">IFERROR(INDEX(Jesper!AK$2:AK$366,ROUNDDOWN($C5275/24,0)+1,1)*INDEX($D$3:$AA$30,INDEX(Jesper!$R$2:$R$366,ROW(INDEX(Jesper!AK$2:AK$366,ROUNDDOWN($C5275/24,0)+1,1))-1)+IF('Standard Profiles'!$G$21=$B$10,7,0)+IF('Standard Profiles'!$G$21=$B$17,14,0)+IF('Standard Profiles'!$G$21=$B$24,21,0),MOD($C5275,24)+1)/SUM(INDEX($D$3:$AA$30,INDEX(Jesper!$R$2:$R$366,ROW(INDEX(Jesper!AK$2:AK$366,ROUNDDOWN($C5275/24,0)+1,1))-1)+IF('Standard Profiles'!$G$21=$B$10,7,0)+IF('Standard Profiles'!$G$21=$B$17,14,0)+IF('Standard Profiles'!$G$21=$B$24,21,0),0)),0)</f>
        <v>3.3733188028584093</v>
      </c>
      <c r="H5275" cm="1">
        <f t="array" ref="H5275">IFERROR(INDEX(Jesper!AL$2:AL$366,ROUNDDOWN($C5275/24,0)+1,1)*INDEX($D$3:$AA$30,INDEX(Jesper!$R$2:$R$366,ROW(INDEX(Jesper!AL$2:AL$366,ROUNDDOWN($C5275/24,0)+1,1))-1)+IF('Standard Profiles'!$G$22=$B$10,7,0)+IF('Standard Profiles'!$G$22=$B$17,14,0)+IF('Standard Profiles'!$G$22=$B$24,21,0),MOD($C5275,24)+1)/SUM(INDEX($D$3:$AA$30,INDEX(Jesper!$R$2:$R$366,ROW(INDEX(Jesper!AL$2:AL$366,ROUNDDOWN($C5275/24,0)+1,1))-1)+IF('Standard Profiles'!$G$22=$B$10,7,0)+IF('Standard Profiles'!$G$22=$B$17,14,0)+IF('Standard Profiles'!$G$22=$B$24,21,0),0)),0)</f>
        <v>0</v>
      </c>
      <c r="I5275">
        <f t="shared" si="587"/>
        <v>1.6191930253720357</v>
      </c>
      <c r="J5275">
        <f t="shared" si="588"/>
        <v>42.615561054190607</v>
      </c>
      <c r="K5275">
        <f t="shared" si="589"/>
        <v>3.0655018235910623</v>
      </c>
      <c r="L5275">
        <f t="shared" si="590"/>
        <v>1.5327509117955311</v>
      </c>
      <c r="M5275">
        <f t="shared" si="591"/>
        <v>0</v>
      </c>
      <c r="N5275" s="45">
        <f t="shared" si="592"/>
        <v>45145.374999987289</v>
      </c>
    </row>
    <row r="5276" spans="2:14" x14ac:dyDescent="0.25">
      <c r="B5276">
        <f t="shared" si="586"/>
        <v>1</v>
      </c>
      <c r="C5276" s="16">
        <v>5242</v>
      </c>
      <c r="D5276" cm="1">
        <f t="array" ref="D5276">IFERROR(INDEX(Jesper!AH$2:AH$366,ROUNDDOWN($C5276/24,0)+1,1)*INDEX($D$3:$AA$30,INDEX(Jesper!$R$2:$R$366,ROW(INDEX(Jesper!AH$2:AH$366,ROUNDDOWN($C5276/24,0)+1,1))-1)+IF('Standard Profiles'!$G$18=$B$10,7,0)+IF('Standard Profiles'!$G$18=$B$17,14,0)+IF('Standard Profiles'!$G$18=$B$24,21,0),MOD($C5276,24)+1)/SUM(INDEX($D$3:$AA$30,INDEX(Jesper!$R$2:$R$366,ROW(INDEX(Jesper!AH$2:AH$366,ROUNDDOWN($C5276/24,0)+1,1))-1)+IF('Standard Profiles'!$G$18=$B$10,7,0)+IF('Standard Profiles'!$G$18=$B$17,14,0)+IF('Standard Profiles'!$G$18=$B$24,21,0),0)),0)</f>
        <v>28.739079596166206</v>
      </c>
      <c r="E5276" cm="1">
        <f t="array" ref="E5276">IFERROR(INDEX(Jesper!AI$2:AI$366,ROUNDDOWN($C5276/24,0)+1,1)*INDEX($D$3:$AA$30,INDEX(Jesper!$R$2:$R$366,ROW(INDEX(Jesper!AI$2:AI$366,ROUNDDOWN($C5276/24,0)+1,1))-1)+IF('Standard Profiles'!$G$19=$B$10,7,0)+IF('Standard Profiles'!$G$19=$B$17,14,0)+IF('Standard Profiles'!$G$19=$B$24,21,0),MOD($C5276,24)+1)/SUM(INDEX($D$3:$AA$30,INDEX(Jesper!$R$2:$R$366,ROW(INDEX(Jesper!AI$2:AI$366,ROUNDDOWN($C5276/24,0)+1,1))-1)+IF('Standard Profiles'!$G$19=$B$10,7,0)+IF('Standard Profiles'!$G$19=$B$17,14,0)+IF('Standard Profiles'!$G$19=$B$24,21,0),0)),0)</f>
        <v>16.720608415924623</v>
      </c>
      <c r="F5276" cm="1">
        <f t="array" ref="F5276">IFERROR(INDEX(Jesper!AJ$2:AJ$366,ROUNDDOWN($C5276/24,0)+1,1)*INDEX($D$3:$AA$30,INDEX(Jesper!$R$2:$R$366,ROW(INDEX(Jesper!AJ$2:AJ$366,ROUNDDOWN($C5276/24,0)+1,1))-1)+IF('Standard Profiles'!$G$20=$B$10,7,0)+IF('Standard Profiles'!$G$20=$B$17,14,0)+IF('Standard Profiles'!$G$20=$B$24,21,0),MOD($C5276,24)+1)/SUM(INDEX($D$3:$AA$30,INDEX(Jesper!$R$2:$R$366,ROW(INDEX(Jesper!AJ$2:AJ$366,ROUNDDOWN($C5276/24,0)+1,1))-1)+IF('Standard Profiles'!$G$20=$B$10,7,0)+IF('Standard Profiles'!$G$20=$B$17,14,0)+IF('Standard Profiles'!$G$20=$B$24,21,0),0)),0)</f>
        <v>0</v>
      </c>
      <c r="G5276" cm="1">
        <f t="array" ref="G5276">IFERROR(INDEX(Jesper!AK$2:AK$366,ROUNDDOWN($C5276/24,0)+1,1)*INDEX($D$3:$AA$30,INDEX(Jesper!$R$2:$R$366,ROW(INDEX(Jesper!AK$2:AK$366,ROUNDDOWN($C5276/24,0)+1,1))-1)+IF('Standard Profiles'!$G$21=$B$10,7,0)+IF('Standard Profiles'!$G$21=$B$17,14,0)+IF('Standard Profiles'!$G$21=$B$24,21,0),MOD($C5276,24)+1)/SUM(INDEX($D$3:$AA$30,INDEX(Jesper!$R$2:$R$366,ROW(INDEX(Jesper!AK$2:AK$366,ROUNDDOWN($C5276/24,0)+1,1))-1)+IF('Standard Profiles'!$G$21=$B$10,7,0)+IF('Standard Profiles'!$G$21=$B$17,14,0)+IF('Standard Profiles'!$G$21=$B$24,21,0),0)),0)</f>
        <v>3.3733188028584093</v>
      </c>
      <c r="H5276" cm="1">
        <f t="array" ref="H5276">IFERROR(INDEX(Jesper!AL$2:AL$366,ROUNDDOWN($C5276/24,0)+1,1)*INDEX($D$3:$AA$30,INDEX(Jesper!$R$2:$R$366,ROW(INDEX(Jesper!AL$2:AL$366,ROUNDDOWN($C5276/24,0)+1,1))-1)+IF('Standard Profiles'!$G$22=$B$10,7,0)+IF('Standard Profiles'!$G$22=$B$17,14,0)+IF('Standard Profiles'!$G$22=$B$24,21,0),MOD($C5276,24)+1)/SUM(INDEX($D$3:$AA$30,INDEX(Jesper!$R$2:$R$366,ROW(INDEX(Jesper!AL$2:AL$366,ROUNDDOWN($C5276/24,0)+1,1))-1)+IF('Standard Profiles'!$G$22=$B$10,7,0)+IF('Standard Profiles'!$G$22=$B$17,14,0)+IF('Standard Profiles'!$G$22=$B$24,21,0),0)),0)</f>
        <v>0</v>
      </c>
      <c r="I5276">
        <f t="shared" si="587"/>
        <v>1.6191930253720357</v>
      </c>
      <c r="J5276">
        <f t="shared" si="588"/>
        <v>42.615561054190607</v>
      </c>
      <c r="K5276">
        <f t="shared" si="589"/>
        <v>3.0655018235910623</v>
      </c>
      <c r="L5276">
        <f t="shared" si="590"/>
        <v>1.5327509117955311</v>
      </c>
      <c r="M5276">
        <f t="shared" si="591"/>
        <v>0</v>
      </c>
      <c r="N5276" s="45">
        <f t="shared" si="592"/>
        <v>45145.416666653953</v>
      </c>
    </row>
    <row r="5277" spans="2:14" x14ac:dyDescent="0.25">
      <c r="B5277">
        <f t="shared" si="586"/>
        <v>1</v>
      </c>
      <c r="C5277" s="16">
        <v>5243</v>
      </c>
      <c r="D5277" cm="1">
        <f t="array" ref="D5277">IFERROR(INDEX(Jesper!AH$2:AH$366,ROUNDDOWN($C5277/24,0)+1,1)*INDEX($D$3:$AA$30,INDEX(Jesper!$R$2:$R$366,ROW(INDEX(Jesper!AH$2:AH$366,ROUNDDOWN($C5277/24,0)+1,1))-1)+IF('Standard Profiles'!$G$18=$B$10,7,0)+IF('Standard Profiles'!$G$18=$B$17,14,0)+IF('Standard Profiles'!$G$18=$B$24,21,0),MOD($C5277,24)+1)/SUM(INDEX($D$3:$AA$30,INDEX(Jesper!$R$2:$R$366,ROW(INDEX(Jesper!AH$2:AH$366,ROUNDDOWN($C5277/24,0)+1,1))-1)+IF('Standard Profiles'!$G$18=$B$10,7,0)+IF('Standard Profiles'!$G$18=$B$17,14,0)+IF('Standard Profiles'!$G$18=$B$24,21,0),0)),0)</f>
        <v>34.486895515399446</v>
      </c>
      <c r="E5277" cm="1">
        <f t="array" ref="E5277">IFERROR(INDEX(Jesper!AI$2:AI$366,ROUNDDOWN($C5277/24,0)+1,1)*INDEX($D$3:$AA$30,INDEX(Jesper!$R$2:$R$366,ROW(INDEX(Jesper!AI$2:AI$366,ROUNDDOWN($C5277/24,0)+1,1))-1)+IF('Standard Profiles'!$G$19=$B$10,7,0)+IF('Standard Profiles'!$G$19=$B$17,14,0)+IF('Standard Profiles'!$G$19=$B$24,21,0),MOD($C5277,24)+1)/SUM(INDEX($D$3:$AA$30,INDEX(Jesper!$R$2:$R$366,ROW(INDEX(Jesper!AI$2:AI$366,ROUNDDOWN($C5277/24,0)+1,1))-1)+IF('Standard Profiles'!$G$19=$B$10,7,0)+IF('Standard Profiles'!$G$19=$B$17,14,0)+IF('Standard Profiles'!$G$19=$B$24,21,0),0)),0)</f>
        <v>20.064730099109546</v>
      </c>
      <c r="F5277" cm="1">
        <f t="array" ref="F5277">IFERROR(INDEX(Jesper!AJ$2:AJ$366,ROUNDDOWN($C5277/24,0)+1,1)*INDEX($D$3:$AA$30,INDEX(Jesper!$R$2:$R$366,ROW(INDEX(Jesper!AJ$2:AJ$366,ROUNDDOWN($C5277/24,0)+1,1))-1)+IF('Standard Profiles'!$G$20=$B$10,7,0)+IF('Standard Profiles'!$G$20=$B$17,14,0)+IF('Standard Profiles'!$G$20=$B$24,21,0),MOD($C5277,24)+1)/SUM(INDEX($D$3:$AA$30,INDEX(Jesper!$R$2:$R$366,ROW(INDEX(Jesper!AJ$2:AJ$366,ROUNDDOWN($C5277/24,0)+1,1))-1)+IF('Standard Profiles'!$G$20=$B$10,7,0)+IF('Standard Profiles'!$G$20=$B$17,14,0)+IF('Standard Profiles'!$G$20=$B$24,21,0),0)),0)</f>
        <v>0</v>
      </c>
      <c r="G5277" cm="1">
        <f t="array" ref="G5277">IFERROR(INDEX(Jesper!AK$2:AK$366,ROUNDDOWN($C5277/24,0)+1,1)*INDEX($D$3:$AA$30,INDEX(Jesper!$R$2:$R$366,ROW(INDEX(Jesper!AK$2:AK$366,ROUNDDOWN($C5277/24,0)+1,1))-1)+IF('Standard Profiles'!$G$21=$B$10,7,0)+IF('Standard Profiles'!$G$21=$B$17,14,0)+IF('Standard Profiles'!$G$21=$B$24,21,0),MOD($C5277,24)+1)/SUM(INDEX($D$3:$AA$30,INDEX(Jesper!$R$2:$R$366,ROW(INDEX(Jesper!AK$2:AK$366,ROUNDDOWN($C5277/24,0)+1,1))-1)+IF('Standard Profiles'!$G$21=$B$10,7,0)+IF('Standard Profiles'!$G$21=$B$17,14,0)+IF('Standard Profiles'!$G$21=$B$24,21,0),0)),0)</f>
        <v>4.0479825634300912</v>
      </c>
      <c r="H5277" cm="1">
        <f t="array" ref="H5277">IFERROR(INDEX(Jesper!AL$2:AL$366,ROUNDDOWN($C5277/24,0)+1,1)*INDEX($D$3:$AA$30,INDEX(Jesper!$R$2:$R$366,ROW(INDEX(Jesper!AL$2:AL$366,ROUNDDOWN($C5277/24,0)+1,1))-1)+IF('Standard Profiles'!$G$22=$B$10,7,0)+IF('Standard Profiles'!$G$22=$B$17,14,0)+IF('Standard Profiles'!$G$22=$B$24,21,0),MOD($C5277,24)+1)/SUM(INDEX($D$3:$AA$30,INDEX(Jesper!$R$2:$R$366,ROW(INDEX(Jesper!AL$2:AL$366,ROUNDDOWN($C5277/24,0)+1,1))-1)+IF('Standard Profiles'!$G$22=$B$10,7,0)+IF('Standard Profiles'!$G$22=$B$17,14,0)+IF('Standard Profiles'!$G$22=$B$24,21,0),0)),0)</f>
        <v>0</v>
      </c>
      <c r="I5277">
        <f t="shared" si="587"/>
        <v>1.9430316304464428</v>
      </c>
      <c r="J5277">
        <f t="shared" si="588"/>
        <v>51.138673265028729</v>
      </c>
      <c r="K5277">
        <f t="shared" si="589"/>
        <v>3.6786021883092745</v>
      </c>
      <c r="L5277">
        <f t="shared" si="590"/>
        <v>1.8393010941546373</v>
      </c>
      <c r="M5277">
        <f t="shared" si="591"/>
        <v>0</v>
      </c>
      <c r="N5277" s="45">
        <f t="shared" si="592"/>
        <v>45145.458333320617</v>
      </c>
    </row>
    <row r="5278" spans="2:14" x14ac:dyDescent="0.25">
      <c r="B5278">
        <f t="shared" si="586"/>
        <v>1</v>
      </c>
      <c r="C5278" s="16">
        <v>5244</v>
      </c>
      <c r="D5278" cm="1">
        <f t="array" ref="D5278">IFERROR(INDEX(Jesper!AH$2:AH$366,ROUNDDOWN($C5278/24,0)+1,1)*INDEX($D$3:$AA$30,INDEX(Jesper!$R$2:$R$366,ROW(INDEX(Jesper!AH$2:AH$366,ROUNDDOWN($C5278/24,0)+1,1))-1)+IF('Standard Profiles'!$G$18=$B$10,7,0)+IF('Standard Profiles'!$G$18=$B$17,14,0)+IF('Standard Profiles'!$G$18=$B$24,21,0),MOD($C5278,24)+1)/SUM(INDEX($D$3:$AA$30,INDEX(Jesper!$R$2:$R$366,ROW(INDEX(Jesper!AH$2:AH$366,ROUNDDOWN($C5278/24,0)+1,1))-1)+IF('Standard Profiles'!$G$18=$B$10,7,0)+IF('Standard Profiles'!$G$18=$B$17,14,0)+IF('Standard Profiles'!$G$18=$B$24,21,0),0)),0)</f>
        <v>34.486895515399446</v>
      </c>
      <c r="E5278" cm="1">
        <f t="array" ref="E5278">IFERROR(INDEX(Jesper!AI$2:AI$366,ROUNDDOWN($C5278/24,0)+1,1)*INDEX($D$3:$AA$30,INDEX(Jesper!$R$2:$R$366,ROW(INDEX(Jesper!AI$2:AI$366,ROUNDDOWN($C5278/24,0)+1,1))-1)+IF('Standard Profiles'!$G$19=$B$10,7,0)+IF('Standard Profiles'!$G$19=$B$17,14,0)+IF('Standard Profiles'!$G$19=$B$24,21,0),MOD($C5278,24)+1)/SUM(INDEX($D$3:$AA$30,INDEX(Jesper!$R$2:$R$366,ROW(INDEX(Jesper!AI$2:AI$366,ROUNDDOWN($C5278/24,0)+1,1))-1)+IF('Standard Profiles'!$G$19=$B$10,7,0)+IF('Standard Profiles'!$G$19=$B$17,14,0)+IF('Standard Profiles'!$G$19=$B$24,21,0),0)),0)</f>
        <v>20.064730099109546</v>
      </c>
      <c r="F5278" cm="1">
        <f t="array" ref="F5278">IFERROR(INDEX(Jesper!AJ$2:AJ$366,ROUNDDOWN($C5278/24,0)+1,1)*INDEX($D$3:$AA$30,INDEX(Jesper!$R$2:$R$366,ROW(INDEX(Jesper!AJ$2:AJ$366,ROUNDDOWN($C5278/24,0)+1,1))-1)+IF('Standard Profiles'!$G$20=$B$10,7,0)+IF('Standard Profiles'!$G$20=$B$17,14,0)+IF('Standard Profiles'!$G$20=$B$24,21,0),MOD($C5278,24)+1)/SUM(INDEX($D$3:$AA$30,INDEX(Jesper!$R$2:$R$366,ROW(INDEX(Jesper!AJ$2:AJ$366,ROUNDDOWN($C5278/24,0)+1,1))-1)+IF('Standard Profiles'!$G$20=$B$10,7,0)+IF('Standard Profiles'!$G$20=$B$17,14,0)+IF('Standard Profiles'!$G$20=$B$24,21,0),0)),0)</f>
        <v>0</v>
      </c>
      <c r="G5278" cm="1">
        <f t="array" ref="G5278">IFERROR(INDEX(Jesper!AK$2:AK$366,ROUNDDOWN($C5278/24,0)+1,1)*INDEX($D$3:$AA$30,INDEX(Jesper!$R$2:$R$366,ROW(INDEX(Jesper!AK$2:AK$366,ROUNDDOWN($C5278/24,0)+1,1))-1)+IF('Standard Profiles'!$G$21=$B$10,7,0)+IF('Standard Profiles'!$G$21=$B$17,14,0)+IF('Standard Profiles'!$G$21=$B$24,21,0),MOD($C5278,24)+1)/SUM(INDEX($D$3:$AA$30,INDEX(Jesper!$R$2:$R$366,ROW(INDEX(Jesper!AK$2:AK$366,ROUNDDOWN($C5278/24,0)+1,1))-1)+IF('Standard Profiles'!$G$21=$B$10,7,0)+IF('Standard Profiles'!$G$21=$B$17,14,0)+IF('Standard Profiles'!$G$21=$B$24,21,0),0)),0)</f>
        <v>4.0479825634300912</v>
      </c>
      <c r="H5278" cm="1">
        <f t="array" ref="H5278">IFERROR(INDEX(Jesper!AL$2:AL$366,ROUNDDOWN($C5278/24,0)+1,1)*INDEX($D$3:$AA$30,INDEX(Jesper!$R$2:$R$366,ROW(INDEX(Jesper!AL$2:AL$366,ROUNDDOWN($C5278/24,0)+1,1))-1)+IF('Standard Profiles'!$G$22=$B$10,7,0)+IF('Standard Profiles'!$G$22=$B$17,14,0)+IF('Standard Profiles'!$G$22=$B$24,21,0),MOD($C5278,24)+1)/SUM(INDEX($D$3:$AA$30,INDEX(Jesper!$R$2:$R$366,ROW(INDEX(Jesper!AL$2:AL$366,ROUNDDOWN($C5278/24,0)+1,1))-1)+IF('Standard Profiles'!$G$22=$B$10,7,0)+IF('Standard Profiles'!$G$22=$B$17,14,0)+IF('Standard Profiles'!$G$22=$B$24,21,0),0)),0)</f>
        <v>0</v>
      </c>
      <c r="I5278">
        <f t="shared" si="587"/>
        <v>1.9430316304464428</v>
      </c>
      <c r="J5278">
        <f t="shared" si="588"/>
        <v>51.138673265028729</v>
      </c>
      <c r="K5278">
        <f t="shared" si="589"/>
        <v>3.6786021883092745</v>
      </c>
      <c r="L5278">
        <f t="shared" si="590"/>
        <v>1.8393010941546373</v>
      </c>
      <c r="M5278">
        <f t="shared" si="591"/>
        <v>0</v>
      </c>
      <c r="N5278" s="45">
        <f t="shared" si="592"/>
        <v>45145.499999987282</v>
      </c>
    </row>
    <row r="5279" spans="2:14" x14ac:dyDescent="0.25">
      <c r="B5279">
        <f t="shared" si="586"/>
        <v>1</v>
      </c>
      <c r="C5279" s="16">
        <v>5245</v>
      </c>
      <c r="D5279" cm="1">
        <f t="array" ref="D5279">IFERROR(INDEX(Jesper!AH$2:AH$366,ROUNDDOWN($C5279/24,0)+1,1)*INDEX($D$3:$AA$30,INDEX(Jesper!$R$2:$R$366,ROW(INDEX(Jesper!AH$2:AH$366,ROUNDDOWN($C5279/24,0)+1,1))-1)+IF('Standard Profiles'!$G$18=$B$10,7,0)+IF('Standard Profiles'!$G$18=$B$17,14,0)+IF('Standard Profiles'!$G$18=$B$24,21,0),MOD($C5279,24)+1)/SUM(INDEX($D$3:$AA$30,INDEX(Jesper!$R$2:$R$366,ROW(INDEX(Jesper!AH$2:AH$366,ROUNDDOWN($C5279/24,0)+1,1))-1)+IF('Standard Profiles'!$G$18=$B$10,7,0)+IF('Standard Profiles'!$G$18=$B$17,14,0)+IF('Standard Profiles'!$G$18=$B$24,21,0),0)),0)</f>
        <v>22.991263676932963</v>
      </c>
      <c r="E5279" cm="1">
        <f t="array" ref="E5279">IFERROR(INDEX(Jesper!AI$2:AI$366,ROUNDDOWN($C5279/24,0)+1,1)*INDEX($D$3:$AA$30,INDEX(Jesper!$R$2:$R$366,ROW(INDEX(Jesper!AI$2:AI$366,ROUNDDOWN($C5279/24,0)+1,1))-1)+IF('Standard Profiles'!$G$19=$B$10,7,0)+IF('Standard Profiles'!$G$19=$B$17,14,0)+IF('Standard Profiles'!$G$19=$B$24,21,0),MOD($C5279,24)+1)/SUM(INDEX($D$3:$AA$30,INDEX(Jesper!$R$2:$R$366,ROW(INDEX(Jesper!AI$2:AI$366,ROUNDDOWN($C5279/24,0)+1,1))-1)+IF('Standard Profiles'!$G$19=$B$10,7,0)+IF('Standard Profiles'!$G$19=$B$17,14,0)+IF('Standard Profiles'!$G$19=$B$24,21,0),0)),0)</f>
        <v>13.376486732739698</v>
      </c>
      <c r="F5279" cm="1">
        <f t="array" ref="F5279">IFERROR(INDEX(Jesper!AJ$2:AJ$366,ROUNDDOWN($C5279/24,0)+1,1)*INDEX($D$3:$AA$30,INDEX(Jesper!$R$2:$R$366,ROW(INDEX(Jesper!AJ$2:AJ$366,ROUNDDOWN($C5279/24,0)+1,1))-1)+IF('Standard Profiles'!$G$20=$B$10,7,0)+IF('Standard Profiles'!$G$20=$B$17,14,0)+IF('Standard Profiles'!$G$20=$B$24,21,0),MOD($C5279,24)+1)/SUM(INDEX($D$3:$AA$30,INDEX(Jesper!$R$2:$R$366,ROW(INDEX(Jesper!AJ$2:AJ$366,ROUNDDOWN($C5279/24,0)+1,1))-1)+IF('Standard Profiles'!$G$20=$B$10,7,0)+IF('Standard Profiles'!$G$20=$B$17,14,0)+IF('Standard Profiles'!$G$20=$B$24,21,0),0)),0)</f>
        <v>0</v>
      </c>
      <c r="G5279" cm="1">
        <f t="array" ref="G5279">IFERROR(INDEX(Jesper!AK$2:AK$366,ROUNDDOWN($C5279/24,0)+1,1)*INDEX($D$3:$AA$30,INDEX(Jesper!$R$2:$R$366,ROW(INDEX(Jesper!AK$2:AK$366,ROUNDDOWN($C5279/24,0)+1,1))-1)+IF('Standard Profiles'!$G$21=$B$10,7,0)+IF('Standard Profiles'!$G$21=$B$17,14,0)+IF('Standard Profiles'!$G$21=$B$24,21,0),MOD($C5279,24)+1)/SUM(INDEX($D$3:$AA$30,INDEX(Jesper!$R$2:$R$366,ROW(INDEX(Jesper!AK$2:AK$366,ROUNDDOWN($C5279/24,0)+1,1))-1)+IF('Standard Profiles'!$G$21=$B$10,7,0)+IF('Standard Profiles'!$G$21=$B$17,14,0)+IF('Standard Profiles'!$G$21=$B$24,21,0),0)),0)</f>
        <v>2.6986550422867279</v>
      </c>
      <c r="H5279" cm="1">
        <f t="array" ref="H5279">IFERROR(INDEX(Jesper!AL$2:AL$366,ROUNDDOWN($C5279/24,0)+1,1)*INDEX($D$3:$AA$30,INDEX(Jesper!$R$2:$R$366,ROW(INDEX(Jesper!AL$2:AL$366,ROUNDDOWN($C5279/24,0)+1,1))-1)+IF('Standard Profiles'!$G$22=$B$10,7,0)+IF('Standard Profiles'!$G$22=$B$17,14,0)+IF('Standard Profiles'!$G$22=$B$24,21,0),MOD($C5279,24)+1)/SUM(INDEX($D$3:$AA$30,INDEX(Jesper!$R$2:$R$366,ROW(INDEX(Jesper!AL$2:AL$366,ROUNDDOWN($C5279/24,0)+1,1))-1)+IF('Standard Profiles'!$G$22=$B$10,7,0)+IF('Standard Profiles'!$G$22=$B$17,14,0)+IF('Standard Profiles'!$G$22=$B$24,21,0),0)),0)</f>
        <v>0</v>
      </c>
      <c r="I5279">
        <f t="shared" si="587"/>
        <v>1.2953544202976288</v>
      </c>
      <c r="J5279">
        <f t="shared" si="588"/>
        <v>34.092448843352486</v>
      </c>
      <c r="K5279">
        <f t="shared" si="589"/>
        <v>2.4524014588728495</v>
      </c>
      <c r="L5279">
        <f t="shared" si="590"/>
        <v>1.2262007294364248</v>
      </c>
      <c r="M5279">
        <f t="shared" si="591"/>
        <v>0</v>
      </c>
      <c r="N5279" s="45">
        <f t="shared" si="592"/>
        <v>45145.541666653946</v>
      </c>
    </row>
    <row r="5280" spans="2:14" x14ac:dyDescent="0.25">
      <c r="B5280">
        <f t="shared" si="586"/>
        <v>1</v>
      </c>
      <c r="C5280" s="16">
        <v>5246</v>
      </c>
      <c r="D5280" cm="1">
        <f t="array" ref="D5280">IFERROR(INDEX(Jesper!AH$2:AH$366,ROUNDDOWN($C5280/24,0)+1,1)*INDEX($D$3:$AA$30,INDEX(Jesper!$R$2:$R$366,ROW(INDEX(Jesper!AH$2:AH$366,ROUNDDOWN($C5280/24,0)+1,1))-1)+IF('Standard Profiles'!$G$18=$B$10,7,0)+IF('Standard Profiles'!$G$18=$B$17,14,0)+IF('Standard Profiles'!$G$18=$B$24,21,0),MOD($C5280,24)+1)/SUM(INDEX($D$3:$AA$30,INDEX(Jesper!$R$2:$R$366,ROW(INDEX(Jesper!AH$2:AH$366,ROUNDDOWN($C5280/24,0)+1,1))-1)+IF('Standard Profiles'!$G$18=$B$10,7,0)+IF('Standard Profiles'!$G$18=$B$17,14,0)+IF('Standard Profiles'!$G$18=$B$24,21,0),0)),0)</f>
        <v>34.486895515399446</v>
      </c>
      <c r="E5280" cm="1">
        <f t="array" ref="E5280">IFERROR(INDEX(Jesper!AI$2:AI$366,ROUNDDOWN($C5280/24,0)+1,1)*INDEX($D$3:$AA$30,INDEX(Jesper!$R$2:$R$366,ROW(INDEX(Jesper!AI$2:AI$366,ROUNDDOWN($C5280/24,0)+1,1))-1)+IF('Standard Profiles'!$G$19=$B$10,7,0)+IF('Standard Profiles'!$G$19=$B$17,14,0)+IF('Standard Profiles'!$G$19=$B$24,21,0),MOD($C5280,24)+1)/SUM(INDEX($D$3:$AA$30,INDEX(Jesper!$R$2:$R$366,ROW(INDEX(Jesper!AI$2:AI$366,ROUNDDOWN($C5280/24,0)+1,1))-1)+IF('Standard Profiles'!$G$19=$B$10,7,0)+IF('Standard Profiles'!$G$19=$B$17,14,0)+IF('Standard Profiles'!$G$19=$B$24,21,0),0)),0)</f>
        <v>20.064730099109546</v>
      </c>
      <c r="F5280" cm="1">
        <f t="array" ref="F5280">IFERROR(INDEX(Jesper!AJ$2:AJ$366,ROUNDDOWN($C5280/24,0)+1,1)*INDEX($D$3:$AA$30,INDEX(Jesper!$R$2:$R$366,ROW(INDEX(Jesper!AJ$2:AJ$366,ROUNDDOWN($C5280/24,0)+1,1))-1)+IF('Standard Profiles'!$G$20=$B$10,7,0)+IF('Standard Profiles'!$G$20=$B$17,14,0)+IF('Standard Profiles'!$G$20=$B$24,21,0),MOD($C5280,24)+1)/SUM(INDEX($D$3:$AA$30,INDEX(Jesper!$R$2:$R$366,ROW(INDEX(Jesper!AJ$2:AJ$366,ROUNDDOWN($C5280/24,0)+1,1))-1)+IF('Standard Profiles'!$G$20=$B$10,7,0)+IF('Standard Profiles'!$G$20=$B$17,14,0)+IF('Standard Profiles'!$G$20=$B$24,21,0),0)),0)</f>
        <v>0</v>
      </c>
      <c r="G5280" cm="1">
        <f t="array" ref="G5280">IFERROR(INDEX(Jesper!AK$2:AK$366,ROUNDDOWN($C5280/24,0)+1,1)*INDEX($D$3:$AA$30,INDEX(Jesper!$R$2:$R$366,ROW(INDEX(Jesper!AK$2:AK$366,ROUNDDOWN($C5280/24,0)+1,1))-1)+IF('Standard Profiles'!$G$21=$B$10,7,0)+IF('Standard Profiles'!$G$21=$B$17,14,0)+IF('Standard Profiles'!$G$21=$B$24,21,0),MOD($C5280,24)+1)/SUM(INDEX($D$3:$AA$30,INDEX(Jesper!$R$2:$R$366,ROW(INDEX(Jesper!AK$2:AK$366,ROUNDDOWN($C5280/24,0)+1,1))-1)+IF('Standard Profiles'!$G$21=$B$10,7,0)+IF('Standard Profiles'!$G$21=$B$17,14,0)+IF('Standard Profiles'!$G$21=$B$24,21,0),0)),0)</f>
        <v>4.0479825634300912</v>
      </c>
      <c r="H5280" cm="1">
        <f t="array" ref="H5280">IFERROR(INDEX(Jesper!AL$2:AL$366,ROUNDDOWN($C5280/24,0)+1,1)*INDEX($D$3:$AA$30,INDEX(Jesper!$R$2:$R$366,ROW(INDEX(Jesper!AL$2:AL$366,ROUNDDOWN($C5280/24,0)+1,1))-1)+IF('Standard Profiles'!$G$22=$B$10,7,0)+IF('Standard Profiles'!$G$22=$B$17,14,0)+IF('Standard Profiles'!$G$22=$B$24,21,0),MOD($C5280,24)+1)/SUM(INDEX($D$3:$AA$30,INDEX(Jesper!$R$2:$R$366,ROW(INDEX(Jesper!AL$2:AL$366,ROUNDDOWN($C5280/24,0)+1,1))-1)+IF('Standard Profiles'!$G$22=$B$10,7,0)+IF('Standard Profiles'!$G$22=$B$17,14,0)+IF('Standard Profiles'!$G$22=$B$24,21,0),0)),0)</f>
        <v>0</v>
      </c>
      <c r="I5280">
        <f t="shared" si="587"/>
        <v>1.9430316304464428</v>
      </c>
      <c r="J5280">
        <f t="shared" si="588"/>
        <v>51.138673265028729</v>
      </c>
      <c r="K5280">
        <f t="shared" si="589"/>
        <v>3.6786021883092745</v>
      </c>
      <c r="L5280">
        <f t="shared" si="590"/>
        <v>1.8393010941546373</v>
      </c>
      <c r="M5280">
        <f t="shared" si="591"/>
        <v>0</v>
      </c>
      <c r="N5280" s="45">
        <f t="shared" si="592"/>
        <v>45145.58333332061</v>
      </c>
    </row>
    <row r="5281" spans="2:14" x14ac:dyDescent="0.25">
      <c r="B5281">
        <f t="shared" si="586"/>
        <v>1</v>
      </c>
      <c r="C5281" s="16">
        <v>5247</v>
      </c>
      <c r="D5281" cm="1">
        <f t="array" ref="D5281">IFERROR(INDEX(Jesper!AH$2:AH$366,ROUNDDOWN($C5281/24,0)+1,1)*INDEX($D$3:$AA$30,INDEX(Jesper!$R$2:$R$366,ROW(INDEX(Jesper!AH$2:AH$366,ROUNDDOWN($C5281/24,0)+1,1))-1)+IF('Standard Profiles'!$G$18=$B$10,7,0)+IF('Standard Profiles'!$G$18=$B$17,14,0)+IF('Standard Profiles'!$G$18=$B$24,21,0),MOD($C5281,24)+1)/SUM(INDEX($D$3:$AA$30,INDEX(Jesper!$R$2:$R$366,ROW(INDEX(Jesper!AH$2:AH$366,ROUNDDOWN($C5281/24,0)+1,1))-1)+IF('Standard Profiles'!$G$18=$B$10,7,0)+IF('Standard Profiles'!$G$18=$B$17,14,0)+IF('Standard Profiles'!$G$18=$B$24,21,0),0)),0)</f>
        <v>34.486895515399446</v>
      </c>
      <c r="E5281" cm="1">
        <f t="array" ref="E5281">IFERROR(INDEX(Jesper!AI$2:AI$366,ROUNDDOWN($C5281/24,0)+1,1)*INDEX($D$3:$AA$30,INDEX(Jesper!$R$2:$R$366,ROW(INDEX(Jesper!AI$2:AI$366,ROUNDDOWN($C5281/24,0)+1,1))-1)+IF('Standard Profiles'!$G$19=$B$10,7,0)+IF('Standard Profiles'!$G$19=$B$17,14,0)+IF('Standard Profiles'!$G$19=$B$24,21,0),MOD($C5281,24)+1)/SUM(INDEX($D$3:$AA$30,INDEX(Jesper!$R$2:$R$366,ROW(INDEX(Jesper!AI$2:AI$366,ROUNDDOWN($C5281/24,0)+1,1))-1)+IF('Standard Profiles'!$G$19=$B$10,7,0)+IF('Standard Profiles'!$G$19=$B$17,14,0)+IF('Standard Profiles'!$G$19=$B$24,21,0),0)),0)</f>
        <v>20.064730099109546</v>
      </c>
      <c r="F5281" cm="1">
        <f t="array" ref="F5281">IFERROR(INDEX(Jesper!AJ$2:AJ$366,ROUNDDOWN($C5281/24,0)+1,1)*INDEX($D$3:$AA$30,INDEX(Jesper!$R$2:$R$366,ROW(INDEX(Jesper!AJ$2:AJ$366,ROUNDDOWN($C5281/24,0)+1,1))-1)+IF('Standard Profiles'!$G$20=$B$10,7,0)+IF('Standard Profiles'!$G$20=$B$17,14,0)+IF('Standard Profiles'!$G$20=$B$24,21,0),MOD($C5281,24)+1)/SUM(INDEX($D$3:$AA$30,INDEX(Jesper!$R$2:$R$366,ROW(INDEX(Jesper!AJ$2:AJ$366,ROUNDDOWN($C5281/24,0)+1,1))-1)+IF('Standard Profiles'!$G$20=$B$10,7,0)+IF('Standard Profiles'!$G$20=$B$17,14,0)+IF('Standard Profiles'!$G$20=$B$24,21,0),0)),0)</f>
        <v>0</v>
      </c>
      <c r="G5281" cm="1">
        <f t="array" ref="G5281">IFERROR(INDEX(Jesper!AK$2:AK$366,ROUNDDOWN($C5281/24,0)+1,1)*INDEX($D$3:$AA$30,INDEX(Jesper!$R$2:$R$366,ROW(INDEX(Jesper!AK$2:AK$366,ROUNDDOWN($C5281/24,0)+1,1))-1)+IF('Standard Profiles'!$G$21=$B$10,7,0)+IF('Standard Profiles'!$G$21=$B$17,14,0)+IF('Standard Profiles'!$G$21=$B$24,21,0),MOD($C5281,24)+1)/SUM(INDEX($D$3:$AA$30,INDEX(Jesper!$R$2:$R$366,ROW(INDEX(Jesper!AK$2:AK$366,ROUNDDOWN($C5281/24,0)+1,1))-1)+IF('Standard Profiles'!$G$21=$B$10,7,0)+IF('Standard Profiles'!$G$21=$B$17,14,0)+IF('Standard Profiles'!$G$21=$B$24,21,0),0)),0)</f>
        <v>4.0479825634300912</v>
      </c>
      <c r="H5281" cm="1">
        <f t="array" ref="H5281">IFERROR(INDEX(Jesper!AL$2:AL$366,ROUNDDOWN($C5281/24,0)+1,1)*INDEX($D$3:$AA$30,INDEX(Jesper!$R$2:$R$366,ROW(INDEX(Jesper!AL$2:AL$366,ROUNDDOWN($C5281/24,0)+1,1))-1)+IF('Standard Profiles'!$G$22=$B$10,7,0)+IF('Standard Profiles'!$G$22=$B$17,14,0)+IF('Standard Profiles'!$G$22=$B$24,21,0),MOD($C5281,24)+1)/SUM(INDEX($D$3:$AA$30,INDEX(Jesper!$R$2:$R$366,ROW(INDEX(Jesper!AL$2:AL$366,ROUNDDOWN($C5281/24,0)+1,1))-1)+IF('Standard Profiles'!$G$22=$B$10,7,0)+IF('Standard Profiles'!$G$22=$B$17,14,0)+IF('Standard Profiles'!$G$22=$B$24,21,0),0)),0)</f>
        <v>0</v>
      </c>
      <c r="I5281">
        <f t="shared" si="587"/>
        <v>1.9430316304464428</v>
      </c>
      <c r="J5281">
        <f t="shared" si="588"/>
        <v>51.138673265028729</v>
      </c>
      <c r="K5281">
        <f t="shared" si="589"/>
        <v>3.6786021883092745</v>
      </c>
      <c r="L5281">
        <f t="shared" si="590"/>
        <v>1.8393010941546373</v>
      </c>
      <c r="M5281">
        <f t="shared" si="591"/>
        <v>0</v>
      </c>
      <c r="N5281" s="45">
        <f t="shared" si="592"/>
        <v>45145.624999987274</v>
      </c>
    </row>
    <row r="5282" spans="2:14" x14ac:dyDescent="0.25">
      <c r="B5282">
        <f t="shared" si="586"/>
        <v>1</v>
      </c>
      <c r="C5282" s="16">
        <v>5248</v>
      </c>
      <c r="D5282" cm="1">
        <f t="array" ref="D5282">IFERROR(INDEX(Jesper!AH$2:AH$366,ROUNDDOWN($C5282/24,0)+1,1)*INDEX($D$3:$AA$30,INDEX(Jesper!$R$2:$R$366,ROW(INDEX(Jesper!AH$2:AH$366,ROUNDDOWN($C5282/24,0)+1,1))-1)+IF('Standard Profiles'!$G$18=$B$10,7,0)+IF('Standard Profiles'!$G$18=$B$17,14,0)+IF('Standard Profiles'!$G$18=$B$24,21,0),MOD($C5282,24)+1)/SUM(INDEX($D$3:$AA$30,INDEX(Jesper!$R$2:$R$366,ROW(INDEX(Jesper!AH$2:AH$366,ROUNDDOWN($C5282/24,0)+1,1))-1)+IF('Standard Profiles'!$G$18=$B$10,7,0)+IF('Standard Profiles'!$G$18=$B$17,14,0)+IF('Standard Profiles'!$G$18=$B$24,21,0),0)),0)</f>
        <v>20.11735571731634</v>
      </c>
      <c r="E5282" cm="1">
        <f t="array" ref="E5282">IFERROR(INDEX(Jesper!AI$2:AI$366,ROUNDDOWN($C5282/24,0)+1,1)*INDEX($D$3:$AA$30,INDEX(Jesper!$R$2:$R$366,ROW(INDEX(Jesper!AI$2:AI$366,ROUNDDOWN($C5282/24,0)+1,1))-1)+IF('Standard Profiles'!$G$19=$B$10,7,0)+IF('Standard Profiles'!$G$19=$B$17,14,0)+IF('Standard Profiles'!$G$19=$B$24,21,0),MOD($C5282,24)+1)/SUM(INDEX($D$3:$AA$30,INDEX(Jesper!$R$2:$R$366,ROW(INDEX(Jesper!AI$2:AI$366,ROUNDDOWN($C5282/24,0)+1,1))-1)+IF('Standard Profiles'!$G$19=$B$10,7,0)+IF('Standard Profiles'!$G$19=$B$17,14,0)+IF('Standard Profiles'!$G$19=$B$24,21,0),0)),0)</f>
        <v>11.704425891147235</v>
      </c>
      <c r="F5282" cm="1">
        <f t="array" ref="F5282">IFERROR(INDEX(Jesper!AJ$2:AJ$366,ROUNDDOWN($C5282/24,0)+1,1)*INDEX($D$3:$AA$30,INDEX(Jesper!$R$2:$R$366,ROW(INDEX(Jesper!AJ$2:AJ$366,ROUNDDOWN($C5282/24,0)+1,1))-1)+IF('Standard Profiles'!$G$20=$B$10,7,0)+IF('Standard Profiles'!$G$20=$B$17,14,0)+IF('Standard Profiles'!$G$20=$B$24,21,0),MOD($C5282,24)+1)/SUM(INDEX($D$3:$AA$30,INDEX(Jesper!$R$2:$R$366,ROW(INDEX(Jesper!AJ$2:AJ$366,ROUNDDOWN($C5282/24,0)+1,1))-1)+IF('Standard Profiles'!$G$20=$B$10,7,0)+IF('Standard Profiles'!$G$20=$B$17,14,0)+IF('Standard Profiles'!$G$20=$B$24,21,0),0)),0)</f>
        <v>0</v>
      </c>
      <c r="G5282" cm="1">
        <f t="array" ref="G5282">IFERROR(INDEX(Jesper!AK$2:AK$366,ROUNDDOWN($C5282/24,0)+1,1)*INDEX($D$3:$AA$30,INDEX(Jesper!$R$2:$R$366,ROW(INDEX(Jesper!AK$2:AK$366,ROUNDDOWN($C5282/24,0)+1,1))-1)+IF('Standard Profiles'!$G$21=$B$10,7,0)+IF('Standard Profiles'!$G$21=$B$17,14,0)+IF('Standard Profiles'!$G$21=$B$24,21,0),MOD($C5282,24)+1)/SUM(INDEX($D$3:$AA$30,INDEX(Jesper!$R$2:$R$366,ROW(INDEX(Jesper!AK$2:AK$366,ROUNDDOWN($C5282/24,0)+1,1))-1)+IF('Standard Profiles'!$G$21=$B$10,7,0)+IF('Standard Profiles'!$G$21=$B$17,14,0)+IF('Standard Profiles'!$G$21=$B$24,21,0),0)),0)</f>
        <v>3.3733188028584093</v>
      </c>
      <c r="H5282" cm="1">
        <f t="array" ref="H5282">IFERROR(INDEX(Jesper!AL$2:AL$366,ROUNDDOWN($C5282/24,0)+1,1)*INDEX($D$3:$AA$30,INDEX(Jesper!$R$2:$R$366,ROW(INDEX(Jesper!AL$2:AL$366,ROUNDDOWN($C5282/24,0)+1,1))-1)+IF('Standard Profiles'!$G$22=$B$10,7,0)+IF('Standard Profiles'!$G$22=$B$17,14,0)+IF('Standard Profiles'!$G$22=$B$24,21,0),MOD($C5282,24)+1)/SUM(INDEX($D$3:$AA$30,INDEX(Jesper!$R$2:$R$366,ROW(INDEX(Jesper!AL$2:AL$366,ROUNDDOWN($C5282/24,0)+1,1))-1)+IF('Standard Profiles'!$G$22=$B$10,7,0)+IF('Standard Profiles'!$G$22=$B$17,14,0)+IF('Standard Profiles'!$G$22=$B$24,21,0),0)),0)</f>
        <v>0</v>
      </c>
      <c r="I5282">
        <f t="shared" si="587"/>
        <v>1.6191930253720357</v>
      </c>
      <c r="J5282">
        <f t="shared" si="588"/>
        <v>30.357130471179332</v>
      </c>
      <c r="K5282">
        <f t="shared" si="589"/>
        <v>2.145851276513743</v>
      </c>
      <c r="L5282">
        <f t="shared" si="590"/>
        <v>1.0729256382568715</v>
      </c>
      <c r="M5282">
        <f t="shared" si="591"/>
        <v>0</v>
      </c>
      <c r="N5282" s="45">
        <f t="shared" si="592"/>
        <v>45145.666666653939</v>
      </c>
    </row>
    <row r="5283" spans="2:14" x14ac:dyDescent="0.25">
      <c r="B5283">
        <f t="shared" ref="B5283:B5346" si="593">WEEKDAY(N5283,2)</f>
        <v>1</v>
      </c>
      <c r="C5283" s="16">
        <v>5249</v>
      </c>
      <c r="D5283" cm="1">
        <f t="array" ref="D5283">IFERROR(INDEX(Jesper!AH$2:AH$366,ROUNDDOWN($C5283/24,0)+1,1)*INDEX($D$3:$AA$30,INDEX(Jesper!$R$2:$R$366,ROW(INDEX(Jesper!AH$2:AH$366,ROUNDDOWN($C5283/24,0)+1,1))-1)+IF('Standard Profiles'!$G$18=$B$10,7,0)+IF('Standard Profiles'!$G$18=$B$17,14,0)+IF('Standard Profiles'!$G$18=$B$24,21,0),MOD($C5283,24)+1)/SUM(INDEX($D$3:$AA$30,INDEX(Jesper!$R$2:$R$366,ROW(INDEX(Jesper!AH$2:AH$366,ROUNDDOWN($C5283/24,0)+1,1))-1)+IF('Standard Profiles'!$G$18=$B$10,7,0)+IF('Standard Profiles'!$G$18=$B$17,14,0)+IF('Standard Profiles'!$G$18=$B$24,21,0),0)),0)</f>
        <v>5.7478159192332408</v>
      </c>
      <c r="E5283" cm="1">
        <f t="array" ref="E5283">IFERROR(INDEX(Jesper!AI$2:AI$366,ROUNDDOWN($C5283/24,0)+1,1)*INDEX($D$3:$AA$30,INDEX(Jesper!$R$2:$R$366,ROW(INDEX(Jesper!AI$2:AI$366,ROUNDDOWN($C5283/24,0)+1,1))-1)+IF('Standard Profiles'!$G$19=$B$10,7,0)+IF('Standard Profiles'!$G$19=$B$17,14,0)+IF('Standard Profiles'!$G$19=$B$24,21,0),MOD($C5283,24)+1)/SUM(INDEX($D$3:$AA$30,INDEX(Jesper!$R$2:$R$366,ROW(INDEX(Jesper!AI$2:AI$366,ROUNDDOWN($C5283/24,0)+1,1))-1)+IF('Standard Profiles'!$G$19=$B$10,7,0)+IF('Standard Profiles'!$G$19=$B$17,14,0)+IF('Standard Profiles'!$G$19=$B$24,21,0),0)),0)</f>
        <v>3.3441216831849245</v>
      </c>
      <c r="F5283" cm="1">
        <f t="array" ref="F5283">IFERROR(INDEX(Jesper!AJ$2:AJ$366,ROUNDDOWN($C5283/24,0)+1,1)*INDEX($D$3:$AA$30,INDEX(Jesper!$R$2:$R$366,ROW(INDEX(Jesper!AJ$2:AJ$366,ROUNDDOWN($C5283/24,0)+1,1))-1)+IF('Standard Profiles'!$G$20=$B$10,7,0)+IF('Standard Profiles'!$G$20=$B$17,14,0)+IF('Standard Profiles'!$G$20=$B$24,21,0),MOD($C5283,24)+1)/SUM(INDEX($D$3:$AA$30,INDEX(Jesper!$R$2:$R$366,ROW(INDEX(Jesper!AJ$2:AJ$366,ROUNDDOWN($C5283/24,0)+1,1))-1)+IF('Standard Profiles'!$G$20=$B$10,7,0)+IF('Standard Profiles'!$G$20=$B$17,14,0)+IF('Standard Profiles'!$G$20=$B$24,21,0),0)),0)</f>
        <v>0</v>
      </c>
      <c r="G5283" cm="1">
        <f t="array" ref="G5283">IFERROR(INDEX(Jesper!AK$2:AK$366,ROUNDDOWN($C5283/24,0)+1,1)*INDEX($D$3:$AA$30,INDEX(Jesper!$R$2:$R$366,ROW(INDEX(Jesper!AK$2:AK$366,ROUNDDOWN($C5283/24,0)+1,1))-1)+IF('Standard Profiles'!$G$21=$B$10,7,0)+IF('Standard Profiles'!$G$21=$B$17,14,0)+IF('Standard Profiles'!$G$21=$B$24,21,0),MOD($C5283,24)+1)/SUM(INDEX($D$3:$AA$30,INDEX(Jesper!$R$2:$R$366,ROW(INDEX(Jesper!AK$2:AK$366,ROUNDDOWN($C5283/24,0)+1,1))-1)+IF('Standard Profiles'!$G$21=$B$10,7,0)+IF('Standard Profiles'!$G$21=$B$17,14,0)+IF('Standard Profiles'!$G$21=$B$24,21,0),0)),0)</f>
        <v>2.7141645540240078</v>
      </c>
      <c r="H5283" cm="1">
        <f t="array" ref="H5283">IFERROR(INDEX(Jesper!AL$2:AL$366,ROUNDDOWN($C5283/24,0)+1,1)*INDEX($D$3:$AA$30,INDEX(Jesper!$R$2:$R$366,ROW(INDEX(Jesper!AL$2:AL$366,ROUNDDOWN($C5283/24,0)+1,1))-1)+IF('Standard Profiles'!$G$22=$B$10,7,0)+IF('Standard Profiles'!$G$22=$B$17,14,0)+IF('Standard Profiles'!$G$22=$B$24,21,0),MOD($C5283,24)+1)/SUM(INDEX($D$3:$AA$30,INDEX(Jesper!$R$2:$R$366,ROW(INDEX(Jesper!AL$2:AL$366,ROUNDDOWN($C5283/24,0)+1,1))-1)+IF('Standard Profiles'!$G$22=$B$10,7,0)+IF('Standard Profiles'!$G$22=$B$17,14,0)+IF('Standard Profiles'!$G$22=$B$24,21,0),0)),0)</f>
        <v>0</v>
      </c>
      <c r="I5283">
        <f t="shared" ref="I5283:I5346" si="594">IF($B5283&lt;6,AC$37*$D5283+AC$38*$E5283+AC$39*$F5283+AC$40*$G5283,AC$46*$D5283+AC$47*$E5283+AC$48*$F5283+AC$49*$G5283+AC$50*$H5283)</f>
        <v>1.302798985931523</v>
      </c>
      <c r="J5283">
        <f t="shared" ref="J5283:J5346" si="595">IF($B5283&lt;6,AD$37*$D5283+AD$38*$E5283+AD$39*$F5283+AD$40*$G5283,AD$46*$D5283+AD$47*$E5283+AD$48*$F5283+AD$49*$G5283+AD$50*$H5283)</f>
        <v>9.5836526234333324</v>
      </c>
      <c r="K5283">
        <f t="shared" ref="K5283:K5346" si="596">IF($B5283&lt;6,AE$37*$D5283+AE$38*$E5283+AE$39*$F5283+AE$40*$G5283,AE$46*$D5283+AE$47*$E5283+AE$48*$F5283+AE$49*$G5283+AE$50*$H5283)</f>
        <v>0.61310036471821239</v>
      </c>
      <c r="L5283">
        <f t="shared" ref="L5283:L5346" si="597">IF($B5283&lt;6,AF$37*$D5283+AF$38*$E5283+AF$39*$F5283+AF$40*$G5283,AF$46*$D5283+AF$47*$E5283+AF$48*$F5283+AF$49*$G5283+AF$50*$H5283)</f>
        <v>0.30655018235910619</v>
      </c>
      <c r="M5283">
        <f t="shared" ref="M5283:M5346" si="598">IF($B5283&lt;6,AG$37*$D5283+AG$38*$E5283+AG$39*$F5283+AG$40*$G5283,AG$46*$D5283+AG$47*$E5283+AG$48*$F5283+AG$49*$G5283+AG$50*$H5283)</f>
        <v>0</v>
      </c>
      <c r="N5283" s="45">
        <f t="shared" si="592"/>
        <v>45145.708333320603</v>
      </c>
    </row>
    <row r="5284" spans="2:14" x14ac:dyDescent="0.25">
      <c r="B5284">
        <f t="shared" si="593"/>
        <v>1</v>
      </c>
      <c r="C5284" s="16">
        <v>5250</v>
      </c>
      <c r="D5284" cm="1">
        <f t="array" ref="D5284">IFERROR(INDEX(Jesper!AH$2:AH$366,ROUNDDOWN($C5284/24,0)+1,1)*INDEX($D$3:$AA$30,INDEX(Jesper!$R$2:$R$366,ROW(INDEX(Jesper!AH$2:AH$366,ROUNDDOWN($C5284/24,0)+1,1))-1)+IF('Standard Profiles'!$G$18=$B$10,7,0)+IF('Standard Profiles'!$G$18=$B$17,14,0)+IF('Standard Profiles'!$G$18=$B$24,21,0),MOD($C5284,24)+1)/SUM(INDEX($D$3:$AA$30,INDEX(Jesper!$R$2:$R$366,ROW(INDEX(Jesper!AH$2:AH$366,ROUNDDOWN($C5284/24,0)+1,1))-1)+IF('Standard Profiles'!$G$18=$B$10,7,0)+IF('Standard Profiles'!$G$18=$B$17,14,0)+IF('Standard Profiles'!$G$18=$B$24,21,0),0)),0)</f>
        <v>5.666860765441224</v>
      </c>
      <c r="E5284" cm="1">
        <f t="array" ref="E5284">IFERROR(INDEX(Jesper!AI$2:AI$366,ROUNDDOWN($C5284/24,0)+1,1)*INDEX($D$3:$AA$30,INDEX(Jesper!$R$2:$R$366,ROW(INDEX(Jesper!AI$2:AI$366,ROUNDDOWN($C5284/24,0)+1,1))-1)+IF('Standard Profiles'!$G$19=$B$10,7,0)+IF('Standard Profiles'!$G$19=$B$17,14,0)+IF('Standard Profiles'!$G$19=$B$24,21,0),MOD($C5284,24)+1)/SUM(INDEX($D$3:$AA$30,INDEX(Jesper!$R$2:$R$366,ROW(INDEX(Jesper!AI$2:AI$366,ROUNDDOWN($C5284/24,0)+1,1))-1)+IF('Standard Profiles'!$G$19=$B$10,7,0)+IF('Standard Profiles'!$G$19=$B$17,14,0)+IF('Standard Profiles'!$G$19=$B$24,21,0),0)),0)</f>
        <v>3.2970213777879538</v>
      </c>
      <c r="F5284" cm="1">
        <f t="array" ref="F5284">IFERROR(INDEX(Jesper!AJ$2:AJ$366,ROUNDDOWN($C5284/24,0)+1,1)*INDEX($D$3:$AA$30,INDEX(Jesper!$R$2:$R$366,ROW(INDEX(Jesper!AJ$2:AJ$366,ROUNDDOWN($C5284/24,0)+1,1))-1)+IF('Standard Profiles'!$G$20=$B$10,7,0)+IF('Standard Profiles'!$G$20=$B$17,14,0)+IF('Standard Profiles'!$G$20=$B$24,21,0),MOD($C5284,24)+1)/SUM(INDEX($D$3:$AA$30,INDEX(Jesper!$R$2:$R$366,ROW(INDEX(Jesper!AJ$2:AJ$366,ROUNDDOWN($C5284/24,0)+1,1))-1)+IF('Standard Profiles'!$G$20=$B$10,7,0)+IF('Standard Profiles'!$G$20=$B$17,14,0)+IF('Standard Profiles'!$G$20=$B$24,21,0),0)),0)</f>
        <v>0</v>
      </c>
      <c r="G5284" cm="1">
        <f t="array" ref="G5284">IFERROR(INDEX(Jesper!AK$2:AK$366,ROUNDDOWN($C5284/24,0)+1,1)*INDEX($D$3:$AA$30,INDEX(Jesper!$R$2:$R$366,ROW(INDEX(Jesper!AK$2:AK$366,ROUNDDOWN($C5284/24,0)+1,1))-1)+IF('Standard Profiles'!$G$21=$B$10,7,0)+IF('Standard Profiles'!$G$21=$B$17,14,0)+IF('Standard Profiles'!$G$21=$B$24,21,0),MOD($C5284,24)+1)/SUM(INDEX($D$3:$AA$30,INDEX(Jesper!$R$2:$R$366,ROW(INDEX(Jesper!AK$2:AK$366,ROUNDDOWN($C5284/24,0)+1,1))-1)+IF('Standard Profiles'!$G$21=$B$10,7,0)+IF('Standard Profiles'!$G$21=$B$17,14,0)+IF('Standard Profiles'!$G$21=$B$24,21,0),0)),0)</f>
        <v>0.9693444835800028</v>
      </c>
      <c r="H5284" cm="1">
        <f t="array" ref="H5284">IFERROR(INDEX(Jesper!AL$2:AL$366,ROUNDDOWN($C5284/24,0)+1,1)*INDEX($D$3:$AA$30,INDEX(Jesper!$R$2:$R$366,ROW(INDEX(Jesper!AL$2:AL$366,ROUNDDOWN($C5284/24,0)+1,1))-1)+IF('Standard Profiles'!$G$22=$B$10,7,0)+IF('Standard Profiles'!$G$22=$B$17,14,0)+IF('Standard Profiles'!$G$22=$B$24,21,0),MOD($C5284,24)+1)/SUM(INDEX($D$3:$AA$30,INDEX(Jesper!$R$2:$R$366,ROW(INDEX(Jesper!AL$2:AL$366,ROUNDDOWN($C5284/24,0)+1,1))-1)+IF('Standard Profiles'!$G$22=$B$10,7,0)+IF('Standard Profiles'!$G$22=$B$17,14,0)+IF('Standard Profiles'!$G$22=$B$24,21,0),0)),0)</f>
        <v>0</v>
      </c>
      <c r="I5284">
        <f t="shared" si="594"/>
        <v>0.46528535211840111</v>
      </c>
      <c r="J5284">
        <f t="shared" si="595"/>
        <v>8.5612435522201835</v>
      </c>
      <c r="K5284">
        <f t="shared" si="596"/>
        <v>0.60446514831373055</v>
      </c>
      <c r="L5284">
        <f t="shared" si="597"/>
        <v>0.30223257415686527</v>
      </c>
      <c r="M5284">
        <f t="shared" si="598"/>
        <v>0</v>
      </c>
      <c r="N5284" s="45">
        <f t="shared" ref="N5284:N5347" si="599">N5283+1/24</f>
        <v>45145.749999987267</v>
      </c>
    </row>
    <row r="5285" spans="2:14" x14ac:dyDescent="0.25">
      <c r="B5285">
        <f t="shared" si="593"/>
        <v>1</v>
      </c>
      <c r="C5285" s="16">
        <v>5251</v>
      </c>
      <c r="D5285" cm="1">
        <f t="array" ref="D5285">IFERROR(INDEX(Jesper!AH$2:AH$366,ROUNDDOWN($C5285/24,0)+1,1)*INDEX($D$3:$AA$30,INDEX(Jesper!$R$2:$R$366,ROW(INDEX(Jesper!AH$2:AH$366,ROUNDDOWN($C5285/24,0)+1,1))-1)+IF('Standard Profiles'!$G$18=$B$10,7,0)+IF('Standard Profiles'!$G$18=$B$17,14,0)+IF('Standard Profiles'!$G$18=$B$24,21,0),MOD($C5285,24)+1)/SUM(INDEX($D$3:$AA$30,INDEX(Jesper!$R$2:$R$366,ROW(INDEX(Jesper!AH$2:AH$366,ROUNDDOWN($C5285/24,0)+1,1))-1)+IF('Standard Profiles'!$G$18=$B$10,7,0)+IF('Standard Profiles'!$G$18=$B$17,14,0)+IF('Standard Profiles'!$G$18=$B$24,21,0),0)),0)</f>
        <v>5.666860765441224</v>
      </c>
      <c r="E5285" cm="1">
        <f t="array" ref="E5285">IFERROR(INDEX(Jesper!AI$2:AI$366,ROUNDDOWN($C5285/24,0)+1,1)*INDEX($D$3:$AA$30,INDEX(Jesper!$R$2:$R$366,ROW(INDEX(Jesper!AI$2:AI$366,ROUNDDOWN($C5285/24,0)+1,1))-1)+IF('Standard Profiles'!$G$19=$B$10,7,0)+IF('Standard Profiles'!$G$19=$B$17,14,0)+IF('Standard Profiles'!$G$19=$B$24,21,0),MOD($C5285,24)+1)/SUM(INDEX($D$3:$AA$30,INDEX(Jesper!$R$2:$R$366,ROW(INDEX(Jesper!AI$2:AI$366,ROUNDDOWN($C5285/24,0)+1,1))-1)+IF('Standard Profiles'!$G$19=$B$10,7,0)+IF('Standard Profiles'!$G$19=$B$17,14,0)+IF('Standard Profiles'!$G$19=$B$24,21,0),0)),0)</f>
        <v>3.2970213777879538</v>
      </c>
      <c r="F5285" cm="1">
        <f t="array" ref="F5285">IFERROR(INDEX(Jesper!AJ$2:AJ$366,ROUNDDOWN($C5285/24,0)+1,1)*INDEX($D$3:$AA$30,INDEX(Jesper!$R$2:$R$366,ROW(INDEX(Jesper!AJ$2:AJ$366,ROUNDDOWN($C5285/24,0)+1,1))-1)+IF('Standard Profiles'!$G$20=$B$10,7,0)+IF('Standard Profiles'!$G$20=$B$17,14,0)+IF('Standard Profiles'!$G$20=$B$24,21,0),MOD($C5285,24)+1)/SUM(INDEX($D$3:$AA$30,INDEX(Jesper!$R$2:$R$366,ROW(INDEX(Jesper!AJ$2:AJ$366,ROUNDDOWN($C5285/24,0)+1,1))-1)+IF('Standard Profiles'!$G$20=$B$10,7,0)+IF('Standard Profiles'!$G$20=$B$17,14,0)+IF('Standard Profiles'!$G$20=$B$24,21,0),0)),0)</f>
        <v>0</v>
      </c>
      <c r="G5285" cm="1">
        <f t="array" ref="G5285">IFERROR(INDEX(Jesper!AK$2:AK$366,ROUNDDOWN($C5285/24,0)+1,1)*INDEX($D$3:$AA$30,INDEX(Jesper!$R$2:$R$366,ROW(INDEX(Jesper!AK$2:AK$366,ROUNDDOWN($C5285/24,0)+1,1))-1)+IF('Standard Profiles'!$G$21=$B$10,7,0)+IF('Standard Profiles'!$G$21=$B$17,14,0)+IF('Standard Profiles'!$G$21=$B$24,21,0),MOD($C5285,24)+1)/SUM(INDEX($D$3:$AA$30,INDEX(Jesper!$R$2:$R$366,ROW(INDEX(Jesper!AK$2:AK$366,ROUNDDOWN($C5285/24,0)+1,1))-1)+IF('Standard Profiles'!$G$21=$B$10,7,0)+IF('Standard Profiles'!$G$21=$B$17,14,0)+IF('Standard Profiles'!$G$21=$B$24,21,0),0)),0)</f>
        <v>0.9693444835800028</v>
      </c>
      <c r="H5285" cm="1">
        <f t="array" ref="H5285">IFERROR(INDEX(Jesper!AL$2:AL$366,ROUNDDOWN($C5285/24,0)+1,1)*INDEX($D$3:$AA$30,INDEX(Jesper!$R$2:$R$366,ROW(INDEX(Jesper!AL$2:AL$366,ROUNDDOWN($C5285/24,0)+1,1))-1)+IF('Standard Profiles'!$G$22=$B$10,7,0)+IF('Standard Profiles'!$G$22=$B$17,14,0)+IF('Standard Profiles'!$G$22=$B$24,21,0),MOD($C5285,24)+1)/SUM(INDEX($D$3:$AA$30,INDEX(Jesper!$R$2:$R$366,ROW(INDEX(Jesper!AL$2:AL$366,ROUNDDOWN($C5285/24,0)+1,1))-1)+IF('Standard Profiles'!$G$22=$B$10,7,0)+IF('Standard Profiles'!$G$22=$B$17,14,0)+IF('Standard Profiles'!$G$22=$B$24,21,0),0)),0)</f>
        <v>0</v>
      </c>
      <c r="I5285">
        <f t="shared" si="594"/>
        <v>0.46528535211840111</v>
      </c>
      <c r="J5285">
        <f t="shared" si="595"/>
        <v>8.5612435522201835</v>
      </c>
      <c r="K5285">
        <f t="shared" si="596"/>
        <v>0.60446514831373055</v>
      </c>
      <c r="L5285">
        <f t="shared" si="597"/>
        <v>0.30223257415686527</v>
      </c>
      <c r="M5285">
        <f t="shared" si="598"/>
        <v>0</v>
      </c>
      <c r="N5285" s="45">
        <f t="shared" si="599"/>
        <v>45145.791666653931</v>
      </c>
    </row>
    <row r="5286" spans="2:14" x14ac:dyDescent="0.25">
      <c r="B5286">
        <f t="shared" si="593"/>
        <v>1</v>
      </c>
      <c r="C5286" s="16">
        <v>5252</v>
      </c>
      <c r="D5286" cm="1">
        <f t="array" ref="D5286">IFERROR(INDEX(Jesper!AH$2:AH$366,ROUNDDOWN($C5286/24,0)+1,1)*INDEX($D$3:$AA$30,INDEX(Jesper!$R$2:$R$366,ROW(INDEX(Jesper!AH$2:AH$366,ROUNDDOWN($C5286/24,0)+1,1))-1)+IF('Standard Profiles'!$G$18=$B$10,7,0)+IF('Standard Profiles'!$G$18=$B$17,14,0)+IF('Standard Profiles'!$G$18=$B$24,21,0),MOD($C5286,24)+1)/SUM(INDEX($D$3:$AA$30,INDEX(Jesper!$R$2:$R$366,ROW(INDEX(Jesper!AH$2:AH$366,ROUNDDOWN($C5286/24,0)+1,1))-1)+IF('Standard Profiles'!$G$18=$B$10,7,0)+IF('Standard Profiles'!$G$18=$B$17,14,0)+IF('Standard Profiles'!$G$18=$B$24,21,0),0)),0)</f>
        <v>5.666860765441224</v>
      </c>
      <c r="E5286" cm="1">
        <f t="array" ref="E5286">IFERROR(INDEX(Jesper!AI$2:AI$366,ROUNDDOWN($C5286/24,0)+1,1)*INDEX($D$3:$AA$30,INDEX(Jesper!$R$2:$R$366,ROW(INDEX(Jesper!AI$2:AI$366,ROUNDDOWN($C5286/24,0)+1,1))-1)+IF('Standard Profiles'!$G$19=$B$10,7,0)+IF('Standard Profiles'!$G$19=$B$17,14,0)+IF('Standard Profiles'!$G$19=$B$24,21,0),MOD($C5286,24)+1)/SUM(INDEX($D$3:$AA$30,INDEX(Jesper!$R$2:$R$366,ROW(INDEX(Jesper!AI$2:AI$366,ROUNDDOWN($C5286/24,0)+1,1))-1)+IF('Standard Profiles'!$G$19=$B$10,7,0)+IF('Standard Profiles'!$G$19=$B$17,14,0)+IF('Standard Profiles'!$G$19=$B$24,21,0),0)),0)</f>
        <v>3.2970213777879538</v>
      </c>
      <c r="F5286" cm="1">
        <f t="array" ref="F5286">IFERROR(INDEX(Jesper!AJ$2:AJ$366,ROUNDDOWN($C5286/24,0)+1,1)*INDEX($D$3:$AA$30,INDEX(Jesper!$R$2:$R$366,ROW(INDEX(Jesper!AJ$2:AJ$366,ROUNDDOWN($C5286/24,0)+1,1))-1)+IF('Standard Profiles'!$G$20=$B$10,7,0)+IF('Standard Profiles'!$G$20=$B$17,14,0)+IF('Standard Profiles'!$G$20=$B$24,21,0),MOD($C5286,24)+1)/SUM(INDEX($D$3:$AA$30,INDEX(Jesper!$R$2:$R$366,ROW(INDEX(Jesper!AJ$2:AJ$366,ROUNDDOWN($C5286/24,0)+1,1))-1)+IF('Standard Profiles'!$G$20=$B$10,7,0)+IF('Standard Profiles'!$G$20=$B$17,14,0)+IF('Standard Profiles'!$G$20=$B$24,21,0),0)),0)</f>
        <v>0</v>
      </c>
      <c r="G5286" cm="1">
        <f t="array" ref="G5286">IFERROR(INDEX(Jesper!AK$2:AK$366,ROUNDDOWN($C5286/24,0)+1,1)*INDEX($D$3:$AA$30,INDEX(Jesper!$R$2:$R$366,ROW(INDEX(Jesper!AK$2:AK$366,ROUNDDOWN($C5286/24,0)+1,1))-1)+IF('Standard Profiles'!$G$21=$B$10,7,0)+IF('Standard Profiles'!$G$21=$B$17,14,0)+IF('Standard Profiles'!$G$21=$B$24,21,0),MOD($C5286,24)+1)/SUM(INDEX($D$3:$AA$30,INDEX(Jesper!$R$2:$R$366,ROW(INDEX(Jesper!AK$2:AK$366,ROUNDDOWN($C5286/24,0)+1,1))-1)+IF('Standard Profiles'!$G$21=$B$10,7,0)+IF('Standard Profiles'!$G$21=$B$17,14,0)+IF('Standard Profiles'!$G$21=$B$24,21,0),0)),0)</f>
        <v>0.9693444835800028</v>
      </c>
      <c r="H5286" cm="1">
        <f t="array" ref="H5286">IFERROR(INDEX(Jesper!AL$2:AL$366,ROUNDDOWN($C5286/24,0)+1,1)*INDEX($D$3:$AA$30,INDEX(Jesper!$R$2:$R$366,ROW(INDEX(Jesper!AL$2:AL$366,ROUNDDOWN($C5286/24,0)+1,1))-1)+IF('Standard Profiles'!$G$22=$B$10,7,0)+IF('Standard Profiles'!$G$22=$B$17,14,0)+IF('Standard Profiles'!$G$22=$B$24,21,0),MOD($C5286,24)+1)/SUM(INDEX($D$3:$AA$30,INDEX(Jesper!$R$2:$R$366,ROW(INDEX(Jesper!AL$2:AL$366,ROUNDDOWN($C5286/24,0)+1,1))-1)+IF('Standard Profiles'!$G$22=$B$10,7,0)+IF('Standard Profiles'!$G$22=$B$17,14,0)+IF('Standard Profiles'!$G$22=$B$24,21,0),0)),0)</f>
        <v>0</v>
      </c>
      <c r="I5286">
        <f t="shared" si="594"/>
        <v>0.46528535211840111</v>
      </c>
      <c r="J5286">
        <f t="shared" si="595"/>
        <v>8.5612435522201835</v>
      </c>
      <c r="K5286">
        <f t="shared" si="596"/>
        <v>0.60446514831373055</v>
      </c>
      <c r="L5286">
        <f t="shared" si="597"/>
        <v>0.30223257415686527</v>
      </c>
      <c r="M5286">
        <f t="shared" si="598"/>
        <v>0</v>
      </c>
      <c r="N5286" s="45">
        <f t="shared" si="599"/>
        <v>45145.833333320596</v>
      </c>
    </row>
    <row r="5287" spans="2:14" x14ac:dyDescent="0.25">
      <c r="B5287">
        <f t="shared" si="593"/>
        <v>1</v>
      </c>
      <c r="C5287" s="16">
        <v>5253</v>
      </c>
      <c r="D5287" cm="1">
        <f t="array" ref="D5287">IFERROR(INDEX(Jesper!AH$2:AH$366,ROUNDDOWN($C5287/24,0)+1,1)*INDEX($D$3:$AA$30,INDEX(Jesper!$R$2:$R$366,ROW(INDEX(Jesper!AH$2:AH$366,ROUNDDOWN($C5287/24,0)+1,1))-1)+IF('Standard Profiles'!$G$18=$B$10,7,0)+IF('Standard Profiles'!$G$18=$B$17,14,0)+IF('Standard Profiles'!$G$18=$B$24,21,0),MOD($C5287,24)+1)/SUM(INDEX($D$3:$AA$30,INDEX(Jesper!$R$2:$R$366,ROW(INDEX(Jesper!AH$2:AH$366,ROUNDDOWN($C5287/24,0)+1,1))-1)+IF('Standard Profiles'!$G$18=$B$10,7,0)+IF('Standard Profiles'!$G$18=$B$17,14,0)+IF('Standard Profiles'!$G$18=$B$24,21,0),0)),0)</f>
        <v>5.666860765441224</v>
      </c>
      <c r="E5287" cm="1">
        <f t="array" ref="E5287">IFERROR(INDEX(Jesper!AI$2:AI$366,ROUNDDOWN($C5287/24,0)+1,1)*INDEX($D$3:$AA$30,INDEX(Jesper!$R$2:$R$366,ROW(INDEX(Jesper!AI$2:AI$366,ROUNDDOWN($C5287/24,0)+1,1))-1)+IF('Standard Profiles'!$G$19=$B$10,7,0)+IF('Standard Profiles'!$G$19=$B$17,14,0)+IF('Standard Profiles'!$G$19=$B$24,21,0),MOD($C5287,24)+1)/SUM(INDEX($D$3:$AA$30,INDEX(Jesper!$R$2:$R$366,ROW(INDEX(Jesper!AI$2:AI$366,ROUNDDOWN($C5287/24,0)+1,1))-1)+IF('Standard Profiles'!$G$19=$B$10,7,0)+IF('Standard Profiles'!$G$19=$B$17,14,0)+IF('Standard Profiles'!$G$19=$B$24,21,0),0)),0)</f>
        <v>3.2970213777879538</v>
      </c>
      <c r="F5287" cm="1">
        <f t="array" ref="F5287">IFERROR(INDEX(Jesper!AJ$2:AJ$366,ROUNDDOWN($C5287/24,0)+1,1)*INDEX($D$3:$AA$30,INDEX(Jesper!$R$2:$R$366,ROW(INDEX(Jesper!AJ$2:AJ$366,ROUNDDOWN($C5287/24,0)+1,1))-1)+IF('Standard Profiles'!$G$20=$B$10,7,0)+IF('Standard Profiles'!$G$20=$B$17,14,0)+IF('Standard Profiles'!$G$20=$B$24,21,0),MOD($C5287,24)+1)/SUM(INDEX($D$3:$AA$30,INDEX(Jesper!$R$2:$R$366,ROW(INDEX(Jesper!AJ$2:AJ$366,ROUNDDOWN($C5287/24,0)+1,1))-1)+IF('Standard Profiles'!$G$20=$B$10,7,0)+IF('Standard Profiles'!$G$20=$B$17,14,0)+IF('Standard Profiles'!$G$20=$B$24,21,0),0)),0)</f>
        <v>0</v>
      </c>
      <c r="G5287" cm="1">
        <f t="array" ref="G5287">IFERROR(INDEX(Jesper!AK$2:AK$366,ROUNDDOWN($C5287/24,0)+1,1)*INDEX($D$3:$AA$30,INDEX(Jesper!$R$2:$R$366,ROW(INDEX(Jesper!AK$2:AK$366,ROUNDDOWN($C5287/24,0)+1,1))-1)+IF('Standard Profiles'!$G$21=$B$10,7,0)+IF('Standard Profiles'!$G$21=$B$17,14,0)+IF('Standard Profiles'!$G$21=$B$24,21,0),MOD($C5287,24)+1)/SUM(INDEX($D$3:$AA$30,INDEX(Jesper!$R$2:$R$366,ROW(INDEX(Jesper!AK$2:AK$366,ROUNDDOWN($C5287/24,0)+1,1))-1)+IF('Standard Profiles'!$G$21=$B$10,7,0)+IF('Standard Profiles'!$G$21=$B$17,14,0)+IF('Standard Profiles'!$G$21=$B$24,21,0),0)),0)</f>
        <v>0.9693444835800028</v>
      </c>
      <c r="H5287" cm="1">
        <f t="array" ref="H5287">IFERROR(INDEX(Jesper!AL$2:AL$366,ROUNDDOWN($C5287/24,0)+1,1)*INDEX($D$3:$AA$30,INDEX(Jesper!$R$2:$R$366,ROW(INDEX(Jesper!AL$2:AL$366,ROUNDDOWN($C5287/24,0)+1,1))-1)+IF('Standard Profiles'!$G$22=$B$10,7,0)+IF('Standard Profiles'!$G$22=$B$17,14,0)+IF('Standard Profiles'!$G$22=$B$24,21,0),MOD($C5287,24)+1)/SUM(INDEX($D$3:$AA$30,INDEX(Jesper!$R$2:$R$366,ROW(INDEX(Jesper!AL$2:AL$366,ROUNDDOWN($C5287/24,0)+1,1))-1)+IF('Standard Profiles'!$G$22=$B$10,7,0)+IF('Standard Profiles'!$G$22=$B$17,14,0)+IF('Standard Profiles'!$G$22=$B$24,21,0),0)),0)</f>
        <v>0</v>
      </c>
      <c r="I5287">
        <f t="shared" si="594"/>
        <v>0.46528535211840111</v>
      </c>
      <c r="J5287">
        <f t="shared" si="595"/>
        <v>8.5612435522201835</v>
      </c>
      <c r="K5287">
        <f t="shared" si="596"/>
        <v>0.60446514831373055</v>
      </c>
      <c r="L5287">
        <f t="shared" si="597"/>
        <v>0.30223257415686527</v>
      </c>
      <c r="M5287">
        <f t="shared" si="598"/>
        <v>0</v>
      </c>
      <c r="N5287" s="45">
        <f t="shared" si="599"/>
        <v>45145.87499998726</v>
      </c>
    </row>
    <row r="5288" spans="2:14" x14ac:dyDescent="0.25">
      <c r="B5288">
        <f t="shared" si="593"/>
        <v>1</v>
      </c>
      <c r="C5288" s="16">
        <v>5254</v>
      </c>
      <c r="D5288" cm="1">
        <f t="array" ref="D5288">IFERROR(INDEX(Jesper!AH$2:AH$366,ROUNDDOWN($C5288/24,0)+1,1)*INDEX($D$3:$AA$30,INDEX(Jesper!$R$2:$R$366,ROW(INDEX(Jesper!AH$2:AH$366,ROUNDDOWN($C5288/24,0)+1,1))-1)+IF('Standard Profiles'!$G$18=$B$10,7,0)+IF('Standard Profiles'!$G$18=$B$17,14,0)+IF('Standard Profiles'!$G$18=$B$24,21,0),MOD($C5288,24)+1)/SUM(INDEX($D$3:$AA$30,INDEX(Jesper!$R$2:$R$366,ROW(INDEX(Jesper!AH$2:AH$366,ROUNDDOWN($C5288/24,0)+1,1))-1)+IF('Standard Profiles'!$G$18=$B$10,7,0)+IF('Standard Profiles'!$G$18=$B$17,14,0)+IF('Standard Profiles'!$G$18=$B$24,21,0),0)),0)</f>
        <v>5.666860765441224</v>
      </c>
      <c r="E5288" cm="1">
        <f t="array" ref="E5288">IFERROR(INDEX(Jesper!AI$2:AI$366,ROUNDDOWN($C5288/24,0)+1,1)*INDEX($D$3:$AA$30,INDEX(Jesper!$R$2:$R$366,ROW(INDEX(Jesper!AI$2:AI$366,ROUNDDOWN($C5288/24,0)+1,1))-1)+IF('Standard Profiles'!$G$19=$B$10,7,0)+IF('Standard Profiles'!$G$19=$B$17,14,0)+IF('Standard Profiles'!$G$19=$B$24,21,0),MOD($C5288,24)+1)/SUM(INDEX($D$3:$AA$30,INDEX(Jesper!$R$2:$R$366,ROW(INDEX(Jesper!AI$2:AI$366,ROUNDDOWN($C5288/24,0)+1,1))-1)+IF('Standard Profiles'!$G$19=$B$10,7,0)+IF('Standard Profiles'!$G$19=$B$17,14,0)+IF('Standard Profiles'!$G$19=$B$24,21,0),0)),0)</f>
        <v>3.2970213777879538</v>
      </c>
      <c r="F5288" cm="1">
        <f t="array" ref="F5288">IFERROR(INDEX(Jesper!AJ$2:AJ$366,ROUNDDOWN($C5288/24,0)+1,1)*INDEX($D$3:$AA$30,INDEX(Jesper!$R$2:$R$366,ROW(INDEX(Jesper!AJ$2:AJ$366,ROUNDDOWN($C5288/24,0)+1,1))-1)+IF('Standard Profiles'!$G$20=$B$10,7,0)+IF('Standard Profiles'!$G$20=$B$17,14,0)+IF('Standard Profiles'!$G$20=$B$24,21,0),MOD($C5288,24)+1)/SUM(INDEX($D$3:$AA$30,INDEX(Jesper!$R$2:$R$366,ROW(INDEX(Jesper!AJ$2:AJ$366,ROUNDDOWN($C5288/24,0)+1,1))-1)+IF('Standard Profiles'!$G$20=$B$10,7,0)+IF('Standard Profiles'!$G$20=$B$17,14,0)+IF('Standard Profiles'!$G$20=$B$24,21,0),0)),0)</f>
        <v>0</v>
      </c>
      <c r="G5288" cm="1">
        <f t="array" ref="G5288">IFERROR(INDEX(Jesper!AK$2:AK$366,ROUNDDOWN($C5288/24,0)+1,1)*INDEX($D$3:$AA$30,INDEX(Jesper!$R$2:$R$366,ROW(INDEX(Jesper!AK$2:AK$366,ROUNDDOWN($C5288/24,0)+1,1))-1)+IF('Standard Profiles'!$G$21=$B$10,7,0)+IF('Standard Profiles'!$G$21=$B$17,14,0)+IF('Standard Profiles'!$G$21=$B$24,21,0),MOD($C5288,24)+1)/SUM(INDEX($D$3:$AA$30,INDEX(Jesper!$R$2:$R$366,ROW(INDEX(Jesper!AK$2:AK$366,ROUNDDOWN($C5288/24,0)+1,1))-1)+IF('Standard Profiles'!$G$21=$B$10,7,0)+IF('Standard Profiles'!$G$21=$B$17,14,0)+IF('Standard Profiles'!$G$21=$B$24,21,0),0)),0)</f>
        <v>0.9693444835800028</v>
      </c>
      <c r="H5288" cm="1">
        <f t="array" ref="H5288">IFERROR(INDEX(Jesper!AL$2:AL$366,ROUNDDOWN($C5288/24,0)+1,1)*INDEX($D$3:$AA$30,INDEX(Jesper!$R$2:$R$366,ROW(INDEX(Jesper!AL$2:AL$366,ROUNDDOWN($C5288/24,0)+1,1))-1)+IF('Standard Profiles'!$G$22=$B$10,7,0)+IF('Standard Profiles'!$G$22=$B$17,14,0)+IF('Standard Profiles'!$G$22=$B$24,21,0),MOD($C5288,24)+1)/SUM(INDEX($D$3:$AA$30,INDEX(Jesper!$R$2:$R$366,ROW(INDEX(Jesper!AL$2:AL$366,ROUNDDOWN($C5288/24,0)+1,1))-1)+IF('Standard Profiles'!$G$22=$B$10,7,0)+IF('Standard Profiles'!$G$22=$B$17,14,0)+IF('Standard Profiles'!$G$22=$B$24,21,0),0)),0)</f>
        <v>0</v>
      </c>
      <c r="I5288">
        <f t="shared" si="594"/>
        <v>0.46528535211840111</v>
      </c>
      <c r="J5288">
        <f t="shared" si="595"/>
        <v>8.5612435522201835</v>
      </c>
      <c r="K5288">
        <f t="shared" si="596"/>
        <v>0.60446514831373055</v>
      </c>
      <c r="L5288">
        <f t="shared" si="597"/>
        <v>0.30223257415686527</v>
      </c>
      <c r="M5288">
        <f t="shared" si="598"/>
        <v>0</v>
      </c>
      <c r="N5288" s="45">
        <f t="shared" si="599"/>
        <v>45145.916666653924</v>
      </c>
    </row>
    <row r="5289" spans="2:14" x14ac:dyDescent="0.25">
      <c r="B5289">
        <f t="shared" si="593"/>
        <v>1</v>
      </c>
      <c r="C5289" s="16">
        <v>5255</v>
      </c>
      <c r="D5289" cm="1">
        <f t="array" ref="D5289">IFERROR(INDEX(Jesper!AH$2:AH$366,ROUNDDOWN($C5289/24,0)+1,1)*INDEX($D$3:$AA$30,INDEX(Jesper!$R$2:$R$366,ROW(INDEX(Jesper!AH$2:AH$366,ROUNDDOWN($C5289/24,0)+1,1))-1)+IF('Standard Profiles'!$G$18=$B$10,7,0)+IF('Standard Profiles'!$G$18=$B$17,14,0)+IF('Standard Profiles'!$G$18=$B$24,21,0),MOD($C5289,24)+1)/SUM(INDEX($D$3:$AA$30,INDEX(Jesper!$R$2:$R$366,ROW(INDEX(Jesper!AH$2:AH$366,ROUNDDOWN($C5289/24,0)+1,1))-1)+IF('Standard Profiles'!$G$18=$B$10,7,0)+IF('Standard Profiles'!$G$18=$B$17,14,0)+IF('Standard Profiles'!$G$18=$B$24,21,0),0)),0)</f>
        <v>5.666860765441224</v>
      </c>
      <c r="E5289" cm="1">
        <f t="array" ref="E5289">IFERROR(INDEX(Jesper!AI$2:AI$366,ROUNDDOWN($C5289/24,0)+1,1)*INDEX($D$3:$AA$30,INDEX(Jesper!$R$2:$R$366,ROW(INDEX(Jesper!AI$2:AI$366,ROUNDDOWN($C5289/24,0)+1,1))-1)+IF('Standard Profiles'!$G$19=$B$10,7,0)+IF('Standard Profiles'!$G$19=$B$17,14,0)+IF('Standard Profiles'!$G$19=$B$24,21,0),MOD($C5289,24)+1)/SUM(INDEX($D$3:$AA$30,INDEX(Jesper!$R$2:$R$366,ROW(INDEX(Jesper!AI$2:AI$366,ROUNDDOWN($C5289/24,0)+1,1))-1)+IF('Standard Profiles'!$G$19=$B$10,7,0)+IF('Standard Profiles'!$G$19=$B$17,14,0)+IF('Standard Profiles'!$G$19=$B$24,21,0),0)),0)</f>
        <v>3.2970213777879538</v>
      </c>
      <c r="F5289" cm="1">
        <f t="array" ref="F5289">IFERROR(INDEX(Jesper!AJ$2:AJ$366,ROUNDDOWN($C5289/24,0)+1,1)*INDEX($D$3:$AA$30,INDEX(Jesper!$R$2:$R$366,ROW(INDEX(Jesper!AJ$2:AJ$366,ROUNDDOWN($C5289/24,0)+1,1))-1)+IF('Standard Profiles'!$G$20=$B$10,7,0)+IF('Standard Profiles'!$G$20=$B$17,14,0)+IF('Standard Profiles'!$G$20=$B$24,21,0),MOD($C5289,24)+1)/SUM(INDEX($D$3:$AA$30,INDEX(Jesper!$R$2:$R$366,ROW(INDEX(Jesper!AJ$2:AJ$366,ROUNDDOWN($C5289/24,0)+1,1))-1)+IF('Standard Profiles'!$G$20=$B$10,7,0)+IF('Standard Profiles'!$G$20=$B$17,14,0)+IF('Standard Profiles'!$G$20=$B$24,21,0),0)),0)</f>
        <v>0</v>
      </c>
      <c r="G5289" cm="1">
        <f t="array" ref="G5289">IFERROR(INDEX(Jesper!AK$2:AK$366,ROUNDDOWN($C5289/24,0)+1,1)*INDEX($D$3:$AA$30,INDEX(Jesper!$R$2:$R$366,ROW(INDEX(Jesper!AK$2:AK$366,ROUNDDOWN($C5289/24,0)+1,1))-1)+IF('Standard Profiles'!$G$21=$B$10,7,0)+IF('Standard Profiles'!$G$21=$B$17,14,0)+IF('Standard Profiles'!$G$21=$B$24,21,0),MOD($C5289,24)+1)/SUM(INDEX($D$3:$AA$30,INDEX(Jesper!$R$2:$R$366,ROW(INDEX(Jesper!AK$2:AK$366,ROUNDDOWN($C5289/24,0)+1,1))-1)+IF('Standard Profiles'!$G$21=$B$10,7,0)+IF('Standard Profiles'!$G$21=$B$17,14,0)+IF('Standard Profiles'!$G$21=$B$24,21,0),0)),0)</f>
        <v>0.9693444835800028</v>
      </c>
      <c r="H5289" cm="1">
        <f t="array" ref="H5289">IFERROR(INDEX(Jesper!AL$2:AL$366,ROUNDDOWN($C5289/24,0)+1,1)*INDEX($D$3:$AA$30,INDEX(Jesper!$R$2:$R$366,ROW(INDEX(Jesper!AL$2:AL$366,ROUNDDOWN($C5289/24,0)+1,1))-1)+IF('Standard Profiles'!$G$22=$B$10,7,0)+IF('Standard Profiles'!$G$22=$B$17,14,0)+IF('Standard Profiles'!$G$22=$B$24,21,0),MOD($C5289,24)+1)/SUM(INDEX($D$3:$AA$30,INDEX(Jesper!$R$2:$R$366,ROW(INDEX(Jesper!AL$2:AL$366,ROUNDDOWN($C5289/24,0)+1,1))-1)+IF('Standard Profiles'!$G$22=$B$10,7,0)+IF('Standard Profiles'!$G$22=$B$17,14,0)+IF('Standard Profiles'!$G$22=$B$24,21,0),0)),0)</f>
        <v>0</v>
      </c>
      <c r="I5289">
        <f t="shared" si="594"/>
        <v>0.46528535211840111</v>
      </c>
      <c r="J5289">
        <f t="shared" si="595"/>
        <v>8.5612435522201835</v>
      </c>
      <c r="K5289">
        <f t="shared" si="596"/>
        <v>0.60446514831373055</v>
      </c>
      <c r="L5289">
        <f t="shared" si="597"/>
        <v>0.30223257415686527</v>
      </c>
      <c r="M5289">
        <f t="shared" si="598"/>
        <v>0</v>
      </c>
      <c r="N5289" s="45">
        <f t="shared" si="599"/>
        <v>45145.958333320588</v>
      </c>
    </row>
    <row r="5290" spans="2:14" x14ac:dyDescent="0.25">
      <c r="B5290">
        <f t="shared" si="593"/>
        <v>2</v>
      </c>
      <c r="C5290" s="16">
        <v>5256</v>
      </c>
      <c r="D5290" cm="1">
        <f t="array" ref="D5290">IFERROR(INDEX(Jesper!AH$2:AH$366,ROUNDDOWN($C5290/24,0)+1,1)*INDEX($D$3:$AA$30,INDEX(Jesper!$R$2:$R$366,ROW(INDEX(Jesper!AH$2:AH$366,ROUNDDOWN($C5290/24,0)+1,1))-1)+IF('Standard Profiles'!$G$18=$B$10,7,0)+IF('Standard Profiles'!$G$18=$B$17,14,0)+IF('Standard Profiles'!$G$18=$B$24,21,0),MOD($C5290,24)+1)/SUM(INDEX($D$3:$AA$30,INDEX(Jesper!$R$2:$R$366,ROW(INDEX(Jesper!AH$2:AH$366,ROUNDDOWN($C5290/24,0)+1,1))-1)+IF('Standard Profiles'!$G$18=$B$10,7,0)+IF('Standard Profiles'!$G$18=$B$17,14,0)+IF('Standard Profiles'!$G$18=$B$24,21,0),0)),0)</f>
        <v>3.5097529130843417</v>
      </c>
      <c r="E5290" cm="1">
        <f t="array" ref="E5290">IFERROR(INDEX(Jesper!AI$2:AI$366,ROUNDDOWN($C5290/24,0)+1,1)*INDEX($D$3:$AA$30,INDEX(Jesper!$R$2:$R$366,ROW(INDEX(Jesper!AI$2:AI$366,ROUNDDOWN($C5290/24,0)+1,1))-1)+IF('Standard Profiles'!$G$19=$B$10,7,0)+IF('Standard Profiles'!$G$19=$B$17,14,0)+IF('Standard Profiles'!$G$19=$B$24,21,0),MOD($C5290,24)+1)/SUM(INDEX($D$3:$AA$30,INDEX(Jesper!$R$2:$R$366,ROW(INDEX(Jesper!AI$2:AI$366,ROUNDDOWN($C5290/24,0)+1,1))-1)+IF('Standard Profiles'!$G$19=$B$10,7,0)+IF('Standard Profiles'!$G$19=$B$17,14,0)+IF('Standard Profiles'!$G$19=$B$24,21,0),0)),0)</f>
        <v>1.6025695398600142</v>
      </c>
      <c r="F5290" cm="1">
        <f t="array" ref="F5290">IFERROR(INDEX(Jesper!AJ$2:AJ$366,ROUNDDOWN($C5290/24,0)+1,1)*INDEX($D$3:$AA$30,INDEX(Jesper!$R$2:$R$366,ROW(INDEX(Jesper!AJ$2:AJ$366,ROUNDDOWN($C5290/24,0)+1,1))-1)+IF('Standard Profiles'!$G$20=$B$10,7,0)+IF('Standard Profiles'!$G$20=$B$17,14,0)+IF('Standard Profiles'!$G$20=$B$24,21,0),MOD($C5290,24)+1)/SUM(INDEX($D$3:$AA$30,INDEX(Jesper!$R$2:$R$366,ROW(INDEX(Jesper!AJ$2:AJ$366,ROUNDDOWN($C5290/24,0)+1,1))-1)+IF('Standard Profiles'!$G$20=$B$10,7,0)+IF('Standard Profiles'!$G$20=$B$17,14,0)+IF('Standard Profiles'!$G$20=$B$24,21,0),0)),0)</f>
        <v>0</v>
      </c>
      <c r="G5290" cm="1">
        <f t="array" ref="G5290">IFERROR(INDEX(Jesper!AK$2:AK$366,ROUNDDOWN($C5290/24,0)+1,1)*INDEX($D$3:$AA$30,INDEX(Jesper!$R$2:$R$366,ROW(INDEX(Jesper!AK$2:AK$366,ROUNDDOWN($C5290/24,0)+1,1))-1)+IF('Standard Profiles'!$G$21=$B$10,7,0)+IF('Standard Profiles'!$G$21=$B$17,14,0)+IF('Standard Profiles'!$G$21=$B$24,21,0),MOD($C5290,24)+1)/SUM(INDEX($D$3:$AA$30,INDEX(Jesper!$R$2:$R$366,ROW(INDEX(Jesper!AK$2:AK$366,ROUNDDOWN($C5290/24,0)+1,1))-1)+IF('Standard Profiles'!$G$21=$B$10,7,0)+IF('Standard Profiles'!$G$21=$B$17,14,0)+IF('Standard Profiles'!$G$21=$B$24,21,0),0)),0)</f>
        <v>0.52092992216556655</v>
      </c>
      <c r="H5290" cm="1">
        <f t="array" ref="H5290">IFERROR(INDEX(Jesper!AL$2:AL$366,ROUNDDOWN($C5290/24,0)+1,1)*INDEX($D$3:$AA$30,INDEX(Jesper!$R$2:$R$366,ROW(INDEX(Jesper!AL$2:AL$366,ROUNDDOWN($C5290/24,0)+1,1))-1)+IF('Standard Profiles'!$G$22=$B$10,7,0)+IF('Standard Profiles'!$G$22=$B$17,14,0)+IF('Standard Profiles'!$G$22=$B$24,21,0),MOD($C5290,24)+1)/SUM(INDEX($D$3:$AA$30,INDEX(Jesper!$R$2:$R$366,ROW(INDEX(Jesper!AL$2:AL$366,ROUNDDOWN($C5290/24,0)+1,1))-1)+IF('Standard Profiles'!$G$22=$B$10,7,0)+IF('Standard Profiles'!$G$22=$B$17,14,0)+IF('Standard Profiles'!$G$22=$B$24,21,0),0)),0)</f>
        <v>0</v>
      </c>
      <c r="I5290">
        <f t="shared" si="594"/>
        <v>0.25004636263947183</v>
      </c>
      <c r="J5290">
        <f t="shared" si="595"/>
        <v>4.8216455463769554</v>
      </c>
      <c r="K5290">
        <f t="shared" si="596"/>
        <v>0.37437364406232981</v>
      </c>
      <c r="L5290">
        <f t="shared" si="597"/>
        <v>0.18718682203116491</v>
      </c>
      <c r="M5290">
        <f t="shared" si="598"/>
        <v>0</v>
      </c>
      <c r="N5290" s="45">
        <f t="shared" si="599"/>
        <v>45145.999999987253</v>
      </c>
    </row>
    <row r="5291" spans="2:14" x14ac:dyDescent="0.25">
      <c r="B5291">
        <f t="shared" si="593"/>
        <v>2</v>
      </c>
      <c r="C5291" s="16">
        <v>5257</v>
      </c>
      <c r="D5291" cm="1">
        <f t="array" ref="D5291">IFERROR(INDEX(Jesper!AH$2:AH$366,ROUNDDOWN($C5291/24,0)+1,1)*INDEX($D$3:$AA$30,INDEX(Jesper!$R$2:$R$366,ROW(INDEX(Jesper!AH$2:AH$366,ROUNDDOWN($C5291/24,0)+1,1))-1)+IF('Standard Profiles'!$G$18=$B$10,7,0)+IF('Standard Profiles'!$G$18=$B$17,14,0)+IF('Standard Profiles'!$G$18=$B$24,21,0),MOD($C5291,24)+1)/SUM(INDEX($D$3:$AA$30,INDEX(Jesper!$R$2:$R$366,ROW(INDEX(Jesper!AH$2:AH$366,ROUNDDOWN($C5291/24,0)+1,1))-1)+IF('Standard Profiles'!$G$18=$B$10,7,0)+IF('Standard Profiles'!$G$18=$B$17,14,0)+IF('Standard Profiles'!$G$18=$B$24,21,0),0)),0)</f>
        <v>5.3481949151761397</v>
      </c>
      <c r="E5291" cm="1">
        <f t="array" ref="E5291">IFERROR(INDEX(Jesper!AI$2:AI$366,ROUNDDOWN($C5291/24,0)+1,1)*INDEX($D$3:$AA$30,INDEX(Jesper!$R$2:$R$366,ROW(INDEX(Jesper!AI$2:AI$366,ROUNDDOWN($C5291/24,0)+1,1))-1)+IF('Standard Profiles'!$G$19=$B$10,7,0)+IF('Standard Profiles'!$G$19=$B$17,14,0)+IF('Standard Profiles'!$G$19=$B$24,21,0),MOD($C5291,24)+1)/SUM(INDEX($D$3:$AA$30,INDEX(Jesper!$R$2:$R$366,ROW(INDEX(Jesper!AI$2:AI$366,ROUNDDOWN($C5291/24,0)+1,1))-1)+IF('Standard Profiles'!$G$19=$B$10,7,0)+IF('Standard Profiles'!$G$19=$B$17,14,0)+IF('Standard Profiles'!$G$19=$B$24,21,0),0)),0)</f>
        <v>2.4420107274057359</v>
      </c>
      <c r="F5291" cm="1">
        <f t="array" ref="F5291">IFERROR(INDEX(Jesper!AJ$2:AJ$366,ROUNDDOWN($C5291/24,0)+1,1)*INDEX($D$3:$AA$30,INDEX(Jesper!$R$2:$R$366,ROW(INDEX(Jesper!AJ$2:AJ$366,ROUNDDOWN($C5291/24,0)+1,1))-1)+IF('Standard Profiles'!$G$20=$B$10,7,0)+IF('Standard Profiles'!$G$20=$B$17,14,0)+IF('Standard Profiles'!$G$20=$B$24,21,0),MOD($C5291,24)+1)/SUM(INDEX($D$3:$AA$30,INDEX(Jesper!$R$2:$R$366,ROW(INDEX(Jesper!AJ$2:AJ$366,ROUNDDOWN($C5291/24,0)+1,1))-1)+IF('Standard Profiles'!$G$20=$B$10,7,0)+IF('Standard Profiles'!$G$20=$B$17,14,0)+IF('Standard Profiles'!$G$20=$B$24,21,0),0)),0)</f>
        <v>0</v>
      </c>
      <c r="G5291" cm="1">
        <f t="array" ref="G5291">IFERROR(INDEX(Jesper!AK$2:AK$366,ROUNDDOWN($C5291/24,0)+1,1)*INDEX($D$3:$AA$30,INDEX(Jesper!$R$2:$R$366,ROW(INDEX(Jesper!AK$2:AK$366,ROUNDDOWN($C5291/24,0)+1,1))-1)+IF('Standard Profiles'!$G$21=$B$10,7,0)+IF('Standard Profiles'!$G$21=$B$17,14,0)+IF('Standard Profiles'!$G$21=$B$24,21,0),MOD($C5291,24)+1)/SUM(INDEX($D$3:$AA$30,INDEX(Jesper!$R$2:$R$366,ROW(INDEX(Jesper!AK$2:AK$366,ROUNDDOWN($C5291/24,0)+1,1))-1)+IF('Standard Profiles'!$G$21=$B$10,7,0)+IF('Standard Profiles'!$G$21=$B$17,14,0)+IF('Standard Profiles'!$G$21=$B$24,21,0),0)),0)</f>
        <v>0.52092992216556655</v>
      </c>
      <c r="H5291" cm="1">
        <f t="array" ref="H5291">IFERROR(INDEX(Jesper!AL$2:AL$366,ROUNDDOWN($C5291/24,0)+1,1)*INDEX($D$3:$AA$30,INDEX(Jesper!$R$2:$R$366,ROW(INDEX(Jesper!AL$2:AL$366,ROUNDDOWN($C5291/24,0)+1,1))-1)+IF('Standard Profiles'!$G$22=$B$10,7,0)+IF('Standard Profiles'!$G$22=$B$17,14,0)+IF('Standard Profiles'!$G$22=$B$24,21,0),MOD($C5291,24)+1)/SUM(INDEX($D$3:$AA$30,INDEX(Jesper!$R$2:$R$366,ROW(INDEX(Jesper!AL$2:AL$366,ROUNDDOWN($C5291/24,0)+1,1))-1)+IF('Standard Profiles'!$G$22=$B$10,7,0)+IF('Standard Profiles'!$G$22=$B$17,14,0)+IF('Standard Profiles'!$G$22=$B$24,21,0),0)),0)</f>
        <v>0</v>
      </c>
      <c r="I5291">
        <f t="shared" si="594"/>
        <v>0.25004636263947183</v>
      </c>
      <c r="J5291">
        <f t="shared" si="595"/>
        <v>7.2053780156797878</v>
      </c>
      <c r="K5291">
        <f t="shared" si="596"/>
        <v>0.57047412428545496</v>
      </c>
      <c r="L5291">
        <f t="shared" si="597"/>
        <v>0.28523706214272748</v>
      </c>
      <c r="M5291">
        <f t="shared" si="598"/>
        <v>0</v>
      </c>
      <c r="N5291" s="45">
        <f t="shared" si="599"/>
        <v>45146.041666653917</v>
      </c>
    </row>
    <row r="5292" spans="2:14" x14ac:dyDescent="0.25">
      <c r="B5292">
        <f t="shared" si="593"/>
        <v>2</v>
      </c>
      <c r="C5292" s="16">
        <v>5258</v>
      </c>
      <c r="D5292" cm="1">
        <f t="array" ref="D5292">IFERROR(INDEX(Jesper!AH$2:AH$366,ROUNDDOWN($C5292/24,0)+1,1)*INDEX($D$3:$AA$30,INDEX(Jesper!$R$2:$R$366,ROW(INDEX(Jesper!AH$2:AH$366,ROUNDDOWN($C5292/24,0)+1,1))-1)+IF('Standard Profiles'!$G$18=$B$10,7,0)+IF('Standard Profiles'!$G$18=$B$17,14,0)+IF('Standard Profiles'!$G$18=$B$24,21,0),MOD($C5292,24)+1)/SUM(INDEX($D$3:$AA$30,INDEX(Jesper!$R$2:$R$366,ROW(INDEX(Jesper!AH$2:AH$366,ROUNDDOWN($C5292/24,0)+1,1))-1)+IF('Standard Profiles'!$G$18=$B$10,7,0)+IF('Standard Profiles'!$G$18=$B$17,14,0)+IF('Standard Profiles'!$G$18=$B$24,21,0),0)),0)</f>
        <v>5.3481949151761397</v>
      </c>
      <c r="E5292" cm="1">
        <f t="array" ref="E5292">IFERROR(INDEX(Jesper!AI$2:AI$366,ROUNDDOWN($C5292/24,0)+1,1)*INDEX($D$3:$AA$30,INDEX(Jesper!$R$2:$R$366,ROW(INDEX(Jesper!AI$2:AI$366,ROUNDDOWN($C5292/24,0)+1,1))-1)+IF('Standard Profiles'!$G$19=$B$10,7,0)+IF('Standard Profiles'!$G$19=$B$17,14,0)+IF('Standard Profiles'!$G$19=$B$24,21,0),MOD($C5292,24)+1)/SUM(INDEX($D$3:$AA$30,INDEX(Jesper!$R$2:$R$366,ROW(INDEX(Jesper!AI$2:AI$366,ROUNDDOWN($C5292/24,0)+1,1))-1)+IF('Standard Profiles'!$G$19=$B$10,7,0)+IF('Standard Profiles'!$G$19=$B$17,14,0)+IF('Standard Profiles'!$G$19=$B$24,21,0),0)),0)</f>
        <v>2.4420107274057359</v>
      </c>
      <c r="F5292" cm="1">
        <f t="array" ref="F5292">IFERROR(INDEX(Jesper!AJ$2:AJ$366,ROUNDDOWN($C5292/24,0)+1,1)*INDEX($D$3:$AA$30,INDEX(Jesper!$R$2:$R$366,ROW(INDEX(Jesper!AJ$2:AJ$366,ROUNDDOWN($C5292/24,0)+1,1))-1)+IF('Standard Profiles'!$G$20=$B$10,7,0)+IF('Standard Profiles'!$G$20=$B$17,14,0)+IF('Standard Profiles'!$G$20=$B$24,21,0),MOD($C5292,24)+1)/SUM(INDEX($D$3:$AA$30,INDEX(Jesper!$R$2:$R$366,ROW(INDEX(Jesper!AJ$2:AJ$366,ROUNDDOWN($C5292/24,0)+1,1))-1)+IF('Standard Profiles'!$G$20=$B$10,7,0)+IF('Standard Profiles'!$G$20=$B$17,14,0)+IF('Standard Profiles'!$G$20=$B$24,21,0),0)),0)</f>
        <v>0</v>
      </c>
      <c r="G5292" cm="1">
        <f t="array" ref="G5292">IFERROR(INDEX(Jesper!AK$2:AK$366,ROUNDDOWN($C5292/24,0)+1,1)*INDEX($D$3:$AA$30,INDEX(Jesper!$R$2:$R$366,ROW(INDEX(Jesper!AK$2:AK$366,ROUNDDOWN($C5292/24,0)+1,1))-1)+IF('Standard Profiles'!$G$21=$B$10,7,0)+IF('Standard Profiles'!$G$21=$B$17,14,0)+IF('Standard Profiles'!$G$21=$B$24,21,0),MOD($C5292,24)+1)/SUM(INDEX($D$3:$AA$30,INDEX(Jesper!$R$2:$R$366,ROW(INDEX(Jesper!AK$2:AK$366,ROUNDDOWN($C5292/24,0)+1,1))-1)+IF('Standard Profiles'!$G$21=$B$10,7,0)+IF('Standard Profiles'!$G$21=$B$17,14,0)+IF('Standard Profiles'!$G$21=$B$24,21,0),0)),0)</f>
        <v>0.52092992216556655</v>
      </c>
      <c r="H5292" cm="1">
        <f t="array" ref="H5292">IFERROR(INDEX(Jesper!AL$2:AL$366,ROUNDDOWN($C5292/24,0)+1,1)*INDEX($D$3:$AA$30,INDEX(Jesper!$R$2:$R$366,ROW(INDEX(Jesper!AL$2:AL$366,ROUNDDOWN($C5292/24,0)+1,1))-1)+IF('Standard Profiles'!$G$22=$B$10,7,0)+IF('Standard Profiles'!$G$22=$B$17,14,0)+IF('Standard Profiles'!$G$22=$B$24,21,0),MOD($C5292,24)+1)/SUM(INDEX($D$3:$AA$30,INDEX(Jesper!$R$2:$R$366,ROW(INDEX(Jesper!AL$2:AL$366,ROUNDDOWN($C5292/24,0)+1,1))-1)+IF('Standard Profiles'!$G$22=$B$10,7,0)+IF('Standard Profiles'!$G$22=$B$17,14,0)+IF('Standard Profiles'!$G$22=$B$24,21,0),0)),0)</f>
        <v>0</v>
      </c>
      <c r="I5292">
        <f t="shared" si="594"/>
        <v>0.25004636263947183</v>
      </c>
      <c r="J5292">
        <f t="shared" si="595"/>
        <v>7.2053780156797878</v>
      </c>
      <c r="K5292">
        <f t="shared" si="596"/>
        <v>0.57047412428545496</v>
      </c>
      <c r="L5292">
        <f t="shared" si="597"/>
        <v>0.28523706214272748</v>
      </c>
      <c r="M5292">
        <f t="shared" si="598"/>
        <v>0</v>
      </c>
      <c r="N5292" s="45">
        <f t="shared" si="599"/>
        <v>45146.083333320581</v>
      </c>
    </row>
    <row r="5293" spans="2:14" x14ac:dyDescent="0.25">
      <c r="B5293">
        <f t="shared" si="593"/>
        <v>2</v>
      </c>
      <c r="C5293" s="16">
        <v>5259</v>
      </c>
      <c r="D5293" cm="1">
        <f t="array" ref="D5293">IFERROR(INDEX(Jesper!AH$2:AH$366,ROUNDDOWN($C5293/24,0)+1,1)*INDEX($D$3:$AA$30,INDEX(Jesper!$R$2:$R$366,ROW(INDEX(Jesper!AH$2:AH$366,ROUNDDOWN($C5293/24,0)+1,1))-1)+IF('Standard Profiles'!$G$18=$B$10,7,0)+IF('Standard Profiles'!$G$18=$B$17,14,0)+IF('Standard Profiles'!$G$18=$B$24,21,0),MOD($C5293,24)+1)/SUM(INDEX($D$3:$AA$30,INDEX(Jesper!$R$2:$R$366,ROW(INDEX(Jesper!AH$2:AH$366,ROUNDDOWN($C5293/24,0)+1,1))-1)+IF('Standard Profiles'!$G$18=$B$10,7,0)+IF('Standard Profiles'!$G$18=$B$17,14,0)+IF('Standard Profiles'!$G$18=$B$24,21,0),0)),0)</f>
        <v>5.3481949151761397</v>
      </c>
      <c r="E5293" cm="1">
        <f t="array" ref="E5293">IFERROR(INDEX(Jesper!AI$2:AI$366,ROUNDDOWN($C5293/24,0)+1,1)*INDEX($D$3:$AA$30,INDEX(Jesper!$R$2:$R$366,ROW(INDEX(Jesper!AI$2:AI$366,ROUNDDOWN($C5293/24,0)+1,1))-1)+IF('Standard Profiles'!$G$19=$B$10,7,0)+IF('Standard Profiles'!$G$19=$B$17,14,0)+IF('Standard Profiles'!$G$19=$B$24,21,0),MOD($C5293,24)+1)/SUM(INDEX($D$3:$AA$30,INDEX(Jesper!$R$2:$R$366,ROW(INDEX(Jesper!AI$2:AI$366,ROUNDDOWN($C5293/24,0)+1,1))-1)+IF('Standard Profiles'!$G$19=$B$10,7,0)+IF('Standard Profiles'!$G$19=$B$17,14,0)+IF('Standard Profiles'!$G$19=$B$24,21,0),0)),0)</f>
        <v>2.4420107274057359</v>
      </c>
      <c r="F5293" cm="1">
        <f t="array" ref="F5293">IFERROR(INDEX(Jesper!AJ$2:AJ$366,ROUNDDOWN($C5293/24,0)+1,1)*INDEX($D$3:$AA$30,INDEX(Jesper!$R$2:$R$366,ROW(INDEX(Jesper!AJ$2:AJ$366,ROUNDDOWN($C5293/24,0)+1,1))-1)+IF('Standard Profiles'!$G$20=$B$10,7,0)+IF('Standard Profiles'!$G$20=$B$17,14,0)+IF('Standard Profiles'!$G$20=$B$24,21,0),MOD($C5293,24)+1)/SUM(INDEX($D$3:$AA$30,INDEX(Jesper!$R$2:$R$366,ROW(INDEX(Jesper!AJ$2:AJ$366,ROUNDDOWN($C5293/24,0)+1,1))-1)+IF('Standard Profiles'!$G$20=$B$10,7,0)+IF('Standard Profiles'!$G$20=$B$17,14,0)+IF('Standard Profiles'!$G$20=$B$24,21,0),0)),0)</f>
        <v>0</v>
      </c>
      <c r="G5293" cm="1">
        <f t="array" ref="G5293">IFERROR(INDEX(Jesper!AK$2:AK$366,ROUNDDOWN($C5293/24,0)+1,1)*INDEX($D$3:$AA$30,INDEX(Jesper!$R$2:$R$366,ROW(INDEX(Jesper!AK$2:AK$366,ROUNDDOWN($C5293/24,0)+1,1))-1)+IF('Standard Profiles'!$G$21=$B$10,7,0)+IF('Standard Profiles'!$G$21=$B$17,14,0)+IF('Standard Profiles'!$G$21=$B$24,21,0),MOD($C5293,24)+1)/SUM(INDEX($D$3:$AA$30,INDEX(Jesper!$R$2:$R$366,ROW(INDEX(Jesper!AK$2:AK$366,ROUNDDOWN($C5293/24,0)+1,1))-1)+IF('Standard Profiles'!$G$21=$B$10,7,0)+IF('Standard Profiles'!$G$21=$B$17,14,0)+IF('Standard Profiles'!$G$21=$B$24,21,0),0)),0)</f>
        <v>0.52092992216556655</v>
      </c>
      <c r="H5293" cm="1">
        <f t="array" ref="H5293">IFERROR(INDEX(Jesper!AL$2:AL$366,ROUNDDOWN($C5293/24,0)+1,1)*INDEX($D$3:$AA$30,INDEX(Jesper!$R$2:$R$366,ROW(INDEX(Jesper!AL$2:AL$366,ROUNDDOWN($C5293/24,0)+1,1))-1)+IF('Standard Profiles'!$G$22=$B$10,7,0)+IF('Standard Profiles'!$G$22=$B$17,14,0)+IF('Standard Profiles'!$G$22=$B$24,21,0),MOD($C5293,24)+1)/SUM(INDEX($D$3:$AA$30,INDEX(Jesper!$R$2:$R$366,ROW(INDEX(Jesper!AL$2:AL$366,ROUNDDOWN($C5293/24,0)+1,1))-1)+IF('Standard Profiles'!$G$22=$B$10,7,0)+IF('Standard Profiles'!$G$22=$B$17,14,0)+IF('Standard Profiles'!$G$22=$B$24,21,0),0)),0)</f>
        <v>0</v>
      </c>
      <c r="I5293">
        <f t="shared" si="594"/>
        <v>0.25004636263947183</v>
      </c>
      <c r="J5293">
        <f t="shared" si="595"/>
        <v>7.2053780156797878</v>
      </c>
      <c r="K5293">
        <f t="shared" si="596"/>
        <v>0.57047412428545496</v>
      </c>
      <c r="L5293">
        <f t="shared" si="597"/>
        <v>0.28523706214272748</v>
      </c>
      <c r="M5293">
        <f t="shared" si="598"/>
        <v>0</v>
      </c>
      <c r="N5293" s="45">
        <f t="shared" si="599"/>
        <v>45146.124999987245</v>
      </c>
    </row>
    <row r="5294" spans="2:14" x14ac:dyDescent="0.25">
      <c r="B5294">
        <f t="shared" si="593"/>
        <v>2</v>
      </c>
      <c r="C5294" s="16">
        <v>5260</v>
      </c>
      <c r="D5294" cm="1">
        <f t="array" ref="D5294">IFERROR(INDEX(Jesper!AH$2:AH$366,ROUNDDOWN($C5294/24,0)+1,1)*INDEX($D$3:$AA$30,INDEX(Jesper!$R$2:$R$366,ROW(INDEX(Jesper!AH$2:AH$366,ROUNDDOWN($C5294/24,0)+1,1))-1)+IF('Standard Profiles'!$G$18=$B$10,7,0)+IF('Standard Profiles'!$G$18=$B$17,14,0)+IF('Standard Profiles'!$G$18=$B$24,21,0),MOD($C5294,24)+1)/SUM(INDEX($D$3:$AA$30,INDEX(Jesper!$R$2:$R$366,ROW(INDEX(Jesper!AH$2:AH$366,ROUNDDOWN($C5294/24,0)+1,1))-1)+IF('Standard Profiles'!$G$18=$B$10,7,0)+IF('Standard Profiles'!$G$18=$B$17,14,0)+IF('Standard Profiles'!$G$18=$B$24,21,0),0)),0)</f>
        <v>5.3481949151761397</v>
      </c>
      <c r="E5294" cm="1">
        <f t="array" ref="E5294">IFERROR(INDEX(Jesper!AI$2:AI$366,ROUNDDOWN($C5294/24,0)+1,1)*INDEX($D$3:$AA$30,INDEX(Jesper!$R$2:$R$366,ROW(INDEX(Jesper!AI$2:AI$366,ROUNDDOWN($C5294/24,0)+1,1))-1)+IF('Standard Profiles'!$G$19=$B$10,7,0)+IF('Standard Profiles'!$G$19=$B$17,14,0)+IF('Standard Profiles'!$G$19=$B$24,21,0),MOD($C5294,24)+1)/SUM(INDEX($D$3:$AA$30,INDEX(Jesper!$R$2:$R$366,ROW(INDEX(Jesper!AI$2:AI$366,ROUNDDOWN($C5294/24,0)+1,1))-1)+IF('Standard Profiles'!$G$19=$B$10,7,0)+IF('Standard Profiles'!$G$19=$B$17,14,0)+IF('Standard Profiles'!$G$19=$B$24,21,0),0)),0)</f>
        <v>2.4420107274057359</v>
      </c>
      <c r="F5294" cm="1">
        <f t="array" ref="F5294">IFERROR(INDEX(Jesper!AJ$2:AJ$366,ROUNDDOWN($C5294/24,0)+1,1)*INDEX($D$3:$AA$30,INDEX(Jesper!$R$2:$R$366,ROW(INDEX(Jesper!AJ$2:AJ$366,ROUNDDOWN($C5294/24,0)+1,1))-1)+IF('Standard Profiles'!$G$20=$B$10,7,0)+IF('Standard Profiles'!$G$20=$B$17,14,0)+IF('Standard Profiles'!$G$20=$B$24,21,0),MOD($C5294,24)+1)/SUM(INDEX($D$3:$AA$30,INDEX(Jesper!$R$2:$R$366,ROW(INDEX(Jesper!AJ$2:AJ$366,ROUNDDOWN($C5294/24,0)+1,1))-1)+IF('Standard Profiles'!$G$20=$B$10,7,0)+IF('Standard Profiles'!$G$20=$B$17,14,0)+IF('Standard Profiles'!$G$20=$B$24,21,0),0)),0)</f>
        <v>0</v>
      </c>
      <c r="G5294" cm="1">
        <f t="array" ref="G5294">IFERROR(INDEX(Jesper!AK$2:AK$366,ROUNDDOWN($C5294/24,0)+1,1)*INDEX($D$3:$AA$30,INDEX(Jesper!$R$2:$R$366,ROW(INDEX(Jesper!AK$2:AK$366,ROUNDDOWN($C5294/24,0)+1,1))-1)+IF('Standard Profiles'!$G$21=$B$10,7,0)+IF('Standard Profiles'!$G$21=$B$17,14,0)+IF('Standard Profiles'!$G$21=$B$24,21,0),MOD($C5294,24)+1)/SUM(INDEX($D$3:$AA$30,INDEX(Jesper!$R$2:$R$366,ROW(INDEX(Jesper!AK$2:AK$366,ROUNDDOWN($C5294/24,0)+1,1))-1)+IF('Standard Profiles'!$G$21=$B$10,7,0)+IF('Standard Profiles'!$G$21=$B$17,14,0)+IF('Standard Profiles'!$G$21=$B$24,21,0),0)),0)</f>
        <v>0.52092992216556655</v>
      </c>
      <c r="H5294" cm="1">
        <f t="array" ref="H5294">IFERROR(INDEX(Jesper!AL$2:AL$366,ROUNDDOWN($C5294/24,0)+1,1)*INDEX($D$3:$AA$30,INDEX(Jesper!$R$2:$R$366,ROW(INDEX(Jesper!AL$2:AL$366,ROUNDDOWN($C5294/24,0)+1,1))-1)+IF('Standard Profiles'!$G$22=$B$10,7,0)+IF('Standard Profiles'!$G$22=$B$17,14,0)+IF('Standard Profiles'!$G$22=$B$24,21,0),MOD($C5294,24)+1)/SUM(INDEX($D$3:$AA$30,INDEX(Jesper!$R$2:$R$366,ROW(INDEX(Jesper!AL$2:AL$366,ROUNDDOWN($C5294/24,0)+1,1))-1)+IF('Standard Profiles'!$G$22=$B$10,7,0)+IF('Standard Profiles'!$G$22=$B$17,14,0)+IF('Standard Profiles'!$G$22=$B$24,21,0),0)),0)</f>
        <v>0</v>
      </c>
      <c r="I5294">
        <f t="shared" si="594"/>
        <v>0.25004636263947183</v>
      </c>
      <c r="J5294">
        <f t="shared" si="595"/>
        <v>7.2053780156797878</v>
      </c>
      <c r="K5294">
        <f t="shared" si="596"/>
        <v>0.57047412428545496</v>
      </c>
      <c r="L5294">
        <f t="shared" si="597"/>
        <v>0.28523706214272748</v>
      </c>
      <c r="M5294">
        <f t="shared" si="598"/>
        <v>0</v>
      </c>
      <c r="N5294" s="45">
        <f t="shared" si="599"/>
        <v>45146.166666653909</v>
      </c>
    </row>
    <row r="5295" spans="2:14" x14ac:dyDescent="0.25">
      <c r="B5295">
        <f t="shared" si="593"/>
        <v>2</v>
      </c>
      <c r="C5295" s="16">
        <v>5261</v>
      </c>
      <c r="D5295" cm="1">
        <f t="array" ref="D5295">IFERROR(INDEX(Jesper!AH$2:AH$366,ROUNDDOWN($C5295/24,0)+1,1)*INDEX($D$3:$AA$30,INDEX(Jesper!$R$2:$R$366,ROW(INDEX(Jesper!AH$2:AH$366,ROUNDDOWN($C5295/24,0)+1,1))-1)+IF('Standard Profiles'!$G$18=$B$10,7,0)+IF('Standard Profiles'!$G$18=$B$17,14,0)+IF('Standard Profiles'!$G$18=$B$24,21,0),MOD($C5295,24)+1)/SUM(INDEX($D$3:$AA$30,INDEX(Jesper!$R$2:$R$366,ROW(INDEX(Jesper!AH$2:AH$366,ROUNDDOWN($C5295/24,0)+1,1))-1)+IF('Standard Profiles'!$G$18=$B$10,7,0)+IF('Standard Profiles'!$G$18=$B$17,14,0)+IF('Standard Profiles'!$G$18=$B$24,21,0),0)),0)</f>
        <v>5.3481949151761397</v>
      </c>
      <c r="E5295" cm="1">
        <f t="array" ref="E5295">IFERROR(INDEX(Jesper!AI$2:AI$366,ROUNDDOWN($C5295/24,0)+1,1)*INDEX($D$3:$AA$30,INDEX(Jesper!$R$2:$R$366,ROW(INDEX(Jesper!AI$2:AI$366,ROUNDDOWN($C5295/24,0)+1,1))-1)+IF('Standard Profiles'!$G$19=$B$10,7,0)+IF('Standard Profiles'!$G$19=$B$17,14,0)+IF('Standard Profiles'!$G$19=$B$24,21,0),MOD($C5295,24)+1)/SUM(INDEX($D$3:$AA$30,INDEX(Jesper!$R$2:$R$366,ROW(INDEX(Jesper!AI$2:AI$366,ROUNDDOWN($C5295/24,0)+1,1))-1)+IF('Standard Profiles'!$G$19=$B$10,7,0)+IF('Standard Profiles'!$G$19=$B$17,14,0)+IF('Standard Profiles'!$G$19=$B$24,21,0),0)),0)</f>
        <v>2.4420107274057359</v>
      </c>
      <c r="F5295" cm="1">
        <f t="array" ref="F5295">IFERROR(INDEX(Jesper!AJ$2:AJ$366,ROUNDDOWN($C5295/24,0)+1,1)*INDEX($D$3:$AA$30,INDEX(Jesper!$R$2:$R$366,ROW(INDEX(Jesper!AJ$2:AJ$366,ROUNDDOWN($C5295/24,0)+1,1))-1)+IF('Standard Profiles'!$G$20=$B$10,7,0)+IF('Standard Profiles'!$G$20=$B$17,14,0)+IF('Standard Profiles'!$G$20=$B$24,21,0),MOD($C5295,24)+1)/SUM(INDEX($D$3:$AA$30,INDEX(Jesper!$R$2:$R$366,ROW(INDEX(Jesper!AJ$2:AJ$366,ROUNDDOWN($C5295/24,0)+1,1))-1)+IF('Standard Profiles'!$G$20=$B$10,7,0)+IF('Standard Profiles'!$G$20=$B$17,14,0)+IF('Standard Profiles'!$G$20=$B$24,21,0),0)),0)</f>
        <v>0</v>
      </c>
      <c r="G5295" cm="1">
        <f t="array" ref="G5295">IFERROR(INDEX(Jesper!AK$2:AK$366,ROUNDDOWN($C5295/24,0)+1,1)*INDEX($D$3:$AA$30,INDEX(Jesper!$R$2:$R$366,ROW(INDEX(Jesper!AK$2:AK$366,ROUNDDOWN($C5295/24,0)+1,1))-1)+IF('Standard Profiles'!$G$21=$B$10,7,0)+IF('Standard Profiles'!$G$21=$B$17,14,0)+IF('Standard Profiles'!$G$21=$B$24,21,0),MOD($C5295,24)+1)/SUM(INDEX($D$3:$AA$30,INDEX(Jesper!$R$2:$R$366,ROW(INDEX(Jesper!AK$2:AK$366,ROUNDDOWN($C5295/24,0)+1,1))-1)+IF('Standard Profiles'!$G$21=$B$10,7,0)+IF('Standard Profiles'!$G$21=$B$17,14,0)+IF('Standard Profiles'!$G$21=$B$24,21,0),0)),0)</f>
        <v>0.52092992216556655</v>
      </c>
      <c r="H5295" cm="1">
        <f t="array" ref="H5295">IFERROR(INDEX(Jesper!AL$2:AL$366,ROUNDDOWN($C5295/24,0)+1,1)*INDEX($D$3:$AA$30,INDEX(Jesper!$R$2:$R$366,ROW(INDEX(Jesper!AL$2:AL$366,ROUNDDOWN($C5295/24,0)+1,1))-1)+IF('Standard Profiles'!$G$22=$B$10,7,0)+IF('Standard Profiles'!$G$22=$B$17,14,0)+IF('Standard Profiles'!$G$22=$B$24,21,0),MOD($C5295,24)+1)/SUM(INDEX($D$3:$AA$30,INDEX(Jesper!$R$2:$R$366,ROW(INDEX(Jesper!AL$2:AL$366,ROUNDDOWN($C5295/24,0)+1,1))-1)+IF('Standard Profiles'!$G$22=$B$10,7,0)+IF('Standard Profiles'!$G$22=$B$17,14,0)+IF('Standard Profiles'!$G$22=$B$24,21,0),0)),0)</f>
        <v>0</v>
      </c>
      <c r="I5295">
        <f t="shared" si="594"/>
        <v>0.25004636263947183</v>
      </c>
      <c r="J5295">
        <f t="shared" si="595"/>
        <v>7.2053780156797878</v>
      </c>
      <c r="K5295">
        <f t="shared" si="596"/>
        <v>0.57047412428545496</v>
      </c>
      <c r="L5295">
        <f t="shared" si="597"/>
        <v>0.28523706214272748</v>
      </c>
      <c r="M5295">
        <f t="shared" si="598"/>
        <v>0</v>
      </c>
      <c r="N5295" s="45">
        <f t="shared" si="599"/>
        <v>45146.208333320574</v>
      </c>
    </row>
    <row r="5296" spans="2:14" x14ac:dyDescent="0.25">
      <c r="B5296">
        <f t="shared" si="593"/>
        <v>2</v>
      </c>
      <c r="C5296" s="16">
        <v>5262</v>
      </c>
      <c r="D5296" cm="1">
        <f t="array" ref="D5296">IFERROR(INDEX(Jesper!AH$2:AH$366,ROUNDDOWN($C5296/24,0)+1,1)*INDEX($D$3:$AA$30,INDEX(Jesper!$R$2:$R$366,ROW(INDEX(Jesper!AH$2:AH$366,ROUNDDOWN($C5296/24,0)+1,1))-1)+IF('Standard Profiles'!$G$18=$B$10,7,0)+IF('Standard Profiles'!$G$18=$B$17,14,0)+IF('Standard Profiles'!$G$18=$B$24,21,0),MOD($C5296,24)+1)/SUM(INDEX($D$3:$AA$30,INDEX(Jesper!$R$2:$R$366,ROW(INDEX(Jesper!AH$2:AH$366,ROUNDDOWN($C5296/24,0)+1,1))-1)+IF('Standard Profiles'!$G$18=$B$10,7,0)+IF('Standard Profiles'!$G$18=$B$17,14,0)+IF('Standard Profiles'!$G$18=$B$24,21,0),0)),0)</f>
        <v>5.3481949151761397</v>
      </c>
      <c r="E5296" cm="1">
        <f t="array" ref="E5296">IFERROR(INDEX(Jesper!AI$2:AI$366,ROUNDDOWN($C5296/24,0)+1,1)*INDEX($D$3:$AA$30,INDEX(Jesper!$R$2:$R$366,ROW(INDEX(Jesper!AI$2:AI$366,ROUNDDOWN($C5296/24,0)+1,1))-1)+IF('Standard Profiles'!$G$19=$B$10,7,0)+IF('Standard Profiles'!$G$19=$B$17,14,0)+IF('Standard Profiles'!$G$19=$B$24,21,0),MOD($C5296,24)+1)/SUM(INDEX($D$3:$AA$30,INDEX(Jesper!$R$2:$R$366,ROW(INDEX(Jesper!AI$2:AI$366,ROUNDDOWN($C5296/24,0)+1,1))-1)+IF('Standard Profiles'!$G$19=$B$10,7,0)+IF('Standard Profiles'!$G$19=$B$17,14,0)+IF('Standard Profiles'!$G$19=$B$24,21,0),0)),0)</f>
        <v>2.4420107274057359</v>
      </c>
      <c r="F5296" cm="1">
        <f t="array" ref="F5296">IFERROR(INDEX(Jesper!AJ$2:AJ$366,ROUNDDOWN($C5296/24,0)+1,1)*INDEX($D$3:$AA$30,INDEX(Jesper!$R$2:$R$366,ROW(INDEX(Jesper!AJ$2:AJ$366,ROUNDDOWN($C5296/24,0)+1,1))-1)+IF('Standard Profiles'!$G$20=$B$10,7,0)+IF('Standard Profiles'!$G$20=$B$17,14,0)+IF('Standard Profiles'!$G$20=$B$24,21,0),MOD($C5296,24)+1)/SUM(INDEX($D$3:$AA$30,INDEX(Jesper!$R$2:$R$366,ROW(INDEX(Jesper!AJ$2:AJ$366,ROUNDDOWN($C5296/24,0)+1,1))-1)+IF('Standard Profiles'!$G$20=$B$10,7,0)+IF('Standard Profiles'!$G$20=$B$17,14,0)+IF('Standard Profiles'!$G$20=$B$24,21,0),0)),0)</f>
        <v>0</v>
      </c>
      <c r="G5296" cm="1">
        <f t="array" ref="G5296">IFERROR(INDEX(Jesper!AK$2:AK$366,ROUNDDOWN($C5296/24,0)+1,1)*INDEX($D$3:$AA$30,INDEX(Jesper!$R$2:$R$366,ROW(INDEX(Jesper!AK$2:AK$366,ROUNDDOWN($C5296/24,0)+1,1))-1)+IF('Standard Profiles'!$G$21=$B$10,7,0)+IF('Standard Profiles'!$G$21=$B$17,14,0)+IF('Standard Profiles'!$G$21=$B$24,21,0),MOD($C5296,24)+1)/SUM(INDEX($D$3:$AA$30,INDEX(Jesper!$R$2:$R$366,ROW(INDEX(Jesper!AK$2:AK$366,ROUNDDOWN($C5296/24,0)+1,1))-1)+IF('Standard Profiles'!$G$21=$B$10,7,0)+IF('Standard Profiles'!$G$21=$B$17,14,0)+IF('Standard Profiles'!$G$21=$B$24,21,0),0)),0)</f>
        <v>0.52092992216556655</v>
      </c>
      <c r="H5296" cm="1">
        <f t="array" ref="H5296">IFERROR(INDEX(Jesper!AL$2:AL$366,ROUNDDOWN($C5296/24,0)+1,1)*INDEX($D$3:$AA$30,INDEX(Jesper!$R$2:$R$366,ROW(INDEX(Jesper!AL$2:AL$366,ROUNDDOWN($C5296/24,0)+1,1))-1)+IF('Standard Profiles'!$G$22=$B$10,7,0)+IF('Standard Profiles'!$G$22=$B$17,14,0)+IF('Standard Profiles'!$G$22=$B$24,21,0),MOD($C5296,24)+1)/SUM(INDEX($D$3:$AA$30,INDEX(Jesper!$R$2:$R$366,ROW(INDEX(Jesper!AL$2:AL$366,ROUNDDOWN($C5296/24,0)+1,1))-1)+IF('Standard Profiles'!$G$22=$B$10,7,0)+IF('Standard Profiles'!$G$22=$B$17,14,0)+IF('Standard Profiles'!$G$22=$B$24,21,0),0)),0)</f>
        <v>0</v>
      </c>
      <c r="I5296">
        <f t="shared" si="594"/>
        <v>0.25004636263947183</v>
      </c>
      <c r="J5296">
        <f t="shared" si="595"/>
        <v>7.2053780156797878</v>
      </c>
      <c r="K5296">
        <f t="shared" si="596"/>
        <v>0.57047412428545496</v>
      </c>
      <c r="L5296">
        <f t="shared" si="597"/>
        <v>0.28523706214272748</v>
      </c>
      <c r="M5296">
        <f t="shared" si="598"/>
        <v>0</v>
      </c>
      <c r="N5296" s="45">
        <f t="shared" si="599"/>
        <v>45146.249999987238</v>
      </c>
    </row>
    <row r="5297" spans="2:14" x14ac:dyDescent="0.25">
      <c r="B5297">
        <f t="shared" si="593"/>
        <v>2</v>
      </c>
      <c r="C5297" s="16">
        <v>5263</v>
      </c>
      <c r="D5297" cm="1">
        <f t="array" ref="D5297">IFERROR(INDEX(Jesper!AH$2:AH$366,ROUNDDOWN($C5297/24,0)+1,1)*INDEX($D$3:$AA$30,INDEX(Jesper!$R$2:$R$366,ROW(INDEX(Jesper!AH$2:AH$366,ROUNDDOWN($C5297/24,0)+1,1))-1)+IF('Standard Profiles'!$G$18=$B$10,7,0)+IF('Standard Profiles'!$G$18=$B$17,14,0)+IF('Standard Profiles'!$G$18=$B$24,21,0),MOD($C5297,24)+1)/SUM(INDEX($D$3:$AA$30,INDEX(Jesper!$R$2:$R$366,ROW(INDEX(Jesper!AH$2:AH$366,ROUNDDOWN($C5297/24,0)+1,1))-1)+IF('Standard Profiles'!$G$18=$B$10,7,0)+IF('Standard Profiles'!$G$18=$B$17,14,0)+IF('Standard Profiles'!$G$18=$B$24,21,0),0)),0)</f>
        <v>22.54598418928941</v>
      </c>
      <c r="E5297" cm="1">
        <f t="array" ref="E5297">IFERROR(INDEX(Jesper!AI$2:AI$366,ROUNDDOWN($C5297/24,0)+1,1)*INDEX($D$3:$AA$30,INDEX(Jesper!$R$2:$R$366,ROW(INDEX(Jesper!AI$2:AI$366,ROUNDDOWN($C5297/24,0)+1,1))-1)+IF('Standard Profiles'!$G$19=$B$10,7,0)+IF('Standard Profiles'!$G$19=$B$17,14,0)+IF('Standard Profiles'!$G$19=$B$24,21,0),MOD($C5297,24)+1)/SUM(INDEX($D$3:$AA$30,INDEX(Jesper!$R$2:$R$366,ROW(INDEX(Jesper!AI$2:AI$366,ROUNDDOWN($C5297/24,0)+1,1))-1)+IF('Standard Profiles'!$G$19=$B$10,7,0)+IF('Standard Profiles'!$G$19=$B$17,14,0)+IF('Standard Profiles'!$G$19=$B$24,21,0),0)),0)</f>
        <v>10.294601472719805</v>
      </c>
      <c r="F5297" cm="1">
        <f t="array" ref="F5297">IFERROR(INDEX(Jesper!AJ$2:AJ$366,ROUNDDOWN($C5297/24,0)+1,1)*INDEX($D$3:$AA$30,INDEX(Jesper!$R$2:$R$366,ROW(INDEX(Jesper!AJ$2:AJ$366,ROUNDDOWN($C5297/24,0)+1,1))-1)+IF('Standard Profiles'!$G$20=$B$10,7,0)+IF('Standard Profiles'!$G$20=$B$17,14,0)+IF('Standard Profiles'!$G$20=$B$24,21,0),MOD($C5297,24)+1)/SUM(INDEX($D$3:$AA$30,INDEX(Jesper!$R$2:$R$366,ROW(INDEX(Jesper!AJ$2:AJ$366,ROUNDDOWN($C5297/24,0)+1,1))-1)+IF('Standard Profiles'!$G$20=$B$10,7,0)+IF('Standard Profiles'!$G$20=$B$17,14,0)+IF('Standard Profiles'!$G$20=$B$24,21,0),0)),0)</f>
        <v>0</v>
      </c>
      <c r="G5297" cm="1">
        <f t="array" ref="G5297">IFERROR(INDEX(Jesper!AK$2:AK$366,ROUNDDOWN($C5297/24,0)+1,1)*INDEX($D$3:$AA$30,INDEX(Jesper!$R$2:$R$366,ROW(INDEX(Jesper!AK$2:AK$366,ROUNDDOWN($C5297/24,0)+1,1))-1)+IF('Standard Profiles'!$G$21=$B$10,7,0)+IF('Standard Profiles'!$G$21=$B$17,14,0)+IF('Standard Profiles'!$G$21=$B$24,21,0),MOD($C5297,24)+1)/SUM(INDEX($D$3:$AA$30,INDEX(Jesper!$R$2:$R$366,ROW(INDEX(Jesper!AK$2:AK$366,ROUNDDOWN($C5297/24,0)+1,1))-1)+IF('Standard Profiles'!$G$21=$B$10,7,0)+IF('Standard Profiles'!$G$21=$B$17,14,0)+IF('Standard Profiles'!$G$21=$B$24,21,0),0)),0)</f>
        <v>1.5006142596575835</v>
      </c>
      <c r="H5297" cm="1">
        <f t="array" ref="H5297">IFERROR(INDEX(Jesper!AL$2:AL$366,ROUNDDOWN($C5297/24,0)+1,1)*INDEX($D$3:$AA$30,INDEX(Jesper!$R$2:$R$366,ROW(INDEX(Jesper!AL$2:AL$366,ROUNDDOWN($C5297/24,0)+1,1))-1)+IF('Standard Profiles'!$G$22=$B$10,7,0)+IF('Standard Profiles'!$G$22=$B$17,14,0)+IF('Standard Profiles'!$G$22=$B$24,21,0),MOD($C5297,24)+1)/SUM(INDEX($D$3:$AA$30,INDEX(Jesper!$R$2:$R$366,ROW(INDEX(Jesper!AL$2:AL$366,ROUNDDOWN($C5297/24,0)+1,1))-1)+IF('Standard Profiles'!$G$22=$B$10,7,0)+IF('Standard Profiles'!$G$22=$B$17,14,0)+IF('Standard Profiles'!$G$22=$B$24,21,0),0)),0)</f>
        <v>0</v>
      </c>
      <c r="I5297">
        <f t="shared" si="594"/>
        <v>0.72029484463563975</v>
      </c>
      <c r="J5297">
        <f t="shared" si="595"/>
        <v>30.013547606744851</v>
      </c>
      <c r="K5297">
        <f t="shared" si="596"/>
        <v>2.4049049801908704</v>
      </c>
      <c r="L5297">
        <f t="shared" si="597"/>
        <v>1.2024524900954352</v>
      </c>
      <c r="M5297">
        <f t="shared" si="598"/>
        <v>0</v>
      </c>
      <c r="N5297" s="45">
        <f t="shared" si="599"/>
        <v>45146.291666653902</v>
      </c>
    </row>
    <row r="5298" spans="2:14" x14ac:dyDescent="0.25">
      <c r="B5298">
        <f t="shared" si="593"/>
        <v>2</v>
      </c>
      <c r="C5298" s="16">
        <v>5264</v>
      </c>
      <c r="D5298" cm="1">
        <f t="array" ref="D5298">IFERROR(INDEX(Jesper!AH$2:AH$366,ROUNDDOWN($C5298/24,0)+1,1)*INDEX($D$3:$AA$30,INDEX(Jesper!$R$2:$R$366,ROW(INDEX(Jesper!AH$2:AH$366,ROUNDDOWN($C5298/24,0)+1,1))-1)+IF('Standard Profiles'!$G$18=$B$10,7,0)+IF('Standard Profiles'!$G$18=$B$17,14,0)+IF('Standard Profiles'!$G$18=$B$24,21,0),MOD($C5298,24)+1)/SUM(INDEX($D$3:$AA$30,INDEX(Jesper!$R$2:$R$366,ROW(INDEX(Jesper!AH$2:AH$366,ROUNDDOWN($C5298/24,0)+1,1))-1)+IF('Standard Profiles'!$G$18=$B$10,7,0)+IF('Standard Profiles'!$G$18=$B$17,14,0)+IF('Standard Profiles'!$G$18=$B$24,21,0),0)),0)</f>
        <v>25.156571832259768</v>
      </c>
      <c r="E5298" cm="1">
        <f t="array" ref="E5298">IFERROR(INDEX(Jesper!AI$2:AI$366,ROUNDDOWN($C5298/24,0)+1,1)*INDEX($D$3:$AA$30,INDEX(Jesper!$R$2:$R$366,ROW(INDEX(Jesper!AI$2:AI$366,ROUNDDOWN($C5298/24,0)+1,1))-1)+IF('Standard Profiles'!$G$19=$B$10,7,0)+IF('Standard Profiles'!$G$19=$B$17,14,0)+IF('Standard Profiles'!$G$19=$B$24,21,0),MOD($C5298,24)+1)/SUM(INDEX($D$3:$AA$30,INDEX(Jesper!$R$2:$R$366,ROW(INDEX(Jesper!AI$2:AI$366,ROUNDDOWN($C5298/24,0)+1,1))-1)+IF('Standard Profiles'!$G$19=$B$10,7,0)+IF('Standard Profiles'!$G$19=$B$17,14,0)+IF('Standard Profiles'!$G$19=$B$24,21,0),0)),0)</f>
        <v>11.48660795903473</v>
      </c>
      <c r="F5298" cm="1">
        <f t="array" ref="F5298">IFERROR(INDEX(Jesper!AJ$2:AJ$366,ROUNDDOWN($C5298/24,0)+1,1)*INDEX($D$3:$AA$30,INDEX(Jesper!$R$2:$R$366,ROW(INDEX(Jesper!AJ$2:AJ$366,ROUNDDOWN($C5298/24,0)+1,1))-1)+IF('Standard Profiles'!$G$20=$B$10,7,0)+IF('Standard Profiles'!$G$20=$B$17,14,0)+IF('Standard Profiles'!$G$20=$B$24,21,0),MOD($C5298,24)+1)/SUM(INDEX($D$3:$AA$30,INDEX(Jesper!$R$2:$R$366,ROW(INDEX(Jesper!AJ$2:AJ$366,ROUNDDOWN($C5298/24,0)+1,1))-1)+IF('Standard Profiles'!$G$20=$B$10,7,0)+IF('Standard Profiles'!$G$20=$B$17,14,0)+IF('Standard Profiles'!$G$20=$B$24,21,0),0)),0)</f>
        <v>0</v>
      </c>
      <c r="G5298" cm="1">
        <f t="array" ref="G5298">IFERROR(INDEX(Jesper!AK$2:AK$366,ROUNDDOWN($C5298/24,0)+1,1)*INDEX($D$3:$AA$30,INDEX(Jesper!$R$2:$R$366,ROW(INDEX(Jesper!AK$2:AK$366,ROUNDDOWN($C5298/24,0)+1,1))-1)+IF('Standard Profiles'!$G$21=$B$10,7,0)+IF('Standard Profiles'!$G$21=$B$17,14,0)+IF('Standard Profiles'!$G$21=$B$24,21,0),MOD($C5298,24)+1)/SUM(INDEX($D$3:$AA$30,INDEX(Jesper!$R$2:$R$366,ROW(INDEX(Jesper!AK$2:AK$366,ROUNDDOWN($C5298/24,0)+1,1))-1)+IF('Standard Profiles'!$G$21=$B$10,7,0)+IF('Standard Profiles'!$G$21=$B$17,14,0)+IF('Standard Profiles'!$G$21=$B$24,21,0),0)),0)</f>
        <v>1.6743695949863564</v>
      </c>
      <c r="H5298" cm="1">
        <f t="array" ref="H5298">IFERROR(INDEX(Jesper!AL$2:AL$366,ROUNDDOWN($C5298/24,0)+1,1)*INDEX($D$3:$AA$30,INDEX(Jesper!$R$2:$R$366,ROW(INDEX(Jesper!AL$2:AL$366,ROUNDDOWN($C5298/24,0)+1,1))-1)+IF('Standard Profiles'!$G$22=$B$10,7,0)+IF('Standard Profiles'!$G$22=$B$17,14,0)+IF('Standard Profiles'!$G$22=$B$24,21,0),MOD($C5298,24)+1)/SUM(INDEX($D$3:$AA$30,INDEX(Jesper!$R$2:$R$366,ROW(INDEX(Jesper!AL$2:AL$366,ROUNDDOWN($C5298/24,0)+1,1))-1)+IF('Standard Profiles'!$G$22=$B$10,7,0)+IF('Standard Profiles'!$G$22=$B$17,14,0)+IF('Standard Profiles'!$G$22=$B$24,21,0),0)),0)</f>
        <v>0</v>
      </c>
      <c r="I5298">
        <f t="shared" si="594"/>
        <v>0.80369740559345071</v>
      </c>
      <c r="J5298">
        <f t="shared" si="595"/>
        <v>33.488800487525843</v>
      </c>
      <c r="K5298">
        <f t="shared" si="596"/>
        <v>2.6833676621077087</v>
      </c>
      <c r="L5298">
        <f t="shared" si="597"/>
        <v>1.3416838310538544</v>
      </c>
      <c r="M5298">
        <f t="shared" si="598"/>
        <v>0</v>
      </c>
      <c r="N5298" s="45">
        <f t="shared" si="599"/>
        <v>45146.333333320566</v>
      </c>
    </row>
    <row r="5299" spans="2:14" x14ac:dyDescent="0.25">
      <c r="B5299">
        <f t="shared" si="593"/>
        <v>2</v>
      </c>
      <c r="C5299" s="16">
        <v>5265</v>
      </c>
      <c r="D5299" cm="1">
        <f t="array" ref="D5299">IFERROR(INDEX(Jesper!AH$2:AH$366,ROUNDDOWN($C5299/24,0)+1,1)*INDEX($D$3:$AA$30,INDEX(Jesper!$R$2:$R$366,ROW(INDEX(Jesper!AH$2:AH$366,ROUNDDOWN($C5299/24,0)+1,1))-1)+IF('Standard Profiles'!$G$18=$B$10,7,0)+IF('Standard Profiles'!$G$18=$B$17,14,0)+IF('Standard Profiles'!$G$18=$B$24,21,0),MOD($C5299,24)+1)/SUM(INDEX($D$3:$AA$30,INDEX(Jesper!$R$2:$R$366,ROW(INDEX(Jesper!AH$2:AH$366,ROUNDDOWN($C5299/24,0)+1,1))-1)+IF('Standard Profiles'!$G$18=$B$10,7,0)+IF('Standard Profiles'!$G$18=$B$17,14,0)+IF('Standard Profiles'!$G$18=$B$24,21,0),0)),0)</f>
        <v>27.767159475230123</v>
      </c>
      <c r="E5299" cm="1">
        <f t="array" ref="E5299">IFERROR(INDEX(Jesper!AI$2:AI$366,ROUNDDOWN($C5299/24,0)+1,1)*INDEX($D$3:$AA$30,INDEX(Jesper!$R$2:$R$366,ROW(INDEX(Jesper!AI$2:AI$366,ROUNDDOWN($C5299/24,0)+1,1))-1)+IF('Standard Profiles'!$G$19=$B$10,7,0)+IF('Standard Profiles'!$G$19=$B$17,14,0)+IF('Standard Profiles'!$G$19=$B$24,21,0),MOD($C5299,24)+1)/SUM(INDEX($D$3:$AA$30,INDEX(Jesper!$R$2:$R$366,ROW(INDEX(Jesper!AI$2:AI$366,ROUNDDOWN($C5299/24,0)+1,1))-1)+IF('Standard Profiles'!$G$19=$B$10,7,0)+IF('Standard Profiles'!$G$19=$B$17,14,0)+IF('Standard Profiles'!$G$19=$B$24,21,0),0)),0)</f>
        <v>12.678614445349654</v>
      </c>
      <c r="F5299" cm="1">
        <f t="array" ref="F5299">IFERROR(INDEX(Jesper!AJ$2:AJ$366,ROUNDDOWN($C5299/24,0)+1,1)*INDEX($D$3:$AA$30,INDEX(Jesper!$R$2:$R$366,ROW(INDEX(Jesper!AJ$2:AJ$366,ROUNDDOWN($C5299/24,0)+1,1))-1)+IF('Standard Profiles'!$G$20=$B$10,7,0)+IF('Standard Profiles'!$G$20=$B$17,14,0)+IF('Standard Profiles'!$G$20=$B$24,21,0),MOD($C5299,24)+1)/SUM(INDEX($D$3:$AA$30,INDEX(Jesper!$R$2:$R$366,ROW(INDEX(Jesper!AJ$2:AJ$366,ROUNDDOWN($C5299/24,0)+1,1))-1)+IF('Standard Profiles'!$G$20=$B$10,7,0)+IF('Standard Profiles'!$G$20=$B$17,14,0)+IF('Standard Profiles'!$G$20=$B$24,21,0),0)),0)</f>
        <v>0</v>
      </c>
      <c r="G5299" cm="1">
        <f t="array" ref="G5299">IFERROR(INDEX(Jesper!AK$2:AK$366,ROUNDDOWN($C5299/24,0)+1,1)*INDEX($D$3:$AA$30,INDEX(Jesper!$R$2:$R$366,ROW(INDEX(Jesper!AK$2:AK$366,ROUNDDOWN($C5299/24,0)+1,1))-1)+IF('Standard Profiles'!$G$21=$B$10,7,0)+IF('Standard Profiles'!$G$21=$B$17,14,0)+IF('Standard Profiles'!$G$21=$B$24,21,0),MOD($C5299,24)+1)/SUM(INDEX($D$3:$AA$30,INDEX(Jesper!$R$2:$R$366,ROW(INDEX(Jesper!AK$2:AK$366,ROUNDDOWN($C5299/24,0)+1,1))-1)+IF('Standard Profiles'!$G$21=$B$10,7,0)+IF('Standard Profiles'!$G$21=$B$17,14,0)+IF('Standard Profiles'!$G$21=$B$24,21,0),0)),0)</f>
        <v>1.8481249303151295</v>
      </c>
      <c r="H5299" cm="1">
        <f t="array" ref="H5299">IFERROR(INDEX(Jesper!AL$2:AL$366,ROUNDDOWN($C5299/24,0)+1,1)*INDEX($D$3:$AA$30,INDEX(Jesper!$R$2:$R$366,ROW(INDEX(Jesper!AL$2:AL$366,ROUNDDOWN($C5299/24,0)+1,1))-1)+IF('Standard Profiles'!$G$22=$B$10,7,0)+IF('Standard Profiles'!$G$22=$B$17,14,0)+IF('Standard Profiles'!$G$22=$B$24,21,0),MOD($C5299,24)+1)/SUM(INDEX($D$3:$AA$30,INDEX(Jesper!$R$2:$R$366,ROW(INDEX(Jesper!AL$2:AL$366,ROUNDDOWN($C5299/24,0)+1,1))-1)+IF('Standard Profiles'!$G$22=$B$10,7,0)+IF('Standard Profiles'!$G$22=$B$17,14,0)+IF('Standard Profiles'!$G$22=$B$24,21,0),0)),0)</f>
        <v>0</v>
      </c>
      <c r="I5299">
        <f t="shared" si="594"/>
        <v>0.88709996655126166</v>
      </c>
      <c r="J5299">
        <f t="shared" si="595"/>
        <v>36.964053368306828</v>
      </c>
      <c r="K5299">
        <f t="shared" si="596"/>
        <v>2.9618303440245466</v>
      </c>
      <c r="L5299">
        <f t="shared" si="597"/>
        <v>1.4809151720122733</v>
      </c>
      <c r="M5299">
        <f t="shared" si="598"/>
        <v>0</v>
      </c>
      <c r="N5299" s="45">
        <f t="shared" si="599"/>
        <v>45146.374999987231</v>
      </c>
    </row>
    <row r="5300" spans="2:14" x14ac:dyDescent="0.25">
      <c r="B5300">
        <f t="shared" si="593"/>
        <v>2</v>
      </c>
      <c r="C5300" s="16">
        <v>5266</v>
      </c>
      <c r="D5300" cm="1">
        <f t="array" ref="D5300">IFERROR(INDEX(Jesper!AH$2:AH$366,ROUNDDOWN($C5300/24,0)+1,1)*INDEX($D$3:$AA$30,INDEX(Jesper!$R$2:$R$366,ROW(INDEX(Jesper!AH$2:AH$366,ROUNDDOWN($C5300/24,0)+1,1))-1)+IF('Standard Profiles'!$G$18=$B$10,7,0)+IF('Standard Profiles'!$G$18=$B$17,14,0)+IF('Standard Profiles'!$G$18=$B$24,21,0),MOD($C5300,24)+1)/SUM(INDEX($D$3:$AA$30,INDEX(Jesper!$R$2:$R$366,ROW(INDEX(Jesper!AH$2:AH$366,ROUNDDOWN($C5300/24,0)+1,1))-1)+IF('Standard Profiles'!$G$18=$B$10,7,0)+IF('Standard Profiles'!$G$18=$B$17,14,0)+IF('Standard Profiles'!$G$18=$B$24,21,0),0)),0)</f>
        <v>27.767159475230123</v>
      </c>
      <c r="E5300" cm="1">
        <f t="array" ref="E5300">IFERROR(INDEX(Jesper!AI$2:AI$366,ROUNDDOWN($C5300/24,0)+1,1)*INDEX($D$3:$AA$30,INDEX(Jesper!$R$2:$R$366,ROW(INDEX(Jesper!AI$2:AI$366,ROUNDDOWN($C5300/24,0)+1,1))-1)+IF('Standard Profiles'!$G$19=$B$10,7,0)+IF('Standard Profiles'!$G$19=$B$17,14,0)+IF('Standard Profiles'!$G$19=$B$24,21,0),MOD($C5300,24)+1)/SUM(INDEX($D$3:$AA$30,INDEX(Jesper!$R$2:$R$366,ROW(INDEX(Jesper!AI$2:AI$366,ROUNDDOWN($C5300/24,0)+1,1))-1)+IF('Standard Profiles'!$G$19=$B$10,7,0)+IF('Standard Profiles'!$G$19=$B$17,14,0)+IF('Standard Profiles'!$G$19=$B$24,21,0),0)),0)</f>
        <v>12.678614445349654</v>
      </c>
      <c r="F5300" cm="1">
        <f t="array" ref="F5300">IFERROR(INDEX(Jesper!AJ$2:AJ$366,ROUNDDOWN($C5300/24,0)+1,1)*INDEX($D$3:$AA$30,INDEX(Jesper!$R$2:$R$366,ROW(INDEX(Jesper!AJ$2:AJ$366,ROUNDDOWN($C5300/24,0)+1,1))-1)+IF('Standard Profiles'!$G$20=$B$10,7,0)+IF('Standard Profiles'!$G$20=$B$17,14,0)+IF('Standard Profiles'!$G$20=$B$24,21,0),MOD($C5300,24)+1)/SUM(INDEX($D$3:$AA$30,INDEX(Jesper!$R$2:$R$366,ROW(INDEX(Jesper!AJ$2:AJ$366,ROUNDDOWN($C5300/24,0)+1,1))-1)+IF('Standard Profiles'!$G$20=$B$10,7,0)+IF('Standard Profiles'!$G$20=$B$17,14,0)+IF('Standard Profiles'!$G$20=$B$24,21,0),0)),0)</f>
        <v>0</v>
      </c>
      <c r="G5300" cm="1">
        <f t="array" ref="G5300">IFERROR(INDEX(Jesper!AK$2:AK$366,ROUNDDOWN($C5300/24,0)+1,1)*INDEX($D$3:$AA$30,INDEX(Jesper!$R$2:$R$366,ROW(INDEX(Jesper!AK$2:AK$366,ROUNDDOWN($C5300/24,0)+1,1))-1)+IF('Standard Profiles'!$G$21=$B$10,7,0)+IF('Standard Profiles'!$G$21=$B$17,14,0)+IF('Standard Profiles'!$G$21=$B$24,21,0),MOD($C5300,24)+1)/SUM(INDEX($D$3:$AA$30,INDEX(Jesper!$R$2:$R$366,ROW(INDEX(Jesper!AK$2:AK$366,ROUNDDOWN($C5300/24,0)+1,1))-1)+IF('Standard Profiles'!$G$21=$B$10,7,0)+IF('Standard Profiles'!$G$21=$B$17,14,0)+IF('Standard Profiles'!$G$21=$B$24,21,0),0)),0)</f>
        <v>1.8481249303151295</v>
      </c>
      <c r="H5300" cm="1">
        <f t="array" ref="H5300">IFERROR(INDEX(Jesper!AL$2:AL$366,ROUNDDOWN($C5300/24,0)+1,1)*INDEX($D$3:$AA$30,INDEX(Jesper!$R$2:$R$366,ROW(INDEX(Jesper!AL$2:AL$366,ROUNDDOWN($C5300/24,0)+1,1))-1)+IF('Standard Profiles'!$G$22=$B$10,7,0)+IF('Standard Profiles'!$G$22=$B$17,14,0)+IF('Standard Profiles'!$G$22=$B$24,21,0),MOD($C5300,24)+1)/SUM(INDEX($D$3:$AA$30,INDEX(Jesper!$R$2:$R$366,ROW(INDEX(Jesper!AL$2:AL$366,ROUNDDOWN($C5300/24,0)+1,1))-1)+IF('Standard Profiles'!$G$22=$B$10,7,0)+IF('Standard Profiles'!$G$22=$B$17,14,0)+IF('Standard Profiles'!$G$22=$B$24,21,0),0)),0)</f>
        <v>0</v>
      </c>
      <c r="I5300">
        <f t="shared" si="594"/>
        <v>0.88709996655126166</v>
      </c>
      <c r="J5300">
        <f t="shared" si="595"/>
        <v>36.964053368306828</v>
      </c>
      <c r="K5300">
        <f t="shared" si="596"/>
        <v>2.9618303440245466</v>
      </c>
      <c r="L5300">
        <f t="shared" si="597"/>
        <v>1.4809151720122733</v>
      </c>
      <c r="M5300">
        <f t="shared" si="598"/>
        <v>0</v>
      </c>
      <c r="N5300" s="45">
        <f t="shared" si="599"/>
        <v>45146.416666653895</v>
      </c>
    </row>
    <row r="5301" spans="2:14" x14ac:dyDescent="0.25">
      <c r="B5301">
        <f t="shared" si="593"/>
        <v>2</v>
      </c>
      <c r="C5301" s="16">
        <v>5267</v>
      </c>
      <c r="D5301" cm="1">
        <f t="array" ref="D5301">IFERROR(INDEX(Jesper!AH$2:AH$366,ROUNDDOWN($C5301/24,0)+1,1)*INDEX($D$3:$AA$30,INDEX(Jesper!$R$2:$R$366,ROW(INDEX(Jesper!AH$2:AH$366,ROUNDDOWN($C5301/24,0)+1,1))-1)+IF('Standard Profiles'!$G$18=$B$10,7,0)+IF('Standard Profiles'!$G$18=$B$17,14,0)+IF('Standard Profiles'!$G$18=$B$24,21,0),MOD($C5301,24)+1)/SUM(INDEX($D$3:$AA$30,INDEX(Jesper!$R$2:$R$366,ROW(INDEX(Jesper!AH$2:AH$366,ROUNDDOWN($C5301/24,0)+1,1))-1)+IF('Standard Profiles'!$G$18=$B$10,7,0)+IF('Standard Profiles'!$G$18=$B$17,14,0)+IF('Standard Profiles'!$G$18=$B$24,21,0),0)),0)</f>
        <v>33.225660910531765</v>
      </c>
      <c r="E5301" cm="1">
        <f t="array" ref="E5301">IFERROR(INDEX(Jesper!AI$2:AI$366,ROUNDDOWN($C5301/24,0)+1,1)*INDEX($D$3:$AA$30,INDEX(Jesper!$R$2:$R$366,ROW(INDEX(Jesper!AI$2:AI$366,ROUNDDOWN($C5301/24,0)+1,1))-1)+IF('Standard Profiles'!$G$19=$B$10,7,0)+IF('Standard Profiles'!$G$19=$B$17,14,0)+IF('Standard Profiles'!$G$19=$B$24,21,0),MOD($C5301,24)+1)/SUM(INDEX($D$3:$AA$30,INDEX(Jesper!$R$2:$R$366,ROW(INDEX(Jesper!AI$2:AI$366,ROUNDDOWN($C5301/24,0)+1,1))-1)+IF('Standard Profiles'!$G$19=$B$10,7,0)+IF('Standard Profiles'!$G$19=$B$17,14,0)+IF('Standard Profiles'!$G$19=$B$24,21,0),0)),0)</f>
        <v>15.170991644008133</v>
      </c>
      <c r="F5301" cm="1">
        <f t="array" ref="F5301">IFERROR(INDEX(Jesper!AJ$2:AJ$366,ROUNDDOWN($C5301/24,0)+1,1)*INDEX($D$3:$AA$30,INDEX(Jesper!$R$2:$R$366,ROW(INDEX(Jesper!AJ$2:AJ$366,ROUNDDOWN($C5301/24,0)+1,1))-1)+IF('Standard Profiles'!$G$20=$B$10,7,0)+IF('Standard Profiles'!$G$20=$B$17,14,0)+IF('Standard Profiles'!$G$20=$B$24,21,0),MOD($C5301,24)+1)/SUM(INDEX($D$3:$AA$30,INDEX(Jesper!$R$2:$R$366,ROW(INDEX(Jesper!AJ$2:AJ$366,ROUNDDOWN($C5301/24,0)+1,1))-1)+IF('Standard Profiles'!$G$20=$B$10,7,0)+IF('Standard Profiles'!$G$20=$B$17,14,0)+IF('Standard Profiles'!$G$20=$B$24,21,0),0)),0)</f>
        <v>0</v>
      </c>
      <c r="G5301" cm="1">
        <f t="array" ref="G5301">IFERROR(INDEX(Jesper!AK$2:AK$366,ROUNDDOWN($C5301/24,0)+1,1)*INDEX($D$3:$AA$30,INDEX(Jesper!$R$2:$R$366,ROW(INDEX(Jesper!AK$2:AK$366,ROUNDDOWN($C5301/24,0)+1,1))-1)+IF('Standard Profiles'!$G$21=$B$10,7,0)+IF('Standard Profiles'!$G$21=$B$17,14,0)+IF('Standard Profiles'!$G$21=$B$24,21,0),MOD($C5301,24)+1)/SUM(INDEX($D$3:$AA$30,INDEX(Jesper!$R$2:$R$366,ROW(INDEX(Jesper!AK$2:AK$366,ROUNDDOWN($C5301/24,0)+1,1))-1)+IF('Standard Profiles'!$G$21=$B$10,7,0)+IF('Standard Profiles'!$G$21=$B$17,14,0)+IF('Standard Profiles'!$G$21=$B$24,21,0),0)),0)</f>
        <v>2.2114315405480185</v>
      </c>
      <c r="H5301" cm="1">
        <f t="array" ref="H5301">IFERROR(INDEX(Jesper!AL$2:AL$366,ROUNDDOWN($C5301/24,0)+1,1)*INDEX($D$3:$AA$30,INDEX(Jesper!$R$2:$R$366,ROW(INDEX(Jesper!AL$2:AL$366,ROUNDDOWN($C5301/24,0)+1,1))-1)+IF('Standard Profiles'!$G$22=$B$10,7,0)+IF('Standard Profiles'!$G$22=$B$17,14,0)+IF('Standard Profiles'!$G$22=$B$24,21,0),MOD($C5301,24)+1)/SUM(INDEX($D$3:$AA$30,INDEX(Jesper!$R$2:$R$366,ROW(INDEX(Jesper!AL$2:AL$366,ROUNDDOWN($C5301/24,0)+1,1))-1)+IF('Standard Profiles'!$G$22=$B$10,7,0)+IF('Standard Profiles'!$G$22=$B$17,14,0)+IF('Standard Profiles'!$G$22=$B$24,21,0),0)),0)</f>
        <v>0</v>
      </c>
      <c r="I5301">
        <f t="shared" si="594"/>
        <v>1.0614871394630483</v>
      </c>
      <c r="J5301">
        <f t="shared" si="595"/>
        <v>44.230491209939792</v>
      </c>
      <c r="K5301">
        <f t="shared" si="596"/>
        <v>3.5440704971233883</v>
      </c>
      <c r="L5301">
        <f t="shared" si="597"/>
        <v>1.7720352485616941</v>
      </c>
      <c r="M5301">
        <f t="shared" si="598"/>
        <v>0</v>
      </c>
      <c r="N5301" s="45">
        <f t="shared" si="599"/>
        <v>45146.458333320559</v>
      </c>
    </row>
    <row r="5302" spans="2:14" x14ac:dyDescent="0.25">
      <c r="B5302">
        <f t="shared" si="593"/>
        <v>2</v>
      </c>
      <c r="C5302" s="16">
        <v>5268</v>
      </c>
      <c r="D5302" cm="1">
        <f t="array" ref="D5302">IFERROR(INDEX(Jesper!AH$2:AH$366,ROUNDDOWN($C5302/24,0)+1,1)*INDEX($D$3:$AA$30,INDEX(Jesper!$R$2:$R$366,ROW(INDEX(Jesper!AH$2:AH$366,ROUNDDOWN($C5302/24,0)+1,1))-1)+IF('Standard Profiles'!$G$18=$B$10,7,0)+IF('Standard Profiles'!$G$18=$B$17,14,0)+IF('Standard Profiles'!$G$18=$B$24,21,0),MOD($C5302,24)+1)/SUM(INDEX($D$3:$AA$30,INDEX(Jesper!$R$2:$R$366,ROW(INDEX(Jesper!AH$2:AH$366,ROUNDDOWN($C5302/24,0)+1,1))-1)+IF('Standard Profiles'!$G$18=$B$10,7,0)+IF('Standard Profiles'!$G$18=$B$17,14,0)+IF('Standard Profiles'!$G$18=$B$24,21,0),0)),0)</f>
        <v>33.225660910531765</v>
      </c>
      <c r="E5302" cm="1">
        <f t="array" ref="E5302">IFERROR(INDEX(Jesper!AI$2:AI$366,ROUNDDOWN($C5302/24,0)+1,1)*INDEX($D$3:$AA$30,INDEX(Jesper!$R$2:$R$366,ROW(INDEX(Jesper!AI$2:AI$366,ROUNDDOWN($C5302/24,0)+1,1))-1)+IF('Standard Profiles'!$G$19=$B$10,7,0)+IF('Standard Profiles'!$G$19=$B$17,14,0)+IF('Standard Profiles'!$G$19=$B$24,21,0),MOD($C5302,24)+1)/SUM(INDEX($D$3:$AA$30,INDEX(Jesper!$R$2:$R$366,ROW(INDEX(Jesper!AI$2:AI$366,ROUNDDOWN($C5302/24,0)+1,1))-1)+IF('Standard Profiles'!$G$19=$B$10,7,0)+IF('Standard Profiles'!$G$19=$B$17,14,0)+IF('Standard Profiles'!$G$19=$B$24,21,0),0)),0)</f>
        <v>15.170991644008133</v>
      </c>
      <c r="F5302" cm="1">
        <f t="array" ref="F5302">IFERROR(INDEX(Jesper!AJ$2:AJ$366,ROUNDDOWN($C5302/24,0)+1,1)*INDEX($D$3:$AA$30,INDEX(Jesper!$R$2:$R$366,ROW(INDEX(Jesper!AJ$2:AJ$366,ROUNDDOWN($C5302/24,0)+1,1))-1)+IF('Standard Profiles'!$G$20=$B$10,7,0)+IF('Standard Profiles'!$G$20=$B$17,14,0)+IF('Standard Profiles'!$G$20=$B$24,21,0),MOD($C5302,24)+1)/SUM(INDEX($D$3:$AA$30,INDEX(Jesper!$R$2:$R$366,ROW(INDEX(Jesper!AJ$2:AJ$366,ROUNDDOWN($C5302/24,0)+1,1))-1)+IF('Standard Profiles'!$G$20=$B$10,7,0)+IF('Standard Profiles'!$G$20=$B$17,14,0)+IF('Standard Profiles'!$G$20=$B$24,21,0),0)),0)</f>
        <v>0</v>
      </c>
      <c r="G5302" cm="1">
        <f t="array" ref="G5302">IFERROR(INDEX(Jesper!AK$2:AK$366,ROUNDDOWN($C5302/24,0)+1,1)*INDEX($D$3:$AA$30,INDEX(Jesper!$R$2:$R$366,ROW(INDEX(Jesper!AK$2:AK$366,ROUNDDOWN($C5302/24,0)+1,1))-1)+IF('Standard Profiles'!$G$21=$B$10,7,0)+IF('Standard Profiles'!$G$21=$B$17,14,0)+IF('Standard Profiles'!$G$21=$B$24,21,0),MOD($C5302,24)+1)/SUM(INDEX($D$3:$AA$30,INDEX(Jesper!$R$2:$R$366,ROW(INDEX(Jesper!AK$2:AK$366,ROUNDDOWN($C5302/24,0)+1,1))-1)+IF('Standard Profiles'!$G$21=$B$10,7,0)+IF('Standard Profiles'!$G$21=$B$17,14,0)+IF('Standard Profiles'!$G$21=$B$24,21,0),0)),0)</f>
        <v>2.2114315405480185</v>
      </c>
      <c r="H5302" cm="1">
        <f t="array" ref="H5302">IFERROR(INDEX(Jesper!AL$2:AL$366,ROUNDDOWN($C5302/24,0)+1,1)*INDEX($D$3:$AA$30,INDEX(Jesper!$R$2:$R$366,ROW(INDEX(Jesper!AL$2:AL$366,ROUNDDOWN($C5302/24,0)+1,1))-1)+IF('Standard Profiles'!$G$22=$B$10,7,0)+IF('Standard Profiles'!$G$22=$B$17,14,0)+IF('Standard Profiles'!$G$22=$B$24,21,0),MOD($C5302,24)+1)/SUM(INDEX($D$3:$AA$30,INDEX(Jesper!$R$2:$R$366,ROW(INDEX(Jesper!AL$2:AL$366,ROUNDDOWN($C5302/24,0)+1,1))-1)+IF('Standard Profiles'!$G$22=$B$10,7,0)+IF('Standard Profiles'!$G$22=$B$17,14,0)+IF('Standard Profiles'!$G$22=$B$24,21,0),0)),0)</f>
        <v>0</v>
      </c>
      <c r="I5302">
        <f t="shared" si="594"/>
        <v>1.0614871394630483</v>
      </c>
      <c r="J5302">
        <f t="shared" si="595"/>
        <v>44.230491209939792</v>
      </c>
      <c r="K5302">
        <f t="shared" si="596"/>
        <v>3.5440704971233883</v>
      </c>
      <c r="L5302">
        <f t="shared" si="597"/>
        <v>1.7720352485616941</v>
      </c>
      <c r="M5302">
        <f t="shared" si="598"/>
        <v>0</v>
      </c>
      <c r="N5302" s="45">
        <f t="shared" si="599"/>
        <v>45146.499999987223</v>
      </c>
    </row>
    <row r="5303" spans="2:14" x14ac:dyDescent="0.25">
      <c r="B5303">
        <f t="shared" si="593"/>
        <v>2</v>
      </c>
      <c r="C5303" s="16">
        <v>5269</v>
      </c>
      <c r="D5303" cm="1">
        <f t="array" ref="D5303">IFERROR(INDEX(Jesper!AH$2:AH$366,ROUNDDOWN($C5303/24,0)+1,1)*INDEX($D$3:$AA$30,INDEX(Jesper!$R$2:$R$366,ROW(INDEX(Jesper!AH$2:AH$366,ROUNDDOWN($C5303/24,0)+1,1))-1)+IF('Standard Profiles'!$G$18=$B$10,7,0)+IF('Standard Profiles'!$G$18=$B$17,14,0)+IF('Standard Profiles'!$G$18=$B$24,21,0),MOD($C5303,24)+1)/SUM(INDEX($D$3:$AA$30,INDEX(Jesper!$R$2:$R$366,ROW(INDEX(Jesper!AH$2:AH$366,ROUNDDOWN($C5303/24,0)+1,1))-1)+IF('Standard Profiles'!$G$18=$B$10,7,0)+IF('Standard Profiles'!$G$18=$B$17,14,0)+IF('Standard Profiles'!$G$18=$B$24,21,0),0)),0)</f>
        <v>22.071331890567528</v>
      </c>
      <c r="E5303" cm="1">
        <f t="array" ref="E5303">IFERROR(INDEX(Jesper!AI$2:AI$366,ROUNDDOWN($C5303/24,0)+1,1)*INDEX($D$3:$AA$30,INDEX(Jesper!$R$2:$R$366,ROW(INDEX(Jesper!AI$2:AI$366,ROUNDDOWN($C5303/24,0)+1,1))-1)+IF('Standard Profiles'!$G$19=$B$10,7,0)+IF('Standard Profiles'!$G$19=$B$17,14,0)+IF('Standard Profiles'!$G$19=$B$24,21,0),MOD($C5303,24)+1)/SUM(INDEX($D$3:$AA$30,INDEX(Jesper!$R$2:$R$366,ROW(INDEX(Jesper!AI$2:AI$366,ROUNDDOWN($C5303/24,0)+1,1))-1)+IF('Standard Profiles'!$G$19=$B$10,7,0)+IF('Standard Profiles'!$G$19=$B$17,14,0)+IF('Standard Profiles'!$G$19=$B$24,21,0),0)),0)</f>
        <v>10.077873020662546</v>
      </c>
      <c r="F5303" cm="1">
        <f t="array" ref="F5303">IFERROR(INDEX(Jesper!AJ$2:AJ$366,ROUNDDOWN($C5303/24,0)+1,1)*INDEX($D$3:$AA$30,INDEX(Jesper!$R$2:$R$366,ROW(INDEX(Jesper!AJ$2:AJ$366,ROUNDDOWN($C5303/24,0)+1,1))-1)+IF('Standard Profiles'!$G$20=$B$10,7,0)+IF('Standard Profiles'!$G$20=$B$17,14,0)+IF('Standard Profiles'!$G$20=$B$24,21,0),MOD($C5303,24)+1)/SUM(INDEX($D$3:$AA$30,INDEX(Jesper!$R$2:$R$366,ROW(INDEX(Jesper!AJ$2:AJ$366,ROUNDDOWN($C5303/24,0)+1,1))-1)+IF('Standard Profiles'!$G$20=$B$10,7,0)+IF('Standard Profiles'!$G$20=$B$17,14,0)+IF('Standard Profiles'!$G$20=$B$24,21,0),0)),0)</f>
        <v>0</v>
      </c>
      <c r="G5303" cm="1">
        <f t="array" ref="G5303">IFERROR(INDEX(Jesper!AK$2:AK$366,ROUNDDOWN($C5303/24,0)+1,1)*INDEX($D$3:$AA$30,INDEX(Jesper!$R$2:$R$366,ROW(INDEX(Jesper!AK$2:AK$366,ROUNDDOWN($C5303/24,0)+1,1))-1)+IF('Standard Profiles'!$G$21=$B$10,7,0)+IF('Standard Profiles'!$G$21=$B$17,14,0)+IF('Standard Profiles'!$G$21=$B$24,21,0),MOD($C5303,24)+1)/SUM(INDEX($D$3:$AA$30,INDEX(Jesper!$R$2:$R$366,ROW(INDEX(Jesper!AK$2:AK$366,ROUNDDOWN($C5303/24,0)+1,1))-1)+IF('Standard Profiles'!$G$21=$B$10,7,0)+IF('Standard Profiles'!$G$21=$B$17,14,0)+IF('Standard Profiles'!$G$21=$B$24,21,0),0)),0)</f>
        <v>1.4690223805068976</v>
      </c>
      <c r="H5303" cm="1">
        <f t="array" ref="H5303">IFERROR(INDEX(Jesper!AL$2:AL$366,ROUNDDOWN($C5303/24,0)+1,1)*INDEX($D$3:$AA$30,INDEX(Jesper!$R$2:$R$366,ROW(INDEX(Jesper!AL$2:AL$366,ROUNDDOWN($C5303/24,0)+1,1))-1)+IF('Standard Profiles'!$G$22=$B$10,7,0)+IF('Standard Profiles'!$G$22=$B$17,14,0)+IF('Standard Profiles'!$G$22=$B$24,21,0),MOD($C5303,24)+1)/SUM(INDEX($D$3:$AA$30,INDEX(Jesper!$R$2:$R$366,ROW(INDEX(Jesper!AL$2:AL$366,ROUNDDOWN($C5303/24,0)+1,1))-1)+IF('Standard Profiles'!$G$22=$B$10,7,0)+IF('Standard Profiles'!$G$22=$B$17,14,0)+IF('Standard Profiles'!$G$22=$B$24,21,0),0)),0)</f>
        <v>0</v>
      </c>
      <c r="I5303">
        <f t="shared" si="594"/>
        <v>0.70513074264331055</v>
      </c>
      <c r="J5303">
        <f t="shared" si="595"/>
        <v>29.381683446602857</v>
      </c>
      <c r="K5303">
        <f t="shared" si="596"/>
        <v>2.3542754016605363</v>
      </c>
      <c r="L5303">
        <f t="shared" si="597"/>
        <v>1.1771377008302681</v>
      </c>
      <c r="M5303">
        <f t="shared" si="598"/>
        <v>0</v>
      </c>
      <c r="N5303" s="45">
        <f t="shared" si="599"/>
        <v>45146.541666653888</v>
      </c>
    </row>
    <row r="5304" spans="2:14" x14ac:dyDescent="0.25">
      <c r="B5304">
        <f t="shared" si="593"/>
        <v>2</v>
      </c>
      <c r="C5304" s="16">
        <v>5270</v>
      </c>
      <c r="D5304" cm="1">
        <f t="array" ref="D5304">IFERROR(INDEX(Jesper!AH$2:AH$366,ROUNDDOWN($C5304/24,0)+1,1)*INDEX($D$3:$AA$30,INDEX(Jesper!$R$2:$R$366,ROW(INDEX(Jesper!AH$2:AH$366,ROUNDDOWN($C5304/24,0)+1,1))-1)+IF('Standard Profiles'!$G$18=$B$10,7,0)+IF('Standard Profiles'!$G$18=$B$17,14,0)+IF('Standard Profiles'!$G$18=$B$24,21,0),MOD($C5304,24)+1)/SUM(INDEX($D$3:$AA$30,INDEX(Jesper!$R$2:$R$366,ROW(INDEX(Jesper!AH$2:AH$366,ROUNDDOWN($C5304/24,0)+1,1))-1)+IF('Standard Profiles'!$G$18=$B$10,7,0)+IF('Standard Profiles'!$G$18=$B$17,14,0)+IF('Standard Profiles'!$G$18=$B$24,21,0),0)),0)</f>
        <v>33.225660910531765</v>
      </c>
      <c r="E5304" cm="1">
        <f t="array" ref="E5304">IFERROR(INDEX(Jesper!AI$2:AI$366,ROUNDDOWN($C5304/24,0)+1,1)*INDEX($D$3:$AA$30,INDEX(Jesper!$R$2:$R$366,ROW(INDEX(Jesper!AI$2:AI$366,ROUNDDOWN($C5304/24,0)+1,1))-1)+IF('Standard Profiles'!$G$19=$B$10,7,0)+IF('Standard Profiles'!$G$19=$B$17,14,0)+IF('Standard Profiles'!$G$19=$B$24,21,0),MOD($C5304,24)+1)/SUM(INDEX($D$3:$AA$30,INDEX(Jesper!$R$2:$R$366,ROW(INDEX(Jesper!AI$2:AI$366,ROUNDDOWN($C5304/24,0)+1,1))-1)+IF('Standard Profiles'!$G$19=$B$10,7,0)+IF('Standard Profiles'!$G$19=$B$17,14,0)+IF('Standard Profiles'!$G$19=$B$24,21,0),0)),0)</f>
        <v>15.170991644008133</v>
      </c>
      <c r="F5304" cm="1">
        <f t="array" ref="F5304">IFERROR(INDEX(Jesper!AJ$2:AJ$366,ROUNDDOWN($C5304/24,0)+1,1)*INDEX($D$3:$AA$30,INDEX(Jesper!$R$2:$R$366,ROW(INDEX(Jesper!AJ$2:AJ$366,ROUNDDOWN($C5304/24,0)+1,1))-1)+IF('Standard Profiles'!$G$20=$B$10,7,0)+IF('Standard Profiles'!$G$20=$B$17,14,0)+IF('Standard Profiles'!$G$20=$B$24,21,0),MOD($C5304,24)+1)/SUM(INDEX($D$3:$AA$30,INDEX(Jesper!$R$2:$R$366,ROW(INDEX(Jesper!AJ$2:AJ$366,ROUNDDOWN($C5304/24,0)+1,1))-1)+IF('Standard Profiles'!$G$20=$B$10,7,0)+IF('Standard Profiles'!$G$20=$B$17,14,0)+IF('Standard Profiles'!$G$20=$B$24,21,0),0)),0)</f>
        <v>0</v>
      </c>
      <c r="G5304" cm="1">
        <f t="array" ref="G5304">IFERROR(INDEX(Jesper!AK$2:AK$366,ROUNDDOWN($C5304/24,0)+1,1)*INDEX($D$3:$AA$30,INDEX(Jesper!$R$2:$R$366,ROW(INDEX(Jesper!AK$2:AK$366,ROUNDDOWN($C5304/24,0)+1,1))-1)+IF('Standard Profiles'!$G$21=$B$10,7,0)+IF('Standard Profiles'!$G$21=$B$17,14,0)+IF('Standard Profiles'!$G$21=$B$24,21,0),MOD($C5304,24)+1)/SUM(INDEX($D$3:$AA$30,INDEX(Jesper!$R$2:$R$366,ROW(INDEX(Jesper!AK$2:AK$366,ROUNDDOWN($C5304/24,0)+1,1))-1)+IF('Standard Profiles'!$G$21=$B$10,7,0)+IF('Standard Profiles'!$G$21=$B$17,14,0)+IF('Standard Profiles'!$G$21=$B$24,21,0),0)),0)</f>
        <v>2.2114315405480185</v>
      </c>
      <c r="H5304" cm="1">
        <f t="array" ref="H5304">IFERROR(INDEX(Jesper!AL$2:AL$366,ROUNDDOWN($C5304/24,0)+1,1)*INDEX($D$3:$AA$30,INDEX(Jesper!$R$2:$R$366,ROW(INDEX(Jesper!AL$2:AL$366,ROUNDDOWN($C5304/24,0)+1,1))-1)+IF('Standard Profiles'!$G$22=$B$10,7,0)+IF('Standard Profiles'!$G$22=$B$17,14,0)+IF('Standard Profiles'!$G$22=$B$24,21,0),MOD($C5304,24)+1)/SUM(INDEX($D$3:$AA$30,INDEX(Jesper!$R$2:$R$366,ROW(INDEX(Jesper!AL$2:AL$366,ROUNDDOWN($C5304/24,0)+1,1))-1)+IF('Standard Profiles'!$G$22=$B$10,7,0)+IF('Standard Profiles'!$G$22=$B$17,14,0)+IF('Standard Profiles'!$G$22=$B$24,21,0),0)),0)</f>
        <v>0</v>
      </c>
      <c r="I5304">
        <f t="shared" si="594"/>
        <v>1.0614871394630483</v>
      </c>
      <c r="J5304">
        <f t="shared" si="595"/>
        <v>44.230491209939792</v>
      </c>
      <c r="K5304">
        <f t="shared" si="596"/>
        <v>3.5440704971233883</v>
      </c>
      <c r="L5304">
        <f t="shared" si="597"/>
        <v>1.7720352485616941</v>
      </c>
      <c r="M5304">
        <f t="shared" si="598"/>
        <v>0</v>
      </c>
      <c r="N5304" s="45">
        <f t="shared" si="599"/>
        <v>45146.583333320552</v>
      </c>
    </row>
    <row r="5305" spans="2:14" x14ac:dyDescent="0.25">
      <c r="B5305">
        <f t="shared" si="593"/>
        <v>2</v>
      </c>
      <c r="C5305" s="16">
        <v>5271</v>
      </c>
      <c r="D5305" cm="1">
        <f t="array" ref="D5305">IFERROR(INDEX(Jesper!AH$2:AH$366,ROUNDDOWN($C5305/24,0)+1,1)*INDEX($D$3:$AA$30,INDEX(Jesper!$R$2:$R$366,ROW(INDEX(Jesper!AH$2:AH$366,ROUNDDOWN($C5305/24,0)+1,1))-1)+IF('Standard Profiles'!$G$18=$B$10,7,0)+IF('Standard Profiles'!$G$18=$B$17,14,0)+IF('Standard Profiles'!$G$18=$B$24,21,0),MOD($C5305,24)+1)/SUM(INDEX($D$3:$AA$30,INDEX(Jesper!$R$2:$R$366,ROW(INDEX(Jesper!AH$2:AH$366,ROUNDDOWN($C5305/24,0)+1,1))-1)+IF('Standard Profiles'!$G$18=$B$10,7,0)+IF('Standard Profiles'!$G$18=$B$17,14,0)+IF('Standard Profiles'!$G$18=$B$24,21,0),0)),0)</f>
        <v>33.225660910531765</v>
      </c>
      <c r="E5305" cm="1">
        <f t="array" ref="E5305">IFERROR(INDEX(Jesper!AI$2:AI$366,ROUNDDOWN($C5305/24,0)+1,1)*INDEX($D$3:$AA$30,INDEX(Jesper!$R$2:$R$366,ROW(INDEX(Jesper!AI$2:AI$366,ROUNDDOWN($C5305/24,0)+1,1))-1)+IF('Standard Profiles'!$G$19=$B$10,7,0)+IF('Standard Profiles'!$G$19=$B$17,14,0)+IF('Standard Profiles'!$G$19=$B$24,21,0),MOD($C5305,24)+1)/SUM(INDEX($D$3:$AA$30,INDEX(Jesper!$R$2:$R$366,ROW(INDEX(Jesper!AI$2:AI$366,ROUNDDOWN($C5305/24,0)+1,1))-1)+IF('Standard Profiles'!$G$19=$B$10,7,0)+IF('Standard Profiles'!$G$19=$B$17,14,0)+IF('Standard Profiles'!$G$19=$B$24,21,0),0)),0)</f>
        <v>15.170991644008133</v>
      </c>
      <c r="F5305" cm="1">
        <f t="array" ref="F5305">IFERROR(INDEX(Jesper!AJ$2:AJ$366,ROUNDDOWN($C5305/24,0)+1,1)*INDEX($D$3:$AA$30,INDEX(Jesper!$R$2:$R$366,ROW(INDEX(Jesper!AJ$2:AJ$366,ROUNDDOWN($C5305/24,0)+1,1))-1)+IF('Standard Profiles'!$G$20=$B$10,7,0)+IF('Standard Profiles'!$G$20=$B$17,14,0)+IF('Standard Profiles'!$G$20=$B$24,21,0),MOD($C5305,24)+1)/SUM(INDEX($D$3:$AA$30,INDEX(Jesper!$R$2:$R$366,ROW(INDEX(Jesper!AJ$2:AJ$366,ROUNDDOWN($C5305/24,0)+1,1))-1)+IF('Standard Profiles'!$G$20=$B$10,7,0)+IF('Standard Profiles'!$G$20=$B$17,14,0)+IF('Standard Profiles'!$G$20=$B$24,21,0),0)),0)</f>
        <v>0</v>
      </c>
      <c r="G5305" cm="1">
        <f t="array" ref="G5305">IFERROR(INDEX(Jesper!AK$2:AK$366,ROUNDDOWN($C5305/24,0)+1,1)*INDEX($D$3:$AA$30,INDEX(Jesper!$R$2:$R$366,ROW(INDEX(Jesper!AK$2:AK$366,ROUNDDOWN($C5305/24,0)+1,1))-1)+IF('Standard Profiles'!$G$21=$B$10,7,0)+IF('Standard Profiles'!$G$21=$B$17,14,0)+IF('Standard Profiles'!$G$21=$B$24,21,0),MOD($C5305,24)+1)/SUM(INDEX($D$3:$AA$30,INDEX(Jesper!$R$2:$R$366,ROW(INDEX(Jesper!AK$2:AK$366,ROUNDDOWN($C5305/24,0)+1,1))-1)+IF('Standard Profiles'!$G$21=$B$10,7,0)+IF('Standard Profiles'!$G$21=$B$17,14,0)+IF('Standard Profiles'!$G$21=$B$24,21,0),0)),0)</f>
        <v>2.2114315405480185</v>
      </c>
      <c r="H5305" cm="1">
        <f t="array" ref="H5305">IFERROR(INDEX(Jesper!AL$2:AL$366,ROUNDDOWN($C5305/24,0)+1,1)*INDEX($D$3:$AA$30,INDEX(Jesper!$R$2:$R$366,ROW(INDEX(Jesper!AL$2:AL$366,ROUNDDOWN($C5305/24,0)+1,1))-1)+IF('Standard Profiles'!$G$22=$B$10,7,0)+IF('Standard Profiles'!$G$22=$B$17,14,0)+IF('Standard Profiles'!$G$22=$B$24,21,0),MOD($C5305,24)+1)/SUM(INDEX($D$3:$AA$30,INDEX(Jesper!$R$2:$R$366,ROW(INDEX(Jesper!AL$2:AL$366,ROUNDDOWN($C5305/24,0)+1,1))-1)+IF('Standard Profiles'!$G$22=$B$10,7,0)+IF('Standard Profiles'!$G$22=$B$17,14,0)+IF('Standard Profiles'!$G$22=$B$24,21,0),0)),0)</f>
        <v>0</v>
      </c>
      <c r="I5305">
        <f t="shared" si="594"/>
        <v>1.0614871394630483</v>
      </c>
      <c r="J5305">
        <f t="shared" si="595"/>
        <v>44.230491209939792</v>
      </c>
      <c r="K5305">
        <f t="shared" si="596"/>
        <v>3.5440704971233883</v>
      </c>
      <c r="L5305">
        <f t="shared" si="597"/>
        <v>1.7720352485616941</v>
      </c>
      <c r="M5305">
        <f t="shared" si="598"/>
        <v>0</v>
      </c>
      <c r="N5305" s="45">
        <f t="shared" si="599"/>
        <v>45146.624999987216</v>
      </c>
    </row>
    <row r="5306" spans="2:14" x14ac:dyDescent="0.25">
      <c r="B5306">
        <f t="shared" si="593"/>
        <v>2</v>
      </c>
      <c r="C5306" s="16">
        <v>5272</v>
      </c>
      <c r="D5306" cm="1">
        <f t="array" ref="D5306">IFERROR(INDEX(Jesper!AH$2:AH$366,ROUNDDOWN($C5306/24,0)+1,1)*INDEX($D$3:$AA$30,INDEX(Jesper!$R$2:$R$366,ROW(INDEX(Jesper!AH$2:AH$366,ROUNDDOWN($C5306/24,0)+1,1))-1)+IF('Standard Profiles'!$G$18=$B$10,7,0)+IF('Standard Profiles'!$G$18=$B$17,14,0)+IF('Standard Profiles'!$G$18=$B$24,21,0),MOD($C5306,24)+1)/SUM(INDEX($D$3:$AA$30,INDEX(Jesper!$R$2:$R$366,ROW(INDEX(Jesper!AH$2:AH$366,ROUNDDOWN($C5306/24,0)+1,1))-1)+IF('Standard Profiles'!$G$18=$B$10,7,0)+IF('Standard Profiles'!$G$18=$B$17,14,0)+IF('Standard Profiles'!$G$18=$B$24,21,0),0)),0)</f>
        <v>19.579407322277646</v>
      </c>
      <c r="E5306" cm="1">
        <f t="array" ref="E5306">IFERROR(INDEX(Jesper!AI$2:AI$366,ROUNDDOWN($C5306/24,0)+1,1)*INDEX($D$3:$AA$30,INDEX(Jesper!$R$2:$R$366,ROW(INDEX(Jesper!AI$2:AI$366,ROUNDDOWN($C5306/24,0)+1,1))-1)+IF('Standard Profiles'!$G$19=$B$10,7,0)+IF('Standard Profiles'!$G$19=$B$17,14,0)+IF('Standard Profiles'!$G$19=$B$24,21,0),MOD($C5306,24)+1)/SUM(INDEX($D$3:$AA$30,INDEX(Jesper!$R$2:$R$366,ROW(INDEX(Jesper!AI$2:AI$366,ROUNDDOWN($C5306/24,0)+1,1))-1)+IF('Standard Profiles'!$G$19=$B$10,7,0)+IF('Standard Profiles'!$G$19=$B$17,14,0)+IF('Standard Profiles'!$G$19=$B$24,21,0),0)),0)</f>
        <v>8.9400486473619356</v>
      </c>
      <c r="F5306" cm="1">
        <f t="array" ref="F5306">IFERROR(INDEX(Jesper!AJ$2:AJ$366,ROUNDDOWN($C5306/24,0)+1,1)*INDEX($D$3:$AA$30,INDEX(Jesper!$R$2:$R$366,ROW(INDEX(Jesper!AJ$2:AJ$366,ROUNDDOWN($C5306/24,0)+1,1))-1)+IF('Standard Profiles'!$G$20=$B$10,7,0)+IF('Standard Profiles'!$G$20=$B$17,14,0)+IF('Standard Profiles'!$G$20=$B$24,21,0),MOD($C5306,24)+1)/SUM(INDEX($D$3:$AA$30,INDEX(Jesper!$R$2:$R$366,ROW(INDEX(Jesper!AJ$2:AJ$366,ROUNDDOWN($C5306/24,0)+1,1))-1)+IF('Standard Profiles'!$G$20=$B$10,7,0)+IF('Standard Profiles'!$G$20=$B$17,14,0)+IF('Standard Profiles'!$G$20=$B$24,21,0),0)),0)</f>
        <v>0</v>
      </c>
      <c r="G5306" cm="1">
        <f t="array" ref="G5306">IFERROR(INDEX(Jesper!AK$2:AK$366,ROUNDDOWN($C5306/24,0)+1,1)*INDEX($D$3:$AA$30,INDEX(Jesper!$R$2:$R$366,ROW(INDEX(Jesper!AK$2:AK$366,ROUNDDOWN($C5306/24,0)+1,1))-1)+IF('Standard Profiles'!$G$21=$B$10,7,0)+IF('Standard Profiles'!$G$21=$B$17,14,0)+IF('Standard Profiles'!$G$21=$B$24,21,0),MOD($C5306,24)+1)/SUM(INDEX($D$3:$AA$30,INDEX(Jesper!$R$2:$R$366,ROW(INDEX(Jesper!AK$2:AK$366,ROUNDDOWN($C5306/24,0)+1,1))-1)+IF('Standard Profiles'!$G$21=$B$10,7,0)+IF('Standard Profiles'!$G$21=$B$17,14,0)+IF('Standard Profiles'!$G$21=$B$24,21,0),0)),0)</f>
        <v>1.8484610141358813</v>
      </c>
      <c r="H5306" cm="1">
        <f t="array" ref="H5306">IFERROR(INDEX(Jesper!AL$2:AL$366,ROUNDDOWN($C5306/24,0)+1,1)*INDEX($D$3:$AA$30,INDEX(Jesper!$R$2:$R$366,ROW(INDEX(Jesper!AL$2:AL$366,ROUNDDOWN($C5306/24,0)+1,1))-1)+IF('Standard Profiles'!$G$22=$B$10,7,0)+IF('Standard Profiles'!$G$22=$B$17,14,0)+IF('Standard Profiles'!$G$22=$B$24,21,0),MOD($C5306,24)+1)/SUM(INDEX($D$3:$AA$30,INDEX(Jesper!$R$2:$R$366,ROW(INDEX(Jesper!AL$2:AL$366,ROUNDDOWN($C5306/24,0)+1,1))-1)+IF('Standard Profiles'!$G$22=$B$10,7,0)+IF('Standard Profiles'!$G$22=$B$17,14,0)+IF('Standard Profiles'!$G$22=$B$24,21,0),0)),0)</f>
        <v>0</v>
      </c>
      <c r="I5306">
        <f t="shared" si="594"/>
        <v>0.88726128678522254</v>
      </c>
      <c r="J5306">
        <f t="shared" si="595"/>
        <v>26.347950525425816</v>
      </c>
      <c r="K5306">
        <f t="shared" si="596"/>
        <v>2.0884701143762823</v>
      </c>
      <c r="L5306">
        <f t="shared" si="597"/>
        <v>1.0442350571881411</v>
      </c>
      <c r="M5306">
        <f t="shared" si="598"/>
        <v>0</v>
      </c>
      <c r="N5306" s="45">
        <f t="shared" si="599"/>
        <v>45146.66666665388</v>
      </c>
    </row>
    <row r="5307" spans="2:14" x14ac:dyDescent="0.25">
      <c r="B5307">
        <f t="shared" si="593"/>
        <v>2</v>
      </c>
      <c r="C5307" s="16">
        <v>5273</v>
      </c>
      <c r="D5307" cm="1">
        <f t="array" ref="D5307">IFERROR(INDEX(Jesper!AH$2:AH$366,ROUNDDOWN($C5307/24,0)+1,1)*INDEX($D$3:$AA$30,INDEX(Jesper!$R$2:$R$366,ROW(INDEX(Jesper!AH$2:AH$366,ROUNDDOWN($C5307/24,0)+1,1))-1)+IF('Standard Profiles'!$G$18=$B$10,7,0)+IF('Standard Profiles'!$G$18=$B$17,14,0)+IF('Standard Profiles'!$G$18=$B$24,21,0),MOD($C5307,24)+1)/SUM(INDEX($D$3:$AA$30,INDEX(Jesper!$R$2:$R$366,ROW(INDEX(Jesper!AH$2:AH$366,ROUNDDOWN($C5307/24,0)+1,1))-1)+IF('Standard Profiles'!$G$18=$B$10,7,0)+IF('Standard Profiles'!$G$18=$B$17,14,0)+IF('Standard Profiles'!$G$18=$B$24,21,0),0)),0)</f>
        <v>8.3565545549627185</v>
      </c>
      <c r="E5307" cm="1">
        <f t="array" ref="E5307">IFERROR(INDEX(Jesper!AI$2:AI$366,ROUNDDOWN($C5307/24,0)+1,1)*INDEX($D$3:$AA$30,INDEX(Jesper!$R$2:$R$366,ROW(INDEX(Jesper!AI$2:AI$366,ROUNDDOWN($C5307/24,0)+1,1))-1)+IF('Standard Profiles'!$G$19=$B$10,7,0)+IF('Standard Profiles'!$G$19=$B$17,14,0)+IF('Standard Profiles'!$G$19=$B$24,21,0),MOD($C5307,24)+1)/SUM(INDEX($D$3:$AA$30,INDEX(Jesper!$R$2:$R$366,ROW(INDEX(Jesper!AI$2:AI$366,ROUNDDOWN($C5307/24,0)+1,1))-1)+IF('Standard Profiles'!$G$19=$B$10,7,0)+IF('Standard Profiles'!$G$19=$B$17,14,0)+IF('Standard Profiles'!$G$19=$B$24,21,0),0)),0)</f>
        <v>3.8156417615714626</v>
      </c>
      <c r="F5307" cm="1">
        <f t="array" ref="F5307">IFERROR(INDEX(Jesper!AJ$2:AJ$366,ROUNDDOWN($C5307/24,0)+1,1)*INDEX($D$3:$AA$30,INDEX(Jesper!$R$2:$R$366,ROW(INDEX(Jesper!AJ$2:AJ$366,ROUNDDOWN($C5307/24,0)+1,1))-1)+IF('Standard Profiles'!$G$20=$B$10,7,0)+IF('Standard Profiles'!$G$20=$B$17,14,0)+IF('Standard Profiles'!$G$20=$B$24,21,0),MOD($C5307,24)+1)/SUM(INDEX($D$3:$AA$30,INDEX(Jesper!$R$2:$R$366,ROW(INDEX(Jesper!AJ$2:AJ$366,ROUNDDOWN($C5307/24,0)+1,1))-1)+IF('Standard Profiles'!$G$20=$B$10,7,0)+IF('Standard Profiles'!$G$20=$B$17,14,0)+IF('Standard Profiles'!$G$20=$B$24,21,0),0)),0)</f>
        <v>0</v>
      </c>
      <c r="G5307" cm="1">
        <f t="array" ref="G5307">IFERROR(INDEX(Jesper!AK$2:AK$366,ROUNDDOWN($C5307/24,0)+1,1)*INDEX($D$3:$AA$30,INDEX(Jesper!$R$2:$R$366,ROW(INDEX(Jesper!AK$2:AK$366,ROUNDDOWN($C5307/24,0)+1,1))-1)+IF('Standard Profiles'!$G$21=$B$10,7,0)+IF('Standard Profiles'!$G$21=$B$17,14,0)+IF('Standard Profiles'!$G$21=$B$24,21,0),MOD($C5307,24)+1)/SUM(INDEX($D$3:$AA$30,INDEX(Jesper!$R$2:$R$366,ROW(INDEX(Jesper!AK$2:AK$366,ROUNDDOWN($C5307/24,0)+1,1))-1)+IF('Standard Profiles'!$G$21=$B$10,7,0)+IF('Standard Profiles'!$G$21=$B$17,14,0)+IF('Standard Profiles'!$G$21=$B$24,21,0),0)),0)</f>
        <v>1.4686862966861458</v>
      </c>
      <c r="H5307" cm="1">
        <f t="array" ref="H5307">IFERROR(INDEX(Jesper!AL$2:AL$366,ROUNDDOWN($C5307/24,0)+1,1)*INDEX($D$3:$AA$30,INDEX(Jesper!$R$2:$R$366,ROW(INDEX(Jesper!AL$2:AL$366,ROUNDDOWN($C5307/24,0)+1,1))-1)+IF('Standard Profiles'!$G$22=$B$10,7,0)+IF('Standard Profiles'!$G$22=$B$17,14,0)+IF('Standard Profiles'!$G$22=$B$24,21,0),MOD($C5307,24)+1)/SUM(INDEX($D$3:$AA$30,INDEX(Jesper!$R$2:$R$366,ROW(INDEX(Jesper!AL$2:AL$366,ROUNDDOWN($C5307/24,0)+1,1))-1)+IF('Standard Profiles'!$G$22=$B$10,7,0)+IF('Standard Profiles'!$G$22=$B$17,14,0)+IF('Standard Profiles'!$G$22=$B$24,21,0),0)),0)</f>
        <v>0</v>
      </c>
      <c r="I5307">
        <f t="shared" si="594"/>
        <v>0.70496942240934968</v>
      </c>
      <c r="J5307">
        <f t="shared" si="595"/>
        <v>11.598864462016941</v>
      </c>
      <c r="K5307">
        <f t="shared" si="596"/>
        <v>0.89136581919602331</v>
      </c>
      <c r="L5307">
        <f t="shared" si="597"/>
        <v>0.44568290959801166</v>
      </c>
      <c r="M5307">
        <f t="shared" si="598"/>
        <v>0</v>
      </c>
      <c r="N5307" s="45">
        <f t="shared" si="599"/>
        <v>45146.708333320545</v>
      </c>
    </row>
    <row r="5308" spans="2:14" x14ac:dyDescent="0.25">
      <c r="B5308">
        <f t="shared" si="593"/>
        <v>2</v>
      </c>
      <c r="C5308" s="16">
        <v>5274</v>
      </c>
      <c r="D5308" cm="1">
        <f t="array" ref="D5308">IFERROR(INDEX(Jesper!AH$2:AH$366,ROUNDDOWN($C5308/24,0)+1,1)*INDEX($D$3:$AA$30,INDEX(Jesper!$R$2:$R$366,ROW(INDEX(Jesper!AH$2:AH$366,ROUNDDOWN($C5308/24,0)+1,1))-1)+IF('Standard Profiles'!$G$18=$B$10,7,0)+IF('Standard Profiles'!$G$18=$B$17,14,0)+IF('Standard Profiles'!$G$18=$B$24,21,0),MOD($C5308,24)+1)/SUM(INDEX($D$3:$AA$30,INDEX(Jesper!$R$2:$R$366,ROW(INDEX(Jesper!AH$2:AH$366,ROUNDDOWN($C5308/24,0)+1,1))-1)+IF('Standard Profiles'!$G$18=$B$10,7,0)+IF('Standard Profiles'!$G$18=$B$17,14,0)+IF('Standard Profiles'!$G$18=$B$24,21,0),0)),0)</f>
        <v>5.5153260062753935</v>
      </c>
      <c r="E5308" cm="1">
        <f t="array" ref="E5308">IFERROR(INDEX(Jesper!AI$2:AI$366,ROUNDDOWN($C5308/24,0)+1,1)*INDEX($D$3:$AA$30,INDEX(Jesper!$R$2:$R$366,ROW(INDEX(Jesper!AI$2:AI$366,ROUNDDOWN($C5308/24,0)+1,1))-1)+IF('Standard Profiles'!$G$19=$B$10,7,0)+IF('Standard Profiles'!$G$19=$B$17,14,0)+IF('Standard Profiles'!$G$19=$B$24,21,0),MOD($C5308,24)+1)/SUM(INDEX($D$3:$AA$30,INDEX(Jesper!$R$2:$R$366,ROW(INDEX(Jesper!AI$2:AI$366,ROUNDDOWN($C5308/24,0)+1,1))-1)+IF('Standard Profiles'!$G$19=$B$10,7,0)+IF('Standard Profiles'!$G$19=$B$17,14,0)+IF('Standard Profiles'!$G$19=$B$24,21,0),0)),0)</f>
        <v>2.5183235626371654</v>
      </c>
      <c r="F5308" cm="1">
        <f t="array" ref="F5308">IFERROR(INDEX(Jesper!AJ$2:AJ$366,ROUNDDOWN($C5308/24,0)+1,1)*INDEX($D$3:$AA$30,INDEX(Jesper!$R$2:$R$366,ROW(INDEX(Jesper!AJ$2:AJ$366,ROUNDDOWN($C5308/24,0)+1,1))-1)+IF('Standard Profiles'!$G$20=$B$10,7,0)+IF('Standard Profiles'!$G$20=$B$17,14,0)+IF('Standard Profiles'!$G$20=$B$24,21,0),MOD($C5308,24)+1)/SUM(INDEX($D$3:$AA$30,INDEX(Jesper!$R$2:$R$366,ROW(INDEX(Jesper!AJ$2:AJ$366,ROUNDDOWN($C5308/24,0)+1,1))-1)+IF('Standard Profiles'!$G$20=$B$10,7,0)+IF('Standard Profiles'!$G$20=$B$17,14,0)+IF('Standard Profiles'!$G$20=$B$24,21,0),0)),0)</f>
        <v>0</v>
      </c>
      <c r="G5308" cm="1">
        <f t="array" ref="G5308">IFERROR(INDEX(Jesper!AK$2:AK$366,ROUNDDOWN($C5308/24,0)+1,1)*INDEX($D$3:$AA$30,INDEX(Jesper!$R$2:$R$366,ROW(INDEX(Jesper!AK$2:AK$366,ROUNDDOWN($C5308/24,0)+1,1))-1)+IF('Standard Profiles'!$G$21=$B$10,7,0)+IF('Standard Profiles'!$G$21=$B$17,14,0)+IF('Standard Profiles'!$G$21=$B$24,21,0),MOD($C5308,24)+1)/SUM(INDEX($D$3:$AA$30,INDEX(Jesper!$R$2:$R$366,ROW(INDEX(Jesper!AK$2:AK$366,ROUNDDOWN($C5308/24,0)+1,1))-1)+IF('Standard Profiles'!$G$21=$B$10,7,0)+IF('Standard Profiles'!$G$21=$B$17,14,0)+IF('Standard Profiles'!$G$21=$B$24,21,0),0)),0)</f>
        <v>0.52092992216556655</v>
      </c>
      <c r="H5308" cm="1">
        <f t="array" ref="H5308">IFERROR(INDEX(Jesper!AL$2:AL$366,ROUNDDOWN($C5308/24,0)+1,1)*INDEX($D$3:$AA$30,INDEX(Jesper!$R$2:$R$366,ROW(INDEX(Jesper!AL$2:AL$366,ROUNDDOWN($C5308/24,0)+1,1))-1)+IF('Standard Profiles'!$G$22=$B$10,7,0)+IF('Standard Profiles'!$G$22=$B$17,14,0)+IF('Standard Profiles'!$G$22=$B$24,21,0),MOD($C5308,24)+1)/SUM(INDEX($D$3:$AA$30,INDEX(Jesper!$R$2:$R$366,ROW(INDEX(Jesper!AL$2:AL$366,ROUNDDOWN($C5308/24,0)+1,1))-1)+IF('Standard Profiles'!$G$22=$B$10,7,0)+IF('Standard Profiles'!$G$22=$B$17,14,0)+IF('Standard Profiles'!$G$22=$B$24,21,0),0)),0)</f>
        <v>0</v>
      </c>
      <c r="I5308">
        <f t="shared" si="594"/>
        <v>0.25004636263947183</v>
      </c>
      <c r="J5308">
        <f t="shared" si="595"/>
        <v>7.4220809674345904</v>
      </c>
      <c r="K5308">
        <f t="shared" si="596"/>
        <v>0.5883014406693754</v>
      </c>
      <c r="L5308">
        <f t="shared" si="597"/>
        <v>0.2941507203346877</v>
      </c>
      <c r="M5308">
        <f t="shared" si="598"/>
        <v>0</v>
      </c>
      <c r="N5308" s="45">
        <f t="shared" si="599"/>
        <v>45146.749999987209</v>
      </c>
    </row>
    <row r="5309" spans="2:14" x14ac:dyDescent="0.25">
      <c r="B5309">
        <f t="shared" si="593"/>
        <v>2</v>
      </c>
      <c r="C5309" s="16">
        <v>5275</v>
      </c>
      <c r="D5309" cm="1">
        <f t="array" ref="D5309">IFERROR(INDEX(Jesper!AH$2:AH$366,ROUNDDOWN($C5309/24,0)+1,1)*INDEX($D$3:$AA$30,INDEX(Jesper!$R$2:$R$366,ROW(INDEX(Jesper!AH$2:AH$366,ROUNDDOWN($C5309/24,0)+1,1))-1)+IF('Standard Profiles'!$G$18=$B$10,7,0)+IF('Standard Profiles'!$G$18=$B$17,14,0)+IF('Standard Profiles'!$G$18=$B$24,21,0),MOD($C5309,24)+1)/SUM(INDEX($D$3:$AA$30,INDEX(Jesper!$R$2:$R$366,ROW(INDEX(Jesper!AH$2:AH$366,ROUNDDOWN($C5309/24,0)+1,1))-1)+IF('Standard Profiles'!$G$18=$B$10,7,0)+IF('Standard Profiles'!$G$18=$B$17,14,0)+IF('Standard Profiles'!$G$18=$B$24,21,0),0)),0)</f>
        <v>5.5153260062753935</v>
      </c>
      <c r="E5309" cm="1">
        <f t="array" ref="E5309">IFERROR(INDEX(Jesper!AI$2:AI$366,ROUNDDOWN($C5309/24,0)+1,1)*INDEX($D$3:$AA$30,INDEX(Jesper!$R$2:$R$366,ROW(INDEX(Jesper!AI$2:AI$366,ROUNDDOWN($C5309/24,0)+1,1))-1)+IF('Standard Profiles'!$G$19=$B$10,7,0)+IF('Standard Profiles'!$G$19=$B$17,14,0)+IF('Standard Profiles'!$G$19=$B$24,21,0),MOD($C5309,24)+1)/SUM(INDEX($D$3:$AA$30,INDEX(Jesper!$R$2:$R$366,ROW(INDEX(Jesper!AI$2:AI$366,ROUNDDOWN($C5309/24,0)+1,1))-1)+IF('Standard Profiles'!$G$19=$B$10,7,0)+IF('Standard Profiles'!$G$19=$B$17,14,0)+IF('Standard Profiles'!$G$19=$B$24,21,0),0)),0)</f>
        <v>2.5183235626371654</v>
      </c>
      <c r="F5309" cm="1">
        <f t="array" ref="F5309">IFERROR(INDEX(Jesper!AJ$2:AJ$366,ROUNDDOWN($C5309/24,0)+1,1)*INDEX($D$3:$AA$30,INDEX(Jesper!$R$2:$R$366,ROW(INDEX(Jesper!AJ$2:AJ$366,ROUNDDOWN($C5309/24,0)+1,1))-1)+IF('Standard Profiles'!$G$20=$B$10,7,0)+IF('Standard Profiles'!$G$20=$B$17,14,0)+IF('Standard Profiles'!$G$20=$B$24,21,0),MOD($C5309,24)+1)/SUM(INDEX($D$3:$AA$30,INDEX(Jesper!$R$2:$R$366,ROW(INDEX(Jesper!AJ$2:AJ$366,ROUNDDOWN($C5309/24,0)+1,1))-1)+IF('Standard Profiles'!$G$20=$B$10,7,0)+IF('Standard Profiles'!$G$20=$B$17,14,0)+IF('Standard Profiles'!$G$20=$B$24,21,0),0)),0)</f>
        <v>0</v>
      </c>
      <c r="G5309" cm="1">
        <f t="array" ref="G5309">IFERROR(INDEX(Jesper!AK$2:AK$366,ROUNDDOWN($C5309/24,0)+1,1)*INDEX($D$3:$AA$30,INDEX(Jesper!$R$2:$R$366,ROW(INDEX(Jesper!AK$2:AK$366,ROUNDDOWN($C5309/24,0)+1,1))-1)+IF('Standard Profiles'!$G$21=$B$10,7,0)+IF('Standard Profiles'!$G$21=$B$17,14,0)+IF('Standard Profiles'!$G$21=$B$24,21,0),MOD($C5309,24)+1)/SUM(INDEX($D$3:$AA$30,INDEX(Jesper!$R$2:$R$366,ROW(INDEX(Jesper!AK$2:AK$366,ROUNDDOWN($C5309/24,0)+1,1))-1)+IF('Standard Profiles'!$G$21=$B$10,7,0)+IF('Standard Profiles'!$G$21=$B$17,14,0)+IF('Standard Profiles'!$G$21=$B$24,21,0),0)),0)</f>
        <v>0.52092992216556655</v>
      </c>
      <c r="H5309" cm="1">
        <f t="array" ref="H5309">IFERROR(INDEX(Jesper!AL$2:AL$366,ROUNDDOWN($C5309/24,0)+1,1)*INDEX($D$3:$AA$30,INDEX(Jesper!$R$2:$R$366,ROW(INDEX(Jesper!AL$2:AL$366,ROUNDDOWN($C5309/24,0)+1,1))-1)+IF('Standard Profiles'!$G$22=$B$10,7,0)+IF('Standard Profiles'!$G$22=$B$17,14,0)+IF('Standard Profiles'!$G$22=$B$24,21,0),MOD($C5309,24)+1)/SUM(INDEX($D$3:$AA$30,INDEX(Jesper!$R$2:$R$366,ROW(INDEX(Jesper!AL$2:AL$366,ROUNDDOWN($C5309/24,0)+1,1))-1)+IF('Standard Profiles'!$G$22=$B$10,7,0)+IF('Standard Profiles'!$G$22=$B$17,14,0)+IF('Standard Profiles'!$G$22=$B$24,21,0),0)),0)</f>
        <v>0</v>
      </c>
      <c r="I5309">
        <f t="shared" si="594"/>
        <v>0.25004636263947183</v>
      </c>
      <c r="J5309">
        <f t="shared" si="595"/>
        <v>7.4220809674345904</v>
      </c>
      <c r="K5309">
        <f t="shared" si="596"/>
        <v>0.5883014406693754</v>
      </c>
      <c r="L5309">
        <f t="shared" si="597"/>
        <v>0.2941507203346877</v>
      </c>
      <c r="M5309">
        <f t="shared" si="598"/>
        <v>0</v>
      </c>
      <c r="N5309" s="45">
        <f t="shared" si="599"/>
        <v>45146.791666653873</v>
      </c>
    </row>
    <row r="5310" spans="2:14" x14ac:dyDescent="0.25">
      <c r="B5310">
        <f t="shared" si="593"/>
        <v>2</v>
      </c>
      <c r="C5310" s="16">
        <v>5276</v>
      </c>
      <c r="D5310" cm="1">
        <f t="array" ref="D5310">IFERROR(INDEX(Jesper!AH$2:AH$366,ROUNDDOWN($C5310/24,0)+1,1)*INDEX($D$3:$AA$30,INDEX(Jesper!$R$2:$R$366,ROW(INDEX(Jesper!AH$2:AH$366,ROUNDDOWN($C5310/24,0)+1,1))-1)+IF('Standard Profiles'!$G$18=$B$10,7,0)+IF('Standard Profiles'!$G$18=$B$17,14,0)+IF('Standard Profiles'!$G$18=$B$24,21,0),MOD($C5310,24)+1)/SUM(INDEX($D$3:$AA$30,INDEX(Jesper!$R$2:$R$366,ROW(INDEX(Jesper!AH$2:AH$366,ROUNDDOWN($C5310/24,0)+1,1))-1)+IF('Standard Profiles'!$G$18=$B$10,7,0)+IF('Standard Profiles'!$G$18=$B$17,14,0)+IF('Standard Profiles'!$G$18=$B$24,21,0),0)),0)</f>
        <v>5.5153260062753935</v>
      </c>
      <c r="E5310" cm="1">
        <f t="array" ref="E5310">IFERROR(INDEX(Jesper!AI$2:AI$366,ROUNDDOWN($C5310/24,0)+1,1)*INDEX($D$3:$AA$30,INDEX(Jesper!$R$2:$R$366,ROW(INDEX(Jesper!AI$2:AI$366,ROUNDDOWN($C5310/24,0)+1,1))-1)+IF('Standard Profiles'!$G$19=$B$10,7,0)+IF('Standard Profiles'!$G$19=$B$17,14,0)+IF('Standard Profiles'!$G$19=$B$24,21,0),MOD($C5310,24)+1)/SUM(INDEX($D$3:$AA$30,INDEX(Jesper!$R$2:$R$366,ROW(INDEX(Jesper!AI$2:AI$366,ROUNDDOWN($C5310/24,0)+1,1))-1)+IF('Standard Profiles'!$G$19=$B$10,7,0)+IF('Standard Profiles'!$G$19=$B$17,14,0)+IF('Standard Profiles'!$G$19=$B$24,21,0),0)),0)</f>
        <v>2.5183235626371654</v>
      </c>
      <c r="F5310" cm="1">
        <f t="array" ref="F5310">IFERROR(INDEX(Jesper!AJ$2:AJ$366,ROUNDDOWN($C5310/24,0)+1,1)*INDEX($D$3:$AA$30,INDEX(Jesper!$R$2:$R$366,ROW(INDEX(Jesper!AJ$2:AJ$366,ROUNDDOWN($C5310/24,0)+1,1))-1)+IF('Standard Profiles'!$G$20=$B$10,7,0)+IF('Standard Profiles'!$G$20=$B$17,14,0)+IF('Standard Profiles'!$G$20=$B$24,21,0),MOD($C5310,24)+1)/SUM(INDEX($D$3:$AA$30,INDEX(Jesper!$R$2:$R$366,ROW(INDEX(Jesper!AJ$2:AJ$366,ROUNDDOWN($C5310/24,0)+1,1))-1)+IF('Standard Profiles'!$G$20=$B$10,7,0)+IF('Standard Profiles'!$G$20=$B$17,14,0)+IF('Standard Profiles'!$G$20=$B$24,21,0),0)),0)</f>
        <v>0</v>
      </c>
      <c r="G5310" cm="1">
        <f t="array" ref="G5310">IFERROR(INDEX(Jesper!AK$2:AK$366,ROUNDDOWN($C5310/24,0)+1,1)*INDEX($D$3:$AA$30,INDEX(Jesper!$R$2:$R$366,ROW(INDEX(Jesper!AK$2:AK$366,ROUNDDOWN($C5310/24,0)+1,1))-1)+IF('Standard Profiles'!$G$21=$B$10,7,0)+IF('Standard Profiles'!$G$21=$B$17,14,0)+IF('Standard Profiles'!$G$21=$B$24,21,0),MOD($C5310,24)+1)/SUM(INDEX($D$3:$AA$30,INDEX(Jesper!$R$2:$R$366,ROW(INDEX(Jesper!AK$2:AK$366,ROUNDDOWN($C5310/24,0)+1,1))-1)+IF('Standard Profiles'!$G$21=$B$10,7,0)+IF('Standard Profiles'!$G$21=$B$17,14,0)+IF('Standard Profiles'!$G$21=$B$24,21,0),0)),0)</f>
        <v>0.52092992216556655</v>
      </c>
      <c r="H5310" cm="1">
        <f t="array" ref="H5310">IFERROR(INDEX(Jesper!AL$2:AL$366,ROUNDDOWN($C5310/24,0)+1,1)*INDEX($D$3:$AA$30,INDEX(Jesper!$R$2:$R$366,ROW(INDEX(Jesper!AL$2:AL$366,ROUNDDOWN($C5310/24,0)+1,1))-1)+IF('Standard Profiles'!$G$22=$B$10,7,0)+IF('Standard Profiles'!$G$22=$B$17,14,0)+IF('Standard Profiles'!$G$22=$B$24,21,0),MOD($C5310,24)+1)/SUM(INDEX($D$3:$AA$30,INDEX(Jesper!$R$2:$R$366,ROW(INDEX(Jesper!AL$2:AL$366,ROUNDDOWN($C5310/24,0)+1,1))-1)+IF('Standard Profiles'!$G$22=$B$10,7,0)+IF('Standard Profiles'!$G$22=$B$17,14,0)+IF('Standard Profiles'!$G$22=$B$24,21,0),0)),0)</f>
        <v>0</v>
      </c>
      <c r="I5310">
        <f t="shared" si="594"/>
        <v>0.25004636263947183</v>
      </c>
      <c r="J5310">
        <f t="shared" si="595"/>
        <v>7.4220809674345904</v>
      </c>
      <c r="K5310">
        <f t="shared" si="596"/>
        <v>0.5883014406693754</v>
      </c>
      <c r="L5310">
        <f t="shared" si="597"/>
        <v>0.2941507203346877</v>
      </c>
      <c r="M5310">
        <f t="shared" si="598"/>
        <v>0</v>
      </c>
      <c r="N5310" s="45">
        <f t="shared" si="599"/>
        <v>45146.833333320537</v>
      </c>
    </row>
    <row r="5311" spans="2:14" x14ac:dyDescent="0.25">
      <c r="B5311">
        <f t="shared" si="593"/>
        <v>2</v>
      </c>
      <c r="C5311" s="16">
        <v>5277</v>
      </c>
      <c r="D5311" cm="1">
        <f t="array" ref="D5311">IFERROR(INDEX(Jesper!AH$2:AH$366,ROUNDDOWN($C5311/24,0)+1,1)*INDEX($D$3:$AA$30,INDEX(Jesper!$R$2:$R$366,ROW(INDEX(Jesper!AH$2:AH$366,ROUNDDOWN($C5311/24,0)+1,1))-1)+IF('Standard Profiles'!$G$18=$B$10,7,0)+IF('Standard Profiles'!$G$18=$B$17,14,0)+IF('Standard Profiles'!$G$18=$B$24,21,0),MOD($C5311,24)+1)/SUM(INDEX($D$3:$AA$30,INDEX(Jesper!$R$2:$R$366,ROW(INDEX(Jesper!AH$2:AH$366,ROUNDDOWN($C5311/24,0)+1,1))-1)+IF('Standard Profiles'!$G$18=$B$10,7,0)+IF('Standard Profiles'!$G$18=$B$17,14,0)+IF('Standard Profiles'!$G$18=$B$24,21,0),0)),0)</f>
        <v>5.5153260062753935</v>
      </c>
      <c r="E5311" cm="1">
        <f t="array" ref="E5311">IFERROR(INDEX(Jesper!AI$2:AI$366,ROUNDDOWN($C5311/24,0)+1,1)*INDEX($D$3:$AA$30,INDEX(Jesper!$R$2:$R$366,ROW(INDEX(Jesper!AI$2:AI$366,ROUNDDOWN($C5311/24,0)+1,1))-1)+IF('Standard Profiles'!$G$19=$B$10,7,0)+IF('Standard Profiles'!$G$19=$B$17,14,0)+IF('Standard Profiles'!$G$19=$B$24,21,0),MOD($C5311,24)+1)/SUM(INDEX($D$3:$AA$30,INDEX(Jesper!$R$2:$R$366,ROW(INDEX(Jesper!AI$2:AI$366,ROUNDDOWN($C5311/24,0)+1,1))-1)+IF('Standard Profiles'!$G$19=$B$10,7,0)+IF('Standard Profiles'!$G$19=$B$17,14,0)+IF('Standard Profiles'!$G$19=$B$24,21,0),0)),0)</f>
        <v>2.5183235626371654</v>
      </c>
      <c r="F5311" cm="1">
        <f t="array" ref="F5311">IFERROR(INDEX(Jesper!AJ$2:AJ$366,ROUNDDOWN($C5311/24,0)+1,1)*INDEX($D$3:$AA$30,INDEX(Jesper!$R$2:$R$366,ROW(INDEX(Jesper!AJ$2:AJ$366,ROUNDDOWN($C5311/24,0)+1,1))-1)+IF('Standard Profiles'!$G$20=$B$10,7,0)+IF('Standard Profiles'!$G$20=$B$17,14,0)+IF('Standard Profiles'!$G$20=$B$24,21,0),MOD($C5311,24)+1)/SUM(INDEX($D$3:$AA$30,INDEX(Jesper!$R$2:$R$366,ROW(INDEX(Jesper!AJ$2:AJ$366,ROUNDDOWN($C5311/24,0)+1,1))-1)+IF('Standard Profiles'!$G$20=$B$10,7,0)+IF('Standard Profiles'!$G$20=$B$17,14,0)+IF('Standard Profiles'!$G$20=$B$24,21,0),0)),0)</f>
        <v>0</v>
      </c>
      <c r="G5311" cm="1">
        <f t="array" ref="G5311">IFERROR(INDEX(Jesper!AK$2:AK$366,ROUNDDOWN($C5311/24,0)+1,1)*INDEX($D$3:$AA$30,INDEX(Jesper!$R$2:$R$366,ROW(INDEX(Jesper!AK$2:AK$366,ROUNDDOWN($C5311/24,0)+1,1))-1)+IF('Standard Profiles'!$G$21=$B$10,7,0)+IF('Standard Profiles'!$G$21=$B$17,14,0)+IF('Standard Profiles'!$G$21=$B$24,21,0),MOD($C5311,24)+1)/SUM(INDEX($D$3:$AA$30,INDEX(Jesper!$R$2:$R$366,ROW(INDEX(Jesper!AK$2:AK$366,ROUNDDOWN($C5311/24,0)+1,1))-1)+IF('Standard Profiles'!$G$21=$B$10,7,0)+IF('Standard Profiles'!$G$21=$B$17,14,0)+IF('Standard Profiles'!$G$21=$B$24,21,0),0)),0)</f>
        <v>0.52092992216556655</v>
      </c>
      <c r="H5311" cm="1">
        <f t="array" ref="H5311">IFERROR(INDEX(Jesper!AL$2:AL$366,ROUNDDOWN($C5311/24,0)+1,1)*INDEX($D$3:$AA$30,INDEX(Jesper!$R$2:$R$366,ROW(INDEX(Jesper!AL$2:AL$366,ROUNDDOWN($C5311/24,0)+1,1))-1)+IF('Standard Profiles'!$G$22=$B$10,7,0)+IF('Standard Profiles'!$G$22=$B$17,14,0)+IF('Standard Profiles'!$G$22=$B$24,21,0),MOD($C5311,24)+1)/SUM(INDEX($D$3:$AA$30,INDEX(Jesper!$R$2:$R$366,ROW(INDEX(Jesper!AL$2:AL$366,ROUNDDOWN($C5311/24,0)+1,1))-1)+IF('Standard Profiles'!$G$22=$B$10,7,0)+IF('Standard Profiles'!$G$22=$B$17,14,0)+IF('Standard Profiles'!$G$22=$B$24,21,0),0)),0)</f>
        <v>0</v>
      </c>
      <c r="I5311">
        <f t="shared" si="594"/>
        <v>0.25004636263947183</v>
      </c>
      <c r="J5311">
        <f t="shared" si="595"/>
        <v>7.4220809674345904</v>
      </c>
      <c r="K5311">
        <f t="shared" si="596"/>
        <v>0.5883014406693754</v>
      </c>
      <c r="L5311">
        <f t="shared" si="597"/>
        <v>0.2941507203346877</v>
      </c>
      <c r="M5311">
        <f t="shared" si="598"/>
        <v>0</v>
      </c>
      <c r="N5311" s="45">
        <f t="shared" si="599"/>
        <v>45146.874999987202</v>
      </c>
    </row>
    <row r="5312" spans="2:14" x14ac:dyDescent="0.25">
      <c r="B5312">
        <f t="shared" si="593"/>
        <v>2</v>
      </c>
      <c r="C5312" s="16">
        <v>5278</v>
      </c>
      <c r="D5312" cm="1">
        <f t="array" ref="D5312">IFERROR(INDEX(Jesper!AH$2:AH$366,ROUNDDOWN($C5312/24,0)+1,1)*INDEX($D$3:$AA$30,INDEX(Jesper!$R$2:$R$366,ROW(INDEX(Jesper!AH$2:AH$366,ROUNDDOWN($C5312/24,0)+1,1))-1)+IF('Standard Profiles'!$G$18=$B$10,7,0)+IF('Standard Profiles'!$G$18=$B$17,14,0)+IF('Standard Profiles'!$G$18=$B$24,21,0),MOD($C5312,24)+1)/SUM(INDEX($D$3:$AA$30,INDEX(Jesper!$R$2:$R$366,ROW(INDEX(Jesper!AH$2:AH$366,ROUNDDOWN($C5312/24,0)+1,1))-1)+IF('Standard Profiles'!$G$18=$B$10,7,0)+IF('Standard Profiles'!$G$18=$B$17,14,0)+IF('Standard Profiles'!$G$18=$B$24,21,0),0)),0)</f>
        <v>5.5153260062753935</v>
      </c>
      <c r="E5312" cm="1">
        <f t="array" ref="E5312">IFERROR(INDEX(Jesper!AI$2:AI$366,ROUNDDOWN($C5312/24,0)+1,1)*INDEX($D$3:$AA$30,INDEX(Jesper!$R$2:$R$366,ROW(INDEX(Jesper!AI$2:AI$366,ROUNDDOWN($C5312/24,0)+1,1))-1)+IF('Standard Profiles'!$G$19=$B$10,7,0)+IF('Standard Profiles'!$G$19=$B$17,14,0)+IF('Standard Profiles'!$G$19=$B$24,21,0),MOD($C5312,24)+1)/SUM(INDEX($D$3:$AA$30,INDEX(Jesper!$R$2:$R$366,ROW(INDEX(Jesper!AI$2:AI$366,ROUNDDOWN($C5312/24,0)+1,1))-1)+IF('Standard Profiles'!$G$19=$B$10,7,0)+IF('Standard Profiles'!$G$19=$B$17,14,0)+IF('Standard Profiles'!$G$19=$B$24,21,0),0)),0)</f>
        <v>2.5183235626371654</v>
      </c>
      <c r="F5312" cm="1">
        <f t="array" ref="F5312">IFERROR(INDEX(Jesper!AJ$2:AJ$366,ROUNDDOWN($C5312/24,0)+1,1)*INDEX($D$3:$AA$30,INDEX(Jesper!$R$2:$R$366,ROW(INDEX(Jesper!AJ$2:AJ$366,ROUNDDOWN($C5312/24,0)+1,1))-1)+IF('Standard Profiles'!$G$20=$B$10,7,0)+IF('Standard Profiles'!$G$20=$B$17,14,0)+IF('Standard Profiles'!$G$20=$B$24,21,0),MOD($C5312,24)+1)/SUM(INDEX($D$3:$AA$30,INDEX(Jesper!$R$2:$R$366,ROW(INDEX(Jesper!AJ$2:AJ$366,ROUNDDOWN($C5312/24,0)+1,1))-1)+IF('Standard Profiles'!$G$20=$B$10,7,0)+IF('Standard Profiles'!$G$20=$B$17,14,0)+IF('Standard Profiles'!$G$20=$B$24,21,0),0)),0)</f>
        <v>0</v>
      </c>
      <c r="G5312" cm="1">
        <f t="array" ref="G5312">IFERROR(INDEX(Jesper!AK$2:AK$366,ROUNDDOWN($C5312/24,0)+1,1)*INDEX($D$3:$AA$30,INDEX(Jesper!$R$2:$R$366,ROW(INDEX(Jesper!AK$2:AK$366,ROUNDDOWN($C5312/24,0)+1,1))-1)+IF('Standard Profiles'!$G$21=$B$10,7,0)+IF('Standard Profiles'!$G$21=$B$17,14,0)+IF('Standard Profiles'!$G$21=$B$24,21,0),MOD($C5312,24)+1)/SUM(INDEX($D$3:$AA$30,INDEX(Jesper!$R$2:$R$366,ROW(INDEX(Jesper!AK$2:AK$366,ROUNDDOWN($C5312/24,0)+1,1))-1)+IF('Standard Profiles'!$G$21=$B$10,7,0)+IF('Standard Profiles'!$G$21=$B$17,14,0)+IF('Standard Profiles'!$G$21=$B$24,21,0),0)),0)</f>
        <v>0.52092992216556655</v>
      </c>
      <c r="H5312" cm="1">
        <f t="array" ref="H5312">IFERROR(INDEX(Jesper!AL$2:AL$366,ROUNDDOWN($C5312/24,0)+1,1)*INDEX($D$3:$AA$30,INDEX(Jesper!$R$2:$R$366,ROW(INDEX(Jesper!AL$2:AL$366,ROUNDDOWN($C5312/24,0)+1,1))-1)+IF('Standard Profiles'!$G$22=$B$10,7,0)+IF('Standard Profiles'!$G$22=$B$17,14,0)+IF('Standard Profiles'!$G$22=$B$24,21,0),MOD($C5312,24)+1)/SUM(INDEX($D$3:$AA$30,INDEX(Jesper!$R$2:$R$366,ROW(INDEX(Jesper!AL$2:AL$366,ROUNDDOWN($C5312/24,0)+1,1))-1)+IF('Standard Profiles'!$G$22=$B$10,7,0)+IF('Standard Profiles'!$G$22=$B$17,14,0)+IF('Standard Profiles'!$G$22=$B$24,21,0),0)),0)</f>
        <v>0</v>
      </c>
      <c r="I5312">
        <f t="shared" si="594"/>
        <v>0.25004636263947183</v>
      </c>
      <c r="J5312">
        <f t="shared" si="595"/>
        <v>7.4220809674345904</v>
      </c>
      <c r="K5312">
        <f t="shared" si="596"/>
        <v>0.5883014406693754</v>
      </c>
      <c r="L5312">
        <f t="shared" si="597"/>
        <v>0.2941507203346877</v>
      </c>
      <c r="M5312">
        <f t="shared" si="598"/>
        <v>0</v>
      </c>
      <c r="N5312" s="45">
        <f t="shared" si="599"/>
        <v>45146.916666653866</v>
      </c>
    </row>
    <row r="5313" spans="2:14" x14ac:dyDescent="0.25">
      <c r="B5313">
        <f t="shared" si="593"/>
        <v>2</v>
      </c>
      <c r="C5313" s="16">
        <v>5279</v>
      </c>
      <c r="D5313" cm="1">
        <f t="array" ref="D5313">IFERROR(INDEX(Jesper!AH$2:AH$366,ROUNDDOWN($C5313/24,0)+1,1)*INDEX($D$3:$AA$30,INDEX(Jesper!$R$2:$R$366,ROW(INDEX(Jesper!AH$2:AH$366,ROUNDDOWN($C5313/24,0)+1,1))-1)+IF('Standard Profiles'!$G$18=$B$10,7,0)+IF('Standard Profiles'!$G$18=$B$17,14,0)+IF('Standard Profiles'!$G$18=$B$24,21,0),MOD($C5313,24)+1)/SUM(INDEX($D$3:$AA$30,INDEX(Jesper!$R$2:$R$366,ROW(INDEX(Jesper!AH$2:AH$366,ROUNDDOWN($C5313/24,0)+1,1))-1)+IF('Standard Profiles'!$G$18=$B$10,7,0)+IF('Standard Profiles'!$G$18=$B$17,14,0)+IF('Standard Profiles'!$G$18=$B$24,21,0),0)),0)</f>
        <v>5.5153260062753935</v>
      </c>
      <c r="E5313" cm="1">
        <f t="array" ref="E5313">IFERROR(INDEX(Jesper!AI$2:AI$366,ROUNDDOWN($C5313/24,0)+1,1)*INDEX($D$3:$AA$30,INDEX(Jesper!$R$2:$R$366,ROW(INDEX(Jesper!AI$2:AI$366,ROUNDDOWN($C5313/24,0)+1,1))-1)+IF('Standard Profiles'!$G$19=$B$10,7,0)+IF('Standard Profiles'!$G$19=$B$17,14,0)+IF('Standard Profiles'!$G$19=$B$24,21,0),MOD($C5313,24)+1)/SUM(INDEX($D$3:$AA$30,INDEX(Jesper!$R$2:$R$366,ROW(INDEX(Jesper!AI$2:AI$366,ROUNDDOWN($C5313/24,0)+1,1))-1)+IF('Standard Profiles'!$G$19=$B$10,7,0)+IF('Standard Profiles'!$G$19=$B$17,14,0)+IF('Standard Profiles'!$G$19=$B$24,21,0),0)),0)</f>
        <v>2.5183235626371654</v>
      </c>
      <c r="F5313" cm="1">
        <f t="array" ref="F5313">IFERROR(INDEX(Jesper!AJ$2:AJ$366,ROUNDDOWN($C5313/24,0)+1,1)*INDEX($D$3:$AA$30,INDEX(Jesper!$R$2:$R$366,ROW(INDEX(Jesper!AJ$2:AJ$366,ROUNDDOWN($C5313/24,0)+1,1))-1)+IF('Standard Profiles'!$G$20=$B$10,7,0)+IF('Standard Profiles'!$G$20=$B$17,14,0)+IF('Standard Profiles'!$G$20=$B$24,21,0),MOD($C5313,24)+1)/SUM(INDEX($D$3:$AA$30,INDEX(Jesper!$R$2:$R$366,ROW(INDEX(Jesper!AJ$2:AJ$366,ROUNDDOWN($C5313/24,0)+1,1))-1)+IF('Standard Profiles'!$G$20=$B$10,7,0)+IF('Standard Profiles'!$G$20=$B$17,14,0)+IF('Standard Profiles'!$G$20=$B$24,21,0),0)),0)</f>
        <v>0</v>
      </c>
      <c r="G5313" cm="1">
        <f t="array" ref="G5313">IFERROR(INDEX(Jesper!AK$2:AK$366,ROUNDDOWN($C5313/24,0)+1,1)*INDEX($D$3:$AA$30,INDEX(Jesper!$R$2:$R$366,ROW(INDEX(Jesper!AK$2:AK$366,ROUNDDOWN($C5313/24,0)+1,1))-1)+IF('Standard Profiles'!$G$21=$B$10,7,0)+IF('Standard Profiles'!$G$21=$B$17,14,0)+IF('Standard Profiles'!$G$21=$B$24,21,0),MOD($C5313,24)+1)/SUM(INDEX($D$3:$AA$30,INDEX(Jesper!$R$2:$R$366,ROW(INDEX(Jesper!AK$2:AK$366,ROUNDDOWN($C5313/24,0)+1,1))-1)+IF('Standard Profiles'!$G$21=$B$10,7,0)+IF('Standard Profiles'!$G$21=$B$17,14,0)+IF('Standard Profiles'!$G$21=$B$24,21,0),0)),0)</f>
        <v>0.52092992216556655</v>
      </c>
      <c r="H5313" cm="1">
        <f t="array" ref="H5313">IFERROR(INDEX(Jesper!AL$2:AL$366,ROUNDDOWN($C5313/24,0)+1,1)*INDEX($D$3:$AA$30,INDEX(Jesper!$R$2:$R$366,ROW(INDEX(Jesper!AL$2:AL$366,ROUNDDOWN($C5313/24,0)+1,1))-1)+IF('Standard Profiles'!$G$22=$B$10,7,0)+IF('Standard Profiles'!$G$22=$B$17,14,0)+IF('Standard Profiles'!$G$22=$B$24,21,0),MOD($C5313,24)+1)/SUM(INDEX($D$3:$AA$30,INDEX(Jesper!$R$2:$R$366,ROW(INDEX(Jesper!AL$2:AL$366,ROUNDDOWN($C5313/24,0)+1,1))-1)+IF('Standard Profiles'!$G$22=$B$10,7,0)+IF('Standard Profiles'!$G$22=$B$17,14,0)+IF('Standard Profiles'!$G$22=$B$24,21,0),0)),0)</f>
        <v>0</v>
      </c>
      <c r="I5313">
        <f t="shared" si="594"/>
        <v>0.25004636263947183</v>
      </c>
      <c r="J5313">
        <f t="shared" si="595"/>
        <v>7.4220809674345904</v>
      </c>
      <c r="K5313">
        <f t="shared" si="596"/>
        <v>0.5883014406693754</v>
      </c>
      <c r="L5313">
        <f t="shared" si="597"/>
        <v>0.2941507203346877</v>
      </c>
      <c r="M5313">
        <f t="shared" si="598"/>
        <v>0</v>
      </c>
      <c r="N5313" s="45">
        <f t="shared" si="599"/>
        <v>45146.95833332053</v>
      </c>
    </row>
    <row r="5314" spans="2:14" x14ac:dyDescent="0.25">
      <c r="B5314">
        <f t="shared" si="593"/>
        <v>3</v>
      </c>
      <c r="C5314" s="16">
        <v>5280</v>
      </c>
      <c r="D5314" cm="1">
        <f t="array" ref="D5314">IFERROR(INDEX(Jesper!AH$2:AH$366,ROUNDDOWN($C5314/24,0)+1,1)*INDEX($D$3:$AA$30,INDEX(Jesper!$R$2:$R$366,ROW(INDEX(Jesper!AH$2:AH$366,ROUNDDOWN($C5314/24,0)+1,1))-1)+IF('Standard Profiles'!$G$18=$B$10,7,0)+IF('Standard Profiles'!$G$18=$B$17,14,0)+IF('Standard Profiles'!$G$18=$B$24,21,0),MOD($C5314,24)+1)/SUM(INDEX($D$3:$AA$30,INDEX(Jesper!$R$2:$R$366,ROW(INDEX(Jesper!AH$2:AH$366,ROUNDDOWN($C5314/24,0)+1,1))-1)+IF('Standard Profiles'!$G$18=$B$10,7,0)+IF('Standard Profiles'!$G$18=$B$17,14,0)+IF('Standard Profiles'!$G$18=$B$24,21,0),0)),0)</f>
        <v>5.4983550191845225</v>
      </c>
      <c r="E5314" cm="1">
        <f t="array" ref="E5314">IFERROR(INDEX(Jesper!AI$2:AI$366,ROUNDDOWN($C5314/24,0)+1,1)*INDEX($D$3:$AA$30,INDEX(Jesper!$R$2:$R$366,ROW(INDEX(Jesper!AI$2:AI$366,ROUNDDOWN($C5314/24,0)+1,1))-1)+IF('Standard Profiles'!$G$19=$B$10,7,0)+IF('Standard Profiles'!$G$19=$B$17,14,0)+IF('Standard Profiles'!$G$19=$B$24,21,0),MOD($C5314,24)+1)/SUM(INDEX($D$3:$AA$30,INDEX(Jesper!$R$2:$R$366,ROW(INDEX(Jesper!AI$2:AI$366,ROUNDDOWN($C5314/24,0)+1,1))-1)+IF('Standard Profiles'!$G$19=$B$10,7,0)+IF('Standard Profiles'!$G$19=$B$17,14,0)+IF('Standard Profiles'!$G$19=$B$24,21,0),0)),0)</f>
        <v>2.552101985633449</v>
      </c>
      <c r="F5314" cm="1">
        <f t="array" ref="F5314">IFERROR(INDEX(Jesper!AJ$2:AJ$366,ROUNDDOWN($C5314/24,0)+1,1)*INDEX($D$3:$AA$30,INDEX(Jesper!$R$2:$R$366,ROW(INDEX(Jesper!AJ$2:AJ$366,ROUNDDOWN($C5314/24,0)+1,1))-1)+IF('Standard Profiles'!$G$20=$B$10,7,0)+IF('Standard Profiles'!$G$20=$B$17,14,0)+IF('Standard Profiles'!$G$20=$B$24,21,0),MOD($C5314,24)+1)/SUM(INDEX($D$3:$AA$30,INDEX(Jesper!$R$2:$R$366,ROW(INDEX(Jesper!AJ$2:AJ$366,ROUNDDOWN($C5314/24,0)+1,1))-1)+IF('Standard Profiles'!$G$20=$B$10,7,0)+IF('Standard Profiles'!$G$20=$B$17,14,0)+IF('Standard Profiles'!$G$20=$B$24,21,0),0)),0)</f>
        <v>0</v>
      </c>
      <c r="G5314" cm="1">
        <f t="array" ref="G5314">IFERROR(INDEX(Jesper!AK$2:AK$366,ROUNDDOWN($C5314/24,0)+1,1)*INDEX($D$3:$AA$30,INDEX(Jesper!$R$2:$R$366,ROW(INDEX(Jesper!AK$2:AK$366,ROUNDDOWN($C5314/24,0)+1,1))-1)+IF('Standard Profiles'!$G$21=$B$10,7,0)+IF('Standard Profiles'!$G$21=$B$17,14,0)+IF('Standard Profiles'!$G$21=$B$24,21,0),MOD($C5314,24)+1)/SUM(INDEX($D$3:$AA$30,INDEX(Jesper!$R$2:$R$366,ROW(INDEX(Jesper!AK$2:AK$366,ROUNDDOWN($C5314/24,0)+1,1))-1)+IF('Standard Profiles'!$G$21=$B$10,7,0)+IF('Standard Profiles'!$G$21=$B$17,14,0)+IF('Standard Profiles'!$G$21=$B$24,21,0),0)),0)</f>
        <v>0.61458606924287551</v>
      </c>
      <c r="H5314" cm="1">
        <f t="array" ref="H5314">IFERROR(INDEX(Jesper!AL$2:AL$366,ROUNDDOWN($C5314/24,0)+1,1)*INDEX($D$3:$AA$30,INDEX(Jesper!$R$2:$R$366,ROW(INDEX(Jesper!AL$2:AL$366,ROUNDDOWN($C5314/24,0)+1,1))-1)+IF('Standard Profiles'!$G$22=$B$10,7,0)+IF('Standard Profiles'!$G$22=$B$17,14,0)+IF('Standard Profiles'!$G$22=$B$24,21,0),MOD($C5314,24)+1)/SUM(INDEX($D$3:$AA$30,INDEX(Jesper!$R$2:$R$366,ROW(INDEX(Jesper!AL$2:AL$366,ROUNDDOWN($C5314/24,0)+1,1))-1)+IF('Standard Profiles'!$G$22=$B$10,7,0)+IF('Standard Profiles'!$G$22=$B$17,14,0)+IF('Standard Profiles'!$G$22=$B$24,21,0),0)),0)</f>
        <v>0</v>
      </c>
      <c r="I5314">
        <f t="shared" si="594"/>
        <v>0.29500131323658008</v>
      </c>
      <c r="J5314">
        <f t="shared" si="595"/>
        <v>7.4903049577547431</v>
      </c>
      <c r="K5314">
        <f t="shared" si="596"/>
        <v>0.58649120204634908</v>
      </c>
      <c r="L5314">
        <f t="shared" si="597"/>
        <v>0.29324560102317454</v>
      </c>
      <c r="M5314">
        <f t="shared" si="598"/>
        <v>0</v>
      </c>
      <c r="N5314" s="45">
        <f t="shared" si="599"/>
        <v>45146.999999987194</v>
      </c>
    </row>
    <row r="5315" spans="2:14" x14ac:dyDescent="0.25">
      <c r="B5315">
        <f t="shared" si="593"/>
        <v>3</v>
      </c>
      <c r="C5315" s="16">
        <v>5281</v>
      </c>
      <c r="D5315" cm="1">
        <f t="array" ref="D5315">IFERROR(INDEX(Jesper!AH$2:AH$366,ROUNDDOWN($C5315/24,0)+1,1)*INDEX($D$3:$AA$30,INDEX(Jesper!$R$2:$R$366,ROW(INDEX(Jesper!AH$2:AH$366,ROUNDDOWN($C5315/24,0)+1,1))-1)+IF('Standard Profiles'!$G$18=$B$10,7,0)+IF('Standard Profiles'!$G$18=$B$17,14,0)+IF('Standard Profiles'!$G$18=$B$24,21,0),MOD($C5315,24)+1)/SUM(INDEX($D$3:$AA$30,INDEX(Jesper!$R$2:$R$366,ROW(INDEX(Jesper!AH$2:AH$366,ROUNDDOWN($C5315/24,0)+1,1))-1)+IF('Standard Profiles'!$G$18=$B$10,7,0)+IF('Standard Profiles'!$G$18=$B$17,14,0)+IF('Standard Profiles'!$G$18=$B$24,21,0),0)),0)</f>
        <v>5.4983550191845225</v>
      </c>
      <c r="E5315" cm="1">
        <f t="array" ref="E5315">IFERROR(INDEX(Jesper!AI$2:AI$366,ROUNDDOWN($C5315/24,0)+1,1)*INDEX($D$3:$AA$30,INDEX(Jesper!$R$2:$R$366,ROW(INDEX(Jesper!AI$2:AI$366,ROUNDDOWN($C5315/24,0)+1,1))-1)+IF('Standard Profiles'!$G$19=$B$10,7,0)+IF('Standard Profiles'!$G$19=$B$17,14,0)+IF('Standard Profiles'!$G$19=$B$24,21,0),MOD($C5315,24)+1)/SUM(INDEX($D$3:$AA$30,INDEX(Jesper!$R$2:$R$366,ROW(INDEX(Jesper!AI$2:AI$366,ROUNDDOWN($C5315/24,0)+1,1))-1)+IF('Standard Profiles'!$G$19=$B$10,7,0)+IF('Standard Profiles'!$G$19=$B$17,14,0)+IF('Standard Profiles'!$G$19=$B$24,21,0),0)),0)</f>
        <v>2.552101985633449</v>
      </c>
      <c r="F5315" cm="1">
        <f t="array" ref="F5315">IFERROR(INDEX(Jesper!AJ$2:AJ$366,ROUNDDOWN($C5315/24,0)+1,1)*INDEX($D$3:$AA$30,INDEX(Jesper!$R$2:$R$366,ROW(INDEX(Jesper!AJ$2:AJ$366,ROUNDDOWN($C5315/24,0)+1,1))-1)+IF('Standard Profiles'!$G$20=$B$10,7,0)+IF('Standard Profiles'!$G$20=$B$17,14,0)+IF('Standard Profiles'!$G$20=$B$24,21,0),MOD($C5315,24)+1)/SUM(INDEX($D$3:$AA$30,INDEX(Jesper!$R$2:$R$366,ROW(INDEX(Jesper!AJ$2:AJ$366,ROUNDDOWN($C5315/24,0)+1,1))-1)+IF('Standard Profiles'!$G$20=$B$10,7,0)+IF('Standard Profiles'!$G$20=$B$17,14,0)+IF('Standard Profiles'!$G$20=$B$24,21,0),0)),0)</f>
        <v>0</v>
      </c>
      <c r="G5315" cm="1">
        <f t="array" ref="G5315">IFERROR(INDEX(Jesper!AK$2:AK$366,ROUNDDOWN($C5315/24,0)+1,1)*INDEX($D$3:$AA$30,INDEX(Jesper!$R$2:$R$366,ROW(INDEX(Jesper!AK$2:AK$366,ROUNDDOWN($C5315/24,0)+1,1))-1)+IF('Standard Profiles'!$G$21=$B$10,7,0)+IF('Standard Profiles'!$G$21=$B$17,14,0)+IF('Standard Profiles'!$G$21=$B$24,21,0),MOD($C5315,24)+1)/SUM(INDEX($D$3:$AA$30,INDEX(Jesper!$R$2:$R$366,ROW(INDEX(Jesper!AK$2:AK$366,ROUNDDOWN($C5315/24,0)+1,1))-1)+IF('Standard Profiles'!$G$21=$B$10,7,0)+IF('Standard Profiles'!$G$21=$B$17,14,0)+IF('Standard Profiles'!$G$21=$B$24,21,0),0)),0)</f>
        <v>0.61458606924287551</v>
      </c>
      <c r="H5315" cm="1">
        <f t="array" ref="H5315">IFERROR(INDEX(Jesper!AL$2:AL$366,ROUNDDOWN($C5315/24,0)+1,1)*INDEX($D$3:$AA$30,INDEX(Jesper!$R$2:$R$366,ROW(INDEX(Jesper!AL$2:AL$366,ROUNDDOWN($C5315/24,0)+1,1))-1)+IF('Standard Profiles'!$G$22=$B$10,7,0)+IF('Standard Profiles'!$G$22=$B$17,14,0)+IF('Standard Profiles'!$G$22=$B$24,21,0),MOD($C5315,24)+1)/SUM(INDEX($D$3:$AA$30,INDEX(Jesper!$R$2:$R$366,ROW(INDEX(Jesper!AL$2:AL$366,ROUNDDOWN($C5315/24,0)+1,1))-1)+IF('Standard Profiles'!$G$22=$B$10,7,0)+IF('Standard Profiles'!$G$22=$B$17,14,0)+IF('Standard Profiles'!$G$22=$B$24,21,0),0)),0)</f>
        <v>0</v>
      </c>
      <c r="I5315">
        <f t="shared" si="594"/>
        <v>0.29500131323658008</v>
      </c>
      <c r="J5315">
        <f t="shared" si="595"/>
        <v>7.4903049577547431</v>
      </c>
      <c r="K5315">
        <f t="shared" si="596"/>
        <v>0.58649120204634908</v>
      </c>
      <c r="L5315">
        <f t="shared" si="597"/>
        <v>0.29324560102317454</v>
      </c>
      <c r="M5315">
        <f t="shared" si="598"/>
        <v>0</v>
      </c>
      <c r="N5315" s="45">
        <f t="shared" si="599"/>
        <v>45147.041666653859</v>
      </c>
    </row>
    <row r="5316" spans="2:14" x14ac:dyDescent="0.25">
      <c r="B5316">
        <f t="shared" si="593"/>
        <v>3</v>
      </c>
      <c r="C5316" s="16">
        <v>5282</v>
      </c>
      <c r="D5316" cm="1">
        <f t="array" ref="D5316">IFERROR(INDEX(Jesper!AH$2:AH$366,ROUNDDOWN($C5316/24,0)+1,1)*INDEX($D$3:$AA$30,INDEX(Jesper!$R$2:$R$366,ROW(INDEX(Jesper!AH$2:AH$366,ROUNDDOWN($C5316/24,0)+1,1))-1)+IF('Standard Profiles'!$G$18=$B$10,7,0)+IF('Standard Profiles'!$G$18=$B$17,14,0)+IF('Standard Profiles'!$G$18=$B$24,21,0),MOD($C5316,24)+1)/SUM(INDEX($D$3:$AA$30,INDEX(Jesper!$R$2:$R$366,ROW(INDEX(Jesper!AH$2:AH$366,ROUNDDOWN($C5316/24,0)+1,1))-1)+IF('Standard Profiles'!$G$18=$B$10,7,0)+IF('Standard Profiles'!$G$18=$B$17,14,0)+IF('Standard Profiles'!$G$18=$B$24,21,0),0)),0)</f>
        <v>5.4983550191845225</v>
      </c>
      <c r="E5316" cm="1">
        <f t="array" ref="E5316">IFERROR(INDEX(Jesper!AI$2:AI$366,ROUNDDOWN($C5316/24,0)+1,1)*INDEX($D$3:$AA$30,INDEX(Jesper!$R$2:$R$366,ROW(INDEX(Jesper!AI$2:AI$366,ROUNDDOWN($C5316/24,0)+1,1))-1)+IF('Standard Profiles'!$G$19=$B$10,7,0)+IF('Standard Profiles'!$G$19=$B$17,14,0)+IF('Standard Profiles'!$G$19=$B$24,21,0),MOD($C5316,24)+1)/SUM(INDEX($D$3:$AA$30,INDEX(Jesper!$R$2:$R$366,ROW(INDEX(Jesper!AI$2:AI$366,ROUNDDOWN($C5316/24,0)+1,1))-1)+IF('Standard Profiles'!$G$19=$B$10,7,0)+IF('Standard Profiles'!$G$19=$B$17,14,0)+IF('Standard Profiles'!$G$19=$B$24,21,0),0)),0)</f>
        <v>2.552101985633449</v>
      </c>
      <c r="F5316" cm="1">
        <f t="array" ref="F5316">IFERROR(INDEX(Jesper!AJ$2:AJ$366,ROUNDDOWN($C5316/24,0)+1,1)*INDEX($D$3:$AA$30,INDEX(Jesper!$R$2:$R$366,ROW(INDEX(Jesper!AJ$2:AJ$366,ROUNDDOWN($C5316/24,0)+1,1))-1)+IF('Standard Profiles'!$G$20=$B$10,7,0)+IF('Standard Profiles'!$G$20=$B$17,14,0)+IF('Standard Profiles'!$G$20=$B$24,21,0),MOD($C5316,24)+1)/SUM(INDEX($D$3:$AA$30,INDEX(Jesper!$R$2:$R$366,ROW(INDEX(Jesper!AJ$2:AJ$366,ROUNDDOWN($C5316/24,0)+1,1))-1)+IF('Standard Profiles'!$G$20=$B$10,7,0)+IF('Standard Profiles'!$G$20=$B$17,14,0)+IF('Standard Profiles'!$G$20=$B$24,21,0),0)),0)</f>
        <v>0</v>
      </c>
      <c r="G5316" cm="1">
        <f t="array" ref="G5316">IFERROR(INDEX(Jesper!AK$2:AK$366,ROUNDDOWN($C5316/24,0)+1,1)*INDEX($D$3:$AA$30,INDEX(Jesper!$R$2:$R$366,ROW(INDEX(Jesper!AK$2:AK$366,ROUNDDOWN($C5316/24,0)+1,1))-1)+IF('Standard Profiles'!$G$21=$B$10,7,0)+IF('Standard Profiles'!$G$21=$B$17,14,0)+IF('Standard Profiles'!$G$21=$B$24,21,0),MOD($C5316,24)+1)/SUM(INDEX($D$3:$AA$30,INDEX(Jesper!$R$2:$R$366,ROW(INDEX(Jesper!AK$2:AK$366,ROUNDDOWN($C5316/24,0)+1,1))-1)+IF('Standard Profiles'!$G$21=$B$10,7,0)+IF('Standard Profiles'!$G$21=$B$17,14,0)+IF('Standard Profiles'!$G$21=$B$24,21,0),0)),0)</f>
        <v>0.61458606924287551</v>
      </c>
      <c r="H5316" cm="1">
        <f t="array" ref="H5316">IFERROR(INDEX(Jesper!AL$2:AL$366,ROUNDDOWN($C5316/24,0)+1,1)*INDEX($D$3:$AA$30,INDEX(Jesper!$R$2:$R$366,ROW(INDEX(Jesper!AL$2:AL$366,ROUNDDOWN($C5316/24,0)+1,1))-1)+IF('Standard Profiles'!$G$22=$B$10,7,0)+IF('Standard Profiles'!$G$22=$B$17,14,0)+IF('Standard Profiles'!$G$22=$B$24,21,0),MOD($C5316,24)+1)/SUM(INDEX($D$3:$AA$30,INDEX(Jesper!$R$2:$R$366,ROW(INDEX(Jesper!AL$2:AL$366,ROUNDDOWN($C5316/24,0)+1,1))-1)+IF('Standard Profiles'!$G$22=$B$10,7,0)+IF('Standard Profiles'!$G$22=$B$17,14,0)+IF('Standard Profiles'!$G$22=$B$24,21,0),0)),0)</f>
        <v>0</v>
      </c>
      <c r="I5316">
        <f t="shared" si="594"/>
        <v>0.29500131323658008</v>
      </c>
      <c r="J5316">
        <f t="shared" si="595"/>
        <v>7.4903049577547431</v>
      </c>
      <c r="K5316">
        <f t="shared" si="596"/>
        <v>0.58649120204634908</v>
      </c>
      <c r="L5316">
        <f t="shared" si="597"/>
        <v>0.29324560102317454</v>
      </c>
      <c r="M5316">
        <f t="shared" si="598"/>
        <v>0</v>
      </c>
      <c r="N5316" s="45">
        <f t="shared" si="599"/>
        <v>45147.083333320523</v>
      </c>
    </row>
    <row r="5317" spans="2:14" x14ac:dyDescent="0.25">
      <c r="B5317">
        <f t="shared" si="593"/>
        <v>3</v>
      </c>
      <c r="C5317" s="16">
        <v>5283</v>
      </c>
      <c r="D5317" cm="1">
        <f t="array" ref="D5317">IFERROR(INDEX(Jesper!AH$2:AH$366,ROUNDDOWN($C5317/24,0)+1,1)*INDEX($D$3:$AA$30,INDEX(Jesper!$R$2:$R$366,ROW(INDEX(Jesper!AH$2:AH$366,ROUNDDOWN($C5317/24,0)+1,1))-1)+IF('Standard Profiles'!$G$18=$B$10,7,0)+IF('Standard Profiles'!$G$18=$B$17,14,0)+IF('Standard Profiles'!$G$18=$B$24,21,0),MOD($C5317,24)+1)/SUM(INDEX($D$3:$AA$30,INDEX(Jesper!$R$2:$R$366,ROW(INDEX(Jesper!AH$2:AH$366,ROUNDDOWN($C5317/24,0)+1,1))-1)+IF('Standard Profiles'!$G$18=$B$10,7,0)+IF('Standard Profiles'!$G$18=$B$17,14,0)+IF('Standard Profiles'!$G$18=$B$24,21,0),0)),0)</f>
        <v>5.4983550191845225</v>
      </c>
      <c r="E5317" cm="1">
        <f t="array" ref="E5317">IFERROR(INDEX(Jesper!AI$2:AI$366,ROUNDDOWN($C5317/24,0)+1,1)*INDEX($D$3:$AA$30,INDEX(Jesper!$R$2:$R$366,ROW(INDEX(Jesper!AI$2:AI$366,ROUNDDOWN($C5317/24,0)+1,1))-1)+IF('Standard Profiles'!$G$19=$B$10,7,0)+IF('Standard Profiles'!$G$19=$B$17,14,0)+IF('Standard Profiles'!$G$19=$B$24,21,0),MOD($C5317,24)+1)/SUM(INDEX($D$3:$AA$30,INDEX(Jesper!$R$2:$R$366,ROW(INDEX(Jesper!AI$2:AI$366,ROUNDDOWN($C5317/24,0)+1,1))-1)+IF('Standard Profiles'!$G$19=$B$10,7,0)+IF('Standard Profiles'!$G$19=$B$17,14,0)+IF('Standard Profiles'!$G$19=$B$24,21,0),0)),0)</f>
        <v>2.552101985633449</v>
      </c>
      <c r="F5317" cm="1">
        <f t="array" ref="F5317">IFERROR(INDEX(Jesper!AJ$2:AJ$366,ROUNDDOWN($C5317/24,0)+1,1)*INDEX($D$3:$AA$30,INDEX(Jesper!$R$2:$R$366,ROW(INDEX(Jesper!AJ$2:AJ$366,ROUNDDOWN($C5317/24,0)+1,1))-1)+IF('Standard Profiles'!$G$20=$B$10,7,0)+IF('Standard Profiles'!$G$20=$B$17,14,0)+IF('Standard Profiles'!$G$20=$B$24,21,0),MOD($C5317,24)+1)/SUM(INDEX($D$3:$AA$30,INDEX(Jesper!$R$2:$R$366,ROW(INDEX(Jesper!AJ$2:AJ$366,ROUNDDOWN($C5317/24,0)+1,1))-1)+IF('Standard Profiles'!$G$20=$B$10,7,0)+IF('Standard Profiles'!$G$20=$B$17,14,0)+IF('Standard Profiles'!$G$20=$B$24,21,0),0)),0)</f>
        <v>0</v>
      </c>
      <c r="G5317" cm="1">
        <f t="array" ref="G5317">IFERROR(INDEX(Jesper!AK$2:AK$366,ROUNDDOWN($C5317/24,0)+1,1)*INDEX($D$3:$AA$30,INDEX(Jesper!$R$2:$R$366,ROW(INDEX(Jesper!AK$2:AK$366,ROUNDDOWN($C5317/24,0)+1,1))-1)+IF('Standard Profiles'!$G$21=$B$10,7,0)+IF('Standard Profiles'!$G$21=$B$17,14,0)+IF('Standard Profiles'!$G$21=$B$24,21,0),MOD($C5317,24)+1)/SUM(INDEX($D$3:$AA$30,INDEX(Jesper!$R$2:$R$366,ROW(INDEX(Jesper!AK$2:AK$366,ROUNDDOWN($C5317/24,0)+1,1))-1)+IF('Standard Profiles'!$G$21=$B$10,7,0)+IF('Standard Profiles'!$G$21=$B$17,14,0)+IF('Standard Profiles'!$G$21=$B$24,21,0),0)),0)</f>
        <v>0.61458606924287551</v>
      </c>
      <c r="H5317" cm="1">
        <f t="array" ref="H5317">IFERROR(INDEX(Jesper!AL$2:AL$366,ROUNDDOWN($C5317/24,0)+1,1)*INDEX($D$3:$AA$30,INDEX(Jesper!$R$2:$R$366,ROW(INDEX(Jesper!AL$2:AL$366,ROUNDDOWN($C5317/24,0)+1,1))-1)+IF('Standard Profiles'!$G$22=$B$10,7,0)+IF('Standard Profiles'!$G$22=$B$17,14,0)+IF('Standard Profiles'!$G$22=$B$24,21,0),MOD($C5317,24)+1)/SUM(INDEX($D$3:$AA$30,INDEX(Jesper!$R$2:$R$366,ROW(INDEX(Jesper!AL$2:AL$366,ROUNDDOWN($C5317/24,0)+1,1))-1)+IF('Standard Profiles'!$G$22=$B$10,7,0)+IF('Standard Profiles'!$G$22=$B$17,14,0)+IF('Standard Profiles'!$G$22=$B$24,21,0),0)),0)</f>
        <v>0</v>
      </c>
      <c r="I5317">
        <f t="shared" si="594"/>
        <v>0.29500131323658008</v>
      </c>
      <c r="J5317">
        <f t="shared" si="595"/>
        <v>7.4903049577547431</v>
      </c>
      <c r="K5317">
        <f t="shared" si="596"/>
        <v>0.58649120204634908</v>
      </c>
      <c r="L5317">
        <f t="shared" si="597"/>
        <v>0.29324560102317454</v>
      </c>
      <c r="M5317">
        <f t="shared" si="598"/>
        <v>0</v>
      </c>
      <c r="N5317" s="45">
        <f t="shared" si="599"/>
        <v>45147.124999987187</v>
      </c>
    </row>
    <row r="5318" spans="2:14" x14ac:dyDescent="0.25">
      <c r="B5318">
        <f t="shared" si="593"/>
        <v>3</v>
      </c>
      <c r="C5318" s="16">
        <v>5284</v>
      </c>
      <c r="D5318" cm="1">
        <f t="array" ref="D5318">IFERROR(INDEX(Jesper!AH$2:AH$366,ROUNDDOWN($C5318/24,0)+1,1)*INDEX($D$3:$AA$30,INDEX(Jesper!$R$2:$R$366,ROW(INDEX(Jesper!AH$2:AH$366,ROUNDDOWN($C5318/24,0)+1,1))-1)+IF('Standard Profiles'!$G$18=$B$10,7,0)+IF('Standard Profiles'!$G$18=$B$17,14,0)+IF('Standard Profiles'!$G$18=$B$24,21,0),MOD($C5318,24)+1)/SUM(INDEX($D$3:$AA$30,INDEX(Jesper!$R$2:$R$366,ROW(INDEX(Jesper!AH$2:AH$366,ROUNDDOWN($C5318/24,0)+1,1))-1)+IF('Standard Profiles'!$G$18=$B$10,7,0)+IF('Standard Profiles'!$G$18=$B$17,14,0)+IF('Standard Profiles'!$G$18=$B$24,21,0),0)),0)</f>
        <v>5.4983550191845225</v>
      </c>
      <c r="E5318" cm="1">
        <f t="array" ref="E5318">IFERROR(INDEX(Jesper!AI$2:AI$366,ROUNDDOWN($C5318/24,0)+1,1)*INDEX($D$3:$AA$30,INDEX(Jesper!$R$2:$R$366,ROW(INDEX(Jesper!AI$2:AI$366,ROUNDDOWN($C5318/24,0)+1,1))-1)+IF('Standard Profiles'!$G$19=$B$10,7,0)+IF('Standard Profiles'!$G$19=$B$17,14,0)+IF('Standard Profiles'!$G$19=$B$24,21,0),MOD($C5318,24)+1)/SUM(INDEX($D$3:$AA$30,INDEX(Jesper!$R$2:$R$366,ROW(INDEX(Jesper!AI$2:AI$366,ROUNDDOWN($C5318/24,0)+1,1))-1)+IF('Standard Profiles'!$G$19=$B$10,7,0)+IF('Standard Profiles'!$G$19=$B$17,14,0)+IF('Standard Profiles'!$G$19=$B$24,21,0),0)),0)</f>
        <v>2.552101985633449</v>
      </c>
      <c r="F5318" cm="1">
        <f t="array" ref="F5318">IFERROR(INDEX(Jesper!AJ$2:AJ$366,ROUNDDOWN($C5318/24,0)+1,1)*INDEX($D$3:$AA$30,INDEX(Jesper!$R$2:$R$366,ROW(INDEX(Jesper!AJ$2:AJ$366,ROUNDDOWN($C5318/24,0)+1,1))-1)+IF('Standard Profiles'!$G$20=$B$10,7,0)+IF('Standard Profiles'!$G$20=$B$17,14,0)+IF('Standard Profiles'!$G$20=$B$24,21,0),MOD($C5318,24)+1)/SUM(INDEX($D$3:$AA$30,INDEX(Jesper!$R$2:$R$366,ROW(INDEX(Jesper!AJ$2:AJ$366,ROUNDDOWN($C5318/24,0)+1,1))-1)+IF('Standard Profiles'!$G$20=$B$10,7,0)+IF('Standard Profiles'!$G$20=$B$17,14,0)+IF('Standard Profiles'!$G$20=$B$24,21,0),0)),0)</f>
        <v>0</v>
      </c>
      <c r="G5318" cm="1">
        <f t="array" ref="G5318">IFERROR(INDEX(Jesper!AK$2:AK$366,ROUNDDOWN($C5318/24,0)+1,1)*INDEX($D$3:$AA$30,INDEX(Jesper!$R$2:$R$366,ROW(INDEX(Jesper!AK$2:AK$366,ROUNDDOWN($C5318/24,0)+1,1))-1)+IF('Standard Profiles'!$G$21=$B$10,7,0)+IF('Standard Profiles'!$G$21=$B$17,14,0)+IF('Standard Profiles'!$G$21=$B$24,21,0),MOD($C5318,24)+1)/SUM(INDEX($D$3:$AA$30,INDEX(Jesper!$R$2:$R$366,ROW(INDEX(Jesper!AK$2:AK$366,ROUNDDOWN($C5318/24,0)+1,1))-1)+IF('Standard Profiles'!$G$21=$B$10,7,0)+IF('Standard Profiles'!$G$21=$B$17,14,0)+IF('Standard Profiles'!$G$21=$B$24,21,0),0)),0)</f>
        <v>0.61458606924287551</v>
      </c>
      <c r="H5318" cm="1">
        <f t="array" ref="H5318">IFERROR(INDEX(Jesper!AL$2:AL$366,ROUNDDOWN($C5318/24,0)+1,1)*INDEX($D$3:$AA$30,INDEX(Jesper!$R$2:$R$366,ROW(INDEX(Jesper!AL$2:AL$366,ROUNDDOWN($C5318/24,0)+1,1))-1)+IF('Standard Profiles'!$G$22=$B$10,7,0)+IF('Standard Profiles'!$G$22=$B$17,14,0)+IF('Standard Profiles'!$G$22=$B$24,21,0),MOD($C5318,24)+1)/SUM(INDEX($D$3:$AA$30,INDEX(Jesper!$R$2:$R$366,ROW(INDEX(Jesper!AL$2:AL$366,ROUNDDOWN($C5318/24,0)+1,1))-1)+IF('Standard Profiles'!$G$22=$B$10,7,0)+IF('Standard Profiles'!$G$22=$B$17,14,0)+IF('Standard Profiles'!$G$22=$B$24,21,0),0)),0)</f>
        <v>0</v>
      </c>
      <c r="I5318">
        <f t="shared" si="594"/>
        <v>0.29500131323658008</v>
      </c>
      <c r="J5318">
        <f t="shared" si="595"/>
        <v>7.4903049577547431</v>
      </c>
      <c r="K5318">
        <f t="shared" si="596"/>
        <v>0.58649120204634908</v>
      </c>
      <c r="L5318">
        <f t="shared" si="597"/>
        <v>0.29324560102317454</v>
      </c>
      <c r="M5318">
        <f t="shared" si="598"/>
        <v>0</v>
      </c>
      <c r="N5318" s="45">
        <f t="shared" si="599"/>
        <v>45147.166666653851</v>
      </c>
    </row>
    <row r="5319" spans="2:14" x14ac:dyDescent="0.25">
      <c r="B5319">
        <f t="shared" si="593"/>
        <v>3</v>
      </c>
      <c r="C5319" s="16">
        <v>5285</v>
      </c>
      <c r="D5319" cm="1">
        <f t="array" ref="D5319">IFERROR(INDEX(Jesper!AH$2:AH$366,ROUNDDOWN($C5319/24,0)+1,1)*INDEX($D$3:$AA$30,INDEX(Jesper!$R$2:$R$366,ROW(INDEX(Jesper!AH$2:AH$366,ROUNDDOWN($C5319/24,0)+1,1))-1)+IF('Standard Profiles'!$G$18=$B$10,7,0)+IF('Standard Profiles'!$G$18=$B$17,14,0)+IF('Standard Profiles'!$G$18=$B$24,21,0),MOD($C5319,24)+1)/SUM(INDEX($D$3:$AA$30,INDEX(Jesper!$R$2:$R$366,ROW(INDEX(Jesper!AH$2:AH$366,ROUNDDOWN($C5319/24,0)+1,1))-1)+IF('Standard Profiles'!$G$18=$B$10,7,0)+IF('Standard Profiles'!$G$18=$B$17,14,0)+IF('Standard Profiles'!$G$18=$B$24,21,0),0)),0)</f>
        <v>5.4983550191845225</v>
      </c>
      <c r="E5319" cm="1">
        <f t="array" ref="E5319">IFERROR(INDEX(Jesper!AI$2:AI$366,ROUNDDOWN($C5319/24,0)+1,1)*INDEX($D$3:$AA$30,INDEX(Jesper!$R$2:$R$366,ROW(INDEX(Jesper!AI$2:AI$366,ROUNDDOWN($C5319/24,0)+1,1))-1)+IF('Standard Profiles'!$G$19=$B$10,7,0)+IF('Standard Profiles'!$G$19=$B$17,14,0)+IF('Standard Profiles'!$G$19=$B$24,21,0),MOD($C5319,24)+1)/SUM(INDEX($D$3:$AA$30,INDEX(Jesper!$R$2:$R$366,ROW(INDEX(Jesper!AI$2:AI$366,ROUNDDOWN($C5319/24,0)+1,1))-1)+IF('Standard Profiles'!$G$19=$B$10,7,0)+IF('Standard Profiles'!$G$19=$B$17,14,0)+IF('Standard Profiles'!$G$19=$B$24,21,0),0)),0)</f>
        <v>2.552101985633449</v>
      </c>
      <c r="F5319" cm="1">
        <f t="array" ref="F5319">IFERROR(INDEX(Jesper!AJ$2:AJ$366,ROUNDDOWN($C5319/24,0)+1,1)*INDEX($D$3:$AA$30,INDEX(Jesper!$R$2:$R$366,ROW(INDEX(Jesper!AJ$2:AJ$366,ROUNDDOWN($C5319/24,0)+1,1))-1)+IF('Standard Profiles'!$G$20=$B$10,7,0)+IF('Standard Profiles'!$G$20=$B$17,14,0)+IF('Standard Profiles'!$G$20=$B$24,21,0),MOD($C5319,24)+1)/SUM(INDEX($D$3:$AA$30,INDEX(Jesper!$R$2:$R$366,ROW(INDEX(Jesper!AJ$2:AJ$366,ROUNDDOWN($C5319/24,0)+1,1))-1)+IF('Standard Profiles'!$G$20=$B$10,7,0)+IF('Standard Profiles'!$G$20=$B$17,14,0)+IF('Standard Profiles'!$G$20=$B$24,21,0),0)),0)</f>
        <v>0</v>
      </c>
      <c r="G5319" cm="1">
        <f t="array" ref="G5319">IFERROR(INDEX(Jesper!AK$2:AK$366,ROUNDDOWN($C5319/24,0)+1,1)*INDEX($D$3:$AA$30,INDEX(Jesper!$R$2:$R$366,ROW(INDEX(Jesper!AK$2:AK$366,ROUNDDOWN($C5319/24,0)+1,1))-1)+IF('Standard Profiles'!$G$21=$B$10,7,0)+IF('Standard Profiles'!$G$21=$B$17,14,0)+IF('Standard Profiles'!$G$21=$B$24,21,0),MOD($C5319,24)+1)/SUM(INDEX($D$3:$AA$30,INDEX(Jesper!$R$2:$R$366,ROW(INDEX(Jesper!AK$2:AK$366,ROUNDDOWN($C5319/24,0)+1,1))-1)+IF('Standard Profiles'!$G$21=$B$10,7,0)+IF('Standard Profiles'!$G$21=$B$17,14,0)+IF('Standard Profiles'!$G$21=$B$24,21,0),0)),0)</f>
        <v>0.61458606924287551</v>
      </c>
      <c r="H5319" cm="1">
        <f t="array" ref="H5319">IFERROR(INDEX(Jesper!AL$2:AL$366,ROUNDDOWN($C5319/24,0)+1,1)*INDEX($D$3:$AA$30,INDEX(Jesper!$R$2:$R$366,ROW(INDEX(Jesper!AL$2:AL$366,ROUNDDOWN($C5319/24,0)+1,1))-1)+IF('Standard Profiles'!$G$22=$B$10,7,0)+IF('Standard Profiles'!$G$22=$B$17,14,0)+IF('Standard Profiles'!$G$22=$B$24,21,0),MOD($C5319,24)+1)/SUM(INDEX($D$3:$AA$30,INDEX(Jesper!$R$2:$R$366,ROW(INDEX(Jesper!AL$2:AL$366,ROUNDDOWN($C5319/24,0)+1,1))-1)+IF('Standard Profiles'!$G$22=$B$10,7,0)+IF('Standard Profiles'!$G$22=$B$17,14,0)+IF('Standard Profiles'!$G$22=$B$24,21,0),0)),0)</f>
        <v>0</v>
      </c>
      <c r="I5319">
        <f t="shared" si="594"/>
        <v>0.29500131323658008</v>
      </c>
      <c r="J5319">
        <f t="shared" si="595"/>
        <v>7.4903049577547431</v>
      </c>
      <c r="K5319">
        <f t="shared" si="596"/>
        <v>0.58649120204634908</v>
      </c>
      <c r="L5319">
        <f t="shared" si="597"/>
        <v>0.29324560102317454</v>
      </c>
      <c r="M5319">
        <f t="shared" si="598"/>
        <v>0</v>
      </c>
      <c r="N5319" s="45">
        <f t="shared" si="599"/>
        <v>45147.208333320516</v>
      </c>
    </row>
    <row r="5320" spans="2:14" x14ac:dyDescent="0.25">
      <c r="B5320">
        <f t="shared" si="593"/>
        <v>3</v>
      </c>
      <c r="C5320" s="16">
        <v>5286</v>
      </c>
      <c r="D5320" cm="1">
        <f t="array" ref="D5320">IFERROR(INDEX(Jesper!AH$2:AH$366,ROUNDDOWN($C5320/24,0)+1,1)*INDEX($D$3:$AA$30,INDEX(Jesper!$R$2:$R$366,ROW(INDEX(Jesper!AH$2:AH$366,ROUNDDOWN($C5320/24,0)+1,1))-1)+IF('Standard Profiles'!$G$18=$B$10,7,0)+IF('Standard Profiles'!$G$18=$B$17,14,0)+IF('Standard Profiles'!$G$18=$B$24,21,0),MOD($C5320,24)+1)/SUM(INDEX($D$3:$AA$30,INDEX(Jesper!$R$2:$R$366,ROW(INDEX(Jesper!AH$2:AH$366,ROUNDDOWN($C5320/24,0)+1,1))-1)+IF('Standard Profiles'!$G$18=$B$10,7,0)+IF('Standard Profiles'!$G$18=$B$17,14,0)+IF('Standard Profiles'!$G$18=$B$24,21,0),0)),0)</f>
        <v>5.4983550191845225</v>
      </c>
      <c r="E5320" cm="1">
        <f t="array" ref="E5320">IFERROR(INDEX(Jesper!AI$2:AI$366,ROUNDDOWN($C5320/24,0)+1,1)*INDEX($D$3:$AA$30,INDEX(Jesper!$R$2:$R$366,ROW(INDEX(Jesper!AI$2:AI$366,ROUNDDOWN($C5320/24,0)+1,1))-1)+IF('Standard Profiles'!$G$19=$B$10,7,0)+IF('Standard Profiles'!$G$19=$B$17,14,0)+IF('Standard Profiles'!$G$19=$B$24,21,0),MOD($C5320,24)+1)/SUM(INDEX($D$3:$AA$30,INDEX(Jesper!$R$2:$R$366,ROW(INDEX(Jesper!AI$2:AI$366,ROUNDDOWN($C5320/24,0)+1,1))-1)+IF('Standard Profiles'!$G$19=$B$10,7,0)+IF('Standard Profiles'!$G$19=$B$17,14,0)+IF('Standard Profiles'!$G$19=$B$24,21,0),0)),0)</f>
        <v>2.552101985633449</v>
      </c>
      <c r="F5320" cm="1">
        <f t="array" ref="F5320">IFERROR(INDEX(Jesper!AJ$2:AJ$366,ROUNDDOWN($C5320/24,0)+1,1)*INDEX($D$3:$AA$30,INDEX(Jesper!$R$2:$R$366,ROW(INDEX(Jesper!AJ$2:AJ$366,ROUNDDOWN($C5320/24,0)+1,1))-1)+IF('Standard Profiles'!$G$20=$B$10,7,0)+IF('Standard Profiles'!$G$20=$B$17,14,0)+IF('Standard Profiles'!$G$20=$B$24,21,0),MOD($C5320,24)+1)/SUM(INDEX($D$3:$AA$30,INDEX(Jesper!$R$2:$R$366,ROW(INDEX(Jesper!AJ$2:AJ$366,ROUNDDOWN($C5320/24,0)+1,1))-1)+IF('Standard Profiles'!$G$20=$B$10,7,0)+IF('Standard Profiles'!$G$20=$B$17,14,0)+IF('Standard Profiles'!$G$20=$B$24,21,0),0)),0)</f>
        <v>0</v>
      </c>
      <c r="G5320" cm="1">
        <f t="array" ref="G5320">IFERROR(INDEX(Jesper!AK$2:AK$366,ROUNDDOWN($C5320/24,0)+1,1)*INDEX($D$3:$AA$30,INDEX(Jesper!$R$2:$R$366,ROW(INDEX(Jesper!AK$2:AK$366,ROUNDDOWN($C5320/24,0)+1,1))-1)+IF('Standard Profiles'!$G$21=$B$10,7,0)+IF('Standard Profiles'!$G$21=$B$17,14,0)+IF('Standard Profiles'!$G$21=$B$24,21,0),MOD($C5320,24)+1)/SUM(INDEX($D$3:$AA$30,INDEX(Jesper!$R$2:$R$366,ROW(INDEX(Jesper!AK$2:AK$366,ROUNDDOWN($C5320/24,0)+1,1))-1)+IF('Standard Profiles'!$G$21=$B$10,7,0)+IF('Standard Profiles'!$G$21=$B$17,14,0)+IF('Standard Profiles'!$G$21=$B$24,21,0),0)),0)</f>
        <v>0.61458606924287551</v>
      </c>
      <c r="H5320" cm="1">
        <f t="array" ref="H5320">IFERROR(INDEX(Jesper!AL$2:AL$366,ROUNDDOWN($C5320/24,0)+1,1)*INDEX($D$3:$AA$30,INDEX(Jesper!$R$2:$R$366,ROW(INDEX(Jesper!AL$2:AL$366,ROUNDDOWN($C5320/24,0)+1,1))-1)+IF('Standard Profiles'!$G$22=$B$10,7,0)+IF('Standard Profiles'!$G$22=$B$17,14,0)+IF('Standard Profiles'!$G$22=$B$24,21,0),MOD($C5320,24)+1)/SUM(INDEX($D$3:$AA$30,INDEX(Jesper!$R$2:$R$366,ROW(INDEX(Jesper!AL$2:AL$366,ROUNDDOWN($C5320/24,0)+1,1))-1)+IF('Standard Profiles'!$G$22=$B$10,7,0)+IF('Standard Profiles'!$G$22=$B$17,14,0)+IF('Standard Profiles'!$G$22=$B$24,21,0),0)),0)</f>
        <v>0</v>
      </c>
      <c r="I5320">
        <f t="shared" si="594"/>
        <v>0.29500131323658008</v>
      </c>
      <c r="J5320">
        <f t="shared" si="595"/>
        <v>7.4903049577547431</v>
      </c>
      <c r="K5320">
        <f t="shared" si="596"/>
        <v>0.58649120204634908</v>
      </c>
      <c r="L5320">
        <f t="shared" si="597"/>
        <v>0.29324560102317454</v>
      </c>
      <c r="M5320">
        <f t="shared" si="598"/>
        <v>0</v>
      </c>
      <c r="N5320" s="45">
        <f t="shared" si="599"/>
        <v>45147.24999998718</v>
      </c>
    </row>
    <row r="5321" spans="2:14" x14ac:dyDescent="0.25">
      <c r="B5321">
        <f t="shared" si="593"/>
        <v>3</v>
      </c>
      <c r="C5321" s="16">
        <v>5287</v>
      </c>
      <c r="D5321" cm="1">
        <f t="array" ref="D5321">IFERROR(INDEX(Jesper!AH$2:AH$366,ROUNDDOWN($C5321/24,0)+1,1)*INDEX($D$3:$AA$30,INDEX(Jesper!$R$2:$R$366,ROW(INDEX(Jesper!AH$2:AH$366,ROUNDDOWN($C5321/24,0)+1,1))-1)+IF('Standard Profiles'!$G$18=$B$10,7,0)+IF('Standard Profiles'!$G$18=$B$17,14,0)+IF('Standard Profiles'!$G$18=$B$24,21,0),MOD($C5321,24)+1)/SUM(INDEX($D$3:$AA$30,INDEX(Jesper!$R$2:$R$366,ROW(INDEX(Jesper!AH$2:AH$366,ROUNDDOWN($C5321/24,0)+1,1))-1)+IF('Standard Profiles'!$G$18=$B$10,7,0)+IF('Standard Profiles'!$G$18=$B$17,14,0)+IF('Standard Profiles'!$G$18=$B$24,21,0),0)),0)</f>
        <v>22.476608851151273</v>
      </c>
      <c r="E5321" cm="1">
        <f t="array" ref="E5321">IFERROR(INDEX(Jesper!AI$2:AI$366,ROUNDDOWN($C5321/24,0)+1,1)*INDEX($D$3:$AA$30,INDEX(Jesper!$R$2:$R$366,ROW(INDEX(Jesper!AI$2:AI$366,ROUNDDOWN($C5321/24,0)+1,1))-1)+IF('Standard Profiles'!$G$19=$B$10,7,0)+IF('Standard Profiles'!$G$19=$B$17,14,0)+IF('Standard Profiles'!$G$19=$B$24,21,0),MOD($C5321,24)+1)/SUM(INDEX($D$3:$AA$30,INDEX(Jesper!$R$2:$R$366,ROW(INDEX(Jesper!AI$2:AI$366,ROUNDDOWN($C5321/24,0)+1,1))-1)+IF('Standard Profiles'!$G$19=$B$10,7,0)+IF('Standard Profiles'!$G$19=$B$17,14,0)+IF('Standard Profiles'!$G$19=$B$24,21,0),0)),0)</f>
        <v>10.432683571574309</v>
      </c>
      <c r="F5321" cm="1">
        <f t="array" ref="F5321">IFERROR(INDEX(Jesper!AJ$2:AJ$366,ROUNDDOWN($C5321/24,0)+1,1)*INDEX($D$3:$AA$30,INDEX(Jesper!$R$2:$R$366,ROW(INDEX(Jesper!AJ$2:AJ$366,ROUNDDOWN($C5321/24,0)+1,1))-1)+IF('Standard Profiles'!$G$20=$B$10,7,0)+IF('Standard Profiles'!$G$20=$B$17,14,0)+IF('Standard Profiles'!$G$20=$B$24,21,0),MOD($C5321,24)+1)/SUM(INDEX($D$3:$AA$30,INDEX(Jesper!$R$2:$R$366,ROW(INDEX(Jesper!AJ$2:AJ$366,ROUNDDOWN($C5321/24,0)+1,1))-1)+IF('Standard Profiles'!$G$20=$B$10,7,0)+IF('Standard Profiles'!$G$20=$B$17,14,0)+IF('Standard Profiles'!$G$20=$B$24,21,0),0)),0)</f>
        <v>0</v>
      </c>
      <c r="G5321" cm="1">
        <f t="array" ref="G5321">IFERROR(INDEX(Jesper!AK$2:AK$366,ROUNDDOWN($C5321/24,0)+1,1)*INDEX($D$3:$AA$30,INDEX(Jesper!$R$2:$R$366,ROW(INDEX(Jesper!AK$2:AK$366,ROUNDDOWN($C5321/24,0)+1,1))-1)+IF('Standard Profiles'!$G$21=$B$10,7,0)+IF('Standard Profiles'!$G$21=$B$17,14,0)+IF('Standard Profiles'!$G$21=$B$24,21,0),MOD($C5321,24)+1)/SUM(INDEX($D$3:$AA$30,INDEX(Jesper!$R$2:$R$366,ROW(INDEX(Jesper!AK$2:AK$366,ROUNDDOWN($C5321/24,0)+1,1))-1)+IF('Standard Profiles'!$G$21=$B$10,7,0)+IF('Standard Profiles'!$G$21=$B$17,14,0)+IF('Standard Profiles'!$G$21=$B$24,21,0),0)),0)</f>
        <v>1.6931846207641219</v>
      </c>
      <c r="H5321" cm="1">
        <f t="array" ref="H5321">IFERROR(INDEX(Jesper!AL$2:AL$366,ROUNDDOWN($C5321/24,0)+1,1)*INDEX($D$3:$AA$30,INDEX(Jesper!$R$2:$R$366,ROW(INDEX(Jesper!AL$2:AL$366,ROUNDDOWN($C5321/24,0)+1,1))-1)+IF('Standard Profiles'!$G$22=$B$10,7,0)+IF('Standard Profiles'!$G$22=$B$17,14,0)+IF('Standard Profiles'!$G$22=$B$24,21,0),MOD($C5321,24)+1)/SUM(INDEX($D$3:$AA$30,INDEX(Jesper!$R$2:$R$366,ROW(INDEX(Jesper!AL$2:AL$366,ROUNDDOWN($C5321/24,0)+1,1))-1)+IF('Standard Profiles'!$G$22=$B$10,7,0)+IF('Standard Profiles'!$G$22=$B$17,14,0)+IF('Standard Profiles'!$G$22=$B$24,21,0),0)),0)</f>
        <v>0</v>
      </c>
      <c r="I5321">
        <f t="shared" si="594"/>
        <v>0.81272861796677809</v>
      </c>
      <c r="J5321">
        <f t="shared" si="595"/>
        <v>30.193491009338722</v>
      </c>
      <c r="K5321">
        <f t="shared" si="596"/>
        <v>2.3975049441228027</v>
      </c>
      <c r="L5321">
        <f t="shared" si="597"/>
        <v>1.1987524720614013</v>
      </c>
      <c r="M5321">
        <f t="shared" si="598"/>
        <v>0</v>
      </c>
      <c r="N5321" s="45">
        <f t="shared" si="599"/>
        <v>45147.291666653844</v>
      </c>
    </row>
    <row r="5322" spans="2:14" x14ac:dyDescent="0.25">
      <c r="B5322">
        <f t="shared" si="593"/>
        <v>3</v>
      </c>
      <c r="C5322" s="16">
        <v>5288</v>
      </c>
      <c r="D5322" cm="1">
        <f t="array" ref="D5322">IFERROR(INDEX(Jesper!AH$2:AH$366,ROUNDDOWN($C5322/24,0)+1,1)*INDEX($D$3:$AA$30,INDEX(Jesper!$R$2:$R$366,ROW(INDEX(Jesper!AH$2:AH$366,ROUNDDOWN($C5322/24,0)+1,1))-1)+IF('Standard Profiles'!$G$18=$B$10,7,0)+IF('Standard Profiles'!$G$18=$B$17,14,0)+IF('Standard Profiles'!$G$18=$B$24,21,0),MOD($C5322,24)+1)/SUM(INDEX($D$3:$AA$30,INDEX(Jesper!$R$2:$R$366,ROW(INDEX(Jesper!AH$2:AH$366,ROUNDDOWN($C5322/24,0)+1,1))-1)+IF('Standard Profiles'!$G$18=$B$10,7,0)+IF('Standard Profiles'!$G$18=$B$17,14,0)+IF('Standard Profiles'!$G$18=$B$24,21,0),0)),0)</f>
        <v>25.079163560231947</v>
      </c>
      <c r="E5322" cm="1">
        <f t="array" ref="E5322">IFERROR(INDEX(Jesper!AI$2:AI$366,ROUNDDOWN($C5322/24,0)+1,1)*INDEX($D$3:$AA$30,INDEX(Jesper!$R$2:$R$366,ROW(INDEX(Jesper!AI$2:AI$366,ROUNDDOWN($C5322/24,0)+1,1))-1)+IF('Standard Profiles'!$G$19=$B$10,7,0)+IF('Standard Profiles'!$G$19=$B$17,14,0)+IF('Standard Profiles'!$G$19=$B$24,21,0),MOD($C5322,24)+1)/SUM(INDEX($D$3:$AA$30,INDEX(Jesper!$R$2:$R$366,ROW(INDEX(Jesper!AI$2:AI$366,ROUNDDOWN($C5322/24,0)+1,1))-1)+IF('Standard Profiles'!$G$19=$B$10,7,0)+IF('Standard Profiles'!$G$19=$B$17,14,0)+IF('Standard Profiles'!$G$19=$B$24,21,0),0)),0)</f>
        <v>11.640678511440807</v>
      </c>
      <c r="F5322" cm="1">
        <f t="array" ref="F5322">IFERROR(INDEX(Jesper!AJ$2:AJ$366,ROUNDDOWN($C5322/24,0)+1,1)*INDEX($D$3:$AA$30,INDEX(Jesper!$R$2:$R$366,ROW(INDEX(Jesper!AJ$2:AJ$366,ROUNDDOWN($C5322/24,0)+1,1))-1)+IF('Standard Profiles'!$G$20=$B$10,7,0)+IF('Standard Profiles'!$G$20=$B$17,14,0)+IF('Standard Profiles'!$G$20=$B$24,21,0),MOD($C5322,24)+1)/SUM(INDEX($D$3:$AA$30,INDEX(Jesper!$R$2:$R$366,ROW(INDEX(Jesper!AJ$2:AJ$366,ROUNDDOWN($C5322/24,0)+1,1))-1)+IF('Standard Profiles'!$G$20=$B$10,7,0)+IF('Standard Profiles'!$G$20=$B$17,14,0)+IF('Standard Profiles'!$G$20=$B$24,21,0),0)),0)</f>
        <v>0</v>
      </c>
      <c r="G5322" cm="1">
        <f t="array" ref="G5322">IFERROR(INDEX(Jesper!AK$2:AK$366,ROUNDDOWN($C5322/24,0)+1,1)*INDEX($D$3:$AA$30,INDEX(Jesper!$R$2:$R$366,ROW(INDEX(Jesper!AK$2:AK$366,ROUNDDOWN($C5322/24,0)+1,1))-1)+IF('Standard Profiles'!$G$21=$B$10,7,0)+IF('Standard Profiles'!$G$21=$B$17,14,0)+IF('Standard Profiles'!$G$21=$B$24,21,0),MOD($C5322,24)+1)/SUM(INDEX($D$3:$AA$30,INDEX(Jesper!$R$2:$R$366,ROW(INDEX(Jesper!AK$2:AK$366,ROUNDDOWN($C5322/24,0)+1,1))-1)+IF('Standard Profiles'!$G$21=$B$10,7,0)+IF('Standard Profiles'!$G$21=$B$17,14,0)+IF('Standard Profiles'!$G$21=$B$24,21,0),0)),0)</f>
        <v>1.8892375768525991</v>
      </c>
      <c r="H5322" cm="1">
        <f t="array" ref="H5322">IFERROR(INDEX(Jesper!AL$2:AL$366,ROUNDDOWN($C5322/24,0)+1,1)*INDEX($D$3:$AA$30,INDEX(Jesper!$R$2:$R$366,ROW(INDEX(Jesper!AL$2:AL$366,ROUNDDOWN($C5322/24,0)+1,1))-1)+IF('Standard Profiles'!$G$22=$B$10,7,0)+IF('Standard Profiles'!$G$22=$B$17,14,0)+IF('Standard Profiles'!$G$22=$B$24,21,0),MOD($C5322,24)+1)/SUM(INDEX($D$3:$AA$30,INDEX(Jesper!$R$2:$R$366,ROW(INDEX(Jesper!AL$2:AL$366,ROUNDDOWN($C5322/24,0)+1,1))-1)+IF('Standard Profiles'!$G$22=$B$10,7,0)+IF('Standard Profiles'!$G$22=$B$17,14,0)+IF('Standard Profiles'!$G$22=$B$24,21,0),0)),0)</f>
        <v>0</v>
      </c>
      <c r="I5322">
        <f t="shared" si="594"/>
        <v>0.90683403688924713</v>
      </c>
      <c r="J5322">
        <f t="shared" si="595"/>
        <v>33.689579441998994</v>
      </c>
      <c r="K5322">
        <f t="shared" si="596"/>
        <v>2.6751107797580747</v>
      </c>
      <c r="L5322">
        <f t="shared" si="597"/>
        <v>1.3375553898790373</v>
      </c>
      <c r="M5322">
        <f t="shared" si="598"/>
        <v>0</v>
      </c>
      <c r="N5322" s="45">
        <f t="shared" si="599"/>
        <v>45147.333333320508</v>
      </c>
    </row>
    <row r="5323" spans="2:14" x14ac:dyDescent="0.25">
      <c r="B5323">
        <f t="shared" si="593"/>
        <v>3</v>
      </c>
      <c r="C5323" s="16">
        <v>5289</v>
      </c>
      <c r="D5323" cm="1">
        <f t="array" ref="D5323">IFERROR(INDEX(Jesper!AH$2:AH$366,ROUNDDOWN($C5323/24,0)+1,1)*INDEX($D$3:$AA$30,INDEX(Jesper!$R$2:$R$366,ROW(INDEX(Jesper!AH$2:AH$366,ROUNDDOWN($C5323/24,0)+1,1))-1)+IF('Standard Profiles'!$G$18=$B$10,7,0)+IF('Standard Profiles'!$G$18=$B$17,14,0)+IF('Standard Profiles'!$G$18=$B$24,21,0),MOD($C5323,24)+1)/SUM(INDEX($D$3:$AA$30,INDEX(Jesper!$R$2:$R$366,ROW(INDEX(Jesper!AH$2:AH$366,ROUNDDOWN($C5323/24,0)+1,1))-1)+IF('Standard Profiles'!$G$18=$B$10,7,0)+IF('Standard Profiles'!$G$18=$B$17,14,0)+IF('Standard Profiles'!$G$18=$B$24,21,0),0)),0)</f>
        <v>27.681718269312622</v>
      </c>
      <c r="E5323" cm="1">
        <f t="array" ref="E5323">IFERROR(INDEX(Jesper!AI$2:AI$366,ROUNDDOWN($C5323/24,0)+1,1)*INDEX($D$3:$AA$30,INDEX(Jesper!$R$2:$R$366,ROW(INDEX(Jesper!AI$2:AI$366,ROUNDDOWN($C5323/24,0)+1,1))-1)+IF('Standard Profiles'!$G$19=$B$10,7,0)+IF('Standard Profiles'!$G$19=$B$17,14,0)+IF('Standard Profiles'!$G$19=$B$24,21,0),MOD($C5323,24)+1)/SUM(INDEX($D$3:$AA$30,INDEX(Jesper!$R$2:$R$366,ROW(INDEX(Jesper!AI$2:AI$366,ROUNDDOWN($C5323/24,0)+1,1))-1)+IF('Standard Profiles'!$G$19=$B$10,7,0)+IF('Standard Profiles'!$G$19=$B$17,14,0)+IF('Standard Profiles'!$G$19=$B$24,21,0),0)),0)</f>
        <v>12.848673451307308</v>
      </c>
      <c r="F5323" cm="1">
        <f t="array" ref="F5323">IFERROR(INDEX(Jesper!AJ$2:AJ$366,ROUNDDOWN($C5323/24,0)+1,1)*INDEX($D$3:$AA$30,INDEX(Jesper!$R$2:$R$366,ROW(INDEX(Jesper!AJ$2:AJ$366,ROUNDDOWN($C5323/24,0)+1,1))-1)+IF('Standard Profiles'!$G$20=$B$10,7,0)+IF('Standard Profiles'!$G$20=$B$17,14,0)+IF('Standard Profiles'!$G$20=$B$24,21,0),MOD($C5323,24)+1)/SUM(INDEX($D$3:$AA$30,INDEX(Jesper!$R$2:$R$366,ROW(INDEX(Jesper!AJ$2:AJ$366,ROUNDDOWN($C5323/24,0)+1,1))-1)+IF('Standard Profiles'!$G$20=$B$10,7,0)+IF('Standard Profiles'!$G$20=$B$17,14,0)+IF('Standard Profiles'!$G$20=$B$24,21,0),0)),0)</f>
        <v>0</v>
      </c>
      <c r="G5323" cm="1">
        <f t="array" ref="G5323">IFERROR(INDEX(Jesper!AK$2:AK$366,ROUNDDOWN($C5323/24,0)+1,1)*INDEX($D$3:$AA$30,INDEX(Jesper!$R$2:$R$366,ROW(INDEX(Jesper!AK$2:AK$366,ROUNDDOWN($C5323/24,0)+1,1))-1)+IF('Standard Profiles'!$G$21=$B$10,7,0)+IF('Standard Profiles'!$G$21=$B$17,14,0)+IF('Standard Profiles'!$G$21=$B$24,21,0),MOD($C5323,24)+1)/SUM(INDEX($D$3:$AA$30,INDEX(Jesper!$R$2:$R$366,ROW(INDEX(Jesper!AK$2:AK$366,ROUNDDOWN($C5323/24,0)+1,1))-1)+IF('Standard Profiles'!$G$21=$B$10,7,0)+IF('Standard Profiles'!$G$21=$B$17,14,0)+IF('Standard Profiles'!$G$21=$B$24,21,0),0)),0)</f>
        <v>2.0852905329410762</v>
      </c>
      <c r="H5323" cm="1">
        <f t="array" ref="H5323">IFERROR(INDEX(Jesper!AL$2:AL$366,ROUNDDOWN($C5323/24,0)+1,1)*INDEX($D$3:$AA$30,INDEX(Jesper!$R$2:$R$366,ROW(INDEX(Jesper!AL$2:AL$366,ROUNDDOWN($C5323/24,0)+1,1))-1)+IF('Standard Profiles'!$G$22=$B$10,7,0)+IF('Standard Profiles'!$G$22=$B$17,14,0)+IF('Standard Profiles'!$G$22=$B$24,21,0),MOD($C5323,24)+1)/SUM(INDEX($D$3:$AA$30,INDEX(Jesper!$R$2:$R$366,ROW(INDEX(Jesper!AL$2:AL$366,ROUNDDOWN($C5323/24,0)+1,1))-1)+IF('Standard Profiles'!$G$22=$B$10,7,0)+IF('Standard Profiles'!$G$22=$B$17,14,0)+IF('Standard Profiles'!$G$22=$B$24,21,0),0)),0)</f>
        <v>0</v>
      </c>
      <c r="I5323">
        <f t="shared" si="594"/>
        <v>1.0009394558117162</v>
      </c>
      <c r="J5323">
        <f t="shared" si="595"/>
        <v>37.185667874659273</v>
      </c>
      <c r="K5323">
        <f t="shared" si="596"/>
        <v>2.9527166153933466</v>
      </c>
      <c r="L5323">
        <f t="shared" si="597"/>
        <v>1.4763583076966733</v>
      </c>
      <c r="M5323">
        <f t="shared" si="598"/>
        <v>0</v>
      </c>
      <c r="N5323" s="45">
        <f t="shared" si="599"/>
        <v>45147.374999987172</v>
      </c>
    </row>
    <row r="5324" spans="2:14" x14ac:dyDescent="0.25">
      <c r="B5324">
        <f t="shared" si="593"/>
        <v>3</v>
      </c>
      <c r="C5324" s="16">
        <v>5290</v>
      </c>
      <c r="D5324" cm="1">
        <f t="array" ref="D5324">IFERROR(INDEX(Jesper!AH$2:AH$366,ROUNDDOWN($C5324/24,0)+1,1)*INDEX($D$3:$AA$30,INDEX(Jesper!$R$2:$R$366,ROW(INDEX(Jesper!AH$2:AH$366,ROUNDDOWN($C5324/24,0)+1,1))-1)+IF('Standard Profiles'!$G$18=$B$10,7,0)+IF('Standard Profiles'!$G$18=$B$17,14,0)+IF('Standard Profiles'!$G$18=$B$24,21,0),MOD($C5324,24)+1)/SUM(INDEX($D$3:$AA$30,INDEX(Jesper!$R$2:$R$366,ROW(INDEX(Jesper!AH$2:AH$366,ROUNDDOWN($C5324/24,0)+1,1))-1)+IF('Standard Profiles'!$G$18=$B$10,7,0)+IF('Standard Profiles'!$G$18=$B$17,14,0)+IF('Standard Profiles'!$G$18=$B$24,21,0),0)),0)</f>
        <v>27.681718269312622</v>
      </c>
      <c r="E5324" cm="1">
        <f t="array" ref="E5324">IFERROR(INDEX(Jesper!AI$2:AI$366,ROUNDDOWN($C5324/24,0)+1,1)*INDEX($D$3:$AA$30,INDEX(Jesper!$R$2:$R$366,ROW(INDEX(Jesper!AI$2:AI$366,ROUNDDOWN($C5324/24,0)+1,1))-1)+IF('Standard Profiles'!$G$19=$B$10,7,0)+IF('Standard Profiles'!$G$19=$B$17,14,0)+IF('Standard Profiles'!$G$19=$B$24,21,0),MOD($C5324,24)+1)/SUM(INDEX($D$3:$AA$30,INDEX(Jesper!$R$2:$R$366,ROW(INDEX(Jesper!AI$2:AI$366,ROUNDDOWN($C5324/24,0)+1,1))-1)+IF('Standard Profiles'!$G$19=$B$10,7,0)+IF('Standard Profiles'!$G$19=$B$17,14,0)+IF('Standard Profiles'!$G$19=$B$24,21,0),0)),0)</f>
        <v>12.848673451307308</v>
      </c>
      <c r="F5324" cm="1">
        <f t="array" ref="F5324">IFERROR(INDEX(Jesper!AJ$2:AJ$366,ROUNDDOWN($C5324/24,0)+1,1)*INDEX($D$3:$AA$30,INDEX(Jesper!$R$2:$R$366,ROW(INDEX(Jesper!AJ$2:AJ$366,ROUNDDOWN($C5324/24,0)+1,1))-1)+IF('Standard Profiles'!$G$20=$B$10,7,0)+IF('Standard Profiles'!$G$20=$B$17,14,0)+IF('Standard Profiles'!$G$20=$B$24,21,0),MOD($C5324,24)+1)/SUM(INDEX($D$3:$AA$30,INDEX(Jesper!$R$2:$R$366,ROW(INDEX(Jesper!AJ$2:AJ$366,ROUNDDOWN($C5324/24,0)+1,1))-1)+IF('Standard Profiles'!$G$20=$B$10,7,0)+IF('Standard Profiles'!$G$20=$B$17,14,0)+IF('Standard Profiles'!$G$20=$B$24,21,0),0)),0)</f>
        <v>0</v>
      </c>
      <c r="G5324" cm="1">
        <f t="array" ref="G5324">IFERROR(INDEX(Jesper!AK$2:AK$366,ROUNDDOWN($C5324/24,0)+1,1)*INDEX($D$3:$AA$30,INDEX(Jesper!$R$2:$R$366,ROW(INDEX(Jesper!AK$2:AK$366,ROUNDDOWN($C5324/24,0)+1,1))-1)+IF('Standard Profiles'!$G$21=$B$10,7,0)+IF('Standard Profiles'!$G$21=$B$17,14,0)+IF('Standard Profiles'!$G$21=$B$24,21,0),MOD($C5324,24)+1)/SUM(INDEX($D$3:$AA$30,INDEX(Jesper!$R$2:$R$366,ROW(INDEX(Jesper!AK$2:AK$366,ROUNDDOWN($C5324/24,0)+1,1))-1)+IF('Standard Profiles'!$G$21=$B$10,7,0)+IF('Standard Profiles'!$G$21=$B$17,14,0)+IF('Standard Profiles'!$G$21=$B$24,21,0),0)),0)</f>
        <v>2.0852905329410762</v>
      </c>
      <c r="H5324" cm="1">
        <f t="array" ref="H5324">IFERROR(INDEX(Jesper!AL$2:AL$366,ROUNDDOWN($C5324/24,0)+1,1)*INDEX($D$3:$AA$30,INDEX(Jesper!$R$2:$R$366,ROW(INDEX(Jesper!AL$2:AL$366,ROUNDDOWN($C5324/24,0)+1,1))-1)+IF('Standard Profiles'!$G$22=$B$10,7,0)+IF('Standard Profiles'!$G$22=$B$17,14,0)+IF('Standard Profiles'!$G$22=$B$24,21,0),MOD($C5324,24)+1)/SUM(INDEX($D$3:$AA$30,INDEX(Jesper!$R$2:$R$366,ROW(INDEX(Jesper!AL$2:AL$366,ROUNDDOWN($C5324/24,0)+1,1))-1)+IF('Standard Profiles'!$G$22=$B$10,7,0)+IF('Standard Profiles'!$G$22=$B$17,14,0)+IF('Standard Profiles'!$G$22=$B$24,21,0),0)),0)</f>
        <v>0</v>
      </c>
      <c r="I5324">
        <f t="shared" si="594"/>
        <v>1.0009394558117162</v>
      </c>
      <c r="J5324">
        <f t="shared" si="595"/>
        <v>37.185667874659273</v>
      </c>
      <c r="K5324">
        <f t="shared" si="596"/>
        <v>2.9527166153933466</v>
      </c>
      <c r="L5324">
        <f t="shared" si="597"/>
        <v>1.4763583076966733</v>
      </c>
      <c r="M5324">
        <f t="shared" si="598"/>
        <v>0</v>
      </c>
      <c r="N5324" s="45">
        <f t="shared" si="599"/>
        <v>45147.416666653837</v>
      </c>
    </row>
    <row r="5325" spans="2:14" x14ac:dyDescent="0.25">
      <c r="B5325">
        <f t="shared" si="593"/>
        <v>3</v>
      </c>
      <c r="C5325" s="16">
        <v>5291</v>
      </c>
      <c r="D5325" cm="1">
        <f t="array" ref="D5325">IFERROR(INDEX(Jesper!AH$2:AH$366,ROUNDDOWN($C5325/24,0)+1,1)*INDEX($D$3:$AA$30,INDEX(Jesper!$R$2:$R$366,ROW(INDEX(Jesper!AH$2:AH$366,ROUNDDOWN($C5325/24,0)+1,1))-1)+IF('Standard Profiles'!$G$18=$B$10,7,0)+IF('Standard Profiles'!$G$18=$B$17,14,0)+IF('Standard Profiles'!$G$18=$B$24,21,0),MOD($C5325,24)+1)/SUM(INDEX($D$3:$AA$30,INDEX(Jesper!$R$2:$R$366,ROW(INDEX(Jesper!AH$2:AH$366,ROUNDDOWN($C5325/24,0)+1,1))-1)+IF('Standard Profiles'!$G$18=$B$10,7,0)+IF('Standard Profiles'!$G$18=$B$17,14,0)+IF('Standard Profiles'!$G$18=$B$24,21,0),0)),0)</f>
        <v>33.123423570117666</v>
      </c>
      <c r="E5325" cm="1">
        <f t="array" ref="E5325">IFERROR(INDEX(Jesper!AI$2:AI$366,ROUNDDOWN($C5325/24,0)+1,1)*INDEX($D$3:$AA$30,INDEX(Jesper!$R$2:$R$366,ROW(INDEX(Jesper!AI$2:AI$366,ROUNDDOWN($C5325/24,0)+1,1))-1)+IF('Standard Profiles'!$G$19=$B$10,7,0)+IF('Standard Profiles'!$G$19=$B$17,14,0)+IF('Standard Profiles'!$G$19=$B$24,21,0),MOD($C5325,24)+1)/SUM(INDEX($D$3:$AA$30,INDEX(Jesper!$R$2:$R$366,ROW(INDEX(Jesper!AI$2:AI$366,ROUNDDOWN($C5325/24,0)+1,1))-1)+IF('Standard Profiles'!$G$19=$B$10,7,0)+IF('Standard Profiles'!$G$19=$B$17,14,0)+IF('Standard Profiles'!$G$19=$B$24,21,0),0)),0)</f>
        <v>15.374481052846352</v>
      </c>
      <c r="F5325" cm="1">
        <f t="array" ref="F5325">IFERROR(INDEX(Jesper!AJ$2:AJ$366,ROUNDDOWN($C5325/24,0)+1,1)*INDEX($D$3:$AA$30,INDEX(Jesper!$R$2:$R$366,ROW(INDEX(Jesper!AJ$2:AJ$366,ROUNDDOWN($C5325/24,0)+1,1))-1)+IF('Standard Profiles'!$G$20=$B$10,7,0)+IF('Standard Profiles'!$G$20=$B$17,14,0)+IF('Standard Profiles'!$G$20=$B$24,21,0),MOD($C5325,24)+1)/SUM(INDEX($D$3:$AA$30,INDEX(Jesper!$R$2:$R$366,ROW(INDEX(Jesper!AJ$2:AJ$366,ROUNDDOWN($C5325/24,0)+1,1))-1)+IF('Standard Profiles'!$G$20=$B$10,7,0)+IF('Standard Profiles'!$G$20=$B$17,14,0)+IF('Standard Profiles'!$G$20=$B$24,21,0),0)),0)</f>
        <v>0</v>
      </c>
      <c r="G5325" cm="1">
        <f t="array" ref="G5325">IFERROR(INDEX(Jesper!AK$2:AK$366,ROUNDDOWN($C5325/24,0)+1,1)*INDEX($D$3:$AA$30,INDEX(Jesper!$R$2:$R$366,ROW(INDEX(Jesper!AK$2:AK$366,ROUNDDOWN($C5325/24,0)+1,1))-1)+IF('Standard Profiles'!$G$21=$B$10,7,0)+IF('Standard Profiles'!$G$21=$B$17,14,0)+IF('Standard Profiles'!$G$21=$B$24,21,0),MOD($C5325,24)+1)/SUM(INDEX($D$3:$AA$30,INDEX(Jesper!$R$2:$R$366,ROW(INDEX(Jesper!AK$2:AK$366,ROUNDDOWN($C5325/24,0)+1,1))-1)+IF('Standard Profiles'!$G$21=$B$10,7,0)+IF('Standard Profiles'!$G$21=$B$17,14,0)+IF('Standard Profiles'!$G$21=$B$24,21,0),0)),0)</f>
        <v>2.495219441126074</v>
      </c>
      <c r="H5325" cm="1">
        <f t="array" ref="H5325">IFERROR(INDEX(Jesper!AL$2:AL$366,ROUNDDOWN($C5325/24,0)+1,1)*INDEX($D$3:$AA$30,INDEX(Jesper!$R$2:$R$366,ROW(INDEX(Jesper!AL$2:AL$366,ROUNDDOWN($C5325/24,0)+1,1))-1)+IF('Standard Profiles'!$G$22=$B$10,7,0)+IF('Standard Profiles'!$G$22=$B$17,14,0)+IF('Standard Profiles'!$G$22=$B$24,21,0),MOD($C5325,24)+1)/SUM(INDEX($D$3:$AA$30,INDEX(Jesper!$R$2:$R$366,ROW(INDEX(Jesper!AL$2:AL$366,ROUNDDOWN($C5325/24,0)+1,1))-1)+IF('Standard Profiles'!$G$22=$B$10,7,0)+IF('Standard Profiles'!$G$22=$B$17,14,0)+IF('Standard Profiles'!$G$22=$B$24,21,0),0)),0)</f>
        <v>0</v>
      </c>
      <c r="I5325">
        <f t="shared" si="594"/>
        <v>1.1977053317405149</v>
      </c>
      <c r="J5325">
        <f t="shared" si="595"/>
        <v>44.495670961130749</v>
      </c>
      <c r="K5325">
        <f t="shared" si="596"/>
        <v>3.533165180812551</v>
      </c>
      <c r="L5325">
        <f t="shared" si="597"/>
        <v>1.7665825904062755</v>
      </c>
      <c r="M5325">
        <f t="shared" si="598"/>
        <v>0</v>
      </c>
      <c r="N5325" s="45">
        <f t="shared" si="599"/>
        <v>45147.458333320501</v>
      </c>
    </row>
    <row r="5326" spans="2:14" x14ac:dyDescent="0.25">
      <c r="B5326">
        <f t="shared" si="593"/>
        <v>3</v>
      </c>
      <c r="C5326" s="16">
        <v>5292</v>
      </c>
      <c r="D5326" cm="1">
        <f t="array" ref="D5326">IFERROR(INDEX(Jesper!AH$2:AH$366,ROUNDDOWN($C5326/24,0)+1,1)*INDEX($D$3:$AA$30,INDEX(Jesper!$R$2:$R$366,ROW(INDEX(Jesper!AH$2:AH$366,ROUNDDOWN($C5326/24,0)+1,1))-1)+IF('Standard Profiles'!$G$18=$B$10,7,0)+IF('Standard Profiles'!$G$18=$B$17,14,0)+IF('Standard Profiles'!$G$18=$B$24,21,0),MOD($C5326,24)+1)/SUM(INDEX($D$3:$AA$30,INDEX(Jesper!$R$2:$R$366,ROW(INDEX(Jesper!AH$2:AH$366,ROUNDDOWN($C5326/24,0)+1,1))-1)+IF('Standard Profiles'!$G$18=$B$10,7,0)+IF('Standard Profiles'!$G$18=$B$17,14,0)+IF('Standard Profiles'!$G$18=$B$24,21,0),0)),0)</f>
        <v>33.123423570117666</v>
      </c>
      <c r="E5326" cm="1">
        <f t="array" ref="E5326">IFERROR(INDEX(Jesper!AI$2:AI$366,ROUNDDOWN($C5326/24,0)+1,1)*INDEX($D$3:$AA$30,INDEX(Jesper!$R$2:$R$366,ROW(INDEX(Jesper!AI$2:AI$366,ROUNDDOWN($C5326/24,0)+1,1))-1)+IF('Standard Profiles'!$G$19=$B$10,7,0)+IF('Standard Profiles'!$G$19=$B$17,14,0)+IF('Standard Profiles'!$G$19=$B$24,21,0),MOD($C5326,24)+1)/SUM(INDEX($D$3:$AA$30,INDEX(Jesper!$R$2:$R$366,ROW(INDEX(Jesper!AI$2:AI$366,ROUNDDOWN($C5326/24,0)+1,1))-1)+IF('Standard Profiles'!$G$19=$B$10,7,0)+IF('Standard Profiles'!$G$19=$B$17,14,0)+IF('Standard Profiles'!$G$19=$B$24,21,0),0)),0)</f>
        <v>15.374481052846352</v>
      </c>
      <c r="F5326" cm="1">
        <f t="array" ref="F5326">IFERROR(INDEX(Jesper!AJ$2:AJ$366,ROUNDDOWN($C5326/24,0)+1,1)*INDEX($D$3:$AA$30,INDEX(Jesper!$R$2:$R$366,ROW(INDEX(Jesper!AJ$2:AJ$366,ROUNDDOWN($C5326/24,0)+1,1))-1)+IF('Standard Profiles'!$G$20=$B$10,7,0)+IF('Standard Profiles'!$G$20=$B$17,14,0)+IF('Standard Profiles'!$G$20=$B$24,21,0),MOD($C5326,24)+1)/SUM(INDEX($D$3:$AA$30,INDEX(Jesper!$R$2:$R$366,ROW(INDEX(Jesper!AJ$2:AJ$366,ROUNDDOWN($C5326/24,0)+1,1))-1)+IF('Standard Profiles'!$G$20=$B$10,7,0)+IF('Standard Profiles'!$G$20=$B$17,14,0)+IF('Standard Profiles'!$G$20=$B$24,21,0),0)),0)</f>
        <v>0</v>
      </c>
      <c r="G5326" cm="1">
        <f t="array" ref="G5326">IFERROR(INDEX(Jesper!AK$2:AK$366,ROUNDDOWN($C5326/24,0)+1,1)*INDEX($D$3:$AA$30,INDEX(Jesper!$R$2:$R$366,ROW(INDEX(Jesper!AK$2:AK$366,ROUNDDOWN($C5326/24,0)+1,1))-1)+IF('Standard Profiles'!$G$21=$B$10,7,0)+IF('Standard Profiles'!$G$21=$B$17,14,0)+IF('Standard Profiles'!$G$21=$B$24,21,0),MOD($C5326,24)+1)/SUM(INDEX($D$3:$AA$30,INDEX(Jesper!$R$2:$R$366,ROW(INDEX(Jesper!AK$2:AK$366,ROUNDDOWN($C5326/24,0)+1,1))-1)+IF('Standard Profiles'!$G$21=$B$10,7,0)+IF('Standard Profiles'!$G$21=$B$17,14,0)+IF('Standard Profiles'!$G$21=$B$24,21,0),0)),0)</f>
        <v>2.495219441126074</v>
      </c>
      <c r="H5326" cm="1">
        <f t="array" ref="H5326">IFERROR(INDEX(Jesper!AL$2:AL$366,ROUNDDOWN($C5326/24,0)+1,1)*INDEX($D$3:$AA$30,INDEX(Jesper!$R$2:$R$366,ROW(INDEX(Jesper!AL$2:AL$366,ROUNDDOWN($C5326/24,0)+1,1))-1)+IF('Standard Profiles'!$G$22=$B$10,7,0)+IF('Standard Profiles'!$G$22=$B$17,14,0)+IF('Standard Profiles'!$G$22=$B$24,21,0),MOD($C5326,24)+1)/SUM(INDEX($D$3:$AA$30,INDEX(Jesper!$R$2:$R$366,ROW(INDEX(Jesper!AL$2:AL$366,ROUNDDOWN($C5326/24,0)+1,1))-1)+IF('Standard Profiles'!$G$22=$B$10,7,0)+IF('Standard Profiles'!$G$22=$B$17,14,0)+IF('Standard Profiles'!$G$22=$B$24,21,0),0)),0)</f>
        <v>0</v>
      </c>
      <c r="I5326">
        <f t="shared" si="594"/>
        <v>1.1977053317405149</v>
      </c>
      <c r="J5326">
        <f t="shared" si="595"/>
        <v>44.495670961130749</v>
      </c>
      <c r="K5326">
        <f t="shared" si="596"/>
        <v>3.533165180812551</v>
      </c>
      <c r="L5326">
        <f t="shared" si="597"/>
        <v>1.7665825904062755</v>
      </c>
      <c r="M5326">
        <f t="shared" si="598"/>
        <v>0</v>
      </c>
      <c r="N5326" s="45">
        <f t="shared" si="599"/>
        <v>45147.499999987165</v>
      </c>
    </row>
    <row r="5327" spans="2:14" x14ac:dyDescent="0.25">
      <c r="B5327">
        <f t="shared" si="593"/>
        <v>3</v>
      </c>
      <c r="C5327" s="16">
        <v>5293</v>
      </c>
      <c r="D5327" cm="1">
        <f t="array" ref="D5327">IFERROR(INDEX(Jesper!AH$2:AH$366,ROUNDDOWN($C5327/24,0)+1,1)*INDEX($D$3:$AA$30,INDEX(Jesper!$R$2:$R$366,ROW(INDEX(Jesper!AH$2:AH$366,ROUNDDOWN($C5327/24,0)+1,1))-1)+IF('Standard Profiles'!$G$18=$B$10,7,0)+IF('Standard Profiles'!$G$18=$B$17,14,0)+IF('Standard Profiles'!$G$18=$B$24,21,0),MOD($C5327,24)+1)/SUM(INDEX($D$3:$AA$30,INDEX(Jesper!$R$2:$R$366,ROW(INDEX(Jesper!AH$2:AH$366,ROUNDDOWN($C5327/24,0)+1,1))-1)+IF('Standard Profiles'!$G$18=$B$10,7,0)+IF('Standard Profiles'!$G$18=$B$17,14,0)+IF('Standard Profiles'!$G$18=$B$24,21,0),0)),0)</f>
        <v>22.003417085863877</v>
      </c>
      <c r="E5327" cm="1">
        <f t="array" ref="E5327">IFERROR(INDEX(Jesper!AI$2:AI$366,ROUNDDOWN($C5327/24,0)+1,1)*INDEX($D$3:$AA$30,INDEX(Jesper!$R$2:$R$366,ROW(INDEX(Jesper!AI$2:AI$366,ROUNDDOWN($C5327/24,0)+1,1))-1)+IF('Standard Profiles'!$G$19=$B$10,7,0)+IF('Standard Profiles'!$G$19=$B$17,14,0)+IF('Standard Profiles'!$G$19=$B$24,21,0),MOD($C5327,24)+1)/SUM(INDEX($D$3:$AA$30,INDEX(Jesper!$R$2:$R$366,ROW(INDEX(Jesper!AI$2:AI$366,ROUNDDOWN($C5327/24,0)+1,1))-1)+IF('Standard Profiles'!$G$19=$B$10,7,0)+IF('Standard Profiles'!$G$19=$B$17,14,0)+IF('Standard Profiles'!$G$19=$B$24,21,0),0)),0)</f>
        <v>10.213048127962219</v>
      </c>
      <c r="F5327" cm="1">
        <f t="array" ref="F5327">IFERROR(INDEX(Jesper!AJ$2:AJ$366,ROUNDDOWN($C5327/24,0)+1,1)*INDEX($D$3:$AA$30,INDEX(Jesper!$R$2:$R$366,ROW(INDEX(Jesper!AJ$2:AJ$366,ROUNDDOWN($C5327/24,0)+1,1))-1)+IF('Standard Profiles'!$G$20=$B$10,7,0)+IF('Standard Profiles'!$G$20=$B$17,14,0)+IF('Standard Profiles'!$G$20=$B$24,21,0),MOD($C5327,24)+1)/SUM(INDEX($D$3:$AA$30,INDEX(Jesper!$R$2:$R$366,ROW(INDEX(Jesper!AJ$2:AJ$366,ROUNDDOWN($C5327/24,0)+1,1))-1)+IF('Standard Profiles'!$G$20=$B$10,7,0)+IF('Standard Profiles'!$G$20=$B$17,14,0)+IF('Standard Profiles'!$G$20=$B$24,21,0),0)),0)</f>
        <v>0</v>
      </c>
      <c r="G5327" cm="1">
        <f t="array" ref="G5327">IFERROR(INDEX(Jesper!AK$2:AK$366,ROUNDDOWN($C5327/24,0)+1,1)*INDEX($D$3:$AA$30,INDEX(Jesper!$R$2:$R$366,ROW(INDEX(Jesper!AK$2:AK$366,ROUNDDOWN($C5327/24,0)+1,1))-1)+IF('Standard Profiles'!$G$21=$B$10,7,0)+IF('Standard Profiles'!$G$21=$B$17,14,0)+IF('Standard Profiles'!$G$21=$B$24,21,0),MOD($C5327,24)+1)/SUM(INDEX($D$3:$AA$30,INDEX(Jesper!$R$2:$R$366,ROW(INDEX(Jesper!AK$2:AK$366,ROUNDDOWN($C5327/24,0)+1,1))-1)+IF('Standard Profiles'!$G$21=$B$10,7,0)+IF('Standard Profiles'!$G$21=$B$17,14,0)+IF('Standard Profiles'!$G$21=$B$24,21,0),0)),0)</f>
        <v>1.6575386287480351</v>
      </c>
      <c r="H5327" cm="1">
        <f t="array" ref="H5327">IFERROR(INDEX(Jesper!AL$2:AL$366,ROUNDDOWN($C5327/24,0)+1,1)*INDEX($D$3:$AA$30,INDEX(Jesper!$R$2:$R$366,ROW(INDEX(Jesper!AL$2:AL$366,ROUNDDOWN($C5327/24,0)+1,1))-1)+IF('Standard Profiles'!$G$22=$B$10,7,0)+IF('Standard Profiles'!$G$22=$B$17,14,0)+IF('Standard Profiles'!$G$22=$B$24,21,0),MOD($C5327,24)+1)/SUM(INDEX($D$3:$AA$30,INDEX(Jesper!$R$2:$R$366,ROW(INDEX(Jesper!AL$2:AL$366,ROUNDDOWN($C5327/24,0)+1,1))-1)+IF('Standard Profiles'!$G$22=$B$10,7,0)+IF('Standard Profiles'!$G$22=$B$17,14,0)+IF('Standard Profiles'!$G$22=$B$24,21,0),0)),0)</f>
        <v>0</v>
      </c>
      <c r="I5327">
        <f t="shared" si="594"/>
        <v>0.79561854179905644</v>
      </c>
      <c r="J5327">
        <f t="shared" si="595"/>
        <v>29.557838567036853</v>
      </c>
      <c r="K5327">
        <f t="shared" si="596"/>
        <v>2.3470311558254804</v>
      </c>
      <c r="L5327">
        <f t="shared" si="597"/>
        <v>1.1735155779127402</v>
      </c>
      <c r="M5327">
        <f t="shared" si="598"/>
        <v>0</v>
      </c>
      <c r="N5327" s="45">
        <f t="shared" si="599"/>
        <v>45147.541666653829</v>
      </c>
    </row>
    <row r="5328" spans="2:14" x14ac:dyDescent="0.25">
      <c r="B5328">
        <f t="shared" si="593"/>
        <v>3</v>
      </c>
      <c r="C5328" s="16">
        <v>5294</v>
      </c>
      <c r="D5328" cm="1">
        <f t="array" ref="D5328">IFERROR(INDEX(Jesper!AH$2:AH$366,ROUNDDOWN($C5328/24,0)+1,1)*INDEX($D$3:$AA$30,INDEX(Jesper!$R$2:$R$366,ROW(INDEX(Jesper!AH$2:AH$366,ROUNDDOWN($C5328/24,0)+1,1))-1)+IF('Standard Profiles'!$G$18=$B$10,7,0)+IF('Standard Profiles'!$G$18=$B$17,14,0)+IF('Standard Profiles'!$G$18=$B$24,21,0),MOD($C5328,24)+1)/SUM(INDEX($D$3:$AA$30,INDEX(Jesper!$R$2:$R$366,ROW(INDEX(Jesper!AH$2:AH$366,ROUNDDOWN($C5328/24,0)+1,1))-1)+IF('Standard Profiles'!$G$18=$B$10,7,0)+IF('Standard Profiles'!$G$18=$B$17,14,0)+IF('Standard Profiles'!$G$18=$B$24,21,0),0)),0)</f>
        <v>33.123423570117666</v>
      </c>
      <c r="E5328" cm="1">
        <f t="array" ref="E5328">IFERROR(INDEX(Jesper!AI$2:AI$366,ROUNDDOWN($C5328/24,0)+1,1)*INDEX($D$3:$AA$30,INDEX(Jesper!$R$2:$R$366,ROW(INDEX(Jesper!AI$2:AI$366,ROUNDDOWN($C5328/24,0)+1,1))-1)+IF('Standard Profiles'!$G$19=$B$10,7,0)+IF('Standard Profiles'!$G$19=$B$17,14,0)+IF('Standard Profiles'!$G$19=$B$24,21,0),MOD($C5328,24)+1)/SUM(INDEX($D$3:$AA$30,INDEX(Jesper!$R$2:$R$366,ROW(INDEX(Jesper!AI$2:AI$366,ROUNDDOWN($C5328/24,0)+1,1))-1)+IF('Standard Profiles'!$G$19=$B$10,7,0)+IF('Standard Profiles'!$G$19=$B$17,14,0)+IF('Standard Profiles'!$G$19=$B$24,21,0),0)),0)</f>
        <v>15.374481052846352</v>
      </c>
      <c r="F5328" cm="1">
        <f t="array" ref="F5328">IFERROR(INDEX(Jesper!AJ$2:AJ$366,ROUNDDOWN($C5328/24,0)+1,1)*INDEX($D$3:$AA$30,INDEX(Jesper!$R$2:$R$366,ROW(INDEX(Jesper!AJ$2:AJ$366,ROUNDDOWN($C5328/24,0)+1,1))-1)+IF('Standard Profiles'!$G$20=$B$10,7,0)+IF('Standard Profiles'!$G$20=$B$17,14,0)+IF('Standard Profiles'!$G$20=$B$24,21,0),MOD($C5328,24)+1)/SUM(INDEX($D$3:$AA$30,INDEX(Jesper!$R$2:$R$366,ROW(INDEX(Jesper!AJ$2:AJ$366,ROUNDDOWN($C5328/24,0)+1,1))-1)+IF('Standard Profiles'!$G$20=$B$10,7,0)+IF('Standard Profiles'!$G$20=$B$17,14,0)+IF('Standard Profiles'!$G$20=$B$24,21,0),0)),0)</f>
        <v>0</v>
      </c>
      <c r="G5328" cm="1">
        <f t="array" ref="G5328">IFERROR(INDEX(Jesper!AK$2:AK$366,ROUNDDOWN($C5328/24,0)+1,1)*INDEX($D$3:$AA$30,INDEX(Jesper!$R$2:$R$366,ROW(INDEX(Jesper!AK$2:AK$366,ROUNDDOWN($C5328/24,0)+1,1))-1)+IF('Standard Profiles'!$G$21=$B$10,7,0)+IF('Standard Profiles'!$G$21=$B$17,14,0)+IF('Standard Profiles'!$G$21=$B$24,21,0),MOD($C5328,24)+1)/SUM(INDEX($D$3:$AA$30,INDEX(Jesper!$R$2:$R$366,ROW(INDEX(Jesper!AK$2:AK$366,ROUNDDOWN($C5328/24,0)+1,1))-1)+IF('Standard Profiles'!$G$21=$B$10,7,0)+IF('Standard Profiles'!$G$21=$B$17,14,0)+IF('Standard Profiles'!$G$21=$B$24,21,0),0)),0)</f>
        <v>2.495219441126074</v>
      </c>
      <c r="H5328" cm="1">
        <f t="array" ref="H5328">IFERROR(INDEX(Jesper!AL$2:AL$366,ROUNDDOWN($C5328/24,0)+1,1)*INDEX($D$3:$AA$30,INDEX(Jesper!$R$2:$R$366,ROW(INDEX(Jesper!AL$2:AL$366,ROUNDDOWN($C5328/24,0)+1,1))-1)+IF('Standard Profiles'!$G$22=$B$10,7,0)+IF('Standard Profiles'!$G$22=$B$17,14,0)+IF('Standard Profiles'!$G$22=$B$24,21,0),MOD($C5328,24)+1)/SUM(INDEX($D$3:$AA$30,INDEX(Jesper!$R$2:$R$366,ROW(INDEX(Jesper!AL$2:AL$366,ROUNDDOWN($C5328/24,0)+1,1))-1)+IF('Standard Profiles'!$G$22=$B$10,7,0)+IF('Standard Profiles'!$G$22=$B$17,14,0)+IF('Standard Profiles'!$G$22=$B$24,21,0),0)),0)</f>
        <v>0</v>
      </c>
      <c r="I5328">
        <f t="shared" si="594"/>
        <v>1.1977053317405149</v>
      </c>
      <c r="J5328">
        <f t="shared" si="595"/>
        <v>44.495670961130749</v>
      </c>
      <c r="K5328">
        <f t="shared" si="596"/>
        <v>3.533165180812551</v>
      </c>
      <c r="L5328">
        <f t="shared" si="597"/>
        <v>1.7665825904062755</v>
      </c>
      <c r="M5328">
        <f t="shared" si="598"/>
        <v>0</v>
      </c>
      <c r="N5328" s="45">
        <f t="shared" si="599"/>
        <v>45147.583333320494</v>
      </c>
    </row>
    <row r="5329" spans="2:14" x14ac:dyDescent="0.25">
      <c r="B5329">
        <f t="shared" si="593"/>
        <v>3</v>
      </c>
      <c r="C5329" s="16">
        <v>5295</v>
      </c>
      <c r="D5329" cm="1">
        <f t="array" ref="D5329">IFERROR(INDEX(Jesper!AH$2:AH$366,ROUNDDOWN($C5329/24,0)+1,1)*INDEX($D$3:$AA$30,INDEX(Jesper!$R$2:$R$366,ROW(INDEX(Jesper!AH$2:AH$366,ROUNDDOWN($C5329/24,0)+1,1))-1)+IF('Standard Profiles'!$G$18=$B$10,7,0)+IF('Standard Profiles'!$G$18=$B$17,14,0)+IF('Standard Profiles'!$G$18=$B$24,21,0),MOD($C5329,24)+1)/SUM(INDEX($D$3:$AA$30,INDEX(Jesper!$R$2:$R$366,ROW(INDEX(Jesper!AH$2:AH$366,ROUNDDOWN($C5329/24,0)+1,1))-1)+IF('Standard Profiles'!$G$18=$B$10,7,0)+IF('Standard Profiles'!$G$18=$B$17,14,0)+IF('Standard Profiles'!$G$18=$B$24,21,0),0)),0)</f>
        <v>33.123423570117666</v>
      </c>
      <c r="E5329" cm="1">
        <f t="array" ref="E5329">IFERROR(INDEX(Jesper!AI$2:AI$366,ROUNDDOWN($C5329/24,0)+1,1)*INDEX($D$3:$AA$30,INDEX(Jesper!$R$2:$R$366,ROW(INDEX(Jesper!AI$2:AI$366,ROUNDDOWN($C5329/24,0)+1,1))-1)+IF('Standard Profiles'!$G$19=$B$10,7,0)+IF('Standard Profiles'!$G$19=$B$17,14,0)+IF('Standard Profiles'!$G$19=$B$24,21,0),MOD($C5329,24)+1)/SUM(INDEX($D$3:$AA$30,INDEX(Jesper!$R$2:$R$366,ROW(INDEX(Jesper!AI$2:AI$366,ROUNDDOWN($C5329/24,0)+1,1))-1)+IF('Standard Profiles'!$G$19=$B$10,7,0)+IF('Standard Profiles'!$G$19=$B$17,14,0)+IF('Standard Profiles'!$G$19=$B$24,21,0),0)),0)</f>
        <v>15.374481052846352</v>
      </c>
      <c r="F5329" cm="1">
        <f t="array" ref="F5329">IFERROR(INDEX(Jesper!AJ$2:AJ$366,ROUNDDOWN($C5329/24,0)+1,1)*INDEX($D$3:$AA$30,INDEX(Jesper!$R$2:$R$366,ROW(INDEX(Jesper!AJ$2:AJ$366,ROUNDDOWN($C5329/24,0)+1,1))-1)+IF('Standard Profiles'!$G$20=$B$10,7,0)+IF('Standard Profiles'!$G$20=$B$17,14,0)+IF('Standard Profiles'!$G$20=$B$24,21,0),MOD($C5329,24)+1)/SUM(INDEX($D$3:$AA$30,INDEX(Jesper!$R$2:$R$366,ROW(INDEX(Jesper!AJ$2:AJ$366,ROUNDDOWN($C5329/24,0)+1,1))-1)+IF('Standard Profiles'!$G$20=$B$10,7,0)+IF('Standard Profiles'!$G$20=$B$17,14,0)+IF('Standard Profiles'!$G$20=$B$24,21,0),0)),0)</f>
        <v>0</v>
      </c>
      <c r="G5329" cm="1">
        <f t="array" ref="G5329">IFERROR(INDEX(Jesper!AK$2:AK$366,ROUNDDOWN($C5329/24,0)+1,1)*INDEX($D$3:$AA$30,INDEX(Jesper!$R$2:$R$366,ROW(INDEX(Jesper!AK$2:AK$366,ROUNDDOWN($C5329/24,0)+1,1))-1)+IF('Standard Profiles'!$G$21=$B$10,7,0)+IF('Standard Profiles'!$G$21=$B$17,14,0)+IF('Standard Profiles'!$G$21=$B$24,21,0),MOD($C5329,24)+1)/SUM(INDEX($D$3:$AA$30,INDEX(Jesper!$R$2:$R$366,ROW(INDEX(Jesper!AK$2:AK$366,ROUNDDOWN($C5329/24,0)+1,1))-1)+IF('Standard Profiles'!$G$21=$B$10,7,0)+IF('Standard Profiles'!$G$21=$B$17,14,0)+IF('Standard Profiles'!$G$21=$B$24,21,0),0)),0)</f>
        <v>2.495219441126074</v>
      </c>
      <c r="H5329" cm="1">
        <f t="array" ref="H5329">IFERROR(INDEX(Jesper!AL$2:AL$366,ROUNDDOWN($C5329/24,0)+1,1)*INDEX($D$3:$AA$30,INDEX(Jesper!$R$2:$R$366,ROW(INDEX(Jesper!AL$2:AL$366,ROUNDDOWN($C5329/24,0)+1,1))-1)+IF('Standard Profiles'!$G$22=$B$10,7,0)+IF('Standard Profiles'!$G$22=$B$17,14,0)+IF('Standard Profiles'!$G$22=$B$24,21,0),MOD($C5329,24)+1)/SUM(INDEX($D$3:$AA$30,INDEX(Jesper!$R$2:$R$366,ROW(INDEX(Jesper!AL$2:AL$366,ROUNDDOWN($C5329/24,0)+1,1))-1)+IF('Standard Profiles'!$G$22=$B$10,7,0)+IF('Standard Profiles'!$G$22=$B$17,14,0)+IF('Standard Profiles'!$G$22=$B$24,21,0),0)),0)</f>
        <v>0</v>
      </c>
      <c r="I5329">
        <f t="shared" si="594"/>
        <v>1.1977053317405149</v>
      </c>
      <c r="J5329">
        <f t="shared" si="595"/>
        <v>44.495670961130749</v>
      </c>
      <c r="K5329">
        <f t="shared" si="596"/>
        <v>3.533165180812551</v>
      </c>
      <c r="L5329">
        <f t="shared" si="597"/>
        <v>1.7665825904062755</v>
      </c>
      <c r="M5329">
        <f t="shared" si="598"/>
        <v>0</v>
      </c>
      <c r="N5329" s="45">
        <f t="shared" si="599"/>
        <v>45147.624999987158</v>
      </c>
    </row>
    <row r="5330" spans="2:14" x14ac:dyDescent="0.25">
      <c r="B5330">
        <f t="shared" si="593"/>
        <v>3</v>
      </c>
      <c r="C5330" s="16">
        <v>5296</v>
      </c>
      <c r="D5330" cm="1">
        <f t="array" ref="D5330">IFERROR(INDEX(Jesper!AH$2:AH$366,ROUNDDOWN($C5330/24,0)+1,1)*INDEX($D$3:$AA$30,INDEX(Jesper!$R$2:$R$366,ROW(INDEX(Jesper!AH$2:AH$366,ROUNDDOWN($C5330/24,0)+1,1))-1)+IF('Standard Profiles'!$G$18=$B$10,7,0)+IF('Standard Profiles'!$G$18=$B$17,14,0)+IF('Standard Profiles'!$G$18=$B$24,21,0),MOD($C5330,24)+1)/SUM(INDEX($D$3:$AA$30,INDEX(Jesper!$R$2:$R$366,ROW(INDEX(Jesper!AH$2:AH$366,ROUNDDOWN($C5330/24,0)+1,1))-1)+IF('Standard Profiles'!$G$18=$B$10,7,0)+IF('Standard Profiles'!$G$18=$B$17,14,0)+IF('Standard Profiles'!$G$18=$B$24,21,0),0)),0)</f>
        <v>19.519160318105055</v>
      </c>
      <c r="E5330" cm="1">
        <f t="array" ref="E5330">IFERROR(INDEX(Jesper!AI$2:AI$366,ROUNDDOWN($C5330/24,0)+1,1)*INDEX($D$3:$AA$30,INDEX(Jesper!$R$2:$R$366,ROW(INDEX(Jesper!AI$2:AI$366,ROUNDDOWN($C5330/24,0)+1,1))-1)+IF('Standard Profiles'!$G$19=$B$10,7,0)+IF('Standard Profiles'!$G$19=$B$17,14,0)+IF('Standard Profiles'!$G$19=$B$24,21,0),MOD($C5330,24)+1)/SUM(INDEX($D$3:$AA$30,INDEX(Jesper!$R$2:$R$366,ROW(INDEX(Jesper!AI$2:AI$366,ROUNDDOWN($C5330/24,0)+1,1))-1)+IF('Standard Profiles'!$G$19=$B$10,7,0)+IF('Standard Profiles'!$G$19=$B$17,14,0)+IF('Standard Profiles'!$G$19=$B$24,21,0),0)),0)</f>
        <v>9.0599620489987434</v>
      </c>
      <c r="F5330" cm="1">
        <f t="array" ref="F5330">IFERROR(INDEX(Jesper!AJ$2:AJ$366,ROUNDDOWN($C5330/24,0)+1,1)*INDEX($D$3:$AA$30,INDEX(Jesper!$R$2:$R$366,ROW(INDEX(Jesper!AJ$2:AJ$366,ROUNDDOWN($C5330/24,0)+1,1))-1)+IF('Standard Profiles'!$G$20=$B$10,7,0)+IF('Standard Profiles'!$G$20=$B$17,14,0)+IF('Standard Profiles'!$G$20=$B$24,21,0),MOD($C5330,24)+1)/SUM(INDEX($D$3:$AA$30,INDEX(Jesper!$R$2:$R$366,ROW(INDEX(Jesper!AJ$2:AJ$366,ROUNDDOWN($C5330/24,0)+1,1))-1)+IF('Standard Profiles'!$G$20=$B$10,7,0)+IF('Standard Profiles'!$G$20=$B$17,14,0)+IF('Standard Profiles'!$G$20=$B$24,21,0),0)),0)</f>
        <v>0</v>
      </c>
      <c r="G5330" cm="1">
        <f t="array" ref="G5330">IFERROR(INDEX(Jesper!AK$2:AK$366,ROUNDDOWN($C5330/24,0)+1,1)*INDEX($D$3:$AA$30,INDEX(Jesper!$R$2:$R$366,ROW(INDEX(Jesper!AK$2:AK$366,ROUNDDOWN($C5330/24,0)+1,1))-1)+IF('Standard Profiles'!$G$21=$B$10,7,0)+IF('Standard Profiles'!$G$21=$B$17,14,0)+IF('Standard Profiles'!$G$21=$B$24,21,0),MOD($C5330,24)+1)/SUM(INDEX($D$3:$AA$30,INDEX(Jesper!$R$2:$R$366,ROW(INDEX(Jesper!AK$2:AK$366,ROUNDDOWN($C5330/24,0)+1,1))-1)+IF('Standard Profiles'!$G$21=$B$10,7,0)+IF('Standard Profiles'!$G$21=$B$17,14,0)+IF('Standard Profiles'!$G$21=$B$24,21,0),0)),0)</f>
        <v>2.084983239906455</v>
      </c>
      <c r="H5330" cm="1">
        <f t="array" ref="H5330">IFERROR(INDEX(Jesper!AL$2:AL$366,ROUNDDOWN($C5330/24,0)+1,1)*INDEX($D$3:$AA$30,INDEX(Jesper!$R$2:$R$366,ROW(INDEX(Jesper!AL$2:AL$366,ROUNDDOWN($C5330/24,0)+1,1))-1)+IF('Standard Profiles'!$G$22=$B$10,7,0)+IF('Standard Profiles'!$G$22=$B$17,14,0)+IF('Standard Profiles'!$G$22=$B$24,21,0),MOD($C5330,24)+1)/SUM(INDEX($D$3:$AA$30,INDEX(Jesper!$R$2:$R$366,ROW(INDEX(Jesper!AL$2:AL$366,ROUNDDOWN($C5330/24,0)+1,1))-1)+IF('Standard Profiles'!$G$22=$B$10,7,0)+IF('Standard Profiles'!$G$22=$B$17,14,0)+IF('Standard Profiles'!$G$22=$B$24,21,0),0)),0)</f>
        <v>0</v>
      </c>
      <c r="I5330">
        <f t="shared" si="594"/>
        <v>1.0007919551550979</v>
      </c>
      <c r="J5330">
        <f t="shared" si="595"/>
        <v>26.540248000958343</v>
      </c>
      <c r="K5330">
        <f t="shared" si="596"/>
        <v>2.0820437672645391</v>
      </c>
      <c r="L5330">
        <f t="shared" si="597"/>
        <v>1.0410218836322696</v>
      </c>
      <c r="M5330">
        <f t="shared" si="598"/>
        <v>0</v>
      </c>
      <c r="N5330" s="45">
        <f t="shared" si="599"/>
        <v>45147.666666653822</v>
      </c>
    </row>
    <row r="5331" spans="2:14" x14ac:dyDescent="0.25">
      <c r="B5331">
        <f t="shared" si="593"/>
        <v>3</v>
      </c>
      <c r="C5331" s="16">
        <v>5297</v>
      </c>
      <c r="D5331" cm="1">
        <f t="array" ref="D5331">IFERROR(INDEX(Jesper!AH$2:AH$366,ROUNDDOWN($C5331/24,0)+1,1)*INDEX($D$3:$AA$30,INDEX(Jesper!$R$2:$R$366,ROW(INDEX(Jesper!AH$2:AH$366,ROUNDDOWN($C5331/24,0)+1,1))-1)+IF('Standard Profiles'!$G$18=$B$10,7,0)+IF('Standard Profiles'!$G$18=$B$17,14,0)+IF('Standard Profiles'!$G$18=$B$24,21,0),MOD($C5331,24)+1)/SUM(INDEX($D$3:$AA$30,INDEX(Jesper!$R$2:$R$366,ROW(INDEX(Jesper!AH$2:AH$366,ROUNDDOWN($C5331/24,0)+1,1))-1)+IF('Standard Profiles'!$G$18=$B$10,7,0)+IF('Standard Profiles'!$G$18=$B$17,14,0)+IF('Standard Profiles'!$G$18=$B$24,21,0),0)),0)</f>
        <v>8.3308409381583672</v>
      </c>
      <c r="E5331" cm="1">
        <f t="array" ref="E5331">IFERROR(INDEX(Jesper!AI$2:AI$366,ROUNDDOWN($C5331/24,0)+1,1)*INDEX($D$3:$AA$30,INDEX(Jesper!$R$2:$R$366,ROW(INDEX(Jesper!AI$2:AI$366,ROUNDDOWN($C5331/24,0)+1,1))-1)+IF('Standard Profiles'!$G$19=$B$10,7,0)+IF('Standard Profiles'!$G$19=$B$17,14,0)+IF('Standard Profiles'!$G$19=$B$24,21,0),MOD($C5331,24)+1)/SUM(INDEX($D$3:$AA$30,INDEX(Jesper!$R$2:$R$366,ROW(INDEX(Jesper!AI$2:AI$366,ROUNDDOWN($C5331/24,0)+1,1))-1)+IF('Standard Profiles'!$G$19=$B$10,7,0)+IF('Standard Profiles'!$G$19=$B$17,14,0)+IF('Standard Profiles'!$G$19=$B$24,21,0),0)),0)</f>
        <v>3.8668211903537104</v>
      </c>
      <c r="F5331" cm="1">
        <f t="array" ref="F5331">IFERROR(INDEX(Jesper!AJ$2:AJ$366,ROUNDDOWN($C5331/24,0)+1,1)*INDEX($D$3:$AA$30,INDEX(Jesper!$R$2:$R$366,ROW(INDEX(Jesper!AJ$2:AJ$366,ROUNDDOWN($C5331/24,0)+1,1))-1)+IF('Standard Profiles'!$G$20=$B$10,7,0)+IF('Standard Profiles'!$G$20=$B$17,14,0)+IF('Standard Profiles'!$G$20=$B$24,21,0),MOD($C5331,24)+1)/SUM(INDEX($D$3:$AA$30,INDEX(Jesper!$R$2:$R$366,ROW(INDEX(Jesper!AJ$2:AJ$366,ROUNDDOWN($C5331/24,0)+1,1))-1)+IF('Standard Profiles'!$G$20=$B$10,7,0)+IF('Standard Profiles'!$G$20=$B$17,14,0)+IF('Standard Profiles'!$G$20=$B$24,21,0),0)),0)</f>
        <v>0</v>
      </c>
      <c r="G5331" cm="1">
        <f t="array" ref="G5331">IFERROR(INDEX(Jesper!AK$2:AK$366,ROUNDDOWN($C5331/24,0)+1,1)*INDEX($D$3:$AA$30,INDEX(Jesper!$R$2:$R$366,ROW(INDEX(Jesper!AK$2:AK$366,ROUNDDOWN($C5331/24,0)+1,1))-1)+IF('Standard Profiles'!$G$21=$B$10,7,0)+IF('Standard Profiles'!$G$21=$B$17,14,0)+IF('Standard Profiles'!$G$21=$B$24,21,0),MOD($C5331,24)+1)/SUM(INDEX($D$3:$AA$30,INDEX(Jesper!$R$2:$R$366,ROW(INDEX(Jesper!AK$2:AK$366,ROUNDDOWN($C5331/24,0)+1,1))-1)+IF('Standard Profiles'!$G$21=$B$10,7,0)+IF('Standard Profiles'!$G$21=$B$17,14,0)+IF('Standard Profiles'!$G$21=$B$24,21,0),0)),0)</f>
        <v>1.6578459217826564</v>
      </c>
      <c r="H5331" cm="1">
        <f t="array" ref="H5331">IFERROR(INDEX(Jesper!AL$2:AL$366,ROUNDDOWN($C5331/24,0)+1,1)*INDEX($D$3:$AA$30,INDEX(Jesper!$R$2:$R$366,ROW(INDEX(Jesper!AL$2:AL$366,ROUNDDOWN($C5331/24,0)+1,1))-1)+IF('Standard Profiles'!$G$22=$B$10,7,0)+IF('Standard Profiles'!$G$22=$B$17,14,0)+IF('Standard Profiles'!$G$22=$B$24,21,0),MOD($C5331,24)+1)/SUM(INDEX($D$3:$AA$30,INDEX(Jesper!$R$2:$R$366,ROW(INDEX(Jesper!AL$2:AL$366,ROUNDDOWN($C5331/24,0)+1,1))-1)+IF('Standard Profiles'!$G$22=$B$10,7,0)+IF('Standard Profiles'!$G$22=$B$17,14,0)+IF('Standard Profiles'!$G$22=$B$24,21,0),0)),0)</f>
        <v>0</v>
      </c>
      <c r="I5331">
        <f t="shared" si="594"/>
        <v>0.79576604245567473</v>
      </c>
      <c r="J5331">
        <f t="shared" si="595"/>
        <v>11.726807457733722</v>
      </c>
      <c r="K5331">
        <f t="shared" si="596"/>
        <v>0.88862303340355919</v>
      </c>
      <c r="L5331">
        <f t="shared" si="597"/>
        <v>0.4443115167017796</v>
      </c>
      <c r="M5331">
        <f t="shared" si="598"/>
        <v>0</v>
      </c>
      <c r="N5331" s="45">
        <f t="shared" si="599"/>
        <v>45147.708333320486</v>
      </c>
    </row>
    <row r="5332" spans="2:14" x14ac:dyDescent="0.25">
      <c r="B5332">
        <f t="shared" si="593"/>
        <v>3</v>
      </c>
      <c r="C5332" s="16">
        <v>5298</v>
      </c>
      <c r="D5332" cm="1">
        <f t="array" ref="D5332">IFERROR(INDEX(Jesper!AH$2:AH$366,ROUNDDOWN($C5332/24,0)+1,1)*INDEX($D$3:$AA$30,INDEX(Jesper!$R$2:$R$366,ROW(INDEX(Jesper!AH$2:AH$366,ROUNDDOWN($C5332/24,0)+1,1))-1)+IF('Standard Profiles'!$G$18=$B$10,7,0)+IF('Standard Profiles'!$G$18=$B$17,14,0)+IF('Standard Profiles'!$G$18=$B$24,21,0),MOD($C5332,24)+1)/SUM(INDEX($D$3:$AA$30,INDEX(Jesper!$R$2:$R$366,ROW(INDEX(Jesper!AH$2:AH$366,ROUNDDOWN($C5332/24,0)+1,1))-1)+IF('Standard Profiles'!$G$18=$B$10,7,0)+IF('Standard Profiles'!$G$18=$B$17,14,0)+IF('Standard Profiles'!$G$18=$B$24,21,0),0)),0)</f>
        <v>5.4983550191845225</v>
      </c>
      <c r="E5332" cm="1">
        <f t="array" ref="E5332">IFERROR(INDEX(Jesper!AI$2:AI$366,ROUNDDOWN($C5332/24,0)+1,1)*INDEX($D$3:$AA$30,INDEX(Jesper!$R$2:$R$366,ROW(INDEX(Jesper!AI$2:AI$366,ROUNDDOWN($C5332/24,0)+1,1))-1)+IF('Standard Profiles'!$G$19=$B$10,7,0)+IF('Standard Profiles'!$G$19=$B$17,14,0)+IF('Standard Profiles'!$G$19=$B$24,21,0),MOD($C5332,24)+1)/SUM(INDEX($D$3:$AA$30,INDEX(Jesper!$R$2:$R$366,ROW(INDEX(Jesper!AI$2:AI$366,ROUNDDOWN($C5332/24,0)+1,1))-1)+IF('Standard Profiles'!$G$19=$B$10,7,0)+IF('Standard Profiles'!$G$19=$B$17,14,0)+IF('Standard Profiles'!$G$19=$B$24,21,0),0)),0)</f>
        <v>2.552101985633449</v>
      </c>
      <c r="F5332" cm="1">
        <f t="array" ref="F5332">IFERROR(INDEX(Jesper!AJ$2:AJ$366,ROUNDDOWN($C5332/24,0)+1,1)*INDEX($D$3:$AA$30,INDEX(Jesper!$R$2:$R$366,ROW(INDEX(Jesper!AJ$2:AJ$366,ROUNDDOWN($C5332/24,0)+1,1))-1)+IF('Standard Profiles'!$G$20=$B$10,7,0)+IF('Standard Profiles'!$G$20=$B$17,14,0)+IF('Standard Profiles'!$G$20=$B$24,21,0),MOD($C5332,24)+1)/SUM(INDEX($D$3:$AA$30,INDEX(Jesper!$R$2:$R$366,ROW(INDEX(Jesper!AJ$2:AJ$366,ROUNDDOWN($C5332/24,0)+1,1))-1)+IF('Standard Profiles'!$G$20=$B$10,7,0)+IF('Standard Profiles'!$G$20=$B$17,14,0)+IF('Standard Profiles'!$G$20=$B$24,21,0),0)),0)</f>
        <v>0</v>
      </c>
      <c r="G5332" cm="1">
        <f t="array" ref="G5332">IFERROR(INDEX(Jesper!AK$2:AK$366,ROUNDDOWN($C5332/24,0)+1,1)*INDEX($D$3:$AA$30,INDEX(Jesper!$R$2:$R$366,ROW(INDEX(Jesper!AK$2:AK$366,ROUNDDOWN($C5332/24,0)+1,1))-1)+IF('Standard Profiles'!$G$21=$B$10,7,0)+IF('Standard Profiles'!$G$21=$B$17,14,0)+IF('Standard Profiles'!$G$21=$B$24,21,0),MOD($C5332,24)+1)/SUM(INDEX($D$3:$AA$30,INDEX(Jesper!$R$2:$R$366,ROW(INDEX(Jesper!AK$2:AK$366,ROUNDDOWN($C5332/24,0)+1,1))-1)+IF('Standard Profiles'!$G$21=$B$10,7,0)+IF('Standard Profiles'!$G$21=$B$17,14,0)+IF('Standard Profiles'!$G$21=$B$24,21,0),0)),0)</f>
        <v>0.61458606924287551</v>
      </c>
      <c r="H5332" cm="1">
        <f t="array" ref="H5332">IFERROR(INDEX(Jesper!AL$2:AL$366,ROUNDDOWN($C5332/24,0)+1,1)*INDEX($D$3:$AA$30,INDEX(Jesper!$R$2:$R$366,ROW(INDEX(Jesper!AL$2:AL$366,ROUNDDOWN($C5332/24,0)+1,1))-1)+IF('Standard Profiles'!$G$22=$B$10,7,0)+IF('Standard Profiles'!$G$22=$B$17,14,0)+IF('Standard Profiles'!$G$22=$B$24,21,0),MOD($C5332,24)+1)/SUM(INDEX($D$3:$AA$30,INDEX(Jesper!$R$2:$R$366,ROW(INDEX(Jesper!AL$2:AL$366,ROUNDDOWN($C5332/24,0)+1,1))-1)+IF('Standard Profiles'!$G$22=$B$10,7,0)+IF('Standard Profiles'!$G$22=$B$17,14,0)+IF('Standard Profiles'!$G$22=$B$24,21,0),0)),0)</f>
        <v>0</v>
      </c>
      <c r="I5332">
        <f t="shared" si="594"/>
        <v>0.29500131323658008</v>
      </c>
      <c r="J5332">
        <f t="shared" si="595"/>
        <v>7.4903049577547431</v>
      </c>
      <c r="K5332">
        <f t="shared" si="596"/>
        <v>0.58649120204634908</v>
      </c>
      <c r="L5332">
        <f t="shared" si="597"/>
        <v>0.29324560102317454</v>
      </c>
      <c r="M5332">
        <f t="shared" si="598"/>
        <v>0</v>
      </c>
      <c r="N5332" s="45">
        <f t="shared" si="599"/>
        <v>45147.749999987151</v>
      </c>
    </row>
    <row r="5333" spans="2:14" x14ac:dyDescent="0.25">
      <c r="B5333">
        <f t="shared" si="593"/>
        <v>3</v>
      </c>
      <c r="C5333" s="16">
        <v>5299</v>
      </c>
      <c r="D5333" cm="1">
        <f t="array" ref="D5333">IFERROR(INDEX(Jesper!AH$2:AH$366,ROUNDDOWN($C5333/24,0)+1,1)*INDEX($D$3:$AA$30,INDEX(Jesper!$R$2:$R$366,ROW(INDEX(Jesper!AH$2:AH$366,ROUNDDOWN($C5333/24,0)+1,1))-1)+IF('Standard Profiles'!$G$18=$B$10,7,0)+IF('Standard Profiles'!$G$18=$B$17,14,0)+IF('Standard Profiles'!$G$18=$B$24,21,0),MOD($C5333,24)+1)/SUM(INDEX($D$3:$AA$30,INDEX(Jesper!$R$2:$R$366,ROW(INDEX(Jesper!AH$2:AH$366,ROUNDDOWN($C5333/24,0)+1,1))-1)+IF('Standard Profiles'!$G$18=$B$10,7,0)+IF('Standard Profiles'!$G$18=$B$17,14,0)+IF('Standard Profiles'!$G$18=$B$24,21,0),0)),0)</f>
        <v>5.4983550191845225</v>
      </c>
      <c r="E5333" cm="1">
        <f t="array" ref="E5333">IFERROR(INDEX(Jesper!AI$2:AI$366,ROUNDDOWN($C5333/24,0)+1,1)*INDEX($D$3:$AA$30,INDEX(Jesper!$R$2:$R$366,ROW(INDEX(Jesper!AI$2:AI$366,ROUNDDOWN($C5333/24,0)+1,1))-1)+IF('Standard Profiles'!$G$19=$B$10,7,0)+IF('Standard Profiles'!$G$19=$B$17,14,0)+IF('Standard Profiles'!$G$19=$B$24,21,0),MOD($C5333,24)+1)/SUM(INDEX($D$3:$AA$30,INDEX(Jesper!$R$2:$R$366,ROW(INDEX(Jesper!AI$2:AI$366,ROUNDDOWN($C5333/24,0)+1,1))-1)+IF('Standard Profiles'!$G$19=$B$10,7,0)+IF('Standard Profiles'!$G$19=$B$17,14,0)+IF('Standard Profiles'!$G$19=$B$24,21,0),0)),0)</f>
        <v>2.552101985633449</v>
      </c>
      <c r="F5333" cm="1">
        <f t="array" ref="F5333">IFERROR(INDEX(Jesper!AJ$2:AJ$366,ROUNDDOWN($C5333/24,0)+1,1)*INDEX($D$3:$AA$30,INDEX(Jesper!$R$2:$R$366,ROW(INDEX(Jesper!AJ$2:AJ$366,ROUNDDOWN($C5333/24,0)+1,1))-1)+IF('Standard Profiles'!$G$20=$B$10,7,0)+IF('Standard Profiles'!$G$20=$B$17,14,0)+IF('Standard Profiles'!$G$20=$B$24,21,0),MOD($C5333,24)+1)/SUM(INDEX($D$3:$AA$30,INDEX(Jesper!$R$2:$R$366,ROW(INDEX(Jesper!AJ$2:AJ$366,ROUNDDOWN($C5333/24,0)+1,1))-1)+IF('Standard Profiles'!$G$20=$B$10,7,0)+IF('Standard Profiles'!$G$20=$B$17,14,0)+IF('Standard Profiles'!$G$20=$B$24,21,0),0)),0)</f>
        <v>0</v>
      </c>
      <c r="G5333" cm="1">
        <f t="array" ref="G5333">IFERROR(INDEX(Jesper!AK$2:AK$366,ROUNDDOWN($C5333/24,0)+1,1)*INDEX($D$3:$AA$30,INDEX(Jesper!$R$2:$R$366,ROW(INDEX(Jesper!AK$2:AK$366,ROUNDDOWN($C5333/24,0)+1,1))-1)+IF('Standard Profiles'!$G$21=$B$10,7,0)+IF('Standard Profiles'!$G$21=$B$17,14,0)+IF('Standard Profiles'!$G$21=$B$24,21,0),MOD($C5333,24)+1)/SUM(INDEX($D$3:$AA$30,INDEX(Jesper!$R$2:$R$366,ROW(INDEX(Jesper!AK$2:AK$366,ROUNDDOWN($C5333/24,0)+1,1))-1)+IF('Standard Profiles'!$G$21=$B$10,7,0)+IF('Standard Profiles'!$G$21=$B$17,14,0)+IF('Standard Profiles'!$G$21=$B$24,21,0),0)),0)</f>
        <v>0.61458606924287551</v>
      </c>
      <c r="H5333" cm="1">
        <f t="array" ref="H5333">IFERROR(INDEX(Jesper!AL$2:AL$366,ROUNDDOWN($C5333/24,0)+1,1)*INDEX($D$3:$AA$30,INDEX(Jesper!$R$2:$R$366,ROW(INDEX(Jesper!AL$2:AL$366,ROUNDDOWN($C5333/24,0)+1,1))-1)+IF('Standard Profiles'!$G$22=$B$10,7,0)+IF('Standard Profiles'!$G$22=$B$17,14,0)+IF('Standard Profiles'!$G$22=$B$24,21,0),MOD($C5333,24)+1)/SUM(INDEX($D$3:$AA$30,INDEX(Jesper!$R$2:$R$366,ROW(INDEX(Jesper!AL$2:AL$366,ROUNDDOWN($C5333/24,0)+1,1))-1)+IF('Standard Profiles'!$G$22=$B$10,7,0)+IF('Standard Profiles'!$G$22=$B$17,14,0)+IF('Standard Profiles'!$G$22=$B$24,21,0),0)),0)</f>
        <v>0</v>
      </c>
      <c r="I5333">
        <f t="shared" si="594"/>
        <v>0.29500131323658008</v>
      </c>
      <c r="J5333">
        <f t="shared" si="595"/>
        <v>7.4903049577547431</v>
      </c>
      <c r="K5333">
        <f t="shared" si="596"/>
        <v>0.58649120204634908</v>
      </c>
      <c r="L5333">
        <f t="shared" si="597"/>
        <v>0.29324560102317454</v>
      </c>
      <c r="M5333">
        <f t="shared" si="598"/>
        <v>0</v>
      </c>
      <c r="N5333" s="45">
        <f t="shared" si="599"/>
        <v>45147.791666653815</v>
      </c>
    </row>
    <row r="5334" spans="2:14" x14ac:dyDescent="0.25">
      <c r="B5334">
        <f t="shared" si="593"/>
        <v>3</v>
      </c>
      <c r="C5334" s="16">
        <v>5300</v>
      </c>
      <c r="D5334" cm="1">
        <f t="array" ref="D5334">IFERROR(INDEX(Jesper!AH$2:AH$366,ROUNDDOWN($C5334/24,0)+1,1)*INDEX($D$3:$AA$30,INDEX(Jesper!$R$2:$R$366,ROW(INDEX(Jesper!AH$2:AH$366,ROUNDDOWN($C5334/24,0)+1,1))-1)+IF('Standard Profiles'!$G$18=$B$10,7,0)+IF('Standard Profiles'!$G$18=$B$17,14,0)+IF('Standard Profiles'!$G$18=$B$24,21,0),MOD($C5334,24)+1)/SUM(INDEX($D$3:$AA$30,INDEX(Jesper!$R$2:$R$366,ROW(INDEX(Jesper!AH$2:AH$366,ROUNDDOWN($C5334/24,0)+1,1))-1)+IF('Standard Profiles'!$G$18=$B$10,7,0)+IF('Standard Profiles'!$G$18=$B$17,14,0)+IF('Standard Profiles'!$G$18=$B$24,21,0),0)),0)</f>
        <v>5.4983550191845225</v>
      </c>
      <c r="E5334" cm="1">
        <f t="array" ref="E5334">IFERROR(INDEX(Jesper!AI$2:AI$366,ROUNDDOWN($C5334/24,0)+1,1)*INDEX($D$3:$AA$30,INDEX(Jesper!$R$2:$R$366,ROW(INDEX(Jesper!AI$2:AI$366,ROUNDDOWN($C5334/24,0)+1,1))-1)+IF('Standard Profiles'!$G$19=$B$10,7,0)+IF('Standard Profiles'!$G$19=$B$17,14,0)+IF('Standard Profiles'!$G$19=$B$24,21,0),MOD($C5334,24)+1)/SUM(INDEX($D$3:$AA$30,INDEX(Jesper!$R$2:$R$366,ROW(INDEX(Jesper!AI$2:AI$366,ROUNDDOWN($C5334/24,0)+1,1))-1)+IF('Standard Profiles'!$G$19=$B$10,7,0)+IF('Standard Profiles'!$G$19=$B$17,14,0)+IF('Standard Profiles'!$G$19=$B$24,21,0),0)),0)</f>
        <v>2.552101985633449</v>
      </c>
      <c r="F5334" cm="1">
        <f t="array" ref="F5334">IFERROR(INDEX(Jesper!AJ$2:AJ$366,ROUNDDOWN($C5334/24,0)+1,1)*INDEX($D$3:$AA$30,INDEX(Jesper!$R$2:$R$366,ROW(INDEX(Jesper!AJ$2:AJ$366,ROUNDDOWN($C5334/24,0)+1,1))-1)+IF('Standard Profiles'!$G$20=$B$10,7,0)+IF('Standard Profiles'!$G$20=$B$17,14,0)+IF('Standard Profiles'!$G$20=$B$24,21,0),MOD($C5334,24)+1)/SUM(INDEX($D$3:$AA$30,INDEX(Jesper!$R$2:$R$366,ROW(INDEX(Jesper!AJ$2:AJ$366,ROUNDDOWN($C5334/24,0)+1,1))-1)+IF('Standard Profiles'!$G$20=$B$10,7,0)+IF('Standard Profiles'!$G$20=$B$17,14,0)+IF('Standard Profiles'!$G$20=$B$24,21,0),0)),0)</f>
        <v>0</v>
      </c>
      <c r="G5334" cm="1">
        <f t="array" ref="G5334">IFERROR(INDEX(Jesper!AK$2:AK$366,ROUNDDOWN($C5334/24,0)+1,1)*INDEX($D$3:$AA$30,INDEX(Jesper!$R$2:$R$366,ROW(INDEX(Jesper!AK$2:AK$366,ROUNDDOWN($C5334/24,0)+1,1))-1)+IF('Standard Profiles'!$G$21=$B$10,7,0)+IF('Standard Profiles'!$G$21=$B$17,14,0)+IF('Standard Profiles'!$G$21=$B$24,21,0),MOD($C5334,24)+1)/SUM(INDEX($D$3:$AA$30,INDEX(Jesper!$R$2:$R$366,ROW(INDEX(Jesper!AK$2:AK$366,ROUNDDOWN($C5334/24,0)+1,1))-1)+IF('Standard Profiles'!$G$21=$B$10,7,0)+IF('Standard Profiles'!$G$21=$B$17,14,0)+IF('Standard Profiles'!$G$21=$B$24,21,0),0)),0)</f>
        <v>0.61458606924287551</v>
      </c>
      <c r="H5334" cm="1">
        <f t="array" ref="H5334">IFERROR(INDEX(Jesper!AL$2:AL$366,ROUNDDOWN($C5334/24,0)+1,1)*INDEX($D$3:$AA$30,INDEX(Jesper!$R$2:$R$366,ROW(INDEX(Jesper!AL$2:AL$366,ROUNDDOWN($C5334/24,0)+1,1))-1)+IF('Standard Profiles'!$G$22=$B$10,7,0)+IF('Standard Profiles'!$G$22=$B$17,14,0)+IF('Standard Profiles'!$G$22=$B$24,21,0),MOD($C5334,24)+1)/SUM(INDEX($D$3:$AA$30,INDEX(Jesper!$R$2:$R$366,ROW(INDEX(Jesper!AL$2:AL$366,ROUNDDOWN($C5334/24,0)+1,1))-1)+IF('Standard Profiles'!$G$22=$B$10,7,0)+IF('Standard Profiles'!$G$22=$B$17,14,0)+IF('Standard Profiles'!$G$22=$B$24,21,0),0)),0)</f>
        <v>0</v>
      </c>
      <c r="I5334">
        <f t="shared" si="594"/>
        <v>0.29500131323658008</v>
      </c>
      <c r="J5334">
        <f t="shared" si="595"/>
        <v>7.4903049577547431</v>
      </c>
      <c r="K5334">
        <f t="shared" si="596"/>
        <v>0.58649120204634908</v>
      </c>
      <c r="L5334">
        <f t="shared" si="597"/>
        <v>0.29324560102317454</v>
      </c>
      <c r="M5334">
        <f t="shared" si="598"/>
        <v>0</v>
      </c>
      <c r="N5334" s="45">
        <f t="shared" si="599"/>
        <v>45147.833333320479</v>
      </c>
    </row>
    <row r="5335" spans="2:14" x14ac:dyDescent="0.25">
      <c r="B5335">
        <f t="shared" si="593"/>
        <v>3</v>
      </c>
      <c r="C5335" s="16">
        <v>5301</v>
      </c>
      <c r="D5335" cm="1">
        <f t="array" ref="D5335">IFERROR(INDEX(Jesper!AH$2:AH$366,ROUNDDOWN($C5335/24,0)+1,1)*INDEX($D$3:$AA$30,INDEX(Jesper!$R$2:$R$366,ROW(INDEX(Jesper!AH$2:AH$366,ROUNDDOWN($C5335/24,0)+1,1))-1)+IF('Standard Profiles'!$G$18=$B$10,7,0)+IF('Standard Profiles'!$G$18=$B$17,14,0)+IF('Standard Profiles'!$G$18=$B$24,21,0),MOD($C5335,24)+1)/SUM(INDEX($D$3:$AA$30,INDEX(Jesper!$R$2:$R$366,ROW(INDEX(Jesper!AH$2:AH$366,ROUNDDOWN($C5335/24,0)+1,1))-1)+IF('Standard Profiles'!$G$18=$B$10,7,0)+IF('Standard Profiles'!$G$18=$B$17,14,0)+IF('Standard Profiles'!$G$18=$B$24,21,0),0)),0)</f>
        <v>5.4983550191845225</v>
      </c>
      <c r="E5335" cm="1">
        <f t="array" ref="E5335">IFERROR(INDEX(Jesper!AI$2:AI$366,ROUNDDOWN($C5335/24,0)+1,1)*INDEX($D$3:$AA$30,INDEX(Jesper!$R$2:$R$366,ROW(INDEX(Jesper!AI$2:AI$366,ROUNDDOWN($C5335/24,0)+1,1))-1)+IF('Standard Profiles'!$G$19=$B$10,7,0)+IF('Standard Profiles'!$G$19=$B$17,14,0)+IF('Standard Profiles'!$G$19=$B$24,21,0),MOD($C5335,24)+1)/SUM(INDEX($D$3:$AA$30,INDEX(Jesper!$R$2:$R$366,ROW(INDEX(Jesper!AI$2:AI$366,ROUNDDOWN($C5335/24,0)+1,1))-1)+IF('Standard Profiles'!$G$19=$B$10,7,0)+IF('Standard Profiles'!$G$19=$B$17,14,0)+IF('Standard Profiles'!$G$19=$B$24,21,0),0)),0)</f>
        <v>2.552101985633449</v>
      </c>
      <c r="F5335" cm="1">
        <f t="array" ref="F5335">IFERROR(INDEX(Jesper!AJ$2:AJ$366,ROUNDDOWN($C5335/24,0)+1,1)*INDEX($D$3:$AA$30,INDEX(Jesper!$R$2:$R$366,ROW(INDEX(Jesper!AJ$2:AJ$366,ROUNDDOWN($C5335/24,0)+1,1))-1)+IF('Standard Profiles'!$G$20=$B$10,7,0)+IF('Standard Profiles'!$G$20=$B$17,14,0)+IF('Standard Profiles'!$G$20=$B$24,21,0),MOD($C5335,24)+1)/SUM(INDEX($D$3:$AA$30,INDEX(Jesper!$R$2:$R$366,ROW(INDEX(Jesper!AJ$2:AJ$366,ROUNDDOWN($C5335/24,0)+1,1))-1)+IF('Standard Profiles'!$G$20=$B$10,7,0)+IF('Standard Profiles'!$G$20=$B$17,14,0)+IF('Standard Profiles'!$G$20=$B$24,21,0),0)),0)</f>
        <v>0</v>
      </c>
      <c r="G5335" cm="1">
        <f t="array" ref="G5335">IFERROR(INDEX(Jesper!AK$2:AK$366,ROUNDDOWN($C5335/24,0)+1,1)*INDEX($D$3:$AA$30,INDEX(Jesper!$R$2:$R$366,ROW(INDEX(Jesper!AK$2:AK$366,ROUNDDOWN($C5335/24,0)+1,1))-1)+IF('Standard Profiles'!$G$21=$B$10,7,0)+IF('Standard Profiles'!$G$21=$B$17,14,0)+IF('Standard Profiles'!$G$21=$B$24,21,0),MOD($C5335,24)+1)/SUM(INDEX($D$3:$AA$30,INDEX(Jesper!$R$2:$R$366,ROW(INDEX(Jesper!AK$2:AK$366,ROUNDDOWN($C5335/24,0)+1,1))-1)+IF('Standard Profiles'!$G$21=$B$10,7,0)+IF('Standard Profiles'!$G$21=$B$17,14,0)+IF('Standard Profiles'!$G$21=$B$24,21,0),0)),0)</f>
        <v>0.61458606924287551</v>
      </c>
      <c r="H5335" cm="1">
        <f t="array" ref="H5335">IFERROR(INDEX(Jesper!AL$2:AL$366,ROUNDDOWN($C5335/24,0)+1,1)*INDEX($D$3:$AA$30,INDEX(Jesper!$R$2:$R$366,ROW(INDEX(Jesper!AL$2:AL$366,ROUNDDOWN($C5335/24,0)+1,1))-1)+IF('Standard Profiles'!$G$22=$B$10,7,0)+IF('Standard Profiles'!$G$22=$B$17,14,0)+IF('Standard Profiles'!$G$22=$B$24,21,0),MOD($C5335,24)+1)/SUM(INDEX($D$3:$AA$30,INDEX(Jesper!$R$2:$R$366,ROW(INDEX(Jesper!AL$2:AL$366,ROUNDDOWN($C5335/24,0)+1,1))-1)+IF('Standard Profiles'!$G$22=$B$10,7,0)+IF('Standard Profiles'!$G$22=$B$17,14,0)+IF('Standard Profiles'!$G$22=$B$24,21,0),0)),0)</f>
        <v>0</v>
      </c>
      <c r="I5335">
        <f t="shared" si="594"/>
        <v>0.29500131323658008</v>
      </c>
      <c r="J5335">
        <f t="shared" si="595"/>
        <v>7.4903049577547431</v>
      </c>
      <c r="K5335">
        <f t="shared" si="596"/>
        <v>0.58649120204634908</v>
      </c>
      <c r="L5335">
        <f t="shared" si="597"/>
        <v>0.29324560102317454</v>
      </c>
      <c r="M5335">
        <f t="shared" si="598"/>
        <v>0</v>
      </c>
      <c r="N5335" s="45">
        <f t="shared" si="599"/>
        <v>45147.874999987143</v>
      </c>
    </row>
    <row r="5336" spans="2:14" x14ac:dyDescent="0.25">
      <c r="B5336">
        <f t="shared" si="593"/>
        <v>3</v>
      </c>
      <c r="C5336" s="16">
        <v>5302</v>
      </c>
      <c r="D5336" cm="1">
        <f t="array" ref="D5336">IFERROR(INDEX(Jesper!AH$2:AH$366,ROUNDDOWN($C5336/24,0)+1,1)*INDEX($D$3:$AA$30,INDEX(Jesper!$R$2:$R$366,ROW(INDEX(Jesper!AH$2:AH$366,ROUNDDOWN($C5336/24,0)+1,1))-1)+IF('Standard Profiles'!$G$18=$B$10,7,0)+IF('Standard Profiles'!$G$18=$B$17,14,0)+IF('Standard Profiles'!$G$18=$B$24,21,0),MOD($C5336,24)+1)/SUM(INDEX($D$3:$AA$30,INDEX(Jesper!$R$2:$R$366,ROW(INDEX(Jesper!AH$2:AH$366,ROUNDDOWN($C5336/24,0)+1,1))-1)+IF('Standard Profiles'!$G$18=$B$10,7,0)+IF('Standard Profiles'!$G$18=$B$17,14,0)+IF('Standard Profiles'!$G$18=$B$24,21,0),0)),0)</f>
        <v>5.4983550191845225</v>
      </c>
      <c r="E5336" cm="1">
        <f t="array" ref="E5336">IFERROR(INDEX(Jesper!AI$2:AI$366,ROUNDDOWN($C5336/24,0)+1,1)*INDEX($D$3:$AA$30,INDEX(Jesper!$R$2:$R$366,ROW(INDEX(Jesper!AI$2:AI$366,ROUNDDOWN($C5336/24,0)+1,1))-1)+IF('Standard Profiles'!$G$19=$B$10,7,0)+IF('Standard Profiles'!$G$19=$B$17,14,0)+IF('Standard Profiles'!$G$19=$B$24,21,0),MOD($C5336,24)+1)/SUM(INDEX($D$3:$AA$30,INDEX(Jesper!$R$2:$R$366,ROW(INDEX(Jesper!AI$2:AI$366,ROUNDDOWN($C5336/24,0)+1,1))-1)+IF('Standard Profiles'!$G$19=$B$10,7,0)+IF('Standard Profiles'!$G$19=$B$17,14,0)+IF('Standard Profiles'!$G$19=$B$24,21,0),0)),0)</f>
        <v>2.552101985633449</v>
      </c>
      <c r="F5336" cm="1">
        <f t="array" ref="F5336">IFERROR(INDEX(Jesper!AJ$2:AJ$366,ROUNDDOWN($C5336/24,0)+1,1)*INDEX($D$3:$AA$30,INDEX(Jesper!$R$2:$R$366,ROW(INDEX(Jesper!AJ$2:AJ$366,ROUNDDOWN($C5336/24,0)+1,1))-1)+IF('Standard Profiles'!$G$20=$B$10,7,0)+IF('Standard Profiles'!$G$20=$B$17,14,0)+IF('Standard Profiles'!$G$20=$B$24,21,0),MOD($C5336,24)+1)/SUM(INDEX($D$3:$AA$30,INDEX(Jesper!$R$2:$R$366,ROW(INDEX(Jesper!AJ$2:AJ$366,ROUNDDOWN($C5336/24,0)+1,1))-1)+IF('Standard Profiles'!$G$20=$B$10,7,0)+IF('Standard Profiles'!$G$20=$B$17,14,0)+IF('Standard Profiles'!$G$20=$B$24,21,0),0)),0)</f>
        <v>0</v>
      </c>
      <c r="G5336" cm="1">
        <f t="array" ref="G5336">IFERROR(INDEX(Jesper!AK$2:AK$366,ROUNDDOWN($C5336/24,0)+1,1)*INDEX($D$3:$AA$30,INDEX(Jesper!$R$2:$R$366,ROW(INDEX(Jesper!AK$2:AK$366,ROUNDDOWN($C5336/24,0)+1,1))-1)+IF('Standard Profiles'!$G$21=$B$10,7,0)+IF('Standard Profiles'!$G$21=$B$17,14,0)+IF('Standard Profiles'!$G$21=$B$24,21,0),MOD($C5336,24)+1)/SUM(INDEX($D$3:$AA$30,INDEX(Jesper!$R$2:$R$366,ROW(INDEX(Jesper!AK$2:AK$366,ROUNDDOWN($C5336/24,0)+1,1))-1)+IF('Standard Profiles'!$G$21=$B$10,7,0)+IF('Standard Profiles'!$G$21=$B$17,14,0)+IF('Standard Profiles'!$G$21=$B$24,21,0),0)),0)</f>
        <v>0.61458606924287551</v>
      </c>
      <c r="H5336" cm="1">
        <f t="array" ref="H5336">IFERROR(INDEX(Jesper!AL$2:AL$366,ROUNDDOWN($C5336/24,0)+1,1)*INDEX($D$3:$AA$30,INDEX(Jesper!$R$2:$R$366,ROW(INDEX(Jesper!AL$2:AL$366,ROUNDDOWN($C5336/24,0)+1,1))-1)+IF('Standard Profiles'!$G$22=$B$10,7,0)+IF('Standard Profiles'!$G$22=$B$17,14,0)+IF('Standard Profiles'!$G$22=$B$24,21,0),MOD($C5336,24)+1)/SUM(INDEX($D$3:$AA$30,INDEX(Jesper!$R$2:$R$366,ROW(INDEX(Jesper!AL$2:AL$366,ROUNDDOWN($C5336/24,0)+1,1))-1)+IF('Standard Profiles'!$G$22=$B$10,7,0)+IF('Standard Profiles'!$G$22=$B$17,14,0)+IF('Standard Profiles'!$G$22=$B$24,21,0),0)),0)</f>
        <v>0</v>
      </c>
      <c r="I5336">
        <f t="shared" si="594"/>
        <v>0.29500131323658008</v>
      </c>
      <c r="J5336">
        <f t="shared" si="595"/>
        <v>7.4903049577547431</v>
      </c>
      <c r="K5336">
        <f t="shared" si="596"/>
        <v>0.58649120204634908</v>
      </c>
      <c r="L5336">
        <f t="shared" si="597"/>
        <v>0.29324560102317454</v>
      </c>
      <c r="M5336">
        <f t="shared" si="598"/>
        <v>0</v>
      </c>
      <c r="N5336" s="45">
        <f t="shared" si="599"/>
        <v>45147.916666653808</v>
      </c>
    </row>
    <row r="5337" spans="2:14" x14ac:dyDescent="0.25">
      <c r="B5337">
        <f t="shared" si="593"/>
        <v>3</v>
      </c>
      <c r="C5337" s="16">
        <v>5303</v>
      </c>
      <c r="D5337" cm="1">
        <f t="array" ref="D5337">IFERROR(INDEX(Jesper!AH$2:AH$366,ROUNDDOWN($C5337/24,0)+1,1)*INDEX($D$3:$AA$30,INDEX(Jesper!$R$2:$R$366,ROW(INDEX(Jesper!AH$2:AH$366,ROUNDDOWN($C5337/24,0)+1,1))-1)+IF('Standard Profiles'!$G$18=$B$10,7,0)+IF('Standard Profiles'!$G$18=$B$17,14,0)+IF('Standard Profiles'!$G$18=$B$24,21,0),MOD($C5337,24)+1)/SUM(INDEX($D$3:$AA$30,INDEX(Jesper!$R$2:$R$366,ROW(INDEX(Jesper!AH$2:AH$366,ROUNDDOWN($C5337/24,0)+1,1))-1)+IF('Standard Profiles'!$G$18=$B$10,7,0)+IF('Standard Profiles'!$G$18=$B$17,14,0)+IF('Standard Profiles'!$G$18=$B$24,21,0),0)),0)</f>
        <v>5.4983550191845225</v>
      </c>
      <c r="E5337" cm="1">
        <f t="array" ref="E5337">IFERROR(INDEX(Jesper!AI$2:AI$366,ROUNDDOWN($C5337/24,0)+1,1)*INDEX($D$3:$AA$30,INDEX(Jesper!$R$2:$R$366,ROW(INDEX(Jesper!AI$2:AI$366,ROUNDDOWN($C5337/24,0)+1,1))-1)+IF('Standard Profiles'!$G$19=$B$10,7,0)+IF('Standard Profiles'!$G$19=$B$17,14,0)+IF('Standard Profiles'!$G$19=$B$24,21,0),MOD($C5337,24)+1)/SUM(INDEX($D$3:$AA$30,INDEX(Jesper!$R$2:$R$366,ROW(INDEX(Jesper!AI$2:AI$366,ROUNDDOWN($C5337/24,0)+1,1))-1)+IF('Standard Profiles'!$G$19=$B$10,7,0)+IF('Standard Profiles'!$G$19=$B$17,14,0)+IF('Standard Profiles'!$G$19=$B$24,21,0),0)),0)</f>
        <v>2.552101985633449</v>
      </c>
      <c r="F5337" cm="1">
        <f t="array" ref="F5337">IFERROR(INDEX(Jesper!AJ$2:AJ$366,ROUNDDOWN($C5337/24,0)+1,1)*INDEX($D$3:$AA$30,INDEX(Jesper!$R$2:$R$366,ROW(INDEX(Jesper!AJ$2:AJ$366,ROUNDDOWN($C5337/24,0)+1,1))-1)+IF('Standard Profiles'!$G$20=$B$10,7,0)+IF('Standard Profiles'!$G$20=$B$17,14,0)+IF('Standard Profiles'!$G$20=$B$24,21,0),MOD($C5337,24)+1)/SUM(INDEX($D$3:$AA$30,INDEX(Jesper!$R$2:$R$366,ROW(INDEX(Jesper!AJ$2:AJ$366,ROUNDDOWN($C5337/24,0)+1,1))-1)+IF('Standard Profiles'!$G$20=$B$10,7,0)+IF('Standard Profiles'!$G$20=$B$17,14,0)+IF('Standard Profiles'!$G$20=$B$24,21,0),0)),0)</f>
        <v>0</v>
      </c>
      <c r="G5337" cm="1">
        <f t="array" ref="G5337">IFERROR(INDEX(Jesper!AK$2:AK$366,ROUNDDOWN($C5337/24,0)+1,1)*INDEX($D$3:$AA$30,INDEX(Jesper!$R$2:$R$366,ROW(INDEX(Jesper!AK$2:AK$366,ROUNDDOWN($C5337/24,0)+1,1))-1)+IF('Standard Profiles'!$G$21=$B$10,7,0)+IF('Standard Profiles'!$G$21=$B$17,14,0)+IF('Standard Profiles'!$G$21=$B$24,21,0),MOD($C5337,24)+1)/SUM(INDEX($D$3:$AA$30,INDEX(Jesper!$R$2:$R$366,ROW(INDEX(Jesper!AK$2:AK$366,ROUNDDOWN($C5337/24,0)+1,1))-1)+IF('Standard Profiles'!$G$21=$B$10,7,0)+IF('Standard Profiles'!$G$21=$B$17,14,0)+IF('Standard Profiles'!$G$21=$B$24,21,0),0)),0)</f>
        <v>0.61458606924287551</v>
      </c>
      <c r="H5337" cm="1">
        <f t="array" ref="H5337">IFERROR(INDEX(Jesper!AL$2:AL$366,ROUNDDOWN($C5337/24,0)+1,1)*INDEX($D$3:$AA$30,INDEX(Jesper!$R$2:$R$366,ROW(INDEX(Jesper!AL$2:AL$366,ROUNDDOWN($C5337/24,0)+1,1))-1)+IF('Standard Profiles'!$G$22=$B$10,7,0)+IF('Standard Profiles'!$G$22=$B$17,14,0)+IF('Standard Profiles'!$G$22=$B$24,21,0),MOD($C5337,24)+1)/SUM(INDEX($D$3:$AA$30,INDEX(Jesper!$R$2:$R$366,ROW(INDEX(Jesper!AL$2:AL$366,ROUNDDOWN($C5337/24,0)+1,1))-1)+IF('Standard Profiles'!$G$22=$B$10,7,0)+IF('Standard Profiles'!$G$22=$B$17,14,0)+IF('Standard Profiles'!$G$22=$B$24,21,0),0)),0)</f>
        <v>0</v>
      </c>
      <c r="I5337">
        <f t="shared" si="594"/>
        <v>0.29500131323658008</v>
      </c>
      <c r="J5337">
        <f t="shared" si="595"/>
        <v>7.4903049577547431</v>
      </c>
      <c r="K5337">
        <f t="shared" si="596"/>
        <v>0.58649120204634908</v>
      </c>
      <c r="L5337">
        <f t="shared" si="597"/>
        <v>0.29324560102317454</v>
      </c>
      <c r="M5337">
        <f t="shared" si="598"/>
        <v>0</v>
      </c>
      <c r="N5337" s="45">
        <f t="shared" si="599"/>
        <v>45147.958333320472</v>
      </c>
    </row>
    <row r="5338" spans="2:14" x14ac:dyDescent="0.25">
      <c r="B5338">
        <f t="shared" si="593"/>
        <v>4</v>
      </c>
      <c r="C5338" s="16">
        <v>5304</v>
      </c>
      <c r="D5338" cm="1">
        <f t="array" ref="D5338">IFERROR(INDEX(Jesper!AH$2:AH$366,ROUNDDOWN($C5338/24,0)+1,1)*INDEX($D$3:$AA$30,INDEX(Jesper!$R$2:$R$366,ROW(INDEX(Jesper!AH$2:AH$366,ROUNDDOWN($C5338/24,0)+1,1))-1)+IF('Standard Profiles'!$G$18=$B$10,7,0)+IF('Standard Profiles'!$G$18=$B$17,14,0)+IF('Standard Profiles'!$G$18=$B$24,21,0),MOD($C5338,24)+1)/SUM(INDEX($D$3:$AA$30,INDEX(Jesper!$R$2:$R$366,ROW(INDEX(Jesper!AH$2:AH$366,ROUNDDOWN($C5338/24,0)+1,1))-1)+IF('Standard Profiles'!$G$18=$B$10,7,0)+IF('Standard Profiles'!$G$18=$B$17,14,0)+IF('Standard Profiles'!$G$18=$B$24,21,0),0)),0)</f>
        <v>5.4941556541060077</v>
      </c>
      <c r="E5338" cm="1">
        <f t="array" ref="E5338">IFERROR(INDEX(Jesper!AI$2:AI$366,ROUNDDOWN($C5338/24,0)+1,1)*INDEX($D$3:$AA$30,INDEX(Jesper!$R$2:$R$366,ROW(INDEX(Jesper!AI$2:AI$366,ROUNDDOWN($C5338/24,0)+1,1))-1)+IF('Standard Profiles'!$G$19=$B$10,7,0)+IF('Standard Profiles'!$G$19=$B$17,14,0)+IF('Standard Profiles'!$G$19=$B$24,21,0),MOD($C5338,24)+1)/SUM(INDEX($D$3:$AA$30,INDEX(Jesper!$R$2:$R$366,ROW(INDEX(Jesper!AI$2:AI$366,ROUNDDOWN($C5338/24,0)+1,1))-1)+IF('Standard Profiles'!$G$19=$B$10,7,0)+IF('Standard Profiles'!$G$19=$B$17,14,0)+IF('Standard Profiles'!$G$19=$B$24,21,0),0)),0)</f>
        <v>2.5442520424204793</v>
      </c>
      <c r="F5338" cm="1">
        <f t="array" ref="F5338">IFERROR(INDEX(Jesper!AJ$2:AJ$366,ROUNDDOWN($C5338/24,0)+1,1)*INDEX($D$3:$AA$30,INDEX(Jesper!$R$2:$R$366,ROW(INDEX(Jesper!AJ$2:AJ$366,ROUNDDOWN($C5338/24,0)+1,1))-1)+IF('Standard Profiles'!$G$20=$B$10,7,0)+IF('Standard Profiles'!$G$20=$B$17,14,0)+IF('Standard Profiles'!$G$20=$B$24,21,0),MOD($C5338,24)+1)/SUM(INDEX($D$3:$AA$30,INDEX(Jesper!$R$2:$R$366,ROW(INDEX(Jesper!AJ$2:AJ$366,ROUNDDOWN($C5338/24,0)+1,1))-1)+IF('Standard Profiles'!$G$20=$B$10,7,0)+IF('Standard Profiles'!$G$20=$B$17,14,0)+IF('Standard Profiles'!$G$20=$B$24,21,0),0)),0)</f>
        <v>0</v>
      </c>
      <c r="G5338" cm="1">
        <f t="array" ref="G5338">IFERROR(INDEX(Jesper!AK$2:AK$366,ROUNDDOWN($C5338/24,0)+1,1)*INDEX($D$3:$AA$30,INDEX(Jesper!$R$2:$R$366,ROW(INDEX(Jesper!AK$2:AK$366,ROUNDDOWN($C5338/24,0)+1,1))-1)+IF('Standard Profiles'!$G$21=$B$10,7,0)+IF('Standard Profiles'!$G$21=$B$17,14,0)+IF('Standard Profiles'!$G$21=$B$24,21,0),MOD($C5338,24)+1)/SUM(INDEX($D$3:$AA$30,INDEX(Jesper!$R$2:$R$366,ROW(INDEX(Jesper!AK$2:AK$366,ROUNDDOWN($C5338/24,0)+1,1))-1)+IF('Standard Profiles'!$G$21=$B$10,7,0)+IF('Standard Profiles'!$G$21=$B$17,14,0)+IF('Standard Profiles'!$G$21=$B$24,21,0),0)),0)</f>
        <v>0.60372932932160717</v>
      </c>
      <c r="H5338" cm="1">
        <f t="array" ref="H5338">IFERROR(INDEX(Jesper!AL$2:AL$366,ROUNDDOWN($C5338/24,0)+1,1)*INDEX($D$3:$AA$30,INDEX(Jesper!$R$2:$R$366,ROW(INDEX(Jesper!AL$2:AL$366,ROUNDDOWN($C5338/24,0)+1,1))-1)+IF('Standard Profiles'!$G$22=$B$10,7,0)+IF('Standard Profiles'!$G$22=$B$17,14,0)+IF('Standard Profiles'!$G$22=$B$24,21,0),MOD($C5338,24)+1)/SUM(INDEX($D$3:$AA$30,INDEX(Jesper!$R$2:$R$366,ROW(INDEX(Jesper!AL$2:AL$366,ROUNDDOWN($C5338/24,0)+1,1))-1)+IF('Standard Profiles'!$G$22=$B$10,7,0)+IF('Standard Profiles'!$G$22=$B$17,14,0)+IF('Standard Profiles'!$G$22=$B$24,21,0),0)),0)</f>
        <v>0</v>
      </c>
      <c r="I5338">
        <f t="shared" si="594"/>
        <v>0.28979007807437129</v>
      </c>
      <c r="J5338">
        <f t="shared" si="595"/>
        <v>7.473282043116761</v>
      </c>
      <c r="K5338">
        <f t="shared" si="596"/>
        <v>0.5860432697713075</v>
      </c>
      <c r="L5338">
        <f t="shared" si="597"/>
        <v>0.29302163488565375</v>
      </c>
      <c r="M5338">
        <f t="shared" si="598"/>
        <v>0</v>
      </c>
      <c r="N5338" s="45">
        <f t="shared" si="599"/>
        <v>45147.999999987136</v>
      </c>
    </row>
    <row r="5339" spans="2:14" x14ac:dyDescent="0.25">
      <c r="B5339">
        <f t="shared" si="593"/>
        <v>4</v>
      </c>
      <c r="C5339" s="16">
        <v>5305</v>
      </c>
      <c r="D5339" cm="1">
        <f t="array" ref="D5339">IFERROR(INDEX(Jesper!AH$2:AH$366,ROUNDDOWN($C5339/24,0)+1,1)*INDEX($D$3:$AA$30,INDEX(Jesper!$R$2:$R$366,ROW(INDEX(Jesper!AH$2:AH$366,ROUNDDOWN($C5339/24,0)+1,1))-1)+IF('Standard Profiles'!$G$18=$B$10,7,0)+IF('Standard Profiles'!$G$18=$B$17,14,0)+IF('Standard Profiles'!$G$18=$B$24,21,0),MOD($C5339,24)+1)/SUM(INDEX($D$3:$AA$30,INDEX(Jesper!$R$2:$R$366,ROW(INDEX(Jesper!AH$2:AH$366,ROUNDDOWN($C5339/24,0)+1,1))-1)+IF('Standard Profiles'!$G$18=$B$10,7,0)+IF('Standard Profiles'!$G$18=$B$17,14,0)+IF('Standard Profiles'!$G$18=$B$24,21,0),0)),0)</f>
        <v>5.4941556541060077</v>
      </c>
      <c r="E5339" cm="1">
        <f t="array" ref="E5339">IFERROR(INDEX(Jesper!AI$2:AI$366,ROUNDDOWN($C5339/24,0)+1,1)*INDEX($D$3:$AA$30,INDEX(Jesper!$R$2:$R$366,ROW(INDEX(Jesper!AI$2:AI$366,ROUNDDOWN($C5339/24,0)+1,1))-1)+IF('Standard Profiles'!$G$19=$B$10,7,0)+IF('Standard Profiles'!$G$19=$B$17,14,0)+IF('Standard Profiles'!$G$19=$B$24,21,0),MOD($C5339,24)+1)/SUM(INDEX($D$3:$AA$30,INDEX(Jesper!$R$2:$R$366,ROW(INDEX(Jesper!AI$2:AI$366,ROUNDDOWN($C5339/24,0)+1,1))-1)+IF('Standard Profiles'!$G$19=$B$10,7,0)+IF('Standard Profiles'!$G$19=$B$17,14,0)+IF('Standard Profiles'!$G$19=$B$24,21,0),0)),0)</f>
        <v>2.5442520424204793</v>
      </c>
      <c r="F5339" cm="1">
        <f t="array" ref="F5339">IFERROR(INDEX(Jesper!AJ$2:AJ$366,ROUNDDOWN($C5339/24,0)+1,1)*INDEX($D$3:$AA$30,INDEX(Jesper!$R$2:$R$366,ROW(INDEX(Jesper!AJ$2:AJ$366,ROUNDDOWN($C5339/24,0)+1,1))-1)+IF('Standard Profiles'!$G$20=$B$10,7,0)+IF('Standard Profiles'!$G$20=$B$17,14,0)+IF('Standard Profiles'!$G$20=$B$24,21,0),MOD($C5339,24)+1)/SUM(INDEX($D$3:$AA$30,INDEX(Jesper!$R$2:$R$366,ROW(INDEX(Jesper!AJ$2:AJ$366,ROUNDDOWN($C5339/24,0)+1,1))-1)+IF('Standard Profiles'!$G$20=$B$10,7,0)+IF('Standard Profiles'!$G$20=$B$17,14,0)+IF('Standard Profiles'!$G$20=$B$24,21,0),0)),0)</f>
        <v>0</v>
      </c>
      <c r="G5339" cm="1">
        <f t="array" ref="G5339">IFERROR(INDEX(Jesper!AK$2:AK$366,ROUNDDOWN($C5339/24,0)+1,1)*INDEX($D$3:$AA$30,INDEX(Jesper!$R$2:$R$366,ROW(INDEX(Jesper!AK$2:AK$366,ROUNDDOWN($C5339/24,0)+1,1))-1)+IF('Standard Profiles'!$G$21=$B$10,7,0)+IF('Standard Profiles'!$G$21=$B$17,14,0)+IF('Standard Profiles'!$G$21=$B$24,21,0),MOD($C5339,24)+1)/SUM(INDEX($D$3:$AA$30,INDEX(Jesper!$R$2:$R$366,ROW(INDEX(Jesper!AK$2:AK$366,ROUNDDOWN($C5339/24,0)+1,1))-1)+IF('Standard Profiles'!$G$21=$B$10,7,0)+IF('Standard Profiles'!$G$21=$B$17,14,0)+IF('Standard Profiles'!$G$21=$B$24,21,0),0)),0)</f>
        <v>0.60372932932160717</v>
      </c>
      <c r="H5339" cm="1">
        <f t="array" ref="H5339">IFERROR(INDEX(Jesper!AL$2:AL$366,ROUNDDOWN($C5339/24,0)+1,1)*INDEX($D$3:$AA$30,INDEX(Jesper!$R$2:$R$366,ROW(INDEX(Jesper!AL$2:AL$366,ROUNDDOWN($C5339/24,0)+1,1))-1)+IF('Standard Profiles'!$G$22=$B$10,7,0)+IF('Standard Profiles'!$G$22=$B$17,14,0)+IF('Standard Profiles'!$G$22=$B$24,21,0),MOD($C5339,24)+1)/SUM(INDEX($D$3:$AA$30,INDEX(Jesper!$R$2:$R$366,ROW(INDEX(Jesper!AL$2:AL$366,ROUNDDOWN($C5339/24,0)+1,1))-1)+IF('Standard Profiles'!$G$22=$B$10,7,0)+IF('Standard Profiles'!$G$22=$B$17,14,0)+IF('Standard Profiles'!$G$22=$B$24,21,0),0)),0)</f>
        <v>0</v>
      </c>
      <c r="I5339">
        <f t="shared" si="594"/>
        <v>0.28979007807437129</v>
      </c>
      <c r="J5339">
        <f t="shared" si="595"/>
        <v>7.473282043116761</v>
      </c>
      <c r="K5339">
        <f t="shared" si="596"/>
        <v>0.5860432697713075</v>
      </c>
      <c r="L5339">
        <f t="shared" si="597"/>
        <v>0.29302163488565375</v>
      </c>
      <c r="M5339">
        <f t="shared" si="598"/>
        <v>0</v>
      </c>
      <c r="N5339" s="45">
        <f t="shared" si="599"/>
        <v>45148.0416666538</v>
      </c>
    </row>
    <row r="5340" spans="2:14" x14ac:dyDescent="0.25">
      <c r="B5340">
        <f t="shared" si="593"/>
        <v>4</v>
      </c>
      <c r="C5340" s="16">
        <v>5306</v>
      </c>
      <c r="D5340" cm="1">
        <f t="array" ref="D5340">IFERROR(INDEX(Jesper!AH$2:AH$366,ROUNDDOWN($C5340/24,0)+1,1)*INDEX($D$3:$AA$30,INDEX(Jesper!$R$2:$R$366,ROW(INDEX(Jesper!AH$2:AH$366,ROUNDDOWN($C5340/24,0)+1,1))-1)+IF('Standard Profiles'!$G$18=$B$10,7,0)+IF('Standard Profiles'!$G$18=$B$17,14,0)+IF('Standard Profiles'!$G$18=$B$24,21,0),MOD($C5340,24)+1)/SUM(INDEX($D$3:$AA$30,INDEX(Jesper!$R$2:$R$366,ROW(INDEX(Jesper!AH$2:AH$366,ROUNDDOWN($C5340/24,0)+1,1))-1)+IF('Standard Profiles'!$G$18=$B$10,7,0)+IF('Standard Profiles'!$G$18=$B$17,14,0)+IF('Standard Profiles'!$G$18=$B$24,21,0),0)),0)</f>
        <v>5.4941556541060077</v>
      </c>
      <c r="E5340" cm="1">
        <f t="array" ref="E5340">IFERROR(INDEX(Jesper!AI$2:AI$366,ROUNDDOWN($C5340/24,0)+1,1)*INDEX($D$3:$AA$30,INDEX(Jesper!$R$2:$R$366,ROW(INDEX(Jesper!AI$2:AI$366,ROUNDDOWN($C5340/24,0)+1,1))-1)+IF('Standard Profiles'!$G$19=$B$10,7,0)+IF('Standard Profiles'!$G$19=$B$17,14,0)+IF('Standard Profiles'!$G$19=$B$24,21,0),MOD($C5340,24)+1)/SUM(INDEX($D$3:$AA$30,INDEX(Jesper!$R$2:$R$366,ROW(INDEX(Jesper!AI$2:AI$366,ROUNDDOWN($C5340/24,0)+1,1))-1)+IF('Standard Profiles'!$G$19=$B$10,7,0)+IF('Standard Profiles'!$G$19=$B$17,14,0)+IF('Standard Profiles'!$G$19=$B$24,21,0),0)),0)</f>
        <v>2.5442520424204793</v>
      </c>
      <c r="F5340" cm="1">
        <f t="array" ref="F5340">IFERROR(INDEX(Jesper!AJ$2:AJ$366,ROUNDDOWN($C5340/24,0)+1,1)*INDEX($D$3:$AA$30,INDEX(Jesper!$R$2:$R$366,ROW(INDEX(Jesper!AJ$2:AJ$366,ROUNDDOWN($C5340/24,0)+1,1))-1)+IF('Standard Profiles'!$G$20=$B$10,7,0)+IF('Standard Profiles'!$G$20=$B$17,14,0)+IF('Standard Profiles'!$G$20=$B$24,21,0),MOD($C5340,24)+1)/SUM(INDEX($D$3:$AA$30,INDEX(Jesper!$R$2:$R$366,ROW(INDEX(Jesper!AJ$2:AJ$366,ROUNDDOWN($C5340/24,0)+1,1))-1)+IF('Standard Profiles'!$G$20=$B$10,7,0)+IF('Standard Profiles'!$G$20=$B$17,14,0)+IF('Standard Profiles'!$G$20=$B$24,21,0),0)),0)</f>
        <v>0</v>
      </c>
      <c r="G5340" cm="1">
        <f t="array" ref="G5340">IFERROR(INDEX(Jesper!AK$2:AK$366,ROUNDDOWN($C5340/24,0)+1,1)*INDEX($D$3:$AA$30,INDEX(Jesper!$R$2:$R$366,ROW(INDEX(Jesper!AK$2:AK$366,ROUNDDOWN($C5340/24,0)+1,1))-1)+IF('Standard Profiles'!$G$21=$B$10,7,0)+IF('Standard Profiles'!$G$21=$B$17,14,0)+IF('Standard Profiles'!$G$21=$B$24,21,0),MOD($C5340,24)+1)/SUM(INDEX($D$3:$AA$30,INDEX(Jesper!$R$2:$R$366,ROW(INDEX(Jesper!AK$2:AK$366,ROUNDDOWN($C5340/24,0)+1,1))-1)+IF('Standard Profiles'!$G$21=$B$10,7,0)+IF('Standard Profiles'!$G$21=$B$17,14,0)+IF('Standard Profiles'!$G$21=$B$24,21,0),0)),0)</f>
        <v>0.60372932932160717</v>
      </c>
      <c r="H5340" cm="1">
        <f t="array" ref="H5340">IFERROR(INDEX(Jesper!AL$2:AL$366,ROUNDDOWN($C5340/24,0)+1,1)*INDEX($D$3:$AA$30,INDEX(Jesper!$R$2:$R$366,ROW(INDEX(Jesper!AL$2:AL$366,ROUNDDOWN($C5340/24,0)+1,1))-1)+IF('Standard Profiles'!$G$22=$B$10,7,0)+IF('Standard Profiles'!$G$22=$B$17,14,0)+IF('Standard Profiles'!$G$22=$B$24,21,0),MOD($C5340,24)+1)/SUM(INDEX($D$3:$AA$30,INDEX(Jesper!$R$2:$R$366,ROW(INDEX(Jesper!AL$2:AL$366,ROUNDDOWN($C5340/24,0)+1,1))-1)+IF('Standard Profiles'!$G$22=$B$10,7,0)+IF('Standard Profiles'!$G$22=$B$17,14,0)+IF('Standard Profiles'!$G$22=$B$24,21,0),0)),0)</f>
        <v>0</v>
      </c>
      <c r="I5340">
        <f t="shared" si="594"/>
        <v>0.28979007807437129</v>
      </c>
      <c r="J5340">
        <f t="shared" si="595"/>
        <v>7.473282043116761</v>
      </c>
      <c r="K5340">
        <f t="shared" si="596"/>
        <v>0.5860432697713075</v>
      </c>
      <c r="L5340">
        <f t="shared" si="597"/>
        <v>0.29302163488565375</v>
      </c>
      <c r="M5340">
        <f t="shared" si="598"/>
        <v>0</v>
      </c>
      <c r="N5340" s="45">
        <f t="shared" si="599"/>
        <v>45148.083333320465</v>
      </c>
    </row>
    <row r="5341" spans="2:14" x14ac:dyDescent="0.25">
      <c r="B5341">
        <f t="shared" si="593"/>
        <v>4</v>
      </c>
      <c r="C5341" s="16">
        <v>5307</v>
      </c>
      <c r="D5341" cm="1">
        <f t="array" ref="D5341">IFERROR(INDEX(Jesper!AH$2:AH$366,ROUNDDOWN($C5341/24,0)+1,1)*INDEX($D$3:$AA$30,INDEX(Jesper!$R$2:$R$366,ROW(INDEX(Jesper!AH$2:AH$366,ROUNDDOWN($C5341/24,0)+1,1))-1)+IF('Standard Profiles'!$G$18=$B$10,7,0)+IF('Standard Profiles'!$G$18=$B$17,14,0)+IF('Standard Profiles'!$G$18=$B$24,21,0),MOD($C5341,24)+1)/SUM(INDEX($D$3:$AA$30,INDEX(Jesper!$R$2:$R$366,ROW(INDEX(Jesper!AH$2:AH$366,ROUNDDOWN($C5341/24,0)+1,1))-1)+IF('Standard Profiles'!$G$18=$B$10,7,0)+IF('Standard Profiles'!$G$18=$B$17,14,0)+IF('Standard Profiles'!$G$18=$B$24,21,0),0)),0)</f>
        <v>5.4941556541060077</v>
      </c>
      <c r="E5341" cm="1">
        <f t="array" ref="E5341">IFERROR(INDEX(Jesper!AI$2:AI$366,ROUNDDOWN($C5341/24,0)+1,1)*INDEX($D$3:$AA$30,INDEX(Jesper!$R$2:$R$366,ROW(INDEX(Jesper!AI$2:AI$366,ROUNDDOWN($C5341/24,0)+1,1))-1)+IF('Standard Profiles'!$G$19=$B$10,7,0)+IF('Standard Profiles'!$G$19=$B$17,14,0)+IF('Standard Profiles'!$G$19=$B$24,21,0),MOD($C5341,24)+1)/SUM(INDEX($D$3:$AA$30,INDEX(Jesper!$R$2:$R$366,ROW(INDEX(Jesper!AI$2:AI$366,ROUNDDOWN($C5341/24,0)+1,1))-1)+IF('Standard Profiles'!$G$19=$B$10,7,0)+IF('Standard Profiles'!$G$19=$B$17,14,0)+IF('Standard Profiles'!$G$19=$B$24,21,0),0)),0)</f>
        <v>2.5442520424204793</v>
      </c>
      <c r="F5341" cm="1">
        <f t="array" ref="F5341">IFERROR(INDEX(Jesper!AJ$2:AJ$366,ROUNDDOWN($C5341/24,0)+1,1)*INDEX($D$3:$AA$30,INDEX(Jesper!$R$2:$R$366,ROW(INDEX(Jesper!AJ$2:AJ$366,ROUNDDOWN($C5341/24,0)+1,1))-1)+IF('Standard Profiles'!$G$20=$B$10,7,0)+IF('Standard Profiles'!$G$20=$B$17,14,0)+IF('Standard Profiles'!$G$20=$B$24,21,0),MOD($C5341,24)+1)/SUM(INDEX($D$3:$AA$30,INDEX(Jesper!$R$2:$R$366,ROW(INDEX(Jesper!AJ$2:AJ$366,ROUNDDOWN($C5341/24,0)+1,1))-1)+IF('Standard Profiles'!$G$20=$B$10,7,0)+IF('Standard Profiles'!$G$20=$B$17,14,0)+IF('Standard Profiles'!$G$20=$B$24,21,0),0)),0)</f>
        <v>0</v>
      </c>
      <c r="G5341" cm="1">
        <f t="array" ref="G5341">IFERROR(INDEX(Jesper!AK$2:AK$366,ROUNDDOWN($C5341/24,0)+1,1)*INDEX($D$3:$AA$30,INDEX(Jesper!$R$2:$R$366,ROW(INDEX(Jesper!AK$2:AK$366,ROUNDDOWN($C5341/24,0)+1,1))-1)+IF('Standard Profiles'!$G$21=$B$10,7,0)+IF('Standard Profiles'!$G$21=$B$17,14,0)+IF('Standard Profiles'!$G$21=$B$24,21,0),MOD($C5341,24)+1)/SUM(INDEX($D$3:$AA$30,INDEX(Jesper!$R$2:$R$366,ROW(INDEX(Jesper!AK$2:AK$366,ROUNDDOWN($C5341/24,0)+1,1))-1)+IF('Standard Profiles'!$G$21=$B$10,7,0)+IF('Standard Profiles'!$G$21=$B$17,14,0)+IF('Standard Profiles'!$G$21=$B$24,21,0),0)),0)</f>
        <v>0.60372932932160717</v>
      </c>
      <c r="H5341" cm="1">
        <f t="array" ref="H5341">IFERROR(INDEX(Jesper!AL$2:AL$366,ROUNDDOWN($C5341/24,0)+1,1)*INDEX($D$3:$AA$30,INDEX(Jesper!$R$2:$R$366,ROW(INDEX(Jesper!AL$2:AL$366,ROUNDDOWN($C5341/24,0)+1,1))-1)+IF('Standard Profiles'!$G$22=$B$10,7,0)+IF('Standard Profiles'!$G$22=$B$17,14,0)+IF('Standard Profiles'!$G$22=$B$24,21,0),MOD($C5341,24)+1)/SUM(INDEX($D$3:$AA$30,INDEX(Jesper!$R$2:$R$366,ROW(INDEX(Jesper!AL$2:AL$366,ROUNDDOWN($C5341/24,0)+1,1))-1)+IF('Standard Profiles'!$G$22=$B$10,7,0)+IF('Standard Profiles'!$G$22=$B$17,14,0)+IF('Standard Profiles'!$G$22=$B$24,21,0),0)),0)</f>
        <v>0</v>
      </c>
      <c r="I5341">
        <f t="shared" si="594"/>
        <v>0.28979007807437129</v>
      </c>
      <c r="J5341">
        <f t="shared" si="595"/>
        <v>7.473282043116761</v>
      </c>
      <c r="K5341">
        <f t="shared" si="596"/>
        <v>0.5860432697713075</v>
      </c>
      <c r="L5341">
        <f t="shared" si="597"/>
        <v>0.29302163488565375</v>
      </c>
      <c r="M5341">
        <f t="shared" si="598"/>
        <v>0</v>
      </c>
      <c r="N5341" s="45">
        <f t="shared" si="599"/>
        <v>45148.124999987129</v>
      </c>
    </row>
    <row r="5342" spans="2:14" x14ac:dyDescent="0.25">
      <c r="B5342">
        <f t="shared" si="593"/>
        <v>4</v>
      </c>
      <c r="C5342" s="16">
        <v>5308</v>
      </c>
      <c r="D5342" cm="1">
        <f t="array" ref="D5342">IFERROR(INDEX(Jesper!AH$2:AH$366,ROUNDDOWN($C5342/24,0)+1,1)*INDEX($D$3:$AA$30,INDEX(Jesper!$R$2:$R$366,ROW(INDEX(Jesper!AH$2:AH$366,ROUNDDOWN($C5342/24,0)+1,1))-1)+IF('Standard Profiles'!$G$18=$B$10,7,0)+IF('Standard Profiles'!$G$18=$B$17,14,0)+IF('Standard Profiles'!$G$18=$B$24,21,0),MOD($C5342,24)+1)/SUM(INDEX($D$3:$AA$30,INDEX(Jesper!$R$2:$R$366,ROW(INDEX(Jesper!AH$2:AH$366,ROUNDDOWN($C5342/24,0)+1,1))-1)+IF('Standard Profiles'!$G$18=$B$10,7,0)+IF('Standard Profiles'!$G$18=$B$17,14,0)+IF('Standard Profiles'!$G$18=$B$24,21,0),0)),0)</f>
        <v>5.4941556541060077</v>
      </c>
      <c r="E5342" cm="1">
        <f t="array" ref="E5342">IFERROR(INDEX(Jesper!AI$2:AI$366,ROUNDDOWN($C5342/24,0)+1,1)*INDEX($D$3:$AA$30,INDEX(Jesper!$R$2:$R$366,ROW(INDEX(Jesper!AI$2:AI$366,ROUNDDOWN($C5342/24,0)+1,1))-1)+IF('Standard Profiles'!$G$19=$B$10,7,0)+IF('Standard Profiles'!$G$19=$B$17,14,0)+IF('Standard Profiles'!$G$19=$B$24,21,0),MOD($C5342,24)+1)/SUM(INDEX($D$3:$AA$30,INDEX(Jesper!$R$2:$R$366,ROW(INDEX(Jesper!AI$2:AI$366,ROUNDDOWN($C5342/24,0)+1,1))-1)+IF('Standard Profiles'!$G$19=$B$10,7,0)+IF('Standard Profiles'!$G$19=$B$17,14,0)+IF('Standard Profiles'!$G$19=$B$24,21,0),0)),0)</f>
        <v>2.5442520424204793</v>
      </c>
      <c r="F5342" cm="1">
        <f t="array" ref="F5342">IFERROR(INDEX(Jesper!AJ$2:AJ$366,ROUNDDOWN($C5342/24,0)+1,1)*INDEX($D$3:$AA$30,INDEX(Jesper!$R$2:$R$366,ROW(INDEX(Jesper!AJ$2:AJ$366,ROUNDDOWN($C5342/24,0)+1,1))-1)+IF('Standard Profiles'!$G$20=$B$10,7,0)+IF('Standard Profiles'!$G$20=$B$17,14,0)+IF('Standard Profiles'!$G$20=$B$24,21,0),MOD($C5342,24)+1)/SUM(INDEX($D$3:$AA$30,INDEX(Jesper!$R$2:$R$366,ROW(INDEX(Jesper!AJ$2:AJ$366,ROUNDDOWN($C5342/24,0)+1,1))-1)+IF('Standard Profiles'!$G$20=$B$10,7,0)+IF('Standard Profiles'!$G$20=$B$17,14,0)+IF('Standard Profiles'!$G$20=$B$24,21,0),0)),0)</f>
        <v>0</v>
      </c>
      <c r="G5342" cm="1">
        <f t="array" ref="G5342">IFERROR(INDEX(Jesper!AK$2:AK$366,ROUNDDOWN($C5342/24,0)+1,1)*INDEX($D$3:$AA$30,INDEX(Jesper!$R$2:$R$366,ROW(INDEX(Jesper!AK$2:AK$366,ROUNDDOWN($C5342/24,0)+1,1))-1)+IF('Standard Profiles'!$G$21=$B$10,7,0)+IF('Standard Profiles'!$G$21=$B$17,14,0)+IF('Standard Profiles'!$G$21=$B$24,21,0),MOD($C5342,24)+1)/SUM(INDEX($D$3:$AA$30,INDEX(Jesper!$R$2:$R$366,ROW(INDEX(Jesper!AK$2:AK$366,ROUNDDOWN($C5342/24,0)+1,1))-1)+IF('Standard Profiles'!$G$21=$B$10,7,0)+IF('Standard Profiles'!$G$21=$B$17,14,0)+IF('Standard Profiles'!$G$21=$B$24,21,0),0)),0)</f>
        <v>0.60372932932160717</v>
      </c>
      <c r="H5342" cm="1">
        <f t="array" ref="H5342">IFERROR(INDEX(Jesper!AL$2:AL$366,ROUNDDOWN($C5342/24,0)+1,1)*INDEX($D$3:$AA$30,INDEX(Jesper!$R$2:$R$366,ROW(INDEX(Jesper!AL$2:AL$366,ROUNDDOWN($C5342/24,0)+1,1))-1)+IF('Standard Profiles'!$G$22=$B$10,7,0)+IF('Standard Profiles'!$G$22=$B$17,14,0)+IF('Standard Profiles'!$G$22=$B$24,21,0),MOD($C5342,24)+1)/SUM(INDEX($D$3:$AA$30,INDEX(Jesper!$R$2:$R$366,ROW(INDEX(Jesper!AL$2:AL$366,ROUNDDOWN($C5342/24,0)+1,1))-1)+IF('Standard Profiles'!$G$22=$B$10,7,0)+IF('Standard Profiles'!$G$22=$B$17,14,0)+IF('Standard Profiles'!$G$22=$B$24,21,0),0)),0)</f>
        <v>0</v>
      </c>
      <c r="I5342">
        <f t="shared" si="594"/>
        <v>0.28979007807437129</v>
      </c>
      <c r="J5342">
        <f t="shared" si="595"/>
        <v>7.473282043116761</v>
      </c>
      <c r="K5342">
        <f t="shared" si="596"/>
        <v>0.5860432697713075</v>
      </c>
      <c r="L5342">
        <f t="shared" si="597"/>
        <v>0.29302163488565375</v>
      </c>
      <c r="M5342">
        <f t="shared" si="598"/>
        <v>0</v>
      </c>
      <c r="N5342" s="45">
        <f t="shared" si="599"/>
        <v>45148.166666653793</v>
      </c>
    </row>
    <row r="5343" spans="2:14" x14ac:dyDescent="0.25">
      <c r="B5343">
        <f t="shared" si="593"/>
        <v>4</v>
      </c>
      <c r="C5343" s="16">
        <v>5309</v>
      </c>
      <c r="D5343" cm="1">
        <f t="array" ref="D5343">IFERROR(INDEX(Jesper!AH$2:AH$366,ROUNDDOWN($C5343/24,0)+1,1)*INDEX($D$3:$AA$30,INDEX(Jesper!$R$2:$R$366,ROW(INDEX(Jesper!AH$2:AH$366,ROUNDDOWN($C5343/24,0)+1,1))-1)+IF('Standard Profiles'!$G$18=$B$10,7,0)+IF('Standard Profiles'!$G$18=$B$17,14,0)+IF('Standard Profiles'!$G$18=$B$24,21,0),MOD($C5343,24)+1)/SUM(INDEX($D$3:$AA$30,INDEX(Jesper!$R$2:$R$366,ROW(INDEX(Jesper!AH$2:AH$366,ROUNDDOWN($C5343/24,0)+1,1))-1)+IF('Standard Profiles'!$G$18=$B$10,7,0)+IF('Standard Profiles'!$G$18=$B$17,14,0)+IF('Standard Profiles'!$G$18=$B$24,21,0),0)),0)</f>
        <v>5.4941556541060077</v>
      </c>
      <c r="E5343" cm="1">
        <f t="array" ref="E5343">IFERROR(INDEX(Jesper!AI$2:AI$366,ROUNDDOWN($C5343/24,0)+1,1)*INDEX($D$3:$AA$30,INDEX(Jesper!$R$2:$R$366,ROW(INDEX(Jesper!AI$2:AI$366,ROUNDDOWN($C5343/24,0)+1,1))-1)+IF('Standard Profiles'!$G$19=$B$10,7,0)+IF('Standard Profiles'!$G$19=$B$17,14,0)+IF('Standard Profiles'!$G$19=$B$24,21,0),MOD($C5343,24)+1)/SUM(INDEX($D$3:$AA$30,INDEX(Jesper!$R$2:$R$366,ROW(INDEX(Jesper!AI$2:AI$366,ROUNDDOWN($C5343/24,0)+1,1))-1)+IF('Standard Profiles'!$G$19=$B$10,7,0)+IF('Standard Profiles'!$G$19=$B$17,14,0)+IF('Standard Profiles'!$G$19=$B$24,21,0),0)),0)</f>
        <v>2.5442520424204793</v>
      </c>
      <c r="F5343" cm="1">
        <f t="array" ref="F5343">IFERROR(INDEX(Jesper!AJ$2:AJ$366,ROUNDDOWN($C5343/24,0)+1,1)*INDEX($D$3:$AA$30,INDEX(Jesper!$R$2:$R$366,ROW(INDEX(Jesper!AJ$2:AJ$366,ROUNDDOWN($C5343/24,0)+1,1))-1)+IF('Standard Profiles'!$G$20=$B$10,7,0)+IF('Standard Profiles'!$G$20=$B$17,14,0)+IF('Standard Profiles'!$G$20=$B$24,21,0),MOD($C5343,24)+1)/SUM(INDEX($D$3:$AA$30,INDEX(Jesper!$R$2:$R$366,ROW(INDEX(Jesper!AJ$2:AJ$366,ROUNDDOWN($C5343/24,0)+1,1))-1)+IF('Standard Profiles'!$G$20=$B$10,7,0)+IF('Standard Profiles'!$G$20=$B$17,14,0)+IF('Standard Profiles'!$G$20=$B$24,21,0),0)),0)</f>
        <v>0</v>
      </c>
      <c r="G5343" cm="1">
        <f t="array" ref="G5343">IFERROR(INDEX(Jesper!AK$2:AK$366,ROUNDDOWN($C5343/24,0)+1,1)*INDEX($D$3:$AA$30,INDEX(Jesper!$R$2:$R$366,ROW(INDEX(Jesper!AK$2:AK$366,ROUNDDOWN($C5343/24,0)+1,1))-1)+IF('Standard Profiles'!$G$21=$B$10,7,0)+IF('Standard Profiles'!$G$21=$B$17,14,0)+IF('Standard Profiles'!$G$21=$B$24,21,0),MOD($C5343,24)+1)/SUM(INDEX($D$3:$AA$30,INDEX(Jesper!$R$2:$R$366,ROW(INDEX(Jesper!AK$2:AK$366,ROUNDDOWN($C5343/24,0)+1,1))-1)+IF('Standard Profiles'!$G$21=$B$10,7,0)+IF('Standard Profiles'!$G$21=$B$17,14,0)+IF('Standard Profiles'!$G$21=$B$24,21,0),0)),0)</f>
        <v>0.60372932932160717</v>
      </c>
      <c r="H5343" cm="1">
        <f t="array" ref="H5343">IFERROR(INDEX(Jesper!AL$2:AL$366,ROUNDDOWN($C5343/24,0)+1,1)*INDEX($D$3:$AA$30,INDEX(Jesper!$R$2:$R$366,ROW(INDEX(Jesper!AL$2:AL$366,ROUNDDOWN($C5343/24,0)+1,1))-1)+IF('Standard Profiles'!$G$22=$B$10,7,0)+IF('Standard Profiles'!$G$22=$B$17,14,0)+IF('Standard Profiles'!$G$22=$B$24,21,0),MOD($C5343,24)+1)/SUM(INDEX($D$3:$AA$30,INDEX(Jesper!$R$2:$R$366,ROW(INDEX(Jesper!AL$2:AL$366,ROUNDDOWN($C5343/24,0)+1,1))-1)+IF('Standard Profiles'!$G$22=$B$10,7,0)+IF('Standard Profiles'!$G$22=$B$17,14,0)+IF('Standard Profiles'!$G$22=$B$24,21,0),0)),0)</f>
        <v>0</v>
      </c>
      <c r="I5343">
        <f t="shared" si="594"/>
        <v>0.28979007807437129</v>
      </c>
      <c r="J5343">
        <f t="shared" si="595"/>
        <v>7.473282043116761</v>
      </c>
      <c r="K5343">
        <f t="shared" si="596"/>
        <v>0.5860432697713075</v>
      </c>
      <c r="L5343">
        <f t="shared" si="597"/>
        <v>0.29302163488565375</v>
      </c>
      <c r="M5343">
        <f t="shared" si="598"/>
        <v>0</v>
      </c>
      <c r="N5343" s="45">
        <f t="shared" si="599"/>
        <v>45148.208333320457</v>
      </c>
    </row>
    <row r="5344" spans="2:14" x14ac:dyDescent="0.25">
      <c r="B5344">
        <f t="shared" si="593"/>
        <v>4</v>
      </c>
      <c r="C5344" s="16">
        <v>5310</v>
      </c>
      <c r="D5344" cm="1">
        <f t="array" ref="D5344">IFERROR(INDEX(Jesper!AH$2:AH$366,ROUNDDOWN($C5344/24,0)+1,1)*INDEX($D$3:$AA$30,INDEX(Jesper!$R$2:$R$366,ROW(INDEX(Jesper!AH$2:AH$366,ROUNDDOWN($C5344/24,0)+1,1))-1)+IF('Standard Profiles'!$G$18=$B$10,7,0)+IF('Standard Profiles'!$G$18=$B$17,14,0)+IF('Standard Profiles'!$G$18=$B$24,21,0),MOD($C5344,24)+1)/SUM(INDEX($D$3:$AA$30,INDEX(Jesper!$R$2:$R$366,ROW(INDEX(Jesper!AH$2:AH$366,ROUNDDOWN($C5344/24,0)+1,1))-1)+IF('Standard Profiles'!$G$18=$B$10,7,0)+IF('Standard Profiles'!$G$18=$B$17,14,0)+IF('Standard Profiles'!$G$18=$B$24,21,0),0)),0)</f>
        <v>5.4941556541060077</v>
      </c>
      <c r="E5344" cm="1">
        <f t="array" ref="E5344">IFERROR(INDEX(Jesper!AI$2:AI$366,ROUNDDOWN($C5344/24,0)+1,1)*INDEX($D$3:$AA$30,INDEX(Jesper!$R$2:$R$366,ROW(INDEX(Jesper!AI$2:AI$366,ROUNDDOWN($C5344/24,0)+1,1))-1)+IF('Standard Profiles'!$G$19=$B$10,7,0)+IF('Standard Profiles'!$G$19=$B$17,14,0)+IF('Standard Profiles'!$G$19=$B$24,21,0),MOD($C5344,24)+1)/SUM(INDEX($D$3:$AA$30,INDEX(Jesper!$R$2:$R$366,ROW(INDEX(Jesper!AI$2:AI$366,ROUNDDOWN($C5344/24,0)+1,1))-1)+IF('Standard Profiles'!$G$19=$B$10,7,0)+IF('Standard Profiles'!$G$19=$B$17,14,0)+IF('Standard Profiles'!$G$19=$B$24,21,0),0)),0)</f>
        <v>2.5442520424204793</v>
      </c>
      <c r="F5344" cm="1">
        <f t="array" ref="F5344">IFERROR(INDEX(Jesper!AJ$2:AJ$366,ROUNDDOWN($C5344/24,0)+1,1)*INDEX($D$3:$AA$30,INDEX(Jesper!$R$2:$R$366,ROW(INDEX(Jesper!AJ$2:AJ$366,ROUNDDOWN($C5344/24,0)+1,1))-1)+IF('Standard Profiles'!$G$20=$B$10,7,0)+IF('Standard Profiles'!$G$20=$B$17,14,0)+IF('Standard Profiles'!$G$20=$B$24,21,0),MOD($C5344,24)+1)/SUM(INDEX($D$3:$AA$30,INDEX(Jesper!$R$2:$R$366,ROW(INDEX(Jesper!AJ$2:AJ$366,ROUNDDOWN($C5344/24,0)+1,1))-1)+IF('Standard Profiles'!$G$20=$B$10,7,0)+IF('Standard Profiles'!$G$20=$B$17,14,0)+IF('Standard Profiles'!$G$20=$B$24,21,0),0)),0)</f>
        <v>0</v>
      </c>
      <c r="G5344" cm="1">
        <f t="array" ref="G5344">IFERROR(INDEX(Jesper!AK$2:AK$366,ROUNDDOWN($C5344/24,0)+1,1)*INDEX($D$3:$AA$30,INDEX(Jesper!$R$2:$R$366,ROW(INDEX(Jesper!AK$2:AK$366,ROUNDDOWN($C5344/24,0)+1,1))-1)+IF('Standard Profiles'!$G$21=$B$10,7,0)+IF('Standard Profiles'!$G$21=$B$17,14,0)+IF('Standard Profiles'!$G$21=$B$24,21,0),MOD($C5344,24)+1)/SUM(INDEX($D$3:$AA$30,INDEX(Jesper!$R$2:$R$366,ROW(INDEX(Jesper!AK$2:AK$366,ROUNDDOWN($C5344/24,0)+1,1))-1)+IF('Standard Profiles'!$G$21=$B$10,7,0)+IF('Standard Profiles'!$G$21=$B$17,14,0)+IF('Standard Profiles'!$G$21=$B$24,21,0),0)),0)</f>
        <v>0.60372932932160717</v>
      </c>
      <c r="H5344" cm="1">
        <f t="array" ref="H5344">IFERROR(INDEX(Jesper!AL$2:AL$366,ROUNDDOWN($C5344/24,0)+1,1)*INDEX($D$3:$AA$30,INDEX(Jesper!$R$2:$R$366,ROW(INDEX(Jesper!AL$2:AL$366,ROUNDDOWN($C5344/24,0)+1,1))-1)+IF('Standard Profiles'!$G$22=$B$10,7,0)+IF('Standard Profiles'!$G$22=$B$17,14,0)+IF('Standard Profiles'!$G$22=$B$24,21,0),MOD($C5344,24)+1)/SUM(INDEX($D$3:$AA$30,INDEX(Jesper!$R$2:$R$366,ROW(INDEX(Jesper!AL$2:AL$366,ROUNDDOWN($C5344/24,0)+1,1))-1)+IF('Standard Profiles'!$G$22=$B$10,7,0)+IF('Standard Profiles'!$G$22=$B$17,14,0)+IF('Standard Profiles'!$G$22=$B$24,21,0),0)),0)</f>
        <v>0</v>
      </c>
      <c r="I5344">
        <f t="shared" si="594"/>
        <v>0.28979007807437129</v>
      </c>
      <c r="J5344">
        <f t="shared" si="595"/>
        <v>7.473282043116761</v>
      </c>
      <c r="K5344">
        <f t="shared" si="596"/>
        <v>0.5860432697713075</v>
      </c>
      <c r="L5344">
        <f t="shared" si="597"/>
        <v>0.29302163488565375</v>
      </c>
      <c r="M5344">
        <f t="shared" si="598"/>
        <v>0</v>
      </c>
      <c r="N5344" s="45">
        <f t="shared" si="599"/>
        <v>45148.249999987122</v>
      </c>
    </row>
    <row r="5345" spans="2:14" x14ac:dyDescent="0.25">
      <c r="B5345">
        <f t="shared" si="593"/>
        <v>4</v>
      </c>
      <c r="C5345" s="16">
        <v>5311</v>
      </c>
      <c r="D5345" cm="1">
        <f t="array" ref="D5345">IFERROR(INDEX(Jesper!AH$2:AH$366,ROUNDDOWN($C5345/24,0)+1,1)*INDEX($D$3:$AA$30,INDEX(Jesper!$R$2:$R$366,ROW(INDEX(Jesper!AH$2:AH$366,ROUNDDOWN($C5345/24,0)+1,1))-1)+IF('Standard Profiles'!$G$18=$B$10,7,0)+IF('Standard Profiles'!$G$18=$B$17,14,0)+IF('Standard Profiles'!$G$18=$B$24,21,0),MOD($C5345,24)+1)/SUM(INDEX($D$3:$AA$30,INDEX(Jesper!$R$2:$R$366,ROW(INDEX(Jesper!AH$2:AH$366,ROUNDDOWN($C5345/24,0)+1,1))-1)+IF('Standard Profiles'!$G$18=$B$10,7,0)+IF('Standard Profiles'!$G$18=$B$17,14,0)+IF('Standard Profiles'!$G$18=$B$24,21,0),0)),0)</f>
        <v>22.459442355724253</v>
      </c>
      <c r="E5345" cm="1">
        <f t="array" ref="E5345">IFERROR(INDEX(Jesper!AI$2:AI$366,ROUNDDOWN($C5345/24,0)+1,1)*INDEX($D$3:$AA$30,INDEX(Jesper!$R$2:$R$366,ROW(INDEX(Jesper!AI$2:AI$366,ROUNDDOWN($C5345/24,0)+1,1))-1)+IF('Standard Profiles'!$G$19=$B$10,7,0)+IF('Standard Profiles'!$G$19=$B$17,14,0)+IF('Standard Profiles'!$G$19=$B$24,21,0),MOD($C5345,24)+1)/SUM(INDEX($D$3:$AA$30,INDEX(Jesper!$R$2:$R$366,ROW(INDEX(Jesper!AI$2:AI$366,ROUNDDOWN($C5345/24,0)+1,1))-1)+IF('Standard Profiles'!$G$19=$B$10,7,0)+IF('Standard Profiles'!$G$19=$B$17,14,0)+IF('Standard Profiles'!$G$19=$B$24,21,0),0)),0)</f>
        <v>10.40059395522796</v>
      </c>
      <c r="F5345" cm="1">
        <f t="array" ref="F5345">IFERROR(INDEX(Jesper!AJ$2:AJ$366,ROUNDDOWN($C5345/24,0)+1,1)*INDEX($D$3:$AA$30,INDEX(Jesper!$R$2:$R$366,ROW(INDEX(Jesper!AJ$2:AJ$366,ROUNDDOWN($C5345/24,0)+1,1))-1)+IF('Standard Profiles'!$G$20=$B$10,7,0)+IF('Standard Profiles'!$G$20=$B$17,14,0)+IF('Standard Profiles'!$G$20=$B$24,21,0),MOD($C5345,24)+1)/SUM(INDEX($D$3:$AA$30,INDEX(Jesper!$R$2:$R$366,ROW(INDEX(Jesper!AJ$2:AJ$366,ROUNDDOWN($C5345/24,0)+1,1))-1)+IF('Standard Profiles'!$G$20=$B$10,7,0)+IF('Standard Profiles'!$G$20=$B$17,14,0)+IF('Standard Profiles'!$G$20=$B$24,21,0),0)),0)</f>
        <v>0</v>
      </c>
      <c r="G5345" cm="1">
        <f t="array" ref="G5345">IFERROR(INDEX(Jesper!AK$2:AK$366,ROUNDDOWN($C5345/24,0)+1,1)*INDEX($D$3:$AA$30,INDEX(Jesper!$R$2:$R$366,ROW(INDEX(Jesper!AK$2:AK$366,ROUNDDOWN($C5345/24,0)+1,1))-1)+IF('Standard Profiles'!$G$21=$B$10,7,0)+IF('Standard Profiles'!$G$21=$B$17,14,0)+IF('Standard Profiles'!$G$21=$B$24,21,0),MOD($C5345,24)+1)/SUM(INDEX($D$3:$AA$30,INDEX(Jesper!$R$2:$R$366,ROW(INDEX(Jesper!AK$2:AK$366,ROUNDDOWN($C5345/24,0)+1,1))-1)+IF('Standard Profiles'!$G$21=$B$10,7,0)+IF('Standard Profiles'!$G$21=$B$17,14,0)+IF('Standard Profiles'!$G$21=$B$24,21,0),0)),0)</f>
        <v>1.6632743022810275</v>
      </c>
      <c r="H5345" cm="1">
        <f t="array" ref="H5345">IFERROR(INDEX(Jesper!AL$2:AL$366,ROUNDDOWN($C5345/24,0)+1,1)*INDEX($D$3:$AA$30,INDEX(Jesper!$R$2:$R$366,ROW(INDEX(Jesper!AL$2:AL$366,ROUNDDOWN($C5345/24,0)+1,1))-1)+IF('Standard Profiles'!$G$22=$B$10,7,0)+IF('Standard Profiles'!$G$22=$B$17,14,0)+IF('Standard Profiles'!$G$22=$B$24,21,0),MOD($C5345,24)+1)/SUM(INDEX($D$3:$AA$30,INDEX(Jesper!$R$2:$R$366,ROW(INDEX(Jesper!AL$2:AL$366,ROUNDDOWN($C5345/24,0)+1,1))-1)+IF('Standard Profiles'!$G$22=$B$10,7,0)+IF('Standard Profiles'!$G$22=$B$17,14,0)+IF('Standard Profiles'!$G$22=$B$24,21,0),0)),0)</f>
        <v>0</v>
      </c>
      <c r="I5345">
        <f t="shared" si="594"/>
        <v>0.79837166509489277</v>
      </c>
      <c r="J5345">
        <f t="shared" si="595"/>
        <v>30.131428171222467</v>
      </c>
      <c r="K5345">
        <f t="shared" si="596"/>
        <v>2.395673851277254</v>
      </c>
      <c r="L5345">
        <f t="shared" si="597"/>
        <v>1.197836925638627</v>
      </c>
      <c r="M5345">
        <f t="shared" si="598"/>
        <v>0</v>
      </c>
      <c r="N5345" s="45">
        <f t="shared" si="599"/>
        <v>45148.291666653786</v>
      </c>
    </row>
    <row r="5346" spans="2:14" x14ac:dyDescent="0.25">
      <c r="B5346">
        <f t="shared" si="593"/>
        <v>4</v>
      </c>
      <c r="C5346" s="16">
        <v>5312</v>
      </c>
      <c r="D5346" cm="1">
        <f t="array" ref="D5346">IFERROR(INDEX(Jesper!AH$2:AH$366,ROUNDDOWN($C5346/24,0)+1,1)*INDEX($D$3:$AA$30,INDEX(Jesper!$R$2:$R$366,ROW(INDEX(Jesper!AH$2:AH$366,ROUNDDOWN($C5346/24,0)+1,1))-1)+IF('Standard Profiles'!$G$18=$B$10,7,0)+IF('Standard Profiles'!$G$18=$B$17,14,0)+IF('Standard Profiles'!$G$18=$B$24,21,0),MOD($C5346,24)+1)/SUM(INDEX($D$3:$AA$30,INDEX(Jesper!$R$2:$R$366,ROW(INDEX(Jesper!AH$2:AH$366,ROUNDDOWN($C5346/24,0)+1,1))-1)+IF('Standard Profiles'!$G$18=$B$10,7,0)+IF('Standard Profiles'!$G$18=$B$17,14,0)+IF('Standard Profiles'!$G$18=$B$24,21,0),0)),0)</f>
        <v>25.06000936533443</v>
      </c>
      <c r="E5346" cm="1">
        <f t="array" ref="E5346">IFERROR(INDEX(Jesper!AI$2:AI$366,ROUNDDOWN($C5346/24,0)+1,1)*INDEX($D$3:$AA$30,INDEX(Jesper!$R$2:$R$366,ROW(INDEX(Jesper!AI$2:AI$366,ROUNDDOWN($C5346/24,0)+1,1))-1)+IF('Standard Profiles'!$G$19=$B$10,7,0)+IF('Standard Profiles'!$G$19=$B$17,14,0)+IF('Standard Profiles'!$G$19=$B$24,21,0),MOD($C5346,24)+1)/SUM(INDEX($D$3:$AA$30,INDEX(Jesper!$R$2:$R$366,ROW(INDEX(Jesper!AI$2:AI$366,ROUNDDOWN($C5346/24,0)+1,1))-1)+IF('Standard Profiles'!$G$19=$B$10,7,0)+IF('Standard Profiles'!$G$19=$B$17,14,0)+IF('Standard Profiles'!$G$19=$B$24,21,0),0)),0)</f>
        <v>11.604873255306986</v>
      </c>
      <c r="F5346" cm="1">
        <f t="array" ref="F5346">IFERROR(INDEX(Jesper!AJ$2:AJ$366,ROUNDDOWN($C5346/24,0)+1,1)*INDEX($D$3:$AA$30,INDEX(Jesper!$R$2:$R$366,ROW(INDEX(Jesper!AJ$2:AJ$366,ROUNDDOWN($C5346/24,0)+1,1))-1)+IF('Standard Profiles'!$G$20=$B$10,7,0)+IF('Standard Profiles'!$G$20=$B$17,14,0)+IF('Standard Profiles'!$G$20=$B$24,21,0),MOD($C5346,24)+1)/SUM(INDEX($D$3:$AA$30,INDEX(Jesper!$R$2:$R$366,ROW(INDEX(Jesper!AJ$2:AJ$366,ROUNDDOWN($C5346/24,0)+1,1))-1)+IF('Standard Profiles'!$G$20=$B$10,7,0)+IF('Standard Profiles'!$G$20=$B$17,14,0)+IF('Standard Profiles'!$G$20=$B$24,21,0),0)),0)</f>
        <v>0</v>
      </c>
      <c r="G5346" cm="1">
        <f t="array" ref="G5346">IFERROR(INDEX(Jesper!AK$2:AK$366,ROUNDDOWN($C5346/24,0)+1,1)*INDEX($D$3:$AA$30,INDEX(Jesper!$R$2:$R$366,ROW(INDEX(Jesper!AK$2:AK$366,ROUNDDOWN($C5346/24,0)+1,1))-1)+IF('Standard Profiles'!$G$21=$B$10,7,0)+IF('Standard Profiles'!$G$21=$B$17,14,0)+IF('Standard Profiles'!$G$21=$B$24,21,0),MOD($C5346,24)+1)/SUM(INDEX($D$3:$AA$30,INDEX(Jesper!$R$2:$R$366,ROW(INDEX(Jesper!AK$2:AK$366,ROUNDDOWN($C5346/24,0)+1,1))-1)+IF('Standard Profiles'!$G$21=$B$10,7,0)+IF('Standard Profiles'!$G$21=$B$17,14,0)+IF('Standard Profiles'!$G$21=$B$24,21,0),0)),0)</f>
        <v>1.8558639583346204</v>
      </c>
      <c r="H5346" cm="1">
        <f t="array" ref="H5346">IFERROR(INDEX(Jesper!AL$2:AL$366,ROUNDDOWN($C5346/24,0)+1,1)*INDEX($D$3:$AA$30,INDEX(Jesper!$R$2:$R$366,ROW(INDEX(Jesper!AL$2:AL$366,ROUNDDOWN($C5346/24,0)+1,1))-1)+IF('Standard Profiles'!$G$22=$B$10,7,0)+IF('Standard Profiles'!$G$22=$B$17,14,0)+IF('Standard Profiles'!$G$22=$B$24,21,0),MOD($C5346,24)+1)/SUM(INDEX($D$3:$AA$30,INDEX(Jesper!$R$2:$R$366,ROW(INDEX(Jesper!AL$2:AL$366,ROUNDDOWN($C5346/24,0)+1,1))-1)+IF('Standard Profiles'!$G$22=$B$10,7,0)+IF('Standard Profiles'!$G$22=$B$17,14,0)+IF('Standard Profiles'!$G$22=$B$24,21,0),0)),0)</f>
        <v>0</v>
      </c>
      <c r="I5346">
        <f t="shared" si="594"/>
        <v>0.89081470000061735</v>
      </c>
      <c r="J5346">
        <f t="shared" si="595"/>
        <v>33.620330380521914</v>
      </c>
      <c r="K5346">
        <f t="shared" si="596"/>
        <v>2.6730676656356729</v>
      </c>
      <c r="L5346">
        <f t="shared" si="597"/>
        <v>1.3365338328178364</v>
      </c>
      <c r="M5346">
        <f t="shared" si="598"/>
        <v>0</v>
      </c>
      <c r="N5346" s="45">
        <f t="shared" si="599"/>
        <v>45148.33333332045</v>
      </c>
    </row>
    <row r="5347" spans="2:14" x14ac:dyDescent="0.25">
      <c r="B5347">
        <f t="shared" ref="B5347:B5410" si="600">WEEKDAY(N5347,2)</f>
        <v>4</v>
      </c>
      <c r="C5347" s="16">
        <v>5313</v>
      </c>
      <c r="D5347" cm="1">
        <f t="array" ref="D5347">IFERROR(INDEX(Jesper!AH$2:AH$366,ROUNDDOWN($C5347/24,0)+1,1)*INDEX($D$3:$AA$30,INDEX(Jesper!$R$2:$R$366,ROW(INDEX(Jesper!AH$2:AH$366,ROUNDDOWN($C5347/24,0)+1,1))-1)+IF('Standard Profiles'!$G$18=$B$10,7,0)+IF('Standard Profiles'!$G$18=$B$17,14,0)+IF('Standard Profiles'!$G$18=$B$24,21,0),MOD($C5347,24)+1)/SUM(INDEX($D$3:$AA$30,INDEX(Jesper!$R$2:$R$366,ROW(INDEX(Jesper!AH$2:AH$366,ROUNDDOWN($C5347/24,0)+1,1))-1)+IF('Standard Profiles'!$G$18=$B$10,7,0)+IF('Standard Profiles'!$G$18=$B$17,14,0)+IF('Standard Profiles'!$G$18=$B$24,21,0),0)),0)</f>
        <v>27.660576374944611</v>
      </c>
      <c r="E5347" cm="1">
        <f t="array" ref="E5347">IFERROR(INDEX(Jesper!AI$2:AI$366,ROUNDDOWN($C5347/24,0)+1,1)*INDEX($D$3:$AA$30,INDEX(Jesper!$R$2:$R$366,ROW(INDEX(Jesper!AI$2:AI$366,ROUNDDOWN($C5347/24,0)+1,1))-1)+IF('Standard Profiles'!$G$19=$B$10,7,0)+IF('Standard Profiles'!$G$19=$B$17,14,0)+IF('Standard Profiles'!$G$19=$B$24,21,0),MOD($C5347,24)+1)/SUM(INDEX($D$3:$AA$30,INDEX(Jesper!$R$2:$R$366,ROW(INDEX(Jesper!AI$2:AI$366,ROUNDDOWN($C5347/24,0)+1,1))-1)+IF('Standard Profiles'!$G$19=$B$10,7,0)+IF('Standard Profiles'!$G$19=$B$17,14,0)+IF('Standard Profiles'!$G$19=$B$24,21,0),0)),0)</f>
        <v>12.809152555386014</v>
      </c>
      <c r="F5347" cm="1">
        <f t="array" ref="F5347">IFERROR(INDEX(Jesper!AJ$2:AJ$366,ROUNDDOWN($C5347/24,0)+1,1)*INDEX($D$3:$AA$30,INDEX(Jesper!$R$2:$R$366,ROW(INDEX(Jesper!AJ$2:AJ$366,ROUNDDOWN($C5347/24,0)+1,1))-1)+IF('Standard Profiles'!$G$20=$B$10,7,0)+IF('Standard Profiles'!$G$20=$B$17,14,0)+IF('Standard Profiles'!$G$20=$B$24,21,0),MOD($C5347,24)+1)/SUM(INDEX($D$3:$AA$30,INDEX(Jesper!$R$2:$R$366,ROW(INDEX(Jesper!AJ$2:AJ$366,ROUNDDOWN($C5347/24,0)+1,1))-1)+IF('Standard Profiles'!$G$20=$B$10,7,0)+IF('Standard Profiles'!$G$20=$B$17,14,0)+IF('Standard Profiles'!$G$20=$B$24,21,0),0)),0)</f>
        <v>0</v>
      </c>
      <c r="G5347" cm="1">
        <f t="array" ref="G5347">IFERROR(INDEX(Jesper!AK$2:AK$366,ROUNDDOWN($C5347/24,0)+1,1)*INDEX($D$3:$AA$30,INDEX(Jesper!$R$2:$R$366,ROW(INDEX(Jesper!AK$2:AK$366,ROUNDDOWN($C5347/24,0)+1,1))-1)+IF('Standard Profiles'!$G$21=$B$10,7,0)+IF('Standard Profiles'!$G$21=$B$17,14,0)+IF('Standard Profiles'!$G$21=$B$24,21,0),MOD($C5347,24)+1)/SUM(INDEX($D$3:$AA$30,INDEX(Jesper!$R$2:$R$366,ROW(INDEX(Jesper!AK$2:AK$366,ROUNDDOWN($C5347/24,0)+1,1))-1)+IF('Standard Profiles'!$G$21=$B$10,7,0)+IF('Standard Profiles'!$G$21=$B$17,14,0)+IF('Standard Profiles'!$G$21=$B$24,21,0),0)),0)</f>
        <v>2.0484536143882131</v>
      </c>
      <c r="H5347" cm="1">
        <f t="array" ref="H5347">IFERROR(INDEX(Jesper!AL$2:AL$366,ROUNDDOWN($C5347/24,0)+1,1)*INDEX($D$3:$AA$30,INDEX(Jesper!$R$2:$R$366,ROW(INDEX(Jesper!AL$2:AL$366,ROUNDDOWN($C5347/24,0)+1,1))-1)+IF('Standard Profiles'!$G$22=$B$10,7,0)+IF('Standard Profiles'!$G$22=$B$17,14,0)+IF('Standard Profiles'!$G$22=$B$24,21,0),MOD($C5347,24)+1)/SUM(INDEX($D$3:$AA$30,INDEX(Jesper!$R$2:$R$366,ROW(INDEX(Jesper!AL$2:AL$366,ROUNDDOWN($C5347/24,0)+1,1))-1)+IF('Standard Profiles'!$G$22=$B$10,7,0)+IF('Standard Profiles'!$G$22=$B$17,14,0)+IF('Standard Profiles'!$G$22=$B$24,21,0),0)),0)</f>
        <v>0</v>
      </c>
      <c r="I5347">
        <f t="shared" ref="I5347:I5410" si="601">IF($B5347&lt;6,AC$37*$D5347+AC$38*$E5347+AC$39*$F5347+AC$40*$G5347,AC$46*$D5347+AC$47*$E5347+AC$48*$F5347+AC$49*$G5347+AC$50*$H5347)</f>
        <v>0.98325773490634172</v>
      </c>
      <c r="J5347">
        <f t="shared" ref="J5347:J5410" si="602">IF($B5347&lt;6,AD$37*$D5347+AD$38*$E5347+AD$39*$F5347+AD$40*$G5347,AD$46*$D5347+AD$47*$E5347+AD$48*$F5347+AD$49*$G5347+AD$50*$H5347)</f>
        <v>37.109232589821353</v>
      </c>
      <c r="K5347">
        <f t="shared" ref="K5347:K5410" si="603">IF($B5347&lt;6,AE$37*$D5347+AE$38*$E5347+AE$39*$F5347+AE$40*$G5347,AE$46*$D5347+AE$47*$E5347+AE$48*$F5347+AE$49*$G5347+AE$50*$H5347)</f>
        <v>2.9504614799940923</v>
      </c>
      <c r="L5347">
        <f t="shared" ref="L5347:L5410" si="604">IF($B5347&lt;6,AF$37*$D5347+AF$38*$E5347+AF$39*$F5347+AF$40*$G5347,AF$46*$D5347+AF$47*$E5347+AF$48*$F5347+AF$49*$G5347+AF$50*$H5347)</f>
        <v>1.4752307399970461</v>
      </c>
      <c r="M5347">
        <f t="shared" ref="M5347:M5410" si="605">IF($B5347&lt;6,AG$37*$D5347+AG$38*$E5347+AG$39*$F5347+AG$40*$G5347,AG$46*$D5347+AG$47*$E5347+AG$48*$F5347+AG$49*$G5347+AG$50*$H5347)</f>
        <v>0</v>
      </c>
      <c r="N5347" s="45">
        <f t="shared" si="599"/>
        <v>45148.374999987114</v>
      </c>
    </row>
    <row r="5348" spans="2:14" x14ac:dyDescent="0.25">
      <c r="B5348">
        <f t="shared" si="600"/>
        <v>4</v>
      </c>
      <c r="C5348" s="16">
        <v>5314</v>
      </c>
      <c r="D5348" cm="1">
        <f t="array" ref="D5348">IFERROR(INDEX(Jesper!AH$2:AH$366,ROUNDDOWN($C5348/24,0)+1,1)*INDEX($D$3:$AA$30,INDEX(Jesper!$R$2:$R$366,ROW(INDEX(Jesper!AH$2:AH$366,ROUNDDOWN($C5348/24,0)+1,1))-1)+IF('Standard Profiles'!$G$18=$B$10,7,0)+IF('Standard Profiles'!$G$18=$B$17,14,0)+IF('Standard Profiles'!$G$18=$B$24,21,0),MOD($C5348,24)+1)/SUM(INDEX($D$3:$AA$30,INDEX(Jesper!$R$2:$R$366,ROW(INDEX(Jesper!AH$2:AH$366,ROUNDDOWN($C5348/24,0)+1,1))-1)+IF('Standard Profiles'!$G$18=$B$10,7,0)+IF('Standard Profiles'!$G$18=$B$17,14,0)+IF('Standard Profiles'!$G$18=$B$24,21,0),0)),0)</f>
        <v>27.660576374944611</v>
      </c>
      <c r="E5348" cm="1">
        <f t="array" ref="E5348">IFERROR(INDEX(Jesper!AI$2:AI$366,ROUNDDOWN($C5348/24,0)+1,1)*INDEX($D$3:$AA$30,INDEX(Jesper!$R$2:$R$366,ROW(INDEX(Jesper!AI$2:AI$366,ROUNDDOWN($C5348/24,0)+1,1))-1)+IF('Standard Profiles'!$G$19=$B$10,7,0)+IF('Standard Profiles'!$G$19=$B$17,14,0)+IF('Standard Profiles'!$G$19=$B$24,21,0),MOD($C5348,24)+1)/SUM(INDEX($D$3:$AA$30,INDEX(Jesper!$R$2:$R$366,ROW(INDEX(Jesper!AI$2:AI$366,ROUNDDOWN($C5348/24,0)+1,1))-1)+IF('Standard Profiles'!$G$19=$B$10,7,0)+IF('Standard Profiles'!$G$19=$B$17,14,0)+IF('Standard Profiles'!$G$19=$B$24,21,0),0)),0)</f>
        <v>12.809152555386014</v>
      </c>
      <c r="F5348" cm="1">
        <f t="array" ref="F5348">IFERROR(INDEX(Jesper!AJ$2:AJ$366,ROUNDDOWN($C5348/24,0)+1,1)*INDEX($D$3:$AA$30,INDEX(Jesper!$R$2:$R$366,ROW(INDEX(Jesper!AJ$2:AJ$366,ROUNDDOWN($C5348/24,0)+1,1))-1)+IF('Standard Profiles'!$G$20=$B$10,7,0)+IF('Standard Profiles'!$G$20=$B$17,14,0)+IF('Standard Profiles'!$G$20=$B$24,21,0),MOD($C5348,24)+1)/SUM(INDEX($D$3:$AA$30,INDEX(Jesper!$R$2:$R$366,ROW(INDEX(Jesper!AJ$2:AJ$366,ROUNDDOWN($C5348/24,0)+1,1))-1)+IF('Standard Profiles'!$G$20=$B$10,7,0)+IF('Standard Profiles'!$G$20=$B$17,14,0)+IF('Standard Profiles'!$G$20=$B$24,21,0),0)),0)</f>
        <v>0</v>
      </c>
      <c r="G5348" cm="1">
        <f t="array" ref="G5348">IFERROR(INDEX(Jesper!AK$2:AK$366,ROUNDDOWN($C5348/24,0)+1,1)*INDEX($D$3:$AA$30,INDEX(Jesper!$R$2:$R$366,ROW(INDEX(Jesper!AK$2:AK$366,ROUNDDOWN($C5348/24,0)+1,1))-1)+IF('Standard Profiles'!$G$21=$B$10,7,0)+IF('Standard Profiles'!$G$21=$B$17,14,0)+IF('Standard Profiles'!$G$21=$B$24,21,0),MOD($C5348,24)+1)/SUM(INDEX($D$3:$AA$30,INDEX(Jesper!$R$2:$R$366,ROW(INDEX(Jesper!AK$2:AK$366,ROUNDDOWN($C5348/24,0)+1,1))-1)+IF('Standard Profiles'!$G$21=$B$10,7,0)+IF('Standard Profiles'!$G$21=$B$17,14,0)+IF('Standard Profiles'!$G$21=$B$24,21,0),0)),0)</f>
        <v>2.0484536143882131</v>
      </c>
      <c r="H5348" cm="1">
        <f t="array" ref="H5348">IFERROR(INDEX(Jesper!AL$2:AL$366,ROUNDDOWN($C5348/24,0)+1,1)*INDEX($D$3:$AA$30,INDEX(Jesper!$R$2:$R$366,ROW(INDEX(Jesper!AL$2:AL$366,ROUNDDOWN($C5348/24,0)+1,1))-1)+IF('Standard Profiles'!$G$22=$B$10,7,0)+IF('Standard Profiles'!$G$22=$B$17,14,0)+IF('Standard Profiles'!$G$22=$B$24,21,0),MOD($C5348,24)+1)/SUM(INDEX($D$3:$AA$30,INDEX(Jesper!$R$2:$R$366,ROW(INDEX(Jesper!AL$2:AL$366,ROUNDDOWN($C5348/24,0)+1,1))-1)+IF('Standard Profiles'!$G$22=$B$10,7,0)+IF('Standard Profiles'!$G$22=$B$17,14,0)+IF('Standard Profiles'!$G$22=$B$24,21,0),0)),0)</f>
        <v>0</v>
      </c>
      <c r="I5348">
        <f t="shared" si="601"/>
        <v>0.98325773490634172</v>
      </c>
      <c r="J5348">
        <f t="shared" si="602"/>
        <v>37.109232589821353</v>
      </c>
      <c r="K5348">
        <f t="shared" si="603"/>
        <v>2.9504614799940923</v>
      </c>
      <c r="L5348">
        <f t="shared" si="604"/>
        <v>1.4752307399970461</v>
      </c>
      <c r="M5348">
        <f t="shared" si="605"/>
        <v>0</v>
      </c>
      <c r="N5348" s="45">
        <f t="shared" ref="N5348:N5411" si="606">N5347+1/24</f>
        <v>45148.416666653779</v>
      </c>
    </row>
    <row r="5349" spans="2:14" x14ac:dyDescent="0.25">
      <c r="B5349">
        <f t="shared" si="600"/>
        <v>4</v>
      </c>
      <c r="C5349" s="16">
        <v>5315</v>
      </c>
      <c r="D5349" cm="1">
        <f t="array" ref="D5349">IFERROR(INDEX(Jesper!AH$2:AH$366,ROUNDDOWN($C5349/24,0)+1,1)*INDEX($D$3:$AA$30,INDEX(Jesper!$R$2:$R$366,ROW(INDEX(Jesper!AH$2:AH$366,ROUNDDOWN($C5349/24,0)+1,1))-1)+IF('Standard Profiles'!$G$18=$B$10,7,0)+IF('Standard Profiles'!$G$18=$B$17,14,0)+IF('Standard Profiles'!$G$18=$B$24,21,0),MOD($C5349,24)+1)/SUM(INDEX($D$3:$AA$30,INDEX(Jesper!$R$2:$R$366,ROW(INDEX(Jesper!AH$2:AH$366,ROUNDDOWN($C5349/24,0)+1,1))-1)+IF('Standard Profiles'!$G$18=$B$10,7,0)+IF('Standard Profiles'!$G$18=$B$17,14,0)+IF('Standard Profiles'!$G$18=$B$24,21,0),0)),0)</f>
        <v>33.098125576856795</v>
      </c>
      <c r="E5349" cm="1">
        <f t="array" ref="E5349">IFERROR(INDEX(Jesper!AI$2:AI$366,ROUNDDOWN($C5349/24,0)+1,1)*INDEX($D$3:$AA$30,INDEX(Jesper!$R$2:$R$366,ROW(INDEX(Jesper!AI$2:AI$366,ROUNDDOWN($C5349/24,0)+1,1))-1)+IF('Standard Profiles'!$G$19=$B$10,7,0)+IF('Standard Profiles'!$G$19=$B$17,14,0)+IF('Standard Profiles'!$G$19=$B$24,21,0),MOD($C5349,24)+1)/SUM(INDEX($D$3:$AA$30,INDEX(Jesper!$R$2:$R$366,ROW(INDEX(Jesper!AI$2:AI$366,ROUNDDOWN($C5349/24,0)+1,1))-1)+IF('Standard Profiles'!$G$19=$B$10,7,0)+IF('Standard Profiles'!$G$19=$B$17,14,0)+IF('Standard Profiles'!$G$19=$B$24,21,0),0)),0)</f>
        <v>15.327191091914889</v>
      </c>
      <c r="F5349" cm="1">
        <f t="array" ref="F5349">IFERROR(INDEX(Jesper!AJ$2:AJ$366,ROUNDDOWN($C5349/24,0)+1,1)*INDEX($D$3:$AA$30,INDEX(Jesper!$R$2:$R$366,ROW(INDEX(Jesper!AJ$2:AJ$366,ROUNDDOWN($C5349/24,0)+1,1))-1)+IF('Standard Profiles'!$G$20=$B$10,7,0)+IF('Standard Profiles'!$G$20=$B$17,14,0)+IF('Standard Profiles'!$G$20=$B$24,21,0),MOD($C5349,24)+1)/SUM(INDEX($D$3:$AA$30,INDEX(Jesper!$R$2:$R$366,ROW(INDEX(Jesper!AJ$2:AJ$366,ROUNDDOWN($C5349/24,0)+1,1))-1)+IF('Standard Profiles'!$G$20=$B$10,7,0)+IF('Standard Profiles'!$G$20=$B$17,14,0)+IF('Standard Profiles'!$G$20=$B$24,21,0),0)),0)</f>
        <v>0</v>
      </c>
      <c r="G5349" cm="1">
        <f t="array" ref="G5349">IFERROR(INDEX(Jesper!AK$2:AK$366,ROUNDDOWN($C5349/24,0)+1,1)*INDEX($D$3:$AA$30,INDEX(Jesper!$R$2:$R$366,ROW(INDEX(Jesper!AK$2:AK$366,ROUNDDOWN($C5349/24,0)+1,1))-1)+IF('Standard Profiles'!$G$21=$B$10,7,0)+IF('Standard Profiles'!$G$21=$B$17,14,0)+IF('Standard Profiles'!$G$21=$B$24,21,0),MOD($C5349,24)+1)/SUM(INDEX($D$3:$AA$30,INDEX(Jesper!$R$2:$R$366,ROW(INDEX(Jesper!AK$2:AK$366,ROUNDDOWN($C5349/24,0)+1,1))-1)+IF('Standard Profiles'!$G$21=$B$10,7,0)+IF('Standard Profiles'!$G$21=$B$17,14,0)+IF('Standard Profiles'!$G$21=$B$24,21,0),0)),0)</f>
        <v>2.4511410770457247</v>
      </c>
      <c r="H5349" cm="1">
        <f t="array" ref="H5349">IFERROR(INDEX(Jesper!AL$2:AL$366,ROUNDDOWN($C5349/24,0)+1,1)*INDEX($D$3:$AA$30,INDEX(Jesper!$R$2:$R$366,ROW(INDEX(Jesper!AL$2:AL$366,ROUNDDOWN($C5349/24,0)+1,1))-1)+IF('Standard Profiles'!$G$22=$B$10,7,0)+IF('Standard Profiles'!$G$22=$B$17,14,0)+IF('Standard Profiles'!$G$22=$B$24,21,0),MOD($C5349,24)+1)/SUM(INDEX($D$3:$AA$30,INDEX(Jesper!$R$2:$R$366,ROW(INDEX(Jesper!AL$2:AL$366,ROUNDDOWN($C5349/24,0)+1,1))-1)+IF('Standard Profiles'!$G$22=$B$10,7,0)+IF('Standard Profiles'!$G$22=$B$17,14,0)+IF('Standard Profiles'!$G$22=$B$24,21,0),0)),0)</f>
        <v>0</v>
      </c>
      <c r="I5349">
        <f t="shared" si="601"/>
        <v>1.1765477169819474</v>
      </c>
      <c r="J5349">
        <f t="shared" si="602"/>
        <v>44.404209936538372</v>
      </c>
      <c r="K5349">
        <f t="shared" si="603"/>
        <v>3.5304667281980584</v>
      </c>
      <c r="L5349">
        <f t="shared" si="604"/>
        <v>1.7652333640990292</v>
      </c>
      <c r="M5349">
        <f t="shared" si="605"/>
        <v>0</v>
      </c>
      <c r="N5349" s="45">
        <f t="shared" si="606"/>
        <v>45148.458333320443</v>
      </c>
    </row>
    <row r="5350" spans="2:14" x14ac:dyDescent="0.25">
      <c r="B5350">
        <f t="shared" si="600"/>
        <v>4</v>
      </c>
      <c r="C5350" s="16">
        <v>5316</v>
      </c>
      <c r="D5350" cm="1">
        <f t="array" ref="D5350">IFERROR(INDEX(Jesper!AH$2:AH$366,ROUNDDOWN($C5350/24,0)+1,1)*INDEX($D$3:$AA$30,INDEX(Jesper!$R$2:$R$366,ROW(INDEX(Jesper!AH$2:AH$366,ROUNDDOWN($C5350/24,0)+1,1))-1)+IF('Standard Profiles'!$G$18=$B$10,7,0)+IF('Standard Profiles'!$G$18=$B$17,14,0)+IF('Standard Profiles'!$G$18=$B$24,21,0),MOD($C5350,24)+1)/SUM(INDEX($D$3:$AA$30,INDEX(Jesper!$R$2:$R$366,ROW(INDEX(Jesper!AH$2:AH$366,ROUNDDOWN($C5350/24,0)+1,1))-1)+IF('Standard Profiles'!$G$18=$B$10,7,0)+IF('Standard Profiles'!$G$18=$B$17,14,0)+IF('Standard Profiles'!$G$18=$B$24,21,0),0)),0)</f>
        <v>33.098125576856795</v>
      </c>
      <c r="E5350" cm="1">
        <f t="array" ref="E5350">IFERROR(INDEX(Jesper!AI$2:AI$366,ROUNDDOWN($C5350/24,0)+1,1)*INDEX($D$3:$AA$30,INDEX(Jesper!$R$2:$R$366,ROW(INDEX(Jesper!AI$2:AI$366,ROUNDDOWN($C5350/24,0)+1,1))-1)+IF('Standard Profiles'!$G$19=$B$10,7,0)+IF('Standard Profiles'!$G$19=$B$17,14,0)+IF('Standard Profiles'!$G$19=$B$24,21,0),MOD($C5350,24)+1)/SUM(INDEX($D$3:$AA$30,INDEX(Jesper!$R$2:$R$366,ROW(INDEX(Jesper!AI$2:AI$366,ROUNDDOWN($C5350/24,0)+1,1))-1)+IF('Standard Profiles'!$G$19=$B$10,7,0)+IF('Standard Profiles'!$G$19=$B$17,14,0)+IF('Standard Profiles'!$G$19=$B$24,21,0),0)),0)</f>
        <v>15.327191091914889</v>
      </c>
      <c r="F5350" cm="1">
        <f t="array" ref="F5350">IFERROR(INDEX(Jesper!AJ$2:AJ$366,ROUNDDOWN($C5350/24,0)+1,1)*INDEX($D$3:$AA$30,INDEX(Jesper!$R$2:$R$366,ROW(INDEX(Jesper!AJ$2:AJ$366,ROUNDDOWN($C5350/24,0)+1,1))-1)+IF('Standard Profiles'!$G$20=$B$10,7,0)+IF('Standard Profiles'!$G$20=$B$17,14,0)+IF('Standard Profiles'!$G$20=$B$24,21,0),MOD($C5350,24)+1)/SUM(INDEX($D$3:$AA$30,INDEX(Jesper!$R$2:$R$366,ROW(INDEX(Jesper!AJ$2:AJ$366,ROUNDDOWN($C5350/24,0)+1,1))-1)+IF('Standard Profiles'!$G$20=$B$10,7,0)+IF('Standard Profiles'!$G$20=$B$17,14,0)+IF('Standard Profiles'!$G$20=$B$24,21,0),0)),0)</f>
        <v>0</v>
      </c>
      <c r="G5350" cm="1">
        <f t="array" ref="G5350">IFERROR(INDEX(Jesper!AK$2:AK$366,ROUNDDOWN($C5350/24,0)+1,1)*INDEX($D$3:$AA$30,INDEX(Jesper!$R$2:$R$366,ROW(INDEX(Jesper!AK$2:AK$366,ROUNDDOWN($C5350/24,0)+1,1))-1)+IF('Standard Profiles'!$G$21=$B$10,7,0)+IF('Standard Profiles'!$G$21=$B$17,14,0)+IF('Standard Profiles'!$G$21=$B$24,21,0),MOD($C5350,24)+1)/SUM(INDEX($D$3:$AA$30,INDEX(Jesper!$R$2:$R$366,ROW(INDEX(Jesper!AK$2:AK$366,ROUNDDOWN($C5350/24,0)+1,1))-1)+IF('Standard Profiles'!$G$21=$B$10,7,0)+IF('Standard Profiles'!$G$21=$B$17,14,0)+IF('Standard Profiles'!$G$21=$B$24,21,0),0)),0)</f>
        <v>2.4511410770457247</v>
      </c>
      <c r="H5350" cm="1">
        <f t="array" ref="H5350">IFERROR(INDEX(Jesper!AL$2:AL$366,ROUNDDOWN($C5350/24,0)+1,1)*INDEX($D$3:$AA$30,INDEX(Jesper!$R$2:$R$366,ROW(INDEX(Jesper!AL$2:AL$366,ROUNDDOWN($C5350/24,0)+1,1))-1)+IF('Standard Profiles'!$G$22=$B$10,7,0)+IF('Standard Profiles'!$G$22=$B$17,14,0)+IF('Standard Profiles'!$G$22=$B$24,21,0),MOD($C5350,24)+1)/SUM(INDEX($D$3:$AA$30,INDEX(Jesper!$R$2:$R$366,ROW(INDEX(Jesper!AL$2:AL$366,ROUNDDOWN($C5350/24,0)+1,1))-1)+IF('Standard Profiles'!$G$22=$B$10,7,0)+IF('Standard Profiles'!$G$22=$B$17,14,0)+IF('Standard Profiles'!$G$22=$B$24,21,0),0)),0)</f>
        <v>0</v>
      </c>
      <c r="I5350">
        <f t="shared" si="601"/>
        <v>1.1765477169819474</v>
      </c>
      <c r="J5350">
        <f t="shared" si="602"/>
        <v>44.404209936538372</v>
      </c>
      <c r="K5350">
        <f t="shared" si="603"/>
        <v>3.5304667281980584</v>
      </c>
      <c r="L5350">
        <f t="shared" si="604"/>
        <v>1.7652333640990292</v>
      </c>
      <c r="M5350">
        <f t="shared" si="605"/>
        <v>0</v>
      </c>
      <c r="N5350" s="45">
        <f t="shared" si="606"/>
        <v>45148.499999987107</v>
      </c>
    </row>
    <row r="5351" spans="2:14" x14ac:dyDescent="0.25">
      <c r="B5351">
        <f t="shared" si="600"/>
        <v>4</v>
      </c>
      <c r="C5351" s="16">
        <v>5317</v>
      </c>
      <c r="D5351" cm="1">
        <f t="array" ref="D5351">IFERROR(INDEX(Jesper!AH$2:AH$366,ROUNDDOWN($C5351/24,0)+1,1)*INDEX($D$3:$AA$30,INDEX(Jesper!$R$2:$R$366,ROW(INDEX(Jesper!AH$2:AH$366,ROUNDDOWN($C5351/24,0)+1,1))-1)+IF('Standard Profiles'!$G$18=$B$10,7,0)+IF('Standard Profiles'!$G$18=$B$17,14,0)+IF('Standard Profiles'!$G$18=$B$24,21,0),MOD($C5351,24)+1)/SUM(INDEX($D$3:$AA$30,INDEX(Jesper!$R$2:$R$366,ROW(INDEX(Jesper!AH$2:AH$366,ROUNDDOWN($C5351/24,0)+1,1))-1)+IF('Standard Profiles'!$G$18=$B$10,7,0)+IF('Standard Profiles'!$G$18=$B$17,14,0)+IF('Standard Profiles'!$G$18=$B$24,21,0),0)),0)</f>
        <v>21.986611990340585</v>
      </c>
      <c r="E5351" cm="1">
        <f t="array" ref="E5351">IFERROR(INDEX(Jesper!AI$2:AI$366,ROUNDDOWN($C5351/24,0)+1,1)*INDEX($D$3:$AA$30,INDEX(Jesper!$R$2:$R$366,ROW(INDEX(Jesper!AI$2:AI$366,ROUNDDOWN($C5351/24,0)+1,1))-1)+IF('Standard Profiles'!$G$19=$B$10,7,0)+IF('Standard Profiles'!$G$19=$B$17,14,0)+IF('Standard Profiles'!$G$19=$B$24,21,0),MOD($C5351,24)+1)/SUM(INDEX($D$3:$AA$30,INDEX(Jesper!$R$2:$R$366,ROW(INDEX(Jesper!AI$2:AI$366,ROUNDDOWN($C5351/24,0)+1,1))-1)+IF('Standard Profiles'!$G$19=$B$10,7,0)+IF('Standard Profiles'!$G$19=$B$17,14,0)+IF('Standard Profiles'!$G$19=$B$24,21,0),0)),0)</f>
        <v>10.181634082486317</v>
      </c>
      <c r="F5351" cm="1">
        <f t="array" ref="F5351">IFERROR(INDEX(Jesper!AJ$2:AJ$366,ROUNDDOWN($C5351/24,0)+1,1)*INDEX($D$3:$AA$30,INDEX(Jesper!$R$2:$R$366,ROW(INDEX(Jesper!AJ$2:AJ$366,ROUNDDOWN($C5351/24,0)+1,1))-1)+IF('Standard Profiles'!$G$20=$B$10,7,0)+IF('Standard Profiles'!$G$20=$B$17,14,0)+IF('Standard Profiles'!$G$20=$B$24,21,0),MOD($C5351,24)+1)/SUM(INDEX($D$3:$AA$30,INDEX(Jesper!$R$2:$R$366,ROW(INDEX(Jesper!AJ$2:AJ$366,ROUNDDOWN($C5351/24,0)+1,1))-1)+IF('Standard Profiles'!$G$20=$B$10,7,0)+IF('Standard Profiles'!$G$20=$B$17,14,0)+IF('Standard Profiles'!$G$20=$B$24,21,0),0)),0)</f>
        <v>0</v>
      </c>
      <c r="G5351" cm="1">
        <f t="array" ref="G5351">IFERROR(INDEX(Jesper!AK$2:AK$366,ROUNDDOWN($C5351/24,0)+1,1)*INDEX($D$3:$AA$30,INDEX(Jesper!$R$2:$R$366,ROW(INDEX(Jesper!AK$2:AK$366,ROUNDDOWN($C5351/24,0)+1,1))-1)+IF('Standard Profiles'!$G$21=$B$10,7,0)+IF('Standard Profiles'!$G$21=$B$17,14,0)+IF('Standard Profiles'!$G$21=$B$24,21,0),MOD($C5351,24)+1)/SUM(INDEX($D$3:$AA$30,INDEX(Jesper!$R$2:$R$366,ROW(INDEX(Jesper!AK$2:AK$366,ROUNDDOWN($C5351/24,0)+1,1))-1)+IF('Standard Profiles'!$G$21=$B$10,7,0)+IF('Standard Profiles'!$G$21=$B$17,14,0)+IF('Standard Profiles'!$G$21=$B$24,21,0),0)),0)</f>
        <v>1.6282580011803742</v>
      </c>
      <c r="H5351" cm="1">
        <f t="array" ref="H5351">IFERROR(INDEX(Jesper!AL$2:AL$366,ROUNDDOWN($C5351/24,0)+1,1)*INDEX($D$3:$AA$30,INDEX(Jesper!$R$2:$R$366,ROW(INDEX(Jesper!AL$2:AL$366,ROUNDDOWN($C5351/24,0)+1,1))-1)+IF('Standard Profiles'!$G$22=$B$10,7,0)+IF('Standard Profiles'!$G$22=$B$17,14,0)+IF('Standard Profiles'!$G$22=$B$24,21,0),MOD($C5351,24)+1)/SUM(INDEX($D$3:$AA$30,INDEX(Jesper!$R$2:$R$366,ROW(INDEX(Jesper!AL$2:AL$366,ROUNDDOWN($C5351/24,0)+1,1))-1)+IF('Standard Profiles'!$G$22=$B$10,7,0)+IF('Standard Profiles'!$G$22=$B$17,14,0)+IF('Standard Profiles'!$G$22=$B$24,21,0),0)),0)</f>
        <v>0</v>
      </c>
      <c r="I5351">
        <f t="shared" si="601"/>
        <v>0.78156384056657924</v>
      </c>
      <c r="J5351">
        <f t="shared" si="602"/>
        <v>29.497082314986201</v>
      </c>
      <c r="K5351">
        <f t="shared" si="603"/>
        <v>2.345238612302996</v>
      </c>
      <c r="L5351">
        <f t="shared" si="604"/>
        <v>1.172619306151498</v>
      </c>
      <c r="M5351">
        <f t="shared" si="605"/>
        <v>0</v>
      </c>
      <c r="N5351" s="45">
        <f t="shared" si="606"/>
        <v>45148.541666653771</v>
      </c>
    </row>
    <row r="5352" spans="2:14" x14ac:dyDescent="0.25">
      <c r="B5352">
        <f t="shared" si="600"/>
        <v>4</v>
      </c>
      <c r="C5352" s="16">
        <v>5318</v>
      </c>
      <c r="D5352" cm="1">
        <f t="array" ref="D5352">IFERROR(INDEX(Jesper!AH$2:AH$366,ROUNDDOWN($C5352/24,0)+1,1)*INDEX($D$3:$AA$30,INDEX(Jesper!$R$2:$R$366,ROW(INDEX(Jesper!AH$2:AH$366,ROUNDDOWN($C5352/24,0)+1,1))-1)+IF('Standard Profiles'!$G$18=$B$10,7,0)+IF('Standard Profiles'!$G$18=$B$17,14,0)+IF('Standard Profiles'!$G$18=$B$24,21,0),MOD($C5352,24)+1)/SUM(INDEX($D$3:$AA$30,INDEX(Jesper!$R$2:$R$366,ROW(INDEX(Jesper!AH$2:AH$366,ROUNDDOWN($C5352/24,0)+1,1))-1)+IF('Standard Profiles'!$G$18=$B$10,7,0)+IF('Standard Profiles'!$G$18=$B$17,14,0)+IF('Standard Profiles'!$G$18=$B$24,21,0),0)),0)</f>
        <v>33.098125576856795</v>
      </c>
      <c r="E5352" cm="1">
        <f t="array" ref="E5352">IFERROR(INDEX(Jesper!AI$2:AI$366,ROUNDDOWN($C5352/24,0)+1,1)*INDEX($D$3:$AA$30,INDEX(Jesper!$R$2:$R$366,ROW(INDEX(Jesper!AI$2:AI$366,ROUNDDOWN($C5352/24,0)+1,1))-1)+IF('Standard Profiles'!$G$19=$B$10,7,0)+IF('Standard Profiles'!$G$19=$B$17,14,0)+IF('Standard Profiles'!$G$19=$B$24,21,0),MOD($C5352,24)+1)/SUM(INDEX($D$3:$AA$30,INDEX(Jesper!$R$2:$R$366,ROW(INDEX(Jesper!AI$2:AI$366,ROUNDDOWN($C5352/24,0)+1,1))-1)+IF('Standard Profiles'!$G$19=$B$10,7,0)+IF('Standard Profiles'!$G$19=$B$17,14,0)+IF('Standard Profiles'!$G$19=$B$24,21,0),0)),0)</f>
        <v>15.327191091914889</v>
      </c>
      <c r="F5352" cm="1">
        <f t="array" ref="F5352">IFERROR(INDEX(Jesper!AJ$2:AJ$366,ROUNDDOWN($C5352/24,0)+1,1)*INDEX($D$3:$AA$30,INDEX(Jesper!$R$2:$R$366,ROW(INDEX(Jesper!AJ$2:AJ$366,ROUNDDOWN($C5352/24,0)+1,1))-1)+IF('Standard Profiles'!$G$20=$B$10,7,0)+IF('Standard Profiles'!$G$20=$B$17,14,0)+IF('Standard Profiles'!$G$20=$B$24,21,0),MOD($C5352,24)+1)/SUM(INDEX($D$3:$AA$30,INDEX(Jesper!$R$2:$R$366,ROW(INDEX(Jesper!AJ$2:AJ$366,ROUNDDOWN($C5352/24,0)+1,1))-1)+IF('Standard Profiles'!$G$20=$B$10,7,0)+IF('Standard Profiles'!$G$20=$B$17,14,0)+IF('Standard Profiles'!$G$20=$B$24,21,0),0)),0)</f>
        <v>0</v>
      </c>
      <c r="G5352" cm="1">
        <f t="array" ref="G5352">IFERROR(INDEX(Jesper!AK$2:AK$366,ROUNDDOWN($C5352/24,0)+1,1)*INDEX($D$3:$AA$30,INDEX(Jesper!$R$2:$R$366,ROW(INDEX(Jesper!AK$2:AK$366,ROUNDDOWN($C5352/24,0)+1,1))-1)+IF('Standard Profiles'!$G$21=$B$10,7,0)+IF('Standard Profiles'!$G$21=$B$17,14,0)+IF('Standard Profiles'!$G$21=$B$24,21,0),MOD($C5352,24)+1)/SUM(INDEX($D$3:$AA$30,INDEX(Jesper!$R$2:$R$366,ROW(INDEX(Jesper!AK$2:AK$366,ROUNDDOWN($C5352/24,0)+1,1))-1)+IF('Standard Profiles'!$G$21=$B$10,7,0)+IF('Standard Profiles'!$G$21=$B$17,14,0)+IF('Standard Profiles'!$G$21=$B$24,21,0),0)),0)</f>
        <v>2.4511410770457247</v>
      </c>
      <c r="H5352" cm="1">
        <f t="array" ref="H5352">IFERROR(INDEX(Jesper!AL$2:AL$366,ROUNDDOWN($C5352/24,0)+1,1)*INDEX($D$3:$AA$30,INDEX(Jesper!$R$2:$R$366,ROW(INDEX(Jesper!AL$2:AL$366,ROUNDDOWN($C5352/24,0)+1,1))-1)+IF('Standard Profiles'!$G$22=$B$10,7,0)+IF('Standard Profiles'!$G$22=$B$17,14,0)+IF('Standard Profiles'!$G$22=$B$24,21,0),MOD($C5352,24)+1)/SUM(INDEX($D$3:$AA$30,INDEX(Jesper!$R$2:$R$366,ROW(INDEX(Jesper!AL$2:AL$366,ROUNDDOWN($C5352/24,0)+1,1))-1)+IF('Standard Profiles'!$G$22=$B$10,7,0)+IF('Standard Profiles'!$G$22=$B$17,14,0)+IF('Standard Profiles'!$G$22=$B$24,21,0),0)),0)</f>
        <v>0</v>
      </c>
      <c r="I5352">
        <f t="shared" si="601"/>
        <v>1.1765477169819474</v>
      </c>
      <c r="J5352">
        <f t="shared" si="602"/>
        <v>44.404209936538372</v>
      </c>
      <c r="K5352">
        <f t="shared" si="603"/>
        <v>3.5304667281980584</v>
      </c>
      <c r="L5352">
        <f t="shared" si="604"/>
        <v>1.7652333640990292</v>
      </c>
      <c r="M5352">
        <f t="shared" si="605"/>
        <v>0</v>
      </c>
      <c r="N5352" s="45">
        <f t="shared" si="606"/>
        <v>45148.583333320435</v>
      </c>
    </row>
    <row r="5353" spans="2:14" x14ac:dyDescent="0.25">
      <c r="B5353">
        <f t="shared" si="600"/>
        <v>4</v>
      </c>
      <c r="C5353" s="16">
        <v>5319</v>
      </c>
      <c r="D5353" cm="1">
        <f t="array" ref="D5353">IFERROR(INDEX(Jesper!AH$2:AH$366,ROUNDDOWN($C5353/24,0)+1,1)*INDEX($D$3:$AA$30,INDEX(Jesper!$R$2:$R$366,ROW(INDEX(Jesper!AH$2:AH$366,ROUNDDOWN($C5353/24,0)+1,1))-1)+IF('Standard Profiles'!$G$18=$B$10,7,0)+IF('Standard Profiles'!$G$18=$B$17,14,0)+IF('Standard Profiles'!$G$18=$B$24,21,0),MOD($C5353,24)+1)/SUM(INDEX($D$3:$AA$30,INDEX(Jesper!$R$2:$R$366,ROW(INDEX(Jesper!AH$2:AH$366,ROUNDDOWN($C5353/24,0)+1,1))-1)+IF('Standard Profiles'!$G$18=$B$10,7,0)+IF('Standard Profiles'!$G$18=$B$17,14,0)+IF('Standard Profiles'!$G$18=$B$24,21,0),0)),0)</f>
        <v>33.098125576856795</v>
      </c>
      <c r="E5353" cm="1">
        <f t="array" ref="E5353">IFERROR(INDEX(Jesper!AI$2:AI$366,ROUNDDOWN($C5353/24,0)+1,1)*INDEX($D$3:$AA$30,INDEX(Jesper!$R$2:$R$366,ROW(INDEX(Jesper!AI$2:AI$366,ROUNDDOWN($C5353/24,0)+1,1))-1)+IF('Standard Profiles'!$G$19=$B$10,7,0)+IF('Standard Profiles'!$G$19=$B$17,14,0)+IF('Standard Profiles'!$G$19=$B$24,21,0),MOD($C5353,24)+1)/SUM(INDEX($D$3:$AA$30,INDEX(Jesper!$R$2:$R$366,ROW(INDEX(Jesper!AI$2:AI$366,ROUNDDOWN($C5353/24,0)+1,1))-1)+IF('Standard Profiles'!$G$19=$B$10,7,0)+IF('Standard Profiles'!$G$19=$B$17,14,0)+IF('Standard Profiles'!$G$19=$B$24,21,0),0)),0)</f>
        <v>15.327191091914889</v>
      </c>
      <c r="F5353" cm="1">
        <f t="array" ref="F5353">IFERROR(INDEX(Jesper!AJ$2:AJ$366,ROUNDDOWN($C5353/24,0)+1,1)*INDEX($D$3:$AA$30,INDEX(Jesper!$R$2:$R$366,ROW(INDEX(Jesper!AJ$2:AJ$366,ROUNDDOWN($C5353/24,0)+1,1))-1)+IF('Standard Profiles'!$G$20=$B$10,7,0)+IF('Standard Profiles'!$G$20=$B$17,14,0)+IF('Standard Profiles'!$G$20=$B$24,21,0),MOD($C5353,24)+1)/SUM(INDEX($D$3:$AA$30,INDEX(Jesper!$R$2:$R$366,ROW(INDEX(Jesper!AJ$2:AJ$366,ROUNDDOWN($C5353/24,0)+1,1))-1)+IF('Standard Profiles'!$G$20=$B$10,7,0)+IF('Standard Profiles'!$G$20=$B$17,14,0)+IF('Standard Profiles'!$G$20=$B$24,21,0),0)),0)</f>
        <v>0</v>
      </c>
      <c r="G5353" cm="1">
        <f t="array" ref="G5353">IFERROR(INDEX(Jesper!AK$2:AK$366,ROUNDDOWN($C5353/24,0)+1,1)*INDEX($D$3:$AA$30,INDEX(Jesper!$R$2:$R$366,ROW(INDEX(Jesper!AK$2:AK$366,ROUNDDOWN($C5353/24,0)+1,1))-1)+IF('Standard Profiles'!$G$21=$B$10,7,0)+IF('Standard Profiles'!$G$21=$B$17,14,0)+IF('Standard Profiles'!$G$21=$B$24,21,0),MOD($C5353,24)+1)/SUM(INDEX($D$3:$AA$30,INDEX(Jesper!$R$2:$R$366,ROW(INDEX(Jesper!AK$2:AK$366,ROUNDDOWN($C5353/24,0)+1,1))-1)+IF('Standard Profiles'!$G$21=$B$10,7,0)+IF('Standard Profiles'!$G$21=$B$17,14,0)+IF('Standard Profiles'!$G$21=$B$24,21,0),0)),0)</f>
        <v>2.4511410770457247</v>
      </c>
      <c r="H5353" cm="1">
        <f t="array" ref="H5353">IFERROR(INDEX(Jesper!AL$2:AL$366,ROUNDDOWN($C5353/24,0)+1,1)*INDEX($D$3:$AA$30,INDEX(Jesper!$R$2:$R$366,ROW(INDEX(Jesper!AL$2:AL$366,ROUNDDOWN($C5353/24,0)+1,1))-1)+IF('Standard Profiles'!$G$22=$B$10,7,0)+IF('Standard Profiles'!$G$22=$B$17,14,0)+IF('Standard Profiles'!$G$22=$B$24,21,0),MOD($C5353,24)+1)/SUM(INDEX($D$3:$AA$30,INDEX(Jesper!$R$2:$R$366,ROW(INDEX(Jesper!AL$2:AL$366,ROUNDDOWN($C5353/24,0)+1,1))-1)+IF('Standard Profiles'!$G$22=$B$10,7,0)+IF('Standard Profiles'!$G$22=$B$17,14,0)+IF('Standard Profiles'!$G$22=$B$24,21,0),0)),0)</f>
        <v>0</v>
      </c>
      <c r="I5353">
        <f t="shared" si="601"/>
        <v>1.1765477169819474</v>
      </c>
      <c r="J5353">
        <f t="shared" si="602"/>
        <v>44.404209936538372</v>
      </c>
      <c r="K5353">
        <f t="shared" si="603"/>
        <v>3.5304667281980584</v>
      </c>
      <c r="L5353">
        <f t="shared" si="604"/>
        <v>1.7652333640990292</v>
      </c>
      <c r="M5353">
        <f t="shared" si="605"/>
        <v>0</v>
      </c>
      <c r="N5353" s="45">
        <f t="shared" si="606"/>
        <v>45148.6249999871</v>
      </c>
    </row>
    <row r="5354" spans="2:14" x14ac:dyDescent="0.25">
      <c r="B5354">
        <f t="shared" si="600"/>
        <v>4</v>
      </c>
      <c r="C5354" s="16">
        <v>5320</v>
      </c>
      <c r="D5354" cm="1">
        <f t="array" ref="D5354">IFERROR(INDEX(Jesper!AH$2:AH$366,ROUNDDOWN($C5354/24,0)+1,1)*INDEX($D$3:$AA$30,INDEX(Jesper!$R$2:$R$366,ROW(INDEX(Jesper!AH$2:AH$366,ROUNDDOWN($C5354/24,0)+1,1))-1)+IF('Standard Profiles'!$G$18=$B$10,7,0)+IF('Standard Profiles'!$G$18=$B$17,14,0)+IF('Standard Profiles'!$G$18=$B$24,21,0),MOD($C5354,24)+1)/SUM(INDEX($D$3:$AA$30,INDEX(Jesper!$R$2:$R$366,ROW(INDEX(Jesper!AH$2:AH$366,ROUNDDOWN($C5354/24,0)+1,1))-1)+IF('Standard Profiles'!$G$18=$B$10,7,0)+IF('Standard Profiles'!$G$18=$B$17,14,0)+IF('Standard Profiles'!$G$18=$B$24,21,0),0)),0)</f>
        <v>19.504252572076325</v>
      </c>
      <c r="E5354" cm="1">
        <f t="array" ref="E5354">IFERROR(INDEX(Jesper!AI$2:AI$366,ROUNDDOWN($C5354/24,0)+1,1)*INDEX($D$3:$AA$30,INDEX(Jesper!$R$2:$R$366,ROW(INDEX(Jesper!AI$2:AI$366,ROUNDDOWN($C5354/24,0)+1,1))-1)+IF('Standard Profiles'!$G$19=$B$10,7,0)+IF('Standard Profiles'!$G$19=$B$17,14,0)+IF('Standard Profiles'!$G$19=$B$24,21,0),MOD($C5354,24)+1)/SUM(INDEX($D$3:$AA$30,INDEX(Jesper!$R$2:$R$366,ROW(INDEX(Jesper!AI$2:AI$366,ROUNDDOWN($C5354/24,0)+1,1))-1)+IF('Standard Profiles'!$G$19=$B$10,7,0)+IF('Standard Profiles'!$G$19=$B$17,14,0)+IF('Standard Profiles'!$G$19=$B$24,21,0),0)),0)</f>
        <v>9.0320947505927034</v>
      </c>
      <c r="F5354" cm="1">
        <f t="array" ref="F5354">IFERROR(INDEX(Jesper!AJ$2:AJ$366,ROUNDDOWN($C5354/24,0)+1,1)*INDEX($D$3:$AA$30,INDEX(Jesper!$R$2:$R$366,ROW(INDEX(Jesper!AJ$2:AJ$366,ROUNDDOWN($C5354/24,0)+1,1))-1)+IF('Standard Profiles'!$G$20=$B$10,7,0)+IF('Standard Profiles'!$G$20=$B$17,14,0)+IF('Standard Profiles'!$G$20=$B$24,21,0),MOD($C5354,24)+1)/SUM(INDEX($D$3:$AA$30,INDEX(Jesper!$R$2:$R$366,ROW(INDEX(Jesper!AJ$2:AJ$366,ROUNDDOWN($C5354/24,0)+1,1))-1)+IF('Standard Profiles'!$G$20=$B$10,7,0)+IF('Standard Profiles'!$G$20=$B$17,14,0)+IF('Standard Profiles'!$G$20=$B$24,21,0),0)),0)</f>
        <v>0</v>
      </c>
      <c r="G5354" cm="1">
        <f t="array" ref="G5354">IFERROR(INDEX(Jesper!AK$2:AK$366,ROUNDDOWN($C5354/24,0)+1,1)*INDEX($D$3:$AA$30,INDEX(Jesper!$R$2:$R$366,ROW(INDEX(Jesper!AK$2:AK$366,ROUNDDOWN($C5354/24,0)+1,1))-1)+IF('Standard Profiles'!$G$21=$B$10,7,0)+IF('Standard Profiles'!$G$21=$B$17,14,0)+IF('Standard Profiles'!$G$21=$B$24,21,0),MOD($C5354,24)+1)/SUM(INDEX($D$3:$AA$30,INDEX(Jesper!$R$2:$R$366,ROW(INDEX(Jesper!AK$2:AK$366,ROUNDDOWN($C5354/24,0)+1,1))-1)+IF('Standard Profiles'!$G$21=$B$10,7,0)+IF('Standard Profiles'!$G$21=$B$17,14,0)+IF('Standard Profiles'!$G$21=$B$24,21,0),0)),0)</f>
        <v>2.0481517497235524</v>
      </c>
      <c r="H5354" cm="1">
        <f t="array" ref="H5354">IFERROR(INDEX(Jesper!AL$2:AL$366,ROUNDDOWN($C5354/24,0)+1,1)*INDEX($D$3:$AA$30,INDEX(Jesper!$R$2:$R$366,ROW(INDEX(Jesper!AL$2:AL$366,ROUNDDOWN($C5354/24,0)+1,1))-1)+IF('Standard Profiles'!$G$22=$B$10,7,0)+IF('Standard Profiles'!$G$22=$B$17,14,0)+IF('Standard Profiles'!$G$22=$B$24,21,0),MOD($C5354,24)+1)/SUM(INDEX($D$3:$AA$30,INDEX(Jesper!$R$2:$R$366,ROW(INDEX(Jesper!AL$2:AL$366,ROUNDDOWN($C5354/24,0)+1,1))-1)+IF('Standard Profiles'!$G$22=$B$10,7,0)+IF('Standard Profiles'!$G$22=$B$17,14,0)+IF('Standard Profiles'!$G$22=$B$24,21,0),0)),0)</f>
        <v>0</v>
      </c>
      <c r="I5354">
        <f t="shared" si="601"/>
        <v>0.98311283986730469</v>
      </c>
      <c r="J5354">
        <f t="shared" si="602"/>
        <v>26.480705820993066</v>
      </c>
      <c r="K5354">
        <f t="shared" si="603"/>
        <v>2.0804536076881415</v>
      </c>
      <c r="L5354">
        <f t="shared" si="604"/>
        <v>1.0402268038440707</v>
      </c>
      <c r="M5354">
        <f t="shared" si="605"/>
        <v>0</v>
      </c>
      <c r="N5354" s="45">
        <f t="shared" si="606"/>
        <v>45148.666666653764</v>
      </c>
    </row>
    <row r="5355" spans="2:14" x14ac:dyDescent="0.25">
      <c r="B5355">
        <f t="shared" si="600"/>
        <v>4</v>
      </c>
      <c r="C5355" s="16">
        <v>5321</v>
      </c>
      <c r="D5355" cm="1">
        <f t="array" ref="D5355">IFERROR(INDEX(Jesper!AH$2:AH$366,ROUNDDOWN($C5355/24,0)+1,1)*INDEX($D$3:$AA$30,INDEX(Jesper!$R$2:$R$366,ROW(INDEX(Jesper!AH$2:AH$366,ROUNDDOWN($C5355/24,0)+1,1))-1)+IF('Standard Profiles'!$G$18=$B$10,7,0)+IF('Standard Profiles'!$G$18=$B$17,14,0)+IF('Standard Profiles'!$G$18=$B$24,21,0),MOD($C5355,24)+1)/SUM(INDEX($D$3:$AA$30,INDEX(Jesper!$R$2:$R$366,ROW(INDEX(Jesper!AH$2:AH$366,ROUNDDOWN($C5355/24,0)+1,1))-1)+IF('Standard Profiles'!$G$18=$B$10,7,0)+IF('Standard Profiles'!$G$18=$B$17,14,0)+IF('Standard Profiles'!$G$18=$B$24,21,0),0)),0)</f>
        <v>8.3244782637969799</v>
      </c>
      <c r="E5355" cm="1">
        <f t="array" ref="E5355">IFERROR(INDEX(Jesper!AI$2:AI$366,ROUNDDOWN($C5355/24,0)+1,1)*INDEX($D$3:$AA$30,INDEX(Jesper!$R$2:$R$366,ROW(INDEX(Jesper!AI$2:AI$366,ROUNDDOWN($C5355/24,0)+1,1))-1)+IF('Standard Profiles'!$G$19=$B$10,7,0)+IF('Standard Profiles'!$G$19=$B$17,14,0)+IF('Standard Profiles'!$G$19=$B$24,21,0),MOD($C5355,24)+1)/SUM(INDEX($D$3:$AA$30,INDEX(Jesper!$R$2:$R$366,ROW(INDEX(Jesper!AI$2:AI$366,ROUNDDOWN($C5355/24,0)+1,1))-1)+IF('Standard Profiles'!$G$19=$B$10,7,0)+IF('Standard Profiles'!$G$19=$B$17,14,0)+IF('Standard Profiles'!$G$19=$B$24,21,0),0)),0)</f>
        <v>3.8549273370007269</v>
      </c>
      <c r="F5355" cm="1">
        <f t="array" ref="F5355">IFERROR(INDEX(Jesper!AJ$2:AJ$366,ROUNDDOWN($C5355/24,0)+1,1)*INDEX($D$3:$AA$30,INDEX(Jesper!$R$2:$R$366,ROW(INDEX(Jesper!AJ$2:AJ$366,ROUNDDOWN($C5355/24,0)+1,1))-1)+IF('Standard Profiles'!$G$20=$B$10,7,0)+IF('Standard Profiles'!$G$20=$B$17,14,0)+IF('Standard Profiles'!$G$20=$B$24,21,0),MOD($C5355,24)+1)/SUM(INDEX($D$3:$AA$30,INDEX(Jesper!$R$2:$R$366,ROW(INDEX(Jesper!AJ$2:AJ$366,ROUNDDOWN($C5355/24,0)+1,1))-1)+IF('Standard Profiles'!$G$20=$B$10,7,0)+IF('Standard Profiles'!$G$20=$B$17,14,0)+IF('Standard Profiles'!$G$20=$B$24,21,0),0)),0)</f>
        <v>0</v>
      </c>
      <c r="G5355" cm="1">
        <f t="array" ref="G5355">IFERROR(INDEX(Jesper!AK$2:AK$366,ROUNDDOWN($C5355/24,0)+1,1)*INDEX($D$3:$AA$30,INDEX(Jesper!$R$2:$R$366,ROW(INDEX(Jesper!AK$2:AK$366,ROUNDDOWN($C5355/24,0)+1,1))-1)+IF('Standard Profiles'!$G$21=$B$10,7,0)+IF('Standard Profiles'!$G$21=$B$17,14,0)+IF('Standard Profiles'!$G$21=$B$24,21,0),MOD($C5355,24)+1)/SUM(INDEX($D$3:$AA$30,INDEX(Jesper!$R$2:$R$366,ROW(INDEX(Jesper!AK$2:AK$366,ROUNDDOWN($C5355/24,0)+1,1))-1)+IF('Standard Profiles'!$G$21=$B$10,7,0)+IF('Standard Profiles'!$G$21=$B$17,14,0)+IF('Standard Profiles'!$G$21=$B$24,21,0),0)),0)</f>
        <v>1.6285598658450351</v>
      </c>
      <c r="H5355" cm="1">
        <f t="array" ref="H5355">IFERROR(INDEX(Jesper!AL$2:AL$366,ROUNDDOWN($C5355/24,0)+1,1)*INDEX($D$3:$AA$30,INDEX(Jesper!$R$2:$R$366,ROW(INDEX(Jesper!AL$2:AL$366,ROUNDDOWN($C5355/24,0)+1,1))-1)+IF('Standard Profiles'!$G$22=$B$10,7,0)+IF('Standard Profiles'!$G$22=$B$17,14,0)+IF('Standard Profiles'!$G$22=$B$24,21,0),MOD($C5355,24)+1)/SUM(INDEX($D$3:$AA$30,INDEX(Jesper!$R$2:$R$366,ROW(INDEX(Jesper!AL$2:AL$366,ROUNDDOWN($C5355/24,0)+1,1))-1)+IF('Standard Profiles'!$G$22=$B$10,7,0)+IF('Standard Profiles'!$G$22=$B$17,14,0)+IF('Standard Profiles'!$G$22=$B$24,21,0),0)),0)</f>
        <v>0</v>
      </c>
      <c r="I5355">
        <f t="shared" si="601"/>
        <v>0.78170873560561649</v>
      </c>
      <c r="J5355">
        <f t="shared" si="602"/>
        <v>11.694340208829608</v>
      </c>
      <c r="K5355">
        <f t="shared" si="603"/>
        <v>0.88794434813834455</v>
      </c>
      <c r="L5355">
        <f t="shared" si="604"/>
        <v>0.44397217406917228</v>
      </c>
      <c r="M5355">
        <f t="shared" si="605"/>
        <v>0</v>
      </c>
      <c r="N5355" s="45">
        <f t="shared" si="606"/>
        <v>45148.708333320428</v>
      </c>
    </row>
    <row r="5356" spans="2:14" x14ac:dyDescent="0.25">
      <c r="B5356">
        <f t="shared" si="600"/>
        <v>4</v>
      </c>
      <c r="C5356" s="16">
        <v>5322</v>
      </c>
      <c r="D5356" cm="1">
        <f t="array" ref="D5356">IFERROR(INDEX(Jesper!AH$2:AH$366,ROUNDDOWN($C5356/24,0)+1,1)*INDEX($D$3:$AA$30,INDEX(Jesper!$R$2:$R$366,ROW(INDEX(Jesper!AH$2:AH$366,ROUNDDOWN($C5356/24,0)+1,1))-1)+IF('Standard Profiles'!$G$18=$B$10,7,0)+IF('Standard Profiles'!$G$18=$B$17,14,0)+IF('Standard Profiles'!$G$18=$B$24,21,0),MOD($C5356,24)+1)/SUM(INDEX($D$3:$AA$30,INDEX(Jesper!$R$2:$R$366,ROW(INDEX(Jesper!AH$2:AH$366,ROUNDDOWN($C5356/24,0)+1,1))-1)+IF('Standard Profiles'!$G$18=$B$10,7,0)+IF('Standard Profiles'!$G$18=$B$17,14,0)+IF('Standard Profiles'!$G$18=$B$24,21,0),0)),0)</f>
        <v>5.4941556541060077</v>
      </c>
      <c r="E5356" cm="1">
        <f t="array" ref="E5356">IFERROR(INDEX(Jesper!AI$2:AI$366,ROUNDDOWN($C5356/24,0)+1,1)*INDEX($D$3:$AA$30,INDEX(Jesper!$R$2:$R$366,ROW(INDEX(Jesper!AI$2:AI$366,ROUNDDOWN($C5356/24,0)+1,1))-1)+IF('Standard Profiles'!$G$19=$B$10,7,0)+IF('Standard Profiles'!$G$19=$B$17,14,0)+IF('Standard Profiles'!$G$19=$B$24,21,0),MOD($C5356,24)+1)/SUM(INDEX($D$3:$AA$30,INDEX(Jesper!$R$2:$R$366,ROW(INDEX(Jesper!AI$2:AI$366,ROUNDDOWN($C5356/24,0)+1,1))-1)+IF('Standard Profiles'!$G$19=$B$10,7,0)+IF('Standard Profiles'!$G$19=$B$17,14,0)+IF('Standard Profiles'!$G$19=$B$24,21,0),0)),0)</f>
        <v>2.5442520424204793</v>
      </c>
      <c r="F5356" cm="1">
        <f t="array" ref="F5356">IFERROR(INDEX(Jesper!AJ$2:AJ$366,ROUNDDOWN($C5356/24,0)+1,1)*INDEX($D$3:$AA$30,INDEX(Jesper!$R$2:$R$366,ROW(INDEX(Jesper!AJ$2:AJ$366,ROUNDDOWN($C5356/24,0)+1,1))-1)+IF('Standard Profiles'!$G$20=$B$10,7,0)+IF('Standard Profiles'!$G$20=$B$17,14,0)+IF('Standard Profiles'!$G$20=$B$24,21,0),MOD($C5356,24)+1)/SUM(INDEX($D$3:$AA$30,INDEX(Jesper!$R$2:$R$366,ROW(INDEX(Jesper!AJ$2:AJ$366,ROUNDDOWN($C5356/24,0)+1,1))-1)+IF('Standard Profiles'!$G$20=$B$10,7,0)+IF('Standard Profiles'!$G$20=$B$17,14,0)+IF('Standard Profiles'!$G$20=$B$24,21,0),0)),0)</f>
        <v>0</v>
      </c>
      <c r="G5356" cm="1">
        <f t="array" ref="G5356">IFERROR(INDEX(Jesper!AK$2:AK$366,ROUNDDOWN($C5356/24,0)+1,1)*INDEX($D$3:$AA$30,INDEX(Jesper!$R$2:$R$366,ROW(INDEX(Jesper!AK$2:AK$366,ROUNDDOWN($C5356/24,0)+1,1))-1)+IF('Standard Profiles'!$G$21=$B$10,7,0)+IF('Standard Profiles'!$G$21=$B$17,14,0)+IF('Standard Profiles'!$G$21=$B$24,21,0),MOD($C5356,24)+1)/SUM(INDEX($D$3:$AA$30,INDEX(Jesper!$R$2:$R$366,ROW(INDEX(Jesper!AK$2:AK$366,ROUNDDOWN($C5356/24,0)+1,1))-1)+IF('Standard Profiles'!$G$21=$B$10,7,0)+IF('Standard Profiles'!$G$21=$B$17,14,0)+IF('Standard Profiles'!$G$21=$B$24,21,0),0)),0)</f>
        <v>0.60372932932160717</v>
      </c>
      <c r="H5356" cm="1">
        <f t="array" ref="H5356">IFERROR(INDEX(Jesper!AL$2:AL$366,ROUNDDOWN($C5356/24,0)+1,1)*INDEX($D$3:$AA$30,INDEX(Jesper!$R$2:$R$366,ROW(INDEX(Jesper!AL$2:AL$366,ROUNDDOWN($C5356/24,0)+1,1))-1)+IF('Standard Profiles'!$G$22=$B$10,7,0)+IF('Standard Profiles'!$G$22=$B$17,14,0)+IF('Standard Profiles'!$G$22=$B$24,21,0),MOD($C5356,24)+1)/SUM(INDEX($D$3:$AA$30,INDEX(Jesper!$R$2:$R$366,ROW(INDEX(Jesper!AL$2:AL$366,ROUNDDOWN($C5356/24,0)+1,1))-1)+IF('Standard Profiles'!$G$22=$B$10,7,0)+IF('Standard Profiles'!$G$22=$B$17,14,0)+IF('Standard Profiles'!$G$22=$B$24,21,0),0)),0)</f>
        <v>0</v>
      </c>
      <c r="I5356">
        <f t="shared" si="601"/>
        <v>0.28979007807437129</v>
      </c>
      <c r="J5356">
        <f t="shared" si="602"/>
        <v>7.473282043116761</v>
      </c>
      <c r="K5356">
        <f t="shared" si="603"/>
        <v>0.5860432697713075</v>
      </c>
      <c r="L5356">
        <f t="shared" si="604"/>
        <v>0.29302163488565375</v>
      </c>
      <c r="M5356">
        <f t="shared" si="605"/>
        <v>0</v>
      </c>
      <c r="N5356" s="45">
        <f t="shared" si="606"/>
        <v>45148.749999987092</v>
      </c>
    </row>
    <row r="5357" spans="2:14" x14ac:dyDescent="0.25">
      <c r="B5357">
        <f t="shared" si="600"/>
        <v>4</v>
      </c>
      <c r="C5357" s="16">
        <v>5323</v>
      </c>
      <c r="D5357" cm="1">
        <f t="array" ref="D5357">IFERROR(INDEX(Jesper!AH$2:AH$366,ROUNDDOWN($C5357/24,0)+1,1)*INDEX($D$3:$AA$30,INDEX(Jesper!$R$2:$R$366,ROW(INDEX(Jesper!AH$2:AH$366,ROUNDDOWN($C5357/24,0)+1,1))-1)+IF('Standard Profiles'!$G$18=$B$10,7,0)+IF('Standard Profiles'!$G$18=$B$17,14,0)+IF('Standard Profiles'!$G$18=$B$24,21,0),MOD($C5357,24)+1)/SUM(INDEX($D$3:$AA$30,INDEX(Jesper!$R$2:$R$366,ROW(INDEX(Jesper!AH$2:AH$366,ROUNDDOWN($C5357/24,0)+1,1))-1)+IF('Standard Profiles'!$G$18=$B$10,7,0)+IF('Standard Profiles'!$G$18=$B$17,14,0)+IF('Standard Profiles'!$G$18=$B$24,21,0),0)),0)</f>
        <v>5.4941556541060077</v>
      </c>
      <c r="E5357" cm="1">
        <f t="array" ref="E5357">IFERROR(INDEX(Jesper!AI$2:AI$366,ROUNDDOWN($C5357/24,0)+1,1)*INDEX($D$3:$AA$30,INDEX(Jesper!$R$2:$R$366,ROW(INDEX(Jesper!AI$2:AI$366,ROUNDDOWN($C5357/24,0)+1,1))-1)+IF('Standard Profiles'!$G$19=$B$10,7,0)+IF('Standard Profiles'!$G$19=$B$17,14,0)+IF('Standard Profiles'!$G$19=$B$24,21,0),MOD($C5357,24)+1)/SUM(INDEX($D$3:$AA$30,INDEX(Jesper!$R$2:$R$366,ROW(INDEX(Jesper!AI$2:AI$366,ROUNDDOWN($C5357/24,0)+1,1))-1)+IF('Standard Profiles'!$G$19=$B$10,7,0)+IF('Standard Profiles'!$G$19=$B$17,14,0)+IF('Standard Profiles'!$G$19=$B$24,21,0),0)),0)</f>
        <v>2.5442520424204793</v>
      </c>
      <c r="F5357" cm="1">
        <f t="array" ref="F5357">IFERROR(INDEX(Jesper!AJ$2:AJ$366,ROUNDDOWN($C5357/24,0)+1,1)*INDEX($D$3:$AA$30,INDEX(Jesper!$R$2:$R$366,ROW(INDEX(Jesper!AJ$2:AJ$366,ROUNDDOWN($C5357/24,0)+1,1))-1)+IF('Standard Profiles'!$G$20=$B$10,7,0)+IF('Standard Profiles'!$G$20=$B$17,14,0)+IF('Standard Profiles'!$G$20=$B$24,21,0),MOD($C5357,24)+1)/SUM(INDEX($D$3:$AA$30,INDEX(Jesper!$R$2:$R$366,ROW(INDEX(Jesper!AJ$2:AJ$366,ROUNDDOWN($C5357/24,0)+1,1))-1)+IF('Standard Profiles'!$G$20=$B$10,7,0)+IF('Standard Profiles'!$G$20=$B$17,14,0)+IF('Standard Profiles'!$G$20=$B$24,21,0),0)),0)</f>
        <v>0</v>
      </c>
      <c r="G5357" cm="1">
        <f t="array" ref="G5357">IFERROR(INDEX(Jesper!AK$2:AK$366,ROUNDDOWN($C5357/24,0)+1,1)*INDEX($D$3:$AA$30,INDEX(Jesper!$R$2:$R$366,ROW(INDEX(Jesper!AK$2:AK$366,ROUNDDOWN($C5357/24,0)+1,1))-1)+IF('Standard Profiles'!$G$21=$B$10,7,0)+IF('Standard Profiles'!$G$21=$B$17,14,0)+IF('Standard Profiles'!$G$21=$B$24,21,0),MOD($C5357,24)+1)/SUM(INDEX($D$3:$AA$30,INDEX(Jesper!$R$2:$R$366,ROW(INDEX(Jesper!AK$2:AK$366,ROUNDDOWN($C5357/24,0)+1,1))-1)+IF('Standard Profiles'!$G$21=$B$10,7,0)+IF('Standard Profiles'!$G$21=$B$17,14,0)+IF('Standard Profiles'!$G$21=$B$24,21,0),0)),0)</f>
        <v>0.60372932932160717</v>
      </c>
      <c r="H5357" cm="1">
        <f t="array" ref="H5357">IFERROR(INDEX(Jesper!AL$2:AL$366,ROUNDDOWN($C5357/24,0)+1,1)*INDEX($D$3:$AA$30,INDEX(Jesper!$R$2:$R$366,ROW(INDEX(Jesper!AL$2:AL$366,ROUNDDOWN($C5357/24,0)+1,1))-1)+IF('Standard Profiles'!$G$22=$B$10,7,0)+IF('Standard Profiles'!$G$22=$B$17,14,0)+IF('Standard Profiles'!$G$22=$B$24,21,0),MOD($C5357,24)+1)/SUM(INDEX($D$3:$AA$30,INDEX(Jesper!$R$2:$R$366,ROW(INDEX(Jesper!AL$2:AL$366,ROUNDDOWN($C5357/24,0)+1,1))-1)+IF('Standard Profiles'!$G$22=$B$10,7,0)+IF('Standard Profiles'!$G$22=$B$17,14,0)+IF('Standard Profiles'!$G$22=$B$24,21,0),0)),0)</f>
        <v>0</v>
      </c>
      <c r="I5357">
        <f t="shared" si="601"/>
        <v>0.28979007807437129</v>
      </c>
      <c r="J5357">
        <f t="shared" si="602"/>
        <v>7.473282043116761</v>
      </c>
      <c r="K5357">
        <f t="shared" si="603"/>
        <v>0.5860432697713075</v>
      </c>
      <c r="L5357">
        <f t="shared" si="604"/>
        <v>0.29302163488565375</v>
      </c>
      <c r="M5357">
        <f t="shared" si="605"/>
        <v>0</v>
      </c>
      <c r="N5357" s="45">
        <f t="shared" si="606"/>
        <v>45148.791666653757</v>
      </c>
    </row>
    <row r="5358" spans="2:14" x14ac:dyDescent="0.25">
      <c r="B5358">
        <f t="shared" si="600"/>
        <v>4</v>
      </c>
      <c r="C5358" s="16">
        <v>5324</v>
      </c>
      <c r="D5358" cm="1">
        <f t="array" ref="D5358">IFERROR(INDEX(Jesper!AH$2:AH$366,ROUNDDOWN($C5358/24,0)+1,1)*INDEX($D$3:$AA$30,INDEX(Jesper!$R$2:$R$366,ROW(INDEX(Jesper!AH$2:AH$366,ROUNDDOWN($C5358/24,0)+1,1))-1)+IF('Standard Profiles'!$G$18=$B$10,7,0)+IF('Standard Profiles'!$G$18=$B$17,14,0)+IF('Standard Profiles'!$G$18=$B$24,21,0),MOD($C5358,24)+1)/SUM(INDEX($D$3:$AA$30,INDEX(Jesper!$R$2:$R$366,ROW(INDEX(Jesper!AH$2:AH$366,ROUNDDOWN($C5358/24,0)+1,1))-1)+IF('Standard Profiles'!$G$18=$B$10,7,0)+IF('Standard Profiles'!$G$18=$B$17,14,0)+IF('Standard Profiles'!$G$18=$B$24,21,0),0)),0)</f>
        <v>5.4941556541060077</v>
      </c>
      <c r="E5358" cm="1">
        <f t="array" ref="E5358">IFERROR(INDEX(Jesper!AI$2:AI$366,ROUNDDOWN($C5358/24,0)+1,1)*INDEX($D$3:$AA$30,INDEX(Jesper!$R$2:$R$366,ROW(INDEX(Jesper!AI$2:AI$366,ROUNDDOWN($C5358/24,0)+1,1))-1)+IF('Standard Profiles'!$G$19=$B$10,7,0)+IF('Standard Profiles'!$G$19=$B$17,14,0)+IF('Standard Profiles'!$G$19=$B$24,21,0),MOD($C5358,24)+1)/SUM(INDEX($D$3:$AA$30,INDEX(Jesper!$R$2:$R$366,ROW(INDEX(Jesper!AI$2:AI$366,ROUNDDOWN($C5358/24,0)+1,1))-1)+IF('Standard Profiles'!$G$19=$B$10,7,0)+IF('Standard Profiles'!$G$19=$B$17,14,0)+IF('Standard Profiles'!$G$19=$B$24,21,0),0)),0)</f>
        <v>2.5442520424204793</v>
      </c>
      <c r="F5358" cm="1">
        <f t="array" ref="F5358">IFERROR(INDEX(Jesper!AJ$2:AJ$366,ROUNDDOWN($C5358/24,0)+1,1)*INDEX($D$3:$AA$30,INDEX(Jesper!$R$2:$R$366,ROW(INDEX(Jesper!AJ$2:AJ$366,ROUNDDOWN($C5358/24,0)+1,1))-1)+IF('Standard Profiles'!$G$20=$B$10,7,0)+IF('Standard Profiles'!$G$20=$B$17,14,0)+IF('Standard Profiles'!$G$20=$B$24,21,0),MOD($C5358,24)+1)/SUM(INDEX($D$3:$AA$30,INDEX(Jesper!$R$2:$R$366,ROW(INDEX(Jesper!AJ$2:AJ$366,ROUNDDOWN($C5358/24,0)+1,1))-1)+IF('Standard Profiles'!$G$20=$B$10,7,0)+IF('Standard Profiles'!$G$20=$B$17,14,0)+IF('Standard Profiles'!$G$20=$B$24,21,0),0)),0)</f>
        <v>0</v>
      </c>
      <c r="G5358" cm="1">
        <f t="array" ref="G5358">IFERROR(INDEX(Jesper!AK$2:AK$366,ROUNDDOWN($C5358/24,0)+1,1)*INDEX($D$3:$AA$30,INDEX(Jesper!$R$2:$R$366,ROW(INDEX(Jesper!AK$2:AK$366,ROUNDDOWN($C5358/24,0)+1,1))-1)+IF('Standard Profiles'!$G$21=$B$10,7,0)+IF('Standard Profiles'!$G$21=$B$17,14,0)+IF('Standard Profiles'!$G$21=$B$24,21,0),MOD($C5358,24)+1)/SUM(INDEX($D$3:$AA$30,INDEX(Jesper!$R$2:$R$366,ROW(INDEX(Jesper!AK$2:AK$366,ROUNDDOWN($C5358/24,0)+1,1))-1)+IF('Standard Profiles'!$G$21=$B$10,7,0)+IF('Standard Profiles'!$G$21=$B$17,14,0)+IF('Standard Profiles'!$G$21=$B$24,21,0),0)),0)</f>
        <v>0.60372932932160717</v>
      </c>
      <c r="H5358" cm="1">
        <f t="array" ref="H5358">IFERROR(INDEX(Jesper!AL$2:AL$366,ROUNDDOWN($C5358/24,0)+1,1)*INDEX($D$3:$AA$30,INDEX(Jesper!$R$2:$R$366,ROW(INDEX(Jesper!AL$2:AL$366,ROUNDDOWN($C5358/24,0)+1,1))-1)+IF('Standard Profiles'!$G$22=$B$10,7,0)+IF('Standard Profiles'!$G$22=$B$17,14,0)+IF('Standard Profiles'!$G$22=$B$24,21,0),MOD($C5358,24)+1)/SUM(INDEX($D$3:$AA$30,INDEX(Jesper!$R$2:$R$366,ROW(INDEX(Jesper!AL$2:AL$366,ROUNDDOWN($C5358/24,0)+1,1))-1)+IF('Standard Profiles'!$G$22=$B$10,7,0)+IF('Standard Profiles'!$G$22=$B$17,14,0)+IF('Standard Profiles'!$G$22=$B$24,21,0),0)),0)</f>
        <v>0</v>
      </c>
      <c r="I5358">
        <f t="shared" si="601"/>
        <v>0.28979007807437129</v>
      </c>
      <c r="J5358">
        <f t="shared" si="602"/>
        <v>7.473282043116761</v>
      </c>
      <c r="K5358">
        <f t="shared" si="603"/>
        <v>0.5860432697713075</v>
      </c>
      <c r="L5358">
        <f t="shared" si="604"/>
        <v>0.29302163488565375</v>
      </c>
      <c r="M5358">
        <f t="shared" si="605"/>
        <v>0</v>
      </c>
      <c r="N5358" s="45">
        <f t="shared" si="606"/>
        <v>45148.833333320421</v>
      </c>
    </row>
    <row r="5359" spans="2:14" x14ac:dyDescent="0.25">
      <c r="B5359">
        <f t="shared" si="600"/>
        <v>4</v>
      </c>
      <c r="C5359" s="16">
        <v>5325</v>
      </c>
      <c r="D5359" cm="1">
        <f t="array" ref="D5359">IFERROR(INDEX(Jesper!AH$2:AH$366,ROUNDDOWN($C5359/24,0)+1,1)*INDEX($D$3:$AA$30,INDEX(Jesper!$R$2:$R$366,ROW(INDEX(Jesper!AH$2:AH$366,ROUNDDOWN($C5359/24,0)+1,1))-1)+IF('Standard Profiles'!$G$18=$B$10,7,0)+IF('Standard Profiles'!$G$18=$B$17,14,0)+IF('Standard Profiles'!$G$18=$B$24,21,0),MOD($C5359,24)+1)/SUM(INDEX($D$3:$AA$30,INDEX(Jesper!$R$2:$R$366,ROW(INDEX(Jesper!AH$2:AH$366,ROUNDDOWN($C5359/24,0)+1,1))-1)+IF('Standard Profiles'!$G$18=$B$10,7,0)+IF('Standard Profiles'!$G$18=$B$17,14,0)+IF('Standard Profiles'!$G$18=$B$24,21,0),0)),0)</f>
        <v>5.4941556541060077</v>
      </c>
      <c r="E5359" cm="1">
        <f t="array" ref="E5359">IFERROR(INDEX(Jesper!AI$2:AI$366,ROUNDDOWN($C5359/24,0)+1,1)*INDEX($D$3:$AA$30,INDEX(Jesper!$R$2:$R$366,ROW(INDEX(Jesper!AI$2:AI$366,ROUNDDOWN($C5359/24,0)+1,1))-1)+IF('Standard Profiles'!$G$19=$B$10,7,0)+IF('Standard Profiles'!$G$19=$B$17,14,0)+IF('Standard Profiles'!$G$19=$B$24,21,0),MOD($C5359,24)+1)/SUM(INDEX($D$3:$AA$30,INDEX(Jesper!$R$2:$R$366,ROW(INDEX(Jesper!AI$2:AI$366,ROUNDDOWN($C5359/24,0)+1,1))-1)+IF('Standard Profiles'!$G$19=$B$10,7,0)+IF('Standard Profiles'!$G$19=$B$17,14,0)+IF('Standard Profiles'!$G$19=$B$24,21,0),0)),0)</f>
        <v>2.5442520424204793</v>
      </c>
      <c r="F5359" cm="1">
        <f t="array" ref="F5359">IFERROR(INDEX(Jesper!AJ$2:AJ$366,ROUNDDOWN($C5359/24,0)+1,1)*INDEX($D$3:$AA$30,INDEX(Jesper!$R$2:$R$366,ROW(INDEX(Jesper!AJ$2:AJ$366,ROUNDDOWN($C5359/24,0)+1,1))-1)+IF('Standard Profiles'!$G$20=$B$10,7,0)+IF('Standard Profiles'!$G$20=$B$17,14,0)+IF('Standard Profiles'!$G$20=$B$24,21,0),MOD($C5359,24)+1)/SUM(INDEX($D$3:$AA$30,INDEX(Jesper!$R$2:$R$366,ROW(INDEX(Jesper!AJ$2:AJ$366,ROUNDDOWN($C5359/24,0)+1,1))-1)+IF('Standard Profiles'!$G$20=$B$10,7,0)+IF('Standard Profiles'!$G$20=$B$17,14,0)+IF('Standard Profiles'!$G$20=$B$24,21,0),0)),0)</f>
        <v>0</v>
      </c>
      <c r="G5359" cm="1">
        <f t="array" ref="G5359">IFERROR(INDEX(Jesper!AK$2:AK$366,ROUNDDOWN($C5359/24,0)+1,1)*INDEX($D$3:$AA$30,INDEX(Jesper!$R$2:$R$366,ROW(INDEX(Jesper!AK$2:AK$366,ROUNDDOWN($C5359/24,0)+1,1))-1)+IF('Standard Profiles'!$G$21=$B$10,7,0)+IF('Standard Profiles'!$G$21=$B$17,14,0)+IF('Standard Profiles'!$G$21=$B$24,21,0),MOD($C5359,24)+1)/SUM(INDEX($D$3:$AA$30,INDEX(Jesper!$R$2:$R$366,ROW(INDEX(Jesper!AK$2:AK$366,ROUNDDOWN($C5359/24,0)+1,1))-1)+IF('Standard Profiles'!$G$21=$B$10,7,0)+IF('Standard Profiles'!$G$21=$B$17,14,0)+IF('Standard Profiles'!$G$21=$B$24,21,0),0)),0)</f>
        <v>0.60372932932160717</v>
      </c>
      <c r="H5359" cm="1">
        <f t="array" ref="H5359">IFERROR(INDEX(Jesper!AL$2:AL$366,ROUNDDOWN($C5359/24,0)+1,1)*INDEX($D$3:$AA$30,INDEX(Jesper!$R$2:$R$366,ROW(INDEX(Jesper!AL$2:AL$366,ROUNDDOWN($C5359/24,0)+1,1))-1)+IF('Standard Profiles'!$G$22=$B$10,7,0)+IF('Standard Profiles'!$G$22=$B$17,14,0)+IF('Standard Profiles'!$G$22=$B$24,21,0),MOD($C5359,24)+1)/SUM(INDEX($D$3:$AA$30,INDEX(Jesper!$R$2:$R$366,ROW(INDEX(Jesper!AL$2:AL$366,ROUNDDOWN($C5359/24,0)+1,1))-1)+IF('Standard Profiles'!$G$22=$B$10,7,0)+IF('Standard Profiles'!$G$22=$B$17,14,0)+IF('Standard Profiles'!$G$22=$B$24,21,0),0)),0)</f>
        <v>0</v>
      </c>
      <c r="I5359">
        <f t="shared" si="601"/>
        <v>0.28979007807437129</v>
      </c>
      <c r="J5359">
        <f t="shared" si="602"/>
        <v>7.473282043116761</v>
      </c>
      <c r="K5359">
        <f t="shared" si="603"/>
        <v>0.5860432697713075</v>
      </c>
      <c r="L5359">
        <f t="shared" si="604"/>
        <v>0.29302163488565375</v>
      </c>
      <c r="M5359">
        <f t="shared" si="605"/>
        <v>0</v>
      </c>
      <c r="N5359" s="45">
        <f t="shared" si="606"/>
        <v>45148.874999987085</v>
      </c>
    </row>
    <row r="5360" spans="2:14" x14ac:dyDescent="0.25">
      <c r="B5360">
        <f t="shared" si="600"/>
        <v>4</v>
      </c>
      <c r="C5360" s="16">
        <v>5326</v>
      </c>
      <c r="D5360" cm="1">
        <f t="array" ref="D5360">IFERROR(INDEX(Jesper!AH$2:AH$366,ROUNDDOWN($C5360/24,0)+1,1)*INDEX($D$3:$AA$30,INDEX(Jesper!$R$2:$R$366,ROW(INDEX(Jesper!AH$2:AH$366,ROUNDDOWN($C5360/24,0)+1,1))-1)+IF('Standard Profiles'!$G$18=$B$10,7,0)+IF('Standard Profiles'!$G$18=$B$17,14,0)+IF('Standard Profiles'!$G$18=$B$24,21,0),MOD($C5360,24)+1)/SUM(INDEX($D$3:$AA$30,INDEX(Jesper!$R$2:$R$366,ROW(INDEX(Jesper!AH$2:AH$366,ROUNDDOWN($C5360/24,0)+1,1))-1)+IF('Standard Profiles'!$G$18=$B$10,7,0)+IF('Standard Profiles'!$G$18=$B$17,14,0)+IF('Standard Profiles'!$G$18=$B$24,21,0),0)),0)</f>
        <v>5.4941556541060077</v>
      </c>
      <c r="E5360" cm="1">
        <f t="array" ref="E5360">IFERROR(INDEX(Jesper!AI$2:AI$366,ROUNDDOWN($C5360/24,0)+1,1)*INDEX($D$3:$AA$30,INDEX(Jesper!$R$2:$R$366,ROW(INDEX(Jesper!AI$2:AI$366,ROUNDDOWN($C5360/24,0)+1,1))-1)+IF('Standard Profiles'!$G$19=$B$10,7,0)+IF('Standard Profiles'!$G$19=$B$17,14,0)+IF('Standard Profiles'!$G$19=$B$24,21,0),MOD($C5360,24)+1)/SUM(INDEX($D$3:$AA$30,INDEX(Jesper!$R$2:$R$366,ROW(INDEX(Jesper!AI$2:AI$366,ROUNDDOWN($C5360/24,0)+1,1))-1)+IF('Standard Profiles'!$G$19=$B$10,7,0)+IF('Standard Profiles'!$G$19=$B$17,14,0)+IF('Standard Profiles'!$G$19=$B$24,21,0),0)),0)</f>
        <v>2.5442520424204793</v>
      </c>
      <c r="F5360" cm="1">
        <f t="array" ref="F5360">IFERROR(INDEX(Jesper!AJ$2:AJ$366,ROUNDDOWN($C5360/24,0)+1,1)*INDEX($D$3:$AA$30,INDEX(Jesper!$R$2:$R$366,ROW(INDEX(Jesper!AJ$2:AJ$366,ROUNDDOWN($C5360/24,0)+1,1))-1)+IF('Standard Profiles'!$G$20=$B$10,7,0)+IF('Standard Profiles'!$G$20=$B$17,14,0)+IF('Standard Profiles'!$G$20=$B$24,21,0),MOD($C5360,24)+1)/SUM(INDEX($D$3:$AA$30,INDEX(Jesper!$R$2:$R$366,ROW(INDEX(Jesper!AJ$2:AJ$366,ROUNDDOWN($C5360/24,0)+1,1))-1)+IF('Standard Profiles'!$G$20=$B$10,7,0)+IF('Standard Profiles'!$G$20=$B$17,14,0)+IF('Standard Profiles'!$G$20=$B$24,21,0),0)),0)</f>
        <v>0</v>
      </c>
      <c r="G5360" cm="1">
        <f t="array" ref="G5360">IFERROR(INDEX(Jesper!AK$2:AK$366,ROUNDDOWN($C5360/24,0)+1,1)*INDEX($D$3:$AA$30,INDEX(Jesper!$R$2:$R$366,ROW(INDEX(Jesper!AK$2:AK$366,ROUNDDOWN($C5360/24,0)+1,1))-1)+IF('Standard Profiles'!$G$21=$B$10,7,0)+IF('Standard Profiles'!$G$21=$B$17,14,0)+IF('Standard Profiles'!$G$21=$B$24,21,0),MOD($C5360,24)+1)/SUM(INDEX($D$3:$AA$30,INDEX(Jesper!$R$2:$R$366,ROW(INDEX(Jesper!AK$2:AK$366,ROUNDDOWN($C5360/24,0)+1,1))-1)+IF('Standard Profiles'!$G$21=$B$10,7,0)+IF('Standard Profiles'!$G$21=$B$17,14,0)+IF('Standard Profiles'!$G$21=$B$24,21,0),0)),0)</f>
        <v>0.60372932932160717</v>
      </c>
      <c r="H5360" cm="1">
        <f t="array" ref="H5360">IFERROR(INDEX(Jesper!AL$2:AL$366,ROUNDDOWN($C5360/24,0)+1,1)*INDEX($D$3:$AA$30,INDEX(Jesper!$R$2:$R$366,ROW(INDEX(Jesper!AL$2:AL$366,ROUNDDOWN($C5360/24,0)+1,1))-1)+IF('Standard Profiles'!$G$22=$B$10,7,0)+IF('Standard Profiles'!$G$22=$B$17,14,0)+IF('Standard Profiles'!$G$22=$B$24,21,0),MOD($C5360,24)+1)/SUM(INDEX($D$3:$AA$30,INDEX(Jesper!$R$2:$R$366,ROW(INDEX(Jesper!AL$2:AL$366,ROUNDDOWN($C5360/24,0)+1,1))-1)+IF('Standard Profiles'!$G$22=$B$10,7,0)+IF('Standard Profiles'!$G$22=$B$17,14,0)+IF('Standard Profiles'!$G$22=$B$24,21,0),0)),0)</f>
        <v>0</v>
      </c>
      <c r="I5360">
        <f t="shared" si="601"/>
        <v>0.28979007807437129</v>
      </c>
      <c r="J5360">
        <f t="shared" si="602"/>
        <v>7.473282043116761</v>
      </c>
      <c r="K5360">
        <f t="shared" si="603"/>
        <v>0.5860432697713075</v>
      </c>
      <c r="L5360">
        <f t="shared" si="604"/>
        <v>0.29302163488565375</v>
      </c>
      <c r="M5360">
        <f t="shared" si="605"/>
        <v>0</v>
      </c>
      <c r="N5360" s="45">
        <f t="shared" si="606"/>
        <v>45148.916666653749</v>
      </c>
    </row>
    <row r="5361" spans="2:14" x14ac:dyDescent="0.25">
      <c r="B5361">
        <f t="shared" si="600"/>
        <v>4</v>
      </c>
      <c r="C5361" s="16">
        <v>5327</v>
      </c>
      <c r="D5361" cm="1">
        <f t="array" ref="D5361">IFERROR(INDEX(Jesper!AH$2:AH$366,ROUNDDOWN($C5361/24,0)+1,1)*INDEX($D$3:$AA$30,INDEX(Jesper!$R$2:$R$366,ROW(INDEX(Jesper!AH$2:AH$366,ROUNDDOWN($C5361/24,0)+1,1))-1)+IF('Standard Profiles'!$G$18=$B$10,7,0)+IF('Standard Profiles'!$G$18=$B$17,14,0)+IF('Standard Profiles'!$G$18=$B$24,21,0),MOD($C5361,24)+1)/SUM(INDEX($D$3:$AA$30,INDEX(Jesper!$R$2:$R$366,ROW(INDEX(Jesper!AH$2:AH$366,ROUNDDOWN($C5361/24,0)+1,1))-1)+IF('Standard Profiles'!$G$18=$B$10,7,0)+IF('Standard Profiles'!$G$18=$B$17,14,0)+IF('Standard Profiles'!$G$18=$B$24,21,0),0)),0)</f>
        <v>5.4941556541060077</v>
      </c>
      <c r="E5361" cm="1">
        <f t="array" ref="E5361">IFERROR(INDEX(Jesper!AI$2:AI$366,ROUNDDOWN($C5361/24,0)+1,1)*INDEX($D$3:$AA$30,INDEX(Jesper!$R$2:$R$366,ROW(INDEX(Jesper!AI$2:AI$366,ROUNDDOWN($C5361/24,0)+1,1))-1)+IF('Standard Profiles'!$G$19=$B$10,7,0)+IF('Standard Profiles'!$G$19=$B$17,14,0)+IF('Standard Profiles'!$G$19=$B$24,21,0),MOD($C5361,24)+1)/SUM(INDEX($D$3:$AA$30,INDEX(Jesper!$R$2:$R$366,ROW(INDEX(Jesper!AI$2:AI$366,ROUNDDOWN($C5361/24,0)+1,1))-1)+IF('Standard Profiles'!$G$19=$B$10,7,0)+IF('Standard Profiles'!$G$19=$B$17,14,0)+IF('Standard Profiles'!$G$19=$B$24,21,0),0)),0)</f>
        <v>2.5442520424204793</v>
      </c>
      <c r="F5361" cm="1">
        <f t="array" ref="F5361">IFERROR(INDEX(Jesper!AJ$2:AJ$366,ROUNDDOWN($C5361/24,0)+1,1)*INDEX($D$3:$AA$30,INDEX(Jesper!$R$2:$R$366,ROW(INDEX(Jesper!AJ$2:AJ$366,ROUNDDOWN($C5361/24,0)+1,1))-1)+IF('Standard Profiles'!$G$20=$B$10,7,0)+IF('Standard Profiles'!$G$20=$B$17,14,0)+IF('Standard Profiles'!$G$20=$B$24,21,0),MOD($C5361,24)+1)/SUM(INDEX($D$3:$AA$30,INDEX(Jesper!$R$2:$R$366,ROW(INDEX(Jesper!AJ$2:AJ$366,ROUNDDOWN($C5361/24,0)+1,1))-1)+IF('Standard Profiles'!$G$20=$B$10,7,0)+IF('Standard Profiles'!$G$20=$B$17,14,0)+IF('Standard Profiles'!$G$20=$B$24,21,0),0)),0)</f>
        <v>0</v>
      </c>
      <c r="G5361" cm="1">
        <f t="array" ref="G5361">IFERROR(INDEX(Jesper!AK$2:AK$366,ROUNDDOWN($C5361/24,0)+1,1)*INDEX($D$3:$AA$30,INDEX(Jesper!$R$2:$R$366,ROW(INDEX(Jesper!AK$2:AK$366,ROUNDDOWN($C5361/24,0)+1,1))-1)+IF('Standard Profiles'!$G$21=$B$10,7,0)+IF('Standard Profiles'!$G$21=$B$17,14,0)+IF('Standard Profiles'!$G$21=$B$24,21,0),MOD($C5361,24)+1)/SUM(INDEX($D$3:$AA$30,INDEX(Jesper!$R$2:$R$366,ROW(INDEX(Jesper!AK$2:AK$366,ROUNDDOWN($C5361/24,0)+1,1))-1)+IF('Standard Profiles'!$G$21=$B$10,7,0)+IF('Standard Profiles'!$G$21=$B$17,14,0)+IF('Standard Profiles'!$G$21=$B$24,21,0),0)),0)</f>
        <v>0.60372932932160717</v>
      </c>
      <c r="H5361" cm="1">
        <f t="array" ref="H5361">IFERROR(INDEX(Jesper!AL$2:AL$366,ROUNDDOWN($C5361/24,0)+1,1)*INDEX($D$3:$AA$30,INDEX(Jesper!$R$2:$R$366,ROW(INDEX(Jesper!AL$2:AL$366,ROUNDDOWN($C5361/24,0)+1,1))-1)+IF('Standard Profiles'!$G$22=$B$10,7,0)+IF('Standard Profiles'!$G$22=$B$17,14,0)+IF('Standard Profiles'!$G$22=$B$24,21,0),MOD($C5361,24)+1)/SUM(INDEX($D$3:$AA$30,INDEX(Jesper!$R$2:$R$366,ROW(INDEX(Jesper!AL$2:AL$366,ROUNDDOWN($C5361/24,0)+1,1))-1)+IF('Standard Profiles'!$G$22=$B$10,7,0)+IF('Standard Profiles'!$G$22=$B$17,14,0)+IF('Standard Profiles'!$G$22=$B$24,21,0),0)),0)</f>
        <v>0</v>
      </c>
      <c r="I5361">
        <f t="shared" si="601"/>
        <v>0.28979007807437129</v>
      </c>
      <c r="J5361">
        <f t="shared" si="602"/>
        <v>7.473282043116761</v>
      </c>
      <c r="K5361">
        <f t="shared" si="603"/>
        <v>0.5860432697713075</v>
      </c>
      <c r="L5361">
        <f t="shared" si="604"/>
        <v>0.29302163488565375</v>
      </c>
      <c r="M5361">
        <f t="shared" si="605"/>
        <v>0</v>
      </c>
      <c r="N5361" s="45">
        <f t="shared" si="606"/>
        <v>45148.958333320414</v>
      </c>
    </row>
    <row r="5362" spans="2:14" x14ac:dyDescent="0.25">
      <c r="B5362">
        <f t="shared" si="600"/>
        <v>5</v>
      </c>
      <c r="C5362" s="16">
        <v>5328</v>
      </c>
      <c r="D5362" cm="1">
        <f t="array" ref="D5362">IFERROR(INDEX(Jesper!AH$2:AH$366,ROUNDDOWN($C5362/24,0)+1,1)*INDEX($D$3:$AA$30,INDEX(Jesper!$R$2:$R$366,ROW(INDEX(Jesper!AH$2:AH$366,ROUNDDOWN($C5362/24,0)+1,1))-1)+IF('Standard Profiles'!$G$18=$B$10,7,0)+IF('Standard Profiles'!$G$18=$B$17,14,0)+IF('Standard Profiles'!$G$18=$B$24,21,0),MOD($C5362,24)+1)/SUM(INDEX($D$3:$AA$30,INDEX(Jesper!$R$2:$R$366,ROW(INDEX(Jesper!AH$2:AH$366,ROUNDDOWN($C5362/24,0)+1,1))-1)+IF('Standard Profiles'!$G$18=$B$10,7,0)+IF('Standard Profiles'!$G$18=$B$17,14,0)+IF('Standard Profiles'!$G$18=$B$24,21,0),0)),0)</f>
        <v>8.2443066688403448</v>
      </c>
      <c r="E5362" cm="1">
        <f t="array" ref="E5362">IFERROR(INDEX(Jesper!AI$2:AI$366,ROUNDDOWN($C5362/24,0)+1,1)*INDEX($D$3:$AA$30,INDEX(Jesper!$R$2:$R$366,ROW(INDEX(Jesper!AI$2:AI$366,ROUNDDOWN($C5362/24,0)+1,1))-1)+IF('Standard Profiles'!$G$19=$B$10,7,0)+IF('Standard Profiles'!$G$19=$B$17,14,0)+IF('Standard Profiles'!$G$19=$B$24,21,0),MOD($C5362,24)+1)/SUM(INDEX($D$3:$AA$30,INDEX(Jesper!$R$2:$R$366,ROW(INDEX(Jesper!AI$2:AI$366,ROUNDDOWN($C5362/24,0)+1,1))-1)+IF('Standard Profiles'!$G$19=$B$10,7,0)+IF('Standard Profiles'!$G$19=$B$17,14,0)+IF('Standard Profiles'!$G$19=$B$24,21,0),0)),0)</f>
        <v>3.601157481717447</v>
      </c>
      <c r="F5362" cm="1">
        <f t="array" ref="F5362">IFERROR(INDEX(Jesper!AJ$2:AJ$366,ROUNDDOWN($C5362/24,0)+1,1)*INDEX($D$3:$AA$30,INDEX(Jesper!$R$2:$R$366,ROW(INDEX(Jesper!AJ$2:AJ$366,ROUNDDOWN($C5362/24,0)+1,1))-1)+IF('Standard Profiles'!$G$20=$B$10,7,0)+IF('Standard Profiles'!$G$20=$B$17,14,0)+IF('Standard Profiles'!$G$20=$B$24,21,0),MOD($C5362,24)+1)/SUM(INDEX($D$3:$AA$30,INDEX(Jesper!$R$2:$R$366,ROW(INDEX(Jesper!AJ$2:AJ$366,ROUNDDOWN($C5362/24,0)+1,1))-1)+IF('Standard Profiles'!$G$20=$B$10,7,0)+IF('Standard Profiles'!$G$20=$B$17,14,0)+IF('Standard Profiles'!$G$20=$B$24,21,0),0)),0)</f>
        <v>0</v>
      </c>
      <c r="G5362" cm="1">
        <f t="array" ref="G5362">IFERROR(INDEX(Jesper!AK$2:AK$366,ROUNDDOWN($C5362/24,0)+1,1)*INDEX($D$3:$AA$30,INDEX(Jesper!$R$2:$R$366,ROW(INDEX(Jesper!AK$2:AK$366,ROUNDDOWN($C5362/24,0)+1,1))-1)+IF('Standard Profiles'!$G$21=$B$10,7,0)+IF('Standard Profiles'!$G$21=$B$17,14,0)+IF('Standard Profiles'!$G$21=$B$24,21,0),MOD($C5362,24)+1)/SUM(INDEX($D$3:$AA$30,INDEX(Jesper!$R$2:$R$366,ROW(INDEX(Jesper!AK$2:AK$366,ROUNDDOWN($C5362/24,0)+1,1))-1)+IF('Standard Profiles'!$G$21=$B$10,7,0)+IF('Standard Profiles'!$G$21=$B$17,14,0)+IF('Standard Profiles'!$G$21=$B$24,21,0),0)),0)</f>
        <v>0.33122622587122547</v>
      </c>
      <c r="H5362" cm="1">
        <f t="array" ref="H5362">IFERROR(INDEX(Jesper!AL$2:AL$366,ROUNDDOWN($C5362/24,0)+1,1)*INDEX($D$3:$AA$30,INDEX(Jesper!$R$2:$R$366,ROW(INDEX(Jesper!AL$2:AL$366,ROUNDDOWN($C5362/24,0)+1,1))-1)+IF('Standard Profiles'!$G$22=$B$10,7,0)+IF('Standard Profiles'!$G$22=$B$17,14,0)+IF('Standard Profiles'!$G$22=$B$24,21,0),MOD($C5362,24)+1)/SUM(INDEX($D$3:$AA$30,INDEX(Jesper!$R$2:$R$366,ROW(INDEX(Jesper!AL$2:AL$366,ROUNDDOWN($C5362/24,0)+1,1))-1)+IF('Standard Profiles'!$G$22=$B$10,7,0)+IF('Standard Profiles'!$G$22=$B$17,14,0)+IF('Standard Profiles'!$G$22=$B$24,21,0),0)),0)</f>
        <v>0</v>
      </c>
      <c r="I5362">
        <f t="shared" si="601"/>
        <v>0.15898858841818814</v>
      </c>
      <c r="J5362">
        <f t="shared" si="602"/>
        <v>10.698612720996373</v>
      </c>
      <c r="K5362">
        <f t="shared" si="603"/>
        <v>0.87939271134297015</v>
      </c>
      <c r="L5362">
        <f t="shared" si="604"/>
        <v>0.43969635567148507</v>
      </c>
      <c r="M5362">
        <f t="shared" si="605"/>
        <v>0</v>
      </c>
      <c r="N5362" s="45">
        <f t="shared" si="606"/>
        <v>45148.999999987078</v>
      </c>
    </row>
    <row r="5363" spans="2:14" x14ac:dyDescent="0.25">
      <c r="B5363">
        <f t="shared" si="600"/>
        <v>5</v>
      </c>
      <c r="C5363" s="16">
        <v>5329</v>
      </c>
      <c r="D5363" cm="1">
        <f t="array" ref="D5363">IFERROR(INDEX(Jesper!AH$2:AH$366,ROUNDDOWN($C5363/24,0)+1,1)*INDEX($D$3:$AA$30,INDEX(Jesper!$R$2:$R$366,ROW(INDEX(Jesper!AH$2:AH$366,ROUNDDOWN($C5363/24,0)+1,1))-1)+IF('Standard Profiles'!$G$18=$B$10,7,0)+IF('Standard Profiles'!$G$18=$B$17,14,0)+IF('Standard Profiles'!$G$18=$B$24,21,0),MOD($C5363,24)+1)/SUM(INDEX($D$3:$AA$30,INDEX(Jesper!$R$2:$R$366,ROW(INDEX(Jesper!AH$2:AH$366,ROUNDDOWN($C5363/24,0)+1,1))-1)+IF('Standard Profiles'!$G$18=$B$10,7,0)+IF('Standard Profiles'!$G$18=$B$17,14,0)+IF('Standard Profiles'!$G$18=$B$24,21,0),0)),0)</f>
        <v>4.9965494962668755</v>
      </c>
      <c r="E5363" cm="1">
        <f t="array" ref="E5363">IFERROR(INDEX(Jesper!AI$2:AI$366,ROUNDDOWN($C5363/24,0)+1,1)*INDEX($D$3:$AA$30,INDEX(Jesper!$R$2:$R$366,ROW(INDEX(Jesper!AI$2:AI$366,ROUNDDOWN($C5363/24,0)+1,1))-1)+IF('Standard Profiles'!$G$19=$B$10,7,0)+IF('Standard Profiles'!$G$19=$B$17,14,0)+IF('Standard Profiles'!$G$19=$B$24,21,0),MOD($C5363,24)+1)/SUM(INDEX($D$3:$AA$30,INDEX(Jesper!$R$2:$R$366,ROW(INDEX(Jesper!AI$2:AI$366,ROUNDDOWN($C5363/24,0)+1,1))-1)+IF('Standard Profiles'!$G$19=$B$10,7,0)+IF('Standard Profiles'!$G$19=$B$17,14,0)+IF('Standard Profiles'!$G$19=$B$24,21,0),0)),0)</f>
        <v>2.1825196858893618</v>
      </c>
      <c r="F5363" cm="1">
        <f t="array" ref="F5363">IFERROR(INDEX(Jesper!AJ$2:AJ$366,ROUNDDOWN($C5363/24,0)+1,1)*INDEX($D$3:$AA$30,INDEX(Jesper!$R$2:$R$366,ROW(INDEX(Jesper!AJ$2:AJ$366,ROUNDDOWN($C5363/24,0)+1,1))-1)+IF('Standard Profiles'!$G$20=$B$10,7,0)+IF('Standard Profiles'!$G$20=$B$17,14,0)+IF('Standard Profiles'!$G$20=$B$24,21,0),MOD($C5363,24)+1)/SUM(INDEX($D$3:$AA$30,INDEX(Jesper!$R$2:$R$366,ROW(INDEX(Jesper!AJ$2:AJ$366,ROUNDDOWN($C5363/24,0)+1,1))-1)+IF('Standard Profiles'!$G$20=$B$10,7,0)+IF('Standard Profiles'!$G$20=$B$17,14,0)+IF('Standard Profiles'!$G$20=$B$24,21,0),0)),0)</f>
        <v>0</v>
      </c>
      <c r="G5363" cm="1">
        <f t="array" ref="G5363">IFERROR(INDEX(Jesper!AK$2:AK$366,ROUNDDOWN($C5363/24,0)+1,1)*INDEX($D$3:$AA$30,INDEX(Jesper!$R$2:$R$366,ROW(INDEX(Jesper!AK$2:AK$366,ROUNDDOWN($C5363/24,0)+1,1))-1)+IF('Standard Profiles'!$G$21=$B$10,7,0)+IF('Standard Profiles'!$G$21=$B$17,14,0)+IF('Standard Profiles'!$G$21=$B$24,21,0),MOD($C5363,24)+1)/SUM(INDEX($D$3:$AA$30,INDEX(Jesper!$R$2:$R$366,ROW(INDEX(Jesper!AK$2:AK$366,ROUNDDOWN($C5363/24,0)+1,1))-1)+IF('Standard Profiles'!$G$21=$B$10,7,0)+IF('Standard Profiles'!$G$21=$B$17,14,0)+IF('Standard Profiles'!$G$21=$B$24,21,0),0)),0)</f>
        <v>0.33122622587122547</v>
      </c>
      <c r="H5363" cm="1">
        <f t="array" ref="H5363">IFERROR(INDEX(Jesper!AL$2:AL$366,ROUNDDOWN($C5363/24,0)+1,1)*INDEX($D$3:$AA$30,INDEX(Jesper!$R$2:$R$366,ROW(INDEX(Jesper!AL$2:AL$366,ROUNDDOWN($C5363/24,0)+1,1))-1)+IF('Standard Profiles'!$G$22=$B$10,7,0)+IF('Standard Profiles'!$G$22=$B$17,14,0)+IF('Standard Profiles'!$G$22=$B$24,21,0),MOD($C5363,24)+1)/SUM(INDEX($D$3:$AA$30,INDEX(Jesper!$R$2:$R$366,ROW(INDEX(Jesper!AL$2:AL$366,ROUNDDOWN($C5363/24,0)+1,1))-1)+IF('Standard Profiles'!$G$22=$B$10,7,0)+IF('Standard Profiles'!$G$22=$B$17,14,0)+IF('Standard Profiles'!$G$22=$B$24,21,0),0)),0)</f>
        <v>0</v>
      </c>
      <c r="I5363">
        <f t="shared" si="601"/>
        <v>0.15898858841818814</v>
      </c>
      <c r="J5363">
        <f t="shared" si="602"/>
        <v>6.5518589002065735</v>
      </c>
      <c r="K5363">
        <f t="shared" si="603"/>
        <v>0.53296527960180007</v>
      </c>
      <c r="L5363">
        <f t="shared" si="604"/>
        <v>0.26648263980090003</v>
      </c>
      <c r="M5363">
        <f t="shared" si="605"/>
        <v>0</v>
      </c>
      <c r="N5363" s="45">
        <f t="shared" si="606"/>
        <v>45149.041666653742</v>
      </c>
    </row>
    <row r="5364" spans="2:14" x14ac:dyDescent="0.25">
      <c r="B5364">
        <f t="shared" si="600"/>
        <v>5</v>
      </c>
      <c r="C5364" s="16">
        <v>5330</v>
      </c>
      <c r="D5364" cm="1">
        <f t="array" ref="D5364">IFERROR(INDEX(Jesper!AH$2:AH$366,ROUNDDOWN($C5364/24,0)+1,1)*INDEX($D$3:$AA$30,INDEX(Jesper!$R$2:$R$366,ROW(INDEX(Jesper!AH$2:AH$366,ROUNDDOWN($C5364/24,0)+1,1))-1)+IF('Standard Profiles'!$G$18=$B$10,7,0)+IF('Standard Profiles'!$G$18=$B$17,14,0)+IF('Standard Profiles'!$G$18=$B$24,21,0),MOD($C5364,24)+1)/SUM(INDEX($D$3:$AA$30,INDEX(Jesper!$R$2:$R$366,ROW(INDEX(Jesper!AH$2:AH$366,ROUNDDOWN($C5364/24,0)+1,1))-1)+IF('Standard Profiles'!$G$18=$B$10,7,0)+IF('Standard Profiles'!$G$18=$B$17,14,0)+IF('Standard Profiles'!$G$18=$B$24,21,0),0)),0)</f>
        <v>4.9965494962668755</v>
      </c>
      <c r="E5364" cm="1">
        <f t="array" ref="E5364">IFERROR(INDEX(Jesper!AI$2:AI$366,ROUNDDOWN($C5364/24,0)+1,1)*INDEX($D$3:$AA$30,INDEX(Jesper!$R$2:$R$366,ROW(INDEX(Jesper!AI$2:AI$366,ROUNDDOWN($C5364/24,0)+1,1))-1)+IF('Standard Profiles'!$G$19=$B$10,7,0)+IF('Standard Profiles'!$G$19=$B$17,14,0)+IF('Standard Profiles'!$G$19=$B$24,21,0),MOD($C5364,24)+1)/SUM(INDEX($D$3:$AA$30,INDEX(Jesper!$R$2:$R$366,ROW(INDEX(Jesper!AI$2:AI$366,ROUNDDOWN($C5364/24,0)+1,1))-1)+IF('Standard Profiles'!$G$19=$B$10,7,0)+IF('Standard Profiles'!$G$19=$B$17,14,0)+IF('Standard Profiles'!$G$19=$B$24,21,0),0)),0)</f>
        <v>2.1825196858893618</v>
      </c>
      <c r="F5364" cm="1">
        <f t="array" ref="F5364">IFERROR(INDEX(Jesper!AJ$2:AJ$366,ROUNDDOWN($C5364/24,0)+1,1)*INDEX($D$3:$AA$30,INDEX(Jesper!$R$2:$R$366,ROW(INDEX(Jesper!AJ$2:AJ$366,ROUNDDOWN($C5364/24,0)+1,1))-1)+IF('Standard Profiles'!$G$20=$B$10,7,0)+IF('Standard Profiles'!$G$20=$B$17,14,0)+IF('Standard Profiles'!$G$20=$B$24,21,0),MOD($C5364,24)+1)/SUM(INDEX($D$3:$AA$30,INDEX(Jesper!$R$2:$R$366,ROW(INDEX(Jesper!AJ$2:AJ$366,ROUNDDOWN($C5364/24,0)+1,1))-1)+IF('Standard Profiles'!$G$20=$B$10,7,0)+IF('Standard Profiles'!$G$20=$B$17,14,0)+IF('Standard Profiles'!$G$20=$B$24,21,0),0)),0)</f>
        <v>0</v>
      </c>
      <c r="G5364" cm="1">
        <f t="array" ref="G5364">IFERROR(INDEX(Jesper!AK$2:AK$366,ROUNDDOWN($C5364/24,0)+1,1)*INDEX($D$3:$AA$30,INDEX(Jesper!$R$2:$R$366,ROW(INDEX(Jesper!AK$2:AK$366,ROUNDDOWN($C5364/24,0)+1,1))-1)+IF('Standard Profiles'!$G$21=$B$10,7,0)+IF('Standard Profiles'!$G$21=$B$17,14,0)+IF('Standard Profiles'!$G$21=$B$24,21,0),MOD($C5364,24)+1)/SUM(INDEX($D$3:$AA$30,INDEX(Jesper!$R$2:$R$366,ROW(INDEX(Jesper!AK$2:AK$366,ROUNDDOWN($C5364/24,0)+1,1))-1)+IF('Standard Profiles'!$G$21=$B$10,7,0)+IF('Standard Profiles'!$G$21=$B$17,14,0)+IF('Standard Profiles'!$G$21=$B$24,21,0),0)),0)</f>
        <v>0.33122622587122547</v>
      </c>
      <c r="H5364" cm="1">
        <f t="array" ref="H5364">IFERROR(INDEX(Jesper!AL$2:AL$366,ROUNDDOWN($C5364/24,0)+1,1)*INDEX($D$3:$AA$30,INDEX(Jesper!$R$2:$R$366,ROW(INDEX(Jesper!AL$2:AL$366,ROUNDDOWN($C5364/24,0)+1,1))-1)+IF('Standard Profiles'!$G$22=$B$10,7,0)+IF('Standard Profiles'!$G$22=$B$17,14,0)+IF('Standard Profiles'!$G$22=$B$24,21,0),MOD($C5364,24)+1)/SUM(INDEX($D$3:$AA$30,INDEX(Jesper!$R$2:$R$366,ROW(INDEX(Jesper!AL$2:AL$366,ROUNDDOWN($C5364/24,0)+1,1))-1)+IF('Standard Profiles'!$G$22=$B$10,7,0)+IF('Standard Profiles'!$G$22=$B$17,14,0)+IF('Standard Profiles'!$G$22=$B$24,21,0),0)),0)</f>
        <v>0</v>
      </c>
      <c r="I5364">
        <f t="shared" si="601"/>
        <v>0.15898858841818814</v>
      </c>
      <c r="J5364">
        <f t="shared" si="602"/>
        <v>6.5518589002065735</v>
      </c>
      <c r="K5364">
        <f t="shared" si="603"/>
        <v>0.53296527960180007</v>
      </c>
      <c r="L5364">
        <f t="shared" si="604"/>
        <v>0.26648263980090003</v>
      </c>
      <c r="M5364">
        <f t="shared" si="605"/>
        <v>0</v>
      </c>
      <c r="N5364" s="45">
        <f t="shared" si="606"/>
        <v>45149.083333320406</v>
      </c>
    </row>
    <row r="5365" spans="2:14" x14ac:dyDescent="0.25">
      <c r="B5365">
        <f t="shared" si="600"/>
        <v>5</v>
      </c>
      <c r="C5365" s="16">
        <v>5331</v>
      </c>
      <c r="D5365" cm="1">
        <f t="array" ref="D5365">IFERROR(INDEX(Jesper!AH$2:AH$366,ROUNDDOWN($C5365/24,0)+1,1)*INDEX($D$3:$AA$30,INDEX(Jesper!$R$2:$R$366,ROW(INDEX(Jesper!AH$2:AH$366,ROUNDDOWN($C5365/24,0)+1,1))-1)+IF('Standard Profiles'!$G$18=$B$10,7,0)+IF('Standard Profiles'!$G$18=$B$17,14,0)+IF('Standard Profiles'!$G$18=$B$24,21,0),MOD($C5365,24)+1)/SUM(INDEX($D$3:$AA$30,INDEX(Jesper!$R$2:$R$366,ROW(INDEX(Jesper!AH$2:AH$366,ROUNDDOWN($C5365/24,0)+1,1))-1)+IF('Standard Profiles'!$G$18=$B$10,7,0)+IF('Standard Profiles'!$G$18=$B$17,14,0)+IF('Standard Profiles'!$G$18=$B$24,21,0),0)),0)</f>
        <v>4.9965494962668755</v>
      </c>
      <c r="E5365" cm="1">
        <f t="array" ref="E5365">IFERROR(INDEX(Jesper!AI$2:AI$366,ROUNDDOWN($C5365/24,0)+1,1)*INDEX($D$3:$AA$30,INDEX(Jesper!$R$2:$R$366,ROW(INDEX(Jesper!AI$2:AI$366,ROUNDDOWN($C5365/24,0)+1,1))-1)+IF('Standard Profiles'!$G$19=$B$10,7,0)+IF('Standard Profiles'!$G$19=$B$17,14,0)+IF('Standard Profiles'!$G$19=$B$24,21,0),MOD($C5365,24)+1)/SUM(INDEX($D$3:$AA$30,INDEX(Jesper!$R$2:$R$366,ROW(INDEX(Jesper!AI$2:AI$366,ROUNDDOWN($C5365/24,0)+1,1))-1)+IF('Standard Profiles'!$G$19=$B$10,7,0)+IF('Standard Profiles'!$G$19=$B$17,14,0)+IF('Standard Profiles'!$G$19=$B$24,21,0),0)),0)</f>
        <v>2.1825196858893618</v>
      </c>
      <c r="F5365" cm="1">
        <f t="array" ref="F5365">IFERROR(INDEX(Jesper!AJ$2:AJ$366,ROUNDDOWN($C5365/24,0)+1,1)*INDEX($D$3:$AA$30,INDEX(Jesper!$R$2:$R$366,ROW(INDEX(Jesper!AJ$2:AJ$366,ROUNDDOWN($C5365/24,0)+1,1))-1)+IF('Standard Profiles'!$G$20=$B$10,7,0)+IF('Standard Profiles'!$G$20=$B$17,14,0)+IF('Standard Profiles'!$G$20=$B$24,21,0),MOD($C5365,24)+1)/SUM(INDEX($D$3:$AA$30,INDEX(Jesper!$R$2:$R$366,ROW(INDEX(Jesper!AJ$2:AJ$366,ROUNDDOWN($C5365/24,0)+1,1))-1)+IF('Standard Profiles'!$G$20=$B$10,7,0)+IF('Standard Profiles'!$G$20=$B$17,14,0)+IF('Standard Profiles'!$G$20=$B$24,21,0),0)),0)</f>
        <v>0</v>
      </c>
      <c r="G5365" cm="1">
        <f t="array" ref="G5365">IFERROR(INDEX(Jesper!AK$2:AK$366,ROUNDDOWN($C5365/24,0)+1,1)*INDEX($D$3:$AA$30,INDEX(Jesper!$R$2:$R$366,ROW(INDEX(Jesper!AK$2:AK$366,ROUNDDOWN($C5365/24,0)+1,1))-1)+IF('Standard Profiles'!$G$21=$B$10,7,0)+IF('Standard Profiles'!$G$21=$B$17,14,0)+IF('Standard Profiles'!$G$21=$B$24,21,0),MOD($C5365,24)+1)/SUM(INDEX($D$3:$AA$30,INDEX(Jesper!$R$2:$R$366,ROW(INDEX(Jesper!AK$2:AK$366,ROUNDDOWN($C5365/24,0)+1,1))-1)+IF('Standard Profiles'!$G$21=$B$10,7,0)+IF('Standard Profiles'!$G$21=$B$17,14,0)+IF('Standard Profiles'!$G$21=$B$24,21,0),0)),0)</f>
        <v>0.33122622587122547</v>
      </c>
      <c r="H5365" cm="1">
        <f t="array" ref="H5365">IFERROR(INDEX(Jesper!AL$2:AL$366,ROUNDDOWN($C5365/24,0)+1,1)*INDEX($D$3:$AA$30,INDEX(Jesper!$R$2:$R$366,ROW(INDEX(Jesper!AL$2:AL$366,ROUNDDOWN($C5365/24,0)+1,1))-1)+IF('Standard Profiles'!$G$22=$B$10,7,0)+IF('Standard Profiles'!$G$22=$B$17,14,0)+IF('Standard Profiles'!$G$22=$B$24,21,0),MOD($C5365,24)+1)/SUM(INDEX($D$3:$AA$30,INDEX(Jesper!$R$2:$R$366,ROW(INDEX(Jesper!AL$2:AL$366,ROUNDDOWN($C5365/24,0)+1,1))-1)+IF('Standard Profiles'!$G$22=$B$10,7,0)+IF('Standard Profiles'!$G$22=$B$17,14,0)+IF('Standard Profiles'!$G$22=$B$24,21,0),0)),0)</f>
        <v>0</v>
      </c>
      <c r="I5365">
        <f t="shared" si="601"/>
        <v>0.15898858841818814</v>
      </c>
      <c r="J5365">
        <f t="shared" si="602"/>
        <v>6.5518589002065735</v>
      </c>
      <c r="K5365">
        <f t="shared" si="603"/>
        <v>0.53296527960180007</v>
      </c>
      <c r="L5365">
        <f t="shared" si="604"/>
        <v>0.26648263980090003</v>
      </c>
      <c r="M5365">
        <f t="shared" si="605"/>
        <v>0</v>
      </c>
      <c r="N5365" s="45">
        <f t="shared" si="606"/>
        <v>45149.124999987071</v>
      </c>
    </row>
    <row r="5366" spans="2:14" x14ac:dyDescent="0.25">
      <c r="B5366">
        <f t="shared" si="600"/>
        <v>5</v>
      </c>
      <c r="C5366" s="16">
        <v>5332</v>
      </c>
      <c r="D5366" cm="1">
        <f t="array" ref="D5366">IFERROR(INDEX(Jesper!AH$2:AH$366,ROUNDDOWN($C5366/24,0)+1,1)*INDEX($D$3:$AA$30,INDEX(Jesper!$R$2:$R$366,ROW(INDEX(Jesper!AH$2:AH$366,ROUNDDOWN($C5366/24,0)+1,1))-1)+IF('Standard Profiles'!$G$18=$B$10,7,0)+IF('Standard Profiles'!$G$18=$B$17,14,0)+IF('Standard Profiles'!$G$18=$B$24,21,0),MOD($C5366,24)+1)/SUM(INDEX($D$3:$AA$30,INDEX(Jesper!$R$2:$R$366,ROW(INDEX(Jesper!AH$2:AH$366,ROUNDDOWN($C5366/24,0)+1,1))-1)+IF('Standard Profiles'!$G$18=$B$10,7,0)+IF('Standard Profiles'!$G$18=$B$17,14,0)+IF('Standard Profiles'!$G$18=$B$24,21,0),0)),0)</f>
        <v>4.9965494962668755</v>
      </c>
      <c r="E5366" cm="1">
        <f t="array" ref="E5366">IFERROR(INDEX(Jesper!AI$2:AI$366,ROUNDDOWN($C5366/24,0)+1,1)*INDEX($D$3:$AA$30,INDEX(Jesper!$R$2:$R$366,ROW(INDEX(Jesper!AI$2:AI$366,ROUNDDOWN($C5366/24,0)+1,1))-1)+IF('Standard Profiles'!$G$19=$B$10,7,0)+IF('Standard Profiles'!$G$19=$B$17,14,0)+IF('Standard Profiles'!$G$19=$B$24,21,0),MOD($C5366,24)+1)/SUM(INDEX($D$3:$AA$30,INDEX(Jesper!$R$2:$R$366,ROW(INDEX(Jesper!AI$2:AI$366,ROUNDDOWN($C5366/24,0)+1,1))-1)+IF('Standard Profiles'!$G$19=$B$10,7,0)+IF('Standard Profiles'!$G$19=$B$17,14,0)+IF('Standard Profiles'!$G$19=$B$24,21,0),0)),0)</f>
        <v>2.1825196858893618</v>
      </c>
      <c r="F5366" cm="1">
        <f t="array" ref="F5366">IFERROR(INDEX(Jesper!AJ$2:AJ$366,ROUNDDOWN($C5366/24,0)+1,1)*INDEX($D$3:$AA$30,INDEX(Jesper!$R$2:$R$366,ROW(INDEX(Jesper!AJ$2:AJ$366,ROUNDDOWN($C5366/24,0)+1,1))-1)+IF('Standard Profiles'!$G$20=$B$10,7,0)+IF('Standard Profiles'!$G$20=$B$17,14,0)+IF('Standard Profiles'!$G$20=$B$24,21,0),MOD($C5366,24)+1)/SUM(INDEX($D$3:$AA$30,INDEX(Jesper!$R$2:$R$366,ROW(INDEX(Jesper!AJ$2:AJ$366,ROUNDDOWN($C5366/24,0)+1,1))-1)+IF('Standard Profiles'!$G$20=$B$10,7,0)+IF('Standard Profiles'!$G$20=$B$17,14,0)+IF('Standard Profiles'!$G$20=$B$24,21,0),0)),0)</f>
        <v>0</v>
      </c>
      <c r="G5366" cm="1">
        <f t="array" ref="G5366">IFERROR(INDEX(Jesper!AK$2:AK$366,ROUNDDOWN($C5366/24,0)+1,1)*INDEX($D$3:$AA$30,INDEX(Jesper!$R$2:$R$366,ROW(INDEX(Jesper!AK$2:AK$366,ROUNDDOWN($C5366/24,0)+1,1))-1)+IF('Standard Profiles'!$G$21=$B$10,7,0)+IF('Standard Profiles'!$G$21=$B$17,14,0)+IF('Standard Profiles'!$G$21=$B$24,21,0),MOD($C5366,24)+1)/SUM(INDEX($D$3:$AA$30,INDEX(Jesper!$R$2:$R$366,ROW(INDEX(Jesper!AK$2:AK$366,ROUNDDOWN($C5366/24,0)+1,1))-1)+IF('Standard Profiles'!$G$21=$B$10,7,0)+IF('Standard Profiles'!$G$21=$B$17,14,0)+IF('Standard Profiles'!$G$21=$B$24,21,0),0)),0)</f>
        <v>0.33122622587122547</v>
      </c>
      <c r="H5366" cm="1">
        <f t="array" ref="H5366">IFERROR(INDEX(Jesper!AL$2:AL$366,ROUNDDOWN($C5366/24,0)+1,1)*INDEX($D$3:$AA$30,INDEX(Jesper!$R$2:$R$366,ROW(INDEX(Jesper!AL$2:AL$366,ROUNDDOWN($C5366/24,0)+1,1))-1)+IF('Standard Profiles'!$G$22=$B$10,7,0)+IF('Standard Profiles'!$G$22=$B$17,14,0)+IF('Standard Profiles'!$G$22=$B$24,21,0),MOD($C5366,24)+1)/SUM(INDEX($D$3:$AA$30,INDEX(Jesper!$R$2:$R$366,ROW(INDEX(Jesper!AL$2:AL$366,ROUNDDOWN($C5366/24,0)+1,1))-1)+IF('Standard Profiles'!$G$22=$B$10,7,0)+IF('Standard Profiles'!$G$22=$B$17,14,0)+IF('Standard Profiles'!$G$22=$B$24,21,0),0)),0)</f>
        <v>0</v>
      </c>
      <c r="I5366">
        <f t="shared" si="601"/>
        <v>0.15898858841818814</v>
      </c>
      <c r="J5366">
        <f t="shared" si="602"/>
        <v>6.5518589002065735</v>
      </c>
      <c r="K5366">
        <f t="shared" si="603"/>
        <v>0.53296527960180007</v>
      </c>
      <c r="L5366">
        <f t="shared" si="604"/>
        <v>0.26648263980090003</v>
      </c>
      <c r="M5366">
        <f t="shared" si="605"/>
        <v>0</v>
      </c>
      <c r="N5366" s="45">
        <f t="shared" si="606"/>
        <v>45149.166666653735</v>
      </c>
    </row>
    <row r="5367" spans="2:14" x14ac:dyDescent="0.25">
      <c r="B5367">
        <f t="shared" si="600"/>
        <v>5</v>
      </c>
      <c r="C5367" s="16">
        <v>5333</v>
      </c>
      <c r="D5367" cm="1">
        <f t="array" ref="D5367">IFERROR(INDEX(Jesper!AH$2:AH$366,ROUNDDOWN($C5367/24,0)+1,1)*INDEX($D$3:$AA$30,INDEX(Jesper!$R$2:$R$366,ROW(INDEX(Jesper!AH$2:AH$366,ROUNDDOWN($C5367/24,0)+1,1))-1)+IF('Standard Profiles'!$G$18=$B$10,7,0)+IF('Standard Profiles'!$G$18=$B$17,14,0)+IF('Standard Profiles'!$G$18=$B$24,21,0),MOD($C5367,24)+1)/SUM(INDEX($D$3:$AA$30,INDEX(Jesper!$R$2:$R$366,ROW(INDEX(Jesper!AH$2:AH$366,ROUNDDOWN($C5367/24,0)+1,1))-1)+IF('Standard Profiles'!$G$18=$B$10,7,0)+IF('Standard Profiles'!$G$18=$B$17,14,0)+IF('Standard Profiles'!$G$18=$B$24,21,0),0)),0)</f>
        <v>4.9965494962668755</v>
      </c>
      <c r="E5367" cm="1">
        <f t="array" ref="E5367">IFERROR(INDEX(Jesper!AI$2:AI$366,ROUNDDOWN($C5367/24,0)+1,1)*INDEX($D$3:$AA$30,INDEX(Jesper!$R$2:$R$366,ROW(INDEX(Jesper!AI$2:AI$366,ROUNDDOWN($C5367/24,0)+1,1))-1)+IF('Standard Profiles'!$G$19=$B$10,7,0)+IF('Standard Profiles'!$G$19=$B$17,14,0)+IF('Standard Profiles'!$G$19=$B$24,21,0),MOD($C5367,24)+1)/SUM(INDEX($D$3:$AA$30,INDEX(Jesper!$R$2:$R$366,ROW(INDEX(Jesper!AI$2:AI$366,ROUNDDOWN($C5367/24,0)+1,1))-1)+IF('Standard Profiles'!$G$19=$B$10,7,0)+IF('Standard Profiles'!$G$19=$B$17,14,0)+IF('Standard Profiles'!$G$19=$B$24,21,0),0)),0)</f>
        <v>2.1825196858893618</v>
      </c>
      <c r="F5367" cm="1">
        <f t="array" ref="F5367">IFERROR(INDEX(Jesper!AJ$2:AJ$366,ROUNDDOWN($C5367/24,0)+1,1)*INDEX($D$3:$AA$30,INDEX(Jesper!$R$2:$R$366,ROW(INDEX(Jesper!AJ$2:AJ$366,ROUNDDOWN($C5367/24,0)+1,1))-1)+IF('Standard Profiles'!$G$20=$B$10,7,0)+IF('Standard Profiles'!$G$20=$B$17,14,0)+IF('Standard Profiles'!$G$20=$B$24,21,0),MOD($C5367,24)+1)/SUM(INDEX($D$3:$AA$30,INDEX(Jesper!$R$2:$R$366,ROW(INDEX(Jesper!AJ$2:AJ$366,ROUNDDOWN($C5367/24,0)+1,1))-1)+IF('Standard Profiles'!$G$20=$B$10,7,0)+IF('Standard Profiles'!$G$20=$B$17,14,0)+IF('Standard Profiles'!$G$20=$B$24,21,0),0)),0)</f>
        <v>0</v>
      </c>
      <c r="G5367" cm="1">
        <f t="array" ref="G5367">IFERROR(INDEX(Jesper!AK$2:AK$366,ROUNDDOWN($C5367/24,0)+1,1)*INDEX($D$3:$AA$30,INDEX(Jesper!$R$2:$R$366,ROW(INDEX(Jesper!AK$2:AK$366,ROUNDDOWN($C5367/24,0)+1,1))-1)+IF('Standard Profiles'!$G$21=$B$10,7,0)+IF('Standard Profiles'!$G$21=$B$17,14,0)+IF('Standard Profiles'!$G$21=$B$24,21,0),MOD($C5367,24)+1)/SUM(INDEX($D$3:$AA$30,INDEX(Jesper!$R$2:$R$366,ROW(INDEX(Jesper!AK$2:AK$366,ROUNDDOWN($C5367/24,0)+1,1))-1)+IF('Standard Profiles'!$G$21=$B$10,7,0)+IF('Standard Profiles'!$G$21=$B$17,14,0)+IF('Standard Profiles'!$G$21=$B$24,21,0),0)),0)</f>
        <v>0.33122622587122547</v>
      </c>
      <c r="H5367" cm="1">
        <f t="array" ref="H5367">IFERROR(INDEX(Jesper!AL$2:AL$366,ROUNDDOWN($C5367/24,0)+1,1)*INDEX($D$3:$AA$30,INDEX(Jesper!$R$2:$R$366,ROW(INDEX(Jesper!AL$2:AL$366,ROUNDDOWN($C5367/24,0)+1,1))-1)+IF('Standard Profiles'!$G$22=$B$10,7,0)+IF('Standard Profiles'!$G$22=$B$17,14,0)+IF('Standard Profiles'!$G$22=$B$24,21,0),MOD($C5367,24)+1)/SUM(INDEX($D$3:$AA$30,INDEX(Jesper!$R$2:$R$366,ROW(INDEX(Jesper!AL$2:AL$366,ROUNDDOWN($C5367/24,0)+1,1))-1)+IF('Standard Profiles'!$G$22=$B$10,7,0)+IF('Standard Profiles'!$G$22=$B$17,14,0)+IF('Standard Profiles'!$G$22=$B$24,21,0),0)),0)</f>
        <v>0</v>
      </c>
      <c r="I5367">
        <f t="shared" si="601"/>
        <v>0.15898858841818814</v>
      </c>
      <c r="J5367">
        <f t="shared" si="602"/>
        <v>6.5518589002065735</v>
      </c>
      <c r="K5367">
        <f t="shared" si="603"/>
        <v>0.53296527960180007</v>
      </c>
      <c r="L5367">
        <f t="shared" si="604"/>
        <v>0.26648263980090003</v>
      </c>
      <c r="M5367">
        <f t="shared" si="605"/>
        <v>0</v>
      </c>
      <c r="N5367" s="45">
        <f t="shared" si="606"/>
        <v>45149.208333320399</v>
      </c>
    </row>
    <row r="5368" spans="2:14" x14ac:dyDescent="0.25">
      <c r="B5368">
        <f t="shared" si="600"/>
        <v>5</v>
      </c>
      <c r="C5368" s="16">
        <v>5334</v>
      </c>
      <c r="D5368" cm="1">
        <f t="array" ref="D5368">IFERROR(INDEX(Jesper!AH$2:AH$366,ROUNDDOWN($C5368/24,0)+1,1)*INDEX($D$3:$AA$30,INDEX(Jesper!$R$2:$R$366,ROW(INDEX(Jesper!AH$2:AH$366,ROUNDDOWN($C5368/24,0)+1,1))-1)+IF('Standard Profiles'!$G$18=$B$10,7,0)+IF('Standard Profiles'!$G$18=$B$17,14,0)+IF('Standard Profiles'!$G$18=$B$24,21,0),MOD($C5368,24)+1)/SUM(INDEX($D$3:$AA$30,INDEX(Jesper!$R$2:$R$366,ROW(INDEX(Jesper!AH$2:AH$366,ROUNDDOWN($C5368/24,0)+1,1))-1)+IF('Standard Profiles'!$G$18=$B$10,7,0)+IF('Standard Profiles'!$G$18=$B$17,14,0)+IF('Standard Profiles'!$G$18=$B$24,21,0),0)),0)</f>
        <v>4.9965494962668755</v>
      </c>
      <c r="E5368" cm="1">
        <f t="array" ref="E5368">IFERROR(INDEX(Jesper!AI$2:AI$366,ROUNDDOWN($C5368/24,0)+1,1)*INDEX($D$3:$AA$30,INDEX(Jesper!$R$2:$R$366,ROW(INDEX(Jesper!AI$2:AI$366,ROUNDDOWN($C5368/24,0)+1,1))-1)+IF('Standard Profiles'!$G$19=$B$10,7,0)+IF('Standard Profiles'!$G$19=$B$17,14,0)+IF('Standard Profiles'!$G$19=$B$24,21,0),MOD($C5368,24)+1)/SUM(INDEX($D$3:$AA$30,INDEX(Jesper!$R$2:$R$366,ROW(INDEX(Jesper!AI$2:AI$366,ROUNDDOWN($C5368/24,0)+1,1))-1)+IF('Standard Profiles'!$G$19=$B$10,7,0)+IF('Standard Profiles'!$G$19=$B$17,14,0)+IF('Standard Profiles'!$G$19=$B$24,21,0),0)),0)</f>
        <v>2.1825196858893618</v>
      </c>
      <c r="F5368" cm="1">
        <f t="array" ref="F5368">IFERROR(INDEX(Jesper!AJ$2:AJ$366,ROUNDDOWN($C5368/24,0)+1,1)*INDEX($D$3:$AA$30,INDEX(Jesper!$R$2:$R$366,ROW(INDEX(Jesper!AJ$2:AJ$366,ROUNDDOWN($C5368/24,0)+1,1))-1)+IF('Standard Profiles'!$G$20=$B$10,7,0)+IF('Standard Profiles'!$G$20=$B$17,14,0)+IF('Standard Profiles'!$G$20=$B$24,21,0),MOD($C5368,24)+1)/SUM(INDEX($D$3:$AA$30,INDEX(Jesper!$R$2:$R$366,ROW(INDEX(Jesper!AJ$2:AJ$366,ROUNDDOWN($C5368/24,0)+1,1))-1)+IF('Standard Profiles'!$G$20=$B$10,7,0)+IF('Standard Profiles'!$G$20=$B$17,14,0)+IF('Standard Profiles'!$G$20=$B$24,21,0),0)),0)</f>
        <v>0</v>
      </c>
      <c r="G5368" cm="1">
        <f t="array" ref="G5368">IFERROR(INDEX(Jesper!AK$2:AK$366,ROUNDDOWN($C5368/24,0)+1,1)*INDEX($D$3:$AA$30,INDEX(Jesper!$R$2:$R$366,ROW(INDEX(Jesper!AK$2:AK$366,ROUNDDOWN($C5368/24,0)+1,1))-1)+IF('Standard Profiles'!$G$21=$B$10,7,0)+IF('Standard Profiles'!$G$21=$B$17,14,0)+IF('Standard Profiles'!$G$21=$B$24,21,0),MOD($C5368,24)+1)/SUM(INDEX($D$3:$AA$30,INDEX(Jesper!$R$2:$R$366,ROW(INDEX(Jesper!AK$2:AK$366,ROUNDDOWN($C5368/24,0)+1,1))-1)+IF('Standard Profiles'!$G$21=$B$10,7,0)+IF('Standard Profiles'!$G$21=$B$17,14,0)+IF('Standard Profiles'!$G$21=$B$24,21,0),0)),0)</f>
        <v>0.33122622587122547</v>
      </c>
      <c r="H5368" cm="1">
        <f t="array" ref="H5368">IFERROR(INDEX(Jesper!AL$2:AL$366,ROUNDDOWN($C5368/24,0)+1,1)*INDEX($D$3:$AA$30,INDEX(Jesper!$R$2:$R$366,ROW(INDEX(Jesper!AL$2:AL$366,ROUNDDOWN($C5368/24,0)+1,1))-1)+IF('Standard Profiles'!$G$22=$B$10,7,0)+IF('Standard Profiles'!$G$22=$B$17,14,0)+IF('Standard Profiles'!$G$22=$B$24,21,0),MOD($C5368,24)+1)/SUM(INDEX($D$3:$AA$30,INDEX(Jesper!$R$2:$R$366,ROW(INDEX(Jesper!AL$2:AL$366,ROUNDDOWN($C5368/24,0)+1,1))-1)+IF('Standard Profiles'!$G$22=$B$10,7,0)+IF('Standard Profiles'!$G$22=$B$17,14,0)+IF('Standard Profiles'!$G$22=$B$24,21,0),0)),0)</f>
        <v>0</v>
      </c>
      <c r="I5368">
        <f t="shared" si="601"/>
        <v>0.15898858841818814</v>
      </c>
      <c r="J5368">
        <f t="shared" si="602"/>
        <v>6.5518589002065735</v>
      </c>
      <c r="K5368">
        <f t="shared" si="603"/>
        <v>0.53296527960180007</v>
      </c>
      <c r="L5368">
        <f t="shared" si="604"/>
        <v>0.26648263980090003</v>
      </c>
      <c r="M5368">
        <f t="shared" si="605"/>
        <v>0</v>
      </c>
      <c r="N5368" s="45">
        <f t="shared" si="606"/>
        <v>45149.249999987063</v>
      </c>
    </row>
    <row r="5369" spans="2:14" x14ac:dyDescent="0.25">
      <c r="B5369">
        <f t="shared" si="600"/>
        <v>5</v>
      </c>
      <c r="C5369" s="16">
        <v>5335</v>
      </c>
      <c r="D5369" cm="1">
        <f t="array" ref="D5369">IFERROR(INDEX(Jesper!AH$2:AH$366,ROUNDDOWN($C5369/24,0)+1,1)*INDEX($D$3:$AA$30,INDEX(Jesper!$R$2:$R$366,ROW(INDEX(Jesper!AH$2:AH$366,ROUNDDOWN($C5369/24,0)+1,1))-1)+IF('Standard Profiles'!$G$18=$B$10,7,0)+IF('Standard Profiles'!$G$18=$B$17,14,0)+IF('Standard Profiles'!$G$18=$B$24,21,0),MOD($C5369,24)+1)/SUM(INDEX($D$3:$AA$30,INDEX(Jesper!$R$2:$R$366,ROW(INDEX(Jesper!AH$2:AH$366,ROUNDDOWN($C5369/24,0)+1,1))-1)+IF('Standard Profiles'!$G$18=$B$10,7,0)+IF('Standard Profiles'!$G$18=$B$17,14,0)+IF('Standard Profiles'!$G$18=$B$24,21,0),0)),0)</f>
        <v>21.285300854096889</v>
      </c>
      <c r="E5369" cm="1">
        <f t="array" ref="E5369">IFERROR(INDEX(Jesper!AI$2:AI$366,ROUNDDOWN($C5369/24,0)+1,1)*INDEX($D$3:$AA$30,INDEX(Jesper!$R$2:$R$366,ROW(INDEX(Jesper!AI$2:AI$366,ROUNDDOWN($C5369/24,0)+1,1))-1)+IF('Standard Profiles'!$G$19=$B$10,7,0)+IF('Standard Profiles'!$G$19=$B$17,14,0)+IF('Standard Profiles'!$G$19=$B$24,21,0),MOD($C5369,24)+1)/SUM(INDEX($D$3:$AA$30,INDEX(Jesper!$R$2:$R$366,ROW(INDEX(Jesper!AI$2:AI$366,ROUNDDOWN($C5369/24,0)+1,1))-1)+IF('Standard Profiles'!$G$19=$B$10,7,0)+IF('Standard Profiles'!$G$19=$B$17,14,0)+IF('Standard Profiles'!$G$19=$B$24,21,0),0)),0)</f>
        <v>9.2975338618886809</v>
      </c>
      <c r="F5369" cm="1">
        <f t="array" ref="F5369">IFERROR(INDEX(Jesper!AJ$2:AJ$366,ROUNDDOWN($C5369/24,0)+1,1)*INDEX($D$3:$AA$30,INDEX(Jesper!$R$2:$R$366,ROW(INDEX(Jesper!AJ$2:AJ$366,ROUNDDOWN($C5369/24,0)+1,1))-1)+IF('Standard Profiles'!$G$20=$B$10,7,0)+IF('Standard Profiles'!$G$20=$B$17,14,0)+IF('Standard Profiles'!$G$20=$B$24,21,0),MOD($C5369,24)+1)/SUM(INDEX($D$3:$AA$30,INDEX(Jesper!$R$2:$R$366,ROW(INDEX(Jesper!AJ$2:AJ$366,ROUNDDOWN($C5369/24,0)+1,1))-1)+IF('Standard Profiles'!$G$20=$B$10,7,0)+IF('Standard Profiles'!$G$20=$B$17,14,0)+IF('Standard Profiles'!$G$20=$B$24,21,0),0)),0)</f>
        <v>0</v>
      </c>
      <c r="G5369" cm="1">
        <f t="array" ref="G5369">IFERROR(INDEX(Jesper!AK$2:AK$366,ROUNDDOWN($C5369/24,0)+1,1)*INDEX($D$3:$AA$30,INDEX(Jesper!$R$2:$R$366,ROW(INDEX(Jesper!AK$2:AK$366,ROUNDDOWN($C5369/24,0)+1,1))-1)+IF('Standard Profiles'!$G$21=$B$10,7,0)+IF('Standard Profiles'!$G$21=$B$17,14,0)+IF('Standard Profiles'!$G$21=$B$24,21,0),MOD($C5369,24)+1)/SUM(INDEX($D$3:$AA$30,INDEX(Jesper!$R$2:$R$366,ROW(INDEX(Jesper!AK$2:AK$366,ROUNDDOWN($C5369/24,0)+1,1))-1)+IF('Standard Profiles'!$G$21=$B$10,7,0)+IF('Standard Profiles'!$G$21=$B$17,14,0)+IF('Standard Profiles'!$G$21=$B$24,21,0),0)),0)</f>
        <v>0.89751622494138517</v>
      </c>
      <c r="H5369" cm="1">
        <f t="array" ref="H5369">IFERROR(INDEX(Jesper!AL$2:AL$366,ROUNDDOWN($C5369/24,0)+1,1)*INDEX($D$3:$AA$30,INDEX(Jesper!$R$2:$R$366,ROW(INDEX(Jesper!AL$2:AL$366,ROUNDDOWN($C5369/24,0)+1,1))-1)+IF('Standard Profiles'!$G$22=$B$10,7,0)+IF('Standard Profiles'!$G$22=$B$17,14,0)+IF('Standard Profiles'!$G$22=$B$24,21,0),MOD($C5369,24)+1)/SUM(INDEX($D$3:$AA$30,INDEX(Jesper!$R$2:$R$366,ROW(INDEX(Jesper!AL$2:AL$366,ROUNDDOWN($C5369/24,0)+1,1))-1)+IF('Standard Profiles'!$G$22=$B$10,7,0)+IF('Standard Profiles'!$G$22=$B$17,14,0)+IF('Standard Profiles'!$G$22=$B$24,21,0),0)),0)</f>
        <v>0</v>
      </c>
      <c r="I5369">
        <f t="shared" si="601"/>
        <v>0.43080778797186464</v>
      </c>
      <c r="J5369">
        <f t="shared" si="602"/>
        <v>27.643895016299584</v>
      </c>
      <c r="K5369">
        <f t="shared" si="603"/>
        <v>2.2704320911036682</v>
      </c>
      <c r="L5369">
        <f t="shared" si="604"/>
        <v>1.1352160455518341</v>
      </c>
      <c r="M5369">
        <f t="shared" si="605"/>
        <v>0</v>
      </c>
      <c r="N5369" s="45">
        <f t="shared" si="606"/>
        <v>45149.291666653728</v>
      </c>
    </row>
    <row r="5370" spans="2:14" x14ac:dyDescent="0.25">
      <c r="B5370">
        <f t="shared" si="600"/>
        <v>5</v>
      </c>
      <c r="C5370" s="16">
        <v>5336</v>
      </c>
      <c r="D5370" cm="1">
        <f t="array" ref="D5370">IFERROR(INDEX(Jesper!AH$2:AH$366,ROUNDDOWN($C5370/24,0)+1,1)*INDEX($D$3:$AA$30,INDEX(Jesper!$R$2:$R$366,ROW(INDEX(Jesper!AH$2:AH$366,ROUNDDOWN($C5370/24,0)+1,1))-1)+IF('Standard Profiles'!$G$18=$B$10,7,0)+IF('Standard Profiles'!$G$18=$B$17,14,0)+IF('Standard Profiles'!$G$18=$B$24,21,0),MOD($C5370,24)+1)/SUM(INDEX($D$3:$AA$30,INDEX(Jesper!$R$2:$R$366,ROW(INDEX(Jesper!AH$2:AH$366,ROUNDDOWN($C5370/24,0)+1,1))-1)+IF('Standard Profiles'!$G$18=$B$10,7,0)+IF('Standard Profiles'!$G$18=$B$17,14,0)+IF('Standard Profiles'!$G$18=$B$24,21,0),0)),0)</f>
        <v>26.606626067621111</v>
      </c>
      <c r="E5370" cm="1">
        <f t="array" ref="E5370">IFERROR(INDEX(Jesper!AI$2:AI$366,ROUNDDOWN($C5370/24,0)+1,1)*INDEX($D$3:$AA$30,INDEX(Jesper!$R$2:$R$366,ROW(INDEX(Jesper!AI$2:AI$366,ROUNDDOWN($C5370/24,0)+1,1))-1)+IF('Standard Profiles'!$G$19=$B$10,7,0)+IF('Standard Profiles'!$G$19=$B$17,14,0)+IF('Standard Profiles'!$G$19=$B$24,21,0),MOD($C5370,24)+1)/SUM(INDEX($D$3:$AA$30,INDEX(Jesper!$R$2:$R$366,ROW(INDEX(Jesper!AI$2:AI$366,ROUNDDOWN($C5370/24,0)+1,1))-1)+IF('Standard Profiles'!$G$19=$B$10,7,0)+IF('Standard Profiles'!$G$19=$B$17,14,0)+IF('Standard Profiles'!$G$19=$B$24,21,0),0)),0)</f>
        <v>11.621917327360851</v>
      </c>
      <c r="F5370" cm="1">
        <f t="array" ref="F5370">IFERROR(INDEX(Jesper!AJ$2:AJ$366,ROUNDDOWN($C5370/24,0)+1,1)*INDEX($D$3:$AA$30,INDEX(Jesper!$R$2:$R$366,ROW(INDEX(Jesper!AJ$2:AJ$366,ROUNDDOWN($C5370/24,0)+1,1))-1)+IF('Standard Profiles'!$G$20=$B$10,7,0)+IF('Standard Profiles'!$G$20=$B$17,14,0)+IF('Standard Profiles'!$G$20=$B$24,21,0),MOD($C5370,24)+1)/SUM(INDEX($D$3:$AA$30,INDEX(Jesper!$R$2:$R$366,ROW(INDEX(Jesper!AJ$2:AJ$366,ROUNDDOWN($C5370/24,0)+1,1))-1)+IF('Standard Profiles'!$G$20=$B$10,7,0)+IF('Standard Profiles'!$G$20=$B$17,14,0)+IF('Standard Profiles'!$G$20=$B$24,21,0),0)),0)</f>
        <v>0</v>
      </c>
      <c r="G5370" cm="1">
        <f t="array" ref="G5370">IFERROR(INDEX(Jesper!AK$2:AK$366,ROUNDDOWN($C5370/24,0)+1,1)*INDEX($D$3:$AA$30,INDEX(Jesper!$R$2:$R$366,ROW(INDEX(Jesper!AK$2:AK$366,ROUNDDOWN($C5370/24,0)+1,1))-1)+IF('Standard Profiles'!$G$21=$B$10,7,0)+IF('Standard Profiles'!$G$21=$B$17,14,0)+IF('Standard Profiles'!$G$21=$B$24,21,0),MOD($C5370,24)+1)/SUM(INDEX($D$3:$AA$30,INDEX(Jesper!$R$2:$R$366,ROW(INDEX(Jesper!AK$2:AK$366,ROUNDDOWN($C5370/24,0)+1,1))-1)+IF('Standard Profiles'!$G$21=$B$10,7,0)+IF('Standard Profiles'!$G$21=$B$17,14,0)+IF('Standard Profiles'!$G$21=$B$24,21,0),0)),0)</f>
        <v>1.1218952811767313</v>
      </c>
      <c r="H5370" cm="1">
        <f t="array" ref="H5370">IFERROR(INDEX(Jesper!AL$2:AL$366,ROUNDDOWN($C5370/24,0)+1,1)*INDEX($D$3:$AA$30,INDEX(Jesper!$R$2:$R$366,ROW(INDEX(Jesper!AL$2:AL$366,ROUNDDOWN($C5370/24,0)+1,1))-1)+IF('Standard Profiles'!$G$22=$B$10,7,0)+IF('Standard Profiles'!$G$22=$B$17,14,0)+IF('Standard Profiles'!$G$22=$B$24,21,0),MOD($C5370,24)+1)/SUM(INDEX($D$3:$AA$30,INDEX(Jesper!$R$2:$R$366,ROW(INDEX(Jesper!AL$2:AL$366,ROUNDDOWN($C5370/24,0)+1,1))-1)+IF('Standard Profiles'!$G$22=$B$10,7,0)+IF('Standard Profiles'!$G$22=$B$17,14,0)+IF('Standard Profiles'!$G$22=$B$24,21,0),0)),0)</f>
        <v>0</v>
      </c>
      <c r="I5370">
        <f t="shared" si="601"/>
        <v>0.53850973496483079</v>
      </c>
      <c r="J5370">
        <f t="shared" si="602"/>
        <v>34.554868770374483</v>
      </c>
      <c r="K5370">
        <f t="shared" si="603"/>
        <v>2.8380401138795852</v>
      </c>
      <c r="L5370">
        <f t="shared" si="604"/>
        <v>1.4190200569397926</v>
      </c>
      <c r="M5370">
        <f t="shared" si="605"/>
        <v>0</v>
      </c>
      <c r="N5370" s="45">
        <f t="shared" si="606"/>
        <v>45149.333333320392</v>
      </c>
    </row>
    <row r="5371" spans="2:14" x14ac:dyDescent="0.25">
      <c r="B5371">
        <f t="shared" si="600"/>
        <v>5</v>
      </c>
      <c r="C5371" s="16">
        <v>5337</v>
      </c>
      <c r="D5371" cm="1">
        <f t="array" ref="D5371">IFERROR(INDEX(Jesper!AH$2:AH$366,ROUNDDOWN($C5371/24,0)+1,1)*INDEX($D$3:$AA$30,INDEX(Jesper!$R$2:$R$366,ROW(INDEX(Jesper!AH$2:AH$366,ROUNDDOWN($C5371/24,0)+1,1))-1)+IF('Standard Profiles'!$G$18=$B$10,7,0)+IF('Standard Profiles'!$G$18=$B$17,14,0)+IF('Standard Profiles'!$G$18=$B$24,21,0),MOD($C5371,24)+1)/SUM(INDEX($D$3:$AA$30,INDEX(Jesper!$R$2:$R$366,ROW(INDEX(Jesper!AH$2:AH$366,ROUNDDOWN($C5371/24,0)+1,1))-1)+IF('Standard Profiles'!$G$18=$B$10,7,0)+IF('Standard Profiles'!$G$18=$B$17,14,0)+IF('Standard Profiles'!$G$18=$B$24,21,0),0)),0)</f>
        <v>29.267288674383227</v>
      </c>
      <c r="E5371" cm="1">
        <f t="array" ref="E5371">IFERROR(INDEX(Jesper!AI$2:AI$366,ROUNDDOWN($C5371/24,0)+1,1)*INDEX($D$3:$AA$30,INDEX(Jesper!$R$2:$R$366,ROW(INDEX(Jesper!AI$2:AI$366,ROUNDDOWN($C5371/24,0)+1,1))-1)+IF('Standard Profiles'!$G$19=$B$10,7,0)+IF('Standard Profiles'!$G$19=$B$17,14,0)+IF('Standard Profiles'!$G$19=$B$24,21,0),MOD($C5371,24)+1)/SUM(INDEX($D$3:$AA$30,INDEX(Jesper!$R$2:$R$366,ROW(INDEX(Jesper!AI$2:AI$366,ROUNDDOWN($C5371/24,0)+1,1))-1)+IF('Standard Profiles'!$G$19=$B$10,7,0)+IF('Standard Profiles'!$G$19=$B$17,14,0)+IF('Standard Profiles'!$G$19=$B$24,21,0),0)),0)</f>
        <v>12.784109060096938</v>
      </c>
      <c r="F5371" cm="1">
        <f t="array" ref="F5371">IFERROR(INDEX(Jesper!AJ$2:AJ$366,ROUNDDOWN($C5371/24,0)+1,1)*INDEX($D$3:$AA$30,INDEX(Jesper!$R$2:$R$366,ROW(INDEX(Jesper!AJ$2:AJ$366,ROUNDDOWN($C5371/24,0)+1,1))-1)+IF('Standard Profiles'!$G$20=$B$10,7,0)+IF('Standard Profiles'!$G$20=$B$17,14,0)+IF('Standard Profiles'!$G$20=$B$24,21,0),MOD($C5371,24)+1)/SUM(INDEX($D$3:$AA$30,INDEX(Jesper!$R$2:$R$366,ROW(INDEX(Jesper!AJ$2:AJ$366,ROUNDDOWN($C5371/24,0)+1,1))-1)+IF('Standard Profiles'!$G$20=$B$10,7,0)+IF('Standard Profiles'!$G$20=$B$17,14,0)+IF('Standard Profiles'!$G$20=$B$24,21,0),0)),0)</f>
        <v>0</v>
      </c>
      <c r="G5371" cm="1">
        <f t="array" ref="G5371">IFERROR(INDEX(Jesper!AK$2:AK$366,ROUNDDOWN($C5371/24,0)+1,1)*INDEX($D$3:$AA$30,INDEX(Jesper!$R$2:$R$366,ROW(INDEX(Jesper!AK$2:AK$366,ROUNDDOWN($C5371/24,0)+1,1))-1)+IF('Standard Profiles'!$G$21=$B$10,7,0)+IF('Standard Profiles'!$G$21=$B$17,14,0)+IF('Standard Profiles'!$G$21=$B$24,21,0),MOD($C5371,24)+1)/SUM(INDEX($D$3:$AA$30,INDEX(Jesper!$R$2:$R$366,ROW(INDEX(Jesper!AK$2:AK$366,ROUNDDOWN($C5371/24,0)+1,1))-1)+IF('Standard Profiles'!$G$21=$B$10,7,0)+IF('Standard Profiles'!$G$21=$B$17,14,0)+IF('Standard Profiles'!$G$21=$B$24,21,0),0)),0)</f>
        <v>1.2340848092944046</v>
      </c>
      <c r="H5371" cm="1">
        <f t="array" ref="H5371">IFERROR(INDEX(Jesper!AL$2:AL$366,ROUNDDOWN($C5371/24,0)+1,1)*INDEX($D$3:$AA$30,INDEX(Jesper!$R$2:$R$366,ROW(INDEX(Jesper!AL$2:AL$366,ROUNDDOWN($C5371/24,0)+1,1))-1)+IF('Standard Profiles'!$G$22=$B$10,7,0)+IF('Standard Profiles'!$G$22=$B$17,14,0)+IF('Standard Profiles'!$G$22=$B$24,21,0),MOD($C5371,24)+1)/SUM(INDEX($D$3:$AA$30,INDEX(Jesper!$R$2:$R$366,ROW(INDEX(Jesper!AL$2:AL$366,ROUNDDOWN($C5371/24,0)+1,1))-1)+IF('Standard Profiles'!$G$22=$B$10,7,0)+IF('Standard Profiles'!$G$22=$B$17,14,0)+IF('Standard Profiles'!$G$22=$B$24,21,0),0)),0)</f>
        <v>0</v>
      </c>
      <c r="I5371">
        <f t="shared" si="601"/>
        <v>0.59236070846131395</v>
      </c>
      <c r="J5371">
        <f t="shared" si="602"/>
        <v>38.010355647411934</v>
      </c>
      <c r="K5371">
        <f t="shared" si="603"/>
        <v>3.1218441252675446</v>
      </c>
      <c r="L5371">
        <f t="shared" si="604"/>
        <v>1.5609220626337723</v>
      </c>
      <c r="M5371">
        <f t="shared" si="605"/>
        <v>0</v>
      </c>
      <c r="N5371" s="45">
        <f t="shared" si="606"/>
        <v>45149.374999987056</v>
      </c>
    </row>
    <row r="5372" spans="2:14" x14ac:dyDescent="0.25">
      <c r="B5372">
        <f t="shared" si="600"/>
        <v>5</v>
      </c>
      <c r="C5372" s="16">
        <v>5338</v>
      </c>
      <c r="D5372" cm="1">
        <f t="array" ref="D5372">IFERROR(INDEX(Jesper!AH$2:AH$366,ROUNDDOWN($C5372/24,0)+1,1)*INDEX($D$3:$AA$30,INDEX(Jesper!$R$2:$R$366,ROW(INDEX(Jesper!AH$2:AH$366,ROUNDDOWN($C5372/24,0)+1,1))-1)+IF('Standard Profiles'!$G$18=$B$10,7,0)+IF('Standard Profiles'!$G$18=$B$17,14,0)+IF('Standard Profiles'!$G$18=$B$24,21,0),MOD($C5372,24)+1)/SUM(INDEX($D$3:$AA$30,INDEX(Jesper!$R$2:$R$366,ROW(INDEX(Jesper!AH$2:AH$366,ROUNDDOWN($C5372/24,0)+1,1))-1)+IF('Standard Profiles'!$G$18=$B$10,7,0)+IF('Standard Profiles'!$G$18=$B$17,14,0)+IF('Standard Profiles'!$G$18=$B$24,21,0),0)),0)</f>
        <v>29.267288674383227</v>
      </c>
      <c r="E5372" cm="1">
        <f t="array" ref="E5372">IFERROR(INDEX(Jesper!AI$2:AI$366,ROUNDDOWN($C5372/24,0)+1,1)*INDEX($D$3:$AA$30,INDEX(Jesper!$R$2:$R$366,ROW(INDEX(Jesper!AI$2:AI$366,ROUNDDOWN($C5372/24,0)+1,1))-1)+IF('Standard Profiles'!$G$19=$B$10,7,0)+IF('Standard Profiles'!$G$19=$B$17,14,0)+IF('Standard Profiles'!$G$19=$B$24,21,0),MOD($C5372,24)+1)/SUM(INDEX($D$3:$AA$30,INDEX(Jesper!$R$2:$R$366,ROW(INDEX(Jesper!AI$2:AI$366,ROUNDDOWN($C5372/24,0)+1,1))-1)+IF('Standard Profiles'!$G$19=$B$10,7,0)+IF('Standard Profiles'!$G$19=$B$17,14,0)+IF('Standard Profiles'!$G$19=$B$24,21,0),0)),0)</f>
        <v>12.784109060096938</v>
      </c>
      <c r="F5372" cm="1">
        <f t="array" ref="F5372">IFERROR(INDEX(Jesper!AJ$2:AJ$366,ROUNDDOWN($C5372/24,0)+1,1)*INDEX($D$3:$AA$30,INDEX(Jesper!$R$2:$R$366,ROW(INDEX(Jesper!AJ$2:AJ$366,ROUNDDOWN($C5372/24,0)+1,1))-1)+IF('Standard Profiles'!$G$20=$B$10,7,0)+IF('Standard Profiles'!$G$20=$B$17,14,0)+IF('Standard Profiles'!$G$20=$B$24,21,0),MOD($C5372,24)+1)/SUM(INDEX($D$3:$AA$30,INDEX(Jesper!$R$2:$R$366,ROW(INDEX(Jesper!AJ$2:AJ$366,ROUNDDOWN($C5372/24,0)+1,1))-1)+IF('Standard Profiles'!$G$20=$B$10,7,0)+IF('Standard Profiles'!$G$20=$B$17,14,0)+IF('Standard Profiles'!$G$20=$B$24,21,0),0)),0)</f>
        <v>0</v>
      </c>
      <c r="G5372" cm="1">
        <f t="array" ref="G5372">IFERROR(INDEX(Jesper!AK$2:AK$366,ROUNDDOWN($C5372/24,0)+1,1)*INDEX($D$3:$AA$30,INDEX(Jesper!$R$2:$R$366,ROW(INDEX(Jesper!AK$2:AK$366,ROUNDDOWN($C5372/24,0)+1,1))-1)+IF('Standard Profiles'!$G$21=$B$10,7,0)+IF('Standard Profiles'!$G$21=$B$17,14,0)+IF('Standard Profiles'!$G$21=$B$24,21,0),MOD($C5372,24)+1)/SUM(INDEX($D$3:$AA$30,INDEX(Jesper!$R$2:$R$366,ROW(INDEX(Jesper!AK$2:AK$366,ROUNDDOWN($C5372/24,0)+1,1))-1)+IF('Standard Profiles'!$G$21=$B$10,7,0)+IF('Standard Profiles'!$G$21=$B$17,14,0)+IF('Standard Profiles'!$G$21=$B$24,21,0),0)),0)</f>
        <v>1.2340848092944046</v>
      </c>
      <c r="H5372" cm="1">
        <f t="array" ref="H5372">IFERROR(INDEX(Jesper!AL$2:AL$366,ROUNDDOWN($C5372/24,0)+1,1)*INDEX($D$3:$AA$30,INDEX(Jesper!$R$2:$R$366,ROW(INDEX(Jesper!AL$2:AL$366,ROUNDDOWN($C5372/24,0)+1,1))-1)+IF('Standard Profiles'!$G$22=$B$10,7,0)+IF('Standard Profiles'!$G$22=$B$17,14,0)+IF('Standard Profiles'!$G$22=$B$24,21,0),MOD($C5372,24)+1)/SUM(INDEX($D$3:$AA$30,INDEX(Jesper!$R$2:$R$366,ROW(INDEX(Jesper!AL$2:AL$366,ROUNDDOWN($C5372/24,0)+1,1))-1)+IF('Standard Profiles'!$G$22=$B$10,7,0)+IF('Standard Profiles'!$G$22=$B$17,14,0)+IF('Standard Profiles'!$G$22=$B$24,21,0),0)),0)</f>
        <v>0</v>
      </c>
      <c r="I5372">
        <f t="shared" si="601"/>
        <v>0.59236070846131395</v>
      </c>
      <c r="J5372">
        <f t="shared" si="602"/>
        <v>38.010355647411934</v>
      </c>
      <c r="K5372">
        <f t="shared" si="603"/>
        <v>3.1218441252675446</v>
      </c>
      <c r="L5372">
        <f t="shared" si="604"/>
        <v>1.5609220626337723</v>
      </c>
      <c r="M5372">
        <f t="shared" si="605"/>
        <v>0</v>
      </c>
      <c r="N5372" s="45">
        <f t="shared" si="606"/>
        <v>45149.41666665372</v>
      </c>
    </row>
    <row r="5373" spans="2:14" x14ac:dyDescent="0.25">
      <c r="B5373">
        <f t="shared" si="600"/>
        <v>5</v>
      </c>
      <c r="C5373" s="16">
        <v>5339</v>
      </c>
      <c r="D5373" cm="1">
        <f t="array" ref="D5373">IFERROR(INDEX(Jesper!AH$2:AH$366,ROUNDDOWN($C5373/24,0)+1,1)*INDEX($D$3:$AA$30,INDEX(Jesper!$R$2:$R$366,ROW(INDEX(Jesper!AH$2:AH$366,ROUNDDOWN($C5373/24,0)+1,1))-1)+IF('Standard Profiles'!$G$18=$B$10,7,0)+IF('Standard Profiles'!$G$18=$B$17,14,0)+IF('Standard Profiles'!$G$18=$B$24,21,0),MOD($C5373,24)+1)/SUM(INDEX($D$3:$AA$30,INDEX(Jesper!$R$2:$R$366,ROW(INDEX(Jesper!AH$2:AH$366,ROUNDDOWN($C5373/24,0)+1,1))-1)+IF('Standard Profiles'!$G$18=$B$10,7,0)+IF('Standard Profiles'!$G$18=$B$17,14,0)+IF('Standard Profiles'!$G$18=$B$24,21,0),0)),0)</f>
        <v>34.588613887907449</v>
      </c>
      <c r="E5373" cm="1">
        <f t="array" ref="E5373">IFERROR(INDEX(Jesper!AI$2:AI$366,ROUNDDOWN($C5373/24,0)+1,1)*INDEX($D$3:$AA$30,INDEX(Jesper!$R$2:$R$366,ROW(INDEX(Jesper!AI$2:AI$366,ROUNDDOWN($C5373/24,0)+1,1))-1)+IF('Standard Profiles'!$G$19=$B$10,7,0)+IF('Standard Profiles'!$G$19=$B$17,14,0)+IF('Standard Profiles'!$G$19=$B$24,21,0),MOD($C5373,24)+1)/SUM(INDEX($D$3:$AA$30,INDEX(Jesper!$R$2:$R$366,ROW(INDEX(Jesper!AI$2:AI$366,ROUNDDOWN($C5373/24,0)+1,1))-1)+IF('Standard Profiles'!$G$19=$B$10,7,0)+IF('Standard Profiles'!$G$19=$B$17,14,0)+IF('Standard Profiles'!$G$19=$B$24,21,0),0)),0)</f>
        <v>15.108492525569108</v>
      </c>
      <c r="F5373" cm="1">
        <f t="array" ref="F5373">IFERROR(INDEX(Jesper!AJ$2:AJ$366,ROUNDDOWN($C5373/24,0)+1,1)*INDEX($D$3:$AA$30,INDEX(Jesper!$R$2:$R$366,ROW(INDEX(Jesper!AJ$2:AJ$366,ROUNDDOWN($C5373/24,0)+1,1))-1)+IF('Standard Profiles'!$G$20=$B$10,7,0)+IF('Standard Profiles'!$G$20=$B$17,14,0)+IF('Standard Profiles'!$G$20=$B$24,21,0),MOD($C5373,24)+1)/SUM(INDEX($D$3:$AA$30,INDEX(Jesper!$R$2:$R$366,ROW(INDEX(Jesper!AJ$2:AJ$366,ROUNDDOWN($C5373/24,0)+1,1))-1)+IF('Standard Profiles'!$G$20=$B$10,7,0)+IF('Standard Profiles'!$G$20=$B$17,14,0)+IF('Standard Profiles'!$G$20=$B$24,21,0),0)),0)</f>
        <v>0</v>
      </c>
      <c r="G5373" cm="1">
        <f t="array" ref="G5373">IFERROR(INDEX(Jesper!AK$2:AK$366,ROUNDDOWN($C5373/24,0)+1,1)*INDEX($D$3:$AA$30,INDEX(Jesper!$R$2:$R$366,ROW(INDEX(Jesper!AK$2:AK$366,ROUNDDOWN($C5373/24,0)+1,1))-1)+IF('Standard Profiles'!$G$21=$B$10,7,0)+IF('Standard Profiles'!$G$21=$B$17,14,0)+IF('Standard Profiles'!$G$21=$B$24,21,0),MOD($C5373,24)+1)/SUM(INDEX($D$3:$AA$30,INDEX(Jesper!$R$2:$R$366,ROW(INDEX(Jesper!AK$2:AK$366,ROUNDDOWN($C5373/24,0)+1,1))-1)+IF('Standard Profiles'!$G$21=$B$10,7,0)+IF('Standard Profiles'!$G$21=$B$17,14,0)+IF('Standard Profiles'!$G$21=$B$24,21,0),0)),0)</f>
        <v>1.4584638655297508</v>
      </c>
      <c r="H5373" cm="1">
        <f t="array" ref="H5373">IFERROR(INDEX(Jesper!AL$2:AL$366,ROUNDDOWN($C5373/24,0)+1,1)*INDEX($D$3:$AA$30,INDEX(Jesper!$R$2:$R$366,ROW(INDEX(Jesper!AL$2:AL$366,ROUNDDOWN($C5373/24,0)+1,1))-1)+IF('Standard Profiles'!$G$22=$B$10,7,0)+IF('Standard Profiles'!$G$22=$B$17,14,0)+IF('Standard Profiles'!$G$22=$B$24,21,0),MOD($C5373,24)+1)/SUM(INDEX($D$3:$AA$30,INDEX(Jesper!$R$2:$R$366,ROW(INDEX(Jesper!AL$2:AL$366,ROUNDDOWN($C5373/24,0)+1,1))-1)+IF('Standard Profiles'!$G$22=$B$10,7,0)+IF('Standard Profiles'!$G$22=$B$17,14,0)+IF('Standard Profiles'!$G$22=$B$24,21,0),0)),0)</f>
        <v>0</v>
      </c>
      <c r="I5373">
        <f t="shared" si="601"/>
        <v>0.70006265545428004</v>
      </c>
      <c r="J5373">
        <f t="shared" si="602"/>
        <v>44.921329401486837</v>
      </c>
      <c r="K5373">
        <f t="shared" si="603"/>
        <v>3.6894521480434617</v>
      </c>
      <c r="L5373">
        <f t="shared" si="604"/>
        <v>1.8447260740217308</v>
      </c>
      <c r="M5373">
        <f t="shared" si="605"/>
        <v>0</v>
      </c>
      <c r="N5373" s="45">
        <f t="shared" si="606"/>
        <v>45149.458333320385</v>
      </c>
    </row>
    <row r="5374" spans="2:14" x14ac:dyDescent="0.25">
      <c r="B5374">
        <f t="shared" si="600"/>
        <v>5</v>
      </c>
      <c r="C5374" s="16">
        <v>5340</v>
      </c>
      <c r="D5374" cm="1">
        <f t="array" ref="D5374">IFERROR(INDEX(Jesper!AH$2:AH$366,ROUNDDOWN($C5374/24,0)+1,1)*INDEX($D$3:$AA$30,INDEX(Jesper!$R$2:$R$366,ROW(INDEX(Jesper!AH$2:AH$366,ROUNDDOWN($C5374/24,0)+1,1))-1)+IF('Standard Profiles'!$G$18=$B$10,7,0)+IF('Standard Profiles'!$G$18=$B$17,14,0)+IF('Standard Profiles'!$G$18=$B$24,21,0),MOD($C5374,24)+1)/SUM(INDEX($D$3:$AA$30,INDEX(Jesper!$R$2:$R$366,ROW(INDEX(Jesper!AH$2:AH$366,ROUNDDOWN($C5374/24,0)+1,1))-1)+IF('Standard Profiles'!$G$18=$B$10,7,0)+IF('Standard Profiles'!$G$18=$B$17,14,0)+IF('Standard Profiles'!$G$18=$B$24,21,0),0)),0)</f>
        <v>34.588613887907449</v>
      </c>
      <c r="E5374" cm="1">
        <f t="array" ref="E5374">IFERROR(INDEX(Jesper!AI$2:AI$366,ROUNDDOWN($C5374/24,0)+1,1)*INDEX($D$3:$AA$30,INDEX(Jesper!$R$2:$R$366,ROW(INDEX(Jesper!AI$2:AI$366,ROUNDDOWN($C5374/24,0)+1,1))-1)+IF('Standard Profiles'!$G$19=$B$10,7,0)+IF('Standard Profiles'!$G$19=$B$17,14,0)+IF('Standard Profiles'!$G$19=$B$24,21,0),MOD($C5374,24)+1)/SUM(INDEX($D$3:$AA$30,INDEX(Jesper!$R$2:$R$366,ROW(INDEX(Jesper!AI$2:AI$366,ROUNDDOWN($C5374/24,0)+1,1))-1)+IF('Standard Profiles'!$G$19=$B$10,7,0)+IF('Standard Profiles'!$G$19=$B$17,14,0)+IF('Standard Profiles'!$G$19=$B$24,21,0),0)),0)</f>
        <v>15.108492525569108</v>
      </c>
      <c r="F5374" cm="1">
        <f t="array" ref="F5374">IFERROR(INDEX(Jesper!AJ$2:AJ$366,ROUNDDOWN($C5374/24,0)+1,1)*INDEX($D$3:$AA$30,INDEX(Jesper!$R$2:$R$366,ROW(INDEX(Jesper!AJ$2:AJ$366,ROUNDDOWN($C5374/24,0)+1,1))-1)+IF('Standard Profiles'!$G$20=$B$10,7,0)+IF('Standard Profiles'!$G$20=$B$17,14,0)+IF('Standard Profiles'!$G$20=$B$24,21,0),MOD($C5374,24)+1)/SUM(INDEX($D$3:$AA$30,INDEX(Jesper!$R$2:$R$366,ROW(INDEX(Jesper!AJ$2:AJ$366,ROUNDDOWN($C5374/24,0)+1,1))-1)+IF('Standard Profiles'!$G$20=$B$10,7,0)+IF('Standard Profiles'!$G$20=$B$17,14,0)+IF('Standard Profiles'!$G$20=$B$24,21,0),0)),0)</f>
        <v>0</v>
      </c>
      <c r="G5374" cm="1">
        <f t="array" ref="G5374">IFERROR(INDEX(Jesper!AK$2:AK$366,ROUNDDOWN($C5374/24,0)+1,1)*INDEX($D$3:$AA$30,INDEX(Jesper!$R$2:$R$366,ROW(INDEX(Jesper!AK$2:AK$366,ROUNDDOWN($C5374/24,0)+1,1))-1)+IF('Standard Profiles'!$G$21=$B$10,7,0)+IF('Standard Profiles'!$G$21=$B$17,14,0)+IF('Standard Profiles'!$G$21=$B$24,21,0),MOD($C5374,24)+1)/SUM(INDEX($D$3:$AA$30,INDEX(Jesper!$R$2:$R$366,ROW(INDEX(Jesper!AK$2:AK$366,ROUNDDOWN($C5374/24,0)+1,1))-1)+IF('Standard Profiles'!$G$21=$B$10,7,0)+IF('Standard Profiles'!$G$21=$B$17,14,0)+IF('Standard Profiles'!$G$21=$B$24,21,0),0)),0)</f>
        <v>1.4584638655297508</v>
      </c>
      <c r="H5374" cm="1">
        <f t="array" ref="H5374">IFERROR(INDEX(Jesper!AL$2:AL$366,ROUNDDOWN($C5374/24,0)+1,1)*INDEX($D$3:$AA$30,INDEX(Jesper!$R$2:$R$366,ROW(INDEX(Jesper!AL$2:AL$366,ROUNDDOWN($C5374/24,0)+1,1))-1)+IF('Standard Profiles'!$G$22=$B$10,7,0)+IF('Standard Profiles'!$G$22=$B$17,14,0)+IF('Standard Profiles'!$G$22=$B$24,21,0),MOD($C5374,24)+1)/SUM(INDEX($D$3:$AA$30,INDEX(Jesper!$R$2:$R$366,ROW(INDEX(Jesper!AL$2:AL$366,ROUNDDOWN($C5374/24,0)+1,1))-1)+IF('Standard Profiles'!$G$22=$B$10,7,0)+IF('Standard Profiles'!$G$22=$B$17,14,0)+IF('Standard Profiles'!$G$22=$B$24,21,0),0)),0)</f>
        <v>0</v>
      </c>
      <c r="I5374">
        <f t="shared" si="601"/>
        <v>0.70006265545428004</v>
      </c>
      <c r="J5374">
        <f t="shared" si="602"/>
        <v>44.921329401486837</v>
      </c>
      <c r="K5374">
        <f t="shared" si="603"/>
        <v>3.6894521480434617</v>
      </c>
      <c r="L5374">
        <f t="shared" si="604"/>
        <v>1.8447260740217308</v>
      </c>
      <c r="M5374">
        <f t="shared" si="605"/>
        <v>0</v>
      </c>
      <c r="N5374" s="45">
        <f t="shared" si="606"/>
        <v>45149.499999987049</v>
      </c>
    </row>
    <row r="5375" spans="2:14" x14ac:dyDescent="0.25">
      <c r="B5375">
        <f t="shared" si="600"/>
        <v>5</v>
      </c>
      <c r="C5375" s="16">
        <v>5341</v>
      </c>
      <c r="D5375" cm="1">
        <f t="array" ref="D5375">IFERROR(INDEX(Jesper!AH$2:AH$366,ROUNDDOWN($C5375/24,0)+1,1)*INDEX($D$3:$AA$30,INDEX(Jesper!$R$2:$R$366,ROW(INDEX(Jesper!AH$2:AH$366,ROUNDDOWN($C5375/24,0)+1,1))-1)+IF('Standard Profiles'!$G$18=$B$10,7,0)+IF('Standard Profiles'!$G$18=$B$17,14,0)+IF('Standard Profiles'!$G$18=$B$24,21,0),MOD($C5375,24)+1)/SUM(INDEX($D$3:$AA$30,INDEX(Jesper!$R$2:$R$366,ROW(INDEX(Jesper!AH$2:AH$366,ROUNDDOWN($C5375/24,0)+1,1))-1)+IF('Standard Profiles'!$G$18=$B$10,7,0)+IF('Standard Profiles'!$G$18=$B$17,14,0)+IF('Standard Profiles'!$G$18=$B$24,21,0),0)),0)</f>
        <v>23.945963460859002</v>
      </c>
      <c r="E5375" cm="1">
        <f t="array" ref="E5375">IFERROR(INDEX(Jesper!AI$2:AI$366,ROUNDDOWN($C5375/24,0)+1,1)*INDEX($D$3:$AA$30,INDEX(Jesper!$R$2:$R$366,ROW(INDEX(Jesper!AI$2:AI$366,ROUNDDOWN($C5375/24,0)+1,1))-1)+IF('Standard Profiles'!$G$19=$B$10,7,0)+IF('Standard Profiles'!$G$19=$B$17,14,0)+IF('Standard Profiles'!$G$19=$B$24,21,0),MOD($C5375,24)+1)/SUM(INDEX($D$3:$AA$30,INDEX(Jesper!$R$2:$R$366,ROW(INDEX(Jesper!AI$2:AI$366,ROUNDDOWN($C5375/24,0)+1,1))-1)+IF('Standard Profiles'!$G$19=$B$10,7,0)+IF('Standard Profiles'!$G$19=$B$17,14,0)+IF('Standard Profiles'!$G$19=$B$24,21,0),0)),0)</f>
        <v>10.459725594624766</v>
      </c>
      <c r="F5375" cm="1">
        <f t="array" ref="F5375">IFERROR(INDEX(Jesper!AJ$2:AJ$366,ROUNDDOWN($C5375/24,0)+1,1)*INDEX($D$3:$AA$30,INDEX(Jesper!$R$2:$R$366,ROW(INDEX(Jesper!AJ$2:AJ$366,ROUNDDOWN($C5375/24,0)+1,1))-1)+IF('Standard Profiles'!$G$20=$B$10,7,0)+IF('Standard Profiles'!$G$20=$B$17,14,0)+IF('Standard Profiles'!$G$20=$B$24,21,0),MOD($C5375,24)+1)/SUM(INDEX($D$3:$AA$30,INDEX(Jesper!$R$2:$R$366,ROW(INDEX(Jesper!AJ$2:AJ$366,ROUNDDOWN($C5375/24,0)+1,1))-1)+IF('Standard Profiles'!$G$20=$B$10,7,0)+IF('Standard Profiles'!$G$20=$B$17,14,0)+IF('Standard Profiles'!$G$20=$B$24,21,0),0)),0)</f>
        <v>0</v>
      </c>
      <c r="G5375" cm="1">
        <f t="array" ref="G5375">IFERROR(INDEX(Jesper!AK$2:AK$366,ROUNDDOWN($C5375/24,0)+1,1)*INDEX($D$3:$AA$30,INDEX(Jesper!$R$2:$R$366,ROW(INDEX(Jesper!AK$2:AK$366,ROUNDDOWN($C5375/24,0)+1,1))-1)+IF('Standard Profiles'!$G$21=$B$10,7,0)+IF('Standard Profiles'!$G$21=$B$17,14,0)+IF('Standard Profiles'!$G$21=$B$24,21,0),MOD($C5375,24)+1)/SUM(INDEX($D$3:$AA$30,INDEX(Jesper!$R$2:$R$366,ROW(INDEX(Jesper!AK$2:AK$366,ROUNDDOWN($C5375/24,0)+1,1))-1)+IF('Standard Profiles'!$G$21=$B$10,7,0)+IF('Standard Profiles'!$G$21=$B$17,14,0)+IF('Standard Profiles'!$G$21=$B$24,21,0),0)),0)</f>
        <v>1.0097057530590583</v>
      </c>
      <c r="H5375" cm="1">
        <f t="array" ref="H5375">IFERROR(INDEX(Jesper!AL$2:AL$366,ROUNDDOWN($C5375/24,0)+1,1)*INDEX($D$3:$AA$30,INDEX(Jesper!$R$2:$R$366,ROW(INDEX(Jesper!AL$2:AL$366,ROUNDDOWN($C5375/24,0)+1,1))-1)+IF('Standard Profiles'!$G$22=$B$10,7,0)+IF('Standard Profiles'!$G$22=$B$17,14,0)+IF('Standard Profiles'!$G$22=$B$24,21,0),MOD($C5375,24)+1)/SUM(INDEX($D$3:$AA$30,INDEX(Jesper!$R$2:$R$366,ROW(INDEX(Jesper!AL$2:AL$366,ROUNDDOWN($C5375/24,0)+1,1))-1)+IF('Standard Profiles'!$G$22=$B$10,7,0)+IF('Standard Profiles'!$G$22=$B$17,14,0)+IF('Standard Profiles'!$G$22=$B$24,21,0),0)),0)</f>
        <v>0</v>
      </c>
      <c r="I5375">
        <f t="shared" si="601"/>
        <v>0.48465876146834774</v>
      </c>
      <c r="J5375">
        <f t="shared" si="602"/>
        <v>31.099381893337036</v>
      </c>
      <c r="K5375">
        <f t="shared" si="603"/>
        <v>2.5542361024916271</v>
      </c>
      <c r="L5375">
        <f t="shared" si="604"/>
        <v>1.2771180512458136</v>
      </c>
      <c r="M5375">
        <f t="shared" si="605"/>
        <v>0</v>
      </c>
      <c r="N5375" s="45">
        <f t="shared" si="606"/>
        <v>45149.541666653713</v>
      </c>
    </row>
    <row r="5376" spans="2:14" x14ac:dyDescent="0.25">
      <c r="B5376">
        <f t="shared" si="600"/>
        <v>5</v>
      </c>
      <c r="C5376" s="16">
        <v>5342</v>
      </c>
      <c r="D5376" cm="1">
        <f t="array" ref="D5376">IFERROR(INDEX(Jesper!AH$2:AH$366,ROUNDDOWN($C5376/24,0)+1,1)*INDEX($D$3:$AA$30,INDEX(Jesper!$R$2:$R$366,ROW(INDEX(Jesper!AH$2:AH$366,ROUNDDOWN($C5376/24,0)+1,1))-1)+IF('Standard Profiles'!$G$18=$B$10,7,0)+IF('Standard Profiles'!$G$18=$B$17,14,0)+IF('Standard Profiles'!$G$18=$B$24,21,0),MOD($C5376,24)+1)/SUM(INDEX($D$3:$AA$30,INDEX(Jesper!$R$2:$R$366,ROW(INDEX(Jesper!AH$2:AH$366,ROUNDDOWN($C5376/24,0)+1,1))-1)+IF('Standard Profiles'!$G$18=$B$10,7,0)+IF('Standard Profiles'!$G$18=$B$17,14,0)+IF('Standard Profiles'!$G$18=$B$24,21,0),0)),0)</f>
        <v>34.588613887907449</v>
      </c>
      <c r="E5376" cm="1">
        <f t="array" ref="E5376">IFERROR(INDEX(Jesper!AI$2:AI$366,ROUNDDOWN($C5376/24,0)+1,1)*INDEX($D$3:$AA$30,INDEX(Jesper!$R$2:$R$366,ROW(INDEX(Jesper!AI$2:AI$366,ROUNDDOWN($C5376/24,0)+1,1))-1)+IF('Standard Profiles'!$G$19=$B$10,7,0)+IF('Standard Profiles'!$G$19=$B$17,14,0)+IF('Standard Profiles'!$G$19=$B$24,21,0),MOD($C5376,24)+1)/SUM(INDEX($D$3:$AA$30,INDEX(Jesper!$R$2:$R$366,ROW(INDEX(Jesper!AI$2:AI$366,ROUNDDOWN($C5376/24,0)+1,1))-1)+IF('Standard Profiles'!$G$19=$B$10,7,0)+IF('Standard Profiles'!$G$19=$B$17,14,0)+IF('Standard Profiles'!$G$19=$B$24,21,0),0)),0)</f>
        <v>15.108492525569108</v>
      </c>
      <c r="F5376" cm="1">
        <f t="array" ref="F5376">IFERROR(INDEX(Jesper!AJ$2:AJ$366,ROUNDDOWN($C5376/24,0)+1,1)*INDEX($D$3:$AA$30,INDEX(Jesper!$R$2:$R$366,ROW(INDEX(Jesper!AJ$2:AJ$366,ROUNDDOWN($C5376/24,0)+1,1))-1)+IF('Standard Profiles'!$G$20=$B$10,7,0)+IF('Standard Profiles'!$G$20=$B$17,14,0)+IF('Standard Profiles'!$G$20=$B$24,21,0),MOD($C5376,24)+1)/SUM(INDEX($D$3:$AA$30,INDEX(Jesper!$R$2:$R$366,ROW(INDEX(Jesper!AJ$2:AJ$366,ROUNDDOWN($C5376/24,0)+1,1))-1)+IF('Standard Profiles'!$G$20=$B$10,7,0)+IF('Standard Profiles'!$G$20=$B$17,14,0)+IF('Standard Profiles'!$G$20=$B$24,21,0),0)),0)</f>
        <v>0</v>
      </c>
      <c r="G5376" cm="1">
        <f t="array" ref="G5376">IFERROR(INDEX(Jesper!AK$2:AK$366,ROUNDDOWN($C5376/24,0)+1,1)*INDEX($D$3:$AA$30,INDEX(Jesper!$R$2:$R$366,ROW(INDEX(Jesper!AK$2:AK$366,ROUNDDOWN($C5376/24,0)+1,1))-1)+IF('Standard Profiles'!$G$21=$B$10,7,0)+IF('Standard Profiles'!$G$21=$B$17,14,0)+IF('Standard Profiles'!$G$21=$B$24,21,0),MOD($C5376,24)+1)/SUM(INDEX($D$3:$AA$30,INDEX(Jesper!$R$2:$R$366,ROW(INDEX(Jesper!AK$2:AK$366,ROUNDDOWN($C5376/24,0)+1,1))-1)+IF('Standard Profiles'!$G$21=$B$10,7,0)+IF('Standard Profiles'!$G$21=$B$17,14,0)+IF('Standard Profiles'!$G$21=$B$24,21,0),0)),0)</f>
        <v>1.4584638655297508</v>
      </c>
      <c r="H5376" cm="1">
        <f t="array" ref="H5376">IFERROR(INDEX(Jesper!AL$2:AL$366,ROUNDDOWN($C5376/24,0)+1,1)*INDEX($D$3:$AA$30,INDEX(Jesper!$R$2:$R$366,ROW(INDEX(Jesper!AL$2:AL$366,ROUNDDOWN($C5376/24,0)+1,1))-1)+IF('Standard Profiles'!$G$22=$B$10,7,0)+IF('Standard Profiles'!$G$22=$B$17,14,0)+IF('Standard Profiles'!$G$22=$B$24,21,0),MOD($C5376,24)+1)/SUM(INDEX($D$3:$AA$30,INDEX(Jesper!$R$2:$R$366,ROW(INDEX(Jesper!AL$2:AL$366,ROUNDDOWN($C5376/24,0)+1,1))-1)+IF('Standard Profiles'!$G$22=$B$10,7,0)+IF('Standard Profiles'!$G$22=$B$17,14,0)+IF('Standard Profiles'!$G$22=$B$24,21,0),0)),0)</f>
        <v>0</v>
      </c>
      <c r="I5376">
        <f t="shared" si="601"/>
        <v>0.70006265545428004</v>
      </c>
      <c r="J5376">
        <f t="shared" si="602"/>
        <v>44.921329401486837</v>
      </c>
      <c r="K5376">
        <f t="shared" si="603"/>
        <v>3.6894521480434617</v>
      </c>
      <c r="L5376">
        <f t="shared" si="604"/>
        <v>1.8447260740217308</v>
      </c>
      <c r="M5376">
        <f t="shared" si="605"/>
        <v>0</v>
      </c>
      <c r="N5376" s="45">
        <f t="shared" si="606"/>
        <v>45149.583333320377</v>
      </c>
    </row>
    <row r="5377" spans="2:14" x14ac:dyDescent="0.25">
      <c r="B5377">
        <f t="shared" si="600"/>
        <v>5</v>
      </c>
      <c r="C5377" s="16">
        <v>5343</v>
      </c>
      <c r="D5377" cm="1">
        <f t="array" ref="D5377">IFERROR(INDEX(Jesper!AH$2:AH$366,ROUNDDOWN($C5377/24,0)+1,1)*INDEX($D$3:$AA$30,INDEX(Jesper!$R$2:$R$366,ROW(INDEX(Jesper!AH$2:AH$366,ROUNDDOWN($C5377/24,0)+1,1))-1)+IF('Standard Profiles'!$G$18=$B$10,7,0)+IF('Standard Profiles'!$G$18=$B$17,14,0)+IF('Standard Profiles'!$G$18=$B$24,21,0),MOD($C5377,24)+1)/SUM(INDEX($D$3:$AA$30,INDEX(Jesper!$R$2:$R$366,ROW(INDEX(Jesper!AH$2:AH$366,ROUNDDOWN($C5377/24,0)+1,1))-1)+IF('Standard Profiles'!$G$18=$B$10,7,0)+IF('Standard Profiles'!$G$18=$B$17,14,0)+IF('Standard Profiles'!$G$18=$B$24,21,0),0)),0)</f>
        <v>26.606626067621111</v>
      </c>
      <c r="E5377" cm="1">
        <f t="array" ref="E5377">IFERROR(INDEX(Jesper!AI$2:AI$366,ROUNDDOWN($C5377/24,0)+1,1)*INDEX($D$3:$AA$30,INDEX(Jesper!$R$2:$R$366,ROW(INDEX(Jesper!AI$2:AI$366,ROUNDDOWN($C5377/24,0)+1,1))-1)+IF('Standard Profiles'!$G$19=$B$10,7,0)+IF('Standard Profiles'!$G$19=$B$17,14,0)+IF('Standard Profiles'!$G$19=$B$24,21,0),MOD($C5377,24)+1)/SUM(INDEX($D$3:$AA$30,INDEX(Jesper!$R$2:$R$366,ROW(INDEX(Jesper!AI$2:AI$366,ROUNDDOWN($C5377/24,0)+1,1))-1)+IF('Standard Profiles'!$G$19=$B$10,7,0)+IF('Standard Profiles'!$G$19=$B$17,14,0)+IF('Standard Profiles'!$G$19=$B$24,21,0),0)),0)</f>
        <v>11.621917327360851</v>
      </c>
      <c r="F5377" cm="1">
        <f t="array" ref="F5377">IFERROR(INDEX(Jesper!AJ$2:AJ$366,ROUNDDOWN($C5377/24,0)+1,1)*INDEX($D$3:$AA$30,INDEX(Jesper!$R$2:$R$366,ROW(INDEX(Jesper!AJ$2:AJ$366,ROUNDDOWN($C5377/24,0)+1,1))-1)+IF('Standard Profiles'!$G$20=$B$10,7,0)+IF('Standard Profiles'!$G$20=$B$17,14,0)+IF('Standard Profiles'!$G$20=$B$24,21,0),MOD($C5377,24)+1)/SUM(INDEX($D$3:$AA$30,INDEX(Jesper!$R$2:$R$366,ROW(INDEX(Jesper!AJ$2:AJ$366,ROUNDDOWN($C5377/24,0)+1,1))-1)+IF('Standard Profiles'!$G$20=$B$10,7,0)+IF('Standard Profiles'!$G$20=$B$17,14,0)+IF('Standard Profiles'!$G$20=$B$24,21,0),0)),0)</f>
        <v>0</v>
      </c>
      <c r="G5377" cm="1">
        <f t="array" ref="G5377">IFERROR(INDEX(Jesper!AK$2:AK$366,ROUNDDOWN($C5377/24,0)+1,1)*INDEX($D$3:$AA$30,INDEX(Jesper!$R$2:$R$366,ROW(INDEX(Jesper!AK$2:AK$366,ROUNDDOWN($C5377/24,0)+1,1))-1)+IF('Standard Profiles'!$G$21=$B$10,7,0)+IF('Standard Profiles'!$G$21=$B$17,14,0)+IF('Standard Profiles'!$G$21=$B$24,21,0),MOD($C5377,24)+1)/SUM(INDEX($D$3:$AA$30,INDEX(Jesper!$R$2:$R$366,ROW(INDEX(Jesper!AK$2:AK$366,ROUNDDOWN($C5377/24,0)+1,1))-1)+IF('Standard Profiles'!$G$21=$B$10,7,0)+IF('Standard Profiles'!$G$21=$B$17,14,0)+IF('Standard Profiles'!$G$21=$B$24,21,0),0)),0)</f>
        <v>1.2340848092944046</v>
      </c>
      <c r="H5377" cm="1">
        <f t="array" ref="H5377">IFERROR(INDEX(Jesper!AL$2:AL$366,ROUNDDOWN($C5377/24,0)+1,1)*INDEX($D$3:$AA$30,INDEX(Jesper!$R$2:$R$366,ROW(INDEX(Jesper!AL$2:AL$366,ROUNDDOWN($C5377/24,0)+1,1))-1)+IF('Standard Profiles'!$G$22=$B$10,7,0)+IF('Standard Profiles'!$G$22=$B$17,14,0)+IF('Standard Profiles'!$G$22=$B$24,21,0),MOD($C5377,24)+1)/SUM(INDEX($D$3:$AA$30,INDEX(Jesper!$R$2:$R$366,ROW(INDEX(Jesper!AL$2:AL$366,ROUNDDOWN($C5377/24,0)+1,1))-1)+IF('Standard Profiles'!$G$22=$B$10,7,0)+IF('Standard Profiles'!$G$22=$B$17,14,0)+IF('Standard Profiles'!$G$22=$B$24,21,0),0)),0)</f>
        <v>0</v>
      </c>
      <c r="I5377">
        <f t="shared" si="601"/>
        <v>0.59236070846131395</v>
      </c>
      <c r="J5377">
        <f t="shared" si="602"/>
        <v>34.61320732499567</v>
      </c>
      <c r="K5377">
        <f t="shared" si="603"/>
        <v>2.8380401138795852</v>
      </c>
      <c r="L5377">
        <f t="shared" si="604"/>
        <v>1.4190200569397926</v>
      </c>
      <c r="M5377">
        <f t="shared" si="605"/>
        <v>0</v>
      </c>
      <c r="N5377" s="45">
        <f t="shared" si="606"/>
        <v>45149.624999987042</v>
      </c>
    </row>
    <row r="5378" spans="2:14" x14ac:dyDescent="0.25">
      <c r="B5378">
        <f t="shared" si="600"/>
        <v>5</v>
      </c>
      <c r="C5378" s="16">
        <v>5344</v>
      </c>
      <c r="D5378" cm="1">
        <f t="array" ref="D5378">IFERROR(INDEX(Jesper!AH$2:AH$366,ROUNDDOWN($C5378/24,0)+1,1)*INDEX($D$3:$AA$30,INDEX(Jesper!$R$2:$R$366,ROW(INDEX(Jesper!AH$2:AH$366,ROUNDDOWN($C5378/24,0)+1,1))-1)+IF('Standard Profiles'!$G$18=$B$10,7,0)+IF('Standard Profiles'!$G$18=$B$17,14,0)+IF('Standard Profiles'!$G$18=$B$24,21,0),MOD($C5378,24)+1)/SUM(INDEX($D$3:$AA$30,INDEX(Jesper!$R$2:$R$366,ROW(INDEX(Jesper!AH$2:AH$366,ROUNDDOWN($C5378/24,0)+1,1))-1)+IF('Standard Profiles'!$G$18=$B$10,7,0)+IF('Standard Profiles'!$G$18=$B$17,14,0)+IF('Standard Profiles'!$G$18=$B$24,21,0),0)),0)</f>
        <v>12.491373740667191</v>
      </c>
      <c r="E5378" cm="1">
        <f t="array" ref="E5378">IFERROR(INDEX(Jesper!AI$2:AI$366,ROUNDDOWN($C5378/24,0)+1,1)*INDEX($D$3:$AA$30,INDEX(Jesper!$R$2:$R$366,ROW(INDEX(Jesper!AI$2:AI$366,ROUNDDOWN($C5378/24,0)+1,1))-1)+IF('Standard Profiles'!$G$19=$B$10,7,0)+IF('Standard Profiles'!$G$19=$B$17,14,0)+IF('Standard Profiles'!$G$19=$B$24,21,0),MOD($C5378,24)+1)/SUM(INDEX($D$3:$AA$30,INDEX(Jesper!$R$2:$R$366,ROW(INDEX(Jesper!AI$2:AI$366,ROUNDDOWN($C5378/24,0)+1,1))-1)+IF('Standard Profiles'!$G$19=$B$10,7,0)+IF('Standard Profiles'!$G$19=$B$17,14,0)+IF('Standard Profiles'!$G$19=$B$24,21,0),0)),0)</f>
        <v>5.4562992147234048</v>
      </c>
      <c r="F5378" cm="1">
        <f t="array" ref="F5378">IFERROR(INDEX(Jesper!AJ$2:AJ$366,ROUNDDOWN($C5378/24,0)+1,1)*INDEX($D$3:$AA$30,INDEX(Jesper!$R$2:$R$366,ROW(INDEX(Jesper!AJ$2:AJ$366,ROUNDDOWN($C5378/24,0)+1,1))-1)+IF('Standard Profiles'!$G$20=$B$10,7,0)+IF('Standard Profiles'!$G$20=$B$17,14,0)+IF('Standard Profiles'!$G$20=$B$24,21,0),MOD($C5378,24)+1)/SUM(INDEX($D$3:$AA$30,INDEX(Jesper!$R$2:$R$366,ROW(INDEX(Jesper!AJ$2:AJ$366,ROUNDDOWN($C5378/24,0)+1,1))-1)+IF('Standard Profiles'!$G$20=$B$10,7,0)+IF('Standard Profiles'!$G$20=$B$17,14,0)+IF('Standard Profiles'!$G$20=$B$24,21,0),0)),0)</f>
        <v>0</v>
      </c>
      <c r="G5378" cm="1">
        <f t="array" ref="G5378">IFERROR(INDEX(Jesper!AK$2:AK$366,ROUNDDOWN($C5378/24,0)+1,1)*INDEX($D$3:$AA$30,INDEX(Jesper!$R$2:$R$366,ROW(INDEX(Jesper!AK$2:AK$366,ROUNDDOWN($C5378/24,0)+1,1))-1)+IF('Standard Profiles'!$G$21=$B$10,7,0)+IF('Standard Profiles'!$G$21=$B$17,14,0)+IF('Standard Profiles'!$G$21=$B$24,21,0),MOD($C5378,24)+1)/SUM(INDEX($D$3:$AA$30,INDEX(Jesper!$R$2:$R$366,ROW(INDEX(Jesper!AK$2:AK$366,ROUNDDOWN($C5378/24,0)+1,1))-1)+IF('Standard Profiles'!$G$21=$B$10,7,0)+IF('Standard Profiles'!$G$21=$B$17,14,0)+IF('Standard Profiles'!$G$21=$B$24,21,0),0)),0)</f>
        <v>1.0684716963587919</v>
      </c>
      <c r="H5378" cm="1">
        <f t="array" ref="H5378">IFERROR(INDEX(Jesper!AL$2:AL$366,ROUNDDOWN($C5378/24,0)+1,1)*INDEX($D$3:$AA$30,INDEX(Jesper!$R$2:$R$366,ROW(INDEX(Jesper!AL$2:AL$366,ROUNDDOWN($C5378/24,0)+1,1))-1)+IF('Standard Profiles'!$G$22=$B$10,7,0)+IF('Standard Profiles'!$G$22=$B$17,14,0)+IF('Standard Profiles'!$G$22=$B$24,21,0),MOD($C5378,24)+1)/SUM(INDEX($D$3:$AA$30,INDEX(Jesper!$R$2:$R$366,ROW(INDEX(Jesper!AL$2:AL$366,ROUNDDOWN($C5378/24,0)+1,1))-1)+IF('Standard Profiles'!$G$22=$B$10,7,0)+IF('Standard Profiles'!$G$22=$B$17,14,0)+IF('Standard Profiles'!$G$22=$B$24,21,0),0)),0)</f>
        <v>0</v>
      </c>
      <c r="I5378">
        <f t="shared" si="601"/>
        <v>0.5128664142522199</v>
      </c>
      <c r="J5378">
        <f t="shared" si="602"/>
        <v>16.504658438990418</v>
      </c>
      <c r="K5378">
        <f t="shared" si="603"/>
        <v>1.3324131990045005</v>
      </c>
      <c r="L5378">
        <f t="shared" si="604"/>
        <v>0.66620659950225025</v>
      </c>
      <c r="M5378">
        <f t="shared" si="605"/>
        <v>0</v>
      </c>
      <c r="N5378" s="45">
        <f t="shared" si="606"/>
        <v>45149.666666653706</v>
      </c>
    </row>
    <row r="5379" spans="2:14" x14ac:dyDescent="0.25">
      <c r="B5379">
        <f t="shared" si="600"/>
        <v>5</v>
      </c>
      <c r="C5379" s="16">
        <v>5345</v>
      </c>
      <c r="D5379" cm="1">
        <f t="array" ref="D5379">IFERROR(INDEX(Jesper!AH$2:AH$366,ROUNDDOWN($C5379/24,0)+1,1)*INDEX($D$3:$AA$30,INDEX(Jesper!$R$2:$R$366,ROW(INDEX(Jesper!AH$2:AH$366,ROUNDDOWN($C5379/24,0)+1,1))-1)+IF('Standard Profiles'!$G$18=$B$10,7,0)+IF('Standard Profiles'!$G$18=$B$17,14,0)+IF('Standard Profiles'!$G$18=$B$24,21,0),MOD($C5379,24)+1)/SUM(INDEX($D$3:$AA$30,INDEX(Jesper!$R$2:$R$366,ROW(INDEX(Jesper!AH$2:AH$366,ROUNDDOWN($C5379/24,0)+1,1))-1)+IF('Standard Profiles'!$G$18=$B$10,7,0)+IF('Standard Profiles'!$G$18=$B$17,14,0)+IF('Standard Profiles'!$G$18=$B$24,21,0),0)),0)</f>
        <v>8.2443066688403448</v>
      </c>
      <c r="E5379" cm="1">
        <f t="array" ref="E5379">IFERROR(INDEX(Jesper!AI$2:AI$366,ROUNDDOWN($C5379/24,0)+1,1)*INDEX($D$3:$AA$30,INDEX(Jesper!$R$2:$R$366,ROW(INDEX(Jesper!AI$2:AI$366,ROUNDDOWN($C5379/24,0)+1,1))-1)+IF('Standard Profiles'!$G$19=$B$10,7,0)+IF('Standard Profiles'!$G$19=$B$17,14,0)+IF('Standard Profiles'!$G$19=$B$24,21,0),MOD($C5379,24)+1)/SUM(INDEX($D$3:$AA$30,INDEX(Jesper!$R$2:$R$366,ROW(INDEX(Jesper!AI$2:AI$366,ROUNDDOWN($C5379/24,0)+1,1))-1)+IF('Standard Profiles'!$G$19=$B$10,7,0)+IF('Standard Profiles'!$G$19=$B$17,14,0)+IF('Standard Profiles'!$G$19=$B$24,21,0),0)),0)</f>
        <v>3.601157481717447</v>
      </c>
      <c r="F5379" cm="1">
        <f t="array" ref="F5379">IFERROR(INDEX(Jesper!AJ$2:AJ$366,ROUNDDOWN($C5379/24,0)+1,1)*INDEX($D$3:$AA$30,INDEX(Jesper!$R$2:$R$366,ROW(INDEX(Jesper!AJ$2:AJ$366,ROUNDDOWN($C5379/24,0)+1,1))-1)+IF('Standard Profiles'!$G$20=$B$10,7,0)+IF('Standard Profiles'!$G$20=$B$17,14,0)+IF('Standard Profiles'!$G$20=$B$24,21,0),MOD($C5379,24)+1)/SUM(INDEX($D$3:$AA$30,INDEX(Jesper!$R$2:$R$366,ROW(INDEX(Jesper!AJ$2:AJ$366,ROUNDDOWN($C5379/24,0)+1,1))-1)+IF('Standard Profiles'!$G$20=$B$10,7,0)+IF('Standard Profiles'!$G$20=$B$17,14,0)+IF('Standard Profiles'!$G$20=$B$24,21,0),0)),0)</f>
        <v>0</v>
      </c>
      <c r="G5379" cm="1">
        <f t="array" ref="G5379">IFERROR(INDEX(Jesper!AK$2:AK$366,ROUNDDOWN($C5379/24,0)+1,1)*INDEX($D$3:$AA$30,INDEX(Jesper!$R$2:$R$366,ROW(INDEX(Jesper!AK$2:AK$366,ROUNDDOWN($C5379/24,0)+1,1))-1)+IF('Standard Profiles'!$G$21=$B$10,7,0)+IF('Standard Profiles'!$G$21=$B$17,14,0)+IF('Standard Profiles'!$G$21=$B$24,21,0),MOD($C5379,24)+1)/SUM(INDEX($D$3:$AA$30,INDEX(Jesper!$R$2:$R$366,ROW(INDEX(Jesper!AK$2:AK$366,ROUNDDOWN($C5379/24,0)+1,1))-1)+IF('Standard Profiles'!$G$21=$B$10,7,0)+IF('Standard Profiles'!$G$21=$B$17,14,0)+IF('Standard Profiles'!$G$21=$B$24,21,0),0)),0)</f>
        <v>0.89751622494138517</v>
      </c>
      <c r="H5379" cm="1">
        <f t="array" ref="H5379">IFERROR(INDEX(Jesper!AL$2:AL$366,ROUNDDOWN($C5379/24,0)+1,1)*INDEX($D$3:$AA$30,INDEX(Jesper!$R$2:$R$366,ROW(INDEX(Jesper!AL$2:AL$366,ROUNDDOWN($C5379/24,0)+1,1))-1)+IF('Standard Profiles'!$G$22=$B$10,7,0)+IF('Standard Profiles'!$G$22=$B$17,14,0)+IF('Standard Profiles'!$G$22=$B$24,21,0),MOD($C5379,24)+1)/SUM(INDEX($D$3:$AA$30,INDEX(Jesper!$R$2:$R$366,ROW(INDEX(Jesper!AL$2:AL$366,ROUNDDOWN($C5379/24,0)+1,1))-1)+IF('Standard Profiles'!$G$22=$B$10,7,0)+IF('Standard Profiles'!$G$22=$B$17,14,0)+IF('Standard Profiles'!$G$22=$B$24,21,0),0)),0)</f>
        <v>0</v>
      </c>
      <c r="I5379">
        <f t="shared" si="601"/>
        <v>0.43080778797186464</v>
      </c>
      <c r="J5379">
        <f t="shared" si="602"/>
        <v>10.993083520512856</v>
      </c>
      <c r="K5379">
        <f t="shared" si="603"/>
        <v>0.87939271134297015</v>
      </c>
      <c r="L5379">
        <f t="shared" si="604"/>
        <v>0.43969635567148507</v>
      </c>
      <c r="M5379">
        <f t="shared" si="605"/>
        <v>0</v>
      </c>
      <c r="N5379" s="45">
        <f t="shared" si="606"/>
        <v>45149.70833332037</v>
      </c>
    </row>
    <row r="5380" spans="2:14" x14ac:dyDescent="0.25">
      <c r="B5380">
        <f t="shared" si="600"/>
        <v>5</v>
      </c>
      <c r="C5380" s="16">
        <v>5346</v>
      </c>
      <c r="D5380" cm="1">
        <f t="array" ref="D5380">IFERROR(INDEX(Jesper!AH$2:AH$366,ROUNDDOWN($C5380/24,0)+1,1)*INDEX($D$3:$AA$30,INDEX(Jesper!$R$2:$R$366,ROW(INDEX(Jesper!AH$2:AH$366,ROUNDDOWN($C5380/24,0)+1,1))-1)+IF('Standard Profiles'!$G$18=$B$10,7,0)+IF('Standard Profiles'!$G$18=$B$17,14,0)+IF('Standard Profiles'!$G$18=$B$24,21,0),MOD($C5380,24)+1)/SUM(INDEX($D$3:$AA$30,INDEX(Jesper!$R$2:$R$366,ROW(INDEX(Jesper!AH$2:AH$366,ROUNDDOWN($C5380/24,0)+1,1))-1)+IF('Standard Profiles'!$G$18=$B$10,7,0)+IF('Standard Profiles'!$G$18=$B$17,14,0)+IF('Standard Profiles'!$G$18=$B$24,21,0),0)),0)</f>
        <v>5.2463769710802195</v>
      </c>
      <c r="E5380" cm="1">
        <f t="array" ref="E5380">IFERROR(INDEX(Jesper!AI$2:AI$366,ROUNDDOWN($C5380/24,0)+1,1)*INDEX($D$3:$AA$30,INDEX(Jesper!$R$2:$R$366,ROW(INDEX(Jesper!AI$2:AI$366,ROUNDDOWN($C5380/24,0)+1,1))-1)+IF('Standard Profiles'!$G$19=$B$10,7,0)+IF('Standard Profiles'!$G$19=$B$17,14,0)+IF('Standard Profiles'!$G$19=$B$24,21,0),MOD($C5380,24)+1)/SUM(INDEX($D$3:$AA$30,INDEX(Jesper!$R$2:$R$366,ROW(INDEX(Jesper!AI$2:AI$366,ROUNDDOWN($C5380/24,0)+1,1))-1)+IF('Standard Profiles'!$G$19=$B$10,7,0)+IF('Standard Profiles'!$G$19=$B$17,14,0)+IF('Standard Profiles'!$G$19=$B$24,21,0),0)),0)</f>
        <v>2.2916456701838297</v>
      </c>
      <c r="F5380" cm="1">
        <f t="array" ref="F5380">IFERROR(INDEX(Jesper!AJ$2:AJ$366,ROUNDDOWN($C5380/24,0)+1,1)*INDEX($D$3:$AA$30,INDEX(Jesper!$R$2:$R$366,ROW(INDEX(Jesper!AJ$2:AJ$366,ROUNDDOWN($C5380/24,0)+1,1))-1)+IF('Standard Profiles'!$G$20=$B$10,7,0)+IF('Standard Profiles'!$G$20=$B$17,14,0)+IF('Standard Profiles'!$G$20=$B$24,21,0),MOD($C5380,24)+1)/SUM(INDEX($D$3:$AA$30,INDEX(Jesper!$R$2:$R$366,ROW(INDEX(Jesper!AJ$2:AJ$366,ROUNDDOWN($C5380/24,0)+1,1))-1)+IF('Standard Profiles'!$G$20=$B$10,7,0)+IF('Standard Profiles'!$G$20=$B$17,14,0)+IF('Standard Profiles'!$G$20=$B$24,21,0),0)),0)</f>
        <v>0</v>
      </c>
      <c r="G5380" cm="1">
        <f t="array" ref="G5380">IFERROR(INDEX(Jesper!AK$2:AK$366,ROUNDDOWN($C5380/24,0)+1,1)*INDEX($D$3:$AA$30,INDEX(Jesper!$R$2:$R$366,ROW(INDEX(Jesper!AK$2:AK$366,ROUNDDOWN($C5380/24,0)+1,1))-1)+IF('Standard Profiles'!$G$21=$B$10,7,0)+IF('Standard Profiles'!$G$21=$B$17,14,0)+IF('Standard Profiles'!$G$21=$B$24,21,0),MOD($C5380,24)+1)/SUM(INDEX($D$3:$AA$30,INDEX(Jesper!$R$2:$R$366,ROW(INDEX(Jesper!AK$2:AK$366,ROUNDDOWN($C5380/24,0)+1,1))-1)+IF('Standard Profiles'!$G$21=$B$10,7,0)+IF('Standard Profiles'!$G$21=$B$17,14,0)+IF('Standard Profiles'!$G$21=$B$24,21,0),0)),0)</f>
        <v>0.33122622587122547</v>
      </c>
      <c r="H5380" cm="1">
        <f t="array" ref="H5380">IFERROR(INDEX(Jesper!AL$2:AL$366,ROUNDDOWN($C5380/24,0)+1,1)*INDEX($D$3:$AA$30,INDEX(Jesper!$R$2:$R$366,ROW(INDEX(Jesper!AL$2:AL$366,ROUNDDOWN($C5380/24,0)+1,1))-1)+IF('Standard Profiles'!$G$22=$B$10,7,0)+IF('Standard Profiles'!$G$22=$B$17,14,0)+IF('Standard Profiles'!$G$22=$B$24,21,0),MOD($C5380,24)+1)/SUM(INDEX($D$3:$AA$30,INDEX(Jesper!$R$2:$R$366,ROW(INDEX(Jesper!AL$2:AL$366,ROUNDDOWN($C5380/24,0)+1,1))-1)+IF('Standard Profiles'!$G$22=$B$10,7,0)+IF('Standard Profiles'!$G$22=$B$17,14,0)+IF('Standard Profiles'!$G$22=$B$24,21,0),0)),0)</f>
        <v>0</v>
      </c>
      <c r="I5380">
        <f t="shared" si="601"/>
        <v>0.15898858841818814</v>
      </c>
      <c r="J5380">
        <f t="shared" si="602"/>
        <v>6.8708399633442507</v>
      </c>
      <c r="K5380">
        <f t="shared" si="603"/>
        <v>0.55961354358189008</v>
      </c>
      <c r="L5380">
        <f t="shared" si="604"/>
        <v>0.27980677179094504</v>
      </c>
      <c r="M5380">
        <f t="shared" si="605"/>
        <v>0</v>
      </c>
      <c r="N5380" s="45">
        <f t="shared" si="606"/>
        <v>45149.749999987034</v>
      </c>
    </row>
    <row r="5381" spans="2:14" x14ac:dyDescent="0.25">
      <c r="B5381">
        <f t="shared" si="600"/>
        <v>5</v>
      </c>
      <c r="C5381" s="16">
        <v>5347</v>
      </c>
      <c r="D5381" cm="1">
        <f t="array" ref="D5381">IFERROR(INDEX(Jesper!AH$2:AH$366,ROUNDDOWN($C5381/24,0)+1,1)*INDEX($D$3:$AA$30,INDEX(Jesper!$R$2:$R$366,ROW(INDEX(Jesper!AH$2:AH$366,ROUNDDOWN($C5381/24,0)+1,1))-1)+IF('Standard Profiles'!$G$18=$B$10,7,0)+IF('Standard Profiles'!$G$18=$B$17,14,0)+IF('Standard Profiles'!$G$18=$B$24,21,0),MOD($C5381,24)+1)/SUM(INDEX($D$3:$AA$30,INDEX(Jesper!$R$2:$R$366,ROW(INDEX(Jesper!AH$2:AH$366,ROUNDDOWN($C5381/24,0)+1,1))-1)+IF('Standard Profiles'!$G$18=$B$10,7,0)+IF('Standard Profiles'!$G$18=$B$17,14,0)+IF('Standard Profiles'!$G$18=$B$24,21,0),0)),0)</f>
        <v>4.9965494962668755</v>
      </c>
      <c r="E5381" cm="1">
        <f t="array" ref="E5381">IFERROR(INDEX(Jesper!AI$2:AI$366,ROUNDDOWN($C5381/24,0)+1,1)*INDEX($D$3:$AA$30,INDEX(Jesper!$R$2:$R$366,ROW(INDEX(Jesper!AI$2:AI$366,ROUNDDOWN($C5381/24,0)+1,1))-1)+IF('Standard Profiles'!$G$19=$B$10,7,0)+IF('Standard Profiles'!$G$19=$B$17,14,0)+IF('Standard Profiles'!$G$19=$B$24,21,0),MOD($C5381,24)+1)/SUM(INDEX($D$3:$AA$30,INDEX(Jesper!$R$2:$R$366,ROW(INDEX(Jesper!AI$2:AI$366,ROUNDDOWN($C5381/24,0)+1,1))-1)+IF('Standard Profiles'!$G$19=$B$10,7,0)+IF('Standard Profiles'!$G$19=$B$17,14,0)+IF('Standard Profiles'!$G$19=$B$24,21,0),0)),0)</f>
        <v>2.1825196858893618</v>
      </c>
      <c r="F5381" cm="1">
        <f t="array" ref="F5381">IFERROR(INDEX(Jesper!AJ$2:AJ$366,ROUNDDOWN($C5381/24,0)+1,1)*INDEX($D$3:$AA$30,INDEX(Jesper!$R$2:$R$366,ROW(INDEX(Jesper!AJ$2:AJ$366,ROUNDDOWN($C5381/24,0)+1,1))-1)+IF('Standard Profiles'!$G$20=$B$10,7,0)+IF('Standard Profiles'!$G$20=$B$17,14,0)+IF('Standard Profiles'!$G$20=$B$24,21,0),MOD($C5381,24)+1)/SUM(INDEX($D$3:$AA$30,INDEX(Jesper!$R$2:$R$366,ROW(INDEX(Jesper!AJ$2:AJ$366,ROUNDDOWN($C5381/24,0)+1,1))-1)+IF('Standard Profiles'!$G$20=$B$10,7,0)+IF('Standard Profiles'!$G$20=$B$17,14,0)+IF('Standard Profiles'!$G$20=$B$24,21,0),0)),0)</f>
        <v>0</v>
      </c>
      <c r="G5381" cm="1">
        <f t="array" ref="G5381">IFERROR(INDEX(Jesper!AK$2:AK$366,ROUNDDOWN($C5381/24,0)+1,1)*INDEX($D$3:$AA$30,INDEX(Jesper!$R$2:$R$366,ROW(INDEX(Jesper!AK$2:AK$366,ROUNDDOWN($C5381/24,0)+1,1))-1)+IF('Standard Profiles'!$G$21=$B$10,7,0)+IF('Standard Profiles'!$G$21=$B$17,14,0)+IF('Standard Profiles'!$G$21=$B$24,21,0),MOD($C5381,24)+1)/SUM(INDEX($D$3:$AA$30,INDEX(Jesper!$R$2:$R$366,ROW(INDEX(Jesper!AK$2:AK$366,ROUNDDOWN($C5381/24,0)+1,1))-1)+IF('Standard Profiles'!$G$21=$B$10,7,0)+IF('Standard Profiles'!$G$21=$B$17,14,0)+IF('Standard Profiles'!$G$21=$B$24,21,0),0)),0)</f>
        <v>0.33122622587122547</v>
      </c>
      <c r="H5381" cm="1">
        <f t="array" ref="H5381">IFERROR(INDEX(Jesper!AL$2:AL$366,ROUNDDOWN($C5381/24,0)+1,1)*INDEX($D$3:$AA$30,INDEX(Jesper!$R$2:$R$366,ROW(INDEX(Jesper!AL$2:AL$366,ROUNDDOWN($C5381/24,0)+1,1))-1)+IF('Standard Profiles'!$G$22=$B$10,7,0)+IF('Standard Profiles'!$G$22=$B$17,14,0)+IF('Standard Profiles'!$G$22=$B$24,21,0),MOD($C5381,24)+1)/SUM(INDEX($D$3:$AA$30,INDEX(Jesper!$R$2:$R$366,ROW(INDEX(Jesper!AL$2:AL$366,ROUNDDOWN($C5381/24,0)+1,1))-1)+IF('Standard Profiles'!$G$22=$B$10,7,0)+IF('Standard Profiles'!$G$22=$B$17,14,0)+IF('Standard Profiles'!$G$22=$B$24,21,0),0)),0)</f>
        <v>0</v>
      </c>
      <c r="I5381">
        <f t="shared" si="601"/>
        <v>0.15898858841818814</v>
      </c>
      <c r="J5381">
        <f t="shared" si="602"/>
        <v>6.5518589002065735</v>
      </c>
      <c r="K5381">
        <f t="shared" si="603"/>
        <v>0.53296527960180007</v>
      </c>
      <c r="L5381">
        <f t="shared" si="604"/>
        <v>0.26648263980090003</v>
      </c>
      <c r="M5381">
        <f t="shared" si="605"/>
        <v>0</v>
      </c>
      <c r="N5381" s="45">
        <f t="shared" si="606"/>
        <v>45149.791666653698</v>
      </c>
    </row>
    <row r="5382" spans="2:14" x14ac:dyDescent="0.25">
      <c r="B5382">
        <f t="shared" si="600"/>
        <v>5</v>
      </c>
      <c r="C5382" s="16">
        <v>5348</v>
      </c>
      <c r="D5382" cm="1">
        <f t="array" ref="D5382">IFERROR(INDEX(Jesper!AH$2:AH$366,ROUNDDOWN($C5382/24,0)+1,1)*INDEX($D$3:$AA$30,INDEX(Jesper!$R$2:$R$366,ROW(INDEX(Jesper!AH$2:AH$366,ROUNDDOWN($C5382/24,0)+1,1))-1)+IF('Standard Profiles'!$G$18=$B$10,7,0)+IF('Standard Profiles'!$G$18=$B$17,14,0)+IF('Standard Profiles'!$G$18=$B$24,21,0),MOD($C5382,24)+1)/SUM(INDEX($D$3:$AA$30,INDEX(Jesper!$R$2:$R$366,ROW(INDEX(Jesper!AH$2:AH$366,ROUNDDOWN($C5382/24,0)+1,1))-1)+IF('Standard Profiles'!$G$18=$B$10,7,0)+IF('Standard Profiles'!$G$18=$B$17,14,0)+IF('Standard Profiles'!$G$18=$B$24,21,0),0)),0)</f>
        <v>4.9965494962668755</v>
      </c>
      <c r="E5382" cm="1">
        <f t="array" ref="E5382">IFERROR(INDEX(Jesper!AI$2:AI$366,ROUNDDOWN($C5382/24,0)+1,1)*INDEX($D$3:$AA$30,INDEX(Jesper!$R$2:$R$366,ROW(INDEX(Jesper!AI$2:AI$366,ROUNDDOWN($C5382/24,0)+1,1))-1)+IF('Standard Profiles'!$G$19=$B$10,7,0)+IF('Standard Profiles'!$G$19=$B$17,14,0)+IF('Standard Profiles'!$G$19=$B$24,21,0),MOD($C5382,24)+1)/SUM(INDEX($D$3:$AA$30,INDEX(Jesper!$R$2:$R$366,ROW(INDEX(Jesper!AI$2:AI$366,ROUNDDOWN($C5382/24,0)+1,1))-1)+IF('Standard Profiles'!$G$19=$B$10,7,0)+IF('Standard Profiles'!$G$19=$B$17,14,0)+IF('Standard Profiles'!$G$19=$B$24,21,0),0)),0)</f>
        <v>2.1825196858893618</v>
      </c>
      <c r="F5382" cm="1">
        <f t="array" ref="F5382">IFERROR(INDEX(Jesper!AJ$2:AJ$366,ROUNDDOWN($C5382/24,0)+1,1)*INDEX($D$3:$AA$30,INDEX(Jesper!$R$2:$R$366,ROW(INDEX(Jesper!AJ$2:AJ$366,ROUNDDOWN($C5382/24,0)+1,1))-1)+IF('Standard Profiles'!$G$20=$B$10,7,0)+IF('Standard Profiles'!$G$20=$B$17,14,0)+IF('Standard Profiles'!$G$20=$B$24,21,0),MOD($C5382,24)+1)/SUM(INDEX($D$3:$AA$30,INDEX(Jesper!$R$2:$R$366,ROW(INDEX(Jesper!AJ$2:AJ$366,ROUNDDOWN($C5382/24,0)+1,1))-1)+IF('Standard Profiles'!$G$20=$B$10,7,0)+IF('Standard Profiles'!$G$20=$B$17,14,0)+IF('Standard Profiles'!$G$20=$B$24,21,0),0)),0)</f>
        <v>0</v>
      </c>
      <c r="G5382" cm="1">
        <f t="array" ref="G5382">IFERROR(INDEX(Jesper!AK$2:AK$366,ROUNDDOWN($C5382/24,0)+1,1)*INDEX($D$3:$AA$30,INDEX(Jesper!$R$2:$R$366,ROW(INDEX(Jesper!AK$2:AK$366,ROUNDDOWN($C5382/24,0)+1,1))-1)+IF('Standard Profiles'!$G$21=$B$10,7,0)+IF('Standard Profiles'!$G$21=$B$17,14,0)+IF('Standard Profiles'!$G$21=$B$24,21,0),MOD($C5382,24)+1)/SUM(INDEX($D$3:$AA$30,INDEX(Jesper!$R$2:$R$366,ROW(INDEX(Jesper!AK$2:AK$366,ROUNDDOWN($C5382/24,0)+1,1))-1)+IF('Standard Profiles'!$G$21=$B$10,7,0)+IF('Standard Profiles'!$G$21=$B$17,14,0)+IF('Standard Profiles'!$G$21=$B$24,21,0),0)),0)</f>
        <v>0.33122622587122547</v>
      </c>
      <c r="H5382" cm="1">
        <f t="array" ref="H5382">IFERROR(INDEX(Jesper!AL$2:AL$366,ROUNDDOWN($C5382/24,0)+1,1)*INDEX($D$3:$AA$30,INDEX(Jesper!$R$2:$R$366,ROW(INDEX(Jesper!AL$2:AL$366,ROUNDDOWN($C5382/24,0)+1,1))-1)+IF('Standard Profiles'!$G$22=$B$10,7,0)+IF('Standard Profiles'!$G$22=$B$17,14,0)+IF('Standard Profiles'!$G$22=$B$24,21,0),MOD($C5382,24)+1)/SUM(INDEX($D$3:$AA$30,INDEX(Jesper!$R$2:$R$366,ROW(INDEX(Jesper!AL$2:AL$366,ROUNDDOWN($C5382/24,0)+1,1))-1)+IF('Standard Profiles'!$G$22=$B$10,7,0)+IF('Standard Profiles'!$G$22=$B$17,14,0)+IF('Standard Profiles'!$G$22=$B$24,21,0),0)),0)</f>
        <v>0</v>
      </c>
      <c r="I5382">
        <f t="shared" si="601"/>
        <v>0.15898858841818814</v>
      </c>
      <c r="J5382">
        <f t="shared" si="602"/>
        <v>6.5518589002065735</v>
      </c>
      <c r="K5382">
        <f t="shared" si="603"/>
        <v>0.53296527960180007</v>
      </c>
      <c r="L5382">
        <f t="shared" si="604"/>
        <v>0.26648263980090003</v>
      </c>
      <c r="M5382">
        <f t="shared" si="605"/>
        <v>0</v>
      </c>
      <c r="N5382" s="45">
        <f t="shared" si="606"/>
        <v>45149.833333320363</v>
      </c>
    </row>
    <row r="5383" spans="2:14" x14ac:dyDescent="0.25">
      <c r="B5383">
        <f t="shared" si="600"/>
        <v>5</v>
      </c>
      <c r="C5383" s="16">
        <v>5349</v>
      </c>
      <c r="D5383" cm="1">
        <f t="array" ref="D5383">IFERROR(INDEX(Jesper!AH$2:AH$366,ROUNDDOWN($C5383/24,0)+1,1)*INDEX($D$3:$AA$30,INDEX(Jesper!$R$2:$R$366,ROW(INDEX(Jesper!AH$2:AH$366,ROUNDDOWN($C5383/24,0)+1,1))-1)+IF('Standard Profiles'!$G$18=$B$10,7,0)+IF('Standard Profiles'!$G$18=$B$17,14,0)+IF('Standard Profiles'!$G$18=$B$24,21,0),MOD($C5383,24)+1)/SUM(INDEX($D$3:$AA$30,INDEX(Jesper!$R$2:$R$366,ROW(INDEX(Jesper!AH$2:AH$366,ROUNDDOWN($C5383/24,0)+1,1))-1)+IF('Standard Profiles'!$G$18=$B$10,7,0)+IF('Standard Profiles'!$G$18=$B$17,14,0)+IF('Standard Profiles'!$G$18=$B$24,21,0),0)),0)</f>
        <v>4.9965494962668755</v>
      </c>
      <c r="E5383" cm="1">
        <f t="array" ref="E5383">IFERROR(INDEX(Jesper!AI$2:AI$366,ROUNDDOWN($C5383/24,0)+1,1)*INDEX($D$3:$AA$30,INDEX(Jesper!$R$2:$R$366,ROW(INDEX(Jesper!AI$2:AI$366,ROUNDDOWN($C5383/24,0)+1,1))-1)+IF('Standard Profiles'!$G$19=$B$10,7,0)+IF('Standard Profiles'!$G$19=$B$17,14,0)+IF('Standard Profiles'!$G$19=$B$24,21,0),MOD($C5383,24)+1)/SUM(INDEX($D$3:$AA$30,INDEX(Jesper!$R$2:$R$366,ROW(INDEX(Jesper!AI$2:AI$366,ROUNDDOWN($C5383/24,0)+1,1))-1)+IF('Standard Profiles'!$G$19=$B$10,7,0)+IF('Standard Profiles'!$G$19=$B$17,14,0)+IF('Standard Profiles'!$G$19=$B$24,21,0),0)),0)</f>
        <v>2.1825196858893618</v>
      </c>
      <c r="F5383" cm="1">
        <f t="array" ref="F5383">IFERROR(INDEX(Jesper!AJ$2:AJ$366,ROUNDDOWN($C5383/24,0)+1,1)*INDEX($D$3:$AA$30,INDEX(Jesper!$R$2:$R$366,ROW(INDEX(Jesper!AJ$2:AJ$366,ROUNDDOWN($C5383/24,0)+1,1))-1)+IF('Standard Profiles'!$G$20=$B$10,7,0)+IF('Standard Profiles'!$G$20=$B$17,14,0)+IF('Standard Profiles'!$G$20=$B$24,21,0),MOD($C5383,24)+1)/SUM(INDEX($D$3:$AA$30,INDEX(Jesper!$R$2:$R$366,ROW(INDEX(Jesper!AJ$2:AJ$366,ROUNDDOWN($C5383/24,0)+1,1))-1)+IF('Standard Profiles'!$G$20=$B$10,7,0)+IF('Standard Profiles'!$G$20=$B$17,14,0)+IF('Standard Profiles'!$G$20=$B$24,21,0),0)),0)</f>
        <v>0</v>
      </c>
      <c r="G5383" cm="1">
        <f t="array" ref="G5383">IFERROR(INDEX(Jesper!AK$2:AK$366,ROUNDDOWN($C5383/24,0)+1,1)*INDEX($D$3:$AA$30,INDEX(Jesper!$R$2:$R$366,ROW(INDEX(Jesper!AK$2:AK$366,ROUNDDOWN($C5383/24,0)+1,1))-1)+IF('Standard Profiles'!$G$21=$B$10,7,0)+IF('Standard Profiles'!$G$21=$B$17,14,0)+IF('Standard Profiles'!$G$21=$B$24,21,0),MOD($C5383,24)+1)/SUM(INDEX($D$3:$AA$30,INDEX(Jesper!$R$2:$R$366,ROW(INDEX(Jesper!AK$2:AK$366,ROUNDDOWN($C5383/24,0)+1,1))-1)+IF('Standard Profiles'!$G$21=$B$10,7,0)+IF('Standard Profiles'!$G$21=$B$17,14,0)+IF('Standard Profiles'!$G$21=$B$24,21,0),0)),0)</f>
        <v>0.33122622587122547</v>
      </c>
      <c r="H5383" cm="1">
        <f t="array" ref="H5383">IFERROR(INDEX(Jesper!AL$2:AL$366,ROUNDDOWN($C5383/24,0)+1,1)*INDEX($D$3:$AA$30,INDEX(Jesper!$R$2:$R$366,ROW(INDEX(Jesper!AL$2:AL$366,ROUNDDOWN($C5383/24,0)+1,1))-1)+IF('Standard Profiles'!$G$22=$B$10,7,0)+IF('Standard Profiles'!$G$22=$B$17,14,0)+IF('Standard Profiles'!$G$22=$B$24,21,0),MOD($C5383,24)+1)/SUM(INDEX($D$3:$AA$30,INDEX(Jesper!$R$2:$R$366,ROW(INDEX(Jesper!AL$2:AL$366,ROUNDDOWN($C5383/24,0)+1,1))-1)+IF('Standard Profiles'!$G$22=$B$10,7,0)+IF('Standard Profiles'!$G$22=$B$17,14,0)+IF('Standard Profiles'!$G$22=$B$24,21,0),0)),0)</f>
        <v>0</v>
      </c>
      <c r="I5383">
        <f t="shared" si="601"/>
        <v>0.15898858841818814</v>
      </c>
      <c r="J5383">
        <f t="shared" si="602"/>
        <v>6.5518589002065735</v>
      </c>
      <c r="K5383">
        <f t="shared" si="603"/>
        <v>0.53296527960180007</v>
      </c>
      <c r="L5383">
        <f t="shared" si="604"/>
        <v>0.26648263980090003</v>
      </c>
      <c r="M5383">
        <f t="shared" si="605"/>
        <v>0</v>
      </c>
      <c r="N5383" s="45">
        <f t="shared" si="606"/>
        <v>45149.874999987027</v>
      </c>
    </row>
    <row r="5384" spans="2:14" x14ac:dyDescent="0.25">
      <c r="B5384">
        <f t="shared" si="600"/>
        <v>5</v>
      </c>
      <c r="C5384" s="16">
        <v>5350</v>
      </c>
      <c r="D5384" cm="1">
        <f t="array" ref="D5384">IFERROR(INDEX(Jesper!AH$2:AH$366,ROUNDDOWN($C5384/24,0)+1,1)*INDEX($D$3:$AA$30,INDEX(Jesper!$R$2:$R$366,ROW(INDEX(Jesper!AH$2:AH$366,ROUNDDOWN($C5384/24,0)+1,1))-1)+IF('Standard Profiles'!$G$18=$B$10,7,0)+IF('Standard Profiles'!$G$18=$B$17,14,0)+IF('Standard Profiles'!$G$18=$B$24,21,0),MOD($C5384,24)+1)/SUM(INDEX($D$3:$AA$30,INDEX(Jesper!$R$2:$R$366,ROW(INDEX(Jesper!AH$2:AH$366,ROUNDDOWN($C5384/24,0)+1,1))-1)+IF('Standard Profiles'!$G$18=$B$10,7,0)+IF('Standard Profiles'!$G$18=$B$17,14,0)+IF('Standard Profiles'!$G$18=$B$24,21,0),0)),0)</f>
        <v>4.9965494962668755</v>
      </c>
      <c r="E5384" cm="1">
        <f t="array" ref="E5384">IFERROR(INDEX(Jesper!AI$2:AI$366,ROUNDDOWN($C5384/24,0)+1,1)*INDEX($D$3:$AA$30,INDEX(Jesper!$R$2:$R$366,ROW(INDEX(Jesper!AI$2:AI$366,ROUNDDOWN($C5384/24,0)+1,1))-1)+IF('Standard Profiles'!$G$19=$B$10,7,0)+IF('Standard Profiles'!$G$19=$B$17,14,0)+IF('Standard Profiles'!$G$19=$B$24,21,0),MOD($C5384,24)+1)/SUM(INDEX($D$3:$AA$30,INDEX(Jesper!$R$2:$R$366,ROW(INDEX(Jesper!AI$2:AI$366,ROUNDDOWN($C5384/24,0)+1,1))-1)+IF('Standard Profiles'!$G$19=$B$10,7,0)+IF('Standard Profiles'!$G$19=$B$17,14,0)+IF('Standard Profiles'!$G$19=$B$24,21,0),0)),0)</f>
        <v>2.1825196858893618</v>
      </c>
      <c r="F5384" cm="1">
        <f t="array" ref="F5384">IFERROR(INDEX(Jesper!AJ$2:AJ$366,ROUNDDOWN($C5384/24,0)+1,1)*INDEX($D$3:$AA$30,INDEX(Jesper!$R$2:$R$366,ROW(INDEX(Jesper!AJ$2:AJ$366,ROUNDDOWN($C5384/24,0)+1,1))-1)+IF('Standard Profiles'!$G$20=$B$10,7,0)+IF('Standard Profiles'!$G$20=$B$17,14,0)+IF('Standard Profiles'!$G$20=$B$24,21,0),MOD($C5384,24)+1)/SUM(INDEX($D$3:$AA$30,INDEX(Jesper!$R$2:$R$366,ROW(INDEX(Jesper!AJ$2:AJ$366,ROUNDDOWN($C5384/24,0)+1,1))-1)+IF('Standard Profiles'!$G$20=$B$10,7,0)+IF('Standard Profiles'!$G$20=$B$17,14,0)+IF('Standard Profiles'!$G$20=$B$24,21,0),0)),0)</f>
        <v>0</v>
      </c>
      <c r="G5384" cm="1">
        <f t="array" ref="G5384">IFERROR(INDEX(Jesper!AK$2:AK$366,ROUNDDOWN($C5384/24,0)+1,1)*INDEX($D$3:$AA$30,INDEX(Jesper!$R$2:$R$366,ROW(INDEX(Jesper!AK$2:AK$366,ROUNDDOWN($C5384/24,0)+1,1))-1)+IF('Standard Profiles'!$G$21=$B$10,7,0)+IF('Standard Profiles'!$G$21=$B$17,14,0)+IF('Standard Profiles'!$G$21=$B$24,21,0),MOD($C5384,24)+1)/SUM(INDEX($D$3:$AA$30,INDEX(Jesper!$R$2:$R$366,ROW(INDEX(Jesper!AK$2:AK$366,ROUNDDOWN($C5384/24,0)+1,1))-1)+IF('Standard Profiles'!$G$21=$B$10,7,0)+IF('Standard Profiles'!$G$21=$B$17,14,0)+IF('Standard Profiles'!$G$21=$B$24,21,0),0)),0)</f>
        <v>0.33122622587122547</v>
      </c>
      <c r="H5384" cm="1">
        <f t="array" ref="H5384">IFERROR(INDEX(Jesper!AL$2:AL$366,ROUNDDOWN($C5384/24,0)+1,1)*INDEX($D$3:$AA$30,INDEX(Jesper!$R$2:$R$366,ROW(INDEX(Jesper!AL$2:AL$366,ROUNDDOWN($C5384/24,0)+1,1))-1)+IF('Standard Profiles'!$G$22=$B$10,7,0)+IF('Standard Profiles'!$G$22=$B$17,14,0)+IF('Standard Profiles'!$G$22=$B$24,21,0),MOD($C5384,24)+1)/SUM(INDEX($D$3:$AA$30,INDEX(Jesper!$R$2:$R$366,ROW(INDEX(Jesper!AL$2:AL$366,ROUNDDOWN($C5384/24,0)+1,1))-1)+IF('Standard Profiles'!$G$22=$B$10,7,0)+IF('Standard Profiles'!$G$22=$B$17,14,0)+IF('Standard Profiles'!$G$22=$B$24,21,0),0)),0)</f>
        <v>0</v>
      </c>
      <c r="I5384">
        <f t="shared" si="601"/>
        <v>0.15898858841818814</v>
      </c>
      <c r="J5384">
        <f t="shared" si="602"/>
        <v>6.5518589002065735</v>
      </c>
      <c r="K5384">
        <f t="shared" si="603"/>
        <v>0.53296527960180007</v>
      </c>
      <c r="L5384">
        <f t="shared" si="604"/>
        <v>0.26648263980090003</v>
      </c>
      <c r="M5384">
        <f t="shared" si="605"/>
        <v>0</v>
      </c>
      <c r="N5384" s="45">
        <f t="shared" si="606"/>
        <v>45149.916666653691</v>
      </c>
    </row>
    <row r="5385" spans="2:14" x14ac:dyDescent="0.25">
      <c r="B5385">
        <f t="shared" si="600"/>
        <v>5</v>
      </c>
      <c r="C5385" s="16">
        <v>5351</v>
      </c>
      <c r="D5385" cm="1">
        <f t="array" ref="D5385">IFERROR(INDEX(Jesper!AH$2:AH$366,ROUNDDOWN($C5385/24,0)+1,1)*INDEX($D$3:$AA$30,INDEX(Jesper!$R$2:$R$366,ROW(INDEX(Jesper!AH$2:AH$366,ROUNDDOWN($C5385/24,0)+1,1))-1)+IF('Standard Profiles'!$G$18=$B$10,7,0)+IF('Standard Profiles'!$G$18=$B$17,14,0)+IF('Standard Profiles'!$G$18=$B$24,21,0),MOD($C5385,24)+1)/SUM(INDEX($D$3:$AA$30,INDEX(Jesper!$R$2:$R$366,ROW(INDEX(Jesper!AH$2:AH$366,ROUNDDOWN($C5385/24,0)+1,1))-1)+IF('Standard Profiles'!$G$18=$B$10,7,0)+IF('Standard Profiles'!$G$18=$B$17,14,0)+IF('Standard Profiles'!$G$18=$B$24,21,0),0)),0)</f>
        <v>4.9965494962668755</v>
      </c>
      <c r="E5385" cm="1">
        <f t="array" ref="E5385">IFERROR(INDEX(Jesper!AI$2:AI$366,ROUNDDOWN($C5385/24,0)+1,1)*INDEX($D$3:$AA$30,INDEX(Jesper!$R$2:$R$366,ROW(INDEX(Jesper!AI$2:AI$366,ROUNDDOWN($C5385/24,0)+1,1))-1)+IF('Standard Profiles'!$G$19=$B$10,7,0)+IF('Standard Profiles'!$G$19=$B$17,14,0)+IF('Standard Profiles'!$G$19=$B$24,21,0),MOD($C5385,24)+1)/SUM(INDEX($D$3:$AA$30,INDEX(Jesper!$R$2:$R$366,ROW(INDEX(Jesper!AI$2:AI$366,ROUNDDOWN($C5385/24,0)+1,1))-1)+IF('Standard Profiles'!$G$19=$B$10,7,0)+IF('Standard Profiles'!$G$19=$B$17,14,0)+IF('Standard Profiles'!$G$19=$B$24,21,0),0)),0)</f>
        <v>2.1825196858893618</v>
      </c>
      <c r="F5385" cm="1">
        <f t="array" ref="F5385">IFERROR(INDEX(Jesper!AJ$2:AJ$366,ROUNDDOWN($C5385/24,0)+1,1)*INDEX($D$3:$AA$30,INDEX(Jesper!$R$2:$R$366,ROW(INDEX(Jesper!AJ$2:AJ$366,ROUNDDOWN($C5385/24,0)+1,1))-1)+IF('Standard Profiles'!$G$20=$B$10,7,0)+IF('Standard Profiles'!$G$20=$B$17,14,0)+IF('Standard Profiles'!$G$20=$B$24,21,0),MOD($C5385,24)+1)/SUM(INDEX($D$3:$AA$30,INDEX(Jesper!$R$2:$R$366,ROW(INDEX(Jesper!AJ$2:AJ$366,ROUNDDOWN($C5385/24,0)+1,1))-1)+IF('Standard Profiles'!$G$20=$B$10,7,0)+IF('Standard Profiles'!$G$20=$B$17,14,0)+IF('Standard Profiles'!$G$20=$B$24,21,0),0)),0)</f>
        <v>0</v>
      </c>
      <c r="G5385" cm="1">
        <f t="array" ref="G5385">IFERROR(INDEX(Jesper!AK$2:AK$366,ROUNDDOWN($C5385/24,0)+1,1)*INDEX($D$3:$AA$30,INDEX(Jesper!$R$2:$R$366,ROW(INDEX(Jesper!AK$2:AK$366,ROUNDDOWN($C5385/24,0)+1,1))-1)+IF('Standard Profiles'!$G$21=$B$10,7,0)+IF('Standard Profiles'!$G$21=$B$17,14,0)+IF('Standard Profiles'!$G$21=$B$24,21,0),MOD($C5385,24)+1)/SUM(INDEX($D$3:$AA$30,INDEX(Jesper!$R$2:$R$366,ROW(INDEX(Jesper!AK$2:AK$366,ROUNDDOWN($C5385/24,0)+1,1))-1)+IF('Standard Profiles'!$G$21=$B$10,7,0)+IF('Standard Profiles'!$G$21=$B$17,14,0)+IF('Standard Profiles'!$G$21=$B$24,21,0),0)),0)</f>
        <v>0.33122622587122547</v>
      </c>
      <c r="H5385" cm="1">
        <f t="array" ref="H5385">IFERROR(INDEX(Jesper!AL$2:AL$366,ROUNDDOWN($C5385/24,0)+1,1)*INDEX($D$3:$AA$30,INDEX(Jesper!$R$2:$R$366,ROW(INDEX(Jesper!AL$2:AL$366,ROUNDDOWN($C5385/24,0)+1,1))-1)+IF('Standard Profiles'!$G$22=$B$10,7,0)+IF('Standard Profiles'!$G$22=$B$17,14,0)+IF('Standard Profiles'!$G$22=$B$24,21,0),MOD($C5385,24)+1)/SUM(INDEX($D$3:$AA$30,INDEX(Jesper!$R$2:$R$366,ROW(INDEX(Jesper!AL$2:AL$366,ROUNDDOWN($C5385/24,0)+1,1))-1)+IF('Standard Profiles'!$G$22=$B$10,7,0)+IF('Standard Profiles'!$G$22=$B$17,14,0)+IF('Standard Profiles'!$G$22=$B$24,21,0),0)),0)</f>
        <v>0</v>
      </c>
      <c r="I5385">
        <f t="shared" si="601"/>
        <v>0.15898858841818814</v>
      </c>
      <c r="J5385">
        <f t="shared" si="602"/>
        <v>6.5518589002065735</v>
      </c>
      <c r="K5385">
        <f t="shared" si="603"/>
        <v>0.53296527960180007</v>
      </c>
      <c r="L5385">
        <f t="shared" si="604"/>
        <v>0.26648263980090003</v>
      </c>
      <c r="M5385">
        <f t="shared" si="605"/>
        <v>0</v>
      </c>
      <c r="N5385" s="45">
        <f t="shared" si="606"/>
        <v>45149.958333320355</v>
      </c>
    </row>
    <row r="5386" spans="2:14" x14ac:dyDescent="0.25">
      <c r="B5386">
        <f t="shared" si="600"/>
        <v>6</v>
      </c>
      <c r="C5386" s="16">
        <v>5352</v>
      </c>
      <c r="D5386" cm="1">
        <f t="array" ref="D5386">IFERROR(INDEX(Jesper!AH$2:AH$366,ROUNDDOWN($C5386/24,0)+1,1)*INDEX($D$3:$AA$30,INDEX(Jesper!$R$2:$R$366,ROW(INDEX(Jesper!AH$2:AH$366,ROUNDDOWN($C5386/24,0)+1,1))-1)+IF('Standard Profiles'!$G$18=$B$10,7,0)+IF('Standard Profiles'!$G$18=$B$17,14,0)+IF('Standard Profiles'!$G$18=$B$24,21,0),MOD($C5386,24)+1)/SUM(INDEX($D$3:$AA$30,INDEX(Jesper!$R$2:$R$366,ROW(INDEX(Jesper!AH$2:AH$366,ROUNDDOWN($C5386/24,0)+1,1))-1)+IF('Standard Profiles'!$G$18=$B$10,7,0)+IF('Standard Profiles'!$G$18=$B$17,14,0)+IF('Standard Profiles'!$G$18=$B$24,21,0),0)),0)</f>
        <v>0</v>
      </c>
      <c r="E5386" cm="1">
        <f t="array" ref="E5386">IFERROR(INDEX(Jesper!AI$2:AI$366,ROUNDDOWN($C5386/24,0)+1,1)*INDEX($D$3:$AA$30,INDEX(Jesper!$R$2:$R$366,ROW(INDEX(Jesper!AI$2:AI$366,ROUNDDOWN($C5386/24,0)+1,1))-1)+IF('Standard Profiles'!$G$19=$B$10,7,0)+IF('Standard Profiles'!$G$19=$B$17,14,0)+IF('Standard Profiles'!$G$19=$B$24,21,0),MOD($C5386,24)+1)/SUM(INDEX($D$3:$AA$30,INDEX(Jesper!$R$2:$R$366,ROW(INDEX(Jesper!AI$2:AI$366,ROUNDDOWN($C5386/24,0)+1,1))-1)+IF('Standard Profiles'!$G$19=$B$10,7,0)+IF('Standard Profiles'!$G$19=$B$17,14,0)+IF('Standard Profiles'!$G$19=$B$24,21,0),0)),0)</f>
        <v>2.9976964894212736</v>
      </c>
      <c r="F5386" cm="1">
        <f t="array" ref="F5386">IFERROR(INDEX(Jesper!AJ$2:AJ$366,ROUNDDOWN($C5386/24,0)+1,1)*INDEX($D$3:$AA$30,INDEX(Jesper!$R$2:$R$366,ROW(INDEX(Jesper!AJ$2:AJ$366,ROUNDDOWN($C5386/24,0)+1,1))-1)+IF('Standard Profiles'!$G$20=$B$10,7,0)+IF('Standard Profiles'!$G$20=$B$17,14,0)+IF('Standard Profiles'!$G$20=$B$24,21,0),MOD($C5386,24)+1)/SUM(INDEX($D$3:$AA$30,INDEX(Jesper!$R$2:$R$366,ROW(INDEX(Jesper!AJ$2:AJ$366,ROUNDDOWN($C5386/24,0)+1,1))-1)+IF('Standard Profiles'!$G$20=$B$10,7,0)+IF('Standard Profiles'!$G$20=$B$17,14,0)+IF('Standard Profiles'!$G$20=$B$24,21,0),0)),0)</f>
        <v>1.1459908440000177</v>
      </c>
      <c r="G5386" cm="1">
        <f t="array" ref="G5386">IFERROR(INDEX(Jesper!AK$2:AK$366,ROUNDDOWN($C5386/24,0)+1,1)*INDEX($D$3:$AA$30,INDEX(Jesper!$R$2:$R$366,ROW(INDEX(Jesper!AK$2:AK$366,ROUNDDOWN($C5386/24,0)+1,1))-1)+IF('Standard Profiles'!$G$21=$B$10,7,0)+IF('Standard Profiles'!$G$21=$B$17,14,0)+IF('Standard Profiles'!$G$21=$B$24,21,0),MOD($C5386,24)+1)/SUM(INDEX($D$3:$AA$30,INDEX(Jesper!$R$2:$R$366,ROW(INDEX(Jesper!AK$2:AK$366,ROUNDDOWN($C5386/24,0)+1,1))-1)+IF('Standard Profiles'!$G$21=$B$10,7,0)+IF('Standard Profiles'!$G$21=$B$17,14,0)+IF('Standard Profiles'!$G$21=$B$24,21,0),0)),0)</f>
        <v>0.49884809749351161</v>
      </c>
      <c r="H5386" cm="1">
        <f t="array" ref="H5386">IFERROR(INDEX(Jesper!AL$2:AL$366,ROUNDDOWN($C5386/24,0)+1,1)*INDEX($D$3:$AA$30,INDEX(Jesper!$R$2:$R$366,ROW(INDEX(Jesper!AL$2:AL$366,ROUNDDOWN($C5386/24,0)+1,1))-1)+IF('Standard Profiles'!$G$22=$B$10,7,0)+IF('Standard Profiles'!$G$22=$B$17,14,0)+IF('Standard Profiles'!$G$22=$B$24,21,0),MOD($C5386,24)+1)/SUM(INDEX($D$3:$AA$30,INDEX(Jesper!$R$2:$R$366,ROW(INDEX(Jesper!AL$2:AL$366,ROUNDDOWN($C5386/24,0)+1,1))-1)+IF('Standard Profiles'!$G$22=$B$10,7,0)+IF('Standard Profiles'!$G$22=$B$17,14,0)+IF('Standard Profiles'!$G$22=$B$24,21,0),0)),0)</f>
        <v>5.2508288794396764E-2</v>
      </c>
      <c r="I5386">
        <f t="shared" si="601"/>
        <v>5.040795724262092E-2</v>
      </c>
      <c r="J5386">
        <f t="shared" si="602"/>
        <v>4.2849121837360258</v>
      </c>
      <c r="K5386">
        <f t="shared" si="603"/>
        <v>0.2398157191537019</v>
      </c>
      <c r="L5386">
        <f t="shared" si="604"/>
        <v>0.11990785957685095</v>
      </c>
      <c r="M5386">
        <f t="shared" si="605"/>
        <v>0</v>
      </c>
      <c r="N5386" s="45">
        <f t="shared" si="606"/>
        <v>45149.99999998702</v>
      </c>
    </row>
    <row r="5387" spans="2:14" x14ac:dyDescent="0.25">
      <c r="B5387">
        <f t="shared" si="600"/>
        <v>6</v>
      </c>
      <c r="C5387" s="16">
        <v>5353</v>
      </c>
      <c r="D5387" cm="1">
        <f t="array" ref="D5387">IFERROR(INDEX(Jesper!AH$2:AH$366,ROUNDDOWN($C5387/24,0)+1,1)*INDEX($D$3:$AA$30,INDEX(Jesper!$R$2:$R$366,ROW(INDEX(Jesper!AH$2:AH$366,ROUNDDOWN($C5387/24,0)+1,1))-1)+IF('Standard Profiles'!$G$18=$B$10,7,0)+IF('Standard Profiles'!$G$18=$B$17,14,0)+IF('Standard Profiles'!$G$18=$B$24,21,0),MOD($C5387,24)+1)/SUM(INDEX($D$3:$AA$30,INDEX(Jesper!$R$2:$R$366,ROW(INDEX(Jesper!AH$2:AH$366,ROUNDDOWN($C5387/24,0)+1,1))-1)+IF('Standard Profiles'!$G$18=$B$10,7,0)+IF('Standard Profiles'!$G$18=$B$17,14,0)+IF('Standard Profiles'!$G$18=$B$24,21,0),0)),0)</f>
        <v>0</v>
      </c>
      <c r="E5387" cm="1">
        <f t="array" ref="E5387">IFERROR(INDEX(Jesper!AI$2:AI$366,ROUNDDOWN($C5387/24,0)+1,1)*INDEX($D$3:$AA$30,INDEX(Jesper!$R$2:$R$366,ROW(INDEX(Jesper!AI$2:AI$366,ROUNDDOWN($C5387/24,0)+1,1))-1)+IF('Standard Profiles'!$G$19=$B$10,7,0)+IF('Standard Profiles'!$G$19=$B$17,14,0)+IF('Standard Profiles'!$G$19=$B$24,21,0),MOD($C5387,24)+1)/SUM(INDEX($D$3:$AA$30,INDEX(Jesper!$R$2:$R$366,ROW(INDEX(Jesper!AI$2:AI$366,ROUNDDOWN($C5387/24,0)+1,1))-1)+IF('Standard Profiles'!$G$19=$B$10,7,0)+IF('Standard Profiles'!$G$19=$B$17,14,0)+IF('Standard Profiles'!$G$19=$B$24,21,0),0)),0)</f>
        <v>2.6979268404791461</v>
      </c>
      <c r="F5387" cm="1">
        <f t="array" ref="F5387">IFERROR(INDEX(Jesper!AJ$2:AJ$366,ROUNDDOWN($C5387/24,0)+1,1)*INDEX($D$3:$AA$30,INDEX(Jesper!$R$2:$R$366,ROW(INDEX(Jesper!AJ$2:AJ$366,ROUNDDOWN($C5387/24,0)+1,1))-1)+IF('Standard Profiles'!$G$20=$B$10,7,0)+IF('Standard Profiles'!$G$20=$B$17,14,0)+IF('Standard Profiles'!$G$20=$B$24,21,0),MOD($C5387,24)+1)/SUM(INDEX($D$3:$AA$30,INDEX(Jesper!$R$2:$R$366,ROW(INDEX(Jesper!AJ$2:AJ$366,ROUNDDOWN($C5387/24,0)+1,1))-1)+IF('Standard Profiles'!$G$20=$B$10,7,0)+IF('Standard Profiles'!$G$20=$B$17,14,0)+IF('Standard Profiles'!$G$20=$B$24,21,0),0)),0)</f>
        <v>1.0313917596000159</v>
      </c>
      <c r="G5387" cm="1">
        <f t="array" ref="G5387">IFERROR(INDEX(Jesper!AK$2:AK$366,ROUNDDOWN($C5387/24,0)+1,1)*INDEX($D$3:$AA$30,INDEX(Jesper!$R$2:$R$366,ROW(INDEX(Jesper!AK$2:AK$366,ROUNDDOWN($C5387/24,0)+1,1))-1)+IF('Standard Profiles'!$G$21=$B$10,7,0)+IF('Standard Profiles'!$G$21=$B$17,14,0)+IF('Standard Profiles'!$G$21=$B$24,21,0),MOD($C5387,24)+1)/SUM(INDEX($D$3:$AA$30,INDEX(Jesper!$R$2:$R$366,ROW(INDEX(Jesper!AK$2:AK$366,ROUNDDOWN($C5387/24,0)+1,1))-1)+IF('Standard Profiles'!$G$21=$B$10,7,0)+IF('Standard Profiles'!$G$21=$B$17,14,0)+IF('Standard Profiles'!$G$21=$B$24,21,0),0)),0)</f>
        <v>0.49884809749351161</v>
      </c>
      <c r="H5387" cm="1">
        <f t="array" ref="H5387">IFERROR(INDEX(Jesper!AL$2:AL$366,ROUNDDOWN($C5387/24,0)+1,1)*INDEX($D$3:$AA$30,INDEX(Jesper!$R$2:$R$366,ROW(INDEX(Jesper!AL$2:AL$366,ROUNDDOWN($C5387/24,0)+1,1))-1)+IF('Standard Profiles'!$G$22=$B$10,7,0)+IF('Standard Profiles'!$G$22=$B$17,14,0)+IF('Standard Profiles'!$G$22=$B$24,21,0),MOD($C5387,24)+1)/SUM(INDEX($D$3:$AA$30,INDEX(Jesper!$R$2:$R$366,ROW(INDEX(Jesper!AL$2:AL$366,ROUNDDOWN($C5387/24,0)+1,1))-1)+IF('Standard Profiles'!$G$22=$B$10,7,0)+IF('Standard Profiles'!$G$22=$B$17,14,0)+IF('Standard Profiles'!$G$22=$B$24,21,0),0)),0)</f>
        <v>0.10251618288429847</v>
      </c>
      <c r="I5387">
        <f t="shared" si="601"/>
        <v>9.8415535568926585E-2</v>
      </c>
      <c r="J5387">
        <f t="shared" si="602"/>
        <v>3.9085161240305482</v>
      </c>
      <c r="K5387">
        <f t="shared" si="603"/>
        <v>0.21583414723833169</v>
      </c>
      <c r="L5387">
        <f t="shared" si="604"/>
        <v>0.10791707361916585</v>
      </c>
      <c r="M5387">
        <f t="shared" si="605"/>
        <v>0</v>
      </c>
      <c r="N5387" s="45">
        <f t="shared" si="606"/>
        <v>45150.041666653684</v>
      </c>
    </row>
    <row r="5388" spans="2:14" x14ac:dyDescent="0.25">
      <c r="B5388">
        <f t="shared" si="600"/>
        <v>6</v>
      </c>
      <c r="C5388" s="16">
        <v>5354</v>
      </c>
      <c r="D5388" cm="1">
        <f t="array" ref="D5388">IFERROR(INDEX(Jesper!AH$2:AH$366,ROUNDDOWN($C5388/24,0)+1,1)*INDEX($D$3:$AA$30,INDEX(Jesper!$R$2:$R$366,ROW(INDEX(Jesper!AH$2:AH$366,ROUNDDOWN($C5388/24,0)+1,1))-1)+IF('Standard Profiles'!$G$18=$B$10,7,0)+IF('Standard Profiles'!$G$18=$B$17,14,0)+IF('Standard Profiles'!$G$18=$B$24,21,0),MOD($C5388,24)+1)/SUM(INDEX($D$3:$AA$30,INDEX(Jesper!$R$2:$R$366,ROW(INDEX(Jesper!AH$2:AH$366,ROUNDDOWN($C5388/24,0)+1,1))-1)+IF('Standard Profiles'!$G$18=$B$10,7,0)+IF('Standard Profiles'!$G$18=$B$17,14,0)+IF('Standard Profiles'!$G$18=$B$24,21,0),0)),0)</f>
        <v>0</v>
      </c>
      <c r="E5388" cm="1">
        <f t="array" ref="E5388">IFERROR(INDEX(Jesper!AI$2:AI$366,ROUNDDOWN($C5388/24,0)+1,1)*INDEX($D$3:$AA$30,INDEX(Jesper!$R$2:$R$366,ROW(INDEX(Jesper!AI$2:AI$366,ROUNDDOWN($C5388/24,0)+1,1))-1)+IF('Standard Profiles'!$G$19=$B$10,7,0)+IF('Standard Profiles'!$G$19=$B$17,14,0)+IF('Standard Profiles'!$G$19=$B$24,21,0),MOD($C5388,24)+1)/SUM(INDEX($D$3:$AA$30,INDEX(Jesper!$R$2:$R$366,ROW(INDEX(Jesper!AI$2:AI$366,ROUNDDOWN($C5388/24,0)+1,1))-1)+IF('Standard Profiles'!$G$19=$B$10,7,0)+IF('Standard Profiles'!$G$19=$B$17,14,0)+IF('Standard Profiles'!$G$19=$B$24,21,0),0)),0)</f>
        <v>2.6979268404791461</v>
      </c>
      <c r="F5388" cm="1">
        <f t="array" ref="F5388">IFERROR(INDEX(Jesper!AJ$2:AJ$366,ROUNDDOWN($C5388/24,0)+1,1)*INDEX($D$3:$AA$30,INDEX(Jesper!$R$2:$R$366,ROW(INDEX(Jesper!AJ$2:AJ$366,ROUNDDOWN($C5388/24,0)+1,1))-1)+IF('Standard Profiles'!$G$20=$B$10,7,0)+IF('Standard Profiles'!$G$20=$B$17,14,0)+IF('Standard Profiles'!$G$20=$B$24,21,0),MOD($C5388,24)+1)/SUM(INDEX($D$3:$AA$30,INDEX(Jesper!$R$2:$R$366,ROW(INDEX(Jesper!AJ$2:AJ$366,ROUNDDOWN($C5388/24,0)+1,1))-1)+IF('Standard Profiles'!$G$20=$B$10,7,0)+IF('Standard Profiles'!$G$20=$B$17,14,0)+IF('Standard Profiles'!$G$20=$B$24,21,0),0)),0)</f>
        <v>1.0313917596000159</v>
      </c>
      <c r="G5388" cm="1">
        <f t="array" ref="G5388">IFERROR(INDEX(Jesper!AK$2:AK$366,ROUNDDOWN($C5388/24,0)+1,1)*INDEX($D$3:$AA$30,INDEX(Jesper!$R$2:$R$366,ROW(INDEX(Jesper!AK$2:AK$366,ROUNDDOWN($C5388/24,0)+1,1))-1)+IF('Standard Profiles'!$G$21=$B$10,7,0)+IF('Standard Profiles'!$G$21=$B$17,14,0)+IF('Standard Profiles'!$G$21=$B$24,21,0),MOD($C5388,24)+1)/SUM(INDEX($D$3:$AA$30,INDEX(Jesper!$R$2:$R$366,ROW(INDEX(Jesper!AK$2:AK$366,ROUNDDOWN($C5388/24,0)+1,1))-1)+IF('Standard Profiles'!$G$21=$B$10,7,0)+IF('Standard Profiles'!$G$21=$B$17,14,0)+IF('Standard Profiles'!$G$21=$B$24,21,0),0)),0)</f>
        <v>0.49884809749351161</v>
      </c>
      <c r="H5388" cm="1">
        <f t="array" ref="H5388">IFERROR(INDEX(Jesper!AL$2:AL$366,ROUNDDOWN($C5388/24,0)+1,1)*INDEX($D$3:$AA$30,INDEX(Jesper!$R$2:$R$366,ROW(INDEX(Jesper!AL$2:AL$366,ROUNDDOWN($C5388/24,0)+1,1))-1)+IF('Standard Profiles'!$G$22=$B$10,7,0)+IF('Standard Profiles'!$G$22=$B$17,14,0)+IF('Standard Profiles'!$G$22=$B$24,21,0),MOD($C5388,24)+1)/SUM(INDEX($D$3:$AA$30,INDEX(Jesper!$R$2:$R$366,ROW(INDEX(Jesper!AL$2:AL$366,ROUNDDOWN($C5388/24,0)+1,1))-1)+IF('Standard Profiles'!$G$22=$B$10,7,0)+IF('Standard Profiles'!$G$22=$B$17,14,0)+IF('Standard Profiles'!$G$22=$B$24,21,0),0)),0)</f>
        <v>0.10251618288429847</v>
      </c>
      <c r="I5388">
        <f t="shared" si="601"/>
        <v>9.8415535568926585E-2</v>
      </c>
      <c r="J5388">
        <f t="shared" si="602"/>
        <v>3.9085161240305482</v>
      </c>
      <c r="K5388">
        <f t="shared" si="603"/>
        <v>0.21583414723833169</v>
      </c>
      <c r="L5388">
        <f t="shared" si="604"/>
        <v>0.10791707361916585</v>
      </c>
      <c r="M5388">
        <f t="shared" si="605"/>
        <v>0</v>
      </c>
      <c r="N5388" s="45">
        <f t="shared" si="606"/>
        <v>45150.083333320348</v>
      </c>
    </row>
    <row r="5389" spans="2:14" x14ac:dyDescent="0.25">
      <c r="B5389">
        <f t="shared" si="600"/>
        <v>6</v>
      </c>
      <c r="C5389" s="16">
        <v>5355</v>
      </c>
      <c r="D5389" cm="1">
        <f t="array" ref="D5389">IFERROR(INDEX(Jesper!AH$2:AH$366,ROUNDDOWN($C5389/24,0)+1,1)*INDEX($D$3:$AA$30,INDEX(Jesper!$R$2:$R$366,ROW(INDEX(Jesper!AH$2:AH$366,ROUNDDOWN($C5389/24,0)+1,1))-1)+IF('Standard Profiles'!$G$18=$B$10,7,0)+IF('Standard Profiles'!$G$18=$B$17,14,0)+IF('Standard Profiles'!$G$18=$B$24,21,0),MOD($C5389,24)+1)/SUM(INDEX($D$3:$AA$30,INDEX(Jesper!$R$2:$R$366,ROW(INDEX(Jesper!AH$2:AH$366,ROUNDDOWN($C5389/24,0)+1,1))-1)+IF('Standard Profiles'!$G$18=$B$10,7,0)+IF('Standard Profiles'!$G$18=$B$17,14,0)+IF('Standard Profiles'!$G$18=$B$24,21,0),0)),0)</f>
        <v>0</v>
      </c>
      <c r="E5389" cm="1">
        <f t="array" ref="E5389">IFERROR(INDEX(Jesper!AI$2:AI$366,ROUNDDOWN($C5389/24,0)+1,1)*INDEX($D$3:$AA$30,INDEX(Jesper!$R$2:$R$366,ROW(INDEX(Jesper!AI$2:AI$366,ROUNDDOWN($C5389/24,0)+1,1))-1)+IF('Standard Profiles'!$G$19=$B$10,7,0)+IF('Standard Profiles'!$G$19=$B$17,14,0)+IF('Standard Profiles'!$G$19=$B$24,21,0),MOD($C5389,24)+1)/SUM(INDEX($D$3:$AA$30,INDEX(Jesper!$R$2:$R$366,ROW(INDEX(Jesper!AI$2:AI$366,ROUNDDOWN($C5389/24,0)+1,1))-1)+IF('Standard Profiles'!$G$19=$B$10,7,0)+IF('Standard Profiles'!$G$19=$B$17,14,0)+IF('Standard Profiles'!$G$19=$B$24,21,0),0)),0)</f>
        <v>2.6979268404791461</v>
      </c>
      <c r="F5389" cm="1">
        <f t="array" ref="F5389">IFERROR(INDEX(Jesper!AJ$2:AJ$366,ROUNDDOWN($C5389/24,0)+1,1)*INDEX($D$3:$AA$30,INDEX(Jesper!$R$2:$R$366,ROW(INDEX(Jesper!AJ$2:AJ$366,ROUNDDOWN($C5389/24,0)+1,1))-1)+IF('Standard Profiles'!$G$20=$B$10,7,0)+IF('Standard Profiles'!$G$20=$B$17,14,0)+IF('Standard Profiles'!$G$20=$B$24,21,0),MOD($C5389,24)+1)/SUM(INDEX($D$3:$AA$30,INDEX(Jesper!$R$2:$R$366,ROW(INDEX(Jesper!AJ$2:AJ$366,ROUNDDOWN($C5389/24,0)+1,1))-1)+IF('Standard Profiles'!$G$20=$B$10,7,0)+IF('Standard Profiles'!$G$20=$B$17,14,0)+IF('Standard Profiles'!$G$20=$B$24,21,0),0)),0)</f>
        <v>1.0313917596000159</v>
      </c>
      <c r="G5389" cm="1">
        <f t="array" ref="G5389">IFERROR(INDEX(Jesper!AK$2:AK$366,ROUNDDOWN($C5389/24,0)+1,1)*INDEX($D$3:$AA$30,INDEX(Jesper!$R$2:$R$366,ROW(INDEX(Jesper!AK$2:AK$366,ROUNDDOWN($C5389/24,0)+1,1))-1)+IF('Standard Profiles'!$G$21=$B$10,7,0)+IF('Standard Profiles'!$G$21=$B$17,14,0)+IF('Standard Profiles'!$G$21=$B$24,21,0),MOD($C5389,24)+1)/SUM(INDEX($D$3:$AA$30,INDEX(Jesper!$R$2:$R$366,ROW(INDEX(Jesper!AK$2:AK$366,ROUNDDOWN($C5389/24,0)+1,1))-1)+IF('Standard Profiles'!$G$21=$B$10,7,0)+IF('Standard Profiles'!$G$21=$B$17,14,0)+IF('Standard Profiles'!$G$21=$B$24,21,0),0)),0)</f>
        <v>0.49884809749351161</v>
      </c>
      <c r="H5389" cm="1">
        <f t="array" ref="H5389">IFERROR(INDEX(Jesper!AL$2:AL$366,ROUNDDOWN($C5389/24,0)+1,1)*INDEX($D$3:$AA$30,INDEX(Jesper!$R$2:$R$366,ROW(INDEX(Jesper!AL$2:AL$366,ROUNDDOWN($C5389/24,0)+1,1))-1)+IF('Standard Profiles'!$G$22=$B$10,7,0)+IF('Standard Profiles'!$G$22=$B$17,14,0)+IF('Standard Profiles'!$G$22=$B$24,21,0),MOD($C5389,24)+1)/SUM(INDEX($D$3:$AA$30,INDEX(Jesper!$R$2:$R$366,ROW(INDEX(Jesper!AL$2:AL$366,ROUNDDOWN($C5389/24,0)+1,1))-1)+IF('Standard Profiles'!$G$22=$B$10,7,0)+IF('Standard Profiles'!$G$22=$B$17,14,0)+IF('Standard Profiles'!$G$22=$B$24,21,0),0)),0)</f>
        <v>0.10251618288429847</v>
      </c>
      <c r="I5389">
        <f t="shared" si="601"/>
        <v>9.8415535568926585E-2</v>
      </c>
      <c r="J5389">
        <f t="shared" si="602"/>
        <v>3.9085161240305482</v>
      </c>
      <c r="K5389">
        <f t="shared" si="603"/>
        <v>0.21583414723833169</v>
      </c>
      <c r="L5389">
        <f t="shared" si="604"/>
        <v>0.10791707361916585</v>
      </c>
      <c r="M5389">
        <f t="shared" si="605"/>
        <v>0</v>
      </c>
      <c r="N5389" s="45">
        <f t="shared" si="606"/>
        <v>45150.124999987012</v>
      </c>
    </row>
    <row r="5390" spans="2:14" x14ac:dyDescent="0.25">
      <c r="B5390">
        <f t="shared" si="600"/>
        <v>6</v>
      </c>
      <c r="C5390" s="16">
        <v>5356</v>
      </c>
      <c r="D5390" cm="1">
        <f t="array" ref="D5390">IFERROR(INDEX(Jesper!AH$2:AH$366,ROUNDDOWN($C5390/24,0)+1,1)*INDEX($D$3:$AA$30,INDEX(Jesper!$R$2:$R$366,ROW(INDEX(Jesper!AH$2:AH$366,ROUNDDOWN($C5390/24,0)+1,1))-1)+IF('Standard Profiles'!$G$18=$B$10,7,0)+IF('Standard Profiles'!$G$18=$B$17,14,0)+IF('Standard Profiles'!$G$18=$B$24,21,0),MOD($C5390,24)+1)/SUM(INDEX($D$3:$AA$30,INDEX(Jesper!$R$2:$R$366,ROW(INDEX(Jesper!AH$2:AH$366,ROUNDDOWN($C5390/24,0)+1,1))-1)+IF('Standard Profiles'!$G$18=$B$10,7,0)+IF('Standard Profiles'!$G$18=$B$17,14,0)+IF('Standard Profiles'!$G$18=$B$24,21,0),0)),0)</f>
        <v>0</v>
      </c>
      <c r="E5390" cm="1">
        <f t="array" ref="E5390">IFERROR(INDEX(Jesper!AI$2:AI$366,ROUNDDOWN($C5390/24,0)+1,1)*INDEX($D$3:$AA$30,INDEX(Jesper!$R$2:$R$366,ROW(INDEX(Jesper!AI$2:AI$366,ROUNDDOWN($C5390/24,0)+1,1))-1)+IF('Standard Profiles'!$G$19=$B$10,7,0)+IF('Standard Profiles'!$G$19=$B$17,14,0)+IF('Standard Profiles'!$G$19=$B$24,21,0),MOD($C5390,24)+1)/SUM(INDEX($D$3:$AA$30,INDEX(Jesper!$R$2:$R$366,ROW(INDEX(Jesper!AI$2:AI$366,ROUNDDOWN($C5390/24,0)+1,1))-1)+IF('Standard Profiles'!$G$19=$B$10,7,0)+IF('Standard Profiles'!$G$19=$B$17,14,0)+IF('Standard Profiles'!$G$19=$B$24,21,0),0)),0)</f>
        <v>2.6979268404791461</v>
      </c>
      <c r="F5390" cm="1">
        <f t="array" ref="F5390">IFERROR(INDEX(Jesper!AJ$2:AJ$366,ROUNDDOWN($C5390/24,0)+1,1)*INDEX($D$3:$AA$30,INDEX(Jesper!$R$2:$R$366,ROW(INDEX(Jesper!AJ$2:AJ$366,ROUNDDOWN($C5390/24,0)+1,1))-1)+IF('Standard Profiles'!$G$20=$B$10,7,0)+IF('Standard Profiles'!$G$20=$B$17,14,0)+IF('Standard Profiles'!$G$20=$B$24,21,0),MOD($C5390,24)+1)/SUM(INDEX($D$3:$AA$30,INDEX(Jesper!$R$2:$R$366,ROW(INDEX(Jesper!AJ$2:AJ$366,ROUNDDOWN($C5390/24,0)+1,1))-1)+IF('Standard Profiles'!$G$20=$B$10,7,0)+IF('Standard Profiles'!$G$20=$B$17,14,0)+IF('Standard Profiles'!$G$20=$B$24,21,0),0)),0)</f>
        <v>1.0313917596000159</v>
      </c>
      <c r="G5390" cm="1">
        <f t="array" ref="G5390">IFERROR(INDEX(Jesper!AK$2:AK$366,ROUNDDOWN($C5390/24,0)+1,1)*INDEX($D$3:$AA$30,INDEX(Jesper!$R$2:$R$366,ROW(INDEX(Jesper!AK$2:AK$366,ROUNDDOWN($C5390/24,0)+1,1))-1)+IF('Standard Profiles'!$G$21=$B$10,7,0)+IF('Standard Profiles'!$G$21=$B$17,14,0)+IF('Standard Profiles'!$G$21=$B$24,21,0),MOD($C5390,24)+1)/SUM(INDEX($D$3:$AA$30,INDEX(Jesper!$R$2:$R$366,ROW(INDEX(Jesper!AK$2:AK$366,ROUNDDOWN($C5390/24,0)+1,1))-1)+IF('Standard Profiles'!$G$21=$B$10,7,0)+IF('Standard Profiles'!$G$21=$B$17,14,0)+IF('Standard Profiles'!$G$21=$B$24,21,0),0)),0)</f>
        <v>0.49884809749351161</v>
      </c>
      <c r="H5390" cm="1">
        <f t="array" ref="H5390">IFERROR(INDEX(Jesper!AL$2:AL$366,ROUNDDOWN($C5390/24,0)+1,1)*INDEX($D$3:$AA$30,INDEX(Jesper!$R$2:$R$366,ROW(INDEX(Jesper!AL$2:AL$366,ROUNDDOWN($C5390/24,0)+1,1))-1)+IF('Standard Profiles'!$G$22=$B$10,7,0)+IF('Standard Profiles'!$G$22=$B$17,14,0)+IF('Standard Profiles'!$G$22=$B$24,21,0),MOD($C5390,24)+1)/SUM(INDEX($D$3:$AA$30,INDEX(Jesper!$R$2:$R$366,ROW(INDEX(Jesper!AL$2:AL$366,ROUNDDOWN($C5390/24,0)+1,1))-1)+IF('Standard Profiles'!$G$22=$B$10,7,0)+IF('Standard Profiles'!$G$22=$B$17,14,0)+IF('Standard Profiles'!$G$22=$B$24,21,0),0)),0)</f>
        <v>0.10251618288429847</v>
      </c>
      <c r="I5390">
        <f t="shared" si="601"/>
        <v>9.8415535568926585E-2</v>
      </c>
      <c r="J5390">
        <f t="shared" si="602"/>
        <v>3.9085161240305482</v>
      </c>
      <c r="K5390">
        <f t="shared" si="603"/>
        <v>0.21583414723833169</v>
      </c>
      <c r="L5390">
        <f t="shared" si="604"/>
        <v>0.10791707361916585</v>
      </c>
      <c r="M5390">
        <f t="shared" si="605"/>
        <v>0</v>
      </c>
      <c r="N5390" s="45">
        <f t="shared" si="606"/>
        <v>45150.166666653677</v>
      </c>
    </row>
    <row r="5391" spans="2:14" x14ac:dyDescent="0.25">
      <c r="B5391">
        <f t="shared" si="600"/>
        <v>6</v>
      </c>
      <c r="C5391" s="16">
        <v>5357</v>
      </c>
      <c r="D5391" cm="1">
        <f t="array" ref="D5391">IFERROR(INDEX(Jesper!AH$2:AH$366,ROUNDDOWN($C5391/24,0)+1,1)*INDEX($D$3:$AA$30,INDEX(Jesper!$R$2:$R$366,ROW(INDEX(Jesper!AH$2:AH$366,ROUNDDOWN($C5391/24,0)+1,1))-1)+IF('Standard Profiles'!$G$18=$B$10,7,0)+IF('Standard Profiles'!$G$18=$B$17,14,0)+IF('Standard Profiles'!$G$18=$B$24,21,0),MOD($C5391,24)+1)/SUM(INDEX($D$3:$AA$30,INDEX(Jesper!$R$2:$R$366,ROW(INDEX(Jesper!AH$2:AH$366,ROUNDDOWN($C5391/24,0)+1,1))-1)+IF('Standard Profiles'!$G$18=$B$10,7,0)+IF('Standard Profiles'!$G$18=$B$17,14,0)+IF('Standard Profiles'!$G$18=$B$24,21,0),0)),0)</f>
        <v>0</v>
      </c>
      <c r="E5391" cm="1">
        <f t="array" ref="E5391">IFERROR(INDEX(Jesper!AI$2:AI$366,ROUNDDOWN($C5391/24,0)+1,1)*INDEX($D$3:$AA$30,INDEX(Jesper!$R$2:$R$366,ROW(INDEX(Jesper!AI$2:AI$366,ROUNDDOWN($C5391/24,0)+1,1))-1)+IF('Standard Profiles'!$G$19=$B$10,7,0)+IF('Standard Profiles'!$G$19=$B$17,14,0)+IF('Standard Profiles'!$G$19=$B$24,21,0),MOD($C5391,24)+1)/SUM(INDEX($D$3:$AA$30,INDEX(Jesper!$R$2:$R$366,ROW(INDEX(Jesper!AI$2:AI$366,ROUNDDOWN($C5391/24,0)+1,1))-1)+IF('Standard Profiles'!$G$19=$B$10,7,0)+IF('Standard Profiles'!$G$19=$B$17,14,0)+IF('Standard Profiles'!$G$19=$B$24,21,0),0)),0)</f>
        <v>2.6979268404791461</v>
      </c>
      <c r="F5391" cm="1">
        <f t="array" ref="F5391">IFERROR(INDEX(Jesper!AJ$2:AJ$366,ROUNDDOWN($C5391/24,0)+1,1)*INDEX($D$3:$AA$30,INDEX(Jesper!$R$2:$R$366,ROW(INDEX(Jesper!AJ$2:AJ$366,ROUNDDOWN($C5391/24,0)+1,1))-1)+IF('Standard Profiles'!$G$20=$B$10,7,0)+IF('Standard Profiles'!$G$20=$B$17,14,0)+IF('Standard Profiles'!$G$20=$B$24,21,0),MOD($C5391,24)+1)/SUM(INDEX($D$3:$AA$30,INDEX(Jesper!$R$2:$R$366,ROW(INDEX(Jesper!AJ$2:AJ$366,ROUNDDOWN($C5391/24,0)+1,1))-1)+IF('Standard Profiles'!$G$20=$B$10,7,0)+IF('Standard Profiles'!$G$20=$B$17,14,0)+IF('Standard Profiles'!$G$20=$B$24,21,0),0)),0)</f>
        <v>1.0313917596000159</v>
      </c>
      <c r="G5391" cm="1">
        <f t="array" ref="G5391">IFERROR(INDEX(Jesper!AK$2:AK$366,ROUNDDOWN($C5391/24,0)+1,1)*INDEX($D$3:$AA$30,INDEX(Jesper!$R$2:$R$366,ROW(INDEX(Jesper!AK$2:AK$366,ROUNDDOWN($C5391/24,0)+1,1))-1)+IF('Standard Profiles'!$G$21=$B$10,7,0)+IF('Standard Profiles'!$G$21=$B$17,14,0)+IF('Standard Profiles'!$G$21=$B$24,21,0),MOD($C5391,24)+1)/SUM(INDEX($D$3:$AA$30,INDEX(Jesper!$R$2:$R$366,ROW(INDEX(Jesper!AK$2:AK$366,ROUNDDOWN($C5391/24,0)+1,1))-1)+IF('Standard Profiles'!$G$21=$B$10,7,0)+IF('Standard Profiles'!$G$21=$B$17,14,0)+IF('Standard Profiles'!$G$21=$B$24,21,0),0)),0)</f>
        <v>0.49884809749351161</v>
      </c>
      <c r="H5391" cm="1">
        <f t="array" ref="H5391">IFERROR(INDEX(Jesper!AL$2:AL$366,ROUNDDOWN($C5391/24,0)+1,1)*INDEX($D$3:$AA$30,INDEX(Jesper!$R$2:$R$366,ROW(INDEX(Jesper!AL$2:AL$366,ROUNDDOWN($C5391/24,0)+1,1))-1)+IF('Standard Profiles'!$G$22=$B$10,7,0)+IF('Standard Profiles'!$G$22=$B$17,14,0)+IF('Standard Profiles'!$G$22=$B$24,21,0),MOD($C5391,24)+1)/SUM(INDEX($D$3:$AA$30,INDEX(Jesper!$R$2:$R$366,ROW(INDEX(Jesper!AL$2:AL$366,ROUNDDOWN($C5391/24,0)+1,1))-1)+IF('Standard Profiles'!$G$22=$B$10,7,0)+IF('Standard Profiles'!$G$22=$B$17,14,0)+IF('Standard Profiles'!$G$22=$B$24,21,0),0)),0)</f>
        <v>0.1275201299292493</v>
      </c>
      <c r="I5391">
        <f t="shared" si="601"/>
        <v>0.12241932473207939</v>
      </c>
      <c r="J5391">
        <f t="shared" si="602"/>
        <v>3.9095162819123463</v>
      </c>
      <c r="K5391">
        <f t="shared" si="603"/>
        <v>0.21583414723833169</v>
      </c>
      <c r="L5391">
        <f t="shared" si="604"/>
        <v>0.10791707361916585</v>
      </c>
      <c r="M5391">
        <f t="shared" si="605"/>
        <v>0</v>
      </c>
      <c r="N5391" s="45">
        <f t="shared" si="606"/>
        <v>45150.208333320341</v>
      </c>
    </row>
    <row r="5392" spans="2:14" x14ac:dyDescent="0.25">
      <c r="B5392">
        <f t="shared" si="600"/>
        <v>6</v>
      </c>
      <c r="C5392" s="16">
        <v>5358</v>
      </c>
      <c r="D5392" cm="1">
        <f t="array" ref="D5392">IFERROR(INDEX(Jesper!AH$2:AH$366,ROUNDDOWN($C5392/24,0)+1,1)*INDEX($D$3:$AA$30,INDEX(Jesper!$R$2:$R$366,ROW(INDEX(Jesper!AH$2:AH$366,ROUNDDOWN($C5392/24,0)+1,1))-1)+IF('Standard Profiles'!$G$18=$B$10,7,0)+IF('Standard Profiles'!$G$18=$B$17,14,0)+IF('Standard Profiles'!$G$18=$B$24,21,0),MOD($C5392,24)+1)/SUM(INDEX($D$3:$AA$30,INDEX(Jesper!$R$2:$R$366,ROW(INDEX(Jesper!AH$2:AH$366,ROUNDDOWN($C5392/24,0)+1,1))-1)+IF('Standard Profiles'!$G$18=$B$10,7,0)+IF('Standard Profiles'!$G$18=$B$17,14,0)+IF('Standard Profiles'!$G$18=$B$24,21,0),0)),0)</f>
        <v>0</v>
      </c>
      <c r="E5392" cm="1">
        <f t="array" ref="E5392">IFERROR(INDEX(Jesper!AI$2:AI$366,ROUNDDOWN($C5392/24,0)+1,1)*INDEX($D$3:$AA$30,INDEX(Jesper!$R$2:$R$366,ROW(INDEX(Jesper!AI$2:AI$366,ROUNDDOWN($C5392/24,0)+1,1))-1)+IF('Standard Profiles'!$G$19=$B$10,7,0)+IF('Standard Profiles'!$G$19=$B$17,14,0)+IF('Standard Profiles'!$G$19=$B$24,21,0),MOD($C5392,24)+1)/SUM(INDEX($D$3:$AA$30,INDEX(Jesper!$R$2:$R$366,ROW(INDEX(Jesper!AI$2:AI$366,ROUNDDOWN($C5392/24,0)+1,1))-1)+IF('Standard Profiles'!$G$19=$B$10,7,0)+IF('Standard Profiles'!$G$19=$B$17,14,0)+IF('Standard Profiles'!$G$19=$B$24,21,0),0)),0)</f>
        <v>2.6979268404791461</v>
      </c>
      <c r="F5392" cm="1">
        <f t="array" ref="F5392">IFERROR(INDEX(Jesper!AJ$2:AJ$366,ROUNDDOWN($C5392/24,0)+1,1)*INDEX($D$3:$AA$30,INDEX(Jesper!$R$2:$R$366,ROW(INDEX(Jesper!AJ$2:AJ$366,ROUNDDOWN($C5392/24,0)+1,1))-1)+IF('Standard Profiles'!$G$20=$B$10,7,0)+IF('Standard Profiles'!$G$20=$B$17,14,0)+IF('Standard Profiles'!$G$20=$B$24,21,0),MOD($C5392,24)+1)/SUM(INDEX($D$3:$AA$30,INDEX(Jesper!$R$2:$R$366,ROW(INDEX(Jesper!AJ$2:AJ$366,ROUNDDOWN($C5392/24,0)+1,1))-1)+IF('Standard Profiles'!$G$20=$B$10,7,0)+IF('Standard Profiles'!$G$20=$B$17,14,0)+IF('Standard Profiles'!$G$20=$B$24,21,0),0)),0)</f>
        <v>1.0313917596000159</v>
      </c>
      <c r="G5392" cm="1">
        <f t="array" ref="G5392">IFERROR(INDEX(Jesper!AK$2:AK$366,ROUNDDOWN($C5392/24,0)+1,1)*INDEX($D$3:$AA$30,INDEX(Jesper!$R$2:$R$366,ROW(INDEX(Jesper!AK$2:AK$366,ROUNDDOWN($C5392/24,0)+1,1))-1)+IF('Standard Profiles'!$G$21=$B$10,7,0)+IF('Standard Profiles'!$G$21=$B$17,14,0)+IF('Standard Profiles'!$G$21=$B$24,21,0),MOD($C5392,24)+1)/SUM(INDEX($D$3:$AA$30,INDEX(Jesper!$R$2:$R$366,ROW(INDEX(Jesper!AK$2:AK$366,ROUNDDOWN($C5392/24,0)+1,1))-1)+IF('Standard Profiles'!$G$21=$B$10,7,0)+IF('Standard Profiles'!$G$21=$B$17,14,0)+IF('Standard Profiles'!$G$21=$B$24,21,0),0)),0)</f>
        <v>0.49884809749351161</v>
      </c>
      <c r="H5392" cm="1">
        <f t="array" ref="H5392">IFERROR(INDEX(Jesper!AL$2:AL$366,ROUNDDOWN($C5392/24,0)+1,1)*INDEX($D$3:$AA$30,INDEX(Jesper!$R$2:$R$366,ROW(INDEX(Jesper!AL$2:AL$366,ROUNDDOWN($C5392/24,0)+1,1))-1)+IF('Standard Profiles'!$G$22=$B$10,7,0)+IF('Standard Profiles'!$G$22=$B$17,14,0)+IF('Standard Profiles'!$G$22=$B$24,21,0),MOD($C5392,24)+1)/SUM(INDEX($D$3:$AA$30,INDEX(Jesper!$R$2:$R$366,ROW(INDEX(Jesper!AL$2:AL$366,ROUNDDOWN($C5392/24,0)+1,1))-1)+IF('Standard Profiles'!$G$22=$B$10,7,0)+IF('Standard Profiles'!$G$22=$B$17,14,0)+IF('Standard Profiles'!$G$22=$B$24,21,0),0)),0)</f>
        <v>0.16002526108768539</v>
      </c>
      <c r="I5392">
        <f t="shared" si="601"/>
        <v>0.15362425064417806</v>
      </c>
      <c r="J5392">
        <f t="shared" si="602"/>
        <v>3.9108164871586837</v>
      </c>
      <c r="K5392">
        <f t="shared" si="603"/>
        <v>0.21583414723833169</v>
      </c>
      <c r="L5392">
        <f t="shared" si="604"/>
        <v>0.10791707361916585</v>
      </c>
      <c r="M5392">
        <f t="shared" si="605"/>
        <v>0</v>
      </c>
      <c r="N5392" s="45">
        <f t="shared" si="606"/>
        <v>45150.249999987005</v>
      </c>
    </row>
    <row r="5393" spans="2:14" x14ac:dyDescent="0.25">
      <c r="B5393">
        <f t="shared" si="600"/>
        <v>6</v>
      </c>
      <c r="C5393" s="16">
        <v>5359</v>
      </c>
      <c r="D5393" cm="1">
        <f t="array" ref="D5393">IFERROR(INDEX(Jesper!AH$2:AH$366,ROUNDDOWN($C5393/24,0)+1,1)*INDEX($D$3:$AA$30,INDEX(Jesper!$R$2:$R$366,ROW(INDEX(Jesper!AH$2:AH$366,ROUNDDOWN($C5393/24,0)+1,1))-1)+IF('Standard Profiles'!$G$18=$B$10,7,0)+IF('Standard Profiles'!$G$18=$B$17,14,0)+IF('Standard Profiles'!$G$18=$B$24,21,0),MOD($C5393,24)+1)/SUM(INDEX($D$3:$AA$30,INDEX(Jesper!$R$2:$R$366,ROW(INDEX(Jesper!AH$2:AH$366,ROUNDDOWN($C5393/24,0)+1,1))-1)+IF('Standard Profiles'!$G$18=$B$10,7,0)+IF('Standard Profiles'!$G$18=$B$17,14,0)+IF('Standard Profiles'!$G$18=$B$24,21,0),0)),0)</f>
        <v>0</v>
      </c>
      <c r="E5393" cm="1">
        <f t="array" ref="E5393">IFERROR(INDEX(Jesper!AI$2:AI$366,ROUNDDOWN($C5393/24,0)+1,1)*INDEX($D$3:$AA$30,INDEX(Jesper!$R$2:$R$366,ROW(INDEX(Jesper!AI$2:AI$366,ROUNDDOWN($C5393/24,0)+1,1))-1)+IF('Standard Profiles'!$G$19=$B$10,7,0)+IF('Standard Profiles'!$G$19=$B$17,14,0)+IF('Standard Profiles'!$G$19=$B$24,21,0),MOD($C5393,24)+1)/SUM(INDEX($D$3:$AA$30,INDEX(Jesper!$R$2:$R$366,ROW(INDEX(Jesper!AI$2:AI$366,ROUNDDOWN($C5393/24,0)+1,1))-1)+IF('Standard Profiles'!$G$19=$B$10,7,0)+IF('Standard Profiles'!$G$19=$B$17,14,0)+IF('Standard Profiles'!$G$19=$B$24,21,0),0)),0)</f>
        <v>2.6979268404791461</v>
      </c>
      <c r="F5393" cm="1">
        <f t="array" ref="F5393">IFERROR(INDEX(Jesper!AJ$2:AJ$366,ROUNDDOWN($C5393/24,0)+1,1)*INDEX($D$3:$AA$30,INDEX(Jesper!$R$2:$R$366,ROW(INDEX(Jesper!AJ$2:AJ$366,ROUNDDOWN($C5393/24,0)+1,1))-1)+IF('Standard Profiles'!$G$20=$B$10,7,0)+IF('Standard Profiles'!$G$20=$B$17,14,0)+IF('Standard Profiles'!$G$20=$B$24,21,0),MOD($C5393,24)+1)/SUM(INDEX($D$3:$AA$30,INDEX(Jesper!$R$2:$R$366,ROW(INDEX(Jesper!AJ$2:AJ$366,ROUNDDOWN($C5393/24,0)+1,1))-1)+IF('Standard Profiles'!$G$20=$B$10,7,0)+IF('Standard Profiles'!$G$20=$B$17,14,0)+IF('Standard Profiles'!$G$20=$B$24,21,0),0)),0)</f>
        <v>1.0313917596000159</v>
      </c>
      <c r="G5393" cm="1">
        <f t="array" ref="G5393">IFERROR(INDEX(Jesper!AK$2:AK$366,ROUNDDOWN($C5393/24,0)+1,1)*INDEX($D$3:$AA$30,INDEX(Jesper!$R$2:$R$366,ROW(INDEX(Jesper!AK$2:AK$366,ROUNDDOWN($C5393/24,0)+1,1))-1)+IF('Standard Profiles'!$G$21=$B$10,7,0)+IF('Standard Profiles'!$G$21=$B$17,14,0)+IF('Standard Profiles'!$G$21=$B$24,21,0),MOD($C5393,24)+1)/SUM(INDEX($D$3:$AA$30,INDEX(Jesper!$R$2:$R$366,ROW(INDEX(Jesper!AK$2:AK$366,ROUNDDOWN($C5393/24,0)+1,1))-1)+IF('Standard Profiles'!$G$21=$B$10,7,0)+IF('Standard Profiles'!$G$21=$B$17,14,0)+IF('Standard Profiles'!$G$21=$B$24,21,0),0)),0)</f>
        <v>0.49884809749351161</v>
      </c>
      <c r="H5393" cm="1">
        <f t="array" ref="H5393">IFERROR(INDEX(Jesper!AL$2:AL$366,ROUNDDOWN($C5393/24,0)+1,1)*INDEX($D$3:$AA$30,INDEX(Jesper!$R$2:$R$366,ROW(INDEX(Jesper!AL$2:AL$366,ROUNDDOWN($C5393/24,0)+1,1))-1)+IF('Standard Profiles'!$G$22=$B$10,7,0)+IF('Standard Profiles'!$G$22=$B$17,14,0)+IF('Standard Profiles'!$G$22=$B$24,21,0),MOD($C5393,24)+1)/SUM(INDEX($D$3:$AA$30,INDEX(Jesper!$R$2:$R$366,ROW(INDEX(Jesper!AL$2:AL$366,ROUNDDOWN($C5393/24,0)+1,1))-1)+IF('Standard Profiles'!$G$22=$B$10,7,0)+IF('Standard Profiles'!$G$22=$B$17,14,0)+IF('Standard Profiles'!$G$22=$B$24,21,0),0)),0)</f>
        <v>0.18252881342814115</v>
      </c>
      <c r="I5393">
        <f t="shared" si="601"/>
        <v>0.1752276608910156</v>
      </c>
      <c r="J5393">
        <f t="shared" si="602"/>
        <v>3.911716629252302</v>
      </c>
      <c r="K5393">
        <f t="shared" si="603"/>
        <v>0.21583414723833169</v>
      </c>
      <c r="L5393">
        <f t="shared" si="604"/>
        <v>0.10791707361916585</v>
      </c>
      <c r="M5393">
        <f t="shared" si="605"/>
        <v>0</v>
      </c>
      <c r="N5393" s="45">
        <f t="shared" si="606"/>
        <v>45150.291666653669</v>
      </c>
    </row>
    <row r="5394" spans="2:14" x14ac:dyDescent="0.25">
      <c r="B5394">
        <f t="shared" si="600"/>
        <v>6</v>
      </c>
      <c r="C5394" s="16">
        <v>5360</v>
      </c>
      <c r="D5394" cm="1">
        <f t="array" ref="D5394">IFERROR(INDEX(Jesper!AH$2:AH$366,ROUNDDOWN($C5394/24,0)+1,1)*INDEX($D$3:$AA$30,INDEX(Jesper!$R$2:$R$366,ROW(INDEX(Jesper!AH$2:AH$366,ROUNDDOWN($C5394/24,0)+1,1))-1)+IF('Standard Profiles'!$G$18=$B$10,7,0)+IF('Standard Profiles'!$G$18=$B$17,14,0)+IF('Standard Profiles'!$G$18=$B$24,21,0),MOD($C5394,24)+1)/SUM(INDEX($D$3:$AA$30,INDEX(Jesper!$R$2:$R$366,ROW(INDEX(Jesper!AH$2:AH$366,ROUNDDOWN($C5394/24,0)+1,1))-1)+IF('Standard Profiles'!$G$18=$B$10,7,0)+IF('Standard Profiles'!$G$18=$B$17,14,0)+IF('Standard Profiles'!$G$18=$B$24,21,0),0)),0)</f>
        <v>0</v>
      </c>
      <c r="E5394" cm="1">
        <f t="array" ref="E5394">IFERROR(INDEX(Jesper!AI$2:AI$366,ROUNDDOWN($C5394/24,0)+1,1)*INDEX($D$3:$AA$30,INDEX(Jesper!$R$2:$R$366,ROW(INDEX(Jesper!AI$2:AI$366,ROUNDDOWN($C5394/24,0)+1,1))-1)+IF('Standard Profiles'!$G$19=$B$10,7,0)+IF('Standard Profiles'!$G$19=$B$17,14,0)+IF('Standard Profiles'!$G$19=$B$24,21,0),MOD($C5394,24)+1)/SUM(INDEX($D$3:$AA$30,INDEX(Jesper!$R$2:$R$366,ROW(INDEX(Jesper!AI$2:AI$366,ROUNDDOWN($C5394/24,0)+1,1))-1)+IF('Standard Profiles'!$G$19=$B$10,7,0)+IF('Standard Profiles'!$G$19=$B$17,14,0)+IF('Standard Profiles'!$G$19=$B$24,21,0),0)),0)</f>
        <v>2.6979268404791461</v>
      </c>
      <c r="F5394" cm="1">
        <f t="array" ref="F5394">IFERROR(INDEX(Jesper!AJ$2:AJ$366,ROUNDDOWN($C5394/24,0)+1,1)*INDEX($D$3:$AA$30,INDEX(Jesper!$R$2:$R$366,ROW(INDEX(Jesper!AJ$2:AJ$366,ROUNDDOWN($C5394/24,0)+1,1))-1)+IF('Standard Profiles'!$G$20=$B$10,7,0)+IF('Standard Profiles'!$G$20=$B$17,14,0)+IF('Standard Profiles'!$G$20=$B$24,21,0),MOD($C5394,24)+1)/SUM(INDEX($D$3:$AA$30,INDEX(Jesper!$R$2:$R$366,ROW(INDEX(Jesper!AJ$2:AJ$366,ROUNDDOWN($C5394/24,0)+1,1))-1)+IF('Standard Profiles'!$G$20=$B$10,7,0)+IF('Standard Profiles'!$G$20=$B$17,14,0)+IF('Standard Profiles'!$G$20=$B$24,21,0),0)),0)</f>
        <v>1.0313917596000159</v>
      </c>
      <c r="G5394" cm="1">
        <f t="array" ref="G5394">IFERROR(INDEX(Jesper!AK$2:AK$366,ROUNDDOWN($C5394/24,0)+1,1)*INDEX($D$3:$AA$30,INDEX(Jesper!$R$2:$R$366,ROW(INDEX(Jesper!AK$2:AK$366,ROUNDDOWN($C5394/24,0)+1,1))-1)+IF('Standard Profiles'!$G$21=$B$10,7,0)+IF('Standard Profiles'!$G$21=$B$17,14,0)+IF('Standard Profiles'!$G$21=$B$24,21,0),MOD($C5394,24)+1)/SUM(INDEX($D$3:$AA$30,INDEX(Jesper!$R$2:$R$366,ROW(INDEX(Jesper!AK$2:AK$366,ROUNDDOWN($C5394/24,0)+1,1))-1)+IF('Standard Profiles'!$G$21=$B$10,7,0)+IF('Standard Profiles'!$G$21=$B$17,14,0)+IF('Standard Profiles'!$G$21=$B$24,21,0),0)),0)</f>
        <v>0.49884809749351161</v>
      </c>
      <c r="H5394" cm="1">
        <f t="array" ref="H5394">IFERROR(INDEX(Jesper!AL$2:AL$366,ROUNDDOWN($C5394/24,0)+1,1)*INDEX($D$3:$AA$30,INDEX(Jesper!$R$2:$R$366,ROW(INDEX(Jesper!AL$2:AL$366,ROUNDDOWN($C5394/24,0)+1,1))-1)+IF('Standard Profiles'!$G$22=$B$10,7,0)+IF('Standard Profiles'!$G$22=$B$17,14,0)+IF('Standard Profiles'!$G$22=$B$24,21,0),MOD($C5394,24)+1)/SUM(INDEX($D$3:$AA$30,INDEX(Jesper!$R$2:$R$366,ROW(INDEX(Jesper!AL$2:AL$366,ROUNDDOWN($C5394/24,0)+1,1))-1)+IF('Standard Profiles'!$G$22=$B$10,7,0)+IF('Standard Profiles'!$G$22=$B$17,14,0)+IF('Standard Profiles'!$G$22=$B$24,21,0),0)),0)</f>
        <v>0.18252881342814115</v>
      </c>
      <c r="I5394">
        <f t="shared" si="601"/>
        <v>0.1752276608910156</v>
      </c>
      <c r="J5394">
        <f t="shared" si="602"/>
        <v>3.911716629252302</v>
      </c>
      <c r="K5394">
        <f t="shared" si="603"/>
        <v>0.21583414723833169</v>
      </c>
      <c r="L5394">
        <f t="shared" si="604"/>
        <v>0.10791707361916585</v>
      </c>
      <c r="M5394">
        <f t="shared" si="605"/>
        <v>0</v>
      </c>
      <c r="N5394" s="45">
        <f t="shared" si="606"/>
        <v>45150.333333320334</v>
      </c>
    </row>
    <row r="5395" spans="2:14" x14ac:dyDescent="0.25">
      <c r="B5395">
        <f t="shared" si="600"/>
        <v>6</v>
      </c>
      <c r="C5395" s="16">
        <v>5361</v>
      </c>
      <c r="D5395" cm="1">
        <f t="array" ref="D5395">IFERROR(INDEX(Jesper!AH$2:AH$366,ROUNDDOWN($C5395/24,0)+1,1)*INDEX($D$3:$AA$30,INDEX(Jesper!$R$2:$R$366,ROW(INDEX(Jesper!AH$2:AH$366,ROUNDDOWN($C5395/24,0)+1,1))-1)+IF('Standard Profiles'!$G$18=$B$10,7,0)+IF('Standard Profiles'!$G$18=$B$17,14,0)+IF('Standard Profiles'!$G$18=$B$24,21,0),MOD($C5395,24)+1)/SUM(INDEX($D$3:$AA$30,INDEX(Jesper!$R$2:$R$366,ROW(INDEX(Jesper!AH$2:AH$366,ROUNDDOWN($C5395/24,0)+1,1))-1)+IF('Standard Profiles'!$G$18=$B$10,7,0)+IF('Standard Profiles'!$G$18=$B$17,14,0)+IF('Standard Profiles'!$G$18=$B$24,21,0),0)),0)</f>
        <v>0</v>
      </c>
      <c r="E5395" cm="1">
        <f t="array" ref="E5395">IFERROR(INDEX(Jesper!AI$2:AI$366,ROUNDDOWN($C5395/24,0)+1,1)*INDEX($D$3:$AA$30,INDEX(Jesper!$R$2:$R$366,ROW(INDEX(Jesper!AI$2:AI$366,ROUNDDOWN($C5395/24,0)+1,1))-1)+IF('Standard Profiles'!$G$19=$B$10,7,0)+IF('Standard Profiles'!$G$19=$B$17,14,0)+IF('Standard Profiles'!$G$19=$B$24,21,0),MOD($C5395,24)+1)/SUM(INDEX($D$3:$AA$30,INDEX(Jesper!$R$2:$R$366,ROW(INDEX(Jesper!AI$2:AI$366,ROUNDDOWN($C5395/24,0)+1,1))-1)+IF('Standard Profiles'!$G$19=$B$10,7,0)+IF('Standard Profiles'!$G$19=$B$17,14,0)+IF('Standard Profiles'!$G$19=$B$24,21,0),0)),0)</f>
        <v>2.6979268404791461</v>
      </c>
      <c r="F5395" cm="1">
        <f t="array" ref="F5395">IFERROR(INDEX(Jesper!AJ$2:AJ$366,ROUNDDOWN($C5395/24,0)+1,1)*INDEX($D$3:$AA$30,INDEX(Jesper!$R$2:$R$366,ROW(INDEX(Jesper!AJ$2:AJ$366,ROUNDDOWN($C5395/24,0)+1,1))-1)+IF('Standard Profiles'!$G$20=$B$10,7,0)+IF('Standard Profiles'!$G$20=$B$17,14,0)+IF('Standard Profiles'!$G$20=$B$24,21,0),MOD($C5395,24)+1)/SUM(INDEX($D$3:$AA$30,INDEX(Jesper!$R$2:$R$366,ROW(INDEX(Jesper!AJ$2:AJ$366,ROUNDDOWN($C5395/24,0)+1,1))-1)+IF('Standard Profiles'!$G$20=$B$10,7,0)+IF('Standard Profiles'!$G$20=$B$17,14,0)+IF('Standard Profiles'!$G$20=$B$24,21,0),0)),0)</f>
        <v>1.0313917596000159</v>
      </c>
      <c r="G5395" cm="1">
        <f t="array" ref="G5395">IFERROR(INDEX(Jesper!AK$2:AK$366,ROUNDDOWN($C5395/24,0)+1,1)*INDEX($D$3:$AA$30,INDEX(Jesper!$R$2:$R$366,ROW(INDEX(Jesper!AK$2:AK$366,ROUNDDOWN($C5395/24,0)+1,1))-1)+IF('Standard Profiles'!$G$21=$B$10,7,0)+IF('Standard Profiles'!$G$21=$B$17,14,0)+IF('Standard Profiles'!$G$21=$B$24,21,0),MOD($C5395,24)+1)/SUM(INDEX($D$3:$AA$30,INDEX(Jesper!$R$2:$R$366,ROW(INDEX(Jesper!AK$2:AK$366,ROUNDDOWN($C5395/24,0)+1,1))-1)+IF('Standard Profiles'!$G$21=$B$10,7,0)+IF('Standard Profiles'!$G$21=$B$17,14,0)+IF('Standard Profiles'!$G$21=$B$24,21,0),0)),0)</f>
        <v>0.49884809749351161</v>
      </c>
      <c r="H5395" cm="1">
        <f t="array" ref="H5395">IFERROR(INDEX(Jesper!AL$2:AL$366,ROUNDDOWN($C5395/24,0)+1,1)*INDEX($D$3:$AA$30,INDEX(Jesper!$R$2:$R$366,ROW(INDEX(Jesper!AL$2:AL$366,ROUNDDOWN($C5395/24,0)+1,1))-1)+IF('Standard Profiles'!$G$22=$B$10,7,0)+IF('Standard Profiles'!$G$22=$B$17,14,0)+IF('Standard Profiles'!$G$22=$B$24,21,0),MOD($C5395,24)+1)/SUM(INDEX($D$3:$AA$30,INDEX(Jesper!$R$2:$R$366,ROW(INDEX(Jesper!AL$2:AL$366,ROUNDDOWN($C5395/24,0)+1,1))-1)+IF('Standard Profiles'!$G$22=$B$10,7,0)+IF('Standard Profiles'!$G$22=$B$17,14,0)+IF('Standard Profiles'!$G$22=$B$24,21,0),0)),0)</f>
        <v>0.18252881342814115</v>
      </c>
      <c r="I5395">
        <f t="shared" si="601"/>
        <v>0.1752276608910156</v>
      </c>
      <c r="J5395">
        <f t="shared" si="602"/>
        <v>3.911716629252302</v>
      </c>
      <c r="K5395">
        <f t="shared" si="603"/>
        <v>0.21583414723833169</v>
      </c>
      <c r="L5395">
        <f t="shared" si="604"/>
        <v>0.10791707361916585</v>
      </c>
      <c r="M5395">
        <f t="shared" si="605"/>
        <v>0</v>
      </c>
      <c r="N5395" s="45">
        <f t="shared" si="606"/>
        <v>45150.374999986998</v>
      </c>
    </row>
    <row r="5396" spans="2:14" x14ac:dyDescent="0.25">
      <c r="B5396">
        <f t="shared" si="600"/>
        <v>6</v>
      </c>
      <c r="C5396" s="16">
        <v>5362</v>
      </c>
      <c r="D5396" cm="1">
        <f t="array" ref="D5396">IFERROR(INDEX(Jesper!AH$2:AH$366,ROUNDDOWN($C5396/24,0)+1,1)*INDEX($D$3:$AA$30,INDEX(Jesper!$R$2:$R$366,ROW(INDEX(Jesper!AH$2:AH$366,ROUNDDOWN($C5396/24,0)+1,1))-1)+IF('Standard Profiles'!$G$18=$B$10,7,0)+IF('Standard Profiles'!$G$18=$B$17,14,0)+IF('Standard Profiles'!$G$18=$B$24,21,0),MOD($C5396,24)+1)/SUM(INDEX($D$3:$AA$30,INDEX(Jesper!$R$2:$R$366,ROW(INDEX(Jesper!AH$2:AH$366,ROUNDDOWN($C5396/24,0)+1,1))-1)+IF('Standard Profiles'!$G$18=$B$10,7,0)+IF('Standard Profiles'!$G$18=$B$17,14,0)+IF('Standard Profiles'!$G$18=$B$24,21,0),0)),0)</f>
        <v>0</v>
      </c>
      <c r="E5396" cm="1">
        <f t="array" ref="E5396">IFERROR(INDEX(Jesper!AI$2:AI$366,ROUNDDOWN($C5396/24,0)+1,1)*INDEX($D$3:$AA$30,INDEX(Jesper!$R$2:$R$366,ROW(INDEX(Jesper!AI$2:AI$366,ROUNDDOWN($C5396/24,0)+1,1))-1)+IF('Standard Profiles'!$G$19=$B$10,7,0)+IF('Standard Profiles'!$G$19=$B$17,14,0)+IF('Standard Profiles'!$G$19=$B$24,21,0),MOD($C5396,24)+1)/SUM(INDEX($D$3:$AA$30,INDEX(Jesper!$R$2:$R$366,ROW(INDEX(Jesper!AI$2:AI$366,ROUNDDOWN($C5396/24,0)+1,1))-1)+IF('Standard Profiles'!$G$19=$B$10,7,0)+IF('Standard Profiles'!$G$19=$B$17,14,0)+IF('Standard Profiles'!$G$19=$B$24,21,0),0)),0)</f>
        <v>2.6979268404791461</v>
      </c>
      <c r="F5396" cm="1">
        <f t="array" ref="F5396">IFERROR(INDEX(Jesper!AJ$2:AJ$366,ROUNDDOWN($C5396/24,0)+1,1)*INDEX($D$3:$AA$30,INDEX(Jesper!$R$2:$R$366,ROW(INDEX(Jesper!AJ$2:AJ$366,ROUNDDOWN($C5396/24,0)+1,1))-1)+IF('Standard Profiles'!$G$20=$B$10,7,0)+IF('Standard Profiles'!$G$20=$B$17,14,0)+IF('Standard Profiles'!$G$20=$B$24,21,0),MOD($C5396,24)+1)/SUM(INDEX($D$3:$AA$30,INDEX(Jesper!$R$2:$R$366,ROW(INDEX(Jesper!AJ$2:AJ$366,ROUNDDOWN($C5396/24,0)+1,1))-1)+IF('Standard Profiles'!$G$20=$B$10,7,0)+IF('Standard Profiles'!$G$20=$B$17,14,0)+IF('Standard Profiles'!$G$20=$B$24,21,0),0)),0)</f>
        <v>1.0313917596000159</v>
      </c>
      <c r="G5396" cm="1">
        <f t="array" ref="G5396">IFERROR(INDEX(Jesper!AK$2:AK$366,ROUNDDOWN($C5396/24,0)+1,1)*INDEX($D$3:$AA$30,INDEX(Jesper!$R$2:$R$366,ROW(INDEX(Jesper!AK$2:AK$366,ROUNDDOWN($C5396/24,0)+1,1))-1)+IF('Standard Profiles'!$G$21=$B$10,7,0)+IF('Standard Profiles'!$G$21=$B$17,14,0)+IF('Standard Profiles'!$G$21=$B$24,21,0),MOD($C5396,24)+1)/SUM(INDEX($D$3:$AA$30,INDEX(Jesper!$R$2:$R$366,ROW(INDEX(Jesper!AK$2:AK$366,ROUNDDOWN($C5396/24,0)+1,1))-1)+IF('Standard Profiles'!$G$21=$B$10,7,0)+IF('Standard Profiles'!$G$21=$B$17,14,0)+IF('Standard Profiles'!$G$21=$B$24,21,0),0)),0)</f>
        <v>0.49884809749351161</v>
      </c>
      <c r="H5396" cm="1">
        <f t="array" ref="H5396">IFERROR(INDEX(Jesper!AL$2:AL$366,ROUNDDOWN($C5396/24,0)+1,1)*INDEX($D$3:$AA$30,INDEX(Jesper!$R$2:$R$366,ROW(INDEX(Jesper!AL$2:AL$366,ROUNDDOWN($C5396/24,0)+1,1))-1)+IF('Standard Profiles'!$G$22=$B$10,7,0)+IF('Standard Profiles'!$G$22=$B$17,14,0)+IF('Standard Profiles'!$G$22=$B$24,21,0),MOD($C5396,24)+1)/SUM(INDEX($D$3:$AA$30,INDEX(Jesper!$R$2:$R$366,ROW(INDEX(Jesper!AL$2:AL$366,ROUNDDOWN($C5396/24,0)+1,1))-1)+IF('Standard Profiles'!$G$22=$B$10,7,0)+IF('Standard Profiles'!$G$22=$B$17,14,0)+IF('Standard Profiles'!$G$22=$B$24,21,0),0)),0)</f>
        <v>0.18252881342814115</v>
      </c>
      <c r="I5396">
        <f t="shared" si="601"/>
        <v>0.1752276608910156</v>
      </c>
      <c r="J5396">
        <f t="shared" si="602"/>
        <v>3.911716629252302</v>
      </c>
      <c r="K5396">
        <f t="shared" si="603"/>
        <v>0.21583414723833169</v>
      </c>
      <c r="L5396">
        <f t="shared" si="604"/>
        <v>0.10791707361916585</v>
      </c>
      <c r="M5396">
        <f t="shared" si="605"/>
        <v>0</v>
      </c>
      <c r="N5396" s="45">
        <f t="shared" si="606"/>
        <v>45150.416666653662</v>
      </c>
    </row>
    <row r="5397" spans="2:14" x14ac:dyDescent="0.25">
      <c r="B5397">
        <f t="shared" si="600"/>
        <v>6</v>
      </c>
      <c r="C5397" s="16">
        <v>5363</v>
      </c>
      <c r="D5397" cm="1">
        <f t="array" ref="D5397">IFERROR(INDEX(Jesper!AH$2:AH$366,ROUNDDOWN($C5397/24,0)+1,1)*INDEX($D$3:$AA$30,INDEX(Jesper!$R$2:$R$366,ROW(INDEX(Jesper!AH$2:AH$366,ROUNDDOWN($C5397/24,0)+1,1))-1)+IF('Standard Profiles'!$G$18=$B$10,7,0)+IF('Standard Profiles'!$G$18=$B$17,14,0)+IF('Standard Profiles'!$G$18=$B$24,21,0),MOD($C5397,24)+1)/SUM(INDEX($D$3:$AA$30,INDEX(Jesper!$R$2:$R$366,ROW(INDEX(Jesper!AH$2:AH$366,ROUNDDOWN($C5397/24,0)+1,1))-1)+IF('Standard Profiles'!$G$18=$B$10,7,0)+IF('Standard Profiles'!$G$18=$B$17,14,0)+IF('Standard Profiles'!$G$18=$B$24,21,0),0)),0)</f>
        <v>0</v>
      </c>
      <c r="E5397" cm="1">
        <f t="array" ref="E5397">IFERROR(INDEX(Jesper!AI$2:AI$366,ROUNDDOWN($C5397/24,0)+1,1)*INDEX($D$3:$AA$30,INDEX(Jesper!$R$2:$R$366,ROW(INDEX(Jesper!AI$2:AI$366,ROUNDDOWN($C5397/24,0)+1,1))-1)+IF('Standard Profiles'!$G$19=$B$10,7,0)+IF('Standard Profiles'!$G$19=$B$17,14,0)+IF('Standard Profiles'!$G$19=$B$24,21,0),MOD($C5397,24)+1)/SUM(INDEX($D$3:$AA$30,INDEX(Jesper!$R$2:$R$366,ROW(INDEX(Jesper!AI$2:AI$366,ROUNDDOWN($C5397/24,0)+1,1))-1)+IF('Standard Profiles'!$G$19=$B$10,7,0)+IF('Standard Profiles'!$G$19=$B$17,14,0)+IF('Standard Profiles'!$G$19=$B$24,21,0),0)),0)</f>
        <v>2.6979268404791461</v>
      </c>
      <c r="F5397" cm="1">
        <f t="array" ref="F5397">IFERROR(INDEX(Jesper!AJ$2:AJ$366,ROUNDDOWN($C5397/24,0)+1,1)*INDEX($D$3:$AA$30,INDEX(Jesper!$R$2:$R$366,ROW(INDEX(Jesper!AJ$2:AJ$366,ROUNDDOWN($C5397/24,0)+1,1))-1)+IF('Standard Profiles'!$G$20=$B$10,7,0)+IF('Standard Profiles'!$G$20=$B$17,14,0)+IF('Standard Profiles'!$G$20=$B$24,21,0),MOD($C5397,24)+1)/SUM(INDEX($D$3:$AA$30,INDEX(Jesper!$R$2:$R$366,ROW(INDEX(Jesper!AJ$2:AJ$366,ROUNDDOWN($C5397/24,0)+1,1))-1)+IF('Standard Profiles'!$G$20=$B$10,7,0)+IF('Standard Profiles'!$G$20=$B$17,14,0)+IF('Standard Profiles'!$G$20=$B$24,21,0),0)),0)</f>
        <v>1.0313917596000159</v>
      </c>
      <c r="G5397" cm="1">
        <f t="array" ref="G5397">IFERROR(INDEX(Jesper!AK$2:AK$366,ROUNDDOWN($C5397/24,0)+1,1)*INDEX($D$3:$AA$30,INDEX(Jesper!$R$2:$R$366,ROW(INDEX(Jesper!AK$2:AK$366,ROUNDDOWN($C5397/24,0)+1,1))-1)+IF('Standard Profiles'!$G$21=$B$10,7,0)+IF('Standard Profiles'!$G$21=$B$17,14,0)+IF('Standard Profiles'!$G$21=$B$24,21,0),MOD($C5397,24)+1)/SUM(INDEX($D$3:$AA$30,INDEX(Jesper!$R$2:$R$366,ROW(INDEX(Jesper!AK$2:AK$366,ROUNDDOWN($C5397/24,0)+1,1))-1)+IF('Standard Profiles'!$G$21=$B$10,7,0)+IF('Standard Profiles'!$G$21=$B$17,14,0)+IF('Standard Profiles'!$G$21=$B$24,21,0),0)),0)</f>
        <v>0.49884809749351161</v>
      </c>
      <c r="H5397" cm="1">
        <f t="array" ref="H5397">IFERROR(INDEX(Jesper!AL$2:AL$366,ROUNDDOWN($C5397/24,0)+1,1)*INDEX($D$3:$AA$30,INDEX(Jesper!$R$2:$R$366,ROW(INDEX(Jesper!AL$2:AL$366,ROUNDDOWN($C5397/24,0)+1,1))-1)+IF('Standard Profiles'!$G$22=$B$10,7,0)+IF('Standard Profiles'!$G$22=$B$17,14,0)+IF('Standard Profiles'!$G$22=$B$24,21,0),MOD($C5397,24)+1)/SUM(INDEX($D$3:$AA$30,INDEX(Jesper!$R$2:$R$366,ROW(INDEX(Jesper!AL$2:AL$366,ROUNDDOWN($C5397/24,0)+1,1))-1)+IF('Standard Profiles'!$G$22=$B$10,7,0)+IF('Standard Profiles'!$G$22=$B$17,14,0)+IF('Standard Profiles'!$G$22=$B$24,21,0),0)),0)</f>
        <v>0.18252881342814115</v>
      </c>
      <c r="I5397">
        <f t="shared" si="601"/>
        <v>0.1752276608910156</v>
      </c>
      <c r="J5397">
        <f t="shared" si="602"/>
        <v>3.911716629252302</v>
      </c>
      <c r="K5397">
        <f t="shared" si="603"/>
        <v>0.21583414723833169</v>
      </c>
      <c r="L5397">
        <f t="shared" si="604"/>
        <v>0.10791707361916585</v>
      </c>
      <c r="M5397">
        <f t="shared" si="605"/>
        <v>0</v>
      </c>
      <c r="N5397" s="45">
        <f t="shared" si="606"/>
        <v>45150.458333320326</v>
      </c>
    </row>
    <row r="5398" spans="2:14" x14ac:dyDescent="0.25">
      <c r="B5398">
        <f t="shared" si="600"/>
        <v>6</v>
      </c>
      <c r="C5398" s="16">
        <v>5364</v>
      </c>
      <c r="D5398" cm="1">
        <f t="array" ref="D5398">IFERROR(INDEX(Jesper!AH$2:AH$366,ROUNDDOWN($C5398/24,0)+1,1)*INDEX($D$3:$AA$30,INDEX(Jesper!$R$2:$R$366,ROW(INDEX(Jesper!AH$2:AH$366,ROUNDDOWN($C5398/24,0)+1,1))-1)+IF('Standard Profiles'!$G$18=$B$10,7,0)+IF('Standard Profiles'!$G$18=$B$17,14,0)+IF('Standard Profiles'!$G$18=$B$24,21,0),MOD($C5398,24)+1)/SUM(INDEX($D$3:$AA$30,INDEX(Jesper!$R$2:$R$366,ROW(INDEX(Jesper!AH$2:AH$366,ROUNDDOWN($C5398/24,0)+1,1))-1)+IF('Standard Profiles'!$G$18=$B$10,7,0)+IF('Standard Profiles'!$G$18=$B$17,14,0)+IF('Standard Profiles'!$G$18=$B$24,21,0),0)),0)</f>
        <v>0</v>
      </c>
      <c r="E5398" cm="1">
        <f t="array" ref="E5398">IFERROR(INDEX(Jesper!AI$2:AI$366,ROUNDDOWN($C5398/24,0)+1,1)*INDEX($D$3:$AA$30,INDEX(Jesper!$R$2:$R$366,ROW(INDEX(Jesper!AI$2:AI$366,ROUNDDOWN($C5398/24,0)+1,1))-1)+IF('Standard Profiles'!$G$19=$B$10,7,0)+IF('Standard Profiles'!$G$19=$B$17,14,0)+IF('Standard Profiles'!$G$19=$B$24,21,0),MOD($C5398,24)+1)/SUM(INDEX($D$3:$AA$30,INDEX(Jesper!$R$2:$R$366,ROW(INDEX(Jesper!AI$2:AI$366,ROUNDDOWN($C5398/24,0)+1,1))-1)+IF('Standard Profiles'!$G$19=$B$10,7,0)+IF('Standard Profiles'!$G$19=$B$17,14,0)+IF('Standard Profiles'!$G$19=$B$24,21,0),0)),0)</f>
        <v>2.6979268404791461</v>
      </c>
      <c r="F5398" cm="1">
        <f t="array" ref="F5398">IFERROR(INDEX(Jesper!AJ$2:AJ$366,ROUNDDOWN($C5398/24,0)+1,1)*INDEX($D$3:$AA$30,INDEX(Jesper!$R$2:$R$366,ROW(INDEX(Jesper!AJ$2:AJ$366,ROUNDDOWN($C5398/24,0)+1,1))-1)+IF('Standard Profiles'!$G$20=$B$10,7,0)+IF('Standard Profiles'!$G$20=$B$17,14,0)+IF('Standard Profiles'!$G$20=$B$24,21,0),MOD($C5398,24)+1)/SUM(INDEX($D$3:$AA$30,INDEX(Jesper!$R$2:$R$366,ROW(INDEX(Jesper!AJ$2:AJ$366,ROUNDDOWN($C5398/24,0)+1,1))-1)+IF('Standard Profiles'!$G$20=$B$10,7,0)+IF('Standard Profiles'!$G$20=$B$17,14,0)+IF('Standard Profiles'!$G$20=$B$24,21,0),0)),0)</f>
        <v>1.0313917596000159</v>
      </c>
      <c r="G5398" cm="1">
        <f t="array" ref="G5398">IFERROR(INDEX(Jesper!AK$2:AK$366,ROUNDDOWN($C5398/24,0)+1,1)*INDEX($D$3:$AA$30,INDEX(Jesper!$R$2:$R$366,ROW(INDEX(Jesper!AK$2:AK$366,ROUNDDOWN($C5398/24,0)+1,1))-1)+IF('Standard Profiles'!$G$21=$B$10,7,0)+IF('Standard Profiles'!$G$21=$B$17,14,0)+IF('Standard Profiles'!$G$21=$B$24,21,0),MOD($C5398,24)+1)/SUM(INDEX($D$3:$AA$30,INDEX(Jesper!$R$2:$R$366,ROW(INDEX(Jesper!AK$2:AK$366,ROUNDDOWN($C5398/24,0)+1,1))-1)+IF('Standard Profiles'!$G$21=$B$10,7,0)+IF('Standard Profiles'!$G$21=$B$17,14,0)+IF('Standard Profiles'!$G$21=$B$24,21,0),0)),0)</f>
        <v>0.49884809749351161</v>
      </c>
      <c r="H5398" cm="1">
        <f t="array" ref="H5398">IFERROR(INDEX(Jesper!AL$2:AL$366,ROUNDDOWN($C5398/24,0)+1,1)*INDEX($D$3:$AA$30,INDEX(Jesper!$R$2:$R$366,ROW(INDEX(Jesper!AL$2:AL$366,ROUNDDOWN($C5398/24,0)+1,1))-1)+IF('Standard Profiles'!$G$22=$B$10,7,0)+IF('Standard Profiles'!$G$22=$B$17,14,0)+IF('Standard Profiles'!$G$22=$B$24,21,0),MOD($C5398,24)+1)/SUM(INDEX($D$3:$AA$30,INDEX(Jesper!$R$2:$R$366,ROW(INDEX(Jesper!AL$2:AL$366,ROUNDDOWN($C5398/24,0)+1,1))-1)+IF('Standard Profiles'!$G$22=$B$10,7,0)+IF('Standard Profiles'!$G$22=$B$17,14,0)+IF('Standard Profiles'!$G$22=$B$24,21,0),0)),0)</f>
        <v>0.18252881342814115</v>
      </c>
      <c r="I5398">
        <f t="shared" si="601"/>
        <v>0.1752276608910156</v>
      </c>
      <c r="J5398">
        <f t="shared" si="602"/>
        <v>3.911716629252302</v>
      </c>
      <c r="K5398">
        <f t="shared" si="603"/>
        <v>0.21583414723833169</v>
      </c>
      <c r="L5398">
        <f t="shared" si="604"/>
        <v>0.10791707361916585</v>
      </c>
      <c r="M5398">
        <f t="shared" si="605"/>
        <v>0</v>
      </c>
      <c r="N5398" s="45">
        <f t="shared" si="606"/>
        <v>45150.499999986991</v>
      </c>
    </row>
    <row r="5399" spans="2:14" x14ac:dyDescent="0.25">
      <c r="B5399">
        <f t="shared" si="600"/>
        <v>6</v>
      </c>
      <c r="C5399" s="16">
        <v>5365</v>
      </c>
      <c r="D5399" cm="1">
        <f t="array" ref="D5399">IFERROR(INDEX(Jesper!AH$2:AH$366,ROUNDDOWN($C5399/24,0)+1,1)*INDEX($D$3:$AA$30,INDEX(Jesper!$R$2:$R$366,ROW(INDEX(Jesper!AH$2:AH$366,ROUNDDOWN($C5399/24,0)+1,1))-1)+IF('Standard Profiles'!$G$18=$B$10,7,0)+IF('Standard Profiles'!$G$18=$B$17,14,0)+IF('Standard Profiles'!$G$18=$B$24,21,0),MOD($C5399,24)+1)/SUM(INDEX($D$3:$AA$30,INDEX(Jesper!$R$2:$R$366,ROW(INDEX(Jesper!AH$2:AH$366,ROUNDDOWN($C5399/24,0)+1,1))-1)+IF('Standard Profiles'!$G$18=$B$10,7,0)+IF('Standard Profiles'!$G$18=$B$17,14,0)+IF('Standard Profiles'!$G$18=$B$24,21,0),0)),0)</f>
        <v>0</v>
      </c>
      <c r="E5399" cm="1">
        <f t="array" ref="E5399">IFERROR(INDEX(Jesper!AI$2:AI$366,ROUNDDOWN($C5399/24,0)+1,1)*INDEX($D$3:$AA$30,INDEX(Jesper!$R$2:$R$366,ROW(INDEX(Jesper!AI$2:AI$366,ROUNDDOWN($C5399/24,0)+1,1))-1)+IF('Standard Profiles'!$G$19=$B$10,7,0)+IF('Standard Profiles'!$G$19=$B$17,14,0)+IF('Standard Profiles'!$G$19=$B$24,21,0),MOD($C5399,24)+1)/SUM(INDEX($D$3:$AA$30,INDEX(Jesper!$R$2:$R$366,ROW(INDEX(Jesper!AI$2:AI$366,ROUNDDOWN($C5399/24,0)+1,1))-1)+IF('Standard Profiles'!$G$19=$B$10,7,0)+IF('Standard Profiles'!$G$19=$B$17,14,0)+IF('Standard Profiles'!$G$19=$B$24,21,0),0)),0)</f>
        <v>2.6979268404791461</v>
      </c>
      <c r="F5399" cm="1">
        <f t="array" ref="F5399">IFERROR(INDEX(Jesper!AJ$2:AJ$366,ROUNDDOWN($C5399/24,0)+1,1)*INDEX($D$3:$AA$30,INDEX(Jesper!$R$2:$R$366,ROW(INDEX(Jesper!AJ$2:AJ$366,ROUNDDOWN($C5399/24,0)+1,1))-1)+IF('Standard Profiles'!$G$20=$B$10,7,0)+IF('Standard Profiles'!$G$20=$B$17,14,0)+IF('Standard Profiles'!$G$20=$B$24,21,0),MOD($C5399,24)+1)/SUM(INDEX($D$3:$AA$30,INDEX(Jesper!$R$2:$R$366,ROW(INDEX(Jesper!AJ$2:AJ$366,ROUNDDOWN($C5399/24,0)+1,1))-1)+IF('Standard Profiles'!$G$20=$B$10,7,0)+IF('Standard Profiles'!$G$20=$B$17,14,0)+IF('Standard Profiles'!$G$20=$B$24,21,0),0)),0)</f>
        <v>1.0313917596000159</v>
      </c>
      <c r="G5399" cm="1">
        <f t="array" ref="G5399">IFERROR(INDEX(Jesper!AK$2:AK$366,ROUNDDOWN($C5399/24,0)+1,1)*INDEX($D$3:$AA$30,INDEX(Jesper!$R$2:$R$366,ROW(INDEX(Jesper!AK$2:AK$366,ROUNDDOWN($C5399/24,0)+1,1))-1)+IF('Standard Profiles'!$G$21=$B$10,7,0)+IF('Standard Profiles'!$G$21=$B$17,14,0)+IF('Standard Profiles'!$G$21=$B$24,21,0),MOD($C5399,24)+1)/SUM(INDEX($D$3:$AA$30,INDEX(Jesper!$R$2:$R$366,ROW(INDEX(Jesper!AK$2:AK$366,ROUNDDOWN($C5399/24,0)+1,1))-1)+IF('Standard Profiles'!$G$21=$B$10,7,0)+IF('Standard Profiles'!$G$21=$B$17,14,0)+IF('Standard Profiles'!$G$21=$B$24,21,0),0)),0)</f>
        <v>0.49884809749351161</v>
      </c>
      <c r="H5399" cm="1">
        <f t="array" ref="H5399">IFERROR(INDEX(Jesper!AL$2:AL$366,ROUNDDOWN($C5399/24,0)+1,1)*INDEX($D$3:$AA$30,INDEX(Jesper!$R$2:$R$366,ROW(INDEX(Jesper!AL$2:AL$366,ROUNDDOWN($C5399/24,0)+1,1))-1)+IF('Standard Profiles'!$G$22=$B$10,7,0)+IF('Standard Profiles'!$G$22=$B$17,14,0)+IF('Standard Profiles'!$G$22=$B$24,21,0),MOD($C5399,24)+1)/SUM(INDEX($D$3:$AA$30,INDEX(Jesper!$R$2:$R$366,ROW(INDEX(Jesper!AL$2:AL$366,ROUNDDOWN($C5399/24,0)+1,1))-1)+IF('Standard Profiles'!$G$22=$B$10,7,0)+IF('Standard Profiles'!$G$22=$B$17,14,0)+IF('Standard Profiles'!$G$22=$B$24,21,0),0)),0)</f>
        <v>0.18252881342814115</v>
      </c>
      <c r="I5399">
        <f t="shared" si="601"/>
        <v>0.1752276608910156</v>
      </c>
      <c r="J5399">
        <f t="shared" si="602"/>
        <v>3.911716629252302</v>
      </c>
      <c r="K5399">
        <f t="shared" si="603"/>
        <v>0.21583414723833169</v>
      </c>
      <c r="L5399">
        <f t="shared" si="604"/>
        <v>0.10791707361916585</v>
      </c>
      <c r="M5399">
        <f t="shared" si="605"/>
        <v>0</v>
      </c>
      <c r="N5399" s="45">
        <f t="shared" si="606"/>
        <v>45150.541666653655</v>
      </c>
    </row>
    <row r="5400" spans="2:14" x14ac:dyDescent="0.25">
      <c r="B5400">
        <f t="shared" si="600"/>
        <v>6</v>
      </c>
      <c r="C5400" s="16">
        <v>5366</v>
      </c>
      <c r="D5400" cm="1">
        <f t="array" ref="D5400">IFERROR(INDEX(Jesper!AH$2:AH$366,ROUNDDOWN($C5400/24,0)+1,1)*INDEX($D$3:$AA$30,INDEX(Jesper!$R$2:$R$366,ROW(INDEX(Jesper!AH$2:AH$366,ROUNDDOWN($C5400/24,0)+1,1))-1)+IF('Standard Profiles'!$G$18=$B$10,7,0)+IF('Standard Profiles'!$G$18=$B$17,14,0)+IF('Standard Profiles'!$G$18=$B$24,21,0),MOD($C5400,24)+1)/SUM(INDEX($D$3:$AA$30,INDEX(Jesper!$R$2:$R$366,ROW(INDEX(Jesper!AH$2:AH$366,ROUNDDOWN($C5400/24,0)+1,1))-1)+IF('Standard Profiles'!$G$18=$B$10,7,0)+IF('Standard Profiles'!$G$18=$B$17,14,0)+IF('Standard Profiles'!$G$18=$B$24,21,0),0)),0)</f>
        <v>0</v>
      </c>
      <c r="E5400" cm="1">
        <f t="array" ref="E5400">IFERROR(INDEX(Jesper!AI$2:AI$366,ROUNDDOWN($C5400/24,0)+1,1)*INDEX($D$3:$AA$30,INDEX(Jesper!$R$2:$R$366,ROW(INDEX(Jesper!AI$2:AI$366,ROUNDDOWN($C5400/24,0)+1,1))-1)+IF('Standard Profiles'!$G$19=$B$10,7,0)+IF('Standard Profiles'!$G$19=$B$17,14,0)+IF('Standard Profiles'!$G$19=$B$24,21,0),MOD($C5400,24)+1)/SUM(INDEX($D$3:$AA$30,INDEX(Jesper!$R$2:$R$366,ROW(INDEX(Jesper!AI$2:AI$366,ROUNDDOWN($C5400/24,0)+1,1))-1)+IF('Standard Profiles'!$G$19=$B$10,7,0)+IF('Standard Profiles'!$G$19=$B$17,14,0)+IF('Standard Profiles'!$G$19=$B$24,21,0),0)),0)</f>
        <v>2.6979268404791461</v>
      </c>
      <c r="F5400" cm="1">
        <f t="array" ref="F5400">IFERROR(INDEX(Jesper!AJ$2:AJ$366,ROUNDDOWN($C5400/24,0)+1,1)*INDEX($D$3:$AA$30,INDEX(Jesper!$R$2:$R$366,ROW(INDEX(Jesper!AJ$2:AJ$366,ROUNDDOWN($C5400/24,0)+1,1))-1)+IF('Standard Profiles'!$G$20=$B$10,7,0)+IF('Standard Profiles'!$G$20=$B$17,14,0)+IF('Standard Profiles'!$G$20=$B$24,21,0),MOD($C5400,24)+1)/SUM(INDEX($D$3:$AA$30,INDEX(Jesper!$R$2:$R$366,ROW(INDEX(Jesper!AJ$2:AJ$366,ROUNDDOWN($C5400/24,0)+1,1))-1)+IF('Standard Profiles'!$G$20=$B$10,7,0)+IF('Standard Profiles'!$G$20=$B$17,14,0)+IF('Standard Profiles'!$G$20=$B$24,21,0),0)),0)</f>
        <v>1.0313917596000159</v>
      </c>
      <c r="G5400" cm="1">
        <f t="array" ref="G5400">IFERROR(INDEX(Jesper!AK$2:AK$366,ROUNDDOWN($C5400/24,0)+1,1)*INDEX($D$3:$AA$30,INDEX(Jesper!$R$2:$R$366,ROW(INDEX(Jesper!AK$2:AK$366,ROUNDDOWN($C5400/24,0)+1,1))-1)+IF('Standard Profiles'!$G$21=$B$10,7,0)+IF('Standard Profiles'!$G$21=$B$17,14,0)+IF('Standard Profiles'!$G$21=$B$24,21,0),MOD($C5400,24)+1)/SUM(INDEX($D$3:$AA$30,INDEX(Jesper!$R$2:$R$366,ROW(INDEX(Jesper!AK$2:AK$366,ROUNDDOWN($C5400/24,0)+1,1))-1)+IF('Standard Profiles'!$G$21=$B$10,7,0)+IF('Standard Profiles'!$G$21=$B$17,14,0)+IF('Standard Profiles'!$G$21=$B$24,21,0),0)),0)</f>
        <v>0.49884809749351161</v>
      </c>
      <c r="H5400" cm="1">
        <f t="array" ref="H5400">IFERROR(INDEX(Jesper!AL$2:AL$366,ROUNDDOWN($C5400/24,0)+1,1)*INDEX($D$3:$AA$30,INDEX(Jesper!$R$2:$R$366,ROW(INDEX(Jesper!AL$2:AL$366,ROUNDDOWN($C5400/24,0)+1,1))-1)+IF('Standard Profiles'!$G$22=$B$10,7,0)+IF('Standard Profiles'!$G$22=$B$17,14,0)+IF('Standard Profiles'!$G$22=$B$24,21,0),MOD($C5400,24)+1)/SUM(INDEX($D$3:$AA$30,INDEX(Jesper!$R$2:$R$366,ROW(INDEX(Jesper!AL$2:AL$366,ROUNDDOWN($C5400/24,0)+1,1))-1)+IF('Standard Profiles'!$G$22=$B$10,7,0)+IF('Standard Profiles'!$G$22=$B$17,14,0)+IF('Standard Profiles'!$G$22=$B$24,21,0),0)),0)</f>
        <v>0.18252881342814115</v>
      </c>
      <c r="I5400">
        <f t="shared" si="601"/>
        <v>0.1752276608910156</v>
      </c>
      <c r="J5400">
        <f t="shared" si="602"/>
        <v>3.911716629252302</v>
      </c>
      <c r="K5400">
        <f t="shared" si="603"/>
        <v>0.21583414723833169</v>
      </c>
      <c r="L5400">
        <f t="shared" si="604"/>
        <v>0.10791707361916585</v>
      </c>
      <c r="M5400">
        <f t="shared" si="605"/>
        <v>0</v>
      </c>
      <c r="N5400" s="45">
        <f t="shared" si="606"/>
        <v>45150.583333320319</v>
      </c>
    </row>
    <row r="5401" spans="2:14" x14ac:dyDescent="0.25">
      <c r="B5401">
        <f t="shared" si="600"/>
        <v>6</v>
      </c>
      <c r="C5401" s="16">
        <v>5367</v>
      </c>
      <c r="D5401" cm="1">
        <f t="array" ref="D5401">IFERROR(INDEX(Jesper!AH$2:AH$366,ROUNDDOWN($C5401/24,0)+1,1)*INDEX($D$3:$AA$30,INDEX(Jesper!$R$2:$R$366,ROW(INDEX(Jesper!AH$2:AH$366,ROUNDDOWN($C5401/24,0)+1,1))-1)+IF('Standard Profiles'!$G$18=$B$10,7,0)+IF('Standard Profiles'!$G$18=$B$17,14,0)+IF('Standard Profiles'!$G$18=$B$24,21,0),MOD($C5401,24)+1)/SUM(INDEX($D$3:$AA$30,INDEX(Jesper!$R$2:$R$366,ROW(INDEX(Jesper!AH$2:AH$366,ROUNDDOWN($C5401/24,0)+1,1))-1)+IF('Standard Profiles'!$G$18=$B$10,7,0)+IF('Standard Profiles'!$G$18=$B$17,14,0)+IF('Standard Profiles'!$G$18=$B$24,21,0),0)),0)</f>
        <v>0</v>
      </c>
      <c r="E5401" cm="1">
        <f t="array" ref="E5401">IFERROR(INDEX(Jesper!AI$2:AI$366,ROUNDDOWN($C5401/24,0)+1,1)*INDEX($D$3:$AA$30,INDEX(Jesper!$R$2:$R$366,ROW(INDEX(Jesper!AI$2:AI$366,ROUNDDOWN($C5401/24,0)+1,1))-1)+IF('Standard Profiles'!$G$19=$B$10,7,0)+IF('Standard Profiles'!$G$19=$B$17,14,0)+IF('Standard Profiles'!$G$19=$B$24,21,0),MOD($C5401,24)+1)/SUM(INDEX($D$3:$AA$30,INDEX(Jesper!$R$2:$R$366,ROW(INDEX(Jesper!AI$2:AI$366,ROUNDDOWN($C5401/24,0)+1,1))-1)+IF('Standard Profiles'!$G$19=$B$10,7,0)+IF('Standard Profiles'!$G$19=$B$17,14,0)+IF('Standard Profiles'!$G$19=$B$24,21,0),0)),0)</f>
        <v>2.6979268404791461</v>
      </c>
      <c r="F5401" cm="1">
        <f t="array" ref="F5401">IFERROR(INDEX(Jesper!AJ$2:AJ$366,ROUNDDOWN($C5401/24,0)+1,1)*INDEX($D$3:$AA$30,INDEX(Jesper!$R$2:$R$366,ROW(INDEX(Jesper!AJ$2:AJ$366,ROUNDDOWN($C5401/24,0)+1,1))-1)+IF('Standard Profiles'!$G$20=$B$10,7,0)+IF('Standard Profiles'!$G$20=$B$17,14,0)+IF('Standard Profiles'!$G$20=$B$24,21,0),MOD($C5401,24)+1)/SUM(INDEX($D$3:$AA$30,INDEX(Jesper!$R$2:$R$366,ROW(INDEX(Jesper!AJ$2:AJ$366,ROUNDDOWN($C5401/24,0)+1,1))-1)+IF('Standard Profiles'!$G$20=$B$10,7,0)+IF('Standard Profiles'!$G$20=$B$17,14,0)+IF('Standard Profiles'!$G$20=$B$24,21,0),0)),0)</f>
        <v>1.0313917596000159</v>
      </c>
      <c r="G5401" cm="1">
        <f t="array" ref="G5401">IFERROR(INDEX(Jesper!AK$2:AK$366,ROUNDDOWN($C5401/24,0)+1,1)*INDEX($D$3:$AA$30,INDEX(Jesper!$R$2:$R$366,ROW(INDEX(Jesper!AK$2:AK$366,ROUNDDOWN($C5401/24,0)+1,1))-1)+IF('Standard Profiles'!$G$21=$B$10,7,0)+IF('Standard Profiles'!$G$21=$B$17,14,0)+IF('Standard Profiles'!$G$21=$B$24,21,0),MOD($C5401,24)+1)/SUM(INDEX($D$3:$AA$30,INDEX(Jesper!$R$2:$R$366,ROW(INDEX(Jesper!AK$2:AK$366,ROUNDDOWN($C5401/24,0)+1,1))-1)+IF('Standard Profiles'!$G$21=$B$10,7,0)+IF('Standard Profiles'!$G$21=$B$17,14,0)+IF('Standard Profiles'!$G$21=$B$24,21,0),0)),0)</f>
        <v>0.49884809749351161</v>
      </c>
      <c r="H5401" cm="1">
        <f t="array" ref="H5401">IFERROR(INDEX(Jesper!AL$2:AL$366,ROUNDDOWN($C5401/24,0)+1,1)*INDEX($D$3:$AA$30,INDEX(Jesper!$R$2:$R$366,ROW(INDEX(Jesper!AL$2:AL$366,ROUNDDOWN($C5401/24,0)+1,1))-1)+IF('Standard Profiles'!$G$22=$B$10,7,0)+IF('Standard Profiles'!$G$22=$B$17,14,0)+IF('Standard Profiles'!$G$22=$B$24,21,0),MOD($C5401,24)+1)/SUM(INDEX($D$3:$AA$30,INDEX(Jesper!$R$2:$R$366,ROW(INDEX(Jesper!AL$2:AL$366,ROUNDDOWN($C5401/24,0)+1,1))-1)+IF('Standard Profiles'!$G$22=$B$10,7,0)+IF('Standard Profiles'!$G$22=$B$17,14,0)+IF('Standard Profiles'!$G$22=$B$24,21,0),0)),0)</f>
        <v>0.16502605049667554</v>
      </c>
      <c r="I5401">
        <f t="shared" si="601"/>
        <v>0.1584250084768086</v>
      </c>
      <c r="J5401">
        <f t="shared" si="602"/>
        <v>3.9110165187350434</v>
      </c>
      <c r="K5401">
        <f t="shared" si="603"/>
        <v>0.21583414723833169</v>
      </c>
      <c r="L5401">
        <f t="shared" si="604"/>
        <v>0.10791707361916585</v>
      </c>
      <c r="M5401">
        <f t="shared" si="605"/>
        <v>0</v>
      </c>
      <c r="N5401" s="45">
        <f t="shared" si="606"/>
        <v>45150.624999986983</v>
      </c>
    </row>
    <row r="5402" spans="2:14" x14ac:dyDescent="0.25">
      <c r="B5402">
        <f t="shared" si="600"/>
        <v>6</v>
      </c>
      <c r="C5402" s="16">
        <v>5368</v>
      </c>
      <c r="D5402" cm="1">
        <f t="array" ref="D5402">IFERROR(INDEX(Jesper!AH$2:AH$366,ROUNDDOWN($C5402/24,0)+1,1)*INDEX($D$3:$AA$30,INDEX(Jesper!$R$2:$R$366,ROW(INDEX(Jesper!AH$2:AH$366,ROUNDDOWN($C5402/24,0)+1,1))-1)+IF('Standard Profiles'!$G$18=$B$10,7,0)+IF('Standard Profiles'!$G$18=$B$17,14,0)+IF('Standard Profiles'!$G$18=$B$24,21,0),MOD($C5402,24)+1)/SUM(INDEX($D$3:$AA$30,INDEX(Jesper!$R$2:$R$366,ROW(INDEX(Jesper!AH$2:AH$366,ROUNDDOWN($C5402/24,0)+1,1))-1)+IF('Standard Profiles'!$G$18=$B$10,7,0)+IF('Standard Profiles'!$G$18=$B$17,14,0)+IF('Standard Profiles'!$G$18=$B$24,21,0),0)),0)</f>
        <v>0</v>
      </c>
      <c r="E5402" cm="1">
        <f t="array" ref="E5402">IFERROR(INDEX(Jesper!AI$2:AI$366,ROUNDDOWN($C5402/24,0)+1,1)*INDEX($D$3:$AA$30,INDEX(Jesper!$R$2:$R$366,ROW(INDEX(Jesper!AI$2:AI$366,ROUNDDOWN($C5402/24,0)+1,1))-1)+IF('Standard Profiles'!$G$19=$B$10,7,0)+IF('Standard Profiles'!$G$19=$B$17,14,0)+IF('Standard Profiles'!$G$19=$B$24,21,0),MOD($C5402,24)+1)/SUM(INDEX($D$3:$AA$30,INDEX(Jesper!$R$2:$R$366,ROW(INDEX(Jesper!AI$2:AI$366,ROUNDDOWN($C5402/24,0)+1,1))-1)+IF('Standard Profiles'!$G$19=$B$10,7,0)+IF('Standard Profiles'!$G$19=$B$17,14,0)+IF('Standard Profiles'!$G$19=$B$24,21,0),0)),0)</f>
        <v>2.6979268404791461</v>
      </c>
      <c r="F5402" cm="1">
        <f t="array" ref="F5402">IFERROR(INDEX(Jesper!AJ$2:AJ$366,ROUNDDOWN($C5402/24,0)+1,1)*INDEX($D$3:$AA$30,INDEX(Jesper!$R$2:$R$366,ROW(INDEX(Jesper!AJ$2:AJ$366,ROUNDDOWN($C5402/24,0)+1,1))-1)+IF('Standard Profiles'!$G$20=$B$10,7,0)+IF('Standard Profiles'!$G$20=$B$17,14,0)+IF('Standard Profiles'!$G$20=$B$24,21,0),MOD($C5402,24)+1)/SUM(INDEX($D$3:$AA$30,INDEX(Jesper!$R$2:$R$366,ROW(INDEX(Jesper!AJ$2:AJ$366,ROUNDDOWN($C5402/24,0)+1,1))-1)+IF('Standard Profiles'!$G$20=$B$10,7,0)+IF('Standard Profiles'!$G$20=$B$17,14,0)+IF('Standard Profiles'!$G$20=$B$24,21,0),0)),0)</f>
        <v>1.0313917596000159</v>
      </c>
      <c r="G5402" cm="1">
        <f t="array" ref="G5402">IFERROR(INDEX(Jesper!AK$2:AK$366,ROUNDDOWN($C5402/24,0)+1,1)*INDEX($D$3:$AA$30,INDEX(Jesper!$R$2:$R$366,ROW(INDEX(Jesper!AK$2:AK$366,ROUNDDOWN($C5402/24,0)+1,1))-1)+IF('Standard Profiles'!$G$21=$B$10,7,0)+IF('Standard Profiles'!$G$21=$B$17,14,0)+IF('Standard Profiles'!$G$21=$B$24,21,0),MOD($C5402,24)+1)/SUM(INDEX($D$3:$AA$30,INDEX(Jesper!$R$2:$R$366,ROW(INDEX(Jesper!AK$2:AK$366,ROUNDDOWN($C5402/24,0)+1,1))-1)+IF('Standard Profiles'!$G$21=$B$10,7,0)+IF('Standard Profiles'!$G$21=$B$17,14,0)+IF('Standard Profiles'!$G$21=$B$24,21,0),0)),0)</f>
        <v>0.49884809749351161</v>
      </c>
      <c r="H5402" cm="1">
        <f t="array" ref="H5402">IFERROR(INDEX(Jesper!AL$2:AL$366,ROUNDDOWN($C5402/24,0)+1,1)*INDEX($D$3:$AA$30,INDEX(Jesper!$R$2:$R$366,ROW(INDEX(Jesper!AL$2:AL$366,ROUNDDOWN($C5402/24,0)+1,1))-1)+IF('Standard Profiles'!$G$22=$B$10,7,0)+IF('Standard Profiles'!$G$22=$B$17,14,0)+IF('Standard Profiles'!$G$22=$B$24,21,0),MOD($C5402,24)+1)/SUM(INDEX($D$3:$AA$30,INDEX(Jesper!$R$2:$R$366,ROW(INDEX(Jesper!AL$2:AL$366,ROUNDDOWN($C5402/24,0)+1,1))-1)+IF('Standard Profiles'!$G$22=$B$10,7,0)+IF('Standard Profiles'!$G$22=$B$17,14,0)+IF('Standard Profiles'!$G$22=$B$24,21,0),0)),0)</f>
        <v>0.15002368226970506</v>
      </c>
      <c r="I5402">
        <f t="shared" si="601"/>
        <v>0.14402273497891693</v>
      </c>
      <c r="J5402">
        <f t="shared" si="602"/>
        <v>3.9104164240059647</v>
      </c>
      <c r="K5402">
        <f t="shared" si="603"/>
        <v>0.21583414723833169</v>
      </c>
      <c r="L5402">
        <f t="shared" si="604"/>
        <v>0.10791707361916585</v>
      </c>
      <c r="M5402">
        <f t="shared" si="605"/>
        <v>0</v>
      </c>
      <c r="N5402" s="45">
        <f t="shared" si="606"/>
        <v>45150.666666653648</v>
      </c>
    </row>
    <row r="5403" spans="2:14" x14ac:dyDescent="0.25">
      <c r="B5403">
        <f t="shared" si="600"/>
        <v>6</v>
      </c>
      <c r="C5403" s="16">
        <v>5369</v>
      </c>
      <c r="D5403" cm="1">
        <f t="array" ref="D5403">IFERROR(INDEX(Jesper!AH$2:AH$366,ROUNDDOWN($C5403/24,0)+1,1)*INDEX($D$3:$AA$30,INDEX(Jesper!$R$2:$R$366,ROW(INDEX(Jesper!AH$2:AH$366,ROUNDDOWN($C5403/24,0)+1,1))-1)+IF('Standard Profiles'!$G$18=$B$10,7,0)+IF('Standard Profiles'!$G$18=$B$17,14,0)+IF('Standard Profiles'!$G$18=$B$24,21,0),MOD($C5403,24)+1)/SUM(INDEX($D$3:$AA$30,INDEX(Jesper!$R$2:$R$366,ROW(INDEX(Jesper!AH$2:AH$366,ROUNDDOWN($C5403/24,0)+1,1))-1)+IF('Standard Profiles'!$G$18=$B$10,7,0)+IF('Standard Profiles'!$G$18=$B$17,14,0)+IF('Standard Profiles'!$G$18=$B$24,21,0),0)),0)</f>
        <v>0</v>
      </c>
      <c r="E5403" cm="1">
        <f t="array" ref="E5403">IFERROR(INDEX(Jesper!AI$2:AI$366,ROUNDDOWN($C5403/24,0)+1,1)*INDEX($D$3:$AA$30,INDEX(Jesper!$R$2:$R$366,ROW(INDEX(Jesper!AI$2:AI$366,ROUNDDOWN($C5403/24,0)+1,1))-1)+IF('Standard Profiles'!$G$19=$B$10,7,0)+IF('Standard Profiles'!$G$19=$B$17,14,0)+IF('Standard Profiles'!$G$19=$B$24,21,0),MOD($C5403,24)+1)/SUM(INDEX($D$3:$AA$30,INDEX(Jesper!$R$2:$R$366,ROW(INDEX(Jesper!AI$2:AI$366,ROUNDDOWN($C5403/24,0)+1,1))-1)+IF('Standard Profiles'!$G$19=$B$10,7,0)+IF('Standard Profiles'!$G$19=$B$17,14,0)+IF('Standard Profiles'!$G$19=$B$24,21,0),0)),0)</f>
        <v>2.6979268404791461</v>
      </c>
      <c r="F5403" cm="1">
        <f t="array" ref="F5403">IFERROR(INDEX(Jesper!AJ$2:AJ$366,ROUNDDOWN($C5403/24,0)+1,1)*INDEX($D$3:$AA$30,INDEX(Jesper!$R$2:$R$366,ROW(INDEX(Jesper!AJ$2:AJ$366,ROUNDDOWN($C5403/24,0)+1,1))-1)+IF('Standard Profiles'!$G$20=$B$10,7,0)+IF('Standard Profiles'!$G$20=$B$17,14,0)+IF('Standard Profiles'!$G$20=$B$24,21,0),MOD($C5403,24)+1)/SUM(INDEX($D$3:$AA$30,INDEX(Jesper!$R$2:$R$366,ROW(INDEX(Jesper!AJ$2:AJ$366,ROUNDDOWN($C5403/24,0)+1,1))-1)+IF('Standard Profiles'!$G$20=$B$10,7,0)+IF('Standard Profiles'!$G$20=$B$17,14,0)+IF('Standard Profiles'!$G$20=$B$24,21,0),0)),0)</f>
        <v>1.0313917596000159</v>
      </c>
      <c r="G5403" cm="1">
        <f t="array" ref="G5403">IFERROR(INDEX(Jesper!AK$2:AK$366,ROUNDDOWN($C5403/24,0)+1,1)*INDEX($D$3:$AA$30,INDEX(Jesper!$R$2:$R$366,ROW(INDEX(Jesper!AK$2:AK$366,ROUNDDOWN($C5403/24,0)+1,1))-1)+IF('Standard Profiles'!$G$21=$B$10,7,0)+IF('Standard Profiles'!$G$21=$B$17,14,0)+IF('Standard Profiles'!$G$21=$B$24,21,0),MOD($C5403,24)+1)/SUM(INDEX($D$3:$AA$30,INDEX(Jesper!$R$2:$R$366,ROW(INDEX(Jesper!AK$2:AK$366,ROUNDDOWN($C5403/24,0)+1,1))-1)+IF('Standard Profiles'!$G$21=$B$10,7,0)+IF('Standard Profiles'!$G$21=$B$17,14,0)+IF('Standard Profiles'!$G$21=$B$24,21,0),0)),0)</f>
        <v>0.49884809749351161</v>
      </c>
      <c r="H5403" cm="1">
        <f t="array" ref="H5403">IFERROR(INDEX(Jesper!AL$2:AL$366,ROUNDDOWN($C5403/24,0)+1,1)*INDEX($D$3:$AA$30,INDEX(Jesper!$R$2:$R$366,ROW(INDEX(Jesper!AL$2:AL$366,ROUNDDOWN($C5403/24,0)+1,1))-1)+IF('Standard Profiles'!$G$22=$B$10,7,0)+IF('Standard Profiles'!$G$22=$B$17,14,0)+IF('Standard Profiles'!$G$22=$B$24,21,0),MOD($C5403,24)+1)/SUM(INDEX($D$3:$AA$30,INDEX(Jesper!$R$2:$R$366,ROW(INDEX(Jesper!AL$2:AL$366,ROUNDDOWN($C5403/24,0)+1,1))-1)+IF('Standard Profiles'!$G$22=$B$10,7,0)+IF('Standard Profiles'!$G$22=$B$17,14,0)+IF('Standard Profiles'!$G$22=$B$24,21,0),0)),0)</f>
        <v>0.13502131404273454</v>
      </c>
      <c r="I5403">
        <f t="shared" si="601"/>
        <v>0.12962046148102524</v>
      </c>
      <c r="J5403">
        <f t="shared" si="602"/>
        <v>3.9098163292768859</v>
      </c>
      <c r="K5403">
        <f t="shared" si="603"/>
        <v>0.21583414723833169</v>
      </c>
      <c r="L5403">
        <f t="shared" si="604"/>
        <v>0.10791707361916585</v>
      </c>
      <c r="M5403">
        <f t="shared" si="605"/>
        <v>0</v>
      </c>
      <c r="N5403" s="45">
        <f t="shared" si="606"/>
        <v>45150.708333320312</v>
      </c>
    </row>
    <row r="5404" spans="2:14" x14ac:dyDescent="0.25">
      <c r="B5404">
        <f t="shared" si="600"/>
        <v>6</v>
      </c>
      <c r="C5404" s="16">
        <v>5370</v>
      </c>
      <c r="D5404" cm="1">
        <f t="array" ref="D5404">IFERROR(INDEX(Jesper!AH$2:AH$366,ROUNDDOWN($C5404/24,0)+1,1)*INDEX($D$3:$AA$30,INDEX(Jesper!$R$2:$R$366,ROW(INDEX(Jesper!AH$2:AH$366,ROUNDDOWN($C5404/24,0)+1,1))-1)+IF('Standard Profiles'!$G$18=$B$10,7,0)+IF('Standard Profiles'!$G$18=$B$17,14,0)+IF('Standard Profiles'!$G$18=$B$24,21,0),MOD($C5404,24)+1)/SUM(INDEX($D$3:$AA$30,INDEX(Jesper!$R$2:$R$366,ROW(INDEX(Jesper!AH$2:AH$366,ROUNDDOWN($C5404/24,0)+1,1))-1)+IF('Standard Profiles'!$G$18=$B$10,7,0)+IF('Standard Profiles'!$G$18=$B$17,14,0)+IF('Standard Profiles'!$G$18=$B$24,21,0),0)),0)</f>
        <v>0</v>
      </c>
      <c r="E5404" cm="1">
        <f t="array" ref="E5404">IFERROR(INDEX(Jesper!AI$2:AI$366,ROUNDDOWN($C5404/24,0)+1,1)*INDEX($D$3:$AA$30,INDEX(Jesper!$R$2:$R$366,ROW(INDEX(Jesper!AI$2:AI$366,ROUNDDOWN($C5404/24,0)+1,1))-1)+IF('Standard Profiles'!$G$19=$B$10,7,0)+IF('Standard Profiles'!$G$19=$B$17,14,0)+IF('Standard Profiles'!$G$19=$B$24,21,0),MOD($C5404,24)+1)/SUM(INDEX($D$3:$AA$30,INDEX(Jesper!$R$2:$R$366,ROW(INDEX(Jesper!AI$2:AI$366,ROUNDDOWN($C5404/24,0)+1,1))-1)+IF('Standard Profiles'!$G$19=$B$10,7,0)+IF('Standard Profiles'!$G$19=$B$17,14,0)+IF('Standard Profiles'!$G$19=$B$24,21,0),0)),0)</f>
        <v>2.6979268404791461</v>
      </c>
      <c r="F5404" cm="1">
        <f t="array" ref="F5404">IFERROR(INDEX(Jesper!AJ$2:AJ$366,ROUNDDOWN($C5404/24,0)+1,1)*INDEX($D$3:$AA$30,INDEX(Jesper!$R$2:$R$366,ROW(INDEX(Jesper!AJ$2:AJ$366,ROUNDDOWN($C5404/24,0)+1,1))-1)+IF('Standard Profiles'!$G$20=$B$10,7,0)+IF('Standard Profiles'!$G$20=$B$17,14,0)+IF('Standard Profiles'!$G$20=$B$24,21,0),MOD($C5404,24)+1)/SUM(INDEX($D$3:$AA$30,INDEX(Jesper!$R$2:$R$366,ROW(INDEX(Jesper!AJ$2:AJ$366,ROUNDDOWN($C5404/24,0)+1,1))-1)+IF('Standard Profiles'!$G$20=$B$10,7,0)+IF('Standard Profiles'!$G$20=$B$17,14,0)+IF('Standard Profiles'!$G$20=$B$24,21,0),0)),0)</f>
        <v>1.0313917596000159</v>
      </c>
      <c r="G5404" cm="1">
        <f t="array" ref="G5404">IFERROR(INDEX(Jesper!AK$2:AK$366,ROUNDDOWN($C5404/24,0)+1,1)*INDEX($D$3:$AA$30,INDEX(Jesper!$R$2:$R$366,ROW(INDEX(Jesper!AK$2:AK$366,ROUNDDOWN($C5404/24,0)+1,1))-1)+IF('Standard Profiles'!$G$21=$B$10,7,0)+IF('Standard Profiles'!$G$21=$B$17,14,0)+IF('Standard Profiles'!$G$21=$B$24,21,0),MOD($C5404,24)+1)/SUM(INDEX($D$3:$AA$30,INDEX(Jesper!$R$2:$R$366,ROW(INDEX(Jesper!AK$2:AK$366,ROUNDDOWN($C5404/24,0)+1,1))-1)+IF('Standard Profiles'!$G$21=$B$10,7,0)+IF('Standard Profiles'!$G$21=$B$17,14,0)+IF('Standard Profiles'!$G$21=$B$24,21,0),0)),0)</f>
        <v>0.49884809749351161</v>
      </c>
      <c r="H5404" cm="1">
        <f t="array" ref="H5404">IFERROR(INDEX(Jesper!AL$2:AL$366,ROUNDDOWN($C5404/24,0)+1,1)*INDEX($D$3:$AA$30,INDEX(Jesper!$R$2:$R$366,ROW(INDEX(Jesper!AL$2:AL$366,ROUNDDOWN($C5404/24,0)+1,1))-1)+IF('Standard Profiles'!$G$22=$B$10,7,0)+IF('Standard Profiles'!$G$22=$B$17,14,0)+IF('Standard Profiles'!$G$22=$B$24,21,0),MOD($C5404,24)+1)/SUM(INDEX($D$3:$AA$30,INDEX(Jesper!$R$2:$R$366,ROW(INDEX(Jesper!AL$2:AL$366,ROUNDDOWN($C5404/24,0)+1,1))-1)+IF('Standard Profiles'!$G$22=$B$10,7,0)+IF('Standard Profiles'!$G$22=$B$17,14,0)+IF('Standard Profiles'!$G$22=$B$24,21,0),0)),0)</f>
        <v>0.13002052463374436</v>
      </c>
      <c r="I5404">
        <f t="shared" si="601"/>
        <v>0.12481970364839465</v>
      </c>
      <c r="J5404">
        <f t="shared" si="602"/>
        <v>3.9096162977005262</v>
      </c>
      <c r="K5404">
        <f t="shared" si="603"/>
        <v>0.21583414723833169</v>
      </c>
      <c r="L5404">
        <f t="shared" si="604"/>
        <v>0.10791707361916585</v>
      </c>
      <c r="M5404">
        <f t="shared" si="605"/>
        <v>0</v>
      </c>
      <c r="N5404" s="45">
        <f t="shared" si="606"/>
        <v>45150.749999986976</v>
      </c>
    </row>
    <row r="5405" spans="2:14" x14ac:dyDescent="0.25">
      <c r="B5405">
        <f t="shared" si="600"/>
        <v>6</v>
      </c>
      <c r="C5405" s="16">
        <v>5371</v>
      </c>
      <c r="D5405" cm="1">
        <f t="array" ref="D5405">IFERROR(INDEX(Jesper!AH$2:AH$366,ROUNDDOWN($C5405/24,0)+1,1)*INDEX($D$3:$AA$30,INDEX(Jesper!$R$2:$R$366,ROW(INDEX(Jesper!AH$2:AH$366,ROUNDDOWN($C5405/24,0)+1,1))-1)+IF('Standard Profiles'!$G$18=$B$10,7,0)+IF('Standard Profiles'!$G$18=$B$17,14,0)+IF('Standard Profiles'!$G$18=$B$24,21,0),MOD($C5405,24)+1)/SUM(INDEX($D$3:$AA$30,INDEX(Jesper!$R$2:$R$366,ROW(INDEX(Jesper!AH$2:AH$366,ROUNDDOWN($C5405/24,0)+1,1))-1)+IF('Standard Profiles'!$G$18=$B$10,7,0)+IF('Standard Profiles'!$G$18=$B$17,14,0)+IF('Standard Profiles'!$G$18=$B$24,21,0),0)),0)</f>
        <v>0</v>
      </c>
      <c r="E5405" cm="1">
        <f t="array" ref="E5405">IFERROR(INDEX(Jesper!AI$2:AI$366,ROUNDDOWN($C5405/24,0)+1,1)*INDEX($D$3:$AA$30,INDEX(Jesper!$R$2:$R$366,ROW(INDEX(Jesper!AI$2:AI$366,ROUNDDOWN($C5405/24,0)+1,1))-1)+IF('Standard Profiles'!$G$19=$B$10,7,0)+IF('Standard Profiles'!$G$19=$B$17,14,0)+IF('Standard Profiles'!$G$19=$B$24,21,0),MOD($C5405,24)+1)/SUM(INDEX($D$3:$AA$30,INDEX(Jesper!$R$2:$R$366,ROW(INDEX(Jesper!AI$2:AI$366,ROUNDDOWN($C5405/24,0)+1,1))-1)+IF('Standard Profiles'!$G$19=$B$10,7,0)+IF('Standard Profiles'!$G$19=$B$17,14,0)+IF('Standard Profiles'!$G$19=$B$24,21,0),0)),0)</f>
        <v>2.6979268404791461</v>
      </c>
      <c r="F5405" cm="1">
        <f t="array" ref="F5405">IFERROR(INDEX(Jesper!AJ$2:AJ$366,ROUNDDOWN($C5405/24,0)+1,1)*INDEX($D$3:$AA$30,INDEX(Jesper!$R$2:$R$366,ROW(INDEX(Jesper!AJ$2:AJ$366,ROUNDDOWN($C5405/24,0)+1,1))-1)+IF('Standard Profiles'!$G$20=$B$10,7,0)+IF('Standard Profiles'!$G$20=$B$17,14,0)+IF('Standard Profiles'!$G$20=$B$24,21,0),MOD($C5405,24)+1)/SUM(INDEX($D$3:$AA$30,INDEX(Jesper!$R$2:$R$366,ROW(INDEX(Jesper!AJ$2:AJ$366,ROUNDDOWN($C5405/24,0)+1,1))-1)+IF('Standard Profiles'!$G$20=$B$10,7,0)+IF('Standard Profiles'!$G$20=$B$17,14,0)+IF('Standard Profiles'!$G$20=$B$24,21,0),0)),0)</f>
        <v>1.0313917596000159</v>
      </c>
      <c r="G5405" cm="1">
        <f t="array" ref="G5405">IFERROR(INDEX(Jesper!AK$2:AK$366,ROUNDDOWN($C5405/24,0)+1,1)*INDEX($D$3:$AA$30,INDEX(Jesper!$R$2:$R$366,ROW(INDEX(Jesper!AK$2:AK$366,ROUNDDOWN($C5405/24,0)+1,1))-1)+IF('Standard Profiles'!$G$21=$B$10,7,0)+IF('Standard Profiles'!$G$21=$B$17,14,0)+IF('Standard Profiles'!$G$21=$B$24,21,0),MOD($C5405,24)+1)/SUM(INDEX($D$3:$AA$30,INDEX(Jesper!$R$2:$R$366,ROW(INDEX(Jesper!AK$2:AK$366,ROUNDDOWN($C5405/24,0)+1,1))-1)+IF('Standard Profiles'!$G$21=$B$10,7,0)+IF('Standard Profiles'!$G$21=$B$17,14,0)+IF('Standard Profiles'!$G$21=$B$24,21,0),0)),0)</f>
        <v>0.49884809749351161</v>
      </c>
      <c r="H5405" cm="1">
        <f t="array" ref="H5405">IFERROR(INDEX(Jesper!AL$2:AL$366,ROUNDDOWN($C5405/24,0)+1,1)*INDEX($D$3:$AA$30,INDEX(Jesper!$R$2:$R$366,ROW(INDEX(Jesper!AL$2:AL$366,ROUNDDOWN($C5405/24,0)+1,1))-1)+IF('Standard Profiles'!$G$22=$B$10,7,0)+IF('Standard Profiles'!$G$22=$B$17,14,0)+IF('Standard Profiles'!$G$22=$B$24,21,0),MOD($C5405,24)+1)/SUM(INDEX($D$3:$AA$30,INDEX(Jesper!$R$2:$R$366,ROW(INDEX(Jesper!AL$2:AL$366,ROUNDDOWN($C5405/24,0)+1,1))-1)+IF('Standard Profiles'!$G$22=$B$10,7,0)+IF('Standard Profiles'!$G$22=$B$17,14,0)+IF('Standard Profiles'!$G$22=$B$24,21,0),0)),0)</f>
        <v>0.10501657758879353</v>
      </c>
      <c r="I5405">
        <f t="shared" si="601"/>
        <v>0.10081591448524184</v>
      </c>
      <c r="J5405">
        <f t="shared" si="602"/>
        <v>3.908616139818728</v>
      </c>
      <c r="K5405">
        <f t="shared" si="603"/>
        <v>0.21583414723833169</v>
      </c>
      <c r="L5405">
        <f t="shared" si="604"/>
        <v>0.10791707361916585</v>
      </c>
      <c r="M5405">
        <f t="shared" si="605"/>
        <v>0</v>
      </c>
      <c r="N5405" s="45">
        <f t="shared" si="606"/>
        <v>45150.79166665364</v>
      </c>
    </row>
    <row r="5406" spans="2:14" x14ac:dyDescent="0.25">
      <c r="B5406">
        <f t="shared" si="600"/>
        <v>6</v>
      </c>
      <c r="C5406" s="16">
        <v>5372</v>
      </c>
      <c r="D5406" cm="1">
        <f t="array" ref="D5406">IFERROR(INDEX(Jesper!AH$2:AH$366,ROUNDDOWN($C5406/24,0)+1,1)*INDEX($D$3:$AA$30,INDEX(Jesper!$R$2:$R$366,ROW(INDEX(Jesper!AH$2:AH$366,ROUNDDOWN($C5406/24,0)+1,1))-1)+IF('Standard Profiles'!$G$18=$B$10,7,0)+IF('Standard Profiles'!$G$18=$B$17,14,0)+IF('Standard Profiles'!$G$18=$B$24,21,0),MOD($C5406,24)+1)/SUM(INDEX($D$3:$AA$30,INDEX(Jesper!$R$2:$R$366,ROW(INDEX(Jesper!AH$2:AH$366,ROUNDDOWN($C5406/24,0)+1,1))-1)+IF('Standard Profiles'!$G$18=$B$10,7,0)+IF('Standard Profiles'!$G$18=$B$17,14,0)+IF('Standard Profiles'!$G$18=$B$24,21,0),0)),0)</f>
        <v>0</v>
      </c>
      <c r="E5406" cm="1">
        <f t="array" ref="E5406">IFERROR(INDEX(Jesper!AI$2:AI$366,ROUNDDOWN($C5406/24,0)+1,1)*INDEX($D$3:$AA$30,INDEX(Jesper!$R$2:$R$366,ROW(INDEX(Jesper!AI$2:AI$366,ROUNDDOWN($C5406/24,0)+1,1))-1)+IF('Standard Profiles'!$G$19=$B$10,7,0)+IF('Standard Profiles'!$G$19=$B$17,14,0)+IF('Standard Profiles'!$G$19=$B$24,21,0),MOD($C5406,24)+1)/SUM(INDEX($D$3:$AA$30,INDEX(Jesper!$R$2:$R$366,ROW(INDEX(Jesper!AI$2:AI$366,ROUNDDOWN($C5406/24,0)+1,1))-1)+IF('Standard Profiles'!$G$19=$B$10,7,0)+IF('Standard Profiles'!$G$19=$B$17,14,0)+IF('Standard Profiles'!$G$19=$B$24,21,0),0)),0)</f>
        <v>2.6979268404791461</v>
      </c>
      <c r="F5406" cm="1">
        <f t="array" ref="F5406">IFERROR(INDEX(Jesper!AJ$2:AJ$366,ROUNDDOWN($C5406/24,0)+1,1)*INDEX($D$3:$AA$30,INDEX(Jesper!$R$2:$R$366,ROW(INDEX(Jesper!AJ$2:AJ$366,ROUNDDOWN($C5406/24,0)+1,1))-1)+IF('Standard Profiles'!$G$20=$B$10,7,0)+IF('Standard Profiles'!$G$20=$B$17,14,0)+IF('Standard Profiles'!$G$20=$B$24,21,0),MOD($C5406,24)+1)/SUM(INDEX($D$3:$AA$30,INDEX(Jesper!$R$2:$R$366,ROW(INDEX(Jesper!AJ$2:AJ$366,ROUNDDOWN($C5406/24,0)+1,1))-1)+IF('Standard Profiles'!$G$20=$B$10,7,0)+IF('Standard Profiles'!$G$20=$B$17,14,0)+IF('Standard Profiles'!$G$20=$B$24,21,0),0)),0)</f>
        <v>1.0313917596000159</v>
      </c>
      <c r="G5406" cm="1">
        <f t="array" ref="G5406">IFERROR(INDEX(Jesper!AK$2:AK$366,ROUNDDOWN($C5406/24,0)+1,1)*INDEX($D$3:$AA$30,INDEX(Jesper!$R$2:$R$366,ROW(INDEX(Jesper!AK$2:AK$366,ROUNDDOWN($C5406/24,0)+1,1))-1)+IF('Standard Profiles'!$G$21=$B$10,7,0)+IF('Standard Profiles'!$G$21=$B$17,14,0)+IF('Standard Profiles'!$G$21=$B$24,21,0),MOD($C5406,24)+1)/SUM(INDEX($D$3:$AA$30,INDEX(Jesper!$R$2:$R$366,ROW(INDEX(Jesper!AK$2:AK$366,ROUNDDOWN($C5406/24,0)+1,1))-1)+IF('Standard Profiles'!$G$21=$B$10,7,0)+IF('Standard Profiles'!$G$21=$B$17,14,0)+IF('Standard Profiles'!$G$21=$B$24,21,0),0)),0)</f>
        <v>0.49884809749351161</v>
      </c>
      <c r="H5406" cm="1">
        <f t="array" ref="H5406">IFERROR(INDEX(Jesper!AL$2:AL$366,ROUNDDOWN($C5406/24,0)+1,1)*INDEX($D$3:$AA$30,INDEX(Jesper!$R$2:$R$366,ROW(INDEX(Jesper!AL$2:AL$366,ROUNDDOWN($C5406/24,0)+1,1))-1)+IF('Standard Profiles'!$G$22=$B$10,7,0)+IF('Standard Profiles'!$G$22=$B$17,14,0)+IF('Standard Profiles'!$G$22=$B$24,21,0),MOD($C5406,24)+1)/SUM(INDEX($D$3:$AA$30,INDEX(Jesper!$R$2:$R$366,ROW(INDEX(Jesper!AL$2:AL$366,ROUNDDOWN($C5406/24,0)+1,1))-1)+IF('Standard Profiles'!$G$22=$B$10,7,0)+IF('Standard Profiles'!$G$22=$B$17,14,0)+IF('Standard Profiles'!$G$22=$B$24,21,0),0)),0)</f>
        <v>7.7512235839347604E-2</v>
      </c>
      <c r="I5406">
        <f t="shared" si="601"/>
        <v>7.4411746405773735E-2</v>
      </c>
      <c r="J5406">
        <f t="shared" si="602"/>
        <v>3.9075159661487504</v>
      </c>
      <c r="K5406">
        <f t="shared" si="603"/>
        <v>0.21583414723833169</v>
      </c>
      <c r="L5406">
        <f t="shared" si="604"/>
        <v>0.10791707361916585</v>
      </c>
      <c r="M5406">
        <f t="shared" si="605"/>
        <v>0</v>
      </c>
      <c r="N5406" s="45">
        <f t="shared" si="606"/>
        <v>45150.833333320305</v>
      </c>
    </row>
    <row r="5407" spans="2:14" x14ac:dyDescent="0.25">
      <c r="B5407">
        <f t="shared" si="600"/>
        <v>6</v>
      </c>
      <c r="C5407" s="16">
        <v>5373</v>
      </c>
      <c r="D5407" cm="1">
        <f t="array" ref="D5407">IFERROR(INDEX(Jesper!AH$2:AH$366,ROUNDDOWN($C5407/24,0)+1,1)*INDEX($D$3:$AA$30,INDEX(Jesper!$R$2:$R$366,ROW(INDEX(Jesper!AH$2:AH$366,ROUNDDOWN($C5407/24,0)+1,1))-1)+IF('Standard Profiles'!$G$18=$B$10,7,0)+IF('Standard Profiles'!$G$18=$B$17,14,0)+IF('Standard Profiles'!$G$18=$B$24,21,0),MOD($C5407,24)+1)/SUM(INDEX($D$3:$AA$30,INDEX(Jesper!$R$2:$R$366,ROW(INDEX(Jesper!AH$2:AH$366,ROUNDDOWN($C5407/24,0)+1,1))-1)+IF('Standard Profiles'!$G$18=$B$10,7,0)+IF('Standard Profiles'!$G$18=$B$17,14,0)+IF('Standard Profiles'!$G$18=$B$24,21,0),0)),0)</f>
        <v>0</v>
      </c>
      <c r="E5407" cm="1">
        <f t="array" ref="E5407">IFERROR(INDEX(Jesper!AI$2:AI$366,ROUNDDOWN($C5407/24,0)+1,1)*INDEX($D$3:$AA$30,INDEX(Jesper!$R$2:$R$366,ROW(INDEX(Jesper!AI$2:AI$366,ROUNDDOWN($C5407/24,0)+1,1))-1)+IF('Standard Profiles'!$G$19=$B$10,7,0)+IF('Standard Profiles'!$G$19=$B$17,14,0)+IF('Standard Profiles'!$G$19=$B$24,21,0),MOD($C5407,24)+1)/SUM(INDEX($D$3:$AA$30,INDEX(Jesper!$R$2:$R$366,ROW(INDEX(Jesper!AI$2:AI$366,ROUNDDOWN($C5407/24,0)+1,1))-1)+IF('Standard Profiles'!$G$19=$B$10,7,0)+IF('Standard Profiles'!$G$19=$B$17,14,0)+IF('Standard Profiles'!$G$19=$B$24,21,0),0)),0)</f>
        <v>2.6979268404791461</v>
      </c>
      <c r="F5407" cm="1">
        <f t="array" ref="F5407">IFERROR(INDEX(Jesper!AJ$2:AJ$366,ROUNDDOWN($C5407/24,0)+1,1)*INDEX($D$3:$AA$30,INDEX(Jesper!$R$2:$R$366,ROW(INDEX(Jesper!AJ$2:AJ$366,ROUNDDOWN($C5407/24,0)+1,1))-1)+IF('Standard Profiles'!$G$20=$B$10,7,0)+IF('Standard Profiles'!$G$20=$B$17,14,0)+IF('Standard Profiles'!$G$20=$B$24,21,0),MOD($C5407,24)+1)/SUM(INDEX($D$3:$AA$30,INDEX(Jesper!$R$2:$R$366,ROW(INDEX(Jesper!AJ$2:AJ$366,ROUNDDOWN($C5407/24,0)+1,1))-1)+IF('Standard Profiles'!$G$20=$B$10,7,0)+IF('Standard Profiles'!$G$20=$B$17,14,0)+IF('Standard Profiles'!$G$20=$B$24,21,0),0)),0)</f>
        <v>1.0313917596000159</v>
      </c>
      <c r="G5407" cm="1">
        <f t="array" ref="G5407">IFERROR(INDEX(Jesper!AK$2:AK$366,ROUNDDOWN($C5407/24,0)+1,1)*INDEX($D$3:$AA$30,INDEX(Jesper!$R$2:$R$366,ROW(INDEX(Jesper!AK$2:AK$366,ROUNDDOWN($C5407/24,0)+1,1))-1)+IF('Standard Profiles'!$G$21=$B$10,7,0)+IF('Standard Profiles'!$G$21=$B$17,14,0)+IF('Standard Profiles'!$G$21=$B$24,21,0),MOD($C5407,24)+1)/SUM(INDEX($D$3:$AA$30,INDEX(Jesper!$R$2:$R$366,ROW(INDEX(Jesper!AK$2:AK$366,ROUNDDOWN($C5407/24,0)+1,1))-1)+IF('Standard Profiles'!$G$21=$B$10,7,0)+IF('Standard Profiles'!$G$21=$B$17,14,0)+IF('Standard Profiles'!$G$21=$B$24,21,0),0)),0)</f>
        <v>0.49884809749351161</v>
      </c>
      <c r="H5407" cm="1">
        <f t="array" ref="H5407">IFERROR(INDEX(Jesper!AL$2:AL$366,ROUNDDOWN($C5407/24,0)+1,1)*INDEX($D$3:$AA$30,INDEX(Jesper!$R$2:$R$366,ROW(INDEX(Jesper!AL$2:AL$366,ROUNDDOWN($C5407/24,0)+1,1))-1)+IF('Standard Profiles'!$G$22=$B$10,7,0)+IF('Standard Profiles'!$G$22=$B$17,14,0)+IF('Standard Profiles'!$G$22=$B$24,21,0),MOD($C5407,24)+1)/SUM(INDEX($D$3:$AA$30,INDEX(Jesper!$R$2:$R$366,ROW(INDEX(Jesper!AL$2:AL$366,ROUNDDOWN($C5407/24,0)+1,1))-1)+IF('Standard Profiles'!$G$22=$B$10,7,0)+IF('Standard Profiles'!$G$22=$B$17,14,0)+IF('Standard Profiles'!$G$22=$B$24,21,0),0)),0)</f>
        <v>7.7512235839347604E-2</v>
      </c>
      <c r="I5407">
        <f t="shared" si="601"/>
        <v>7.4411746405773735E-2</v>
      </c>
      <c r="J5407">
        <f t="shared" si="602"/>
        <v>3.9075159661487504</v>
      </c>
      <c r="K5407">
        <f t="shared" si="603"/>
        <v>0.21583414723833169</v>
      </c>
      <c r="L5407">
        <f t="shared" si="604"/>
        <v>0.10791707361916585</v>
      </c>
      <c r="M5407">
        <f t="shared" si="605"/>
        <v>0</v>
      </c>
      <c r="N5407" s="45">
        <f t="shared" si="606"/>
        <v>45150.874999986969</v>
      </c>
    </row>
    <row r="5408" spans="2:14" x14ac:dyDescent="0.25">
      <c r="B5408">
        <f t="shared" si="600"/>
        <v>6</v>
      </c>
      <c r="C5408" s="16">
        <v>5374</v>
      </c>
      <c r="D5408" cm="1">
        <f t="array" ref="D5408">IFERROR(INDEX(Jesper!AH$2:AH$366,ROUNDDOWN($C5408/24,0)+1,1)*INDEX($D$3:$AA$30,INDEX(Jesper!$R$2:$R$366,ROW(INDEX(Jesper!AH$2:AH$366,ROUNDDOWN($C5408/24,0)+1,1))-1)+IF('Standard Profiles'!$G$18=$B$10,7,0)+IF('Standard Profiles'!$G$18=$B$17,14,0)+IF('Standard Profiles'!$G$18=$B$24,21,0),MOD($C5408,24)+1)/SUM(INDEX($D$3:$AA$30,INDEX(Jesper!$R$2:$R$366,ROW(INDEX(Jesper!AH$2:AH$366,ROUNDDOWN($C5408/24,0)+1,1))-1)+IF('Standard Profiles'!$G$18=$B$10,7,0)+IF('Standard Profiles'!$G$18=$B$17,14,0)+IF('Standard Profiles'!$G$18=$B$24,21,0),0)),0)</f>
        <v>0</v>
      </c>
      <c r="E5408" cm="1">
        <f t="array" ref="E5408">IFERROR(INDEX(Jesper!AI$2:AI$366,ROUNDDOWN($C5408/24,0)+1,1)*INDEX($D$3:$AA$30,INDEX(Jesper!$R$2:$R$366,ROW(INDEX(Jesper!AI$2:AI$366,ROUNDDOWN($C5408/24,0)+1,1))-1)+IF('Standard Profiles'!$G$19=$B$10,7,0)+IF('Standard Profiles'!$G$19=$B$17,14,0)+IF('Standard Profiles'!$G$19=$B$24,21,0),MOD($C5408,24)+1)/SUM(INDEX($D$3:$AA$30,INDEX(Jesper!$R$2:$R$366,ROW(INDEX(Jesper!AI$2:AI$366,ROUNDDOWN($C5408/24,0)+1,1))-1)+IF('Standard Profiles'!$G$19=$B$10,7,0)+IF('Standard Profiles'!$G$19=$B$17,14,0)+IF('Standard Profiles'!$G$19=$B$24,21,0),0)),0)</f>
        <v>2.6979268404791461</v>
      </c>
      <c r="F5408" cm="1">
        <f t="array" ref="F5408">IFERROR(INDEX(Jesper!AJ$2:AJ$366,ROUNDDOWN($C5408/24,0)+1,1)*INDEX($D$3:$AA$30,INDEX(Jesper!$R$2:$R$366,ROW(INDEX(Jesper!AJ$2:AJ$366,ROUNDDOWN($C5408/24,0)+1,1))-1)+IF('Standard Profiles'!$G$20=$B$10,7,0)+IF('Standard Profiles'!$G$20=$B$17,14,0)+IF('Standard Profiles'!$G$20=$B$24,21,0),MOD($C5408,24)+1)/SUM(INDEX($D$3:$AA$30,INDEX(Jesper!$R$2:$R$366,ROW(INDEX(Jesper!AJ$2:AJ$366,ROUNDDOWN($C5408/24,0)+1,1))-1)+IF('Standard Profiles'!$G$20=$B$10,7,0)+IF('Standard Profiles'!$G$20=$B$17,14,0)+IF('Standard Profiles'!$G$20=$B$24,21,0),0)),0)</f>
        <v>1.0313917596000159</v>
      </c>
      <c r="G5408" cm="1">
        <f t="array" ref="G5408">IFERROR(INDEX(Jesper!AK$2:AK$366,ROUNDDOWN($C5408/24,0)+1,1)*INDEX($D$3:$AA$30,INDEX(Jesper!$R$2:$R$366,ROW(INDEX(Jesper!AK$2:AK$366,ROUNDDOWN($C5408/24,0)+1,1))-1)+IF('Standard Profiles'!$G$21=$B$10,7,0)+IF('Standard Profiles'!$G$21=$B$17,14,0)+IF('Standard Profiles'!$G$21=$B$24,21,0),MOD($C5408,24)+1)/SUM(INDEX($D$3:$AA$30,INDEX(Jesper!$R$2:$R$366,ROW(INDEX(Jesper!AK$2:AK$366,ROUNDDOWN($C5408/24,0)+1,1))-1)+IF('Standard Profiles'!$G$21=$B$10,7,0)+IF('Standard Profiles'!$G$21=$B$17,14,0)+IF('Standard Profiles'!$G$21=$B$24,21,0),0)),0)</f>
        <v>0.49884809749351161</v>
      </c>
      <c r="H5408" cm="1">
        <f t="array" ref="H5408">IFERROR(INDEX(Jesper!AL$2:AL$366,ROUNDDOWN($C5408/24,0)+1,1)*INDEX($D$3:$AA$30,INDEX(Jesper!$R$2:$R$366,ROW(INDEX(Jesper!AL$2:AL$366,ROUNDDOWN($C5408/24,0)+1,1))-1)+IF('Standard Profiles'!$G$22=$B$10,7,0)+IF('Standard Profiles'!$G$22=$B$17,14,0)+IF('Standard Profiles'!$G$22=$B$24,21,0),MOD($C5408,24)+1)/SUM(INDEX($D$3:$AA$30,INDEX(Jesper!$R$2:$R$366,ROW(INDEX(Jesper!AL$2:AL$366,ROUNDDOWN($C5408/24,0)+1,1))-1)+IF('Standard Profiles'!$G$22=$B$10,7,0)+IF('Standard Profiles'!$G$22=$B$17,14,0)+IF('Standard Profiles'!$G$22=$B$24,21,0),0)),0)</f>
        <v>7.7512235839347604E-2</v>
      </c>
      <c r="I5408">
        <f t="shared" si="601"/>
        <v>7.4411746405773735E-2</v>
      </c>
      <c r="J5408">
        <f t="shared" si="602"/>
        <v>3.9075159661487504</v>
      </c>
      <c r="K5408">
        <f t="shared" si="603"/>
        <v>0.21583414723833169</v>
      </c>
      <c r="L5408">
        <f t="shared" si="604"/>
        <v>0.10791707361916585</v>
      </c>
      <c r="M5408">
        <f t="shared" si="605"/>
        <v>0</v>
      </c>
      <c r="N5408" s="45">
        <f t="shared" si="606"/>
        <v>45150.916666653633</v>
      </c>
    </row>
    <row r="5409" spans="2:14" x14ac:dyDescent="0.25">
      <c r="B5409">
        <f t="shared" si="600"/>
        <v>6</v>
      </c>
      <c r="C5409" s="16">
        <v>5375</v>
      </c>
      <c r="D5409" cm="1">
        <f t="array" ref="D5409">IFERROR(INDEX(Jesper!AH$2:AH$366,ROUNDDOWN($C5409/24,0)+1,1)*INDEX($D$3:$AA$30,INDEX(Jesper!$R$2:$R$366,ROW(INDEX(Jesper!AH$2:AH$366,ROUNDDOWN($C5409/24,0)+1,1))-1)+IF('Standard Profiles'!$G$18=$B$10,7,0)+IF('Standard Profiles'!$G$18=$B$17,14,0)+IF('Standard Profiles'!$G$18=$B$24,21,0),MOD($C5409,24)+1)/SUM(INDEX($D$3:$AA$30,INDEX(Jesper!$R$2:$R$366,ROW(INDEX(Jesper!AH$2:AH$366,ROUNDDOWN($C5409/24,0)+1,1))-1)+IF('Standard Profiles'!$G$18=$B$10,7,0)+IF('Standard Profiles'!$G$18=$B$17,14,0)+IF('Standard Profiles'!$G$18=$B$24,21,0),0)),0)</f>
        <v>0</v>
      </c>
      <c r="E5409" cm="1">
        <f t="array" ref="E5409">IFERROR(INDEX(Jesper!AI$2:AI$366,ROUNDDOWN($C5409/24,0)+1,1)*INDEX($D$3:$AA$30,INDEX(Jesper!$R$2:$R$366,ROW(INDEX(Jesper!AI$2:AI$366,ROUNDDOWN($C5409/24,0)+1,1))-1)+IF('Standard Profiles'!$G$19=$B$10,7,0)+IF('Standard Profiles'!$G$19=$B$17,14,0)+IF('Standard Profiles'!$G$19=$B$24,21,0),MOD($C5409,24)+1)/SUM(INDEX($D$3:$AA$30,INDEX(Jesper!$R$2:$R$366,ROW(INDEX(Jesper!AI$2:AI$366,ROUNDDOWN($C5409/24,0)+1,1))-1)+IF('Standard Profiles'!$G$19=$B$10,7,0)+IF('Standard Profiles'!$G$19=$B$17,14,0)+IF('Standard Profiles'!$G$19=$B$24,21,0),0)),0)</f>
        <v>2.6979268404791461</v>
      </c>
      <c r="F5409" cm="1">
        <f t="array" ref="F5409">IFERROR(INDEX(Jesper!AJ$2:AJ$366,ROUNDDOWN($C5409/24,0)+1,1)*INDEX($D$3:$AA$30,INDEX(Jesper!$R$2:$R$366,ROW(INDEX(Jesper!AJ$2:AJ$366,ROUNDDOWN($C5409/24,0)+1,1))-1)+IF('Standard Profiles'!$G$20=$B$10,7,0)+IF('Standard Profiles'!$G$20=$B$17,14,0)+IF('Standard Profiles'!$G$20=$B$24,21,0),MOD($C5409,24)+1)/SUM(INDEX($D$3:$AA$30,INDEX(Jesper!$R$2:$R$366,ROW(INDEX(Jesper!AJ$2:AJ$366,ROUNDDOWN($C5409/24,0)+1,1))-1)+IF('Standard Profiles'!$G$20=$B$10,7,0)+IF('Standard Profiles'!$G$20=$B$17,14,0)+IF('Standard Profiles'!$G$20=$B$24,21,0),0)),0)</f>
        <v>1.0313917596000159</v>
      </c>
      <c r="G5409" cm="1">
        <f t="array" ref="G5409">IFERROR(INDEX(Jesper!AK$2:AK$366,ROUNDDOWN($C5409/24,0)+1,1)*INDEX($D$3:$AA$30,INDEX(Jesper!$R$2:$R$366,ROW(INDEX(Jesper!AK$2:AK$366,ROUNDDOWN($C5409/24,0)+1,1))-1)+IF('Standard Profiles'!$G$21=$B$10,7,0)+IF('Standard Profiles'!$G$21=$B$17,14,0)+IF('Standard Profiles'!$G$21=$B$24,21,0),MOD($C5409,24)+1)/SUM(INDEX($D$3:$AA$30,INDEX(Jesper!$R$2:$R$366,ROW(INDEX(Jesper!AK$2:AK$366,ROUNDDOWN($C5409/24,0)+1,1))-1)+IF('Standard Profiles'!$G$21=$B$10,7,0)+IF('Standard Profiles'!$G$21=$B$17,14,0)+IF('Standard Profiles'!$G$21=$B$24,21,0),0)),0)</f>
        <v>0.49884809749351161</v>
      </c>
      <c r="H5409" cm="1">
        <f t="array" ref="H5409">IFERROR(INDEX(Jesper!AL$2:AL$366,ROUNDDOWN($C5409/24,0)+1,1)*INDEX($D$3:$AA$30,INDEX(Jesper!$R$2:$R$366,ROW(INDEX(Jesper!AL$2:AL$366,ROUNDDOWN($C5409/24,0)+1,1))-1)+IF('Standard Profiles'!$G$22=$B$10,7,0)+IF('Standard Profiles'!$G$22=$B$17,14,0)+IF('Standard Profiles'!$G$22=$B$24,21,0),MOD($C5409,24)+1)/SUM(INDEX($D$3:$AA$30,INDEX(Jesper!$R$2:$R$366,ROW(INDEX(Jesper!AL$2:AL$366,ROUNDDOWN($C5409/24,0)+1,1))-1)+IF('Standard Profiles'!$G$22=$B$10,7,0)+IF('Standard Profiles'!$G$22=$B$17,14,0)+IF('Standard Profiles'!$G$22=$B$24,21,0),0)),0)</f>
        <v>7.7512235839347604E-2</v>
      </c>
      <c r="I5409">
        <f t="shared" si="601"/>
        <v>7.4411746405773735E-2</v>
      </c>
      <c r="J5409">
        <f t="shared" si="602"/>
        <v>3.9075159661487504</v>
      </c>
      <c r="K5409">
        <f t="shared" si="603"/>
        <v>0.21583414723833169</v>
      </c>
      <c r="L5409">
        <f t="shared" si="604"/>
        <v>0.10791707361916585</v>
      </c>
      <c r="M5409">
        <f t="shared" si="605"/>
        <v>0</v>
      </c>
      <c r="N5409" s="45">
        <f t="shared" si="606"/>
        <v>45150.958333320297</v>
      </c>
    </row>
    <row r="5410" spans="2:14" x14ac:dyDescent="0.25">
      <c r="B5410">
        <f t="shared" si="600"/>
        <v>7</v>
      </c>
      <c r="C5410" s="16">
        <v>5376</v>
      </c>
      <c r="D5410" cm="1">
        <f t="array" ref="D5410">IFERROR(INDEX(Jesper!AH$2:AH$366,ROUNDDOWN($C5410/24,0)+1,1)*INDEX($D$3:$AA$30,INDEX(Jesper!$R$2:$R$366,ROW(INDEX(Jesper!AH$2:AH$366,ROUNDDOWN($C5410/24,0)+1,1))-1)+IF('Standard Profiles'!$G$18=$B$10,7,0)+IF('Standard Profiles'!$G$18=$B$17,14,0)+IF('Standard Profiles'!$G$18=$B$24,21,0),MOD($C5410,24)+1)/SUM(INDEX($D$3:$AA$30,INDEX(Jesper!$R$2:$R$366,ROW(INDEX(Jesper!AH$2:AH$366,ROUNDDOWN($C5410/24,0)+1,1))-1)+IF('Standard Profiles'!$G$18=$B$10,7,0)+IF('Standard Profiles'!$G$18=$B$17,14,0)+IF('Standard Profiles'!$G$18=$B$24,21,0),0)),0)</f>
        <v>0</v>
      </c>
      <c r="E5410" cm="1">
        <f t="array" ref="E5410">IFERROR(INDEX(Jesper!AI$2:AI$366,ROUNDDOWN($C5410/24,0)+1,1)*INDEX($D$3:$AA$30,INDEX(Jesper!$R$2:$R$366,ROW(INDEX(Jesper!AI$2:AI$366,ROUNDDOWN($C5410/24,0)+1,1))-1)+IF('Standard Profiles'!$G$19=$B$10,7,0)+IF('Standard Profiles'!$G$19=$B$17,14,0)+IF('Standard Profiles'!$G$19=$B$24,21,0),MOD($C5410,24)+1)/SUM(INDEX($D$3:$AA$30,INDEX(Jesper!$R$2:$R$366,ROW(INDEX(Jesper!AI$2:AI$366,ROUNDDOWN($C5410/24,0)+1,1))-1)+IF('Standard Profiles'!$G$19=$B$10,7,0)+IF('Standard Profiles'!$G$19=$B$17,14,0)+IF('Standard Profiles'!$G$19=$B$24,21,0),0)),0)</f>
        <v>2.6862359306185732</v>
      </c>
      <c r="F5410" cm="1">
        <f t="array" ref="F5410">IFERROR(INDEX(Jesper!AJ$2:AJ$366,ROUNDDOWN($C5410/24,0)+1,1)*INDEX($D$3:$AA$30,INDEX(Jesper!$R$2:$R$366,ROW(INDEX(Jesper!AJ$2:AJ$366,ROUNDDOWN($C5410/24,0)+1,1))-1)+IF('Standard Profiles'!$G$20=$B$10,7,0)+IF('Standard Profiles'!$G$20=$B$17,14,0)+IF('Standard Profiles'!$G$20=$B$24,21,0),MOD($C5410,24)+1)/SUM(INDEX($D$3:$AA$30,INDEX(Jesper!$R$2:$R$366,ROW(INDEX(Jesper!AJ$2:AJ$366,ROUNDDOWN($C5410/24,0)+1,1))-1)+IF('Standard Profiles'!$G$20=$B$10,7,0)+IF('Standard Profiles'!$G$20=$B$17,14,0)+IF('Standard Profiles'!$G$20=$B$24,21,0),0)),0)</f>
        <v>0.88052539302559463</v>
      </c>
      <c r="G5410" cm="1">
        <f t="array" ref="G5410">IFERROR(INDEX(Jesper!AK$2:AK$366,ROUNDDOWN($C5410/24,0)+1,1)*INDEX($D$3:$AA$30,INDEX(Jesper!$R$2:$R$366,ROW(INDEX(Jesper!AK$2:AK$366,ROUNDDOWN($C5410/24,0)+1,1))-1)+IF('Standard Profiles'!$G$21=$B$10,7,0)+IF('Standard Profiles'!$G$21=$B$17,14,0)+IF('Standard Profiles'!$G$21=$B$24,21,0),MOD($C5410,24)+1)/SUM(INDEX($D$3:$AA$30,INDEX(Jesper!$R$2:$R$366,ROW(INDEX(Jesper!AK$2:AK$366,ROUNDDOWN($C5410/24,0)+1,1))-1)+IF('Standard Profiles'!$G$21=$B$10,7,0)+IF('Standard Profiles'!$G$21=$B$17,14,0)+IF('Standard Profiles'!$G$21=$B$24,21,0),0)),0)</f>
        <v>0.30932918214524557</v>
      </c>
      <c r="H5410" cm="1">
        <f t="array" ref="H5410">IFERROR(INDEX(Jesper!AL$2:AL$366,ROUNDDOWN($C5410/24,0)+1,1)*INDEX($D$3:$AA$30,INDEX(Jesper!$R$2:$R$366,ROW(INDEX(Jesper!AL$2:AL$366,ROUNDDOWN($C5410/24,0)+1,1))-1)+IF('Standard Profiles'!$G$22=$B$10,7,0)+IF('Standard Profiles'!$G$22=$B$17,14,0)+IF('Standard Profiles'!$G$22=$B$24,21,0),MOD($C5410,24)+1)/SUM(INDEX($D$3:$AA$30,INDEX(Jesper!$R$2:$R$366,ROW(INDEX(Jesper!AL$2:AL$366,ROUNDDOWN($C5410/24,0)+1,1))-1)+IF('Standard Profiles'!$G$22=$B$10,7,0)+IF('Standard Profiles'!$G$22=$B$17,14,0)+IF('Standard Profiles'!$G$22=$B$24,21,0),0)),0)</f>
        <v>0</v>
      </c>
      <c r="I5410">
        <f t="shared" si="601"/>
        <v>0</v>
      </c>
      <c r="J5410">
        <f t="shared" si="602"/>
        <v>3.5537421941151845</v>
      </c>
      <c r="K5410">
        <f t="shared" si="603"/>
        <v>0.21489887444948585</v>
      </c>
      <c r="L5410">
        <f t="shared" si="604"/>
        <v>0.10744943722474293</v>
      </c>
      <c r="M5410">
        <f t="shared" si="605"/>
        <v>0</v>
      </c>
      <c r="N5410" s="45">
        <f t="shared" si="606"/>
        <v>45150.999999986961</v>
      </c>
    </row>
    <row r="5411" spans="2:14" x14ac:dyDescent="0.25">
      <c r="B5411">
        <f t="shared" ref="B5411:B5474" si="607">WEEKDAY(N5411,2)</f>
        <v>7</v>
      </c>
      <c r="C5411" s="16">
        <v>5377</v>
      </c>
      <c r="D5411" cm="1">
        <f t="array" ref="D5411">IFERROR(INDEX(Jesper!AH$2:AH$366,ROUNDDOWN($C5411/24,0)+1,1)*INDEX($D$3:$AA$30,INDEX(Jesper!$R$2:$R$366,ROW(INDEX(Jesper!AH$2:AH$366,ROUNDDOWN($C5411/24,0)+1,1))-1)+IF('Standard Profiles'!$G$18=$B$10,7,0)+IF('Standard Profiles'!$G$18=$B$17,14,0)+IF('Standard Profiles'!$G$18=$B$24,21,0),MOD($C5411,24)+1)/SUM(INDEX($D$3:$AA$30,INDEX(Jesper!$R$2:$R$366,ROW(INDEX(Jesper!AH$2:AH$366,ROUNDDOWN($C5411/24,0)+1,1))-1)+IF('Standard Profiles'!$G$18=$B$10,7,0)+IF('Standard Profiles'!$G$18=$B$17,14,0)+IF('Standard Profiles'!$G$18=$B$24,21,0),0)),0)</f>
        <v>0</v>
      </c>
      <c r="E5411" cm="1">
        <f t="array" ref="E5411">IFERROR(INDEX(Jesper!AI$2:AI$366,ROUNDDOWN($C5411/24,0)+1,1)*INDEX($D$3:$AA$30,INDEX(Jesper!$R$2:$R$366,ROW(INDEX(Jesper!AI$2:AI$366,ROUNDDOWN($C5411/24,0)+1,1))-1)+IF('Standard Profiles'!$G$19=$B$10,7,0)+IF('Standard Profiles'!$G$19=$B$17,14,0)+IF('Standard Profiles'!$G$19=$B$24,21,0),MOD($C5411,24)+1)/SUM(INDEX($D$3:$AA$30,INDEX(Jesper!$R$2:$R$366,ROW(INDEX(Jesper!AI$2:AI$366,ROUNDDOWN($C5411/24,0)+1,1))-1)+IF('Standard Profiles'!$G$19=$B$10,7,0)+IF('Standard Profiles'!$G$19=$B$17,14,0)+IF('Standard Profiles'!$G$19=$B$24,21,0),0)),0)</f>
        <v>2.6862359306185732</v>
      </c>
      <c r="F5411" cm="1">
        <f t="array" ref="F5411">IFERROR(INDEX(Jesper!AJ$2:AJ$366,ROUNDDOWN($C5411/24,0)+1,1)*INDEX($D$3:$AA$30,INDEX(Jesper!$R$2:$R$366,ROW(INDEX(Jesper!AJ$2:AJ$366,ROUNDDOWN($C5411/24,0)+1,1))-1)+IF('Standard Profiles'!$G$20=$B$10,7,0)+IF('Standard Profiles'!$G$20=$B$17,14,0)+IF('Standard Profiles'!$G$20=$B$24,21,0),MOD($C5411,24)+1)/SUM(INDEX($D$3:$AA$30,INDEX(Jesper!$R$2:$R$366,ROW(INDEX(Jesper!AJ$2:AJ$366,ROUNDDOWN($C5411/24,0)+1,1))-1)+IF('Standard Profiles'!$G$20=$B$10,7,0)+IF('Standard Profiles'!$G$20=$B$17,14,0)+IF('Standard Profiles'!$G$20=$B$24,21,0),0)),0)</f>
        <v>0.88052539302559463</v>
      </c>
      <c r="G5411" cm="1">
        <f t="array" ref="G5411">IFERROR(INDEX(Jesper!AK$2:AK$366,ROUNDDOWN($C5411/24,0)+1,1)*INDEX($D$3:$AA$30,INDEX(Jesper!$R$2:$R$366,ROW(INDEX(Jesper!AK$2:AK$366,ROUNDDOWN($C5411/24,0)+1,1))-1)+IF('Standard Profiles'!$G$21=$B$10,7,0)+IF('Standard Profiles'!$G$21=$B$17,14,0)+IF('Standard Profiles'!$G$21=$B$24,21,0),MOD($C5411,24)+1)/SUM(INDEX($D$3:$AA$30,INDEX(Jesper!$R$2:$R$366,ROW(INDEX(Jesper!AK$2:AK$366,ROUNDDOWN($C5411/24,0)+1,1))-1)+IF('Standard Profiles'!$G$21=$B$10,7,0)+IF('Standard Profiles'!$G$21=$B$17,14,0)+IF('Standard Profiles'!$G$21=$B$24,21,0),0)),0)</f>
        <v>0.30932918214524557</v>
      </c>
      <c r="H5411" cm="1">
        <f t="array" ref="H5411">IFERROR(INDEX(Jesper!AL$2:AL$366,ROUNDDOWN($C5411/24,0)+1,1)*INDEX($D$3:$AA$30,INDEX(Jesper!$R$2:$R$366,ROW(INDEX(Jesper!AL$2:AL$366,ROUNDDOWN($C5411/24,0)+1,1))-1)+IF('Standard Profiles'!$G$22=$B$10,7,0)+IF('Standard Profiles'!$G$22=$B$17,14,0)+IF('Standard Profiles'!$G$22=$B$24,21,0),MOD($C5411,24)+1)/SUM(INDEX($D$3:$AA$30,INDEX(Jesper!$R$2:$R$366,ROW(INDEX(Jesper!AL$2:AL$366,ROUNDDOWN($C5411/24,0)+1,1))-1)+IF('Standard Profiles'!$G$22=$B$10,7,0)+IF('Standard Profiles'!$G$22=$B$17,14,0)+IF('Standard Profiles'!$G$22=$B$24,21,0),0)),0)</f>
        <v>0</v>
      </c>
      <c r="I5411">
        <f t="shared" ref="I5411:I5474" si="608">IF($B5411&lt;6,AC$37*$D5411+AC$38*$E5411+AC$39*$F5411+AC$40*$G5411,AC$46*$D5411+AC$47*$E5411+AC$48*$F5411+AC$49*$G5411+AC$50*$H5411)</f>
        <v>0</v>
      </c>
      <c r="J5411">
        <f t="shared" ref="J5411:J5474" si="609">IF($B5411&lt;6,AD$37*$D5411+AD$38*$E5411+AD$39*$F5411+AD$40*$G5411,AD$46*$D5411+AD$47*$E5411+AD$48*$F5411+AD$49*$G5411+AD$50*$H5411)</f>
        <v>3.5537421941151845</v>
      </c>
      <c r="K5411">
        <f t="shared" ref="K5411:K5474" si="610">IF($B5411&lt;6,AE$37*$D5411+AE$38*$E5411+AE$39*$F5411+AE$40*$G5411,AE$46*$D5411+AE$47*$E5411+AE$48*$F5411+AE$49*$G5411+AE$50*$H5411)</f>
        <v>0.21489887444948585</v>
      </c>
      <c r="L5411">
        <f t="shared" ref="L5411:L5474" si="611">IF($B5411&lt;6,AF$37*$D5411+AF$38*$E5411+AF$39*$F5411+AF$40*$G5411,AF$46*$D5411+AF$47*$E5411+AF$48*$F5411+AF$49*$G5411+AF$50*$H5411)</f>
        <v>0.10744943722474293</v>
      </c>
      <c r="M5411">
        <f t="shared" ref="M5411:M5474" si="612">IF($B5411&lt;6,AG$37*$D5411+AG$38*$E5411+AG$39*$F5411+AG$40*$G5411,AG$46*$D5411+AG$47*$E5411+AG$48*$F5411+AG$49*$G5411+AG$50*$H5411)</f>
        <v>0</v>
      </c>
      <c r="N5411" s="45">
        <f t="shared" si="606"/>
        <v>45151.041666653626</v>
      </c>
    </row>
    <row r="5412" spans="2:14" x14ac:dyDescent="0.25">
      <c r="B5412">
        <f t="shared" si="607"/>
        <v>7</v>
      </c>
      <c r="C5412" s="16">
        <v>5378</v>
      </c>
      <c r="D5412" cm="1">
        <f t="array" ref="D5412">IFERROR(INDEX(Jesper!AH$2:AH$366,ROUNDDOWN($C5412/24,0)+1,1)*INDEX($D$3:$AA$30,INDEX(Jesper!$R$2:$R$366,ROW(INDEX(Jesper!AH$2:AH$366,ROUNDDOWN($C5412/24,0)+1,1))-1)+IF('Standard Profiles'!$G$18=$B$10,7,0)+IF('Standard Profiles'!$G$18=$B$17,14,0)+IF('Standard Profiles'!$G$18=$B$24,21,0),MOD($C5412,24)+1)/SUM(INDEX($D$3:$AA$30,INDEX(Jesper!$R$2:$R$366,ROW(INDEX(Jesper!AH$2:AH$366,ROUNDDOWN($C5412/24,0)+1,1))-1)+IF('Standard Profiles'!$G$18=$B$10,7,0)+IF('Standard Profiles'!$G$18=$B$17,14,0)+IF('Standard Profiles'!$G$18=$B$24,21,0),0)),0)</f>
        <v>0</v>
      </c>
      <c r="E5412" cm="1">
        <f t="array" ref="E5412">IFERROR(INDEX(Jesper!AI$2:AI$366,ROUNDDOWN($C5412/24,0)+1,1)*INDEX($D$3:$AA$30,INDEX(Jesper!$R$2:$R$366,ROW(INDEX(Jesper!AI$2:AI$366,ROUNDDOWN($C5412/24,0)+1,1))-1)+IF('Standard Profiles'!$G$19=$B$10,7,0)+IF('Standard Profiles'!$G$19=$B$17,14,0)+IF('Standard Profiles'!$G$19=$B$24,21,0),MOD($C5412,24)+1)/SUM(INDEX($D$3:$AA$30,INDEX(Jesper!$R$2:$R$366,ROW(INDEX(Jesper!AI$2:AI$366,ROUNDDOWN($C5412/24,0)+1,1))-1)+IF('Standard Profiles'!$G$19=$B$10,7,0)+IF('Standard Profiles'!$G$19=$B$17,14,0)+IF('Standard Profiles'!$G$19=$B$24,21,0),0)),0)</f>
        <v>2.6862359306185732</v>
      </c>
      <c r="F5412" cm="1">
        <f t="array" ref="F5412">IFERROR(INDEX(Jesper!AJ$2:AJ$366,ROUNDDOWN($C5412/24,0)+1,1)*INDEX($D$3:$AA$30,INDEX(Jesper!$R$2:$R$366,ROW(INDEX(Jesper!AJ$2:AJ$366,ROUNDDOWN($C5412/24,0)+1,1))-1)+IF('Standard Profiles'!$G$20=$B$10,7,0)+IF('Standard Profiles'!$G$20=$B$17,14,0)+IF('Standard Profiles'!$G$20=$B$24,21,0),MOD($C5412,24)+1)/SUM(INDEX($D$3:$AA$30,INDEX(Jesper!$R$2:$R$366,ROW(INDEX(Jesper!AJ$2:AJ$366,ROUNDDOWN($C5412/24,0)+1,1))-1)+IF('Standard Profiles'!$G$20=$B$10,7,0)+IF('Standard Profiles'!$G$20=$B$17,14,0)+IF('Standard Profiles'!$G$20=$B$24,21,0),0)),0)</f>
        <v>0.88052539302559463</v>
      </c>
      <c r="G5412" cm="1">
        <f t="array" ref="G5412">IFERROR(INDEX(Jesper!AK$2:AK$366,ROUNDDOWN($C5412/24,0)+1,1)*INDEX($D$3:$AA$30,INDEX(Jesper!$R$2:$R$366,ROW(INDEX(Jesper!AK$2:AK$366,ROUNDDOWN($C5412/24,0)+1,1))-1)+IF('Standard Profiles'!$G$21=$B$10,7,0)+IF('Standard Profiles'!$G$21=$B$17,14,0)+IF('Standard Profiles'!$G$21=$B$24,21,0),MOD($C5412,24)+1)/SUM(INDEX($D$3:$AA$30,INDEX(Jesper!$R$2:$R$366,ROW(INDEX(Jesper!AK$2:AK$366,ROUNDDOWN($C5412/24,0)+1,1))-1)+IF('Standard Profiles'!$G$21=$B$10,7,0)+IF('Standard Profiles'!$G$21=$B$17,14,0)+IF('Standard Profiles'!$G$21=$B$24,21,0),0)),0)</f>
        <v>0.30932918214524557</v>
      </c>
      <c r="H5412" cm="1">
        <f t="array" ref="H5412">IFERROR(INDEX(Jesper!AL$2:AL$366,ROUNDDOWN($C5412/24,0)+1,1)*INDEX($D$3:$AA$30,INDEX(Jesper!$R$2:$R$366,ROW(INDEX(Jesper!AL$2:AL$366,ROUNDDOWN($C5412/24,0)+1,1))-1)+IF('Standard Profiles'!$G$22=$B$10,7,0)+IF('Standard Profiles'!$G$22=$B$17,14,0)+IF('Standard Profiles'!$G$22=$B$24,21,0),MOD($C5412,24)+1)/SUM(INDEX($D$3:$AA$30,INDEX(Jesper!$R$2:$R$366,ROW(INDEX(Jesper!AL$2:AL$366,ROUNDDOWN($C5412/24,0)+1,1))-1)+IF('Standard Profiles'!$G$22=$B$10,7,0)+IF('Standard Profiles'!$G$22=$B$17,14,0)+IF('Standard Profiles'!$G$22=$B$24,21,0),0)),0)</f>
        <v>0</v>
      </c>
      <c r="I5412">
        <f t="shared" si="608"/>
        <v>0</v>
      </c>
      <c r="J5412">
        <f t="shared" si="609"/>
        <v>3.5537421941151845</v>
      </c>
      <c r="K5412">
        <f t="shared" si="610"/>
        <v>0.21489887444948585</v>
      </c>
      <c r="L5412">
        <f t="shared" si="611"/>
        <v>0.10744943722474293</v>
      </c>
      <c r="M5412">
        <f t="shared" si="612"/>
        <v>0</v>
      </c>
      <c r="N5412" s="45">
        <f t="shared" ref="N5412:N5475" si="613">N5411+1/24</f>
        <v>45151.08333332029</v>
      </c>
    </row>
    <row r="5413" spans="2:14" x14ac:dyDescent="0.25">
      <c r="B5413">
        <f t="shared" si="607"/>
        <v>7</v>
      </c>
      <c r="C5413" s="16">
        <v>5379</v>
      </c>
      <c r="D5413" cm="1">
        <f t="array" ref="D5413">IFERROR(INDEX(Jesper!AH$2:AH$366,ROUNDDOWN($C5413/24,0)+1,1)*INDEX($D$3:$AA$30,INDEX(Jesper!$R$2:$R$366,ROW(INDEX(Jesper!AH$2:AH$366,ROUNDDOWN($C5413/24,0)+1,1))-1)+IF('Standard Profiles'!$G$18=$B$10,7,0)+IF('Standard Profiles'!$G$18=$B$17,14,0)+IF('Standard Profiles'!$G$18=$B$24,21,0),MOD($C5413,24)+1)/SUM(INDEX($D$3:$AA$30,INDEX(Jesper!$R$2:$R$366,ROW(INDEX(Jesper!AH$2:AH$366,ROUNDDOWN($C5413/24,0)+1,1))-1)+IF('Standard Profiles'!$G$18=$B$10,7,0)+IF('Standard Profiles'!$G$18=$B$17,14,0)+IF('Standard Profiles'!$G$18=$B$24,21,0),0)),0)</f>
        <v>0</v>
      </c>
      <c r="E5413" cm="1">
        <f t="array" ref="E5413">IFERROR(INDEX(Jesper!AI$2:AI$366,ROUNDDOWN($C5413/24,0)+1,1)*INDEX($D$3:$AA$30,INDEX(Jesper!$R$2:$R$366,ROW(INDEX(Jesper!AI$2:AI$366,ROUNDDOWN($C5413/24,0)+1,1))-1)+IF('Standard Profiles'!$G$19=$B$10,7,0)+IF('Standard Profiles'!$G$19=$B$17,14,0)+IF('Standard Profiles'!$G$19=$B$24,21,0),MOD($C5413,24)+1)/SUM(INDEX($D$3:$AA$30,INDEX(Jesper!$R$2:$R$366,ROW(INDEX(Jesper!AI$2:AI$366,ROUNDDOWN($C5413/24,0)+1,1))-1)+IF('Standard Profiles'!$G$19=$B$10,7,0)+IF('Standard Profiles'!$G$19=$B$17,14,0)+IF('Standard Profiles'!$G$19=$B$24,21,0),0)),0)</f>
        <v>2.6862359306185732</v>
      </c>
      <c r="F5413" cm="1">
        <f t="array" ref="F5413">IFERROR(INDEX(Jesper!AJ$2:AJ$366,ROUNDDOWN($C5413/24,0)+1,1)*INDEX($D$3:$AA$30,INDEX(Jesper!$R$2:$R$366,ROW(INDEX(Jesper!AJ$2:AJ$366,ROUNDDOWN($C5413/24,0)+1,1))-1)+IF('Standard Profiles'!$G$20=$B$10,7,0)+IF('Standard Profiles'!$G$20=$B$17,14,0)+IF('Standard Profiles'!$G$20=$B$24,21,0),MOD($C5413,24)+1)/SUM(INDEX($D$3:$AA$30,INDEX(Jesper!$R$2:$R$366,ROW(INDEX(Jesper!AJ$2:AJ$366,ROUNDDOWN($C5413/24,0)+1,1))-1)+IF('Standard Profiles'!$G$20=$B$10,7,0)+IF('Standard Profiles'!$G$20=$B$17,14,0)+IF('Standard Profiles'!$G$20=$B$24,21,0),0)),0)</f>
        <v>0.88052539302559463</v>
      </c>
      <c r="G5413" cm="1">
        <f t="array" ref="G5413">IFERROR(INDEX(Jesper!AK$2:AK$366,ROUNDDOWN($C5413/24,0)+1,1)*INDEX($D$3:$AA$30,INDEX(Jesper!$R$2:$R$366,ROW(INDEX(Jesper!AK$2:AK$366,ROUNDDOWN($C5413/24,0)+1,1))-1)+IF('Standard Profiles'!$G$21=$B$10,7,0)+IF('Standard Profiles'!$G$21=$B$17,14,0)+IF('Standard Profiles'!$G$21=$B$24,21,0),MOD($C5413,24)+1)/SUM(INDEX($D$3:$AA$30,INDEX(Jesper!$R$2:$R$366,ROW(INDEX(Jesper!AK$2:AK$366,ROUNDDOWN($C5413/24,0)+1,1))-1)+IF('Standard Profiles'!$G$21=$B$10,7,0)+IF('Standard Profiles'!$G$21=$B$17,14,0)+IF('Standard Profiles'!$G$21=$B$24,21,0),0)),0)</f>
        <v>0.30932918214524557</v>
      </c>
      <c r="H5413" cm="1">
        <f t="array" ref="H5413">IFERROR(INDEX(Jesper!AL$2:AL$366,ROUNDDOWN($C5413/24,0)+1,1)*INDEX($D$3:$AA$30,INDEX(Jesper!$R$2:$R$366,ROW(INDEX(Jesper!AL$2:AL$366,ROUNDDOWN($C5413/24,0)+1,1))-1)+IF('Standard Profiles'!$G$22=$B$10,7,0)+IF('Standard Profiles'!$G$22=$B$17,14,0)+IF('Standard Profiles'!$G$22=$B$24,21,0),MOD($C5413,24)+1)/SUM(INDEX($D$3:$AA$30,INDEX(Jesper!$R$2:$R$366,ROW(INDEX(Jesper!AL$2:AL$366,ROUNDDOWN($C5413/24,0)+1,1))-1)+IF('Standard Profiles'!$G$22=$B$10,7,0)+IF('Standard Profiles'!$G$22=$B$17,14,0)+IF('Standard Profiles'!$G$22=$B$24,21,0),0)),0)</f>
        <v>0</v>
      </c>
      <c r="I5413">
        <f t="shared" si="608"/>
        <v>0</v>
      </c>
      <c r="J5413">
        <f t="shared" si="609"/>
        <v>3.5537421941151845</v>
      </c>
      <c r="K5413">
        <f t="shared" si="610"/>
        <v>0.21489887444948585</v>
      </c>
      <c r="L5413">
        <f t="shared" si="611"/>
        <v>0.10744943722474293</v>
      </c>
      <c r="M5413">
        <f t="shared" si="612"/>
        <v>0</v>
      </c>
      <c r="N5413" s="45">
        <f t="shared" si="613"/>
        <v>45151.124999986954</v>
      </c>
    </row>
    <row r="5414" spans="2:14" x14ac:dyDescent="0.25">
      <c r="B5414">
        <f t="shared" si="607"/>
        <v>7</v>
      </c>
      <c r="C5414" s="16">
        <v>5380</v>
      </c>
      <c r="D5414" cm="1">
        <f t="array" ref="D5414">IFERROR(INDEX(Jesper!AH$2:AH$366,ROUNDDOWN($C5414/24,0)+1,1)*INDEX($D$3:$AA$30,INDEX(Jesper!$R$2:$R$366,ROW(INDEX(Jesper!AH$2:AH$366,ROUNDDOWN($C5414/24,0)+1,1))-1)+IF('Standard Profiles'!$G$18=$B$10,7,0)+IF('Standard Profiles'!$G$18=$B$17,14,0)+IF('Standard Profiles'!$G$18=$B$24,21,0),MOD($C5414,24)+1)/SUM(INDEX($D$3:$AA$30,INDEX(Jesper!$R$2:$R$366,ROW(INDEX(Jesper!AH$2:AH$366,ROUNDDOWN($C5414/24,0)+1,1))-1)+IF('Standard Profiles'!$G$18=$B$10,7,0)+IF('Standard Profiles'!$G$18=$B$17,14,0)+IF('Standard Profiles'!$G$18=$B$24,21,0),0)),0)</f>
        <v>0</v>
      </c>
      <c r="E5414" cm="1">
        <f t="array" ref="E5414">IFERROR(INDEX(Jesper!AI$2:AI$366,ROUNDDOWN($C5414/24,0)+1,1)*INDEX($D$3:$AA$30,INDEX(Jesper!$R$2:$R$366,ROW(INDEX(Jesper!AI$2:AI$366,ROUNDDOWN($C5414/24,0)+1,1))-1)+IF('Standard Profiles'!$G$19=$B$10,7,0)+IF('Standard Profiles'!$G$19=$B$17,14,0)+IF('Standard Profiles'!$G$19=$B$24,21,0),MOD($C5414,24)+1)/SUM(INDEX($D$3:$AA$30,INDEX(Jesper!$R$2:$R$366,ROW(INDEX(Jesper!AI$2:AI$366,ROUNDDOWN($C5414/24,0)+1,1))-1)+IF('Standard Profiles'!$G$19=$B$10,7,0)+IF('Standard Profiles'!$G$19=$B$17,14,0)+IF('Standard Profiles'!$G$19=$B$24,21,0),0)),0)</f>
        <v>2.6862359306185732</v>
      </c>
      <c r="F5414" cm="1">
        <f t="array" ref="F5414">IFERROR(INDEX(Jesper!AJ$2:AJ$366,ROUNDDOWN($C5414/24,0)+1,1)*INDEX($D$3:$AA$30,INDEX(Jesper!$R$2:$R$366,ROW(INDEX(Jesper!AJ$2:AJ$366,ROUNDDOWN($C5414/24,0)+1,1))-1)+IF('Standard Profiles'!$G$20=$B$10,7,0)+IF('Standard Profiles'!$G$20=$B$17,14,0)+IF('Standard Profiles'!$G$20=$B$24,21,0),MOD($C5414,24)+1)/SUM(INDEX($D$3:$AA$30,INDEX(Jesper!$R$2:$R$366,ROW(INDEX(Jesper!AJ$2:AJ$366,ROUNDDOWN($C5414/24,0)+1,1))-1)+IF('Standard Profiles'!$G$20=$B$10,7,0)+IF('Standard Profiles'!$G$20=$B$17,14,0)+IF('Standard Profiles'!$G$20=$B$24,21,0),0)),0)</f>
        <v>0.88052539302559463</v>
      </c>
      <c r="G5414" cm="1">
        <f t="array" ref="G5414">IFERROR(INDEX(Jesper!AK$2:AK$366,ROUNDDOWN($C5414/24,0)+1,1)*INDEX($D$3:$AA$30,INDEX(Jesper!$R$2:$R$366,ROW(INDEX(Jesper!AK$2:AK$366,ROUNDDOWN($C5414/24,0)+1,1))-1)+IF('Standard Profiles'!$G$21=$B$10,7,0)+IF('Standard Profiles'!$G$21=$B$17,14,0)+IF('Standard Profiles'!$G$21=$B$24,21,0),MOD($C5414,24)+1)/SUM(INDEX($D$3:$AA$30,INDEX(Jesper!$R$2:$R$366,ROW(INDEX(Jesper!AK$2:AK$366,ROUNDDOWN($C5414/24,0)+1,1))-1)+IF('Standard Profiles'!$G$21=$B$10,7,0)+IF('Standard Profiles'!$G$21=$B$17,14,0)+IF('Standard Profiles'!$G$21=$B$24,21,0),0)),0)</f>
        <v>0.30932918214524557</v>
      </c>
      <c r="H5414" cm="1">
        <f t="array" ref="H5414">IFERROR(INDEX(Jesper!AL$2:AL$366,ROUNDDOWN($C5414/24,0)+1,1)*INDEX($D$3:$AA$30,INDEX(Jesper!$R$2:$R$366,ROW(INDEX(Jesper!AL$2:AL$366,ROUNDDOWN($C5414/24,0)+1,1))-1)+IF('Standard Profiles'!$G$22=$B$10,7,0)+IF('Standard Profiles'!$G$22=$B$17,14,0)+IF('Standard Profiles'!$G$22=$B$24,21,0),MOD($C5414,24)+1)/SUM(INDEX($D$3:$AA$30,INDEX(Jesper!$R$2:$R$366,ROW(INDEX(Jesper!AL$2:AL$366,ROUNDDOWN($C5414/24,0)+1,1))-1)+IF('Standard Profiles'!$G$22=$B$10,7,0)+IF('Standard Profiles'!$G$22=$B$17,14,0)+IF('Standard Profiles'!$G$22=$B$24,21,0),0)),0)</f>
        <v>0</v>
      </c>
      <c r="I5414">
        <f t="shared" si="608"/>
        <v>0</v>
      </c>
      <c r="J5414">
        <f t="shared" si="609"/>
        <v>3.5537421941151845</v>
      </c>
      <c r="K5414">
        <f t="shared" si="610"/>
        <v>0.21489887444948585</v>
      </c>
      <c r="L5414">
        <f t="shared" si="611"/>
        <v>0.10744943722474293</v>
      </c>
      <c r="M5414">
        <f t="shared" si="612"/>
        <v>0</v>
      </c>
      <c r="N5414" s="45">
        <f t="shared" si="613"/>
        <v>45151.166666653618</v>
      </c>
    </row>
    <row r="5415" spans="2:14" x14ac:dyDescent="0.25">
      <c r="B5415">
        <f t="shared" si="607"/>
        <v>7</v>
      </c>
      <c r="C5415" s="16">
        <v>5381</v>
      </c>
      <c r="D5415" cm="1">
        <f t="array" ref="D5415">IFERROR(INDEX(Jesper!AH$2:AH$366,ROUNDDOWN($C5415/24,0)+1,1)*INDEX($D$3:$AA$30,INDEX(Jesper!$R$2:$R$366,ROW(INDEX(Jesper!AH$2:AH$366,ROUNDDOWN($C5415/24,0)+1,1))-1)+IF('Standard Profiles'!$G$18=$B$10,7,0)+IF('Standard Profiles'!$G$18=$B$17,14,0)+IF('Standard Profiles'!$G$18=$B$24,21,0),MOD($C5415,24)+1)/SUM(INDEX($D$3:$AA$30,INDEX(Jesper!$R$2:$R$366,ROW(INDEX(Jesper!AH$2:AH$366,ROUNDDOWN($C5415/24,0)+1,1))-1)+IF('Standard Profiles'!$G$18=$B$10,7,0)+IF('Standard Profiles'!$G$18=$B$17,14,0)+IF('Standard Profiles'!$G$18=$B$24,21,0),0)),0)</f>
        <v>0</v>
      </c>
      <c r="E5415" cm="1">
        <f t="array" ref="E5415">IFERROR(INDEX(Jesper!AI$2:AI$366,ROUNDDOWN($C5415/24,0)+1,1)*INDEX($D$3:$AA$30,INDEX(Jesper!$R$2:$R$366,ROW(INDEX(Jesper!AI$2:AI$366,ROUNDDOWN($C5415/24,0)+1,1))-1)+IF('Standard Profiles'!$G$19=$B$10,7,0)+IF('Standard Profiles'!$G$19=$B$17,14,0)+IF('Standard Profiles'!$G$19=$B$24,21,0),MOD($C5415,24)+1)/SUM(INDEX($D$3:$AA$30,INDEX(Jesper!$R$2:$R$366,ROW(INDEX(Jesper!AI$2:AI$366,ROUNDDOWN($C5415/24,0)+1,1))-1)+IF('Standard Profiles'!$G$19=$B$10,7,0)+IF('Standard Profiles'!$G$19=$B$17,14,0)+IF('Standard Profiles'!$G$19=$B$24,21,0),0)),0)</f>
        <v>2.6862359306185732</v>
      </c>
      <c r="F5415" cm="1">
        <f t="array" ref="F5415">IFERROR(INDEX(Jesper!AJ$2:AJ$366,ROUNDDOWN($C5415/24,0)+1,1)*INDEX($D$3:$AA$30,INDEX(Jesper!$R$2:$R$366,ROW(INDEX(Jesper!AJ$2:AJ$366,ROUNDDOWN($C5415/24,0)+1,1))-1)+IF('Standard Profiles'!$G$20=$B$10,7,0)+IF('Standard Profiles'!$G$20=$B$17,14,0)+IF('Standard Profiles'!$G$20=$B$24,21,0),MOD($C5415,24)+1)/SUM(INDEX($D$3:$AA$30,INDEX(Jesper!$R$2:$R$366,ROW(INDEX(Jesper!AJ$2:AJ$366,ROUNDDOWN($C5415/24,0)+1,1))-1)+IF('Standard Profiles'!$G$20=$B$10,7,0)+IF('Standard Profiles'!$G$20=$B$17,14,0)+IF('Standard Profiles'!$G$20=$B$24,21,0),0)),0)</f>
        <v>0.88052539302559463</v>
      </c>
      <c r="G5415" cm="1">
        <f t="array" ref="G5415">IFERROR(INDEX(Jesper!AK$2:AK$366,ROUNDDOWN($C5415/24,0)+1,1)*INDEX($D$3:$AA$30,INDEX(Jesper!$R$2:$R$366,ROW(INDEX(Jesper!AK$2:AK$366,ROUNDDOWN($C5415/24,0)+1,1))-1)+IF('Standard Profiles'!$G$21=$B$10,7,0)+IF('Standard Profiles'!$G$21=$B$17,14,0)+IF('Standard Profiles'!$G$21=$B$24,21,0),MOD($C5415,24)+1)/SUM(INDEX($D$3:$AA$30,INDEX(Jesper!$R$2:$R$366,ROW(INDEX(Jesper!AK$2:AK$366,ROUNDDOWN($C5415/24,0)+1,1))-1)+IF('Standard Profiles'!$G$21=$B$10,7,0)+IF('Standard Profiles'!$G$21=$B$17,14,0)+IF('Standard Profiles'!$G$21=$B$24,21,0),0)),0)</f>
        <v>0.30932918214524557</v>
      </c>
      <c r="H5415" cm="1">
        <f t="array" ref="H5415">IFERROR(INDEX(Jesper!AL$2:AL$366,ROUNDDOWN($C5415/24,0)+1,1)*INDEX($D$3:$AA$30,INDEX(Jesper!$R$2:$R$366,ROW(INDEX(Jesper!AL$2:AL$366,ROUNDDOWN($C5415/24,0)+1,1))-1)+IF('Standard Profiles'!$G$22=$B$10,7,0)+IF('Standard Profiles'!$G$22=$B$17,14,0)+IF('Standard Profiles'!$G$22=$B$24,21,0),MOD($C5415,24)+1)/SUM(INDEX($D$3:$AA$30,INDEX(Jesper!$R$2:$R$366,ROW(INDEX(Jesper!AL$2:AL$366,ROUNDDOWN($C5415/24,0)+1,1))-1)+IF('Standard Profiles'!$G$22=$B$10,7,0)+IF('Standard Profiles'!$G$22=$B$17,14,0)+IF('Standard Profiles'!$G$22=$B$24,21,0),0)),0)</f>
        <v>0</v>
      </c>
      <c r="I5415">
        <f t="shared" si="608"/>
        <v>0</v>
      </c>
      <c r="J5415">
        <f t="shared" si="609"/>
        <v>3.5537421941151845</v>
      </c>
      <c r="K5415">
        <f t="shared" si="610"/>
        <v>0.21489887444948585</v>
      </c>
      <c r="L5415">
        <f t="shared" si="611"/>
        <v>0.10744943722474293</v>
      </c>
      <c r="M5415">
        <f t="shared" si="612"/>
        <v>0</v>
      </c>
      <c r="N5415" s="45">
        <f t="shared" si="613"/>
        <v>45151.208333320283</v>
      </c>
    </row>
    <row r="5416" spans="2:14" x14ac:dyDescent="0.25">
      <c r="B5416">
        <f t="shared" si="607"/>
        <v>7</v>
      </c>
      <c r="C5416" s="16">
        <v>5382</v>
      </c>
      <c r="D5416" cm="1">
        <f t="array" ref="D5416">IFERROR(INDEX(Jesper!AH$2:AH$366,ROUNDDOWN($C5416/24,0)+1,1)*INDEX($D$3:$AA$30,INDEX(Jesper!$R$2:$R$366,ROW(INDEX(Jesper!AH$2:AH$366,ROUNDDOWN($C5416/24,0)+1,1))-1)+IF('Standard Profiles'!$G$18=$B$10,7,0)+IF('Standard Profiles'!$G$18=$B$17,14,0)+IF('Standard Profiles'!$G$18=$B$24,21,0),MOD($C5416,24)+1)/SUM(INDEX($D$3:$AA$30,INDEX(Jesper!$R$2:$R$366,ROW(INDEX(Jesper!AH$2:AH$366,ROUNDDOWN($C5416/24,0)+1,1))-1)+IF('Standard Profiles'!$G$18=$B$10,7,0)+IF('Standard Profiles'!$G$18=$B$17,14,0)+IF('Standard Profiles'!$G$18=$B$24,21,0),0)),0)</f>
        <v>0</v>
      </c>
      <c r="E5416" cm="1">
        <f t="array" ref="E5416">IFERROR(INDEX(Jesper!AI$2:AI$366,ROUNDDOWN($C5416/24,0)+1,1)*INDEX($D$3:$AA$30,INDEX(Jesper!$R$2:$R$366,ROW(INDEX(Jesper!AI$2:AI$366,ROUNDDOWN($C5416/24,0)+1,1))-1)+IF('Standard Profiles'!$G$19=$B$10,7,0)+IF('Standard Profiles'!$G$19=$B$17,14,0)+IF('Standard Profiles'!$G$19=$B$24,21,0),MOD($C5416,24)+1)/SUM(INDEX($D$3:$AA$30,INDEX(Jesper!$R$2:$R$366,ROW(INDEX(Jesper!AI$2:AI$366,ROUNDDOWN($C5416/24,0)+1,1))-1)+IF('Standard Profiles'!$G$19=$B$10,7,0)+IF('Standard Profiles'!$G$19=$B$17,14,0)+IF('Standard Profiles'!$G$19=$B$24,21,0),0)),0)</f>
        <v>2.6862359306185732</v>
      </c>
      <c r="F5416" cm="1">
        <f t="array" ref="F5416">IFERROR(INDEX(Jesper!AJ$2:AJ$366,ROUNDDOWN($C5416/24,0)+1,1)*INDEX($D$3:$AA$30,INDEX(Jesper!$R$2:$R$366,ROW(INDEX(Jesper!AJ$2:AJ$366,ROUNDDOWN($C5416/24,0)+1,1))-1)+IF('Standard Profiles'!$G$20=$B$10,7,0)+IF('Standard Profiles'!$G$20=$B$17,14,0)+IF('Standard Profiles'!$G$20=$B$24,21,0),MOD($C5416,24)+1)/SUM(INDEX($D$3:$AA$30,INDEX(Jesper!$R$2:$R$366,ROW(INDEX(Jesper!AJ$2:AJ$366,ROUNDDOWN($C5416/24,0)+1,1))-1)+IF('Standard Profiles'!$G$20=$B$10,7,0)+IF('Standard Profiles'!$G$20=$B$17,14,0)+IF('Standard Profiles'!$G$20=$B$24,21,0),0)),0)</f>
        <v>0.88052539302559463</v>
      </c>
      <c r="G5416" cm="1">
        <f t="array" ref="G5416">IFERROR(INDEX(Jesper!AK$2:AK$366,ROUNDDOWN($C5416/24,0)+1,1)*INDEX($D$3:$AA$30,INDEX(Jesper!$R$2:$R$366,ROW(INDEX(Jesper!AK$2:AK$366,ROUNDDOWN($C5416/24,0)+1,1))-1)+IF('Standard Profiles'!$G$21=$B$10,7,0)+IF('Standard Profiles'!$G$21=$B$17,14,0)+IF('Standard Profiles'!$G$21=$B$24,21,0),MOD($C5416,24)+1)/SUM(INDEX($D$3:$AA$30,INDEX(Jesper!$R$2:$R$366,ROW(INDEX(Jesper!AK$2:AK$366,ROUNDDOWN($C5416/24,0)+1,1))-1)+IF('Standard Profiles'!$G$21=$B$10,7,0)+IF('Standard Profiles'!$G$21=$B$17,14,0)+IF('Standard Profiles'!$G$21=$B$24,21,0),0)),0)</f>
        <v>0.30932918214524557</v>
      </c>
      <c r="H5416" cm="1">
        <f t="array" ref="H5416">IFERROR(INDEX(Jesper!AL$2:AL$366,ROUNDDOWN($C5416/24,0)+1,1)*INDEX($D$3:$AA$30,INDEX(Jesper!$R$2:$R$366,ROW(INDEX(Jesper!AL$2:AL$366,ROUNDDOWN($C5416/24,0)+1,1))-1)+IF('Standard Profiles'!$G$22=$B$10,7,0)+IF('Standard Profiles'!$G$22=$B$17,14,0)+IF('Standard Profiles'!$G$22=$B$24,21,0),MOD($C5416,24)+1)/SUM(INDEX($D$3:$AA$30,INDEX(Jesper!$R$2:$R$366,ROW(INDEX(Jesper!AL$2:AL$366,ROUNDDOWN($C5416/24,0)+1,1))-1)+IF('Standard Profiles'!$G$22=$B$10,7,0)+IF('Standard Profiles'!$G$22=$B$17,14,0)+IF('Standard Profiles'!$G$22=$B$24,21,0),0)),0)</f>
        <v>0</v>
      </c>
      <c r="I5416">
        <f t="shared" si="608"/>
        <v>0</v>
      </c>
      <c r="J5416">
        <f t="shared" si="609"/>
        <v>3.5537421941151845</v>
      </c>
      <c r="K5416">
        <f t="shared" si="610"/>
        <v>0.21489887444948585</v>
      </c>
      <c r="L5416">
        <f t="shared" si="611"/>
        <v>0.10744943722474293</v>
      </c>
      <c r="M5416">
        <f t="shared" si="612"/>
        <v>0</v>
      </c>
      <c r="N5416" s="45">
        <f t="shared" si="613"/>
        <v>45151.249999986947</v>
      </c>
    </row>
    <row r="5417" spans="2:14" x14ac:dyDescent="0.25">
      <c r="B5417">
        <f t="shared" si="607"/>
        <v>7</v>
      </c>
      <c r="C5417" s="16">
        <v>5383</v>
      </c>
      <c r="D5417" cm="1">
        <f t="array" ref="D5417">IFERROR(INDEX(Jesper!AH$2:AH$366,ROUNDDOWN($C5417/24,0)+1,1)*INDEX($D$3:$AA$30,INDEX(Jesper!$R$2:$R$366,ROW(INDEX(Jesper!AH$2:AH$366,ROUNDDOWN($C5417/24,0)+1,1))-1)+IF('Standard Profiles'!$G$18=$B$10,7,0)+IF('Standard Profiles'!$G$18=$B$17,14,0)+IF('Standard Profiles'!$G$18=$B$24,21,0),MOD($C5417,24)+1)/SUM(INDEX($D$3:$AA$30,INDEX(Jesper!$R$2:$R$366,ROW(INDEX(Jesper!AH$2:AH$366,ROUNDDOWN($C5417/24,0)+1,1))-1)+IF('Standard Profiles'!$G$18=$B$10,7,0)+IF('Standard Profiles'!$G$18=$B$17,14,0)+IF('Standard Profiles'!$G$18=$B$24,21,0),0)),0)</f>
        <v>0</v>
      </c>
      <c r="E5417" cm="1">
        <f t="array" ref="E5417">IFERROR(INDEX(Jesper!AI$2:AI$366,ROUNDDOWN($C5417/24,0)+1,1)*INDEX($D$3:$AA$30,INDEX(Jesper!$R$2:$R$366,ROW(INDEX(Jesper!AI$2:AI$366,ROUNDDOWN($C5417/24,0)+1,1))-1)+IF('Standard Profiles'!$G$19=$B$10,7,0)+IF('Standard Profiles'!$G$19=$B$17,14,0)+IF('Standard Profiles'!$G$19=$B$24,21,0),MOD($C5417,24)+1)/SUM(INDEX($D$3:$AA$30,INDEX(Jesper!$R$2:$R$366,ROW(INDEX(Jesper!AI$2:AI$366,ROUNDDOWN($C5417/24,0)+1,1))-1)+IF('Standard Profiles'!$G$19=$B$10,7,0)+IF('Standard Profiles'!$G$19=$B$17,14,0)+IF('Standard Profiles'!$G$19=$B$24,21,0),0)),0)</f>
        <v>2.6862359306185732</v>
      </c>
      <c r="F5417" cm="1">
        <f t="array" ref="F5417">IFERROR(INDEX(Jesper!AJ$2:AJ$366,ROUNDDOWN($C5417/24,0)+1,1)*INDEX($D$3:$AA$30,INDEX(Jesper!$R$2:$R$366,ROW(INDEX(Jesper!AJ$2:AJ$366,ROUNDDOWN($C5417/24,0)+1,1))-1)+IF('Standard Profiles'!$G$20=$B$10,7,0)+IF('Standard Profiles'!$G$20=$B$17,14,0)+IF('Standard Profiles'!$G$20=$B$24,21,0),MOD($C5417,24)+1)/SUM(INDEX($D$3:$AA$30,INDEX(Jesper!$R$2:$R$366,ROW(INDEX(Jesper!AJ$2:AJ$366,ROUNDDOWN($C5417/24,0)+1,1))-1)+IF('Standard Profiles'!$G$20=$B$10,7,0)+IF('Standard Profiles'!$G$20=$B$17,14,0)+IF('Standard Profiles'!$G$20=$B$24,21,0),0)),0)</f>
        <v>0.88052539302559463</v>
      </c>
      <c r="G5417" cm="1">
        <f t="array" ref="G5417">IFERROR(INDEX(Jesper!AK$2:AK$366,ROUNDDOWN($C5417/24,0)+1,1)*INDEX($D$3:$AA$30,INDEX(Jesper!$R$2:$R$366,ROW(INDEX(Jesper!AK$2:AK$366,ROUNDDOWN($C5417/24,0)+1,1))-1)+IF('Standard Profiles'!$G$21=$B$10,7,0)+IF('Standard Profiles'!$G$21=$B$17,14,0)+IF('Standard Profiles'!$G$21=$B$24,21,0),MOD($C5417,24)+1)/SUM(INDEX($D$3:$AA$30,INDEX(Jesper!$R$2:$R$366,ROW(INDEX(Jesper!AK$2:AK$366,ROUNDDOWN($C5417/24,0)+1,1))-1)+IF('Standard Profiles'!$G$21=$B$10,7,0)+IF('Standard Profiles'!$G$21=$B$17,14,0)+IF('Standard Profiles'!$G$21=$B$24,21,0),0)),0)</f>
        <v>0.30932918214524557</v>
      </c>
      <c r="H5417" cm="1">
        <f t="array" ref="H5417">IFERROR(INDEX(Jesper!AL$2:AL$366,ROUNDDOWN($C5417/24,0)+1,1)*INDEX($D$3:$AA$30,INDEX(Jesper!$R$2:$R$366,ROW(INDEX(Jesper!AL$2:AL$366,ROUNDDOWN($C5417/24,0)+1,1))-1)+IF('Standard Profiles'!$G$22=$B$10,7,0)+IF('Standard Profiles'!$G$22=$B$17,14,0)+IF('Standard Profiles'!$G$22=$B$24,21,0),MOD($C5417,24)+1)/SUM(INDEX($D$3:$AA$30,INDEX(Jesper!$R$2:$R$366,ROW(INDEX(Jesper!AL$2:AL$366,ROUNDDOWN($C5417/24,0)+1,1))-1)+IF('Standard Profiles'!$G$22=$B$10,7,0)+IF('Standard Profiles'!$G$22=$B$17,14,0)+IF('Standard Profiles'!$G$22=$B$24,21,0),0)),0)</f>
        <v>0</v>
      </c>
      <c r="I5417">
        <f t="shared" si="608"/>
        <v>0</v>
      </c>
      <c r="J5417">
        <f t="shared" si="609"/>
        <v>3.5537421941151845</v>
      </c>
      <c r="K5417">
        <f t="shared" si="610"/>
        <v>0.21489887444948585</v>
      </c>
      <c r="L5417">
        <f t="shared" si="611"/>
        <v>0.10744943722474293</v>
      </c>
      <c r="M5417">
        <f t="shared" si="612"/>
        <v>0</v>
      </c>
      <c r="N5417" s="45">
        <f t="shared" si="613"/>
        <v>45151.291666653611</v>
      </c>
    </row>
    <row r="5418" spans="2:14" x14ac:dyDescent="0.25">
      <c r="B5418">
        <f t="shared" si="607"/>
        <v>7</v>
      </c>
      <c r="C5418" s="16">
        <v>5384</v>
      </c>
      <c r="D5418" cm="1">
        <f t="array" ref="D5418">IFERROR(INDEX(Jesper!AH$2:AH$366,ROUNDDOWN($C5418/24,0)+1,1)*INDEX($D$3:$AA$30,INDEX(Jesper!$R$2:$R$366,ROW(INDEX(Jesper!AH$2:AH$366,ROUNDDOWN($C5418/24,0)+1,1))-1)+IF('Standard Profiles'!$G$18=$B$10,7,0)+IF('Standard Profiles'!$G$18=$B$17,14,0)+IF('Standard Profiles'!$G$18=$B$24,21,0),MOD($C5418,24)+1)/SUM(INDEX($D$3:$AA$30,INDEX(Jesper!$R$2:$R$366,ROW(INDEX(Jesper!AH$2:AH$366,ROUNDDOWN($C5418/24,0)+1,1))-1)+IF('Standard Profiles'!$G$18=$B$10,7,0)+IF('Standard Profiles'!$G$18=$B$17,14,0)+IF('Standard Profiles'!$G$18=$B$24,21,0),0)),0)</f>
        <v>0</v>
      </c>
      <c r="E5418" cm="1">
        <f t="array" ref="E5418">IFERROR(INDEX(Jesper!AI$2:AI$366,ROUNDDOWN($C5418/24,0)+1,1)*INDEX($D$3:$AA$30,INDEX(Jesper!$R$2:$R$366,ROW(INDEX(Jesper!AI$2:AI$366,ROUNDDOWN($C5418/24,0)+1,1))-1)+IF('Standard Profiles'!$G$19=$B$10,7,0)+IF('Standard Profiles'!$G$19=$B$17,14,0)+IF('Standard Profiles'!$G$19=$B$24,21,0),MOD($C5418,24)+1)/SUM(INDEX($D$3:$AA$30,INDEX(Jesper!$R$2:$R$366,ROW(INDEX(Jesper!AI$2:AI$366,ROUNDDOWN($C5418/24,0)+1,1))-1)+IF('Standard Profiles'!$G$19=$B$10,7,0)+IF('Standard Profiles'!$G$19=$B$17,14,0)+IF('Standard Profiles'!$G$19=$B$24,21,0),0)),0)</f>
        <v>2.6862359306185732</v>
      </c>
      <c r="F5418" cm="1">
        <f t="array" ref="F5418">IFERROR(INDEX(Jesper!AJ$2:AJ$366,ROUNDDOWN($C5418/24,0)+1,1)*INDEX($D$3:$AA$30,INDEX(Jesper!$R$2:$R$366,ROW(INDEX(Jesper!AJ$2:AJ$366,ROUNDDOWN($C5418/24,0)+1,1))-1)+IF('Standard Profiles'!$G$20=$B$10,7,0)+IF('Standard Profiles'!$G$20=$B$17,14,0)+IF('Standard Profiles'!$G$20=$B$24,21,0),MOD($C5418,24)+1)/SUM(INDEX($D$3:$AA$30,INDEX(Jesper!$R$2:$R$366,ROW(INDEX(Jesper!AJ$2:AJ$366,ROUNDDOWN($C5418/24,0)+1,1))-1)+IF('Standard Profiles'!$G$20=$B$10,7,0)+IF('Standard Profiles'!$G$20=$B$17,14,0)+IF('Standard Profiles'!$G$20=$B$24,21,0),0)),0)</f>
        <v>0.88052539302559463</v>
      </c>
      <c r="G5418" cm="1">
        <f t="array" ref="G5418">IFERROR(INDEX(Jesper!AK$2:AK$366,ROUNDDOWN($C5418/24,0)+1,1)*INDEX($D$3:$AA$30,INDEX(Jesper!$R$2:$R$366,ROW(INDEX(Jesper!AK$2:AK$366,ROUNDDOWN($C5418/24,0)+1,1))-1)+IF('Standard Profiles'!$G$21=$B$10,7,0)+IF('Standard Profiles'!$G$21=$B$17,14,0)+IF('Standard Profiles'!$G$21=$B$24,21,0),MOD($C5418,24)+1)/SUM(INDEX($D$3:$AA$30,INDEX(Jesper!$R$2:$R$366,ROW(INDEX(Jesper!AK$2:AK$366,ROUNDDOWN($C5418/24,0)+1,1))-1)+IF('Standard Profiles'!$G$21=$B$10,7,0)+IF('Standard Profiles'!$G$21=$B$17,14,0)+IF('Standard Profiles'!$G$21=$B$24,21,0),0)),0)</f>
        <v>0.30932918214524557</v>
      </c>
      <c r="H5418" cm="1">
        <f t="array" ref="H5418">IFERROR(INDEX(Jesper!AL$2:AL$366,ROUNDDOWN($C5418/24,0)+1,1)*INDEX($D$3:$AA$30,INDEX(Jesper!$R$2:$R$366,ROW(INDEX(Jesper!AL$2:AL$366,ROUNDDOWN($C5418/24,0)+1,1))-1)+IF('Standard Profiles'!$G$22=$B$10,7,0)+IF('Standard Profiles'!$G$22=$B$17,14,0)+IF('Standard Profiles'!$G$22=$B$24,21,0),MOD($C5418,24)+1)/SUM(INDEX($D$3:$AA$30,INDEX(Jesper!$R$2:$R$366,ROW(INDEX(Jesper!AL$2:AL$366,ROUNDDOWN($C5418/24,0)+1,1))-1)+IF('Standard Profiles'!$G$22=$B$10,7,0)+IF('Standard Profiles'!$G$22=$B$17,14,0)+IF('Standard Profiles'!$G$22=$B$24,21,0),0)),0)</f>
        <v>0</v>
      </c>
      <c r="I5418">
        <f t="shared" si="608"/>
        <v>0</v>
      </c>
      <c r="J5418">
        <f t="shared" si="609"/>
        <v>3.5537421941151845</v>
      </c>
      <c r="K5418">
        <f t="shared" si="610"/>
        <v>0.21489887444948585</v>
      </c>
      <c r="L5418">
        <f t="shared" si="611"/>
        <v>0.10744943722474293</v>
      </c>
      <c r="M5418">
        <f t="shared" si="612"/>
        <v>0</v>
      </c>
      <c r="N5418" s="45">
        <f t="shared" si="613"/>
        <v>45151.333333320275</v>
      </c>
    </row>
    <row r="5419" spans="2:14" x14ac:dyDescent="0.25">
      <c r="B5419">
        <f t="shared" si="607"/>
        <v>7</v>
      </c>
      <c r="C5419" s="16">
        <v>5385</v>
      </c>
      <c r="D5419" cm="1">
        <f t="array" ref="D5419">IFERROR(INDEX(Jesper!AH$2:AH$366,ROUNDDOWN($C5419/24,0)+1,1)*INDEX($D$3:$AA$30,INDEX(Jesper!$R$2:$R$366,ROW(INDEX(Jesper!AH$2:AH$366,ROUNDDOWN($C5419/24,0)+1,1))-1)+IF('Standard Profiles'!$G$18=$B$10,7,0)+IF('Standard Profiles'!$G$18=$B$17,14,0)+IF('Standard Profiles'!$G$18=$B$24,21,0),MOD($C5419,24)+1)/SUM(INDEX($D$3:$AA$30,INDEX(Jesper!$R$2:$R$366,ROW(INDEX(Jesper!AH$2:AH$366,ROUNDDOWN($C5419/24,0)+1,1))-1)+IF('Standard Profiles'!$G$18=$B$10,7,0)+IF('Standard Profiles'!$G$18=$B$17,14,0)+IF('Standard Profiles'!$G$18=$B$24,21,0),0)),0)</f>
        <v>0</v>
      </c>
      <c r="E5419" cm="1">
        <f t="array" ref="E5419">IFERROR(INDEX(Jesper!AI$2:AI$366,ROUNDDOWN($C5419/24,0)+1,1)*INDEX($D$3:$AA$30,INDEX(Jesper!$R$2:$R$366,ROW(INDEX(Jesper!AI$2:AI$366,ROUNDDOWN($C5419/24,0)+1,1))-1)+IF('Standard Profiles'!$G$19=$B$10,7,0)+IF('Standard Profiles'!$G$19=$B$17,14,0)+IF('Standard Profiles'!$G$19=$B$24,21,0),MOD($C5419,24)+1)/SUM(INDEX($D$3:$AA$30,INDEX(Jesper!$R$2:$R$366,ROW(INDEX(Jesper!AI$2:AI$366,ROUNDDOWN($C5419/24,0)+1,1))-1)+IF('Standard Profiles'!$G$19=$B$10,7,0)+IF('Standard Profiles'!$G$19=$B$17,14,0)+IF('Standard Profiles'!$G$19=$B$24,21,0),0)),0)</f>
        <v>2.6862359306185732</v>
      </c>
      <c r="F5419" cm="1">
        <f t="array" ref="F5419">IFERROR(INDEX(Jesper!AJ$2:AJ$366,ROUNDDOWN($C5419/24,0)+1,1)*INDEX($D$3:$AA$30,INDEX(Jesper!$R$2:$R$366,ROW(INDEX(Jesper!AJ$2:AJ$366,ROUNDDOWN($C5419/24,0)+1,1))-1)+IF('Standard Profiles'!$G$20=$B$10,7,0)+IF('Standard Profiles'!$G$20=$B$17,14,0)+IF('Standard Profiles'!$G$20=$B$24,21,0),MOD($C5419,24)+1)/SUM(INDEX($D$3:$AA$30,INDEX(Jesper!$R$2:$R$366,ROW(INDEX(Jesper!AJ$2:AJ$366,ROUNDDOWN($C5419/24,0)+1,1))-1)+IF('Standard Profiles'!$G$20=$B$10,7,0)+IF('Standard Profiles'!$G$20=$B$17,14,0)+IF('Standard Profiles'!$G$20=$B$24,21,0),0)),0)</f>
        <v>0.88052539302559463</v>
      </c>
      <c r="G5419" cm="1">
        <f t="array" ref="G5419">IFERROR(INDEX(Jesper!AK$2:AK$366,ROUNDDOWN($C5419/24,0)+1,1)*INDEX($D$3:$AA$30,INDEX(Jesper!$R$2:$R$366,ROW(INDEX(Jesper!AK$2:AK$366,ROUNDDOWN($C5419/24,0)+1,1))-1)+IF('Standard Profiles'!$G$21=$B$10,7,0)+IF('Standard Profiles'!$G$21=$B$17,14,0)+IF('Standard Profiles'!$G$21=$B$24,21,0),MOD($C5419,24)+1)/SUM(INDEX($D$3:$AA$30,INDEX(Jesper!$R$2:$R$366,ROW(INDEX(Jesper!AK$2:AK$366,ROUNDDOWN($C5419/24,0)+1,1))-1)+IF('Standard Profiles'!$G$21=$B$10,7,0)+IF('Standard Profiles'!$G$21=$B$17,14,0)+IF('Standard Profiles'!$G$21=$B$24,21,0),0)),0)</f>
        <v>0.30932918214524557</v>
      </c>
      <c r="H5419" cm="1">
        <f t="array" ref="H5419">IFERROR(INDEX(Jesper!AL$2:AL$366,ROUNDDOWN($C5419/24,0)+1,1)*INDEX($D$3:$AA$30,INDEX(Jesper!$R$2:$R$366,ROW(INDEX(Jesper!AL$2:AL$366,ROUNDDOWN($C5419/24,0)+1,1))-1)+IF('Standard Profiles'!$G$22=$B$10,7,0)+IF('Standard Profiles'!$G$22=$B$17,14,0)+IF('Standard Profiles'!$G$22=$B$24,21,0),MOD($C5419,24)+1)/SUM(INDEX($D$3:$AA$30,INDEX(Jesper!$R$2:$R$366,ROW(INDEX(Jesper!AL$2:AL$366,ROUNDDOWN($C5419/24,0)+1,1))-1)+IF('Standard Profiles'!$G$22=$B$10,7,0)+IF('Standard Profiles'!$G$22=$B$17,14,0)+IF('Standard Profiles'!$G$22=$B$24,21,0),0)),0)</f>
        <v>0</v>
      </c>
      <c r="I5419">
        <f t="shared" si="608"/>
        <v>0</v>
      </c>
      <c r="J5419">
        <f t="shared" si="609"/>
        <v>3.5537421941151845</v>
      </c>
      <c r="K5419">
        <f t="shared" si="610"/>
        <v>0.21489887444948585</v>
      </c>
      <c r="L5419">
        <f t="shared" si="611"/>
        <v>0.10744943722474293</v>
      </c>
      <c r="M5419">
        <f t="shared" si="612"/>
        <v>0</v>
      </c>
      <c r="N5419" s="45">
        <f t="shared" si="613"/>
        <v>45151.37499998694</v>
      </c>
    </row>
    <row r="5420" spans="2:14" x14ac:dyDescent="0.25">
      <c r="B5420">
        <f t="shared" si="607"/>
        <v>7</v>
      </c>
      <c r="C5420" s="16">
        <v>5386</v>
      </c>
      <c r="D5420" cm="1">
        <f t="array" ref="D5420">IFERROR(INDEX(Jesper!AH$2:AH$366,ROUNDDOWN($C5420/24,0)+1,1)*INDEX($D$3:$AA$30,INDEX(Jesper!$R$2:$R$366,ROW(INDEX(Jesper!AH$2:AH$366,ROUNDDOWN($C5420/24,0)+1,1))-1)+IF('Standard Profiles'!$G$18=$B$10,7,0)+IF('Standard Profiles'!$G$18=$B$17,14,0)+IF('Standard Profiles'!$G$18=$B$24,21,0),MOD($C5420,24)+1)/SUM(INDEX($D$3:$AA$30,INDEX(Jesper!$R$2:$R$366,ROW(INDEX(Jesper!AH$2:AH$366,ROUNDDOWN($C5420/24,0)+1,1))-1)+IF('Standard Profiles'!$G$18=$B$10,7,0)+IF('Standard Profiles'!$G$18=$B$17,14,0)+IF('Standard Profiles'!$G$18=$B$24,21,0),0)),0)</f>
        <v>0</v>
      </c>
      <c r="E5420" cm="1">
        <f t="array" ref="E5420">IFERROR(INDEX(Jesper!AI$2:AI$366,ROUNDDOWN($C5420/24,0)+1,1)*INDEX($D$3:$AA$30,INDEX(Jesper!$R$2:$R$366,ROW(INDEX(Jesper!AI$2:AI$366,ROUNDDOWN($C5420/24,0)+1,1))-1)+IF('Standard Profiles'!$G$19=$B$10,7,0)+IF('Standard Profiles'!$G$19=$B$17,14,0)+IF('Standard Profiles'!$G$19=$B$24,21,0),MOD($C5420,24)+1)/SUM(INDEX($D$3:$AA$30,INDEX(Jesper!$R$2:$R$366,ROW(INDEX(Jesper!AI$2:AI$366,ROUNDDOWN($C5420/24,0)+1,1))-1)+IF('Standard Profiles'!$G$19=$B$10,7,0)+IF('Standard Profiles'!$G$19=$B$17,14,0)+IF('Standard Profiles'!$G$19=$B$24,21,0),0)),0)</f>
        <v>2.6862359306185732</v>
      </c>
      <c r="F5420" cm="1">
        <f t="array" ref="F5420">IFERROR(INDEX(Jesper!AJ$2:AJ$366,ROUNDDOWN($C5420/24,0)+1,1)*INDEX($D$3:$AA$30,INDEX(Jesper!$R$2:$R$366,ROW(INDEX(Jesper!AJ$2:AJ$366,ROUNDDOWN($C5420/24,0)+1,1))-1)+IF('Standard Profiles'!$G$20=$B$10,7,0)+IF('Standard Profiles'!$G$20=$B$17,14,0)+IF('Standard Profiles'!$G$20=$B$24,21,0),MOD($C5420,24)+1)/SUM(INDEX($D$3:$AA$30,INDEX(Jesper!$R$2:$R$366,ROW(INDEX(Jesper!AJ$2:AJ$366,ROUNDDOWN($C5420/24,0)+1,1))-1)+IF('Standard Profiles'!$G$20=$B$10,7,0)+IF('Standard Profiles'!$G$20=$B$17,14,0)+IF('Standard Profiles'!$G$20=$B$24,21,0),0)),0)</f>
        <v>0.88052539302559463</v>
      </c>
      <c r="G5420" cm="1">
        <f t="array" ref="G5420">IFERROR(INDEX(Jesper!AK$2:AK$366,ROUNDDOWN($C5420/24,0)+1,1)*INDEX($D$3:$AA$30,INDEX(Jesper!$R$2:$R$366,ROW(INDEX(Jesper!AK$2:AK$366,ROUNDDOWN($C5420/24,0)+1,1))-1)+IF('Standard Profiles'!$G$21=$B$10,7,0)+IF('Standard Profiles'!$G$21=$B$17,14,0)+IF('Standard Profiles'!$G$21=$B$24,21,0),MOD($C5420,24)+1)/SUM(INDEX($D$3:$AA$30,INDEX(Jesper!$R$2:$R$366,ROW(INDEX(Jesper!AK$2:AK$366,ROUNDDOWN($C5420/24,0)+1,1))-1)+IF('Standard Profiles'!$G$21=$B$10,7,0)+IF('Standard Profiles'!$G$21=$B$17,14,0)+IF('Standard Profiles'!$G$21=$B$24,21,0),0)),0)</f>
        <v>0.30932918214524557</v>
      </c>
      <c r="H5420" cm="1">
        <f t="array" ref="H5420">IFERROR(INDEX(Jesper!AL$2:AL$366,ROUNDDOWN($C5420/24,0)+1,1)*INDEX($D$3:$AA$30,INDEX(Jesper!$R$2:$R$366,ROW(INDEX(Jesper!AL$2:AL$366,ROUNDDOWN($C5420/24,0)+1,1))-1)+IF('Standard Profiles'!$G$22=$B$10,7,0)+IF('Standard Profiles'!$G$22=$B$17,14,0)+IF('Standard Profiles'!$G$22=$B$24,21,0),MOD($C5420,24)+1)/SUM(INDEX($D$3:$AA$30,INDEX(Jesper!$R$2:$R$366,ROW(INDEX(Jesper!AL$2:AL$366,ROUNDDOWN($C5420/24,0)+1,1))-1)+IF('Standard Profiles'!$G$22=$B$10,7,0)+IF('Standard Profiles'!$G$22=$B$17,14,0)+IF('Standard Profiles'!$G$22=$B$24,21,0),0)),0)</f>
        <v>0</v>
      </c>
      <c r="I5420">
        <f t="shared" si="608"/>
        <v>0</v>
      </c>
      <c r="J5420">
        <f t="shared" si="609"/>
        <v>3.5537421941151845</v>
      </c>
      <c r="K5420">
        <f t="shared" si="610"/>
        <v>0.21489887444948585</v>
      </c>
      <c r="L5420">
        <f t="shared" si="611"/>
        <v>0.10744943722474293</v>
      </c>
      <c r="M5420">
        <f t="shared" si="612"/>
        <v>0</v>
      </c>
      <c r="N5420" s="45">
        <f t="shared" si="613"/>
        <v>45151.416666653604</v>
      </c>
    </row>
    <row r="5421" spans="2:14" x14ac:dyDescent="0.25">
      <c r="B5421">
        <f t="shared" si="607"/>
        <v>7</v>
      </c>
      <c r="C5421" s="16">
        <v>5387</v>
      </c>
      <c r="D5421" cm="1">
        <f t="array" ref="D5421">IFERROR(INDEX(Jesper!AH$2:AH$366,ROUNDDOWN($C5421/24,0)+1,1)*INDEX($D$3:$AA$30,INDEX(Jesper!$R$2:$R$366,ROW(INDEX(Jesper!AH$2:AH$366,ROUNDDOWN($C5421/24,0)+1,1))-1)+IF('Standard Profiles'!$G$18=$B$10,7,0)+IF('Standard Profiles'!$G$18=$B$17,14,0)+IF('Standard Profiles'!$G$18=$B$24,21,0),MOD($C5421,24)+1)/SUM(INDEX($D$3:$AA$30,INDEX(Jesper!$R$2:$R$366,ROW(INDEX(Jesper!AH$2:AH$366,ROUNDDOWN($C5421/24,0)+1,1))-1)+IF('Standard Profiles'!$G$18=$B$10,7,0)+IF('Standard Profiles'!$G$18=$B$17,14,0)+IF('Standard Profiles'!$G$18=$B$24,21,0),0)),0)</f>
        <v>0</v>
      </c>
      <c r="E5421" cm="1">
        <f t="array" ref="E5421">IFERROR(INDEX(Jesper!AI$2:AI$366,ROUNDDOWN($C5421/24,0)+1,1)*INDEX($D$3:$AA$30,INDEX(Jesper!$R$2:$R$366,ROW(INDEX(Jesper!AI$2:AI$366,ROUNDDOWN($C5421/24,0)+1,1))-1)+IF('Standard Profiles'!$G$19=$B$10,7,0)+IF('Standard Profiles'!$G$19=$B$17,14,0)+IF('Standard Profiles'!$G$19=$B$24,21,0),MOD($C5421,24)+1)/SUM(INDEX($D$3:$AA$30,INDEX(Jesper!$R$2:$R$366,ROW(INDEX(Jesper!AI$2:AI$366,ROUNDDOWN($C5421/24,0)+1,1))-1)+IF('Standard Profiles'!$G$19=$B$10,7,0)+IF('Standard Profiles'!$G$19=$B$17,14,0)+IF('Standard Profiles'!$G$19=$B$24,21,0),0)),0)</f>
        <v>2.6862359306185732</v>
      </c>
      <c r="F5421" cm="1">
        <f t="array" ref="F5421">IFERROR(INDEX(Jesper!AJ$2:AJ$366,ROUNDDOWN($C5421/24,0)+1,1)*INDEX($D$3:$AA$30,INDEX(Jesper!$R$2:$R$366,ROW(INDEX(Jesper!AJ$2:AJ$366,ROUNDDOWN($C5421/24,0)+1,1))-1)+IF('Standard Profiles'!$G$20=$B$10,7,0)+IF('Standard Profiles'!$G$20=$B$17,14,0)+IF('Standard Profiles'!$G$20=$B$24,21,0),MOD($C5421,24)+1)/SUM(INDEX($D$3:$AA$30,INDEX(Jesper!$R$2:$R$366,ROW(INDEX(Jesper!AJ$2:AJ$366,ROUNDDOWN($C5421/24,0)+1,1))-1)+IF('Standard Profiles'!$G$20=$B$10,7,0)+IF('Standard Profiles'!$G$20=$B$17,14,0)+IF('Standard Profiles'!$G$20=$B$24,21,0),0)),0)</f>
        <v>0.88052539302559463</v>
      </c>
      <c r="G5421" cm="1">
        <f t="array" ref="G5421">IFERROR(INDEX(Jesper!AK$2:AK$366,ROUNDDOWN($C5421/24,0)+1,1)*INDEX($D$3:$AA$30,INDEX(Jesper!$R$2:$R$366,ROW(INDEX(Jesper!AK$2:AK$366,ROUNDDOWN($C5421/24,0)+1,1))-1)+IF('Standard Profiles'!$G$21=$B$10,7,0)+IF('Standard Profiles'!$G$21=$B$17,14,0)+IF('Standard Profiles'!$G$21=$B$24,21,0),MOD($C5421,24)+1)/SUM(INDEX($D$3:$AA$30,INDEX(Jesper!$R$2:$R$366,ROW(INDEX(Jesper!AK$2:AK$366,ROUNDDOWN($C5421/24,0)+1,1))-1)+IF('Standard Profiles'!$G$21=$B$10,7,0)+IF('Standard Profiles'!$G$21=$B$17,14,0)+IF('Standard Profiles'!$G$21=$B$24,21,0),0)),0)</f>
        <v>0.30932918214524557</v>
      </c>
      <c r="H5421" cm="1">
        <f t="array" ref="H5421">IFERROR(INDEX(Jesper!AL$2:AL$366,ROUNDDOWN($C5421/24,0)+1,1)*INDEX($D$3:$AA$30,INDEX(Jesper!$R$2:$R$366,ROW(INDEX(Jesper!AL$2:AL$366,ROUNDDOWN($C5421/24,0)+1,1))-1)+IF('Standard Profiles'!$G$22=$B$10,7,0)+IF('Standard Profiles'!$G$22=$B$17,14,0)+IF('Standard Profiles'!$G$22=$B$24,21,0),MOD($C5421,24)+1)/SUM(INDEX($D$3:$AA$30,INDEX(Jesper!$R$2:$R$366,ROW(INDEX(Jesper!AL$2:AL$366,ROUNDDOWN($C5421/24,0)+1,1))-1)+IF('Standard Profiles'!$G$22=$B$10,7,0)+IF('Standard Profiles'!$G$22=$B$17,14,0)+IF('Standard Profiles'!$G$22=$B$24,21,0),0)),0)</f>
        <v>0</v>
      </c>
      <c r="I5421">
        <f t="shared" si="608"/>
        <v>0</v>
      </c>
      <c r="J5421">
        <f t="shared" si="609"/>
        <v>3.5537421941151845</v>
      </c>
      <c r="K5421">
        <f t="shared" si="610"/>
        <v>0.21489887444948585</v>
      </c>
      <c r="L5421">
        <f t="shared" si="611"/>
        <v>0.10744943722474293</v>
      </c>
      <c r="M5421">
        <f t="shared" si="612"/>
        <v>0</v>
      </c>
      <c r="N5421" s="45">
        <f t="shared" si="613"/>
        <v>45151.458333320268</v>
      </c>
    </row>
    <row r="5422" spans="2:14" x14ac:dyDescent="0.25">
      <c r="B5422">
        <f t="shared" si="607"/>
        <v>7</v>
      </c>
      <c r="C5422" s="16">
        <v>5388</v>
      </c>
      <c r="D5422" cm="1">
        <f t="array" ref="D5422">IFERROR(INDEX(Jesper!AH$2:AH$366,ROUNDDOWN($C5422/24,0)+1,1)*INDEX($D$3:$AA$30,INDEX(Jesper!$R$2:$R$366,ROW(INDEX(Jesper!AH$2:AH$366,ROUNDDOWN($C5422/24,0)+1,1))-1)+IF('Standard Profiles'!$G$18=$B$10,7,0)+IF('Standard Profiles'!$G$18=$B$17,14,0)+IF('Standard Profiles'!$G$18=$B$24,21,0),MOD($C5422,24)+1)/SUM(INDEX($D$3:$AA$30,INDEX(Jesper!$R$2:$R$366,ROW(INDEX(Jesper!AH$2:AH$366,ROUNDDOWN($C5422/24,0)+1,1))-1)+IF('Standard Profiles'!$G$18=$B$10,7,0)+IF('Standard Profiles'!$G$18=$B$17,14,0)+IF('Standard Profiles'!$G$18=$B$24,21,0),0)),0)</f>
        <v>0</v>
      </c>
      <c r="E5422" cm="1">
        <f t="array" ref="E5422">IFERROR(INDEX(Jesper!AI$2:AI$366,ROUNDDOWN($C5422/24,0)+1,1)*INDEX($D$3:$AA$30,INDEX(Jesper!$R$2:$R$366,ROW(INDEX(Jesper!AI$2:AI$366,ROUNDDOWN($C5422/24,0)+1,1))-1)+IF('Standard Profiles'!$G$19=$B$10,7,0)+IF('Standard Profiles'!$G$19=$B$17,14,0)+IF('Standard Profiles'!$G$19=$B$24,21,0),MOD($C5422,24)+1)/SUM(INDEX($D$3:$AA$30,INDEX(Jesper!$R$2:$R$366,ROW(INDEX(Jesper!AI$2:AI$366,ROUNDDOWN($C5422/24,0)+1,1))-1)+IF('Standard Profiles'!$G$19=$B$10,7,0)+IF('Standard Profiles'!$G$19=$B$17,14,0)+IF('Standard Profiles'!$G$19=$B$24,21,0),0)),0)</f>
        <v>2.6862359306185732</v>
      </c>
      <c r="F5422" cm="1">
        <f t="array" ref="F5422">IFERROR(INDEX(Jesper!AJ$2:AJ$366,ROUNDDOWN($C5422/24,0)+1,1)*INDEX($D$3:$AA$30,INDEX(Jesper!$R$2:$R$366,ROW(INDEX(Jesper!AJ$2:AJ$366,ROUNDDOWN($C5422/24,0)+1,1))-1)+IF('Standard Profiles'!$G$20=$B$10,7,0)+IF('Standard Profiles'!$G$20=$B$17,14,0)+IF('Standard Profiles'!$G$20=$B$24,21,0),MOD($C5422,24)+1)/SUM(INDEX($D$3:$AA$30,INDEX(Jesper!$R$2:$R$366,ROW(INDEX(Jesper!AJ$2:AJ$366,ROUNDDOWN($C5422/24,0)+1,1))-1)+IF('Standard Profiles'!$G$20=$B$10,7,0)+IF('Standard Profiles'!$G$20=$B$17,14,0)+IF('Standard Profiles'!$G$20=$B$24,21,0),0)),0)</f>
        <v>0.88052539302559463</v>
      </c>
      <c r="G5422" cm="1">
        <f t="array" ref="G5422">IFERROR(INDEX(Jesper!AK$2:AK$366,ROUNDDOWN($C5422/24,0)+1,1)*INDEX($D$3:$AA$30,INDEX(Jesper!$R$2:$R$366,ROW(INDEX(Jesper!AK$2:AK$366,ROUNDDOWN($C5422/24,0)+1,1))-1)+IF('Standard Profiles'!$G$21=$B$10,7,0)+IF('Standard Profiles'!$G$21=$B$17,14,0)+IF('Standard Profiles'!$G$21=$B$24,21,0),MOD($C5422,24)+1)/SUM(INDEX($D$3:$AA$30,INDEX(Jesper!$R$2:$R$366,ROW(INDEX(Jesper!AK$2:AK$366,ROUNDDOWN($C5422/24,0)+1,1))-1)+IF('Standard Profiles'!$G$21=$B$10,7,0)+IF('Standard Profiles'!$G$21=$B$17,14,0)+IF('Standard Profiles'!$G$21=$B$24,21,0),0)),0)</f>
        <v>0.30932918214524557</v>
      </c>
      <c r="H5422" cm="1">
        <f t="array" ref="H5422">IFERROR(INDEX(Jesper!AL$2:AL$366,ROUNDDOWN($C5422/24,0)+1,1)*INDEX($D$3:$AA$30,INDEX(Jesper!$R$2:$R$366,ROW(INDEX(Jesper!AL$2:AL$366,ROUNDDOWN($C5422/24,0)+1,1))-1)+IF('Standard Profiles'!$G$22=$B$10,7,0)+IF('Standard Profiles'!$G$22=$B$17,14,0)+IF('Standard Profiles'!$G$22=$B$24,21,0),MOD($C5422,24)+1)/SUM(INDEX($D$3:$AA$30,INDEX(Jesper!$R$2:$R$366,ROW(INDEX(Jesper!AL$2:AL$366,ROUNDDOWN($C5422/24,0)+1,1))-1)+IF('Standard Profiles'!$G$22=$B$10,7,0)+IF('Standard Profiles'!$G$22=$B$17,14,0)+IF('Standard Profiles'!$G$22=$B$24,21,0),0)),0)</f>
        <v>0</v>
      </c>
      <c r="I5422">
        <f t="shared" si="608"/>
        <v>0</v>
      </c>
      <c r="J5422">
        <f t="shared" si="609"/>
        <v>3.5537421941151845</v>
      </c>
      <c r="K5422">
        <f t="shared" si="610"/>
        <v>0.21489887444948585</v>
      </c>
      <c r="L5422">
        <f t="shared" si="611"/>
        <v>0.10744943722474293</v>
      </c>
      <c r="M5422">
        <f t="shared" si="612"/>
        <v>0</v>
      </c>
      <c r="N5422" s="45">
        <f t="shared" si="613"/>
        <v>45151.499999986932</v>
      </c>
    </row>
    <row r="5423" spans="2:14" x14ac:dyDescent="0.25">
      <c r="B5423">
        <f t="shared" si="607"/>
        <v>7</v>
      </c>
      <c r="C5423" s="16">
        <v>5389</v>
      </c>
      <c r="D5423" cm="1">
        <f t="array" ref="D5423">IFERROR(INDEX(Jesper!AH$2:AH$366,ROUNDDOWN($C5423/24,0)+1,1)*INDEX($D$3:$AA$30,INDEX(Jesper!$R$2:$R$366,ROW(INDEX(Jesper!AH$2:AH$366,ROUNDDOWN($C5423/24,0)+1,1))-1)+IF('Standard Profiles'!$G$18=$B$10,7,0)+IF('Standard Profiles'!$G$18=$B$17,14,0)+IF('Standard Profiles'!$G$18=$B$24,21,0),MOD($C5423,24)+1)/SUM(INDEX($D$3:$AA$30,INDEX(Jesper!$R$2:$R$366,ROW(INDEX(Jesper!AH$2:AH$366,ROUNDDOWN($C5423/24,0)+1,1))-1)+IF('Standard Profiles'!$G$18=$B$10,7,0)+IF('Standard Profiles'!$G$18=$B$17,14,0)+IF('Standard Profiles'!$G$18=$B$24,21,0),0)),0)</f>
        <v>0</v>
      </c>
      <c r="E5423" cm="1">
        <f t="array" ref="E5423">IFERROR(INDEX(Jesper!AI$2:AI$366,ROUNDDOWN($C5423/24,0)+1,1)*INDEX($D$3:$AA$30,INDEX(Jesper!$R$2:$R$366,ROW(INDEX(Jesper!AI$2:AI$366,ROUNDDOWN($C5423/24,0)+1,1))-1)+IF('Standard Profiles'!$G$19=$B$10,7,0)+IF('Standard Profiles'!$G$19=$B$17,14,0)+IF('Standard Profiles'!$G$19=$B$24,21,0),MOD($C5423,24)+1)/SUM(INDEX($D$3:$AA$30,INDEX(Jesper!$R$2:$R$366,ROW(INDEX(Jesper!AI$2:AI$366,ROUNDDOWN($C5423/24,0)+1,1))-1)+IF('Standard Profiles'!$G$19=$B$10,7,0)+IF('Standard Profiles'!$G$19=$B$17,14,0)+IF('Standard Profiles'!$G$19=$B$24,21,0),0)),0)</f>
        <v>2.6862359306185732</v>
      </c>
      <c r="F5423" cm="1">
        <f t="array" ref="F5423">IFERROR(INDEX(Jesper!AJ$2:AJ$366,ROUNDDOWN($C5423/24,0)+1,1)*INDEX($D$3:$AA$30,INDEX(Jesper!$R$2:$R$366,ROW(INDEX(Jesper!AJ$2:AJ$366,ROUNDDOWN($C5423/24,0)+1,1))-1)+IF('Standard Profiles'!$G$20=$B$10,7,0)+IF('Standard Profiles'!$G$20=$B$17,14,0)+IF('Standard Profiles'!$G$20=$B$24,21,0),MOD($C5423,24)+1)/SUM(INDEX($D$3:$AA$30,INDEX(Jesper!$R$2:$R$366,ROW(INDEX(Jesper!AJ$2:AJ$366,ROUNDDOWN($C5423/24,0)+1,1))-1)+IF('Standard Profiles'!$G$20=$B$10,7,0)+IF('Standard Profiles'!$G$20=$B$17,14,0)+IF('Standard Profiles'!$G$20=$B$24,21,0),0)),0)</f>
        <v>0.88052539302559463</v>
      </c>
      <c r="G5423" cm="1">
        <f t="array" ref="G5423">IFERROR(INDEX(Jesper!AK$2:AK$366,ROUNDDOWN($C5423/24,0)+1,1)*INDEX($D$3:$AA$30,INDEX(Jesper!$R$2:$R$366,ROW(INDEX(Jesper!AK$2:AK$366,ROUNDDOWN($C5423/24,0)+1,1))-1)+IF('Standard Profiles'!$G$21=$B$10,7,0)+IF('Standard Profiles'!$G$21=$B$17,14,0)+IF('Standard Profiles'!$G$21=$B$24,21,0),MOD($C5423,24)+1)/SUM(INDEX($D$3:$AA$30,INDEX(Jesper!$R$2:$R$366,ROW(INDEX(Jesper!AK$2:AK$366,ROUNDDOWN($C5423/24,0)+1,1))-1)+IF('Standard Profiles'!$G$21=$B$10,7,0)+IF('Standard Profiles'!$G$21=$B$17,14,0)+IF('Standard Profiles'!$G$21=$B$24,21,0),0)),0)</f>
        <v>0.30932918214524557</v>
      </c>
      <c r="H5423" cm="1">
        <f t="array" ref="H5423">IFERROR(INDEX(Jesper!AL$2:AL$366,ROUNDDOWN($C5423/24,0)+1,1)*INDEX($D$3:$AA$30,INDEX(Jesper!$R$2:$R$366,ROW(INDEX(Jesper!AL$2:AL$366,ROUNDDOWN($C5423/24,0)+1,1))-1)+IF('Standard Profiles'!$G$22=$B$10,7,0)+IF('Standard Profiles'!$G$22=$B$17,14,0)+IF('Standard Profiles'!$G$22=$B$24,21,0),MOD($C5423,24)+1)/SUM(INDEX($D$3:$AA$30,INDEX(Jesper!$R$2:$R$366,ROW(INDEX(Jesper!AL$2:AL$366,ROUNDDOWN($C5423/24,0)+1,1))-1)+IF('Standard Profiles'!$G$22=$B$10,7,0)+IF('Standard Profiles'!$G$22=$B$17,14,0)+IF('Standard Profiles'!$G$22=$B$24,21,0),0)),0)</f>
        <v>0</v>
      </c>
      <c r="I5423">
        <f t="shared" si="608"/>
        <v>0</v>
      </c>
      <c r="J5423">
        <f t="shared" si="609"/>
        <v>3.5537421941151845</v>
      </c>
      <c r="K5423">
        <f t="shared" si="610"/>
        <v>0.21489887444948585</v>
      </c>
      <c r="L5423">
        <f t="shared" si="611"/>
        <v>0.10744943722474293</v>
      </c>
      <c r="M5423">
        <f t="shared" si="612"/>
        <v>0</v>
      </c>
      <c r="N5423" s="45">
        <f t="shared" si="613"/>
        <v>45151.541666653597</v>
      </c>
    </row>
    <row r="5424" spans="2:14" x14ac:dyDescent="0.25">
      <c r="B5424">
        <f t="shared" si="607"/>
        <v>7</v>
      </c>
      <c r="C5424" s="16">
        <v>5390</v>
      </c>
      <c r="D5424" cm="1">
        <f t="array" ref="D5424">IFERROR(INDEX(Jesper!AH$2:AH$366,ROUNDDOWN($C5424/24,0)+1,1)*INDEX($D$3:$AA$30,INDEX(Jesper!$R$2:$R$366,ROW(INDEX(Jesper!AH$2:AH$366,ROUNDDOWN($C5424/24,0)+1,1))-1)+IF('Standard Profiles'!$G$18=$B$10,7,0)+IF('Standard Profiles'!$G$18=$B$17,14,0)+IF('Standard Profiles'!$G$18=$B$24,21,0),MOD($C5424,24)+1)/SUM(INDEX($D$3:$AA$30,INDEX(Jesper!$R$2:$R$366,ROW(INDEX(Jesper!AH$2:AH$366,ROUNDDOWN($C5424/24,0)+1,1))-1)+IF('Standard Profiles'!$G$18=$B$10,7,0)+IF('Standard Profiles'!$G$18=$B$17,14,0)+IF('Standard Profiles'!$G$18=$B$24,21,0),0)),0)</f>
        <v>0</v>
      </c>
      <c r="E5424" cm="1">
        <f t="array" ref="E5424">IFERROR(INDEX(Jesper!AI$2:AI$366,ROUNDDOWN($C5424/24,0)+1,1)*INDEX($D$3:$AA$30,INDEX(Jesper!$R$2:$R$366,ROW(INDEX(Jesper!AI$2:AI$366,ROUNDDOWN($C5424/24,0)+1,1))-1)+IF('Standard Profiles'!$G$19=$B$10,7,0)+IF('Standard Profiles'!$G$19=$B$17,14,0)+IF('Standard Profiles'!$G$19=$B$24,21,0),MOD($C5424,24)+1)/SUM(INDEX($D$3:$AA$30,INDEX(Jesper!$R$2:$R$366,ROW(INDEX(Jesper!AI$2:AI$366,ROUNDDOWN($C5424/24,0)+1,1))-1)+IF('Standard Profiles'!$G$19=$B$10,7,0)+IF('Standard Profiles'!$G$19=$B$17,14,0)+IF('Standard Profiles'!$G$19=$B$24,21,0),0)),0)</f>
        <v>2.6862359306185732</v>
      </c>
      <c r="F5424" cm="1">
        <f t="array" ref="F5424">IFERROR(INDEX(Jesper!AJ$2:AJ$366,ROUNDDOWN($C5424/24,0)+1,1)*INDEX($D$3:$AA$30,INDEX(Jesper!$R$2:$R$366,ROW(INDEX(Jesper!AJ$2:AJ$366,ROUNDDOWN($C5424/24,0)+1,1))-1)+IF('Standard Profiles'!$G$20=$B$10,7,0)+IF('Standard Profiles'!$G$20=$B$17,14,0)+IF('Standard Profiles'!$G$20=$B$24,21,0),MOD($C5424,24)+1)/SUM(INDEX($D$3:$AA$30,INDEX(Jesper!$R$2:$R$366,ROW(INDEX(Jesper!AJ$2:AJ$366,ROUNDDOWN($C5424/24,0)+1,1))-1)+IF('Standard Profiles'!$G$20=$B$10,7,0)+IF('Standard Profiles'!$G$20=$B$17,14,0)+IF('Standard Profiles'!$G$20=$B$24,21,0),0)),0)</f>
        <v>0.88052539302559463</v>
      </c>
      <c r="G5424" cm="1">
        <f t="array" ref="G5424">IFERROR(INDEX(Jesper!AK$2:AK$366,ROUNDDOWN($C5424/24,0)+1,1)*INDEX($D$3:$AA$30,INDEX(Jesper!$R$2:$R$366,ROW(INDEX(Jesper!AK$2:AK$366,ROUNDDOWN($C5424/24,0)+1,1))-1)+IF('Standard Profiles'!$G$21=$B$10,7,0)+IF('Standard Profiles'!$G$21=$B$17,14,0)+IF('Standard Profiles'!$G$21=$B$24,21,0),MOD($C5424,24)+1)/SUM(INDEX($D$3:$AA$30,INDEX(Jesper!$R$2:$R$366,ROW(INDEX(Jesper!AK$2:AK$366,ROUNDDOWN($C5424/24,0)+1,1))-1)+IF('Standard Profiles'!$G$21=$B$10,7,0)+IF('Standard Profiles'!$G$21=$B$17,14,0)+IF('Standard Profiles'!$G$21=$B$24,21,0),0)),0)</f>
        <v>0.30932918214524557</v>
      </c>
      <c r="H5424" cm="1">
        <f t="array" ref="H5424">IFERROR(INDEX(Jesper!AL$2:AL$366,ROUNDDOWN($C5424/24,0)+1,1)*INDEX($D$3:$AA$30,INDEX(Jesper!$R$2:$R$366,ROW(INDEX(Jesper!AL$2:AL$366,ROUNDDOWN($C5424/24,0)+1,1))-1)+IF('Standard Profiles'!$G$22=$B$10,7,0)+IF('Standard Profiles'!$G$22=$B$17,14,0)+IF('Standard Profiles'!$G$22=$B$24,21,0),MOD($C5424,24)+1)/SUM(INDEX($D$3:$AA$30,INDEX(Jesper!$R$2:$R$366,ROW(INDEX(Jesper!AL$2:AL$366,ROUNDDOWN($C5424/24,0)+1,1))-1)+IF('Standard Profiles'!$G$22=$B$10,7,0)+IF('Standard Profiles'!$G$22=$B$17,14,0)+IF('Standard Profiles'!$G$22=$B$24,21,0),0)),0)</f>
        <v>0</v>
      </c>
      <c r="I5424">
        <f t="shared" si="608"/>
        <v>0</v>
      </c>
      <c r="J5424">
        <f t="shared" si="609"/>
        <v>3.5537421941151845</v>
      </c>
      <c r="K5424">
        <f t="shared" si="610"/>
        <v>0.21489887444948585</v>
      </c>
      <c r="L5424">
        <f t="shared" si="611"/>
        <v>0.10744943722474293</v>
      </c>
      <c r="M5424">
        <f t="shared" si="612"/>
        <v>0</v>
      </c>
      <c r="N5424" s="45">
        <f t="shared" si="613"/>
        <v>45151.583333320261</v>
      </c>
    </row>
    <row r="5425" spans="2:14" x14ac:dyDescent="0.25">
      <c r="B5425">
        <f t="shared" si="607"/>
        <v>7</v>
      </c>
      <c r="C5425" s="16">
        <v>5391</v>
      </c>
      <c r="D5425" cm="1">
        <f t="array" ref="D5425">IFERROR(INDEX(Jesper!AH$2:AH$366,ROUNDDOWN($C5425/24,0)+1,1)*INDEX($D$3:$AA$30,INDEX(Jesper!$R$2:$R$366,ROW(INDEX(Jesper!AH$2:AH$366,ROUNDDOWN($C5425/24,0)+1,1))-1)+IF('Standard Profiles'!$G$18=$B$10,7,0)+IF('Standard Profiles'!$G$18=$B$17,14,0)+IF('Standard Profiles'!$G$18=$B$24,21,0),MOD($C5425,24)+1)/SUM(INDEX($D$3:$AA$30,INDEX(Jesper!$R$2:$R$366,ROW(INDEX(Jesper!AH$2:AH$366,ROUNDDOWN($C5425/24,0)+1,1))-1)+IF('Standard Profiles'!$G$18=$B$10,7,0)+IF('Standard Profiles'!$G$18=$B$17,14,0)+IF('Standard Profiles'!$G$18=$B$24,21,0),0)),0)</f>
        <v>0</v>
      </c>
      <c r="E5425" cm="1">
        <f t="array" ref="E5425">IFERROR(INDEX(Jesper!AI$2:AI$366,ROUNDDOWN($C5425/24,0)+1,1)*INDEX($D$3:$AA$30,INDEX(Jesper!$R$2:$R$366,ROW(INDEX(Jesper!AI$2:AI$366,ROUNDDOWN($C5425/24,0)+1,1))-1)+IF('Standard Profiles'!$G$19=$B$10,7,0)+IF('Standard Profiles'!$G$19=$B$17,14,0)+IF('Standard Profiles'!$G$19=$B$24,21,0),MOD($C5425,24)+1)/SUM(INDEX($D$3:$AA$30,INDEX(Jesper!$R$2:$R$366,ROW(INDEX(Jesper!AI$2:AI$366,ROUNDDOWN($C5425/24,0)+1,1))-1)+IF('Standard Profiles'!$G$19=$B$10,7,0)+IF('Standard Profiles'!$G$19=$B$17,14,0)+IF('Standard Profiles'!$G$19=$B$24,21,0),0)),0)</f>
        <v>2.6862359306185732</v>
      </c>
      <c r="F5425" cm="1">
        <f t="array" ref="F5425">IFERROR(INDEX(Jesper!AJ$2:AJ$366,ROUNDDOWN($C5425/24,0)+1,1)*INDEX($D$3:$AA$30,INDEX(Jesper!$R$2:$R$366,ROW(INDEX(Jesper!AJ$2:AJ$366,ROUNDDOWN($C5425/24,0)+1,1))-1)+IF('Standard Profiles'!$G$20=$B$10,7,0)+IF('Standard Profiles'!$G$20=$B$17,14,0)+IF('Standard Profiles'!$G$20=$B$24,21,0),MOD($C5425,24)+1)/SUM(INDEX($D$3:$AA$30,INDEX(Jesper!$R$2:$R$366,ROW(INDEX(Jesper!AJ$2:AJ$366,ROUNDDOWN($C5425/24,0)+1,1))-1)+IF('Standard Profiles'!$G$20=$B$10,7,0)+IF('Standard Profiles'!$G$20=$B$17,14,0)+IF('Standard Profiles'!$G$20=$B$24,21,0),0)),0)</f>
        <v>0.88052539302559463</v>
      </c>
      <c r="G5425" cm="1">
        <f t="array" ref="G5425">IFERROR(INDEX(Jesper!AK$2:AK$366,ROUNDDOWN($C5425/24,0)+1,1)*INDEX($D$3:$AA$30,INDEX(Jesper!$R$2:$R$366,ROW(INDEX(Jesper!AK$2:AK$366,ROUNDDOWN($C5425/24,0)+1,1))-1)+IF('Standard Profiles'!$G$21=$B$10,7,0)+IF('Standard Profiles'!$G$21=$B$17,14,0)+IF('Standard Profiles'!$G$21=$B$24,21,0),MOD($C5425,24)+1)/SUM(INDEX($D$3:$AA$30,INDEX(Jesper!$R$2:$R$366,ROW(INDEX(Jesper!AK$2:AK$366,ROUNDDOWN($C5425/24,0)+1,1))-1)+IF('Standard Profiles'!$G$21=$B$10,7,0)+IF('Standard Profiles'!$G$21=$B$17,14,0)+IF('Standard Profiles'!$G$21=$B$24,21,0),0)),0)</f>
        <v>0.30932918214524557</v>
      </c>
      <c r="H5425" cm="1">
        <f t="array" ref="H5425">IFERROR(INDEX(Jesper!AL$2:AL$366,ROUNDDOWN($C5425/24,0)+1,1)*INDEX($D$3:$AA$30,INDEX(Jesper!$R$2:$R$366,ROW(INDEX(Jesper!AL$2:AL$366,ROUNDDOWN($C5425/24,0)+1,1))-1)+IF('Standard Profiles'!$G$22=$B$10,7,0)+IF('Standard Profiles'!$G$22=$B$17,14,0)+IF('Standard Profiles'!$G$22=$B$24,21,0),MOD($C5425,24)+1)/SUM(INDEX($D$3:$AA$30,INDEX(Jesper!$R$2:$R$366,ROW(INDEX(Jesper!AL$2:AL$366,ROUNDDOWN($C5425/24,0)+1,1))-1)+IF('Standard Profiles'!$G$22=$B$10,7,0)+IF('Standard Profiles'!$G$22=$B$17,14,0)+IF('Standard Profiles'!$G$22=$B$24,21,0),0)),0)</f>
        <v>0</v>
      </c>
      <c r="I5425">
        <f t="shared" si="608"/>
        <v>0</v>
      </c>
      <c r="J5425">
        <f t="shared" si="609"/>
        <v>3.5537421941151845</v>
      </c>
      <c r="K5425">
        <f t="shared" si="610"/>
        <v>0.21489887444948585</v>
      </c>
      <c r="L5425">
        <f t="shared" si="611"/>
        <v>0.10744943722474293</v>
      </c>
      <c r="M5425">
        <f t="shared" si="612"/>
        <v>0</v>
      </c>
      <c r="N5425" s="45">
        <f t="shared" si="613"/>
        <v>45151.624999986925</v>
      </c>
    </row>
    <row r="5426" spans="2:14" x14ac:dyDescent="0.25">
      <c r="B5426">
        <f t="shared" si="607"/>
        <v>7</v>
      </c>
      <c r="C5426" s="16">
        <v>5392</v>
      </c>
      <c r="D5426" cm="1">
        <f t="array" ref="D5426">IFERROR(INDEX(Jesper!AH$2:AH$366,ROUNDDOWN($C5426/24,0)+1,1)*INDEX($D$3:$AA$30,INDEX(Jesper!$R$2:$R$366,ROW(INDEX(Jesper!AH$2:AH$366,ROUNDDOWN($C5426/24,0)+1,1))-1)+IF('Standard Profiles'!$G$18=$B$10,7,0)+IF('Standard Profiles'!$G$18=$B$17,14,0)+IF('Standard Profiles'!$G$18=$B$24,21,0),MOD($C5426,24)+1)/SUM(INDEX($D$3:$AA$30,INDEX(Jesper!$R$2:$R$366,ROW(INDEX(Jesper!AH$2:AH$366,ROUNDDOWN($C5426/24,0)+1,1))-1)+IF('Standard Profiles'!$G$18=$B$10,7,0)+IF('Standard Profiles'!$G$18=$B$17,14,0)+IF('Standard Profiles'!$G$18=$B$24,21,0),0)),0)</f>
        <v>0</v>
      </c>
      <c r="E5426" cm="1">
        <f t="array" ref="E5426">IFERROR(INDEX(Jesper!AI$2:AI$366,ROUNDDOWN($C5426/24,0)+1,1)*INDEX($D$3:$AA$30,INDEX(Jesper!$R$2:$R$366,ROW(INDEX(Jesper!AI$2:AI$366,ROUNDDOWN($C5426/24,0)+1,1))-1)+IF('Standard Profiles'!$G$19=$B$10,7,0)+IF('Standard Profiles'!$G$19=$B$17,14,0)+IF('Standard Profiles'!$G$19=$B$24,21,0),MOD($C5426,24)+1)/SUM(INDEX($D$3:$AA$30,INDEX(Jesper!$R$2:$R$366,ROW(INDEX(Jesper!AI$2:AI$366,ROUNDDOWN($C5426/24,0)+1,1))-1)+IF('Standard Profiles'!$G$19=$B$10,7,0)+IF('Standard Profiles'!$G$19=$B$17,14,0)+IF('Standard Profiles'!$G$19=$B$24,21,0),0)),0)</f>
        <v>2.6862359306185732</v>
      </c>
      <c r="F5426" cm="1">
        <f t="array" ref="F5426">IFERROR(INDEX(Jesper!AJ$2:AJ$366,ROUNDDOWN($C5426/24,0)+1,1)*INDEX($D$3:$AA$30,INDEX(Jesper!$R$2:$R$366,ROW(INDEX(Jesper!AJ$2:AJ$366,ROUNDDOWN($C5426/24,0)+1,1))-1)+IF('Standard Profiles'!$G$20=$B$10,7,0)+IF('Standard Profiles'!$G$20=$B$17,14,0)+IF('Standard Profiles'!$G$20=$B$24,21,0),MOD($C5426,24)+1)/SUM(INDEX($D$3:$AA$30,INDEX(Jesper!$R$2:$R$366,ROW(INDEX(Jesper!AJ$2:AJ$366,ROUNDDOWN($C5426/24,0)+1,1))-1)+IF('Standard Profiles'!$G$20=$B$10,7,0)+IF('Standard Profiles'!$G$20=$B$17,14,0)+IF('Standard Profiles'!$G$20=$B$24,21,0),0)),0)</f>
        <v>0.88052539302559463</v>
      </c>
      <c r="G5426" cm="1">
        <f t="array" ref="G5426">IFERROR(INDEX(Jesper!AK$2:AK$366,ROUNDDOWN($C5426/24,0)+1,1)*INDEX($D$3:$AA$30,INDEX(Jesper!$R$2:$R$366,ROW(INDEX(Jesper!AK$2:AK$366,ROUNDDOWN($C5426/24,0)+1,1))-1)+IF('Standard Profiles'!$G$21=$B$10,7,0)+IF('Standard Profiles'!$G$21=$B$17,14,0)+IF('Standard Profiles'!$G$21=$B$24,21,0),MOD($C5426,24)+1)/SUM(INDEX($D$3:$AA$30,INDEX(Jesper!$R$2:$R$366,ROW(INDEX(Jesper!AK$2:AK$366,ROUNDDOWN($C5426/24,0)+1,1))-1)+IF('Standard Profiles'!$G$21=$B$10,7,0)+IF('Standard Profiles'!$G$21=$B$17,14,0)+IF('Standard Profiles'!$G$21=$B$24,21,0),0)),0)</f>
        <v>0.30932918214524557</v>
      </c>
      <c r="H5426" cm="1">
        <f t="array" ref="H5426">IFERROR(INDEX(Jesper!AL$2:AL$366,ROUNDDOWN($C5426/24,0)+1,1)*INDEX($D$3:$AA$30,INDEX(Jesper!$R$2:$R$366,ROW(INDEX(Jesper!AL$2:AL$366,ROUNDDOWN($C5426/24,0)+1,1))-1)+IF('Standard Profiles'!$G$22=$B$10,7,0)+IF('Standard Profiles'!$G$22=$B$17,14,0)+IF('Standard Profiles'!$G$22=$B$24,21,0),MOD($C5426,24)+1)/SUM(INDEX($D$3:$AA$30,INDEX(Jesper!$R$2:$R$366,ROW(INDEX(Jesper!AL$2:AL$366,ROUNDDOWN($C5426/24,0)+1,1))-1)+IF('Standard Profiles'!$G$22=$B$10,7,0)+IF('Standard Profiles'!$G$22=$B$17,14,0)+IF('Standard Profiles'!$G$22=$B$24,21,0),0)),0)</f>
        <v>0</v>
      </c>
      <c r="I5426">
        <f t="shared" si="608"/>
        <v>0</v>
      </c>
      <c r="J5426">
        <f t="shared" si="609"/>
        <v>3.5537421941151845</v>
      </c>
      <c r="K5426">
        <f t="shared" si="610"/>
        <v>0.21489887444948585</v>
      </c>
      <c r="L5426">
        <f t="shared" si="611"/>
        <v>0.10744943722474293</v>
      </c>
      <c r="M5426">
        <f t="shared" si="612"/>
        <v>0</v>
      </c>
      <c r="N5426" s="45">
        <f t="shared" si="613"/>
        <v>45151.666666653589</v>
      </c>
    </row>
    <row r="5427" spans="2:14" x14ac:dyDescent="0.25">
      <c r="B5427">
        <f t="shared" si="607"/>
        <v>7</v>
      </c>
      <c r="C5427" s="16">
        <v>5393</v>
      </c>
      <c r="D5427" cm="1">
        <f t="array" ref="D5427">IFERROR(INDEX(Jesper!AH$2:AH$366,ROUNDDOWN($C5427/24,0)+1,1)*INDEX($D$3:$AA$30,INDEX(Jesper!$R$2:$R$366,ROW(INDEX(Jesper!AH$2:AH$366,ROUNDDOWN($C5427/24,0)+1,1))-1)+IF('Standard Profiles'!$G$18=$B$10,7,0)+IF('Standard Profiles'!$G$18=$B$17,14,0)+IF('Standard Profiles'!$G$18=$B$24,21,0),MOD($C5427,24)+1)/SUM(INDEX($D$3:$AA$30,INDEX(Jesper!$R$2:$R$366,ROW(INDEX(Jesper!AH$2:AH$366,ROUNDDOWN($C5427/24,0)+1,1))-1)+IF('Standard Profiles'!$G$18=$B$10,7,0)+IF('Standard Profiles'!$G$18=$B$17,14,0)+IF('Standard Profiles'!$G$18=$B$24,21,0),0)),0)</f>
        <v>0</v>
      </c>
      <c r="E5427" cm="1">
        <f t="array" ref="E5427">IFERROR(INDEX(Jesper!AI$2:AI$366,ROUNDDOWN($C5427/24,0)+1,1)*INDEX($D$3:$AA$30,INDEX(Jesper!$R$2:$R$366,ROW(INDEX(Jesper!AI$2:AI$366,ROUNDDOWN($C5427/24,0)+1,1))-1)+IF('Standard Profiles'!$G$19=$B$10,7,0)+IF('Standard Profiles'!$G$19=$B$17,14,0)+IF('Standard Profiles'!$G$19=$B$24,21,0),MOD($C5427,24)+1)/SUM(INDEX($D$3:$AA$30,INDEX(Jesper!$R$2:$R$366,ROW(INDEX(Jesper!AI$2:AI$366,ROUNDDOWN($C5427/24,0)+1,1))-1)+IF('Standard Profiles'!$G$19=$B$10,7,0)+IF('Standard Profiles'!$G$19=$B$17,14,0)+IF('Standard Profiles'!$G$19=$B$24,21,0),0)),0)</f>
        <v>2.6862359306185732</v>
      </c>
      <c r="F5427" cm="1">
        <f t="array" ref="F5427">IFERROR(INDEX(Jesper!AJ$2:AJ$366,ROUNDDOWN($C5427/24,0)+1,1)*INDEX($D$3:$AA$30,INDEX(Jesper!$R$2:$R$366,ROW(INDEX(Jesper!AJ$2:AJ$366,ROUNDDOWN($C5427/24,0)+1,1))-1)+IF('Standard Profiles'!$G$20=$B$10,7,0)+IF('Standard Profiles'!$G$20=$B$17,14,0)+IF('Standard Profiles'!$G$20=$B$24,21,0),MOD($C5427,24)+1)/SUM(INDEX($D$3:$AA$30,INDEX(Jesper!$R$2:$R$366,ROW(INDEX(Jesper!AJ$2:AJ$366,ROUNDDOWN($C5427/24,0)+1,1))-1)+IF('Standard Profiles'!$G$20=$B$10,7,0)+IF('Standard Profiles'!$G$20=$B$17,14,0)+IF('Standard Profiles'!$G$20=$B$24,21,0),0)),0)</f>
        <v>0.88052539302559463</v>
      </c>
      <c r="G5427" cm="1">
        <f t="array" ref="G5427">IFERROR(INDEX(Jesper!AK$2:AK$366,ROUNDDOWN($C5427/24,0)+1,1)*INDEX($D$3:$AA$30,INDEX(Jesper!$R$2:$R$366,ROW(INDEX(Jesper!AK$2:AK$366,ROUNDDOWN($C5427/24,0)+1,1))-1)+IF('Standard Profiles'!$G$21=$B$10,7,0)+IF('Standard Profiles'!$G$21=$B$17,14,0)+IF('Standard Profiles'!$G$21=$B$24,21,0),MOD($C5427,24)+1)/SUM(INDEX($D$3:$AA$30,INDEX(Jesper!$R$2:$R$366,ROW(INDEX(Jesper!AK$2:AK$366,ROUNDDOWN($C5427/24,0)+1,1))-1)+IF('Standard Profiles'!$G$21=$B$10,7,0)+IF('Standard Profiles'!$G$21=$B$17,14,0)+IF('Standard Profiles'!$G$21=$B$24,21,0),0)),0)</f>
        <v>0.30932918214524557</v>
      </c>
      <c r="H5427" cm="1">
        <f t="array" ref="H5427">IFERROR(INDEX(Jesper!AL$2:AL$366,ROUNDDOWN($C5427/24,0)+1,1)*INDEX($D$3:$AA$30,INDEX(Jesper!$R$2:$R$366,ROW(INDEX(Jesper!AL$2:AL$366,ROUNDDOWN($C5427/24,0)+1,1))-1)+IF('Standard Profiles'!$G$22=$B$10,7,0)+IF('Standard Profiles'!$G$22=$B$17,14,0)+IF('Standard Profiles'!$G$22=$B$24,21,0),MOD($C5427,24)+1)/SUM(INDEX($D$3:$AA$30,INDEX(Jesper!$R$2:$R$366,ROW(INDEX(Jesper!AL$2:AL$366,ROUNDDOWN($C5427/24,0)+1,1))-1)+IF('Standard Profiles'!$G$22=$B$10,7,0)+IF('Standard Profiles'!$G$22=$B$17,14,0)+IF('Standard Profiles'!$G$22=$B$24,21,0),0)),0)</f>
        <v>0</v>
      </c>
      <c r="I5427">
        <f t="shared" si="608"/>
        <v>0</v>
      </c>
      <c r="J5427">
        <f t="shared" si="609"/>
        <v>3.5537421941151845</v>
      </c>
      <c r="K5427">
        <f t="shared" si="610"/>
        <v>0.21489887444948585</v>
      </c>
      <c r="L5427">
        <f t="shared" si="611"/>
        <v>0.10744943722474293</v>
      </c>
      <c r="M5427">
        <f t="shared" si="612"/>
        <v>0</v>
      </c>
      <c r="N5427" s="45">
        <f t="shared" si="613"/>
        <v>45151.708333320254</v>
      </c>
    </row>
    <row r="5428" spans="2:14" x14ac:dyDescent="0.25">
      <c r="B5428">
        <f t="shared" si="607"/>
        <v>7</v>
      </c>
      <c r="C5428" s="16">
        <v>5394</v>
      </c>
      <c r="D5428" cm="1">
        <f t="array" ref="D5428">IFERROR(INDEX(Jesper!AH$2:AH$366,ROUNDDOWN($C5428/24,0)+1,1)*INDEX($D$3:$AA$30,INDEX(Jesper!$R$2:$R$366,ROW(INDEX(Jesper!AH$2:AH$366,ROUNDDOWN($C5428/24,0)+1,1))-1)+IF('Standard Profiles'!$G$18=$B$10,7,0)+IF('Standard Profiles'!$G$18=$B$17,14,0)+IF('Standard Profiles'!$G$18=$B$24,21,0),MOD($C5428,24)+1)/SUM(INDEX($D$3:$AA$30,INDEX(Jesper!$R$2:$R$366,ROW(INDEX(Jesper!AH$2:AH$366,ROUNDDOWN($C5428/24,0)+1,1))-1)+IF('Standard Profiles'!$G$18=$B$10,7,0)+IF('Standard Profiles'!$G$18=$B$17,14,0)+IF('Standard Profiles'!$G$18=$B$24,21,0),0)),0)</f>
        <v>0</v>
      </c>
      <c r="E5428" cm="1">
        <f t="array" ref="E5428">IFERROR(INDEX(Jesper!AI$2:AI$366,ROUNDDOWN($C5428/24,0)+1,1)*INDEX($D$3:$AA$30,INDEX(Jesper!$R$2:$R$366,ROW(INDEX(Jesper!AI$2:AI$366,ROUNDDOWN($C5428/24,0)+1,1))-1)+IF('Standard Profiles'!$G$19=$B$10,7,0)+IF('Standard Profiles'!$G$19=$B$17,14,0)+IF('Standard Profiles'!$G$19=$B$24,21,0),MOD($C5428,24)+1)/SUM(INDEX($D$3:$AA$30,INDEX(Jesper!$R$2:$R$366,ROW(INDEX(Jesper!AI$2:AI$366,ROUNDDOWN($C5428/24,0)+1,1))-1)+IF('Standard Profiles'!$G$19=$B$10,7,0)+IF('Standard Profiles'!$G$19=$B$17,14,0)+IF('Standard Profiles'!$G$19=$B$24,21,0),0)),0)</f>
        <v>2.6862359306185732</v>
      </c>
      <c r="F5428" cm="1">
        <f t="array" ref="F5428">IFERROR(INDEX(Jesper!AJ$2:AJ$366,ROUNDDOWN($C5428/24,0)+1,1)*INDEX($D$3:$AA$30,INDEX(Jesper!$R$2:$R$366,ROW(INDEX(Jesper!AJ$2:AJ$366,ROUNDDOWN($C5428/24,0)+1,1))-1)+IF('Standard Profiles'!$G$20=$B$10,7,0)+IF('Standard Profiles'!$G$20=$B$17,14,0)+IF('Standard Profiles'!$G$20=$B$24,21,0),MOD($C5428,24)+1)/SUM(INDEX($D$3:$AA$30,INDEX(Jesper!$R$2:$R$366,ROW(INDEX(Jesper!AJ$2:AJ$366,ROUNDDOWN($C5428/24,0)+1,1))-1)+IF('Standard Profiles'!$G$20=$B$10,7,0)+IF('Standard Profiles'!$G$20=$B$17,14,0)+IF('Standard Profiles'!$G$20=$B$24,21,0),0)),0)</f>
        <v>0.88052539302559463</v>
      </c>
      <c r="G5428" cm="1">
        <f t="array" ref="G5428">IFERROR(INDEX(Jesper!AK$2:AK$366,ROUNDDOWN($C5428/24,0)+1,1)*INDEX($D$3:$AA$30,INDEX(Jesper!$R$2:$R$366,ROW(INDEX(Jesper!AK$2:AK$366,ROUNDDOWN($C5428/24,0)+1,1))-1)+IF('Standard Profiles'!$G$21=$B$10,7,0)+IF('Standard Profiles'!$G$21=$B$17,14,0)+IF('Standard Profiles'!$G$21=$B$24,21,0),MOD($C5428,24)+1)/SUM(INDEX($D$3:$AA$30,INDEX(Jesper!$R$2:$R$366,ROW(INDEX(Jesper!AK$2:AK$366,ROUNDDOWN($C5428/24,0)+1,1))-1)+IF('Standard Profiles'!$G$21=$B$10,7,0)+IF('Standard Profiles'!$G$21=$B$17,14,0)+IF('Standard Profiles'!$G$21=$B$24,21,0),0)),0)</f>
        <v>0.30932918214524557</v>
      </c>
      <c r="H5428" cm="1">
        <f t="array" ref="H5428">IFERROR(INDEX(Jesper!AL$2:AL$366,ROUNDDOWN($C5428/24,0)+1,1)*INDEX($D$3:$AA$30,INDEX(Jesper!$R$2:$R$366,ROW(INDEX(Jesper!AL$2:AL$366,ROUNDDOWN($C5428/24,0)+1,1))-1)+IF('Standard Profiles'!$G$22=$B$10,7,0)+IF('Standard Profiles'!$G$22=$B$17,14,0)+IF('Standard Profiles'!$G$22=$B$24,21,0),MOD($C5428,24)+1)/SUM(INDEX($D$3:$AA$30,INDEX(Jesper!$R$2:$R$366,ROW(INDEX(Jesper!AL$2:AL$366,ROUNDDOWN($C5428/24,0)+1,1))-1)+IF('Standard Profiles'!$G$22=$B$10,7,0)+IF('Standard Profiles'!$G$22=$B$17,14,0)+IF('Standard Profiles'!$G$22=$B$24,21,0),0)),0)</f>
        <v>0</v>
      </c>
      <c r="I5428">
        <f t="shared" si="608"/>
        <v>0</v>
      </c>
      <c r="J5428">
        <f t="shared" si="609"/>
        <v>3.5537421941151845</v>
      </c>
      <c r="K5428">
        <f t="shared" si="610"/>
        <v>0.21489887444948585</v>
      </c>
      <c r="L5428">
        <f t="shared" si="611"/>
        <v>0.10744943722474293</v>
      </c>
      <c r="M5428">
        <f t="shared" si="612"/>
        <v>0</v>
      </c>
      <c r="N5428" s="45">
        <f t="shared" si="613"/>
        <v>45151.749999986918</v>
      </c>
    </row>
    <row r="5429" spans="2:14" x14ac:dyDescent="0.25">
      <c r="B5429">
        <f t="shared" si="607"/>
        <v>7</v>
      </c>
      <c r="C5429" s="16">
        <v>5395</v>
      </c>
      <c r="D5429" cm="1">
        <f t="array" ref="D5429">IFERROR(INDEX(Jesper!AH$2:AH$366,ROUNDDOWN($C5429/24,0)+1,1)*INDEX($D$3:$AA$30,INDEX(Jesper!$R$2:$R$366,ROW(INDEX(Jesper!AH$2:AH$366,ROUNDDOWN($C5429/24,0)+1,1))-1)+IF('Standard Profiles'!$G$18=$B$10,7,0)+IF('Standard Profiles'!$G$18=$B$17,14,0)+IF('Standard Profiles'!$G$18=$B$24,21,0),MOD($C5429,24)+1)/SUM(INDEX($D$3:$AA$30,INDEX(Jesper!$R$2:$R$366,ROW(INDEX(Jesper!AH$2:AH$366,ROUNDDOWN($C5429/24,0)+1,1))-1)+IF('Standard Profiles'!$G$18=$B$10,7,0)+IF('Standard Profiles'!$G$18=$B$17,14,0)+IF('Standard Profiles'!$G$18=$B$24,21,0),0)),0)</f>
        <v>0</v>
      </c>
      <c r="E5429" cm="1">
        <f t="array" ref="E5429">IFERROR(INDEX(Jesper!AI$2:AI$366,ROUNDDOWN($C5429/24,0)+1,1)*INDEX($D$3:$AA$30,INDEX(Jesper!$R$2:$R$366,ROW(INDEX(Jesper!AI$2:AI$366,ROUNDDOWN($C5429/24,0)+1,1))-1)+IF('Standard Profiles'!$G$19=$B$10,7,0)+IF('Standard Profiles'!$G$19=$B$17,14,0)+IF('Standard Profiles'!$G$19=$B$24,21,0),MOD($C5429,24)+1)/SUM(INDEX($D$3:$AA$30,INDEX(Jesper!$R$2:$R$366,ROW(INDEX(Jesper!AI$2:AI$366,ROUNDDOWN($C5429/24,0)+1,1))-1)+IF('Standard Profiles'!$G$19=$B$10,7,0)+IF('Standard Profiles'!$G$19=$B$17,14,0)+IF('Standard Profiles'!$G$19=$B$24,21,0),0)),0)</f>
        <v>2.6862359306185732</v>
      </c>
      <c r="F5429" cm="1">
        <f t="array" ref="F5429">IFERROR(INDEX(Jesper!AJ$2:AJ$366,ROUNDDOWN($C5429/24,0)+1,1)*INDEX($D$3:$AA$30,INDEX(Jesper!$R$2:$R$366,ROW(INDEX(Jesper!AJ$2:AJ$366,ROUNDDOWN($C5429/24,0)+1,1))-1)+IF('Standard Profiles'!$G$20=$B$10,7,0)+IF('Standard Profiles'!$G$20=$B$17,14,0)+IF('Standard Profiles'!$G$20=$B$24,21,0),MOD($C5429,24)+1)/SUM(INDEX($D$3:$AA$30,INDEX(Jesper!$R$2:$R$366,ROW(INDEX(Jesper!AJ$2:AJ$366,ROUNDDOWN($C5429/24,0)+1,1))-1)+IF('Standard Profiles'!$G$20=$B$10,7,0)+IF('Standard Profiles'!$G$20=$B$17,14,0)+IF('Standard Profiles'!$G$20=$B$24,21,0),0)),0)</f>
        <v>0.88052539302559463</v>
      </c>
      <c r="G5429" cm="1">
        <f t="array" ref="G5429">IFERROR(INDEX(Jesper!AK$2:AK$366,ROUNDDOWN($C5429/24,0)+1,1)*INDEX($D$3:$AA$30,INDEX(Jesper!$R$2:$R$366,ROW(INDEX(Jesper!AK$2:AK$366,ROUNDDOWN($C5429/24,0)+1,1))-1)+IF('Standard Profiles'!$G$21=$B$10,7,0)+IF('Standard Profiles'!$G$21=$B$17,14,0)+IF('Standard Profiles'!$G$21=$B$24,21,0),MOD($C5429,24)+1)/SUM(INDEX($D$3:$AA$30,INDEX(Jesper!$R$2:$R$366,ROW(INDEX(Jesper!AK$2:AK$366,ROUNDDOWN($C5429/24,0)+1,1))-1)+IF('Standard Profiles'!$G$21=$B$10,7,0)+IF('Standard Profiles'!$G$21=$B$17,14,0)+IF('Standard Profiles'!$G$21=$B$24,21,0),0)),0)</f>
        <v>0.30932918214524557</v>
      </c>
      <c r="H5429" cm="1">
        <f t="array" ref="H5429">IFERROR(INDEX(Jesper!AL$2:AL$366,ROUNDDOWN($C5429/24,0)+1,1)*INDEX($D$3:$AA$30,INDEX(Jesper!$R$2:$R$366,ROW(INDEX(Jesper!AL$2:AL$366,ROUNDDOWN($C5429/24,0)+1,1))-1)+IF('Standard Profiles'!$G$22=$B$10,7,0)+IF('Standard Profiles'!$G$22=$B$17,14,0)+IF('Standard Profiles'!$G$22=$B$24,21,0),MOD($C5429,24)+1)/SUM(INDEX($D$3:$AA$30,INDEX(Jesper!$R$2:$R$366,ROW(INDEX(Jesper!AL$2:AL$366,ROUNDDOWN($C5429/24,0)+1,1))-1)+IF('Standard Profiles'!$G$22=$B$10,7,0)+IF('Standard Profiles'!$G$22=$B$17,14,0)+IF('Standard Profiles'!$G$22=$B$24,21,0),0)),0)</f>
        <v>0</v>
      </c>
      <c r="I5429">
        <f t="shared" si="608"/>
        <v>0</v>
      </c>
      <c r="J5429">
        <f t="shared" si="609"/>
        <v>3.5537421941151845</v>
      </c>
      <c r="K5429">
        <f t="shared" si="610"/>
        <v>0.21489887444948585</v>
      </c>
      <c r="L5429">
        <f t="shared" si="611"/>
        <v>0.10744943722474293</v>
      </c>
      <c r="M5429">
        <f t="shared" si="612"/>
        <v>0</v>
      </c>
      <c r="N5429" s="45">
        <f t="shared" si="613"/>
        <v>45151.791666653582</v>
      </c>
    </row>
    <row r="5430" spans="2:14" x14ac:dyDescent="0.25">
      <c r="B5430">
        <f t="shared" si="607"/>
        <v>7</v>
      </c>
      <c r="C5430" s="16">
        <v>5396</v>
      </c>
      <c r="D5430" cm="1">
        <f t="array" ref="D5430">IFERROR(INDEX(Jesper!AH$2:AH$366,ROUNDDOWN($C5430/24,0)+1,1)*INDEX($D$3:$AA$30,INDEX(Jesper!$R$2:$R$366,ROW(INDEX(Jesper!AH$2:AH$366,ROUNDDOWN($C5430/24,0)+1,1))-1)+IF('Standard Profiles'!$G$18=$B$10,7,0)+IF('Standard Profiles'!$G$18=$B$17,14,0)+IF('Standard Profiles'!$G$18=$B$24,21,0),MOD($C5430,24)+1)/SUM(INDEX($D$3:$AA$30,INDEX(Jesper!$R$2:$R$366,ROW(INDEX(Jesper!AH$2:AH$366,ROUNDDOWN($C5430/24,0)+1,1))-1)+IF('Standard Profiles'!$G$18=$B$10,7,0)+IF('Standard Profiles'!$G$18=$B$17,14,0)+IF('Standard Profiles'!$G$18=$B$24,21,0),0)),0)</f>
        <v>0</v>
      </c>
      <c r="E5430" cm="1">
        <f t="array" ref="E5430">IFERROR(INDEX(Jesper!AI$2:AI$366,ROUNDDOWN($C5430/24,0)+1,1)*INDEX($D$3:$AA$30,INDEX(Jesper!$R$2:$R$366,ROW(INDEX(Jesper!AI$2:AI$366,ROUNDDOWN($C5430/24,0)+1,1))-1)+IF('Standard Profiles'!$G$19=$B$10,7,0)+IF('Standard Profiles'!$G$19=$B$17,14,0)+IF('Standard Profiles'!$G$19=$B$24,21,0),MOD($C5430,24)+1)/SUM(INDEX($D$3:$AA$30,INDEX(Jesper!$R$2:$R$366,ROW(INDEX(Jesper!AI$2:AI$366,ROUNDDOWN($C5430/24,0)+1,1))-1)+IF('Standard Profiles'!$G$19=$B$10,7,0)+IF('Standard Profiles'!$G$19=$B$17,14,0)+IF('Standard Profiles'!$G$19=$B$24,21,0),0)),0)</f>
        <v>2.6862359306185732</v>
      </c>
      <c r="F5430" cm="1">
        <f t="array" ref="F5430">IFERROR(INDEX(Jesper!AJ$2:AJ$366,ROUNDDOWN($C5430/24,0)+1,1)*INDEX($D$3:$AA$30,INDEX(Jesper!$R$2:$R$366,ROW(INDEX(Jesper!AJ$2:AJ$366,ROUNDDOWN($C5430/24,0)+1,1))-1)+IF('Standard Profiles'!$G$20=$B$10,7,0)+IF('Standard Profiles'!$G$20=$B$17,14,0)+IF('Standard Profiles'!$G$20=$B$24,21,0),MOD($C5430,24)+1)/SUM(INDEX($D$3:$AA$30,INDEX(Jesper!$R$2:$R$366,ROW(INDEX(Jesper!AJ$2:AJ$366,ROUNDDOWN($C5430/24,0)+1,1))-1)+IF('Standard Profiles'!$G$20=$B$10,7,0)+IF('Standard Profiles'!$G$20=$B$17,14,0)+IF('Standard Profiles'!$G$20=$B$24,21,0),0)),0)</f>
        <v>0.88052539302559463</v>
      </c>
      <c r="G5430" cm="1">
        <f t="array" ref="G5430">IFERROR(INDEX(Jesper!AK$2:AK$366,ROUNDDOWN($C5430/24,0)+1,1)*INDEX($D$3:$AA$30,INDEX(Jesper!$R$2:$R$366,ROW(INDEX(Jesper!AK$2:AK$366,ROUNDDOWN($C5430/24,0)+1,1))-1)+IF('Standard Profiles'!$G$21=$B$10,7,0)+IF('Standard Profiles'!$G$21=$B$17,14,0)+IF('Standard Profiles'!$G$21=$B$24,21,0),MOD($C5430,24)+1)/SUM(INDEX($D$3:$AA$30,INDEX(Jesper!$R$2:$R$366,ROW(INDEX(Jesper!AK$2:AK$366,ROUNDDOWN($C5430/24,0)+1,1))-1)+IF('Standard Profiles'!$G$21=$B$10,7,0)+IF('Standard Profiles'!$G$21=$B$17,14,0)+IF('Standard Profiles'!$G$21=$B$24,21,0),0)),0)</f>
        <v>0.30932918214524557</v>
      </c>
      <c r="H5430" cm="1">
        <f t="array" ref="H5430">IFERROR(INDEX(Jesper!AL$2:AL$366,ROUNDDOWN($C5430/24,0)+1,1)*INDEX($D$3:$AA$30,INDEX(Jesper!$R$2:$R$366,ROW(INDEX(Jesper!AL$2:AL$366,ROUNDDOWN($C5430/24,0)+1,1))-1)+IF('Standard Profiles'!$G$22=$B$10,7,0)+IF('Standard Profiles'!$G$22=$B$17,14,0)+IF('Standard Profiles'!$G$22=$B$24,21,0),MOD($C5430,24)+1)/SUM(INDEX($D$3:$AA$30,INDEX(Jesper!$R$2:$R$366,ROW(INDEX(Jesper!AL$2:AL$366,ROUNDDOWN($C5430/24,0)+1,1))-1)+IF('Standard Profiles'!$G$22=$B$10,7,0)+IF('Standard Profiles'!$G$22=$B$17,14,0)+IF('Standard Profiles'!$G$22=$B$24,21,0),0)),0)</f>
        <v>0</v>
      </c>
      <c r="I5430">
        <f t="shared" si="608"/>
        <v>0</v>
      </c>
      <c r="J5430">
        <f t="shared" si="609"/>
        <v>3.5537421941151845</v>
      </c>
      <c r="K5430">
        <f t="shared" si="610"/>
        <v>0.21489887444948585</v>
      </c>
      <c r="L5430">
        <f t="shared" si="611"/>
        <v>0.10744943722474293</v>
      </c>
      <c r="M5430">
        <f t="shared" si="612"/>
        <v>0</v>
      </c>
      <c r="N5430" s="45">
        <f t="shared" si="613"/>
        <v>45151.833333320246</v>
      </c>
    </row>
    <row r="5431" spans="2:14" x14ac:dyDescent="0.25">
      <c r="B5431">
        <f t="shared" si="607"/>
        <v>7</v>
      </c>
      <c r="C5431" s="16">
        <v>5397</v>
      </c>
      <c r="D5431" cm="1">
        <f t="array" ref="D5431">IFERROR(INDEX(Jesper!AH$2:AH$366,ROUNDDOWN($C5431/24,0)+1,1)*INDEX($D$3:$AA$30,INDEX(Jesper!$R$2:$R$366,ROW(INDEX(Jesper!AH$2:AH$366,ROUNDDOWN($C5431/24,0)+1,1))-1)+IF('Standard Profiles'!$G$18=$B$10,7,0)+IF('Standard Profiles'!$G$18=$B$17,14,0)+IF('Standard Profiles'!$G$18=$B$24,21,0),MOD($C5431,24)+1)/SUM(INDEX($D$3:$AA$30,INDEX(Jesper!$R$2:$R$366,ROW(INDEX(Jesper!AH$2:AH$366,ROUNDDOWN($C5431/24,0)+1,1))-1)+IF('Standard Profiles'!$G$18=$B$10,7,0)+IF('Standard Profiles'!$G$18=$B$17,14,0)+IF('Standard Profiles'!$G$18=$B$24,21,0),0)),0)</f>
        <v>0</v>
      </c>
      <c r="E5431" cm="1">
        <f t="array" ref="E5431">IFERROR(INDEX(Jesper!AI$2:AI$366,ROUNDDOWN($C5431/24,0)+1,1)*INDEX($D$3:$AA$30,INDEX(Jesper!$R$2:$R$366,ROW(INDEX(Jesper!AI$2:AI$366,ROUNDDOWN($C5431/24,0)+1,1))-1)+IF('Standard Profiles'!$G$19=$B$10,7,0)+IF('Standard Profiles'!$G$19=$B$17,14,0)+IF('Standard Profiles'!$G$19=$B$24,21,0),MOD($C5431,24)+1)/SUM(INDEX($D$3:$AA$30,INDEX(Jesper!$R$2:$R$366,ROW(INDEX(Jesper!AI$2:AI$366,ROUNDDOWN($C5431/24,0)+1,1))-1)+IF('Standard Profiles'!$G$19=$B$10,7,0)+IF('Standard Profiles'!$G$19=$B$17,14,0)+IF('Standard Profiles'!$G$19=$B$24,21,0),0)),0)</f>
        <v>2.6862359306185732</v>
      </c>
      <c r="F5431" cm="1">
        <f t="array" ref="F5431">IFERROR(INDEX(Jesper!AJ$2:AJ$366,ROUNDDOWN($C5431/24,0)+1,1)*INDEX($D$3:$AA$30,INDEX(Jesper!$R$2:$R$366,ROW(INDEX(Jesper!AJ$2:AJ$366,ROUNDDOWN($C5431/24,0)+1,1))-1)+IF('Standard Profiles'!$G$20=$B$10,7,0)+IF('Standard Profiles'!$G$20=$B$17,14,0)+IF('Standard Profiles'!$G$20=$B$24,21,0),MOD($C5431,24)+1)/SUM(INDEX($D$3:$AA$30,INDEX(Jesper!$R$2:$R$366,ROW(INDEX(Jesper!AJ$2:AJ$366,ROUNDDOWN($C5431/24,0)+1,1))-1)+IF('Standard Profiles'!$G$20=$B$10,7,0)+IF('Standard Profiles'!$G$20=$B$17,14,0)+IF('Standard Profiles'!$G$20=$B$24,21,0),0)),0)</f>
        <v>0.88052539302559463</v>
      </c>
      <c r="G5431" cm="1">
        <f t="array" ref="G5431">IFERROR(INDEX(Jesper!AK$2:AK$366,ROUNDDOWN($C5431/24,0)+1,1)*INDEX($D$3:$AA$30,INDEX(Jesper!$R$2:$R$366,ROW(INDEX(Jesper!AK$2:AK$366,ROUNDDOWN($C5431/24,0)+1,1))-1)+IF('Standard Profiles'!$G$21=$B$10,7,0)+IF('Standard Profiles'!$G$21=$B$17,14,0)+IF('Standard Profiles'!$G$21=$B$24,21,0),MOD($C5431,24)+1)/SUM(INDEX($D$3:$AA$30,INDEX(Jesper!$R$2:$R$366,ROW(INDEX(Jesper!AK$2:AK$366,ROUNDDOWN($C5431/24,0)+1,1))-1)+IF('Standard Profiles'!$G$21=$B$10,7,0)+IF('Standard Profiles'!$G$21=$B$17,14,0)+IF('Standard Profiles'!$G$21=$B$24,21,0),0)),0)</f>
        <v>0.30932918214524557</v>
      </c>
      <c r="H5431" cm="1">
        <f t="array" ref="H5431">IFERROR(INDEX(Jesper!AL$2:AL$366,ROUNDDOWN($C5431/24,0)+1,1)*INDEX($D$3:$AA$30,INDEX(Jesper!$R$2:$R$366,ROW(INDEX(Jesper!AL$2:AL$366,ROUNDDOWN($C5431/24,0)+1,1))-1)+IF('Standard Profiles'!$G$22=$B$10,7,0)+IF('Standard Profiles'!$G$22=$B$17,14,0)+IF('Standard Profiles'!$G$22=$B$24,21,0),MOD($C5431,24)+1)/SUM(INDEX($D$3:$AA$30,INDEX(Jesper!$R$2:$R$366,ROW(INDEX(Jesper!AL$2:AL$366,ROUNDDOWN($C5431/24,0)+1,1))-1)+IF('Standard Profiles'!$G$22=$B$10,7,0)+IF('Standard Profiles'!$G$22=$B$17,14,0)+IF('Standard Profiles'!$G$22=$B$24,21,0),0)),0)</f>
        <v>0</v>
      </c>
      <c r="I5431">
        <f t="shared" si="608"/>
        <v>0</v>
      </c>
      <c r="J5431">
        <f t="shared" si="609"/>
        <v>3.5537421941151845</v>
      </c>
      <c r="K5431">
        <f t="shared" si="610"/>
        <v>0.21489887444948585</v>
      </c>
      <c r="L5431">
        <f t="shared" si="611"/>
        <v>0.10744943722474293</v>
      </c>
      <c r="M5431">
        <f t="shared" si="612"/>
        <v>0</v>
      </c>
      <c r="N5431" s="45">
        <f t="shared" si="613"/>
        <v>45151.874999986911</v>
      </c>
    </row>
    <row r="5432" spans="2:14" x14ac:dyDescent="0.25">
      <c r="B5432">
        <f t="shared" si="607"/>
        <v>7</v>
      </c>
      <c r="C5432" s="16">
        <v>5398</v>
      </c>
      <c r="D5432" cm="1">
        <f t="array" ref="D5432">IFERROR(INDEX(Jesper!AH$2:AH$366,ROUNDDOWN($C5432/24,0)+1,1)*INDEX($D$3:$AA$30,INDEX(Jesper!$R$2:$R$366,ROW(INDEX(Jesper!AH$2:AH$366,ROUNDDOWN($C5432/24,0)+1,1))-1)+IF('Standard Profiles'!$G$18=$B$10,7,0)+IF('Standard Profiles'!$G$18=$B$17,14,0)+IF('Standard Profiles'!$G$18=$B$24,21,0),MOD($C5432,24)+1)/SUM(INDEX($D$3:$AA$30,INDEX(Jesper!$R$2:$R$366,ROW(INDEX(Jesper!AH$2:AH$366,ROUNDDOWN($C5432/24,0)+1,1))-1)+IF('Standard Profiles'!$G$18=$B$10,7,0)+IF('Standard Profiles'!$G$18=$B$17,14,0)+IF('Standard Profiles'!$G$18=$B$24,21,0),0)),0)</f>
        <v>0</v>
      </c>
      <c r="E5432" cm="1">
        <f t="array" ref="E5432">IFERROR(INDEX(Jesper!AI$2:AI$366,ROUNDDOWN($C5432/24,0)+1,1)*INDEX($D$3:$AA$30,INDEX(Jesper!$R$2:$R$366,ROW(INDEX(Jesper!AI$2:AI$366,ROUNDDOWN($C5432/24,0)+1,1))-1)+IF('Standard Profiles'!$G$19=$B$10,7,0)+IF('Standard Profiles'!$G$19=$B$17,14,0)+IF('Standard Profiles'!$G$19=$B$24,21,0),MOD($C5432,24)+1)/SUM(INDEX($D$3:$AA$30,INDEX(Jesper!$R$2:$R$366,ROW(INDEX(Jesper!AI$2:AI$366,ROUNDDOWN($C5432/24,0)+1,1))-1)+IF('Standard Profiles'!$G$19=$B$10,7,0)+IF('Standard Profiles'!$G$19=$B$17,14,0)+IF('Standard Profiles'!$G$19=$B$24,21,0),0)),0)</f>
        <v>2.6862359306185732</v>
      </c>
      <c r="F5432" cm="1">
        <f t="array" ref="F5432">IFERROR(INDEX(Jesper!AJ$2:AJ$366,ROUNDDOWN($C5432/24,0)+1,1)*INDEX($D$3:$AA$30,INDEX(Jesper!$R$2:$R$366,ROW(INDEX(Jesper!AJ$2:AJ$366,ROUNDDOWN($C5432/24,0)+1,1))-1)+IF('Standard Profiles'!$G$20=$B$10,7,0)+IF('Standard Profiles'!$G$20=$B$17,14,0)+IF('Standard Profiles'!$G$20=$B$24,21,0),MOD($C5432,24)+1)/SUM(INDEX($D$3:$AA$30,INDEX(Jesper!$R$2:$R$366,ROW(INDEX(Jesper!AJ$2:AJ$366,ROUNDDOWN($C5432/24,0)+1,1))-1)+IF('Standard Profiles'!$G$20=$B$10,7,0)+IF('Standard Profiles'!$G$20=$B$17,14,0)+IF('Standard Profiles'!$G$20=$B$24,21,0),0)),0)</f>
        <v>0.88052539302559463</v>
      </c>
      <c r="G5432" cm="1">
        <f t="array" ref="G5432">IFERROR(INDEX(Jesper!AK$2:AK$366,ROUNDDOWN($C5432/24,0)+1,1)*INDEX($D$3:$AA$30,INDEX(Jesper!$R$2:$R$366,ROW(INDEX(Jesper!AK$2:AK$366,ROUNDDOWN($C5432/24,0)+1,1))-1)+IF('Standard Profiles'!$G$21=$B$10,7,0)+IF('Standard Profiles'!$G$21=$B$17,14,0)+IF('Standard Profiles'!$G$21=$B$24,21,0),MOD($C5432,24)+1)/SUM(INDEX($D$3:$AA$30,INDEX(Jesper!$R$2:$R$366,ROW(INDEX(Jesper!AK$2:AK$366,ROUNDDOWN($C5432/24,0)+1,1))-1)+IF('Standard Profiles'!$G$21=$B$10,7,0)+IF('Standard Profiles'!$G$21=$B$17,14,0)+IF('Standard Profiles'!$G$21=$B$24,21,0),0)),0)</f>
        <v>0.30932918214524557</v>
      </c>
      <c r="H5432" cm="1">
        <f t="array" ref="H5432">IFERROR(INDEX(Jesper!AL$2:AL$366,ROUNDDOWN($C5432/24,0)+1,1)*INDEX($D$3:$AA$30,INDEX(Jesper!$R$2:$R$366,ROW(INDEX(Jesper!AL$2:AL$366,ROUNDDOWN($C5432/24,0)+1,1))-1)+IF('Standard Profiles'!$G$22=$B$10,7,0)+IF('Standard Profiles'!$G$22=$B$17,14,0)+IF('Standard Profiles'!$G$22=$B$24,21,0),MOD($C5432,24)+1)/SUM(INDEX($D$3:$AA$30,INDEX(Jesper!$R$2:$R$366,ROW(INDEX(Jesper!AL$2:AL$366,ROUNDDOWN($C5432/24,0)+1,1))-1)+IF('Standard Profiles'!$G$22=$B$10,7,0)+IF('Standard Profiles'!$G$22=$B$17,14,0)+IF('Standard Profiles'!$G$22=$B$24,21,0),0)),0)</f>
        <v>0</v>
      </c>
      <c r="I5432">
        <f t="shared" si="608"/>
        <v>0</v>
      </c>
      <c r="J5432">
        <f t="shared" si="609"/>
        <v>3.5537421941151845</v>
      </c>
      <c r="K5432">
        <f t="shared" si="610"/>
        <v>0.21489887444948585</v>
      </c>
      <c r="L5432">
        <f t="shared" si="611"/>
        <v>0.10744943722474293</v>
      </c>
      <c r="M5432">
        <f t="shared" si="612"/>
        <v>0</v>
      </c>
      <c r="N5432" s="45">
        <f t="shared" si="613"/>
        <v>45151.916666653575</v>
      </c>
    </row>
    <row r="5433" spans="2:14" x14ac:dyDescent="0.25">
      <c r="B5433">
        <f t="shared" si="607"/>
        <v>7</v>
      </c>
      <c r="C5433" s="16">
        <v>5399</v>
      </c>
      <c r="D5433" cm="1">
        <f t="array" ref="D5433">IFERROR(INDEX(Jesper!AH$2:AH$366,ROUNDDOWN($C5433/24,0)+1,1)*INDEX($D$3:$AA$30,INDEX(Jesper!$R$2:$R$366,ROW(INDEX(Jesper!AH$2:AH$366,ROUNDDOWN($C5433/24,0)+1,1))-1)+IF('Standard Profiles'!$G$18=$B$10,7,0)+IF('Standard Profiles'!$G$18=$B$17,14,0)+IF('Standard Profiles'!$G$18=$B$24,21,0),MOD($C5433,24)+1)/SUM(INDEX($D$3:$AA$30,INDEX(Jesper!$R$2:$R$366,ROW(INDEX(Jesper!AH$2:AH$366,ROUNDDOWN($C5433/24,0)+1,1))-1)+IF('Standard Profiles'!$G$18=$B$10,7,0)+IF('Standard Profiles'!$G$18=$B$17,14,0)+IF('Standard Profiles'!$G$18=$B$24,21,0),0)),0)</f>
        <v>0</v>
      </c>
      <c r="E5433" cm="1">
        <f t="array" ref="E5433">IFERROR(INDEX(Jesper!AI$2:AI$366,ROUNDDOWN($C5433/24,0)+1,1)*INDEX($D$3:$AA$30,INDEX(Jesper!$R$2:$R$366,ROW(INDEX(Jesper!AI$2:AI$366,ROUNDDOWN($C5433/24,0)+1,1))-1)+IF('Standard Profiles'!$G$19=$B$10,7,0)+IF('Standard Profiles'!$G$19=$B$17,14,0)+IF('Standard Profiles'!$G$19=$B$24,21,0),MOD($C5433,24)+1)/SUM(INDEX($D$3:$AA$30,INDEX(Jesper!$R$2:$R$366,ROW(INDEX(Jesper!AI$2:AI$366,ROUNDDOWN($C5433/24,0)+1,1))-1)+IF('Standard Profiles'!$G$19=$B$10,7,0)+IF('Standard Profiles'!$G$19=$B$17,14,0)+IF('Standard Profiles'!$G$19=$B$24,21,0),0)),0)</f>
        <v>2.6862359306185732</v>
      </c>
      <c r="F5433" cm="1">
        <f t="array" ref="F5433">IFERROR(INDEX(Jesper!AJ$2:AJ$366,ROUNDDOWN($C5433/24,0)+1,1)*INDEX($D$3:$AA$30,INDEX(Jesper!$R$2:$R$366,ROW(INDEX(Jesper!AJ$2:AJ$366,ROUNDDOWN($C5433/24,0)+1,1))-1)+IF('Standard Profiles'!$G$20=$B$10,7,0)+IF('Standard Profiles'!$G$20=$B$17,14,0)+IF('Standard Profiles'!$G$20=$B$24,21,0),MOD($C5433,24)+1)/SUM(INDEX($D$3:$AA$30,INDEX(Jesper!$R$2:$R$366,ROW(INDEX(Jesper!AJ$2:AJ$366,ROUNDDOWN($C5433/24,0)+1,1))-1)+IF('Standard Profiles'!$G$20=$B$10,7,0)+IF('Standard Profiles'!$G$20=$B$17,14,0)+IF('Standard Profiles'!$G$20=$B$24,21,0),0)),0)</f>
        <v>0.88052539302559463</v>
      </c>
      <c r="G5433" cm="1">
        <f t="array" ref="G5433">IFERROR(INDEX(Jesper!AK$2:AK$366,ROUNDDOWN($C5433/24,0)+1,1)*INDEX($D$3:$AA$30,INDEX(Jesper!$R$2:$R$366,ROW(INDEX(Jesper!AK$2:AK$366,ROUNDDOWN($C5433/24,0)+1,1))-1)+IF('Standard Profiles'!$G$21=$B$10,7,0)+IF('Standard Profiles'!$G$21=$B$17,14,0)+IF('Standard Profiles'!$G$21=$B$24,21,0),MOD($C5433,24)+1)/SUM(INDEX($D$3:$AA$30,INDEX(Jesper!$R$2:$R$366,ROW(INDEX(Jesper!AK$2:AK$366,ROUNDDOWN($C5433/24,0)+1,1))-1)+IF('Standard Profiles'!$G$21=$B$10,7,0)+IF('Standard Profiles'!$G$21=$B$17,14,0)+IF('Standard Profiles'!$G$21=$B$24,21,0),0)),0)</f>
        <v>0.30932918214524557</v>
      </c>
      <c r="H5433" cm="1">
        <f t="array" ref="H5433">IFERROR(INDEX(Jesper!AL$2:AL$366,ROUNDDOWN($C5433/24,0)+1,1)*INDEX($D$3:$AA$30,INDEX(Jesper!$R$2:$R$366,ROW(INDEX(Jesper!AL$2:AL$366,ROUNDDOWN($C5433/24,0)+1,1))-1)+IF('Standard Profiles'!$G$22=$B$10,7,0)+IF('Standard Profiles'!$G$22=$B$17,14,0)+IF('Standard Profiles'!$G$22=$B$24,21,0),MOD($C5433,24)+1)/SUM(INDEX($D$3:$AA$30,INDEX(Jesper!$R$2:$R$366,ROW(INDEX(Jesper!AL$2:AL$366,ROUNDDOWN($C5433/24,0)+1,1))-1)+IF('Standard Profiles'!$G$22=$B$10,7,0)+IF('Standard Profiles'!$G$22=$B$17,14,0)+IF('Standard Profiles'!$G$22=$B$24,21,0),0)),0)</f>
        <v>0</v>
      </c>
      <c r="I5433">
        <f t="shared" si="608"/>
        <v>0</v>
      </c>
      <c r="J5433">
        <f t="shared" si="609"/>
        <v>3.5537421941151845</v>
      </c>
      <c r="K5433">
        <f t="shared" si="610"/>
        <v>0.21489887444948585</v>
      </c>
      <c r="L5433">
        <f t="shared" si="611"/>
        <v>0.10744943722474293</v>
      </c>
      <c r="M5433">
        <f t="shared" si="612"/>
        <v>0</v>
      </c>
      <c r="N5433" s="45">
        <f t="shared" si="613"/>
        <v>45151.958333320239</v>
      </c>
    </row>
    <row r="5434" spans="2:14" x14ac:dyDescent="0.25">
      <c r="B5434">
        <f t="shared" si="607"/>
        <v>1</v>
      </c>
      <c r="C5434" s="16">
        <v>5400</v>
      </c>
      <c r="D5434" cm="1">
        <f t="array" ref="D5434">IFERROR(INDEX(Jesper!AH$2:AH$366,ROUNDDOWN($C5434/24,0)+1,1)*INDEX($D$3:$AA$30,INDEX(Jesper!$R$2:$R$366,ROW(INDEX(Jesper!AH$2:AH$366,ROUNDDOWN($C5434/24,0)+1,1))-1)+IF('Standard Profiles'!$G$18=$B$10,7,0)+IF('Standard Profiles'!$G$18=$B$17,14,0)+IF('Standard Profiles'!$G$18=$B$24,21,0),MOD($C5434,24)+1)/SUM(INDEX($D$3:$AA$30,INDEX(Jesper!$R$2:$R$366,ROW(INDEX(Jesper!AH$2:AH$366,ROUNDDOWN($C5434/24,0)+1,1))-1)+IF('Standard Profiles'!$G$18=$B$10,7,0)+IF('Standard Profiles'!$G$18=$B$17,14,0)+IF('Standard Profiles'!$G$18=$B$24,21,0),0)),0)</f>
        <v>4.9698690313555183</v>
      </c>
      <c r="E5434" cm="1">
        <f t="array" ref="E5434">IFERROR(INDEX(Jesper!AI$2:AI$366,ROUNDDOWN($C5434/24,0)+1,1)*INDEX($D$3:$AA$30,INDEX(Jesper!$R$2:$R$366,ROW(INDEX(Jesper!AI$2:AI$366,ROUNDDOWN($C5434/24,0)+1,1))-1)+IF('Standard Profiles'!$G$19=$B$10,7,0)+IF('Standard Profiles'!$G$19=$B$17,14,0)+IF('Standard Profiles'!$G$19=$B$24,21,0),MOD($C5434,24)+1)/SUM(INDEX($D$3:$AA$30,INDEX(Jesper!$R$2:$R$366,ROW(INDEX(Jesper!AI$2:AI$366,ROUNDDOWN($C5434/24,0)+1,1))-1)+IF('Standard Profiles'!$G$19=$B$10,7,0)+IF('Standard Profiles'!$G$19=$B$17,14,0)+IF('Standard Profiles'!$G$19=$B$24,21,0),0)),0)</f>
        <v>1.8764681931761131</v>
      </c>
      <c r="F5434" cm="1">
        <f t="array" ref="F5434">IFERROR(INDEX(Jesper!AJ$2:AJ$366,ROUNDDOWN($C5434/24,0)+1,1)*INDEX($D$3:$AA$30,INDEX(Jesper!$R$2:$R$366,ROW(INDEX(Jesper!AJ$2:AJ$366,ROUNDDOWN($C5434/24,0)+1,1))-1)+IF('Standard Profiles'!$G$20=$B$10,7,0)+IF('Standard Profiles'!$G$20=$B$17,14,0)+IF('Standard Profiles'!$G$20=$B$24,21,0),MOD($C5434,24)+1)/SUM(INDEX($D$3:$AA$30,INDEX(Jesper!$R$2:$R$366,ROW(INDEX(Jesper!AJ$2:AJ$366,ROUNDDOWN($C5434/24,0)+1,1))-1)+IF('Standard Profiles'!$G$20=$B$10,7,0)+IF('Standard Profiles'!$G$20=$B$17,14,0)+IF('Standard Profiles'!$G$20=$B$24,21,0),0)),0)</f>
        <v>0</v>
      </c>
      <c r="G5434" cm="1">
        <f t="array" ref="G5434">IFERROR(INDEX(Jesper!AK$2:AK$366,ROUNDDOWN($C5434/24,0)+1,1)*INDEX($D$3:$AA$30,INDEX(Jesper!$R$2:$R$366,ROW(INDEX(Jesper!AK$2:AK$366,ROUNDDOWN($C5434/24,0)+1,1))-1)+IF('Standard Profiles'!$G$21=$B$10,7,0)+IF('Standard Profiles'!$G$21=$B$17,14,0)+IF('Standard Profiles'!$G$21=$B$24,21,0),MOD($C5434,24)+1)/SUM(INDEX($D$3:$AA$30,INDEX(Jesper!$R$2:$R$366,ROW(INDEX(Jesper!AK$2:AK$366,ROUNDDOWN($C5434/24,0)+1,1))-1)+IF('Standard Profiles'!$G$21=$B$10,7,0)+IF('Standard Profiles'!$G$21=$B$17,14,0)+IF('Standard Profiles'!$G$21=$B$24,21,0),0)),0)</f>
        <v>0</v>
      </c>
      <c r="H5434" cm="1">
        <f t="array" ref="H5434">IFERROR(INDEX(Jesper!AL$2:AL$366,ROUNDDOWN($C5434/24,0)+1,1)*INDEX($D$3:$AA$30,INDEX(Jesper!$R$2:$R$366,ROW(INDEX(Jesper!AL$2:AL$366,ROUNDDOWN($C5434/24,0)+1,1))-1)+IF('Standard Profiles'!$G$22=$B$10,7,0)+IF('Standard Profiles'!$G$22=$B$17,14,0)+IF('Standard Profiles'!$G$22=$B$24,21,0),MOD($C5434,24)+1)/SUM(INDEX($D$3:$AA$30,INDEX(Jesper!$R$2:$R$366,ROW(INDEX(Jesper!AL$2:AL$366,ROUNDDOWN($C5434/24,0)+1,1))-1)+IF('Standard Profiles'!$G$22=$B$10,7,0)+IF('Standard Profiles'!$G$22=$B$17,14,0)+IF('Standard Profiles'!$G$22=$B$24,21,0),0)),0)</f>
        <v>0</v>
      </c>
      <c r="I5434">
        <f t="shared" si="608"/>
        <v>0</v>
      </c>
      <c r="J5434">
        <f t="shared" si="609"/>
        <v>6.0511581795147489</v>
      </c>
      <c r="K5434">
        <f t="shared" si="610"/>
        <v>0.53011936334458865</v>
      </c>
      <c r="L5434">
        <f t="shared" si="611"/>
        <v>0.26505968167229432</v>
      </c>
      <c r="M5434">
        <f t="shared" si="612"/>
        <v>0</v>
      </c>
      <c r="N5434" s="45">
        <f t="shared" si="613"/>
        <v>45151.999999986903</v>
      </c>
    </row>
    <row r="5435" spans="2:14" x14ac:dyDescent="0.25">
      <c r="B5435">
        <f t="shared" si="607"/>
        <v>1</v>
      </c>
      <c r="C5435" s="16">
        <v>5401</v>
      </c>
      <c r="D5435" cm="1">
        <f t="array" ref="D5435">IFERROR(INDEX(Jesper!AH$2:AH$366,ROUNDDOWN($C5435/24,0)+1,1)*INDEX($D$3:$AA$30,INDEX(Jesper!$R$2:$R$366,ROW(INDEX(Jesper!AH$2:AH$366,ROUNDDOWN($C5435/24,0)+1,1))-1)+IF('Standard Profiles'!$G$18=$B$10,7,0)+IF('Standard Profiles'!$G$18=$B$17,14,0)+IF('Standard Profiles'!$G$18=$B$24,21,0),MOD($C5435,24)+1)/SUM(INDEX($D$3:$AA$30,INDEX(Jesper!$R$2:$R$366,ROW(INDEX(Jesper!AH$2:AH$366,ROUNDDOWN($C5435/24,0)+1,1))-1)+IF('Standard Profiles'!$G$18=$B$10,7,0)+IF('Standard Profiles'!$G$18=$B$17,14,0)+IF('Standard Profiles'!$G$18=$B$24,21,0),0)),0)</f>
        <v>4.9698690313555183</v>
      </c>
      <c r="E5435" cm="1">
        <f t="array" ref="E5435">IFERROR(INDEX(Jesper!AI$2:AI$366,ROUNDDOWN($C5435/24,0)+1,1)*INDEX($D$3:$AA$30,INDEX(Jesper!$R$2:$R$366,ROW(INDEX(Jesper!AI$2:AI$366,ROUNDDOWN($C5435/24,0)+1,1))-1)+IF('Standard Profiles'!$G$19=$B$10,7,0)+IF('Standard Profiles'!$G$19=$B$17,14,0)+IF('Standard Profiles'!$G$19=$B$24,21,0),MOD($C5435,24)+1)/SUM(INDEX($D$3:$AA$30,INDEX(Jesper!$R$2:$R$366,ROW(INDEX(Jesper!AI$2:AI$366,ROUNDDOWN($C5435/24,0)+1,1))-1)+IF('Standard Profiles'!$G$19=$B$10,7,0)+IF('Standard Profiles'!$G$19=$B$17,14,0)+IF('Standard Profiles'!$G$19=$B$24,21,0),0)),0)</f>
        <v>1.8764681931761131</v>
      </c>
      <c r="F5435" cm="1">
        <f t="array" ref="F5435">IFERROR(INDEX(Jesper!AJ$2:AJ$366,ROUNDDOWN($C5435/24,0)+1,1)*INDEX($D$3:$AA$30,INDEX(Jesper!$R$2:$R$366,ROW(INDEX(Jesper!AJ$2:AJ$366,ROUNDDOWN($C5435/24,0)+1,1))-1)+IF('Standard Profiles'!$G$20=$B$10,7,0)+IF('Standard Profiles'!$G$20=$B$17,14,0)+IF('Standard Profiles'!$G$20=$B$24,21,0),MOD($C5435,24)+1)/SUM(INDEX($D$3:$AA$30,INDEX(Jesper!$R$2:$R$366,ROW(INDEX(Jesper!AJ$2:AJ$366,ROUNDDOWN($C5435/24,0)+1,1))-1)+IF('Standard Profiles'!$G$20=$B$10,7,0)+IF('Standard Profiles'!$G$20=$B$17,14,0)+IF('Standard Profiles'!$G$20=$B$24,21,0),0)),0)</f>
        <v>0</v>
      </c>
      <c r="G5435" cm="1">
        <f t="array" ref="G5435">IFERROR(INDEX(Jesper!AK$2:AK$366,ROUNDDOWN($C5435/24,0)+1,1)*INDEX($D$3:$AA$30,INDEX(Jesper!$R$2:$R$366,ROW(INDEX(Jesper!AK$2:AK$366,ROUNDDOWN($C5435/24,0)+1,1))-1)+IF('Standard Profiles'!$G$21=$B$10,7,0)+IF('Standard Profiles'!$G$21=$B$17,14,0)+IF('Standard Profiles'!$G$21=$B$24,21,0),MOD($C5435,24)+1)/SUM(INDEX($D$3:$AA$30,INDEX(Jesper!$R$2:$R$366,ROW(INDEX(Jesper!AK$2:AK$366,ROUNDDOWN($C5435/24,0)+1,1))-1)+IF('Standard Profiles'!$G$21=$B$10,7,0)+IF('Standard Profiles'!$G$21=$B$17,14,0)+IF('Standard Profiles'!$G$21=$B$24,21,0),0)),0)</f>
        <v>0</v>
      </c>
      <c r="H5435" cm="1">
        <f t="array" ref="H5435">IFERROR(INDEX(Jesper!AL$2:AL$366,ROUNDDOWN($C5435/24,0)+1,1)*INDEX($D$3:$AA$30,INDEX(Jesper!$R$2:$R$366,ROW(INDEX(Jesper!AL$2:AL$366,ROUNDDOWN($C5435/24,0)+1,1))-1)+IF('Standard Profiles'!$G$22=$B$10,7,0)+IF('Standard Profiles'!$G$22=$B$17,14,0)+IF('Standard Profiles'!$G$22=$B$24,21,0),MOD($C5435,24)+1)/SUM(INDEX($D$3:$AA$30,INDEX(Jesper!$R$2:$R$366,ROW(INDEX(Jesper!AL$2:AL$366,ROUNDDOWN($C5435/24,0)+1,1))-1)+IF('Standard Profiles'!$G$22=$B$10,7,0)+IF('Standard Profiles'!$G$22=$B$17,14,0)+IF('Standard Profiles'!$G$22=$B$24,21,0),0)),0)</f>
        <v>0</v>
      </c>
      <c r="I5435">
        <f t="shared" si="608"/>
        <v>0</v>
      </c>
      <c r="J5435">
        <f t="shared" si="609"/>
        <v>6.0511581795147489</v>
      </c>
      <c r="K5435">
        <f t="shared" si="610"/>
        <v>0.53011936334458865</v>
      </c>
      <c r="L5435">
        <f t="shared" si="611"/>
        <v>0.26505968167229432</v>
      </c>
      <c r="M5435">
        <f t="shared" si="612"/>
        <v>0</v>
      </c>
      <c r="N5435" s="45">
        <f t="shared" si="613"/>
        <v>45152.041666653568</v>
      </c>
    </row>
    <row r="5436" spans="2:14" x14ac:dyDescent="0.25">
      <c r="B5436">
        <f t="shared" si="607"/>
        <v>1</v>
      </c>
      <c r="C5436" s="16">
        <v>5402</v>
      </c>
      <c r="D5436" cm="1">
        <f t="array" ref="D5436">IFERROR(INDEX(Jesper!AH$2:AH$366,ROUNDDOWN($C5436/24,0)+1,1)*INDEX($D$3:$AA$30,INDEX(Jesper!$R$2:$R$366,ROW(INDEX(Jesper!AH$2:AH$366,ROUNDDOWN($C5436/24,0)+1,1))-1)+IF('Standard Profiles'!$G$18=$B$10,7,0)+IF('Standard Profiles'!$G$18=$B$17,14,0)+IF('Standard Profiles'!$G$18=$B$24,21,0),MOD($C5436,24)+1)/SUM(INDEX($D$3:$AA$30,INDEX(Jesper!$R$2:$R$366,ROW(INDEX(Jesper!AH$2:AH$366,ROUNDDOWN($C5436/24,0)+1,1))-1)+IF('Standard Profiles'!$G$18=$B$10,7,0)+IF('Standard Profiles'!$G$18=$B$17,14,0)+IF('Standard Profiles'!$G$18=$B$24,21,0),0)),0)</f>
        <v>4.9698690313555183</v>
      </c>
      <c r="E5436" cm="1">
        <f t="array" ref="E5436">IFERROR(INDEX(Jesper!AI$2:AI$366,ROUNDDOWN($C5436/24,0)+1,1)*INDEX($D$3:$AA$30,INDEX(Jesper!$R$2:$R$366,ROW(INDEX(Jesper!AI$2:AI$366,ROUNDDOWN($C5436/24,0)+1,1))-1)+IF('Standard Profiles'!$G$19=$B$10,7,0)+IF('Standard Profiles'!$G$19=$B$17,14,0)+IF('Standard Profiles'!$G$19=$B$24,21,0),MOD($C5436,24)+1)/SUM(INDEX($D$3:$AA$30,INDEX(Jesper!$R$2:$R$366,ROW(INDEX(Jesper!AI$2:AI$366,ROUNDDOWN($C5436/24,0)+1,1))-1)+IF('Standard Profiles'!$G$19=$B$10,7,0)+IF('Standard Profiles'!$G$19=$B$17,14,0)+IF('Standard Profiles'!$G$19=$B$24,21,0),0)),0)</f>
        <v>1.8764681931761131</v>
      </c>
      <c r="F5436" cm="1">
        <f t="array" ref="F5436">IFERROR(INDEX(Jesper!AJ$2:AJ$366,ROUNDDOWN($C5436/24,0)+1,1)*INDEX($D$3:$AA$30,INDEX(Jesper!$R$2:$R$366,ROW(INDEX(Jesper!AJ$2:AJ$366,ROUNDDOWN($C5436/24,0)+1,1))-1)+IF('Standard Profiles'!$G$20=$B$10,7,0)+IF('Standard Profiles'!$G$20=$B$17,14,0)+IF('Standard Profiles'!$G$20=$B$24,21,0),MOD($C5436,24)+1)/SUM(INDEX($D$3:$AA$30,INDEX(Jesper!$R$2:$R$366,ROW(INDEX(Jesper!AJ$2:AJ$366,ROUNDDOWN($C5436/24,0)+1,1))-1)+IF('Standard Profiles'!$G$20=$B$10,7,0)+IF('Standard Profiles'!$G$20=$B$17,14,0)+IF('Standard Profiles'!$G$20=$B$24,21,0),0)),0)</f>
        <v>0</v>
      </c>
      <c r="G5436" cm="1">
        <f t="array" ref="G5436">IFERROR(INDEX(Jesper!AK$2:AK$366,ROUNDDOWN($C5436/24,0)+1,1)*INDEX($D$3:$AA$30,INDEX(Jesper!$R$2:$R$366,ROW(INDEX(Jesper!AK$2:AK$366,ROUNDDOWN($C5436/24,0)+1,1))-1)+IF('Standard Profiles'!$G$21=$B$10,7,0)+IF('Standard Profiles'!$G$21=$B$17,14,0)+IF('Standard Profiles'!$G$21=$B$24,21,0),MOD($C5436,24)+1)/SUM(INDEX($D$3:$AA$30,INDEX(Jesper!$R$2:$R$366,ROW(INDEX(Jesper!AK$2:AK$366,ROUNDDOWN($C5436/24,0)+1,1))-1)+IF('Standard Profiles'!$G$21=$B$10,7,0)+IF('Standard Profiles'!$G$21=$B$17,14,0)+IF('Standard Profiles'!$G$21=$B$24,21,0),0)),0)</f>
        <v>0</v>
      </c>
      <c r="H5436" cm="1">
        <f t="array" ref="H5436">IFERROR(INDEX(Jesper!AL$2:AL$366,ROUNDDOWN($C5436/24,0)+1,1)*INDEX($D$3:$AA$30,INDEX(Jesper!$R$2:$R$366,ROW(INDEX(Jesper!AL$2:AL$366,ROUNDDOWN($C5436/24,0)+1,1))-1)+IF('Standard Profiles'!$G$22=$B$10,7,0)+IF('Standard Profiles'!$G$22=$B$17,14,0)+IF('Standard Profiles'!$G$22=$B$24,21,0),MOD($C5436,24)+1)/SUM(INDEX($D$3:$AA$30,INDEX(Jesper!$R$2:$R$366,ROW(INDEX(Jesper!AL$2:AL$366,ROUNDDOWN($C5436/24,0)+1,1))-1)+IF('Standard Profiles'!$G$22=$B$10,7,0)+IF('Standard Profiles'!$G$22=$B$17,14,0)+IF('Standard Profiles'!$G$22=$B$24,21,0),0)),0)</f>
        <v>0</v>
      </c>
      <c r="I5436">
        <f t="shared" si="608"/>
        <v>0</v>
      </c>
      <c r="J5436">
        <f t="shared" si="609"/>
        <v>6.0511581795147489</v>
      </c>
      <c r="K5436">
        <f t="shared" si="610"/>
        <v>0.53011936334458865</v>
      </c>
      <c r="L5436">
        <f t="shared" si="611"/>
        <v>0.26505968167229432</v>
      </c>
      <c r="M5436">
        <f t="shared" si="612"/>
        <v>0</v>
      </c>
      <c r="N5436" s="45">
        <f t="shared" si="613"/>
        <v>45152.083333320232</v>
      </c>
    </row>
    <row r="5437" spans="2:14" x14ac:dyDescent="0.25">
      <c r="B5437">
        <f t="shared" si="607"/>
        <v>1</v>
      </c>
      <c r="C5437" s="16">
        <v>5403</v>
      </c>
      <c r="D5437" cm="1">
        <f t="array" ref="D5437">IFERROR(INDEX(Jesper!AH$2:AH$366,ROUNDDOWN($C5437/24,0)+1,1)*INDEX($D$3:$AA$30,INDEX(Jesper!$R$2:$R$366,ROW(INDEX(Jesper!AH$2:AH$366,ROUNDDOWN($C5437/24,0)+1,1))-1)+IF('Standard Profiles'!$G$18=$B$10,7,0)+IF('Standard Profiles'!$G$18=$B$17,14,0)+IF('Standard Profiles'!$G$18=$B$24,21,0),MOD($C5437,24)+1)/SUM(INDEX($D$3:$AA$30,INDEX(Jesper!$R$2:$R$366,ROW(INDEX(Jesper!AH$2:AH$366,ROUNDDOWN($C5437/24,0)+1,1))-1)+IF('Standard Profiles'!$G$18=$B$10,7,0)+IF('Standard Profiles'!$G$18=$B$17,14,0)+IF('Standard Profiles'!$G$18=$B$24,21,0),0)),0)</f>
        <v>4.9698690313555183</v>
      </c>
      <c r="E5437" cm="1">
        <f t="array" ref="E5437">IFERROR(INDEX(Jesper!AI$2:AI$366,ROUNDDOWN($C5437/24,0)+1,1)*INDEX($D$3:$AA$30,INDEX(Jesper!$R$2:$R$366,ROW(INDEX(Jesper!AI$2:AI$366,ROUNDDOWN($C5437/24,0)+1,1))-1)+IF('Standard Profiles'!$G$19=$B$10,7,0)+IF('Standard Profiles'!$G$19=$B$17,14,0)+IF('Standard Profiles'!$G$19=$B$24,21,0),MOD($C5437,24)+1)/SUM(INDEX($D$3:$AA$30,INDEX(Jesper!$R$2:$R$366,ROW(INDEX(Jesper!AI$2:AI$366,ROUNDDOWN($C5437/24,0)+1,1))-1)+IF('Standard Profiles'!$G$19=$B$10,7,0)+IF('Standard Profiles'!$G$19=$B$17,14,0)+IF('Standard Profiles'!$G$19=$B$24,21,0),0)),0)</f>
        <v>1.8764681931761131</v>
      </c>
      <c r="F5437" cm="1">
        <f t="array" ref="F5437">IFERROR(INDEX(Jesper!AJ$2:AJ$366,ROUNDDOWN($C5437/24,0)+1,1)*INDEX($D$3:$AA$30,INDEX(Jesper!$R$2:$R$366,ROW(INDEX(Jesper!AJ$2:AJ$366,ROUNDDOWN($C5437/24,0)+1,1))-1)+IF('Standard Profiles'!$G$20=$B$10,7,0)+IF('Standard Profiles'!$G$20=$B$17,14,0)+IF('Standard Profiles'!$G$20=$B$24,21,0),MOD($C5437,24)+1)/SUM(INDEX($D$3:$AA$30,INDEX(Jesper!$R$2:$R$366,ROW(INDEX(Jesper!AJ$2:AJ$366,ROUNDDOWN($C5437/24,0)+1,1))-1)+IF('Standard Profiles'!$G$20=$B$10,7,0)+IF('Standard Profiles'!$G$20=$B$17,14,0)+IF('Standard Profiles'!$G$20=$B$24,21,0),0)),0)</f>
        <v>0</v>
      </c>
      <c r="G5437" cm="1">
        <f t="array" ref="G5437">IFERROR(INDEX(Jesper!AK$2:AK$366,ROUNDDOWN($C5437/24,0)+1,1)*INDEX($D$3:$AA$30,INDEX(Jesper!$R$2:$R$366,ROW(INDEX(Jesper!AK$2:AK$366,ROUNDDOWN($C5437/24,0)+1,1))-1)+IF('Standard Profiles'!$G$21=$B$10,7,0)+IF('Standard Profiles'!$G$21=$B$17,14,0)+IF('Standard Profiles'!$G$21=$B$24,21,0),MOD($C5437,24)+1)/SUM(INDEX($D$3:$AA$30,INDEX(Jesper!$R$2:$R$366,ROW(INDEX(Jesper!AK$2:AK$366,ROUNDDOWN($C5437/24,0)+1,1))-1)+IF('Standard Profiles'!$G$21=$B$10,7,0)+IF('Standard Profiles'!$G$21=$B$17,14,0)+IF('Standard Profiles'!$G$21=$B$24,21,0),0)),0)</f>
        <v>0</v>
      </c>
      <c r="H5437" cm="1">
        <f t="array" ref="H5437">IFERROR(INDEX(Jesper!AL$2:AL$366,ROUNDDOWN($C5437/24,0)+1,1)*INDEX($D$3:$AA$30,INDEX(Jesper!$R$2:$R$366,ROW(INDEX(Jesper!AL$2:AL$366,ROUNDDOWN($C5437/24,0)+1,1))-1)+IF('Standard Profiles'!$G$22=$B$10,7,0)+IF('Standard Profiles'!$G$22=$B$17,14,0)+IF('Standard Profiles'!$G$22=$B$24,21,0),MOD($C5437,24)+1)/SUM(INDEX($D$3:$AA$30,INDEX(Jesper!$R$2:$R$366,ROW(INDEX(Jesper!AL$2:AL$366,ROUNDDOWN($C5437/24,0)+1,1))-1)+IF('Standard Profiles'!$G$22=$B$10,7,0)+IF('Standard Profiles'!$G$22=$B$17,14,0)+IF('Standard Profiles'!$G$22=$B$24,21,0),0)),0)</f>
        <v>0</v>
      </c>
      <c r="I5437">
        <f t="shared" si="608"/>
        <v>0</v>
      </c>
      <c r="J5437">
        <f t="shared" si="609"/>
        <v>6.0511581795147489</v>
      </c>
      <c r="K5437">
        <f t="shared" si="610"/>
        <v>0.53011936334458865</v>
      </c>
      <c r="L5437">
        <f t="shared" si="611"/>
        <v>0.26505968167229432</v>
      </c>
      <c r="M5437">
        <f t="shared" si="612"/>
        <v>0</v>
      </c>
      <c r="N5437" s="45">
        <f t="shared" si="613"/>
        <v>45152.124999986896</v>
      </c>
    </row>
    <row r="5438" spans="2:14" x14ac:dyDescent="0.25">
      <c r="B5438">
        <f t="shared" si="607"/>
        <v>1</v>
      </c>
      <c r="C5438" s="16">
        <v>5404</v>
      </c>
      <c r="D5438" cm="1">
        <f t="array" ref="D5438">IFERROR(INDEX(Jesper!AH$2:AH$366,ROUNDDOWN($C5438/24,0)+1,1)*INDEX($D$3:$AA$30,INDEX(Jesper!$R$2:$R$366,ROW(INDEX(Jesper!AH$2:AH$366,ROUNDDOWN($C5438/24,0)+1,1))-1)+IF('Standard Profiles'!$G$18=$B$10,7,0)+IF('Standard Profiles'!$G$18=$B$17,14,0)+IF('Standard Profiles'!$G$18=$B$24,21,0),MOD($C5438,24)+1)/SUM(INDEX($D$3:$AA$30,INDEX(Jesper!$R$2:$R$366,ROW(INDEX(Jesper!AH$2:AH$366,ROUNDDOWN($C5438/24,0)+1,1))-1)+IF('Standard Profiles'!$G$18=$B$10,7,0)+IF('Standard Profiles'!$G$18=$B$17,14,0)+IF('Standard Profiles'!$G$18=$B$24,21,0),0)),0)</f>
        <v>4.9698690313555183</v>
      </c>
      <c r="E5438" cm="1">
        <f t="array" ref="E5438">IFERROR(INDEX(Jesper!AI$2:AI$366,ROUNDDOWN($C5438/24,0)+1,1)*INDEX($D$3:$AA$30,INDEX(Jesper!$R$2:$R$366,ROW(INDEX(Jesper!AI$2:AI$366,ROUNDDOWN($C5438/24,0)+1,1))-1)+IF('Standard Profiles'!$G$19=$B$10,7,0)+IF('Standard Profiles'!$G$19=$B$17,14,0)+IF('Standard Profiles'!$G$19=$B$24,21,0),MOD($C5438,24)+1)/SUM(INDEX($D$3:$AA$30,INDEX(Jesper!$R$2:$R$366,ROW(INDEX(Jesper!AI$2:AI$366,ROUNDDOWN($C5438/24,0)+1,1))-1)+IF('Standard Profiles'!$G$19=$B$10,7,0)+IF('Standard Profiles'!$G$19=$B$17,14,0)+IF('Standard Profiles'!$G$19=$B$24,21,0),0)),0)</f>
        <v>1.8764681931761131</v>
      </c>
      <c r="F5438" cm="1">
        <f t="array" ref="F5438">IFERROR(INDEX(Jesper!AJ$2:AJ$366,ROUNDDOWN($C5438/24,0)+1,1)*INDEX($D$3:$AA$30,INDEX(Jesper!$R$2:$R$366,ROW(INDEX(Jesper!AJ$2:AJ$366,ROUNDDOWN($C5438/24,0)+1,1))-1)+IF('Standard Profiles'!$G$20=$B$10,7,0)+IF('Standard Profiles'!$G$20=$B$17,14,0)+IF('Standard Profiles'!$G$20=$B$24,21,0),MOD($C5438,24)+1)/SUM(INDEX($D$3:$AA$30,INDEX(Jesper!$R$2:$R$366,ROW(INDEX(Jesper!AJ$2:AJ$366,ROUNDDOWN($C5438/24,0)+1,1))-1)+IF('Standard Profiles'!$G$20=$B$10,7,0)+IF('Standard Profiles'!$G$20=$B$17,14,0)+IF('Standard Profiles'!$G$20=$B$24,21,0),0)),0)</f>
        <v>0</v>
      </c>
      <c r="G5438" cm="1">
        <f t="array" ref="G5438">IFERROR(INDEX(Jesper!AK$2:AK$366,ROUNDDOWN($C5438/24,0)+1,1)*INDEX($D$3:$AA$30,INDEX(Jesper!$R$2:$R$366,ROW(INDEX(Jesper!AK$2:AK$366,ROUNDDOWN($C5438/24,0)+1,1))-1)+IF('Standard Profiles'!$G$21=$B$10,7,0)+IF('Standard Profiles'!$G$21=$B$17,14,0)+IF('Standard Profiles'!$G$21=$B$24,21,0),MOD($C5438,24)+1)/SUM(INDEX($D$3:$AA$30,INDEX(Jesper!$R$2:$R$366,ROW(INDEX(Jesper!AK$2:AK$366,ROUNDDOWN($C5438/24,0)+1,1))-1)+IF('Standard Profiles'!$G$21=$B$10,7,0)+IF('Standard Profiles'!$G$21=$B$17,14,0)+IF('Standard Profiles'!$G$21=$B$24,21,0),0)),0)</f>
        <v>0</v>
      </c>
      <c r="H5438" cm="1">
        <f t="array" ref="H5438">IFERROR(INDEX(Jesper!AL$2:AL$366,ROUNDDOWN($C5438/24,0)+1,1)*INDEX($D$3:$AA$30,INDEX(Jesper!$R$2:$R$366,ROW(INDEX(Jesper!AL$2:AL$366,ROUNDDOWN($C5438/24,0)+1,1))-1)+IF('Standard Profiles'!$G$22=$B$10,7,0)+IF('Standard Profiles'!$G$22=$B$17,14,0)+IF('Standard Profiles'!$G$22=$B$24,21,0),MOD($C5438,24)+1)/SUM(INDEX($D$3:$AA$30,INDEX(Jesper!$R$2:$R$366,ROW(INDEX(Jesper!AL$2:AL$366,ROUNDDOWN($C5438/24,0)+1,1))-1)+IF('Standard Profiles'!$G$22=$B$10,7,0)+IF('Standard Profiles'!$G$22=$B$17,14,0)+IF('Standard Profiles'!$G$22=$B$24,21,0),0)),0)</f>
        <v>0</v>
      </c>
      <c r="I5438">
        <f t="shared" si="608"/>
        <v>0</v>
      </c>
      <c r="J5438">
        <f t="shared" si="609"/>
        <v>6.0511581795147489</v>
      </c>
      <c r="K5438">
        <f t="shared" si="610"/>
        <v>0.53011936334458865</v>
      </c>
      <c r="L5438">
        <f t="shared" si="611"/>
        <v>0.26505968167229432</v>
      </c>
      <c r="M5438">
        <f t="shared" si="612"/>
        <v>0</v>
      </c>
      <c r="N5438" s="45">
        <f t="shared" si="613"/>
        <v>45152.16666665356</v>
      </c>
    </row>
    <row r="5439" spans="2:14" x14ac:dyDescent="0.25">
      <c r="B5439">
        <f t="shared" si="607"/>
        <v>1</v>
      </c>
      <c r="C5439" s="16">
        <v>5405</v>
      </c>
      <c r="D5439" cm="1">
        <f t="array" ref="D5439">IFERROR(INDEX(Jesper!AH$2:AH$366,ROUNDDOWN($C5439/24,0)+1,1)*INDEX($D$3:$AA$30,INDEX(Jesper!$R$2:$R$366,ROW(INDEX(Jesper!AH$2:AH$366,ROUNDDOWN($C5439/24,0)+1,1))-1)+IF('Standard Profiles'!$G$18=$B$10,7,0)+IF('Standard Profiles'!$G$18=$B$17,14,0)+IF('Standard Profiles'!$G$18=$B$24,21,0),MOD($C5439,24)+1)/SUM(INDEX($D$3:$AA$30,INDEX(Jesper!$R$2:$R$366,ROW(INDEX(Jesper!AH$2:AH$366,ROUNDDOWN($C5439/24,0)+1,1))-1)+IF('Standard Profiles'!$G$18=$B$10,7,0)+IF('Standard Profiles'!$G$18=$B$17,14,0)+IF('Standard Profiles'!$G$18=$B$24,21,0),0)),0)</f>
        <v>4.9698690313555183</v>
      </c>
      <c r="E5439" cm="1">
        <f t="array" ref="E5439">IFERROR(INDEX(Jesper!AI$2:AI$366,ROUNDDOWN($C5439/24,0)+1,1)*INDEX($D$3:$AA$30,INDEX(Jesper!$R$2:$R$366,ROW(INDEX(Jesper!AI$2:AI$366,ROUNDDOWN($C5439/24,0)+1,1))-1)+IF('Standard Profiles'!$G$19=$B$10,7,0)+IF('Standard Profiles'!$G$19=$B$17,14,0)+IF('Standard Profiles'!$G$19=$B$24,21,0),MOD($C5439,24)+1)/SUM(INDEX($D$3:$AA$30,INDEX(Jesper!$R$2:$R$366,ROW(INDEX(Jesper!AI$2:AI$366,ROUNDDOWN($C5439/24,0)+1,1))-1)+IF('Standard Profiles'!$G$19=$B$10,7,0)+IF('Standard Profiles'!$G$19=$B$17,14,0)+IF('Standard Profiles'!$G$19=$B$24,21,0),0)),0)</f>
        <v>1.8764681931761131</v>
      </c>
      <c r="F5439" cm="1">
        <f t="array" ref="F5439">IFERROR(INDEX(Jesper!AJ$2:AJ$366,ROUNDDOWN($C5439/24,0)+1,1)*INDEX($D$3:$AA$30,INDEX(Jesper!$R$2:$R$366,ROW(INDEX(Jesper!AJ$2:AJ$366,ROUNDDOWN($C5439/24,0)+1,1))-1)+IF('Standard Profiles'!$G$20=$B$10,7,0)+IF('Standard Profiles'!$G$20=$B$17,14,0)+IF('Standard Profiles'!$G$20=$B$24,21,0),MOD($C5439,24)+1)/SUM(INDEX($D$3:$AA$30,INDEX(Jesper!$R$2:$R$366,ROW(INDEX(Jesper!AJ$2:AJ$366,ROUNDDOWN($C5439/24,0)+1,1))-1)+IF('Standard Profiles'!$G$20=$B$10,7,0)+IF('Standard Profiles'!$G$20=$B$17,14,0)+IF('Standard Profiles'!$G$20=$B$24,21,0),0)),0)</f>
        <v>0</v>
      </c>
      <c r="G5439" cm="1">
        <f t="array" ref="G5439">IFERROR(INDEX(Jesper!AK$2:AK$366,ROUNDDOWN($C5439/24,0)+1,1)*INDEX($D$3:$AA$30,INDEX(Jesper!$R$2:$R$366,ROW(INDEX(Jesper!AK$2:AK$366,ROUNDDOWN($C5439/24,0)+1,1))-1)+IF('Standard Profiles'!$G$21=$B$10,7,0)+IF('Standard Profiles'!$G$21=$B$17,14,0)+IF('Standard Profiles'!$G$21=$B$24,21,0),MOD($C5439,24)+1)/SUM(INDEX($D$3:$AA$30,INDEX(Jesper!$R$2:$R$366,ROW(INDEX(Jesper!AK$2:AK$366,ROUNDDOWN($C5439/24,0)+1,1))-1)+IF('Standard Profiles'!$G$21=$B$10,7,0)+IF('Standard Profiles'!$G$21=$B$17,14,0)+IF('Standard Profiles'!$G$21=$B$24,21,0),0)),0)</f>
        <v>0</v>
      </c>
      <c r="H5439" cm="1">
        <f t="array" ref="H5439">IFERROR(INDEX(Jesper!AL$2:AL$366,ROUNDDOWN($C5439/24,0)+1,1)*INDEX($D$3:$AA$30,INDEX(Jesper!$R$2:$R$366,ROW(INDEX(Jesper!AL$2:AL$366,ROUNDDOWN($C5439/24,0)+1,1))-1)+IF('Standard Profiles'!$G$22=$B$10,7,0)+IF('Standard Profiles'!$G$22=$B$17,14,0)+IF('Standard Profiles'!$G$22=$B$24,21,0),MOD($C5439,24)+1)/SUM(INDEX($D$3:$AA$30,INDEX(Jesper!$R$2:$R$366,ROW(INDEX(Jesper!AL$2:AL$366,ROUNDDOWN($C5439/24,0)+1,1))-1)+IF('Standard Profiles'!$G$22=$B$10,7,0)+IF('Standard Profiles'!$G$22=$B$17,14,0)+IF('Standard Profiles'!$G$22=$B$24,21,0),0)),0)</f>
        <v>0</v>
      </c>
      <c r="I5439">
        <f t="shared" si="608"/>
        <v>0</v>
      </c>
      <c r="J5439">
        <f t="shared" si="609"/>
        <v>6.0511581795147489</v>
      </c>
      <c r="K5439">
        <f t="shared" si="610"/>
        <v>0.53011936334458865</v>
      </c>
      <c r="L5439">
        <f t="shared" si="611"/>
        <v>0.26505968167229432</v>
      </c>
      <c r="M5439">
        <f t="shared" si="612"/>
        <v>0</v>
      </c>
      <c r="N5439" s="45">
        <f t="shared" si="613"/>
        <v>45152.208333320224</v>
      </c>
    </row>
    <row r="5440" spans="2:14" x14ac:dyDescent="0.25">
      <c r="B5440">
        <f t="shared" si="607"/>
        <v>1</v>
      </c>
      <c r="C5440" s="16">
        <v>5406</v>
      </c>
      <c r="D5440" cm="1">
        <f t="array" ref="D5440">IFERROR(INDEX(Jesper!AH$2:AH$366,ROUNDDOWN($C5440/24,0)+1,1)*INDEX($D$3:$AA$30,INDEX(Jesper!$R$2:$R$366,ROW(INDEX(Jesper!AH$2:AH$366,ROUNDDOWN($C5440/24,0)+1,1))-1)+IF('Standard Profiles'!$G$18=$B$10,7,0)+IF('Standard Profiles'!$G$18=$B$17,14,0)+IF('Standard Profiles'!$G$18=$B$24,21,0),MOD($C5440,24)+1)/SUM(INDEX($D$3:$AA$30,INDEX(Jesper!$R$2:$R$366,ROW(INDEX(Jesper!AH$2:AH$366,ROUNDDOWN($C5440/24,0)+1,1))-1)+IF('Standard Profiles'!$G$18=$B$10,7,0)+IF('Standard Profiles'!$G$18=$B$17,14,0)+IF('Standard Profiles'!$G$18=$B$24,21,0),0)),0)</f>
        <v>4.9698690313555183</v>
      </c>
      <c r="E5440" cm="1">
        <f t="array" ref="E5440">IFERROR(INDEX(Jesper!AI$2:AI$366,ROUNDDOWN($C5440/24,0)+1,1)*INDEX($D$3:$AA$30,INDEX(Jesper!$R$2:$R$366,ROW(INDEX(Jesper!AI$2:AI$366,ROUNDDOWN($C5440/24,0)+1,1))-1)+IF('Standard Profiles'!$G$19=$B$10,7,0)+IF('Standard Profiles'!$G$19=$B$17,14,0)+IF('Standard Profiles'!$G$19=$B$24,21,0),MOD($C5440,24)+1)/SUM(INDEX($D$3:$AA$30,INDEX(Jesper!$R$2:$R$366,ROW(INDEX(Jesper!AI$2:AI$366,ROUNDDOWN($C5440/24,0)+1,1))-1)+IF('Standard Profiles'!$G$19=$B$10,7,0)+IF('Standard Profiles'!$G$19=$B$17,14,0)+IF('Standard Profiles'!$G$19=$B$24,21,0),0)),0)</f>
        <v>1.8764681931761131</v>
      </c>
      <c r="F5440" cm="1">
        <f t="array" ref="F5440">IFERROR(INDEX(Jesper!AJ$2:AJ$366,ROUNDDOWN($C5440/24,0)+1,1)*INDEX($D$3:$AA$30,INDEX(Jesper!$R$2:$R$366,ROW(INDEX(Jesper!AJ$2:AJ$366,ROUNDDOWN($C5440/24,0)+1,1))-1)+IF('Standard Profiles'!$G$20=$B$10,7,0)+IF('Standard Profiles'!$G$20=$B$17,14,0)+IF('Standard Profiles'!$G$20=$B$24,21,0),MOD($C5440,24)+1)/SUM(INDEX($D$3:$AA$30,INDEX(Jesper!$R$2:$R$366,ROW(INDEX(Jesper!AJ$2:AJ$366,ROUNDDOWN($C5440/24,0)+1,1))-1)+IF('Standard Profiles'!$G$20=$B$10,7,0)+IF('Standard Profiles'!$G$20=$B$17,14,0)+IF('Standard Profiles'!$G$20=$B$24,21,0),0)),0)</f>
        <v>0</v>
      </c>
      <c r="G5440" cm="1">
        <f t="array" ref="G5440">IFERROR(INDEX(Jesper!AK$2:AK$366,ROUNDDOWN($C5440/24,0)+1,1)*INDEX($D$3:$AA$30,INDEX(Jesper!$R$2:$R$366,ROW(INDEX(Jesper!AK$2:AK$366,ROUNDDOWN($C5440/24,0)+1,1))-1)+IF('Standard Profiles'!$G$21=$B$10,7,0)+IF('Standard Profiles'!$G$21=$B$17,14,0)+IF('Standard Profiles'!$G$21=$B$24,21,0),MOD($C5440,24)+1)/SUM(INDEX($D$3:$AA$30,INDEX(Jesper!$R$2:$R$366,ROW(INDEX(Jesper!AK$2:AK$366,ROUNDDOWN($C5440/24,0)+1,1))-1)+IF('Standard Profiles'!$G$21=$B$10,7,0)+IF('Standard Profiles'!$G$21=$B$17,14,0)+IF('Standard Profiles'!$G$21=$B$24,21,0),0)),0)</f>
        <v>0</v>
      </c>
      <c r="H5440" cm="1">
        <f t="array" ref="H5440">IFERROR(INDEX(Jesper!AL$2:AL$366,ROUNDDOWN($C5440/24,0)+1,1)*INDEX($D$3:$AA$30,INDEX(Jesper!$R$2:$R$366,ROW(INDEX(Jesper!AL$2:AL$366,ROUNDDOWN($C5440/24,0)+1,1))-1)+IF('Standard Profiles'!$G$22=$B$10,7,0)+IF('Standard Profiles'!$G$22=$B$17,14,0)+IF('Standard Profiles'!$G$22=$B$24,21,0),MOD($C5440,24)+1)/SUM(INDEX($D$3:$AA$30,INDEX(Jesper!$R$2:$R$366,ROW(INDEX(Jesper!AL$2:AL$366,ROUNDDOWN($C5440/24,0)+1,1))-1)+IF('Standard Profiles'!$G$22=$B$10,7,0)+IF('Standard Profiles'!$G$22=$B$17,14,0)+IF('Standard Profiles'!$G$22=$B$24,21,0),0)),0)</f>
        <v>0</v>
      </c>
      <c r="I5440">
        <f t="shared" si="608"/>
        <v>0</v>
      </c>
      <c r="J5440">
        <f t="shared" si="609"/>
        <v>6.0511581795147489</v>
      </c>
      <c r="K5440">
        <f t="shared" si="610"/>
        <v>0.53011936334458865</v>
      </c>
      <c r="L5440">
        <f t="shared" si="611"/>
        <v>0.26505968167229432</v>
      </c>
      <c r="M5440">
        <f t="shared" si="612"/>
        <v>0</v>
      </c>
      <c r="N5440" s="45">
        <f t="shared" si="613"/>
        <v>45152.249999986889</v>
      </c>
    </row>
    <row r="5441" spans="2:14" x14ac:dyDescent="0.25">
      <c r="B5441">
        <f t="shared" si="607"/>
        <v>1</v>
      </c>
      <c r="C5441" s="16">
        <v>5407</v>
      </c>
      <c r="D5441" cm="1">
        <f t="array" ref="D5441">IFERROR(INDEX(Jesper!AH$2:AH$366,ROUNDDOWN($C5441/24,0)+1,1)*INDEX($D$3:$AA$30,INDEX(Jesper!$R$2:$R$366,ROW(INDEX(Jesper!AH$2:AH$366,ROUNDDOWN($C5441/24,0)+1,1))-1)+IF('Standard Profiles'!$G$18=$B$10,7,0)+IF('Standard Profiles'!$G$18=$B$17,14,0)+IF('Standard Profiles'!$G$18=$B$24,21,0),MOD($C5441,24)+1)/SUM(INDEX($D$3:$AA$30,INDEX(Jesper!$R$2:$R$366,ROW(INDEX(Jesper!AH$2:AH$366,ROUNDDOWN($C5441/24,0)+1,1))-1)+IF('Standard Profiles'!$G$18=$B$10,7,0)+IF('Standard Profiles'!$G$18=$B$17,14,0)+IF('Standard Profiles'!$G$18=$B$24,21,0),0)),0)</f>
        <v>21.17164207357451</v>
      </c>
      <c r="E5441" cm="1">
        <f t="array" ref="E5441">IFERROR(INDEX(Jesper!AI$2:AI$366,ROUNDDOWN($C5441/24,0)+1,1)*INDEX($D$3:$AA$30,INDEX(Jesper!$R$2:$R$366,ROW(INDEX(Jesper!AI$2:AI$366,ROUNDDOWN($C5441/24,0)+1,1))-1)+IF('Standard Profiles'!$G$19=$B$10,7,0)+IF('Standard Profiles'!$G$19=$B$17,14,0)+IF('Standard Profiles'!$G$19=$B$24,21,0),MOD($C5441,24)+1)/SUM(INDEX($D$3:$AA$30,INDEX(Jesper!$R$2:$R$366,ROW(INDEX(Jesper!AI$2:AI$366,ROUNDDOWN($C5441/24,0)+1,1))-1)+IF('Standard Profiles'!$G$19=$B$10,7,0)+IF('Standard Profiles'!$G$19=$B$17,14,0)+IF('Standard Profiles'!$G$19=$B$24,21,0),0)),0)</f>
        <v>7.9937545029302397</v>
      </c>
      <c r="F5441" cm="1">
        <f t="array" ref="F5441">IFERROR(INDEX(Jesper!AJ$2:AJ$366,ROUNDDOWN($C5441/24,0)+1,1)*INDEX($D$3:$AA$30,INDEX(Jesper!$R$2:$R$366,ROW(INDEX(Jesper!AJ$2:AJ$366,ROUNDDOWN($C5441/24,0)+1,1))-1)+IF('Standard Profiles'!$G$20=$B$10,7,0)+IF('Standard Profiles'!$G$20=$B$17,14,0)+IF('Standard Profiles'!$G$20=$B$24,21,0),MOD($C5441,24)+1)/SUM(INDEX($D$3:$AA$30,INDEX(Jesper!$R$2:$R$366,ROW(INDEX(Jesper!AJ$2:AJ$366,ROUNDDOWN($C5441/24,0)+1,1))-1)+IF('Standard Profiles'!$G$20=$B$10,7,0)+IF('Standard Profiles'!$G$20=$B$17,14,0)+IF('Standard Profiles'!$G$20=$B$24,21,0),0)),0)</f>
        <v>0</v>
      </c>
      <c r="G5441" cm="1">
        <f t="array" ref="G5441">IFERROR(INDEX(Jesper!AK$2:AK$366,ROUNDDOWN($C5441/24,0)+1,1)*INDEX($D$3:$AA$30,INDEX(Jesper!$R$2:$R$366,ROW(INDEX(Jesper!AK$2:AK$366,ROUNDDOWN($C5441/24,0)+1,1))-1)+IF('Standard Profiles'!$G$21=$B$10,7,0)+IF('Standard Profiles'!$G$21=$B$17,14,0)+IF('Standard Profiles'!$G$21=$B$24,21,0),MOD($C5441,24)+1)/SUM(INDEX($D$3:$AA$30,INDEX(Jesper!$R$2:$R$366,ROW(INDEX(Jesper!AK$2:AK$366,ROUNDDOWN($C5441/24,0)+1,1))-1)+IF('Standard Profiles'!$G$21=$B$10,7,0)+IF('Standard Profiles'!$G$21=$B$17,14,0)+IF('Standard Profiles'!$G$21=$B$24,21,0),0)),0)</f>
        <v>0</v>
      </c>
      <c r="H5441" cm="1">
        <f t="array" ref="H5441">IFERROR(INDEX(Jesper!AL$2:AL$366,ROUNDDOWN($C5441/24,0)+1,1)*INDEX($D$3:$AA$30,INDEX(Jesper!$R$2:$R$366,ROW(INDEX(Jesper!AL$2:AL$366,ROUNDDOWN($C5441/24,0)+1,1))-1)+IF('Standard Profiles'!$G$22=$B$10,7,0)+IF('Standard Profiles'!$G$22=$B$17,14,0)+IF('Standard Profiles'!$G$22=$B$24,21,0),MOD($C5441,24)+1)/SUM(INDEX($D$3:$AA$30,INDEX(Jesper!$R$2:$R$366,ROW(INDEX(Jesper!AL$2:AL$366,ROUNDDOWN($C5441/24,0)+1,1))-1)+IF('Standard Profiles'!$G$22=$B$10,7,0)+IF('Standard Profiles'!$G$22=$B$17,14,0)+IF('Standard Profiles'!$G$22=$B$24,21,0),0)),0)</f>
        <v>0</v>
      </c>
      <c r="I5441">
        <f t="shared" si="608"/>
        <v>0</v>
      </c>
      <c r="J5441">
        <f t="shared" si="609"/>
        <v>25.777933844732829</v>
      </c>
      <c r="K5441">
        <f t="shared" si="610"/>
        <v>2.2583084878479478</v>
      </c>
      <c r="L5441">
        <f t="shared" si="611"/>
        <v>1.1291542439239739</v>
      </c>
      <c r="M5441">
        <f t="shared" si="612"/>
        <v>0</v>
      </c>
      <c r="N5441" s="45">
        <f t="shared" si="613"/>
        <v>45152.291666653553</v>
      </c>
    </row>
    <row r="5442" spans="2:14" x14ac:dyDescent="0.25">
      <c r="B5442">
        <f t="shared" si="607"/>
        <v>1</v>
      </c>
      <c r="C5442" s="16">
        <v>5408</v>
      </c>
      <c r="D5442" cm="1">
        <f t="array" ref="D5442">IFERROR(INDEX(Jesper!AH$2:AH$366,ROUNDDOWN($C5442/24,0)+1,1)*INDEX($D$3:$AA$30,INDEX(Jesper!$R$2:$R$366,ROW(INDEX(Jesper!AH$2:AH$366,ROUNDDOWN($C5442/24,0)+1,1))-1)+IF('Standard Profiles'!$G$18=$B$10,7,0)+IF('Standard Profiles'!$G$18=$B$17,14,0)+IF('Standard Profiles'!$G$18=$B$24,21,0),MOD($C5442,24)+1)/SUM(INDEX($D$3:$AA$30,INDEX(Jesper!$R$2:$R$366,ROW(INDEX(Jesper!AH$2:AH$366,ROUNDDOWN($C5442/24,0)+1,1))-1)+IF('Standard Profiles'!$G$18=$B$10,7,0)+IF('Standard Profiles'!$G$18=$B$17,14,0)+IF('Standard Profiles'!$G$18=$B$24,21,0),0)),0)</f>
        <v>23.818097332771323</v>
      </c>
      <c r="E5442" cm="1">
        <f t="array" ref="E5442">IFERROR(INDEX(Jesper!AI$2:AI$366,ROUNDDOWN($C5442/24,0)+1,1)*INDEX($D$3:$AA$30,INDEX(Jesper!$R$2:$R$366,ROW(INDEX(Jesper!AI$2:AI$366,ROUNDDOWN($C5442/24,0)+1,1))-1)+IF('Standard Profiles'!$G$19=$B$10,7,0)+IF('Standard Profiles'!$G$19=$B$17,14,0)+IF('Standard Profiles'!$G$19=$B$24,21,0),MOD($C5442,24)+1)/SUM(INDEX($D$3:$AA$30,INDEX(Jesper!$R$2:$R$366,ROW(INDEX(Jesper!AI$2:AI$366,ROUNDDOWN($C5442/24,0)+1,1))-1)+IF('Standard Profiles'!$G$19=$B$10,7,0)+IF('Standard Profiles'!$G$19=$B$17,14,0)+IF('Standard Profiles'!$G$19=$B$24,21,0),0)),0)</f>
        <v>8.9929738157965211</v>
      </c>
      <c r="F5442" cm="1">
        <f t="array" ref="F5442">IFERROR(INDEX(Jesper!AJ$2:AJ$366,ROUNDDOWN($C5442/24,0)+1,1)*INDEX($D$3:$AA$30,INDEX(Jesper!$R$2:$R$366,ROW(INDEX(Jesper!AJ$2:AJ$366,ROUNDDOWN($C5442/24,0)+1,1))-1)+IF('Standard Profiles'!$G$20=$B$10,7,0)+IF('Standard Profiles'!$G$20=$B$17,14,0)+IF('Standard Profiles'!$G$20=$B$24,21,0),MOD($C5442,24)+1)/SUM(INDEX($D$3:$AA$30,INDEX(Jesper!$R$2:$R$366,ROW(INDEX(Jesper!AJ$2:AJ$366,ROUNDDOWN($C5442/24,0)+1,1))-1)+IF('Standard Profiles'!$G$20=$B$10,7,0)+IF('Standard Profiles'!$G$20=$B$17,14,0)+IF('Standard Profiles'!$G$20=$B$24,21,0),0)),0)</f>
        <v>0</v>
      </c>
      <c r="G5442" cm="1">
        <f t="array" ref="G5442">IFERROR(INDEX(Jesper!AK$2:AK$366,ROUNDDOWN($C5442/24,0)+1,1)*INDEX($D$3:$AA$30,INDEX(Jesper!$R$2:$R$366,ROW(INDEX(Jesper!AK$2:AK$366,ROUNDDOWN($C5442/24,0)+1,1))-1)+IF('Standard Profiles'!$G$21=$B$10,7,0)+IF('Standard Profiles'!$G$21=$B$17,14,0)+IF('Standard Profiles'!$G$21=$B$24,21,0),MOD($C5442,24)+1)/SUM(INDEX($D$3:$AA$30,INDEX(Jesper!$R$2:$R$366,ROW(INDEX(Jesper!AK$2:AK$366,ROUNDDOWN($C5442/24,0)+1,1))-1)+IF('Standard Profiles'!$G$21=$B$10,7,0)+IF('Standard Profiles'!$G$21=$B$17,14,0)+IF('Standard Profiles'!$G$21=$B$24,21,0),0)),0)</f>
        <v>0</v>
      </c>
      <c r="H5442" cm="1">
        <f t="array" ref="H5442">IFERROR(INDEX(Jesper!AL$2:AL$366,ROUNDDOWN($C5442/24,0)+1,1)*INDEX($D$3:$AA$30,INDEX(Jesper!$R$2:$R$366,ROW(INDEX(Jesper!AL$2:AL$366,ROUNDDOWN($C5442/24,0)+1,1))-1)+IF('Standard Profiles'!$G$22=$B$10,7,0)+IF('Standard Profiles'!$G$22=$B$17,14,0)+IF('Standard Profiles'!$G$22=$B$24,21,0),MOD($C5442,24)+1)/SUM(INDEX($D$3:$AA$30,INDEX(Jesper!$R$2:$R$366,ROW(INDEX(Jesper!AL$2:AL$366,ROUNDDOWN($C5442/24,0)+1,1))-1)+IF('Standard Profiles'!$G$22=$B$10,7,0)+IF('Standard Profiles'!$G$22=$B$17,14,0)+IF('Standard Profiles'!$G$22=$B$24,21,0),0)),0)</f>
        <v>0</v>
      </c>
      <c r="I5442">
        <f t="shared" si="608"/>
        <v>0</v>
      </c>
      <c r="J5442">
        <f t="shared" si="609"/>
        <v>29.00017557532443</v>
      </c>
      <c r="K5442">
        <f t="shared" si="610"/>
        <v>2.5405970488289413</v>
      </c>
      <c r="L5442">
        <f t="shared" si="611"/>
        <v>1.2702985244144707</v>
      </c>
      <c r="M5442">
        <f t="shared" si="612"/>
        <v>0</v>
      </c>
      <c r="N5442" s="45">
        <f t="shared" si="613"/>
        <v>45152.333333320217</v>
      </c>
    </row>
    <row r="5443" spans="2:14" x14ac:dyDescent="0.25">
      <c r="B5443">
        <f t="shared" si="607"/>
        <v>1</v>
      </c>
      <c r="C5443" s="16">
        <v>5409</v>
      </c>
      <c r="D5443" cm="1">
        <f t="array" ref="D5443">IFERROR(INDEX(Jesper!AH$2:AH$366,ROUNDDOWN($C5443/24,0)+1,1)*INDEX($D$3:$AA$30,INDEX(Jesper!$R$2:$R$366,ROW(INDEX(Jesper!AH$2:AH$366,ROUNDDOWN($C5443/24,0)+1,1))-1)+IF('Standard Profiles'!$G$18=$B$10,7,0)+IF('Standard Profiles'!$G$18=$B$17,14,0)+IF('Standard Profiles'!$G$18=$B$24,21,0),MOD($C5443,24)+1)/SUM(INDEX($D$3:$AA$30,INDEX(Jesper!$R$2:$R$366,ROW(INDEX(Jesper!AH$2:AH$366,ROUNDDOWN($C5443/24,0)+1,1))-1)+IF('Standard Profiles'!$G$18=$B$10,7,0)+IF('Standard Profiles'!$G$18=$B$17,14,0)+IF('Standard Profiles'!$G$18=$B$24,21,0),0)),0)</f>
        <v>26.464552591968136</v>
      </c>
      <c r="E5443" cm="1">
        <f t="array" ref="E5443">IFERROR(INDEX(Jesper!AI$2:AI$366,ROUNDDOWN($C5443/24,0)+1,1)*INDEX($D$3:$AA$30,INDEX(Jesper!$R$2:$R$366,ROW(INDEX(Jesper!AI$2:AI$366,ROUNDDOWN($C5443/24,0)+1,1))-1)+IF('Standard Profiles'!$G$19=$B$10,7,0)+IF('Standard Profiles'!$G$19=$B$17,14,0)+IF('Standard Profiles'!$G$19=$B$24,21,0),MOD($C5443,24)+1)/SUM(INDEX($D$3:$AA$30,INDEX(Jesper!$R$2:$R$366,ROW(INDEX(Jesper!AI$2:AI$366,ROUNDDOWN($C5443/24,0)+1,1))-1)+IF('Standard Profiles'!$G$19=$B$10,7,0)+IF('Standard Profiles'!$G$19=$B$17,14,0)+IF('Standard Profiles'!$G$19=$B$24,21,0),0)),0)</f>
        <v>9.9921931286628016</v>
      </c>
      <c r="F5443" cm="1">
        <f t="array" ref="F5443">IFERROR(INDEX(Jesper!AJ$2:AJ$366,ROUNDDOWN($C5443/24,0)+1,1)*INDEX($D$3:$AA$30,INDEX(Jesper!$R$2:$R$366,ROW(INDEX(Jesper!AJ$2:AJ$366,ROUNDDOWN($C5443/24,0)+1,1))-1)+IF('Standard Profiles'!$G$20=$B$10,7,0)+IF('Standard Profiles'!$G$20=$B$17,14,0)+IF('Standard Profiles'!$G$20=$B$24,21,0),MOD($C5443,24)+1)/SUM(INDEX($D$3:$AA$30,INDEX(Jesper!$R$2:$R$366,ROW(INDEX(Jesper!AJ$2:AJ$366,ROUNDDOWN($C5443/24,0)+1,1))-1)+IF('Standard Profiles'!$G$20=$B$10,7,0)+IF('Standard Profiles'!$G$20=$B$17,14,0)+IF('Standard Profiles'!$G$20=$B$24,21,0),0)),0)</f>
        <v>0</v>
      </c>
      <c r="G5443" cm="1">
        <f t="array" ref="G5443">IFERROR(INDEX(Jesper!AK$2:AK$366,ROUNDDOWN($C5443/24,0)+1,1)*INDEX($D$3:$AA$30,INDEX(Jesper!$R$2:$R$366,ROW(INDEX(Jesper!AK$2:AK$366,ROUNDDOWN($C5443/24,0)+1,1))-1)+IF('Standard Profiles'!$G$21=$B$10,7,0)+IF('Standard Profiles'!$G$21=$B$17,14,0)+IF('Standard Profiles'!$G$21=$B$24,21,0),MOD($C5443,24)+1)/SUM(INDEX($D$3:$AA$30,INDEX(Jesper!$R$2:$R$366,ROW(INDEX(Jesper!AK$2:AK$366,ROUNDDOWN($C5443/24,0)+1,1))-1)+IF('Standard Profiles'!$G$21=$B$10,7,0)+IF('Standard Profiles'!$G$21=$B$17,14,0)+IF('Standard Profiles'!$G$21=$B$24,21,0),0)),0)</f>
        <v>0</v>
      </c>
      <c r="H5443" cm="1">
        <f t="array" ref="H5443">IFERROR(INDEX(Jesper!AL$2:AL$366,ROUNDDOWN($C5443/24,0)+1,1)*INDEX($D$3:$AA$30,INDEX(Jesper!$R$2:$R$366,ROW(INDEX(Jesper!AL$2:AL$366,ROUNDDOWN($C5443/24,0)+1,1))-1)+IF('Standard Profiles'!$G$22=$B$10,7,0)+IF('Standard Profiles'!$G$22=$B$17,14,0)+IF('Standard Profiles'!$G$22=$B$24,21,0),MOD($C5443,24)+1)/SUM(INDEX($D$3:$AA$30,INDEX(Jesper!$R$2:$R$366,ROW(INDEX(Jesper!AL$2:AL$366,ROUNDDOWN($C5443/24,0)+1,1))-1)+IF('Standard Profiles'!$G$22=$B$10,7,0)+IF('Standard Profiles'!$G$22=$B$17,14,0)+IF('Standard Profiles'!$G$22=$B$24,21,0),0)),0)</f>
        <v>0</v>
      </c>
      <c r="I5443">
        <f t="shared" si="608"/>
        <v>0</v>
      </c>
      <c r="J5443">
        <f t="shared" si="609"/>
        <v>32.222417305916039</v>
      </c>
      <c r="K5443">
        <f t="shared" si="610"/>
        <v>2.8228856098099349</v>
      </c>
      <c r="L5443">
        <f t="shared" si="611"/>
        <v>1.4114428049049674</v>
      </c>
      <c r="M5443">
        <f t="shared" si="612"/>
        <v>0</v>
      </c>
      <c r="N5443" s="45">
        <f t="shared" si="613"/>
        <v>45152.374999986881</v>
      </c>
    </row>
    <row r="5444" spans="2:14" x14ac:dyDescent="0.25">
      <c r="B5444">
        <f t="shared" si="607"/>
        <v>1</v>
      </c>
      <c r="C5444" s="16">
        <v>5410</v>
      </c>
      <c r="D5444" cm="1">
        <f t="array" ref="D5444">IFERROR(INDEX(Jesper!AH$2:AH$366,ROUNDDOWN($C5444/24,0)+1,1)*INDEX($D$3:$AA$30,INDEX(Jesper!$R$2:$R$366,ROW(INDEX(Jesper!AH$2:AH$366,ROUNDDOWN($C5444/24,0)+1,1))-1)+IF('Standard Profiles'!$G$18=$B$10,7,0)+IF('Standard Profiles'!$G$18=$B$17,14,0)+IF('Standard Profiles'!$G$18=$B$24,21,0),MOD($C5444,24)+1)/SUM(INDEX($D$3:$AA$30,INDEX(Jesper!$R$2:$R$366,ROW(INDEX(Jesper!AH$2:AH$366,ROUNDDOWN($C5444/24,0)+1,1))-1)+IF('Standard Profiles'!$G$18=$B$10,7,0)+IF('Standard Profiles'!$G$18=$B$17,14,0)+IF('Standard Profiles'!$G$18=$B$24,21,0),0)),0)</f>
        <v>26.464552591968136</v>
      </c>
      <c r="E5444" cm="1">
        <f t="array" ref="E5444">IFERROR(INDEX(Jesper!AI$2:AI$366,ROUNDDOWN($C5444/24,0)+1,1)*INDEX($D$3:$AA$30,INDEX(Jesper!$R$2:$R$366,ROW(INDEX(Jesper!AI$2:AI$366,ROUNDDOWN($C5444/24,0)+1,1))-1)+IF('Standard Profiles'!$G$19=$B$10,7,0)+IF('Standard Profiles'!$G$19=$B$17,14,0)+IF('Standard Profiles'!$G$19=$B$24,21,0),MOD($C5444,24)+1)/SUM(INDEX($D$3:$AA$30,INDEX(Jesper!$R$2:$R$366,ROW(INDEX(Jesper!AI$2:AI$366,ROUNDDOWN($C5444/24,0)+1,1))-1)+IF('Standard Profiles'!$G$19=$B$10,7,0)+IF('Standard Profiles'!$G$19=$B$17,14,0)+IF('Standard Profiles'!$G$19=$B$24,21,0),0)),0)</f>
        <v>9.9921931286628016</v>
      </c>
      <c r="F5444" cm="1">
        <f t="array" ref="F5444">IFERROR(INDEX(Jesper!AJ$2:AJ$366,ROUNDDOWN($C5444/24,0)+1,1)*INDEX($D$3:$AA$30,INDEX(Jesper!$R$2:$R$366,ROW(INDEX(Jesper!AJ$2:AJ$366,ROUNDDOWN($C5444/24,0)+1,1))-1)+IF('Standard Profiles'!$G$20=$B$10,7,0)+IF('Standard Profiles'!$G$20=$B$17,14,0)+IF('Standard Profiles'!$G$20=$B$24,21,0),MOD($C5444,24)+1)/SUM(INDEX($D$3:$AA$30,INDEX(Jesper!$R$2:$R$366,ROW(INDEX(Jesper!AJ$2:AJ$366,ROUNDDOWN($C5444/24,0)+1,1))-1)+IF('Standard Profiles'!$G$20=$B$10,7,0)+IF('Standard Profiles'!$G$20=$B$17,14,0)+IF('Standard Profiles'!$G$20=$B$24,21,0),0)),0)</f>
        <v>0</v>
      </c>
      <c r="G5444" cm="1">
        <f t="array" ref="G5444">IFERROR(INDEX(Jesper!AK$2:AK$366,ROUNDDOWN($C5444/24,0)+1,1)*INDEX($D$3:$AA$30,INDEX(Jesper!$R$2:$R$366,ROW(INDEX(Jesper!AK$2:AK$366,ROUNDDOWN($C5444/24,0)+1,1))-1)+IF('Standard Profiles'!$G$21=$B$10,7,0)+IF('Standard Profiles'!$G$21=$B$17,14,0)+IF('Standard Profiles'!$G$21=$B$24,21,0),MOD($C5444,24)+1)/SUM(INDEX($D$3:$AA$30,INDEX(Jesper!$R$2:$R$366,ROW(INDEX(Jesper!AK$2:AK$366,ROUNDDOWN($C5444/24,0)+1,1))-1)+IF('Standard Profiles'!$G$21=$B$10,7,0)+IF('Standard Profiles'!$G$21=$B$17,14,0)+IF('Standard Profiles'!$G$21=$B$24,21,0),0)),0)</f>
        <v>0</v>
      </c>
      <c r="H5444" cm="1">
        <f t="array" ref="H5444">IFERROR(INDEX(Jesper!AL$2:AL$366,ROUNDDOWN($C5444/24,0)+1,1)*INDEX($D$3:$AA$30,INDEX(Jesper!$R$2:$R$366,ROW(INDEX(Jesper!AL$2:AL$366,ROUNDDOWN($C5444/24,0)+1,1))-1)+IF('Standard Profiles'!$G$22=$B$10,7,0)+IF('Standard Profiles'!$G$22=$B$17,14,0)+IF('Standard Profiles'!$G$22=$B$24,21,0),MOD($C5444,24)+1)/SUM(INDEX($D$3:$AA$30,INDEX(Jesper!$R$2:$R$366,ROW(INDEX(Jesper!AL$2:AL$366,ROUNDDOWN($C5444/24,0)+1,1))-1)+IF('Standard Profiles'!$G$22=$B$10,7,0)+IF('Standard Profiles'!$G$22=$B$17,14,0)+IF('Standard Profiles'!$G$22=$B$24,21,0),0)),0)</f>
        <v>0</v>
      </c>
      <c r="I5444">
        <f t="shared" si="608"/>
        <v>0</v>
      </c>
      <c r="J5444">
        <f t="shared" si="609"/>
        <v>32.222417305916039</v>
      </c>
      <c r="K5444">
        <f t="shared" si="610"/>
        <v>2.8228856098099349</v>
      </c>
      <c r="L5444">
        <f t="shared" si="611"/>
        <v>1.4114428049049674</v>
      </c>
      <c r="M5444">
        <f t="shared" si="612"/>
        <v>0</v>
      </c>
      <c r="N5444" s="45">
        <f t="shared" si="613"/>
        <v>45152.416666653546</v>
      </c>
    </row>
    <row r="5445" spans="2:14" x14ac:dyDescent="0.25">
      <c r="B5445">
        <f t="shared" si="607"/>
        <v>1</v>
      </c>
      <c r="C5445" s="16">
        <v>5411</v>
      </c>
      <c r="D5445" cm="1">
        <f t="array" ref="D5445">IFERROR(INDEX(Jesper!AH$2:AH$366,ROUNDDOWN($C5445/24,0)+1,1)*INDEX($D$3:$AA$30,INDEX(Jesper!$R$2:$R$366,ROW(INDEX(Jesper!AH$2:AH$366,ROUNDDOWN($C5445/24,0)+1,1))-1)+IF('Standard Profiles'!$G$18=$B$10,7,0)+IF('Standard Profiles'!$G$18=$B$17,14,0)+IF('Standard Profiles'!$G$18=$B$24,21,0),MOD($C5445,24)+1)/SUM(INDEX($D$3:$AA$30,INDEX(Jesper!$R$2:$R$366,ROW(INDEX(Jesper!AH$2:AH$366,ROUNDDOWN($C5445/24,0)+1,1))-1)+IF('Standard Profiles'!$G$18=$B$10,7,0)+IF('Standard Profiles'!$G$18=$B$17,14,0)+IF('Standard Profiles'!$G$18=$B$24,21,0),0)),0)</f>
        <v>31.757463110361758</v>
      </c>
      <c r="E5445" cm="1">
        <f t="array" ref="E5445">IFERROR(INDEX(Jesper!AI$2:AI$366,ROUNDDOWN($C5445/24,0)+1,1)*INDEX($D$3:$AA$30,INDEX(Jesper!$R$2:$R$366,ROW(INDEX(Jesper!AI$2:AI$366,ROUNDDOWN($C5445/24,0)+1,1))-1)+IF('Standard Profiles'!$G$19=$B$10,7,0)+IF('Standard Profiles'!$G$19=$B$17,14,0)+IF('Standard Profiles'!$G$19=$B$24,21,0),MOD($C5445,24)+1)/SUM(INDEX($D$3:$AA$30,INDEX(Jesper!$R$2:$R$366,ROW(INDEX(Jesper!AI$2:AI$366,ROUNDDOWN($C5445/24,0)+1,1))-1)+IF('Standard Profiles'!$G$19=$B$10,7,0)+IF('Standard Profiles'!$G$19=$B$17,14,0)+IF('Standard Profiles'!$G$19=$B$24,21,0),0)),0)</f>
        <v>11.990631754395359</v>
      </c>
      <c r="F5445" cm="1">
        <f t="array" ref="F5445">IFERROR(INDEX(Jesper!AJ$2:AJ$366,ROUNDDOWN($C5445/24,0)+1,1)*INDEX($D$3:$AA$30,INDEX(Jesper!$R$2:$R$366,ROW(INDEX(Jesper!AJ$2:AJ$366,ROUNDDOWN($C5445/24,0)+1,1))-1)+IF('Standard Profiles'!$G$20=$B$10,7,0)+IF('Standard Profiles'!$G$20=$B$17,14,0)+IF('Standard Profiles'!$G$20=$B$24,21,0),MOD($C5445,24)+1)/SUM(INDEX($D$3:$AA$30,INDEX(Jesper!$R$2:$R$366,ROW(INDEX(Jesper!AJ$2:AJ$366,ROUNDDOWN($C5445/24,0)+1,1))-1)+IF('Standard Profiles'!$G$20=$B$10,7,0)+IF('Standard Profiles'!$G$20=$B$17,14,0)+IF('Standard Profiles'!$G$20=$B$24,21,0),0)),0)</f>
        <v>0</v>
      </c>
      <c r="G5445" cm="1">
        <f t="array" ref="G5445">IFERROR(INDEX(Jesper!AK$2:AK$366,ROUNDDOWN($C5445/24,0)+1,1)*INDEX($D$3:$AA$30,INDEX(Jesper!$R$2:$R$366,ROW(INDEX(Jesper!AK$2:AK$366,ROUNDDOWN($C5445/24,0)+1,1))-1)+IF('Standard Profiles'!$G$21=$B$10,7,0)+IF('Standard Profiles'!$G$21=$B$17,14,0)+IF('Standard Profiles'!$G$21=$B$24,21,0),MOD($C5445,24)+1)/SUM(INDEX($D$3:$AA$30,INDEX(Jesper!$R$2:$R$366,ROW(INDEX(Jesper!AK$2:AK$366,ROUNDDOWN($C5445/24,0)+1,1))-1)+IF('Standard Profiles'!$G$21=$B$10,7,0)+IF('Standard Profiles'!$G$21=$B$17,14,0)+IF('Standard Profiles'!$G$21=$B$24,21,0),0)),0)</f>
        <v>0</v>
      </c>
      <c r="H5445" cm="1">
        <f t="array" ref="H5445">IFERROR(INDEX(Jesper!AL$2:AL$366,ROUNDDOWN($C5445/24,0)+1,1)*INDEX($D$3:$AA$30,INDEX(Jesper!$R$2:$R$366,ROW(INDEX(Jesper!AL$2:AL$366,ROUNDDOWN($C5445/24,0)+1,1))-1)+IF('Standard Profiles'!$G$22=$B$10,7,0)+IF('Standard Profiles'!$G$22=$B$17,14,0)+IF('Standard Profiles'!$G$22=$B$24,21,0),MOD($C5445,24)+1)/SUM(INDEX($D$3:$AA$30,INDEX(Jesper!$R$2:$R$366,ROW(INDEX(Jesper!AL$2:AL$366,ROUNDDOWN($C5445/24,0)+1,1))-1)+IF('Standard Profiles'!$G$22=$B$10,7,0)+IF('Standard Profiles'!$G$22=$B$17,14,0)+IF('Standard Profiles'!$G$22=$B$24,21,0),0)),0)</f>
        <v>0</v>
      </c>
      <c r="I5445">
        <f t="shared" si="608"/>
        <v>0</v>
      </c>
      <c r="J5445">
        <f t="shared" si="609"/>
        <v>38.666900767099236</v>
      </c>
      <c r="K5445">
        <f t="shared" si="610"/>
        <v>3.387462731771921</v>
      </c>
      <c r="L5445">
        <f t="shared" si="611"/>
        <v>1.6937313658859605</v>
      </c>
      <c r="M5445">
        <f t="shared" si="612"/>
        <v>0</v>
      </c>
      <c r="N5445" s="45">
        <f t="shared" si="613"/>
        <v>45152.45833332021</v>
      </c>
    </row>
    <row r="5446" spans="2:14" x14ac:dyDescent="0.25">
      <c r="B5446">
        <f t="shared" si="607"/>
        <v>1</v>
      </c>
      <c r="C5446" s="16">
        <v>5412</v>
      </c>
      <c r="D5446" cm="1">
        <f t="array" ref="D5446">IFERROR(INDEX(Jesper!AH$2:AH$366,ROUNDDOWN($C5446/24,0)+1,1)*INDEX($D$3:$AA$30,INDEX(Jesper!$R$2:$R$366,ROW(INDEX(Jesper!AH$2:AH$366,ROUNDDOWN($C5446/24,0)+1,1))-1)+IF('Standard Profiles'!$G$18=$B$10,7,0)+IF('Standard Profiles'!$G$18=$B$17,14,0)+IF('Standard Profiles'!$G$18=$B$24,21,0),MOD($C5446,24)+1)/SUM(INDEX($D$3:$AA$30,INDEX(Jesper!$R$2:$R$366,ROW(INDEX(Jesper!AH$2:AH$366,ROUNDDOWN($C5446/24,0)+1,1))-1)+IF('Standard Profiles'!$G$18=$B$10,7,0)+IF('Standard Profiles'!$G$18=$B$17,14,0)+IF('Standard Profiles'!$G$18=$B$24,21,0),0)),0)</f>
        <v>31.757463110361758</v>
      </c>
      <c r="E5446" cm="1">
        <f t="array" ref="E5446">IFERROR(INDEX(Jesper!AI$2:AI$366,ROUNDDOWN($C5446/24,0)+1,1)*INDEX($D$3:$AA$30,INDEX(Jesper!$R$2:$R$366,ROW(INDEX(Jesper!AI$2:AI$366,ROUNDDOWN($C5446/24,0)+1,1))-1)+IF('Standard Profiles'!$G$19=$B$10,7,0)+IF('Standard Profiles'!$G$19=$B$17,14,0)+IF('Standard Profiles'!$G$19=$B$24,21,0),MOD($C5446,24)+1)/SUM(INDEX($D$3:$AA$30,INDEX(Jesper!$R$2:$R$366,ROW(INDEX(Jesper!AI$2:AI$366,ROUNDDOWN($C5446/24,0)+1,1))-1)+IF('Standard Profiles'!$G$19=$B$10,7,0)+IF('Standard Profiles'!$G$19=$B$17,14,0)+IF('Standard Profiles'!$G$19=$B$24,21,0),0)),0)</f>
        <v>11.990631754395359</v>
      </c>
      <c r="F5446" cm="1">
        <f t="array" ref="F5446">IFERROR(INDEX(Jesper!AJ$2:AJ$366,ROUNDDOWN($C5446/24,0)+1,1)*INDEX($D$3:$AA$30,INDEX(Jesper!$R$2:$R$366,ROW(INDEX(Jesper!AJ$2:AJ$366,ROUNDDOWN($C5446/24,0)+1,1))-1)+IF('Standard Profiles'!$G$20=$B$10,7,0)+IF('Standard Profiles'!$G$20=$B$17,14,0)+IF('Standard Profiles'!$G$20=$B$24,21,0),MOD($C5446,24)+1)/SUM(INDEX($D$3:$AA$30,INDEX(Jesper!$R$2:$R$366,ROW(INDEX(Jesper!AJ$2:AJ$366,ROUNDDOWN($C5446/24,0)+1,1))-1)+IF('Standard Profiles'!$G$20=$B$10,7,0)+IF('Standard Profiles'!$G$20=$B$17,14,0)+IF('Standard Profiles'!$G$20=$B$24,21,0),0)),0)</f>
        <v>0</v>
      </c>
      <c r="G5446" cm="1">
        <f t="array" ref="G5446">IFERROR(INDEX(Jesper!AK$2:AK$366,ROUNDDOWN($C5446/24,0)+1,1)*INDEX($D$3:$AA$30,INDEX(Jesper!$R$2:$R$366,ROW(INDEX(Jesper!AK$2:AK$366,ROUNDDOWN($C5446/24,0)+1,1))-1)+IF('Standard Profiles'!$G$21=$B$10,7,0)+IF('Standard Profiles'!$G$21=$B$17,14,0)+IF('Standard Profiles'!$G$21=$B$24,21,0),MOD($C5446,24)+1)/SUM(INDEX($D$3:$AA$30,INDEX(Jesper!$R$2:$R$366,ROW(INDEX(Jesper!AK$2:AK$366,ROUNDDOWN($C5446/24,0)+1,1))-1)+IF('Standard Profiles'!$G$21=$B$10,7,0)+IF('Standard Profiles'!$G$21=$B$17,14,0)+IF('Standard Profiles'!$G$21=$B$24,21,0),0)),0)</f>
        <v>0</v>
      </c>
      <c r="H5446" cm="1">
        <f t="array" ref="H5446">IFERROR(INDEX(Jesper!AL$2:AL$366,ROUNDDOWN($C5446/24,0)+1,1)*INDEX($D$3:$AA$30,INDEX(Jesper!$R$2:$R$366,ROW(INDEX(Jesper!AL$2:AL$366,ROUNDDOWN($C5446/24,0)+1,1))-1)+IF('Standard Profiles'!$G$22=$B$10,7,0)+IF('Standard Profiles'!$G$22=$B$17,14,0)+IF('Standard Profiles'!$G$22=$B$24,21,0),MOD($C5446,24)+1)/SUM(INDEX($D$3:$AA$30,INDEX(Jesper!$R$2:$R$366,ROW(INDEX(Jesper!AL$2:AL$366,ROUNDDOWN($C5446/24,0)+1,1))-1)+IF('Standard Profiles'!$G$22=$B$10,7,0)+IF('Standard Profiles'!$G$22=$B$17,14,0)+IF('Standard Profiles'!$G$22=$B$24,21,0),0)),0)</f>
        <v>0</v>
      </c>
      <c r="I5446">
        <f t="shared" si="608"/>
        <v>0</v>
      </c>
      <c r="J5446">
        <f t="shared" si="609"/>
        <v>38.666900767099236</v>
      </c>
      <c r="K5446">
        <f t="shared" si="610"/>
        <v>3.387462731771921</v>
      </c>
      <c r="L5446">
        <f t="shared" si="611"/>
        <v>1.6937313658859605</v>
      </c>
      <c r="M5446">
        <f t="shared" si="612"/>
        <v>0</v>
      </c>
      <c r="N5446" s="45">
        <f t="shared" si="613"/>
        <v>45152.499999986874</v>
      </c>
    </row>
    <row r="5447" spans="2:14" x14ac:dyDescent="0.25">
      <c r="B5447">
        <f t="shared" si="607"/>
        <v>1</v>
      </c>
      <c r="C5447" s="16">
        <v>5413</v>
      </c>
      <c r="D5447" cm="1">
        <f t="array" ref="D5447">IFERROR(INDEX(Jesper!AH$2:AH$366,ROUNDDOWN($C5447/24,0)+1,1)*INDEX($D$3:$AA$30,INDEX(Jesper!$R$2:$R$366,ROW(INDEX(Jesper!AH$2:AH$366,ROUNDDOWN($C5447/24,0)+1,1))-1)+IF('Standard Profiles'!$G$18=$B$10,7,0)+IF('Standard Profiles'!$G$18=$B$17,14,0)+IF('Standard Profiles'!$G$18=$B$24,21,0),MOD($C5447,24)+1)/SUM(INDEX($D$3:$AA$30,INDEX(Jesper!$R$2:$R$366,ROW(INDEX(Jesper!AH$2:AH$366,ROUNDDOWN($C5447/24,0)+1,1))-1)+IF('Standard Profiles'!$G$18=$B$10,7,0)+IF('Standard Profiles'!$G$18=$B$17,14,0)+IF('Standard Profiles'!$G$18=$B$24,21,0),0)),0)</f>
        <v>21.17164207357451</v>
      </c>
      <c r="E5447" cm="1">
        <f t="array" ref="E5447">IFERROR(INDEX(Jesper!AI$2:AI$366,ROUNDDOWN($C5447/24,0)+1,1)*INDEX($D$3:$AA$30,INDEX(Jesper!$R$2:$R$366,ROW(INDEX(Jesper!AI$2:AI$366,ROUNDDOWN($C5447/24,0)+1,1))-1)+IF('Standard Profiles'!$G$19=$B$10,7,0)+IF('Standard Profiles'!$G$19=$B$17,14,0)+IF('Standard Profiles'!$G$19=$B$24,21,0),MOD($C5447,24)+1)/SUM(INDEX($D$3:$AA$30,INDEX(Jesper!$R$2:$R$366,ROW(INDEX(Jesper!AI$2:AI$366,ROUNDDOWN($C5447/24,0)+1,1))-1)+IF('Standard Profiles'!$G$19=$B$10,7,0)+IF('Standard Profiles'!$G$19=$B$17,14,0)+IF('Standard Profiles'!$G$19=$B$24,21,0),0)),0)</f>
        <v>7.9937545029302397</v>
      </c>
      <c r="F5447" cm="1">
        <f t="array" ref="F5447">IFERROR(INDEX(Jesper!AJ$2:AJ$366,ROUNDDOWN($C5447/24,0)+1,1)*INDEX($D$3:$AA$30,INDEX(Jesper!$R$2:$R$366,ROW(INDEX(Jesper!AJ$2:AJ$366,ROUNDDOWN($C5447/24,0)+1,1))-1)+IF('Standard Profiles'!$G$20=$B$10,7,0)+IF('Standard Profiles'!$G$20=$B$17,14,0)+IF('Standard Profiles'!$G$20=$B$24,21,0),MOD($C5447,24)+1)/SUM(INDEX($D$3:$AA$30,INDEX(Jesper!$R$2:$R$366,ROW(INDEX(Jesper!AJ$2:AJ$366,ROUNDDOWN($C5447/24,0)+1,1))-1)+IF('Standard Profiles'!$G$20=$B$10,7,0)+IF('Standard Profiles'!$G$20=$B$17,14,0)+IF('Standard Profiles'!$G$20=$B$24,21,0),0)),0)</f>
        <v>0</v>
      </c>
      <c r="G5447" cm="1">
        <f t="array" ref="G5447">IFERROR(INDEX(Jesper!AK$2:AK$366,ROUNDDOWN($C5447/24,0)+1,1)*INDEX($D$3:$AA$30,INDEX(Jesper!$R$2:$R$366,ROW(INDEX(Jesper!AK$2:AK$366,ROUNDDOWN($C5447/24,0)+1,1))-1)+IF('Standard Profiles'!$G$21=$B$10,7,0)+IF('Standard Profiles'!$G$21=$B$17,14,0)+IF('Standard Profiles'!$G$21=$B$24,21,0),MOD($C5447,24)+1)/SUM(INDEX($D$3:$AA$30,INDEX(Jesper!$R$2:$R$366,ROW(INDEX(Jesper!AK$2:AK$366,ROUNDDOWN($C5447/24,0)+1,1))-1)+IF('Standard Profiles'!$G$21=$B$10,7,0)+IF('Standard Profiles'!$G$21=$B$17,14,0)+IF('Standard Profiles'!$G$21=$B$24,21,0),0)),0)</f>
        <v>0</v>
      </c>
      <c r="H5447" cm="1">
        <f t="array" ref="H5447">IFERROR(INDEX(Jesper!AL$2:AL$366,ROUNDDOWN($C5447/24,0)+1,1)*INDEX($D$3:$AA$30,INDEX(Jesper!$R$2:$R$366,ROW(INDEX(Jesper!AL$2:AL$366,ROUNDDOWN($C5447/24,0)+1,1))-1)+IF('Standard Profiles'!$G$22=$B$10,7,0)+IF('Standard Profiles'!$G$22=$B$17,14,0)+IF('Standard Profiles'!$G$22=$B$24,21,0),MOD($C5447,24)+1)/SUM(INDEX($D$3:$AA$30,INDEX(Jesper!$R$2:$R$366,ROW(INDEX(Jesper!AL$2:AL$366,ROUNDDOWN($C5447/24,0)+1,1))-1)+IF('Standard Profiles'!$G$22=$B$10,7,0)+IF('Standard Profiles'!$G$22=$B$17,14,0)+IF('Standard Profiles'!$G$22=$B$24,21,0),0)),0)</f>
        <v>0</v>
      </c>
      <c r="I5447">
        <f t="shared" si="608"/>
        <v>0</v>
      </c>
      <c r="J5447">
        <f t="shared" si="609"/>
        <v>25.777933844732829</v>
      </c>
      <c r="K5447">
        <f t="shared" si="610"/>
        <v>2.2583084878479478</v>
      </c>
      <c r="L5447">
        <f t="shared" si="611"/>
        <v>1.1291542439239739</v>
      </c>
      <c r="M5447">
        <f t="shared" si="612"/>
        <v>0</v>
      </c>
      <c r="N5447" s="45">
        <f t="shared" si="613"/>
        <v>45152.541666653538</v>
      </c>
    </row>
    <row r="5448" spans="2:14" x14ac:dyDescent="0.25">
      <c r="B5448">
        <f t="shared" si="607"/>
        <v>1</v>
      </c>
      <c r="C5448" s="16">
        <v>5414</v>
      </c>
      <c r="D5448" cm="1">
        <f t="array" ref="D5448">IFERROR(INDEX(Jesper!AH$2:AH$366,ROUNDDOWN($C5448/24,0)+1,1)*INDEX($D$3:$AA$30,INDEX(Jesper!$R$2:$R$366,ROW(INDEX(Jesper!AH$2:AH$366,ROUNDDOWN($C5448/24,0)+1,1))-1)+IF('Standard Profiles'!$G$18=$B$10,7,0)+IF('Standard Profiles'!$G$18=$B$17,14,0)+IF('Standard Profiles'!$G$18=$B$24,21,0),MOD($C5448,24)+1)/SUM(INDEX($D$3:$AA$30,INDEX(Jesper!$R$2:$R$366,ROW(INDEX(Jesper!AH$2:AH$366,ROUNDDOWN($C5448/24,0)+1,1))-1)+IF('Standard Profiles'!$G$18=$B$10,7,0)+IF('Standard Profiles'!$G$18=$B$17,14,0)+IF('Standard Profiles'!$G$18=$B$24,21,0),0)),0)</f>
        <v>31.757463110361758</v>
      </c>
      <c r="E5448" cm="1">
        <f t="array" ref="E5448">IFERROR(INDEX(Jesper!AI$2:AI$366,ROUNDDOWN($C5448/24,0)+1,1)*INDEX($D$3:$AA$30,INDEX(Jesper!$R$2:$R$366,ROW(INDEX(Jesper!AI$2:AI$366,ROUNDDOWN($C5448/24,0)+1,1))-1)+IF('Standard Profiles'!$G$19=$B$10,7,0)+IF('Standard Profiles'!$G$19=$B$17,14,0)+IF('Standard Profiles'!$G$19=$B$24,21,0),MOD($C5448,24)+1)/SUM(INDEX($D$3:$AA$30,INDEX(Jesper!$R$2:$R$366,ROW(INDEX(Jesper!AI$2:AI$366,ROUNDDOWN($C5448/24,0)+1,1))-1)+IF('Standard Profiles'!$G$19=$B$10,7,0)+IF('Standard Profiles'!$G$19=$B$17,14,0)+IF('Standard Profiles'!$G$19=$B$24,21,0),0)),0)</f>
        <v>11.990631754395359</v>
      </c>
      <c r="F5448" cm="1">
        <f t="array" ref="F5448">IFERROR(INDEX(Jesper!AJ$2:AJ$366,ROUNDDOWN($C5448/24,0)+1,1)*INDEX($D$3:$AA$30,INDEX(Jesper!$R$2:$R$366,ROW(INDEX(Jesper!AJ$2:AJ$366,ROUNDDOWN($C5448/24,0)+1,1))-1)+IF('Standard Profiles'!$G$20=$B$10,7,0)+IF('Standard Profiles'!$G$20=$B$17,14,0)+IF('Standard Profiles'!$G$20=$B$24,21,0),MOD($C5448,24)+1)/SUM(INDEX($D$3:$AA$30,INDEX(Jesper!$R$2:$R$366,ROW(INDEX(Jesper!AJ$2:AJ$366,ROUNDDOWN($C5448/24,0)+1,1))-1)+IF('Standard Profiles'!$G$20=$B$10,7,0)+IF('Standard Profiles'!$G$20=$B$17,14,0)+IF('Standard Profiles'!$G$20=$B$24,21,0),0)),0)</f>
        <v>0</v>
      </c>
      <c r="G5448" cm="1">
        <f t="array" ref="G5448">IFERROR(INDEX(Jesper!AK$2:AK$366,ROUNDDOWN($C5448/24,0)+1,1)*INDEX($D$3:$AA$30,INDEX(Jesper!$R$2:$R$366,ROW(INDEX(Jesper!AK$2:AK$366,ROUNDDOWN($C5448/24,0)+1,1))-1)+IF('Standard Profiles'!$G$21=$B$10,7,0)+IF('Standard Profiles'!$G$21=$B$17,14,0)+IF('Standard Profiles'!$G$21=$B$24,21,0),MOD($C5448,24)+1)/SUM(INDEX($D$3:$AA$30,INDEX(Jesper!$R$2:$R$366,ROW(INDEX(Jesper!AK$2:AK$366,ROUNDDOWN($C5448/24,0)+1,1))-1)+IF('Standard Profiles'!$G$21=$B$10,7,0)+IF('Standard Profiles'!$G$21=$B$17,14,0)+IF('Standard Profiles'!$G$21=$B$24,21,0),0)),0)</f>
        <v>0</v>
      </c>
      <c r="H5448" cm="1">
        <f t="array" ref="H5448">IFERROR(INDEX(Jesper!AL$2:AL$366,ROUNDDOWN($C5448/24,0)+1,1)*INDEX($D$3:$AA$30,INDEX(Jesper!$R$2:$R$366,ROW(INDEX(Jesper!AL$2:AL$366,ROUNDDOWN($C5448/24,0)+1,1))-1)+IF('Standard Profiles'!$G$22=$B$10,7,0)+IF('Standard Profiles'!$G$22=$B$17,14,0)+IF('Standard Profiles'!$G$22=$B$24,21,0),MOD($C5448,24)+1)/SUM(INDEX($D$3:$AA$30,INDEX(Jesper!$R$2:$R$366,ROW(INDEX(Jesper!AL$2:AL$366,ROUNDDOWN($C5448/24,0)+1,1))-1)+IF('Standard Profiles'!$G$22=$B$10,7,0)+IF('Standard Profiles'!$G$22=$B$17,14,0)+IF('Standard Profiles'!$G$22=$B$24,21,0),0)),0)</f>
        <v>0</v>
      </c>
      <c r="I5448">
        <f t="shared" si="608"/>
        <v>0</v>
      </c>
      <c r="J5448">
        <f t="shared" si="609"/>
        <v>38.666900767099236</v>
      </c>
      <c r="K5448">
        <f t="shared" si="610"/>
        <v>3.387462731771921</v>
      </c>
      <c r="L5448">
        <f t="shared" si="611"/>
        <v>1.6937313658859605</v>
      </c>
      <c r="M5448">
        <f t="shared" si="612"/>
        <v>0</v>
      </c>
      <c r="N5448" s="45">
        <f t="shared" si="613"/>
        <v>45152.583333320203</v>
      </c>
    </row>
    <row r="5449" spans="2:14" x14ac:dyDescent="0.25">
      <c r="B5449">
        <f t="shared" si="607"/>
        <v>1</v>
      </c>
      <c r="C5449" s="16">
        <v>5415</v>
      </c>
      <c r="D5449" cm="1">
        <f t="array" ref="D5449">IFERROR(INDEX(Jesper!AH$2:AH$366,ROUNDDOWN($C5449/24,0)+1,1)*INDEX($D$3:$AA$30,INDEX(Jesper!$R$2:$R$366,ROW(INDEX(Jesper!AH$2:AH$366,ROUNDDOWN($C5449/24,0)+1,1))-1)+IF('Standard Profiles'!$G$18=$B$10,7,0)+IF('Standard Profiles'!$G$18=$B$17,14,0)+IF('Standard Profiles'!$G$18=$B$24,21,0),MOD($C5449,24)+1)/SUM(INDEX($D$3:$AA$30,INDEX(Jesper!$R$2:$R$366,ROW(INDEX(Jesper!AH$2:AH$366,ROUNDDOWN($C5449/24,0)+1,1))-1)+IF('Standard Profiles'!$G$18=$B$10,7,0)+IF('Standard Profiles'!$G$18=$B$17,14,0)+IF('Standard Profiles'!$G$18=$B$24,21,0),0)),0)</f>
        <v>31.757463110361758</v>
      </c>
      <c r="E5449" cm="1">
        <f t="array" ref="E5449">IFERROR(INDEX(Jesper!AI$2:AI$366,ROUNDDOWN($C5449/24,0)+1,1)*INDEX($D$3:$AA$30,INDEX(Jesper!$R$2:$R$366,ROW(INDEX(Jesper!AI$2:AI$366,ROUNDDOWN($C5449/24,0)+1,1))-1)+IF('Standard Profiles'!$G$19=$B$10,7,0)+IF('Standard Profiles'!$G$19=$B$17,14,0)+IF('Standard Profiles'!$G$19=$B$24,21,0),MOD($C5449,24)+1)/SUM(INDEX($D$3:$AA$30,INDEX(Jesper!$R$2:$R$366,ROW(INDEX(Jesper!AI$2:AI$366,ROUNDDOWN($C5449/24,0)+1,1))-1)+IF('Standard Profiles'!$G$19=$B$10,7,0)+IF('Standard Profiles'!$G$19=$B$17,14,0)+IF('Standard Profiles'!$G$19=$B$24,21,0),0)),0)</f>
        <v>11.990631754395359</v>
      </c>
      <c r="F5449" cm="1">
        <f t="array" ref="F5449">IFERROR(INDEX(Jesper!AJ$2:AJ$366,ROUNDDOWN($C5449/24,0)+1,1)*INDEX($D$3:$AA$30,INDEX(Jesper!$R$2:$R$366,ROW(INDEX(Jesper!AJ$2:AJ$366,ROUNDDOWN($C5449/24,0)+1,1))-1)+IF('Standard Profiles'!$G$20=$B$10,7,0)+IF('Standard Profiles'!$G$20=$B$17,14,0)+IF('Standard Profiles'!$G$20=$B$24,21,0),MOD($C5449,24)+1)/SUM(INDEX($D$3:$AA$30,INDEX(Jesper!$R$2:$R$366,ROW(INDEX(Jesper!AJ$2:AJ$366,ROUNDDOWN($C5449/24,0)+1,1))-1)+IF('Standard Profiles'!$G$20=$B$10,7,0)+IF('Standard Profiles'!$G$20=$B$17,14,0)+IF('Standard Profiles'!$G$20=$B$24,21,0),0)),0)</f>
        <v>0</v>
      </c>
      <c r="G5449" cm="1">
        <f t="array" ref="G5449">IFERROR(INDEX(Jesper!AK$2:AK$366,ROUNDDOWN($C5449/24,0)+1,1)*INDEX($D$3:$AA$30,INDEX(Jesper!$R$2:$R$366,ROW(INDEX(Jesper!AK$2:AK$366,ROUNDDOWN($C5449/24,0)+1,1))-1)+IF('Standard Profiles'!$G$21=$B$10,7,0)+IF('Standard Profiles'!$G$21=$B$17,14,0)+IF('Standard Profiles'!$G$21=$B$24,21,0),MOD($C5449,24)+1)/SUM(INDEX($D$3:$AA$30,INDEX(Jesper!$R$2:$R$366,ROW(INDEX(Jesper!AK$2:AK$366,ROUNDDOWN($C5449/24,0)+1,1))-1)+IF('Standard Profiles'!$G$21=$B$10,7,0)+IF('Standard Profiles'!$G$21=$B$17,14,0)+IF('Standard Profiles'!$G$21=$B$24,21,0),0)),0)</f>
        <v>0</v>
      </c>
      <c r="H5449" cm="1">
        <f t="array" ref="H5449">IFERROR(INDEX(Jesper!AL$2:AL$366,ROUNDDOWN($C5449/24,0)+1,1)*INDEX($D$3:$AA$30,INDEX(Jesper!$R$2:$R$366,ROW(INDEX(Jesper!AL$2:AL$366,ROUNDDOWN($C5449/24,0)+1,1))-1)+IF('Standard Profiles'!$G$22=$B$10,7,0)+IF('Standard Profiles'!$G$22=$B$17,14,0)+IF('Standard Profiles'!$G$22=$B$24,21,0),MOD($C5449,24)+1)/SUM(INDEX($D$3:$AA$30,INDEX(Jesper!$R$2:$R$366,ROW(INDEX(Jesper!AL$2:AL$366,ROUNDDOWN($C5449/24,0)+1,1))-1)+IF('Standard Profiles'!$G$22=$B$10,7,0)+IF('Standard Profiles'!$G$22=$B$17,14,0)+IF('Standard Profiles'!$G$22=$B$24,21,0),0)),0)</f>
        <v>0</v>
      </c>
      <c r="I5449">
        <f t="shared" si="608"/>
        <v>0</v>
      </c>
      <c r="J5449">
        <f t="shared" si="609"/>
        <v>38.666900767099236</v>
      </c>
      <c r="K5449">
        <f t="shared" si="610"/>
        <v>3.387462731771921</v>
      </c>
      <c r="L5449">
        <f t="shared" si="611"/>
        <v>1.6937313658859605</v>
      </c>
      <c r="M5449">
        <f t="shared" si="612"/>
        <v>0</v>
      </c>
      <c r="N5449" s="45">
        <f t="shared" si="613"/>
        <v>45152.624999986867</v>
      </c>
    </row>
    <row r="5450" spans="2:14" x14ac:dyDescent="0.25">
      <c r="B5450">
        <f t="shared" si="607"/>
        <v>1</v>
      </c>
      <c r="C5450" s="16">
        <v>5416</v>
      </c>
      <c r="D5450" cm="1">
        <f t="array" ref="D5450">IFERROR(INDEX(Jesper!AH$2:AH$366,ROUNDDOWN($C5450/24,0)+1,1)*INDEX($D$3:$AA$30,INDEX(Jesper!$R$2:$R$366,ROW(INDEX(Jesper!AH$2:AH$366,ROUNDDOWN($C5450/24,0)+1,1))-1)+IF('Standard Profiles'!$G$18=$B$10,7,0)+IF('Standard Profiles'!$G$18=$B$17,14,0)+IF('Standard Profiles'!$G$18=$B$24,21,0),MOD($C5450,24)+1)/SUM(INDEX($D$3:$AA$30,INDEX(Jesper!$R$2:$R$366,ROW(INDEX(Jesper!AH$2:AH$366,ROUNDDOWN($C5450/24,0)+1,1))-1)+IF('Standard Profiles'!$G$18=$B$10,7,0)+IF('Standard Profiles'!$G$18=$B$17,14,0)+IF('Standard Profiles'!$G$18=$B$24,21,0),0)),0)</f>
        <v>18.525186814377697</v>
      </c>
      <c r="E5450" cm="1">
        <f t="array" ref="E5450">IFERROR(INDEX(Jesper!AI$2:AI$366,ROUNDDOWN($C5450/24,0)+1,1)*INDEX($D$3:$AA$30,INDEX(Jesper!$R$2:$R$366,ROW(INDEX(Jesper!AI$2:AI$366,ROUNDDOWN($C5450/24,0)+1,1))-1)+IF('Standard Profiles'!$G$19=$B$10,7,0)+IF('Standard Profiles'!$G$19=$B$17,14,0)+IF('Standard Profiles'!$G$19=$B$24,21,0),MOD($C5450,24)+1)/SUM(INDEX($D$3:$AA$30,INDEX(Jesper!$R$2:$R$366,ROW(INDEX(Jesper!AI$2:AI$366,ROUNDDOWN($C5450/24,0)+1,1))-1)+IF('Standard Profiles'!$G$19=$B$10,7,0)+IF('Standard Profiles'!$G$19=$B$17,14,0)+IF('Standard Profiles'!$G$19=$B$24,21,0),0)),0)</f>
        <v>6.9945351900639592</v>
      </c>
      <c r="F5450" cm="1">
        <f t="array" ref="F5450">IFERROR(INDEX(Jesper!AJ$2:AJ$366,ROUNDDOWN($C5450/24,0)+1,1)*INDEX($D$3:$AA$30,INDEX(Jesper!$R$2:$R$366,ROW(INDEX(Jesper!AJ$2:AJ$366,ROUNDDOWN($C5450/24,0)+1,1))-1)+IF('Standard Profiles'!$G$20=$B$10,7,0)+IF('Standard Profiles'!$G$20=$B$17,14,0)+IF('Standard Profiles'!$G$20=$B$24,21,0),MOD($C5450,24)+1)/SUM(INDEX($D$3:$AA$30,INDEX(Jesper!$R$2:$R$366,ROW(INDEX(Jesper!AJ$2:AJ$366,ROUNDDOWN($C5450/24,0)+1,1))-1)+IF('Standard Profiles'!$G$20=$B$10,7,0)+IF('Standard Profiles'!$G$20=$B$17,14,0)+IF('Standard Profiles'!$G$20=$B$24,21,0),0)),0)</f>
        <v>0</v>
      </c>
      <c r="G5450" cm="1">
        <f t="array" ref="G5450">IFERROR(INDEX(Jesper!AK$2:AK$366,ROUNDDOWN($C5450/24,0)+1,1)*INDEX($D$3:$AA$30,INDEX(Jesper!$R$2:$R$366,ROW(INDEX(Jesper!AK$2:AK$366,ROUNDDOWN($C5450/24,0)+1,1))-1)+IF('Standard Profiles'!$G$21=$B$10,7,0)+IF('Standard Profiles'!$G$21=$B$17,14,0)+IF('Standard Profiles'!$G$21=$B$24,21,0),MOD($C5450,24)+1)/SUM(INDEX($D$3:$AA$30,INDEX(Jesper!$R$2:$R$366,ROW(INDEX(Jesper!AK$2:AK$366,ROUNDDOWN($C5450/24,0)+1,1))-1)+IF('Standard Profiles'!$G$21=$B$10,7,0)+IF('Standard Profiles'!$G$21=$B$17,14,0)+IF('Standard Profiles'!$G$21=$B$24,21,0),0)),0)</f>
        <v>0</v>
      </c>
      <c r="H5450" cm="1">
        <f t="array" ref="H5450">IFERROR(INDEX(Jesper!AL$2:AL$366,ROUNDDOWN($C5450/24,0)+1,1)*INDEX($D$3:$AA$30,INDEX(Jesper!$R$2:$R$366,ROW(INDEX(Jesper!AL$2:AL$366,ROUNDDOWN($C5450/24,0)+1,1))-1)+IF('Standard Profiles'!$G$22=$B$10,7,0)+IF('Standard Profiles'!$G$22=$B$17,14,0)+IF('Standard Profiles'!$G$22=$B$24,21,0),MOD($C5450,24)+1)/SUM(INDEX($D$3:$AA$30,INDEX(Jesper!$R$2:$R$366,ROW(INDEX(Jesper!AL$2:AL$366,ROUNDDOWN($C5450/24,0)+1,1))-1)+IF('Standard Profiles'!$G$22=$B$10,7,0)+IF('Standard Profiles'!$G$22=$B$17,14,0)+IF('Standard Profiles'!$G$22=$B$24,21,0),0)),0)</f>
        <v>0</v>
      </c>
      <c r="I5450">
        <f t="shared" si="608"/>
        <v>0</v>
      </c>
      <c r="J5450">
        <f t="shared" si="609"/>
        <v>22.555692114141223</v>
      </c>
      <c r="K5450">
        <f t="shared" si="610"/>
        <v>1.9760199268669545</v>
      </c>
      <c r="L5450">
        <f t="shared" si="611"/>
        <v>0.98800996343347725</v>
      </c>
      <c r="M5450">
        <f t="shared" si="612"/>
        <v>0</v>
      </c>
      <c r="N5450" s="45">
        <f t="shared" si="613"/>
        <v>45152.666666653531</v>
      </c>
    </row>
    <row r="5451" spans="2:14" x14ac:dyDescent="0.25">
      <c r="B5451">
        <f t="shared" si="607"/>
        <v>1</v>
      </c>
      <c r="C5451" s="16">
        <v>5417</v>
      </c>
      <c r="D5451" cm="1">
        <f t="array" ref="D5451">IFERROR(INDEX(Jesper!AH$2:AH$366,ROUNDDOWN($C5451/24,0)+1,1)*INDEX($D$3:$AA$30,INDEX(Jesper!$R$2:$R$366,ROW(INDEX(Jesper!AH$2:AH$366,ROUNDDOWN($C5451/24,0)+1,1))-1)+IF('Standard Profiles'!$G$18=$B$10,7,0)+IF('Standard Profiles'!$G$18=$B$17,14,0)+IF('Standard Profiles'!$G$18=$B$24,21,0),MOD($C5451,24)+1)/SUM(INDEX($D$3:$AA$30,INDEX(Jesper!$R$2:$R$366,ROW(INDEX(Jesper!AH$2:AH$366,ROUNDDOWN($C5451/24,0)+1,1))-1)+IF('Standard Profiles'!$G$18=$B$10,7,0)+IF('Standard Profiles'!$G$18=$B$17,14,0)+IF('Standard Profiles'!$G$18=$B$24,21,0),0)),0)</f>
        <v>5.2929105183936276</v>
      </c>
      <c r="E5451" cm="1">
        <f t="array" ref="E5451">IFERROR(INDEX(Jesper!AI$2:AI$366,ROUNDDOWN($C5451/24,0)+1,1)*INDEX($D$3:$AA$30,INDEX(Jesper!$R$2:$R$366,ROW(INDEX(Jesper!AI$2:AI$366,ROUNDDOWN($C5451/24,0)+1,1))-1)+IF('Standard Profiles'!$G$19=$B$10,7,0)+IF('Standard Profiles'!$G$19=$B$17,14,0)+IF('Standard Profiles'!$G$19=$B$24,21,0),MOD($C5451,24)+1)/SUM(INDEX($D$3:$AA$30,INDEX(Jesper!$R$2:$R$366,ROW(INDEX(Jesper!AI$2:AI$366,ROUNDDOWN($C5451/24,0)+1,1))-1)+IF('Standard Profiles'!$G$19=$B$10,7,0)+IF('Standard Profiles'!$G$19=$B$17,14,0)+IF('Standard Profiles'!$G$19=$B$24,21,0),0)),0)</f>
        <v>1.9984386257325599</v>
      </c>
      <c r="F5451" cm="1">
        <f t="array" ref="F5451">IFERROR(INDEX(Jesper!AJ$2:AJ$366,ROUNDDOWN($C5451/24,0)+1,1)*INDEX($D$3:$AA$30,INDEX(Jesper!$R$2:$R$366,ROW(INDEX(Jesper!AJ$2:AJ$366,ROUNDDOWN($C5451/24,0)+1,1))-1)+IF('Standard Profiles'!$G$20=$B$10,7,0)+IF('Standard Profiles'!$G$20=$B$17,14,0)+IF('Standard Profiles'!$G$20=$B$24,21,0),MOD($C5451,24)+1)/SUM(INDEX($D$3:$AA$30,INDEX(Jesper!$R$2:$R$366,ROW(INDEX(Jesper!AJ$2:AJ$366,ROUNDDOWN($C5451/24,0)+1,1))-1)+IF('Standard Profiles'!$G$20=$B$10,7,0)+IF('Standard Profiles'!$G$20=$B$17,14,0)+IF('Standard Profiles'!$G$20=$B$24,21,0),0)),0)</f>
        <v>0</v>
      </c>
      <c r="G5451" cm="1">
        <f t="array" ref="G5451">IFERROR(INDEX(Jesper!AK$2:AK$366,ROUNDDOWN($C5451/24,0)+1,1)*INDEX($D$3:$AA$30,INDEX(Jesper!$R$2:$R$366,ROW(INDEX(Jesper!AK$2:AK$366,ROUNDDOWN($C5451/24,0)+1,1))-1)+IF('Standard Profiles'!$G$21=$B$10,7,0)+IF('Standard Profiles'!$G$21=$B$17,14,0)+IF('Standard Profiles'!$G$21=$B$24,21,0),MOD($C5451,24)+1)/SUM(INDEX($D$3:$AA$30,INDEX(Jesper!$R$2:$R$366,ROW(INDEX(Jesper!AK$2:AK$366,ROUNDDOWN($C5451/24,0)+1,1))-1)+IF('Standard Profiles'!$G$21=$B$10,7,0)+IF('Standard Profiles'!$G$21=$B$17,14,0)+IF('Standard Profiles'!$G$21=$B$24,21,0),0)),0)</f>
        <v>0</v>
      </c>
      <c r="H5451" cm="1">
        <f t="array" ref="H5451">IFERROR(INDEX(Jesper!AL$2:AL$366,ROUNDDOWN($C5451/24,0)+1,1)*INDEX($D$3:$AA$30,INDEX(Jesper!$R$2:$R$366,ROW(INDEX(Jesper!AL$2:AL$366,ROUNDDOWN($C5451/24,0)+1,1))-1)+IF('Standard Profiles'!$G$22=$B$10,7,0)+IF('Standard Profiles'!$G$22=$B$17,14,0)+IF('Standard Profiles'!$G$22=$B$24,21,0),MOD($C5451,24)+1)/SUM(INDEX($D$3:$AA$30,INDEX(Jesper!$R$2:$R$366,ROW(INDEX(Jesper!AL$2:AL$366,ROUNDDOWN($C5451/24,0)+1,1))-1)+IF('Standard Profiles'!$G$22=$B$10,7,0)+IF('Standard Profiles'!$G$22=$B$17,14,0)+IF('Standard Profiles'!$G$22=$B$24,21,0),0)),0)</f>
        <v>0</v>
      </c>
      <c r="I5451">
        <f t="shared" si="608"/>
        <v>0</v>
      </c>
      <c r="J5451">
        <f t="shared" si="609"/>
        <v>6.4444834611832071</v>
      </c>
      <c r="K5451">
        <f t="shared" si="610"/>
        <v>0.56457712196198695</v>
      </c>
      <c r="L5451">
        <f t="shared" si="611"/>
        <v>0.28228856098099347</v>
      </c>
      <c r="M5451">
        <f t="shared" si="612"/>
        <v>0</v>
      </c>
      <c r="N5451" s="45">
        <f t="shared" si="613"/>
        <v>45152.708333320195</v>
      </c>
    </row>
    <row r="5452" spans="2:14" x14ac:dyDescent="0.25">
      <c r="B5452">
        <f t="shared" si="607"/>
        <v>1</v>
      </c>
      <c r="C5452" s="16">
        <v>5418</v>
      </c>
      <c r="D5452" cm="1">
        <f t="array" ref="D5452">IFERROR(INDEX(Jesper!AH$2:AH$366,ROUNDDOWN($C5452/24,0)+1,1)*INDEX($D$3:$AA$30,INDEX(Jesper!$R$2:$R$366,ROW(INDEX(Jesper!AH$2:AH$366,ROUNDDOWN($C5452/24,0)+1,1))-1)+IF('Standard Profiles'!$G$18=$B$10,7,0)+IF('Standard Profiles'!$G$18=$B$17,14,0)+IF('Standard Profiles'!$G$18=$B$24,21,0),MOD($C5452,24)+1)/SUM(INDEX($D$3:$AA$30,INDEX(Jesper!$R$2:$R$366,ROW(INDEX(Jesper!AH$2:AH$366,ROUNDDOWN($C5452/24,0)+1,1))-1)+IF('Standard Profiles'!$G$18=$B$10,7,0)+IF('Standard Profiles'!$G$18=$B$17,14,0)+IF('Standard Profiles'!$G$18=$B$24,21,0),0)),0)</f>
        <v>5.2183624829232951</v>
      </c>
      <c r="E5452" cm="1">
        <f t="array" ref="E5452">IFERROR(INDEX(Jesper!AI$2:AI$366,ROUNDDOWN($C5452/24,0)+1,1)*INDEX($D$3:$AA$30,INDEX(Jesper!$R$2:$R$366,ROW(INDEX(Jesper!AI$2:AI$366,ROUNDDOWN($C5452/24,0)+1,1))-1)+IF('Standard Profiles'!$G$19=$B$10,7,0)+IF('Standard Profiles'!$G$19=$B$17,14,0)+IF('Standard Profiles'!$G$19=$B$24,21,0),MOD($C5452,24)+1)/SUM(INDEX($D$3:$AA$30,INDEX(Jesper!$R$2:$R$366,ROW(INDEX(Jesper!AI$2:AI$366,ROUNDDOWN($C5452/24,0)+1,1))-1)+IF('Standard Profiles'!$G$19=$B$10,7,0)+IF('Standard Profiles'!$G$19=$B$17,14,0)+IF('Standard Profiles'!$G$19=$B$24,21,0),0)),0)</f>
        <v>1.9702916028349182</v>
      </c>
      <c r="F5452" cm="1">
        <f t="array" ref="F5452">IFERROR(INDEX(Jesper!AJ$2:AJ$366,ROUNDDOWN($C5452/24,0)+1,1)*INDEX($D$3:$AA$30,INDEX(Jesper!$R$2:$R$366,ROW(INDEX(Jesper!AJ$2:AJ$366,ROUNDDOWN($C5452/24,0)+1,1))-1)+IF('Standard Profiles'!$G$20=$B$10,7,0)+IF('Standard Profiles'!$G$20=$B$17,14,0)+IF('Standard Profiles'!$G$20=$B$24,21,0),MOD($C5452,24)+1)/SUM(INDEX($D$3:$AA$30,INDEX(Jesper!$R$2:$R$366,ROW(INDEX(Jesper!AJ$2:AJ$366,ROUNDDOWN($C5452/24,0)+1,1))-1)+IF('Standard Profiles'!$G$20=$B$10,7,0)+IF('Standard Profiles'!$G$20=$B$17,14,0)+IF('Standard Profiles'!$G$20=$B$24,21,0),0)),0)</f>
        <v>0</v>
      </c>
      <c r="G5452" cm="1">
        <f t="array" ref="G5452">IFERROR(INDEX(Jesper!AK$2:AK$366,ROUNDDOWN($C5452/24,0)+1,1)*INDEX($D$3:$AA$30,INDEX(Jesper!$R$2:$R$366,ROW(INDEX(Jesper!AK$2:AK$366,ROUNDDOWN($C5452/24,0)+1,1))-1)+IF('Standard Profiles'!$G$21=$B$10,7,0)+IF('Standard Profiles'!$G$21=$B$17,14,0)+IF('Standard Profiles'!$G$21=$B$24,21,0),MOD($C5452,24)+1)/SUM(INDEX($D$3:$AA$30,INDEX(Jesper!$R$2:$R$366,ROW(INDEX(Jesper!AK$2:AK$366,ROUNDDOWN($C5452/24,0)+1,1))-1)+IF('Standard Profiles'!$G$21=$B$10,7,0)+IF('Standard Profiles'!$G$21=$B$17,14,0)+IF('Standard Profiles'!$G$21=$B$24,21,0),0)),0)</f>
        <v>0</v>
      </c>
      <c r="H5452" cm="1">
        <f t="array" ref="H5452">IFERROR(INDEX(Jesper!AL$2:AL$366,ROUNDDOWN($C5452/24,0)+1,1)*INDEX($D$3:$AA$30,INDEX(Jesper!$R$2:$R$366,ROW(INDEX(Jesper!AL$2:AL$366,ROUNDDOWN($C5452/24,0)+1,1))-1)+IF('Standard Profiles'!$G$22=$B$10,7,0)+IF('Standard Profiles'!$G$22=$B$17,14,0)+IF('Standard Profiles'!$G$22=$B$24,21,0),MOD($C5452,24)+1)/SUM(INDEX($D$3:$AA$30,INDEX(Jesper!$R$2:$R$366,ROW(INDEX(Jesper!AL$2:AL$366,ROUNDDOWN($C5452/24,0)+1,1))-1)+IF('Standard Profiles'!$G$22=$B$10,7,0)+IF('Standard Profiles'!$G$22=$B$17,14,0)+IF('Standard Profiles'!$G$22=$B$24,21,0),0)),0)</f>
        <v>0</v>
      </c>
      <c r="I5452">
        <f t="shared" si="608"/>
        <v>0</v>
      </c>
      <c r="J5452">
        <f t="shared" si="609"/>
        <v>6.3537160884904864</v>
      </c>
      <c r="K5452">
        <f t="shared" si="610"/>
        <v>0.55662533151181814</v>
      </c>
      <c r="L5452">
        <f t="shared" si="611"/>
        <v>0.27831266575590907</v>
      </c>
      <c r="M5452">
        <f t="shared" si="612"/>
        <v>0</v>
      </c>
      <c r="N5452" s="45">
        <f t="shared" si="613"/>
        <v>45152.74999998686</v>
      </c>
    </row>
    <row r="5453" spans="2:14" x14ac:dyDescent="0.25">
      <c r="B5453">
        <f t="shared" si="607"/>
        <v>1</v>
      </c>
      <c r="C5453" s="16">
        <v>5419</v>
      </c>
      <c r="D5453" cm="1">
        <f t="array" ref="D5453">IFERROR(INDEX(Jesper!AH$2:AH$366,ROUNDDOWN($C5453/24,0)+1,1)*INDEX($D$3:$AA$30,INDEX(Jesper!$R$2:$R$366,ROW(INDEX(Jesper!AH$2:AH$366,ROUNDDOWN($C5453/24,0)+1,1))-1)+IF('Standard Profiles'!$G$18=$B$10,7,0)+IF('Standard Profiles'!$G$18=$B$17,14,0)+IF('Standard Profiles'!$G$18=$B$24,21,0),MOD($C5453,24)+1)/SUM(INDEX($D$3:$AA$30,INDEX(Jesper!$R$2:$R$366,ROW(INDEX(Jesper!AH$2:AH$366,ROUNDDOWN($C5453/24,0)+1,1))-1)+IF('Standard Profiles'!$G$18=$B$10,7,0)+IF('Standard Profiles'!$G$18=$B$17,14,0)+IF('Standard Profiles'!$G$18=$B$24,21,0),0)),0)</f>
        <v>5.2183624829232951</v>
      </c>
      <c r="E5453" cm="1">
        <f t="array" ref="E5453">IFERROR(INDEX(Jesper!AI$2:AI$366,ROUNDDOWN($C5453/24,0)+1,1)*INDEX($D$3:$AA$30,INDEX(Jesper!$R$2:$R$366,ROW(INDEX(Jesper!AI$2:AI$366,ROUNDDOWN($C5453/24,0)+1,1))-1)+IF('Standard Profiles'!$G$19=$B$10,7,0)+IF('Standard Profiles'!$G$19=$B$17,14,0)+IF('Standard Profiles'!$G$19=$B$24,21,0),MOD($C5453,24)+1)/SUM(INDEX($D$3:$AA$30,INDEX(Jesper!$R$2:$R$366,ROW(INDEX(Jesper!AI$2:AI$366,ROUNDDOWN($C5453/24,0)+1,1))-1)+IF('Standard Profiles'!$G$19=$B$10,7,0)+IF('Standard Profiles'!$G$19=$B$17,14,0)+IF('Standard Profiles'!$G$19=$B$24,21,0),0)),0)</f>
        <v>1.9702916028349182</v>
      </c>
      <c r="F5453" cm="1">
        <f t="array" ref="F5453">IFERROR(INDEX(Jesper!AJ$2:AJ$366,ROUNDDOWN($C5453/24,0)+1,1)*INDEX($D$3:$AA$30,INDEX(Jesper!$R$2:$R$366,ROW(INDEX(Jesper!AJ$2:AJ$366,ROUNDDOWN($C5453/24,0)+1,1))-1)+IF('Standard Profiles'!$G$20=$B$10,7,0)+IF('Standard Profiles'!$G$20=$B$17,14,0)+IF('Standard Profiles'!$G$20=$B$24,21,0),MOD($C5453,24)+1)/SUM(INDEX($D$3:$AA$30,INDEX(Jesper!$R$2:$R$366,ROW(INDEX(Jesper!AJ$2:AJ$366,ROUNDDOWN($C5453/24,0)+1,1))-1)+IF('Standard Profiles'!$G$20=$B$10,7,0)+IF('Standard Profiles'!$G$20=$B$17,14,0)+IF('Standard Profiles'!$G$20=$B$24,21,0),0)),0)</f>
        <v>0</v>
      </c>
      <c r="G5453" cm="1">
        <f t="array" ref="G5453">IFERROR(INDEX(Jesper!AK$2:AK$366,ROUNDDOWN($C5453/24,0)+1,1)*INDEX($D$3:$AA$30,INDEX(Jesper!$R$2:$R$366,ROW(INDEX(Jesper!AK$2:AK$366,ROUNDDOWN($C5453/24,0)+1,1))-1)+IF('Standard Profiles'!$G$21=$B$10,7,0)+IF('Standard Profiles'!$G$21=$B$17,14,0)+IF('Standard Profiles'!$G$21=$B$24,21,0),MOD($C5453,24)+1)/SUM(INDEX($D$3:$AA$30,INDEX(Jesper!$R$2:$R$366,ROW(INDEX(Jesper!AK$2:AK$366,ROUNDDOWN($C5453/24,0)+1,1))-1)+IF('Standard Profiles'!$G$21=$B$10,7,0)+IF('Standard Profiles'!$G$21=$B$17,14,0)+IF('Standard Profiles'!$G$21=$B$24,21,0),0)),0)</f>
        <v>0</v>
      </c>
      <c r="H5453" cm="1">
        <f t="array" ref="H5453">IFERROR(INDEX(Jesper!AL$2:AL$366,ROUNDDOWN($C5453/24,0)+1,1)*INDEX($D$3:$AA$30,INDEX(Jesper!$R$2:$R$366,ROW(INDEX(Jesper!AL$2:AL$366,ROUNDDOWN($C5453/24,0)+1,1))-1)+IF('Standard Profiles'!$G$22=$B$10,7,0)+IF('Standard Profiles'!$G$22=$B$17,14,0)+IF('Standard Profiles'!$G$22=$B$24,21,0),MOD($C5453,24)+1)/SUM(INDEX($D$3:$AA$30,INDEX(Jesper!$R$2:$R$366,ROW(INDEX(Jesper!AL$2:AL$366,ROUNDDOWN($C5453/24,0)+1,1))-1)+IF('Standard Profiles'!$G$22=$B$10,7,0)+IF('Standard Profiles'!$G$22=$B$17,14,0)+IF('Standard Profiles'!$G$22=$B$24,21,0),0)),0)</f>
        <v>0</v>
      </c>
      <c r="I5453">
        <f t="shared" si="608"/>
        <v>0</v>
      </c>
      <c r="J5453">
        <f t="shared" si="609"/>
        <v>6.3537160884904864</v>
      </c>
      <c r="K5453">
        <f t="shared" si="610"/>
        <v>0.55662533151181814</v>
      </c>
      <c r="L5453">
        <f t="shared" si="611"/>
        <v>0.27831266575590907</v>
      </c>
      <c r="M5453">
        <f t="shared" si="612"/>
        <v>0</v>
      </c>
      <c r="N5453" s="45">
        <f t="shared" si="613"/>
        <v>45152.791666653524</v>
      </c>
    </row>
    <row r="5454" spans="2:14" x14ac:dyDescent="0.25">
      <c r="B5454">
        <f t="shared" si="607"/>
        <v>1</v>
      </c>
      <c r="C5454" s="16">
        <v>5420</v>
      </c>
      <c r="D5454" cm="1">
        <f t="array" ref="D5454">IFERROR(INDEX(Jesper!AH$2:AH$366,ROUNDDOWN($C5454/24,0)+1,1)*INDEX($D$3:$AA$30,INDEX(Jesper!$R$2:$R$366,ROW(INDEX(Jesper!AH$2:AH$366,ROUNDDOWN($C5454/24,0)+1,1))-1)+IF('Standard Profiles'!$G$18=$B$10,7,0)+IF('Standard Profiles'!$G$18=$B$17,14,0)+IF('Standard Profiles'!$G$18=$B$24,21,0),MOD($C5454,24)+1)/SUM(INDEX($D$3:$AA$30,INDEX(Jesper!$R$2:$R$366,ROW(INDEX(Jesper!AH$2:AH$366,ROUNDDOWN($C5454/24,0)+1,1))-1)+IF('Standard Profiles'!$G$18=$B$10,7,0)+IF('Standard Profiles'!$G$18=$B$17,14,0)+IF('Standard Profiles'!$G$18=$B$24,21,0),0)),0)</f>
        <v>5.2183624829232951</v>
      </c>
      <c r="E5454" cm="1">
        <f t="array" ref="E5454">IFERROR(INDEX(Jesper!AI$2:AI$366,ROUNDDOWN($C5454/24,0)+1,1)*INDEX($D$3:$AA$30,INDEX(Jesper!$R$2:$R$366,ROW(INDEX(Jesper!AI$2:AI$366,ROUNDDOWN($C5454/24,0)+1,1))-1)+IF('Standard Profiles'!$G$19=$B$10,7,0)+IF('Standard Profiles'!$G$19=$B$17,14,0)+IF('Standard Profiles'!$G$19=$B$24,21,0),MOD($C5454,24)+1)/SUM(INDEX($D$3:$AA$30,INDEX(Jesper!$R$2:$R$366,ROW(INDEX(Jesper!AI$2:AI$366,ROUNDDOWN($C5454/24,0)+1,1))-1)+IF('Standard Profiles'!$G$19=$B$10,7,0)+IF('Standard Profiles'!$G$19=$B$17,14,0)+IF('Standard Profiles'!$G$19=$B$24,21,0),0)),0)</f>
        <v>1.9702916028349182</v>
      </c>
      <c r="F5454" cm="1">
        <f t="array" ref="F5454">IFERROR(INDEX(Jesper!AJ$2:AJ$366,ROUNDDOWN($C5454/24,0)+1,1)*INDEX($D$3:$AA$30,INDEX(Jesper!$R$2:$R$366,ROW(INDEX(Jesper!AJ$2:AJ$366,ROUNDDOWN($C5454/24,0)+1,1))-1)+IF('Standard Profiles'!$G$20=$B$10,7,0)+IF('Standard Profiles'!$G$20=$B$17,14,0)+IF('Standard Profiles'!$G$20=$B$24,21,0),MOD($C5454,24)+1)/SUM(INDEX($D$3:$AA$30,INDEX(Jesper!$R$2:$R$366,ROW(INDEX(Jesper!AJ$2:AJ$366,ROUNDDOWN($C5454/24,0)+1,1))-1)+IF('Standard Profiles'!$G$20=$B$10,7,0)+IF('Standard Profiles'!$G$20=$B$17,14,0)+IF('Standard Profiles'!$G$20=$B$24,21,0),0)),0)</f>
        <v>0</v>
      </c>
      <c r="G5454" cm="1">
        <f t="array" ref="G5454">IFERROR(INDEX(Jesper!AK$2:AK$366,ROUNDDOWN($C5454/24,0)+1,1)*INDEX($D$3:$AA$30,INDEX(Jesper!$R$2:$R$366,ROW(INDEX(Jesper!AK$2:AK$366,ROUNDDOWN($C5454/24,0)+1,1))-1)+IF('Standard Profiles'!$G$21=$B$10,7,0)+IF('Standard Profiles'!$G$21=$B$17,14,0)+IF('Standard Profiles'!$G$21=$B$24,21,0),MOD($C5454,24)+1)/SUM(INDEX($D$3:$AA$30,INDEX(Jesper!$R$2:$R$366,ROW(INDEX(Jesper!AK$2:AK$366,ROUNDDOWN($C5454/24,0)+1,1))-1)+IF('Standard Profiles'!$G$21=$B$10,7,0)+IF('Standard Profiles'!$G$21=$B$17,14,0)+IF('Standard Profiles'!$G$21=$B$24,21,0),0)),0)</f>
        <v>0</v>
      </c>
      <c r="H5454" cm="1">
        <f t="array" ref="H5454">IFERROR(INDEX(Jesper!AL$2:AL$366,ROUNDDOWN($C5454/24,0)+1,1)*INDEX($D$3:$AA$30,INDEX(Jesper!$R$2:$R$366,ROW(INDEX(Jesper!AL$2:AL$366,ROUNDDOWN($C5454/24,0)+1,1))-1)+IF('Standard Profiles'!$G$22=$B$10,7,0)+IF('Standard Profiles'!$G$22=$B$17,14,0)+IF('Standard Profiles'!$G$22=$B$24,21,0),MOD($C5454,24)+1)/SUM(INDEX($D$3:$AA$30,INDEX(Jesper!$R$2:$R$366,ROW(INDEX(Jesper!AL$2:AL$366,ROUNDDOWN($C5454/24,0)+1,1))-1)+IF('Standard Profiles'!$G$22=$B$10,7,0)+IF('Standard Profiles'!$G$22=$B$17,14,0)+IF('Standard Profiles'!$G$22=$B$24,21,0),0)),0)</f>
        <v>0</v>
      </c>
      <c r="I5454">
        <f t="shared" si="608"/>
        <v>0</v>
      </c>
      <c r="J5454">
        <f t="shared" si="609"/>
        <v>6.3537160884904864</v>
      </c>
      <c r="K5454">
        <f t="shared" si="610"/>
        <v>0.55662533151181814</v>
      </c>
      <c r="L5454">
        <f t="shared" si="611"/>
        <v>0.27831266575590907</v>
      </c>
      <c r="M5454">
        <f t="shared" si="612"/>
        <v>0</v>
      </c>
      <c r="N5454" s="45">
        <f t="shared" si="613"/>
        <v>45152.833333320188</v>
      </c>
    </row>
    <row r="5455" spans="2:14" x14ac:dyDescent="0.25">
      <c r="B5455">
        <f t="shared" si="607"/>
        <v>1</v>
      </c>
      <c r="C5455" s="16">
        <v>5421</v>
      </c>
      <c r="D5455" cm="1">
        <f t="array" ref="D5455">IFERROR(INDEX(Jesper!AH$2:AH$366,ROUNDDOWN($C5455/24,0)+1,1)*INDEX($D$3:$AA$30,INDEX(Jesper!$R$2:$R$366,ROW(INDEX(Jesper!AH$2:AH$366,ROUNDDOWN($C5455/24,0)+1,1))-1)+IF('Standard Profiles'!$G$18=$B$10,7,0)+IF('Standard Profiles'!$G$18=$B$17,14,0)+IF('Standard Profiles'!$G$18=$B$24,21,0),MOD($C5455,24)+1)/SUM(INDEX($D$3:$AA$30,INDEX(Jesper!$R$2:$R$366,ROW(INDEX(Jesper!AH$2:AH$366,ROUNDDOWN($C5455/24,0)+1,1))-1)+IF('Standard Profiles'!$G$18=$B$10,7,0)+IF('Standard Profiles'!$G$18=$B$17,14,0)+IF('Standard Profiles'!$G$18=$B$24,21,0),0)),0)</f>
        <v>5.2183624829232951</v>
      </c>
      <c r="E5455" cm="1">
        <f t="array" ref="E5455">IFERROR(INDEX(Jesper!AI$2:AI$366,ROUNDDOWN($C5455/24,0)+1,1)*INDEX($D$3:$AA$30,INDEX(Jesper!$R$2:$R$366,ROW(INDEX(Jesper!AI$2:AI$366,ROUNDDOWN($C5455/24,0)+1,1))-1)+IF('Standard Profiles'!$G$19=$B$10,7,0)+IF('Standard Profiles'!$G$19=$B$17,14,0)+IF('Standard Profiles'!$G$19=$B$24,21,0),MOD($C5455,24)+1)/SUM(INDEX($D$3:$AA$30,INDEX(Jesper!$R$2:$R$366,ROW(INDEX(Jesper!AI$2:AI$366,ROUNDDOWN($C5455/24,0)+1,1))-1)+IF('Standard Profiles'!$G$19=$B$10,7,0)+IF('Standard Profiles'!$G$19=$B$17,14,0)+IF('Standard Profiles'!$G$19=$B$24,21,0),0)),0)</f>
        <v>1.9702916028349182</v>
      </c>
      <c r="F5455" cm="1">
        <f t="array" ref="F5455">IFERROR(INDEX(Jesper!AJ$2:AJ$366,ROUNDDOWN($C5455/24,0)+1,1)*INDEX($D$3:$AA$30,INDEX(Jesper!$R$2:$R$366,ROW(INDEX(Jesper!AJ$2:AJ$366,ROUNDDOWN($C5455/24,0)+1,1))-1)+IF('Standard Profiles'!$G$20=$B$10,7,0)+IF('Standard Profiles'!$G$20=$B$17,14,0)+IF('Standard Profiles'!$G$20=$B$24,21,0),MOD($C5455,24)+1)/SUM(INDEX($D$3:$AA$30,INDEX(Jesper!$R$2:$R$366,ROW(INDEX(Jesper!AJ$2:AJ$366,ROUNDDOWN($C5455/24,0)+1,1))-1)+IF('Standard Profiles'!$G$20=$B$10,7,0)+IF('Standard Profiles'!$G$20=$B$17,14,0)+IF('Standard Profiles'!$G$20=$B$24,21,0),0)),0)</f>
        <v>0</v>
      </c>
      <c r="G5455" cm="1">
        <f t="array" ref="G5455">IFERROR(INDEX(Jesper!AK$2:AK$366,ROUNDDOWN($C5455/24,0)+1,1)*INDEX($D$3:$AA$30,INDEX(Jesper!$R$2:$R$366,ROW(INDEX(Jesper!AK$2:AK$366,ROUNDDOWN($C5455/24,0)+1,1))-1)+IF('Standard Profiles'!$G$21=$B$10,7,0)+IF('Standard Profiles'!$G$21=$B$17,14,0)+IF('Standard Profiles'!$G$21=$B$24,21,0),MOD($C5455,24)+1)/SUM(INDEX($D$3:$AA$30,INDEX(Jesper!$R$2:$R$366,ROW(INDEX(Jesper!AK$2:AK$366,ROUNDDOWN($C5455/24,0)+1,1))-1)+IF('Standard Profiles'!$G$21=$B$10,7,0)+IF('Standard Profiles'!$G$21=$B$17,14,0)+IF('Standard Profiles'!$G$21=$B$24,21,0),0)),0)</f>
        <v>0</v>
      </c>
      <c r="H5455" cm="1">
        <f t="array" ref="H5455">IFERROR(INDEX(Jesper!AL$2:AL$366,ROUNDDOWN($C5455/24,0)+1,1)*INDEX($D$3:$AA$30,INDEX(Jesper!$R$2:$R$366,ROW(INDEX(Jesper!AL$2:AL$366,ROUNDDOWN($C5455/24,0)+1,1))-1)+IF('Standard Profiles'!$G$22=$B$10,7,0)+IF('Standard Profiles'!$G$22=$B$17,14,0)+IF('Standard Profiles'!$G$22=$B$24,21,0),MOD($C5455,24)+1)/SUM(INDEX($D$3:$AA$30,INDEX(Jesper!$R$2:$R$366,ROW(INDEX(Jesper!AL$2:AL$366,ROUNDDOWN($C5455/24,0)+1,1))-1)+IF('Standard Profiles'!$G$22=$B$10,7,0)+IF('Standard Profiles'!$G$22=$B$17,14,0)+IF('Standard Profiles'!$G$22=$B$24,21,0),0)),0)</f>
        <v>0</v>
      </c>
      <c r="I5455">
        <f t="shared" si="608"/>
        <v>0</v>
      </c>
      <c r="J5455">
        <f t="shared" si="609"/>
        <v>6.3537160884904864</v>
      </c>
      <c r="K5455">
        <f t="shared" si="610"/>
        <v>0.55662533151181814</v>
      </c>
      <c r="L5455">
        <f t="shared" si="611"/>
        <v>0.27831266575590907</v>
      </c>
      <c r="M5455">
        <f t="shared" si="612"/>
        <v>0</v>
      </c>
      <c r="N5455" s="45">
        <f t="shared" si="613"/>
        <v>45152.874999986852</v>
      </c>
    </row>
    <row r="5456" spans="2:14" x14ac:dyDescent="0.25">
      <c r="B5456">
        <f t="shared" si="607"/>
        <v>1</v>
      </c>
      <c r="C5456" s="16">
        <v>5422</v>
      </c>
      <c r="D5456" cm="1">
        <f t="array" ref="D5456">IFERROR(INDEX(Jesper!AH$2:AH$366,ROUNDDOWN($C5456/24,0)+1,1)*INDEX($D$3:$AA$30,INDEX(Jesper!$R$2:$R$366,ROW(INDEX(Jesper!AH$2:AH$366,ROUNDDOWN($C5456/24,0)+1,1))-1)+IF('Standard Profiles'!$G$18=$B$10,7,0)+IF('Standard Profiles'!$G$18=$B$17,14,0)+IF('Standard Profiles'!$G$18=$B$24,21,0),MOD($C5456,24)+1)/SUM(INDEX($D$3:$AA$30,INDEX(Jesper!$R$2:$R$366,ROW(INDEX(Jesper!AH$2:AH$366,ROUNDDOWN($C5456/24,0)+1,1))-1)+IF('Standard Profiles'!$G$18=$B$10,7,0)+IF('Standard Profiles'!$G$18=$B$17,14,0)+IF('Standard Profiles'!$G$18=$B$24,21,0),0)),0)</f>
        <v>5.2183624829232951</v>
      </c>
      <c r="E5456" cm="1">
        <f t="array" ref="E5456">IFERROR(INDEX(Jesper!AI$2:AI$366,ROUNDDOWN($C5456/24,0)+1,1)*INDEX($D$3:$AA$30,INDEX(Jesper!$R$2:$R$366,ROW(INDEX(Jesper!AI$2:AI$366,ROUNDDOWN($C5456/24,0)+1,1))-1)+IF('Standard Profiles'!$G$19=$B$10,7,0)+IF('Standard Profiles'!$G$19=$B$17,14,0)+IF('Standard Profiles'!$G$19=$B$24,21,0),MOD($C5456,24)+1)/SUM(INDEX($D$3:$AA$30,INDEX(Jesper!$R$2:$R$366,ROW(INDEX(Jesper!AI$2:AI$366,ROUNDDOWN($C5456/24,0)+1,1))-1)+IF('Standard Profiles'!$G$19=$B$10,7,0)+IF('Standard Profiles'!$G$19=$B$17,14,0)+IF('Standard Profiles'!$G$19=$B$24,21,0),0)),0)</f>
        <v>1.9702916028349182</v>
      </c>
      <c r="F5456" cm="1">
        <f t="array" ref="F5456">IFERROR(INDEX(Jesper!AJ$2:AJ$366,ROUNDDOWN($C5456/24,0)+1,1)*INDEX($D$3:$AA$30,INDEX(Jesper!$R$2:$R$366,ROW(INDEX(Jesper!AJ$2:AJ$366,ROUNDDOWN($C5456/24,0)+1,1))-1)+IF('Standard Profiles'!$G$20=$B$10,7,0)+IF('Standard Profiles'!$G$20=$B$17,14,0)+IF('Standard Profiles'!$G$20=$B$24,21,0),MOD($C5456,24)+1)/SUM(INDEX($D$3:$AA$30,INDEX(Jesper!$R$2:$R$366,ROW(INDEX(Jesper!AJ$2:AJ$366,ROUNDDOWN($C5456/24,0)+1,1))-1)+IF('Standard Profiles'!$G$20=$B$10,7,0)+IF('Standard Profiles'!$G$20=$B$17,14,0)+IF('Standard Profiles'!$G$20=$B$24,21,0),0)),0)</f>
        <v>0</v>
      </c>
      <c r="G5456" cm="1">
        <f t="array" ref="G5456">IFERROR(INDEX(Jesper!AK$2:AK$366,ROUNDDOWN($C5456/24,0)+1,1)*INDEX($D$3:$AA$30,INDEX(Jesper!$R$2:$R$366,ROW(INDEX(Jesper!AK$2:AK$366,ROUNDDOWN($C5456/24,0)+1,1))-1)+IF('Standard Profiles'!$G$21=$B$10,7,0)+IF('Standard Profiles'!$G$21=$B$17,14,0)+IF('Standard Profiles'!$G$21=$B$24,21,0),MOD($C5456,24)+1)/SUM(INDEX($D$3:$AA$30,INDEX(Jesper!$R$2:$R$366,ROW(INDEX(Jesper!AK$2:AK$366,ROUNDDOWN($C5456/24,0)+1,1))-1)+IF('Standard Profiles'!$G$21=$B$10,7,0)+IF('Standard Profiles'!$G$21=$B$17,14,0)+IF('Standard Profiles'!$G$21=$B$24,21,0),0)),0)</f>
        <v>0</v>
      </c>
      <c r="H5456" cm="1">
        <f t="array" ref="H5456">IFERROR(INDEX(Jesper!AL$2:AL$366,ROUNDDOWN($C5456/24,0)+1,1)*INDEX($D$3:$AA$30,INDEX(Jesper!$R$2:$R$366,ROW(INDEX(Jesper!AL$2:AL$366,ROUNDDOWN($C5456/24,0)+1,1))-1)+IF('Standard Profiles'!$G$22=$B$10,7,0)+IF('Standard Profiles'!$G$22=$B$17,14,0)+IF('Standard Profiles'!$G$22=$B$24,21,0),MOD($C5456,24)+1)/SUM(INDEX($D$3:$AA$30,INDEX(Jesper!$R$2:$R$366,ROW(INDEX(Jesper!AL$2:AL$366,ROUNDDOWN($C5456/24,0)+1,1))-1)+IF('Standard Profiles'!$G$22=$B$10,7,0)+IF('Standard Profiles'!$G$22=$B$17,14,0)+IF('Standard Profiles'!$G$22=$B$24,21,0),0)),0)</f>
        <v>0</v>
      </c>
      <c r="I5456">
        <f t="shared" si="608"/>
        <v>0</v>
      </c>
      <c r="J5456">
        <f t="shared" si="609"/>
        <v>6.3537160884904864</v>
      </c>
      <c r="K5456">
        <f t="shared" si="610"/>
        <v>0.55662533151181814</v>
      </c>
      <c r="L5456">
        <f t="shared" si="611"/>
        <v>0.27831266575590907</v>
      </c>
      <c r="M5456">
        <f t="shared" si="612"/>
        <v>0</v>
      </c>
      <c r="N5456" s="45">
        <f t="shared" si="613"/>
        <v>45152.916666653517</v>
      </c>
    </row>
    <row r="5457" spans="2:14" x14ac:dyDescent="0.25">
      <c r="B5457">
        <f t="shared" si="607"/>
        <v>1</v>
      </c>
      <c r="C5457" s="16">
        <v>5423</v>
      </c>
      <c r="D5457" cm="1">
        <f t="array" ref="D5457">IFERROR(INDEX(Jesper!AH$2:AH$366,ROUNDDOWN($C5457/24,0)+1,1)*INDEX($D$3:$AA$30,INDEX(Jesper!$R$2:$R$366,ROW(INDEX(Jesper!AH$2:AH$366,ROUNDDOWN($C5457/24,0)+1,1))-1)+IF('Standard Profiles'!$G$18=$B$10,7,0)+IF('Standard Profiles'!$G$18=$B$17,14,0)+IF('Standard Profiles'!$G$18=$B$24,21,0),MOD($C5457,24)+1)/SUM(INDEX($D$3:$AA$30,INDEX(Jesper!$R$2:$R$366,ROW(INDEX(Jesper!AH$2:AH$366,ROUNDDOWN($C5457/24,0)+1,1))-1)+IF('Standard Profiles'!$G$18=$B$10,7,0)+IF('Standard Profiles'!$G$18=$B$17,14,0)+IF('Standard Profiles'!$G$18=$B$24,21,0),0)),0)</f>
        <v>5.2183624829232951</v>
      </c>
      <c r="E5457" cm="1">
        <f t="array" ref="E5457">IFERROR(INDEX(Jesper!AI$2:AI$366,ROUNDDOWN($C5457/24,0)+1,1)*INDEX($D$3:$AA$30,INDEX(Jesper!$R$2:$R$366,ROW(INDEX(Jesper!AI$2:AI$366,ROUNDDOWN($C5457/24,0)+1,1))-1)+IF('Standard Profiles'!$G$19=$B$10,7,0)+IF('Standard Profiles'!$G$19=$B$17,14,0)+IF('Standard Profiles'!$G$19=$B$24,21,0),MOD($C5457,24)+1)/SUM(INDEX($D$3:$AA$30,INDEX(Jesper!$R$2:$R$366,ROW(INDEX(Jesper!AI$2:AI$366,ROUNDDOWN($C5457/24,0)+1,1))-1)+IF('Standard Profiles'!$G$19=$B$10,7,0)+IF('Standard Profiles'!$G$19=$B$17,14,0)+IF('Standard Profiles'!$G$19=$B$24,21,0),0)),0)</f>
        <v>1.9702916028349182</v>
      </c>
      <c r="F5457" cm="1">
        <f t="array" ref="F5457">IFERROR(INDEX(Jesper!AJ$2:AJ$366,ROUNDDOWN($C5457/24,0)+1,1)*INDEX($D$3:$AA$30,INDEX(Jesper!$R$2:$R$366,ROW(INDEX(Jesper!AJ$2:AJ$366,ROUNDDOWN($C5457/24,0)+1,1))-1)+IF('Standard Profiles'!$G$20=$B$10,7,0)+IF('Standard Profiles'!$G$20=$B$17,14,0)+IF('Standard Profiles'!$G$20=$B$24,21,0),MOD($C5457,24)+1)/SUM(INDEX($D$3:$AA$30,INDEX(Jesper!$R$2:$R$366,ROW(INDEX(Jesper!AJ$2:AJ$366,ROUNDDOWN($C5457/24,0)+1,1))-1)+IF('Standard Profiles'!$G$20=$B$10,7,0)+IF('Standard Profiles'!$G$20=$B$17,14,0)+IF('Standard Profiles'!$G$20=$B$24,21,0),0)),0)</f>
        <v>0</v>
      </c>
      <c r="G5457" cm="1">
        <f t="array" ref="G5457">IFERROR(INDEX(Jesper!AK$2:AK$366,ROUNDDOWN($C5457/24,0)+1,1)*INDEX($D$3:$AA$30,INDEX(Jesper!$R$2:$R$366,ROW(INDEX(Jesper!AK$2:AK$366,ROUNDDOWN($C5457/24,0)+1,1))-1)+IF('Standard Profiles'!$G$21=$B$10,7,0)+IF('Standard Profiles'!$G$21=$B$17,14,0)+IF('Standard Profiles'!$G$21=$B$24,21,0),MOD($C5457,24)+1)/SUM(INDEX($D$3:$AA$30,INDEX(Jesper!$R$2:$R$366,ROW(INDEX(Jesper!AK$2:AK$366,ROUNDDOWN($C5457/24,0)+1,1))-1)+IF('Standard Profiles'!$G$21=$B$10,7,0)+IF('Standard Profiles'!$G$21=$B$17,14,0)+IF('Standard Profiles'!$G$21=$B$24,21,0),0)),0)</f>
        <v>0</v>
      </c>
      <c r="H5457" cm="1">
        <f t="array" ref="H5457">IFERROR(INDEX(Jesper!AL$2:AL$366,ROUNDDOWN($C5457/24,0)+1,1)*INDEX($D$3:$AA$30,INDEX(Jesper!$R$2:$R$366,ROW(INDEX(Jesper!AL$2:AL$366,ROUNDDOWN($C5457/24,0)+1,1))-1)+IF('Standard Profiles'!$G$22=$B$10,7,0)+IF('Standard Profiles'!$G$22=$B$17,14,0)+IF('Standard Profiles'!$G$22=$B$24,21,0),MOD($C5457,24)+1)/SUM(INDEX($D$3:$AA$30,INDEX(Jesper!$R$2:$R$366,ROW(INDEX(Jesper!AL$2:AL$366,ROUNDDOWN($C5457/24,0)+1,1))-1)+IF('Standard Profiles'!$G$22=$B$10,7,0)+IF('Standard Profiles'!$G$22=$B$17,14,0)+IF('Standard Profiles'!$G$22=$B$24,21,0),0)),0)</f>
        <v>0</v>
      </c>
      <c r="I5457">
        <f t="shared" si="608"/>
        <v>0</v>
      </c>
      <c r="J5457">
        <f t="shared" si="609"/>
        <v>6.3537160884904864</v>
      </c>
      <c r="K5457">
        <f t="shared" si="610"/>
        <v>0.55662533151181814</v>
      </c>
      <c r="L5457">
        <f t="shared" si="611"/>
        <v>0.27831266575590907</v>
      </c>
      <c r="M5457">
        <f t="shared" si="612"/>
        <v>0</v>
      </c>
      <c r="N5457" s="45">
        <f t="shared" si="613"/>
        <v>45152.958333320181</v>
      </c>
    </row>
    <row r="5458" spans="2:14" x14ac:dyDescent="0.25">
      <c r="B5458">
        <f t="shared" si="607"/>
        <v>2</v>
      </c>
      <c r="C5458" s="16">
        <v>5424</v>
      </c>
      <c r="D5458" cm="1">
        <f t="array" ref="D5458">IFERROR(INDEX(Jesper!AH$2:AH$366,ROUNDDOWN($C5458/24,0)+1,1)*INDEX($D$3:$AA$30,INDEX(Jesper!$R$2:$R$366,ROW(INDEX(Jesper!AH$2:AH$366,ROUNDDOWN($C5458/24,0)+1,1))-1)+IF('Standard Profiles'!$G$18=$B$10,7,0)+IF('Standard Profiles'!$G$18=$B$17,14,0)+IF('Standard Profiles'!$G$18=$B$24,21,0),MOD($C5458,24)+1)/SUM(INDEX($D$3:$AA$30,INDEX(Jesper!$R$2:$R$366,ROW(INDEX(Jesper!AH$2:AH$366,ROUNDDOWN($C5458/24,0)+1,1))-1)+IF('Standard Profiles'!$G$18=$B$10,7,0)+IF('Standard Profiles'!$G$18=$B$17,14,0)+IF('Standard Profiles'!$G$18=$B$24,21,0),0)),0)</f>
        <v>3.3049344686302442</v>
      </c>
      <c r="E5458" cm="1">
        <f t="array" ref="E5458">IFERROR(INDEX(Jesper!AI$2:AI$366,ROUNDDOWN($C5458/24,0)+1,1)*INDEX($D$3:$AA$30,INDEX(Jesper!$R$2:$R$366,ROW(INDEX(Jesper!AI$2:AI$366,ROUNDDOWN($C5458/24,0)+1,1))-1)+IF('Standard Profiles'!$G$19=$B$10,7,0)+IF('Standard Profiles'!$G$19=$B$17,14,0)+IF('Standard Profiles'!$G$19=$B$24,21,0),MOD($C5458,24)+1)/SUM(INDEX($D$3:$AA$30,INDEX(Jesper!$R$2:$R$366,ROW(INDEX(Jesper!AI$2:AI$366,ROUNDDOWN($C5458/24,0)+1,1))-1)+IF('Standard Profiles'!$G$19=$B$10,7,0)+IF('Standard Profiles'!$G$19=$B$17,14,0)+IF('Standard Profiles'!$G$19=$B$24,21,0),0)),0)</f>
        <v>1.2196990039880158</v>
      </c>
      <c r="F5458" cm="1">
        <f t="array" ref="F5458">IFERROR(INDEX(Jesper!AJ$2:AJ$366,ROUNDDOWN($C5458/24,0)+1,1)*INDEX($D$3:$AA$30,INDEX(Jesper!$R$2:$R$366,ROW(INDEX(Jesper!AJ$2:AJ$366,ROUNDDOWN($C5458/24,0)+1,1))-1)+IF('Standard Profiles'!$G$20=$B$10,7,0)+IF('Standard Profiles'!$G$20=$B$17,14,0)+IF('Standard Profiles'!$G$20=$B$24,21,0),MOD($C5458,24)+1)/SUM(INDEX($D$3:$AA$30,INDEX(Jesper!$R$2:$R$366,ROW(INDEX(Jesper!AJ$2:AJ$366,ROUNDDOWN($C5458/24,0)+1,1))-1)+IF('Standard Profiles'!$G$20=$B$10,7,0)+IF('Standard Profiles'!$G$20=$B$17,14,0)+IF('Standard Profiles'!$G$20=$B$24,21,0),0)),0)</f>
        <v>0</v>
      </c>
      <c r="G5458" cm="1">
        <f t="array" ref="G5458">IFERROR(INDEX(Jesper!AK$2:AK$366,ROUNDDOWN($C5458/24,0)+1,1)*INDEX($D$3:$AA$30,INDEX(Jesper!$R$2:$R$366,ROW(INDEX(Jesper!AK$2:AK$366,ROUNDDOWN($C5458/24,0)+1,1))-1)+IF('Standard Profiles'!$G$21=$B$10,7,0)+IF('Standard Profiles'!$G$21=$B$17,14,0)+IF('Standard Profiles'!$G$21=$B$24,21,0),MOD($C5458,24)+1)/SUM(INDEX($D$3:$AA$30,INDEX(Jesper!$R$2:$R$366,ROW(INDEX(Jesper!AK$2:AK$366,ROUNDDOWN($C5458/24,0)+1,1))-1)+IF('Standard Profiles'!$G$21=$B$10,7,0)+IF('Standard Profiles'!$G$21=$B$17,14,0)+IF('Standard Profiles'!$G$21=$B$24,21,0),0)),0)</f>
        <v>0</v>
      </c>
      <c r="H5458" cm="1">
        <f t="array" ref="H5458">IFERROR(INDEX(Jesper!AL$2:AL$366,ROUNDDOWN($C5458/24,0)+1,1)*INDEX($D$3:$AA$30,INDEX(Jesper!$R$2:$R$366,ROW(INDEX(Jesper!AL$2:AL$366,ROUNDDOWN($C5458/24,0)+1,1))-1)+IF('Standard Profiles'!$G$22=$B$10,7,0)+IF('Standard Profiles'!$G$22=$B$17,14,0)+IF('Standard Profiles'!$G$22=$B$24,21,0),MOD($C5458,24)+1)/SUM(INDEX($D$3:$AA$30,INDEX(Jesper!$R$2:$R$366,ROW(INDEX(Jesper!AL$2:AL$366,ROUNDDOWN($C5458/24,0)+1,1))-1)+IF('Standard Profiles'!$G$22=$B$10,7,0)+IF('Standard Profiles'!$G$22=$B$17,14,0)+IF('Standard Profiles'!$G$22=$B$24,21,0),0)),0)</f>
        <v>0</v>
      </c>
      <c r="I5458">
        <f t="shared" si="608"/>
        <v>0</v>
      </c>
      <c r="J5458">
        <f t="shared" si="609"/>
        <v>3.9958439576374207</v>
      </c>
      <c r="K5458">
        <f t="shared" si="610"/>
        <v>0.35252634332055943</v>
      </c>
      <c r="L5458">
        <f t="shared" si="611"/>
        <v>0.17626317166027972</v>
      </c>
      <c r="M5458">
        <f t="shared" si="612"/>
        <v>0</v>
      </c>
      <c r="N5458" s="45">
        <f t="shared" si="613"/>
        <v>45152.999999986845</v>
      </c>
    </row>
    <row r="5459" spans="2:14" x14ac:dyDescent="0.25">
      <c r="B5459">
        <f t="shared" si="607"/>
        <v>2</v>
      </c>
      <c r="C5459" s="16">
        <v>5425</v>
      </c>
      <c r="D5459" cm="1">
        <f t="array" ref="D5459">IFERROR(INDEX(Jesper!AH$2:AH$366,ROUNDDOWN($C5459/24,0)+1,1)*INDEX($D$3:$AA$30,INDEX(Jesper!$R$2:$R$366,ROW(INDEX(Jesper!AH$2:AH$366,ROUNDDOWN($C5459/24,0)+1,1))-1)+IF('Standard Profiles'!$G$18=$B$10,7,0)+IF('Standard Profiles'!$G$18=$B$17,14,0)+IF('Standard Profiles'!$G$18=$B$24,21,0),MOD($C5459,24)+1)/SUM(INDEX($D$3:$AA$30,INDEX(Jesper!$R$2:$R$366,ROW(INDEX(Jesper!AH$2:AH$366,ROUNDDOWN($C5459/24,0)+1,1))-1)+IF('Standard Profiles'!$G$18=$B$10,7,0)+IF('Standard Profiles'!$G$18=$B$17,14,0)+IF('Standard Profiles'!$G$18=$B$24,21,0),0)),0)</f>
        <v>5.036090618865134</v>
      </c>
      <c r="E5459" cm="1">
        <f t="array" ref="E5459">IFERROR(INDEX(Jesper!AI$2:AI$366,ROUNDDOWN($C5459/24,0)+1,1)*INDEX($D$3:$AA$30,INDEX(Jesper!$R$2:$R$366,ROW(INDEX(Jesper!AI$2:AI$366,ROUNDDOWN($C5459/24,0)+1,1))-1)+IF('Standard Profiles'!$G$19=$B$10,7,0)+IF('Standard Profiles'!$G$19=$B$17,14,0)+IF('Standard Profiles'!$G$19=$B$24,21,0),MOD($C5459,24)+1)/SUM(INDEX($D$3:$AA$30,INDEX(Jesper!$R$2:$R$366,ROW(INDEX(Jesper!AI$2:AI$366,ROUNDDOWN($C5459/24,0)+1,1))-1)+IF('Standard Profiles'!$G$19=$B$10,7,0)+IF('Standard Profiles'!$G$19=$B$17,14,0)+IF('Standard Profiles'!$G$19=$B$24,21,0),0)),0)</f>
        <v>1.8585889584579287</v>
      </c>
      <c r="F5459" cm="1">
        <f t="array" ref="F5459">IFERROR(INDEX(Jesper!AJ$2:AJ$366,ROUNDDOWN($C5459/24,0)+1,1)*INDEX($D$3:$AA$30,INDEX(Jesper!$R$2:$R$366,ROW(INDEX(Jesper!AJ$2:AJ$366,ROUNDDOWN($C5459/24,0)+1,1))-1)+IF('Standard Profiles'!$G$20=$B$10,7,0)+IF('Standard Profiles'!$G$20=$B$17,14,0)+IF('Standard Profiles'!$G$20=$B$24,21,0),MOD($C5459,24)+1)/SUM(INDEX($D$3:$AA$30,INDEX(Jesper!$R$2:$R$366,ROW(INDEX(Jesper!AJ$2:AJ$366,ROUNDDOWN($C5459/24,0)+1,1))-1)+IF('Standard Profiles'!$G$20=$B$10,7,0)+IF('Standard Profiles'!$G$20=$B$17,14,0)+IF('Standard Profiles'!$G$20=$B$24,21,0),0)),0)</f>
        <v>0</v>
      </c>
      <c r="G5459" cm="1">
        <f t="array" ref="G5459">IFERROR(INDEX(Jesper!AK$2:AK$366,ROUNDDOWN($C5459/24,0)+1,1)*INDEX($D$3:$AA$30,INDEX(Jesper!$R$2:$R$366,ROW(INDEX(Jesper!AK$2:AK$366,ROUNDDOWN($C5459/24,0)+1,1))-1)+IF('Standard Profiles'!$G$21=$B$10,7,0)+IF('Standard Profiles'!$G$21=$B$17,14,0)+IF('Standard Profiles'!$G$21=$B$24,21,0),MOD($C5459,24)+1)/SUM(INDEX($D$3:$AA$30,INDEX(Jesper!$R$2:$R$366,ROW(INDEX(Jesper!AK$2:AK$366,ROUNDDOWN($C5459/24,0)+1,1))-1)+IF('Standard Profiles'!$G$21=$B$10,7,0)+IF('Standard Profiles'!$G$21=$B$17,14,0)+IF('Standard Profiles'!$G$21=$B$24,21,0),0)),0)</f>
        <v>0</v>
      </c>
      <c r="H5459" cm="1">
        <f t="array" ref="H5459">IFERROR(INDEX(Jesper!AL$2:AL$366,ROUNDDOWN($C5459/24,0)+1,1)*INDEX($D$3:$AA$30,INDEX(Jesper!$R$2:$R$366,ROW(INDEX(Jesper!AL$2:AL$366,ROUNDDOWN($C5459/24,0)+1,1))-1)+IF('Standard Profiles'!$G$22=$B$10,7,0)+IF('Standard Profiles'!$G$22=$B$17,14,0)+IF('Standard Profiles'!$G$22=$B$24,21,0),MOD($C5459,24)+1)/SUM(INDEX($D$3:$AA$30,INDEX(Jesper!$R$2:$R$366,ROW(INDEX(Jesper!AL$2:AL$366,ROUNDDOWN($C5459/24,0)+1,1))-1)+IF('Standard Profiles'!$G$22=$B$10,7,0)+IF('Standard Profiles'!$G$22=$B$17,14,0)+IF('Standard Profiles'!$G$22=$B$24,21,0),0)),0)</f>
        <v>0</v>
      </c>
      <c r="I5459">
        <f t="shared" si="608"/>
        <v>0</v>
      </c>
      <c r="J5459">
        <f t="shared" si="609"/>
        <v>6.0889050783046414</v>
      </c>
      <c r="K5459">
        <f t="shared" si="610"/>
        <v>0.53718299934561431</v>
      </c>
      <c r="L5459">
        <f t="shared" si="611"/>
        <v>0.26859149967280715</v>
      </c>
      <c r="M5459">
        <f t="shared" si="612"/>
        <v>0</v>
      </c>
      <c r="N5459" s="45">
        <f t="shared" si="613"/>
        <v>45153.041666653509</v>
      </c>
    </row>
    <row r="5460" spans="2:14" x14ac:dyDescent="0.25">
      <c r="B5460">
        <f t="shared" si="607"/>
        <v>2</v>
      </c>
      <c r="C5460" s="16">
        <v>5426</v>
      </c>
      <c r="D5460" cm="1">
        <f t="array" ref="D5460">IFERROR(INDEX(Jesper!AH$2:AH$366,ROUNDDOWN($C5460/24,0)+1,1)*INDEX($D$3:$AA$30,INDEX(Jesper!$R$2:$R$366,ROW(INDEX(Jesper!AH$2:AH$366,ROUNDDOWN($C5460/24,0)+1,1))-1)+IF('Standard Profiles'!$G$18=$B$10,7,0)+IF('Standard Profiles'!$G$18=$B$17,14,0)+IF('Standard Profiles'!$G$18=$B$24,21,0),MOD($C5460,24)+1)/SUM(INDEX($D$3:$AA$30,INDEX(Jesper!$R$2:$R$366,ROW(INDEX(Jesper!AH$2:AH$366,ROUNDDOWN($C5460/24,0)+1,1))-1)+IF('Standard Profiles'!$G$18=$B$10,7,0)+IF('Standard Profiles'!$G$18=$B$17,14,0)+IF('Standard Profiles'!$G$18=$B$24,21,0),0)),0)</f>
        <v>5.036090618865134</v>
      </c>
      <c r="E5460" cm="1">
        <f t="array" ref="E5460">IFERROR(INDEX(Jesper!AI$2:AI$366,ROUNDDOWN($C5460/24,0)+1,1)*INDEX($D$3:$AA$30,INDEX(Jesper!$R$2:$R$366,ROW(INDEX(Jesper!AI$2:AI$366,ROUNDDOWN($C5460/24,0)+1,1))-1)+IF('Standard Profiles'!$G$19=$B$10,7,0)+IF('Standard Profiles'!$G$19=$B$17,14,0)+IF('Standard Profiles'!$G$19=$B$24,21,0),MOD($C5460,24)+1)/SUM(INDEX($D$3:$AA$30,INDEX(Jesper!$R$2:$R$366,ROW(INDEX(Jesper!AI$2:AI$366,ROUNDDOWN($C5460/24,0)+1,1))-1)+IF('Standard Profiles'!$G$19=$B$10,7,0)+IF('Standard Profiles'!$G$19=$B$17,14,0)+IF('Standard Profiles'!$G$19=$B$24,21,0),0)),0)</f>
        <v>1.8585889584579287</v>
      </c>
      <c r="F5460" cm="1">
        <f t="array" ref="F5460">IFERROR(INDEX(Jesper!AJ$2:AJ$366,ROUNDDOWN($C5460/24,0)+1,1)*INDEX($D$3:$AA$30,INDEX(Jesper!$R$2:$R$366,ROW(INDEX(Jesper!AJ$2:AJ$366,ROUNDDOWN($C5460/24,0)+1,1))-1)+IF('Standard Profiles'!$G$20=$B$10,7,0)+IF('Standard Profiles'!$G$20=$B$17,14,0)+IF('Standard Profiles'!$G$20=$B$24,21,0),MOD($C5460,24)+1)/SUM(INDEX($D$3:$AA$30,INDEX(Jesper!$R$2:$R$366,ROW(INDEX(Jesper!AJ$2:AJ$366,ROUNDDOWN($C5460/24,0)+1,1))-1)+IF('Standard Profiles'!$G$20=$B$10,7,0)+IF('Standard Profiles'!$G$20=$B$17,14,0)+IF('Standard Profiles'!$G$20=$B$24,21,0),0)),0)</f>
        <v>0</v>
      </c>
      <c r="G5460" cm="1">
        <f t="array" ref="G5460">IFERROR(INDEX(Jesper!AK$2:AK$366,ROUNDDOWN($C5460/24,0)+1,1)*INDEX($D$3:$AA$30,INDEX(Jesper!$R$2:$R$366,ROW(INDEX(Jesper!AK$2:AK$366,ROUNDDOWN($C5460/24,0)+1,1))-1)+IF('Standard Profiles'!$G$21=$B$10,7,0)+IF('Standard Profiles'!$G$21=$B$17,14,0)+IF('Standard Profiles'!$G$21=$B$24,21,0),MOD($C5460,24)+1)/SUM(INDEX($D$3:$AA$30,INDEX(Jesper!$R$2:$R$366,ROW(INDEX(Jesper!AK$2:AK$366,ROUNDDOWN($C5460/24,0)+1,1))-1)+IF('Standard Profiles'!$G$21=$B$10,7,0)+IF('Standard Profiles'!$G$21=$B$17,14,0)+IF('Standard Profiles'!$G$21=$B$24,21,0),0)),0)</f>
        <v>0</v>
      </c>
      <c r="H5460" cm="1">
        <f t="array" ref="H5460">IFERROR(INDEX(Jesper!AL$2:AL$366,ROUNDDOWN($C5460/24,0)+1,1)*INDEX($D$3:$AA$30,INDEX(Jesper!$R$2:$R$366,ROW(INDEX(Jesper!AL$2:AL$366,ROUNDDOWN($C5460/24,0)+1,1))-1)+IF('Standard Profiles'!$G$22=$B$10,7,0)+IF('Standard Profiles'!$G$22=$B$17,14,0)+IF('Standard Profiles'!$G$22=$B$24,21,0),MOD($C5460,24)+1)/SUM(INDEX($D$3:$AA$30,INDEX(Jesper!$R$2:$R$366,ROW(INDEX(Jesper!AL$2:AL$366,ROUNDDOWN($C5460/24,0)+1,1))-1)+IF('Standard Profiles'!$G$22=$B$10,7,0)+IF('Standard Profiles'!$G$22=$B$17,14,0)+IF('Standard Profiles'!$G$22=$B$24,21,0),0)),0)</f>
        <v>0</v>
      </c>
      <c r="I5460">
        <f t="shared" si="608"/>
        <v>0</v>
      </c>
      <c r="J5460">
        <f t="shared" si="609"/>
        <v>6.0889050783046414</v>
      </c>
      <c r="K5460">
        <f t="shared" si="610"/>
        <v>0.53718299934561431</v>
      </c>
      <c r="L5460">
        <f t="shared" si="611"/>
        <v>0.26859149967280715</v>
      </c>
      <c r="M5460">
        <f t="shared" si="612"/>
        <v>0</v>
      </c>
      <c r="N5460" s="45">
        <f t="shared" si="613"/>
        <v>45153.083333320174</v>
      </c>
    </row>
    <row r="5461" spans="2:14" x14ac:dyDescent="0.25">
      <c r="B5461">
        <f t="shared" si="607"/>
        <v>2</v>
      </c>
      <c r="C5461" s="16">
        <v>5427</v>
      </c>
      <c r="D5461" cm="1">
        <f t="array" ref="D5461">IFERROR(INDEX(Jesper!AH$2:AH$366,ROUNDDOWN($C5461/24,0)+1,1)*INDEX($D$3:$AA$30,INDEX(Jesper!$R$2:$R$366,ROW(INDEX(Jesper!AH$2:AH$366,ROUNDDOWN($C5461/24,0)+1,1))-1)+IF('Standard Profiles'!$G$18=$B$10,7,0)+IF('Standard Profiles'!$G$18=$B$17,14,0)+IF('Standard Profiles'!$G$18=$B$24,21,0),MOD($C5461,24)+1)/SUM(INDEX($D$3:$AA$30,INDEX(Jesper!$R$2:$R$366,ROW(INDEX(Jesper!AH$2:AH$366,ROUNDDOWN($C5461/24,0)+1,1))-1)+IF('Standard Profiles'!$G$18=$B$10,7,0)+IF('Standard Profiles'!$G$18=$B$17,14,0)+IF('Standard Profiles'!$G$18=$B$24,21,0),0)),0)</f>
        <v>5.036090618865134</v>
      </c>
      <c r="E5461" cm="1">
        <f t="array" ref="E5461">IFERROR(INDEX(Jesper!AI$2:AI$366,ROUNDDOWN($C5461/24,0)+1,1)*INDEX($D$3:$AA$30,INDEX(Jesper!$R$2:$R$366,ROW(INDEX(Jesper!AI$2:AI$366,ROUNDDOWN($C5461/24,0)+1,1))-1)+IF('Standard Profiles'!$G$19=$B$10,7,0)+IF('Standard Profiles'!$G$19=$B$17,14,0)+IF('Standard Profiles'!$G$19=$B$24,21,0),MOD($C5461,24)+1)/SUM(INDEX($D$3:$AA$30,INDEX(Jesper!$R$2:$R$366,ROW(INDEX(Jesper!AI$2:AI$366,ROUNDDOWN($C5461/24,0)+1,1))-1)+IF('Standard Profiles'!$G$19=$B$10,7,0)+IF('Standard Profiles'!$G$19=$B$17,14,0)+IF('Standard Profiles'!$G$19=$B$24,21,0),0)),0)</f>
        <v>1.8585889584579287</v>
      </c>
      <c r="F5461" cm="1">
        <f t="array" ref="F5461">IFERROR(INDEX(Jesper!AJ$2:AJ$366,ROUNDDOWN($C5461/24,0)+1,1)*INDEX($D$3:$AA$30,INDEX(Jesper!$R$2:$R$366,ROW(INDEX(Jesper!AJ$2:AJ$366,ROUNDDOWN($C5461/24,0)+1,1))-1)+IF('Standard Profiles'!$G$20=$B$10,7,0)+IF('Standard Profiles'!$G$20=$B$17,14,0)+IF('Standard Profiles'!$G$20=$B$24,21,0),MOD($C5461,24)+1)/SUM(INDEX($D$3:$AA$30,INDEX(Jesper!$R$2:$R$366,ROW(INDEX(Jesper!AJ$2:AJ$366,ROUNDDOWN($C5461/24,0)+1,1))-1)+IF('Standard Profiles'!$G$20=$B$10,7,0)+IF('Standard Profiles'!$G$20=$B$17,14,0)+IF('Standard Profiles'!$G$20=$B$24,21,0),0)),0)</f>
        <v>0</v>
      </c>
      <c r="G5461" cm="1">
        <f t="array" ref="G5461">IFERROR(INDEX(Jesper!AK$2:AK$366,ROUNDDOWN($C5461/24,0)+1,1)*INDEX($D$3:$AA$30,INDEX(Jesper!$R$2:$R$366,ROW(INDEX(Jesper!AK$2:AK$366,ROUNDDOWN($C5461/24,0)+1,1))-1)+IF('Standard Profiles'!$G$21=$B$10,7,0)+IF('Standard Profiles'!$G$21=$B$17,14,0)+IF('Standard Profiles'!$G$21=$B$24,21,0),MOD($C5461,24)+1)/SUM(INDEX($D$3:$AA$30,INDEX(Jesper!$R$2:$R$366,ROW(INDEX(Jesper!AK$2:AK$366,ROUNDDOWN($C5461/24,0)+1,1))-1)+IF('Standard Profiles'!$G$21=$B$10,7,0)+IF('Standard Profiles'!$G$21=$B$17,14,0)+IF('Standard Profiles'!$G$21=$B$24,21,0),0)),0)</f>
        <v>0</v>
      </c>
      <c r="H5461" cm="1">
        <f t="array" ref="H5461">IFERROR(INDEX(Jesper!AL$2:AL$366,ROUNDDOWN($C5461/24,0)+1,1)*INDEX($D$3:$AA$30,INDEX(Jesper!$R$2:$R$366,ROW(INDEX(Jesper!AL$2:AL$366,ROUNDDOWN($C5461/24,0)+1,1))-1)+IF('Standard Profiles'!$G$22=$B$10,7,0)+IF('Standard Profiles'!$G$22=$B$17,14,0)+IF('Standard Profiles'!$G$22=$B$24,21,0),MOD($C5461,24)+1)/SUM(INDEX($D$3:$AA$30,INDEX(Jesper!$R$2:$R$366,ROW(INDEX(Jesper!AL$2:AL$366,ROUNDDOWN($C5461/24,0)+1,1))-1)+IF('Standard Profiles'!$G$22=$B$10,7,0)+IF('Standard Profiles'!$G$22=$B$17,14,0)+IF('Standard Profiles'!$G$22=$B$24,21,0),0)),0)</f>
        <v>0</v>
      </c>
      <c r="I5461">
        <f t="shared" si="608"/>
        <v>0</v>
      </c>
      <c r="J5461">
        <f t="shared" si="609"/>
        <v>6.0889050783046414</v>
      </c>
      <c r="K5461">
        <f t="shared" si="610"/>
        <v>0.53718299934561431</v>
      </c>
      <c r="L5461">
        <f t="shared" si="611"/>
        <v>0.26859149967280715</v>
      </c>
      <c r="M5461">
        <f t="shared" si="612"/>
        <v>0</v>
      </c>
      <c r="N5461" s="45">
        <f t="shared" si="613"/>
        <v>45153.124999986838</v>
      </c>
    </row>
    <row r="5462" spans="2:14" x14ac:dyDescent="0.25">
      <c r="B5462">
        <f t="shared" si="607"/>
        <v>2</v>
      </c>
      <c r="C5462" s="16">
        <v>5428</v>
      </c>
      <c r="D5462" cm="1">
        <f t="array" ref="D5462">IFERROR(INDEX(Jesper!AH$2:AH$366,ROUNDDOWN($C5462/24,0)+1,1)*INDEX($D$3:$AA$30,INDEX(Jesper!$R$2:$R$366,ROW(INDEX(Jesper!AH$2:AH$366,ROUNDDOWN($C5462/24,0)+1,1))-1)+IF('Standard Profiles'!$G$18=$B$10,7,0)+IF('Standard Profiles'!$G$18=$B$17,14,0)+IF('Standard Profiles'!$G$18=$B$24,21,0),MOD($C5462,24)+1)/SUM(INDEX($D$3:$AA$30,INDEX(Jesper!$R$2:$R$366,ROW(INDEX(Jesper!AH$2:AH$366,ROUNDDOWN($C5462/24,0)+1,1))-1)+IF('Standard Profiles'!$G$18=$B$10,7,0)+IF('Standard Profiles'!$G$18=$B$17,14,0)+IF('Standard Profiles'!$G$18=$B$24,21,0),0)),0)</f>
        <v>5.036090618865134</v>
      </c>
      <c r="E5462" cm="1">
        <f t="array" ref="E5462">IFERROR(INDEX(Jesper!AI$2:AI$366,ROUNDDOWN($C5462/24,0)+1,1)*INDEX($D$3:$AA$30,INDEX(Jesper!$R$2:$R$366,ROW(INDEX(Jesper!AI$2:AI$366,ROUNDDOWN($C5462/24,0)+1,1))-1)+IF('Standard Profiles'!$G$19=$B$10,7,0)+IF('Standard Profiles'!$G$19=$B$17,14,0)+IF('Standard Profiles'!$G$19=$B$24,21,0),MOD($C5462,24)+1)/SUM(INDEX($D$3:$AA$30,INDEX(Jesper!$R$2:$R$366,ROW(INDEX(Jesper!AI$2:AI$366,ROUNDDOWN($C5462/24,0)+1,1))-1)+IF('Standard Profiles'!$G$19=$B$10,7,0)+IF('Standard Profiles'!$G$19=$B$17,14,0)+IF('Standard Profiles'!$G$19=$B$24,21,0),0)),0)</f>
        <v>1.8585889584579287</v>
      </c>
      <c r="F5462" cm="1">
        <f t="array" ref="F5462">IFERROR(INDEX(Jesper!AJ$2:AJ$366,ROUNDDOWN($C5462/24,0)+1,1)*INDEX($D$3:$AA$30,INDEX(Jesper!$R$2:$R$366,ROW(INDEX(Jesper!AJ$2:AJ$366,ROUNDDOWN($C5462/24,0)+1,1))-1)+IF('Standard Profiles'!$G$20=$B$10,7,0)+IF('Standard Profiles'!$G$20=$B$17,14,0)+IF('Standard Profiles'!$G$20=$B$24,21,0),MOD($C5462,24)+1)/SUM(INDEX($D$3:$AA$30,INDEX(Jesper!$R$2:$R$366,ROW(INDEX(Jesper!AJ$2:AJ$366,ROUNDDOWN($C5462/24,0)+1,1))-1)+IF('Standard Profiles'!$G$20=$B$10,7,0)+IF('Standard Profiles'!$G$20=$B$17,14,0)+IF('Standard Profiles'!$G$20=$B$24,21,0),0)),0)</f>
        <v>0</v>
      </c>
      <c r="G5462" cm="1">
        <f t="array" ref="G5462">IFERROR(INDEX(Jesper!AK$2:AK$366,ROUNDDOWN($C5462/24,0)+1,1)*INDEX($D$3:$AA$30,INDEX(Jesper!$R$2:$R$366,ROW(INDEX(Jesper!AK$2:AK$366,ROUNDDOWN($C5462/24,0)+1,1))-1)+IF('Standard Profiles'!$G$21=$B$10,7,0)+IF('Standard Profiles'!$G$21=$B$17,14,0)+IF('Standard Profiles'!$G$21=$B$24,21,0),MOD($C5462,24)+1)/SUM(INDEX($D$3:$AA$30,INDEX(Jesper!$R$2:$R$366,ROW(INDEX(Jesper!AK$2:AK$366,ROUNDDOWN($C5462/24,0)+1,1))-1)+IF('Standard Profiles'!$G$21=$B$10,7,0)+IF('Standard Profiles'!$G$21=$B$17,14,0)+IF('Standard Profiles'!$G$21=$B$24,21,0),0)),0)</f>
        <v>0</v>
      </c>
      <c r="H5462" cm="1">
        <f t="array" ref="H5462">IFERROR(INDEX(Jesper!AL$2:AL$366,ROUNDDOWN($C5462/24,0)+1,1)*INDEX($D$3:$AA$30,INDEX(Jesper!$R$2:$R$366,ROW(INDEX(Jesper!AL$2:AL$366,ROUNDDOWN($C5462/24,0)+1,1))-1)+IF('Standard Profiles'!$G$22=$B$10,7,0)+IF('Standard Profiles'!$G$22=$B$17,14,0)+IF('Standard Profiles'!$G$22=$B$24,21,0),MOD($C5462,24)+1)/SUM(INDEX($D$3:$AA$30,INDEX(Jesper!$R$2:$R$366,ROW(INDEX(Jesper!AL$2:AL$366,ROUNDDOWN($C5462/24,0)+1,1))-1)+IF('Standard Profiles'!$G$22=$B$10,7,0)+IF('Standard Profiles'!$G$22=$B$17,14,0)+IF('Standard Profiles'!$G$22=$B$24,21,0),0)),0)</f>
        <v>0</v>
      </c>
      <c r="I5462">
        <f t="shared" si="608"/>
        <v>0</v>
      </c>
      <c r="J5462">
        <f t="shared" si="609"/>
        <v>6.0889050783046414</v>
      </c>
      <c r="K5462">
        <f t="shared" si="610"/>
        <v>0.53718299934561431</v>
      </c>
      <c r="L5462">
        <f t="shared" si="611"/>
        <v>0.26859149967280715</v>
      </c>
      <c r="M5462">
        <f t="shared" si="612"/>
        <v>0</v>
      </c>
      <c r="N5462" s="45">
        <f t="shared" si="613"/>
        <v>45153.166666653502</v>
      </c>
    </row>
    <row r="5463" spans="2:14" x14ac:dyDescent="0.25">
      <c r="B5463">
        <f t="shared" si="607"/>
        <v>2</v>
      </c>
      <c r="C5463" s="16">
        <v>5429</v>
      </c>
      <c r="D5463" cm="1">
        <f t="array" ref="D5463">IFERROR(INDEX(Jesper!AH$2:AH$366,ROUNDDOWN($C5463/24,0)+1,1)*INDEX($D$3:$AA$30,INDEX(Jesper!$R$2:$R$366,ROW(INDEX(Jesper!AH$2:AH$366,ROUNDDOWN($C5463/24,0)+1,1))-1)+IF('Standard Profiles'!$G$18=$B$10,7,0)+IF('Standard Profiles'!$G$18=$B$17,14,0)+IF('Standard Profiles'!$G$18=$B$24,21,0),MOD($C5463,24)+1)/SUM(INDEX($D$3:$AA$30,INDEX(Jesper!$R$2:$R$366,ROW(INDEX(Jesper!AH$2:AH$366,ROUNDDOWN($C5463/24,0)+1,1))-1)+IF('Standard Profiles'!$G$18=$B$10,7,0)+IF('Standard Profiles'!$G$18=$B$17,14,0)+IF('Standard Profiles'!$G$18=$B$24,21,0),0)),0)</f>
        <v>5.036090618865134</v>
      </c>
      <c r="E5463" cm="1">
        <f t="array" ref="E5463">IFERROR(INDEX(Jesper!AI$2:AI$366,ROUNDDOWN($C5463/24,0)+1,1)*INDEX($D$3:$AA$30,INDEX(Jesper!$R$2:$R$366,ROW(INDEX(Jesper!AI$2:AI$366,ROUNDDOWN($C5463/24,0)+1,1))-1)+IF('Standard Profiles'!$G$19=$B$10,7,0)+IF('Standard Profiles'!$G$19=$B$17,14,0)+IF('Standard Profiles'!$G$19=$B$24,21,0),MOD($C5463,24)+1)/SUM(INDEX($D$3:$AA$30,INDEX(Jesper!$R$2:$R$366,ROW(INDEX(Jesper!AI$2:AI$366,ROUNDDOWN($C5463/24,0)+1,1))-1)+IF('Standard Profiles'!$G$19=$B$10,7,0)+IF('Standard Profiles'!$G$19=$B$17,14,0)+IF('Standard Profiles'!$G$19=$B$24,21,0),0)),0)</f>
        <v>1.8585889584579287</v>
      </c>
      <c r="F5463" cm="1">
        <f t="array" ref="F5463">IFERROR(INDEX(Jesper!AJ$2:AJ$366,ROUNDDOWN($C5463/24,0)+1,1)*INDEX($D$3:$AA$30,INDEX(Jesper!$R$2:$R$366,ROW(INDEX(Jesper!AJ$2:AJ$366,ROUNDDOWN($C5463/24,0)+1,1))-1)+IF('Standard Profiles'!$G$20=$B$10,7,0)+IF('Standard Profiles'!$G$20=$B$17,14,0)+IF('Standard Profiles'!$G$20=$B$24,21,0),MOD($C5463,24)+1)/SUM(INDEX($D$3:$AA$30,INDEX(Jesper!$R$2:$R$366,ROW(INDEX(Jesper!AJ$2:AJ$366,ROUNDDOWN($C5463/24,0)+1,1))-1)+IF('Standard Profiles'!$G$20=$B$10,7,0)+IF('Standard Profiles'!$G$20=$B$17,14,0)+IF('Standard Profiles'!$G$20=$B$24,21,0),0)),0)</f>
        <v>0</v>
      </c>
      <c r="G5463" cm="1">
        <f t="array" ref="G5463">IFERROR(INDEX(Jesper!AK$2:AK$366,ROUNDDOWN($C5463/24,0)+1,1)*INDEX($D$3:$AA$30,INDEX(Jesper!$R$2:$R$366,ROW(INDEX(Jesper!AK$2:AK$366,ROUNDDOWN($C5463/24,0)+1,1))-1)+IF('Standard Profiles'!$G$21=$B$10,7,0)+IF('Standard Profiles'!$G$21=$B$17,14,0)+IF('Standard Profiles'!$G$21=$B$24,21,0),MOD($C5463,24)+1)/SUM(INDEX($D$3:$AA$30,INDEX(Jesper!$R$2:$R$366,ROW(INDEX(Jesper!AK$2:AK$366,ROUNDDOWN($C5463/24,0)+1,1))-1)+IF('Standard Profiles'!$G$21=$B$10,7,0)+IF('Standard Profiles'!$G$21=$B$17,14,0)+IF('Standard Profiles'!$G$21=$B$24,21,0),0)),0)</f>
        <v>0</v>
      </c>
      <c r="H5463" cm="1">
        <f t="array" ref="H5463">IFERROR(INDEX(Jesper!AL$2:AL$366,ROUNDDOWN($C5463/24,0)+1,1)*INDEX($D$3:$AA$30,INDEX(Jesper!$R$2:$R$366,ROW(INDEX(Jesper!AL$2:AL$366,ROUNDDOWN($C5463/24,0)+1,1))-1)+IF('Standard Profiles'!$G$22=$B$10,7,0)+IF('Standard Profiles'!$G$22=$B$17,14,0)+IF('Standard Profiles'!$G$22=$B$24,21,0),MOD($C5463,24)+1)/SUM(INDEX($D$3:$AA$30,INDEX(Jesper!$R$2:$R$366,ROW(INDEX(Jesper!AL$2:AL$366,ROUNDDOWN($C5463/24,0)+1,1))-1)+IF('Standard Profiles'!$G$22=$B$10,7,0)+IF('Standard Profiles'!$G$22=$B$17,14,0)+IF('Standard Profiles'!$G$22=$B$24,21,0),0)),0)</f>
        <v>0</v>
      </c>
      <c r="I5463">
        <f t="shared" si="608"/>
        <v>0</v>
      </c>
      <c r="J5463">
        <f t="shared" si="609"/>
        <v>6.0889050783046414</v>
      </c>
      <c r="K5463">
        <f t="shared" si="610"/>
        <v>0.53718299934561431</v>
      </c>
      <c r="L5463">
        <f t="shared" si="611"/>
        <v>0.26859149967280715</v>
      </c>
      <c r="M5463">
        <f t="shared" si="612"/>
        <v>0</v>
      </c>
      <c r="N5463" s="45">
        <f t="shared" si="613"/>
        <v>45153.208333320166</v>
      </c>
    </row>
    <row r="5464" spans="2:14" x14ac:dyDescent="0.25">
      <c r="B5464">
        <f t="shared" si="607"/>
        <v>2</v>
      </c>
      <c r="C5464" s="16">
        <v>5430</v>
      </c>
      <c r="D5464" cm="1">
        <f t="array" ref="D5464">IFERROR(INDEX(Jesper!AH$2:AH$366,ROUNDDOWN($C5464/24,0)+1,1)*INDEX($D$3:$AA$30,INDEX(Jesper!$R$2:$R$366,ROW(INDEX(Jesper!AH$2:AH$366,ROUNDDOWN($C5464/24,0)+1,1))-1)+IF('Standard Profiles'!$G$18=$B$10,7,0)+IF('Standard Profiles'!$G$18=$B$17,14,0)+IF('Standard Profiles'!$G$18=$B$24,21,0),MOD($C5464,24)+1)/SUM(INDEX($D$3:$AA$30,INDEX(Jesper!$R$2:$R$366,ROW(INDEX(Jesper!AH$2:AH$366,ROUNDDOWN($C5464/24,0)+1,1))-1)+IF('Standard Profiles'!$G$18=$B$10,7,0)+IF('Standard Profiles'!$G$18=$B$17,14,0)+IF('Standard Profiles'!$G$18=$B$24,21,0),0)),0)</f>
        <v>5.036090618865134</v>
      </c>
      <c r="E5464" cm="1">
        <f t="array" ref="E5464">IFERROR(INDEX(Jesper!AI$2:AI$366,ROUNDDOWN($C5464/24,0)+1,1)*INDEX($D$3:$AA$30,INDEX(Jesper!$R$2:$R$366,ROW(INDEX(Jesper!AI$2:AI$366,ROUNDDOWN($C5464/24,0)+1,1))-1)+IF('Standard Profiles'!$G$19=$B$10,7,0)+IF('Standard Profiles'!$G$19=$B$17,14,0)+IF('Standard Profiles'!$G$19=$B$24,21,0),MOD($C5464,24)+1)/SUM(INDEX($D$3:$AA$30,INDEX(Jesper!$R$2:$R$366,ROW(INDEX(Jesper!AI$2:AI$366,ROUNDDOWN($C5464/24,0)+1,1))-1)+IF('Standard Profiles'!$G$19=$B$10,7,0)+IF('Standard Profiles'!$G$19=$B$17,14,0)+IF('Standard Profiles'!$G$19=$B$24,21,0),0)),0)</f>
        <v>1.8585889584579287</v>
      </c>
      <c r="F5464" cm="1">
        <f t="array" ref="F5464">IFERROR(INDEX(Jesper!AJ$2:AJ$366,ROUNDDOWN($C5464/24,0)+1,1)*INDEX($D$3:$AA$30,INDEX(Jesper!$R$2:$R$366,ROW(INDEX(Jesper!AJ$2:AJ$366,ROUNDDOWN($C5464/24,0)+1,1))-1)+IF('Standard Profiles'!$G$20=$B$10,7,0)+IF('Standard Profiles'!$G$20=$B$17,14,0)+IF('Standard Profiles'!$G$20=$B$24,21,0),MOD($C5464,24)+1)/SUM(INDEX($D$3:$AA$30,INDEX(Jesper!$R$2:$R$366,ROW(INDEX(Jesper!AJ$2:AJ$366,ROUNDDOWN($C5464/24,0)+1,1))-1)+IF('Standard Profiles'!$G$20=$B$10,7,0)+IF('Standard Profiles'!$G$20=$B$17,14,0)+IF('Standard Profiles'!$G$20=$B$24,21,0),0)),0)</f>
        <v>0</v>
      </c>
      <c r="G5464" cm="1">
        <f t="array" ref="G5464">IFERROR(INDEX(Jesper!AK$2:AK$366,ROUNDDOWN($C5464/24,0)+1,1)*INDEX($D$3:$AA$30,INDEX(Jesper!$R$2:$R$366,ROW(INDEX(Jesper!AK$2:AK$366,ROUNDDOWN($C5464/24,0)+1,1))-1)+IF('Standard Profiles'!$G$21=$B$10,7,0)+IF('Standard Profiles'!$G$21=$B$17,14,0)+IF('Standard Profiles'!$G$21=$B$24,21,0),MOD($C5464,24)+1)/SUM(INDEX($D$3:$AA$30,INDEX(Jesper!$R$2:$R$366,ROW(INDEX(Jesper!AK$2:AK$366,ROUNDDOWN($C5464/24,0)+1,1))-1)+IF('Standard Profiles'!$G$21=$B$10,7,0)+IF('Standard Profiles'!$G$21=$B$17,14,0)+IF('Standard Profiles'!$G$21=$B$24,21,0),0)),0)</f>
        <v>0</v>
      </c>
      <c r="H5464" cm="1">
        <f t="array" ref="H5464">IFERROR(INDEX(Jesper!AL$2:AL$366,ROUNDDOWN($C5464/24,0)+1,1)*INDEX($D$3:$AA$30,INDEX(Jesper!$R$2:$R$366,ROW(INDEX(Jesper!AL$2:AL$366,ROUNDDOWN($C5464/24,0)+1,1))-1)+IF('Standard Profiles'!$G$22=$B$10,7,0)+IF('Standard Profiles'!$G$22=$B$17,14,0)+IF('Standard Profiles'!$G$22=$B$24,21,0),MOD($C5464,24)+1)/SUM(INDEX($D$3:$AA$30,INDEX(Jesper!$R$2:$R$366,ROW(INDEX(Jesper!AL$2:AL$366,ROUNDDOWN($C5464/24,0)+1,1))-1)+IF('Standard Profiles'!$G$22=$B$10,7,0)+IF('Standard Profiles'!$G$22=$B$17,14,0)+IF('Standard Profiles'!$G$22=$B$24,21,0),0)),0)</f>
        <v>0</v>
      </c>
      <c r="I5464">
        <f t="shared" si="608"/>
        <v>0</v>
      </c>
      <c r="J5464">
        <f t="shared" si="609"/>
        <v>6.0889050783046414</v>
      </c>
      <c r="K5464">
        <f t="shared" si="610"/>
        <v>0.53718299934561431</v>
      </c>
      <c r="L5464">
        <f t="shared" si="611"/>
        <v>0.26859149967280715</v>
      </c>
      <c r="M5464">
        <f t="shared" si="612"/>
        <v>0</v>
      </c>
      <c r="N5464" s="45">
        <f t="shared" si="613"/>
        <v>45153.249999986831</v>
      </c>
    </row>
    <row r="5465" spans="2:14" x14ac:dyDescent="0.25">
      <c r="B5465">
        <f t="shared" si="607"/>
        <v>2</v>
      </c>
      <c r="C5465" s="16">
        <v>5431</v>
      </c>
      <c r="D5465" cm="1">
        <f t="array" ref="D5465">IFERROR(INDEX(Jesper!AH$2:AH$366,ROUNDDOWN($C5465/24,0)+1,1)*INDEX($D$3:$AA$30,INDEX(Jesper!$R$2:$R$366,ROW(INDEX(Jesper!AH$2:AH$366,ROUNDDOWN($C5465/24,0)+1,1))-1)+IF('Standard Profiles'!$G$18=$B$10,7,0)+IF('Standard Profiles'!$G$18=$B$17,14,0)+IF('Standard Profiles'!$G$18=$B$24,21,0),MOD($C5465,24)+1)/SUM(INDEX($D$3:$AA$30,INDEX(Jesper!$R$2:$R$366,ROW(INDEX(Jesper!AH$2:AH$366,ROUNDDOWN($C5465/24,0)+1,1))-1)+IF('Standard Profiles'!$G$18=$B$10,7,0)+IF('Standard Profiles'!$G$18=$B$17,14,0)+IF('Standard Profiles'!$G$18=$B$24,21,0),0)),0)</f>
        <v>21.230269515153328</v>
      </c>
      <c r="E5465" cm="1">
        <f t="array" ref="E5465">IFERROR(INDEX(Jesper!AI$2:AI$366,ROUNDDOWN($C5465/24,0)+1,1)*INDEX($D$3:$AA$30,INDEX(Jesper!$R$2:$R$366,ROW(INDEX(Jesper!AI$2:AI$366,ROUNDDOWN($C5465/24,0)+1,1))-1)+IF('Standard Profiles'!$G$19=$B$10,7,0)+IF('Standard Profiles'!$G$19=$B$17,14,0)+IF('Standard Profiles'!$G$19=$B$24,21,0),MOD($C5465,24)+1)/SUM(INDEX($D$3:$AA$30,INDEX(Jesper!$R$2:$R$366,ROW(INDEX(Jesper!AI$2:AI$366,ROUNDDOWN($C5465/24,0)+1,1))-1)+IF('Standard Profiles'!$G$19=$B$10,7,0)+IF('Standard Profiles'!$G$19=$B$17,14,0)+IF('Standard Profiles'!$G$19=$B$24,21,0),0)),0)</f>
        <v>7.8351140779992043</v>
      </c>
      <c r="F5465" cm="1">
        <f t="array" ref="F5465">IFERROR(INDEX(Jesper!AJ$2:AJ$366,ROUNDDOWN($C5465/24,0)+1,1)*INDEX($D$3:$AA$30,INDEX(Jesper!$R$2:$R$366,ROW(INDEX(Jesper!AJ$2:AJ$366,ROUNDDOWN($C5465/24,0)+1,1))-1)+IF('Standard Profiles'!$G$20=$B$10,7,0)+IF('Standard Profiles'!$G$20=$B$17,14,0)+IF('Standard Profiles'!$G$20=$B$24,21,0),MOD($C5465,24)+1)/SUM(INDEX($D$3:$AA$30,INDEX(Jesper!$R$2:$R$366,ROW(INDEX(Jesper!AJ$2:AJ$366,ROUNDDOWN($C5465/24,0)+1,1))-1)+IF('Standard Profiles'!$G$20=$B$10,7,0)+IF('Standard Profiles'!$G$20=$B$17,14,0)+IF('Standard Profiles'!$G$20=$B$24,21,0),0)),0)</f>
        <v>0</v>
      </c>
      <c r="G5465" cm="1">
        <f t="array" ref="G5465">IFERROR(INDEX(Jesper!AK$2:AK$366,ROUNDDOWN($C5465/24,0)+1,1)*INDEX($D$3:$AA$30,INDEX(Jesper!$R$2:$R$366,ROW(INDEX(Jesper!AK$2:AK$366,ROUNDDOWN($C5465/24,0)+1,1))-1)+IF('Standard Profiles'!$G$21=$B$10,7,0)+IF('Standard Profiles'!$G$21=$B$17,14,0)+IF('Standard Profiles'!$G$21=$B$24,21,0),MOD($C5465,24)+1)/SUM(INDEX($D$3:$AA$30,INDEX(Jesper!$R$2:$R$366,ROW(INDEX(Jesper!AK$2:AK$366,ROUNDDOWN($C5465/24,0)+1,1))-1)+IF('Standard Profiles'!$G$21=$B$10,7,0)+IF('Standard Profiles'!$G$21=$B$17,14,0)+IF('Standard Profiles'!$G$21=$B$24,21,0),0)),0)</f>
        <v>0</v>
      </c>
      <c r="H5465" cm="1">
        <f t="array" ref="H5465">IFERROR(INDEX(Jesper!AL$2:AL$366,ROUNDDOWN($C5465/24,0)+1,1)*INDEX($D$3:$AA$30,INDEX(Jesper!$R$2:$R$366,ROW(INDEX(Jesper!AL$2:AL$366,ROUNDDOWN($C5465/24,0)+1,1))-1)+IF('Standard Profiles'!$G$22=$B$10,7,0)+IF('Standard Profiles'!$G$22=$B$17,14,0)+IF('Standard Profiles'!$G$22=$B$24,21,0),MOD($C5465,24)+1)/SUM(INDEX($D$3:$AA$30,INDEX(Jesper!$R$2:$R$366,ROW(INDEX(Jesper!AL$2:AL$366,ROUNDDOWN($C5465/24,0)+1,1))-1)+IF('Standard Profiles'!$G$22=$B$10,7,0)+IF('Standard Profiles'!$G$22=$B$17,14,0)+IF('Standard Profiles'!$G$22=$B$24,21,0),0)),0)</f>
        <v>0</v>
      </c>
      <c r="I5465">
        <f t="shared" si="608"/>
        <v>0</v>
      </c>
      <c r="J5465">
        <f t="shared" si="609"/>
        <v>25.668540470728001</v>
      </c>
      <c r="K5465">
        <f t="shared" si="610"/>
        <v>2.2645620816163552</v>
      </c>
      <c r="L5465">
        <f t="shared" si="611"/>
        <v>1.1322810408081776</v>
      </c>
      <c r="M5465">
        <f t="shared" si="612"/>
        <v>0</v>
      </c>
      <c r="N5465" s="45">
        <f t="shared" si="613"/>
        <v>45153.291666653495</v>
      </c>
    </row>
    <row r="5466" spans="2:14" x14ac:dyDescent="0.25">
      <c r="B5466">
        <f t="shared" si="607"/>
        <v>2</v>
      </c>
      <c r="C5466" s="16">
        <v>5432</v>
      </c>
      <c r="D5466" cm="1">
        <f t="array" ref="D5466">IFERROR(INDEX(Jesper!AH$2:AH$366,ROUNDDOWN($C5466/24,0)+1,1)*INDEX($D$3:$AA$30,INDEX(Jesper!$R$2:$R$366,ROW(INDEX(Jesper!AH$2:AH$366,ROUNDDOWN($C5466/24,0)+1,1))-1)+IF('Standard Profiles'!$G$18=$B$10,7,0)+IF('Standard Profiles'!$G$18=$B$17,14,0)+IF('Standard Profiles'!$G$18=$B$24,21,0),MOD($C5466,24)+1)/SUM(INDEX($D$3:$AA$30,INDEX(Jesper!$R$2:$R$366,ROW(INDEX(Jesper!AH$2:AH$366,ROUNDDOWN($C5466/24,0)+1,1))-1)+IF('Standard Profiles'!$G$18=$B$10,7,0)+IF('Standard Profiles'!$G$18=$B$17,14,0)+IF('Standard Profiles'!$G$18=$B$24,21,0),0)),0)</f>
        <v>23.688511248486876</v>
      </c>
      <c r="E5466" cm="1">
        <f t="array" ref="E5466">IFERROR(INDEX(Jesper!AI$2:AI$366,ROUNDDOWN($C5466/24,0)+1,1)*INDEX($D$3:$AA$30,INDEX(Jesper!$R$2:$R$366,ROW(INDEX(Jesper!AI$2:AI$366,ROUNDDOWN($C5466/24,0)+1,1))-1)+IF('Standard Profiles'!$G$19=$B$10,7,0)+IF('Standard Profiles'!$G$19=$B$17,14,0)+IF('Standard Profiles'!$G$19=$B$24,21,0),MOD($C5466,24)+1)/SUM(INDEX($D$3:$AA$30,INDEX(Jesper!$R$2:$R$366,ROW(INDEX(Jesper!AI$2:AI$366,ROUNDDOWN($C5466/24,0)+1,1))-1)+IF('Standard Profiles'!$G$19=$B$10,7,0)+IF('Standard Profiles'!$G$19=$B$17,14,0)+IF('Standard Profiles'!$G$19=$B$24,21,0),0)),0)</f>
        <v>8.7423378133464809</v>
      </c>
      <c r="F5466" cm="1">
        <f t="array" ref="F5466">IFERROR(INDEX(Jesper!AJ$2:AJ$366,ROUNDDOWN($C5466/24,0)+1,1)*INDEX($D$3:$AA$30,INDEX(Jesper!$R$2:$R$366,ROW(INDEX(Jesper!AJ$2:AJ$366,ROUNDDOWN($C5466/24,0)+1,1))-1)+IF('Standard Profiles'!$G$20=$B$10,7,0)+IF('Standard Profiles'!$G$20=$B$17,14,0)+IF('Standard Profiles'!$G$20=$B$24,21,0),MOD($C5466,24)+1)/SUM(INDEX($D$3:$AA$30,INDEX(Jesper!$R$2:$R$366,ROW(INDEX(Jesper!AJ$2:AJ$366,ROUNDDOWN($C5466/24,0)+1,1))-1)+IF('Standard Profiles'!$G$20=$B$10,7,0)+IF('Standard Profiles'!$G$20=$B$17,14,0)+IF('Standard Profiles'!$G$20=$B$24,21,0),0)),0)</f>
        <v>0</v>
      </c>
      <c r="G5466" cm="1">
        <f t="array" ref="G5466">IFERROR(INDEX(Jesper!AK$2:AK$366,ROUNDDOWN($C5466/24,0)+1,1)*INDEX($D$3:$AA$30,INDEX(Jesper!$R$2:$R$366,ROW(INDEX(Jesper!AK$2:AK$366,ROUNDDOWN($C5466/24,0)+1,1))-1)+IF('Standard Profiles'!$G$21=$B$10,7,0)+IF('Standard Profiles'!$G$21=$B$17,14,0)+IF('Standard Profiles'!$G$21=$B$24,21,0),MOD($C5466,24)+1)/SUM(INDEX($D$3:$AA$30,INDEX(Jesper!$R$2:$R$366,ROW(INDEX(Jesper!AK$2:AK$366,ROUNDDOWN($C5466/24,0)+1,1))-1)+IF('Standard Profiles'!$G$21=$B$10,7,0)+IF('Standard Profiles'!$G$21=$B$17,14,0)+IF('Standard Profiles'!$G$21=$B$24,21,0),0)),0)</f>
        <v>0</v>
      </c>
      <c r="H5466" cm="1">
        <f t="array" ref="H5466">IFERROR(INDEX(Jesper!AL$2:AL$366,ROUNDDOWN($C5466/24,0)+1,1)*INDEX($D$3:$AA$30,INDEX(Jesper!$R$2:$R$366,ROW(INDEX(Jesper!AL$2:AL$366,ROUNDDOWN($C5466/24,0)+1,1))-1)+IF('Standard Profiles'!$G$22=$B$10,7,0)+IF('Standard Profiles'!$G$22=$B$17,14,0)+IF('Standard Profiles'!$G$22=$B$24,21,0),MOD($C5466,24)+1)/SUM(INDEX($D$3:$AA$30,INDEX(Jesper!$R$2:$R$366,ROW(INDEX(Jesper!AL$2:AL$366,ROUNDDOWN($C5466/24,0)+1,1))-1)+IF('Standard Profiles'!$G$22=$B$10,7,0)+IF('Standard Profiles'!$G$22=$B$17,14,0)+IF('Standard Profiles'!$G$22=$B$24,21,0),0)),0)</f>
        <v>0</v>
      </c>
      <c r="I5466">
        <f t="shared" si="608"/>
        <v>0</v>
      </c>
      <c r="J5466">
        <f t="shared" si="609"/>
        <v>28.640687262075456</v>
      </c>
      <c r="K5466">
        <f t="shared" si="610"/>
        <v>2.5267745331719333</v>
      </c>
      <c r="L5466">
        <f t="shared" si="611"/>
        <v>1.2633872665859667</v>
      </c>
      <c r="M5466">
        <f t="shared" si="612"/>
        <v>0</v>
      </c>
      <c r="N5466" s="45">
        <f t="shared" si="613"/>
        <v>45153.333333320159</v>
      </c>
    </row>
    <row r="5467" spans="2:14" x14ac:dyDescent="0.25">
      <c r="B5467">
        <f t="shared" si="607"/>
        <v>2</v>
      </c>
      <c r="C5467" s="16">
        <v>5433</v>
      </c>
      <c r="D5467" cm="1">
        <f t="array" ref="D5467">IFERROR(INDEX(Jesper!AH$2:AH$366,ROUNDDOWN($C5467/24,0)+1,1)*INDEX($D$3:$AA$30,INDEX(Jesper!$R$2:$R$366,ROW(INDEX(Jesper!AH$2:AH$366,ROUNDDOWN($C5467/24,0)+1,1))-1)+IF('Standard Profiles'!$G$18=$B$10,7,0)+IF('Standard Profiles'!$G$18=$B$17,14,0)+IF('Standard Profiles'!$G$18=$B$24,21,0),MOD($C5467,24)+1)/SUM(INDEX($D$3:$AA$30,INDEX(Jesper!$R$2:$R$366,ROW(INDEX(Jesper!AH$2:AH$366,ROUNDDOWN($C5467/24,0)+1,1))-1)+IF('Standard Profiles'!$G$18=$B$10,7,0)+IF('Standard Profiles'!$G$18=$B$17,14,0)+IF('Standard Profiles'!$G$18=$B$24,21,0),0)),0)</f>
        <v>26.146752981820416</v>
      </c>
      <c r="E5467" cm="1">
        <f t="array" ref="E5467">IFERROR(INDEX(Jesper!AI$2:AI$366,ROUNDDOWN($C5467/24,0)+1,1)*INDEX($D$3:$AA$30,INDEX(Jesper!$R$2:$R$366,ROW(INDEX(Jesper!AI$2:AI$366,ROUNDDOWN($C5467/24,0)+1,1))-1)+IF('Standard Profiles'!$G$19=$B$10,7,0)+IF('Standard Profiles'!$G$19=$B$17,14,0)+IF('Standard Profiles'!$G$19=$B$24,21,0),MOD($C5467,24)+1)/SUM(INDEX($D$3:$AA$30,INDEX(Jesper!$R$2:$R$366,ROW(INDEX(Jesper!AI$2:AI$366,ROUNDDOWN($C5467/24,0)+1,1))-1)+IF('Standard Profiles'!$G$19=$B$10,7,0)+IF('Standard Profiles'!$G$19=$B$17,14,0)+IF('Standard Profiles'!$G$19=$B$24,21,0),0)),0)</f>
        <v>9.6495615486937574</v>
      </c>
      <c r="F5467" cm="1">
        <f t="array" ref="F5467">IFERROR(INDEX(Jesper!AJ$2:AJ$366,ROUNDDOWN($C5467/24,0)+1,1)*INDEX($D$3:$AA$30,INDEX(Jesper!$R$2:$R$366,ROW(INDEX(Jesper!AJ$2:AJ$366,ROUNDDOWN($C5467/24,0)+1,1))-1)+IF('Standard Profiles'!$G$20=$B$10,7,0)+IF('Standard Profiles'!$G$20=$B$17,14,0)+IF('Standard Profiles'!$G$20=$B$24,21,0),MOD($C5467,24)+1)/SUM(INDEX($D$3:$AA$30,INDEX(Jesper!$R$2:$R$366,ROW(INDEX(Jesper!AJ$2:AJ$366,ROUNDDOWN($C5467/24,0)+1,1))-1)+IF('Standard Profiles'!$G$20=$B$10,7,0)+IF('Standard Profiles'!$G$20=$B$17,14,0)+IF('Standard Profiles'!$G$20=$B$24,21,0),0)),0)</f>
        <v>0</v>
      </c>
      <c r="G5467" cm="1">
        <f t="array" ref="G5467">IFERROR(INDEX(Jesper!AK$2:AK$366,ROUNDDOWN($C5467/24,0)+1,1)*INDEX($D$3:$AA$30,INDEX(Jesper!$R$2:$R$366,ROW(INDEX(Jesper!AK$2:AK$366,ROUNDDOWN($C5467/24,0)+1,1))-1)+IF('Standard Profiles'!$G$21=$B$10,7,0)+IF('Standard Profiles'!$G$21=$B$17,14,0)+IF('Standard Profiles'!$G$21=$B$24,21,0),MOD($C5467,24)+1)/SUM(INDEX($D$3:$AA$30,INDEX(Jesper!$R$2:$R$366,ROW(INDEX(Jesper!AK$2:AK$366,ROUNDDOWN($C5467/24,0)+1,1))-1)+IF('Standard Profiles'!$G$21=$B$10,7,0)+IF('Standard Profiles'!$G$21=$B$17,14,0)+IF('Standard Profiles'!$G$21=$B$24,21,0),0)),0)</f>
        <v>0</v>
      </c>
      <c r="H5467" cm="1">
        <f t="array" ref="H5467">IFERROR(INDEX(Jesper!AL$2:AL$366,ROUNDDOWN($C5467/24,0)+1,1)*INDEX($D$3:$AA$30,INDEX(Jesper!$R$2:$R$366,ROW(INDEX(Jesper!AL$2:AL$366,ROUNDDOWN($C5467/24,0)+1,1))-1)+IF('Standard Profiles'!$G$22=$B$10,7,0)+IF('Standard Profiles'!$G$22=$B$17,14,0)+IF('Standard Profiles'!$G$22=$B$24,21,0),MOD($C5467,24)+1)/SUM(INDEX($D$3:$AA$30,INDEX(Jesper!$R$2:$R$366,ROW(INDEX(Jesper!AL$2:AL$366,ROUNDDOWN($C5467/24,0)+1,1))-1)+IF('Standard Profiles'!$G$22=$B$10,7,0)+IF('Standard Profiles'!$G$22=$B$17,14,0)+IF('Standard Profiles'!$G$22=$B$24,21,0),0)),0)</f>
        <v>0</v>
      </c>
      <c r="I5467">
        <f t="shared" si="608"/>
        <v>0</v>
      </c>
      <c r="J5467">
        <f t="shared" si="609"/>
        <v>31.612834053422905</v>
      </c>
      <c r="K5467">
        <f t="shared" si="610"/>
        <v>2.7889869847275111</v>
      </c>
      <c r="L5467">
        <f t="shared" si="611"/>
        <v>1.3944934923637555</v>
      </c>
      <c r="M5467">
        <f t="shared" si="612"/>
        <v>0</v>
      </c>
      <c r="N5467" s="45">
        <f t="shared" si="613"/>
        <v>45153.374999986823</v>
      </c>
    </row>
    <row r="5468" spans="2:14" x14ac:dyDescent="0.25">
      <c r="B5468">
        <f t="shared" si="607"/>
        <v>2</v>
      </c>
      <c r="C5468" s="16">
        <v>5434</v>
      </c>
      <c r="D5468" cm="1">
        <f t="array" ref="D5468">IFERROR(INDEX(Jesper!AH$2:AH$366,ROUNDDOWN($C5468/24,0)+1,1)*INDEX($D$3:$AA$30,INDEX(Jesper!$R$2:$R$366,ROW(INDEX(Jesper!AH$2:AH$366,ROUNDDOWN($C5468/24,0)+1,1))-1)+IF('Standard Profiles'!$G$18=$B$10,7,0)+IF('Standard Profiles'!$G$18=$B$17,14,0)+IF('Standard Profiles'!$G$18=$B$24,21,0),MOD($C5468,24)+1)/SUM(INDEX($D$3:$AA$30,INDEX(Jesper!$R$2:$R$366,ROW(INDEX(Jesper!AH$2:AH$366,ROUNDDOWN($C5468/24,0)+1,1))-1)+IF('Standard Profiles'!$G$18=$B$10,7,0)+IF('Standard Profiles'!$G$18=$B$17,14,0)+IF('Standard Profiles'!$G$18=$B$24,21,0),0)),0)</f>
        <v>26.146752981820416</v>
      </c>
      <c r="E5468" cm="1">
        <f t="array" ref="E5468">IFERROR(INDEX(Jesper!AI$2:AI$366,ROUNDDOWN($C5468/24,0)+1,1)*INDEX($D$3:$AA$30,INDEX(Jesper!$R$2:$R$366,ROW(INDEX(Jesper!AI$2:AI$366,ROUNDDOWN($C5468/24,0)+1,1))-1)+IF('Standard Profiles'!$G$19=$B$10,7,0)+IF('Standard Profiles'!$G$19=$B$17,14,0)+IF('Standard Profiles'!$G$19=$B$24,21,0),MOD($C5468,24)+1)/SUM(INDEX($D$3:$AA$30,INDEX(Jesper!$R$2:$R$366,ROW(INDEX(Jesper!AI$2:AI$366,ROUNDDOWN($C5468/24,0)+1,1))-1)+IF('Standard Profiles'!$G$19=$B$10,7,0)+IF('Standard Profiles'!$G$19=$B$17,14,0)+IF('Standard Profiles'!$G$19=$B$24,21,0),0)),0)</f>
        <v>9.6495615486937574</v>
      </c>
      <c r="F5468" cm="1">
        <f t="array" ref="F5468">IFERROR(INDEX(Jesper!AJ$2:AJ$366,ROUNDDOWN($C5468/24,0)+1,1)*INDEX($D$3:$AA$30,INDEX(Jesper!$R$2:$R$366,ROW(INDEX(Jesper!AJ$2:AJ$366,ROUNDDOWN($C5468/24,0)+1,1))-1)+IF('Standard Profiles'!$G$20=$B$10,7,0)+IF('Standard Profiles'!$G$20=$B$17,14,0)+IF('Standard Profiles'!$G$20=$B$24,21,0),MOD($C5468,24)+1)/SUM(INDEX($D$3:$AA$30,INDEX(Jesper!$R$2:$R$366,ROW(INDEX(Jesper!AJ$2:AJ$366,ROUNDDOWN($C5468/24,0)+1,1))-1)+IF('Standard Profiles'!$G$20=$B$10,7,0)+IF('Standard Profiles'!$G$20=$B$17,14,0)+IF('Standard Profiles'!$G$20=$B$24,21,0),0)),0)</f>
        <v>0</v>
      </c>
      <c r="G5468" cm="1">
        <f t="array" ref="G5468">IFERROR(INDEX(Jesper!AK$2:AK$366,ROUNDDOWN($C5468/24,0)+1,1)*INDEX($D$3:$AA$30,INDEX(Jesper!$R$2:$R$366,ROW(INDEX(Jesper!AK$2:AK$366,ROUNDDOWN($C5468/24,0)+1,1))-1)+IF('Standard Profiles'!$G$21=$B$10,7,0)+IF('Standard Profiles'!$G$21=$B$17,14,0)+IF('Standard Profiles'!$G$21=$B$24,21,0),MOD($C5468,24)+1)/SUM(INDEX($D$3:$AA$30,INDEX(Jesper!$R$2:$R$366,ROW(INDEX(Jesper!AK$2:AK$366,ROUNDDOWN($C5468/24,0)+1,1))-1)+IF('Standard Profiles'!$G$21=$B$10,7,0)+IF('Standard Profiles'!$G$21=$B$17,14,0)+IF('Standard Profiles'!$G$21=$B$24,21,0),0)),0)</f>
        <v>0</v>
      </c>
      <c r="H5468" cm="1">
        <f t="array" ref="H5468">IFERROR(INDEX(Jesper!AL$2:AL$366,ROUNDDOWN($C5468/24,0)+1,1)*INDEX($D$3:$AA$30,INDEX(Jesper!$R$2:$R$366,ROW(INDEX(Jesper!AL$2:AL$366,ROUNDDOWN($C5468/24,0)+1,1))-1)+IF('Standard Profiles'!$G$22=$B$10,7,0)+IF('Standard Profiles'!$G$22=$B$17,14,0)+IF('Standard Profiles'!$G$22=$B$24,21,0),MOD($C5468,24)+1)/SUM(INDEX($D$3:$AA$30,INDEX(Jesper!$R$2:$R$366,ROW(INDEX(Jesper!AL$2:AL$366,ROUNDDOWN($C5468/24,0)+1,1))-1)+IF('Standard Profiles'!$G$22=$B$10,7,0)+IF('Standard Profiles'!$G$22=$B$17,14,0)+IF('Standard Profiles'!$G$22=$B$24,21,0),0)),0)</f>
        <v>0</v>
      </c>
      <c r="I5468">
        <f t="shared" si="608"/>
        <v>0</v>
      </c>
      <c r="J5468">
        <f t="shared" si="609"/>
        <v>31.612834053422905</v>
      </c>
      <c r="K5468">
        <f t="shared" si="610"/>
        <v>2.7889869847275111</v>
      </c>
      <c r="L5468">
        <f t="shared" si="611"/>
        <v>1.3944934923637555</v>
      </c>
      <c r="M5468">
        <f t="shared" si="612"/>
        <v>0</v>
      </c>
      <c r="N5468" s="45">
        <f t="shared" si="613"/>
        <v>45153.416666653487</v>
      </c>
    </row>
    <row r="5469" spans="2:14" x14ac:dyDescent="0.25">
      <c r="B5469">
        <f t="shared" si="607"/>
        <v>2</v>
      </c>
      <c r="C5469" s="16">
        <v>5435</v>
      </c>
      <c r="D5469" cm="1">
        <f t="array" ref="D5469">IFERROR(INDEX(Jesper!AH$2:AH$366,ROUNDDOWN($C5469/24,0)+1,1)*INDEX($D$3:$AA$30,INDEX(Jesper!$R$2:$R$366,ROW(INDEX(Jesper!AH$2:AH$366,ROUNDDOWN($C5469/24,0)+1,1))-1)+IF('Standard Profiles'!$G$18=$B$10,7,0)+IF('Standard Profiles'!$G$18=$B$17,14,0)+IF('Standard Profiles'!$G$18=$B$24,21,0),MOD($C5469,24)+1)/SUM(INDEX($D$3:$AA$30,INDEX(Jesper!$R$2:$R$366,ROW(INDEX(Jesper!AH$2:AH$366,ROUNDDOWN($C5469/24,0)+1,1))-1)+IF('Standard Profiles'!$G$18=$B$10,7,0)+IF('Standard Profiles'!$G$18=$B$17,14,0)+IF('Standard Profiles'!$G$18=$B$24,21,0),0)),0)</f>
        <v>31.286712969699643</v>
      </c>
      <c r="E5469" cm="1">
        <f t="array" ref="E5469">IFERROR(INDEX(Jesper!AI$2:AI$366,ROUNDDOWN($C5469/24,0)+1,1)*INDEX($D$3:$AA$30,INDEX(Jesper!$R$2:$R$366,ROW(INDEX(Jesper!AI$2:AI$366,ROUNDDOWN($C5469/24,0)+1,1))-1)+IF('Standard Profiles'!$G$19=$B$10,7,0)+IF('Standard Profiles'!$G$19=$B$17,14,0)+IF('Standard Profiles'!$G$19=$B$24,21,0),MOD($C5469,24)+1)/SUM(INDEX($D$3:$AA$30,INDEX(Jesper!$R$2:$R$366,ROW(INDEX(Jesper!AI$2:AI$366,ROUNDDOWN($C5469/24,0)+1,1))-1)+IF('Standard Profiles'!$G$19=$B$10,7,0)+IF('Standard Profiles'!$G$19=$B$17,14,0)+IF('Standard Profiles'!$G$19=$B$24,21,0),0)),0)</f>
        <v>11.546483904419881</v>
      </c>
      <c r="F5469" cm="1">
        <f t="array" ref="F5469">IFERROR(INDEX(Jesper!AJ$2:AJ$366,ROUNDDOWN($C5469/24,0)+1,1)*INDEX($D$3:$AA$30,INDEX(Jesper!$R$2:$R$366,ROW(INDEX(Jesper!AJ$2:AJ$366,ROUNDDOWN($C5469/24,0)+1,1))-1)+IF('Standard Profiles'!$G$20=$B$10,7,0)+IF('Standard Profiles'!$G$20=$B$17,14,0)+IF('Standard Profiles'!$G$20=$B$24,21,0),MOD($C5469,24)+1)/SUM(INDEX($D$3:$AA$30,INDEX(Jesper!$R$2:$R$366,ROW(INDEX(Jesper!AJ$2:AJ$366,ROUNDDOWN($C5469/24,0)+1,1))-1)+IF('Standard Profiles'!$G$20=$B$10,7,0)+IF('Standard Profiles'!$G$20=$B$17,14,0)+IF('Standard Profiles'!$G$20=$B$24,21,0),0)),0)</f>
        <v>0</v>
      </c>
      <c r="G5469" cm="1">
        <f t="array" ref="G5469">IFERROR(INDEX(Jesper!AK$2:AK$366,ROUNDDOWN($C5469/24,0)+1,1)*INDEX($D$3:$AA$30,INDEX(Jesper!$R$2:$R$366,ROW(INDEX(Jesper!AK$2:AK$366,ROUNDDOWN($C5469/24,0)+1,1))-1)+IF('Standard Profiles'!$G$21=$B$10,7,0)+IF('Standard Profiles'!$G$21=$B$17,14,0)+IF('Standard Profiles'!$G$21=$B$24,21,0),MOD($C5469,24)+1)/SUM(INDEX($D$3:$AA$30,INDEX(Jesper!$R$2:$R$366,ROW(INDEX(Jesper!AK$2:AK$366,ROUNDDOWN($C5469/24,0)+1,1))-1)+IF('Standard Profiles'!$G$21=$B$10,7,0)+IF('Standard Profiles'!$G$21=$B$17,14,0)+IF('Standard Profiles'!$G$21=$B$24,21,0),0)),0)</f>
        <v>0</v>
      </c>
      <c r="H5469" cm="1">
        <f t="array" ref="H5469">IFERROR(INDEX(Jesper!AL$2:AL$366,ROUNDDOWN($C5469/24,0)+1,1)*INDEX($D$3:$AA$30,INDEX(Jesper!$R$2:$R$366,ROW(INDEX(Jesper!AL$2:AL$366,ROUNDDOWN($C5469/24,0)+1,1))-1)+IF('Standard Profiles'!$G$22=$B$10,7,0)+IF('Standard Profiles'!$G$22=$B$17,14,0)+IF('Standard Profiles'!$G$22=$B$24,21,0),MOD($C5469,24)+1)/SUM(INDEX($D$3:$AA$30,INDEX(Jesper!$R$2:$R$366,ROW(INDEX(Jesper!AL$2:AL$366,ROUNDDOWN($C5469/24,0)+1,1))-1)+IF('Standard Profiles'!$G$22=$B$10,7,0)+IF('Standard Profiles'!$G$22=$B$17,14,0)+IF('Standard Profiles'!$G$22=$B$24,21,0),0)),0)</f>
        <v>0</v>
      </c>
      <c r="I5469">
        <f t="shared" si="608"/>
        <v>0</v>
      </c>
      <c r="J5469">
        <f t="shared" si="609"/>
        <v>37.827322798967579</v>
      </c>
      <c r="K5469">
        <f t="shared" si="610"/>
        <v>3.3372493834346288</v>
      </c>
      <c r="L5469">
        <f t="shared" si="611"/>
        <v>1.6686246917173144</v>
      </c>
      <c r="M5469">
        <f t="shared" si="612"/>
        <v>0</v>
      </c>
      <c r="N5469" s="45">
        <f t="shared" si="613"/>
        <v>45153.458333320152</v>
      </c>
    </row>
    <row r="5470" spans="2:14" x14ac:dyDescent="0.25">
      <c r="B5470">
        <f t="shared" si="607"/>
        <v>2</v>
      </c>
      <c r="C5470" s="16">
        <v>5436</v>
      </c>
      <c r="D5470" cm="1">
        <f t="array" ref="D5470">IFERROR(INDEX(Jesper!AH$2:AH$366,ROUNDDOWN($C5470/24,0)+1,1)*INDEX($D$3:$AA$30,INDEX(Jesper!$R$2:$R$366,ROW(INDEX(Jesper!AH$2:AH$366,ROUNDDOWN($C5470/24,0)+1,1))-1)+IF('Standard Profiles'!$G$18=$B$10,7,0)+IF('Standard Profiles'!$G$18=$B$17,14,0)+IF('Standard Profiles'!$G$18=$B$24,21,0),MOD($C5470,24)+1)/SUM(INDEX($D$3:$AA$30,INDEX(Jesper!$R$2:$R$366,ROW(INDEX(Jesper!AH$2:AH$366,ROUNDDOWN($C5470/24,0)+1,1))-1)+IF('Standard Profiles'!$G$18=$B$10,7,0)+IF('Standard Profiles'!$G$18=$B$17,14,0)+IF('Standard Profiles'!$G$18=$B$24,21,0),0)),0)</f>
        <v>31.286712969699643</v>
      </c>
      <c r="E5470" cm="1">
        <f t="array" ref="E5470">IFERROR(INDEX(Jesper!AI$2:AI$366,ROUNDDOWN($C5470/24,0)+1,1)*INDEX($D$3:$AA$30,INDEX(Jesper!$R$2:$R$366,ROW(INDEX(Jesper!AI$2:AI$366,ROUNDDOWN($C5470/24,0)+1,1))-1)+IF('Standard Profiles'!$G$19=$B$10,7,0)+IF('Standard Profiles'!$G$19=$B$17,14,0)+IF('Standard Profiles'!$G$19=$B$24,21,0),MOD($C5470,24)+1)/SUM(INDEX($D$3:$AA$30,INDEX(Jesper!$R$2:$R$366,ROW(INDEX(Jesper!AI$2:AI$366,ROUNDDOWN($C5470/24,0)+1,1))-1)+IF('Standard Profiles'!$G$19=$B$10,7,0)+IF('Standard Profiles'!$G$19=$B$17,14,0)+IF('Standard Profiles'!$G$19=$B$24,21,0),0)),0)</f>
        <v>11.546483904419881</v>
      </c>
      <c r="F5470" cm="1">
        <f t="array" ref="F5470">IFERROR(INDEX(Jesper!AJ$2:AJ$366,ROUNDDOWN($C5470/24,0)+1,1)*INDEX($D$3:$AA$30,INDEX(Jesper!$R$2:$R$366,ROW(INDEX(Jesper!AJ$2:AJ$366,ROUNDDOWN($C5470/24,0)+1,1))-1)+IF('Standard Profiles'!$G$20=$B$10,7,0)+IF('Standard Profiles'!$G$20=$B$17,14,0)+IF('Standard Profiles'!$G$20=$B$24,21,0),MOD($C5470,24)+1)/SUM(INDEX($D$3:$AA$30,INDEX(Jesper!$R$2:$R$366,ROW(INDEX(Jesper!AJ$2:AJ$366,ROUNDDOWN($C5470/24,0)+1,1))-1)+IF('Standard Profiles'!$G$20=$B$10,7,0)+IF('Standard Profiles'!$G$20=$B$17,14,0)+IF('Standard Profiles'!$G$20=$B$24,21,0),0)),0)</f>
        <v>0</v>
      </c>
      <c r="G5470" cm="1">
        <f t="array" ref="G5470">IFERROR(INDEX(Jesper!AK$2:AK$366,ROUNDDOWN($C5470/24,0)+1,1)*INDEX($D$3:$AA$30,INDEX(Jesper!$R$2:$R$366,ROW(INDEX(Jesper!AK$2:AK$366,ROUNDDOWN($C5470/24,0)+1,1))-1)+IF('Standard Profiles'!$G$21=$B$10,7,0)+IF('Standard Profiles'!$G$21=$B$17,14,0)+IF('Standard Profiles'!$G$21=$B$24,21,0),MOD($C5470,24)+1)/SUM(INDEX($D$3:$AA$30,INDEX(Jesper!$R$2:$R$366,ROW(INDEX(Jesper!AK$2:AK$366,ROUNDDOWN($C5470/24,0)+1,1))-1)+IF('Standard Profiles'!$G$21=$B$10,7,0)+IF('Standard Profiles'!$G$21=$B$17,14,0)+IF('Standard Profiles'!$G$21=$B$24,21,0),0)),0)</f>
        <v>0</v>
      </c>
      <c r="H5470" cm="1">
        <f t="array" ref="H5470">IFERROR(INDEX(Jesper!AL$2:AL$366,ROUNDDOWN($C5470/24,0)+1,1)*INDEX($D$3:$AA$30,INDEX(Jesper!$R$2:$R$366,ROW(INDEX(Jesper!AL$2:AL$366,ROUNDDOWN($C5470/24,0)+1,1))-1)+IF('Standard Profiles'!$G$22=$B$10,7,0)+IF('Standard Profiles'!$G$22=$B$17,14,0)+IF('Standard Profiles'!$G$22=$B$24,21,0),MOD($C5470,24)+1)/SUM(INDEX($D$3:$AA$30,INDEX(Jesper!$R$2:$R$366,ROW(INDEX(Jesper!AL$2:AL$366,ROUNDDOWN($C5470/24,0)+1,1))-1)+IF('Standard Profiles'!$G$22=$B$10,7,0)+IF('Standard Profiles'!$G$22=$B$17,14,0)+IF('Standard Profiles'!$G$22=$B$24,21,0),0)),0)</f>
        <v>0</v>
      </c>
      <c r="I5470">
        <f t="shared" si="608"/>
        <v>0</v>
      </c>
      <c r="J5470">
        <f t="shared" si="609"/>
        <v>37.827322798967579</v>
      </c>
      <c r="K5470">
        <f t="shared" si="610"/>
        <v>3.3372493834346288</v>
      </c>
      <c r="L5470">
        <f t="shared" si="611"/>
        <v>1.6686246917173144</v>
      </c>
      <c r="M5470">
        <f t="shared" si="612"/>
        <v>0</v>
      </c>
      <c r="N5470" s="45">
        <f t="shared" si="613"/>
        <v>45153.499999986816</v>
      </c>
    </row>
    <row r="5471" spans="2:14" x14ac:dyDescent="0.25">
      <c r="B5471">
        <f t="shared" si="607"/>
        <v>2</v>
      </c>
      <c r="C5471" s="16">
        <v>5437</v>
      </c>
      <c r="D5471" cm="1">
        <f t="array" ref="D5471">IFERROR(INDEX(Jesper!AH$2:AH$366,ROUNDDOWN($C5471/24,0)+1,1)*INDEX($D$3:$AA$30,INDEX(Jesper!$R$2:$R$366,ROW(INDEX(Jesper!AH$2:AH$366,ROUNDDOWN($C5471/24,0)+1,1))-1)+IF('Standard Profiles'!$G$18=$B$10,7,0)+IF('Standard Profiles'!$G$18=$B$17,14,0)+IF('Standard Profiles'!$G$18=$B$24,21,0),MOD($C5471,24)+1)/SUM(INDEX($D$3:$AA$30,INDEX(Jesper!$R$2:$R$366,ROW(INDEX(Jesper!AH$2:AH$366,ROUNDDOWN($C5471/24,0)+1,1))-1)+IF('Standard Profiles'!$G$18=$B$10,7,0)+IF('Standard Profiles'!$G$18=$B$17,14,0)+IF('Standard Profiles'!$G$18=$B$24,21,0),0)),0)</f>
        <v>20.783316472729048</v>
      </c>
      <c r="E5471" cm="1">
        <f t="array" ref="E5471">IFERROR(INDEX(Jesper!AI$2:AI$366,ROUNDDOWN($C5471/24,0)+1,1)*INDEX($D$3:$AA$30,INDEX(Jesper!$R$2:$R$366,ROW(INDEX(Jesper!AI$2:AI$366,ROUNDDOWN($C5471/24,0)+1,1))-1)+IF('Standard Profiles'!$G$19=$B$10,7,0)+IF('Standard Profiles'!$G$19=$B$17,14,0)+IF('Standard Profiles'!$G$19=$B$24,21,0),MOD($C5471,24)+1)/SUM(INDEX($D$3:$AA$30,INDEX(Jesper!$R$2:$R$366,ROW(INDEX(Jesper!AI$2:AI$366,ROUNDDOWN($C5471/24,0)+1,1))-1)+IF('Standard Profiles'!$G$19=$B$10,7,0)+IF('Standard Profiles'!$G$19=$B$17,14,0)+IF('Standard Profiles'!$G$19=$B$24,21,0),0)),0)</f>
        <v>7.6701643079360631</v>
      </c>
      <c r="F5471" cm="1">
        <f t="array" ref="F5471">IFERROR(INDEX(Jesper!AJ$2:AJ$366,ROUNDDOWN($C5471/24,0)+1,1)*INDEX($D$3:$AA$30,INDEX(Jesper!$R$2:$R$366,ROW(INDEX(Jesper!AJ$2:AJ$366,ROUNDDOWN($C5471/24,0)+1,1))-1)+IF('Standard Profiles'!$G$20=$B$10,7,0)+IF('Standard Profiles'!$G$20=$B$17,14,0)+IF('Standard Profiles'!$G$20=$B$24,21,0),MOD($C5471,24)+1)/SUM(INDEX($D$3:$AA$30,INDEX(Jesper!$R$2:$R$366,ROW(INDEX(Jesper!AJ$2:AJ$366,ROUNDDOWN($C5471/24,0)+1,1))-1)+IF('Standard Profiles'!$G$20=$B$10,7,0)+IF('Standard Profiles'!$G$20=$B$17,14,0)+IF('Standard Profiles'!$G$20=$B$24,21,0),0)),0)</f>
        <v>0</v>
      </c>
      <c r="G5471" cm="1">
        <f t="array" ref="G5471">IFERROR(INDEX(Jesper!AK$2:AK$366,ROUNDDOWN($C5471/24,0)+1,1)*INDEX($D$3:$AA$30,INDEX(Jesper!$R$2:$R$366,ROW(INDEX(Jesper!AK$2:AK$366,ROUNDDOWN($C5471/24,0)+1,1))-1)+IF('Standard Profiles'!$G$21=$B$10,7,0)+IF('Standard Profiles'!$G$21=$B$17,14,0)+IF('Standard Profiles'!$G$21=$B$24,21,0),MOD($C5471,24)+1)/SUM(INDEX($D$3:$AA$30,INDEX(Jesper!$R$2:$R$366,ROW(INDEX(Jesper!AK$2:AK$366,ROUNDDOWN($C5471/24,0)+1,1))-1)+IF('Standard Profiles'!$G$21=$B$10,7,0)+IF('Standard Profiles'!$G$21=$B$17,14,0)+IF('Standard Profiles'!$G$21=$B$24,21,0),0)),0)</f>
        <v>0</v>
      </c>
      <c r="H5471" cm="1">
        <f t="array" ref="H5471">IFERROR(INDEX(Jesper!AL$2:AL$366,ROUNDDOWN($C5471/24,0)+1,1)*INDEX($D$3:$AA$30,INDEX(Jesper!$R$2:$R$366,ROW(INDEX(Jesper!AL$2:AL$366,ROUNDDOWN($C5471/24,0)+1,1))-1)+IF('Standard Profiles'!$G$22=$B$10,7,0)+IF('Standard Profiles'!$G$22=$B$17,14,0)+IF('Standard Profiles'!$G$22=$B$24,21,0),MOD($C5471,24)+1)/SUM(INDEX($D$3:$AA$30,INDEX(Jesper!$R$2:$R$366,ROW(INDEX(Jesper!AL$2:AL$366,ROUNDDOWN($C5471/24,0)+1,1))-1)+IF('Standard Profiles'!$G$22=$B$10,7,0)+IF('Standard Profiles'!$G$22=$B$17,14,0)+IF('Standard Profiles'!$G$22=$B$24,21,0),0)),0)</f>
        <v>0</v>
      </c>
      <c r="I5471">
        <f t="shared" si="608"/>
        <v>0</v>
      </c>
      <c r="J5471">
        <f t="shared" si="609"/>
        <v>25.12815014502846</v>
      </c>
      <c r="K5471">
        <f t="shared" si="610"/>
        <v>2.2168870904244318</v>
      </c>
      <c r="L5471">
        <f t="shared" si="611"/>
        <v>1.1084435452122159</v>
      </c>
      <c r="M5471">
        <f t="shared" si="612"/>
        <v>0</v>
      </c>
      <c r="N5471" s="45">
        <f t="shared" si="613"/>
        <v>45153.54166665348</v>
      </c>
    </row>
    <row r="5472" spans="2:14" x14ac:dyDescent="0.25">
      <c r="B5472">
        <f t="shared" si="607"/>
        <v>2</v>
      </c>
      <c r="C5472" s="16">
        <v>5438</v>
      </c>
      <c r="D5472" cm="1">
        <f t="array" ref="D5472">IFERROR(INDEX(Jesper!AH$2:AH$366,ROUNDDOWN($C5472/24,0)+1,1)*INDEX($D$3:$AA$30,INDEX(Jesper!$R$2:$R$366,ROW(INDEX(Jesper!AH$2:AH$366,ROUNDDOWN($C5472/24,0)+1,1))-1)+IF('Standard Profiles'!$G$18=$B$10,7,0)+IF('Standard Profiles'!$G$18=$B$17,14,0)+IF('Standard Profiles'!$G$18=$B$24,21,0),MOD($C5472,24)+1)/SUM(INDEX($D$3:$AA$30,INDEX(Jesper!$R$2:$R$366,ROW(INDEX(Jesper!AH$2:AH$366,ROUNDDOWN($C5472/24,0)+1,1))-1)+IF('Standard Profiles'!$G$18=$B$10,7,0)+IF('Standard Profiles'!$G$18=$B$17,14,0)+IF('Standard Profiles'!$G$18=$B$24,21,0),0)),0)</f>
        <v>31.286712969699643</v>
      </c>
      <c r="E5472" cm="1">
        <f t="array" ref="E5472">IFERROR(INDEX(Jesper!AI$2:AI$366,ROUNDDOWN($C5472/24,0)+1,1)*INDEX($D$3:$AA$30,INDEX(Jesper!$R$2:$R$366,ROW(INDEX(Jesper!AI$2:AI$366,ROUNDDOWN($C5472/24,0)+1,1))-1)+IF('Standard Profiles'!$G$19=$B$10,7,0)+IF('Standard Profiles'!$G$19=$B$17,14,0)+IF('Standard Profiles'!$G$19=$B$24,21,0),MOD($C5472,24)+1)/SUM(INDEX($D$3:$AA$30,INDEX(Jesper!$R$2:$R$366,ROW(INDEX(Jesper!AI$2:AI$366,ROUNDDOWN($C5472/24,0)+1,1))-1)+IF('Standard Profiles'!$G$19=$B$10,7,0)+IF('Standard Profiles'!$G$19=$B$17,14,0)+IF('Standard Profiles'!$G$19=$B$24,21,0),0)),0)</f>
        <v>11.546483904419881</v>
      </c>
      <c r="F5472" cm="1">
        <f t="array" ref="F5472">IFERROR(INDEX(Jesper!AJ$2:AJ$366,ROUNDDOWN($C5472/24,0)+1,1)*INDEX($D$3:$AA$30,INDEX(Jesper!$R$2:$R$366,ROW(INDEX(Jesper!AJ$2:AJ$366,ROUNDDOWN($C5472/24,0)+1,1))-1)+IF('Standard Profiles'!$G$20=$B$10,7,0)+IF('Standard Profiles'!$G$20=$B$17,14,0)+IF('Standard Profiles'!$G$20=$B$24,21,0),MOD($C5472,24)+1)/SUM(INDEX($D$3:$AA$30,INDEX(Jesper!$R$2:$R$366,ROW(INDEX(Jesper!AJ$2:AJ$366,ROUNDDOWN($C5472/24,0)+1,1))-1)+IF('Standard Profiles'!$G$20=$B$10,7,0)+IF('Standard Profiles'!$G$20=$B$17,14,0)+IF('Standard Profiles'!$G$20=$B$24,21,0),0)),0)</f>
        <v>0</v>
      </c>
      <c r="G5472" cm="1">
        <f t="array" ref="G5472">IFERROR(INDEX(Jesper!AK$2:AK$366,ROUNDDOWN($C5472/24,0)+1,1)*INDEX($D$3:$AA$30,INDEX(Jesper!$R$2:$R$366,ROW(INDEX(Jesper!AK$2:AK$366,ROUNDDOWN($C5472/24,0)+1,1))-1)+IF('Standard Profiles'!$G$21=$B$10,7,0)+IF('Standard Profiles'!$G$21=$B$17,14,0)+IF('Standard Profiles'!$G$21=$B$24,21,0),MOD($C5472,24)+1)/SUM(INDEX($D$3:$AA$30,INDEX(Jesper!$R$2:$R$366,ROW(INDEX(Jesper!AK$2:AK$366,ROUNDDOWN($C5472/24,0)+1,1))-1)+IF('Standard Profiles'!$G$21=$B$10,7,0)+IF('Standard Profiles'!$G$21=$B$17,14,0)+IF('Standard Profiles'!$G$21=$B$24,21,0),0)),0)</f>
        <v>0</v>
      </c>
      <c r="H5472" cm="1">
        <f t="array" ref="H5472">IFERROR(INDEX(Jesper!AL$2:AL$366,ROUNDDOWN($C5472/24,0)+1,1)*INDEX($D$3:$AA$30,INDEX(Jesper!$R$2:$R$366,ROW(INDEX(Jesper!AL$2:AL$366,ROUNDDOWN($C5472/24,0)+1,1))-1)+IF('Standard Profiles'!$G$22=$B$10,7,0)+IF('Standard Profiles'!$G$22=$B$17,14,0)+IF('Standard Profiles'!$G$22=$B$24,21,0),MOD($C5472,24)+1)/SUM(INDEX($D$3:$AA$30,INDEX(Jesper!$R$2:$R$366,ROW(INDEX(Jesper!AL$2:AL$366,ROUNDDOWN($C5472/24,0)+1,1))-1)+IF('Standard Profiles'!$G$22=$B$10,7,0)+IF('Standard Profiles'!$G$22=$B$17,14,0)+IF('Standard Profiles'!$G$22=$B$24,21,0),0)),0)</f>
        <v>0</v>
      </c>
      <c r="I5472">
        <f t="shared" si="608"/>
        <v>0</v>
      </c>
      <c r="J5472">
        <f t="shared" si="609"/>
        <v>37.827322798967579</v>
      </c>
      <c r="K5472">
        <f t="shared" si="610"/>
        <v>3.3372493834346288</v>
      </c>
      <c r="L5472">
        <f t="shared" si="611"/>
        <v>1.6686246917173144</v>
      </c>
      <c r="M5472">
        <f t="shared" si="612"/>
        <v>0</v>
      </c>
      <c r="N5472" s="45">
        <f t="shared" si="613"/>
        <v>45153.583333320144</v>
      </c>
    </row>
    <row r="5473" spans="2:14" x14ac:dyDescent="0.25">
      <c r="B5473">
        <f t="shared" si="607"/>
        <v>2</v>
      </c>
      <c r="C5473" s="16">
        <v>5439</v>
      </c>
      <c r="D5473" cm="1">
        <f t="array" ref="D5473">IFERROR(INDEX(Jesper!AH$2:AH$366,ROUNDDOWN($C5473/24,0)+1,1)*INDEX($D$3:$AA$30,INDEX(Jesper!$R$2:$R$366,ROW(INDEX(Jesper!AH$2:AH$366,ROUNDDOWN($C5473/24,0)+1,1))-1)+IF('Standard Profiles'!$G$18=$B$10,7,0)+IF('Standard Profiles'!$G$18=$B$17,14,0)+IF('Standard Profiles'!$G$18=$B$24,21,0),MOD($C5473,24)+1)/SUM(INDEX($D$3:$AA$30,INDEX(Jesper!$R$2:$R$366,ROW(INDEX(Jesper!AH$2:AH$366,ROUNDDOWN($C5473/24,0)+1,1))-1)+IF('Standard Profiles'!$G$18=$B$10,7,0)+IF('Standard Profiles'!$G$18=$B$17,14,0)+IF('Standard Profiles'!$G$18=$B$24,21,0),0)),0)</f>
        <v>31.286712969699643</v>
      </c>
      <c r="E5473" cm="1">
        <f t="array" ref="E5473">IFERROR(INDEX(Jesper!AI$2:AI$366,ROUNDDOWN($C5473/24,0)+1,1)*INDEX($D$3:$AA$30,INDEX(Jesper!$R$2:$R$366,ROW(INDEX(Jesper!AI$2:AI$366,ROUNDDOWN($C5473/24,0)+1,1))-1)+IF('Standard Profiles'!$G$19=$B$10,7,0)+IF('Standard Profiles'!$G$19=$B$17,14,0)+IF('Standard Profiles'!$G$19=$B$24,21,0),MOD($C5473,24)+1)/SUM(INDEX($D$3:$AA$30,INDEX(Jesper!$R$2:$R$366,ROW(INDEX(Jesper!AI$2:AI$366,ROUNDDOWN($C5473/24,0)+1,1))-1)+IF('Standard Profiles'!$G$19=$B$10,7,0)+IF('Standard Profiles'!$G$19=$B$17,14,0)+IF('Standard Profiles'!$G$19=$B$24,21,0),0)),0)</f>
        <v>11.546483904419881</v>
      </c>
      <c r="F5473" cm="1">
        <f t="array" ref="F5473">IFERROR(INDEX(Jesper!AJ$2:AJ$366,ROUNDDOWN($C5473/24,0)+1,1)*INDEX($D$3:$AA$30,INDEX(Jesper!$R$2:$R$366,ROW(INDEX(Jesper!AJ$2:AJ$366,ROUNDDOWN($C5473/24,0)+1,1))-1)+IF('Standard Profiles'!$G$20=$B$10,7,0)+IF('Standard Profiles'!$G$20=$B$17,14,0)+IF('Standard Profiles'!$G$20=$B$24,21,0),MOD($C5473,24)+1)/SUM(INDEX($D$3:$AA$30,INDEX(Jesper!$R$2:$R$366,ROW(INDEX(Jesper!AJ$2:AJ$366,ROUNDDOWN($C5473/24,0)+1,1))-1)+IF('Standard Profiles'!$G$20=$B$10,7,0)+IF('Standard Profiles'!$G$20=$B$17,14,0)+IF('Standard Profiles'!$G$20=$B$24,21,0),0)),0)</f>
        <v>0</v>
      </c>
      <c r="G5473" cm="1">
        <f t="array" ref="G5473">IFERROR(INDEX(Jesper!AK$2:AK$366,ROUNDDOWN($C5473/24,0)+1,1)*INDEX($D$3:$AA$30,INDEX(Jesper!$R$2:$R$366,ROW(INDEX(Jesper!AK$2:AK$366,ROUNDDOWN($C5473/24,0)+1,1))-1)+IF('Standard Profiles'!$G$21=$B$10,7,0)+IF('Standard Profiles'!$G$21=$B$17,14,0)+IF('Standard Profiles'!$G$21=$B$24,21,0),MOD($C5473,24)+1)/SUM(INDEX($D$3:$AA$30,INDEX(Jesper!$R$2:$R$366,ROW(INDEX(Jesper!AK$2:AK$366,ROUNDDOWN($C5473/24,0)+1,1))-1)+IF('Standard Profiles'!$G$21=$B$10,7,0)+IF('Standard Profiles'!$G$21=$B$17,14,0)+IF('Standard Profiles'!$G$21=$B$24,21,0),0)),0)</f>
        <v>0</v>
      </c>
      <c r="H5473" cm="1">
        <f t="array" ref="H5473">IFERROR(INDEX(Jesper!AL$2:AL$366,ROUNDDOWN($C5473/24,0)+1,1)*INDEX($D$3:$AA$30,INDEX(Jesper!$R$2:$R$366,ROW(INDEX(Jesper!AL$2:AL$366,ROUNDDOWN($C5473/24,0)+1,1))-1)+IF('Standard Profiles'!$G$22=$B$10,7,0)+IF('Standard Profiles'!$G$22=$B$17,14,0)+IF('Standard Profiles'!$G$22=$B$24,21,0),MOD($C5473,24)+1)/SUM(INDEX($D$3:$AA$30,INDEX(Jesper!$R$2:$R$366,ROW(INDEX(Jesper!AL$2:AL$366,ROUNDDOWN($C5473/24,0)+1,1))-1)+IF('Standard Profiles'!$G$22=$B$10,7,0)+IF('Standard Profiles'!$G$22=$B$17,14,0)+IF('Standard Profiles'!$G$22=$B$24,21,0),0)),0)</f>
        <v>0</v>
      </c>
      <c r="I5473">
        <f t="shared" si="608"/>
        <v>0</v>
      </c>
      <c r="J5473">
        <f t="shared" si="609"/>
        <v>37.827322798967579</v>
      </c>
      <c r="K5473">
        <f t="shared" si="610"/>
        <v>3.3372493834346288</v>
      </c>
      <c r="L5473">
        <f t="shared" si="611"/>
        <v>1.6686246917173144</v>
      </c>
      <c r="M5473">
        <f t="shared" si="612"/>
        <v>0</v>
      </c>
      <c r="N5473" s="45">
        <f t="shared" si="613"/>
        <v>45153.624999986809</v>
      </c>
    </row>
    <row r="5474" spans="2:14" x14ac:dyDescent="0.25">
      <c r="B5474">
        <f t="shared" si="607"/>
        <v>2</v>
      </c>
      <c r="C5474" s="16">
        <v>5440</v>
      </c>
      <c r="D5474" cm="1">
        <f t="array" ref="D5474">IFERROR(INDEX(Jesper!AH$2:AH$366,ROUNDDOWN($C5474/24,0)+1,1)*INDEX($D$3:$AA$30,INDEX(Jesper!$R$2:$R$366,ROW(INDEX(Jesper!AH$2:AH$366,ROUNDDOWN($C5474/24,0)+1,1))-1)+IF('Standard Profiles'!$G$18=$B$10,7,0)+IF('Standard Profiles'!$G$18=$B$17,14,0)+IF('Standard Profiles'!$G$18=$B$24,21,0),MOD($C5474,24)+1)/SUM(INDEX($D$3:$AA$30,INDEX(Jesper!$R$2:$R$366,ROW(INDEX(Jesper!AH$2:AH$366,ROUNDDOWN($C5474/24,0)+1,1))-1)+IF('Standard Profiles'!$G$18=$B$10,7,0)+IF('Standard Profiles'!$G$18=$B$17,14,0)+IF('Standard Profiles'!$G$18=$B$24,21,0),0)),0)</f>
        <v>18.436813000001575</v>
      </c>
      <c r="E5474" cm="1">
        <f t="array" ref="E5474">IFERROR(INDEX(Jesper!AI$2:AI$366,ROUNDDOWN($C5474/24,0)+1,1)*INDEX($D$3:$AA$30,INDEX(Jesper!$R$2:$R$366,ROW(INDEX(Jesper!AI$2:AI$366,ROUNDDOWN($C5474/24,0)+1,1))-1)+IF('Standard Profiles'!$G$19=$B$10,7,0)+IF('Standard Profiles'!$G$19=$B$17,14,0)+IF('Standard Profiles'!$G$19=$B$24,21,0),MOD($C5474,24)+1)/SUM(INDEX($D$3:$AA$30,INDEX(Jesper!$R$2:$R$366,ROW(INDEX(Jesper!AI$2:AI$366,ROUNDDOWN($C5474/24,0)+1,1))-1)+IF('Standard Profiles'!$G$19=$B$10,7,0)+IF('Standard Profiles'!$G$19=$B$17,14,0)+IF('Standard Profiles'!$G$19=$B$24,21,0),0)),0)</f>
        <v>6.804178015104573</v>
      </c>
      <c r="F5474" cm="1">
        <f t="array" ref="F5474">IFERROR(INDEX(Jesper!AJ$2:AJ$366,ROUNDDOWN($C5474/24,0)+1,1)*INDEX($D$3:$AA$30,INDEX(Jesper!$R$2:$R$366,ROW(INDEX(Jesper!AJ$2:AJ$366,ROUNDDOWN($C5474/24,0)+1,1))-1)+IF('Standard Profiles'!$G$20=$B$10,7,0)+IF('Standard Profiles'!$G$20=$B$17,14,0)+IF('Standard Profiles'!$G$20=$B$24,21,0),MOD($C5474,24)+1)/SUM(INDEX($D$3:$AA$30,INDEX(Jesper!$R$2:$R$366,ROW(INDEX(Jesper!AJ$2:AJ$366,ROUNDDOWN($C5474/24,0)+1,1))-1)+IF('Standard Profiles'!$G$20=$B$10,7,0)+IF('Standard Profiles'!$G$20=$B$17,14,0)+IF('Standard Profiles'!$G$20=$B$24,21,0),0)),0)</f>
        <v>0</v>
      </c>
      <c r="G5474" cm="1">
        <f t="array" ref="G5474">IFERROR(INDEX(Jesper!AK$2:AK$366,ROUNDDOWN($C5474/24,0)+1,1)*INDEX($D$3:$AA$30,INDEX(Jesper!$R$2:$R$366,ROW(INDEX(Jesper!AK$2:AK$366,ROUNDDOWN($C5474/24,0)+1,1))-1)+IF('Standard Profiles'!$G$21=$B$10,7,0)+IF('Standard Profiles'!$G$21=$B$17,14,0)+IF('Standard Profiles'!$G$21=$B$24,21,0),MOD($C5474,24)+1)/SUM(INDEX($D$3:$AA$30,INDEX(Jesper!$R$2:$R$366,ROW(INDEX(Jesper!AK$2:AK$366,ROUNDDOWN($C5474/24,0)+1,1))-1)+IF('Standard Profiles'!$G$21=$B$10,7,0)+IF('Standard Profiles'!$G$21=$B$17,14,0)+IF('Standard Profiles'!$G$21=$B$24,21,0),0)),0)</f>
        <v>0</v>
      </c>
      <c r="H5474" cm="1">
        <f t="array" ref="H5474">IFERROR(INDEX(Jesper!AL$2:AL$366,ROUNDDOWN($C5474/24,0)+1,1)*INDEX($D$3:$AA$30,INDEX(Jesper!$R$2:$R$366,ROW(INDEX(Jesper!AL$2:AL$366,ROUNDDOWN($C5474/24,0)+1,1))-1)+IF('Standard Profiles'!$G$22=$B$10,7,0)+IF('Standard Profiles'!$G$22=$B$17,14,0)+IF('Standard Profiles'!$G$22=$B$24,21,0),MOD($C5474,24)+1)/SUM(INDEX($D$3:$AA$30,INDEX(Jesper!$R$2:$R$366,ROW(INDEX(Jesper!AL$2:AL$366,ROUNDDOWN($C5474/24,0)+1,1))-1)+IF('Standard Profiles'!$G$22=$B$10,7,0)+IF('Standard Profiles'!$G$22=$B$17,14,0)+IF('Standard Profiles'!$G$22=$B$24,21,0),0)),0)</f>
        <v>0</v>
      </c>
      <c r="I5474">
        <f t="shared" si="608"/>
        <v>0</v>
      </c>
      <c r="J5474">
        <f t="shared" si="609"/>
        <v>22.291100935105895</v>
      </c>
      <c r="K5474">
        <f t="shared" si="610"/>
        <v>1.9665933866668348</v>
      </c>
      <c r="L5474">
        <f t="shared" si="611"/>
        <v>0.9832966933334174</v>
      </c>
      <c r="M5474">
        <f t="shared" si="612"/>
        <v>0</v>
      </c>
      <c r="N5474" s="45">
        <f t="shared" si="613"/>
        <v>45153.666666653473</v>
      </c>
    </row>
    <row r="5475" spans="2:14" x14ac:dyDescent="0.25">
      <c r="B5475">
        <f t="shared" ref="B5475:B5538" si="614">WEEKDAY(N5475,2)</f>
        <v>2</v>
      </c>
      <c r="C5475" s="16">
        <v>5441</v>
      </c>
      <c r="D5475" cm="1">
        <f t="array" ref="D5475">IFERROR(INDEX(Jesper!AH$2:AH$366,ROUNDDOWN($C5475/24,0)+1,1)*INDEX($D$3:$AA$30,INDEX(Jesper!$R$2:$R$366,ROW(INDEX(Jesper!AH$2:AH$366,ROUNDDOWN($C5475/24,0)+1,1))-1)+IF('Standard Profiles'!$G$18=$B$10,7,0)+IF('Standard Profiles'!$G$18=$B$17,14,0)+IF('Standard Profiles'!$G$18=$B$24,21,0),MOD($C5475,24)+1)/SUM(INDEX($D$3:$AA$30,INDEX(Jesper!$R$2:$R$366,ROW(INDEX(Jesper!AH$2:AH$366,ROUNDDOWN($C5475/24,0)+1,1))-1)+IF('Standard Profiles'!$G$18=$B$10,7,0)+IF('Standard Profiles'!$G$18=$B$17,14,0)+IF('Standard Profiles'!$G$18=$B$24,21,0),0)),0)</f>
        <v>7.868891591976773</v>
      </c>
      <c r="E5475" cm="1">
        <f t="array" ref="E5475">IFERROR(INDEX(Jesper!AI$2:AI$366,ROUNDDOWN($C5475/24,0)+1,1)*INDEX($D$3:$AA$30,INDEX(Jesper!$R$2:$R$366,ROW(INDEX(Jesper!AI$2:AI$366,ROUNDDOWN($C5475/24,0)+1,1))-1)+IF('Standard Profiles'!$G$19=$B$10,7,0)+IF('Standard Profiles'!$G$19=$B$17,14,0)+IF('Standard Profiles'!$G$19=$B$24,21,0),MOD($C5475,24)+1)/SUM(INDEX($D$3:$AA$30,INDEX(Jesper!$R$2:$R$366,ROW(INDEX(Jesper!AI$2:AI$366,ROUNDDOWN($C5475/24,0)+1,1))-1)+IF('Standard Profiles'!$G$19=$B$10,7,0)+IF('Standard Profiles'!$G$19=$B$17,14,0)+IF('Standard Profiles'!$G$19=$B$24,21,0),0)),0)</f>
        <v>2.9040452475905134</v>
      </c>
      <c r="F5475" cm="1">
        <f t="array" ref="F5475">IFERROR(INDEX(Jesper!AJ$2:AJ$366,ROUNDDOWN($C5475/24,0)+1,1)*INDEX($D$3:$AA$30,INDEX(Jesper!$R$2:$R$366,ROW(INDEX(Jesper!AJ$2:AJ$366,ROUNDDOWN($C5475/24,0)+1,1))-1)+IF('Standard Profiles'!$G$20=$B$10,7,0)+IF('Standard Profiles'!$G$20=$B$17,14,0)+IF('Standard Profiles'!$G$20=$B$24,21,0),MOD($C5475,24)+1)/SUM(INDEX($D$3:$AA$30,INDEX(Jesper!$R$2:$R$366,ROW(INDEX(Jesper!AJ$2:AJ$366,ROUNDDOWN($C5475/24,0)+1,1))-1)+IF('Standard Profiles'!$G$20=$B$10,7,0)+IF('Standard Profiles'!$G$20=$B$17,14,0)+IF('Standard Profiles'!$G$20=$B$24,21,0),0)),0)</f>
        <v>0</v>
      </c>
      <c r="G5475" cm="1">
        <f t="array" ref="G5475">IFERROR(INDEX(Jesper!AK$2:AK$366,ROUNDDOWN($C5475/24,0)+1,1)*INDEX($D$3:$AA$30,INDEX(Jesper!$R$2:$R$366,ROW(INDEX(Jesper!AK$2:AK$366,ROUNDDOWN($C5475/24,0)+1,1))-1)+IF('Standard Profiles'!$G$21=$B$10,7,0)+IF('Standard Profiles'!$G$21=$B$17,14,0)+IF('Standard Profiles'!$G$21=$B$24,21,0),MOD($C5475,24)+1)/SUM(INDEX($D$3:$AA$30,INDEX(Jesper!$R$2:$R$366,ROW(INDEX(Jesper!AK$2:AK$366,ROUNDDOWN($C5475/24,0)+1,1))-1)+IF('Standard Profiles'!$G$21=$B$10,7,0)+IF('Standard Profiles'!$G$21=$B$17,14,0)+IF('Standard Profiles'!$G$21=$B$24,21,0),0)),0)</f>
        <v>0</v>
      </c>
      <c r="H5475" cm="1">
        <f t="array" ref="H5475">IFERROR(INDEX(Jesper!AL$2:AL$366,ROUNDDOWN($C5475/24,0)+1,1)*INDEX($D$3:$AA$30,INDEX(Jesper!$R$2:$R$366,ROW(INDEX(Jesper!AL$2:AL$366,ROUNDDOWN($C5475/24,0)+1,1))-1)+IF('Standard Profiles'!$G$22=$B$10,7,0)+IF('Standard Profiles'!$G$22=$B$17,14,0)+IF('Standard Profiles'!$G$22=$B$24,21,0),MOD($C5475,24)+1)/SUM(INDEX($D$3:$AA$30,INDEX(Jesper!$R$2:$R$366,ROW(INDEX(Jesper!AL$2:AL$366,ROUNDDOWN($C5475/24,0)+1,1))-1)+IF('Standard Profiles'!$G$22=$B$10,7,0)+IF('Standard Profiles'!$G$22=$B$17,14,0)+IF('Standard Profiles'!$G$22=$B$24,21,0),0)),0)</f>
        <v>0</v>
      </c>
      <c r="I5475">
        <f t="shared" ref="I5475:I5538" si="615">IF($B5475&lt;6,AC$37*$D5475+AC$38*$E5475+AC$39*$F5475+AC$40*$G5475,AC$46*$D5475+AC$47*$E5475+AC$48*$F5475+AC$49*$G5475+AC$50*$H5475)</f>
        <v>0</v>
      </c>
      <c r="J5475">
        <f t="shared" ref="J5475:J5538" si="616">IF($B5475&lt;6,AD$37*$D5475+AD$38*$E5475+AD$39*$F5475+AD$40*$G5475,AD$46*$D5475+AD$47*$E5475+AD$48*$F5475+AD$49*$G5475+AD$50*$H5475)</f>
        <v>9.5139141848510036</v>
      </c>
      <c r="K5475">
        <f t="shared" ref="K5475:K5538" si="617">IF($B5475&lt;6,AE$37*$D5475+AE$38*$E5475+AE$39*$F5475+AE$40*$G5475,AE$46*$D5475+AE$47*$E5475+AE$48*$F5475+AE$49*$G5475+AE$50*$H5475)</f>
        <v>0.83934843647752255</v>
      </c>
      <c r="L5475">
        <f t="shared" ref="L5475:L5538" si="618">IF($B5475&lt;6,AF$37*$D5475+AF$38*$E5475+AF$39*$F5475+AF$40*$G5475,AF$46*$D5475+AF$47*$E5475+AF$48*$F5475+AF$49*$G5475+AF$50*$H5475)</f>
        <v>0.41967421823876128</v>
      </c>
      <c r="M5475">
        <f t="shared" ref="M5475:M5538" si="619">IF($B5475&lt;6,AG$37*$D5475+AG$38*$E5475+AG$39*$F5475+AG$40*$G5475,AG$46*$D5475+AG$47*$E5475+AG$48*$F5475+AG$49*$G5475+AG$50*$H5475)</f>
        <v>0</v>
      </c>
      <c r="N5475" s="45">
        <f t="shared" si="613"/>
        <v>45153.708333320137</v>
      </c>
    </row>
    <row r="5476" spans="2:14" x14ac:dyDescent="0.25">
      <c r="B5476">
        <f t="shared" si="614"/>
        <v>2</v>
      </c>
      <c r="C5476" s="16">
        <v>5442</v>
      </c>
      <c r="D5476" cm="1">
        <f t="array" ref="D5476">IFERROR(INDEX(Jesper!AH$2:AH$366,ROUNDDOWN($C5476/24,0)+1,1)*INDEX($D$3:$AA$30,INDEX(Jesper!$R$2:$R$366,ROW(INDEX(Jesper!AH$2:AH$366,ROUNDDOWN($C5476/24,0)+1,1))-1)+IF('Standard Profiles'!$G$18=$B$10,7,0)+IF('Standard Profiles'!$G$18=$B$17,14,0)+IF('Standard Profiles'!$G$18=$B$24,21,0),MOD($C5476,24)+1)/SUM(INDEX($D$3:$AA$30,INDEX(Jesper!$R$2:$R$366,ROW(INDEX(Jesper!AH$2:AH$366,ROUNDDOWN($C5476/24,0)+1,1))-1)+IF('Standard Profiles'!$G$18=$B$10,7,0)+IF('Standard Profiles'!$G$18=$B$17,14,0)+IF('Standard Profiles'!$G$18=$B$24,21,0),0)),0)</f>
        <v>5.1934684507046693</v>
      </c>
      <c r="E5476" cm="1">
        <f t="array" ref="E5476">IFERROR(INDEX(Jesper!AI$2:AI$366,ROUNDDOWN($C5476/24,0)+1,1)*INDEX($D$3:$AA$30,INDEX(Jesper!$R$2:$R$366,ROW(INDEX(Jesper!AI$2:AI$366,ROUNDDOWN($C5476/24,0)+1,1))-1)+IF('Standard Profiles'!$G$19=$B$10,7,0)+IF('Standard Profiles'!$G$19=$B$17,14,0)+IF('Standard Profiles'!$G$19=$B$24,21,0),MOD($C5476,24)+1)/SUM(INDEX($D$3:$AA$30,INDEX(Jesper!$R$2:$R$366,ROW(INDEX(Jesper!AI$2:AI$366,ROUNDDOWN($C5476/24,0)+1,1))-1)+IF('Standard Profiles'!$G$19=$B$10,7,0)+IF('Standard Profiles'!$G$19=$B$17,14,0)+IF('Standard Profiles'!$G$19=$B$24,21,0),0)),0)</f>
        <v>1.9166698634097388</v>
      </c>
      <c r="F5476" cm="1">
        <f t="array" ref="F5476">IFERROR(INDEX(Jesper!AJ$2:AJ$366,ROUNDDOWN($C5476/24,0)+1,1)*INDEX($D$3:$AA$30,INDEX(Jesper!$R$2:$R$366,ROW(INDEX(Jesper!AJ$2:AJ$366,ROUNDDOWN($C5476/24,0)+1,1))-1)+IF('Standard Profiles'!$G$20=$B$10,7,0)+IF('Standard Profiles'!$G$20=$B$17,14,0)+IF('Standard Profiles'!$G$20=$B$24,21,0),MOD($C5476,24)+1)/SUM(INDEX($D$3:$AA$30,INDEX(Jesper!$R$2:$R$366,ROW(INDEX(Jesper!AJ$2:AJ$366,ROUNDDOWN($C5476/24,0)+1,1))-1)+IF('Standard Profiles'!$G$20=$B$10,7,0)+IF('Standard Profiles'!$G$20=$B$17,14,0)+IF('Standard Profiles'!$G$20=$B$24,21,0),0)),0)</f>
        <v>0</v>
      </c>
      <c r="G5476" cm="1">
        <f t="array" ref="G5476">IFERROR(INDEX(Jesper!AK$2:AK$366,ROUNDDOWN($C5476/24,0)+1,1)*INDEX($D$3:$AA$30,INDEX(Jesper!$R$2:$R$366,ROW(INDEX(Jesper!AK$2:AK$366,ROUNDDOWN($C5476/24,0)+1,1))-1)+IF('Standard Profiles'!$G$21=$B$10,7,0)+IF('Standard Profiles'!$G$21=$B$17,14,0)+IF('Standard Profiles'!$G$21=$B$24,21,0),MOD($C5476,24)+1)/SUM(INDEX($D$3:$AA$30,INDEX(Jesper!$R$2:$R$366,ROW(INDEX(Jesper!AK$2:AK$366,ROUNDDOWN($C5476/24,0)+1,1))-1)+IF('Standard Profiles'!$G$21=$B$10,7,0)+IF('Standard Profiles'!$G$21=$B$17,14,0)+IF('Standard Profiles'!$G$21=$B$24,21,0),0)),0)</f>
        <v>0</v>
      </c>
      <c r="H5476" cm="1">
        <f t="array" ref="H5476">IFERROR(INDEX(Jesper!AL$2:AL$366,ROUNDDOWN($C5476/24,0)+1,1)*INDEX($D$3:$AA$30,INDEX(Jesper!$R$2:$R$366,ROW(INDEX(Jesper!AL$2:AL$366,ROUNDDOWN($C5476/24,0)+1,1))-1)+IF('Standard Profiles'!$G$22=$B$10,7,0)+IF('Standard Profiles'!$G$22=$B$17,14,0)+IF('Standard Profiles'!$G$22=$B$24,21,0),MOD($C5476,24)+1)/SUM(INDEX($D$3:$AA$30,INDEX(Jesper!$R$2:$R$366,ROW(INDEX(Jesper!AL$2:AL$366,ROUNDDOWN($C5476/24,0)+1,1))-1)+IF('Standard Profiles'!$G$22=$B$10,7,0)+IF('Standard Profiles'!$G$22=$B$17,14,0)+IF('Standard Profiles'!$G$22=$B$24,21,0),0)),0)</f>
        <v>0</v>
      </c>
      <c r="I5476">
        <f t="shared" si="615"/>
        <v>0</v>
      </c>
      <c r="J5476">
        <f t="shared" si="616"/>
        <v>6.2791833620016613</v>
      </c>
      <c r="K5476">
        <f t="shared" si="617"/>
        <v>0.55396996807516474</v>
      </c>
      <c r="L5476">
        <f t="shared" si="618"/>
        <v>0.27698498403758237</v>
      </c>
      <c r="M5476">
        <f t="shared" si="619"/>
        <v>0</v>
      </c>
      <c r="N5476" s="45">
        <f t="shared" ref="N5476:N5539" si="620">N5475+1/24</f>
        <v>45153.749999986801</v>
      </c>
    </row>
    <row r="5477" spans="2:14" x14ac:dyDescent="0.25">
      <c r="B5477">
        <f t="shared" si="614"/>
        <v>2</v>
      </c>
      <c r="C5477" s="16">
        <v>5443</v>
      </c>
      <c r="D5477" cm="1">
        <f t="array" ref="D5477">IFERROR(INDEX(Jesper!AH$2:AH$366,ROUNDDOWN($C5477/24,0)+1,1)*INDEX($D$3:$AA$30,INDEX(Jesper!$R$2:$R$366,ROW(INDEX(Jesper!AH$2:AH$366,ROUNDDOWN($C5477/24,0)+1,1))-1)+IF('Standard Profiles'!$G$18=$B$10,7,0)+IF('Standard Profiles'!$G$18=$B$17,14,0)+IF('Standard Profiles'!$G$18=$B$24,21,0),MOD($C5477,24)+1)/SUM(INDEX($D$3:$AA$30,INDEX(Jesper!$R$2:$R$366,ROW(INDEX(Jesper!AH$2:AH$366,ROUNDDOWN($C5477/24,0)+1,1))-1)+IF('Standard Profiles'!$G$18=$B$10,7,0)+IF('Standard Profiles'!$G$18=$B$17,14,0)+IF('Standard Profiles'!$G$18=$B$24,21,0),0)),0)</f>
        <v>5.1934684507046693</v>
      </c>
      <c r="E5477" cm="1">
        <f t="array" ref="E5477">IFERROR(INDEX(Jesper!AI$2:AI$366,ROUNDDOWN($C5477/24,0)+1,1)*INDEX($D$3:$AA$30,INDEX(Jesper!$R$2:$R$366,ROW(INDEX(Jesper!AI$2:AI$366,ROUNDDOWN($C5477/24,0)+1,1))-1)+IF('Standard Profiles'!$G$19=$B$10,7,0)+IF('Standard Profiles'!$G$19=$B$17,14,0)+IF('Standard Profiles'!$G$19=$B$24,21,0),MOD($C5477,24)+1)/SUM(INDEX($D$3:$AA$30,INDEX(Jesper!$R$2:$R$366,ROW(INDEX(Jesper!AI$2:AI$366,ROUNDDOWN($C5477/24,0)+1,1))-1)+IF('Standard Profiles'!$G$19=$B$10,7,0)+IF('Standard Profiles'!$G$19=$B$17,14,0)+IF('Standard Profiles'!$G$19=$B$24,21,0),0)),0)</f>
        <v>1.9166698634097388</v>
      </c>
      <c r="F5477" cm="1">
        <f t="array" ref="F5477">IFERROR(INDEX(Jesper!AJ$2:AJ$366,ROUNDDOWN($C5477/24,0)+1,1)*INDEX($D$3:$AA$30,INDEX(Jesper!$R$2:$R$366,ROW(INDEX(Jesper!AJ$2:AJ$366,ROUNDDOWN($C5477/24,0)+1,1))-1)+IF('Standard Profiles'!$G$20=$B$10,7,0)+IF('Standard Profiles'!$G$20=$B$17,14,0)+IF('Standard Profiles'!$G$20=$B$24,21,0),MOD($C5477,24)+1)/SUM(INDEX($D$3:$AA$30,INDEX(Jesper!$R$2:$R$366,ROW(INDEX(Jesper!AJ$2:AJ$366,ROUNDDOWN($C5477/24,0)+1,1))-1)+IF('Standard Profiles'!$G$20=$B$10,7,0)+IF('Standard Profiles'!$G$20=$B$17,14,0)+IF('Standard Profiles'!$G$20=$B$24,21,0),0)),0)</f>
        <v>0</v>
      </c>
      <c r="G5477" cm="1">
        <f t="array" ref="G5477">IFERROR(INDEX(Jesper!AK$2:AK$366,ROUNDDOWN($C5477/24,0)+1,1)*INDEX($D$3:$AA$30,INDEX(Jesper!$R$2:$R$366,ROW(INDEX(Jesper!AK$2:AK$366,ROUNDDOWN($C5477/24,0)+1,1))-1)+IF('Standard Profiles'!$G$21=$B$10,7,0)+IF('Standard Profiles'!$G$21=$B$17,14,0)+IF('Standard Profiles'!$G$21=$B$24,21,0),MOD($C5477,24)+1)/SUM(INDEX($D$3:$AA$30,INDEX(Jesper!$R$2:$R$366,ROW(INDEX(Jesper!AK$2:AK$366,ROUNDDOWN($C5477/24,0)+1,1))-1)+IF('Standard Profiles'!$G$21=$B$10,7,0)+IF('Standard Profiles'!$G$21=$B$17,14,0)+IF('Standard Profiles'!$G$21=$B$24,21,0),0)),0)</f>
        <v>0</v>
      </c>
      <c r="H5477" cm="1">
        <f t="array" ref="H5477">IFERROR(INDEX(Jesper!AL$2:AL$366,ROUNDDOWN($C5477/24,0)+1,1)*INDEX($D$3:$AA$30,INDEX(Jesper!$R$2:$R$366,ROW(INDEX(Jesper!AL$2:AL$366,ROUNDDOWN($C5477/24,0)+1,1))-1)+IF('Standard Profiles'!$G$22=$B$10,7,0)+IF('Standard Profiles'!$G$22=$B$17,14,0)+IF('Standard Profiles'!$G$22=$B$24,21,0),MOD($C5477,24)+1)/SUM(INDEX($D$3:$AA$30,INDEX(Jesper!$R$2:$R$366,ROW(INDEX(Jesper!AL$2:AL$366,ROUNDDOWN($C5477/24,0)+1,1))-1)+IF('Standard Profiles'!$G$22=$B$10,7,0)+IF('Standard Profiles'!$G$22=$B$17,14,0)+IF('Standard Profiles'!$G$22=$B$24,21,0),0)),0)</f>
        <v>0</v>
      </c>
      <c r="I5477">
        <f t="shared" si="615"/>
        <v>0</v>
      </c>
      <c r="J5477">
        <f t="shared" si="616"/>
        <v>6.2791833620016613</v>
      </c>
      <c r="K5477">
        <f t="shared" si="617"/>
        <v>0.55396996807516474</v>
      </c>
      <c r="L5477">
        <f t="shared" si="618"/>
        <v>0.27698498403758237</v>
      </c>
      <c r="M5477">
        <f t="shared" si="619"/>
        <v>0</v>
      </c>
      <c r="N5477" s="45">
        <f t="shared" si="620"/>
        <v>45153.791666653466</v>
      </c>
    </row>
    <row r="5478" spans="2:14" x14ac:dyDescent="0.25">
      <c r="B5478">
        <f t="shared" si="614"/>
        <v>2</v>
      </c>
      <c r="C5478" s="16">
        <v>5444</v>
      </c>
      <c r="D5478" cm="1">
        <f t="array" ref="D5478">IFERROR(INDEX(Jesper!AH$2:AH$366,ROUNDDOWN($C5478/24,0)+1,1)*INDEX($D$3:$AA$30,INDEX(Jesper!$R$2:$R$366,ROW(INDEX(Jesper!AH$2:AH$366,ROUNDDOWN($C5478/24,0)+1,1))-1)+IF('Standard Profiles'!$G$18=$B$10,7,0)+IF('Standard Profiles'!$G$18=$B$17,14,0)+IF('Standard Profiles'!$G$18=$B$24,21,0),MOD($C5478,24)+1)/SUM(INDEX($D$3:$AA$30,INDEX(Jesper!$R$2:$R$366,ROW(INDEX(Jesper!AH$2:AH$366,ROUNDDOWN($C5478/24,0)+1,1))-1)+IF('Standard Profiles'!$G$18=$B$10,7,0)+IF('Standard Profiles'!$G$18=$B$17,14,0)+IF('Standard Profiles'!$G$18=$B$24,21,0),0)),0)</f>
        <v>5.1934684507046693</v>
      </c>
      <c r="E5478" cm="1">
        <f t="array" ref="E5478">IFERROR(INDEX(Jesper!AI$2:AI$366,ROUNDDOWN($C5478/24,0)+1,1)*INDEX($D$3:$AA$30,INDEX(Jesper!$R$2:$R$366,ROW(INDEX(Jesper!AI$2:AI$366,ROUNDDOWN($C5478/24,0)+1,1))-1)+IF('Standard Profiles'!$G$19=$B$10,7,0)+IF('Standard Profiles'!$G$19=$B$17,14,0)+IF('Standard Profiles'!$G$19=$B$24,21,0),MOD($C5478,24)+1)/SUM(INDEX($D$3:$AA$30,INDEX(Jesper!$R$2:$R$366,ROW(INDEX(Jesper!AI$2:AI$366,ROUNDDOWN($C5478/24,0)+1,1))-1)+IF('Standard Profiles'!$G$19=$B$10,7,0)+IF('Standard Profiles'!$G$19=$B$17,14,0)+IF('Standard Profiles'!$G$19=$B$24,21,0),0)),0)</f>
        <v>1.9166698634097388</v>
      </c>
      <c r="F5478" cm="1">
        <f t="array" ref="F5478">IFERROR(INDEX(Jesper!AJ$2:AJ$366,ROUNDDOWN($C5478/24,0)+1,1)*INDEX($D$3:$AA$30,INDEX(Jesper!$R$2:$R$366,ROW(INDEX(Jesper!AJ$2:AJ$366,ROUNDDOWN($C5478/24,0)+1,1))-1)+IF('Standard Profiles'!$G$20=$B$10,7,0)+IF('Standard Profiles'!$G$20=$B$17,14,0)+IF('Standard Profiles'!$G$20=$B$24,21,0),MOD($C5478,24)+1)/SUM(INDEX($D$3:$AA$30,INDEX(Jesper!$R$2:$R$366,ROW(INDEX(Jesper!AJ$2:AJ$366,ROUNDDOWN($C5478/24,0)+1,1))-1)+IF('Standard Profiles'!$G$20=$B$10,7,0)+IF('Standard Profiles'!$G$20=$B$17,14,0)+IF('Standard Profiles'!$G$20=$B$24,21,0),0)),0)</f>
        <v>0</v>
      </c>
      <c r="G5478" cm="1">
        <f t="array" ref="G5478">IFERROR(INDEX(Jesper!AK$2:AK$366,ROUNDDOWN($C5478/24,0)+1,1)*INDEX($D$3:$AA$30,INDEX(Jesper!$R$2:$R$366,ROW(INDEX(Jesper!AK$2:AK$366,ROUNDDOWN($C5478/24,0)+1,1))-1)+IF('Standard Profiles'!$G$21=$B$10,7,0)+IF('Standard Profiles'!$G$21=$B$17,14,0)+IF('Standard Profiles'!$G$21=$B$24,21,0),MOD($C5478,24)+1)/SUM(INDEX($D$3:$AA$30,INDEX(Jesper!$R$2:$R$366,ROW(INDEX(Jesper!AK$2:AK$366,ROUNDDOWN($C5478/24,0)+1,1))-1)+IF('Standard Profiles'!$G$21=$B$10,7,0)+IF('Standard Profiles'!$G$21=$B$17,14,0)+IF('Standard Profiles'!$G$21=$B$24,21,0),0)),0)</f>
        <v>0</v>
      </c>
      <c r="H5478" cm="1">
        <f t="array" ref="H5478">IFERROR(INDEX(Jesper!AL$2:AL$366,ROUNDDOWN($C5478/24,0)+1,1)*INDEX($D$3:$AA$30,INDEX(Jesper!$R$2:$R$366,ROW(INDEX(Jesper!AL$2:AL$366,ROUNDDOWN($C5478/24,0)+1,1))-1)+IF('Standard Profiles'!$G$22=$B$10,7,0)+IF('Standard Profiles'!$G$22=$B$17,14,0)+IF('Standard Profiles'!$G$22=$B$24,21,0),MOD($C5478,24)+1)/SUM(INDEX($D$3:$AA$30,INDEX(Jesper!$R$2:$R$366,ROW(INDEX(Jesper!AL$2:AL$366,ROUNDDOWN($C5478/24,0)+1,1))-1)+IF('Standard Profiles'!$G$22=$B$10,7,0)+IF('Standard Profiles'!$G$22=$B$17,14,0)+IF('Standard Profiles'!$G$22=$B$24,21,0),0)),0)</f>
        <v>0</v>
      </c>
      <c r="I5478">
        <f t="shared" si="615"/>
        <v>0</v>
      </c>
      <c r="J5478">
        <f t="shared" si="616"/>
        <v>6.2791833620016613</v>
      </c>
      <c r="K5478">
        <f t="shared" si="617"/>
        <v>0.55396996807516474</v>
      </c>
      <c r="L5478">
        <f t="shared" si="618"/>
        <v>0.27698498403758237</v>
      </c>
      <c r="M5478">
        <f t="shared" si="619"/>
        <v>0</v>
      </c>
      <c r="N5478" s="45">
        <f t="shared" si="620"/>
        <v>45153.83333332013</v>
      </c>
    </row>
    <row r="5479" spans="2:14" x14ac:dyDescent="0.25">
      <c r="B5479">
        <f t="shared" si="614"/>
        <v>2</v>
      </c>
      <c r="C5479" s="16">
        <v>5445</v>
      </c>
      <c r="D5479" cm="1">
        <f t="array" ref="D5479">IFERROR(INDEX(Jesper!AH$2:AH$366,ROUNDDOWN($C5479/24,0)+1,1)*INDEX($D$3:$AA$30,INDEX(Jesper!$R$2:$R$366,ROW(INDEX(Jesper!AH$2:AH$366,ROUNDDOWN($C5479/24,0)+1,1))-1)+IF('Standard Profiles'!$G$18=$B$10,7,0)+IF('Standard Profiles'!$G$18=$B$17,14,0)+IF('Standard Profiles'!$G$18=$B$24,21,0),MOD($C5479,24)+1)/SUM(INDEX($D$3:$AA$30,INDEX(Jesper!$R$2:$R$366,ROW(INDEX(Jesper!AH$2:AH$366,ROUNDDOWN($C5479/24,0)+1,1))-1)+IF('Standard Profiles'!$G$18=$B$10,7,0)+IF('Standard Profiles'!$G$18=$B$17,14,0)+IF('Standard Profiles'!$G$18=$B$24,21,0),0)),0)</f>
        <v>5.1934684507046693</v>
      </c>
      <c r="E5479" cm="1">
        <f t="array" ref="E5479">IFERROR(INDEX(Jesper!AI$2:AI$366,ROUNDDOWN($C5479/24,0)+1,1)*INDEX($D$3:$AA$30,INDEX(Jesper!$R$2:$R$366,ROW(INDEX(Jesper!AI$2:AI$366,ROUNDDOWN($C5479/24,0)+1,1))-1)+IF('Standard Profiles'!$G$19=$B$10,7,0)+IF('Standard Profiles'!$G$19=$B$17,14,0)+IF('Standard Profiles'!$G$19=$B$24,21,0),MOD($C5479,24)+1)/SUM(INDEX($D$3:$AA$30,INDEX(Jesper!$R$2:$R$366,ROW(INDEX(Jesper!AI$2:AI$366,ROUNDDOWN($C5479/24,0)+1,1))-1)+IF('Standard Profiles'!$G$19=$B$10,7,0)+IF('Standard Profiles'!$G$19=$B$17,14,0)+IF('Standard Profiles'!$G$19=$B$24,21,0),0)),0)</f>
        <v>1.9166698634097388</v>
      </c>
      <c r="F5479" cm="1">
        <f t="array" ref="F5479">IFERROR(INDEX(Jesper!AJ$2:AJ$366,ROUNDDOWN($C5479/24,0)+1,1)*INDEX($D$3:$AA$30,INDEX(Jesper!$R$2:$R$366,ROW(INDEX(Jesper!AJ$2:AJ$366,ROUNDDOWN($C5479/24,0)+1,1))-1)+IF('Standard Profiles'!$G$20=$B$10,7,0)+IF('Standard Profiles'!$G$20=$B$17,14,0)+IF('Standard Profiles'!$G$20=$B$24,21,0),MOD($C5479,24)+1)/SUM(INDEX($D$3:$AA$30,INDEX(Jesper!$R$2:$R$366,ROW(INDEX(Jesper!AJ$2:AJ$366,ROUNDDOWN($C5479/24,0)+1,1))-1)+IF('Standard Profiles'!$G$20=$B$10,7,0)+IF('Standard Profiles'!$G$20=$B$17,14,0)+IF('Standard Profiles'!$G$20=$B$24,21,0),0)),0)</f>
        <v>0</v>
      </c>
      <c r="G5479" cm="1">
        <f t="array" ref="G5479">IFERROR(INDEX(Jesper!AK$2:AK$366,ROUNDDOWN($C5479/24,0)+1,1)*INDEX($D$3:$AA$30,INDEX(Jesper!$R$2:$R$366,ROW(INDEX(Jesper!AK$2:AK$366,ROUNDDOWN($C5479/24,0)+1,1))-1)+IF('Standard Profiles'!$G$21=$B$10,7,0)+IF('Standard Profiles'!$G$21=$B$17,14,0)+IF('Standard Profiles'!$G$21=$B$24,21,0),MOD($C5479,24)+1)/SUM(INDEX($D$3:$AA$30,INDEX(Jesper!$R$2:$R$366,ROW(INDEX(Jesper!AK$2:AK$366,ROUNDDOWN($C5479/24,0)+1,1))-1)+IF('Standard Profiles'!$G$21=$B$10,7,0)+IF('Standard Profiles'!$G$21=$B$17,14,0)+IF('Standard Profiles'!$G$21=$B$24,21,0),0)),0)</f>
        <v>0</v>
      </c>
      <c r="H5479" cm="1">
        <f t="array" ref="H5479">IFERROR(INDEX(Jesper!AL$2:AL$366,ROUNDDOWN($C5479/24,0)+1,1)*INDEX($D$3:$AA$30,INDEX(Jesper!$R$2:$R$366,ROW(INDEX(Jesper!AL$2:AL$366,ROUNDDOWN($C5479/24,0)+1,1))-1)+IF('Standard Profiles'!$G$22=$B$10,7,0)+IF('Standard Profiles'!$G$22=$B$17,14,0)+IF('Standard Profiles'!$G$22=$B$24,21,0),MOD($C5479,24)+1)/SUM(INDEX($D$3:$AA$30,INDEX(Jesper!$R$2:$R$366,ROW(INDEX(Jesper!AL$2:AL$366,ROUNDDOWN($C5479/24,0)+1,1))-1)+IF('Standard Profiles'!$G$22=$B$10,7,0)+IF('Standard Profiles'!$G$22=$B$17,14,0)+IF('Standard Profiles'!$G$22=$B$24,21,0),0)),0)</f>
        <v>0</v>
      </c>
      <c r="I5479">
        <f t="shared" si="615"/>
        <v>0</v>
      </c>
      <c r="J5479">
        <f t="shared" si="616"/>
        <v>6.2791833620016613</v>
      </c>
      <c r="K5479">
        <f t="shared" si="617"/>
        <v>0.55396996807516474</v>
      </c>
      <c r="L5479">
        <f t="shared" si="618"/>
        <v>0.27698498403758237</v>
      </c>
      <c r="M5479">
        <f t="shared" si="619"/>
        <v>0</v>
      </c>
      <c r="N5479" s="45">
        <f t="shared" si="620"/>
        <v>45153.874999986794</v>
      </c>
    </row>
    <row r="5480" spans="2:14" x14ac:dyDescent="0.25">
      <c r="B5480">
        <f t="shared" si="614"/>
        <v>2</v>
      </c>
      <c r="C5480" s="16">
        <v>5446</v>
      </c>
      <c r="D5480" cm="1">
        <f t="array" ref="D5480">IFERROR(INDEX(Jesper!AH$2:AH$366,ROUNDDOWN($C5480/24,0)+1,1)*INDEX($D$3:$AA$30,INDEX(Jesper!$R$2:$R$366,ROW(INDEX(Jesper!AH$2:AH$366,ROUNDDOWN($C5480/24,0)+1,1))-1)+IF('Standard Profiles'!$G$18=$B$10,7,0)+IF('Standard Profiles'!$G$18=$B$17,14,0)+IF('Standard Profiles'!$G$18=$B$24,21,0),MOD($C5480,24)+1)/SUM(INDEX($D$3:$AA$30,INDEX(Jesper!$R$2:$R$366,ROW(INDEX(Jesper!AH$2:AH$366,ROUNDDOWN($C5480/24,0)+1,1))-1)+IF('Standard Profiles'!$G$18=$B$10,7,0)+IF('Standard Profiles'!$G$18=$B$17,14,0)+IF('Standard Profiles'!$G$18=$B$24,21,0),0)),0)</f>
        <v>5.1934684507046693</v>
      </c>
      <c r="E5480" cm="1">
        <f t="array" ref="E5480">IFERROR(INDEX(Jesper!AI$2:AI$366,ROUNDDOWN($C5480/24,0)+1,1)*INDEX($D$3:$AA$30,INDEX(Jesper!$R$2:$R$366,ROW(INDEX(Jesper!AI$2:AI$366,ROUNDDOWN($C5480/24,0)+1,1))-1)+IF('Standard Profiles'!$G$19=$B$10,7,0)+IF('Standard Profiles'!$G$19=$B$17,14,0)+IF('Standard Profiles'!$G$19=$B$24,21,0),MOD($C5480,24)+1)/SUM(INDEX($D$3:$AA$30,INDEX(Jesper!$R$2:$R$366,ROW(INDEX(Jesper!AI$2:AI$366,ROUNDDOWN($C5480/24,0)+1,1))-1)+IF('Standard Profiles'!$G$19=$B$10,7,0)+IF('Standard Profiles'!$G$19=$B$17,14,0)+IF('Standard Profiles'!$G$19=$B$24,21,0),0)),0)</f>
        <v>1.9166698634097388</v>
      </c>
      <c r="F5480" cm="1">
        <f t="array" ref="F5480">IFERROR(INDEX(Jesper!AJ$2:AJ$366,ROUNDDOWN($C5480/24,0)+1,1)*INDEX($D$3:$AA$30,INDEX(Jesper!$R$2:$R$366,ROW(INDEX(Jesper!AJ$2:AJ$366,ROUNDDOWN($C5480/24,0)+1,1))-1)+IF('Standard Profiles'!$G$20=$B$10,7,0)+IF('Standard Profiles'!$G$20=$B$17,14,0)+IF('Standard Profiles'!$G$20=$B$24,21,0),MOD($C5480,24)+1)/SUM(INDEX($D$3:$AA$30,INDEX(Jesper!$R$2:$R$366,ROW(INDEX(Jesper!AJ$2:AJ$366,ROUNDDOWN($C5480/24,0)+1,1))-1)+IF('Standard Profiles'!$G$20=$B$10,7,0)+IF('Standard Profiles'!$G$20=$B$17,14,0)+IF('Standard Profiles'!$G$20=$B$24,21,0),0)),0)</f>
        <v>0</v>
      </c>
      <c r="G5480" cm="1">
        <f t="array" ref="G5480">IFERROR(INDEX(Jesper!AK$2:AK$366,ROUNDDOWN($C5480/24,0)+1,1)*INDEX($D$3:$AA$30,INDEX(Jesper!$R$2:$R$366,ROW(INDEX(Jesper!AK$2:AK$366,ROUNDDOWN($C5480/24,0)+1,1))-1)+IF('Standard Profiles'!$G$21=$B$10,7,0)+IF('Standard Profiles'!$G$21=$B$17,14,0)+IF('Standard Profiles'!$G$21=$B$24,21,0),MOD($C5480,24)+1)/SUM(INDEX($D$3:$AA$30,INDEX(Jesper!$R$2:$R$366,ROW(INDEX(Jesper!AK$2:AK$366,ROUNDDOWN($C5480/24,0)+1,1))-1)+IF('Standard Profiles'!$G$21=$B$10,7,0)+IF('Standard Profiles'!$G$21=$B$17,14,0)+IF('Standard Profiles'!$G$21=$B$24,21,0),0)),0)</f>
        <v>0</v>
      </c>
      <c r="H5480" cm="1">
        <f t="array" ref="H5480">IFERROR(INDEX(Jesper!AL$2:AL$366,ROUNDDOWN($C5480/24,0)+1,1)*INDEX($D$3:$AA$30,INDEX(Jesper!$R$2:$R$366,ROW(INDEX(Jesper!AL$2:AL$366,ROUNDDOWN($C5480/24,0)+1,1))-1)+IF('Standard Profiles'!$G$22=$B$10,7,0)+IF('Standard Profiles'!$G$22=$B$17,14,0)+IF('Standard Profiles'!$G$22=$B$24,21,0),MOD($C5480,24)+1)/SUM(INDEX($D$3:$AA$30,INDEX(Jesper!$R$2:$R$366,ROW(INDEX(Jesper!AL$2:AL$366,ROUNDDOWN($C5480/24,0)+1,1))-1)+IF('Standard Profiles'!$G$22=$B$10,7,0)+IF('Standard Profiles'!$G$22=$B$17,14,0)+IF('Standard Profiles'!$G$22=$B$24,21,0),0)),0)</f>
        <v>0</v>
      </c>
      <c r="I5480">
        <f t="shared" si="615"/>
        <v>0</v>
      </c>
      <c r="J5480">
        <f t="shared" si="616"/>
        <v>6.2791833620016613</v>
      </c>
      <c r="K5480">
        <f t="shared" si="617"/>
        <v>0.55396996807516474</v>
      </c>
      <c r="L5480">
        <f t="shared" si="618"/>
        <v>0.27698498403758237</v>
      </c>
      <c r="M5480">
        <f t="shared" si="619"/>
        <v>0</v>
      </c>
      <c r="N5480" s="45">
        <f t="shared" si="620"/>
        <v>45153.916666653458</v>
      </c>
    </row>
    <row r="5481" spans="2:14" x14ac:dyDescent="0.25">
      <c r="B5481">
        <f t="shared" si="614"/>
        <v>2</v>
      </c>
      <c r="C5481" s="16">
        <v>5447</v>
      </c>
      <c r="D5481" cm="1">
        <f t="array" ref="D5481">IFERROR(INDEX(Jesper!AH$2:AH$366,ROUNDDOWN($C5481/24,0)+1,1)*INDEX($D$3:$AA$30,INDEX(Jesper!$R$2:$R$366,ROW(INDEX(Jesper!AH$2:AH$366,ROUNDDOWN($C5481/24,0)+1,1))-1)+IF('Standard Profiles'!$G$18=$B$10,7,0)+IF('Standard Profiles'!$G$18=$B$17,14,0)+IF('Standard Profiles'!$G$18=$B$24,21,0),MOD($C5481,24)+1)/SUM(INDEX($D$3:$AA$30,INDEX(Jesper!$R$2:$R$366,ROW(INDEX(Jesper!AH$2:AH$366,ROUNDDOWN($C5481/24,0)+1,1))-1)+IF('Standard Profiles'!$G$18=$B$10,7,0)+IF('Standard Profiles'!$G$18=$B$17,14,0)+IF('Standard Profiles'!$G$18=$B$24,21,0),0)),0)</f>
        <v>5.1934684507046693</v>
      </c>
      <c r="E5481" cm="1">
        <f t="array" ref="E5481">IFERROR(INDEX(Jesper!AI$2:AI$366,ROUNDDOWN($C5481/24,0)+1,1)*INDEX($D$3:$AA$30,INDEX(Jesper!$R$2:$R$366,ROW(INDEX(Jesper!AI$2:AI$366,ROUNDDOWN($C5481/24,0)+1,1))-1)+IF('Standard Profiles'!$G$19=$B$10,7,0)+IF('Standard Profiles'!$G$19=$B$17,14,0)+IF('Standard Profiles'!$G$19=$B$24,21,0),MOD($C5481,24)+1)/SUM(INDEX($D$3:$AA$30,INDEX(Jesper!$R$2:$R$366,ROW(INDEX(Jesper!AI$2:AI$366,ROUNDDOWN($C5481/24,0)+1,1))-1)+IF('Standard Profiles'!$G$19=$B$10,7,0)+IF('Standard Profiles'!$G$19=$B$17,14,0)+IF('Standard Profiles'!$G$19=$B$24,21,0),0)),0)</f>
        <v>1.9166698634097388</v>
      </c>
      <c r="F5481" cm="1">
        <f t="array" ref="F5481">IFERROR(INDEX(Jesper!AJ$2:AJ$366,ROUNDDOWN($C5481/24,0)+1,1)*INDEX($D$3:$AA$30,INDEX(Jesper!$R$2:$R$366,ROW(INDEX(Jesper!AJ$2:AJ$366,ROUNDDOWN($C5481/24,0)+1,1))-1)+IF('Standard Profiles'!$G$20=$B$10,7,0)+IF('Standard Profiles'!$G$20=$B$17,14,0)+IF('Standard Profiles'!$G$20=$B$24,21,0),MOD($C5481,24)+1)/SUM(INDEX($D$3:$AA$30,INDEX(Jesper!$R$2:$R$366,ROW(INDEX(Jesper!AJ$2:AJ$366,ROUNDDOWN($C5481/24,0)+1,1))-1)+IF('Standard Profiles'!$G$20=$B$10,7,0)+IF('Standard Profiles'!$G$20=$B$17,14,0)+IF('Standard Profiles'!$G$20=$B$24,21,0),0)),0)</f>
        <v>0</v>
      </c>
      <c r="G5481" cm="1">
        <f t="array" ref="G5481">IFERROR(INDEX(Jesper!AK$2:AK$366,ROUNDDOWN($C5481/24,0)+1,1)*INDEX($D$3:$AA$30,INDEX(Jesper!$R$2:$R$366,ROW(INDEX(Jesper!AK$2:AK$366,ROUNDDOWN($C5481/24,0)+1,1))-1)+IF('Standard Profiles'!$G$21=$B$10,7,0)+IF('Standard Profiles'!$G$21=$B$17,14,0)+IF('Standard Profiles'!$G$21=$B$24,21,0),MOD($C5481,24)+1)/SUM(INDEX($D$3:$AA$30,INDEX(Jesper!$R$2:$R$366,ROW(INDEX(Jesper!AK$2:AK$366,ROUNDDOWN($C5481/24,0)+1,1))-1)+IF('Standard Profiles'!$G$21=$B$10,7,0)+IF('Standard Profiles'!$G$21=$B$17,14,0)+IF('Standard Profiles'!$G$21=$B$24,21,0),0)),0)</f>
        <v>0</v>
      </c>
      <c r="H5481" cm="1">
        <f t="array" ref="H5481">IFERROR(INDEX(Jesper!AL$2:AL$366,ROUNDDOWN($C5481/24,0)+1,1)*INDEX($D$3:$AA$30,INDEX(Jesper!$R$2:$R$366,ROW(INDEX(Jesper!AL$2:AL$366,ROUNDDOWN($C5481/24,0)+1,1))-1)+IF('Standard Profiles'!$G$22=$B$10,7,0)+IF('Standard Profiles'!$G$22=$B$17,14,0)+IF('Standard Profiles'!$G$22=$B$24,21,0),MOD($C5481,24)+1)/SUM(INDEX($D$3:$AA$30,INDEX(Jesper!$R$2:$R$366,ROW(INDEX(Jesper!AL$2:AL$366,ROUNDDOWN($C5481/24,0)+1,1))-1)+IF('Standard Profiles'!$G$22=$B$10,7,0)+IF('Standard Profiles'!$G$22=$B$17,14,0)+IF('Standard Profiles'!$G$22=$B$24,21,0),0)),0)</f>
        <v>0</v>
      </c>
      <c r="I5481">
        <f t="shared" si="615"/>
        <v>0</v>
      </c>
      <c r="J5481">
        <f t="shared" si="616"/>
        <v>6.2791833620016613</v>
      </c>
      <c r="K5481">
        <f t="shared" si="617"/>
        <v>0.55396996807516474</v>
      </c>
      <c r="L5481">
        <f t="shared" si="618"/>
        <v>0.27698498403758237</v>
      </c>
      <c r="M5481">
        <f t="shared" si="619"/>
        <v>0</v>
      </c>
      <c r="N5481" s="45">
        <f t="shared" si="620"/>
        <v>45153.958333320123</v>
      </c>
    </row>
    <row r="5482" spans="2:14" x14ac:dyDescent="0.25">
      <c r="B5482">
        <f t="shared" si="614"/>
        <v>3</v>
      </c>
      <c r="C5482" s="16">
        <v>5448</v>
      </c>
      <c r="D5482" cm="1">
        <f t="array" ref="D5482">IFERROR(INDEX(Jesper!AH$2:AH$366,ROUNDDOWN($C5482/24,0)+1,1)*INDEX($D$3:$AA$30,INDEX(Jesper!$R$2:$R$366,ROW(INDEX(Jesper!AH$2:AH$366,ROUNDDOWN($C5482/24,0)+1,1))-1)+IF('Standard Profiles'!$G$18=$B$10,7,0)+IF('Standard Profiles'!$G$18=$B$17,14,0)+IF('Standard Profiles'!$G$18=$B$24,21,0),MOD($C5482,24)+1)/SUM(INDEX($D$3:$AA$30,INDEX(Jesper!$R$2:$R$366,ROW(INDEX(Jesper!AH$2:AH$366,ROUNDDOWN($C5482/24,0)+1,1))-1)+IF('Standard Profiles'!$G$18=$B$10,7,0)+IF('Standard Profiles'!$G$18=$B$17,14,0)+IF('Standard Profiles'!$G$18=$B$24,21,0),0)),0)</f>
        <v>5.1456083525892318</v>
      </c>
      <c r="E5482" cm="1">
        <f t="array" ref="E5482">IFERROR(INDEX(Jesper!AI$2:AI$366,ROUNDDOWN($C5482/24,0)+1,1)*INDEX($D$3:$AA$30,INDEX(Jesper!$R$2:$R$366,ROW(INDEX(Jesper!AI$2:AI$366,ROUNDDOWN($C5482/24,0)+1,1))-1)+IF('Standard Profiles'!$G$19=$B$10,7,0)+IF('Standard Profiles'!$G$19=$B$17,14,0)+IF('Standard Profiles'!$G$19=$B$24,21,0),MOD($C5482,24)+1)/SUM(INDEX($D$3:$AA$30,INDEX(Jesper!$R$2:$R$366,ROW(INDEX(Jesper!AI$2:AI$366,ROUNDDOWN($C5482/24,0)+1,1))-1)+IF('Standard Profiles'!$G$19=$B$10,7,0)+IF('Standard Profiles'!$G$19=$B$17,14,0)+IF('Standard Profiles'!$G$19=$B$24,21,0),0)),0)</f>
        <v>1.8927067557440445</v>
      </c>
      <c r="F5482" cm="1">
        <f t="array" ref="F5482">IFERROR(INDEX(Jesper!AJ$2:AJ$366,ROUNDDOWN($C5482/24,0)+1,1)*INDEX($D$3:$AA$30,INDEX(Jesper!$R$2:$R$366,ROW(INDEX(Jesper!AJ$2:AJ$366,ROUNDDOWN($C5482/24,0)+1,1))-1)+IF('Standard Profiles'!$G$20=$B$10,7,0)+IF('Standard Profiles'!$G$20=$B$17,14,0)+IF('Standard Profiles'!$G$20=$B$24,21,0),MOD($C5482,24)+1)/SUM(INDEX($D$3:$AA$30,INDEX(Jesper!$R$2:$R$366,ROW(INDEX(Jesper!AJ$2:AJ$366,ROUNDDOWN($C5482/24,0)+1,1))-1)+IF('Standard Profiles'!$G$20=$B$10,7,0)+IF('Standard Profiles'!$G$20=$B$17,14,0)+IF('Standard Profiles'!$G$20=$B$24,21,0),0)),0)</f>
        <v>0</v>
      </c>
      <c r="G5482" cm="1">
        <f t="array" ref="G5482">IFERROR(INDEX(Jesper!AK$2:AK$366,ROUNDDOWN($C5482/24,0)+1,1)*INDEX($D$3:$AA$30,INDEX(Jesper!$R$2:$R$366,ROW(INDEX(Jesper!AK$2:AK$366,ROUNDDOWN($C5482/24,0)+1,1))-1)+IF('Standard Profiles'!$G$21=$B$10,7,0)+IF('Standard Profiles'!$G$21=$B$17,14,0)+IF('Standard Profiles'!$G$21=$B$24,21,0),MOD($C5482,24)+1)/SUM(INDEX($D$3:$AA$30,INDEX(Jesper!$R$2:$R$366,ROW(INDEX(Jesper!AK$2:AK$366,ROUNDDOWN($C5482/24,0)+1,1))-1)+IF('Standard Profiles'!$G$21=$B$10,7,0)+IF('Standard Profiles'!$G$21=$B$17,14,0)+IF('Standard Profiles'!$G$21=$B$24,21,0),0)),0)</f>
        <v>0</v>
      </c>
      <c r="H5482" cm="1">
        <f t="array" ref="H5482">IFERROR(INDEX(Jesper!AL$2:AL$366,ROUNDDOWN($C5482/24,0)+1,1)*INDEX($D$3:$AA$30,INDEX(Jesper!$R$2:$R$366,ROW(INDEX(Jesper!AL$2:AL$366,ROUNDDOWN($C5482/24,0)+1,1))-1)+IF('Standard Profiles'!$G$22=$B$10,7,0)+IF('Standard Profiles'!$G$22=$B$17,14,0)+IF('Standard Profiles'!$G$22=$B$24,21,0),MOD($C5482,24)+1)/SUM(INDEX($D$3:$AA$30,INDEX(Jesper!$R$2:$R$366,ROW(INDEX(Jesper!AL$2:AL$366,ROUNDDOWN($C5482/24,0)+1,1))-1)+IF('Standard Profiles'!$G$22=$B$10,7,0)+IF('Standard Profiles'!$G$22=$B$17,14,0)+IF('Standard Profiles'!$G$22=$B$24,21,0),0)),0)</f>
        <v>0</v>
      </c>
      <c r="I5482">
        <f t="shared" si="615"/>
        <v>0</v>
      </c>
      <c r="J5482">
        <f t="shared" si="616"/>
        <v>6.2150177719189994</v>
      </c>
      <c r="K5482">
        <f t="shared" si="617"/>
        <v>0.5488648909428514</v>
      </c>
      <c r="L5482">
        <f t="shared" si="618"/>
        <v>0.2744324454714257</v>
      </c>
      <c r="M5482">
        <f t="shared" si="619"/>
        <v>0</v>
      </c>
      <c r="N5482" s="45">
        <f t="shared" si="620"/>
        <v>45153.999999986787</v>
      </c>
    </row>
    <row r="5483" spans="2:14" x14ac:dyDescent="0.25">
      <c r="B5483">
        <f t="shared" si="614"/>
        <v>3</v>
      </c>
      <c r="C5483" s="16">
        <v>5449</v>
      </c>
      <c r="D5483" cm="1">
        <f t="array" ref="D5483">IFERROR(INDEX(Jesper!AH$2:AH$366,ROUNDDOWN($C5483/24,0)+1,1)*INDEX($D$3:$AA$30,INDEX(Jesper!$R$2:$R$366,ROW(INDEX(Jesper!AH$2:AH$366,ROUNDDOWN($C5483/24,0)+1,1))-1)+IF('Standard Profiles'!$G$18=$B$10,7,0)+IF('Standard Profiles'!$G$18=$B$17,14,0)+IF('Standard Profiles'!$G$18=$B$24,21,0),MOD($C5483,24)+1)/SUM(INDEX($D$3:$AA$30,INDEX(Jesper!$R$2:$R$366,ROW(INDEX(Jesper!AH$2:AH$366,ROUNDDOWN($C5483/24,0)+1,1))-1)+IF('Standard Profiles'!$G$18=$B$10,7,0)+IF('Standard Profiles'!$G$18=$B$17,14,0)+IF('Standard Profiles'!$G$18=$B$24,21,0),0)),0)</f>
        <v>5.1456083525892318</v>
      </c>
      <c r="E5483" cm="1">
        <f t="array" ref="E5483">IFERROR(INDEX(Jesper!AI$2:AI$366,ROUNDDOWN($C5483/24,0)+1,1)*INDEX($D$3:$AA$30,INDEX(Jesper!$R$2:$R$366,ROW(INDEX(Jesper!AI$2:AI$366,ROUNDDOWN($C5483/24,0)+1,1))-1)+IF('Standard Profiles'!$G$19=$B$10,7,0)+IF('Standard Profiles'!$G$19=$B$17,14,0)+IF('Standard Profiles'!$G$19=$B$24,21,0),MOD($C5483,24)+1)/SUM(INDEX($D$3:$AA$30,INDEX(Jesper!$R$2:$R$366,ROW(INDEX(Jesper!AI$2:AI$366,ROUNDDOWN($C5483/24,0)+1,1))-1)+IF('Standard Profiles'!$G$19=$B$10,7,0)+IF('Standard Profiles'!$G$19=$B$17,14,0)+IF('Standard Profiles'!$G$19=$B$24,21,0),0)),0)</f>
        <v>1.8927067557440445</v>
      </c>
      <c r="F5483" cm="1">
        <f t="array" ref="F5483">IFERROR(INDEX(Jesper!AJ$2:AJ$366,ROUNDDOWN($C5483/24,0)+1,1)*INDEX($D$3:$AA$30,INDEX(Jesper!$R$2:$R$366,ROW(INDEX(Jesper!AJ$2:AJ$366,ROUNDDOWN($C5483/24,0)+1,1))-1)+IF('Standard Profiles'!$G$20=$B$10,7,0)+IF('Standard Profiles'!$G$20=$B$17,14,0)+IF('Standard Profiles'!$G$20=$B$24,21,0),MOD($C5483,24)+1)/SUM(INDEX($D$3:$AA$30,INDEX(Jesper!$R$2:$R$366,ROW(INDEX(Jesper!AJ$2:AJ$366,ROUNDDOWN($C5483/24,0)+1,1))-1)+IF('Standard Profiles'!$G$20=$B$10,7,0)+IF('Standard Profiles'!$G$20=$B$17,14,0)+IF('Standard Profiles'!$G$20=$B$24,21,0),0)),0)</f>
        <v>0</v>
      </c>
      <c r="G5483" cm="1">
        <f t="array" ref="G5483">IFERROR(INDEX(Jesper!AK$2:AK$366,ROUNDDOWN($C5483/24,0)+1,1)*INDEX($D$3:$AA$30,INDEX(Jesper!$R$2:$R$366,ROW(INDEX(Jesper!AK$2:AK$366,ROUNDDOWN($C5483/24,0)+1,1))-1)+IF('Standard Profiles'!$G$21=$B$10,7,0)+IF('Standard Profiles'!$G$21=$B$17,14,0)+IF('Standard Profiles'!$G$21=$B$24,21,0),MOD($C5483,24)+1)/SUM(INDEX($D$3:$AA$30,INDEX(Jesper!$R$2:$R$366,ROW(INDEX(Jesper!AK$2:AK$366,ROUNDDOWN($C5483/24,0)+1,1))-1)+IF('Standard Profiles'!$G$21=$B$10,7,0)+IF('Standard Profiles'!$G$21=$B$17,14,0)+IF('Standard Profiles'!$G$21=$B$24,21,0),0)),0)</f>
        <v>0</v>
      </c>
      <c r="H5483" cm="1">
        <f t="array" ref="H5483">IFERROR(INDEX(Jesper!AL$2:AL$366,ROUNDDOWN($C5483/24,0)+1,1)*INDEX($D$3:$AA$30,INDEX(Jesper!$R$2:$R$366,ROW(INDEX(Jesper!AL$2:AL$366,ROUNDDOWN($C5483/24,0)+1,1))-1)+IF('Standard Profiles'!$G$22=$B$10,7,0)+IF('Standard Profiles'!$G$22=$B$17,14,0)+IF('Standard Profiles'!$G$22=$B$24,21,0),MOD($C5483,24)+1)/SUM(INDEX($D$3:$AA$30,INDEX(Jesper!$R$2:$R$366,ROW(INDEX(Jesper!AL$2:AL$366,ROUNDDOWN($C5483/24,0)+1,1))-1)+IF('Standard Profiles'!$G$22=$B$10,7,0)+IF('Standard Profiles'!$G$22=$B$17,14,0)+IF('Standard Profiles'!$G$22=$B$24,21,0),0)),0)</f>
        <v>0</v>
      </c>
      <c r="I5483">
        <f t="shared" si="615"/>
        <v>0</v>
      </c>
      <c r="J5483">
        <f t="shared" si="616"/>
        <v>6.2150177719189994</v>
      </c>
      <c r="K5483">
        <f t="shared" si="617"/>
        <v>0.5488648909428514</v>
      </c>
      <c r="L5483">
        <f t="shared" si="618"/>
        <v>0.2744324454714257</v>
      </c>
      <c r="M5483">
        <f t="shared" si="619"/>
        <v>0</v>
      </c>
      <c r="N5483" s="45">
        <f t="shared" si="620"/>
        <v>45154.041666653451</v>
      </c>
    </row>
    <row r="5484" spans="2:14" x14ac:dyDescent="0.25">
      <c r="B5484">
        <f t="shared" si="614"/>
        <v>3</v>
      </c>
      <c r="C5484" s="16">
        <v>5450</v>
      </c>
      <c r="D5484" cm="1">
        <f t="array" ref="D5484">IFERROR(INDEX(Jesper!AH$2:AH$366,ROUNDDOWN($C5484/24,0)+1,1)*INDEX($D$3:$AA$30,INDEX(Jesper!$R$2:$R$366,ROW(INDEX(Jesper!AH$2:AH$366,ROUNDDOWN($C5484/24,0)+1,1))-1)+IF('Standard Profiles'!$G$18=$B$10,7,0)+IF('Standard Profiles'!$G$18=$B$17,14,0)+IF('Standard Profiles'!$G$18=$B$24,21,0),MOD($C5484,24)+1)/SUM(INDEX($D$3:$AA$30,INDEX(Jesper!$R$2:$R$366,ROW(INDEX(Jesper!AH$2:AH$366,ROUNDDOWN($C5484/24,0)+1,1))-1)+IF('Standard Profiles'!$G$18=$B$10,7,0)+IF('Standard Profiles'!$G$18=$B$17,14,0)+IF('Standard Profiles'!$G$18=$B$24,21,0),0)),0)</f>
        <v>5.1456083525892318</v>
      </c>
      <c r="E5484" cm="1">
        <f t="array" ref="E5484">IFERROR(INDEX(Jesper!AI$2:AI$366,ROUNDDOWN($C5484/24,0)+1,1)*INDEX($D$3:$AA$30,INDEX(Jesper!$R$2:$R$366,ROW(INDEX(Jesper!AI$2:AI$366,ROUNDDOWN($C5484/24,0)+1,1))-1)+IF('Standard Profiles'!$G$19=$B$10,7,0)+IF('Standard Profiles'!$G$19=$B$17,14,0)+IF('Standard Profiles'!$G$19=$B$24,21,0),MOD($C5484,24)+1)/SUM(INDEX($D$3:$AA$30,INDEX(Jesper!$R$2:$R$366,ROW(INDEX(Jesper!AI$2:AI$366,ROUNDDOWN($C5484/24,0)+1,1))-1)+IF('Standard Profiles'!$G$19=$B$10,7,0)+IF('Standard Profiles'!$G$19=$B$17,14,0)+IF('Standard Profiles'!$G$19=$B$24,21,0),0)),0)</f>
        <v>1.8927067557440445</v>
      </c>
      <c r="F5484" cm="1">
        <f t="array" ref="F5484">IFERROR(INDEX(Jesper!AJ$2:AJ$366,ROUNDDOWN($C5484/24,0)+1,1)*INDEX($D$3:$AA$30,INDEX(Jesper!$R$2:$R$366,ROW(INDEX(Jesper!AJ$2:AJ$366,ROUNDDOWN($C5484/24,0)+1,1))-1)+IF('Standard Profiles'!$G$20=$B$10,7,0)+IF('Standard Profiles'!$G$20=$B$17,14,0)+IF('Standard Profiles'!$G$20=$B$24,21,0),MOD($C5484,24)+1)/SUM(INDEX($D$3:$AA$30,INDEX(Jesper!$R$2:$R$366,ROW(INDEX(Jesper!AJ$2:AJ$366,ROUNDDOWN($C5484/24,0)+1,1))-1)+IF('Standard Profiles'!$G$20=$B$10,7,0)+IF('Standard Profiles'!$G$20=$B$17,14,0)+IF('Standard Profiles'!$G$20=$B$24,21,0),0)),0)</f>
        <v>0</v>
      </c>
      <c r="G5484" cm="1">
        <f t="array" ref="G5484">IFERROR(INDEX(Jesper!AK$2:AK$366,ROUNDDOWN($C5484/24,0)+1,1)*INDEX($D$3:$AA$30,INDEX(Jesper!$R$2:$R$366,ROW(INDEX(Jesper!AK$2:AK$366,ROUNDDOWN($C5484/24,0)+1,1))-1)+IF('Standard Profiles'!$G$21=$B$10,7,0)+IF('Standard Profiles'!$G$21=$B$17,14,0)+IF('Standard Profiles'!$G$21=$B$24,21,0),MOD($C5484,24)+1)/SUM(INDEX($D$3:$AA$30,INDEX(Jesper!$R$2:$R$366,ROW(INDEX(Jesper!AK$2:AK$366,ROUNDDOWN($C5484/24,0)+1,1))-1)+IF('Standard Profiles'!$G$21=$B$10,7,0)+IF('Standard Profiles'!$G$21=$B$17,14,0)+IF('Standard Profiles'!$G$21=$B$24,21,0),0)),0)</f>
        <v>0</v>
      </c>
      <c r="H5484" cm="1">
        <f t="array" ref="H5484">IFERROR(INDEX(Jesper!AL$2:AL$366,ROUNDDOWN($C5484/24,0)+1,1)*INDEX($D$3:$AA$30,INDEX(Jesper!$R$2:$R$366,ROW(INDEX(Jesper!AL$2:AL$366,ROUNDDOWN($C5484/24,0)+1,1))-1)+IF('Standard Profiles'!$G$22=$B$10,7,0)+IF('Standard Profiles'!$G$22=$B$17,14,0)+IF('Standard Profiles'!$G$22=$B$24,21,0),MOD($C5484,24)+1)/SUM(INDEX($D$3:$AA$30,INDEX(Jesper!$R$2:$R$366,ROW(INDEX(Jesper!AL$2:AL$366,ROUNDDOWN($C5484/24,0)+1,1))-1)+IF('Standard Profiles'!$G$22=$B$10,7,0)+IF('Standard Profiles'!$G$22=$B$17,14,0)+IF('Standard Profiles'!$G$22=$B$24,21,0),0)),0)</f>
        <v>0</v>
      </c>
      <c r="I5484">
        <f t="shared" si="615"/>
        <v>0</v>
      </c>
      <c r="J5484">
        <f t="shared" si="616"/>
        <v>6.2150177719189994</v>
      </c>
      <c r="K5484">
        <f t="shared" si="617"/>
        <v>0.5488648909428514</v>
      </c>
      <c r="L5484">
        <f t="shared" si="618"/>
        <v>0.2744324454714257</v>
      </c>
      <c r="M5484">
        <f t="shared" si="619"/>
        <v>0</v>
      </c>
      <c r="N5484" s="45">
        <f t="shared" si="620"/>
        <v>45154.083333320115</v>
      </c>
    </row>
    <row r="5485" spans="2:14" x14ac:dyDescent="0.25">
      <c r="B5485">
        <f t="shared" si="614"/>
        <v>3</v>
      </c>
      <c r="C5485" s="16">
        <v>5451</v>
      </c>
      <c r="D5485" cm="1">
        <f t="array" ref="D5485">IFERROR(INDEX(Jesper!AH$2:AH$366,ROUNDDOWN($C5485/24,0)+1,1)*INDEX($D$3:$AA$30,INDEX(Jesper!$R$2:$R$366,ROW(INDEX(Jesper!AH$2:AH$366,ROUNDDOWN($C5485/24,0)+1,1))-1)+IF('Standard Profiles'!$G$18=$B$10,7,0)+IF('Standard Profiles'!$G$18=$B$17,14,0)+IF('Standard Profiles'!$G$18=$B$24,21,0),MOD($C5485,24)+1)/SUM(INDEX($D$3:$AA$30,INDEX(Jesper!$R$2:$R$366,ROW(INDEX(Jesper!AH$2:AH$366,ROUNDDOWN($C5485/24,0)+1,1))-1)+IF('Standard Profiles'!$G$18=$B$10,7,0)+IF('Standard Profiles'!$G$18=$B$17,14,0)+IF('Standard Profiles'!$G$18=$B$24,21,0),0)),0)</f>
        <v>5.1456083525892318</v>
      </c>
      <c r="E5485" cm="1">
        <f t="array" ref="E5485">IFERROR(INDEX(Jesper!AI$2:AI$366,ROUNDDOWN($C5485/24,0)+1,1)*INDEX($D$3:$AA$30,INDEX(Jesper!$R$2:$R$366,ROW(INDEX(Jesper!AI$2:AI$366,ROUNDDOWN($C5485/24,0)+1,1))-1)+IF('Standard Profiles'!$G$19=$B$10,7,0)+IF('Standard Profiles'!$G$19=$B$17,14,0)+IF('Standard Profiles'!$G$19=$B$24,21,0),MOD($C5485,24)+1)/SUM(INDEX($D$3:$AA$30,INDEX(Jesper!$R$2:$R$366,ROW(INDEX(Jesper!AI$2:AI$366,ROUNDDOWN($C5485/24,0)+1,1))-1)+IF('Standard Profiles'!$G$19=$B$10,7,0)+IF('Standard Profiles'!$G$19=$B$17,14,0)+IF('Standard Profiles'!$G$19=$B$24,21,0),0)),0)</f>
        <v>1.8927067557440445</v>
      </c>
      <c r="F5485" cm="1">
        <f t="array" ref="F5485">IFERROR(INDEX(Jesper!AJ$2:AJ$366,ROUNDDOWN($C5485/24,0)+1,1)*INDEX($D$3:$AA$30,INDEX(Jesper!$R$2:$R$366,ROW(INDEX(Jesper!AJ$2:AJ$366,ROUNDDOWN($C5485/24,0)+1,1))-1)+IF('Standard Profiles'!$G$20=$B$10,7,0)+IF('Standard Profiles'!$G$20=$B$17,14,0)+IF('Standard Profiles'!$G$20=$B$24,21,0),MOD($C5485,24)+1)/SUM(INDEX($D$3:$AA$30,INDEX(Jesper!$R$2:$R$366,ROW(INDEX(Jesper!AJ$2:AJ$366,ROUNDDOWN($C5485/24,0)+1,1))-1)+IF('Standard Profiles'!$G$20=$B$10,7,0)+IF('Standard Profiles'!$G$20=$B$17,14,0)+IF('Standard Profiles'!$G$20=$B$24,21,0),0)),0)</f>
        <v>0</v>
      </c>
      <c r="G5485" cm="1">
        <f t="array" ref="G5485">IFERROR(INDEX(Jesper!AK$2:AK$366,ROUNDDOWN($C5485/24,0)+1,1)*INDEX($D$3:$AA$30,INDEX(Jesper!$R$2:$R$366,ROW(INDEX(Jesper!AK$2:AK$366,ROUNDDOWN($C5485/24,0)+1,1))-1)+IF('Standard Profiles'!$G$21=$B$10,7,0)+IF('Standard Profiles'!$G$21=$B$17,14,0)+IF('Standard Profiles'!$G$21=$B$24,21,0),MOD($C5485,24)+1)/SUM(INDEX($D$3:$AA$30,INDEX(Jesper!$R$2:$R$366,ROW(INDEX(Jesper!AK$2:AK$366,ROUNDDOWN($C5485/24,0)+1,1))-1)+IF('Standard Profiles'!$G$21=$B$10,7,0)+IF('Standard Profiles'!$G$21=$B$17,14,0)+IF('Standard Profiles'!$G$21=$B$24,21,0),0)),0)</f>
        <v>0</v>
      </c>
      <c r="H5485" cm="1">
        <f t="array" ref="H5485">IFERROR(INDEX(Jesper!AL$2:AL$366,ROUNDDOWN($C5485/24,0)+1,1)*INDEX($D$3:$AA$30,INDEX(Jesper!$R$2:$R$366,ROW(INDEX(Jesper!AL$2:AL$366,ROUNDDOWN($C5485/24,0)+1,1))-1)+IF('Standard Profiles'!$G$22=$B$10,7,0)+IF('Standard Profiles'!$G$22=$B$17,14,0)+IF('Standard Profiles'!$G$22=$B$24,21,0),MOD($C5485,24)+1)/SUM(INDEX($D$3:$AA$30,INDEX(Jesper!$R$2:$R$366,ROW(INDEX(Jesper!AL$2:AL$366,ROUNDDOWN($C5485/24,0)+1,1))-1)+IF('Standard Profiles'!$G$22=$B$10,7,0)+IF('Standard Profiles'!$G$22=$B$17,14,0)+IF('Standard Profiles'!$G$22=$B$24,21,0),0)),0)</f>
        <v>0</v>
      </c>
      <c r="I5485">
        <f t="shared" si="615"/>
        <v>0</v>
      </c>
      <c r="J5485">
        <f t="shared" si="616"/>
        <v>6.2150177719189994</v>
      </c>
      <c r="K5485">
        <f t="shared" si="617"/>
        <v>0.5488648909428514</v>
      </c>
      <c r="L5485">
        <f t="shared" si="618"/>
        <v>0.2744324454714257</v>
      </c>
      <c r="M5485">
        <f t="shared" si="619"/>
        <v>0</v>
      </c>
      <c r="N5485" s="45">
        <f t="shared" si="620"/>
        <v>45154.12499998678</v>
      </c>
    </row>
    <row r="5486" spans="2:14" x14ac:dyDescent="0.25">
      <c r="B5486">
        <f t="shared" si="614"/>
        <v>3</v>
      </c>
      <c r="C5486" s="16">
        <v>5452</v>
      </c>
      <c r="D5486" cm="1">
        <f t="array" ref="D5486">IFERROR(INDEX(Jesper!AH$2:AH$366,ROUNDDOWN($C5486/24,0)+1,1)*INDEX($D$3:$AA$30,INDEX(Jesper!$R$2:$R$366,ROW(INDEX(Jesper!AH$2:AH$366,ROUNDDOWN($C5486/24,0)+1,1))-1)+IF('Standard Profiles'!$G$18=$B$10,7,0)+IF('Standard Profiles'!$G$18=$B$17,14,0)+IF('Standard Profiles'!$G$18=$B$24,21,0),MOD($C5486,24)+1)/SUM(INDEX($D$3:$AA$30,INDEX(Jesper!$R$2:$R$366,ROW(INDEX(Jesper!AH$2:AH$366,ROUNDDOWN($C5486/24,0)+1,1))-1)+IF('Standard Profiles'!$G$18=$B$10,7,0)+IF('Standard Profiles'!$G$18=$B$17,14,0)+IF('Standard Profiles'!$G$18=$B$24,21,0),0)),0)</f>
        <v>5.1456083525892318</v>
      </c>
      <c r="E5486" cm="1">
        <f t="array" ref="E5486">IFERROR(INDEX(Jesper!AI$2:AI$366,ROUNDDOWN($C5486/24,0)+1,1)*INDEX($D$3:$AA$30,INDEX(Jesper!$R$2:$R$366,ROW(INDEX(Jesper!AI$2:AI$366,ROUNDDOWN($C5486/24,0)+1,1))-1)+IF('Standard Profiles'!$G$19=$B$10,7,0)+IF('Standard Profiles'!$G$19=$B$17,14,0)+IF('Standard Profiles'!$G$19=$B$24,21,0),MOD($C5486,24)+1)/SUM(INDEX($D$3:$AA$30,INDEX(Jesper!$R$2:$R$366,ROW(INDEX(Jesper!AI$2:AI$366,ROUNDDOWN($C5486/24,0)+1,1))-1)+IF('Standard Profiles'!$G$19=$B$10,7,0)+IF('Standard Profiles'!$G$19=$B$17,14,0)+IF('Standard Profiles'!$G$19=$B$24,21,0),0)),0)</f>
        <v>1.8927067557440445</v>
      </c>
      <c r="F5486" cm="1">
        <f t="array" ref="F5486">IFERROR(INDEX(Jesper!AJ$2:AJ$366,ROUNDDOWN($C5486/24,0)+1,1)*INDEX($D$3:$AA$30,INDEX(Jesper!$R$2:$R$366,ROW(INDEX(Jesper!AJ$2:AJ$366,ROUNDDOWN($C5486/24,0)+1,1))-1)+IF('Standard Profiles'!$G$20=$B$10,7,0)+IF('Standard Profiles'!$G$20=$B$17,14,0)+IF('Standard Profiles'!$G$20=$B$24,21,0),MOD($C5486,24)+1)/SUM(INDEX($D$3:$AA$30,INDEX(Jesper!$R$2:$R$366,ROW(INDEX(Jesper!AJ$2:AJ$366,ROUNDDOWN($C5486/24,0)+1,1))-1)+IF('Standard Profiles'!$G$20=$B$10,7,0)+IF('Standard Profiles'!$G$20=$B$17,14,0)+IF('Standard Profiles'!$G$20=$B$24,21,0),0)),0)</f>
        <v>0</v>
      </c>
      <c r="G5486" cm="1">
        <f t="array" ref="G5486">IFERROR(INDEX(Jesper!AK$2:AK$366,ROUNDDOWN($C5486/24,0)+1,1)*INDEX($D$3:$AA$30,INDEX(Jesper!$R$2:$R$366,ROW(INDEX(Jesper!AK$2:AK$366,ROUNDDOWN($C5486/24,0)+1,1))-1)+IF('Standard Profiles'!$G$21=$B$10,7,0)+IF('Standard Profiles'!$G$21=$B$17,14,0)+IF('Standard Profiles'!$G$21=$B$24,21,0),MOD($C5486,24)+1)/SUM(INDEX($D$3:$AA$30,INDEX(Jesper!$R$2:$R$366,ROW(INDEX(Jesper!AK$2:AK$366,ROUNDDOWN($C5486/24,0)+1,1))-1)+IF('Standard Profiles'!$G$21=$B$10,7,0)+IF('Standard Profiles'!$G$21=$B$17,14,0)+IF('Standard Profiles'!$G$21=$B$24,21,0),0)),0)</f>
        <v>0</v>
      </c>
      <c r="H5486" cm="1">
        <f t="array" ref="H5486">IFERROR(INDEX(Jesper!AL$2:AL$366,ROUNDDOWN($C5486/24,0)+1,1)*INDEX($D$3:$AA$30,INDEX(Jesper!$R$2:$R$366,ROW(INDEX(Jesper!AL$2:AL$366,ROUNDDOWN($C5486/24,0)+1,1))-1)+IF('Standard Profiles'!$G$22=$B$10,7,0)+IF('Standard Profiles'!$G$22=$B$17,14,0)+IF('Standard Profiles'!$G$22=$B$24,21,0),MOD($C5486,24)+1)/SUM(INDEX($D$3:$AA$30,INDEX(Jesper!$R$2:$R$366,ROW(INDEX(Jesper!AL$2:AL$366,ROUNDDOWN($C5486/24,0)+1,1))-1)+IF('Standard Profiles'!$G$22=$B$10,7,0)+IF('Standard Profiles'!$G$22=$B$17,14,0)+IF('Standard Profiles'!$G$22=$B$24,21,0),0)),0)</f>
        <v>0</v>
      </c>
      <c r="I5486">
        <f t="shared" si="615"/>
        <v>0</v>
      </c>
      <c r="J5486">
        <f t="shared" si="616"/>
        <v>6.2150177719189994</v>
      </c>
      <c r="K5486">
        <f t="shared" si="617"/>
        <v>0.5488648909428514</v>
      </c>
      <c r="L5486">
        <f t="shared" si="618"/>
        <v>0.2744324454714257</v>
      </c>
      <c r="M5486">
        <f t="shared" si="619"/>
        <v>0</v>
      </c>
      <c r="N5486" s="45">
        <f t="shared" si="620"/>
        <v>45154.166666653444</v>
      </c>
    </row>
    <row r="5487" spans="2:14" x14ac:dyDescent="0.25">
      <c r="B5487">
        <f t="shared" si="614"/>
        <v>3</v>
      </c>
      <c r="C5487" s="16">
        <v>5453</v>
      </c>
      <c r="D5487" cm="1">
        <f t="array" ref="D5487">IFERROR(INDEX(Jesper!AH$2:AH$366,ROUNDDOWN($C5487/24,0)+1,1)*INDEX($D$3:$AA$30,INDEX(Jesper!$R$2:$R$366,ROW(INDEX(Jesper!AH$2:AH$366,ROUNDDOWN($C5487/24,0)+1,1))-1)+IF('Standard Profiles'!$G$18=$B$10,7,0)+IF('Standard Profiles'!$G$18=$B$17,14,0)+IF('Standard Profiles'!$G$18=$B$24,21,0),MOD($C5487,24)+1)/SUM(INDEX($D$3:$AA$30,INDEX(Jesper!$R$2:$R$366,ROW(INDEX(Jesper!AH$2:AH$366,ROUNDDOWN($C5487/24,0)+1,1))-1)+IF('Standard Profiles'!$G$18=$B$10,7,0)+IF('Standard Profiles'!$G$18=$B$17,14,0)+IF('Standard Profiles'!$G$18=$B$24,21,0),0)),0)</f>
        <v>5.1456083525892318</v>
      </c>
      <c r="E5487" cm="1">
        <f t="array" ref="E5487">IFERROR(INDEX(Jesper!AI$2:AI$366,ROUNDDOWN($C5487/24,0)+1,1)*INDEX($D$3:$AA$30,INDEX(Jesper!$R$2:$R$366,ROW(INDEX(Jesper!AI$2:AI$366,ROUNDDOWN($C5487/24,0)+1,1))-1)+IF('Standard Profiles'!$G$19=$B$10,7,0)+IF('Standard Profiles'!$G$19=$B$17,14,0)+IF('Standard Profiles'!$G$19=$B$24,21,0),MOD($C5487,24)+1)/SUM(INDEX($D$3:$AA$30,INDEX(Jesper!$R$2:$R$366,ROW(INDEX(Jesper!AI$2:AI$366,ROUNDDOWN($C5487/24,0)+1,1))-1)+IF('Standard Profiles'!$G$19=$B$10,7,0)+IF('Standard Profiles'!$G$19=$B$17,14,0)+IF('Standard Profiles'!$G$19=$B$24,21,0),0)),0)</f>
        <v>1.8927067557440445</v>
      </c>
      <c r="F5487" cm="1">
        <f t="array" ref="F5487">IFERROR(INDEX(Jesper!AJ$2:AJ$366,ROUNDDOWN($C5487/24,0)+1,1)*INDEX($D$3:$AA$30,INDEX(Jesper!$R$2:$R$366,ROW(INDEX(Jesper!AJ$2:AJ$366,ROUNDDOWN($C5487/24,0)+1,1))-1)+IF('Standard Profiles'!$G$20=$B$10,7,0)+IF('Standard Profiles'!$G$20=$B$17,14,0)+IF('Standard Profiles'!$G$20=$B$24,21,0),MOD($C5487,24)+1)/SUM(INDEX($D$3:$AA$30,INDEX(Jesper!$R$2:$R$366,ROW(INDEX(Jesper!AJ$2:AJ$366,ROUNDDOWN($C5487/24,0)+1,1))-1)+IF('Standard Profiles'!$G$20=$B$10,7,0)+IF('Standard Profiles'!$G$20=$B$17,14,0)+IF('Standard Profiles'!$G$20=$B$24,21,0),0)),0)</f>
        <v>0</v>
      </c>
      <c r="G5487" cm="1">
        <f t="array" ref="G5487">IFERROR(INDEX(Jesper!AK$2:AK$366,ROUNDDOWN($C5487/24,0)+1,1)*INDEX($D$3:$AA$30,INDEX(Jesper!$R$2:$R$366,ROW(INDEX(Jesper!AK$2:AK$366,ROUNDDOWN($C5487/24,0)+1,1))-1)+IF('Standard Profiles'!$G$21=$B$10,7,0)+IF('Standard Profiles'!$G$21=$B$17,14,0)+IF('Standard Profiles'!$G$21=$B$24,21,0),MOD($C5487,24)+1)/SUM(INDEX($D$3:$AA$30,INDEX(Jesper!$R$2:$R$366,ROW(INDEX(Jesper!AK$2:AK$366,ROUNDDOWN($C5487/24,0)+1,1))-1)+IF('Standard Profiles'!$G$21=$B$10,7,0)+IF('Standard Profiles'!$G$21=$B$17,14,0)+IF('Standard Profiles'!$G$21=$B$24,21,0),0)),0)</f>
        <v>0</v>
      </c>
      <c r="H5487" cm="1">
        <f t="array" ref="H5487">IFERROR(INDEX(Jesper!AL$2:AL$366,ROUNDDOWN($C5487/24,0)+1,1)*INDEX($D$3:$AA$30,INDEX(Jesper!$R$2:$R$366,ROW(INDEX(Jesper!AL$2:AL$366,ROUNDDOWN($C5487/24,0)+1,1))-1)+IF('Standard Profiles'!$G$22=$B$10,7,0)+IF('Standard Profiles'!$G$22=$B$17,14,0)+IF('Standard Profiles'!$G$22=$B$24,21,0),MOD($C5487,24)+1)/SUM(INDEX($D$3:$AA$30,INDEX(Jesper!$R$2:$R$366,ROW(INDEX(Jesper!AL$2:AL$366,ROUNDDOWN($C5487/24,0)+1,1))-1)+IF('Standard Profiles'!$G$22=$B$10,7,0)+IF('Standard Profiles'!$G$22=$B$17,14,0)+IF('Standard Profiles'!$G$22=$B$24,21,0),0)),0)</f>
        <v>0</v>
      </c>
      <c r="I5487">
        <f t="shared" si="615"/>
        <v>0</v>
      </c>
      <c r="J5487">
        <f t="shared" si="616"/>
        <v>6.2150177719189994</v>
      </c>
      <c r="K5487">
        <f t="shared" si="617"/>
        <v>0.5488648909428514</v>
      </c>
      <c r="L5487">
        <f t="shared" si="618"/>
        <v>0.2744324454714257</v>
      </c>
      <c r="M5487">
        <f t="shared" si="619"/>
        <v>0</v>
      </c>
      <c r="N5487" s="45">
        <f t="shared" si="620"/>
        <v>45154.208333320108</v>
      </c>
    </row>
    <row r="5488" spans="2:14" x14ac:dyDescent="0.25">
      <c r="B5488">
        <f t="shared" si="614"/>
        <v>3</v>
      </c>
      <c r="C5488" s="16">
        <v>5454</v>
      </c>
      <c r="D5488" cm="1">
        <f t="array" ref="D5488">IFERROR(INDEX(Jesper!AH$2:AH$366,ROUNDDOWN($C5488/24,0)+1,1)*INDEX($D$3:$AA$30,INDEX(Jesper!$R$2:$R$366,ROW(INDEX(Jesper!AH$2:AH$366,ROUNDDOWN($C5488/24,0)+1,1))-1)+IF('Standard Profiles'!$G$18=$B$10,7,0)+IF('Standard Profiles'!$G$18=$B$17,14,0)+IF('Standard Profiles'!$G$18=$B$24,21,0),MOD($C5488,24)+1)/SUM(INDEX($D$3:$AA$30,INDEX(Jesper!$R$2:$R$366,ROW(INDEX(Jesper!AH$2:AH$366,ROUNDDOWN($C5488/24,0)+1,1))-1)+IF('Standard Profiles'!$G$18=$B$10,7,0)+IF('Standard Profiles'!$G$18=$B$17,14,0)+IF('Standard Profiles'!$G$18=$B$24,21,0),0)),0)</f>
        <v>5.1456083525892318</v>
      </c>
      <c r="E5488" cm="1">
        <f t="array" ref="E5488">IFERROR(INDEX(Jesper!AI$2:AI$366,ROUNDDOWN($C5488/24,0)+1,1)*INDEX($D$3:$AA$30,INDEX(Jesper!$R$2:$R$366,ROW(INDEX(Jesper!AI$2:AI$366,ROUNDDOWN($C5488/24,0)+1,1))-1)+IF('Standard Profiles'!$G$19=$B$10,7,0)+IF('Standard Profiles'!$G$19=$B$17,14,0)+IF('Standard Profiles'!$G$19=$B$24,21,0),MOD($C5488,24)+1)/SUM(INDEX($D$3:$AA$30,INDEX(Jesper!$R$2:$R$366,ROW(INDEX(Jesper!AI$2:AI$366,ROUNDDOWN($C5488/24,0)+1,1))-1)+IF('Standard Profiles'!$G$19=$B$10,7,0)+IF('Standard Profiles'!$G$19=$B$17,14,0)+IF('Standard Profiles'!$G$19=$B$24,21,0),0)),0)</f>
        <v>1.8927067557440445</v>
      </c>
      <c r="F5488" cm="1">
        <f t="array" ref="F5488">IFERROR(INDEX(Jesper!AJ$2:AJ$366,ROUNDDOWN($C5488/24,0)+1,1)*INDEX($D$3:$AA$30,INDEX(Jesper!$R$2:$R$366,ROW(INDEX(Jesper!AJ$2:AJ$366,ROUNDDOWN($C5488/24,0)+1,1))-1)+IF('Standard Profiles'!$G$20=$B$10,7,0)+IF('Standard Profiles'!$G$20=$B$17,14,0)+IF('Standard Profiles'!$G$20=$B$24,21,0),MOD($C5488,24)+1)/SUM(INDEX($D$3:$AA$30,INDEX(Jesper!$R$2:$R$366,ROW(INDEX(Jesper!AJ$2:AJ$366,ROUNDDOWN($C5488/24,0)+1,1))-1)+IF('Standard Profiles'!$G$20=$B$10,7,0)+IF('Standard Profiles'!$G$20=$B$17,14,0)+IF('Standard Profiles'!$G$20=$B$24,21,0),0)),0)</f>
        <v>0</v>
      </c>
      <c r="G5488" cm="1">
        <f t="array" ref="G5488">IFERROR(INDEX(Jesper!AK$2:AK$366,ROUNDDOWN($C5488/24,0)+1,1)*INDEX($D$3:$AA$30,INDEX(Jesper!$R$2:$R$366,ROW(INDEX(Jesper!AK$2:AK$366,ROUNDDOWN($C5488/24,0)+1,1))-1)+IF('Standard Profiles'!$G$21=$B$10,7,0)+IF('Standard Profiles'!$G$21=$B$17,14,0)+IF('Standard Profiles'!$G$21=$B$24,21,0),MOD($C5488,24)+1)/SUM(INDEX($D$3:$AA$30,INDEX(Jesper!$R$2:$R$366,ROW(INDEX(Jesper!AK$2:AK$366,ROUNDDOWN($C5488/24,0)+1,1))-1)+IF('Standard Profiles'!$G$21=$B$10,7,0)+IF('Standard Profiles'!$G$21=$B$17,14,0)+IF('Standard Profiles'!$G$21=$B$24,21,0),0)),0)</f>
        <v>0</v>
      </c>
      <c r="H5488" cm="1">
        <f t="array" ref="H5488">IFERROR(INDEX(Jesper!AL$2:AL$366,ROUNDDOWN($C5488/24,0)+1,1)*INDEX($D$3:$AA$30,INDEX(Jesper!$R$2:$R$366,ROW(INDEX(Jesper!AL$2:AL$366,ROUNDDOWN($C5488/24,0)+1,1))-1)+IF('Standard Profiles'!$G$22=$B$10,7,0)+IF('Standard Profiles'!$G$22=$B$17,14,0)+IF('Standard Profiles'!$G$22=$B$24,21,0),MOD($C5488,24)+1)/SUM(INDEX($D$3:$AA$30,INDEX(Jesper!$R$2:$R$366,ROW(INDEX(Jesper!AL$2:AL$366,ROUNDDOWN($C5488/24,0)+1,1))-1)+IF('Standard Profiles'!$G$22=$B$10,7,0)+IF('Standard Profiles'!$G$22=$B$17,14,0)+IF('Standard Profiles'!$G$22=$B$24,21,0),0)),0)</f>
        <v>0</v>
      </c>
      <c r="I5488">
        <f t="shared" si="615"/>
        <v>0</v>
      </c>
      <c r="J5488">
        <f t="shared" si="616"/>
        <v>6.2150177719189994</v>
      </c>
      <c r="K5488">
        <f t="shared" si="617"/>
        <v>0.5488648909428514</v>
      </c>
      <c r="L5488">
        <f t="shared" si="618"/>
        <v>0.2744324454714257</v>
      </c>
      <c r="M5488">
        <f t="shared" si="619"/>
        <v>0</v>
      </c>
      <c r="N5488" s="45">
        <f t="shared" si="620"/>
        <v>45154.249999986772</v>
      </c>
    </row>
    <row r="5489" spans="2:14" x14ac:dyDescent="0.25">
      <c r="B5489">
        <f t="shared" si="614"/>
        <v>3</v>
      </c>
      <c r="C5489" s="16">
        <v>5455</v>
      </c>
      <c r="D5489" cm="1">
        <f t="array" ref="D5489">IFERROR(INDEX(Jesper!AH$2:AH$366,ROUNDDOWN($C5489/24,0)+1,1)*INDEX($D$3:$AA$30,INDEX(Jesper!$R$2:$R$366,ROW(INDEX(Jesper!AH$2:AH$366,ROUNDDOWN($C5489/24,0)+1,1))-1)+IF('Standard Profiles'!$G$18=$B$10,7,0)+IF('Standard Profiles'!$G$18=$B$17,14,0)+IF('Standard Profiles'!$G$18=$B$24,21,0),MOD($C5489,24)+1)/SUM(INDEX($D$3:$AA$30,INDEX(Jesper!$R$2:$R$366,ROW(INDEX(Jesper!AH$2:AH$366,ROUNDDOWN($C5489/24,0)+1,1))-1)+IF('Standard Profiles'!$G$18=$B$10,7,0)+IF('Standard Profiles'!$G$18=$B$17,14,0)+IF('Standard Profiles'!$G$18=$B$24,21,0),0)),0)</f>
        <v>21.034623235281433</v>
      </c>
      <c r="E5489" cm="1">
        <f t="array" ref="E5489">IFERROR(INDEX(Jesper!AI$2:AI$366,ROUNDDOWN($C5489/24,0)+1,1)*INDEX($D$3:$AA$30,INDEX(Jesper!$R$2:$R$366,ROW(INDEX(Jesper!AI$2:AI$366,ROUNDDOWN($C5489/24,0)+1,1))-1)+IF('Standard Profiles'!$G$19=$B$10,7,0)+IF('Standard Profiles'!$G$19=$B$17,14,0)+IF('Standard Profiles'!$G$19=$B$24,21,0),MOD($C5489,24)+1)/SUM(INDEX($D$3:$AA$30,INDEX(Jesper!$R$2:$R$366,ROW(INDEX(Jesper!AI$2:AI$366,ROUNDDOWN($C5489/24,0)+1,1))-1)+IF('Standard Profiles'!$G$19=$B$10,7,0)+IF('Standard Profiles'!$G$19=$B$17,14,0)+IF('Standard Profiles'!$G$19=$B$24,21,0),0)),0)</f>
        <v>7.7371557984809565</v>
      </c>
      <c r="F5489" cm="1">
        <f t="array" ref="F5489">IFERROR(INDEX(Jesper!AJ$2:AJ$366,ROUNDDOWN($C5489/24,0)+1,1)*INDEX($D$3:$AA$30,INDEX(Jesper!$R$2:$R$366,ROW(INDEX(Jesper!AJ$2:AJ$366,ROUNDDOWN($C5489/24,0)+1,1))-1)+IF('Standard Profiles'!$G$20=$B$10,7,0)+IF('Standard Profiles'!$G$20=$B$17,14,0)+IF('Standard Profiles'!$G$20=$B$24,21,0),MOD($C5489,24)+1)/SUM(INDEX($D$3:$AA$30,INDEX(Jesper!$R$2:$R$366,ROW(INDEX(Jesper!AJ$2:AJ$366,ROUNDDOWN($C5489/24,0)+1,1))-1)+IF('Standard Profiles'!$G$20=$B$10,7,0)+IF('Standard Profiles'!$G$20=$B$17,14,0)+IF('Standard Profiles'!$G$20=$B$24,21,0),0)),0)</f>
        <v>0</v>
      </c>
      <c r="G5489" cm="1">
        <f t="array" ref="G5489">IFERROR(INDEX(Jesper!AK$2:AK$366,ROUNDDOWN($C5489/24,0)+1,1)*INDEX($D$3:$AA$30,INDEX(Jesper!$R$2:$R$366,ROW(INDEX(Jesper!AK$2:AK$366,ROUNDDOWN($C5489/24,0)+1,1))-1)+IF('Standard Profiles'!$G$21=$B$10,7,0)+IF('Standard Profiles'!$G$21=$B$17,14,0)+IF('Standard Profiles'!$G$21=$B$24,21,0),MOD($C5489,24)+1)/SUM(INDEX($D$3:$AA$30,INDEX(Jesper!$R$2:$R$366,ROW(INDEX(Jesper!AK$2:AK$366,ROUNDDOWN($C5489/24,0)+1,1))-1)+IF('Standard Profiles'!$G$21=$B$10,7,0)+IF('Standard Profiles'!$G$21=$B$17,14,0)+IF('Standard Profiles'!$G$21=$B$24,21,0),0)),0)</f>
        <v>0</v>
      </c>
      <c r="H5489" cm="1">
        <f t="array" ref="H5489">IFERROR(INDEX(Jesper!AL$2:AL$366,ROUNDDOWN($C5489/24,0)+1,1)*INDEX($D$3:$AA$30,INDEX(Jesper!$R$2:$R$366,ROW(INDEX(Jesper!AL$2:AL$366,ROUNDDOWN($C5489/24,0)+1,1))-1)+IF('Standard Profiles'!$G$22=$B$10,7,0)+IF('Standard Profiles'!$G$22=$B$17,14,0)+IF('Standard Profiles'!$G$22=$B$24,21,0),MOD($C5489,24)+1)/SUM(INDEX($D$3:$AA$30,INDEX(Jesper!$R$2:$R$366,ROW(INDEX(Jesper!AL$2:AL$366,ROUNDDOWN($C5489/24,0)+1,1))-1)+IF('Standard Profiles'!$G$22=$B$10,7,0)+IF('Standard Profiles'!$G$22=$B$17,14,0)+IF('Standard Profiles'!$G$22=$B$24,21,0),0)),0)</f>
        <v>0</v>
      </c>
      <c r="I5489">
        <f t="shared" si="615"/>
        <v>0</v>
      </c>
      <c r="J5489">
        <f t="shared" si="616"/>
        <v>25.406239316117357</v>
      </c>
      <c r="K5489">
        <f t="shared" si="617"/>
        <v>2.2436931450966862</v>
      </c>
      <c r="L5489">
        <f t="shared" si="618"/>
        <v>1.1218465725483431</v>
      </c>
      <c r="M5489">
        <f t="shared" si="619"/>
        <v>0</v>
      </c>
      <c r="N5489" s="45">
        <f t="shared" si="620"/>
        <v>45154.291666653437</v>
      </c>
    </row>
    <row r="5490" spans="2:14" x14ac:dyDescent="0.25">
      <c r="B5490">
        <f t="shared" si="614"/>
        <v>3</v>
      </c>
      <c r="C5490" s="16">
        <v>5456</v>
      </c>
      <c r="D5490" cm="1">
        <f t="array" ref="D5490">IFERROR(INDEX(Jesper!AH$2:AH$366,ROUNDDOWN($C5490/24,0)+1,1)*INDEX($D$3:$AA$30,INDEX(Jesper!$R$2:$R$366,ROW(INDEX(Jesper!AH$2:AH$366,ROUNDDOWN($C5490/24,0)+1,1))-1)+IF('Standard Profiles'!$G$18=$B$10,7,0)+IF('Standard Profiles'!$G$18=$B$17,14,0)+IF('Standard Profiles'!$G$18=$B$24,21,0),MOD($C5490,24)+1)/SUM(INDEX($D$3:$AA$30,INDEX(Jesper!$R$2:$R$366,ROW(INDEX(Jesper!AH$2:AH$366,ROUNDDOWN($C5490/24,0)+1,1))-1)+IF('Standard Profiles'!$G$18=$B$10,7,0)+IF('Standard Profiles'!$G$18=$B$17,14,0)+IF('Standard Profiles'!$G$18=$B$24,21,0),0)),0)</f>
        <v>23.470211188840338</v>
      </c>
      <c r="E5490" cm="1">
        <f t="array" ref="E5490">IFERROR(INDEX(Jesper!AI$2:AI$366,ROUNDDOWN($C5490/24,0)+1,1)*INDEX($D$3:$AA$30,INDEX(Jesper!$R$2:$R$366,ROW(INDEX(Jesper!AI$2:AI$366,ROUNDDOWN($C5490/24,0)+1,1))-1)+IF('Standard Profiles'!$G$19=$B$10,7,0)+IF('Standard Profiles'!$G$19=$B$17,14,0)+IF('Standard Profiles'!$G$19=$B$24,21,0),MOD($C5490,24)+1)/SUM(INDEX($D$3:$AA$30,INDEX(Jesper!$R$2:$R$366,ROW(INDEX(Jesper!AI$2:AI$366,ROUNDDOWN($C5490/24,0)+1,1))-1)+IF('Standard Profiles'!$G$19=$B$10,7,0)+IF('Standard Profiles'!$G$19=$B$17,14,0)+IF('Standard Profiles'!$G$19=$B$24,21,0),0)),0)</f>
        <v>8.6330369961998041</v>
      </c>
      <c r="F5490" cm="1">
        <f t="array" ref="F5490">IFERROR(INDEX(Jesper!AJ$2:AJ$366,ROUNDDOWN($C5490/24,0)+1,1)*INDEX($D$3:$AA$30,INDEX(Jesper!$R$2:$R$366,ROW(INDEX(Jesper!AJ$2:AJ$366,ROUNDDOWN($C5490/24,0)+1,1))-1)+IF('Standard Profiles'!$G$20=$B$10,7,0)+IF('Standard Profiles'!$G$20=$B$17,14,0)+IF('Standard Profiles'!$G$20=$B$24,21,0),MOD($C5490,24)+1)/SUM(INDEX($D$3:$AA$30,INDEX(Jesper!$R$2:$R$366,ROW(INDEX(Jesper!AJ$2:AJ$366,ROUNDDOWN($C5490/24,0)+1,1))-1)+IF('Standard Profiles'!$G$20=$B$10,7,0)+IF('Standard Profiles'!$G$20=$B$17,14,0)+IF('Standard Profiles'!$G$20=$B$24,21,0),0)),0)</f>
        <v>0</v>
      </c>
      <c r="G5490" cm="1">
        <f t="array" ref="G5490">IFERROR(INDEX(Jesper!AK$2:AK$366,ROUNDDOWN($C5490/24,0)+1,1)*INDEX($D$3:$AA$30,INDEX(Jesper!$R$2:$R$366,ROW(INDEX(Jesper!AK$2:AK$366,ROUNDDOWN($C5490/24,0)+1,1))-1)+IF('Standard Profiles'!$G$21=$B$10,7,0)+IF('Standard Profiles'!$G$21=$B$17,14,0)+IF('Standard Profiles'!$G$21=$B$24,21,0),MOD($C5490,24)+1)/SUM(INDEX($D$3:$AA$30,INDEX(Jesper!$R$2:$R$366,ROW(INDEX(Jesper!AK$2:AK$366,ROUNDDOWN($C5490/24,0)+1,1))-1)+IF('Standard Profiles'!$G$21=$B$10,7,0)+IF('Standard Profiles'!$G$21=$B$17,14,0)+IF('Standard Profiles'!$G$21=$B$24,21,0),0)),0)</f>
        <v>0</v>
      </c>
      <c r="H5490" cm="1">
        <f t="array" ref="H5490">IFERROR(INDEX(Jesper!AL$2:AL$366,ROUNDDOWN($C5490/24,0)+1,1)*INDEX($D$3:$AA$30,INDEX(Jesper!$R$2:$R$366,ROW(INDEX(Jesper!AL$2:AL$366,ROUNDDOWN($C5490/24,0)+1,1))-1)+IF('Standard Profiles'!$G$22=$B$10,7,0)+IF('Standard Profiles'!$G$22=$B$17,14,0)+IF('Standard Profiles'!$G$22=$B$24,21,0),MOD($C5490,24)+1)/SUM(INDEX($D$3:$AA$30,INDEX(Jesper!$R$2:$R$366,ROW(INDEX(Jesper!AL$2:AL$366,ROUNDDOWN($C5490/24,0)+1,1))-1)+IF('Standard Profiles'!$G$22=$B$10,7,0)+IF('Standard Profiles'!$G$22=$B$17,14,0)+IF('Standard Profiles'!$G$22=$B$24,21,0),0)),0)</f>
        <v>0</v>
      </c>
      <c r="I5490">
        <f t="shared" si="615"/>
        <v>0</v>
      </c>
      <c r="J5490">
        <f t="shared" si="616"/>
        <v>28.34801439482569</v>
      </c>
      <c r="K5490">
        <f t="shared" si="617"/>
        <v>2.5034891934763031</v>
      </c>
      <c r="L5490">
        <f t="shared" si="618"/>
        <v>1.2517445967381515</v>
      </c>
      <c r="M5490">
        <f t="shared" si="619"/>
        <v>0</v>
      </c>
      <c r="N5490" s="45">
        <f t="shared" si="620"/>
        <v>45154.333333320101</v>
      </c>
    </row>
    <row r="5491" spans="2:14" x14ac:dyDescent="0.25">
      <c r="B5491">
        <f t="shared" si="614"/>
        <v>3</v>
      </c>
      <c r="C5491" s="16">
        <v>5457</v>
      </c>
      <c r="D5491" cm="1">
        <f t="array" ref="D5491">IFERROR(INDEX(Jesper!AH$2:AH$366,ROUNDDOWN($C5491/24,0)+1,1)*INDEX($D$3:$AA$30,INDEX(Jesper!$R$2:$R$366,ROW(INDEX(Jesper!AH$2:AH$366,ROUNDDOWN($C5491/24,0)+1,1))-1)+IF('Standard Profiles'!$G$18=$B$10,7,0)+IF('Standard Profiles'!$G$18=$B$17,14,0)+IF('Standard Profiles'!$G$18=$B$24,21,0),MOD($C5491,24)+1)/SUM(INDEX($D$3:$AA$30,INDEX(Jesper!$R$2:$R$366,ROW(INDEX(Jesper!AH$2:AH$366,ROUNDDOWN($C5491/24,0)+1,1))-1)+IF('Standard Profiles'!$G$18=$B$10,7,0)+IF('Standard Profiles'!$G$18=$B$17,14,0)+IF('Standard Profiles'!$G$18=$B$24,21,0),0)),0)</f>
        <v>25.905799142399243</v>
      </c>
      <c r="E5491" cm="1">
        <f t="array" ref="E5491">IFERROR(INDEX(Jesper!AI$2:AI$366,ROUNDDOWN($C5491/24,0)+1,1)*INDEX($D$3:$AA$30,INDEX(Jesper!$R$2:$R$366,ROW(INDEX(Jesper!AI$2:AI$366,ROUNDDOWN($C5491/24,0)+1,1))-1)+IF('Standard Profiles'!$G$19=$B$10,7,0)+IF('Standard Profiles'!$G$19=$B$17,14,0)+IF('Standard Profiles'!$G$19=$B$24,21,0),MOD($C5491,24)+1)/SUM(INDEX($D$3:$AA$30,INDEX(Jesper!$R$2:$R$366,ROW(INDEX(Jesper!AI$2:AI$366,ROUNDDOWN($C5491/24,0)+1,1))-1)+IF('Standard Profiles'!$G$19=$B$10,7,0)+IF('Standard Profiles'!$G$19=$B$17,14,0)+IF('Standard Profiles'!$G$19=$B$24,21,0),0)),0)</f>
        <v>9.5289181939186545</v>
      </c>
      <c r="F5491" cm="1">
        <f t="array" ref="F5491">IFERROR(INDEX(Jesper!AJ$2:AJ$366,ROUNDDOWN($C5491/24,0)+1,1)*INDEX($D$3:$AA$30,INDEX(Jesper!$R$2:$R$366,ROW(INDEX(Jesper!AJ$2:AJ$366,ROUNDDOWN($C5491/24,0)+1,1))-1)+IF('Standard Profiles'!$G$20=$B$10,7,0)+IF('Standard Profiles'!$G$20=$B$17,14,0)+IF('Standard Profiles'!$G$20=$B$24,21,0),MOD($C5491,24)+1)/SUM(INDEX($D$3:$AA$30,INDEX(Jesper!$R$2:$R$366,ROW(INDEX(Jesper!AJ$2:AJ$366,ROUNDDOWN($C5491/24,0)+1,1))-1)+IF('Standard Profiles'!$G$20=$B$10,7,0)+IF('Standard Profiles'!$G$20=$B$17,14,0)+IF('Standard Profiles'!$G$20=$B$24,21,0),0)),0)</f>
        <v>0</v>
      </c>
      <c r="G5491" cm="1">
        <f t="array" ref="G5491">IFERROR(INDEX(Jesper!AK$2:AK$366,ROUNDDOWN($C5491/24,0)+1,1)*INDEX($D$3:$AA$30,INDEX(Jesper!$R$2:$R$366,ROW(INDEX(Jesper!AK$2:AK$366,ROUNDDOWN($C5491/24,0)+1,1))-1)+IF('Standard Profiles'!$G$21=$B$10,7,0)+IF('Standard Profiles'!$G$21=$B$17,14,0)+IF('Standard Profiles'!$G$21=$B$24,21,0),MOD($C5491,24)+1)/SUM(INDEX($D$3:$AA$30,INDEX(Jesper!$R$2:$R$366,ROW(INDEX(Jesper!AK$2:AK$366,ROUNDDOWN($C5491/24,0)+1,1))-1)+IF('Standard Profiles'!$G$21=$B$10,7,0)+IF('Standard Profiles'!$G$21=$B$17,14,0)+IF('Standard Profiles'!$G$21=$B$24,21,0),0)),0)</f>
        <v>0</v>
      </c>
      <c r="H5491" cm="1">
        <f t="array" ref="H5491">IFERROR(INDEX(Jesper!AL$2:AL$366,ROUNDDOWN($C5491/24,0)+1,1)*INDEX($D$3:$AA$30,INDEX(Jesper!$R$2:$R$366,ROW(INDEX(Jesper!AL$2:AL$366,ROUNDDOWN($C5491/24,0)+1,1))-1)+IF('Standard Profiles'!$G$22=$B$10,7,0)+IF('Standard Profiles'!$G$22=$B$17,14,0)+IF('Standard Profiles'!$G$22=$B$24,21,0),MOD($C5491,24)+1)/SUM(INDEX($D$3:$AA$30,INDEX(Jesper!$R$2:$R$366,ROW(INDEX(Jesper!AL$2:AL$366,ROUNDDOWN($C5491/24,0)+1,1))-1)+IF('Standard Profiles'!$G$22=$B$10,7,0)+IF('Standard Profiles'!$G$22=$B$17,14,0)+IF('Standard Profiles'!$G$22=$B$24,21,0),0)),0)</f>
        <v>0</v>
      </c>
      <c r="I5491">
        <f t="shared" si="615"/>
        <v>0</v>
      </c>
      <c r="J5491">
        <f t="shared" si="616"/>
        <v>31.289789473534015</v>
      </c>
      <c r="K5491">
        <f t="shared" si="617"/>
        <v>2.7632852418559195</v>
      </c>
      <c r="L5491">
        <f t="shared" si="618"/>
        <v>1.3816426209279598</v>
      </c>
      <c r="M5491">
        <f t="shared" si="619"/>
        <v>0</v>
      </c>
      <c r="N5491" s="45">
        <f t="shared" si="620"/>
        <v>45154.374999986765</v>
      </c>
    </row>
    <row r="5492" spans="2:14" x14ac:dyDescent="0.25">
      <c r="B5492">
        <f t="shared" si="614"/>
        <v>3</v>
      </c>
      <c r="C5492" s="16">
        <v>5458</v>
      </c>
      <c r="D5492" cm="1">
        <f t="array" ref="D5492">IFERROR(INDEX(Jesper!AH$2:AH$366,ROUNDDOWN($C5492/24,0)+1,1)*INDEX($D$3:$AA$30,INDEX(Jesper!$R$2:$R$366,ROW(INDEX(Jesper!AH$2:AH$366,ROUNDDOWN($C5492/24,0)+1,1))-1)+IF('Standard Profiles'!$G$18=$B$10,7,0)+IF('Standard Profiles'!$G$18=$B$17,14,0)+IF('Standard Profiles'!$G$18=$B$24,21,0),MOD($C5492,24)+1)/SUM(INDEX($D$3:$AA$30,INDEX(Jesper!$R$2:$R$366,ROW(INDEX(Jesper!AH$2:AH$366,ROUNDDOWN($C5492/24,0)+1,1))-1)+IF('Standard Profiles'!$G$18=$B$10,7,0)+IF('Standard Profiles'!$G$18=$B$17,14,0)+IF('Standard Profiles'!$G$18=$B$24,21,0),0)),0)</f>
        <v>25.905799142399243</v>
      </c>
      <c r="E5492" cm="1">
        <f t="array" ref="E5492">IFERROR(INDEX(Jesper!AI$2:AI$366,ROUNDDOWN($C5492/24,0)+1,1)*INDEX($D$3:$AA$30,INDEX(Jesper!$R$2:$R$366,ROW(INDEX(Jesper!AI$2:AI$366,ROUNDDOWN($C5492/24,0)+1,1))-1)+IF('Standard Profiles'!$G$19=$B$10,7,0)+IF('Standard Profiles'!$G$19=$B$17,14,0)+IF('Standard Profiles'!$G$19=$B$24,21,0),MOD($C5492,24)+1)/SUM(INDEX($D$3:$AA$30,INDEX(Jesper!$R$2:$R$366,ROW(INDEX(Jesper!AI$2:AI$366,ROUNDDOWN($C5492/24,0)+1,1))-1)+IF('Standard Profiles'!$G$19=$B$10,7,0)+IF('Standard Profiles'!$G$19=$B$17,14,0)+IF('Standard Profiles'!$G$19=$B$24,21,0),0)),0)</f>
        <v>9.5289181939186545</v>
      </c>
      <c r="F5492" cm="1">
        <f t="array" ref="F5492">IFERROR(INDEX(Jesper!AJ$2:AJ$366,ROUNDDOWN($C5492/24,0)+1,1)*INDEX($D$3:$AA$30,INDEX(Jesper!$R$2:$R$366,ROW(INDEX(Jesper!AJ$2:AJ$366,ROUNDDOWN($C5492/24,0)+1,1))-1)+IF('Standard Profiles'!$G$20=$B$10,7,0)+IF('Standard Profiles'!$G$20=$B$17,14,0)+IF('Standard Profiles'!$G$20=$B$24,21,0),MOD($C5492,24)+1)/SUM(INDEX($D$3:$AA$30,INDEX(Jesper!$R$2:$R$366,ROW(INDEX(Jesper!AJ$2:AJ$366,ROUNDDOWN($C5492/24,0)+1,1))-1)+IF('Standard Profiles'!$G$20=$B$10,7,0)+IF('Standard Profiles'!$G$20=$B$17,14,0)+IF('Standard Profiles'!$G$20=$B$24,21,0),0)),0)</f>
        <v>0</v>
      </c>
      <c r="G5492" cm="1">
        <f t="array" ref="G5492">IFERROR(INDEX(Jesper!AK$2:AK$366,ROUNDDOWN($C5492/24,0)+1,1)*INDEX($D$3:$AA$30,INDEX(Jesper!$R$2:$R$366,ROW(INDEX(Jesper!AK$2:AK$366,ROUNDDOWN($C5492/24,0)+1,1))-1)+IF('Standard Profiles'!$G$21=$B$10,7,0)+IF('Standard Profiles'!$G$21=$B$17,14,0)+IF('Standard Profiles'!$G$21=$B$24,21,0),MOD($C5492,24)+1)/SUM(INDEX($D$3:$AA$30,INDEX(Jesper!$R$2:$R$366,ROW(INDEX(Jesper!AK$2:AK$366,ROUNDDOWN($C5492/24,0)+1,1))-1)+IF('Standard Profiles'!$G$21=$B$10,7,0)+IF('Standard Profiles'!$G$21=$B$17,14,0)+IF('Standard Profiles'!$G$21=$B$24,21,0),0)),0)</f>
        <v>0</v>
      </c>
      <c r="H5492" cm="1">
        <f t="array" ref="H5492">IFERROR(INDEX(Jesper!AL$2:AL$366,ROUNDDOWN($C5492/24,0)+1,1)*INDEX($D$3:$AA$30,INDEX(Jesper!$R$2:$R$366,ROW(INDEX(Jesper!AL$2:AL$366,ROUNDDOWN($C5492/24,0)+1,1))-1)+IF('Standard Profiles'!$G$22=$B$10,7,0)+IF('Standard Profiles'!$G$22=$B$17,14,0)+IF('Standard Profiles'!$G$22=$B$24,21,0),MOD($C5492,24)+1)/SUM(INDEX($D$3:$AA$30,INDEX(Jesper!$R$2:$R$366,ROW(INDEX(Jesper!AL$2:AL$366,ROUNDDOWN($C5492/24,0)+1,1))-1)+IF('Standard Profiles'!$G$22=$B$10,7,0)+IF('Standard Profiles'!$G$22=$B$17,14,0)+IF('Standard Profiles'!$G$22=$B$24,21,0),0)),0)</f>
        <v>0</v>
      </c>
      <c r="I5492">
        <f t="shared" si="615"/>
        <v>0</v>
      </c>
      <c r="J5492">
        <f t="shared" si="616"/>
        <v>31.289789473534015</v>
      </c>
      <c r="K5492">
        <f t="shared" si="617"/>
        <v>2.7632852418559195</v>
      </c>
      <c r="L5492">
        <f t="shared" si="618"/>
        <v>1.3816426209279598</v>
      </c>
      <c r="M5492">
        <f t="shared" si="619"/>
        <v>0</v>
      </c>
      <c r="N5492" s="45">
        <f t="shared" si="620"/>
        <v>45154.416666653429</v>
      </c>
    </row>
    <row r="5493" spans="2:14" x14ac:dyDescent="0.25">
      <c r="B5493">
        <f t="shared" si="614"/>
        <v>3</v>
      </c>
      <c r="C5493" s="16">
        <v>5459</v>
      </c>
      <c r="D5493" cm="1">
        <f t="array" ref="D5493">IFERROR(INDEX(Jesper!AH$2:AH$366,ROUNDDOWN($C5493/24,0)+1,1)*INDEX($D$3:$AA$30,INDEX(Jesper!$R$2:$R$366,ROW(INDEX(Jesper!AH$2:AH$366,ROUNDDOWN($C5493/24,0)+1,1))-1)+IF('Standard Profiles'!$G$18=$B$10,7,0)+IF('Standard Profiles'!$G$18=$B$17,14,0)+IF('Standard Profiles'!$G$18=$B$24,21,0),MOD($C5493,24)+1)/SUM(INDEX($D$3:$AA$30,INDEX(Jesper!$R$2:$R$366,ROW(INDEX(Jesper!AH$2:AH$366,ROUNDDOWN($C5493/24,0)+1,1))-1)+IF('Standard Profiles'!$G$18=$B$10,7,0)+IF('Standard Profiles'!$G$18=$B$17,14,0)+IF('Standard Profiles'!$G$18=$B$24,21,0),0)),0)</f>
        <v>30.998392136204213</v>
      </c>
      <c r="E5493" cm="1">
        <f t="array" ref="E5493">IFERROR(INDEX(Jesper!AI$2:AI$366,ROUNDDOWN($C5493/24,0)+1,1)*INDEX($D$3:$AA$30,INDEX(Jesper!$R$2:$R$366,ROW(INDEX(Jesper!AI$2:AI$366,ROUNDDOWN($C5493/24,0)+1,1))-1)+IF('Standard Profiles'!$G$19=$B$10,7,0)+IF('Standard Profiles'!$G$19=$B$17,14,0)+IF('Standard Profiles'!$G$19=$B$24,21,0),MOD($C5493,24)+1)/SUM(INDEX($D$3:$AA$30,INDEX(Jesper!$R$2:$R$366,ROW(INDEX(Jesper!AI$2:AI$366,ROUNDDOWN($C5493/24,0)+1,1))-1)+IF('Standard Profiles'!$G$19=$B$10,7,0)+IF('Standard Profiles'!$G$19=$B$17,14,0)+IF('Standard Profiles'!$G$19=$B$24,21,0),0)),0)</f>
        <v>11.402124334603515</v>
      </c>
      <c r="F5493" cm="1">
        <f t="array" ref="F5493">IFERROR(INDEX(Jesper!AJ$2:AJ$366,ROUNDDOWN($C5493/24,0)+1,1)*INDEX($D$3:$AA$30,INDEX(Jesper!$R$2:$R$366,ROW(INDEX(Jesper!AJ$2:AJ$366,ROUNDDOWN($C5493/24,0)+1,1))-1)+IF('Standard Profiles'!$G$20=$B$10,7,0)+IF('Standard Profiles'!$G$20=$B$17,14,0)+IF('Standard Profiles'!$G$20=$B$24,21,0),MOD($C5493,24)+1)/SUM(INDEX($D$3:$AA$30,INDEX(Jesper!$R$2:$R$366,ROW(INDEX(Jesper!AJ$2:AJ$366,ROUNDDOWN($C5493/24,0)+1,1))-1)+IF('Standard Profiles'!$G$20=$B$10,7,0)+IF('Standard Profiles'!$G$20=$B$17,14,0)+IF('Standard Profiles'!$G$20=$B$24,21,0),0)),0)</f>
        <v>0</v>
      </c>
      <c r="G5493" cm="1">
        <f t="array" ref="G5493">IFERROR(INDEX(Jesper!AK$2:AK$366,ROUNDDOWN($C5493/24,0)+1,1)*INDEX($D$3:$AA$30,INDEX(Jesper!$R$2:$R$366,ROW(INDEX(Jesper!AK$2:AK$366,ROUNDDOWN($C5493/24,0)+1,1))-1)+IF('Standard Profiles'!$G$21=$B$10,7,0)+IF('Standard Profiles'!$G$21=$B$17,14,0)+IF('Standard Profiles'!$G$21=$B$24,21,0),MOD($C5493,24)+1)/SUM(INDEX($D$3:$AA$30,INDEX(Jesper!$R$2:$R$366,ROW(INDEX(Jesper!AK$2:AK$366,ROUNDDOWN($C5493/24,0)+1,1))-1)+IF('Standard Profiles'!$G$21=$B$10,7,0)+IF('Standard Profiles'!$G$21=$B$17,14,0)+IF('Standard Profiles'!$G$21=$B$24,21,0),0)),0)</f>
        <v>0</v>
      </c>
      <c r="H5493" cm="1">
        <f t="array" ref="H5493">IFERROR(INDEX(Jesper!AL$2:AL$366,ROUNDDOWN($C5493/24,0)+1,1)*INDEX($D$3:$AA$30,INDEX(Jesper!$R$2:$R$366,ROW(INDEX(Jesper!AL$2:AL$366,ROUNDDOWN($C5493/24,0)+1,1))-1)+IF('Standard Profiles'!$G$22=$B$10,7,0)+IF('Standard Profiles'!$G$22=$B$17,14,0)+IF('Standard Profiles'!$G$22=$B$24,21,0),MOD($C5493,24)+1)/SUM(INDEX($D$3:$AA$30,INDEX(Jesper!$R$2:$R$366,ROW(INDEX(Jesper!AL$2:AL$366,ROUNDDOWN($C5493/24,0)+1,1))-1)+IF('Standard Profiles'!$G$22=$B$10,7,0)+IF('Standard Profiles'!$G$22=$B$17,14,0)+IF('Standard Profiles'!$G$22=$B$24,21,0),0)),0)</f>
        <v>0</v>
      </c>
      <c r="I5493">
        <f t="shared" si="615"/>
        <v>0</v>
      </c>
      <c r="J5493">
        <f t="shared" si="616"/>
        <v>37.440773729015056</v>
      </c>
      <c r="K5493">
        <f t="shared" si="617"/>
        <v>3.3064951611951163</v>
      </c>
      <c r="L5493">
        <f t="shared" si="618"/>
        <v>1.6532475805975582</v>
      </c>
      <c r="M5493">
        <f t="shared" si="619"/>
        <v>0</v>
      </c>
      <c r="N5493" s="45">
        <f t="shared" si="620"/>
        <v>45154.458333320094</v>
      </c>
    </row>
    <row r="5494" spans="2:14" x14ac:dyDescent="0.25">
      <c r="B5494">
        <f t="shared" si="614"/>
        <v>3</v>
      </c>
      <c r="C5494" s="16">
        <v>5460</v>
      </c>
      <c r="D5494" cm="1">
        <f t="array" ref="D5494">IFERROR(INDEX(Jesper!AH$2:AH$366,ROUNDDOWN($C5494/24,0)+1,1)*INDEX($D$3:$AA$30,INDEX(Jesper!$R$2:$R$366,ROW(INDEX(Jesper!AH$2:AH$366,ROUNDDOWN($C5494/24,0)+1,1))-1)+IF('Standard Profiles'!$G$18=$B$10,7,0)+IF('Standard Profiles'!$G$18=$B$17,14,0)+IF('Standard Profiles'!$G$18=$B$24,21,0),MOD($C5494,24)+1)/SUM(INDEX($D$3:$AA$30,INDEX(Jesper!$R$2:$R$366,ROW(INDEX(Jesper!AH$2:AH$366,ROUNDDOWN($C5494/24,0)+1,1))-1)+IF('Standard Profiles'!$G$18=$B$10,7,0)+IF('Standard Profiles'!$G$18=$B$17,14,0)+IF('Standard Profiles'!$G$18=$B$24,21,0),0)),0)</f>
        <v>30.998392136204213</v>
      </c>
      <c r="E5494" cm="1">
        <f t="array" ref="E5494">IFERROR(INDEX(Jesper!AI$2:AI$366,ROUNDDOWN($C5494/24,0)+1,1)*INDEX($D$3:$AA$30,INDEX(Jesper!$R$2:$R$366,ROW(INDEX(Jesper!AI$2:AI$366,ROUNDDOWN($C5494/24,0)+1,1))-1)+IF('Standard Profiles'!$G$19=$B$10,7,0)+IF('Standard Profiles'!$G$19=$B$17,14,0)+IF('Standard Profiles'!$G$19=$B$24,21,0),MOD($C5494,24)+1)/SUM(INDEX($D$3:$AA$30,INDEX(Jesper!$R$2:$R$366,ROW(INDEX(Jesper!AI$2:AI$366,ROUNDDOWN($C5494/24,0)+1,1))-1)+IF('Standard Profiles'!$G$19=$B$10,7,0)+IF('Standard Profiles'!$G$19=$B$17,14,0)+IF('Standard Profiles'!$G$19=$B$24,21,0),0)),0)</f>
        <v>11.402124334603515</v>
      </c>
      <c r="F5494" cm="1">
        <f t="array" ref="F5494">IFERROR(INDEX(Jesper!AJ$2:AJ$366,ROUNDDOWN($C5494/24,0)+1,1)*INDEX($D$3:$AA$30,INDEX(Jesper!$R$2:$R$366,ROW(INDEX(Jesper!AJ$2:AJ$366,ROUNDDOWN($C5494/24,0)+1,1))-1)+IF('Standard Profiles'!$G$20=$B$10,7,0)+IF('Standard Profiles'!$G$20=$B$17,14,0)+IF('Standard Profiles'!$G$20=$B$24,21,0),MOD($C5494,24)+1)/SUM(INDEX($D$3:$AA$30,INDEX(Jesper!$R$2:$R$366,ROW(INDEX(Jesper!AJ$2:AJ$366,ROUNDDOWN($C5494/24,0)+1,1))-1)+IF('Standard Profiles'!$G$20=$B$10,7,0)+IF('Standard Profiles'!$G$20=$B$17,14,0)+IF('Standard Profiles'!$G$20=$B$24,21,0),0)),0)</f>
        <v>0</v>
      </c>
      <c r="G5494" cm="1">
        <f t="array" ref="G5494">IFERROR(INDEX(Jesper!AK$2:AK$366,ROUNDDOWN($C5494/24,0)+1,1)*INDEX($D$3:$AA$30,INDEX(Jesper!$R$2:$R$366,ROW(INDEX(Jesper!AK$2:AK$366,ROUNDDOWN($C5494/24,0)+1,1))-1)+IF('Standard Profiles'!$G$21=$B$10,7,0)+IF('Standard Profiles'!$G$21=$B$17,14,0)+IF('Standard Profiles'!$G$21=$B$24,21,0),MOD($C5494,24)+1)/SUM(INDEX($D$3:$AA$30,INDEX(Jesper!$R$2:$R$366,ROW(INDEX(Jesper!AK$2:AK$366,ROUNDDOWN($C5494/24,0)+1,1))-1)+IF('Standard Profiles'!$G$21=$B$10,7,0)+IF('Standard Profiles'!$G$21=$B$17,14,0)+IF('Standard Profiles'!$G$21=$B$24,21,0),0)),0)</f>
        <v>0</v>
      </c>
      <c r="H5494" cm="1">
        <f t="array" ref="H5494">IFERROR(INDEX(Jesper!AL$2:AL$366,ROUNDDOWN($C5494/24,0)+1,1)*INDEX($D$3:$AA$30,INDEX(Jesper!$R$2:$R$366,ROW(INDEX(Jesper!AL$2:AL$366,ROUNDDOWN($C5494/24,0)+1,1))-1)+IF('Standard Profiles'!$G$22=$B$10,7,0)+IF('Standard Profiles'!$G$22=$B$17,14,0)+IF('Standard Profiles'!$G$22=$B$24,21,0),MOD($C5494,24)+1)/SUM(INDEX($D$3:$AA$30,INDEX(Jesper!$R$2:$R$366,ROW(INDEX(Jesper!AL$2:AL$366,ROUNDDOWN($C5494/24,0)+1,1))-1)+IF('Standard Profiles'!$G$22=$B$10,7,0)+IF('Standard Profiles'!$G$22=$B$17,14,0)+IF('Standard Profiles'!$G$22=$B$24,21,0),0)),0)</f>
        <v>0</v>
      </c>
      <c r="I5494">
        <f t="shared" si="615"/>
        <v>0</v>
      </c>
      <c r="J5494">
        <f t="shared" si="616"/>
        <v>37.440773729015056</v>
      </c>
      <c r="K5494">
        <f t="shared" si="617"/>
        <v>3.3064951611951163</v>
      </c>
      <c r="L5494">
        <f t="shared" si="618"/>
        <v>1.6532475805975582</v>
      </c>
      <c r="M5494">
        <f t="shared" si="619"/>
        <v>0</v>
      </c>
      <c r="N5494" s="45">
        <f t="shared" si="620"/>
        <v>45154.499999986758</v>
      </c>
    </row>
    <row r="5495" spans="2:14" x14ac:dyDescent="0.25">
      <c r="B5495">
        <f t="shared" si="614"/>
        <v>3</v>
      </c>
      <c r="C5495" s="16">
        <v>5461</v>
      </c>
      <c r="D5495" cm="1">
        <f t="array" ref="D5495">IFERROR(INDEX(Jesper!AH$2:AH$366,ROUNDDOWN($C5495/24,0)+1,1)*INDEX($D$3:$AA$30,INDEX(Jesper!$R$2:$R$366,ROW(INDEX(Jesper!AH$2:AH$366,ROUNDDOWN($C5495/24,0)+1,1))-1)+IF('Standard Profiles'!$G$18=$B$10,7,0)+IF('Standard Profiles'!$G$18=$B$17,14,0)+IF('Standard Profiles'!$G$18=$B$24,21,0),MOD($C5495,24)+1)/SUM(INDEX($D$3:$AA$30,INDEX(Jesper!$R$2:$R$366,ROW(INDEX(Jesper!AH$2:AH$366,ROUNDDOWN($C5495/24,0)+1,1))-1)+IF('Standard Profiles'!$G$18=$B$10,7,0)+IF('Standard Profiles'!$G$18=$B$17,14,0)+IF('Standard Profiles'!$G$18=$B$24,21,0),0)),0)</f>
        <v>20.591789061907086</v>
      </c>
      <c r="E5495" cm="1">
        <f t="array" ref="E5495">IFERROR(INDEX(Jesper!AI$2:AI$366,ROUNDDOWN($C5495/24,0)+1,1)*INDEX($D$3:$AA$30,INDEX(Jesper!$R$2:$R$366,ROW(INDEX(Jesper!AI$2:AI$366,ROUNDDOWN($C5495/24,0)+1,1))-1)+IF('Standard Profiles'!$G$19=$B$10,7,0)+IF('Standard Profiles'!$G$19=$B$17,14,0)+IF('Standard Profiles'!$G$19=$B$24,21,0),MOD($C5495,24)+1)/SUM(INDEX($D$3:$AA$30,INDEX(Jesper!$R$2:$R$366,ROW(INDEX(Jesper!AI$2:AI$366,ROUNDDOWN($C5495/24,0)+1,1))-1)+IF('Standard Profiles'!$G$19=$B$10,7,0)+IF('Standard Profiles'!$G$19=$B$17,14,0)+IF('Standard Profiles'!$G$19=$B$24,21,0),0)),0)</f>
        <v>7.5742683079866202</v>
      </c>
      <c r="F5495" cm="1">
        <f t="array" ref="F5495">IFERROR(INDEX(Jesper!AJ$2:AJ$366,ROUNDDOWN($C5495/24,0)+1,1)*INDEX($D$3:$AA$30,INDEX(Jesper!$R$2:$R$366,ROW(INDEX(Jesper!AJ$2:AJ$366,ROUNDDOWN($C5495/24,0)+1,1))-1)+IF('Standard Profiles'!$G$20=$B$10,7,0)+IF('Standard Profiles'!$G$20=$B$17,14,0)+IF('Standard Profiles'!$G$20=$B$24,21,0),MOD($C5495,24)+1)/SUM(INDEX($D$3:$AA$30,INDEX(Jesper!$R$2:$R$366,ROW(INDEX(Jesper!AJ$2:AJ$366,ROUNDDOWN($C5495/24,0)+1,1))-1)+IF('Standard Profiles'!$G$20=$B$10,7,0)+IF('Standard Profiles'!$G$20=$B$17,14,0)+IF('Standard Profiles'!$G$20=$B$24,21,0),0)),0)</f>
        <v>0</v>
      </c>
      <c r="G5495" cm="1">
        <f t="array" ref="G5495">IFERROR(INDEX(Jesper!AK$2:AK$366,ROUNDDOWN($C5495/24,0)+1,1)*INDEX($D$3:$AA$30,INDEX(Jesper!$R$2:$R$366,ROW(INDEX(Jesper!AK$2:AK$366,ROUNDDOWN($C5495/24,0)+1,1))-1)+IF('Standard Profiles'!$G$21=$B$10,7,0)+IF('Standard Profiles'!$G$21=$B$17,14,0)+IF('Standard Profiles'!$G$21=$B$24,21,0),MOD($C5495,24)+1)/SUM(INDEX($D$3:$AA$30,INDEX(Jesper!$R$2:$R$366,ROW(INDEX(Jesper!AK$2:AK$366,ROUNDDOWN($C5495/24,0)+1,1))-1)+IF('Standard Profiles'!$G$21=$B$10,7,0)+IF('Standard Profiles'!$G$21=$B$17,14,0)+IF('Standard Profiles'!$G$21=$B$24,21,0),0)),0)</f>
        <v>0</v>
      </c>
      <c r="H5495" cm="1">
        <f t="array" ref="H5495">IFERROR(INDEX(Jesper!AL$2:AL$366,ROUNDDOWN($C5495/24,0)+1,1)*INDEX($D$3:$AA$30,INDEX(Jesper!$R$2:$R$366,ROW(INDEX(Jesper!AL$2:AL$366,ROUNDDOWN($C5495/24,0)+1,1))-1)+IF('Standard Profiles'!$G$22=$B$10,7,0)+IF('Standard Profiles'!$G$22=$B$17,14,0)+IF('Standard Profiles'!$G$22=$B$24,21,0),MOD($C5495,24)+1)/SUM(INDEX($D$3:$AA$30,INDEX(Jesper!$R$2:$R$366,ROW(INDEX(Jesper!AL$2:AL$366,ROUNDDOWN($C5495/24,0)+1,1))-1)+IF('Standard Profiles'!$G$22=$B$10,7,0)+IF('Standard Profiles'!$G$22=$B$17,14,0)+IF('Standard Profiles'!$G$22=$B$24,21,0),0)),0)</f>
        <v>0</v>
      </c>
      <c r="I5495">
        <f t="shared" si="615"/>
        <v>0</v>
      </c>
      <c r="J5495">
        <f t="shared" si="616"/>
        <v>24.871371119988574</v>
      </c>
      <c r="K5495">
        <f t="shared" si="617"/>
        <v>2.1964574999367561</v>
      </c>
      <c r="L5495">
        <f t="shared" si="618"/>
        <v>1.098228749968378</v>
      </c>
      <c r="M5495">
        <f t="shared" si="619"/>
        <v>0</v>
      </c>
      <c r="N5495" s="45">
        <f t="shared" si="620"/>
        <v>45154.541666653422</v>
      </c>
    </row>
    <row r="5496" spans="2:14" x14ac:dyDescent="0.25">
      <c r="B5496">
        <f t="shared" si="614"/>
        <v>3</v>
      </c>
      <c r="C5496" s="16">
        <v>5462</v>
      </c>
      <c r="D5496" cm="1">
        <f t="array" ref="D5496">IFERROR(INDEX(Jesper!AH$2:AH$366,ROUNDDOWN($C5496/24,0)+1,1)*INDEX($D$3:$AA$30,INDEX(Jesper!$R$2:$R$366,ROW(INDEX(Jesper!AH$2:AH$366,ROUNDDOWN($C5496/24,0)+1,1))-1)+IF('Standard Profiles'!$G$18=$B$10,7,0)+IF('Standard Profiles'!$G$18=$B$17,14,0)+IF('Standard Profiles'!$G$18=$B$24,21,0),MOD($C5496,24)+1)/SUM(INDEX($D$3:$AA$30,INDEX(Jesper!$R$2:$R$366,ROW(INDEX(Jesper!AH$2:AH$366,ROUNDDOWN($C5496/24,0)+1,1))-1)+IF('Standard Profiles'!$G$18=$B$10,7,0)+IF('Standard Profiles'!$G$18=$B$17,14,0)+IF('Standard Profiles'!$G$18=$B$24,21,0),0)),0)</f>
        <v>30.998392136204213</v>
      </c>
      <c r="E5496" cm="1">
        <f t="array" ref="E5496">IFERROR(INDEX(Jesper!AI$2:AI$366,ROUNDDOWN($C5496/24,0)+1,1)*INDEX($D$3:$AA$30,INDEX(Jesper!$R$2:$R$366,ROW(INDEX(Jesper!AI$2:AI$366,ROUNDDOWN($C5496/24,0)+1,1))-1)+IF('Standard Profiles'!$G$19=$B$10,7,0)+IF('Standard Profiles'!$G$19=$B$17,14,0)+IF('Standard Profiles'!$G$19=$B$24,21,0),MOD($C5496,24)+1)/SUM(INDEX($D$3:$AA$30,INDEX(Jesper!$R$2:$R$366,ROW(INDEX(Jesper!AI$2:AI$366,ROUNDDOWN($C5496/24,0)+1,1))-1)+IF('Standard Profiles'!$G$19=$B$10,7,0)+IF('Standard Profiles'!$G$19=$B$17,14,0)+IF('Standard Profiles'!$G$19=$B$24,21,0),0)),0)</f>
        <v>11.402124334603515</v>
      </c>
      <c r="F5496" cm="1">
        <f t="array" ref="F5496">IFERROR(INDEX(Jesper!AJ$2:AJ$366,ROUNDDOWN($C5496/24,0)+1,1)*INDEX($D$3:$AA$30,INDEX(Jesper!$R$2:$R$366,ROW(INDEX(Jesper!AJ$2:AJ$366,ROUNDDOWN($C5496/24,0)+1,1))-1)+IF('Standard Profiles'!$G$20=$B$10,7,0)+IF('Standard Profiles'!$G$20=$B$17,14,0)+IF('Standard Profiles'!$G$20=$B$24,21,0),MOD($C5496,24)+1)/SUM(INDEX($D$3:$AA$30,INDEX(Jesper!$R$2:$R$366,ROW(INDEX(Jesper!AJ$2:AJ$366,ROUNDDOWN($C5496/24,0)+1,1))-1)+IF('Standard Profiles'!$G$20=$B$10,7,0)+IF('Standard Profiles'!$G$20=$B$17,14,0)+IF('Standard Profiles'!$G$20=$B$24,21,0),0)),0)</f>
        <v>0</v>
      </c>
      <c r="G5496" cm="1">
        <f t="array" ref="G5496">IFERROR(INDEX(Jesper!AK$2:AK$366,ROUNDDOWN($C5496/24,0)+1,1)*INDEX($D$3:$AA$30,INDEX(Jesper!$R$2:$R$366,ROW(INDEX(Jesper!AK$2:AK$366,ROUNDDOWN($C5496/24,0)+1,1))-1)+IF('Standard Profiles'!$G$21=$B$10,7,0)+IF('Standard Profiles'!$G$21=$B$17,14,0)+IF('Standard Profiles'!$G$21=$B$24,21,0),MOD($C5496,24)+1)/SUM(INDEX($D$3:$AA$30,INDEX(Jesper!$R$2:$R$366,ROW(INDEX(Jesper!AK$2:AK$366,ROUNDDOWN($C5496/24,0)+1,1))-1)+IF('Standard Profiles'!$G$21=$B$10,7,0)+IF('Standard Profiles'!$G$21=$B$17,14,0)+IF('Standard Profiles'!$G$21=$B$24,21,0),0)),0)</f>
        <v>0</v>
      </c>
      <c r="H5496" cm="1">
        <f t="array" ref="H5496">IFERROR(INDEX(Jesper!AL$2:AL$366,ROUNDDOWN($C5496/24,0)+1,1)*INDEX($D$3:$AA$30,INDEX(Jesper!$R$2:$R$366,ROW(INDEX(Jesper!AL$2:AL$366,ROUNDDOWN($C5496/24,0)+1,1))-1)+IF('Standard Profiles'!$G$22=$B$10,7,0)+IF('Standard Profiles'!$G$22=$B$17,14,0)+IF('Standard Profiles'!$G$22=$B$24,21,0),MOD($C5496,24)+1)/SUM(INDEX($D$3:$AA$30,INDEX(Jesper!$R$2:$R$366,ROW(INDEX(Jesper!AL$2:AL$366,ROUNDDOWN($C5496/24,0)+1,1))-1)+IF('Standard Profiles'!$G$22=$B$10,7,0)+IF('Standard Profiles'!$G$22=$B$17,14,0)+IF('Standard Profiles'!$G$22=$B$24,21,0),0)),0)</f>
        <v>0</v>
      </c>
      <c r="I5496">
        <f t="shared" si="615"/>
        <v>0</v>
      </c>
      <c r="J5496">
        <f t="shared" si="616"/>
        <v>37.440773729015056</v>
      </c>
      <c r="K5496">
        <f t="shared" si="617"/>
        <v>3.3064951611951163</v>
      </c>
      <c r="L5496">
        <f t="shared" si="618"/>
        <v>1.6532475805975582</v>
      </c>
      <c r="M5496">
        <f t="shared" si="619"/>
        <v>0</v>
      </c>
      <c r="N5496" s="45">
        <f t="shared" si="620"/>
        <v>45154.583333320086</v>
      </c>
    </row>
    <row r="5497" spans="2:14" x14ac:dyDescent="0.25">
      <c r="B5497">
        <f t="shared" si="614"/>
        <v>3</v>
      </c>
      <c r="C5497" s="16">
        <v>5463</v>
      </c>
      <c r="D5497" cm="1">
        <f t="array" ref="D5497">IFERROR(INDEX(Jesper!AH$2:AH$366,ROUNDDOWN($C5497/24,0)+1,1)*INDEX($D$3:$AA$30,INDEX(Jesper!$R$2:$R$366,ROW(INDEX(Jesper!AH$2:AH$366,ROUNDDOWN($C5497/24,0)+1,1))-1)+IF('Standard Profiles'!$G$18=$B$10,7,0)+IF('Standard Profiles'!$G$18=$B$17,14,0)+IF('Standard Profiles'!$G$18=$B$24,21,0),MOD($C5497,24)+1)/SUM(INDEX($D$3:$AA$30,INDEX(Jesper!$R$2:$R$366,ROW(INDEX(Jesper!AH$2:AH$366,ROUNDDOWN($C5497/24,0)+1,1))-1)+IF('Standard Profiles'!$G$18=$B$10,7,0)+IF('Standard Profiles'!$G$18=$B$17,14,0)+IF('Standard Profiles'!$G$18=$B$24,21,0),0)),0)</f>
        <v>30.998392136204213</v>
      </c>
      <c r="E5497" cm="1">
        <f t="array" ref="E5497">IFERROR(INDEX(Jesper!AI$2:AI$366,ROUNDDOWN($C5497/24,0)+1,1)*INDEX($D$3:$AA$30,INDEX(Jesper!$R$2:$R$366,ROW(INDEX(Jesper!AI$2:AI$366,ROUNDDOWN($C5497/24,0)+1,1))-1)+IF('Standard Profiles'!$G$19=$B$10,7,0)+IF('Standard Profiles'!$G$19=$B$17,14,0)+IF('Standard Profiles'!$G$19=$B$24,21,0),MOD($C5497,24)+1)/SUM(INDEX($D$3:$AA$30,INDEX(Jesper!$R$2:$R$366,ROW(INDEX(Jesper!AI$2:AI$366,ROUNDDOWN($C5497/24,0)+1,1))-1)+IF('Standard Profiles'!$G$19=$B$10,7,0)+IF('Standard Profiles'!$G$19=$B$17,14,0)+IF('Standard Profiles'!$G$19=$B$24,21,0),0)),0)</f>
        <v>11.402124334603515</v>
      </c>
      <c r="F5497" cm="1">
        <f t="array" ref="F5497">IFERROR(INDEX(Jesper!AJ$2:AJ$366,ROUNDDOWN($C5497/24,0)+1,1)*INDEX($D$3:$AA$30,INDEX(Jesper!$R$2:$R$366,ROW(INDEX(Jesper!AJ$2:AJ$366,ROUNDDOWN($C5497/24,0)+1,1))-1)+IF('Standard Profiles'!$G$20=$B$10,7,0)+IF('Standard Profiles'!$G$20=$B$17,14,0)+IF('Standard Profiles'!$G$20=$B$24,21,0),MOD($C5497,24)+1)/SUM(INDEX($D$3:$AA$30,INDEX(Jesper!$R$2:$R$366,ROW(INDEX(Jesper!AJ$2:AJ$366,ROUNDDOWN($C5497/24,0)+1,1))-1)+IF('Standard Profiles'!$G$20=$B$10,7,0)+IF('Standard Profiles'!$G$20=$B$17,14,0)+IF('Standard Profiles'!$G$20=$B$24,21,0),0)),0)</f>
        <v>0</v>
      </c>
      <c r="G5497" cm="1">
        <f t="array" ref="G5497">IFERROR(INDEX(Jesper!AK$2:AK$366,ROUNDDOWN($C5497/24,0)+1,1)*INDEX($D$3:$AA$30,INDEX(Jesper!$R$2:$R$366,ROW(INDEX(Jesper!AK$2:AK$366,ROUNDDOWN($C5497/24,0)+1,1))-1)+IF('Standard Profiles'!$G$21=$B$10,7,0)+IF('Standard Profiles'!$G$21=$B$17,14,0)+IF('Standard Profiles'!$G$21=$B$24,21,0),MOD($C5497,24)+1)/SUM(INDEX($D$3:$AA$30,INDEX(Jesper!$R$2:$R$366,ROW(INDEX(Jesper!AK$2:AK$366,ROUNDDOWN($C5497/24,0)+1,1))-1)+IF('Standard Profiles'!$G$21=$B$10,7,0)+IF('Standard Profiles'!$G$21=$B$17,14,0)+IF('Standard Profiles'!$G$21=$B$24,21,0),0)),0)</f>
        <v>0</v>
      </c>
      <c r="H5497" cm="1">
        <f t="array" ref="H5497">IFERROR(INDEX(Jesper!AL$2:AL$366,ROUNDDOWN($C5497/24,0)+1,1)*INDEX($D$3:$AA$30,INDEX(Jesper!$R$2:$R$366,ROW(INDEX(Jesper!AL$2:AL$366,ROUNDDOWN($C5497/24,0)+1,1))-1)+IF('Standard Profiles'!$G$22=$B$10,7,0)+IF('Standard Profiles'!$G$22=$B$17,14,0)+IF('Standard Profiles'!$G$22=$B$24,21,0),MOD($C5497,24)+1)/SUM(INDEX($D$3:$AA$30,INDEX(Jesper!$R$2:$R$366,ROW(INDEX(Jesper!AL$2:AL$366,ROUNDDOWN($C5497/24,0)+1,1))-1)+IF('Standard Profiles'!$G$22=$B$10,7,0)+IF('Standard Profiles'!$G$22=$B$17,14,0)+IF('Standard Profiles'!$G$22=$B$24,21,0),0)),0)</f>
        <v>0</v>
      </c>
      <c r="I5497">
        <f t="shared" si="615"/>
        <v>0</v>
      </c>
      <c r="J5497">
        <f t="shared" si="616"/>
        <v>37.440773729015056</v>
      </c>
      <c r="K5497">
        <f t="shared" si="617"/>
        <v>3.3064951611951163</v>
      </c>
      <c r="L5497">
        <f t="shared" si="618"/>
        <v>1.6532475805975582</v>
      </c>
      <c r="M5497">
        <f t="shared" si="619"/>
        <v>0</v>
      </c>
      <c r="N5497" s="45">
        <f t="shared" si="620"/>
        <v>45154.62499998675</v>
      </c>
    </row>
    <row r="5498" spans="2:14" x14ac:dyDescent="0.25">
      <c r="B5498">
        <f t="shared" si="614"/>
        <v>3</v>
      </c>
      <c r="C5498" s="16">
        <v>5464</v>
      </c>
      <c r="D5498" cm="1">
        <f t="array" ref="D5498">IFERROR(INDEX(Jesper!AH$2:AH$366,ROUNDDOWN($C5498/24,0)+1,1)*INDEX($D$3:$AA$30,INDEX(Jesper!$R$2:$R$366,ROW(INDEX(Jesper!AH$2:AH$366,ROUNDDOWN($C5498/24,0)+1,1))-1)+IF('Standard Profiles'!$G$18=$B$10,7,0)+IF('Standard Profiles'!$G$18=$B$17,14,0)+IF('Standard Profiles'!$G$18=$B$24,21,0),MOD($C5498,24)+1)/SUM(INDEX($D$3:$AA$30,INDEX(Jesper!$R$2:$R$366,ROW(INDEX(Jesper!AH$2:AH$366,ROUNDDOWN($C5498/24,0)+1,1))-1)+IF('Standard Profiles'!$G$18=$B$10,7,0)+IF('Standard Profiles'!$G$18=$B$17,14,0)+IF('Standard Profiles'!$G$18=$B$24,21,0),0)),0)</f>
        <v>18.266909651691769</v>
      </c>
      <c r="E5498" cm="1">
        <f t="array" ref="E5498">IFERROR(INDEX(Jesper!AI$2:AI$366,ROUNDDOWN($C5498/24,0)+1,1)*INDEX($D$3:$AA$30,INDEX(Jesper!$R$2:$R$366,ROW(INDEX(Jesper!AI$2:AI$366,ROUNDDOWN($C5498/24,0)+1,1))-1)+IF('Standard Profiles'!$G$19=$B$10,7,0)+IF('Standard Profiles'!$G$19=$B$17,14,0)+IF('Standard Profiles'!$G$19=$B$24,21,0),MOD($C5498,24)+1)/SUM(INDEX($D$3:$AA$30,INDEX(Jesper!$R$2:$R$366,ROW(INDEX(Jesper!AI$2:AI$366,ROUNDDOWN($C5498/24,0)+1,1))-1)+IF('Standard Profiles'!$G$19=$B$10,7,0)+IF('Standard Profiles'!$G$19=$B$17,14,0)+IF('Standard Profiles'!$G$19=$B$24,21,0),0)),0)</f>
        <v>6.7191089828913571</v>
      </c>
      <c r="F5498" cm="1">
        <f t="array" ref="F5498">IFERROR(INDEX(Jesper!AJ$2:AJ$366,ROUNDDOWN($C5498/24,0)+1,1)*INDEX($D$3:$AA$30,INDEX(Jesper!$R$2:$R$366,ROW(INDEX(Jesper!AJ$2:AJ$366,ROUNDDOWN($C5498/24,0)+1,1))-1)+IF('Standard Profiles'!$G$20=$B$10,7,0)+IF('Standard Profiles'!$G$20=$B$17,14,0)+IF('Standard Profiles'!$G$20=$B$24,21,0),MOD($C5498,24)+1)/SUM(INDEX($D$3:$AA$30,INDEX(Jesper!$R$2:$R$366,ROW(INDEX(Jesper!AJ$2:AJ$366,ROUNDDOWN($C5498/24,0)+1,1))-1)+IF('Standard Profiles'!$G$20=$B$10,7,0)+IF('Standard Profiles'!$G$20=$B$17,14,0)+IF('Standard Profiles'!$G$20=$B$24,21,0),0)),0)</f>
        <v>0</v>
      </c>
      <c r="G5498" cm="1">
        <f t="array" ref="G5498">IFERROR(INDEX(Jesper!AK$2:AK$366,ROUNDDOWN($C5498/24,0)+1,1)*INDEX($D$3:$AA$30,INDEX(Jesper!$R$2:$R$366,ROW(INDEX(Jesper!AK$2:AK$366,ROUNDDOWN($C5498/24,0)+1,1))-1)+IF('Standard Profiles'!$G$21=$B$10,7,0)+IF('Standard Profiles'!$G$21=$B$17,14,0)+IF('Standard Profiles'!$G$21=$B$24,21,0),MOD($C5498,24)+1)/SUM(INDEX($D$3:$AA$30,INDEX(Jesper!$R$2:$R$366,ROW(INDEX(Jesper!AK$2:AK$366,ROUNDDOWN($C5498/24,0)+1,1))-1)+IF('Standard Profiles'!$G$21=$B$10,7,0)+IF('Standard Profiles'!$G$21=$B$17,14,0)+IF('Standard Profiles'!$G$21=$B$24,21,0),0)),0)</f>
        <v>0</v>
      </c>
      <c r="H5498" cm="1">
        <f t="array" ref="H5498">IFERROR(INDEX(Jesper!AL$2:AL$366,ROUNDDOWN($C5498/24,0)+1,1)*INDEX($D$3:$AA$30,INDEX(Jesper!$R$2:$R$366,ROW(INDEX(Jesper!AL$2:AL$366,ROUNDDOWN($C5498/24,0)+1,1))-1)+IF('Standard Profiles'!$G$22=$B$10,7,0)+IF('Standard Profiles'!$G$22=$B$17,14,0)+IF('Standard Profiles'!$G$22=$B$24,21,0),MOD($C5498,24)+1)/SUM(INDEX($D$3:$AA$30,INDEX(Jesper!$R$2:$R$366,ROW(INDEX(Jesper!AL$2:AL$366,ROUNDDOWN($C5498/24,0)+1,1))-1)+IF('Standard Profiles'!$G$22=$B$10,7,0)+IF('Standard Profiles'!$G$22=$B$17,14,0)+IF('Standard Profiles'!$G$22=$B$24,21,0),0)),0)</f>
        <v>0</v>
      </c>
      <c r="I5498">
        <f t="shared" si="615"/>
        <v>0</v>
      </c>
      <c r="J5498">
        <f t="shared" si="616"/>
        <v>22.063313090312441</v>
      </c>
      <c r="K5498">
        <f t="shared" si="617"/>
        <v>1.9484703628471221</v>
      </c>
      <c r="L5498">
        <f t="shared" si="618"/>
        <v>0.97423518142356103</v>
      </c>
      <c r="M5498">
        <f t="shared" si="619"/>
        <v>0</v>
      </c>
      <c r="N5498" s="45">
        <f t="shared" si="620"/>
        <v>45154.666666653415</v>
      </c>
    </row>
    <row r="5499" spans="2:14" x14ac:dyDescent="0.25">
      <c r="B5499">
        <f t="shared" si="614"/>
        <v>3</v>
      </c>
      <c r="C5499" s="16">
        <v>5465</v>
      </c>
      <c r="D5499" cm="1">
        <f t="array" ref="D5499">IFERROR(INDEX(Jesper!AH$2:AH$366,ROUNDDOWN($C5499/24,0)+1,1)*INDEX($D$3:$AA$30,INDEX(Jesper!$R$2:$R$366,ROW(INDEX(Jesper!AH$2:AH$366,ROUNDDOWN($C5499/24,0)+1,1))-1)+IF('Standard Profiles'!$G$18=$B$10,7,0)+IF('Standard Profiles'!$G$18=$B$17,14,0)+IF('Standard Profiles'!$G$18=$B$24,21,0),MOD($C5499,24)+1)/SUM(INDEX($D$3:$AA$30,INDEX(Jesper!$R$2:$R$366,ROW(INDEX(Jesper!AH$2:AH$366,ROUNDDOWN($C5499/24,0)+1,1))-1)+IF('Standard Profiles'!$G$18=$B$10,7,0)+IF('Standard Profiles'!$G$18=$B$17,14,0)+IF('Standard Profiles'!$G$18=$B$24,21,0),0)),0)</f>
        <v>7.7963762918018666</v>
      </c>
      <c r="E5499" cm="1">
        <f t="array" ref="E5499">IFERROR(INDEX(Jesper!AI$2:AI$366,ROUNDDOWN($C5499/24,0)+1,1)*INDEX($D$3:$AA$30,INDEX(Jesper!$R$2:$R$366,ROW(INDEX(Jesper!AI$2:AI$366,ROUNDDOWN($C5499/24,0)+1,1))-1)+IF('Standard Profiles'!$G$19=$B$10,7,0)+IF('Standard Profiles'!$G$19=$B$17,14,0)+IF('Standard Profiles'!$G$19=$B$24,21,0),MOD($C5499,24)+1)/SUM(INDEX($D$3:$AA$30,INDEX(Jesper!$R$2:$R$366,ROW(INDEX(Jesper!AI$2:AI$366,ROUNDDOWN($C5499/24,0)+1,1))-1)+IF('Standard Profiles'!$G$19=$B$10,7,0)+IF('Standard Profiles'!$G$19=$B$17,14,0)+IF('Standard Profiles'!$G$19=$B$24,21,0),0)),0)</f>
        <v>2.8677375087030978</v>
      </c>
      <c r="F5499" cm="1">
        <f t="array" ref="F5499">IFERROR(INDEX(Jesper!AJ$2:AJ$366,ROUNDDOWN($C5499/24,0)+1,1)*INDEX($D$3:$AA$30,INDEX(Jesper!$R$2:$R$366,ROW(INDEX(Jesper!AJ$2:AJ$366,ROUNDDOWN($C5499/24,0)+1,1))-1)+IF('Standard Profiles'!$G$20=$B$10,7,0)+IF('Standard Profiles'!$G$20=$B$17,14,0)+IF('Standard Profiles'!$G$20=$B$24,21,0),MOD($C5499,24)+1)/SUM(INDEX($D$3:$AA$30,INDEX(Jesper!$R$2:$R$366,ROW(INDEX(Jesper!AJ$2:AJ$366,ROUNDDOWN($C5499/24,0)+1,1))-1)+IF('Standard Profiles'!$G$20=$B$10,7,0)+IF('Standard Profiles'!$G$20=$B$17,14,0)+IF('Standard Profiles'!$G$20=$B$24,21,0),0)),0)</f>
        <v>0</v>
      </c>
      <c r="G5499" cm="1">
        <f t="array" ref="G5499">IFERROR(INDEX(Jesper!AK$2:AK$366,ROUNDDOWN($C5499/24,0)+1,1)*INDEX($D$3:$AA$30,INDEX(Jesper!$R$2:$R$366,ROW(INDEX(Jesper!AK$2:AK$366,ROUNDDOWN($C5499/24,0)+1,1))-1)+IF('Standard Profiles'!$G$21=$B$10,7,0)+IF('Standard Profiles'!$G$21=$B$17,14,0)+IF('Standard Profiles'!$G$21=$B$24,21,0),MOD($C5499,24)+1)/SUM(INDEX($D$3:$AA$30,INDEX(Jesper!$R$2:$R$366,ROW(INDEX(Jesper!AK$2:AK$366,ROUNDDOWN($C5499/24,0)+1,1))-1)+IF('Standard Profiles'!$G$21=$B$10,7,0)+IF('Standard Profiles'!$G$21=$B$17,14,0)+IF('Standard Profiles'!$G$21=$B$24,21,0),0)),0)</f>
        <v>0</v>
      </c>
      <c r="H5499" cm="1">
        <f t="array" ref="H5499">IFERROR(INDEX(Jesper!AL$2:AL$366,ROUNDDOWN($C5499/24,0)+1,1)*INDEX($D$3:$AA$30,INDEX(Jesper!$R$2:$R$366,ROW(INDEX(Jesper!AL$2:AL$366,ROUNDDOWN($C5499/24,0)+1,1))-1)+IF('Standard Profiles'!$G$22=$B$10,7,0)+IF('Standard Profiles'!$G$22=$B$17,14,0)+IF('Standard Profiles'!$G$22=$B$24,21,0),MOD($C5499,24)+1)/SUM(INDEX($D$3:$AA$30,INDEX(Jesper!$R$2:$R$366,ROW(INDEX(Jesper!AL$2:AL$366,ROUNDDOWN($C5499/24,0)+1,1))-1)+IF('Standard Profiles'!$G$22=$B$10,7,0)+IF('Standard Profiles'!$G$22=$B$17,14,0)+IF('Standard Profiles'!$G$22=$B$24,21,0),0)),0)</f>
        <v>0</v>
      </c>
      <c r="I5499">
        <f t="shared" si="615"/>
        <v>0</v>
      </c>
      <c r="J5499">
        <f t="shared" si="616"/>
        <v>9.4166935938166656</v>
      </c>
      <c r="K5499">
        <f t="shared" si="617"/>
        <v>0.83161347112553252</v>
      </c>
      <c r="L5499">
        <f t="shared" si="618"/>
        <v>0.41580673556276626</v>
      </c>
      <c r="M5499">
        <f t="shared" si="619"/>
        <v>0</v>
      </c>
      <c r="N5499" s="45">
        <f t="shared" si="620"/>
        <v>45154.708333320079</v>
      </c>
    </row>
    <row r="5500" spans="2:14" x14ac:dyDescent="0.25">
      <c r="B5500">
        <f t="shared" si="614"/>
        <v>3</v>
      </c>
      <c r="C5500" s="16">
        <v>5466</v>
      </c>
      <c r="D5500" cm="1">
        <f t="array" ref="D5500">IFERROR(INDEX(Jesper!AH$2:AH$366,ROUNDDOWN($C5500/24,0)+1,1)*INDEX($D$3:$AA$30,INDEX(Jesper!$R$2:$R$366,ROW(INDEX(Jesper!AH$2:AH$366,ROUNDDOWN($C5500/24,0)+1,1))-1)+IF('Standard Profiles'!$G$18=$B$10,7,0)+IF('Standard Profiles'!$G$18=$B$17,14,0)+IF('Standard Profiles'!$G$18=$B$24,21,0),MOD($C5500,24)+1)/SUM(INDEX($D$3:$AA$30,INDEX(Jesper!$R$2:$R$366,ROW(INDEX(Jesper!AH$2:AH$366,ROUNDDOWN($C5500/24,0)+1,1))-1)+IF('Standard Profiles'!$G$18=$B$10,7,0)+IF('Standard Profiles'!$G$18=$B$17,14,0)+IF('Standard Profiles'!$G$18=$B$24,21,0),0)),0)</f>
        <v>5.1456083525892318</v>
      </c>
      <c r="E5500" cm="1">
        <f t="array" ref="E5500">IFERROR(INDEX(Jesper!AI$2:AI$366,ROUNDDOWN($C5500/24,0)+1,1)*INDEX($D$3:$AA$30,INDEX(Jesper!$R$2:$R$366,ROW(INDEX(Jesper!AI$2:AI$366,ROUNDDOWN($C5500/24,0)+1,1))-1)+IF('Standard Profiles'!$G$19=$B$10,7,0)+IF('Standard Profiles'!$G$19=$B$17,14,0)+IF('Standard Profiles'!$G$19=$B$24,21,0),MOD($C5500,24)+1)/SUM(INDEX($D$3:$AA$30,INDEX(Jesper!$R$2:$R$366,ROW(INDEX(Jesper!AI$2:AI$366,ROUNDDOWN($C5500/24,0)+1,1))-1)+IF('Standard Profiles'!$G$19=$B$10,7,0)+IF('Standard Profiles'!$G$19=$B$17,14,0)+IF('Standard Profiles'!$G$19=$B$24,21,0),0)),0)</f>
        <v>1.8927067557440445</v>
      </c>
      <c r="F5500" cm="1">
        <f t="array" ref="F5500">IFERROR(INDEX(Jesper!AJ$2:AJ$366,ROUNDDOWN($C5500/24,0)+1,1)*INDEX($D$3:$AA$30,INDEX(Jesper!$R$2:$R$366,ROW(INDEX(Jesper!AJ$2:AJ$366,ROUNDDOWN($C5500/24,0)+1,1))-1)+IF('Standard Profiles'!$G$20=$B$10,7,0)+IF('Standard Profiles'!$G$20=$B$17,14,0)+IF('Standard Profiles'!$G$20=$B$24,21,0),MOD($C5500,24)+1)/SUM(INDEX($D$3:$AA$30,INDEX(Jesper!$R$2:$R$366,ROW(INDEX(Jesper!AJ$2:AJ$366,ROUNDDOWN($C5500/24,0)+1,1))-1)+IF('Standard Profiles'!$G$20=$B$10,7,0)+IF('Standard Profiles'!$G$20=$B$17,14,0)+IF('Standard Profiles'!$G$20=$B$24,21,0),0)),0)</f>
        <v>0</v>
      </c>
      <c r="G5500" cm="1">
        <f t="array" ref="G5500">IFERROR(INDEX(Jesper!AK$2:AK$366,ROUNDDOWN($C5500/24,0)+1,1)*INDEX($D$3:$AA$30,INDEX(Jesper!$R$2:$R$366,ROW(INDEX(Jesper!AK$2:AK$366,ROUNDDOWN($C5500/24,0)+1,1))-1)+IF('Standard Profiles'!$G$21=$B$10,7,0)+IF('Standard Profiles'!$G$21=$B$17,14,0)+IF('Standard Profiles'!$G$21=$B$24,21,0),MOD($C5500,24)+1)/SUM(INDEX($D$3:$AA$30,INDEX(Jesper!$R$2:$R$366,ROW(INDEX(Jesper!AK$2:AK$366,ROUNDDOWN($C5500/24,0)+1,1))-1)+IF('Standard Profiles'!$G$21=$B$10,7,0)+IF('Standard Profiles'!$G$21=$B$17,14,0)+IF('Standard Profiles'!$G$21=$B$24,21,0),0)),0)</f>
        <v>0</v>
      </c>
      <c r="H5500" cm="1">
        <f t="array" ref="H5500">IFERROR(INDEX(Jesper!AL$2:AL$366,ROUNDDOWN($C5500/24,0)+1,1)*INDEX($D$3:$AA$30,INDEX(Jesper!$R$2:$R$366,ROW(INDEX(Jesper!AL$2:AL$366,ROUNDDOWN($C5500/24,0)+1,1))-1)+IF('Standard Profiles'!$G$22=$B$10,7,0)+IF('Standard Profiles'!$G$22=$B$17,14,0)+IF('Standard Profiles'!$G$22=$B$24,21,0),MOD($C5500,24)+1)/SUM(INDEX($D$3:$AA$30,INDEX(Jesper!$R$2:$R$366,ROW(INDEX(Jesper!AL$2:AL$366,ROUNDDOWN($C5500/24,0)+1,1))-1)+IF('Standard Profiles'!$G$22=$B$10,7,0)+IF('Standard Profiles'!$G$22=$B$17,14,0)+IF('Standard Profiles'!$G$22=$B$24,21,0),0)),0)</f>
        <v>0</v>
      </c>
      <c r="I5500">
        <f t="shared" si="615"/>
        <v>0</v>
      </c>
      <c r="J5500">
        <f t="shared" si="616"/>
        <v>6.2150177719189994</v>
      </c>
      <c r="K5500">
        <f t="shared" si="617"/>
        <v>0.5488648909428514</v>
      </c>
      <c r="L5500">
        <f t="shared" si="618"/>
        <v>0.2744324454714257</v>
      </c>
      <c r="M5500">
        <f t="shared" si="619"/>
        <v>0</v>
      </c>
      <c r="N5500" s="45">
        <f t="shared" si="620"/>
        <v>45154.749999986743</v>
      </c>
    </row>
    <row r="5501" spans="2:14" x14ac:dyDescent="0.25">
      <c r="B5501">
        <f t="shared" si="614"/>
        <v>3</v>
      </c>
      <c r="C5501" s="16">
        <v>5467</v>
      </c>
      <c r="D5501" cm="1">
        <f t="array" ref="D5501">IFERROR(INDEX(Jesper!AH$2:AH$366,ROUNDDOWN($C5501/24,0)+1,1)*INDEX($D$3:$AA$30,INDEX(Jesper!$R$2:$R$366,ROW(INDEX(Jesper!AH$2:AH$366,ROUNDDOWN($C5501/24,0)+1,1))-1)+IF('Standard Profiles'!$G$18=$B$10,7,0)+IF('Standard Profiles'!$G$18=$B$17,14,0)+IF('Standard Profiles'!$G$18=$B$24,21,0),MOD($C5501,24)+1)/SUM(INDEX($D$3:$AA$30,INDEX(Jesper!$R$2:$R$366,ROW(INDEX(Jesper!AH$2:AH$366,ROUNDDOWN($C5501/24,0)+1,1))-1)+IF('Standard Profiles'!$G$18=$B$10,7,0)+IF('Standard Profiles'!$G$18=$B$17,14,0)+IF('Standard Profiles'!$G$18=$B$24,21,0),0)),0)</f>
        <v>5.1456083525892318</v>
      </c>
      <c r="E5501" cm="1">
        <f t="array" ref="E5501">IFERROR(INDEX(Jesper!AI$2:AI$366,ROUNDDOWN($C5501/24,0)+1,1)*INDEX($D$3:$AA$30,INDEX(Jesper!$R$2:$R$366,ROW(INDEX(Jesper!AI$2:AI$366,ROUNDDOWN($C5501/24,0)+1,1))-1)+IF('Standard Profiles'!$G$19=$B$10,7,0)+IF('Standard Profiles'!$G$19=$B$17,14,0)+IF('Standard Profiles'!$G$19=$B$24,21,0),MOD($C5501,24)+1)/SUM(INDEX($D$3:$AA$30,INDEX(Jesper!$R$2:$R$366,ROW(INDEX(Jesper!AI$2:AI$366,ROUNDDOWN($C5501/24,0)+1,1))-1)+IF('Standard Profiles'!$G$19=$B$10,7,0)+IF('Standard Profiles'!$G$19=$B$17,14,0)+IF('Standard Profiles'!$G$19=$B$24,21,0),0)),0)</f>
        <v>1.8927067557440445</v>
      </c>
      <c r="F5501" cm="1">
        <f t="array" ref="F5501">IFERROR(INDEX(Jesper!AJ$2:AJ$366,ROUNDDOWN($C5501/24,0)+1,1)*INDEX($D$3:$AA$30,INDEX(Jesper!$R$2:$R$366,ROW(INDEX(Jesper!AJ$2:AJ$366,ROUNDDOWN($C5501/24,0)+1,1))-1)+IF('Standard Profiles'!$G$20=$B$10,7,0)+IF('Standard Profiles'!$G$20=$B$17,14,0)+IF('Standard Profiles'!$G$20=$B$24,21,0),MOD($C5501,24)+1)/SUM(INDEX($D$3:$AA$30,INDEX(Jesper!$R$2:$R$366,ROW(INDEX(Jesper!AJ$2:AJ$366,ROUNDDOWN($C5501/24,0)+1,1))-1)+IF('Standard Profiles'!$G$20=$B$10,7,0)+IF('Standard Profiles'!$G$20=$B$17,14,0)+IF('Standard Profiles'!$G$20=$B$24,21,0),0)),0)</f>
        <v>0</v>
      </c>
      <c r="G5501" cm="1">
        <f t="array" ref="G5501">IFERROR(INDEX(Jesper!AK$2:AK$366,ROUNDDOWN($C5501/24,0)+1,1)*INDEX($D$3:$AA$30,INDEX(Jesper!$R$2:$R$366,ROW(INDEX(Jesper!AK$2:AK$366,ROUNDDOWN($C5501/24,0)+1,1))-1)+IF('Standard Profiles'!$G$21=$B$10,7,0)+IF('Standard Profiles'!$G$21=$B$17,14,0)+IF('Standard Profiles'!$G$21=$B$24,21,0),MOD($C5501,24)+1)/SUM(INDEX($D$3:$AA$30,INDEX(Jesper!$R$2:$R$366,ROW(INDEX(Jesper!AK$2:AK$366,ROUNDDOWN($C5501/24,0)+1,1))-1)+IF('Standard Profiles'!$G$21=$B$10,7,0)+IF('Standard Profiles'!$G$21=$B$17,14,0)+IF('Standard Profiles'!$G$21=$B$24,21,0),0)),0)</f>
        <v>0</v>
      </c>
      <c r="H5501" cm="1">
        <f t="array" ref="H5501">IFERROR(INDEX(Jesper!AL$2:AL$366,ROUNDDOWN($C5501/24,0)+1,1)*INDEX($D$3:$AA$30,INDEX(Jesper!$R$2:$R$366,ROW(INDEX(Jesper!AL$2:AL$366,ROUNDDOWN($C5501/24,0)+1,1))-1)+IF('Standard Profiles'!$G$22=$B$10,7,0)+IF('Standard Profiles'!$G$22=$B$17,14,0)+IF('Standard Profiles'!$G$22=$B$24,21,0),MOD($C5501,24)+1)/SUM(INDEX($D$3:$AA$30,INDEX(Jesper!$R$2:$R$366,ROW(INDEX(Jesper!AL$2:AL$366,ROUNDDOWN($C5501/24,0)+1,1))-1)+IF('Standard Profiles'!$G$22=$B$10,7,0)+IF('Standard Profiles'!$G$22=$B$17,14,0)+IF('Standard Profiles'!$G$22=$B$24,21,0),0)),0)</f>
        <v>0</v>
      </c>
      <c r="I5501">
        <f t="shared" si="615"/>
        <v>0</v>
      </c>
      <c r="J5501">
        <f t="shared" si="616"/>
        <v>6.2150177719189994</v>
      </c>
      <c r="K5501">
        <f t="shared" si="617"/>
        <v>0.5488648909428514</v>
      </c>
      <c r="L5501">
        <f t="shared" si="618"/>
        <v>0.2744324454714257</v>
      </c>
      <c r="M5501">
        <f t="shared" si="619"/>
        <v>0</v>
      </c>
      <c r="N5501" s="45">
        <f t="shared" si="620"/>
        <v>45154.791666653407</v>
      </c>
    </row>
    <row r="5502" spans="2:14" x14ac:dyDescent="0.25">
      <c r="B5502">
        <f t="shared" si="614"/>
        <v>3</v>
      </c>
      <c r="C5502" s="16">
        <v>5468</v>
      </c>
      <c r="D5502" cm="1">
        <f t="array" ref="D5502">IFERROR(INDEX(Jesper!AH$2:AH$366,ROUNDDOWN($C5502/24,0)+1,1)*INDEX($D$3:$AA$30,INDEX(Jesper!$R$2:$R$366,ROW(INDEX(Jesper!AH$2:AH$366,ROUNDDOWN($C5502/24,0)+1,1))-1)+IF('Standard Profiles'!$G$18=$B$10,7,0)+IF('Standard Profiles'!$G$18=$B$17,14,0)+IF('Standard Profiles'!$G$18=$B$24,21,0),MOD($C5502,24)+1)/SUM(INDEX($D$3:$AA$30,INDEX(Jesper!$R$2:$R$366,ROW(INDEX(Jesper!AH$2:AH$366,ROUNDDOWN($C5502/24,0)+1,1))-1)+IF('Standard Profiles'!$G$18=$B$10,7,0)+IF('Standard Profiles'!$G$18=$B$17,14,0)+IF('Standard Profiles'!$G$18=$B$24,21,0),0)),0)</f>
        <v>5.1456083525892318</v>
      </c>
      <c r="E5502" cm="1">
        <f t="array" ref="E5502">IFERROR(INDEX(Jesper!AI$2:AI$366,ROUNDDOWN($C5502/24,0)+1,1)*INDEX($D$3:$AA$30,INDEX(Jesper!$R$2:$R$366,ROW(INDEX(Jesper!AI$2:AI$366,ROUNDDOWN($C5502/24,0)+1,1))-1)+IF('Standard Profiles'!$G$19=$B$10,7,0)+IF('Standard Profiles'!$G$19=$B$17,14,0)+IF('Standard Profiles'!$G$19=$B$24,21,0),MOD($C5502,24)+1)/SUM(INDEX($D$3:$AA$30,INDEX(Jesper!$R$2:$R$366,ROW(INDEX(Jesper!AI$2:AI$366,ROUNDDOWN($C5502/24,0)+1,1))-1)+IF('Standard Profiles'!$G$19=$B$10,7,0)+IF('Standard Profiles'!$G$19=$B$17,14,0)+IF('Standard Profiles'!$G$19=$B$24,21,0),0)),0)</f>
        <v>1.8927067557440445</v>
      </c>
      <c r="F5502" cm="1">
        <f t="array" ref="F5502">IFERROR(INDEX(Jesper!AJ$2:AJ$366,ROUNDDOWN($C5502/24,0)+1,1)*INDEX($D$3:$AA$30,INDEX(Jesper!$R$2:$R$366,ROW(INDEX(Jesper!AJ$2:AJ$366,ROUNDDOWN($C5502/24,0)+1,1))-1)+IF('Standard Profiles'!$G$20=$B$10,7,0)+IF('Standard Profiles'!$G$20=$B$17,14,0)+IF('Standard Profiles'!$G$20=$B$24,21,0),MOD($C5502,24)+1)/SUM(INDEX($D$3:$AA$30,INDEX(Jesper!$R$2:$R$366,ROW(INDEX(Jesper!AJ$2:AJ$366,ROUNDDOWN($C5502/24,0)+1,1))-1)+IF('Standard Profiles'!$G$20=$B$10,7,0)+IF('Standard Profiles'!$G$20=$B$17,14,0)+IF('Standard Profiles'!$G$20=$B$24,21,0),0)),0)</f>
        <v>0</v>
      </c>
      <c r="G5502" cm="1">
        <f t="array" ref="G5502">IFERROR(INDEX(Jesper!AK$2:AK$366,ROUNDDOWN($C5502/24,0)+1,1)*INDEX($D$3:$AA$30,INDEX(Jesper!$R$2:$R$366,ROW(INDEX(Jesper!AK$2:AK$366,ROUNDDOWN($C5502/24,0)+1,1))-1)+IF('Standard Profiles'!$G$21=$B$10,7,0)+IF('Standard Profiles'!$G$21=$B$17,14,0)+IF('Standard Profiles'!$G$21=$B$24,21,0),MOD($C5502,24)+1)/SUM(INDEX($D$3:$AA$30,INDEX(Jesper!$R$2:$R$366,ROW(INDEX(Jesper!AK$2:AK$366,ROUNDDOWN($C5502/24,0)+1,1))-1)+IF('Standard Profiles'!$G$21=$B$10,7,0)+IF('Standard Profiles'!$G$21=$B$17,14,0)+IF('Standard Profiles'!$G$21=$B$24,21,0),0)),0)</f>
        <v>0</v>
      </c>
      <c r="H5502" cm="1">
        <f t="array" ref="H5502">IFERROR(INDEX(Jesper!AL$2:AL$366,ROUNDDOWN($C5502/24,0)+1,1)*INDEX($D$3:$AA$30,INDEX(Jesper!$R$2:$R$366,ROW(INDEX(Jesper!AL$2:AL$366,ROUNDDOWN($C5502/24,0)+1,1))-1)+IF('Standard Profiles'!$G$22=$B$10,7,0)+IF('Standard Profiles'!$G$22=$B$17,14,0)+IF('Standard Profiles'!$G$22=$B$24,21,0),MOD($C5502,24)+1)/SUM(INDEX($D$3:$AA$30,INDEX(Jesper!$R$2:$R$366,ROW(INDEX(Jesper!AL$2:AL$366,ROUNDDOWN($C5502/24,0)+1,1))-1)+IF('Standard Profiles'!$G$22=$B$10,7,0)+IF('Standard Profiles'!$G$22=$B$17,14,0)+IF('Standard Profiles'!$G$22=$B$24,21,0),0)),0)</f>
        <v>0</v>
      </c>
      <c r="I5502">
        <f t="shared" si="615"/>
        <v>0</v>
      </c>
      <c r="J5502">
        <f t="shared" si="616"/>
        <v>6.2150177719189994</v>
      </c>
      <c r="K5502">
        <f t="shared" si="617"/>
        <v>0.5488648909428514</v>
      </c>
      <c r="L5502">
        <f t="shared" si="618"/>
        <v>0.2744324454714257</v>
      </c>
      <c r="M5502">
        <f t="shared" si="619"/>
        <v>0</v>
      </c>
      <c r="N5502" s="45">
        <f t="shared" si="620"/>
        <v>45154.833333320072</v>
      </c>
    </row>
    <row r="5503" spans="2:14" x14ac:dyDescent="0.25">
      <c r="B5503">
        <f t="shared" si="614"/>
        <v>3</v>
      </c>
      <c r="C5503" s="16">
        <v>5469</v>
      </c>
      <c r="D5503" cm="1">
        <f t="array" ref="D5503">IFERROR(INDEX(Jesper!AH$2:AH$366,ROUNDDOWN($C5503/24,0)+1,1)*INDEX($D$3:$AA$30,INDEX(Jesper!$R$2:$R$366,ROW(INDEX(Jesper!AH$2:AH$366,ROUNDDOWN($C5503/24,0)+1,1))-1)+IF('Standard Profiles'!$G$18=$B$10,7,0)+IF('Standard Profiles'!$G$18=$B$17,14,0)+IF('Standard Profiles'!$G$18=$B$24,21,0),MOD($C5503,24)+1)/SUM(INDEX($D$3:$AA$30,INDEX(Jesper!$R$2:$R$366,ROW(INDEX(Jesper!AH$2:AH$366,ROUNDDOWN($C5503/24,0)+1,1))-1)+IF('Standard Profiles'!$G$18=$B$10,7,0)+IF('Standard Profiles'!$G$18=$B$17,14,0)+IF('Standard Profiles'!$G$18=$B$24,21,0),0)),0)</f>
        <v>5.1456083525892318</v>
      </c>
      <c r="E5503" cm="1">
        <f t="array" ref="E5503">IFERROR(INDEX(Jesper!AI$2:AI$366,ROUNDDOWN($C5503/24,0)+1,1)*INDEX($D$3:$AA$30,INDEX(Jesper!$R$2:$R$366,ROW(INDEX(Jesper!AI$2:AI$366,ROUNDDOWN($C5503/24,0)+1,1))-1)+IF('Standard Profiles'!$G$19=$B$10,7,0)+IF('Standard Profiles'!$G$19=$B$17,14,0)+IF('Standard Profiles'!$G$19=$B$24,21,0),MOD($C5503,24)+1)/SUM(INDEX($D$3:$AA$30,INDEX(Jesper!$R$2:$R$366,ROW(INDEX(Jesper!AI$2:AI$366,ROUNDDOWN($C5503/24,0)+1,1))-1)+IF('Standard Profiles'!$G$19=$B$10,7,0)+IF('Standard Profiles'!$G$19=$B$17,14,0)+IF('Standard Profiles'!$G$19=$B$24,21,0),0)),0)</f>
        <v>1.8927067557440445</v>
      </c>
      <c r="F5503" cm="1">
        <f t="array" ref="F5503">IFERROR(INDEX(Jesper!AJ$2:AJ$366,ROUNDDOWN($C5503/24,0)+1,1)*INDEX($D$3:$AA$30,INDEX(Jesper!$R$2:$R$366,ROW(INDEX(Jesper!AJ$2:AJ$366,ROUNDDOWN($C5503/24,0)+1,1))-1)+IF('Standard Profiles'!$G$20=$B$10,7,0)+IF('Standard Profiles'!$G$20=$B$17,14,0)+IF('Standard Profiles'!$G$20=$B$24,21,0),MOD($C5503,24)+1)/SUM(INDEX($D$3:$AA$30,INDEX(Jesper!$R$2:$R$366,ROW(INDEX(Jesper!AJ$2:AJ$366,ROUNDDOWN($C5503/24,0)+1,1))-1)+IF('Standard Profiles'!$G$20=$B$10,7,0)+IF('Standard Profiles'!$G$20=$B$17,14,0)+IF('Standard Profiles'!$G$20=$B$24,21,0),0)),0)</f>
        <v>0</v>
      </c>
      <c r="G5503" cm="1">
        <f t="array" ref="G5503">IFERROR(INDEX(Jesper!AK$2:AK$366,ROUNDDOWN($C5503/24,0)+1,1)*INDEX($D$3:$AA$30,INDEX(Jesper!$R$2:$R$366,ROW(INDEX(Jesper!AK$2:AK$366,ROUNDDOWN($C5503/24,0)+1,1))-1)+IF('Standard Profiles'!$G$21=$B$10,7,0)+IF('Standard Profiles'!$G$21=$B$17,14,0)+IF('Standard Profiles'!$G$21=$B$24,21,0),MOD($C5503,24)+1)/SUM(INDEX($D$3:$AA$30,INDEX(Jesper!$R$2:$R$366,ROW(INDEX(Jesper!AK$2:AK$366,ROUNDDOWN($C5503/24,0)+1,1))-1)+IF('Standard Profiles'!$G$21=$B$10,7,0)+IF('Standard Profiles'!$G$21=$B$17,14,0)+IF('Standard Profiles'!$G$21=$B$24,21,0),0)),0)</f>
        <v>0</v>
      </c>
      <c r="H5503" cm="1">
        <f t="array" ref="H5503">IFERROR(INDEX(Jesper!AL$2:AL$366,ROUNDDOWN($C5503/24,0)+1,1)*INDEX($D$3:$AA$30,INDEX(Jesper!$R$2:$R$366,ROW(INDEX(Jesper!AL$2:AL$366,ROUNDDOWN($C5503/24,0)+1,1))-1)+IF('Standard Profiles'!$G$22=$B$10,7,0)+IF('Standard Profiles'!$G$22=$B$17,14,0)+IF('Standard Profiles'!$G$22=$B$24,21,0),MOD($C5503,24)+1)/SUM(INDEX($D$3:$AA$30,INDEX(Jesper!$R$2:$R$366,ROW(INDEX(Jesper!AL$2:AL$366,ROUNDDOWN($C5503/24,0)+1,1))-1)+IF('Standard Profiles'!$G$22=$B$10,7,0)+IF('Standard Profiles'!$G$22=$B$17,14,0)+IF('Standard Profiles'!$G$22=$B$24,21,0),0)),0)</f>
        <v>0</v>
      </c>
      <c r="I5503">
        <f t="shared" si="615"/>
        <v>0</v>
      </c>
      <c r="J5503">
        <f t="shared" si="616"/>
        <v>6.2150177719189994</v>
      </c>
      <c r="K5503">
        <f t="shared" si="617"/>
        <v>0.5488648909428514</v>
      </c>
      <c r="L5503">
        <f t="shared" si="618"/>
        <v>0.2744324454714257</v>
      </c>
      <c r="M5503">
        <f t="shared" si="619"/>
        <v>0</v>
      </c>
      <c r="N5503" s="45">
        <f t="shared" si="620"/>
        <v>45154.874999986736</v>
      </c>
    </row>
    <row r="5504" spans="2:14" x14ac:dyDescent="0.25">
      <c r="B5504">
        <f t="shared" si="614"/>
        <v>3</v>
      </c>
      <c r="C5504" s="16">
        <v>5470</v>
      </c>
      <c r="D5504" cm="1">
        <f t="array" ref="D5504">IFERROR(INDEX(Jesper!AH$2:AH$366,ROUNDDOWN($C5504/24,0)+1,1)*INDEX($D$3:$AA$30,INDEX(Jesper!$R$2:$R$366,ROW(INDEX(Jesper!AH$2:AH$366,ROUNDDOWN($C5504/24,0)+1,1))-1)+IF('Standard Profiles'!$G$18=$B$10,7,0)+IF('Standard Profiles'!$G$18=$B$17,14,0)+IF('Standard Profiles'!$G$18=$B$24,21,0),MOD($C5504,24)+1)/SUM(INDEX($D$3:$AA$30,INDEX(Jesper!$R$2:$R$366,ROW(INDEX(Jesper!AH$2:AH$366,ROUNDDOWN($C5504/24,0)+1,1))-1)+IF('Standard Profiles'!$G$18=$B$10,7,0)+IF('Standard Profiles'!$G$18=$B$17,14,0)+IF('Standard Profiles'!$G$18=$B$24,21,0),0)),0)</f>
        <v>5.1456083525892318</v>
      </c>
      <c r="E5504" cm="1">
        <f t="array" ref="E5504">IFERROR(INDEX(Jesper!AI$2:AI$366,ROUNDDOWN($C5504/24,0)+1,1)*INDEX($D$3:$AA$30,INDEX(Jesper!$R$2:$R$366,ROW(INDEX(Jesper!AI$2:AI$366,ROUNDDOWN($C5504/24,0)+1,1))-1)+IF('Standard Profiles'!$G$19=$B$10,7,0)+IF('Standard Profiles'!$G$19=$B$17,14,0)+IF('Standard Profiles'!$G$19=$B$24,21,0),MOD($C5504,24)+1)/SUM(INDEX($D$3:$AA$30,INDEX(Jesper!$R$2:$R$366,ROW(INDEX(Jesper!AI$2:AI$366,ROUNDDOWN($C5504/24,0)+1,1))-1)+IF('Standard Profiles'!$G$19=$B$10,7,0)+IF('Standard Profiles'!$G$19=$B$17,14,0)+IF('Standard Profiles'!$G$19=$B$24,21,0),0)),0)</f>
        <v>1.8927067557440445</v>
      </c>
      <c r="F5504" cm="1">
        <f t="array" ref="F5504">IFERROR(INDEX(Jesper!AJ$2:AJ$366,ROUNDDOWN($C5504/24,0)+1,1)*INDEX($D$3:$AA$30,INDEX(Jesper!$R$2:$R$366,ROW(INDEX(Jesper!AJ$2:AJ$366,ROUNDDOWN($C5504/24,0)+1,1))-1)+IF('Standard Profiles'!$G$20=$B$10,7,0)+IF('Standard Profiles'!$G$20=$B$17,14,0)+IF('Standard Profiles'!$G$20=$B$24,21,0),MOD($C5504,24)+1)/SUM(INDEX($D$3:$AA$30,INDEX(Jesper!$R$2:$R$366,ROW(INDEX(Jesper!AJ$2:AJ$366,ROUNDDOWN($C5504/24,0)+1,1))-1)+IF('Standard Profiles'!$G$20=$B$10,7,0)+IF('Standard Profiles'!$G$20=$B$17,14,0)+IF('Standard Profiles'!$G$20=$B$24,21,0),0)),0)</f>
        <v>0</v>
      </c>
      <c r="G5504" cm="1">
        <f t="array" ref="G5504">IFERROR(INDEX(Jesper!AK$2:AK$366,ROUNDDOWN($C5504/24,0)+1,1)*INDEX($D$3:$AA$30,INDEX(Jesper!$R$2:$R$366,ROW(INDEX(Jesper!AK$2:AK$366,ROUNDDOWN($C5504/24,0)+1,1))-1)+IF('Standard Profiles'!$G$21=$B$10,7,0)+IF('Standard Profiles'!$G$21=$B$17,14,0)+IF('Standard Profiles'!$G$21=$B$24,21,0),MOD($C5504,24)+1)/SUM(INDEX($D$3:$AA$30,INDEX(Jesper!$R$2:$R$366,ROW(INDEX(Jesper!AK$2:AK$366,ROUNDDOWN($C5504/24,0)+1,1))-1)+IF('Standard Profiles'!$G$21=$B$10,7,0)+IF('Standard Profiles'!$G$21=$B$17,14,0)+IF('Standard Profiles'!$G$21=$B$24,21,0),0)),0)</f>
        <v>0</v>
      </c>
      <c r="H5504" cm="1">
        <f t="array" ref="H5504">IFERROR(INDEX(Jesper!AL$2:AL$366,ROUNDDOWN($C5504/24,0)+1,1)*INDEX($D$3:$AA$30,INDEX(Jesper!$R$2:$R$366,ROW(INDEX(Jesper!AL$2:AL$366,ROUNDDOWN($C5504/24,0)+1,1))-1)+IF('Standard Profiles'!$G$22=$B$10,7,0)+IF('Standard Profiles'!$G$22=$B$17,14,0)+IF('Standard Profiles'!$G$22=$B$24,21,0),MOD($C5504,24)+1)/SUM(INDEX($D$3:$AA$30,INDEX(Jesper!$R$2:$R$366,ROW(INDEX(Jesper!AL$2:AL$366,ROUNDDOWN($C5504/24,0)+1,1))-1)+IF('Standard Profiles'!$G$22=$B$10,7,0)+IF('Standard Profiles'!$G$22=$B$17,14,0)+IF('Standard Profiles'!$G$22=$B$24,21,0),0)),0)</f>
        <v>0</v>
      </c>
      <c r="I5504">
        <f t="shared" si="615"/>
        <v>0</v>
      </c>
      <c r="J5504">
        <f t="shared" si="616"/>
        <v>6.2150177719189994</v>
      </c>
      <c r="K5504">
        <f t="shared" si="617"/>
        <v>0.5488648909428514</v>
      </c>
      <c r="L5504">
        <f t="shared" si="618"/>
        <v>0.2744324454714257</v>
      </c>
      <c r="M5504">
        <f t="shared" si="619"/>
        <v>0</v>
      </c>
      <c r="N5504" s="45">
        <f t="shared" si="620"/>
        <v>45154.9166666534</v>
      </c>
    </row>
    <row r="5505" spans="2:14" x14ac:dyDescent="0.25">
      <c r="B5505">
        <f t="shared" si="614"/>
        <v>3</v>
      </c>
      <c r="C5505" s="16">
        <v>5471</v>
      </c>
      <c r="D5505" cm="1">
        <f t="array" ref="D5505">IFERROR(INDEX(Jesper!AH$2:AH$366,ROUNDDOWN($C5505/24,0)+1,1)*INDEX($D$3:$AA$30,INDEX(Jesper!$R$2:$R$366,ROW(INDEX(Jesper!AH$2:AH$366,ROUNDDOWN($C5505/24,0)+1,1))-1)+IF('Standard Profiles'!$G$18=$B$10,7,0)+IF('Standard Profiles'!$G$18=$B$17,14,0)+IF('Standard Profiles'!$G$18=$B$24,21,0),MOD($C5505,24)+1)/SUM(INDEX($D$3:$AA$30,INDEX(Jesper!$R$2:$R$366,ROW(INDEX(Jesper!AH$2:AH$366,ROUNDDOWN($C5505/24,0)+1,1))-1)+IF('Standard Profiles'!$G$18=$B$10,7,0)+IF('Standard Profiles'!$G$18=$B$17,14,0)+IF('Standard Profiles'!$G$18=$B$24,21,0),0)),0)</f>
        <v>5.1456083525892318</v>
      </c>
      <c r="E5505" cm="1">
        <f t="array" ref="E5505">IFERROR(INDEX(Jesper!AI$2:AI$366,ROUNDDOWN($C5505/24,0)+1,1)*INDEX($D$3:$AA$30,INDEX(Jesper!$R$2:$R$366,ROW(INDEX(Jesper!AI$2:AI$366,ROUNDDOWN($C5505/24,0)+1,1))-1)+IF('Standard Profiles'!$G$19=$B$10,7,0)+IF('Standard Profiles'!$G$19=$B$17,14,0)+IF('Standard Profiles'!$G$19=$B$24,21,0),MOD($C5505,24)+1)/SUM(INDEX($D$3:$AA$30,INDEX(Jesper!$R$2:$R$366,ROW(INDEX(Jesper!AI$2:AI$366,ROUNDDOWN($C5505/24,0)+1,1))-1)+IF('Standard Profiles'!$G$19=$B$10,7,0)+IF('Standard Profiles'!$G$19=$B$17,14,0)+IF('Standard Profiles'!$G$19=$B$24,21,0),0)),0)</f>
        <v>1.8927067557440445</v>
      </c>
      <c r="F5505" cm="1">
        <f t="array" ref="F5505">IFERROR(INDEX(Jesper!AJ$2:AJ$366,ROUNDDOWN($C5505/24,0)+1,1)*INDEX($D$3:$AA$30,INDEX(Jesper!$R$2:$R$366,ROW(INDEX(Jesper!AJ$2:AJ$366,ROUNDDOWN($C5505/24,0)+1,1))-1)+IF('Standard Profiles'!$G$20=$B$10,7,0)+IF('Standard Profiles'!$G$20=$B$17,14,0)+IF('Standard Profiles'!$G$20=$B$24,21,0),MOD($C5505,24)+1)/SUM(INDEX($D$3:$AA$30,INDEX(Jesper!$R$2:$R$366,ROW(INDEX(Jesper!AJ$2:AJ$366,ROUNDDOWN($C5505/24,0)+1,1))-1)+IF('Standard Profiles'!$G$20=$B$10,7,0)+IF('Standard Profiles'!$G$20=$B$17,14,0)+IF('Standard Profiles'!$G$20=$B$24,21,0),0)),0)</f>
        <v>0</v>
      </c>
      <c r="G5505" cm="1">
        <f t="array" ref="G5505">IFERROR(INDEX(Jesper!AK$2:AK$366,ROUNDDOWN($C5505/24,0)+1,1)*INDEX($D$3:$AA$30,INDEX(Jesper!$R$2:$R$366,ROW(INDEX(Jesper!AK$2:AK$366,ROUNDDOWN($C5505/24,0)+1,1))-1)+IF('Standard Profiles'!$G$21=$B$10,7,0)+IF('Standard Profiles'!$G$21=$B$17,14,0)+IF('Standard Profiles'!$G$21=$B$24,21,0),MOD($C5505,24)+1)/SUM(INDEX($D$3:$AA$30,INDEX(Jesper!$R$2:$R$366,ROW(INDEX(Jesper!AK$2:AK$366,ROUNDDOWN($C5505/24,0)+1,1))-1)+IF('Standard Profiles'!$G$21=$B$10,7,0)+IF('Standard Profiles'!$G$21=$B$17,14,0)+IF('Standard Profiles'!$G$21=$B$24,21,0),0)),0)</f>
        <v>0</v>
      </c>
      <c r="H5505" cm="1">
        <f t="array" ref="H5505">IFERROR(INDEX(Jesper!AL$2:AL$366,ROUNDDOWN($C5505/24,0)+1,1)*INDEX($D$3:$AA$30,INDEX(Jesper!$R$2:$R$366,ROW(INDEX(Jesper!AL$2:AL$366,ROUNDDOWN($C5505/24,0)+1,1))-1)+IF('Standard Profiles'!$G$22=$B$10,7,0)+IF('Standard Profiles'!$G$22=$B$17,14,0)+IF('Standard Profiles'!$G$22=$B$24,21,0),MOD($C5505,24)+1)/SUM(INDEX($D$3:$AA$30,INDEX(Jesper!$R$2:$R$366,ROW(INDEX(Jesper!AL$2:AL$366,ROUNDDOWN($C5505/24,0)+1,1))-1)+IF('Standard Profiles'!$G$22=$B$10,7,0)+IF('Standard Profiles'!$G$22=$B$17,14,0)+IF('Standard Profiles'!$G$22=$B$24,21,0),0)),0)</f>
        <v>0</v>
      </c>
      <c r="I5505">
        <f t="shared" si="615"/>
        <v>0</v>
      </c>
      <c r="J5505">
        <f t="shared" si="616"/>
        <v>6.2150177719189994</v>
      </c>
      <c r="K5505">
        <f t="shared" si="617"/>
        <v>0.5488648909428514</v>
      </c>
      <c r="L5505">
        <f t="shared" si="618"/>
        <v>0.2744324454714257</v>
      </c>
      <c r="M5505">
        <f t="shared" si="619"/>
        <v>0</v>
      </c>
      <c r="N5505" s="45">
        <f t="shared" si="620"/>
        <v>45154.958333320064</v>
      </c>
    </row>
    <row r="5506" spans="2:14" x14ac:dyDescent="0.25">
      <c r="B5506">
        <f t="shared" si="614"/>
        <v>4</v>
      </c>
      <c r="C5506" s="16">
        <v>5472</v>
      </c>
      <c r="D5506" cm="1">
        <f t="array" ref="D5506">IFERROR(INDEX(Jesper!AH$2:AH$366,ROUNDDOWN($C5506/24,0)+1,1)*INDEX($D$3:$AA$30,INDEX(Jesper!$R$2:$R$366,ROW(INDEX(Jesper!AH$2:AH$366,ROUNDDOWN($C5506/24,0)+1,1))-1)+IF('Standard Profiles'!$G$18=$B$10,7,0)+IF('Standard Profiles'!$G$18=$B$17,14,0)+IF('Standard Profiles'!$G$18=$B$24,21,0),MOD($C5506,24)+1)/SUM(INDEX($D$3:$AA$30,INDEX(Jesper!$R$2:$R$366,ROW(INDEX(Jesper!AH$2:AH$366,ROUNDDOWN($C5506/24,0)+1,1))-1)+IF('Standard Profiles'!$G$18=$B$10,7,0)+IF('Standard Profiles'!$G$18=$B$17,14,0)+IF('Standard Profiles'!$G$18=$B$24,21,0),0)),0)</f>
        <v>5.2715893049446922</v>
      </c>
      <c r="E5506" cm="1">
        <f t="array" ref="E5506">IFERROR(INDEX(Jesper!AI$2:AI$366,ROUNDDOWN($C5506/24,0)+1,1)*INDEX($D$3:$AA$30,INDEX(Jesper!$R$2:$R$366,ROW(INDEX(Jesper!AI$2:AI$366,ROUNDDOWN($C5506/24,0)+1,1))-1)+IF('Standard Profiles'!$G$19=$B$10,7,0)+IF('Standard Profiles'!$G$19=$B$17,14,0)+IF('Standard Profiles'!$G$19=$B$24,21,0),MOD($C5506,24)+1)/SUM(INDEX($D$3:$AA$30,INDEX(Jesper!$R$2:$R$366,ROW(INDEX(Jesper!AI$2:AI$366,ROUNDDOWN($C5506/24,0)+1,1))-1)+IF('Standard Profiles'!$G$19=$B$10,7,0)+IF('Standard Profiles'!$G$19=$B$17,14,0)+IF('Standard Profiles'!$G$19=$B$24,21,0),0)),0)</f>
        <v>2.1282050521331177</v>
      </c>
      <c r="F5506" cm="1">
        <f t="array" ref="F5506">IFERROR(INDEX(Jesper!AJ$2:AJ$366,ROUNDDOWN($C5506/24,0)+1,1)*INDEX($D$3:$AA$30,INDEX(Jesper!$R$2:$R$366,ROW(INDEX(Jesper!AJ$2:AJ$366,ROUNDDOWN($C5506/24,0)+1,1))-1)+IF('Standard Profiles'!$G$20=$B$10,7,0)+IF('Standard Profiles'!$G$20=$B$17,14,0)+IF('Standard Profiles'!$G$20=$B$24,21,0),MOD($C5506,24)+1)/SUM(INDEX($D$3:$AA$30,INDEX(Jesper!$R$2:$R$366,ROW(INDEX(Jesper!AJ$2:AJ$366,ROUNDDOWN($C5506/24,0)+1,1))-1)+IF('Standard Profiles'!$G$20=$B$10,7,0)+IF('Standard Profiles'!$G$20=$B$17,14,0)+IF('Standard Profiles'!$G$20=$B$24,21,0),0)),0)</f>
        <v>0</v>
      </c>
      <c r="G5506" cm="1">
        <f t="array" ref="G5506">IFERROR(INDEX(Jesper!AK$2:AK$366,ROUNDDOWN($C5506/24,0)+1,1)*INDEX($D$3:$AA$30,INDEX(Jesper!$R$2:$R$366,ROW(INDEX(Jesper!AK$2:AK$366,ROUNDDOWN($C5506/24,0)+1,1))-1)+IF('Standard Profiles'!$G$21=$B$10,7,0)+IF('Standard Profiles'!$G$21=$B$17,14,0)+IF('Standard Profiles'!$G$21=$B$24,21,0),MOD($C5506,24)+1)/SUM(INDEX($D$3:$AA$30,INDEX(Jesper!$R$2:$R$366,ROW(INDEX(Jesper!AK$2:AK$366,ROUNDDOWN($C5506/24,0)+1,1))-1)+IF('Standard Profiles'!$G$21=$B$10,7,0)+IF('Standard Profiles'!$G$21=$B$17,14,0)+IF('Standard Profiles'!$G$21=$B$24,21,0),0)),0)</f>
        <v>2.832211349437724E-2</v>
      </c>
      <c r="H5506" cm="1">
        <f t="array" ref="H5506">IFERROR(INDEX(Jesper!AL$2:AL$366,ROUNDDOWN($C5506/24,0)+1,1)*INDEX($D$3:$AA$30,INDEX(Jesper!$R$2:$R$366,ROW(INDEX(Jesper!AL$2:AL$366,ROUNDDOWN($C5506/24,0)+1,1))-1)+IF('Standard Profiles'!$G$22=$B$10,7,0)+IF('Standard Profiles'!$G$22=$B$17,14,0)+IF('Standard Profiles'!$G$22=$B$24,21,0),MOD($C5506,24)+1)/SUM(INDEX($D$3:$AA$30,INDEX(Jesper!$R$2:$R$366,ROW(INDEX(Jesper!AL$2:AL$366,ROUNDDOWN($C5506/24,0)+1,1))-1)+IF('Standard Profiles'!$G$22=$B$10,7,0)+IF('Standard Profiles'!$G$22=$B$17,14,0)+IF('Standard Profiles'!$G$22=$B$24,21,0),0)),0)</f>
        <v>0</v>
      </c>
      <c r="I5506">
        <f t="shared" si="615"/>
        <v>1.3594614477301068E-2</v>
      </c>
      <c r="J5506">
        <f t="shared" si="616"/>
        <v>6.5710675673037349</v>
      </c>
      <c r="K5506">
        <f t="shared" si="617"/>
        <v>0.5623028591941005</v>
      </c>
      <c r="L5506">
        <f t="shared" si="618"/>
        <v>0.28115142959705025</v>
      </c>
      <c r="M5506">
        <f t="shared" si="619"/>
        <v>0</v>
      </c>
      <c r="N5506" s="45">
        <f t="shared" si="620"/>
        <v>45154.999999986729</v>
      </c>
    </row>
    <row r="5507" spans="2:14" x14ac:dyDescent="0.25">
      <c r="B5507">
        <f t="shared" si="614"/>
        <v>4</v>
      </c>
      <c r="C5507" s="16">
        <v>5473</v>
      </c>
      <c r="D5507" cm="1">
        <f t="array" ref="D5507">IFERROR(INDEX(Jesper!AH$2:AH$366,ROUNDDOWN($C5507/24,0)+1,1)*INDEX($D$3:$AA$30,INDEX(Jesper!$R$2:$R$366,ROW(INDEX(Jesper!AH$2:AH$366,ROUNDDOWN($C5507/24,0)+1,1))-1)+IF('Standard Profiles'!$G$18=$B$10,7,0)+IF('Standard Profiles'!$G$18=$B$17,14,0)+IF('Standard Profiles'!$G$18=$B$24,21,0),MOD($C5507,24)+1)/SUM(INDEX($D$3:$AA$30,INDEX(Jesper!$R$2:$R$366,ROW(INDEX(Jesper!AH$2:AH$366,ROUNDDOWN($C5507/24,0)+1,1))-1)+IF('Standard Profiles'!$G$18=$B$10,7,0)+IF('Standard Profiles'!$G$18=$B$17,14,0)+IF('Standard Profiles'!$G$18=$B$24,21,0),0)),0)</f>
        <v>5.2715893049446922</v>
      </c>
      <c r="E5507" cm="1">
        <f t="array" ref="E5507">IFERROR(INDEX(Jesper!AI$2:AI$366,ROUNDDOWN($C5507/24,0)+1,1)*INDEX($D$3:$AA$30,INDEX(Jesper!$R$2:$R$366,ROW(INDEX(Jesper!AI$2:AI$366,ROUNDDOWN($C5507/24,0)+1,1))-1)+IF('Standard Profiles'!$G$19=$B$10,7,0)+IF('Standard Profiles'!$G$19=$B$17,14,0)+IF('Standard Profiles'!$G$19=$B$24,21,0),MOD($C5507,24)+1)/SUM(INDEX($D$3:$AA$30,INDEX(Jesper!$R$2:$R$366,ROW(INDEX(Jesper!AI$2:AI$366,ROUNDDOWN($C5507/24,0)+1,1))-1)+IF('Standard Profiles'!$G$19=$B$10,7,0)+IF('Standard Profiles'!$G$19=$B$17,14,0)+IF('Standard Profiles'!$G$19=$B$24,21,0),0)),0)</f>
        <v>2.1282050521331177</v>
      </c>
      <c r="F5507" cm="1">
        <f t="array" ref="F5507">IFERROR(INDEX(Jesper!AJ$2:AJ$366,ROUNDDOWN($C5507/24,0)+1,1)*INDEX($D$3:$AA$30,INDEX(Jesper!$R$2:$R$366,ROW(INDEX(Jesper!AJ$2:AJ$366,ROUNDDOWN($C5507/24,0)+1,1))-1)+IF('Standard Profiles'!$G$20=$B$10,7,0)+IF('Standard Profiles'!$G$20=$B$17,14,0)+IF('Standard Profiles'!$G$20=$B$24,21,0),MOD($C5507,24)+1)/SUM(INDEX($D$3:$AA$30,INDEX(Jesper!$R$2:$R$366,ROW(INDEX(Jesper!AJ$2:AJ$366,ROUNDDOWN($C5507/24,0)+1,1))-1)+IF('Standard Profiles'!$G$20=$B$10,7,0)+IF('Standard Profiles'!$G$20=$B$17,14,0)+IF('Standard Profiles'!$G$20=$B$24,21,0),0)),0)</f>
        <v>0</v>
      </c>
      <c r="G5507" cm="1">
        <f t="array" ref="G5507">IFERROR(INDEX(Jesper!AK$2:AK$366,ROUNDDOWN($C5507/24,0)+1,1)*INDEX($D$3:$AA$30,INDEX(Jesper!$R$2:$R$366,ROW(INDEX(Jesper!AK$2:AK$366,ROUNDDOWN($C5507/24,0)+1,1))-1)+IF('Standard Profiles'!$G$21=$B$10,7,0)+IF('Standard Profiles'!$G$21=$B$17,14,0)+IF('Standard Profiles'!$G$21=$B$24,21,0),MOD($C5507,24)+1)/SUM(INDEX($D$3:$AA$30,INDEX(Jesper!$R$2:$R$366,ROW(INDEX(Jesper!AK$2:AK$366,ROUNDDOWN($C5507/24,0)+1,1))-1)+IF('Standard Profiles'!$G$21=$B$10,7,0)+IF('Standard Profiles'!$G$21=$B$17,14,0)+IF('Standard Profiles'!$G$21=$B$24,21,0),0)),0)</f>
        <v>2.832211349437724E-2</v>
      </c>
      <c r="H5507" cm="1">
        <f t="array" ref="H5507">IFERROR(INDEX(Jesper!AL$2:AL$366,ROUNDDOWN($C5507/24,0)+1,1)*INDEX($D$3:$AA$30,INDEX(Jesper!$R$2:$R$366,ROW(INDEX(Jesper!AL$2:AL$366,ROUNDDOWN($C5507/24,0)+1,1))-1)+IF('Standard Profiles'!$G$22=$B$10,7,0)+IF('Standard Profiles'!$G$22=$B$17,14,0)+IF('Standard Profiles'!$G$22=$B$24,21,0),MOD($C5507,24)+1)/SUM(INDEX($D$3:$AA$30,INDEX(Jesper!$R$2:$R$366,ROW(INDEX(Jesper!AL$2:AL$366,ROUNDDOWN($C5507/24,0)+1,1))-1)+IF('Standard Profiles'!$G$22=$B$10,7,0)+IF('Standard Profiles'!$G$22=$B$17,14,0)+IF('Standard Profiles'!$G$22=$B$24,21,0),0)),0)</f>
        <v>0</v>
      </c>
      <c r="I5507">
        <f t="shared" si="615"/>
        <v>1.3594614477301068E-2</v>
      </c>
      <c r="J5507">
        <f t="shared" si="616"/>
        <v>6.5710675673037349</v>
      </c>
      <c r="K5507">
        <f t="shared" si="617"/>
        <v>0.5623028591941005</v>
      </c>
      <c r="L5507">
        <f t="shared" si="618"/>
        <v>0.28115142959705025</v>
      </c>
      <c r="M5507">
        <f t="shared" si="619"/>
        <v>0</v>
      </c>
      <c r="N5507" s="45">
        <f t="shared" si="620"/>
        <v>45155.041666653393</v>
      </c>
    </row>
    <row r="5508" spans="2:14" x14ac:dyDescent="0.25">
      <c r="B5508">
        <f t="shared" si="614"/>
        <v>4</v>
      </c>
      <c r="C5508" s="16">
        <v>5474</v>
      </c>
      <c r="D5508" cm="1">
        <f t="array" ref="D5508">IFERROR(INDEX(Jesper!AH$2:AH$366,ROUNDDOWN($C5508/24,0)+1,1)*INDEX($D$3:$AA$30,INDEX(Jesper!$R$2:$R$366,ROW(INDEX(Jesper!AH$2:AH$366,ROUNDDOWN($C5508/24,0)+1,1))-1)+IF('Standard Profiles'!$G$18=$B$10,7,0)+IF('Standard Profiles'!$G$18=$B$17,14,0)+IF('Standard Profiles'!$G$18=$B$24,21,0),MOD($C5508,24)+1)/SUM(INDEX($D$3:$AA$30,INDEX(Jesper!$R$2:$R$366,ROW(INDEX(Jesper!AH$2:AH$366,ROUNDDOWN($C5508/24,0)+1,1))-1)+IF('Standard Profiles'!$G$18=$B$10,7,0)+IF('Standard Profiles'!$G$18=$B$17,14,0)+IF('Standard Profiles'!$G$18=$B$24,21,0),0)),0)</f>
        <v>5.2715893049446922</v>
      </c>
      <c r="E5508" cm="1">
        <f t="array" ref="E5508">IFERROR(INDEX(Jesper!AI$2:AI$366,ROUNDDOWN($C5508/24,0)+1,1)*INDEX($D$3:$AA$30,INDEX(Jesper!$R$2:$R$366,ROW(INDEX(Jesper!AI$2:AI$366,ROUNDDOWN($C5508/24,0)+1,1))-1)+IF('Standard Profiles'!$G$19=$B$10,7,0)+IF('Standard Profiles'!$G$19=$B$17,14,0)+IF('Standard Profiles'!$G$19=$B$24,21,0),MOD($C5508,24)+1)/SUM(INDEX($D$3:$AA$30,INDEX(Jesper!$R$2:$R$366,ROW(INDEX(Jesper!AI$2:AI$366,ROUNDDOWN($C5508/24,0)+1,1))-1)+IF('Standard Profiles'!$G$19=$B$10,7,0)+IF('Standard Profiles'!$G$19=$B$17,14,0)+IF('Standard Profiles'!$G$19=$B$24,21,0),0)),0)</f>
        <v>2.1282050521331177</v>
      </c>
      <c r="F5508" cm="1">
        <f t="array" ref="F5508">IFERROR(INDEX(Jesper!AJ$2:AJ$366,ROUNDDOWN($C5508/24,0)+1,1)*INDEX($D$3:$AA$30,INDEX(Jesper!$R$2:$R$366,ROW(INDEX(Jesper!AJ$2:AJ$366,ROUNDDOWN($C5508/24,0)+1,1))-1)+IF('Standard Profiles'!$G$20=$B$10,7,0)+IF('Standard Profiles'!$G$20=$B$17,14,0)+IF('Standard Profiles'!$G$20=$B$24,21,0),MOD($C5508,24)+1)/SUM(INDEX($D$3:$AA$30,INDEX(Jesper!$R$2:$R$366,ROW(INDEX(Jesper!AJ$2:AJ$366,ROUNDDOWN($C5508/24,0)+1,1))-1)+IF('Standard Profiles'!$G$20=$B$10,7,0)+IF('Standard Profiles'!$G$20=$B$17,14,0)+IF('Standard Profiles'!$G$20=$B$24,21,0),0)),0)</f>
        <v>0</v>
      </c>
      <c r="G5508" cm="1">
        <f t="array" ref="G5508">IFERROR(INDEX(Jesper!AK$2:AK$366,ROUNDDOWN($C5508/24,0)+1,1)*INDEX($D$3:$AA$30,INDEX(Jesper!$R$2:$R$366,ROW(INDEX(Jesper!AK$2:AK$366,ROUNDDOWN($C5508/24,0)+1,1))-1)+IF('Standard Profiles'!$G$21=$B$10,7,0)+IF('Standard Profiles'!$G$21=$B$17,14,0)+IF('Standard Profiles'!$G$21=$B$24,21,0),MOD($C5508,24)+1)/SUM(INDEX($D$3:$AA$30,INDEX(Jesper!$R$2:$R$366,ROW(INDEX(Jesper!AK$2:AK$366,ROUNDDOWN($C5508/24,0)+1,1))-1)+IF('Standard Profiles'!$G$21=$B$10,7,0)+IF('Standard Profiles'!$G$21=$B$17,14,0)+IF('Standard Profiles'!$G$21=$B$24,21,0),0)),0)</f>
        <v>2.832211349437724E-2</v>
      </c>
      <c r="H5508" cm="1">
        <f t="array" ref="H5508">IFERROR(INDEX(Jesper!AL$2:AL$366,ROUNDDOWN($C5508/24,0)+1,1)*INDEX($D$3:$AA$30,INDEX(Jesper!$R$2:$R$366,ROW(INDEX(Jesper!AL$2:AL$366,ROUNDDOWN($C5508/24,0)+1,1))-1)+IF('Standard Profiles'!$G$22=$B$10,7,0)+IF('Standard Profiles'!$G$22=$B$17,14,0)+IF('Standard Profiles'!$G$22=$B$24,21,0),MOD($C5508,24)+1)/SUM(INDEX($D$3:$AA$30,INDEX(Jesper!$R$2:$R$366,ROW(INDEX(Jesper!AL$2:AL$366,ROUNDDOWN($C5508/24,0)+1,1))-1)+IF('Standard Profiles'!$G$22=$B$10,7,0)+IF('Standard Profiles'!$G$22=$B$17,14,0)+IF('Standard Profiles'!$G$22=$B$24,21,0),0)),0)</f>
        <v>0</v>
      </c>
      <c r="I5508">
        <f t="shared" si="615"/>
        <v>1.3594614477301068E-2</v>
      </c>
      <c r="J5508">
        <f t="shared" si="616"/>
        <v>6.5710675673037349</v>
      </c>
      <c r="K5508">
        <f t="shared" si="617"/>
        <v>0.5623028591941005</v>
      </c>
      <c r="L5508">
        <f t="shared" si="618"/>
        <v>0.28115142959705025</v>
      </c>
      <c r="M5508">
        <f t="shared" si="619"/>
        <v>0</v>
      </c>
      <c r="N5508" s="45">
        <f t="shared" si="620"/>
        <v>45155.083333320057</v>
      </c>
    </row>
    <row r="5509" spans="2:14" x14ac:dyDescent="0.25">
      <c r="B5509">
        <f t="shared" si="614"/>
        <v>4</v>
      </c>
      <c r="C5509" s="16">
        <v>5475</v>
      </c>
      <c r="D5509" cm="1">
        <f t="array" ref="D5509">IFERROR(INDEX(Jesper!AH$2:AH$366,ROUNDDOWN($C5509/24,0)+1,1)*INDEX($D$3:$AA$30,INDEX(Jesper!$R$2:$R$366,ROW(INDEX(Jesper!AH$2:AH$366,ROUNDDOWN($C5509/24,0)+1,1))-1)+IF('Standard Profiles'!$G$18=$B$10,7,0)+IF('Standard Profiles'!$G$18=$B$17,14,0)+IF('Standard Profiles'!$G$18=$B$24,21,0),MOD($C5509,24)+1)/SUM(INDEX($D$3:$AA$30,INDEX(Jesper!$R$2:$R$366,ROW(INDEX(Jesper!AH$2:AH$366,ROUNDDOWN($C5509/24,0)+1,1))-1)+IF('Standard Profiles'!$G$18=$B$10,7,0)+IF('Standard Profiles'!$G$18=$B$17,14,0)+IF('Standard Profiles'!$G$18=$B$24,21,0),0)),0)</f>
        <v>5.2715893049446922</v>
      </c>
      <c r="E5509" cm="1">
        <f t="array" ref="E5509">IFERROR(INDEX(Jesper!AI$2:AI$366,ROUNDDOWN($C5509/24,0)+1,1)*INDEX($D$3:$AA$30,INDEX(Jesper!$R$2:$R$366,ROW(INDEX(Jesper!AI$2:AI$366,ROUNDDOWN($C5509/24,0)+1,1))-1)+IF('Standard Profiles'!$G$19=$B$10,7,0)+IF('Standard Profiles'!$G$19=$B$17,14,0)+IF('Standard Profiles'!$G$19=$B$24,21,0),MOD($C5509,24)+1)/SUM(INDEX($D$3:$AA$30,INDEX(Jesper!$R$2:$R$366,ROW(INDEX(Jesper!AI$2:AI$366,ROUNDDOWN($C5509/24,0)+1,1))-1)+IF('Standard Profiles'!$G$19=$B$10,7,0)+IF('Standard Profiles'!$G$19=$B$17,14,0)+IF('Standard Profiles'!$G$19=$B$24,21,0),0)),0)</f>
        <v>2.1282050521331177</v>
      </c>
      <c r="F5509" cm="1">
        <f t="array" ref="F5509">IFERROR(INDEX(Jesper!AJ$2:AJ$366,ROUNDDOWN($C5509/24,0)+1,1)*INDEX($D$3:$AA$30,INDEX(Jesper!$R$2:$R$366,ROW(INDEX(Jesper!AJ$2:AJ$366,ROUNDDOWN($C5509/24,0)+1,1))-1)+IF('Standard Profiles'!$G$20=$B$10,7,0)+IF('Standard Profiles'!$G$20=$B$17,14,0)+IF('Standard Profiles'!$G$20=$B$24,21,0),MOD($C5509,24)+1)/SUM(INDEX($D$3:$AA$30,INDEX(Jesper!$R$2:$R$366,ROW(INDEX(Jesper!AJ$2:AJ$366,ROUNDDOWN($C5509/24,0)+1,1))-1)+IF('Standard Profiles'!$G$20=$B$10,7,0)+IF('Standard Profiles'!$G$20=$B$17,14,0)+IF('Standard Profiles'!$G$20=$B$24,21,0),0)),0)</f>
        <v>0</v>
      </c>
      <c r="G5509" cm="1">
        <f t="array" ref="G5509">IFERROR(INDEX(Jesper!AK$2:AK$366,ROUNDDOWN($C5509/24,0)+1,1)*INDEX($D$3:$AA$30,INDEX(Jesper!$R$2:$R$366,ROW(INDEX(Jesper!AK$2:AK$366,ROUNDDOWN($C5509/24,0)+1,1))-1)+IF('Standard Profiles'!$G$21=$B$10,7,0)+IF('Standard Profiles'!$G$21=$B$17,14,0)+IF('Standard Profiles'!$G$21=$B$24,21,0),MOD($C5509,24)+1)/SUM(INDEX($D$3:$AA$30,INDEX(Jesper!$R$2:$R$366,ROW(INDEX(Jesper!AK$2:AK$366,ROUNDDOWN($C5509/24,0)+1,1))-1)+IF('Standard Profiles'!$G$21=$B$10,7,0)+IF('Standard Profiles'!$G$21=$B$17,14,0)+IF('Standard Profiles'!$G$21=$B$24,21,0),0)),0)</f>
        <v>2.832211349437724E-2</v>
      </c>
      <c r="H5509" cm="1">
        <f t="array" ref="H5509">IFERROR(INDEX(Jesper!AL$2:AL$366,ROUNDDOWN($C5509/24,0)+1,1)*INDEX($D$3:$AA$30,INDEX(Jesper!$R$2:$R$366,ROW(INDEX(Jesper!AL$2:AL$366,ROUNDDOWN($C5509/24,0)+1,1))-1)+IF('Standard Profiles'!$G$22=$B$10,7,0)+IF('Standard Profiles'!$G$22=$B$17,14,0)+IF('Standard Profiles'!$G$22=$B$24,21,0),MOD($C5509,24)+1)/SUM(INDEX($D$3:$AA$30,INDEX(Jesper!$R$2:$R$366,ROW(INDEX(Jesper!AL$2:AL$366,ROUNDDOWN($C5509/24,0)+1,1))-1)+IF('Standard Profiles'!$G$22=$B$10,7,0)+IF('Standard Profiles'!$G$22=$B$17,14,0)+IF('Standard Profiles'!$G$22=$B$24,21,0),0)),0)</f>
        <v>0</v>
      </c>
      <c r="I5509">
        <f t="shared" si="615"/>
        <v>1.3594614477301068E-2</v>
      </c>
      <c r="J5509">
        <f t="shared" si="616"/>
        <v>6.5710675673037349</v>
      </c>
      <c r="K5509">
        <f t="shared" si="617"/>
        <v>0.5623028591941005</v>
      </c>
      <c r="L5509">
        <f t="shared" si="618"/>
        <v>0.28115142959705025</v>
      </c>
      <c r="M5509">
        <f t="shared" si="619"/>
        <v>0</v>
      </c>
      <c r="N5509" s="45">
        <f t="shared" si="620"/>
        <v>45155.124999986721</v>
      </c>
    </row>
    <row r="5510" spans="2:14" x14ac:dyDescent="0.25">
      <c r="B5510">
        <f t="shared" si="614"/>
        <v>4</v>
      </c>
      <c r="C5510" s="16">
        <v>5476</v>
      </c>
      <c r="D5510" cm="1">
        <f t="array" ref="D5510">IFERROR(INDEX(Jesper!AH$2:AH$366,ROUNDDOWN($C5510/24,0)+1,1)*INDEX($D$3:$AA$30,INDEX(Jesper!$R$2:$R$366,ROW(INDEX(Jesper!AH$2:AH$366,ROUNDDOWN($C5510/24,0)+1,1))-1)+IF('Standard Profiles'!$G$18=$B$10,7,0)+IF('Standard Profiles'!$G$18=$B$17,14,0)+IF('Standard Profiles'!$G$18=$B$24,21,0),MOD($C5510,24)+1)/SUM(INDEX($D$3:$AA$30,INDEX(Jesper!$R$2:$R$366,ROW(INDEX(Jesper!AH$2:AH$366,ROUNDDOWN($C5510/24,0)+1,1))-1)+IF('Standard Profiles'!$G$18=$B$10,7,0)+IF('Standard Profiles'!$G$18=$B$17,14,0)+IF('Standard Profiles'!$G$18=$B$24,21,0),0)),0)</f>
        <v>5.2715893049446922</v>
      </c>
      <c r="E5510" cm="1">
        <f t="array" ref="E5510">IFERROR(INDEX(Jesper!AI$2:AI$366,ROUNDDOWN($C5510/24,0)+1,1)*INDEX($D$3:$AA$30,INDEX(Jesper!$R$2:$R$366,ROW(INDEX(Jesper!AI$2:AI$366,ROUNDDOWN($C5510/24,0)+1,1))-1)+IF('Standard Profiles'!$G$19=$B$10,7,0)+IF('Standard Profiles'!$G$19=$B$17,14,0)+IF('Standard Profiles'!$G$19=$B$24,21,0),MOD($C5510,24)+1)/SUM(INDEX($D$3:$AA$30,INDEX(Jesper!$R$2:$R$366,ROW(INDEX(Jesper!AI$2:AI$366,ROUNDDOWN($C5510/24,0)+1,1))-1)+IF('Standard Profiles'!$G$19=$B$10,7,0)+IF('Standard Profiles'!$G$19=$B$17,14,0)+IF('Standard Profiles'!$G$19=$B$24,21,0),0)),0)</f>
        <v>2.1282050521331177</v>
      </c>
      <c r="F5510" cm="1">
        <f t="array" ref="F5510">IFERROR(INDEX(Jesper!AJ$2:AJ$366,ROUNDDOWN($C5510/24,0)+1,1)*INDEX($D$3:$AA$30,INDEX(Jesper!$R$2:$R$366,ROW(INDEX(Jesper!AJ$2:AJ$366,ROUNDDOWN($C5510/24,0)+1,1))-1)+IF('Standard Profiles'!$G$20=$B$10,7,0)+IF('Standard Profiles'!$G$20=$B$17,14,0)+IF('Standard Profiles'!$G$20=$B$24,21,0),MOD($C5510,24)+1)/SUM(INDEX($D$3:$AA$30,INDEX(Jesper!$R$2:$R$366,ROW(INDEX(Jesper!AJ$2:AJ$366,ROUNDDOWN($C5510/24,0)+1,1))-1)+IF('Standard Profiles'!$G$20=$B$10,7,0)+IF('Standard Profiles'!$G$20=$B$17,14,0)+IF('Standard Profiles'!$G$20=$B$24,21,0),0)),0)</f>
        <v>0</v>
      </c>
      <c r="G5510" cm="1">
        <f t="array" ref="G5510">IFERROR(INDEX(Jesper!AK$2:AK$366,ROUNDDOWN($C5510/24,0)+1,1)*INDEX($D$3:$AA$30,INDEX(Jesper!$R$2:$R$366,ROW(INDEX(Jesper!AK$2:AK$366,ROUNDDOWN($C5510/24,0)+1,1))-1)+IF('Standard Profiles'!$G$21=$B$10,7,0)+IF('Standard Profiles'!$G$21=$B$17,14,0)+IF('Standard Profiles'!$G$21=$B$24,21,0),MOD($C5510,24)+1)/SUM(INDEX($D$3:$AA$30,INDEX(Jesper!$R$2:$R$366,ROW(INDEX(Jesper!AK$2:AK$366,ROUNDDOWN($C5510/24,0)+1,1))-1)+IF('Standard Profiles'!$G$21=$B$10,7,0)+IF('Standard Profiles'!$G$21=$B$17,14,0)+IF('Standard Profiles'!$G$21=$B$24,21,0),0)),0)</f>
        <v>2.832211349437724E-2</v>
      </c>
      <c r="H5510" cm="1">
        <f t="array" ref="H5510">IFERROR(INDEX(Jesper!AL$2:AL$366,ROUNDDOWN($C5510/24,0)+1,1)*INDEX($D$3:$AA$30,INDEX(Jesper!$R$2:$R$366,ROW(INDEX(Jesper!AL$2:AL$366,ROUNDDOWN($C5510/24,0)+1,1))-1)+IF('Standard Profiles'!$G$22=$B$10,7,0)+IF('Standard Profiles'!$G$22=$B$17,14,0)+IF('Standard Profiles'!$G$22=$B$24,21,0),MOD($C5510,24)+1)/SUM(INDEX($D$3:$AA$30,INDEX(Jesper!$R$2:$R$366,ROW(INDEX(Jesper!AL$2:AL$366,ROUNDDOWN($C5510/24,0)+1,1))-1)+IF('Standard Profiles'!$G$22=$B$10,7,0)+IF('Standard Profiles'!$G$22=$B$17,14,0)+IF('Standard Profiles'!$G$22=$B$24,21,0),0)),0)</f>
        <v>0</v>
      </c>
      <c r="I5510">
        <f t="shared" si="615"/>
        <v>1.3594614477301068E-2</v>
      </c>
      <c r="J5510">
        <f t="shared" si="616"/>
        <v>6.5710675673037349</v>
      </c>
      <c r="K5510">
        <f t="shared" si="617"/>
        <v>0.5623028591941005</v>
      </c>
      <c r="L5510">
        <f t="shared" si="618"/>
        <v>0.28115142959705025</v>
      </c>
      <c r="M5510">
        <f t="shared" si="619"/>
        <v>0</v>
      </c>
      <c r="N5510" s="45">
        <f t="shared" si="620"/>
        <v>45155.166666653386</v>
      </c>
    </row>
    <row r="5511" spans="2:14" x14ac:dyDescent="0.25">
      <c r="B5511">
        <f t="shared" si="614"/>
        <v>4</v>
      </c>
      <c r="C5511" s="16">
        <v>5477</v>
      </c>
      <c r="D5511" cm="1">
        <f t="array" ref="D5511">IFERROR(INDEX(Jesper!AH$2:AH$366,ROUNDDOWN($C5511/24,0)+1,1)*INDEX($D$3:$AA$30,INDEX(Jesper!$R$2:$R$366,ROW(INDEX(Jesper!AH$2:AH$366,ROUNDDOWN($C5511/24,0)+1,1))-1)+IF('Standard Profiles'!$G$18=$B$10,7,0)+IF('Standard Profiles'!$G$18=$B$17,14,0)+IF('Standard Profiles'!$G$18=$B$24,21,0),MOD($C5511,24)+1)/SUM(INDEX($D$3:$AA$30,INDEX(Jesper!$R$2:$R$366,ROW(INDEX(Jesper!AH$2:AH$366,ROUNDDOWN($C5511/24,0)+1,1))-1)+IF('Standard Profiles'!$G$18=$B$10,7,0)+IF('Standard Profiles'!$G$18=$B$17,14,0)+IF('Standard Profiles'!$G$18=$B$24,21,0),0)),0)</f>
        <v>5.2715893049446922</v>
      </c>
      <c r="E5511" cm="1">
        <f t="array" ref="E5511">IFERROR(INDEX(Jesper!AI$2:AI$366,ROUNDDOWN($C5511/24,0)+1,1)*INDEX($D$3:$AA$30,INDEX(Jesper!$R$2:$R$366,ROW(INDEX(Jesper!AI$2:AI$366,ROUNDDOWN($C5511/24,0)+1,1))-1)+IF('Standard Profiles'!$G$19=$B$10,7,0)+IF('Standard Profiles'!$G$19=$B$17,14,0)+IF('Standard Profiles'!$G$19=$B$24,21,0),MOD($C5511,24)+1)/SUM(INDEX($D$3:$AA$30,INDEX(Jesper!$R$2:$R$366,ROW(INDEX(Jesper!AI$2:AI$366,ROUNDDOWN($C5511/24,0)+1,1))-1)+IF('Standard Profiles'!$G$19=$B$10,7,0)+IF('Standard Profiles'!$G$19=$B$17,14,0)+IF('Standard Profiles'!$G$19=$B$24,21,0),0)),0)</f>
        <v>2.1282050521331177</v>
      </c>
      <c r="F5511" cm="1">
        <f t="array" ref="F5511">IFERROR(INDEX(Jesper!AJ$2:AJ$366,ROUNDDOWN($C5511/24,0)+1,1)*INDEX($D$3:$AA$30,INDEX(Jesper!$R$2:$R$366,ROW(INDEX(Jesper!AJ$2:AJ$366,ROUNDDOWN($C5511/24,0)+1,1))-1)+IF('Standard Profiles'!$G$20=$B$10,7,0)+IF('Standard Profiles'!$G$20=$B$17,14,0)+IF('Standard Profiles'!$G$20=$B$24,21,0),MOD($C5511,24)+1)/SUM(INDEX($D$3:$AA$30,INDEX(Jesper!$R$2:$R$366,ROW(INDEX(Jesper!AJ$2:AJ$366,ROUNDDOWN($C5511/24,0)+1,1))-1)+IF('Standard Profiles'!$G$20=$B$10,7,0)+IF('Standard Profiles'!$G$20=$B$17,14,0)+IF('Standard Profiles'!$G$20=$B$24,21,0),0)),0)</f>
        <v>0</v>
      </c>
      <c r="G5511" cm="1">
        <f t="array" ref="G5511">IFERROR(INDEX(Jesper!AK$2:AK$366,ROUNDDOWN($C5511/24,0)+1,1)*INDEX($D$3:$AA$30,INDEX(Jesper!$R$2:$R$366,ROW(INDEX(Jesper!AK$2:AK$366,ROUNDDOWN($C5511/24,0)+1,1))-1)+IF('Standard Profiles'!$G$21=$B$10,7,0)+IF('Standard Profiles'!$G$21=$B$17,14,0)+IF('Standard Profiles'!$G$21=$B$24,21,0),MOD($C5511,24)+1)/SUM(INDEX($D$3:$AA$30,INDEX(Jesper!$R$2:$R$366,ROW(INDEX(Jesper!AK$2:AK$366,ROUNDDOWN($C5511/24,0)+1,1))-1)+IF('Standard Profiles'!$G$21=$B$10,7,0)+IF('Standard Profiles'!$G$21=$B$17,14,0)+IF('Standard Profiles'!$G$21=$B$24,21,0),0)),0)</f>
        <v>2.832211349437724E-2</v>
      </c>
      <c r="H5511" cm="1">
        <f t="array" ref="H5511">IFERROR(INDEX(Jesper!AL$2:AL$366,ROUNDDOWN($C5511/24,0)+1,1)*INDEX($D$3:$AA$30,INDEX(Jesper!$R$2:$R$366,ROW(INDEX(Jesper!AL$2:AL$366,ROUNDDOWN($C5511/24,0)+1,1))-1)+IF('Standard Profiles'!$G$22=$B$10,7,0)+IF('Standard Profiles'!$G$22=$B$17,14,0)+IF('Standard Profiles'!$G$22=$B$24,21,0),MOD($C5511,24)+1)/SUM(INDEX($D$3:$AA$30,INDEX(Jesper!$R$2:$R$366,ROW(INDEX(Jesper!AL$2:AL$366,ROUNDDOWN($C5511/24,0)+1,1))-1)+IF('Standard Profiles'!$G$22=$B$10,7,0)+IF('Standard Profiles'!$G$22=$B$17,14,0)+IF('Standard Profiles'!$G$22=$B$24,21,0),0)),0)</f>
        <v>0</v>
      </c>
      <c r="I5511">
        <f t="shared" si="615"/>
        <v>1.3594614477301068E-2</v>
      </c>
      <c r="J5511">
        <f t="shared" si="616"/>
        <v>6.5710675673037349</v>
      </c>
      <c r="K5511">
        <f t="shared" si="617"/>
        <v>0.5623028591941005</v>
      </c>
      <c r="L5511">
        <f t="shared" si="618"/>
        <v>0.28115142959705025</v>
      </c>
      <c r="M5511">
        <f t="shared" si="619"/>
        <v>0</v>
      </c>
      <c r="N5511" s="45">
        <f t="shared" si="620"/>
        <v>45155.20833332005</v>
      </c>
    </row>
    <row r="5512" spans="2:14" x14ac:dyDescent="0.25">
      <c r="B5512">
        <f t="shared" si="614"/>
        <v>4</v>
      </c>
      <c r="C5512" s="16">
        <v>5478</v>
      </c>
      <c r="D5512" cm="1">
        <f t="array" ref="D5512">IFERROR(INDEX(Jesper!AH$2:AH$366,ROUNDDOWN($C5512/24,0)+1,1)*INDEX($D$3:$AA$30,INDEX(Jesper!$R$2:$R$366,ROW(INDEX(Jesper!AH$2:AH$366,ROUNDDOWN($C5512/24,0)+1,1))-1)+IF('Standard Profiles'!$G$18=$B$10,7,0)+IF('Standard Profiles'!$G$18=$B$17,14,0)+IF('Standard Profiles'!$G$18=$B$24,21,0),MOD($C5512,24)+1)/SUM(INDEX($D$3:$AA$30,INDEX(Jesper!$R$2:$R$366,ROW(INDEX(Jesper!AH$2:AH$366,ROUNDDOWN($C5512/24,0)+1,1))-1)+IF('Standard Profiles'!$G$18=$B$10,7,0)+IF('Standard Profiles'!$G$18=$B$17,14,0)+IF('Standard Profiles'!$G$18=$B$24,21,0),0)),0)</f>
        <v>5.2715893049446922</v>
      </c>
      <c r="E5512" cm="1">
        <f t="array" ref="E5512">IFERROR(INDEX(Jesper!AI$2:AI$366,ROUNDDOWN($C5512/24,0)+1,1)*INDEX($D$3:$AA$30,INDEX(Jesper!$R$2:$R$366,ROW(INDEX(Jesper!AI$2:AI$366,ROUNDDOWN($C5512/24,0)+1,1))-1)+IF('Standard Profiles'!$G$19=$B$10,7,0)+IF('Standard Profiles'!$G$19=$B$17,14,0)+IF('Standard Profiles'!$G$19=$B$24,21,0),MOD($C5512,24)+1)/SUM(INDEX($D$3:$AA$30,INDEX(Jesper!$R$2:$R$366,ROW(INDEX(Jesper!AI$2:AI$366,ROUNDDOWN($C5512/24,0)+1,1))-1)+IF('Standard Profiles'!$G$19=$B$10,7,0)+IF('Standard Profiles'!$G$19=$B$17,14,0)+IF('Standard Profiles'!$G$19=$B$24,21,0),0)),0)</f>
        <v>2.1282050521331177</v>
      </c>
      <c r="F5512" cm="1">
        <f t="array" ref="F5512">IFERROR(INDEX(Jesper!AJ$2:AJ$366,ROUNDDOWN($C5512/24,0)+1,1)*INDEX($D$3:$AA$30,INDEX(Jesper!$R$2:$R$366,ROW(INDEX(Jesper!AJ$2:AJ$366,ROUNDDOWN($C5512/24,0)+1,1))-1)+IF('Standard Profiles'!$G$20=$B$10,7,0)+IF('Standard Profiles'!$G$20=$B$17,14,0)+IF('Standard Profiles'!$G$20=$B$24,21,0),MOD($C5512,24)+1)/SUM(INDEX($D$3:$AA$30,INDEX(Jesper!$R$2:$R$366,ROW(INDEX(Jesper!AJ$2:AJ$366,ROUNDDOWN($C5512/24,0)+1,1))-1)+IF('Standard Profiles'!$G$20=$B$10,7,0)+IF('Standard Profiles'!$G$20=$B$17,14,0)+IF('Standard Profiles'!$G$20=$B$24,21,0),0)),0)</f>
        <v>0</v>
      </c>
      <c r="G5512" cm="1">
        <f t="array" ref="G5512">IFERROR(INDEX(Jesper!AK$2:AK$366,ROUNDDOWN($C5512/24,0)+1,1)*INDEX($D$3:$AA$30,INDEX(Jesper!$R$2:$R$366,ROW(INDEX(Jesper!AK$2:AK$366,ROUNDDOWN($C5512/24,0)+1,1))-1)+IF('Standard Profiles'!$G$21=$B$10,7,0)+IF('Standard Profiles'!$G$21=$B$17,14,0)+IF('Standard Profiles'!$G$21=$B$24,21,0),MOD($C5512,24)+1)/SUM(INDEX($D$3:$AA$30,INDEX(Jesper!$R$2:$R$366,ROW(INDEX(Jesper!AK$2:AK$366,ROUNDDOWN($C5512/24,0)+1,1))-1)+IF('Standard Profiles'!$G$21=$B$10,7,0)+IF('Standard Profiles'!$G$21=$B$17,14,0)+IF('Standard Profiles'!$G$21=$B$24,21,0),0)),0)</f>
        <v>2.832211349437724E-2</v>
      </c>
      <c r="H5512" cm="1">
        <f t="array" ref="H5512">IFERROR(INDEX(Jesper!AL$2:AL$366,ROUNDDOWN($C5512/24,0)+1,1)*INDEX($D$3:$AA$30,INDEX(Jesper!$R$2:$R$366,ROW(INDEX(Jesper!AL$2:AL$366,ROUNDDOWN($C5512/24,0)+1,1))-1)+IF('Standard Profiles'!$G$22=$B$10,7,0)+IF('Standard Profiles'!$G$22=$B$17,14,0)+IF('Standard Profiles'!$G$22=$B$24,21,0),MOD($C5512,24)+1)/SUM(INDEX($D$3:$AA$30,INDEX(Jesper!$R$2:$R$366,ROW(INDEX(Jesper!AL$2:AL$366,ROUNDDOWN($C5512/24,0)+1,1))-1)+IF('Standard Profiles'!$G$22=$B$10,7,0)+IF('Standard Profiles'!$G$22=$B$17,14,0)+IF('Standard Profiles'!$G$22=$B$24,21,0),0)),0)</f>
        <v>0</v>
      </c>
      <c r="I5512">
        <f t="shared" si="615"/>
        <v>1.3594614477301068E-2</v>
      </c>
      <c r="J5512">
        <f t="shared" si="616"/>
        <v>6.5710675673037349</v>
      </c>
      <c r="K5512">
        <f t="shared" si="617"/>
        <v>0.5623028591941005</v>
      </c>
      <c r="L5512">
        <f t="shared" si="618"/>
        <v>0.28115142959705025</v>
      </c>
      <c r="M5512">
        <f t="shared" si="619"/>
        <v>0</v>
      </c>
      <c r="N5512" s="45">
        <f t="shared" si="620"/>
        <v>45155.249999986714</v>
      </c>
    </row>
    <row r="5513" spans="2:14" x14ac:dyDescent="0.25">
      <c r="B5513">
        <f t="shared" si="614"/>
        <v>4</v>
      </c>
      <c r="C5513" s="16">
        <v>5479</v>
      </c>
      <c r="D5513" cm="1">
        <f t="array" ref="D5513">IFERROR(INDEX(Jesper!AH$2:AH$366,ROUNDDOWN($C5513/24,0)+1,1)*INDEX($D$3:$AA$30,INDEX(Jesper!$R$2:$R$366,ROW(INDEX(Jesper!AH$2:AH$366,ROUNDDOWN($C5513/24,0)+1,1))-1)+IF('Standard Profiles'!$G$18=$B$10,7,0)+IF('Standard Profiles'!$G$18=$B$17,14,0)+IF('Standard Profiles'!$G$18=$B$24,21,0),MOD($C5513,24)+1)/SUM(INDEX($D$3:$AA$30,INDEX(Jesper!$R$2:$R$366,ROW(INDEX(Jesper!AH$2:AH$366,ROUNDDOWN($C5513/24,0)+1,1))-1)+IF('Standard Profiles'!$G$18=$B$10,7,0)+IF('Standard Profiles'!$G$18=$B$17,14,0)+IF('Standard Profiles'!$G$18=$B$24,21,0),0)),0)</f>
        <v>21.549618098092086</v>
      </c>
      <c r="E5513" cm="1">
        <f t="array" ref="E5513">IFERROR(INDEX(Jesper!AI$2:AI$366,ROUNDDOWN($C5513/24,0)+1,1)*INDEX($D$3:$AA$30,INDEX(Jesper!$R$2:$R$366,ROW(INDEX(Jesper!AI$2:AI$366,ROUNDDOWN($C5513/24,0)+1,1))-1)+IF('Standard Profiles'!$G$19=$B$10,7,0)+IF('Standard Profiles'!$G$19=$B$17,14,0)+IF('Standard Profiles'!$G$19=$B$24,21,0),MOD($C5513,24)+1)/SUM(INDEX($D$3:$AA$30,INDEX(Jesper!$R$2:$R$366,ROW(INDEX(Jesper!AI$2:AI$366,ROUNDDOWN($C5513/24,0)+1,1))-1)+IF('Standard Profiles'!$G$19=$B$10,7,0)+IF('Standard Profiles'!$G$19=$B$17,14,0)+IF('Standard Profiles'!$G$19=$B$24,21,0),0)),0)</f>
        <v>8.6998442888714411</v>
      </c>
      <c r="F5513" cm="1">
        <f t="array" ref="F5513">IFERROR(INDEX(Jesper!AJ$2:AJ$366,ROUNDDOWN($C5513/24,0)+1,1)*INDEX($D$3:$AA$30,INDEX(Jesper!$R$2:$R$366,ROW(INDEX(Jesper!AJ$2:AJ$366,ROUNDDOWN($C5513/24,0)+1,1))-1)+IF('Standard Profiles'!$G$20=$B$10,7,0)+IF('Standard Profiles'!$G$20=$B$17,14,0)+IF('Standard Profiles'!$G$20=$B$24,21,0),MOD($C5513,24)+1)/SUM(INDEX($D$3:$AA$30,INDEX(Jesper!$R$2:$R$366,ROW(INDEX(Jesper!AJ$2:AJ$366,ROUNDDOWN($C5513/24,0)+1,1))-1)+IF('Standard Profiles'!$G$20=$B$10,7,0)+IF('Standard Profiles'!$G$20=$B$17,14,0)+IF('Standard Profiles'!$G$20=$B$24,21,0),0)),0)</f>
        <v>0</v>
      </c>
      <c r="G5513" cm="1">
        <f t="array" ref="G5513">IFERROR(INDEX(Jesper!AK$2:AK$366,ROUNDDOWN($C5513/24,0)+1,1)*INDEX($D$3:$AA$30,INDEX(Jesper!$R$2:$R$366,ROW(INDEX(Jesper!AK$2:AK$366,ROUNDDOWN($C5513/24,0)+1,1))-1)+IF('Standard Profiles'!$G$21=$B$10,7,0)+IF('Standard Profiles'!$G$21=$B$17,14,0)+IF('Standard Profiles'!$G$21=$B$24,21,0),MOD($C5513,24)+1)/SUM(INDEX($D$3:$AA$30,INDEX(Jesper!$R$2:$R$366,ROW(INDEX(Jesper!AK$2:AK$366,ROUNDDOWN($C5513/24,0)+1,1))-1)+IF('Standard Profiles'!$G$21=$B$10,7,0)+IF('Standard Profiles'!$G$21=$B$17,14,0)+IF('Standard Profiles'!$G$21=$B$24,21,0),0)),0)</f>
        <v>7.8027422677009281E-2</v>
      </c>
      <c r="H5513" cm="1">
        <f t="array" ref="H5513">IFERROR(INDEX(Jesper!AL$2:AL$366,ROUNDDOWN($C5513/24,0)+1,1)*INDEX($D$3:$AA$30,INDEX(Jesper!$R$2:$R$366,ROW(INDEX(Jesper!AL$2:AL$366,ROUNDDOWN($C5513/24,0)+1,1))-1)+IF('Standard Profiles'!$G$22=$B$10,7,0)+IF('Standard Profiles'!$G$22=$B$17,14,0)+IF('Standard Profiles'!$G$22=$B$24,21,0),MOD($C5513,24)+1)/SUM(INDEX($D$3:$AA$30,INDEX(Jesper!$R$2:$R$366,ROW(INDEX(Jesper!AL$2:AL$366,ROUNDDOWN($C5513/24,0)+1,1))-1)+IF('Standard Profiles'!$G$22=$B$10,7,0)+IF('Standard Profiles'!$G$22=$B$17,14,0)+IF('Standard Profiles'!$G$22=$B$24,21,0),0)),0)</f>
        <v>0</v>
      </c>
      <c r="I5513">
        <f t="shared" si="615"/>
        <v>3.7453162884964433E-2</v>
      </c>
      <c r="J5513">
        <f t="shared" si="616"/>
        <v>26.842097751060841</v>
      </c>
      <c r="K5513">
        <f t="shared" si="617"/>
        <v>2.2986259304631562</v>
      </c>
      <c r="L5513">
        <f t="shared" si="618"/>
        <v>1.1493129652315781</v>
      </c>
      <c r="M5513">
        <f t="shared" si="619"/>
        <v>0</v>
      </c>
      <c r="N5513" s="45">
        <f t="shared" si="620"/>
        <v>45155.291666653378</v>
      </c>
    </row>
    <row r="5514" spans="2:14" x14ac:dyDescent="0.25">
      <c r="B5514">
        <f t="shared" si="614"/>
        <v>4</v>
      </c>
      <c r="C5514" s="16">
        <v>5480</v>
      </c>
      <c r="D5514" cm="1">
        <f t="array" ref="D5514">IFERROR(INDEX(Jesper!AH$2:AH$366,ROUNDDOWN($C5514/24,0)+1,1)*INDEX($D$3:$AA$30,INDEX(Jesper!$R$2:$R$366,ROW(INDEX(Jesper!AH$2:AH$366,ROUNDDOWN($C5514/24,0)+1,1))-1)+IF('Standard Profiles'!$G$18=$B$10,7,0)+IF('Standard Profiles'!$G$18=$B$17,14,0)+IF('Standard Profiles'!$G$18=$B$24,21,0),MOD($C5514,24)+1)/SUM(INDEX($D$3:$AA$30,INDEX(Jesper!$R$2:$R$366,ROW(INDEX(Jesper!AH$2:AH$366,ROUNDDOWN($C5514/24,0)+1,1))-1)+IF('Standard Profiles'!$G$18=$B$10,7,0)+IF('Standard Profiles'!$G$18=$B$17,14,0)+IF('Standard Profiles'!$G$18=$B$24,21,0),0)),0)</f>
        <v>24.044837035765912</v>
      </c>
      <c r="E5514" cm="1">
        <f t="array" ref="E5514">IFERROR(INDEX(Jesper!AI$2:AI$366,ROUNDDOWN($C5514/24,0)+1,1)*INDEX($D$3:$AA$30,INDEX(Jesper!$R$2:$R$366,ROW(INDEX(Jesper!AI$2:AI$366,ROUNDDOWN($C5514/24,0)+1,1))-1)+IF('Standard Profiles'!$G$19=$B$10,7,0)+IF('Standard Profiles'!$G$19=$B$17,14,0)+IF('Standard Profiles'!$G$19=$B$24,21,0),MOD($C5514,24)+1)/SUM(INDEX($D$3:$AA$30,INDEX(Jesper!$R$2:$R$366,ROW(INDEX(Jesper!AI$2:AI$366,ROUNDDOWN($C5514/24,0)+1,1))-1)+IF('Standard Profiles'!$G$19=$B$10,7,0)+IF('Standard Profiles'!$G$19=$B$17,14,0)+IF('Standard Profiles'!$G$19=$B$24,21,0),0)),0)</f>
        <v>9.7071946802144495</v>
      </c>
      <c r="F5514" cm="1">
        <f t="array" ref="F5514">IFERROR(INDEX(Jesper!AJ$2:AJ$366,ROUNDDOWN($C5514/24,0)+1,1)*INDEX($D$3:$AA$30,INDEX(Jesper!$R$2:$R$366,ROW(INDEX(Jesper!AJ$2:AJ$366,ROUNDDOWN($C5514/24,0)+1,1))-1)+IF('Standard Profiles'!$G$20=$B$10,7,0)+IF('Standard Profiles'!$G$20=$B$17,14,0)+IF('Standard Profiles'!$G$20=$B$24,21,0),MOD($C5514,24)+1)/SUM(INDEX($D$3:$AA$30,INDEX(Jesper!$R$2:$R$366,ROW(INDEX(Jesper!AJ$2:AJ$366,ROUNDDOWN($C5514/24,0)+1,1))-1)+IF('Standard Profiles'!$G$20=$B$10,7,0)+IF('Standard Profiles'!$G$20=$B$17,14,0)+IF('Standard Profiles'!$G$20=$B$24,21,0),0)),0)</f>
        <v>0</v>
      </c>
      <c r="G5514" cm="1">
        <f t="array" ref="G5514">IFERROR(INDEX(Jesper!AK$2:AK$366,ROUNDDOWN($C5514/24,0)+1,1)*INDEX($D$3:$AA$30,INDEX(Jesper!$R$2:$R$366,ROW(INDEX(Jesper!AK$2:AK$366,ROUNDDOWN($C5514/24,0)+1,1))-1)+IF('Standard Profiles'!$G$21=$B$10,7,0)+IF('Standard Profiles'!$G$21=$B$17,14,0)+IF('Standard Profiles'!$G$21=$B$24,21,0),MOD($C5514,24)+1)/SUM(INDEX($D$3:$AA$30,INDEX(Jesper!$R$2:$R$366,ROW(INDEX(Jesper!AK$2:AK$366,ROUNDDOWN($C5514/24,0)+1,1))-1)+IF('Standard Profiles'!$G$21=$B$10,7,0)+IF('Standard Profiles'!$G$21=$B$17,14,0)+IF('Standard Profiles'!$G$21=$B$24,21,0),0)),0)</f>
        <v>8.7062176881715636E-2</v>
      </c>
      <c r="H5514" cm="1">
        <f t="array" ref="H5514">IFERROR(INDEX(Jesper!AL$2:AL$366,ROUNDDOWN($C5514/24,0)+1,1)*INDEX($D$3:$AA$30,INDEX(Jesper!$R$2:$R$366,ROW(INDEX(Jesper!AL$2:AL$366,ROUNDDOWN($C5514/24,0)+1,1))-1)+IF('Standard Profiles'!$G$22=$B$10,7,0)+IF('Standard Profiles'!$G$22=$B$17,14,0)+IF('Standard Profiles'!$G$22=$B$24,21,0),MOD($C5514,24)+1)/SUM(INDEX($D$3:$AA$30,INDEX(Jesper!$R$2:$R$366,ROW(INDEX(Jesper!AL$2:AL$366,ROUNDDOWN($C5514/24,0)+1,1))-1)+IF('Standard Profiles'!$G$22=$B$10,7,0)+IF('Standard Profiles'!$G$22=$B$17,14,0)+IF('Standard Profiles'!$G$22=$B$24,21,0),0)),0)</f>
        <v>0</v>
      </c>
      <c r="I5514">
        <f t="shared" si="615"/>
        <v>4.1789844903223482E-2</v>
      </c>
      <c r="J5514">
        <f t="shared" si="616"/>
        <v>29.950130122236306</v>
      </c>
      <c r="K5514">
        <f t="shared" si="617"/>
        <v>2.5647826171483641</v>
      </c>
      <c r="L5514">
        <f t="shared" si="618"/>
        <v>1.282391308574182</v>
      </c>
      <c r="M5514">
        <f t="shared" si="619"/>
        <v>0</v>
      </c>
      <c r="N5514" s="45">
        <f t="shared" si="620"/>
        <v>45155.333333320043</v>
      </c>
    </row>
    <row r="5515" spans="2:14" x14ac:dyDescent="0.25">
      <c r="B5515">
        <f t="shared" si="614"/>
        <v>4</v>
      </c>
      <c r="C5515" s="16">
        <v>5481</v>
      </c>
      <c r="D5515" cm="1">
        <f t="array" ref="D5515">IFERROR(INDEX(Jesper!AH$2:AH$366,ROUNDDOWN($C5515/24,0)+1,1)*INDEX($D$3:$AA$30,INDEX(Jesper!$R$2:$R$366,ROW(INDEX(Jesper!AH$2:AH$366,ROUNDDOWN($C5515/24,0)+1,1))-1)+IF('Standard Profiles'!$G$18=$B$10,7,0)+IF('Standard Profiles'!$G$18=$B$17,14,0)+IF('Standard Profiles'!$G$18=$B$24,21,0),MOD($C5515,24)+1)/SUM(INDEX($D$3:$AA$30,INDEX(Jesper!$R$2:$R$366,ROW(INDEX(Jesper!AH$2:AH$366,ROUNDDOWN($C5515/24,0)+1,1))-1)+IF('Standard Profiles'!$G$18=$B$10,7,0)+IF('Standard Profiles'!$G$18=$B$17,14,0)+IF('Standard Profiles'!$G$18=$B$24,21,0),0)),0)</f>
        <v>26.540055973439731</v>
      </c>
      <c r="E5515" cm="1">
        <f t="array" ref="E5515">IFERROR(INDEX(Jesper!AI$2:AI$366,ROUNDDOWN($C5515/24,0)+1,1)*INDEX($D$3:$AA$30,INDEX(Jesper!$R$2:$R$366,ROW(INDEX(Jesper!AI$2:AI$366,ROUNDDOWN($C5515/24,0)+1,1))-1)+IF('Standard Profiles'!$G$19=$B$10,7,0)+IF('Standard Profiles'!$G$19=$B$17,14,0)+IF('Standard Profiles'!$G$19=$B$24,21,0),MOD($C5515,24)+1)/SUM(INDEX($D$3:$AA$30,INDEX(Jesper!$R$2:$R$366,ROW(INDEX(Jesper!AI$2:AI$366,ROUNDDOWN($C5515/24,0)+1,1))-1)+IF('Standard Profiles'!$G$19=$B$10,7,0)+IF('Standard Profiles'!$G$19=$B$17,14,0)+IF('Standard Profiles'!$G$19=$B$24,21,0),0)),0)</f>
        <v>10.71454507155746</v>
      </c>
      <c r="F5515" cm="1">
        <f t="array" ref="F5515">IFERROR(INDEX(Jesper!AJ$2:AJ$366,ROUNDDOWN($C5515/24,0)+1,1)*INDEX($D$3:$AA$30,INDEX(Jesper!$R$2:$R$366,ROW(INDEX(Jesper!AJ$2:AJ$366,ROUNDDOWN($C5515/24,0)+1,1))-1)+IF('Standard Profiles'!$G$20=$B$10,7,0)+IF('Standard Profiles'!$G$20=$B$17,14,0)+IF('Standard Profiles'!$G$20=$B$24,21,0),MOD($C5515,24)+1)/SUM(INDEX($D$3:$AA$30,INDEX(Jesper!$R$2:$R$366,ROW(INDEX(Jesper!AJ$2:AJ$366,ROUNDDOWN($C5515/24,0)+1,1))-1)+IF('Standard Profiles'!$G$20=$B$10,7,0)+IF('Standard Profiles'!$G$20=$B$17,14,0)+IF('Standard Profiles'!$G$20=$B$24,21,0),0)),0)</f>
        <v>0</v>
      </c>
      <c r="G5515" cm="1">
        <f t="array" ref="G5515">IFERROR(INDEX(Jesper!AK$2:AK$366,ROUNDDOWN($C5515/24,0)+1,1)*INDEX($D$3:$AA$30,INDEX(Jesper!$R$2:$R$366,ROW(INDEX(Jesper!AK$2:AK$366,ROUNDDOWN($C5515/24,0)+1,1))-1)+IF('Standard Profiles'!$G$21=$B$10,7,0)+IF('Standard Profiles'!$G$21=$B$17,14,0)+IF('Standard Profiles'!$G$21=$B$24,21,0),MOD($C5515,24)+1)/SUM(INDEX($D$3:$AA$30,INDEX(Jesper!$R$2:$R$366,ROW(INDEX(Jesper!AK$2:AK$366,ROUNDDOWN($C5515/24,0)+1,1))-1)+IF('Standard Profiles'!$G$21=$B$10,7,0)+IF('Standard Profiles'!$G$21=$B$17,14,0)+IF('Standard Profiles'!$G$21=$B$24,21,0),0)),0)</f>
        <v>9.6096931086421963E-2</v>
      </c>
      <c r="H5515" cm="1">
        <f t="array" ref="H5515">IFERROR(INDEX(Jesper!AL$2:AL$366,ROUNDDOWN($C5515/24,0)+1,1)*INDEX($D$3:$AA$30,INDEX(Jesper!$R$2:$R$366,ROW(INDEX(Jesper!AL$2:AL$366,ROUNDDOWN($C5515/24,0)+1,1))-1)+IF('Standard Profiles'!$G$22=$B$10,7,0)+IF('Standard Profiles'!$G$22=$B$17,14,0)+IF('Standard Profiles'!$G$22=$B$24,21,0),MOD($C5515,24)+1)/SUM(INDEX($D$3:$AA$30,INDEX(Jesper!$R$2:$R$366,ROW(INDEX(Jesper!AL$2:AL$366,ROUNDDOWN($C5515/24,0)+1,1))-1)+IF('Standard Profiles'!$G$22=$B$10,7,0)+IF('Standard Profiles'!$G$22=$B$17,14,0)+IF('Standard Profiles'!$G$22=$B$24,21,0),0)),0)</f>
        <v>0</v>
      </c>
      <c r="I5515">
        <f t="shared" si="615"/>
        <v>4.6126526921482516E-2</v>
      </c>
      <c r="J5515">
        <f t="shared" si="616"/>
        <v>33.058162493411771</v>
      </c>
      <c r="K5515">
        <f t="shared" si="617"/>
        <v>2.8309393038335715</v>
      </c>
      <c r="L5515">
        <f t="shared" si="618"/>
        <v>1.4154696519167858</v>
      </c>
      <c r="M5515">
        <f t="shared" si="619"/>
        <v>0</v>
      </c>
      <c r="N5515" s="45">
        <f t="shared" si="620"/>
        <v>45155.374999986707</v>
      </c>
    </row>
    <row r="5516" spans="2:14" x14ac:dyDescent="0.25">
      <c r="B5516">
        <f t="shared" si="614"/>
        <v>4</v>
      </c>
      <c r="C5516" s="16">
        <v>5482</v>
      </c>
      <c r="D5516" cm="1">
        <f t="array" ref="D5516">IFERROR(INDEX(Jesper!AH$2:AH$366,ROUNDDOWN($C5516/24,0)+1,1)*INDEX($D$3:$AA$30,INDEX(Jesper!$R$2:$R$366,ROW(INDEX(Jesper!AH$2:AH$366,ROUNDDOWN($C5516/24,0)+1,1))-1)+IF('Standard Profiles'!$G$18=$B$10,7,0)+IF('Standard Profiles'!$G$18=$B$17,14,0)+IF('Standard Profiles'!$G$18=$B$24,21,0),MOD($C5516,24)+1)/SUM(INDEX($D$3:$AA$30,INDEX(Jesper!$R$2:$R$366,ROW(INDEX(Jesper!AH$2:AH$366,ROUNDDOWN($C5516/24,0)+1,1))-1)+IF('Standard Profiles'!$G$18=$B$10,7,0)+IF('Standard Profiles'!$G$18=$B$17,14,0)+IF('Standard Profiles'!$G$18=$B$24,21,0),0)),0)</f>
        <v>26.540055973439731</v>
      </c>
      <c r="E5516" cm="1">
        <f t="array" ref="E5516">IFERROR(INDEX(Jesper!AI$2:AI$366,ROUNDDOWN($C5516/24,0)+1,1)*INDEX($D$3:$AA$30,INDEX(Jesper!$R$2:$R$366,ROW(INDEX(Jesper!AI$2:AI$366,ROUNDDOWN($C5516/24,0)+1,1))-1)+IF('Standard Profiles'!$G$19=$B$10,7,0)+IF('Standard Profiles'!$G$19=$B$17,14,0)+IF('Standard Profiles'!$G$19=$B$24,21,0),MOD($C5516,24)+1)/SUM(INDEX($D$3:$AA$30,INDEX(Jesper!$R$2:$R$366,ROW(INDEX(Jesper!AI$2:AI$366,ROUNDDOWN($C5516/24,0)+1,1))-1)+IF('Standard Profiles'!$G$19=$B$10,7,0)+IF('Standard Profiles'!$G$19=$B$17,14,0)+IF('Standard Profiles'!$G$19=$B$24,21,0),0)),0)</f>
        <v>10.71454507155746</v>
      </c>
      <c r="F5516" cm="1">
        <f t="array" ref="F5516">IFERROR(INDEX(Jesper!AJ$2:AJ$366,ROUNDDOWN($C5516/24,0)+1,1)*INDEX($D$3:$AA$30,INDEX(Jesper!$R$2:$R$366,ROW(INDEX(Jesper!AJ$2:AJ$366,ROUNDDOWN($C5516/24,0)+1,1))-1)+IF('Standard Profiles'!$G$20=$B$10,7,0)+IF('Standard Profiles'!$G$20=$B$17,14,0)+IF('Standard Profiles'!$G$20=$B$24,21,0),MOD($C5516,24)+1)/SUM(INDEX($D$3:$AA$30,INDEX(Jesper!$R$2:$R$366,ROW(INDEX(Jesper!AJ$2:AJ$366,ROUNDDOWN($C5516/24,0)+1,1))-1)+IF('Standard Profiles'!$G$20=$B$10,7,0)+IF('Standard Profiles'!$G$20=$B$17,14,0)+IF('Standard Profiles'!$G$20=$B$24,21,0),0)),0)</f>
        <v>0</v>
      </c>
      <c r="G5516" cm="1">
        <f t="array" ref="G5516">IFERROR(INDEX(Jesper!AK$2:AK$366,ROUNDDOWN($C5516/24,0)+1,1)*INDEX($D$3:$AA$30,INDEX(Jesper!$R$2:$R$366,ROW(INDEX(Jesper!AK$2:AK$366,ROUNDDOWN($C5516/24,0)+1,1))-1)+IF('Standard Profiles'!$G$21=$B$10,7,0)+IF('Standard Profiles'!$G$21=$B$17,14,0)+IF('Standard Profiles'!$G$21=$B$24,21,0),MOD($C5516,24)+1)/SUM(INDEX($D$3:$AA$30,INDEX(Jesper!$R$2:$R$366,ROW(INDEX(Jesper!AK$2:AK$366,ROUNDDOWN($C5516/24,0)+1,1))-1)+IF('Standard Profiles'!$G$21=$B$10,7,0)+IF('Standard Profiles'!$G$21=$B$17,14,0)+IF('Standard Profiles'!$G$21=$B$24,21,0),0)),0)</f>
        <v>9.6096931086421963E-2</v>
      </c>
      <c r="H5516" cm="1">
        <f t="array" ref="H5516">IFERROR(INDEX(Jesper!AL$2:AL$366,ROUNDDOWN($C5516/24,0)+1,1)*INDEX($D$3:$AA$30,INDEX(Jesper!$R$2:$R$366,ROW(INDEX(Jesper!AL$2:AL$366,ROUNDDOWN($C5516/24,0)+1,1))-1)+IF('Standard Profiles'!$G$22=$B$10,7,0)+IF('Standard Profiles'!$G$22=$B$17,14,0)+IF('Standard Profiles'!$G$22=$B$24,21,0),MOD($C5516,24)+1)/SUM(INDEX($D$3:$AA$30,INDEX(Jesper!$R$2:$R$366,ROW(INDEX(Jesper!AL$2:AL$366,ROUNDDOWN($C5516/24,0)+1,1))-1)+IF('Standard Profiles'!$G$22=$B$10,7,0)+IF('Standard Profiles'!$G$22=$B$17,14,0)+IF('Standard Profiles'!$G$22=$B$24,21,0),0)),0)</f>
        <v>0</v>
      </c>
      <c r="I5516">
        <f t="shared" si="615"/>
        <v>4.6126526921482516E-2</v>
      </c>
      <c r="J5516">
        <f t="shared" si="616"/>
        <v>33.058162493411771</v>
      </c>
      <c r="K5516">
        <f t="shared" si="617"/>
        <v>2.8309393038335715</v>
      </c>
      <c r="L5516">
        <f t="shared" si="618"/>
        <v>1.4154696519167858</v>
      </c>
      <c r="M5516">
        <f t="shared" si="619"/>
        <v>0</v>
      </c>
      <c r="N5516" s="45">
        <f t="shared" si="620"/>
        <v>45155.416666653371</v>
      </c>
    </row>
    <row r="5517" spans="2:14" x14ac:dyDescent="0.25">
      <c r="B5517">
        <f t="shared" si="614"/>
        <v>4</v>
      </c>
      <c r="C5517" s="16">
        <v>5483</v>
      </c>
      <c r="D5517" cm="1">
        <f t="array" ref="D5517">IFERROR(INDEX(Jesper!AH$2:AH$366,ROUNDDOWN($C5517/24,0)+1,1)*INDEX($D$3:$AA$30,INDEX(Jesper!$R$2:$R$366,ROW(INDEX(Jesper!AH$2:AH$366,ROUNDDOWN($C5517/24,0)+1,1))-1)+IF('Standard Profiles'!$G$18=$B$10,7,0)+IF('Standard Profiles'!$G$18=$B$17,14,0)+IF('Standard Profiles'!$G$18=$B$24,21,0),MOD($C5517,24)+1)/SUM(INDEX($D$3:$AA$30,INDEX(Jesper!$R$2:$R$366,ROW(INDEX(Jesper!AH$2:AH$366,ROUNDDOWN($C5517/24,0)+1,1))-1)+IF('Standard Profiles'!$G$18=$B$10,7,0)+IF('Standard Profiles'!$G$18=$B$17,14,0)+IF('Standard Profiles'!$G$18=$B$24,21,0),0)),0)</f>
        <v>31.75733193403045</v>
      </c>
      <c r="E5517" cm="1">
        <f t="array" ref="E5517">IFERROR(INDEX(Jesper!AI$2:AI$366,ROUNDDOWN($C5517/24,0)+1,1)*INDEX($D$3:$AA$30,INDEX(Jesper!$R$2:$R$366,ROW(INDEX(Jesper!AI$2:AI$366,ROUNDDOWN($C5517/24,0)+1,1))-1)+IF('Standard Profiles'!$G$19=$B$10,7,0)+IF('Standard Profiles'!$G$19=$B$17,14,0)+IF('Standard Profiles'!$G$19=$B$24,21,0),MOD($C5517,24)+1)/SUM(INDEX($D$3:$AA$30,INDEX(Jesper!$R$2:$R$366,ROW(INDEX(Jesper!AI$2:AI$366,ROUNDDOWN($C5517/24,0)+1,1))-1)+IF('Standard Profiles'!$G$19=$B$10,7,0)+IF('Standard Profiles'!$G$19=$B$17,14,0)+IF('Standard Profiles'!$G$19=$B$24,21,0),0)),0)</f>
        <v>12.820823162547388</v>
      </c>
      <c r="F5517" cm="1">
        <f t="array" ref="F5517">IFERROR(INDEX(Jesper!AJ$2:AJ$366,ROUNDDOWN($C5517/24,0)+1,1)*INDEX($D$3:$AA$30,INDEX(Jesper!$R$2:$R$366,ROW(INDEX(Jesper!AJ$2:AJ$366,ROUNDDOWN($C5517/24,0)+1,1))-1)+IF('Standard Profiles'!$G$20=$B$10,7,0)+IF('Standard Profiles'!$G$20=$B$17,14,0)+IF('Standard Profiles'!$G$20=$B$24,21,0),MOD($C5517,24)+1)/SUM(INDEX($D$3:$AA$30,INDEX(Jesper!$R$2:$R$366,ROW(INDEX(Jesper!AJ$2:AJ$366,ROUNDDOWN($C5517/24,0)+1,1))-1)+IF('Standard Profiles'!$G$20=$B$10,7,0)+IF('Standard Profiles'!$G$20=$B$17,14,0)+IF('Standard Profiles'!$G$20=$B$24,21,0),0)),0)</f>
        <v>0</v>
      </c>
      <c r="G5517" cm="1">
        <f t="array" ref="G5517">IFERROR(INDEX(Jesper!AK$2:AK$366,ROUNDDOWN($C5517/24,0)+1,1)*INDEX($D$3:$AA$30,INDEX(Jesper!$R$2:$R$366,ROW(INDEX(Jesper!AK$2:AK$366,ROUNDDOWN($C5517/24,0)+1,1))-1)+IF('Standard Profiles'!$G$21=$B$10,7,0)+IF('Standard Profiles'!$G$21=$B$17,14,0)+IF('Standard Profiles'!$G$21=$B$24,21,0),MOD($C5517,24)+1)/SUM(INDEX($D$3:$AA$30,INDEX(Jesper!$R$2:$R$366,ROW(INDEX(Jesper!AK$2:AK$366,ROUNDDOWN($C5517/24,0)+1,1))-1)+IF('Standard Profiles'!$G$21=$B$10,7,0)+IF('Standard Profiles'!$G$21=$B$17,14,0)+IF('Standard Profiles'!$G$21=$B$24,21,0),0)),0)</f>
        <v>0.11498778078717158</v>
      </c>
      <c r="H5517" cm="1">
        <f t="array" ref="H5517">IFERROR(INDEX(Jesper!AL$2:AL$366,ROUNDDOWN($C5517/24,0)+1,1)*INDEX($D$3:$AA$30,INDEX(Jesper!$R$2:$R$366,ROW(INDEX(Jesper!AL$2:AL$366,ROUNDDOWN($C5517/24,0)+1,1))-1)+IF('Standard Profiles'!$G$22=$B$10,7,0)+IF('Standard Profiles'!$G$22=$B$17,14,0)+IF('Standard Profiles'!$G$22=$B$24,21,0),MOD($C5517,24)+1)/SUM(INDEX($D$3:$AA$30,INDEX(Jesper!$R$2:$R$366,ROW(INDEX(Jesper!AL$2:AL$366,ROUNDDOWN($C5517/24,0)+1,1))-1)+IF('Standard Profiles'!$G$22=$B$10,7,0)+IF('Standard Profiles'!$G$22=$B$17,14,0)+IF('Standard Profiles'!$G$22=$B$24,21,0),0)),0)</f>
        <v>0</v>
      </c>
      <c r="I5517">
        <f t="shared" si="615"/>
        <v>5.5194134777842331E-2</v>
      </c>
      <c r="J5517">
        <f t="shared" si="616"/>
        <v>39.556775633142301</v>
      </c>
      <c r="K5517">
        <f t="shared" si="617"/>
        <v>3.3874487396299151</v>
      </c>
      <c r="L5517">
        <f t="shared" si="618"/>
        <v>1.6937243698149576</v>
      </c>
      <c r="M5517">
        <f t="shared" si="619"/>
        <v>0</v>
      </c>
      <c r="N5517" s="45">
        <f t="shared" si="620"/>
        <v>45155.458333320035</v>
      </c>
    </row>
    <row r="5518" spans="2:14" x14ac:dyDescent="0.25">
      <c r="B5518">
        <f t="shared" si="614"/>
        <v>4</v>
      </c>
      <c r="C5518" s="16">
        <v>5484</v>
      </c>
      <c r="D5518" cm="1">
        <f t="array" ref="D5518">IFERROR(INDEX(Jesper!AH$2:AH$366,ROUNDDOWN($C5518/24,0)+1,1)*INDEX($D$3:$AA$30,INDEX(Jesper!$R$2:$R$366,ROW(INDEX(Jesper!AH$2:AH$366,ROUNDDOWN($C5518/24,0)+1,1))-1)+IF('Standard Profiles'!$G$18=$B$10,7,0)+IF('Standard Profiles'!$G$18=$B$17,14,0)+IF('Standard Profiles'!$G$18=$B$24,21,0),MOD($C5518,24)+1)/SUM(INDEX($D$3:$AA$30,INDEX(Jesper!$R$2:$R$366,ROW(INDEX(Jesper!AH$2:AH$366,ROUNDDOWN($C5518/24,0)+1,1))-1)+IF('Standard Profiles'!$G$18=$B$10,7,0)+IF('Standard Profiles'!$G$18=$B$17,14,0)+IF('Standard Profiles'!$G$18=$B$24,21,0),0)),0)</f>
        <v>31.75733193403045</v>
      </c>
      <c r="E5518" cm="1">
        <f t="array" ref="E5518">IFERROR(INDEX(Jesper!AI$2:AI$366,ROUNDDOWN($C5518/24,0)+1,1)*INDEX($D$3:$AA$30,INDEX(Jesper!$R$2:$R$366,ROW(INDEX(Jesper!AI$2:AI$366,ROUNDDOWN($C5518/24,0)+1,1))-1)+IF('Standard Profiles'!$G$19=$B$10,7,0)+IF('Standard Profiles'!$G$19=$B$17,14,0)+IF('Standard Profiles'!$G$19=$B$24,21,0),MOD($C5518,24)+1)/SUM(INDEX($D$3:$AA$30,INDEX(Jesper!$R$2:$R$366,ROW(INDEX(Jesper!AI$2:AI$366,ROUNDDOWN($C5518/24,0)+1,1))-1)+IF('Standard Profiles'!$G$19=$B$10,7,0)+IF('Standard Profiles'!$G$19=$B$17,14,0)+IF('Standard Profiles'!$G$19=$B$24,21,0),0)),0)</f>
        <v>12.820823162547388</v>
      </c>
      <c r="F5518" cm="1">
        <f t="array" ref="F5518">IFERROR(INDEX(Jesper!AJ$2:AJ$366,ROUNDDOWN($C5518/24,0)+1,1)*INDEX($D$3:$AA$30,INDEX(Jesper!$R$2:$R$366,ROW(INDEX(Jesper!AJ$2:AJ$366,ROUNDDOWN($C5518/24,0)+1,1))-1)+IF('Standard Profiles'!$G$20=$B$10,7,0)+IF('Standard Profiles'!$G$20=$B$17,14,0)+IF('Standard Profiles'!$G$20=$B$24,21,0),MOD($C5518,24)+1)/SUM(INDEX($D$3:$AA$30,INDEX(Jesper!$R$2:$R$366,ROW(INDEX(Jesper!AJ$2:AJ$366,ROUNDDOWN($C5518/24,0)+1,1))-1)+IF('Standard Profiles'!$G$20=$B$10,7,0)+IF('Standard Profiles'!$G$20=$B$17,14,0)+IF('Standard Profiles'!$G$20=$B$24,21,0),0)),0)</f>
        <v>0</v>
      </c>
      <c r="G5518" cm="1">
        <f t="array" ref="G5518">IFERROR(INDEX(Jesper!AK$2:AK$366,ROUNDDOWN($C5518/24,0)+1,1)*INDEX($D$3:$AA$30,INDEX(Jesper!$R$2:$R$366,ROW(INDEX(Jesper!AK$2:AK$366,ROUNDDOWN($C5518/24,0)+1,1))-1)+IF('Standard Profiles'!$G$21=$B$10,7,0)+IF('Standard Profiles'!$G$21=$B$17,14,0)+IF('Standard Profiles'!$G$21=$B$24,21,0),MOD($C5518,24)+1)/SUM(INDEX($D$3:$AA$30,INDEX(Jesper!$R$2:$R$366,ROW(INDEX(Jesper!AK$2:AK$366,ROUNDDOWN($C5518/24,0)+1,1))-1)+IF('Standard Profiles'!$G$21=$B$10,7,0)+IF('Standard Profiles'!$G$21=$B$17,14,0)+IF('Standard Profiles'!$G$21=$B$24,21,0),0)),0)</f>
        <v>0.11498778078717158</v>
      </c>
      <c r="H5518" cm="1">
        <f t="array" ref="H5518">IFERROR(INDEX(Jesper!AL$2:AL$366,ROUNDDOWN($C5518/24,0)+1,1)*INDEX($D$3:$AA$30,INDEX(Jesper!$R$2:$R$366,ROW(INDEX(Jesper!AL$2:AL$366,ROUNDDOWN($C5518/24,0)+1,1))-1)+IF('Standard Profiles'!$G$22=$B$10,7,0)+IF('Standard Profiles'!$G$22=$B$17,14,0)+IF('Standard Profiles'!$G$22=$B$24,21,0),MOD($C5518,24)+1)/SUM(INDEX($D$3:$AA$30,INDEX(Jesper!$R$2:$R$366,ROW(INDEX(Jesper!AL$2:AL$366,ROUNDDOWN($C5518/24,0)+1,1))-1)+IF('Standard Profiles'!$G$22=$B$10,7,0)+IF('Standard Profiles'!$G$22=$B$17,14,0)+IF('Standard Profiles'!$G$22=$B$24,21,0),0)),0)</f>
        <v>0</v>
      </c>
      <c r="I5518">
        <f t="shared" si="615"/>
        <v>5.5194134777842331E-2</v>
      </c>
      <c r="J5518">
        <f t="shared" si="616"/>
        <v>39.556775633142301</v>
      </c>
      <c r="K5518">
        <f t="shared" si="617"/>
        <v>3.3874487396299151</v>
      </c>
      <c r="L5518">
        <f t="shared" si="618"/>
        <v>1.6937243698149576</v>
      </c>
      <c r="M5518">
        <f t="shared" si="619"/>
        <v>0</v>
      </c>
      <c r="N5518" s="45">
        <f t="shared" si="620"/>
        <v>45155.4999999867</v>
      </c>
    </row>
    <row r="5519" spans="2:14" x14ac:dyDescent="0.25">
      <c r="B5519">
        <f t="shared" si="614"/>
        <v>4</v>
      </c>
      <c r="C5519" s="16">
        <v>5485</v>
      </c>
      <c r="D5519" cm="1">
        <f t="array" ref="D5519">IFERROR(INDEX(Jesper!AH$2:AH$366,ROUNDDOWN($C5519/24,0)+1,1)*INDEX($D$3:$AA$30,INDEX(Jesper!$R$2:$R$366,ROW(INDEX(Jesper!AH$2:AH$366,ROUNDDOWN($C5519/24,0)+1,1))-1)+IF('Standard Profiles'!$G$18=$B$10,7,0)+IF('Standard Profiles'!$G$18=$B$17,14,0)+IF('Standard Profiles'!$G$18=$B$24,21,0),MOD($C5519,24)+1)/SUM(INDEX($D$3:$AA$30,INDEX(Jesper!$R$2:$R$366,ROW(INDEX(Jesper!AH$2:AH$366,ROUNDDOWN($C5519/24,0)+1,1))-1)+IF('Standard Profiles'!$G$18=$B$10,7,0)+IF('Standard Profiles'!$G$18=$B$17,14,0)+IF('Standard Profiles'!$G$18=$B$24,21,0),0)),0)</f>
        <v>21.095941927605939</v>
      </c>
      <c r="E5519" cm="1">
        <f t="array" ref="E5519">IFERROR(INDEX(Jesper!AI$2:AI$366,ROUNDDOWN($C5519/24,0)+1,1)*INDEX($D$3:$AA$30,INDEX(Jesper!$R$2:$R$366,ROW(INDEX(Jesper!AI$2:AI$366,ROUNDDOWN($C5519/24,0)+1,1))-1)+IF('Standard Profiles'!$G$19=$B$10,7,0)+IF('Standard Profiles'!$G$19=$B$17,14,0)+IF('Standard Profiles'!$G$19=$B$24,21,0),MOD($C5519,24)+1)/SUM(INDEX($D$3:$AA$30,INDEX(Jesper!$R$2:$R$366,ROW(INDEX(Jesper!AI$2:AI$366,ROUNDDOWN($C5519/24,0)+1,1))-1)+IF('Standard Profiles'!$G$19=$B$10,7,0)+IF('Standard Profiles'!$G$19=$B$17,14,0)+IF('Standard Profiles'!$G$19=$B$24,21,0),0)),0)</f>
        <v>8.5166896722636221</v>
      </c>
      <c r="F5519" cm="1">
        <f t="array" ref="F5519">IFERROR(INDEX(Jesper!AJ$2:AJ$366,ROUNDDOWN($C5519/24,0)+1,1)*INDEX($D$3:$AA$30,INDEX(Jesper!$R$2:$R$366,ROW(INDEX(Jesper!AJ$2:AJ$366,ROUNDDOWN($C5519/24,0)+1,1))-1)+IF('Standard Profiles'!$G$20=$B$10,7,0)+IF('Standard Profiles'!$G$20=$B$17,14,0)+IF('Standard Profiles'!$G$20=$B$24,21,0),MOD($C5519,24)+1)/SUM(INDEX($D$3:$AA$30,INDEX(Jesper!$R$2:$R$366,ROW(INDEX(Jesper!AJ$2:AJ$366,ROUNDDOWN($C5519/24,0)+1,1))-1)+IF('Standard Profiles'!$G$20=$B$10,7,0)+IF('Standard Profiles'!$G$20=$B$17,14,0)+IF('Standard Profiles'!$G$20=$B$24,21,0),0)),0)</f>
        <v>0</v>
      </c>
      <c r="G5519" cm="1">
        <f t="array" ref="G5519">IFERROR(INDEX(Jesper!AK$2:AK$366,ROUNDDOWN($C5519/24,0)+1,1)*INDEX($D$3:$AA$30,INDEX(Jesper!$R$2:$R$366,ROW(INDEX(Jesper!AK$2:AK$366,ROUNDDOWN($C5519/24,0)+1,1))-1)+IF('Standard Profiles'!$G$21=$B$10,7,0)+IF('Standard Profiles'!$G$21=$B$17,14,0)+IF('Standard Profiles'!$G$21=$B$24,21,0),MOD($C5519,24)+1)/SUM(INDEX($D$3:$AA$30,INDEX(Jesper!$R$2:$R$366,ROW(INDEX(Jesper!AK$2:AK$366,ROUNDDOWN($C5519/24,0)+1,1))-1)+IF('Standard Profiles'!$G$21=$B$10,7,0)+IF('Standard Profiles'!$G$21=$B$17,14,0)+IF('Standard Profiles'!$G$21=$B$24,21,0),0)),0)</f>
        <v>7.6384740094335407E-2</v>
      </c>
      <c r="H5519" cm="1">
        <f t="array" ref="H5519">IFERROR(INDEX(Jesper!AL$2:AL$366,ROUNDDOWN($C5519/24,0)+1,1)*INDEX($D$3:$AA$30,INDEX(Jesper!$R$2:$R$366,ROW(INDEX(Jesper!AL$2:AL$366,ROUNDDOWN($C5519/24,0)+1,1))-1)+IF('Standard Profiles'!$G$22=$B$10,7,0)+IF('Standard Profiles'!$G$22=$B$17,14,0)+IF('Standard Profiles'!$G$22=$B$24,21,0),MOD($C5519,24)+1)/SUM(INDEX($D$3:$AA$30,INDEX(Jesper!$R$2:$R$366,ROW(INDEX(Jesper!AL$2:AL$366,ROUNDDOWN($C5519/24,0)+1,1))-1)+IF('Standard Profiles'!$G$22=$B$10,7,0)+IF('Standard Profiles'!$G$22=$B$17,14,0)+IF('Standard Profiles'!$G$22=$B$24,21,0),0)),0)</f>
        <v>0</v>
      </c>
      <c r="I5519">
        <f t="shared" si="615"/>
        <v>3.6664675245280977E-2</v>
      </c>
      <c r="J5519">
        <f t="shared" si="616"/>
        <v>26.277000956301666</v>
      </c>
      <c r="K5519">
        <f t="shared" si="617"/>
        <v>2.2502338056113</v>
      </c>
      <c r="L5519">
        <f t="shared" si="618"/>
        <v>1.12511690280565</v>
      </c>
      <c r="M5519">
        <f t="shared" si="619"/>
        <v>0</v>
      </c>
      <c r="N5519" s="45">
        <f t="shared" si="620"/>
        <v>45155.541666653364</v>
      </c>
    </row>
    <row r="5520" spans="2:14" x14ac:dyDescent="0.25">
      <c r="B5520">
        <f t="shared" si="614"/>
        <v>4</v>
      </c>
      <c r="C5520" s="16">
        <v>5486</v>
      </c>
      <c r="D5520" cm="1">
        <f t="array" ref="D5520">IFERROR(INDEX(Jesper!AH$2:AH$366,ROUNDDOWN($C5520/24,0)+1,1)*INDEX($D$3:$AA$30,INDEX(Jesper!$R$2:$R$366,ROW(INDEX(Jesper!AH$2:AH$366,ROUNDDOWN($C5520/24,0)+1,1))-1)+IF('Standard Profiles'!$G$18=$B$10,7,0)+IF('Standard Profiles'!$G$18=$B$17,14,0)+IF('Standard Profiles'!$G$18=$B$24,21,0),MOD($C5520,24)+1)/SUM(INDEX($D$3:$AA$30,INDEX(Jesper!$R$2:$R$366,ROW(INDEX(Jesper!AH$2:AH$366,ROUNDDOWN($C5520/24,0)+1,1))-1)+IF('Standard Profiles'!$G$18=$B$10,7,0)+IF('Standard Profiles'!$G$18=$B$17,14,0)+IF('Standard Profiles'!$G$18=$B$24,21,0),0)),0)</f>
        <v>31.75733193403045</v>
      </c>
      <c r="E5520" cm="1">
        <f t="array" ref="E5520">IFERROR(INDEX(Jesper!AI$2:AI$366,ROUNDDOWN($C5520/24,0)+1,1)*INDEX($D$3:$AA$30,INDEX(Jesper!$R$2:$R$366,ROW(INDEX(Jesper!AI$2:AI$366,ROUNDDOWN($C5520/24,0)+1,1))-1)+IF('Standard Profiles'!$G$19=$B$10,7,0)+IF('Standard Profiles'!$G$19=$B$17,14,0)+IF('Standard Profiles'!$G$19=$B$24,21,0),MOD($C5520,24)+1)/SUM(INDEX($D$3:$AA$30,INDEX(Jesper!$R$2:$R$366,ROW(INDEX(Jesper!AI$2:AI$366,ROUNDDOWN($C5520/24,0)+1,1))-1)+IF('Standard Profiles'!$G$19=$B$10,7,0)+IF('Standard Profiles'!$G$19=$B$17,14,0)+IF('Standard Profiles'!$G$19=$B$24,21,0),0)),0)</f>
        <v>12.820823162547388</v>
      </c>
      <c r="F5520" cm="1">
        <f t="array" ref="F5520">IFERROR(INDEX(Jesper!AJ$2:AJ$366,ROUNDDOWN($C5520/24,0)+1,1)*INDEX($D$3:$AA$30,INDEX(Jesper!$R$2:$R$366,ROW(INDEX(Jesper!AJ$2:AJ$366,ROUNDDOWN($C5520/24,0)+1,1))-1)+IF('Standard Profiles'!$G$20=$B$10,7,0)+IF('Standard Profiles'!$G$20=$B$17,14,0)+IF('Standard Profiles'!$G$20=$B$24,21,0),MOD($C5520,24)+1)/SUM(INDEX($D$3:$AA$30,INDEX(Jesper!$R$2:$R$366,ROW(INDEX(Jesper!AJ$2:AJ$366,ROUNDDOWN($C5520/24,0)+1,1))-1)+IF('Standard Profiles'!$G$20=$B$10,7,0)+IF('Standard Profiles'!$G$20=$B$17,14,0)+IF('Standard Profiles'!$G$20=$B$24,21,0),0)),0)</f>
        <v>0</v>
      </c>
      <c r="G5520" cm="1">
        <f t="array" ref="G5520">IFERROR(INDEX(Jesper!AK$2:AK$366,ROUNDDOWN($C5520/24,0)+1,1)*INDEX($D$3:$AA$30,INDEX(Jesper!$R$2:$R$366,ROW(INDEX(Jesper!AK$2:AK$366,ROUNDDOWN($C5520/24,0)+1,1))-1)+IF('Standard Profiles'!$G$21=$B$10,7,0)+IF('Standard Profiles'!$G$21=$B$17,14,0)+IF('Standard Profiles'!$G$21=$B$24,21,0),MOD($C5520,24)+1)/SUM(INDEX($D$3:$AA$30,INDEX(Jesper!$R$2:$R$366,ROW(INDEX(Jesper!AK$2:AK$366,ROUNDDOWN($C5520/24,0)+1,1))-1)+IF('Standard Profiles'!$G$21=$B$10,7,0)+IF('Standard Profiles'!$G$21=$B$17,14,0)+IF('Standard Profiles'!$G$21=$B$24,21,0),0)),0)</f>
        <v>0.11498778078717158</v>
      </c>
      <c r="H5520" cm="1">
        <f t="array" ref="H5520">IFERROR(INDEX(Jesper!AL$2:AL$366,ROUNDDOWN($C5520/24,0)+1,1)*INDEX($D$3:$AA$30,INDEX(Jesper!$R$2:$R$366,ROW(INDEX(Jesper!AL$2:AL$366,ROUNDDOWN($C5520/24,0)+1,1))-1)+IF('Standard Profiles'!$G$22=$B$10,7,0)+IF('Standard Profiles'!$G$22=$B$17,14,0)+IF('Standard Profiles'!$G$22=$B$24,21,0),MOD($C5520,24)+1)/SUM(INDEX($D$3:$AA$30,INDEX(Jesper!$R$2:$R$366,ROW(INDEX(Jesper!AL$2:AL$366,ROUNDDOWN($C5520/24,0)+1,1))-1)+IF('Standard Profiles'!$G$22=$B$10,7,0)+IF('Standard Profiles'!$G$22=$B$17,14,0)+IF('Standard Profiles'!$G$22=$B$24,21,0),0)),0)</f>
        <v>0</v>
      </c>
      <c r="I5520">
        <f t="shared" si="615"/>
        <v>5.5194134777842331E-2</v>
      </c>
      <c r="J5520">
        <f t="shared" si="616"/>
        <v>39.556775633142301</v>
      </c>
      <c r="K5520">
        <f t="shared" si="617"/>
        <v>3.3874487396299151</v>
      </c>
      <c r="L5520">
        <f t="shared" si="618"/>
        <v>1.6937243698149576</v>
      </c>
      <c r="M5520">
        <f t="shared" si="619"/>
        <v>0</v>
      </c>
      <c r="N5520" s="45">
        <f t="shared" si="620"/>
        <v>45155.583333320028</v>
      </c>
    </row>
    <row r="5521" spans="2:14" x14ac:dyDescent="0.25">
      <c r="B5521">
        <f t="shared" si="614"/>
        <v>4</v>
      </c>
      <c r="C5521" s="16">
        <v>5487</v>
      </c>
      <c r="D5521" cm="1">
        <f t="array" ref="D5521">IFERROR(INDEX(Jesper!AH$2:AH$366,ROUNDDOWN($C5521/24,0)+1,1)*INDEX($D$3:$AA$30,INDEX(Jesper!$R$2:$R$366,ROW(INDEX(Jesper!AH$2:AH$366,ROUNDDOWN($C5521/24,0)+1,1))-1)+IF('Standard Profiles'!$G$18=$B$10,7,0)+IF('Standard Profiles'!$G$18=$B$17,14,0)+IF('Standard Profiles'!$G$18=$B$24,21,0),MOD($C5521,24)+1)/SUM(INDEX($D$3:$AA$30,INDEX(Jesper!$R$2:$R$366,ROW(INDEX(Jesper!AH$2:AH$366,ROUNDDOWN($C5521/24,0)+1,1))-1)+IF('Standard Profiles'!$G$18=$B$10,7,0)+IF('Standard Profiles'!$G$18=$B$17,14,0)+IF('Standard Profiles'!$G$18=$B$24,21,0),0)),0)</f>
        <v>31.75733193403045</v>
      </c>
      <c r="E5521" cm="1">
        <f t="array" ref="E5521">IFERROR(INDEX(Jesper!AI$2:AI$366,ROUNDDOWN($C5521/24,0)+1,1)*INDEX($D$3:$AA$30,INDEX(Jesper!$R$2:$R$366,ROW(INDEX(Jesper!AI$2:AI$366,ROUNDDOWN($C5521/24,0)+1,1))-1)+IF('Standard Profiles'!$G$19=$B$10,7,0)+IF('Standard Profiles'!$G$19=$B$17,14,0)+IF('Standard Profiles'!$G$19=$B$24,21,0),MOD($C5521,24)+1)/SUM(INDEX($D$3:$AA$30,INDEX(Jesper!$R$2:$R$366,ROW(INDEX(Jesper!AI$2:AI$366,ROUNDDOWN($C5521/24,0)+1,1))-1)+IF('Standard Profiles'!$G$19=$B$10,7,0)+IF('Standard Profiles'!$G$19=$B$17,14,0)+IF('Standard Profiles'!$G$19=$B$24,21,0),0)),0)</f>
        <v>12.820823162547388</v>
      </c>
      <c r="F5521" cm="1">
        <f t="array" ref="F5521">IFERROR(INDEX(Jesper!AJ$2:AJ$366,ROUNDDOWN($C5521/24,0)+1,1)*INDEX($D$3:$AA$30,INDEX(Jesper!$R$2:$R$366,ROW(INDEX(Jesper!AJ$2:AJ$366,ROUNDDOWN($C5521/24,0)+1,1))-1)+IF('Standard Profiles'!$G$20=$B$10,7,0)+IF('Standard Profiles'!$G$20=$B$17,14,0)+IF('Standard Profiles'!$G$20=$B$24,21,0),MOD($C5521,24)+1)/SUM(INDEX($D$3:$AA$30,INDEX(Jesper!$R$2:$R$366,ROW(INDEX(Jesper!AJ$2:AJ$366,ROUNDDOWN($C5521/24,0)+1,1))-1)+IF('Standard Profiles'!$G$20=$B$10,7,0)+IF('Standard Profiles'!$G$20=$B$17,14,0)+IF('Standard Profiles'!$G$20=$B$24,21,0),0)),0)</f>
        <v>0</v>
      </c>
      <c r="G5521" cm="1">
        <f t="array" ref="G5521">IFERROR(INDEX(Jesper!AK$2:AK$366,ROUNDDOWN($C5521/24,0)+1,1)*INDEX($D$3:$AA$30,INDEX(Jesper!$R$2:$R$366,ROW(INDEX(Jesper!AK$2:AK$366,ROUNDDOWN($C5521/24,0)+1,1))-1)+IF('Standard Profiles'!$G$21=$B$10,7,0)+IF('Standard Profiles'!$G$21=$B$17,14,0)+IF('Standard Profiles'!$G$21=$B$24,21,0),MOD($C5521,24)+1)/SUM(INDEX($D$3:$AA$30,INDEX(Jesper!$R$2:$R$366,ROW(INDEX(Jesper!AK$2:AK$366,ROUNDDOWN($C5521/24,0)+1,1))-1)+IF('Standard Profiles'!$G$21=$B$10,7,0)+IF('Standard Profiles'!$G$21=$B$17,14,0)+IF('Standard Profiles'!$G$21=$B$24,21,0),0)),0)</f>
        <v>0.11498778078717158</v>
      </c>
      <c r="H5521" cm="1">
        <f t="array" ref="H5521">IFERROR(INDEX(Jesper!AL$2:AL$366,ROUNDDOWN($C5521/24,0)+1,1)*INDEX($D$3:$AA$30,INDEX(Jesper!$R$2:$R$366,ROW(INDEX(Jesper!AL$2:AL$366,ROUNDDOWN($C5521/24,0)+1,1))-1)+IF('Standard Profiles'!$G$22=$B$10,7,0)+IF('Standard Profiles'!$G$22=$B$17,14,0)+IF('Standard Profiles'!$G$22=$B$24,21,0),MOD($C5521,24)+1)/SUM(INDEX($D$3:$AA$30,INDEX(Jesper!$R$2:$R$366,ROW(INDEX(Jesper!AL$2:AL$366,ROUNDDOWN($C5521/24,0)+1,1))-1)+IF('Standard Profiles'!$G$22=$B$10,7,0)+IF('Standard Profiles'!$G$22=$B$17,14,0)+IF('Standard Profiles'!$G$22=$B$24,21,0),0)),0)</f>
        <v>0</v>
      </c>
      <c r="I5521">
        <f t="shared" si="615"/>
        <v>5.5194134777842331E-2</v>
      </c>
      <c r="J5521">
        <f t="shared" si="616"/>
        <v>39.556775633142301</v>
      </c>
      <c r="K5521">
        <f t="shared" si="617"/>
        <v>3.3874487396299151</v>
      </c>
      <c r="L5521">
        <f t="shared" si="618"/>
        <v>1.6937243698149576</v>
      </c>
      <c r="M5521">
        <f t="shared" si="619"/>
        <v>0</v>
      </c>
      <c r="N5521" s="45">
        <f t="shared" si="620"/>
        <v>45155.624999986692</v>
      </c>
    </row>
    <row r="5522" spans="2:14" x14ac:dyDescent="0.25">
      <c r="B5522">
        <f t="shared" si="614"/>
        <v>4</v>
      </c>
      <c r="C5522" s="16">
        <v>5488</v>
      </c>
      <c r="D5522" cm="1">
        <f t="array" ref="D5522">IFERROR(INDEX(Jesper!AH$2:AH$366,ROUNDDOWN($C5522/24,0)+1,1)*INDEX($D$3:$AA$30,INDEX(Jesper!$R$2:$R$366,ROW(INDEX(Jesper!AH$2:AH$366,ROUNDDOWN($C5522/24,0)+1,1))-1)+IF('Standard Profiles'!$G$18=$B$10,7,0)+IF('Standard Profiles'!$G$18=$B$17,14,0)+IF('Standard Profiles'!$G$18=$B$24,21,0),MOD($C5522,24)+1)/SUM(INDEX($D$3:$AA$30,INDEX(Jesper!$R$2:$R$366,ROW(INDEX(Jesper!AH$2:AH$366,ROUNDDOWN($C5522/24,0)+1,1))-1)+IF('Standard Profiles'!$G$18=$B$10,7,0)+IF('Standard Profiles'!$G$18=$B$17,14,0)+IF('Standard Profiles'!$G$18=$B$24,21,0),0)),0)</f>
        <v>18.71414203255366</v>
      </c>
      <c r="E5522" cm="1">
        <f t="array" ref="E5522">IFERROR(INDEX(Jesper!AI$2:AI$366,ROUNDDOWN($C5522/24,0)+1,1)*INDEX($D$3:$AA$30,INDEX(Jesper!$R$2:$R$366,ROW(INDEX(Jesper!AI$2:AI$366,ROUNDDOWN($C5522/24,0)+1,1))-1)+IF('Standard Profiles'!$G$19=$B$10,7,0)+IF('Standard Profiles'!$G$19=$B$17,14,0)+IF('Standard Profiles'!$G$19=$B$24,21,0),MOD($C5522,24)+1)/SUM(INDEX($D$3:$AA$30,INDEX(Jesper!$R$2:$R$366,ROW(INDEX(Jesper!AI$2:AI$366,ROUNDDOWN($C5522/24,0)+1,1))-1)+IF('Standard Profiles'!$G$19=$B$10,7,0)+IF('Standard Profiles'!$G$19=$B$17,14,0)+IF('Standard Profiles'!$G$19=$B$24,21,0),0)),0)</f>
        <v>7.5551279350725684</v>
      </c>
      <c r="F5522" cm="1">
        <f t="array" ref="F5522">IFERROR(INDEX(Jesper!AJ$2:AJ$366,ROUNDDOWN($C5522/24,0)+1,1)*INDEX($D$3:$AA$30,INDEX(Jesper!$R$2:$R$366,ROW(INDEX(Jesper!AJ$2:AJ$366,ROUNDDOWN($C5522/24,0)+1,1))-1)+IF('Standard Profiles'!$G$20=$B$10,7,0)+IF('Standard Profiles'!$G$20=$B$17,14,0)+IF('Standard Profiles'!$G$20=$B$24,21,0),MOD($C5522,24)+1)/SUM(INDEX($D$3:$AA$30,INDEX(Jesper!$R$2:$R$366,ROW(INDEX(Jesper!AJ$2:AJ$366,ROUNDDOWN($C5522/24,0)+1,1))-1)+IF('Standard Profiles'!$G$20=$B$10,7,0)+IF('Standard Profiles'!$G$20=$B$17,14,0)+IF('Standard Profiles'!$G$20=$B$24,21,0),0)),0)</f>
        <v>0</v>
      </c>
      <c r="G5522" cm="1">
        <f t="array" ref="G5522">IFERROR(INDEX(Jesper!AK$2:AK$366,ROUNDDOWN($C5522/24,0)+1,1)*INDEX($D$3:$AA$30,INDEX(Jesper!$R$2:$R$366,ROW(INDEX(Jesper!AK$2:AK$366,ROUNDDOWN($C5522/24,0)+1,1))-1)+IF('Standard Profiles'!$G$21=$B$10,7,0)+IF('Standard Profiles'!$G$21=$B$17,14,0)+IF('Standard Profiles'!$G$21=$B$24,21,0),MOD($C5522,24)+1)/SUM(INDEX($D$3:$AA$30,INDEX(Jesper!$R$2:$R$366,ROW(INDEX(Jesper!AK$2:AK$366,ROUNDDOWN($C5522/24,0)+1,1))-1)+IF('Standard Profiles'!$G$21=$B$10,7,0)+IF('Standard Profiles'!$G$21=$B$17,14,0)+IF('Standard Profiles'!$G$21=$B$24,21,0),0)),0)</f>
        <v>9.6082770029674802E-2</v>
      </c>
      <c r="H5522" cm="1">
        <f t="array" ref="H5522">IFERROR(INDEX(Jesper!AL$2:AL$366,ROUNDDOWN($C5522/24,0)+1,1)*INDEX($D$3:$AA$30,INDEX(Jesper!$R$2:$R$366,ROW(INDEX(Jesper!AL$2:AL$366,ROUNDDOWN($C5522/24,0)+1,1))-1)+IF('Standard Profiles'!$G$22=$B$10,7,0)+IF('Standard Profiles'!$G$22=$B$17,14,0)+IF('Standard Profiles'!$G$22=$B$24,21,0),MOD($C5522,24)+1)/SUM(INDEX($D$3:$AA$30,INDEX(Jesper!$R$2:$R$366,ROW(INDEX(Jesper!AL$2:AL$366,ROUNDDOWN($C5522/24,0)+1,1))-1)+IF('Standard Profiles'!$G$22=$B$10,7,0)+IF('Standard Profiles'!$G$22=$B$17,14,0)+IF('Standard Profiles'!$G$22=$B$24,21,0),0)),0)</f>
        <v>0</v>
      </c>
      <c r="I5522">
        <f t="shared" si="615"/>
        <v>4.6119729614243883E-2</v>
      </c>
      <c r="J5522">
        <f t="shared" si="616"/>
        <v>23.324970282833075</v>
      </c>
      <c r="K5522">
        <f t="shared" si="617"/>
        <v>1.9961751501390572</v>
      </c>
      <c r="L5522">
        <f t="shared" si="618"/>
        <v>0.99808757506952861</v>
      </c>
      <c r="M5522">
        <f t="shared" si="619"/>
        <v>0</v>
      </c>
      <c r="N5522" s="45">
        <f t="shared" si="620"/>
        <v>45155.666666653357</v>
      </c>
    </row>
    <row r="5523" spans="2:14" x14ac:dyDescent="0.25">
      <c r="B5523">
        <f t="shared" si="614"/>
        <v>4</v>
      </c>
      <c r="C5523" s="16">
        <v>5489</v>
      </c>
      <c r="D5523" cm="1">
        <f t="array" ref="D5523">IFERROR(INDEX(Jesper!AH$2:AH$366,ROUNDDOWN($C5523/24,0)+1,1)*INDEX($D$3:$AA$30,INDEX(Jesper!$R$2:$R$366,ROW(INDEX(Jesper!AH$2:AH$366,ROUNDDOWN($C5523/24,0)+1,1))-1)+IF('Standard Profiles'!$G$18=$B$10,7,0)+IF('Standard Profiles'!$G$18=$B$17,14,0)+IF('Standard Profiles'!$G$18=$B$24,21,0),MOD($C5523,24)+1)/SUM(INDEX($D$3:$AA$30,INDEX(Jesper!$R$2:$R$366,ROW(INDEX(Jesper!AH$2:AH$366,ROUNDDOWN($C5523/24,0)+1,1))-1)+IF('Standard Profiles'!$G$18=$B$10,7,0)+IF('Standard Profiles'!$G$18=$B$17,14,0)+IF('Standard Profiles'!$G$18=$B$24,21,0),0)),0)</f>
        <v>7.9872565226434737</v>
      </c>
      <c r="E5523" cm="1">
        <f t="array" ref="E5523">IFERROR(INDEX(Jesper!AI$2:AI$366,ROUNDDOWN($C5523/24,0)+1,1)*INDEX($D$3:$AA$30,INDEX(Jesper!$R$2:$R$366,ROW(INDEX(Jesper!AI$2:AI$366,ROUNDDOWN($C5523/24,0)+1,1))-1)+IF('Standard Profiles'!$G$19=$B$10,7,0)+IF('Standard Profiles'!$G$19=$B$17,14,0)+IF('Standard Profiles'!$G$19=$B$24,21,0),MOD($C5523,24)+1)/SUM(INDEX($D$3:$AA$30,INDEX(Jesper!$R$2:$R$366,ROW(INDEX(Jesper!AI$2:AI$366,ROUNDDOWN($C5523/24,0)+1,1))-1)+IF('Standard Profiles'!$G$19=$B$10,7,0)+IF('Standard Profiles'!$G$19=$B$17,14,0)+IF('Standard Profiles'!$G$19=$B$24,21,0),0)),0)</f>
        <v>3.2245531092926027</v>
      </c>
      <c r="F5523" cm="1">
        <f t="array" ref="F5523">IFERROR(INDEX(Jesper!AJ$2:AJ$366,ROUNDDOWN($C5523/24,0)+1,1)*INDEX($D$3:$AA$30,INDEX(Jesper!$R$2:$R$366,ROW(INDEX(Jesper!AJ$2:AJ$366,ROUNDDOWN($C5523/24,0)+1,1))-1)+IF('Standard Profiles'!$G$20=$B$10,7,0)+IF('Standard Profiles'!$G$20=$B$17,14,0)+IF('Standard Profiles'!$G$20=$B$24,21,0),MOD($C5523,24)+1)/SUM(INDEX($D$3:$AA$30,INDEX(Jesper!$R$2:$R$366,ROW(INDEX(Jesper!AJ$2:AJ$366,ROUNDDOWN($C5523/24,0)+1,1))-1)+IF('Standard Profiles'!$G$20=$B$10,7,0)+IF('Standard Profiles'!$G$20=$B$17,14,0)+IF('Standard Profiles'!$G$20=$B$24,21,0),0)),0)</f>
        <v>0</v>
      </c>
      <c r="G5523" cm="1">
        <f t="array" ref="G5523">IFERROR(INDEX(Jesper!AK$2:AK$366,ROUNDDOWN($C5523/24,0)+1,1)*INDEX($D$3:$AA$30,INDEX(Jesper!$R$2:$R$366,ROW(INDEX(Jesper!AK$2:AK$366,ROUNDDOWN($C5523/24,0)+1,1))-1)+IF('Standard Profiles'!$G$21=$B$10,7,0)+IF('Standard Profiles'!$G$21=$B$17,14,0)+IF('Standard Profiles'!$G$21=$B$24,21,0),MOD($C5523,24)+1)/SUM(INDEX($D$3:$AA$30,INDEX(Jesper!$R$2:$R$366,ROW(INDEX(Jesper!AK$2:AK$366,ROUNDDOWN($C5523/24,0)+1,1))-1)+IF('Standard Profiles'!$G$21=$B$10,7,0)+IF('Standard Profiles'!$G$21=$B$17,14,0)+IF('Standard Profiles'!$G$21=$B$24,21,0),0)),0)</f>
        <v>7.639890115108261E-2</v>
      </c>
      <c r="H5523" cm="1">
        <f t="array" ref="H5523">IFERROR(INDEX(Jesper!AL$2:AL$366,ROUNDDOWN($C5523/24,0)+1,1)*INDEX($D$3:$AA$30,INDEX(Jesper!$R$2:$R$366,ROW(INDEX(Jesper!AL$2:AL$366,ROUNDDOWN($C5523/24,0)+1,1))-1)+IF('Standard Profiles'!$G$22=$B$10,7,0)+IF('Standard Profiles'!$G$22=$B$17,14,0)+IF('Standard Profiles'!$G$22=$B$24,21,0),MOD($C5523,24)+1)/SUM(INDEX($D$3:$AA$30,INDEX(Jesper!$R$2:$R$366,ROW(INDEX(Jesper!AL$2:AL$366,ROUNDDOWN($C5523/24,0)+1,1))-1)+IF('Standard Profiles'!$G$22=$B$10,7,0)+IF('Standard Profiles'!$G$22=$B$17,14,0)+IF('Standard Profiles'!$G$22=$B$24,21,0),0)),0)</f>
        <v>0</v>
      </c>
      <c r="I5523">
        <f t="shared" si="615"/>
        <v>3.6671472552519638E-2</v>
      </c>
      <c r="J5523">
        <f t="shared" si="616"/>
        <v>9.9735760169116841</v>
      </c>
      <c r="K5523">
        <f t="shared" si="617"/>
        <v>0.85197402908197062</v>
      </c>
      <c r="L5523">
        <f t="shared" si="618"/>
        <v>0.42598701454098531</v>
      </c>
      <c r="M5523">
        <f t="shared" si="619"/>
        <v>0</v>
      </c>
      <c r="N5523" s="45">
        <f t="shared" si="620"/>
        <v>45155.708333320021</v>
      </c>
    </row>
    <row r="5524" spans="2:14" x14ac:dyDescent="0.25">
      <c r="B5524">
        <f t="shared" si="614"/>
        <v>4</v>
      </c>
      <c r="C5524" s="16">
        <v>5490</v>
      </c>
      <c r="D5524" cm="1">
        <f t="array" ref="D5524">IFERROR(INDEX(Jesper!AH$2:AH$366,ROUNDDOWN($C5524/24,0)+1,1)*INDEX($D$3:$AA$30,INDEX(Jesper!$R$2:$R$366,ROW(INDEX(Jesper!AH$2:AH$366,ROUNDDOWN($C5524/24,0)+1,1))-1)+IF('Standard Profiles'!$G$18=$B$10,7,0)+IF('Standard Profiles'!$G$18=$B$17,14,0)+IF('Standard Profiles'!$G$18=$B$24,21,0),MOD($C5524,24)+1)/SUM(INDEX($D$3:$AA$30,INDEX(Jesper!$R$2:$R$366,ROW(INDEX(Jesper!AH$2:AH$366,ROUNDDOWN($C5524/24,0)+1,1))-1)+IF('Standard Profiles'!$G$18=$B$10,7,0)+IF('Standard Profiles'!$G$18=$B$17,14,0)+IF('Standard Profiles'!$G$18=$B$24,21,0),0)),0)</f>
        <v>5.2715893049446922</v>
      </c>
      <c r="E5524" cm="1">
        <f t="array" ref="E5524">IFERROR(INDEX(Jesper!AI$2:AI$366,ROUNDDOWN($C5524/24,0)+1,1)*INDEX($D$3:$AA$30,INDEX(Jesper!$R$2:$R$366,ROW(INDEX(Jesper!AI$2:AI$366,ROUNDDOWN($C5524/24,0)+1,1))-1)+IF('Standard Profiles'!$G$19=$B$10,7,0)+IF('Standard Profiles'!$G$19=$B$17,14,0)+IF('Standard Profiles'!$G$19=$B$24,21,0),MOD($C5524,24)+1)/SUM(INDEX($D$3:$AA$30,INDEX(Jesper!$R$2:$R$366,ROW(INDEX(Jesper!AI$2:AI$366,ROUNDDOWN($C5524/24,0)+1,1))-1)+IF('Standard Profiles'!$G$19=$B$10,7,0)+IF('Standard Profiles'!$G$19=$B$17,14,0)+IF('Standard Profiles'!$G$19=$B$24,21,0),0)),0)</f>
        <v>2.1282050521331177</v>
      </c>
      <c r="F5524" cm="1">
        <f t="array" ref="F5524">IFERROR(INDEX(Jesper!AJ$2:AJ$366,ROUNDDOWN($C5524/24,0)+1,1)*INDEX($D$3:$AA$30,INDEX(Jesper!$R$2:$R$366,ROW(INDEX(Jesper!AJ$2:AJ$366,ROUNDDOWN($C5524/24,0)+1,1))-1)+IF('Standard Profiles'!$G$20=$B$10,7,0)+IF('Standard Profiles'!$G$20=$B$17,14,0)+IF('Standard Profiles'!$G$20=$B$24,21,0),MOD($C5524,24)+1)/SUM(INDEX($D$3:$AA$30,INDEX(Jesper!$R$2:$R$366,ROW(INDEX(Jesper!AJ$2:AJ$366,ROUNDDOWN($C5524/24,0)+1,1))-1)+IF('Standard Profiles'!$G$20=$B$10,7,0)+IF('Standard Profiles'!$G$20=$B$17,14,0)+IF('Standard Profiles'!$G$20=$B$24,21,0),0)),0)</f>
        <v>0</v>
      </c>
      <c r="G5524" cm="1">
        <f t="array" ref="G5524">IFERROR(INDEX(Jesper!AK$2:AK$366,ROUNDDOWN($C5524/24,0)+1,1)*INDEX($D$3:$AA$30,INDEX(Jesper!$R$2:$R$366,ROW(INDEX(Jesper!AK$2:AK$366,ROUNDDOWN($C5524/24,0)+1,1))-1)+IF('Standard Profiles'!$G$21=$B$10,7,0)+IF('Standard Profiles'!$G$21=$B$17,14,0)+IF('Standard Profiles'!$G$21=$B$24,21,0),MOD($C5524,24)+1)/SUM(INDEX($D$3:$AA$30,INDEX(Jesper!$R$2:$R$366,ROW(INDEX(Jesper!AK$2:AK$366,ROUNDDOWN($C5524/24,0)+1,1))-1)+IF('Standard Profiles'!$G$21=$B$10,7,0)+IF('Standard Profiles'!$G$21=$B$17,14,0)+IF('Standard Profiles'!$G$21=$B$24,21,0),0)),0)</f>
        <v>2.832211349437724E-2</v>
      </c>
      <c r="H5524" cm="1">
        <f t="array" ref="H5524">IFERROR(INDEX(Jesper!AL$2:AL$366,ROUNDDOWN($C5524/24,0)+1,1)*INDEX($D$3:$AA$30,INDEX(Jesper!$R$2:$R$366,ROW(INDEX(Jesper!AL$2:AL$366,ROUNDDOWN($C5524/24,0)+1,1))-1)+IF('Standard Profiles'!$G$22=$B$10,7,0)+IF('Standard Profiles'!$G$22=$B$17,14,0)+IF('Standard Profiles'!$G$22=$B$24,21,0),MOD($C5524,24)+1)/SUM(INDEX($D$3:$AA$30,INDEX(Jesper!$R$2:$R$366,ROW(INDEX(Jesper!AL$2:AL$366,ROUNDDOWN($C5524/24,0)+1,1))-1)+IF('Standard Profiles'!$G$22=$B$10,7,0)+IF('Standard Profiles'!$G$22=$B$17,14,0)+IF('Standard Profiles'!$G$22=$B$24,21,0),0)),0)</f>
        <v>0</v>
      </c>
      <c r="I5524">
        <f t="shared" si="615"/>
        <v>1.3594614477301068E-2</v>
      </c>
      <c r="J5524">
        <f t="shared" si="616"/>
        <v>6.5710675673037349</v>
      </c>
      <c r="K5524">
        <f t="shared" si="617"/>
        <v>0.5623028591941005</v>
      </c>
      <c r="L5524">
        <f t="shared" si="618"/>
        <v>0.28115142959705025</v>
      </c>
      <c r="M5524">
        <f t="shared" si="619"/>
        <v>0</v>
      </c>
      <c r="N5524" s="45">
        <f t="shared" si="620"/>
        <v>45155.749999986685</v>
      </c>
    </row>
    <row r="5525" spans="2:14" x14ac:dyDescent="0.25">
      <c r="B5525">
        <f t="shared" si="614"/>
        <v>4</v>
      </c>
      <c r="C5525" s="16">
        <v>5491</v>
      </c>
      <c r="D5525" cm="1">
        <f t="array" ref="D5525">IFERROR(INDEX(Jesper!AH$2:AH$366,ROUNDDOWN($C5525/24,0)+1,1)*INDEX($D$3:$AA$30,INDEX(Jesper!$R$2:$R$366,ROW(INDEX(Jesper!AH$2:AH$366,ROUNDDOWN($C5525/24,0)+1,1))-1)+IF('Standard Profiles'!$G$18=$B$10,7,0)+IF('Standard Profiles'!$G$18=$B$17,14,0)+IF('Standard Profiles'!$G$18=$B$24,21,0),MOD($C5525,24)+1)/SUM(INDEX($D$3:$AA$30,INDEX(Jesper!$R$2:$R$366,ROW(INDEX(Jesper!AH$2:AH$366,ROUNDDOWN($C5525/24,0)+1,1))-1)+IF('Standard Profiles'!$G$18=$B$10,7,0)+IF('Standard Profiles'!$G$18=$B$17,14,0)+IF('Standard Profiles'!$G$18=$B$24,21,0),0)),0)</f>
        <v>5.2715893049446922</v>
      </c>
      <c r="E5525" cm="1">
        <f t="array" ref="E5525">IFERROR(INDEX(Jesper!AI$2:AI$366,ROUNDDOWN($C5525/24,0)+1,1)*INDEX($D$3:$AA$30,INDEX(Jesper!$R$2:$R$366,ROW(INDEX(Jesper!AI$2:AI$366,ROUNDDOWN($C5525/24,0)+1,1))-1)+IF('Standard Profiles'!$G$19=$B$10,7,0)+IF('Standard Profiles'!$G$19=$B$17,14,0)+IF('Standard Profiles'!$G$19=$B$24,21,0),MOD($C5525,24)+1)/SUM(INDEX($D$3:$AA$30,INDEX(Jesper!$R$2:$R$366,ROW(INDEX(Jesper!AI$2:AI$366,ROUNDDOWN($C5525/24,0)+1,1))-1)+IF('Standard Profiles'!$G$19=$B$10,7,0)+IF('Standard Profiles'!$G$19=$B$17,14,0)+IF('Standard Profiles'!$G$19=$B$24,21,0),0)),0)</f>
        <v>2.1282050521331177</v>
      </c>
      <c r="F5525" cm="1">
        <f t="array" ref="F5525">IFERROR(INDEX(Jesper!AJ$2:AJ$366,ROUNDDOWN($C5525/24,0)+1,1)*INDEX($D$3:$AA$30,INDEX(Jesper!$R$2:$R$366,ROW(INDEX(Jesper!AJ$2:AJ$366,ROUNDDOWN($C5525/24,0)+1,1))-1)+IF('Standard Profiles'!$G$20=$B$10,7,0)+IF('Standard Profiles'!$G$20=$B$17,14,0)+IF('Standard Profiles'!$G$20=$B$24,21,0),MOD($C5525,24)+1)/SUM(INDEX($D$3:$AA$30,INDEX(Jesper!$R$2:$R$366,ROW(INDEX(Jesper!AJ$2:AJ$366,ROUNDDOWN($C5525/24,0)+1,1))-1)+IF('Standard Profiles'!$G$20=$B$10,7,0)+IF('Standard Profiles'!$G$20=$B$17,14,0)+IF('Standard Profiles'!$G$20=$B$24,21,0),0)),0)</f>
        <v>0</v>
      </c>
      <c r="G5525" cm="1">
        <f t="array" ref="G5525">IFERROR(INDEX(Jesper!AK$2:AK$366,ROUNDDOWN($C5525/24,0)+1,1)*INDEX($D$3:$AA$30,INDEX(Jesper!$R$2:$R$366,ROW(INDEX(Jesper!AK$2:AK$366,ROUNDDOWN($C5525/24,0)+1,1))-1)+IF('Standard Profiles'!$G$21=$B$10,7,0)+IF('Standard Profiles'!$G$21=$B$17,14,0)+IF('Standard Profiles'!$G$21=$B$24,21,0),MOD($C5525,24)+1)/SUM(INDEX($D$3:$AA$30,INDEX(Jesper!$R$2:$R$366,ROW(INDEX(Jesper!AK$2:AK$366,ROUNDDOWN($C5525/24,0)+1,1))-1)+IF('Standard Profiles'!$G$21=$B$10,7,0)+IF('Standard Profiles'!$G$21=$B$17,14,0)+IF('Standard Profiles'!$G$21=$B$24,21,0),0)),0)</f>
        <v>2.832211349437724E-2</v>
      </c>
      <c r="H5525" cm="1">
        <f t="array" ref="H5525">IFERROR(INDEX(Jesper!AL$2:AL$366,ROUNDDOWN($C5525/24,0)+1,1)*INDEX($D$3:$AA$30,INDEX(Jesper!$R$2:$R$366,ROW(INDEX(Jesper!AL$2:AL$366,ROUNDDOWN($C5525/24,0)+1,1))-1)+IF('Standard Profiles'!$G$22=$B$10,7,0)+IF('Standard Profiles'!$G$22=$B$17,14,0)+IF('Standard Profiles'!$G$22=$B$24,21,0),MOD($C5525,24)+1)/SUM(INDEX($D$3:$AA$30,INDEX(Jesper!$R$2:$R$366,ROW(INDEX(Jesper!AL$2:AL$366,ROUNDDOWN($C5525/24,0)+1,1))-1)+IF('Standard Profiles'!$G$22=$B$10,7,0)+IF('Standard Profiles'!$G$22=$B$17,14,0)+IF('Standard Profiles'!$G$22=$B$24,21,0),0)),0)</f>
        <v>0</v>
      </c>
      <c r="I5525">
        <f t="shared" si="615"/>
        <v>1.3594614477301068E-2</v>
      </c>
      <c r="J5525">
        <f t="shared" si="616"/>
        <v>6.5710675673037349</v>
      </c>
      <c r="K5525">
        <f t="shared" si="617"/>
        <v>0.5623028591941005</v>
      </c>
      <c r="L5525">
        <f t="shared" si="618"/>
        <v>0.28115142959705025</v>
      </c>
      <c r="M5525">
        <f t="shared" si="619"/>
        <v>0</v>
      </c>
      <c r="N5525" s="45">
        <f t="shared" si="620"/>
        <v>45155.791666653349</v>
      </c>
    </row>
    <row r="5526" spans="2:14" x14ac:dyDescent="0.25">
      <c r="B5526">
        <f t="shared" si="614"/>
        <v>4</v>
      </c>
      <c r="C5526" s="16">
        <v>5492</v>
      </c>
      <c r="D5526" cm="1">
        <f t="array" ref="D5526">IFERROR(INDEX(Jesper!AH$2:AH$366,ROUNDDOWN($C5526/24,0)+1,1)*INDEX($D$3:$AA$30,INDEX(Jesper!$R$2:$R$366,ROW(INDEX(Jesper!AH$2:AH$366,ROUNDDOWN($C5526/24,0)+1,1))-1)+IF('Standard Profiles'!$G$18=$B$10,7,0)+IF('Standard Profiles'!$G$18=$B$17,14,0)+IF('Standard Profiles'!$G$18=$B$24,21,0),MOD($C5526,24)+1)/SUM(INDEX($D$3:$AA$30,INDEX(Jesper!$R$2:$R$366,ROW(INDEX(Jesper!AH$2:AH$366,ROUNDDOWN($C5526/24,0)+1,1))-1)+IF('Standard Profiles'!$G$18=$B$10,7,0)+IF('Standard Profiles'!$G$18=$B$17,14,0)+IF('Standard Profiles'!$G$18=$B$24,21,0),0)),0)</f>
        <v>5.2715893049446922</v>
      </c>
      <c r="E5526" cm="1">
        <f t="array" ref="E5526">IFERROR(INDEX(Jesper!AI$2:AI$366,ROUNDDOWN($C5526/24,0)+1,1)*INDEX($D$3:$AA$30,INDEX(Jesper!$R$2:$R$366,ROW(INDEX(Jesper!AI$2:AI$366,ROUNDDOWN($C5526/24,0)+1,1))-1)+IF('Standard Profiles'!$G$19=$B$10,7,0)+IF('Standard Profiles'!$G$19=$B$17,14,0)+IF('Standard Profiles'!$G$19=$B$24,21,0),MOD($C5526,24)+1)/SUM(INDEX($D$3:$AA$30,INDEX(Jesper!$R$2:$R$366,ROW(INDEX(Jesper!AI$2:AI$366,ROUNDDOWN($C5526/24,0)+1,1))-1)+IF('Standard Profiles'!$G$19=$B$10,7,0)+IF('Standard Profiles'!$G$19=$B$17,14,0)+IF('Standard Profiles'!$G$19=$B$24,21,0),0)),0)</f>
        <v>2.1282050521331177</v>
      </c>
      <c r="F5526" cm="1">
        <f t="array" ref="F5526">IFERROR(INDEX(Jesper!AJ$2:AJ$366,ROUNDDOWN($C5526/24,0)+1,1)*INDEX($D$3:$AA$30,INDEX(Jesper!$R$2:$R$366,ROW(INDEX(Jesper!AJ$2:AJ$366,ROUNDDOWN($C5526/24,0)+1,1))-1)+IF('Standard Profiles'!$G$20=$B$10,7,0)+IF('Standard Profiles'!$G$20=$B$17,14,0)+IF('Standard Profiles'!$G$20=$B$24,21,0),MOD($C5526,24)+1)/SUM(INDEX($D$3:$AA$30,INDEX(Jesper!$R$2:$R$366,ROW(INDEX(Jesper!AJ$2:AJ$366,ROUNDDOWN($C5526/24,0)+1,1))-1)+IF('Standard Profiles'!$G$20=$B$10,7,0)+IF('Standard Profiles'!$G$20=$B$17,14,0)+IF('Standard Profiles'!$G$20=$B$24,21,0),0)),0)</f>
        <v>0</v>
      </c>
      <c r="G5526" cm="1">
        <f t="array" ref="G5526">IFERROR(INDEX(Jesper!AK$2:AK$366,ROUNDDOWN($C5526/24,0)+1,1)*INDEX($D$3:$AA$30,INDEX(Jesper!$R$2:$R$366,ROW(INDEX(Jesper!AK$2:AK$366,ROUNDDOWN($C5526/24,0)+1,1))-1)+IF('Standard Profiles'!$G$21=$B$10,7,0)+IF('Standard Profiles'!$G$21=$B$17,14,0)+IF('Standard Profiles'!$G$21=$B$24,21,0),MOD($C5526,24)+1)/SUM(INDEX($D$3:$AA$30,INDEX(Jesper!$R$2:$R$366,ROW(INDEX(Jesper!AK$2:AK$366,ROUNDDOWN($C5526/24,0)+1,1))-1)+IF('Standard Profiles'!$G$21=$B$10,7,0)+IF('Standard Profiles'!$G$21=$B$17,14,0)+IF('Standard Profiles'!$G$21=$B$24,21,0),0)),0)</f>
        <v>2.832211349437724E-2</v>
      </c>
      <c r="H5526" cm="1">
        <f t="array" ref="H5526">IFERROR(INDEX(Jesper!AL$2:AL$366,ROUNDDOWN($C5526/24,0)+1,1)*INDEX($D$3:$AA$30,INDEX(Jesper!$R$2:$R$366,ROW(INDEX(Jesper!AL$2:AL$366,ROUNDDOWN($C5526/24,0)+1,1))-1)+IF('Standard Profiles'!$G$22=$B$10,7,0)+IF('Standard Profiles'!$G$22=$B$17,14,0)+IF('Standard Profiles'!$G$22=$B$24,21,0),MOD($C5526,24)+1)/SUM(INDEX($D$3:$AA$30,INDEX(Jesper!$R$2:$R$366,ROW(INDEX(Jesper!AL$2:AL$366,ROUNDDOWN($C5526/24,0)+1,1))-1)+IF('Standard Profiles'!$G$22=$B$10,7,0)+IF('Standard Profiles'!$G$22=$B$17,14,0)+IF('Standard Profiles'!$G$22=$B$24,21,0),0)),0)</f>
        <v>0</v>
      </c>
      <c r="I5526">
        <f t="shared" si="615"/>
        <v>1.3594614477301068E-2</v>
      </c>
      <c r="J5526">
        <f t="shared" si="616"/>
        <v>6.5710675673037349</v>
      </c>
      <c r="K5526">
        <f t="shared" si="617"/>
        <v>0.5623028591941005</v>
      </c>
      <c r="L5526">
        <f t="shared" si="618"/>
        <v>0.28115142959705025</v>
      </c>
      <c r="M5526">
        <f t="shared" si="619"/>
        <v>0</v>
      </c>
      <c r="N5526" s="45">
        <f t="shared" si="620"/>
        <v>45155.833333320013</v>
      </c>
    </row>
    <row r="5527" spans="2:14" x14ac:dyDescent="0.25">
      <c r="B5527">
        <f t="shared" si="614"/>
        <v>4</v>
      </c>
      <c r="C5527" s="16">
        <v>5493</v>
      </c>
      <c r="D5527" cm="1">
        <f t="array" ref="D5527">IFERROR(INDEX(Jesper!AH$2:AH$366,ROUNDDOWN($C5527/24,0)+1,1)*INDEX($D$3:$AA$30,INDEX(Jesper!$R$2:$R$366,ROW(INDEX(Jesper!AH$2:AH$366,ROUNDDOWN($C5527/24,0)+1,1))-1)+IF('Standard Profiles'!$G$18=$B$10,7,0)+IF('Standard Profiles'!$G$18=$B$17,14,0)+IF('Standard Profiles'!$G$18=$B$24,21,0),MOD($C5527,24)+1)/SUM(INDEX($D$3:$AA$30,INDEX(Jesper!$R$2:$R$366,ROW(INDEX(Jesper!AH$2:AH$366,ROUNDDOWN($C5527/24,0)+1,1))-1)+IF('Standard Profiles'!$G$18=$B$10,7,0)+IF('Standard Profiles'!$G$18=$B$17,14,0)+IF('Standard Profiles'!$G$18=$B$24,21,0),0)),0)</f>
        <v>5.2715893049446922</v>
      </c>
      <c r="E5527" cm="1">
        <f t="array" ref="E5527">IFERROR(INDEX(Jesper!AI$2:AI$366,ROUNDDOWN($C5527/24,0)+1,1)*INDEX($D$3:$AA$30,INDEX(Jesper!$R$2:$R$366,ROW(INDEX(Jesper!AI$2:AI$366,ROUNDDOWN($C5527/24,0)+1,1))-1)+IF('Standard Profiles'!$G$19=$B$10,7,0)+IF('Standard Profiles'!$G$19=$B$17,14,0)+IF('Standard Profiles'!$G$19=$B$24,21,0),MOD($C5527,24)+1)/SUM(INDEX($D$3:$AA$30,INDEX(Jesper!$R$2:$R$366,ROW(INDEX(Jesper!AI$2:AI$366,ROUNDDOWN($C5527/24,0)+1,1))-1)+IF('Standard Profiles'!$G$19=$B$10,7,0)+IF('Standard Profiles'!$G$19=$B$17,14,0)+IF('Standard Profiles'!$G$19=$B$24,21,0),0)),0)</f>
        <v>2.1282050521331177</v>
      </c>
      <c r="F5527" cm="1">
        <f t="array" ref="F5527">IFERROR(INDEX(Jesper!AJ$2:AJ$366,ROUNDDOWN($C5527/24,0)+1,1)*INDEX($D$3:$AA$30,INDEX(Jesper!$R$2:$R$366,ROW(INDEX(Jesper!AJ$2:AJ$366,ROUNDDOWN($C5527/24,0)+1,1))-1)+IF('Standard Profiles'!$G$20=$B$10,7,0)+IF('Standard Profiles'!$G$20=$B$17,14,0)+IF('Standard Profiles'!$G$20=$B$24,21,0),MOD($C5527,24)+1)/SUM(INDEX($D$3:$AA$30,INDEX(Jesper!$R$2:$R$366,ROW(INDEX(Jesper!AJ$2:AJ$366,ROUNDDOWN($C5527/24,0)+1,1))-1)+IF('Standard Profiles'!$G$20=$B$10,7,0)+IF('Standard Profiles'!$G$20=$B$17,14,0)+IF('Standard Profiles'!$G$20=$B$24,21,0),0)),0)</f>
        <v>0</v>
      </c>
      <c r="G5527" cm="1">
        <f t="array" ref="G5527">IFERROR(INDEX(Jesper!AK$2:AK$366,ROUNDDOWN($C5527/24,0)+1,1)*INDEX($D$3:$AA$30,INDEX(Jesper!$R$2:$R$366,ROW(INDEX(Jesper!AK$2:AK$366,ROUNDDOWN($C5527/24,0)+1,1))-1)+IF('Standard Profiles'!$G$21=$B$10,7,0)+IF('Standard Profiles'!$G$21=$B$17,14,0)+IF('Standard Profiles'!$G$21=$B$24,21,0),MOD($C5527,24)+1)/SUM(INDEX($D$3:$AA$30,INDEX(Jesper!$R$2:$R$366,ROW(INDEX(Jesper!AK$2:AK$366,ROUNDDOWN($C5527/24,0)+1,1))-1)+IF('Standard Profiles'!$G$21=$B$10,7,0)+IF('Standard Profiles'!$G$21=$B$17,14,0)+IF('Standard Profiles'!$G$21=$B$24,21,0),0)),0)</f>
        <v>2.832211349437724E-2</v>
      </c>
      <c r="H5527" cm="1">
        <f t="array" ref="H5527">IFERROR(INDEX(Jesper!AL$2:AL$366,ROUNDDOWN($C5527/24,0)+1,1)*INDEX($D$3:$AA$30,INDEX(Jesper!$R$2:$R$366,ROW(INDEX(Jesper!AL$2:AL$366,ROUNDDOWN($C5527/24,0)+1,1))-1)+IF('Standard Profiles'!$G$22=$B$10,7,0)+IF('Standard Profiles'!$G$22=$B$17,14,0)+IF('Standard Profiles'!$G$22=$B$24,21,0),MOD($C5527,24)+1)/SUM(INDEX($D$3:$AA$30,INDEX(Jesper!$R$2:$R$366,ROW(INDEX(Jesper!AL$2:AL$366,ROUNDDOWN($C5527/24,0)+1,1))-1)+IF('Standard Profiles'!$G$22=$B$10,7,0)+IF('Standard Profiles'!$G$22=$B$17,14,0)+IF('Standard Profiles'!$G$22=$B$24,21,0),0)),0)</f>
        <v>0</v>
      </c>
      <c r="I5527">
        <f t="shared" si="615"/>
        <v>1.3594614477301068E-2</v>
      </c>
      <c r="J5527">
        <f t="shared" si="616"/>
        <v>6.5710675673037349</v>
      </c>
      <c r="K5527">
        <f t="shared" si="617"/>
        <v>0.5623028591941005</v>
      </c>
      <c r="L5527">
        <f t="shared" si="618"/>
        <v>0.28115142959705025</v>
      </c>
      <c r="M5527">
        <f t="shared" si="619"/>
        <v>0</v>
      </c>
      <c r="N5527" s="45">
        <f t="shared" si="620"/>
        <v>45155.874999986678</v>
      </c>
    </row>
    <row r="5528" spans="2:14" x14ac:dyDescent="0.25">
      <c r="B5528">
        <f t="shared" si="614"/>
        <v>4</v>
      </c>
      <c r="C5528" s="16">
        <v>5494</v>
      </c>
      <c r="D5528" cm="1">
        <f t="array" ref="D5528">IFERROR(INDEX(Jesper!AH$2:AH$366,ROUNDDOWN($C5528/24,0)+1,1)*INDEX($D$3:$AA$30,INDEX(Jesper!$R$2:$R$366,ROW(INDEX(Jesper!AH$2:AH$366,ROUNDDOWN($C5528/24,0)+1,1))-1)+IF('Standard Profiles'!$G$18=$B$10,7,0)+IF('Standard Profiles'!$G$18=$B$17,14,0)+IF('Standard Profiles'!$G$18=$B$24,21,0),MOD($C5528,24)+1)/SUM(INDEX($D$3:$AA$30,INDEX(Jesper!$R$2:$R$366,ROW(INDEX(Jesper!AH$2:AH$366,ROUNDDOWN($C5528/24,0)+1,1))-1)+IF('Standard Profiles'!$G$18=$B$10,7,0)+IF('Standard Profiles'!$G$18=$B$17,14,0)+IF('Standard Profiles'!$G$18=$B$24,21,0),0)),0)</f>
        <v>5.2715893049446922</v>
      </c>
      <c r="E5528" cm="1">
        <f t="array" ref="E5528">IFERROR(INDEX(Jesper!AI$2:AI$366,ROUNDDOWN($C5528/24,0)+1,1)*INDEX($D$3:$AA$30,INDEX(Jesper!$R$2:$R$366,ROW(INDEX(Jesper!AI$2:AI$366,ROUNDDOWN($C5528/24,0)+1,1))-1)+IF('Standard Profiles'!$G$19=$B$10,7,0)+IF('Standard Profiles'!$G$19=$B$17,14,0)+IF('Standard Profiles'!$G$19=$B$24,21,0),MOD($C5528,24)+1)/SUM(INDEX($D$3:$AA$30,INDEX(Jesper!$R$2:$R$366,ROW(INDEX(Jesper!AI$2:AI$366,ROUNDDOWN($C5528/24,0)+1,1))-1)+IF('Standard Profiles'!$G$19=$B$10,7,0)+IF('Standard Profiles'!$G$19=$B$17,14,0)+IF('Standard Profiles'!$G$19=$B$24,21,0),0)),0)</f>
        <v>2.1282050521331177</v>
      </c>
      <c r="F5528" cm="1">
        <f t="array" ref="F5528">IFERROR(INDEX(Jesper!AJ$2:AJ$366,ROUNDDOWN($C5528/24,0)+1,1)*INDEX($D$3:$AA$30,INDEX(Jesper!$R$2:$R$366,ROW(INDEX(Jesper!AJ$2:AJ$366,ROUNDDOWN($C5528/24,0)+1,1))-1)+IF('Standard Profiles'!$G$20=$B$10,7,0)+IF('Standard Profiles'!$G$20=$B$17,14,0)+IF('Standard Profiles'!$G$20=$B$24,21,0),MOD($C5528,24)+1)/SUM(INDEX($D$3:$AA$30,INDEX(Jesper!$R$2:$R$366,ROW(INDEX(Jesper!AJ$2:AJ$366,ROUNDDOWN($C5528/24,0)+1,1))-1)+IF('Standard Profiles'!$G$20=$B$10,7,0)+IF('Standard Profiles'!$G$20=$B$17,14,0)+IF('Standard Profiles'!$G$20=$B$24,21,0),0)),0)</f>
        <v>0</v>
      </c>
      <c r="G5528" cm="1">
        <f t="array" ref="G5528">IFERROR(INDEX(Jesper!AK$2:AK$366,ROUNDDOWN($C5528/24,0)+1,1)*INDEX($D$3:$AA$30,INDEX(Jesper!$R$2:$R$366,ROW(INDEX(Jesper!AK$2:AK$366,ROUNDDOWN($C5528/24,0)+1,1))-1)+IF('Standard Profiles'!$G$21=$B$10,7,0)+IF('Standard Profiles'!$G$21=$B$17,14,0)+IF('Standard Profiles'!$G$21=$B$24,21,0),MOD($C5528,24)+1)/SUM(INDEX($D$3:$AA$30,INDEX(Jesper!$R$2:$R$366,ROW(INDEX(Jesper!AK$2:AK$366,ROUNDDOWN($C5528/24,0)+1,1))-1)+IF('Standard Profiles'!$G$21=$B$10,7,0)+IF('Standard Profiles'!$G$21=$B$17,14,0)+IF('Standard Profiles'!$G$21=$B$24,21,0),0)),0)</f>
        <v>2.832211349437724E-2</v>
      </c>
      <c r="H5528" cm="1">
        <f t="array" ref="H5528">IFERROR(INDEX(Jesper!AL$2:AL$366,ROUNDDOWN($C5528/24,0)+1,1)*INDEX($D$3:$AA$30,INDEX(Jesper!$R$2:$R$366,ROW(INDEX(Jesper!AL$2:AL$366,ROUNDDOWN($C5528/24,0)+1,1))-1)+IF('Standard Profiles'!$G$22=$B$10,7,0)+IF('Standard Profiles'!$G$22=$B$17,14,0)+IF('Standard Profiles'!$G$22=$B$24,21,0),MOD($C5528,24)+1)/SUM(INDEX($D$3:$AA$30,INDEX(Jesper!$R$2:$R$366,ROW(INDEX(Jesper!AL$2:AL$366,ROUNDDOWN($C5528/24,0)+1,1))-1)+IF('Standard Profiles'!$G$22=$B$10,7,0)+IF('Standard Profiles'!$G$22=$B$17,14,0)+IF('Standard Profiles'!$G$22=$B$24,21,0),0)),0)</f>
        <v>0</v>
      </c>
      <c r="I5528">
        <f t="shared" si="615"/>
        <v>1.3594614477301068E-2</v>
      </c>
      <c r="J5528">
        <f t="shared" si="616"/>
        <v>6.5710675673037349</v>
      </c>
      <c r="K5528">
        <f t="shared" si="617"/>
        <v>0.5623028591941005</v>
      </c>
      <c r="L5528">
        <f t="shared" si="618"/>
        <v>0.28115142959705025</v>
      </c>
      <c r="M5528">
        <f t="shared" si="619"/>
        <v>0</v>
      </c>
      <c r="N5528" s="45">
        <f t="shared" si="620"/>
        <v>45155.916666653342</v>
      </c>
    </row>
    <row r="5529" spans="2:14" x14ac:dyDescent="0.25">
      <c r="B5529">
        <f t="shared" si="614"/>
        <v>4</v>
      </c>
      <c r="C5529" s="16">
        <v>5495</v>
      </c>
      <c r="D5529" cm="1">
        <f t="array" ref="D5529">IFERROR(INDEX(Jesper!AH$2:AH$366,ROUNDDOWN($C5529/24,0)+1,1)*INDEX($D$3:$AA$30,INDEX(Jesper!$R$2:$R$366,ROW(INDEX(Jesper!AH$2:AH$366,ROUNDDOWN($C5529/24,0)+1,1))-1)+IF('Standard Profiles'!$G$18=$B$10,7,0)+IF('Standard Profiles'!$G$18=$B$17,14,0)+IF('Standard Profiles'!$G$18=$B$24,21,0),MOD($C5529,24)+1)/SUM(INDEX($D$3:$AA$30,INDEX(Jesper!$R$2:$R$366,ROW(INDEX(Jesper!AH$2:AH$366,ROUNDDOWN($C5529/24,0)+1,1))-1)+IF('Standard Profiles'!$G$18=$B$10,7,0)+IF('Standard Profiles'!$G$18=$B$17,14,0)+IF('Standard Profiles'!$G$18=$B$24,21,0),0)),0)</f>
        <v>5.2715893049446922</v>
      </c>
      <c r="E5529" cm="1">
        <f t="array" ref="E5529">IFERROR(INDEX(Jesper!AI$2:AI$366,ROUNDDOWN($C5529/24,0)+1,1)*INDEX($D$3:$AA$30,INDEX(Jesper!$R$2:$R$366,ROW(INDEX(Jesper!AI$2:AI$366,ROUNDDOWN($C5529/24,0)+1,1))-1)+IF('Standard Profiles'!$G$19=$B$10,7,0)+IF('Standard Profiles'!$G$19=$B$17,14,0)+IF('Standard Profiles'!$G$19=$B$24,21,0),MOD($C5529,24)+1)/SUM(INDEX($D$3:$AA$30,INDEX(Jesper!$R$2:$R$366,ROW(INDEX(Jesper!AI$2:AI$366,ROUNDDOWN($C5529/24,0)+1,1))-1)+IF('Standard Profiles'!$G$19=$B$10,7,0)+IF('Standard Profiles'!$G$19=$B$17,14,0)+IF('Standard Profiles'!$G$19=$B$24,21,0),0)),0)</f>
        <v>2.1282050521331177</v>
      </c>
      <c r="F5529" cm="1">
        <f t="array" ref="F5529">IFERROR(INDEX(Jesper!AJ$2:AJ$366,ROUNDDOWN($C5529/24,0)+1,1)*INDEX($D$3:$AA$30,INDEX(Jesper!$R$2:$R$366,ROW(INDEX(Jesper!AJ$2:AJ$366,ROUNDDOWN($C5529/24,0)+1,1))-1)+IF('Standard Profiles'!$G$20=$B$10,7,0)+IF('Standard Profiles'!$G$20=$B$17,14,0)+IF('Standard Profiles'!$G$20=$B$24,21,0),MOD($C5529,24)+1)/SUM(INDEX($D$3:$AA$30,INDEX(Jesper!$R$2:$R$366,ROW(INDEX(Jesper!AJ$2:AJ$366,ROUNDDOWN($C5529/24,0)+1,1))-1)+IF('Standard Profiles'!$G$20=$B$10,7,0)+IF('Standard Profiles'!$G$20=$B$17,14,0)+IF('Standard Profiles'!$G$20=$B$24,21,0),0)),0)</f>
        <v>0</v>
      </c>
      <c r="G5529" cm="1">
        <f t="array" ref="G5529">IFERROR(INDEX(Jesper!AK$2:AK$366,ROUNDDOWN($C5529/24,0)+1,1)*INDEX($D$3:$AA$30,INDEX(Jesper!$R$2:$R$366,ROW(INDEX(Jesper!AK$2:AK$366,ROUNDDOWN($C5529/24,0)+1,1))-1)+IF('Standard Profiles'!$G$21=$B$10,7,0)+IF('Standard Profiles'!$G$21=$B$17,14,0)+IF('Standard Profiles'!$G$21=$B$24,21,0),MOD($C5529,24)+1)/SUM(INDEX($D$3:$AA$30,INDEX(Jesper!$R$2:$R$366,ROW(INDEX(Jesper!AK$2:AK$366,ROUNDDOWN($C5529/24,0)+1,1))-1)+IF('Standard Profiles'!$G$21=$B$10,7,0)+IF('Standard Profiles'!$G$21=$B$17,14,0)+IF('Standard Profiles'!$G$21=$B$24,21,0),0)),0)</f>
        <v>2.832211349437724E-2</v>
      </c>
      <c r="H5529" cm="1">
        <f t="array" ref="H5529">IFERROR(INDEX(Jesper!AL$2:AL$366,ROUNDDOWN($C5529/24,0)+1,1)*INDEX($D$3:$AA$30,INDEX(Jesper!$R$2:$R$366,ROW(INDEX(Jesper!AL$2:AL$366,ROUNDDOWN($C5529/24,0)+1,1))-1)+IF('Standard Profiles'!$G$22=$B$10,7,0)+IF('Standard Profiles'!$G$22=$B$17,14,0)+IF('Standard Profiles'!$G$22=$B$24,21,0),MOD($C5529,24)+1)/SUM(INDEX($D$3:$AA$30,INDEX(Jesper!$R$2:$R$366,ROW(INDEX(Jesper!AL$2:AL$366,ROUNDDOWN($C5529/24,0)+1,1))-1)+IF('Standard Profiles'!$G$22=$B$10,7,0)+IF('Standard Profiles'!$G$22=$B$17,14,0)+IF('Standard Profiles'!$G$22=$B$24,21,0),0)),0)</f>
        <v>0</v>
      </c>
      <c r="I5529">
        <f t="shared" si="615"/>
        <v>1.3594614477301068E-2</v>
      </c>
      <c r="J5529">
        <f t="shared" si="616"/>
        <v>6.5710675673037349</v>
      </c>
      <c r="K5529">
        <f t="shared" si="617"/>
        <v>0.5623028591941005</v>
      </c>
      <c r="L5529">
        <f t="shared" si="618"/>
        <v>0.28115142959705025</v>
      </c>
      <c r="M5529">
        <f t="shared" si="619"/>
        <v>0</v>
      </c>
      <c r="N5529" s="45">
        <f t="shared" si="620"/>
        <v>45155.958333320006</v>
      </c>
    </row>
    <row r="5530" spans="2:14" x14ac:dyDescent="0.25">
      <c r="B5530">
        <f t="shared" si="614"/>
        <v>5</v>
      </c>
      <c r="C5530" s="16">
        <v>5496</v>
      </c>
      <c r="D5530" cm="1">
        <f t="array" ref="D5530">IFERROR(INDEX(Jesper!AH$2:AH$366,ROUNDDOWN($C5530/24,0)+1,1)*INDEX($D$3:$AA$30,INDEX(Jesper!$R$2:$R$366,ROW(INDEX(Jesper!AH$2:AH$366,ROUNDDOWN($C5530/24,0)+1,1))-1)+IF('Standard Profiles'!$G$18=$B$10,7,0)+IF('Standard Profiles'!$G$18=$B$17,14,0)+IF('Standard Profiles'!$G$18=$B$24,21,0),MOD($C5530,24)+1)/SUM(INDEX($D$3:$AA$30,INDEX(Jesper!$R$2:$R$366,ROW(INDEX(Jesper!AH$2:AH$366,ROUNDDOWN($C5530/24,0)+1,1))-1)+IF('Standard Profiles'!$G$18=$B$10,7,0)+IF('Standard Profiles'!$G$18=$B$17,14,0)+IF('Standard Profiles'!$G$18=$B$24,21,0),0)),0)</f>
        <v>7.968283244680868</v>
      </c>
      <c r="E5530" cm="1">
        <f t="array" ref="E5530">IFERROR(INDEX(Jesper!AI$2:AI$366,ROUNDDOWN($C5530/24,0)+1,1)*INDEX($D$3:$AA$30,INDEX(Jesper!$R$2:$R$366,ROW(INDEX(Jesper!AI$2:AI$366,ROUNDDOWN($C5530/24,0)+1,1))-1)+IF('Standard Profiles'!$G$19=$B$10,7,0)+IF('Standard Profiles'!$G$19=$B$17,14,0)+IF('Standard Profiles'!$G$19=$B$24,21,0),MOD($C5530,24)+1)/SUM(INDEX($D$3:$AA$30,INDEX(Jesper!$R$2:$R$366,ROW(INDEX(Jesper!AI$2:AI$366,ROUNDDOWN($C5530/24,0)+1,1))-1)+IF('Standard Profiles'!$G$19=$B$10,7,0)+IF('Standard Profiles'!$G$19=$B$17,14,0)+IF('Standard Profiles'!$G$19=$B$24,21,0),0)),0)</f>
        <v>3.0851822891373279</v>
      </c>
      <c r="F5530" cm="1">
        <f t="array" ref="F5530">IFERROR(INDEX(Jesper!AJ$2:AJ$366,ROUNDDOWN($C5530/24,0)+1,1)*INDEX($D$3:$AA$30,INDEX(Jesper!$R$2:$R$366,ROW(INDEX(Jesper!AJ$2:AJ$366,ROUNDDOWN($C5530/24,0)+1,1))-1)+IF('Standard Profiles'!$G$20=$B$10,7,0)+IF('Standard Profiles'!$G$20=$B$17,14,0)+IF('Standard Profiles'!$G$20=$B$24,21,0),MOD($C5530,24)+1)/SUM(INDEX($D$3:$AA$30,INDEX(Jesper!$R$2:$R$366,ROW(INDEX(Jesper!AJ$2:AJ$366,ROUNDDOWN($C5530/24,0)+1,1))-1)+IF('Standard Profiles'!$G$20=$B$10,7,0)+IF('Standard Profiles'!$G$20=$B$17,14,0)+IF('Standard Profiles'!$G$20=$B$24,21,0),0)),0)</f>
        <v>0</v>
      </c>
      <c r="G5530" cm="1">
        <f t="array" ref="G5530">IFERROR(INDEX(Jesper!AK$2:AK$366,ROUNDDOWN($C5530/24,0)+1,1)*INDEX($D$3:$AA$30,INDEX(Jesper!$R$2:$R$366,ROW(INDEX(Jesper!AK$2:AK$366,ROUNDDOWN($C5530/24,0)+1,1))-1)+IF('Standard Profiles'!$G$21=$B$10,7,0)+IF('Standard Profiles'!$G$21=$B$17,14,0)+IF('Standard Profiles'!$G$21=$B$24,21,0),MOD($C5530,24)+1)/SUM(INDEX($D$3:$AA$30,INDEX(Jesper!$R$2:$R$366,ROW(INDEX(Jesper!AK$2:AK$366,ROUNDDOWN($C5530/24,0)+1,1))-1)+IF('Standard Profiles'!$G$21=$B$10,7,0)+IF('Standard Profiles'!$G$21=$B$17,14,0)+IF('Standard Profiles'!$G$21=$B$24,21,0),0)),0)</f>
        <v>0</v>
      </c>
      <c r="H5530" cm="1">
        <f t="array" ref="H5530">IFERROR(INDEX(Jesper!AL$2:AL$366,ROUNDDOWN($C5530/24,0)+1,1)*INDEX($D$3:$AA$30,INDEX(Jesper!$R$2:$R$366,ROW(INDEX(Jesper!AL$2:AL$366,ROUNDDOWN($C5530/24,0)+1,1))-1)+IF('Standard Profiles'!$G$22=$B$10,7,0)+IF('Standard Profiles'!$G$22=$B$17,14,0)+IF('Standard Profiles'!$G$22=$B$24,21,0),MOD($C5530,24)+1)/SUM(INDEX($D$3:$AA$30,INDEX(Jesper!$R$2:$R$366,ROW(INDEX(Jesper!AL$2:AL$366,ROUNDDOWN($C5530/24,0)+1,1))-1)+IF('Standard Profiles'!$G$22=$B$10,7,0)+IF('Standard Profiles'!$G$22=$B$17,14,0)+IF('Standard Profiles'!$G$22=$B$24,21,0),0)),0)</f>
        <v>0</v>
      </c>
      <c r="I5530">
        <f t="shared" si="615"/>
        <v>0</v>
      </c>
      <c r="J5530">
        <f t="shared" si="616"/>
        <v>9.7785402146692562</v>
      </c>
      <c r="K5530">
        <f t="shared" si="617"/>
        <v>0.84995021276595928</v>
      </c>
      <c r="L5530">
        <f t="shared" si="618"/>
        <v>0.42497510638297964</v>
      </c>
      <c r="M5530">
        <f t="shared" si="619"/>
        <v>0</v>
      </c>
      <c r="N5530" s="45">
        <f t="shared" si="620"/>
        <v>45155.99999998667</v>
      </c>
    </row>
    <row r="5531" spans="2:14" x14ac:dyDescent="0.25">
      <c r="B5531">
        <f t="shared" si="614"/>
        <v>5</v>
      </c>
      <c r="C5531" s="16">
        <v>5497</v>
      </c>
      <c r="D5531" cm="1">
        <f t="array" ref="D5531">IFERROR(INDEX(Jesper!AH$2:AH$366,ROUNDDOWN($C5531/24,0)+1,1)*INDEX($D$3:$AA$30,INDEX(Jesper!$R$2:$R$366,ROW(INDEX(Jesper!AH$2:AH$366,ROUNDDOWN($C5531/24,0)+1,1))-1)+IF('Standard Profiles'!$G$18=$B$10,7,0)+IF('Standard Profiles'!$G$18=$B$17,14,0)+IF('Standard Profiles'!$G$18=$B$24,21,0),MOD($C5531,24)+1)/SUM(INDEX($D$3:$AA$30,INDEX(Jesper!$R$2:$R$366,ROW(INDEX(Jesper!AH$2:AH$366,ROUNDDOWN($C5531/24,0)+1,1))-1)+IF('Standard Profiles'!$G$18=$B$10,7,0)+IF('Standard Profiles'!$G$18=$B$17,14,0)+IF('Standard Profiles'!$G$18=$B$24,21,0),0)),0)</f>
        <v>4.8292625725338594</v>
      </c>
      <c r="E5531" cm="1">
        <f t="array" ref="E5531">IFERROR(INDEX(Jesper!AI$2:AI$366,ROUNDDOWN($C5531/24,0)+1,1)*INDEX($D$3:$AA$30,INDEX(Jesper!$R$2:$R$366,ROW(INDEX(Jesper!AI$2:AI$366,ROUNDDOWN($C5531/24,0)+1,1))-1)+IF('Standard Profiles'!$G$19=$B$10,7,0)+IF('Standard Profiles'!$G$19=$B$17,14,0)+IF('Standard Profiles'!$G$19=$B$24,21,0),MOD($C5531,24)+1)/SUM(INDEX($D$3:$AA$30,INDEX(Jesper!$R$2:$R$366,ROW(INDEX(Jesper!AI$2:AI$366,ROUNDDOWN($C5531/24,0)+1,1))-1)+IF('Standard Profiles'!$G$19=$B$10,7,0)+IF('Standard Profiles'!$G$19=$B$17,14,0)+IF('Standard Profiles'!$G$19=$B$24,21,0),0)),0)</f>
        <v>1.8698074479620166</v>
      </c>
      <c r="F5531" cm="1">
        <f t="array" ref="F5531">IFERROR(INDEX(Jesper!AJ$2:AJ$366,ROUNDDOWN($C5531/24,0)+1,1)*INDEX($D$3:$AA$30,INDEX(Jesper!$R$2:$R$366,ROW(INDEX(Jesper!AJ$2:AJ$366,ROUNDDOWN($C5531/24,0)+1,1))-1)+IF('Standard Profiles'!$G$20=$B$10,7,0)+IF('Standard Profiles'!$G$20=$B$17,14,0)+IF('Standard Profiles'!$G$20=$B$24,21,0),MOD($C5531,24)+1)/SUM(INDEX($D$3:$AA$30,INDEX(Jesper!$R$2:$R$366,ROW(INDEX(Jesper!AJ$2:AJ$366,ROUNDDOWN($C5531/24,0)+1,1))-1)+IF('Standard Profiles'!$G$20=$B$10,7,0)+IF('Standard Profiles'!$G$20=$B$17,14,0)+IF('Standard Profiles'!$G$20=$B$24,21,0),0)),0)</f>
        <v>0</v>
      </c>
      <c r="G5531" cm="1">
        <f t="array" ref="G5531">IFERROR(INDEX(Jesper!AK$2:AK$366,ROUNDDOWN($C5531/24,0)+1,1)*INDEX($D$3:$AA$30,INDEX(Jesper!$R$2:$R$366,ROW(INDEX(Jesper!AK$2:AK$366,ROUNDDOWN($C5531/24,0)+1,1))-1)+IF('Standard Profiles'!$G$21=$B$10,7,0)+IF('Standard Profiles'!$G$21=$B$17,14,0)+IF('Standard Profiles'!$G$21=$B$24,21,0),MOD($C5531,24)+1)/SUM(INDEX($D$3:$AA$30,INDEX(Jesper!$R$2:$R$366,ROW(INDEX(Jesper!AK$2:AK$366,ROUNDDOWN($C5531/24,0)+1,1))-1)+IF('Standard Profiles'!$G$21=$B$10,7,0)+IF('Standard Profiles'!$G$21=$B$17,14,0)+IF('Standard Profiles'!$G$21=$B$24,21,0),0)),0)</f>
        <v>0</v>
      </c>
      <c r="H5531" cm="1">
        <f t="array" ref="H5531">IFERROR(INDEX(Jesper!AL$2:AL$366,ROUNDDOWN($C5531/24,0)+1,1)*INDEX($D$3:$AA$30,INDEX(Jesper!$R$2:$R$366,ROW(INDEX(Jesper!AL$2:AL$366,ROUNDDOWN($C5531/24,0)+1,1))-1)+IF('Standard Profiles'!$G$22=$B$10,7,0)+IF('Standard Profiles'!$G$22=$B$17,14,0)+IF('Standard Profiles'!$G$22=$B$24,21,0),MOD($C5531,24)+1)/SUM(INDEX($D$3:$AA$30,INDEX(Jesper!$R$2:$R$366,ROW(INDEX(Jesper!AL$2:AL$366,ROUNDDOWN($C5531/24,0)+1,1))-1)+IF('Standard Profiles'!$G$22=$B$10,7,0)+IF('Standard Profiles'!$G$22=$B$17,14,0)+IF('Standard Profiles'!$G$22=$B$24,21,0),0)),0)</f>
        <v>0</v>
      </c>
      <c r="I5531">
        <f t="shared" si="615"/>
        <v>0</v>
      </c>
      <c r="J5531">
        <f t="shared" si="616"/>
        <v>5.9263880088904584</v>
      </c>
      <c r="K5531">
        <f t="shared" si="617"/>
        <v>0.5151213410702784</v>
      </c>
      <c r="L5531">
        <f t="shared" si="618"/>
        <v>0.2575606705351392</v>
      </c>
      <c r="M5531">
        <f t="shared" si="619"/>
        <v>0</v>
      </c>
      <c r="N5531" s="45">
        <f t="shared" si="620"/>
        <v>45156.041666653335</v>
      </c>
    </row>
    <row r="5532" spans="2:14" x14ac:dyDescent="0.25">
      <c r="B5532">
        <f t="shared" si="614"/>
        <v>5</v>
      </c>
      <c r="C5532" s="16">
        <v>5498</v>
      </c>
      <c r="D5532" cm="1">
        <f t="array" ref="D5532">IFERROR(INDEX(Jesper!AH$2:AH$366,ROUNDDOWN($C5532/24,0)+1,1)*INDEX($D$3:$AA$30,INDEX(Jesper!$R$2:$R$366,ROW(INDEX(Jesper!AH$2:AH$366,ROUNDDOWN($C5532/24,0)+1,1))-1)+IF('Standard Profiles'!$G$18=$B$10,7,0)+IF('Standard Profiles'!$G$18=$B$17,14,0)+IF('Standard Profiles'!$G$18=$B$24,21,0),MOD($C5532,24)+1)/SUM(INDEX($D$3:$AA$30,INDEX(Jesper!$R$2:$R$366,ROW(INDEX(Jesper!AH$2:AH$366,ROUNDDOWN($C5532/24,0)+1,1))-1)+IF('Standard Profiles'!$G$18=$B$10,7,0)+IF('Standard Profiles'!$G$18=$B$17,14,0)+IF('Standard Profiles'!$G$18=$B$24,21,0),0)),0)</f>
        <v>4.8292625725338594</v>
      </c>
      <c r="E5532" cm="1">
        <f t="array" ref="E5532">IFERROR(INDEX(Jesper!AI$2:AI$366,ROUNDDOWN($C5532/24,0)+1,1)*INDEX($D$3:$AA$30,INDEX(Jesper!$R$2:$R$366,ROW(INDEX(Jesper!AI$2:AI$366,ROUNDDOWN($C5532/24,0)+1,1))-1)+IF('Standard Profiles'!$G$19=$B$10,7,0)+IF('Standard Profiles'!$G$19=$B$17,14,0)+IF('Standard Profiles'!$G$19=$B$24,21,0),MOD($C5532,24)+1)/SUM(INDEX($D$3:$AA$30,INDEX(Jesper!$R$2:$R$366,ROW(INDEX(Jesper!AI$2:AI$366,ROUNDDOWN($C5532/24,0)+1,1))-1)+IF('Standard Profiles'!$G$19=$B$10,7,0)+IF('Standard Profiles'!$G$19=$B$17,14,0)+IF('Standard Profiles'!$G$19=$B$24,21,0),0)),0)</f>
        <v>1.8698074479620166</v>
      </c>
      <c r="F5532" cm="1">
        <f t="array" ref="F5532">IFERROR(INDEX(Jesper!AJ$2:AJ$366,ROUNDDOWN($C5532/24,0)+1,1)*INDEX($D$3:$AA$30,INDEX(Jesper!$R$2:$R$366,ROW(INDEX(Jesper!AJ$2:AJ$366,ROUNDDOWN($C5532/24,0)+1,1))-1)+IF('Standard Profiles'!$G$20=$B$10,7,0)+IF('Standard Profiles'!$G$20=$B$17,14,0)+IF('Standard Profiles'!$G$20=$B$24,21,0),MOD($C5532,24)+1)/SUM(INDEX($D$3:$AA$30,INDEX(Jesper!$R$2:$R$366,ROW(INDEX(Jesper!AJ$2:AJ$366,ROUNDDOWN($C5532/24,0)+1,1))-1)+IF('Standard Profiles'!$G$20=$B$10,7,0)+IF('Standard Profiles'!$G$20=$B$17,14,0)+IF('Standard Profiles'!$G$20=$B$24,21,0),0)),0)</f>
        <v>0</v>
      </c>
      <c r="G5532" cm="1">
        <f t="array" ref="G5532">IFERROR(INDEX(Jesper!AK$2:AK$366,ROUNDDOWN($C5532/24,0)+1,1)*INDEX($D$3:$AA$30,INDEX(Jesper!$R$2:$R$366,ROW(INDEX(Jesper!AK$2:AK$366,ROUNDDOWN($C5532/24,0)+1,1))-1)+IF('Standard Profiles'!$G$21=$B$10,7,0)+IF('Standard Profiles'!$G$21=$B$17,14,0)+IF('Standard Profiles'!$G$21=$B$24,21,0),MOD($C5532,24)+1)/SUM(INDEX($D$3:$AA$30,INDEX(Jesper!$R$2:$R$366,ROW(INDEX(Jesper!AK$2:AK$366,ROUNDDOWN($C5532/24,0)+1,1))-1)+IF('Standard Profiles'!$G$21=$B$10,7,0)+IF('Standard Profiles'!$G$21=$B$17,14,0)+IF('Standard Profiles'!$G$21=$B$24,21,0),0)),0)</f>
        <v>0</v>
      </c>
      <c r="H5532" cm="1">
        <f t="array" ref="H5532">IFERROR(INDEX(Jesper!AL$2:AL$366,ROUNDDOWN($C5532/24,0)+1,1)*INDEX($D$3:$AA$30,INDEX(Jesper!$R$2:$R$366,ROW(INDEX(Jesper!AL$2:AL$366,ROUNDDOWN($C5532/24,0)+1,1))-1)+IF('Standard Profiles'!$G$22=$B$10,7,0)+IF('Standard Profiles'!$G$22=$B$17,14,0)+IF('Standard Profiles'!$G$22=$B$24,21,0),MOD($C5532,24)+1)/SUM(INDEX($D$3:$AA$30,INDEX(Jesper!$R$2:$R$366,ROW(INDEX(Jesper!AL$2:AL$366,ROUNDDOWN($C5532/24,0)+1,1))-1)+IF('Standard Profiles'!$G$22=$B$10,7,0)+IF('Standard Profiles'!$G$22=$B$17,14,0)+IF('Standard Profiles'!$G$22=$B$24,21,0),0)),0)</f>
        <v>0</v>
      </c>
      <c r="I5532">
        <f t="shared" si="615"/>
        <v>0</v>
      </c>
      <c r="J5532">
        <f t="shared" si="616"/>
        <v>5.9263880088904584</v>
      </c>
      <c r="K5532">
        <f t="shared" si="617"/>
        <v>0.5151213410702784</v>
      </c>
      <c r="L5532">
        <f t="shared" si="618"/>
        <v>0.2575606705351392</v>
      </c>
      <c r="M5532">
        <f t="shared" si="619"/>
        <v>0</v>
      </c>
      <c r="N5532" s="45">
        <f t="shared" si="620"/>
        <v>45156.083333319999</v>
      </c>
    </row>
    <row r="5533" spans="2:14" x14ac:dyDescent="0.25">
      <c r="B5533">
        <f t="shared" si="614"/>
        <v>5</v>
      </c>
      <c r="C5533" s="16">
        <v>5499</v>
      </c>
      <c r="D5533" cm="1">
        <f t="array" ref="D5533">IFERROR(INDEX(Jesper!AH$2:AH$366,ROUNDDOWN($C5533/24,0)+1,1)*INDEX($D$3:$AA$30,INDEX(Jesper!$R$2:$R$366,ROW(INDEX(Jesper!AH$2:AH$366,ROUNDDOWN($C5533/24,0)+1,1))-1)+IF('Standard Profiles'!$G$18=$B$10,7,0)+IF('Standard Profiles'!$G$18=$B$17,14,0)+IF('Standard Profiles'!$G$18=$B$24,21,0),MOD($C5533,24)+1)/SUM(INDEX($D$3:$AA$30,INDEX(Jesper!$R$2:$R$366,ROW(INDEX(Jesper!AH$2:AH$366,ROUNDDOWN($C5533/24,0)+1,1))-1)+IF('Standard Profiles'!$G$18=$B$10,7,0)+IF('Standard Profiles'!$G$18=$B$17,14,0)+IF('Standard Profiles'!$G$18=$B$24,21,0),0)),0)</f>
        <v>4.8292625725338594</v>
      </c>
      <c r="E5533" cm="1">
        <f t="array" ref="E5533">IFERROR(INDEX(Jesper!AI$2:AI$366,ROUNDDOWN($C5533/24,0)+1,1)*INDEX($D$3:$AA$30,INDEX(Jesper!$R$2:$R$366,ROW(INDEX(Jesper!AI$2:AI$366,ROUNDDOWN($C5533/24,0)+1,1))-1)+IF('Standard Profiles'!$G$19=$B$10,7,0)+IF('Standard Profiles'!$G$19=$B$17,14,0)+IF('Standard Profiles'!$G$19=$B$24,21,0),MOD($C5533,24)+1)/SUM(INDEX($D$3:$AA$30,INDEX(Jesper!$R$2:$R$366,ROW(INDEX(Jesper!AI$2:AI$366,ROUNDDOWN($C5533/24,0)+1,1))-1)+IF('Standard Profiles'!$G$19=$B$10,7,0)+IF('Standard Profiles'!$G$19=$B$17,14,0)+IF('Standard Profiles'!$G$19=$B$24,21,0),0)),0)</f>
        <v>1.8698074479620166</v>
      </c>
      <c r="F5533" cm="1">
        <f t="array" ref="F5533">IFERROR(INDEX(Jesper!AJ$2:AJ$366,ROUNDDOWN($C5533/24,0)+1,1)*INDEX($D$3:$AA$30,INDEX(Jesper!$R$2:$R$366,ROW(INDEX(Jesper!AJ$2:AJ$366,ROUNDDOWN($C5533/24,0)+1,1))-1)+IF('Standard Profiles'!$G$20=$B$10,7,0)+IF('Standard Profiles'!$G$20=$B$17,14,0)+IF('Standard Profiles'!$G$20=$B$24,21,0),MOD($C5533,24)+1)/SUM(INDEX($D$3:$AA$30,INDEX(Jesper!$R$2:$R$366,ROW(INDEX(Jesper!AJ$2:AJ$366,ROUNDDOWN($C5533/24,0)+1,1))-1)+IF('Standard Profiles'!$G$20=$B$10,7,0)+IF('Standard Profiles'!$G$20=$B$17,14,0)+IF('Standard Profiles'!$G$20=$B$24,21,0),0)),0)</f>
        <v>0</v>
      </c>
      <c r="G5533" cm="1">
        <f t="array" ref="G5533">IFERROR(INDEX(Jesper!AK$2:AK$366,ROUNDDOWN($C5533/24,0)+1,1)*INDEX($D$3:$AA$30,INDEX(Jesper!$R$2:$R$366,ROW(INDEX(Jesper!AK$2:AK$366,ROUNDDOWN($C5533/24,0)+1,1))-1)+IF('Standard Profiles'!$G$21=$B$10,7,0)+IF('Standard Profiles'!$G$21=$B$17,14,0)+IF('Standard Profiles'!$G$21=$B$24,21,0),MOD($C5533,24)+1)/SUM(INDEX($D$3:$AA$30,INDEX(Jesper!$R$2:$R$366,ROW(INDEX(Jesper!AK$2:AK$366,ROUNDDOWN($C5533/24,0)+1,1))-1)+IF('Standard Profiles'!$G$21=$B$10,7,0)+IF('Standard Profiles'!$G$21=$B$17,14,0)+IF('Standard Profiles'!$G$21=$B$24,21,0),0)),0)</f>
        <v>0</v>
      </c>
      <c r="H5533" cm="1">
        <f t="array" ref="H5533">IFERROR(INDEX(Jesper!AL$2:AL$366,ROUNDDOWN($C5533/24,0)+1,1)*INDEX($D$3:$AA$30,INDEX(Jesper!$R$2:$R$366,ROW(INDEX(Jesper!AL$2:AL$366,ROUNDDOWN($C5533/24,0)+1,1))-1)+IF('Standard Profiles'!$G$22=$B$10,7,0)+IF('Standard Profiles'!$G$22=$B$17,14,0)+IF('Standard Profiles'!$G$22=$B$24,21,0),MOD($C5533,24)+1)/SUM(INDEX($D$3:$AA$30,INDEX(Jesper!$R$2:$R$366,ROW(INDEX(Jesper!AL$2:AL$366,ROUNDDOWN($C5533/24,0)+1,1))-1)+IF('Standard Profiles'!$G$22=$B$10,7,0)+IF('Standard Profiles'!$G$22=$B$17,14,0)+IF('Standard Profiles'!$G$22=$B$24,21,0),0)),0)</f>
        <v>0</v>
      </c>
      <c r="I5533">
        <f t="shared" si="615"/>
        <v>0</v>
      </c>
      <c r="J5533">
        <f t="shared" si="616"/>
        <v>5.9263880088904584</v>
      </c>
      <c r="K5533">
        <f t="shared" si="617"/>
        <v>0.5151213410702784</v>
      </c>
      <c r="L5533">
        <f t="shared" si="618"/>
        <v>0.2575606705351392</v>
      </c>
      <c r="M5533">
        <f t="shared" si="619"/>
        <v>0</v>
      </c>
      <c r="N5533" s="45">
        <f t="shared" si="620"/>
        <v>45156.124999986663</v>
      </c>
    </row>
    <row r="5534" spans="2:14" x14ac:dyDescent="0.25">
      <c r="B5534">
        <f t="shared" si="614"/>
        <v>5</v>
      </c>
      <c r="C5534" s="16">
        <v>5500</v>
      </c>
      <c r="D5534" cm="1">
        <f t="array" ref="D5534">IFERROR(INDEX(Jesper!AH$2:AH$366,ROUNDDOWN($C5534/24,0)+1,1)*INDEX($D$3:$AA$30,INDEX(Jesper!$R$2:$R$366,ROW(INDEX(Jesper!AH$2:AH$366,ROUNDDOWN($C5534/24,0)+1,1))-1)+IF('Standard Profiles'!$G$18=$B$10,7,0)+IF('Standard Profiles'!$G$18=$B$17,14,0)+IF('Standard Profiles'!$G$18=$B$24,21,0),MOD($C5534,24)+1)/SUM(INDEX($D$3:$AA$30,INDEX(Jesper!$R$2:$R$366,ROW(INDEX(Jesper!AH$2:AH$366,ROUNDDOWN($C5534/24,0)+1,1))-1)+IF('Standard Profiles'!$G$18=$B$10,7,0)+IF('Standard Profiles'!$G$18=$B$17,14,0)+IF('Standard Profiles'!$G$18=$B$24,21,0),0)),0)</f>
        <v>4.8292625725338594</v>
      </c>
      <c r="E5534" cm="1">
        <f t="array" ref="E5534">IFERROR(INDEX(Jesper!AI$2:AI$366,ROUNDDOWN($C5534/24,0)+1,1)*INDEX($D$3:$AA$30,INDEX(Jesper!$R$2:$R$366,ROW(INDEX(Jesper!AI$2:AI$366,ROUNDDOWN($C5534/24,0)+1,1))-1)+IF('Standard Profiles'!$G$19=$B$10,7,0)+IF('Standard Profiles'!$G$19=$B$17,14,0)+IF('Standard Profiles'!$G$19=$B$24,21,0),MOD($C5534,24)+1)/SUM(INDEX($D$3:$AA$30,INDEX(Jesper!$R$2:$R$366,ROW(INDEX(Jesper!AI$2:AI$366,ROUNDDOWN($C5534/24,0)+1,1))-1)+IF('Standard Profiles'!$G$19=$B$10,7,0)+IF('Standard Profiles'!$G$19=$B$17,14,0)+IF('Standard Profiles'!$G$19=$B$24,21,0),0)),0)</f>
        <v>1.8698074479620166</v>
      </c>
      <c r="F5534" cm="1">
        <f t="array" ref="F5534">IFERROR(INDEX(Jesper!AJ$2:AJ$366,ROUNDDOWN($C5534/24,0)+1,1)*INDEX($D$3:$AA$30,INDEX(Jesper!$R$2:$R$366,ROW(INDEX(Jesper!AJ$2:AJ$366,ROUNDDOWN($C5534/24,0)+1,1))-1)+IF('Standard Profiles'!$G$20=$B$10,7,0)+IF('Standard Profiles'!$G$20=$B$17,14,0)+IF('Standard Profiles'!$G$20=$B$24,21,0),MOD($C5534,24)+1)/SUM(INDEX($D$3:$AA$30,INDEX(Jesper!$R$2:$R$366,ROW(INDEX(Jesper!AJ$2:AJ$366,ROUNDDOWN($C5534/24,0)+1,1))-1)+IF('Standard Profiles'!$G$20=$B$10,7,0)+IF('Standard Profiles'!$G$20=$B$17,14,0)+IF('Standard Profiles'!$G$20=$B$24,21,0),0)),0)</f>
        <v>0</v>
      </c>
      <c r="G5534" cm="1">
        <f t="array" ref="G5534">IFERROR(INDEX(Jesper!AK$2:AK$366,ROUNDDOWN($C5534/24,0)+1,1)*INDEX($D$3:$AA$30,INDEX(Jesper!$R$2:$R$366,ROW(INDEX(Jesper!AK$2:AK$366,ROUNDDOWN($C5534/24,0)+1,1))-1)+IF('Standard Profiles'!$G$21=$B$10,7,0)+IF('Standard Profiles'!$G$21=$B$17,14,0)+IF('Standard Profiles'!$G$21=$B$24,21,0),MOD($C5534,24)+1)/SUM(INDEX($D$3:$AA$30,INDEX(Jesper!$R$2:$R$366,ROW(INDEX(Jesper!AK$2:AK$366,ROUNDDOWN($C5534/24,0)+1,1))-1)+IF('Standard Profiles'!$G$21=$B$10,7,0)+IF('Standard Profiles'!$G$21=$B$17,14,0)+IF('Standard Profiles'!$G$21=$B$24,21,0),0)),0)</f>
        <v>0</v>
      </c>
      <c r="H5534" cm="1">
        <f t="array" ref="H5534">IFERROR(INDEX(Jesper!AL$2:AL$366,ROUNDDOWN($C5534/24,0)+1,1)*INDEX($D$3:$AA$30,INDEX(Jesper!$R$2:$R$366,ROW(INDEX(Jesper!AL$2:AL$366,ROUNDDOWN($C5534/24,0)+1,1))-1)+IF('Standard Profiles'!$G$22=$B$10,7,0)+IF('Standard Profiles'!$G$22=$B$17,14,0)+IF('Standard Profiles'!$G$22=$B$24,21,0),MOD($C5534,24)+1)/SUM(INDEX($D$3:$AA$30,INDEX(Jesper!$R$2:$R$366,ROW(INDEX(Jesper!AL$2:AL$366,ROUNDDOWN($C5534/24,0)+1,1))-1)+IF('Standard Profiles'!$G$22=$B$10,7,0)+IF('Standard Profiles'!$G$22=$B$17,14,0)+IF('Standard Profiles'!$G$22=$B$24,21,0),0)),0)</f>
        <v>0</v>
      </c>
      <c r="I5534">
        <f t="shared" si="615"/>
        <v>0</v>
      </c>
      <c r="J5534">
        <f t="shared" si="616"/>
        <v>5.9263880088904584</v>
      </c>
      <c r="K5534">
        <f t="shared" si="617"/>
        <v>0.5151213410702784</v>
      </c>
      <c r="L5534">
        <f t="shared" si="618"/>
        <v>0.2575606705351392</v>
      </c>
      <c r="M5534">
        <f t="shared" si="619"/>
        <v>0</v>
      </c>
      <c r="N5534" s="45">
        <f t="shared" si="620"/>
        <v>45156.166666653327</v>
      </c>
    </row>
    <row r="5535" spans="2:14" x14ac:dyDescent="0.25">
      <c r="B5535">
        <f t="shared" si="614"/>
        <v>5</v>
      </c>
      <c r="C5535" s="16">
        <v>5501</v>
      </c>
      <c r="D5535" cm="1">
        <f t="array" ref="D5535">IFERROR(INDEX(Jesper!AH$2:AH$366,ROUNDDOWN($C5535/24,0)+1,1)*INDEX($D$3:$AA$30,INDEX(Jesper!$R$2:$R$366,ROW(INDEX(Jesper!AH$2:AH$366,ROUNDDOWN($C5535/24,0)+1,1))-1)+IF('Standard Profiles'!$G$18=$B$10,7,0)+IF('Standard Profiles'!$G$18=$B$17,14,0)+IF('Standard Profiles'!$G$18=$B$24,21,0),MOD($C5535,24)+1)/SUM(INDEX($D$3:$AA$30,INDEX(Jesper!$R$2:$R$366,ROW(INDEX(Jesper!AH$2:AH$366,ROUNDDOWN($C5535/24,0)+1,1))-1)+IF('Standard Profiles'!$G$18=$B$10,7,0)+IF('Standard Profiles'!$G$18=$B$17,14,0)+IF('Standard Profiles'!$G$18=$B$24,21,0),0)),0)</f>
        <v>4.8292625725338594</v>
      </c>
      <c r="E5535" cm="1">
        <f t="array" ref="E5535">IFERROR(INDEX(Jesper!AI$2:AI$366,ROUNDDOWN($C5535/24,0)+1,1)*INDEX($D$3:$AA$30,INDEX(Jesper!$R$2:$R$366,ROW(INDEX(Jesper!AI$2:AI$366,ROUNDDOWN($C5535/24,0)+1,1))-1)+IF('Standard Profiles'!$G$19=$B$10,7,0)+IF('Standard Profiles'!$G$19=$B$17,14,0)+IF('Standard Profiles'!$G$19=$B$24,21,0),MOD($C5535,24)+1)/SUM(INDEX($D$3:$AA$30,INDEX(Jesper!$R$2:$R$366,ROW(INDEX(Jesper!AI$2:AI$366,ROUNDDOWN($C5535/24,0)+1,1))-1)+IF('Standard Profiles'!$G$19=$B$10,7,0)+IF('Standard Profiles'!$G$19=$B$17,14,0)+IF('Standard Profiles'!$G$19=$B$24,21,0),0)),0)</f>
        <v>1.8698074479620166</v>
      </c>
      <c r="F5535" cm="1">
        <f t="array" ref="F5535">IFERROR(INDEX(Jesper!AJ$2:AJ$366,ROUNDDOWN($C5535/24,0)+1,1)*INDEX($D$3:$AA$30,INDEX(Jesper!$R$2:$R$366,ROW(INDEX(Jesper!AJ$2:AJ$366,ROUNDDOWN($C5535/24,0)+1,1))-1)+IF('Standard Profiles'!$G$20=$B$10,7,0)+IF('Standard Profiles'!$G$20=$B$17,14,0)+IF('Standard Profiles'!$G$20=$B$24,21,0),MOD($C5535,24)+1)/SUM(INDEX($D$3:$AA$30,INDEX(Jesper!$R$2:$R$366,ROW(INDEX(Jesper!AJ$2:AJ$366,ROUNDDOWN($C5535/24,0)+1,1))-1)+IF('Standard Profiles'!$G$20=$B$10,7,0)+IF('Standard Profiles'!$G$20=$B$17,14,0)+IF('Standard Profiles'!$G$20=$B$24,21,0),0)),0)</f>
        <v>0</v>
      </c>
      <c r="G5535" cm="1">
        <f t="array" ref="G5535">IFERROR(INDEX(Jesper!AK$2:AK$366,ROUNDDOWN($C5535/24,0)+1,1)*INDEX($D$3:$AA$30,INDEX(Jesper!$R$2:$R$366,ROW(INDEX(Jesper!AK$2:AK$366,ROUNDDOWN($C5535/24,0)+1,1))-1)+IF('Standard Profiles'!$G$21=$B$10,7,0)+IF('Standard Profiles'!$G$21=$B$17,14,0)+IF('Standard Profiles'!$G$21=$B$24,21,0),MOD($C5535,24)+1)/SUM(INDEX($D$3:$AA$30,INDEX(Jesper!$R$2:$R$366,ROW(INDEX(Jesper!AK$2:AK$366,ROUNDDOWN($C5535/24,0)+1,1))-1)+IF('Standard Profiles'!$G$21=$B$10,7,0)+IF('Standard Profiles'!$G$21=$B$17,14,0)+IF('Standard Profiles'!$G$21=$B$24,21,0),0)),0)</f>
        <v>0</v>
      </c>
      <c r="H5535" cm="1">
        <f t="array" ref="H5535">IFERROR(INDEX(Jesper!AL$2:AL$366,ROUNDDOWN($C5535/24,0)+1,1)*INDEX($D$3:$AA$30,INDEX(Jesper!$R$2:$R$366,ROW(INDEX(Jesper!AL$2:AL$366,ROUNDDOWN($C5535/24,0)+1,1))-1)+IF('Standard Profiles'!$G$22=$B$10,7,0)+IF('Standard Profiles'!$G$22=$B$17,14,0)+IF('Standard Profiles'!$G$22=$B$24,21,0),MOD($C5535,24)+1)/SUM(INDEX($D$3:$AA$30,INDEX(Jesper!$R$2:$R$366,ROW(INDEX(Jesper!AL$2:AL$366,ROUNDDOWN($C5535/24,0)+1,1))-1)+IF('Standard Profiles'!$G$22=$B$10,7,0)+IF('Standard Profiles'!$G$22=$B$17,14,0)+IF('Standard Profiles'!$G$22=$B$24,21,0),0)),0)</f>
        <v>0</v>
      </c>
      <c r="I5535">
        <f t="shared" si="615"/>
        <v>0</v>
      </c>
      <c r="J5535">
        <f t="shared" si="616"/>
        <v>5.9263880088904584</v>
      </c>
      <c r="K5535">
        <f t="shared" si="617"/>
        <v>0.5151213410702784</v>
      </c>
      <c r="L5535">
        <f t="shared" si="618"/>
        <v>0.2575606705351392</v>
      </c>
      <c r="M5535">
        <f t="shared" si="619"/>
        <v>0</v>
      </c>
      <c r="N5535" s="45">
        <f t="shared" si="620"/>
        <v>45156.208333319992</v>
      </c>
    </row>
    <row r="5536" spans="2:14" x14ac:dyDescent="0.25">
      <c r="B5536">
        <f t="shared" si="614"/>
        <v>5</v>
      </c>
      <c r="C5536" s="16">
        <v>5502</v>
      </c>
      <c r="D5536" cm="1">
        <f t="array" ref="D5536">IFERROR(INDEX(Jesper!AH$2:AH$366,ROUNDDOWN($C5536/24,0)+1,1)*INDEX($D$3:$AA$30,INDEX(Jesper!$R$2:$R$366,ROW(INDEX(Jesper!AH$2:AH$366,ROUNDDOWN($C5536/24,0)+1,1))-1)+IF('Standard Profiles'!$G$18=$B$10,7,0)+IF('Standard Profiles'!$G$18=$B$17,14,0)+IF('Standard Profiles'!$G$18=$B$24,21,0),MOD($C5536,24)+1)/SUM(INDEX($D$3:$AA$30,INDEX(Jesper!$R$2:$R$366,ROW(INDEX(Jesper!AH$2:AH$366,ROUNDDOWN($C5536/24,0)+1,1))-1)+IF('Standard Profiles'!$G$18=$B$10,7,0)+IF('Standard Profiles'!$G$18=$B$17,14,0)+IF('Standard Profiles'!$G$18=$B$24,21,0),0)),0)</f>
        <v>4.8292625725338594</v>
      </c>
      <c r="E5536" cm="1">
        <f t="array" ref="E5536">IFERROR(INDEX(Jesper!AI$2:AI$366,ROUNDDOWN($C5536/24,0)+1,1)*INDEX($D$3:$AA$30,INDEX(Jesper!$R$2:$R$366,ROW(INDEX(Jesper!AI$2:AI$366,ROUNDDOWN($C5536/24,0)+1,1))-1)+IF('Standard Profiles'!$G$19=$B$10,7,0)+IF('Standard Profiles'!$G$19=$B$17,14,0)+IF('Standard Profiles'!$G$19=$B$24,21,0),MOD($C5536,24)+1)/SUM(INDEX($D$3:$AA$30,INDEX(Jesper!$R$2:$R$366,ROW(INDEX(Jesper!AI$2:AI$366,ROUNDDOWN($C5536/24,0)+1,1))-1)+IF('Standard Profiles'!$G$19=$B$10,7,0)+IF('Standard Profiles'!$G$19=$B$17,14,0)+IF('Standard Profiles'!$G$19=$B$24,21,0),0)),0)</f>
        <v>1.8698074479620166</v>
      </c>
      <c r="F5536" cm="1">
        <f t="array" ref="F5536">IFERROR(INDEX(Jesper!AJ$2:AJ$366,ROUNDDOWN($C5536/24,0)+1,1)*INDEX($D$3:$AA$30,INDEX(Jesper!$R$2:$R$366,ROW(INDEX(Jesper!AJ$2:AJ$366,ROUNDDOWN($C5536/24,0)+1,1))-1)+IF('Standard Profiles'!$G$20=$B$10,7,0)+IF('Standard Profiles'!$G$20=$B$17,14,0)+IF('Standard Profiles'!$G$20=$B$24,21,0),MOD($C5536,24)+1)/SUM(INDEX($D$3:$AA$30,INDEX(Jesper!$R$2:$R$366,ROW(INDEX(Jesper!AJ$2:AJ$366,ROUNDDOWN($C5536/24,0)+1,1))-1)+IF('Standard Profiles'!$G$20=$B$10,7,0)+IF('Standard Profiles'!$G$20=$B$17,14,0)+IF('Standard Profiles'!$G$20=$B$24,21,0),0)),0)</f>
        <v>0</v>
      </c>
      <c r="G5536" cm="1">
        <f t="array" ref="G5536">IFERROR(INDEX(Jesper!AK$2:AK$366,ROUNDDOWN($C5536/24,0)+1,1)*INDEX($D$3:$AA$30,INDEX(Jesper!$R$2:$R$366,ROW(INDEX(Jesper!AK$2:AK$366,ROUNDDOWN($C5536/24,0)+1,1))-1)+IF('Standard Profiles'!$G$21=$B$10,7,0)+IF('Standard Profiles'!$G$21=$B$17,14,0)+IF('Standard Profiles'!$G$21=$B$24,21,0),MOD($C5536,24)+1)/SUM(INDEX($D$3:$AA$30,INDEX(Jesper!$R$2:$R$366,ROW(INDEX(Jesper!AK$2:AK$366,ROUNDDOWN($C5536/24,0)+1,1))-1)+IF('Standard Profiles'!$G$21=$B$10,7,0)+IF('Standard Profiles'!$G$21=$B$17,14,0)+IF('Standard Profiles'!$G$21=$B$24,21,0),0)),0)</f>
        <v>0</v>
      </c>
      <c r="H5536" cm="1">
        <f t="array" ref="H5536">IFERROR(INDEX(Jesper!AL$2:AL$366,ROUNDDOWN($C5536/24,0)+1,1)*INDEX($D$3:$AA$30,INDEX(Jesper!$R$2:$R$366,ROW(INDEX(Jesper!AL$2:AL$366,ROUNDDOWN($C5536/24,0)+1,1))-1)+IF('Standard Profiles'!$G$22=$B$10,7,0)+IF('Standard Profiles'!$G$22=$B$17,14,0)+IF('Standard Profiles'!$G$22=$B$24,21,0),MOD($C5536,24)+1)/SUM(INDEX($D$3:$AA$30,INDEX(Jesper!$R$2:$R$366,ROW(INDEX(Jesper!AL$2:AL$366,ROUNDDOWN($C5536/24,0)+1,1))-1)+IF('Standard Profiles'!$G$22=$B$10,7,0)+IF('Standard Profiles'!$G$22=$B$17,14,0)+IF('Standard Profiles'!$G$22=$B$24,21,0),0)),0)</f>
        <v>0</v>
      </c>
      <c r="I5536">
        <f t="shared" si="615"/>
        <v>0</v>
      </c>
      <c r="J5536">
        <f t="shared" si="616"/>
        <v>5.9263880088904584</v>
      </c>
      <c r="K5536">
        <f t="shared" si="617"/>
        <v>0.5151213410702784</v>
      </c>
      <c r="L5536">
        <f t="shared" si="618"/>
        <v>0.2575606705351392</v>
      </c>
      <c r="M5536">
        <f t="shared" si="619"/>
        <v>0</v>
      </c>
      <c r="N5536" s="45">
        <f t="shared" si="620"/>
        <v>45156.249999986656</v>
      </c>
    </row>
    <row r="5537" spans="2:14" x14ac:dyDescent="0.25">
      <c r="B5537">
        <f t="shared" si="614"/>
        <v>5</v>
      </c>
      <c r="C5537" s="16">
        <v>5503</v>
      </c>
      <c r="D5537" cm="1">
        <f t="array" ref="D5537">IFERROR(INDEX(Jesper!AH$2:AH$366,ROUNDDOWN($C5537/24,0)+1,1)*INDEX($D$3:$AA$30,INDEX(Jesper!$R$2:$R$366,ROW(INDEX(Jesper!AH$2:AH$366,ROUNDDOWN($C5537/24,0)+1,1))-1)+IF('Standard Profiles'!$G$18=$B$10,7,0)+IF('Standard Profiles'!$G$18=$B$17,14,0)+IF('Standard Profiles'!$G$18=$B$24,21,0),MOD($C5537,24)+1)/SUM(INDEX($D$3:$AA$30,INDEX(Jesper!$R$2:$R$366,ROW(INDEX(Jesper!AH$2:AH$366,ROUNDDOWN($C5537/24,0)+1,1))-1)+IF('Standard Profiles'!$G$18=$B$10,7,0)+IF('Standard Profiles'!$G$18=$B$17,14,0)+IF('Standard Profiles'!$G$18=$B$24,21,0),0)),0)</f>
        <v>20.572658558994238</v>
      </c>
      <c r="E5537" cm="1">
        <f t="array" ref="E5537">IFERROR(INDEX(Jesper!AI$2:AI$366,ROUNDDOWN($C5537/24,0)+1,1)*INDEX($D$3:$AA$30,INDEX(Jesper!$R$2:$R$366,ROW(INDEX(Jesper!AI$2:AI$366,ROUNDDOWN($C5537/24,0)+1,1))-1)+IF('Standard Profiles'!$G$19=$B$10,7,0)+IF('Standard Profiles'!$G$19=$B$17,14,0)+IF('Standard Profiles'!$G$19=$B$24,21,0),MOD($C5537,24)+1)/SUM(INDEX($D$3:$AA$30,INDEX(Jesper!$R$2:$R$366,ROW(INDEX(Jesper!AI$2:AI$366,ROUNDDOWN($C5537/24,0)+1,1))-1)+IF('Standard Profiles'!$G$19=$B$10,7,0)+IF('Standard Profiles'!$G$19=$B$17,14,0)+IF('Standard Profiles'!$G$19=$B$24,21,0),0)),0)</f>
        <v>7.9653797283181902</v>
      </c>
      <c r="F5537" cm="1">
        <f t="array" ref="F5537">IFERROR(INDEX(Jesper!AJ$2:AJ$366,ROUNDDOWN($C5537/24,0)+1,1)*INDEX($D$3:$AA$30,INDEX(Jesper!$R$2:$R$366,ROW(INDEX(Jesper!AJ$2:AJ$366,ROUNDDOWN($C5537/24,0)+1,1))-1)+IF('Standard Profiles'!$G$20=$B$10,7,0)+IF('Standard Profiles'!$G$20=$B$17,14,0)+IF('Standard Profiles'!$G$20=$B$24,21,0),MOD($C5537,24)+1)/SUM(INDEX($D$3:$AA$30,INDEX(Jesper!$R$2:$R$366,ROW(INDEX(Jesper!AJ$2:AJ$366,ROUNDDOWN($C5537/24,0)+1,1))-1)+IF('Standard Profiles'!$G$20=$B$10,7,0)+IF('Standard Profiles'!$G$20=$B$17,14,0)+IF('Standard Profiles'!$G$20=$B$24,21,0),0)),0)</f>
        <v>0</v>
      </c>
      <c r="G5537" cm="1">
        <f t="array" ref="G5537">IFERROR(INDEX(Jesper!AK$2:AK$366,ROUNDDOWN($C5537/24,0)+1,1)*INDEX($D$3:$AA$30,INDEX(Jesper!$R$2:$R$366,ROW(INDEX(Jesper!AK$2:AK$366,ROUNDDOWN($C5537/24,0)+1,1))-1)+IF('Standard Profiles'!$G$21=$B$10,7,0)+IF('Standard Profiles'!$G$21=$B$17,14,0)+IF('Standard Profiles'!$G$21=$B$24,21,0),MOD($C5537,24)+1)/SUM(INDEX($D$3:$AA$30,INDEX(Jesper!$R$2:$R$366,ROW(INDEX(Jesper!AK$2:AK$366,ROUNDDOWN($C5537/24,0)+1,1))-1)+IF('Standard Profiles'!$G$21=$B$10,7,0)+IF('Standard Profiles'!$G$21=$B$17,14,0)+IF('Standard Profiles'!$G$21=$B$24,21,0),0)),0)</f>
        <v>0</v>
      </c>
      <c r="H5537" cm="1">
        <f t="array" ref="H5537">IFERROR(INDEX(Jesper!AL$2:AL$366,ROUNDDOWN($C5537/24,0)+1,1)*INDEX($D$3:$AA$30,INDEX(Jesper!$R$2:$R$366,ROW(INDEX(Jesper!AL$2:AL$366,ROUNDDOWN($C5537/24,0)+1,1))-1)+IF('Standard Profiles'!$G$22=$B$10,7,0)+IF('Standard Profiles'!$G$22=$B$17,14,0)+IF('Standard Profiles'!$G$22=$B$24,21,0),MOD($C5537,24)+1)/SUM(INDEX($D$3:$AA$30,INDEX(Jesper!$R$2:$R$366,ROW(INDEX(Jesper!AL$2:AL$366,ROUNDDOWN($C5537/24,0)+1,1))-1)+IF('Standard Profiles'!$G$22=$B$10,7,0)+IF('Standard Profiles'!$G$22=$B$17,14,0)+IF('Standard Profiles'!$G$22=$B$24,21,0),0)),0)</f>
        <v>0</v>
      </c>
      <c r="I5537">
        <f t="shared" si="615"/>
        <v>0</v>
      </c>
      <c r="J5537">
        <f t="shared" si="616"/>
        <v>25.24641291787335</v>
      </c>
      <c r="K5537">
        <f t="shared" si="617"/>
        <v>2.1944169129593853</v>
      </c>
      <c r="L5537">
        <f t="shared" si="618"/>
        <v>1.0972084564796927</v>
      </c>
      <c r="M5537">
        <f t="shared" si="619"/>
        <v>0</v>
      </c>
      <c r="N5537" s="45">
        <f t="shared" si="620"/>
        <v>45156.29166665332</v>
      </c>
    </row>
    <row r="5538" spans="2:14" x14ac:dyDescent="0.25">
      <c r="B5538">
        <f t="shared" si="614"/>
        <v>5</v>
      </c>
      <c r="C5538" s="16">
        <v>5504</v>
      </c>
      <c r="D5538" cm="1">
        <f t="array" ref="D5538">IFERROR(INDEX(Jesper!AH$2:AH$366,ROUNDDOWN($C5538/24,0)+1,1)*INDEX($D$3:$AA$30,INDEX(Jesper!$R$2:$R$366,ROW(INDEX(Jesper!AH$2:AH$366,ROUNDDOWN($C5538/24,0)+1,1))-1)+IF('Standard Profiles'!$G$18=$B$10,7,0)+IF('Standard Profiles'!$G$18=$B$17,14,0)+IF('Standard Profiles'!$G$18=$B$24,21,0),MOD($C5538,24)+1)/SUM(INDEX($D$3:$AA$30,INDEX(Jesper!$R$2:$R$366,ROW(INDEX(Jesper!AH$2:AH$366,ROUNDDOWN($C5538/24,0)+1,1))-1)+IF('Standard Profiles'!$G$18=$B$10,7,0)+IF('Standard Profiles'!$G$18=$B$17,14,0)+IF('Standard Profiles'!$G$18=$B$24,21,0),0)),0)</f>
        <v>25.715823198742797</v>
      </c>
      <c r="E5538" cm="1">
        <f t="array" ref="E5538">IFERROR(INDEX(Jesper!AI$2:AI$366,ROUNDDOWN($C5538/24,0)+1,1)*INDEX($D$3:$AA$30,INDEX(Jesper!$R$2:$R$366,ROW(INDEX(Jesper!AI$2:AI$366,ROUNDDOWN($C5538/24,0)+1,1))-1)+IF('Standard Profiles'!$G$19=$B$10,7,0)+IF('Standard Profiles'!$G$19=$B$17,14,0)+IF('Standard Profiles'!$G$19=$B$24,21,0),MOD($C5538,24)+1)/SUM(INDEX($D$3:$AA$30,INDEX(Jesper!$R$2:$R$366,ROW(INDEX(Jesper!AI$2:AI$366,ROUNDDOWN($C5538/24,0)+1,1))-1)+IF('Standard Profiles'!$G$19=$B$10,7,0)+IF('Standard Profiles'!$G$19=$B$17,14,0)+IF('Standard Profiles'!$G$19=$B$24,21,0),0)),0)</f>
        <v>9.9567246603977395</v>
      </c>
      <c r="F5538" cm="1">
        <f t="array" ref="F5538">IFERROR(INDEX(Jesper!AJ$2:AJ$366,ROUNDDOWN($C5538/24,0)+1,1)*INDEX($D$3:$AA$30,INDEX(Jesper!$R$2:$R$366,ROW(INDEX(Jesper!AJ$2:AJ$366,ROUNDDOWN($C5538/24,0)+1,1))-1)+IF('Standard Profiles'!$G$20=$B$10,7,0)+IF('Standard Profiles'!$G$20=$B$17,14,0)+IF('Standard Profiles'!$G$20=$B$24,21,0),MOD($C5538,24)+1)/SUM(INDEX($D$3:$AA$30,INDEX(Jesper!$R$2:$R$366,ROW(INDEX(Jesper!AJ$2:AJ$366,ROUNDDOWN($C5538/24,0)+1,1))-1)+IF('Standard Profiles'!$G$20=$B$10,7,0)+IF('Standard Profiles'!$G$20=$B$17,14,0)+IF('Standard Profiles'!$G$20=$B$24,21,0),0)),0)</f>
        <v>0</v>
      </c>
      <c r="G5538" cm="1">
        <f t="array" ref="G5538">IFERROR(INDEX(Jesper!AK$2:AK$366,ROUNDDOWN($C5538/24,0)+1,1)*INDEX($D$3:$AA$30,INDEX(Jesper!$R$2:$R$366,ROW(INDEX(Jesper!AK$2:AK$366,ROUNDDOWN($C5538/24,0)+1,1))-1)+IF('Standard Profiles'!$G$21=$B$10,7,0)+IF('Standard Profiles'!$G$21=$B$17,14,0)+IF('Standard Profiles'!$G$21=$B$24,21,0),MOD($C5538,24)+1)/SUM(INDEX($D$3:$AA$30,INDEX(Jesper!$R$2:$R$366,ROW(INDEX(Jesper!AK$2:AK$366,ROUNDDOWN($C5538/24,0)+1,1))-1)+IF('Standard Profiles'!$G$21=$B$10,7,0)+IF('Standard Profiles'!$G$21=$B$17,14,0)+IF('Standard Profiles'!$G$21=$B$24,21,0),0)),0)</f>
        <v>0</v>
      </c>
      <c r="H5538" cm="1">
        <f t="array" ref="H5538">IFERROR(INDEX(Jesper!AL$2:AL$366,ROUNDDOWN($C5538/24,0)+1,1)*INDEX($D$3:$AA$30,INDEX(Jesper!$R$2:$R$366,ROW(INDEX(Jesper!AL$2:AL$366,ROUNDDOWN($C5538/24,0)+1,1))-1)+IF('Standard Profiles'!$G$22=$B$10,7,0)+IF('Standard Profiles'!$G$22=$B$17,14,0)+IF('Standard Profiles'!$G$22=$B$24,21,0),MOD($C5538,24)+1)/SUM(INDEX($D$3:$AA$30,INDEX(Jesper!$R$2:$R$366,ROW(INDEX(Jesper!AL$2:AL$366,ROUNDDOWN($C5538/24,0)+1,1))-1)+IF('Standard Profiles'!$G$22=$B$10,7,0)+IF('Standard Profiles'!$G$22=$B$17,14,0)+IF('Standard Profiles'!$G$22=$B$24,21,0),0)),0)</f>
        <v>0</v>
      </c>
      <c r="I5538">
        <f t="shared" si="615"/>
        <v>0</v>
      </c>
      <c r="J5538">
        <f t="shared" si="616"/>
        <v>31.558016147341689</v>
      </c>
      <c r="K5538">
        <f t="shared" si="617"/>
        <v>2.743021141199232</v>
      </c>
      <c r="L5538">
        <f t="shared" si="618"/>
        <v>1.371510570599616</v>
      </c>
      <c r="M5538">
        <f t="shared" si="619"/>
        <v>0</v>
      </c>
      <c r="N5538" s="45">
        <f t="shared" si="620"/>
        <v>45156.333333319984</v>
      </c>
    </row>
    <row r="5539" spans="2:14" x14ac:dyDescent="0.25">
      <c r="B5539">
        <f t="shared" ref="B5539:B5602" si="621">WEEKDAY(N5539,2)</f>
        <v>5</v>
      </c>
      <c r="C5539" s="16">
        <v>5505</v>
      </c>
      <c r="D5539" cm="1">
        <f t="array" ref="D5539">IFERROR(INDEX(Jesper!AH$2:AH$366,ROUNDDOWN($C5539/24,0)+1,1)*INDEX($D$3:$AA$30,INDEX(Jesper!$R$2:$R$366,ROW(INDEX(Jesper!AH$2:AH$366,ROUNDDOWN($C5539/24,0)+1,1))-1)+IF('Standard Profiles'!$G$18=$B$10,7,0)+IF('Standard Profiles'!$G$18=$B$17,14,0)+IF('Standard Profiles'!$G$18=$B$24,21,0),MOD($C5539,24)+1)/SUM(INDEX($D$3:$AA$30,INDEX(Jesper!$R$2:$R$366,ROW(INDEX(Jesper!AH$2:AH$366,ROUNDDOWN($C5539/24,0)+1,1))-1)+IF('Standard Profiles'!$G$18=$B$10,7,0)+IF('Standard Profiles'!$G$18=$B$17,14,0)+IF('Standard Profiles'!$G$18=$B$24,21,0),0)),0)</f>
        <v>28.287405518617081</v>
      </c>
      <c r="E5539" cm="1">
        <f t="array" ref="E5539">IFERROR(INDEX(Jesper!AI$2:AI$366,ROUNDDOWN($C5539/24,0)+1,1)*INDEX($D$3:$AA$30,INDEX(Jesper!$R$2:$R$366,ROW(INDEX(Jesper!AI$2:AI$366,ROUNDDOWN($C5539/24,0)+1,1))-1)+IF('Standard Profiles'!$G$19=$B$10,7,0)+IF('Standard Profiles'!$G$19=$B$17,14,0)+IF('Standard Profiles'!$G$19=$B$24,21,0),MOD($C5539,24)+1)/SUM(INDEX($D$3:$AA$30,INDEX(Jesper!$R$2:$R$366,ROW(INDEX(Jesper!AI$2:AI$366,ROUNDDOWN($C5539/24,0)+1,1))-1)+IF('Standard Profiles'!$G$19=$B$10,7,0)+IF('Standard Profiles'!$G$19=$B$17,14,0)+IF('Standard Profiles'!$G$19=$B$24,21,0),0)),0)</f>
        <v>10.952397126437512</v>
      </c>
      <c r="F5539" cm="1">
        <f t="array" ref="F5539">IFERROR(INDEX(Jesper!AJ$2:AJ$366,ROUNDDOWN($C5539/24,0)+1,1)*INDEX($D$3:$AA$30,INDEX(Jesper!$R$2:$R$366,ROW(INDEX(Jesper!AJ$2:AJ$366,ROUNDDOWN($C5539/24,0)+1,1))-1)+IF('Standard Profiles'!$G$20=$B$10,7,0)+IF('Standard Profiles'!$G$20=$B$17,14,0)+IF('Standard Profiles'!$G$20=$B$24,21,0),MOD($C5539,24)+1)/SUM(INDEX($D$3:$AA$30,INDEX(Jesper!$R$2:$R$366,ROW(INDEX(Jesper!AJ$2:AJ$366,ROUNDDOWN($C5539/24,0)+1,1))-1)+IF('Standard Profiles'!$G$20=$B$10,7,0)+IF('Standard Profiles'!$G$20=$B$17,14,0)+IF('Standard Profiles'!$G$20=$B$24,21,0),0)),0)</f>
        <v>0</v>
      </c>
      <c r="G5539" cm="1">
        <f t="array" ref="G5539">IFERROR(INDEX(Jesper!AK$2:AK$366,ROUNDDOWN($C5539/24,0)+1,1)*INDEX($D$3:$AA$30,INDEX(Jesper!$R$2:$R$366,ROW(INDEX(Jesper!AK$2:AK$366,ROUNDDOWN($C5539/24,0)+1,1))-1)+IF('Standard Profiles'!$G$21=$B$10,7,0)+IF('Standard Profiles'!$G$21=$B$17,14,0)+IF('Standard Profiles'!$G$21=$B$24,21,0),MOD($C5539,24)+1)/SUM(INDEX($D$3:$AA$30,INDEX(Jesper!$R$2:$R$366,ROW(INDEX(Jesper!AK$2:AK$366,ROUNDDOWN($C5539/24,0)+1,1))-1)+IF('Standard Profiles'!$G$21=$B$10,7,0)+IF('Standard Profiles'!$G$21=$B$17,14,0)+IF('Standard Profiles'!$G$21=$B$24,21,0),0)),0)</f>
        <v>0</v>
      </c>
      <c r="H5539" cm="1">
        <f t="array" ref="H5539">IFERROR(INDEX(Jesper!AL$2:AL$366,ROUNDDOWN($C5539/24,0)+1,1)*INDEX($D$3:$AA$30,INDEX(Jesper!$R$2:$R$366,ROW(INDEX(Jesper!AL$2:AL$366,ROUNDDOWN($C5539/24,0)+1,1))-1)+IF('Standard Profiles'!$G$22=$B$10,7,0)+IF('Standard Profiles'!$G$22=$B$17,14,0)+IF('Standard Profiles'!$G$22=$B$24,21,0),MOD($C5539,24)+1)/SUM(INDEX($D$3:$AA$30,INDEX(Jesper!$R$2:$R$366,ROW(INDEX(Jesper!AL$2:AL$366,ROUNDDOWN($C5539/24,0)+1,1))-1)+IF('Standard Profiles'!$G$22=$B$10,7,0)+IF('Standard Profiles'!$G$22=$B$17,14,0)+IF('Standard Profiles'!$G$22=$B$24,21,0),0)),0)</f>
        <v>0</v>
      </c>
      <c r="I5539">
        <f t="shared" ref="I5539:I5602" si="622">IF($B5539&lt;6,AC$37*$D5539+AC$38*$E5539+AC$39*$F5539+AC$40*$G5539,AC$46*$D5539+AC$47*$E5539+AC$48*$F5539+AC$49*$G5539+AC$50*$H5539)</f>
        <v>0</v>
      </c>
      <c r="J5539">
        <f t="shared" ref="J5539:J5602" si="623">IF($B5539&lt;6,AD$37*$D5539+AD$38*$E5539+AD$39*$F5539+AD$40*$G5539,AD$46*$D5539+AD$47*$E5539+AD$48*$F5539+AD$49*$G5539+AD$50*$H5539)</f>
        <v>34.713817762075863</v>
      </c>
      <c r="K5539">
        <f t="shared" ref="K5539:K5602" si="624">IF($B5539&lt;6,AE$37*$D5539+AE$38*$E5539+AE$39*$F5539+AE$40*$G5539,AE$46*$D5539+AE$47*$E5539+AE$48*$F5539+AE$49*$G5539+AE$50*$H5539)</f>
        <v>3.0173232553191554</v>
      </c>
      <c r="L5539">
        <f t="shared" ref="L5539:L5602" si="625">IF($B5539&lt;6,AF$37*$D5539+AF$38*$E5539+AF$39*$F5539+AF$40*$G5539,AF$46*$D5539+AF$47*$E5539+AF$48*$F5539+AF$49*$G5539+AF$50*$H5539)</f>
        <v>1.5086616276595777</v>
      </c>
      <c r="M5539">
        <f t="shared" ref="M5539:M5602" si="626">IF($B5539&lt;6,AG$37*$D5539+AG$38*$E5539+AG$39*$F5539+AG$40*$G5539,AG$46*$D5539+AG$47*$E5539+AG$48*$F5539+AG$49*$G5539+AG$50*$H5539)</f>
        <v>0</v>
      </c>
      <c r="N5539" s="45">
        <f t="shared" si="620"/>
        <v>45156.374999986649</v>
      </c>
    </row>
    <row r="5540" spans="2:14" x14ac:dyDescent="0.25">
      <c r="B5540">
        <f t="shared" si="621"/>
        <v>5</v>
      </c>
      <c r="C5540" s="16">
        <v>5506</v>
      </c>
      <c r="D5540" cm="1">
        <f t="array" ref="D5540">IFERROR(INDEX(Jesper!AH$2:AH$366,ROUNDDOWN($C5540/24,0)+1,1)*INDEX($D$3:$AA$30,INDEX(Jesper!$R$2:$R$366,ROW(INDEX(Jesper!AH$2:AH$366,ROUNDDOWN($C5540/24,0)+1,1))-1)+IF('Standard Profiles'!$G$18=$B$10,7,0)+IF('Standard Profiles'!$G$18=$B$17,14,0)+IF('Standard Profiles'!$G$18=$B$24,21,0),MOD($C5540,24)+1)/SUM(INDEX($D$3:$AA$30,INDEX(Jesper!$R$2:$R$366,ROW(INDEX(Jesper!AH$2:AH$366,ROUNDDOWN($C5540/24,0)+1,1))-1)+IF('Standard Profiles'!$G$18=$B$10,7,0)+IF('Standard Profiles'!$G$18=$B$17,14,0)+IF('Standard Profiles'!$G$18=$B$24,21,0),0)),0)</f>
        <v>28.287405518617081</v>
      </c>
      <c r="E5540" cm="1">
        <f t="array" ref="E5540">IFERROR(INDEX(Jesper!AI$2:AI$366,ROUNDDOWN($C5540/24,0)+1,1)*INDEX($D$3:$AA$30,INDEX(Jesper!$R$2:$R$366,ROW(INDEX(Jesper!AI$2:AI$366,ROUNDDOWN($C5540/24,0)+1,1))-1)+IF('Standard Profiles'!$G$19=$B$10,7,0)+IF('Standard Profiles'!$G$19=$B$17,14,0)+IF('Standard Profiles'!$G$19=$B$24,21,0),MOD($C5540,24)+1)/SUM(INDEX($D$3:$AA$30,INDEX(Jesper!$R$2:$R$366,ROW(INDEX(Jesper!AI$2:AI$366,ROUNDDOWN($C5540/24,0)+1,1))-1)+IF('Standard Profiles'!$G$19=$B$10,7,0)+IF('Standard Profiles'!$G$19=$B$17,14,0)+IF('Standard Profiles'!$G$19=$B$24,21,0),0)),0)</f>
        <v>10.952397126437512</v>
      </c>
      <c r="F5540" cm="1">
        <f t="array" ref="F5540">IFERROR(INDEX(Jesper!AJ$2:AJ$366,ROUNDDOWN($C5540/24,0)+1,1)*INDEX($D$3:$AA$30,INDEX(Jesper!$R$2:$R$366,ROW(INDEX(Jesper!AJ$2:AJ$366,ROUNDDOWN($C5540/24,0)+1,1))-1)+IF('Standard Profiles'!$G$20=$B$10,7,0)+IF('Standard Profiles'!$G$20=$B$17,14,0)+IF('Standard Profiles'!$G$20=$B$24,21,0),MOD($C5540,24)+1)/SUM(INDEX($D$3:$AA$30,INDEX(Jesper!$R$2:$R$366,ROW(INDEX(Jesper!AJ$2:AJ$366,ROUNDDOWN($C5540/24,0)+1,1))-1)+IF('Standard Profiles'!$G$20=$B$10,7,0)+IF('Standard Profiles'!$G$20=$B$17,14,0)+IF('Standard Profiles'!$G$20=$B$24,21,0),0)),0)</f>
        <v>0</v>
      </c>
      <c r="G5540" cm="1">
        <f t="array" ref="G5540">IFERROR(INDEX(Jesper!AK$2:AK$366,ROUNDDOWN($C5540/24,0)+1,1)*INDEX($D$3:$AA$30,INDEX(Jesper!$R$2:$R$366,ROW(INDEX(Jesper!AK$2:AK$366,ROUNDDOWN($C5540/24,0)+1,1))-1)+IF('Standard Profiles'!$G$21=$B$10,7,0)+IF('Standard Profiles'!$G$21=$B$17,14,0)+IF('Standard Profiles'!$G$21=$B$24,21,0),MOD($C5540,24)+1)/SUM(INDEX($D$3:$AA$30,INDEX(Jesper!$R$2:$R$366,ROW(INDEX(Jesper!AK$2:AK$366,ROUNDDOWN($C5540/24,0)+1,1))-1)+IF('Standard Profiles'!$G$21=$B$10,7,0)+IF('Standard Profiles'!$G$21=$B$17,14,0)+IF('Standard Profiles'!$G$21=$B$24,21,0),0)),0)</f>
        <v>0</v>
      </c>
      <c r="H5540" cm="1">
        <f t="array" ref="H5540">IFERROR(INDEX(Jesper!AL$2:AL$366,ROUNDDOWN($C5540/24,0)+1,1)*INDEX($D$3:$AA$30,INDEX(Jesper!$R$2:$R$366,ROW(INDEX(Jesper!AL$2:AL$366,ROUNDDOWN($C5540/24,0)+1,1))-1)+IF('Standard Profiles'!$G$22=$B$10,7,0)+IF('Standard Profiles'!$G$22=$B$17,14,0)+IF('Standard Profiles'!$G$22=$B$24,21,0),MOD($C5540,24)+1)/SUM(INDEX($D$3:$AA$30,INDEX(Jesper!$R$2:$R$366,ROW(INDEX(Jesper!AL$2:AL$366,ROUNDDOWN($C5540/24,0)+1,1))-1)+IF('Standard Profiles'!$G$22=$B$10,7,0)+IF('Standard Profiles'!$G$22=$B$17,14,0)+IF('Standard Profiles'!$G$22=$B$24,21,0),0)),0)</f>
        <v>0</v>
      </c>
      <c r="I5540">
        <f t="shared" si="622"/>
        <v>0</v>
      </c>
      <c r="J5540">
        <f t="shared" si="623"/>
        <v>34.713817762075863</v>
      </c>
      <c r="K5540">
        <f t="shared" si="624"/>
        <v>3.0173232553191554</v>
      </c>
      <c r="L5540">
        <f t="shared" si="625"/>
        <v>1.5086616276595777</v>
      </c>
      <c r="M5540">
        <f t="shared" si="626"/>
        <v>0</v>
      </c>
      <c r="N5540" s="45">
        <f t="shared" ref="N5540:N5603" si="627">N5539+1/24</f>
        <v>45156.416666653313</v>
      </c>
    </row>
    <row r="5541" spans="2:14" x14ac:dyDescent="0.25">
      <c r="B5541">
        <f t="shared" si="621"/>
        <v>5</v>
      </c>
      <c r="C5541" s="16">
        <v>5507</v>
      </c>
      <c r="D5541" cm="1">
        <f t="array" ref="D5541">IFERROR(INDEX(Jesper!AH$2:AH$366,ROUNDDOWN($C5541/24,0)+1,1)*INDEX($D$3:$AA$30,INDEX(Jesper!$R$2:$R$366,ROW(INDEX(Jesper!AH$2:AH$366,ROUNDDOWN($C5541/24,0)+1,1))-1)+IF('Standard Profiles'!$G$18=$B$10,7,0)+IF('Standard Profiles'!$G$18=$B$17,14,0)+IF('Standard Profiles'!$G$18=$B$24,21,0),MOD($C5541,24)+1)/SUM(INDEX($D$3:$AA$30,INDEX(Jesper!$R$2:$R$366,ROW(INDEX(Jesper!AH$2:AH$366,ROUNDDOWN($C5541/24,0)+1,1))-1)+IF('Standard Profiles'!$G$18=$B$10,7,0)+IF('Standard Profiles'!$G$18=$B$17,14,0)+IF('Standard Profiles'!$G$18=$B$24,21,0),0)),0)</f>
        <v>33.43057015836564</v>
      </c>
      <c r="E5541" cm="1">
        <f t="array" ref="E5541">IFERROR(INDEX(Jesper!AI$2:AI$366,ROUNDDOWN($C5541/24,0)+1,1)*INDEX($D$3:$AA$30,INDEX(Jesper!$R$2:$R$366,ROW(INDEX(Jesper!AI$2:AI$366,ROUNDDOWN($C5541/24,0)+1,1))-1)+IF('Standard Profiles'!$G$19=$B$10,7,0)+IF('Standard Profiles'!$G$19=$B$17,14,0)+IF('Standard Profiles'!$G$19=$B$24,21,0),MOD($C5541,24)+1)/SUM(INDEX($D$3:$AA$30,INDEX(Jesper!$R$2:$R$366,ROW(INDEX(Jesper!AI$2:AI$366,ROUNDDOWN($C5541/24,0)+1,1))-1)+IF('Standard Profiles'!$G$19=$B$10,7,0)+IF('Standard Profiles'!$G$19=$B$17,14,0)+IF('Standard Profiles'!$G$19=$B$24,21,0),0)),0)</f>
        <v>12.94374205851706</v>
      </c>
      <c r="F5541" cm="1">
        <f t="array" ref="F5541">IFERROR(INDEX(Jesper!AJ$2:AJ$366,ROUNDDOWN($C5541/24,0)+1,1)*INDEX($D$3:$AA$30,INDEX(Jesper!$R$2:$R$366,ROW(INDEX(Jesper!AJ$2:AJ$366,ROUNDDOWN($C5541/24,0)+1,1))-1)+IF('Standard Profiles'!$G$20=$B$10,7,0)+IF('Standard Profiles'!$G$20=$B$17,14,0)+IF('Standard Profiles'!$G$20=$B$24,21,0),MOD($C5541,24)+1)/SUM(INDEX($D$3:$AA$30,INDEX(Jesper!$R$2:$R$366,ROW(INDEX(Jesper!AJ$2:AJ$366,ROUNDDOWN($C5541/24,0)+1,1))-1)+IF('Standard Profiles'!$G$20=$B$10,7,0)+IF('Standard Profiles'!$G$20=$B$17,14,0)+IF('Standard Profiles'!$G$20=$B$24,21,0),0)),0)</f>
        <v>0</v>
      </c>
      <c r="G5541" cm="1">
        <f t="array" ref="G5541">IFERROR(INDEX(Jesper!AK$2:AK$366,ROUNDDOWN($C5541/24,0)+1,1)*INDEX($D$3:$AA$30,INDEX(Jesper!$R$2:$R$366,ROW(INDEX(Jesper!AK$2:AK$366,ROUNDDOWN($C5541/24,0)+1,1))-1)+IF('Standard Profiles'!$G$21=$B$10,7,0)+IF('Standard Profiles'!$G$21=$B$17,14,0)+IF('Standard Profiles'!$G$21=$B$24,21,0),MOD($C5541,24)+1)/SUM(INDEX($D$3:$AA$30,INDEX(Jesper!$R$2:$R$366,ROW(INDEX(Jesper!AK$2:AK$366,ROUNDDOWN($C5541/24,0)+1,1))-1)+IF('Standard Profiles'!$G$21=$B$10,7,0)+IF('Standard Profiles'!$G$21=$B$17,14,0)+IF('Standard Profiles'!$G$21=$B$24,21,0),0)),0)</f>
        <v>0</v>
      </c>
      <c r="H5541" cm="1">
        <f t="array" ref="H5541">IFERROR(INDEX(Jesper!AL$2:AL$366,ROUNDDOWN($C5541/24,0)+1,1)*INDEX($D$3:$AA$30,INDEX(Jesper!$R$2:$R$366,ROW(INDEX(Jesper!AL$2:AL$366,ROUNDDOWN($C5541/24,0)+1,1))-1)+IF('Standard Profiles'!$G$22=$B$10,7,0)+IF('Standard Profiles'!$G$22=$B$17,14,0)+IF('Standard Profiles'!$G$22=$B$24,21,0),MOD($C5541,24)+1)/SUM(INDEX($D$3:$AA$30,INDEX(Jesper!$R$2:$R$366,ROW(INDEX(Jesper!AL$2:AL$366,ROUNDDOWN($C5541/24,0)+1,1))-1)+IF('Standard Profiles'!$G$22=$B$10,7,0)+IF('Standard Profiles'!$G$22=$B$17,14,0)+IF('Standard Profiles'!$G$22=$B$24,21,0),0)),0)</f>
        <v>0</v>
      </c>
      <c r="I5541">
        <f t="shared" si="622"/>
        <v>0</v>
      </c>
      <c r="J5541">
        <f t="shared" si="623"/>
        <v>41.025420991544195</v>
      </c>
      <c r="K5541">
        <f t="shared" si="624"/>
        <v>3.565927483559002</v>
      </c>
      <c r="L5541">
        <f t="shared" si="625"/>
        <v>1.782963741779501</v>
      </c>
      <c r="M5541">
        <f t="shared" si="626"/>
        <v>0</v>
      </c>
      <c r="N5541" s="45">
        <f t="shared" si="627"/>
        <v>45156.458333319977</v>
      </c>
    </row>
    <row r="5542" spans="2:14" x14ac:dyDescent="0.25">
      <c r="B5542">
        <f t="shared" si="621"/>
        <v>5</v>
      </c>
      <c r="C5542" s="16">
        <v>5508</v>
      </c>
      <c r="D5542" cm="1">
        <f t="array" ref="D5542">IFERROR(INDEX(Jesper!AH$2:AH$366,ROUNDDOWN($C5542/24,0)+1,1)*INDEX($D$3:$AA$30,INDEX(Jesper!$R$2:$R$366,ROW(INDEX(Jesper!AH$2:AH$366,ROUNDDOWN($C5542/24,0)+1,1))-1)+IF('Standard Profiles'!$G$18=$B$10,7,0)+IF('Standard Profiles'!$G$18=$B$17,14,0)+IF('Standard Profiles'!$G$18=$B$24,21,0),MOD($C5542,24)+1)/SUM(INDEX($D$3:$AA$30,INDEX(Jesper!$R$2:$R$366,ROW(INDEX(Jesper!AH$2:AH$366,ROUNDDOWN($C5542/24,0)+1,1))-1)+IF('Standard Profiles'!$G$18=$B$10,7,0)+IF('Standard Profiles'!$G$18=$B$17,14,0)+IF('Standard Profiles'!$G$18=$B$24,21,0),0)),0)</f>
        <v>33.43057015836564</v>
      </c>
      <c r="E5542" cm="1">
        <f t="array" ref="E5542">IFERROR(INDEX(Jesper!AI$2:AI$366,ROUNDDOWN($C5542/24,0)+1,1)*INDEX($D$3:$AA$30,INDEX(Jesper!$R$2:$R$366,ROW(INDEX(Jesper!AI$2:AI$366,ROUNDDOWN($C5542/24,0)+1,1))-1)+IF('Standard Profiles'!$G$19=$B$10,7,0)+IF('Standard Profiles'!$G$19=$B$17,14,0)+IF('Standard Profiles'!$G$19=$B$24,21,0),MOD($C5542,24)+1)/SUM(INDEX($D$3:$AA$30,INDEX(Jesper!$R$2:$R$366,ROW(INDEX(Jesper!AI$2:AI$366,ROUNDDOWN($C5542/24,0)+1,1))-1)+IF('Standard Profiles'!$G$19=$B$10,7,0)+IF('Standard Profiles'!$G$19=$B$17,14,0)+IF('Standard Profiles'!$G$19=$B$24,21,0),0)),0)</f>
        <v>12.94374205851706</v>
      </c>
      <c r="F5542" cm="1">
        <f t="array" ref="F5542">IFERROR(INDEX(Jesper!AJ$2:AJ$366,ROUNDDOWN($C5542/24,0)+1,1)*INDEX($D$3:$AA$30,INDEX(Jesper!$R$2:$R$366,ROW(INDEX(Jesper!AJ$2:AJ$366,ROUNDDOWN($C5542/24,0)+1,1))-1)+IF('Standard Profiles'!$G$20=$B$10,7,0)+IF('Standard Profiles'!$G$20=$B$17,14,0)+IF('Standard Profiles'!$G$20=$B$24,21,0),MOD($C5542,24)+1)/SUM(INDEX($D$3:$AA$30,INDEX(Jesper!$R$2:$R$366,ROW(INDEX(Jesper!AJ$2:AJ$366,ROUNDDOWN($C5542/24,0)+1,1))-1)+IF('Standard Profiles'!$G$20=$B$10,7,0)+IF('Standard Profiles'!$G$20=$B$17,14,0)+IF('Standard Profiles'!$G$20=$B$24,21,0),0)),0)</f>
        <v>0</v>
      </c>
      <c r="G5542" cm="1">
        <f t="array" ref="G5542">IFERROR(INDEX(Jesper!AK$2:AK$366,ROUNDDOWN($C5542/24,0)+1,1)*INDEX($D$3:$AA$30,INDEX(Jesper!$R$2:$R$366,ROW(INDEX(Jesper!AK$2:AK$366,ROUNDDOWN($C5542/24,0)+1,1))-1)+IF('Standard Profiles'!$G$21=$B$10,7,0)+IF('Standard Profiles'!$G$21=$B$17,14,0)+IF('Standard Profiles'!$G$21=$B$24,21,0),MOD($C5542,24)+1)/SUM(INDEX($D$3:$AA$30,INDEX(Jesper!$R$2:$R$366,ROW(INDEX(Jesper!AK$2:AK$366,ROUNDDOWN($C5542/24,0)+1,1))-1)+IF('Standard Profiles'!$G$21=$B$10,7,0)+IF('Standard Profiles'!$G$21=$B$17,14,0)+IF('Standard Profiles'!$G$21=$B$24,21,0),0)),0)</f>
        <v>0</v>
      </c>
      <c r="H5542" cm="1">
        <f t="array" ref="H5542">IFERROR(INDEX(Jesper!AL$2:AL$366,ROUNDDOWN($C5542/24,0)+1,1)*INDEX($D$3:$AA$30,INDEX(Jesper!$R$2:$R$366,ROW(INDEX(Jesper!AL$2:AL$366,ROUNDDOWN($C5542/24,0)+1,1))-1)+IF('Standard Profiles'!$G$22=$B$10,7,0)+IF('Standard Profiles'!$G$22=$B$17,14,0)+IF('Standard Profiles'!$G$22=$B$24,21,0),MOD($C5542,24)+1)/SUM(INDEX($D$3:$AA$30,INDEX(Jesper!$R$2:$R$366,ROW(INDEX(Jesper!AL$2:AL$366,ROUNDDOWN($C5542/24,0)+1,1))-1)+IF('Standard Profiles'!$G$22=$B$10,7,0)+IF('Standard Profiles'!$G$22=$B$17,14,0)+IF('Standard Profiles'!$G$22=$B$24,21,0),0)),0)</f>
        <v>0</v>
      </c>
      <c r="I5542">
        <f t="shared" si="622"/>
        <v>0</v>
      </c>
      <c r="J5542">
        <f t="shared" si="623"/>
        <v>41.025420991544195</v>
      </c>
      <c r="K5542">
        <f t="shared" si="624"/>
        <v>3.565927483559002</v>
      </c>
      <c r="L5542">
        <f t="shared" si="625"/>
        <v>1.782963741779501</v>
      </c>
      <c r="M5542">
        <f t="shared" si="626"/>
        <v>0</v>
      </c>
      <c r="N5542" s="45">
        <f t="shared" si="627"/>
        <v>45156.499999986641</v>
      </c>
    </row>
    <row r="5543" spans="2:14" x14ac:dyDescent="0.25">
      <c r="B5543">
        <f t="shared" si="621"/>
        <v>5</v>
      </c>
      <c r="C5543" s="16">
        <v>5509</v>
      </c>
      <c r="D5543" cm="1">
        <f t="array" ref="D5543">IFERROR(INDEX(Jesper!AH$2:AH$366,ROUNDDOWN($C5543/24,0)+1,1)*INDEX($D$3:$AA$30,INDEX(Jesper!$R$2:$R$366,ROW(INDEX(Jesper!AH$2:AH$366,ROUNDDOWN($C5543/24,0)+1,1))-1)+IF('Standard Profiles'!$G$18=$B$10,7,0)+IF('Standard Profiles'!$G$18=$B$17,14,0)+IF('Standard Profiles'!$G$18=$B$24,21,0),MOD($C5543,24)+1)/SUM(INDEX($D$3:$AA$30,INDEX(Jesper!$R$2:$R$366,ROW(INDEX(Jesper!AH$2:AH$366,ROUNDDOWN($C5543/24,0)+1,1))-1)+IF('Standard Profiles'!$G$18=$B$10,7,0)+IF('Standard Profiles'!$G$18=$B$17,14,0)+IF('Standard Profiles'!$G$18=$B$24,21,0),0)),0)</f>
        <v>23.144240878868519</v>
      </c>
      <c r="E5543" cm="1">
        <f t="array" ref="E5543">IFERROR(INDEX(Jesper!AI$2:AI$366,ROUNDDOWN($C5543/24,0)+1,1)*INDEX($D$3:$AA$30,INDEX(Jesper!$R$2:$R$366,ROW(INDEX(Jesper!AI$2:AI$366,ROUNDDOWN($C5543/24,0)+1,1))-1)+IF('Standard Profiles'!$G$19=$B$10,7,0)+IF('Standard Profiles'!$G$19=$B$17,14,0)+IF('Standard Profiles'!$G$19=$B$24,21,0),MOD($C5543,24)+1)/SUM(INDEX($D$3:$AA$30,INDEX(Jesper!$R$2:$R$366,ROW(INDEX(Jesper!AI$2:AI$366,ROUNDDOWN($C5543/24,0)+1,1))-1)+IF('Standard Profiles'!$G$19=$B$10,7,0)+IF('Standard Profiles'!$G$19=$B$17,14,0)+IF('Standard Profiles'!$G$19=$B$24,21,0),0)),0)</f>
        <v>8.9610521943579649</v>
      </c>
      <c r="F5543" cm="1">
        <f t="array" ref="F5543">IFERROR(INDEX(Jesper!AJ$2:AJ$366,ROUNDDOWN($C5543/24,0)+1,1)*INDEX($D$3:$AA$30,INDEX(Jesper!$R$2:$R$366,ROW(INDEX(Jesper!AJ$2:AJ$366,ROUNDDOWN($C5543/24,0)+1,1))-1)+IF('Standard Profiles'!$G$20=$B$10,7,0)+IF('Standard Profiles'!$G$20=$B$17,14,0)+IF('Standard Profiles'!$G$20=$B$24,21,0),MOD($C5543,24)+1)/SUM(INDEX($D$3:$AA$30,INDEX(Jesper!$R$2:$R$366,ROW(INDEX(Jesper!AJ$2:AJ$366,ROUNDDOWN($C5543/24,0)+1,1))-1)+IF('Standard Profiles'!$G$20=$B$10,7,0)+IF('Standard Profiles'!$G$20=$B$17,14,0)+IF('Standard Profiles'!$G$20=$B$24,21,0),0)),0)</f>
        <v>0</v>
      </c>
      <c r="G5543" cm="1">
        <f t="array" ref="G5543">IFERROR(INDEX(Jesper!AK$2:AK$366,ROUNDDOWN($C5543/24,0)+1,1)*INDEX($D$3:$AA$30,INDEX(Jesper!$R$2:$R$366,ROW(INDEX(Jesper!AK$2:AK$366,ROUNDDOWN($C5543/24,0)+1,1))-1)+IF('Standard Profiles'!$G$21=$B$10,7,0)+IF('Standard Profiles'!$G$21=$B$17,14,0)+IF('Standard Profiles'!$G$21=$B$24,21,0),MOD($C5543,24)+1)/SUM(INDEX($D$3:$AA$30,INDEX(Jesper!$R$2:$R$366,ROW(INDEX(Jesper!AK$2:AK$366,ROUNDDOWN($C5543/24,0)+1,1))-1)+IF('Standard Profiles'!$G$21=$B$10,7,0)+IF('Standard Profiles'!$G$21=$B$17,14,0)+IF('Standard Profiles'!$G$21=$B$24,21,0),0)),0)</f>
        <v>0</v>
      </c>
      <c r="H5543" cm="1">
        <f t="array" ref="H5543">IFERROR(INDEX(Jesper!AL$2:AL$366,ROUNDDOWN($C5543/24,0)+1,1)*INDEX($D$3:$AA$30,INDEX(Jesper!$R$2:$R$366,ROW(INDEX(Jesper!AL$2:AL$366,ROUNDDOWN($C5543/24,0)+1,1))-1)+IF('Standard Profiles'!$G$22=$B$10,7,0)+IF('Standard Profiles'!$G$22=$B$17,14,0)+IF('Standard Profiles'!$G$22=$B$24,21,0),MOD($C5543,24)+1)/SUM(INDEX($D$3:$AA$30,INDEX(Jesper!$R$2:$R$366,ROW(INDEX(Jesper!AL$2:AL$366,ROUNDDOWN($C5543/24,0)+1,1))-1)+IF('Standard Profiles'!$G$22=$B$10,7,0)+IF('Standard Profiles'!$G$22=$B$17,14,0)+IF('Standard Profiles'!$G$22=$B$24,21,0),0)),0)</f>
        <v>0</v>
      </c>
      <c r="I5543">
        <f t="shared" si="622"/>
        <v>0</v>
      </c>
      <c r="J5543">
        <f t="shared" si="623"/>
        <v>28.40221453260752</v>
      </c>
      <c r="K5543">
        <f t="shared" si="624"/>
        <v>2.4687190270793087</v>
      </c>
      <c r="L5543">
        <f t="shared" si="625"/>
        <v>1.2343595135396543</v>
      </c>
      <c r="M5543">
        <f t="shared" si="626"/>
        <v>0</v>
      </c>
      <c r="N5543" s="45">
        <f t="shared" si="627"/>
        <v>45156.541666653306</v>
      </c>
    </row>
    <row r="5544" spans="2:14" x14ac:dyDescent="0.25">
      <c r="B5544">
        <f t="shared" si="621"/>
        <v>5</v>
      </c>
      <c r="C5544" s="16">
        <v>5510</v>
      </c>
      <c r="D5544" cm="1">
        <f t="array" ref="D5544">IFERROR(INDEX(Jesper!AH$2:AH$366,ROUNDDOWN($C5544/24,0)+1,1)*INDEX($D$3:$AA$30,INDEX(Jesper!$R$2:$R$366,ROW(INDEX(Jesper!AH$2:AH$366,ROUNDDOWN($C5544/24,0)+1,1))-1)+IF('Standard Profiles'!$G$18=$B$10,7,0)+IF('Standard Profiles'!$G$18=$B$17,14,0)+IF('Standard Profiles'!$G$18=$B$24,21,0),MOD($C5544,24)+1)/SUM(INDEX($D$3:$AA$30,INDEX(Jesper!$R$2:$R$366,ROW(INDEX(Jesper!AH$2:AH$366,ROUNDDOWN($C5544/24,0)+1,1))-1)+IF('Standard Profiles'!$G$18=$B$10,7,0)+IF('Standard Profiles'!$G$18=$B$17,14,0)+IF('Standard Profiles'!$G$18=$B$24,21,0),0)),0)</f>
        <v>33.43057015836564</v>
      </c>
      <c r="E5544" cm="1">
        <f t="array" ref="E5544">IFERROR(INDEX(Jesper!AI$2:AI$366,ROUNDDOWN($C5544/24,0)+1,1)*INDEX($D$3:$AA$30,INDEX(Jesper!$R$2:$R$366,ROW(INDEX(Jesper!AI$2:AI$366,ROUNDDOWN($C5544/24,0)+1,1))-1)+IF('Standard Profiles'!$G$19=$B$10,7,0)+IF('Standard Profiles'!$G$19=$B$17,14,0)+IF('Standard Profiles'!$G$19=$B$24,21,0),MOD($C5544,24)+1)/SUM(INDEX($D$3:$AA$30,INDEX(Jesper!$R$2:$R$366,ROW(INDEX(Jesper!AI$2:AI$366,ROUNDDOWN($C5544/24,0)+1,1))-1)+IF('Standard Profiles'!$G$19=$B$10,7,0)+IF('Standard Profiles'!$G$19=$B$17,14,0)+IF('Standard Profiles'!$G$19=$B$24,21,0),0)),0)</f>
        <v>12.94374205851706</v>
      </c>
      <c r="F5544" cm="1">
        <f t="array" ref="F5544">IFERROR(INDEX(Jesper!AJ$2:AJ$366,ROUNDDOWN($C5544/24,0)+1,1)*INDEX($D$3:$AA$30,INDEX(Jesper!$R$2:$R$366,ROW(INDEX(Jesper!AJ$2:AJ$366,ROUNDDOWN($C5544/24,0)+1,1))-1)+IF('Standard Profiles'!$G$20=$B$10,7,0)+IF('Standard Profiles'!$G$20=$B$17,14,0)+IF('Standard Profiles'!$G$20=$B$24,21,0),MOD($C5544,24)+1)/SUM(INDEX($D$3:$AA$30,INDEX(Jesper!$R$2:$R$366,ROW(INDEX(Jesper!AJ$2:AJ$366,ROUNDDOWN($C5544/24,0)+1,1))-1)+IF('Standard Profiles'!$G$20=$B$10,7,0)+IF('Standard Profiles'!$G$20=$B$17,14,0)+IF('Standard Profiles'!$G$20=$B$24,21,0),0)),0)</f>
        <v>0</v>
      </c>
      <c r="G5544" cm="1">
        <f t="array" ref="G5544">IFERROR(INDEX(Jesper!AK$2:AK$366,ROUNDDOWN($C5544/24,0)+1,1)*INDEX($D$3:$AA$30,INDEX(Jesper!$R$2:$R$366,ROW(INDEX(Jesper!AK$2:AK$366,ROUNDDOWN($C5544/24,0)+1,1))-1)+IF('Standard Profiles'!$G$21=$B$10,7,0)+IF('Standard Profiles'!$G$21=$B$17,14,0)+IF('Standard Profiles'!$G$21=$B$24,21,0),MOD($C5544,24)+1)/SUM(INDEX($D$3:$AA$30,INDEX(Jesper!$R$2:$R$366,ROW(INDEX(Jesper!AK$2:AK$366,ROUNDDOWN($C5544/24,0)+1,1))-1)+IF('Standard Profiles'!$G$21=$B$10,7,0)+IF('Standard Profiles'!$G$21=$B$17,14,0)+IF('Standard Profiles'!$G$21=$B$24,21,0),0)),0)</f>
        <v>0</v>
      </c>
      <c r="H5544" cm="1">
        <f t="array" ref="H5544">IFERROR(INDEX(Jesper!AL$2:AL$366,ROUNDDOWN($C5544/24,0)+1,1)*INDEX($D$3:$AA$30,INDEX(Jesper!$R$2:$R$366,ROW(INDEX(Jesper!AL$2:AL$366,ROUNDDOWN($C5544/24,0)+1,1))-1)+IF('Standard Profiles'!$G$22=$B$10,7,0)+IF('Standard Profiles'!$G$22=$B$17,14,0)+IF('Standard Profiles'!$G$22=$B$24,21,0),MOD($C5544,24)+1)/SUM(INDEX($D$3:$AA$30,INDEX(Jesper!$R$2:$R$366,ROW(INDEX(Jesper!AL$2:AL$366,ROUNDDOWN($C5544/24,0)+1,1))-1)+IF('Standard Profiles'!$G$22=$B$10,7,0)+IF('Standard Profiles'!$G$22=$B$17,14,0)+IF('Standard Profiles'!$G$22=$B$24,21,0),0)),0)</f>
        <v>0</v>
      </c>
      <c r="I5544">
        <f t="shared" si="622"/>
        <v>0</v>
      </c>
      <c r="J5544">
        <f t="shared" si="623"/>
        <v>41.025420991544195</v>
      </c>
      <c r="K5544">
        <f t="shared" si="624"/>
        <v>3.565927483559002</v>
      </c>
      <c r="L5544">
        <f t="shared" si="625"/>
        <v>1.782963741779501</v>
      </c>
      <c r="M5544">
        <f t="shared" si="626"/>
        <v>0</v>
      </c>
      <c r="N5544" s="45">
        <f t="shared" si="627"/>
        <v>45156.58333331997</v>
      </c>
    </row>
    <row r="5545" spans="2:14" x14ac:dyDescent="0.25">
      <c r="B5545">
        <f t="shared" si="621"/>
        <v>5</v>
      </c>
      <c r="C5545" s="16">
        <v>5511</v>
      </c>
      <c r="D5545" cm="1">
        <f t="array" ref="D5545">IFERROR(INDEX(Jesper!AH$2:AH$366,ROUNDDOWN($C5545/24,0)+1,1)*INDEX($D$3:$AA$30,INDEX(Jesper!$R$2:$R$366,ROW(INDEX(Jesper!AH$2:AH$366,ROUNDDOWN($C5545/24,0)+1,1))-1)+IF('Standard Profiles'!$G$18=$B$10,7,0)+IF('Standard Profiles'!$G$18=$B$17,14,0)+IF('Standard Profiles'!$G$18=$B$24,21,0),MOD($C5545,24)+1)/SUM(INDEX($D$3:$AA$30,INDEX(Jesper!$R$2:$R$366,ROW(INDEX(Jesper!AH$2:AH$366,ROUNDDOWN($C5545/24,0)+1,1))-1)+IF('Standard Profiles'!$G$18=$B$10,7,0)+IF('Standard Profiles'!$G$18=$B$17,14,0)+IF('Standard Profiles'!$G$18=$B$24,21,0),0)),0)</f>
        <v>25.715823198742797</v>
      </c>
      <c r="E5545" cm="1">
        <f t="array" ref="E5545">IFERROR(INDEX(Jesper!AI$2:AI$366,ROUNDDOWN($C5545/24,0)+1,1)*INDEX($D$3:$AA$30,INDEX(Jesper!$R$2:$R$366,ROW(INDEX(Jesper!AI$2:AI$366,ROUNDDOWN($C5545/24,0)+1,1))-1)+IF('Standard Profiles'!$G$19=$B$10,7,0)+IF('Standard Profiles'!$G$19=$B$17,14,0)+IF('Standard Profiles'!$G$19=$B$24,21,0),MOD($C5545,24)+1)/SUM(INDEX($D$3:$AA$30,INDEX(Jesper!$R$2:$R$366,ROW(INDEX(Jesper!AI$2:AI$366,ROUNDDOWN($C5545/24,0)+1,1))-1)+IF('Standard Profiles'!$G$19=$B$10,7,0)+IF('Standard Profiles'!$G$19=$B$17,14,0)+IF('Standard Profiles'!$G$19=$B$24,21,0),0)),0)</f>
        <v>9.9567246603977395</v>
      </c>
      <c r="F5545" cm="1">
        <f t="array" ref="F5545">IFERROR(INDEX(Jesper!AJ$2:AJ$366,ROUNDDOWN($C5545/24,0)+1,1)*INDEX($D$3:$AA$30,INDEX(Jesper!$R$2:$R$366,ROW(INDEX(Jesper!AJ$2:AJ$366,ROUNDDOWN($C5545/24,0)+1,1))-1)+IF('Standard Profiles'!$G$20=$B$10,7,0)+IF('Standard Profiles'!$G$20=$B$17,14,0)+IF('Standard Profiles'!$G$20=$B$24,21,0),MOD($C5545,24)+1)/SUM(INDEX($D$3:$AA$30,INDEX(Jesper!$R$2:$R$366,ROW(INDEX(Jesper!AJ$2:AJ$366,ROUNDDOWN($C5545/24,0)+1,1))-1)+IF('Standard Profiles'!$G$20=$B$10,7,0)+IF('Standard Profiles'!$G$20=$B$17,14,0)+IF('Standard Profiles'!$G$20=$B$24,21,0),0)),0)</f>
        <v>0</v>
      </c>
      <c r="G5545" cm="1">
        <f t="array" ref="G5545">IFERROR(INDEX(Jesper!AK$2:AK$366,ROUNDDOWN($C5545/24,0)+1,1)*INDEX($D$3:$AA$30,INDEX(Jesper!$R$2:$R$366,ROW(INDEX(Jesper!AK$2:AK$366,ROUNDDOWN($C5545/24,0)+1,1))-1)+IF('Standard Profiles'!$G$21=$B$10,7,0)+IF('Standard Profiles'!$G$21=$B$17,14,0)+IF('Standard Profiles'!$G$21=$B$24,21,0),MOD($C5545,24)+1)/SUM(INDEX($D$3:$AA$30,INDEX(Jesper!$R$2:$R$366,ROW(INDEX(Jesper!AK$2:AK$366,ROUNDDOWN($C5545/24,0)+1,1))-1)+IF('Standard Profiles'!$G$21=$B$10,7,0)+IF('Standard Profiles'!$G$21=$B$17,14,0)+IF('Standard Profiles'!$G$21=$B$24,21,0),0)),0)</f>
        <v>0</v>
      </c>
      <c r="H5545" cm="1">
        <f t="array" ref="H5545">IFERROR(INDEX(Jesper!AL$2:AL$366,ROUNDDOWN($C5545/24,0)+1,1)*INDEX($D$3:$AA$30,INDEX(Jesper!$R$2:$R$366,ROW(INDEX(Jesper!AL$2:AL$366,ROUNDDOWN($C5545/24,0)+1,1))-1)+IF('Standard Profiles'!$G$22=$B$10,7,0)+IF('Standard Profiles'!$G$22=$B$17,14,0)+IF('Standard Profiles'!$G$22=$B$24,21,0),MOD($C5545,24)+1)/SUM(INDEX($D$3:$AA$30,INDEX(Jesper!$R$2:$R$366,ROW(INDEX(Jesper!AL$2:AL$366,ROUNDDOWN($C5545/24,0)+1,1))-1)+IF('Standard Profiles'!$G$22=$B$10,7,0)+IF('Standard Profiles'!$G$22=$B$17,14,0)+IF('Standard Profiles'!$G$22=$B$24,21,0),0)),0)</f>
        <v>0</v>
      </c>
      <c r="I5545">
        <f t="shared" si="622"/>
        <v>0</v>
      </c>
      <c r="J5545">
        <f t="shared" si="623"/>
        <v>31.558016147341689</v>
      </c>
      <c r="K5545">
        <f t="shared" si="624"/>
        <v>2.743021141199232</v>
      </c>
      <c r="L5545">
        <f t="shared" si="625"/>
        <v>1.371510570599616</v>
      </c>
      <c r="M5545">
        <f t="shared" si="626"/>
        <v>0</v>
      </c>
      <c r="N5545" s="45">
        <f t="shared" si="627"/>
        <v>45156.624999986634</v>
      </c>
    </row>
    <row r="5546" spans="2:14" x14ac:dyDescent="0.25">
      <c r="B5546">
        <f t="shared" si="621"/>
        <v>5</v>
      </c>
      <c r="C5546" s="16">
        <v>5512</v>
      </c>
      <c r="D5546" cm="1">
        <f t="array" ref="D5546">IFERROR(INDEX(Jesper!AH$2:AH$366,ROUNDDOWN($C5546/24,0)+1,1)*INDEX($D$3:$AA$30,INDEX(Jesper!$R$2:$R$366,ROW(INDEX(Jesper!AH$2:AH$366,ROUNDDOWN($C5546/24,0)+1,1))-1)+IF('Standard Profiles'!$G$18=$B$10,7,0)+IF('Standard Profiles'!$G$18=$B$17,14,0)+IF('Standard Profiles'!$G$18=$B$24,21,0),MOD($C5546,24)+1)/SUM(INDEX($D$3:$AA$30,INDEX(Jesper!$R$2:$R$366,ROW(INDEX(Jesper!AH$2:AH$366,ROUNDDOWN($C5546/24,0)+1,1))-1)+IF('Standard Profiles'!$G$18=$B$10,7,0)+IF('Standard Profiles'!$G$18=$B$17,14,0)+IF('Standard Profiles'!$G$18=$B$24,21,0),0)),0)</f>
        <v>12.073156431334647</v>
      </c>
      <c r="E5546" cm="1">
        <f t="array" ref="E5546">IFERROR(INDEX(Jesper!AI$2:AI$366,ROUNDDOWN($C5546/24,0)+1,1)*INDEX($D$3:$AA$30,INDEX(Jesper!$R$2:$R$366,ROW(INDEX(Jesper!AI$2:AI$366,ROUNDDOWN($C5546/24,0)+1,1))-1)+IF('Standard Profiles'!$G$19=$B$10,7,0)+IF('Standard Profiles'!$G$19=$B$17,14,0)+IF('Standard Profiles'!$G$19=$B$24,21,0),MOD($C5546,24)+1)/SUM(INDEX($D$3:$AA$30,INDEX(Jesper!$R$2:$R$366,ROW(INDEX(Jesper!AI$2:AI$366,ROUNDDOWN($C5546/24,0)+1,1))-1)+IF('Standard Profiles'!$G$19=$B$10,7,0)+IF('Standard Profiles'!$G$19=$B$17,14,0)+IF('Standard Profiles'!$G$19=$B$24,21,0),0)),0)</f>
        <v>4.6745186199050419</v>
      </c>
      <c r="F5546" cm="1">
        <f t="array" ref="F5546">IFERROR(INDEX(Jesper!AJ$2:AJ$366,ROUNDDOWN($C5546/24,0)+1,1)*INDEX($D$3:$AA$30,INDEX(Jesper!$R$2:$R$366,ROW(INDEX(Jesper!AJ$2:AJ$366,ROUNDDOWN($C5546/24,0)+1,1))-1)+IF('Standard Profiles'!$G$20=$B$10,7,0)+IF('Standard Profiles'!$G$20=$B$17,14,0)+IF('Standard Profiles'!$G$20=$B$24,21,0),MOD($C5546,24)+1)/SUM(INDEX($D$3:$AA$30,INDEX(Jesper!$R$2:$R$366,ROW(INDEX(Jesper!AJ$2:AJ$366,ROUNDDOWN($C5546/24,0)+1,1))-1)+IF('Standard Profiles'!$G$20=$B$10,7,0)+IF('Standard Profiles'!$G$20=$B$17,14,0)+IF('Standard Profiles'!$G$20=$B$24,21,0),0)),0)</f>
        <v>0</v>
      </c>
      <c r="G5546" cm="1">
        <f t="array" ref="G5546">IFERROR(INDEX(Jesper!AK$2:AK$366,ROUNDDOWN($C5546/24,0)+1,1)*INDEX($D$3:$AA$30,INDEX(Jesper!$R$2:$R$366,ROW(INDEX(Jesper!AK$2:AK$366,ROUNDDOWN($C5546/24,0)+1,1))-1)+IF('Standard Profiles'!$G$21=$B$10,7,0)+IF('Standard Profiles'!$G$21=$B$17,14,0)+IF('Standard Profiles'!$G$21=$B$24,21,0),MOD($C5546,24)+1)/SUM(INDEX($D$3:$AA$30,INDEX(Jesper!$R$2:$R$366,ROW(INDEX(Jesper!AK$2:AK$366,ROUNDDOWN($C5546/24,0)+1,1))-1)+IF('Standard Profiles'!$G$21=$B$10,7,0)+IF('Standard Profiles'!$G$21=$B$17,14,0)+IF('Standard Profiles'!$G$21=$B$24,21,0),0)),0)</f>
        <v>0</v>
      </c>
      <c r="H5546" cm="1">
        <f t="array" ref="H5546">IFERROR(INDEX(Jesper!AL$2:AL$366,ROUNDDOWN($C5546/24,0)+1,1)*INDEX($D$3:$AA$30,INDEX(Jesper!$R$2:$R$366,ROW(INDEX(Jesper!AL$2:AL$366,ROUNDDOWN($C5546/24,0)+1,1))-1)+IF('Standard Profiles'!$G$22=$B$10,7,0)+IF('Standard Profiles'!$G$22=$B$17,14,0)+IF('Standard Profiles'!$G$22=$B$24,21,0),MOD($C5546,24)+1)/SUM(INDEX($D$3:$AA$30,INDEX(Jesper!$R$2:$R$366,ROW(INDEX(Jesper!AL$2:AL$366,ROUNDDOWN($C5546/24,0)+1,1))-1)+IF('Standard Profiles'!$G$22=$B$10,7,0)+IF('Standard Profiles'!$G$22=$B$17,14,0)+IF('Standard Profiles'!$G$22=$B$24,21,0),0)),0)</f>
        <v>0</v>
      </c>
      <c r="I5546">
        <f t="shared" si="622"/>
        <v>0</v>
      </c>
      <c r="J5546">
        <f t="shared" si="623"/>
        <v>14.815970022226145</v>
      </c>
      <c r="K5546">
        <f t="shared" si="624"/>
        <v>1.2878033526756958</v>
      </c>
      <c r="L5546">
        <f t="shared" si="625"/>
        <v>0.64390167633784789</v>
      </c>
      <c r="M5546">
        <f t="shared" si="626"/>
        <v>0</v>
      </c>
      <c r="N5546" s="45">
        <f t="shared" si="627"/>
        <v>45156.666666653298</v>
      </c>
    </row>
    <row r="5547" spans="2:14" x14ac:dyDescent="0.25">
      <c r="B5547">
        <f t="shared" si="621"/>
        <v>5</v>
      </c>
      <c r="C5547" s="16">
        <v>5513</v>
      </c>
      <c r="D5547" cm="1">
        <f t="array" ref="D5547">IFERROR(INDEX(Jesper!AH$2:AH$366,ROUNDDOWN($C5547/24,0)+1,1)*INDEX($D$3:$AA$30,INDEX(Jesper!$R$2:$R$366,ROW(INDEX(Jesper!AH$2:AH$366,ROUNDDOWN($C5547/24,0)+1,1))-1)+IF('Standard Profiles'!$G$18=$B$10,7,0)+IF('Standard Profiles'!$G$18=$B$17,14,0)+IF('Standard Profiles'!$G$18=$B$24,21,0),MOD($C5547,24)+1)/SUM(INDEX($D$3:$AA$30,INDEX(Jesper!$R$2:$R$366,ROW(INDEX(Jesper!AH$2:AH$366,ROUNDDOWN($C5547/24,0)+1,1))-1)+IF('Standard Profiles'!$G$18=$B$10,7,0)+IF('Standard Profiles'!$G$18=$B$17,14,0)+IF('Standard Profiles'!$G$18=$B$24,21,0),0)),0)</f>
        <v>7.968283244680868</v>
      </c>
      <c r="E5547" cm="1">
        <f t="array" ref="E5547">IFERROR(INDEX(Jesper!AI$2:AI$366,ROUNDDOWN($C5547/24,0)+1,1)*INDEX($D$3:$AA$30,INDEX(Jesper!$R$2:$R$366,ROW(INDEX(Jesper!AI$2:AI$366,ROUNDDOWN($C5547/24,0)+1,1))-1)+IF('Standard Profiles'!$G$19=$B$10,7,0)+IF('Standard Profiles'!$G$19=$B$17,14,0)+IF('Standard Profiles'!$G$19=$B$24,21,0),MOD($C5547,24)+1)/SUM(INDEX($D$3:$AA$30,INDEX(Jesper!$R$2:$R$366,ROW(INDEX(Jesper!AI$2:AI$366,ROUNDDOWN($C5547/24,0)+1,1))-1)+IF('Standard Profiles'!$G$19=$B$10,7,0)+IF('Standard Profiles'!$G$19=$B$17,14,0)+IF('Standard Profiles'!$G$19=$B$24,21,0),0)),0)</f>
        <v>3.0851822891373279</v>
      </c>
      <c r="F5547" cm="1">
        <f t="array" ref="F5547">IFERROR(INDEX(Jesper!AJ$2:AJ$366,ROUNDDOWN($C5547/24,0)+1,1)*INDEX($D$3:$AA$30,INDEX(Jesper!$R$2:$R$366,ROW(INDEX(Jesper!AJ$2:AJ$366,ROUNDDOWN($C5547/24,0)+1,1))-1)+IF('Standard Profiles'!$G$20=$B$10,7,0)+IF('Standard Profiles'!$G$20=$B$17,14,0)+IF('Standard Profiles'!$G$20=$B$24,21,0),MOD($C5547,24)+1)/SUM(INDEX($D$3:$AA$30,INDEX(Jesper!$R$2:$R$366,ROW(INDEX(Jesper!AJ$2:AJ$366,ROUNDDOWN($C5547/24,0)+1,1))-1)+IF('Standard Profiles'!$G$20=$B$10,7,0)+IF('Standard Profiles'!$G$20=$B$17,14,0)+IF('Standard Profiles'!$G$20=$B$24,21,0),0)),0)</f>
        <v>0</v>
      </c>
      <c r="G5547" cm="1">
        <f t="array" ref="G5547">IFERROR(INDEX(Jesper!AK$2:AK$366,ROUNDDOWN($C5547/24,0)+1,1)*INDEX($D$3:$AA$30,INDEX(Jesper!$R$2:$R$366,ROW(INDEX(Jesper!AK$2:AK$366,ROUNDDOWN($C5547/24,0)+1,1))-1)+IF('Standard Profiles'!$G$21=$B$10,7,0)+IF('Standard Profiles'!$G$21=$B$17,14,0)+IF('Standard Profiles'!$G$21=$B$24,21,0),MOD($C5547,24)+1)/SUM(INDEX($D$3:$AA$30,INDEX(Jesper!$R$2:$R$366,ROW(INDEX(Jesper!AK$2:AK$366,ROUNDDOWN($C5547/24,0)+1,1))-1)+IF('Standard Profiles'!$G$21=$B$10,7,0)+IF('Standard Profiles'!$G$21=$B$17,14,0)+IF('Standard Profiles'!$G$21=$B$24,21,0),0)),0)</f>
        <v>0</v>
      </c>
      <c r="H5547" cm="1">
        <f t="array" ref="H5547">IFERROR(INDEX(Jesper!AL$2:AL$366,ROUNDDOWN($C5547/24,0)+1,1)*INDEX($D$3:$AA$30,INDEX(Jesper!$R$2:$R$366,ROW(INDEX(Jesper!AL$2:AL$366,ROUNDDOWN($C5547/24,0)+1,1))-1)+IF('Standard Profiles'!$G$22=$B$10,7,0)+IF('Standard Profiles'!$G$22=$B$17,14,0)+IF('Standard Profiles'!$G$22=$B$24,21,0),MOD($C5547,24)+1)/SUM(INDEX($D$3:$AA$30,INDEX(Jesper!$R$2:$R$366,ROW(INDEX(Jesper!AL$2:AL$366,ROUNDDOWN($C5547/24,0)+1,1))-1)+IF('Standard Profiles'!$G$22=$B$10,7,0)+IF('Standard Profiles'!$G$22=$B$17,14,0)+IF('Standard Profiles'!$G$22=$B$24,21,0),0)),0)</f>
        <v>0</v>
      </c>
      <c r="I5547">
        <f t="shared" si="622"/>
        <v>0</v>
      </c>
      <c r="J5547">
        <f t="shared" si="623"/>
        <v>9.7785402146692562</v>
      </c>
      <c r="K5547">
        <f t="shared" si="624"/>
        <v>0.84995021276595928</v>
      </c>
      <c r="L5547">
        <f t="shared" si="625"/>
        <v>0.42497510638297964</v>
      </c>
      <c r="M5547">
        <f t="shared" si="626"/>
        <v>0</v>
      </c>
      <c r="N5547" s="45">
        <f t="shared" si="627"/>
        <v>45156.708333319963</v>
      </c>
    </row>
    <row r="5548" spans="2:14" x14ac:dyDescent="0.25">
      <c r="B5548">
        <f t="shared" si="621"/>
        <v>5</v>
      </c>
      <c r="C5548" s="16">
        <v>5514</v>
      </c>
      <c r="D5548" cm="1">
        <f t="array" ref="D5548">IFERROR(INDEX(Jesper!AH$2:AH$366,ROUNDDOWN($C5548/24,0)+1,1)*INDEX($D$3:$AA$30,INDEX(Jesper!$R$2:$R$366,ROW(INDEX(Jesper!AH$2:AH$366,ROUNDDOWN($C5548/24,0)+1,1))-1)+IF('Standard Profiles'!$G$18=$B$10,7,0)+IF('Standard Profiles'!$G$18=$B$17,14,0)+IF('Standard Profiles'!$G$18=$B$24,21,0),MOD($C5548,24)+1)/SUM(INDEX($D$3:$AA$30,INDEX(Jesper!$R$2:$R$366,ROW(INDEX(Jesper!AH$2:AH$366,ROUNDDOWN($C5548/24,0)+1,1))-1)+IF('Standard Profiles'!$G$18=$B$10,7,0)+IF('Standard Profiles'!$G$18=$B$17,14,0)+IF('Standard Profiles'!$G$18=$B$24,21,0),0)),0)</f>
        <v>5.0707257011605513</v>
      </c>
      <c r="E5548" cm="1">
        <f t="array" ref="E5548">IFERROR(INDEX(Jesper!AI$2:AI$366,ROUNDDOWN($C5548/24,0)+1,1)*INDEX($D$3:$AA$30,INDEX(Jesper!$R$2:$R$366,ROW(INDEX(Jesper!AI$2:AI$366,ROUNDDOWN($C5548/24,0)+1,1))-1)+IF('Standard Profiles'!$G$19=$B$10,7,0)+IF('Standard Profiles'!$G$19=$B$17,14,0)+IF('Standard Profiles'!$G$19=$B$24,21,0),MOD($C5548,24)+1)/SUM(INDEX($D$3:$AA$30,INDEX(Jesper!$R$2:$R$366,ROW(INDEX(Jesper!AI$2:AI$366,ROUNDDOWN($C5548/24,0)+1,1))-1)+IF('Standard Profiles'!$G$19=$B$10,7,0)+IF('Standard Profiles'!$G$19=$B$17,14,0)+IF('Standard Profiles'!$G$19=$B$24,21,0),0)),0)</f>
        <v>1.9632978203601172</v>
      </c>
      <c r="F5548" cm="1">
        <f t="array" ref="F5548">IFERROR(INDEX(Jesper!AJ$2:AJ$366,ROUNDDOWN($C5548/24,0)+1,1)*INDEX($D$3:$AA$30,INDEX(Jesper!$R$2:$R$366,ROW(INDEX(Jesper!AJ$2:AJ$366,ROUNDDOWN($C5548/24,0)+1,1))-1)+IF('Standard Profiles'!$G$20=$B$10,7,0)+IF('Standard Profiles'!$G$20=$B$17,14,0)+IF('Standard Profiles'!$G$20=$B$24,21,0),MOD($C5548,24)+1)/SUM(INDEX($D$3:$AA$30,INDEX(Jesper!$R$2:$R$366,ROW(INDEX(Jesper!AJ$2:AJ$366,ROUNDDOWN($C5548/24,0)+1,1))-1)+IF('Standard Profiles'!$G$20=$B$10,7,0)+IF('Standard Profiles'!$G$20=$B$17,14,0)+IF('Standard Profiles'!$G$20=$B$24,21,0),0)),0)</f>
        <v>0</v>
      </c>
      <c r="G5548" cm="1">
        <f t="array" ref="G5548">IFERROR(INDEX(Jesper!AK$2:AK$366,ROUNDDOWN($C5548/24,0)+1,1)*INDEX($D$3:$AA$30,INDEX(Jesper!$R$2:$R$366,ROW(INDEX(Jesper!AK$2:AK$366,ROUNDDOWN($C5548/24,0)+1,1))-1)+IF('Standard Profiles'!$G$21=$B$10,7,0)+IF('Standard Profiles'!$G$21=$B$17,14,0)+IF('Standard Profiles'!$G$21=$B$24,21,0),MOD($C5548,24)+1)/SUM(INDEX($D$3:$AA$30,INDEX(Jesper!$R$2:$R$366,ROW(INDEX(Jesper!AK$2:AK$366,ROUNDDOWN($C5548/24,0)+1,1))-1)+IF('Standard Profiles'!$G$21=$B$10,7,0)+IF('Standard Profiles'!$G$21=$B$17,14,0)+IF('Standard Profiles'!$G$21=$B$24,21,0),0)),0)</f>
        <v>0</v>
      </c>
      <c r="H5548" cm="1">
        <f t="array" ref="H5548">IFERROR(INDEX(Jesper!AL$2:AL$366,ROUNDDOWN($C5548/24,0)+1,1)*INDEX($D$3:$AA$30,INDEX(Jesper!$R$2:$R$366,ROW(INDEX(Jesper!AL$2:AL$366,ROUNDDOWN($C5548/24,0)+1,1))-1)+IF('Standard Profiles'!$G$22=$B$10,7,0)+IF('Standard Profiles'!$G$22=$B$17,14,0)+IF('Standard Profiles'!$G$22=$B$24,21,0),MOD($C5548,24)+1)/SUM(INDEX($D$3:$AA$30,INDEX(Jesper!$R$2:$R$366,ROW(INDEX(Jesper!AL$2:AL$366,ROUNDDOWN($C5548/24,0)+1,1))-1)+IF('Standard Profiles'!$G$22=$B$10,7,0)+IF('Standard Profiles'!$G$22=$B$17,14,0)+IF('Standard Profiles'!$G$22=$B$24,21,0),0)),0)</f>
        <v>0</v>
      </c>
      <c r="I5548">
        <f t="shared" si="622"/>
        <v>0</v>
      </c>
      <c r="J5548">
        <f t="shared" si="623"/>
        <v>6.2227074093349808</v>
      </c>
      <c r="K5548">
        <f t="shared" si="624"/>
        <v>0.54087740812379215</v>
      </c>
      <c r="L5548">
        <f t="shared" si="625"/>
        <v>0.27043870406189607</v>
      </c>
      <c r="M5548">
        <f t="shared" si="626"/>
        <v>0</v>
      </c>
      <c r="N5548" s="45">
        <f t="shared" si="627"/>
        <v>45156.749999986627</v>
      </c>
    </row>
    <row r="5549" spans="2:14" x14ac:dyDescent="0.25">
      <c r="B5549">
        <f t="shared" si="621"/>
        <v>5</v>
      </c>
      <c r="C5549" s="16">
        <v>5515</v>
      </c>
      <c r="D5549" cm="1">
        <f t="array" ref="D5549">IFERROR(INDEX(Jesper!AH$2:AH$366,ROUNDDOWN($C5549/24,0)+1,1)*INDEX($D$3:$AA$30,INDEX(Jesper!$R$2:$R$366,ROW(INDEX(Jesper!AH$2:AH$366,ROUNDDOWN($C5549/24,0)+1,1))-1)+IF('Standard Profiles'!$G$18=$B$10,7,0)+IF('Standard Profiles'!$G$18=$B$17,14,0)+IF('Standard Profiles'!$G$18=$B$24,21,0),MOD($C5549,24)+1)/SUM(INDEX($D$3:$AA$30,INDEX(Jesper!$R$2:$R$366,ROW(INDEX(Jesper!AH$2:AH$366,ROUNDDOWN($C5549/24,0)+1,1))-1)+IF('Standard Profiles'!$G$18=$B$10,7,0)+IF('Standard Profiles'!$G$18=$B$17,14,0)+IF('Standard Profiles'!$G$18=$B$24,21,0),0)),0)</f>
        <v>4.8292625725338594</v>
      </c>
      <c r="E5549" cm="1">
        <f t="array" ref="E5549">IFERROR(INDEX(Jesper!AI$2:AI$366,ROUNDDOWN($C5549/24,0)+1,1)*INDEX($D$3:$AA$30,INDEX(Jesper!$R$2:$R$366,ROW(INDEX(Jesper!AI$2:AI$366,ROUNDDOWN($C5549/24,0)+1,1))-1)+IF('Standard Profiles'!$G$19=$B$10,7,0)+IF('Standard Profiles'!$G$19=$B$17,14,0)+IF('Standard Profiles'!$G$19=$B$24,21,0),MOD($C5549,24)+1)/SUM(INDEX($D$3:$AA$30,INDEX(Jesper!$R$2:$R$366,ROW(INDEX(Jesper!AI$2:AI$366,ROUNDDOWN($C5549/24,0)+1,1))-1)+IF('Standard Profiles'!$G$19=$B$10,7,0)+IF('Standard Profiles'!$G$19=$B$17,14,0)+IF('Standard Profiles'!$G$19=$B$24,21,0),0)),0)</f>
        <v>1.8698074479620166</v>
      </c>
      <c r="F5549" cm="1">
        <f t="array" ref="F5549">IFERROR(INDEX(Jesper!AJ$2:AJ$366,ROUNDDOWN($C5549/24,0)+1,1)*INDEX($D$3:$AA$30,INDEX(Jesper!$R$2:$R$366,ROW(INDEX(Jesper!AJ$2:AJ$366,ROUNDDOWN($C5549/24,0)+1,1))-1)+IF('Standard Profiles'!$G$20=$B$10,7,0)+IF('Standard Profiles'!$G$20=$B$17,14,0)+IF('Standard Profiles'!$G$20=$B$24,21,0),MOD($C5549,24)+1)/SUM(INDEX($D$3:$AA$30,INDEX(Jesper!$R$2:$R$366,ROW(INDEX(Jesper!AJ$2:AJ$366,ROUNDDOWN($C5549/24,0)+1,1))-1)+IF('Standard Profiles'!$G$20=$B$10,7,0)+IF('Standard Profiles'!$G$20=$B$17,14,0)+IF('Standard Profiles'!$G$20=$B$24,21,0),0)),0)</f>
        <v>0</v>
      </c>
      <c r="G5549" cm="1">
        <f t="array" ref="G5549">IFERROR(INDEX(Jesper!AK$2:AK$366,ROUNDDOWN($C5549/24,0)+1,1)*INDEX($D$3:$AA$30,INDEX(Jesper!$R$2:$R$366,ROW(INDEX(Jesper!AK$2:AK$366,ROUNDDOWN($C5549/24,0)+1,1))-1)+IF('Standard Profiles'!$G$21=$B$10,7,0)+IF('Standard Profiles'!$G$21=$B$17,14,0)+IF('Standard Profiles'!$G$21=$B$24,21,0),MOD($C5549,24)+1)/SUM(INDEX($D$3:$AA$30,INDEX(Jesper!$R$2:$R$366,ROW(INDEX(Jesper!AK$2:AK$366,ROUNDDOWN($C5549/24,0)+1,1))-1)+IF('Standard Profiles'!$G$21=$B$10,7,0)+IF('Standard Profiles'!$G$21=$B$17,14,0)+IF('Standard Profiles'!$G$21=$B$24,21,0),0)),0)</f>
        <v>0</v>
      </c>
      <c r="H5549" cm="1">
        <f t="array" ref="H5549">IFERROR(INDEX(Jesper!AL$2:AL$366,ROUNDDOWN($C5549/24,0)+1,1)*INDEX($D$3:$AA$30,INDEX(Jesper!$R$2:$R$366,ROW(INDEX(Jesper!AL$2:AL$366,ROUNDDOWN($C5549/24,0)+1,1))-1)+IF('Standard Profiles'!$G$22=$B$10,7,0)+IF('Standard Profiles'!$G$22=$B$17,14,0)+IF('Standard Profiles'!$G$22=$B$24,21,0),MOD($C5549,24)+1)/SUM(INDEX($D$3:$AA$30,INDEX(Jesper!$R$2:$R$366,ROW(INDEX(Jesper!AL$2:AL$366,ROUNDDOWN($C5549/24,0)+1,1))-1)+IF('Standard Profiles'!$G$22=$B$10,7,0)+IF('Standard Profiles'!$G$22=$B$17,14,0)+IF('Standard Profiles'!$G$22=$B$24,21,0),0)),0)</f>
        <v>0</v>
      </c>
      <c r="I5549">
        <f t="shared" si="622"/>
        <v>0</v>
      </c>
      <c r="J5549">
        <f t="shared" si="623"/>
        <v>5.9263880088904584</v>
      </c>
      <c r="K5549">
        <f t="shared" si="624"/>
        <v>0.5151213410702784</v>
      </c>
      <c r="L5549">
        <f t="shared" si="625"/>
        <v>0.2575606705351392</v>
      </c>
      <c r="M5549">
        <f t="shared" si="626"/>
        <v>0</v>
      </c>
      <c r="N5549" s="45">
        <f t="shared" si="627"/>
        <v>45156.791666653291</v>
      </c>
    </row>
    <row r="5550" spans="2:14" x14ac:dyDescent="0.25">
      <c r="B5550">
        <f t="shared" si="621"/>
        <v>5</v>
      </c>
      <c r="C5550" s="16">
        <v>5516</v>
      </c>
      <c r="D5550" cm="1">
        <f t="array" ref="D5550">IFERROR(INDEX(Jesper!AH$2:AH$366,ROUNDDOWN($C5550/24,0)+1,1)*INDEX($D$3:$AA$30,INDEX(Jesper!$R$2:$R$366,ROW(INDEX(Jesper!AH$2:AH$366,ROUNDDOWN($C5550/24,0)+1,1))-1)+IF('Standard Profiles'!$G$18=$B$10,7,0)+IF('Standard Profiles'!$G$18=$B$17,14,0)+IF('Standard Profiles'!$G$18=$B$24,21,0),MOD($C5550,24)+1)/SUM(INDEX($D$3:$AA$30,INDEX(Jesper!$R$2:$R$366,ROW(INDEX(Jesper!AH$2:AH$366,ROUNDDOWN($C5550/24,0)+1,1))-1)+IF('Standard Profiles'!$G$18=$B$10,7,0)+IF('Standard Profiles'!$G$18=$B$17,14,0)+IF('Standard Profiles'!$G$18=$B$24,21,0),0)),0)</f>
        <v>4.8292625725338594</v>
      </c>
      <c r="E5550" cm="1">
        <f t="array" ref="E5550">IFERROR(INDEX(Jesper!AI$2:AI$366,ROUNDDOWN($C5550/24,0)+1,1)*INDEX($D$3:$AA$30,INDEX(Jesper!$R$2:$R$366,ROW(INDEX(Jesper!AI$2:AI$366,ROUNDDOWN($C5550/24,0)+1,1))-1)+IF('Standard Profiles'!$G$19=$B$10,7,0)+IF('Standard Profiles'!$G$19=$B$17,14,0)+IF('Standard Profiles'!$G$19=$B$24,21,0),MOD($C5550,24)+1)/SUM(INDEX($D$3:$AA$30,INDEX(Jesper!$R$2:$R$366,ROW(INDEX(Jesper!AI$2:AI$366,ROUNDDOWN($C5550/24,0)+1,1))-1)+IF('Standard Profiles'!$G$19=$B$10,7,0)+IF('Standard Profiles'!$G$19=$B$17,14,0)+IF('Standard Profiles'!$G$19=$B$24,21,0),0)),0)</f>
        <v>1.8698074479620166</v>
      </c>
      <c r="F5550" cm="1">
        <f t="array" ref="F5550">IFERROR(INDEX(Jesper!AJ$2:AJ$366,ROUNDDOWN($C5550/24,0)+1,1)*INDEX($D$3:$AA$30,INDEX(Jesper!$R$2:$R$366,ROW(INDEX(Jesper!AJ$2:AJ$366,ROUNDDOWN($C5550/24,0)+1,1))-1)+IF('Standard Profiles'!$G$20=$B$10,7,0)+IF('Standard Profiles'!$G$20=$B$17,14,0)+IF('Standard Profiles'!$G$20=$B$24,21,0),MOD($C5550,24)+1)/SUM(INDEX($D$3:$AA$30,INDEX(Jesper!$R$2:$R$366,ROW(INDEX(Jesper!AJ$2:AJ$366,ROUNDDOWN($C5550/24,0)+1,1))-1)+IF('Standard Profiles'!$G$20=$B$10,7,0)+IF('Standard Profiles'!$G$20=$B$17,14,0)+IF('Standard Profiles'!$G$20=$B$24,21,0),0)),0)</f>
        <v>0</v>
      </c>
      <c r="G5550" cm="1">
        <f t="array" ref="G5550">IFERROR(INDEX(Jesper!AK$2:AK$366,ROUNDDOWN($C5550/24,0)+1,1)*INDEX($D$3:$AA$30,INDEX(Jesper!$R$2:$R$366,ROW(INDEX(Jesper!AK$2:AK$366,ROUNDDOWN($C5550/24,0)+1,1))-1)+IF('Standard Profiles'!$G$21=$B$10,7,0)+IF('Standard Profiles'!$G$21=$B$17,14,0)+IF('Standard Profiles'!$G$21=$B$24,21,0),MOD($C5550,24)+1)/SUM(INDEX($D$3:$AA$30,INDEX(Jesper!$R$2:$R$366,ROW(INDEX(Jesper!AK$2:AK$366,ROUNDDOWN($C5550/24,0)+1,1))-1)+IF('Standard Profiles'!$G$21=$B$10,7,0)+IF('Standard Profiles'!$G$21=$B$17,14,0)+IF('Standard Profiles'!$G$21=$B$24,21,0),0)),0)</f>
        <v>0</v>
      </c>
      <c r="H5550" cm="1">
        <f t="array" ref="H5550">IFERROR(INDEX(Jesper!AL$2:AL$366,ROUNDDOWN($C5550/24,0)+1,1)*INDEX($D$3:$AA$30,INDEX(Jesper!$R$2:$R$366,ROW(INDEX(Jesper!AL$2:AL$366,ROUNDDOWN($C5550/24,0)+1,1))-1)+IF('Standard Profiles'!$G$22=$B$10,7,0)+IF('Standard Profiles'!$G$22=$B$17,14,0)+IF('Standard Profiles'!$G$22=$B$24,21,0),MOD($C5550,24)+1)/SUM(INDEX($D$3:$AA$30,INDEX(Jesper!$R$2:$R$366,ROW(INDEX(Jesper!AL$2:AL$366,ROUNDDOWN($C5550/24,0)+1,1))-1)+IF('Standard Profiles'!$G$22=$B$10,7,0)+IF('Standard Profiles'!$G$22=$B$17,14,0)+IF('Standard Profiles'!$G$22=$B$24,21,0),0)),0)</f>
        <v>0</v>
      </c>
      <c r="I5550">
        <f t="shared" si="622"/>
        <v>0</v>
      </c>
      <c r="J5550">
        <f t="shared" si="623"/>
        <v>5.9263880088904584</v>
      </c>
      <c r="K5550">
        <f t="shared" si="624"/>
        <v>0.5151213410702784</v>
      </c>
      <c r="L5550">
        <f t="shared" si="625"/>
        <v>0.2575606705351392</v>
      </c>
      <c r="M5550">
        <f t="shared" si="626"/>
        <v>0</v>
      </c>
      <c r="N5550" s="45">
        <f t="shared" si="627"/>
        <v>45156.833333319955</v>
      </c>
    </row>
    <row r="5551" spans="2:14" x14ac:dyDescent="0.25">
      <c r="B5551">
        <f t="shared" si="621"/>
        <v>5</v>
      </c>
      <c r="C5551" s="16">
        <v>5517</v>
      </c>
      <c r="D5551" cm="1">
        <f t="array" ref="D5551">IFERROR(INDEX(Jesper!AH$2:AH$366,ROUNDDOWN($C5551/24,0)+1,1)*INDEX($D$3:$AA$30,INDEX(Jesper!$R$2:$R$366,ROW(INDEX(Jesper!AH$2:AH$366,ROUNDDOWN($C5551/24,0)+1,1))-1)+IF('Standard Profiles'!$G$18=$B$10,7,0)+IF('Standard Profiles'!$G$18=$B$17,14,0)+IF('Standard Profiles'!$G$18=$B$24,21,0),MOD($C5551,24)+1)/SUM(INDEX($D$3:$AA$30,INDEX(Jesper!$R$2:$R$366,ROW(INDEX(Jesper!AH$2:AH$366,ROUNDDOWN($C5551/24,0)+1,1))-1)+IF('Standard Profiles'!$G$18=$B$10,7,0)+IF('Standard Profiles'!$G$18=$B$17,14,0)+IF('Standard Profiles'!$G$18=$B$24,21,0),0)),0)</f>
        <v>4.8292625725338594</v>
      </c>
      <c r="E5551" cm="1">
        <f t="array" ref="E5551">IFERROR(INDEX(Jesper!AI$2:AI$366,ROUNDDOWN($C5551/24,0)+1,1)*INDEX($D$3:$AA$30,INDEX(Jesper!$R$2:$R$366,ROW(INDEX(Jesper!AI$2:AI$366,ROUNDDOWN($C5551/24,0)+1,1))-1)+IF('Standard Profiles'!$G$19=$B$10,7,0)+IF('Standard Profiles'!$G$19=$B$17,14,0)+IF('Standard Profiles'!$G$19=$B$24,21,0),MOD($C5551,24)+1)/SUM(INDEX($D$3:$AA$30,INDEX(Jesper!$R$2:$R$366,ROW(INDEX(Jesper!AI$2:AI$366,ROUNDDOWN($C5551/24,0)+1,1))-1)+IF('Standard Profiles'!$G$19=$B$10,7,0)+IF('Standard Profiles'!$G$19=$B$17,14,0)+IF('Standard Profiles'!$G$19=$B$24,21,0),0)),0)</f>
        <v>1.8698074479620166</v>
      </c>
      <c r="F5551" cm="1">
        <f t="array" ref="F5551">IFERROR(INDEX(Jesper!AJ$2:AJ$366,ROUNDDOWN($C5551/24,0)+1,1)*INDEX($D$3:$AA$30,INDEX(Jesper!$R$2:$R$366,ROW(INDEX(Jesper!AJ$2:AJ$366,ROUNDDOWN($C5551/24,0)+1,1))-1)+IF('Standard Profiles'!$G$20=$B$10,7,0)+IF('Standard Profiles'!$G$20=$B$17,14,0)+IF('Standard Profiles'!$G$20=$B$24,21,0),MOD($C5551,24)+1)/SUM(INDEX($D$3:$AA$30,INDEX(Jesper!$R$2:$R$366,ROW(INDEX(Jesper!AJ$2:AJ$366,ROUNDDOWN($C5551/24,0)+1,1))-1)+IF('Standard Profiles'!$G$20=$B$10,7,0)+IF('Standard Profiles'!$G$20=$B$17,14,0)+IF('Standard Profiles'!$G$20=$B$24,21,0),0)),0)</f>
        <v>0</v>
      </c>
      <c r="G5551" cm="1">
        <f t="array" ref="G5551">IFERROR(INDEX(Jesper!AK$2:AK$366,ROUNDDOWN($C5551/24,0)+1,1)*INDEX($D$3:$AA$30,INDEX(Jesper!$R$2:$R$366,ROW(INDEX(Jesper!AK$2:AK$366,ROUNDDOWN($C5551/24,0)+1,1))-1)+IF('Standard Profiles'!$G$21=$B$10,7,0)+IF('Standard Profiles'!$G$21=$B$17,14,0)+IF('Standard Profiles'!$G$21=$B$24,21,0),MOD($C5551,24)+1)/SUM(INDEX($D$3:$AA$30,INDEX(Jesper!$R$2:$R$366,ROW(INDEX(Jesper!AK$2:AK$366,ROUNDDOWN($C5551/24,0)+1,1))-1)+IF('Standard Profiles'!$G$21=$B$10,7,0)+IF('Standard Profiles'!$G$21=$B$17,14,0)+IF('Standard Profiles'!$G$21=$B$24,21,0),0)),0)</f>
        <v>0</v>
      </c>
      <c r="H5551" cm="1">
        <f t="array" ref="H5551">IFERROR(INDEX(Jesper!AL$2:AL$366,ROUNDDOWN($C5551/24,0)+1,1)*INDEX($D$3:$AA$30,INDEX(Jesper!$R$2:$R$366,ROW(INDEX(Jesper!AL$2:AL$366,ROUNDDOWN($C5551/24,0)+1,1))-1)+IF('Standard Profiles'!$G$22=$B$10,7,0)+IF('Standard Profiles'!$G$22=$B$17,14,0)+IF('Standard Profiles'!$G$22=$B$24,21,0),MOD($C5551,24)+1)/SUM(INDEX($D$3:$AA$30,INDEX(Jesper!$R$2:$R$366,ROW(INDEX(Jesper!AL$2:AL$366,ROUNDDOWN($C5551/24,0)+1,1))-1)+IF('Standard Profiles'!$G$22=$B$10,7,0)+IF('Standard Profiles'!$G$22=$B$17,14,0)+IF('Standard Profiles'!$G$22=$B$24,21,0),0)),0)</f>
        <v>0</v>
      </c>
      <c r="I5551">
        <f t="shared" si="622"/>
        <v>0</v>
      </c>
      <c r="J5551">
        <f t="shared" si="623"/>
        <v>5.9263880088904584</v>
      </c>
      <c r="K5551">
        <f t="shared" si="624"/>
        <v>0.5151213410702784</v>
      </c>
      <c r="L5551">
        <f t="shared" si="625"/>
        <v>0.2575606705351392</v>
      </c>
      <c r="M5551">
        <f t="shared" si="626"/>
        <v>0</v>
      </c>
      <c r="N5551" s="45">
        <f t="shared" si="627"/>
        <v>45156.87499998662</v>
      </c>
    </row>
    <row r="5552" spans="2:14" x14ac:dyDescent="0.25">
      <c r="B5552">
        <f t="shared" si="621"/>
        <v>5</v>
      </c>
      <c r="C5552" s="16">
        <v>5518</v>
      </c>
      <c r="D5552" cm="1">
        <f t="array" ref="D5552">IFERROR(INDEX(Jesper!AH$2:AH$366,ROUNDDOWN($C5552/24,0)+1,1)*INDEX($D$3:$AA$30,INDEX(Jesper!$R$2:$R$366,ROW(INDEX(Jesper!AH$2:AH$366,ROUNDDOWN($C5552/24,0)+1,1))-1)+IF('Standard Profiles'!$G$18=$B$10,7,0)+IF('Standard Profiles'!$G$18=$B$17,14,0)+IF('Standard Profiles'!$G$18=$B$24,21,0),MOD($C5552,24)+1)/SUM(INDEX($D$3:$AA$30,INDEX(Jesper!$R$2:$R$366,ROW(INDEX(Jesper!AH$2:AH$366,ROUNDDOWN($C5552/24,0)+1,1))-1)+IF('Standard Profiles'!$G$18=$B$10,7,0)+IF('Standard Profiles'!$G$18=$B$17,14,0)+IF('Standard Profiles'!$G$18=$B$24,21,0),0)),0)</f>
        <v>4.8292625725338594</v>
      </c>
      <c r="E5552" cm="1">
        <f t="array" ref="E5552">IFERROR(INDEX(Jesper!AI$2:AI$366,ROUNDDOWN($C5552/24,0)+1,1)*INDEX($D$3:$AA$30,INDEX(Jesper!$R$2:$R$366,ROW(INDEX(Jesper!AI$2:AI$366,ROUNDDOWN($C5552/24,0)+1,1))-1)+IF('Standard Profiles'!$G$19=$B$10,7,0)+IF('Standard Profiles'!$G$19=$B$17,14,0)+IF('Standard Profiles'!$G$19=$B$24,21,0),MOD($C5552,24)+1)/SUM(INDEX($D$3:$AA$30,INDEX(Jesper!$R$2:$R$366,ROW(INDEX(Jesper!AI$2:AI$366,ROUNDDOWN($C5552/24,0)+1,1))-1)+IF('Standard Profiles'!$G$19=$B$10,7,0)+IF('Standard Profiles'!$G$19=$B$17,14,0)+IF('Standard Profiles'!$G$19=$B$24,21,0),0)),0)</f>
        <v>1.8698074479620166</v>
      </c>
      <c r="F5552" cm="1">
        <f t="array" ref="F5552">IFERROR(INDEX(Jesper!AJ$2:AJ$366,ROUNDDOWN($C5552/24,0)+1,1)*INDEX($D$3:$AA$30,INDEX(Jesper!$R$2:$R$366,ROW(INDEX(Jesper!AJ$2:AJ$366,ROUNDDOWN($C5552/24,0)+1,1))-1)+IF('Standard Profiles'!$G$20=$B$10,7,0)+IF('Standard Profiles'!$G$20=$B$17,14,0)+IF('Standard Profiles'!$G$20=$B$24,21,0),MOD($C5552,24)+1)/SUM(INDEX($D$3:$AA$30,INDEX(Jesper!$R$2:$R$366,ROW(INDEX(Jesper!AJ$2:AJ$366,ROUNDDOWN($C5552/24,0)+1,1))-1)+IF('Standard Profiles'!$G$20=$B$10,7,0)+IF('Standard Profiles'!$G$20=$B$17,14,0)+IF('Standard Profiles'!$G$20=$B$24,21,0),0)),0)</f>
        <v>0</v>
      </c>
      <c r="G5552" cm="1">
        <f t="array" ref="G5552">IFERROR(INDEX(Jesper!AK$2:AK$366,ROUNDDOWN($C5552/24,0)+1,1)*INDEX($D$3:$AA$30,INDEX(Jesper!$R$2:$R$366,ROW(INDEX(Jesper!AK$2:AK$366,ROUNDDOWN($C5552/24,0)+1,1))-1)+IF('Standard Profiles'!$G$21=$B$10,7,0)+IF('Standard Profiles'!$G$21=$B$17,14,0)+IF('Standard Profiles'!$G$21=$B$24,21,0),MOD($C5552,24)+1)/SUM(INDEX($D$3:$AA$30,INDEX(Jesper!$R$2:$R$366,ROW(INDEX(Jesper!AK$2:AK$366,ROUNDDOWN($C5552/24,0)+1,1))-1)+IF('Standard Profiles'!$G$21=$B$10,7,0)+IF('Standard Profiles'!$G$21=$B$17,14,0)+IF('Standard Profiles'!$G$21=$B$24,21,0),0)),0)</f>
        <v>0</v>
      </c>
      <c r="H5552" cm="1">
        <f t="array" ref="H5552">IFERROR(INDEX(Jesper!AL$2:AL$366,ROUNDDOWN($C5552/24,0)+1,1)*INDEX($D$3:$AA$30,INDEX(Jesper!$R$2:$R$366,ROW(INDEX(Jesper!AL$2:AL$366,ROUNDDOWN($C5552/24,0)+1,1))-1)+IF('Standard Profiles'!$G$22=$B$10,7,0)+IF('Standard Profiles'!$G$22=$B$17,14,0)+IF('Standard Profiles'!$G$22=$B$24,21,0),MOD($C5552,24)+1)/SUM(INDEX($D$3:$AA$30,INDEX(Jesper!$R$2:$R$366,ROW(INDEX(Jesper!AL$2:AL$366,ROUNDDOWN($C5552/24,0)+1,1))-1)+IF('Standard Profiles'!$G$22=$B$10,7,0)+IF('Standard Profiles'!$G$22=$B$17,14,0)+IF('Standard Profiles'!$G$22=$B$24,21,0),0)),0)</f>
        <v>0</v>
      </c>
      <c r="I5552">
        <f t="shared" si="622"/>
        <v>0</v>
      </c>
      <c r="J5552">
        <f t="shared" si="623"/>
        <v>5.9263880088904584</v>
      </c>
      <c r="K5552">
        <f t="shared" si="624"/>
        <v>0.5151213410702784</v>
      </c>
      <c r="L5552">
        <f t="shared" si="625"/>
        <v>0.2575606705351392</v>
      </c>
      <c r="M5552">
        <f t="shared" si="626"/>
        <v>0</v>
      </c>
      <c r="N5552" s="45">
        <f t="shared" si="627"/>
        <v>45156.916666653284</v>
      </c>
    </row>
    <row r="5553" spans="2:14" x14ac:dyDescent="0.25">
      <c r="B5553">
        <f t="shared" si="621"/>
        <v>5</v>
      </c>
      <c r="C5553" s="16">
        <v>5519</v>
      </c>
      <c r="D5553" cm="1">
        <f t="array" ref="D5553">IFERROR(INDEX(Jesper!AH$2:AH$366,ROUNDDOWN($C5553/24,0)+1,1)*INDEX($D$3:$AA$30,INDEX(Jesper!$R$2:$R$366,ROW(INDEX(Jesper!AH$2:AH$366,ROUNDDOWN($C5553/24,0)+1,1))-1)+IF('Standard Profiles'!$G$18=$B$10,7,0)+IF('Standard Profiles'!$G$18=$B$17,14,0)+IF('Standard Profiles'!$G$18=$B$24,21,0),MOD($C5553,24)+1)/SUM(INDEX($D$3:$AA$30,INDEX(Jesper!$R$2:$R$366,ROW(INDEX(Jesper!AH$2:AH$366,ROUNDDOWN($C5553/24,0)+1,1))-1)+IF('Standard Profiles'!$G$18=$B$10,7,0)+IF('Standard Profiles'!$G$18=$B$17,14,0)+IF('Standard Profiles'!$G$18=$B$24,21,0),0)),0)</f>
        <v>4.8292625725338594</v>
      </c>
      <c r="E5553" cm="1">
        <f t="array" ref="E5553">IFERROR(INDEX(Jesper!AI$2:AI$366,ROUNDDOWN($C5553/24,0)+1,1)*INDEX($D$3:$AA$30,INDEX(Jesper!$R$2:$R$366,ROW(INDEX(Jesper!AI$2:AI$366,ROUNDDOWN($C5553/24,0)+1,1))-1)+IF('Standard Profiles'!$G$19=$B$10,7,0)+IF('Standard Profiles'!$G$19=$B$17,14,0)+IF('Standard Profiles'!$G$19=$B$24,21,0),MOD($C5553,24)+1)/SUM(INDEX($D$3:$AA$30,INDEX(Jesper!$R$2:$R$366,ROW(INDEX(Jesper!AI$2:AI$366,ROUNDDOWN($C5553/24,0)+1,1))-1)+IF('Standard Profiles'!$G$19=$B$10,7,0)+IF('Standard Profiles'!$G$19=$B$17,14,0)+IF('Standard Profiles'!$G$19=$B$24,21,0),0)),0)</f>
        <v>1.8698074479620166</v>
      </c>
      <c r="F5553" cm="1">
        <f t="array" ref="F5553">IFERROR(INDEX(Jesper!AJ$2:AJ$366,ROUNDDOWN($C5553/24,0)+1,1)*INDEX($D$3:$AA$30,INDEX(Jesper!$R$2:$R$366,ROW(INDEX(Jesper!AJ$2:AJ$366,ROUNDDOWN($C5553/24,0)+1,1))-1)+IF('Standard Profiles'!$G$20=$B$10,7,0)+IF('Standard Profiles'!$G$20=$B$17,14,0)+IF('Standard Profiles'!$G$20=$B$24,21,0),MOD($C5553,24)+1)/SUM(INDEX($D$3:$AA$30,INDEX(Jesper!$R$2:$R$366,ROW(INDEX(Jesper!AJ$2:AJ$366,ROUNDDOWN($C5553/24,0)+1,1))-1)+IF('Standard Profiles'!$G$20=$B$10,7,0)+IF('Standard Profiles'!$G$20=$B$17,14,0)+IF('Standard Profiles'!$G$20=$B$24,21,0),0)),0)</f>
        <v>0</v>
      </c>
      <c r="G5553" cm="1">
        <f t="array" ref="G5553">IFERROR(INDEX(Jesper!AK$2:AK$366,ROUNDDOWN($C5553/24,0)+1,1)*INDEX($D$3:$AA$30,INDEX(Jesper!$R$2:$R$366,ROW(INDEX(Jesper!AK$2:AK$366,ROUNDDOWN($C5553/24,0)+1,1))-1)+IF('Standard Profiles'!$G$21=$B$10,7,0)+IF('Standard Profiles'!$G$21=$B$17,14,0)+IF('Standard Profiles'!$G$21=$B$24,21,0),MOD($C5553,24)+1)/SUM(INDEX($D$3:$AA$30,INDEX(Jesper!$R$2:$R$366,ROW(INDEX(Jesper!AK$2:AK$366,ROUNDDOWN($C5553/24,0)+1,1))-1)+IF('Standard Profiles'!$G$21=$B$10,7,0)+IF('Standard Profiles'!$G$21=$B$17,14,0)+IF('Standard Profiles'!$G$21=$B$24,21,0),0)),0)</f>
        <v>0</v>
      </c>
      <c r="H5553" cm="1">
        <f t="array" ref="H5553">IFERROR(INDEX(Jesper!AL$2:AL$366,ROUNDDOWN($C5553/24,0)+1,1)*INDEX($D$3:$AA$30,INDEX(Jesper!$R$2:$R$366,ROW(INDEX(Jesper!AL$2:AL$366,ROUNDDOWN($C5553/24,0)+1,1))-1)+IF('Standard Profiles'!$G$22=$B$10,7,0)+IF('Standard Profiles'!$G$22=$B$17,14,0)+IF('Standard Profiles'!$G$22=$B$24,21,0),MOD($C5553,24)+1)/SUM(INDEX($D$3:$AA$30,INDEX(Jesper!$R$2:$R$366,ROW(INDEX(Jesper!AL$2:AL$366,ROUNDDOWN($C5553/24,0)+1,1))-1)+IF('Standard Profiles'!$G$22=$B$10,7,0)+IF('Standard Profiles'!$G$22=$B$17,14,0)+IF('Standard Profiles'!$G$22=$B$24,21,0),0)),0)</f>
        <v>0</v>
      </c>
      <c r="I5553">
        <f t="shared" si="622"/>
        <v>0</v>
      </c>
      <c r="J5553">
        <f t="shared" si="623"/>
        <v>5.9263880088904584</v>
      </c>
      <c r="K5553">
        <f t="shared" si="624"/>
        <v>0.5151213410702784</v>
      </c>
      <c r="L5553">
        <f t="shared" si="625"/>
        <v>0.2575606705351392</v>
      </c>
      <c r="M5553">
        <f t="shared" si="626"/>
        <v>0</v>
      </c>
      <c r="N5553" s="45">
        <f t="shared" si="627"/>
        <v>45156.958333319948</v>
      </c>
    </row>
    <row r="5554" spans="2:14" x14ac:dyDescent="0.25">
      <c r="B5554">
        <f t="shared" si="621"/>
        <v>6</v>
      </c>
      <c r="C5554" s="16">
        <v>5520</v>
      </c>
      <c r="D5554" cm="1">
        <f t="array" ref="D5554">IFERROR(INDEX(Jesper!AH$2:AH$366,ROUNDDOWN($C5554/24,0)+1,1)*INDEX($D$3:$AA$30,INDEX(Jesper!$R$2:$R$366,ROW(INDEX(Jesper!AH$2:AH$366,ROUNDDOWN($C5554/24,0)+1,1))-1)+IF('Standard Profiles'!$G$18=$B$10,7,0)+IF('Standard Profiles'!$G$18=$B$17,14,0)+IF('Standard Profiles'!$G$18=$B$24,21,0),MOD($C5554,24)+1)/SUM(INDEX($D$3:$AA$30,INDEX(Jesper!$R$2:$R$366,ROW(INDEX(Jesper!AH$2:AH$366,ROUNDDOWN($C5554/24,0)+1,1))-1)+IF('Standard Profiles'!$G$18=$B$10,7,0)+IF('Standard Profiles'!$G$18=$B$17,14,0)+IF('Standard Profiles'!$G$18=$B$24,21,0),0)),0)</f>
        <v>0</v>
      </c>
      <c r="E5554" cm="1">
        <f t="array" ref="E5554">IFERROR(INDEX(Jesper!AI$2:AI$366,ROUNDDOWN($C5554/24,0)+1,1)*INDEX($D$3:$AA$30,INDEX(Jesper!$R$2:$R$366,ROW(INDEX(Jesper!AI$2:AI$366,ROUNDDOWN($C5554/24,0)+1,1))-1)+IF('Standard Profiles'!$G$19=$B$10,7,0)+IF('Standard Profiles'!$G$19=$B$17,14,0)+IF('Standard Profiles'!$G$19=$B$24,21,0),MOD($C5554,24)+1)/SUM(INDEX($D$3:$AA$30,INDEX(Jesper!$R$2:$R$366,ROW(INDEX(Jesper!AI$2:AI$366,ROUNDDOWN($C5554/24,0)+1,1))-1)+IF('Standard Profiles'!$G$19=$B$10,7,0)+IF('Standard Profiles'!$G$19=$B$17,14,0)+IF('Standard Profiles'!$G$19=$B$24,21,0),0)),0)</f>
        <v>2.96683767239207</v>
      </c>
      <c r="F5554" cm="1">
        <f t="array" ref="F5554">IFERROR(INDEX(Jesper!AJ$2:AJ$366,ROUNDDOWN($C5554/24,0)+1,1)*INDEX($D$3:$AA$30,INDEX(Jesper!$R$2:$R$366,ROW(INDEX(Jesper!AJ$2:AJ$366,ROUNDDOWN($C5554/24,0)+1,1))-1)+IF('Standard Profiles'!$G$20=$B$10,7,0)+IF('Standard Profiles'!$G$20=$B$17,14,0)+IF('Standard Profiles'!$G$20=$B$24,21,0),MOD($C5554,24)+1)/SUM(INDEX($D$3:$AA$30,INDEX(Jesper!$R$2:$R$366,ROW(INDEX(Jesper!AJ$2:AJ$366,ROUNDDOWN($C5554/24,0)+1,1))-1)+IF('Standard Profiles'!$G$20=$B$10,7,0)+IF('Standard Profiles'!$G$20=$B$17,14,0)+IF('Standard Profiles'!$G$20=$B$24,21,0),0)),0)</f>
        <v>0.94737021928257115</v>
      </c>
      <c r="G5554" cm="1">
        <f t="array" ref="G5554">IFERROR(INDEX(Jesper!AK$2:AK$366,ROUNDDOWN($C5554/24,0)+1,1)*INDEX($D$3:$AA$30,INDEX(Jesper!$R$2:$R$366,ROW(INDEX(Jesper!AK$2:AK$366,ROUNDDOWN($C5554/24,0)+1,1))-1)+IF('Standard Profiles'!$G$21=$B$10,7,0)+IF('Standard Profiles'!$G$21=$B$17,14,0)+IF('Standard Profiles'!$G$21=$B$24,21,0),MOD($C5554,24)+1)/SUM(INDEX($D$3:$AA$30,INDEX(Jesper!$R$2:$R$366,ROW(INDEX(Jesper!AK$2:AK$366,ROUNDDOWN($C5554/24,0)+1,1))-1)+IF('Standard Profiles'!$G$21=$B$10,7,0)+IF('Standard Profiles'!$G$21=$B$17,14,0)+IF('Standard Profiles'!$G$21=$B$24,21,0),0)),0)</f>
        <v>0.28017242593782005</v>
      </c>
      <c r="H5554" cm="1">
        <f t="array" ref="H5554">IFERROR(INDEX(Jesper!AL$2:AL$366,ROUNDDOWN($C5554/24,0)+1,1)*INDEX($D$3:$AA$30,INDEX(Jesper!$R$2:$R$366,ROW(INDEX(Jesper!AL$2:AL$366,ROUNDDOWN($C5554/24,0)+1,1))-1)+IF('Standard Profiles'!$G$22=$B$10,7,0)+IF('Standard Profiles'!$G$22=$B$17,14,0)+IF('Standard Profiles'!$G$22=$B$24,21,0),MOD($C5554,24)+1)/SUM(INDEX($D$3:$AA$30,INDEX(Jesper!$R$2:$R$366,ROW(INDEX(Jesper!AL$2:AL$366,ROUNDDOWN($C5554/24,0)+1,1))-1)+IF('Standard Profiles'!$G$22=$B$10,7,0)+IF('Standard Profiles'!$G$22=$B$17,14,0)+IF('Standard Profiles'!$G$22=$B$24,21,0),0)),0)</f>
        <v>0</v>
      </c>
      <c r="I5554">
        <f t="shared" si="622"/>
        <v>0</v>
      </c>
      <c r="J5554">
        <f t="shared" si="623"/>
        <v>3.8383597969254124</v>
      </c>
      <c r="K5554">
        <f t="shared" si="624"/>
        <v>0.23734701379136561</v>
      </c>
      <c r="L5554">
        <f t="shared" si="625"/>
        <v>0.1186735068956828</v>
      </c>
      <c r="M5554">
        <f t="shared" si="626"/>
        <v>0</v>
      </c>
      <c r="N5554" s="45">
        <f t="shared" si="627"/>
        <v>45156.999999986612</v>
      </c>
    </row>
    <row r="5555" spans="2:14" x14ac:dyDescent="0.25">
      <c r="B5555">
        <f t="shared" si="621"/>
        <v>6</v>
      </c>
      <c r="C5555" s="16">
        <v>5521</v>
      </c>
      <c r="D5555" cm="1">
        <f t="array" ref="D5555">IFERROR(INDEX(Jesper!AH$2:AH$366,ROUNDDOWN($C5555/24,0)+1,1)*INDEX($D$3:$AA$30,INDEX(Jesper!$R$2:$R$366,ROW(INDEX(Jesper!AH$2:AH$366,ROUNDDOWN($C5555/24,0)+1,1))-1)+IF('Standard Profiles'!$G$18=$B$10,7,0)+IF('Standard Profiles'!$G$18=$B$17,14,0)+IF('Standard Profiles'!$G$18=$B$24,21,0),MOD($C5555,24)+1)/SUM(INDEX($D$3:$AA$30,INDEX(Jesper!$R$2:$R$366,ROW(INDEX(Jesper!AH$2:AH$366,ROUNDDOWN($C5555/24,0)+1,1))-1)+IF('Standard Profiles'!$G$18=$B$10,7,0)+IF('Standard Profiles'!$G$18=$B$17,14,0)+IF('Standard Profiles'!$G$18=$B$24,21,0),0)),0)</f>
        <v>0</v>
      </c>
      <c r="E5555" cm="1">
        <f t="array" ref="E5555">IFERROR(INDEX(Jesper!AI$2:AI$366,ROUNDDOWN($C5555/24,0)+1,1)*INDEX($D$3:$AA$30,INDEX(Jesper!$R$2:$R$366,ROW(INDEX(Jesper!AI$2:AI$366,ROUNDDOWN($C5555/24,0)+1,1))-1)+IF('Standard Profiles'!$G$19=$B$10,7,0)+IF('Standard Profiles'!$G$19=$B$17,14,0)+IF('Standard Profiles'!$G$19=$B$24,21,0),MOD($C5555,24)+1)/SUM(INDEX($D$3:$AA$30,INDEX(Jesper!$R$2:$R$366,ROW(INDEX(Jesper!AI$2:AI$366,ROUNDDOWN($C5555/24,0)+1,1))-1)+IF('Standard Profiles'!$G$19=$B$10,7,0)+IF('Standard Profiles'!$G$19=$B$17,14,0)+IF('Standard Profiles'!$G$19=$B$24,21,0),0)),0)</f>
        <v>2.6701539051528633</v>
      </c>
      <c r="F5555" cm="1">
        <f t="array" ref="F5555">IFERROR(INDEX(Jesper!AJ$2:AJ$366,ROUNDDOWN($C5555/24,0)+1,1)*INDEX($D$3:$AA$30,INDEX(Jesper!$R$2:$R$366,ROW(INDEX(Jesper!AJ$2:AJ$366,ROUNDDOWN($C5555/24,0)+1,1))-1)+IF('Standard Profiles'!$G$20=$B$10,7,0)+IF('Standard Profiles'!$G$20=$B$17,14,0)+IF('Standard Profiles'!$G$20=$B$24,21,0),MOD($C5555,24)+1)/SUM(INDEX($D$3:$AA$30,INDEX(Jesper!$R$2:$R$366,ROW(INDEX(Jesper!AJ$2:AJ$366,ROUNDDOWN($C5555/24,0)+1,1))-1)+IF('Standard Profiles'!$G$20=$B$10,7,0)+IF('Standard Profiles'!$G$20=$B$17,14,0)+IF('Standard Profiles'!$G$20=$B$24,21,0),0)),0)</f>
        <v>0.85263319735431398</v>
      </c>
      <c r="G5555" cm="1">
        <f t="array" ref="G5555">IFERROR(INDEX(Jesper!AK$2:AK$366,ROUNDDOWN($C5555/24,0)+1,1)*INDEX($D$3:$AA$30,INDEX(Jesper!$R$2:$R$366,ROW(INDEX(Jesper!AK$2:AK$366,ROUNDDOWN($C5555/24,0)+1,1))-1)+IF('Standard Profiles'!$G$21=$B$10,7,0)+IF('Standard Profiles'!$G$21=$B$17,14,0)+IF('Standard Profiles'!$G$21=$B$24,21,0),MOD($C5555,24)+1)/SUM(INDEX($D$3:$AA$30,INDEX(Jesper!$R$2:$R$366,ROW(INDEX(Jesper!AK$2:AK$366,ROUNDDOWN($C5555/24,0)+1,1))-1)+IF('Standard Profiles'!$G$21=$B$10,7,0)+IF('Standard Profiles'!$G$21=$B$17,14,0)+IF('Standard Profiles'!$G$21=$B$24,21,0),0)),0)</f>
        <v>0.28017242593782005</v>
      </c>
      <c r="H5555" cm="1">
        <f t="array" ref="H5555">IFERROR(INDEX(Jesper!AL$2:AL$366,ROUNDDOWN($C5555/24,0)+1,1)*INDEX($D$3:$AA$30,INDEX(Jesper!$R$2:$R$366,ROW(INDEX(Jesper!AL$2:AL$366,ROUNDDOWN($C5555/24,0)+1,1))-1)+IF('Standard Profiles'!$G$22=$B$10,7,0)+IF('Standard Profiles'!$G$22=$B$17,14,0)+IF('Standard Profiles'!$G$22=$B$24,21,0),MOD($C5555,24)+1)/SUM(INDEX($D$3:$AA$30,INDEX(Jesper!$R$2:$R$366,ROW(INDEX(Jesper!AL$2:AL$366,ROUNDDOWN($C5555/24,0)+1,1))-1)+IF('Standard Profiles'!$G$22=$B$10,7,0)+IF('Standard Profiles'!$G$22=$B$17,14,0)+IF('Standard Profiles'!$G$22=$B$24,21,0),0)),0)</f>
        <v>0</v>
      </c>
      <c r="I5555">
        <f t="shared" si="622"/>
        <v>0</v>
      </c>
      <c r="J5555">
        <f t="shared" si="623"/>
        <v>3.4825410598266537</v>
      </c>
      <c r="K5555">
        <f t="shared" si="624"/>
        <v>0.21361231241222908</v>
      </c>
      <c r="L5555">
        <f t="shared" si="625"/>
        <v>0.10680615620611454</v>
      </c>
      <c r="M5555">
        <f t="shared" si="626"/>
        <v>0</v>
      </c>
      <c r="N5555" s="45">
        <f t="shared" si="627"/>
        <v>45157.041666653276</v>
      </c>
    </row>
    <row r="5556" spans="2:14" x14ac:dyDescent="0.25">
      <c r="B5556">
        <f t="shared" si="621"/>
        <v>6</v>
      </c>
      <c r="C5556" s="16">
        <v>5522</v>
      </c>
      <c r="D5556" cm="1">
        <f t="array" ref="D5556">IFERROR(INDEX(Jesper!AH$2:AH$366,ROUNDDOWN($C5556/24,0)+1,1)*INDEX($D$3:$AA$30,INDEX(Jesper!$R$2:$R$366,ROW(INDEX(Jesper!AH$2:AH$366,ROUNDDOWN($C5556/24,0)+1,1))-1)+IF('Standard Profiles'!$G$18=$B$10,7,0)+IF('Standard Profiles'!$G$18=$B$17,14,0)+IF('Standard Profiles'!$G$18=$B$24,21,0),MOD($C5556,24)+1)/SUM(INDEX($D$3:$AA$30,INDEX(Jesper!$R$2:$R$366,ROW(INDEX(Jesper!AH$2:AH$366,ROUNDDOWN($C5556/24,0)+1,1))-1)+IF('Standard Profiles'!$G$18=$B$10,7,0)+IF('Standard Profiles'!$G$18=$B$17,14,0)+IF('Standard Profiles'!$G$18=$B$24,21,0),0)),0)</f>
        <v>0</v>
      </c>
      <c r="E5556" cm="1">
        <f t="array" ref="E5556">IFERROR(INDEX(Jesper!AI$2:AI$366,ROUNDDOWN($C5556/24,0)+1,1)*INDEX($D$3:$AA$30,INDEX(Jesper!$R$2:$R$366,ROW(INDEX(Jesper!AI$2:AI$366,ROUNDDOWN($C5556/24,0)+1,1))-1)+IF('Standard Profiles'!$G$19=$B$10,7,0)+IF('Standard Profiles'!$G$19=$B$17,14,0)+IF('Standard Profiles'!$G$19=$B$24,21,0),MOD($C5556,24)+1)/SUM(INDEX($D$3:$AA$30,INDEX(Jesper!$R$2:$R$366,ROW(INDEX(Jesper!AI$2:AI$366,ROUNDDOWN($C5556/24,0)+1,1))-1)+IF('Standard Profiles'!$G$19=$B$10,7,0)+IF('Standard Profiles'!$G$19=$B$17,14,0)+IF('Standard Profiles'!$G$19=$B$24,21,0),0)),0)</f>
        <v>2.6701539051528633</v>
      </c>
      <c r="F5556" cm="1">
        <f t="array" ref="F5556">IFERROR(INDEX(Jesper!AJ$2:AJ$366,ROUNDDOWN($C5556/24,0)+1,1)*INDEX($D$3:$AA$30,INDEX(Jesper!$R$2:$R$366,ROW(INDEX(Jesper!AJ$2:AJ$366,ROUNDDOWN($C5556/24,0)+1,1))-1)+IF('Standard Profiles'!$G$20=$B$10,7,0)+IF('Standard Profiles'!$G$20=$B$17,14,0)+IF('Standard Profiles'!$G$20=$B$24,21,0),MOD($C5556,24)+1)/SUM(INDEX($D$3:$AA$30,INDEX(Jesper!$R$2:$R$366,ROW(INDEX(Jesper!AJ$2:AJ$366,ROUNDDOWN($C5556/24,0)+1,1))-1)+IF('Standard Profiles'!$G$20=$B$10,7,0)+IF('Standard Profiles'!$G$20=$B$17,14,0)+IF('Standard Profiles'!$G$20=$B$24,21,0),0)),0)</f>
        <v>0.85263319735431398</v>
      </c>
      <c r="G5556" cm="1">
        <f t="array" ref="G5556">IFERROR(INDEX(Jesper!AK$2:AK$366,ROUNDDOWN($C5556/24,0)+1,1)*INDEX($D$3:$AA$30,INDEX(Jesper!$R$2:$R$366,ROW(INDEX(Jesper!AK$2:AK$366,ROUNDDOWN($C5556/24,0)+1,1))-1)+IF('Standard Profiles'!$G$21=$B$10,7,0)+IF('Standard Profiles'!$G$21=$B$17,14,0)+IF('Standard Profiles'!$G$21=$B$24,21,0),MOD($C5556,24)+1)/SUM(INDEX($D$3:$AA$30,INDEX(Jesper!$R$2:$R$366,ROW(INDEX(Jesper!AK$2:AK$366,ROUNDDOWN($C5556/24,0)+1,1))-1)+IF('Standard Profiles'!$G$21=$B$10,7,0)+IF('Standard Profiles'!$G$21=$B$17,14,0)+IF('Standard Profiles'!$G$21=$B$24,21,0),0)),0)</f>
        <v>0.28017242593782005</v>
      </c>
      <c r="H5556" cm="1">
        <f t="array" ref="H5556">IFERROR(INDEX(Jesper!AL$2:AL$366,ROUNDDOWN($C5556/24,0)+1,1)*INDEX($D$3:$AA$30,INDEX(Jesper!$R$2:$R$366,ROW(INDEX(Jesper!AL$2:AL$366,ROUNDDOWN($C5556/24,0)+1,1))-1)+IF('Standard Profiles'!$G$22=$B$10,7,0)+IF('Standard Profiles'!$G$22=$B$17,14,0)+IF('Standard Profiles'!$G$22=$B$24,21,0),MOD($C5556,24)+1)/SUM(INDEX($D$3:$AA$30,INDEX(Jesper!$R$2:$R$366,ROW(INDEX(Jesper!AL$2:AL$366,ROUNDDOWN($C5556/24,0)+1,1))-1)+IF('Standard Profiles'!$G$22=$B$10,7,0)+IF('Standard Profiles'!$G$22=$B$17,14,0)+IF('Standard Profiles'!$G$22=$B$24,21,0),0)),0)</f>
        <v>0</v>
      </c>
      <c r="I5556">
        <f t="shared" si="622"/>
        <v>0</v>
      </c>
      <c r="J5556">
        <f t="shared" si="623"/>
        <v>3.4825410598266537</v>
      </c>
      <c r="K5556">
        <f t="shared" si="624"/>
        <v>0.21361231241222908</v>
      </c>
      <c r="L5556">
        <f t="shared" si="625"/>
        <v>0.10680615620611454</v>
      </c>
      <c r="M5556">
        <f t="shared" si="626"/>
        <v>0</v>
      </c>
      <c r="N5556" s="45">
        <f t="shared" si="627"/>
        <v>45157.083333319941</v>
      </c>
    </row>
    <row r="5557" spans="2:14" x14ac:dyDescent="0.25">
      <c r="B5557">
        <f t="shared" si="621"/>
        <v>6</v>
      </c>
      <c r="C5557" s="16">
        <v>5523</v>
      </c>
      <c r="D5557" cm="1">
        <f t="array" ref="D5557">IFERROR(INDEX(Jesper!AH$2:AH$366,ROUNDDOWN($C5557/24,0)+1,1)*INDEX($D$3:$AA$30,INDEX(Jesper!$R$2:$R$366,ROW(INDEX(Jesper!AH$2:AH$366,ROUNDDOWN($C5557/24,0)+1,1))-1)+IF('Standard Profiles'!$G$18=$B$10,7,0)+IF('Standard Profiles'!$G$18=$B$17,14,0)+IF('Standard Profiles'!$G$18=$B$24,21,0),MOD($C5557,24)+1)/SUM(INDEX($D$3:$AA$30,INDEX(Jesper!$R$2:$R$366,ROW(INDEX(Jesper!AH$2:AH$366,ROUNDDOWN($C5557/24,0)+1,1))-1)+IF('Standard Profiles'!$G$18=$B$10,7,0)+IF('Standard Profiles'!$G$18=$B$17,14,0)+IF('Standard Profiles'!$G$18=$B$24,21,0),0)),0)</f>
        <v>0</v>
      </c>
      <c r="E5557" cm="1">
        <f t="array" ref="E5557">IFERROR(INDEX(Jesper!AI$2:AI$366,ROUNDDOWN($C5557/24,0)+1,1)*INDEX($D$3:$AA$30,INDEX(Jesper!$R$2:$R$366,ROW(INDEX(Jesper!AI$2:AI$366,ROUNDDOWN($C5557/24,0)+1,1))-1)+IF('Standard Profiles'!$G$19=$B$10,7,0)+IF('Standard Profiles'!$G$19=$B$17,14,0)+IF('Standard Profiles'!$G$19=$B$24,21,0),MOD($C5557,24)+1)/SUM(INDEX($D$3:$AA$30,INDEX(Jesper!$R$2:$R$366,ROW(INDEX(Jesper!AI$2:AI$366,ROUNDDOWN($C5557/24,0)+1,1))-1)+IF('Standard Profiles'!$G$19=$B$10,7,0)+IF('Standard Profiles'!$G$19=$B$17,14,0)+IF('Standard Profiles'!$G$19=$B$24,21,0),0)),0)</f>
        <v>2.6701539051528633</v>
      </c>
      <c r="F5557" cm="1">
        <f t="array" ref="F5557">IFERROR(INDEX(Jesper!AJ$2:AJ$366,ROUNDDOWN($C5557/24,0)+1,1)*INDEX($D$3:$AA$30,INDEX(Jesper!$R$2:$R$366,ROW(INDEX(Jesper!AJ$2:AJ$366,ROUNDDOWN($C5557/24,0)+1,1))-1)+IF('Standard Profiles'!$G$20=$B$10,7,0)+IF('Standard Profiles'!$G$20=$B$17,14,0)+IF('Standard Profiles'!$G$20=$B$24,21,0),MOD($C5557,24)+1)/SUM(INDEX($D$3:$AA$30,INDEX(Jesper!$R$2:$R$366,ROW(INDEX(Jesper!AJ$2:AJ$366,ROUNDDOWN($C5557/24,0)+1,1))-1)+IF('Standard Profiles'!$G$20=$B$10,7,0)+IF('Standard Profiles'!$G$20=$B$17,14,0)+IF('Standard Profiles'!$G$20=$B$24,21,0),0)),0)</f>
        <v>0.85263319735431398</v>
      </c>
      <c r="G5557" cm="1">
        <f t="array" ref="G5557">IFERROR(INDEX(Jesper!AK$2:AK$366,ROUNDDOWN($C5557/24,0)+1,1)*INDEX($D$3:$AA$30,INDEX(Jesper!$R$2:$R$366,ROW(INDEX(Jesper!AK$2:AK$366,ROUNDDOWN($C5557/24,0)+1,1))-1)+IF('Standard Profiles'!$G$21=$B$10,7,0)+IF('Standard Profiles'!$G$21=$B$17,14,0)+IF('Standard Profiles'!$G$21=$B$24,21,0),MOD($C5557,24)+1)/SUM(INDEX($D$3:$AA$30,INDEX(Jesper!$R$2:$R$366,ROW(INDEX(Jesper!AK$2:AK$366,ROUNDDOWN($C5557/24,0)+1,1))-1)+IF('Standard Profiles'!$G$21=$B$10,7,0)+IF('Standard Profiles'!$G$21=$B$17,14,0)+IF('Standard Profiles'!$G$21=$B$24,21,0),0)),0)</f>
        <v>0.28017242593782005</v>
      </c>
      <c r="H5557" cm="1">
        <f t="array" ref="H5557">IFERROR(INDEX(Jesper!AL$2:AL$366,ROUNDDOWN($C5557/24,0)+1,1)*INDEX($D$3:$AA$30,INDEX(Jesper!$R$2:$R$366,ROW(INDEX(Jesper!AL$2:AL$366,ROUNDDOWN($C5557/24,0)+1,1))-1)+IF('Standard Profiles'!$G$22=$B$10,7,0)+IF('Standard Profiles'!$G$22=$B$17,14,0)+IF('Standard Profiles'!$G$22=$B$24,21,0),MOD($C5557,24)+1)/SUM(INDEX($D$3:$AA$30,INDEX(Jesper!$R$2:$R$366,ROW(INDEX(Jesper!AL$2:AL$366,ROUNDDOWN($C5557/24,0)+1,1))-1)+IF('Standard Profiles'!$G$22=$B$10,7,0)+IF('Standard Profiles'!$G$22=$B$17,14,0)+IF('Standard Profiles'!$G$22=$B$24,21,0),0)),0)</f>
        <v>0</v>
      </c>
      <c r="I5557">
        <f t="shared" si="622"/>
        <v>0</v>
      </c>
      <c r="J5557">
        <f t="shared" si="623"/>
        <v>3.4825410598266537</v>
      </c>
      <c r="K5557">
        <f t="shared" si="624"/>
        <v>0.21361231241222908</v>
      </c>
      <c r="L5557">
        <f t="shared" si="625"/>
        <v>0.10680615620611454</v>
      </c>
      <c r="M5557">
        <f t="shared" si="626"/>
        <v>0</v>
      </c>
      <c r="N5557" s="45">
        <f t="shared" si="627"/>
        <v>45157.124999986605</v>
      </c>
    </row>
    <row r="5558" spans="2:14" x14ac:dyDescent="0.25">
      <c r="B5558">
        <f t="shared" si="621"/>
        <v>6</v>
      </c>
      <c r="C5558" s="16">
        <v>5524</v>
      </c>
      <c r="D5558" cm="1">
        <f t="array" ref="D5558">IFERROR(INDEX(Jesper!AH$2:AH$366,ROUNDDOWN($C5558/24,0)+1,1)*INDEX($D$3:$AA$30,INDEX(Jesper!$R$2:$R$366,ROW(INDEX(Jesper!AH$2:AH$366,ROUNDDOWN($C5558/24,0)+1,1))-1)+IF('Standard Profiles'!$G$18=$B$10,7,0)+IF('Standard Profiles'!$G$18=$B$17,14,0)+IF('Standard Profiles'!$G$18=$B$24,21,0),MOD($C5558,24)+1)/SUM(INDEX($D$3:$AA$30,INDEX(Jesper!$R$2:$R$366,ROW(INDEX(Jesper!AH$2:AH$366,ROUNDDOWN($C5558/24,0)+1,1))-1)+IF('Standard Profiles'!$G$18=$B$10,7,0)+IF('Standard Profiles'!$G$18=$B$17,14,0)+IF('Standard Profiles'!$G$18=$B$24,21,0),0)),0)</f>
        <v>0</v>
      </c>
      <c r="E5558" cm="1">
        <f t="array" ref="E5558">IFERROR(INDEX(Jesper!AI$2:AI$366,ROUNDDOWN($C5558/24,0)+1,1)*INDEX($D$3:$AA$30,INDEX(Jesper!$R$2:$R$366,ROW(INDEX(Jesper!AI$2:AI$366,ROUNDDOWN($C5558/24,0)+1,1))-1)+IF('Standard Profiles'!$G$19=$B$10,7,0)+IF('Standard Profiles'!$G$19=$B$17,14,0)+IF('Standard Profiles'!$G$19=$B$24,21,0),MOD($C5558,24)+1)/SUM(INDEX($D$3:$AA$30,INDEX(Jesper!$R$2:$R$366,ROW(INDEX(Jesper!AI$2:AI$366,ROUNDDOWN($C5558/24,0)+1,1))-1)+IF('Standard Profiles'!$G$19=$B$10,7,0)+IF('Standard Profiles'!$G$19=$B$17,14,0)+IF('Standard Profiles'!$G$19=$B$24,21,0),0)),0)</f>
        <v>2.6701539051528633</v>
      </c>
      <c r="F5558" cm="1">
        <f t="array" ref="F5558">IFERROR(INDEX(Jesper!AJ$2:AJ$366,ROUNDDOWN($C5558/24,0)+1,1)*INDEX($D$3:$AA$30,INDEX(Jesper!$R$2:$R$366,ROW(INDEX(Jesper!AJ$2:AJ$366,ROUNDDOWN($C5558/24,0)+1,1))-1)+IF('Standard Profiles'!$G$20=$B$10,7,0)+IF('Standard Profiles'!$G$20=$B$17,14,0)+IF('Standard Profiles'!$G$20=$B$24,21,0),MOD($C5558,24)+1)/SUM(INDEX($D$3:$AA$30,INDEX(Jesper!$R$2:$R$366,ROW(INDEX(Jesper!AJ$2:AJ$366,ROUNDDOWN($C5558/24,0)+1,1))-1)+IF('Standard Profiles'!$G$20=$B$10,7,0)+IF('Standard Profiles'!$G$20=$B$17,14,0)+IF('Standard Profiles'!$G$20=$B$24,21,0),0)),0)</f>
        <v>0.85263319735431398</v>
      </c>
      <c r="G5558" cm="1">
        <f t="array" ref="G5558">IFERROR(INDEX(Jesper!AK$2:AK$366,ROUNDDOWN($C5558/24,0)+1,1)*INDEX($D$3:$AA$30,INDEX(Jesper!$R$2:$R$366,ROW(INDEX(Jesper!AK$2:AK$366,ROUNDDOWN($C5558/24,0)+1,1))-1)+IF('Standard Profiles'!$G$21=$B$10,7,0)+IF('Standard Profiles'!$G$21=$B$17,14,0)+IF('Standard Profiles'!$G$21=$B$24,21,0),MOD($C5558,24)+1)/SUM(INDEX($D$3:$AA$30,INDEX(Jesper!$R$2:$R$366,ROW(INDEX(Jesper!AK$2:AK$366,ROUNDDOWN($C5558/24,0)+1,1))-1)+IF('Standard Profiles'!$G$21=$B$10,7,0)+IF('Standard Profiles'!$G$21=$B$17,14,0)+IF('Standard Profiles'!$G$21=$B$24,21,0),0)),0)</f>
        <v>0.28017242593782005</v>
      </c>
      <c r="H5558" cm="1">
        <f t="array" ref="H5558">IFERROR(INDEX(Jesper!AL$2:AL$366,ROUNDDOWN($C5558/24,0)+1,1)*INDEX($D$3:$AA$30,INDEX(Jesper!$R$2:$R$366,ROW(INDEX(Jesper!AL$2:AL$366,ROUNDDOWN($C5558/24,0)+1,1))-1)+IF('Standard Profiles'!$G$22=$B$10,7,0)+IF('Standard Profiles'!$G$22=$B$17,14,0)+IF('Standard Profiles'!$G$22=$B$24,21,0),MOD($C5558,24)+1)/SUM(INDEX($D$3:$AA$30,INDEX(Jesper!$R$2:$R$366,ROW(INDEX(Jesper!AL$2:AL$366,ROUNDDOWN($C5558/24,0)+1,1))-1)+IF('Standard Profiles'!$G$22=$B$10,7,0)+IF('Standard Profiles'!$G$22=$B$17,14,0)+IF('Standard Profiles'!$G$22=$B$24,21,0),0)),0)</f>
        <v>0</v>
      </c>
      <c r="I5558">
        <f t="shared" si="622"/>
        <v>0</v>
      </c>
      <c r="J5558">
        <f t="shared" si="623"/>
        <v>3.4825410598266537</v>
      </c>
      <c r="K5558">
        <f t="shared" si="624"/>
        <v>0.21361231241222908</v>
      </c>
      <c r="L5558">
        <f t="shared" si="625"/>
        <v>0.10680615620611454</v>
      </c>
      <c r="M5558">
        <f t="shared" si="626"/>
        <v>0</v>
      </c>
      <c r="N5558" s="45">
        <f t="shared" si="627"/>
        <v>45157.166666653269</v>
      </c>
    </row>
    <row r="5559" spans="2:14" x14ac:dyDescent="0.25">
      <c r="B5559">
        <f t="shared" si="621"/>
        <v>6</v>
      </c>
      <c r="C5559" s="16">
        <v>5525</v>
      </c>
      <c r="D5559" cm="1">
        <f t="array" ref="D5559">IFERROR(INDEX(Jesper!AH$2:AH$366,ROUNDDOWN($C5559/24,0)+1,1)*INDEX($D$3:$AA$30,INDEX(Jesper!$R$2:$R$366,ROW(INDEX(Jesper!AH$2:AH$366,ROUNDDOWN($C5559/24,0)+1,1))-1)+IF('Standard Profiles'!$G$18=$B$10,7,0)+IF('Standard Profiles'!$G$18=$B$17,14,0)+IF('Standard Profiles'!$G$18=$B$24,21,0),MOD($C5559,24)+1)/SUM(INDEX($D$3:$AA$30,INDEX(Jesper!$R$2:$R$366,ROW(INDEX(Jesper!AH$2:AH$366,ROUNDDOWN($C5559/24,0)+1,1))-1)+IF('Standard Profiles'!$G$18=$B$10,7,0)+IF('Standard Profiles'!$G$18=$B$17,14,0)+IF('Standard Profiles'!$G$18=$B$24,21,0),0)),0)</f>
        <v>0</v>
      </c>
      <c r="E5559" cm="1">
        <f t="array" ref="E5559">IFERROR(INDEX(Jesper!AI$2:AI$366,ROUNDDOWN($C5559/24,0)+1,1)*INDEX($D$3:$AA$30,INDEX(Jesper!$R$2:$R$366,ROW(INDEX(Jesper!AI$2:AI$366,ROUNDDOWN($C5559/24,0)+1,1))-1)+IF('Standard Profiles'!$G$19=$B$10,7,0)+IF('Standard Profiles'!$G$19=$B$17,14,0)+IF('Standard Profiles'!$G$19=$B$24,21,0),MOD($C5559,24)+1)/SUM(INDEX($D$3:$AA$30,INDEX(Jesper!$R$2:$R$366,ROW(INDEX(Jesper!AI$2:AI$366,ROUNDDOWN($C5559/24,0)+1,1))-1)+IF('Standard Profiles'!$G$19=$B$10,7,0)+IF('Standard Profiles'!$G$19=$B$17,14,0)+IF('Standard Profiles'!$G$19=$B$24,21,0),0)),0)</f>
        <v>2.6701539051528633</v>
      </c>
      <c r="F5559" cm="1">
        <f t="array" ref="F5559">IFERROR(INDEX(Jesper!AJ$2:AJ$366,ROUNDDOWN($C5559/24,0)+1,1)*INDEX($D$3:$AA$30,INDEX(Jesper!$R$2:$R$366,ROW(INDEX(Jesper!AJ$2:AJ$366,ROUNDDOWN($C5559/24,0)+1,1))-1)+IF('Standard Profiles'!$G$20=$B$10,7,0)+IF('Standard Profiles'!$G$20=$B$17,14,0)+IF('Standard Profiles'!$G$20=$B$24,21,0),MOD($C5559,24)+1)/SUM(INDEX($D$3:$AA$30,INDEX(Jesper!$R$2:$R$366,ROW(INDEX(Jesper!AJ$2:AJ$366,ROUNDDOWN($C5559/24,0)+1,1))-1)+IF('Standard Profiles'!$G$20=$B$10,7,0)+IF('Standard Profiles'!$G$20=$B$17,14,0)+IF('Standard Profiles'!$G$20=$B$24,21,0),0)),0)</f>
        <v>0.85263319735431398</v>
      </c>
      <c r="G5559" cm="1">
        <f t="array" ref="G5559">IFERROR(INDEX(Jesper!AK$2:AK$366,ROUNDDOWN($C5559/24,0)+1,1)*INDEX($D$3:$AA$30,INDEX(Jesper!$R$2:$R$366,ROW(INDEX(Jesper!AK$2:AK$366,ROUNDDOWN($C5559/24,0)+1,1))-1)+IF('Standard Profiles'!$G$21=$B$10,7,0)+IF('Standard Profiles'!$G$21=$B$17,14,0)+IF('Standard Profiles'!$G$21=$B$24,21,0),MOD($C5559,24)+1)/SUM(INDEX($D$3:$AA$30,INDEX(Jesper!$R$2:$R$366,ROW(INDEX(Jesper!AK$2:AK$366,ROUNDDOWN($C5559/24,0)+1,1))-1)+IF('Standard Profiles'!$G$21=$B$10,7,0)+IF('Standard Profiles'!$G$21=$B$17,14,0)+IF('Standard Profiles'!$G$21=$B$24,21,0),0)),0)</f>
        <v>0.28017242593782005</v>
      </c>
      <c r="H5559" cm="1">
        <f t="array" ref="H5559">IFERROR(INDEX(Jesper!AL$2:AL$366,ROUNDDOWN($C5559/24,0)+1,1)*INDEX($D$3:$AA$30,INDEX(Jesper!$R$2:$R$366,ROW(INDEX(Jesper!AL$2:AL$366,ROUNDDOWN($C5559/24,0)+1,1))-1)+IF('Standard Profiles'!$G$22=$B$10,7,0)+IF('Standard Profiles'!$G$22=$B$17,14,0)+IF('Standard Profiles'!$G$22=$B$24,21,0),MOD($C5559,24)+1)/SUM(INDEX($D$3:$AA$30,INDEX(Jesper!$R$2:$R$366,ROW(INDEX(Jesper!AL$2:AL$366,ROUNDDOWN($C5559/24,0)+1,1))-1)+IF('Standard Profiles'!$G$22=$B$10,7,0)+IF('Standard Profiles'!$G$22=$B$17,14,0)+IF('Standard Profiles'!$G$22=$B$24,21,0),0)),0)</f>
        <v>0</v>
      </c>
      <c r="I5559">
        <f t="shared" si="622"/>
        <v>0</v>
      </c>
      <c r="J5559">
        <f t="shared" si="623"/>
        <v>3.4825410598266537</v>
      </c>
      <c r="K5559">
        <f t="shared" si="624"/>
        <v>0.21361231241222908</v>
      </c>
      <c r="L5559">
        <f t="shared" si="625"/>
        <v>0.10680615620611454</v>
      </c>
      <c r="M5559">
        <f t="shared" si="626"/>
        <v>0</v>
      </c>
      <c r="N5559" s="45">
        <f t="shared" si="627"/>
        <v>45157.208333319933</v>
      </c>
    </row>
    <row r="5560" spans="2:14" x14ac:dyDescent="0.25">
      <c r="B5560">
        <f t="shared" si="621"/>
        <v>6</v>
      </c>
      <c r="C5560" s="16">
        <v>5526</v>
      </c>
      <c r="D5560" cm="1">
        <f t="array" ref="D5560">IFERROR(INDEX(Jesper!AH$2:AH$366,ROUNDDOWN($C5560/24,0)+1,1)*INDEX($D$3:$AA$30,INDEX(Jesper!$R$2:$R$366,ROW(INDEX(Jesper!AH$2:AH$366,ROUNDDOWN($C5560/24,0)+1,1))-1)+IF('Standard Profiles'!$G$18=$B$10,7,0)+IF('Standard Profiles'!$G$18=$B$17,14,0)+IF('Standard Profiles'!$G$18=$B$24,21,0),MOD($C5560,24)+1)/SUM(INDEX($D$3:$AA$30,INDEX(Jesper!$R$2:$R$366,ROW(INDEX(Jesper!AH$2:AH$366,ROUNDDOWN($C5560/24,0)+1,1))-1)+IF('Standard Profiles'!$G$18=$B$10,7,0)+IF('Standard Profiles'!$G$18=$B$17,14,0)+IF('Standard Profiles'!$G$18=$B$24,21,0),0)),0)</f>
        <v>0</v>
      </c>
      <c r="E5560" cm="1">
        <f t="array" ref="E5560">IFERROR(INDEX(Jesper!AI$2:AI$366,ROUNDDOWN($C5560/24,0)+1,1)*INDEX($D$3:$AA$30,INDEX(Jesper!$R$2:$R$366,ROW(INDEX(Jesper!AI$2:AI$366,ROUNDDOWN($C5560/24,0)+1,1))-1)+IF('Standard Profiles'!$G$19=$B$10,7,0)+IF('Standard Profiles'!$G$19=$B$17,14,0)+IF('Standard Profiles'!$G$19=$B$24,21,0),MOD($C5560,24)+1)/SUM(INDEX($D$3:$AA$30,INDEX(Jesper!$R$2:$R$366,ROW(INDEX(Jesper!AI$2:AI$366,ROUNDDOWN($C5560/24,0)+1,1))-1)+IF('Standard Profiles'!$G$19=$B$10,7,0)+IF('Standard Profiles'!$G$19=$B$17,14,0)+IF('Standard Profiles'!$G$19=$B$24,21,0),0)),0)</f>
        <v>2.6701539051528633</v>
      </c>
      <c r="F5560" cm="1">
        <f t="array" ref="F5560">IFERROR(INDEX(Jesper!AJ$2:AJ$366,ROUNDDOWN($C5560/24,0)+1,1)*INDEX($D$3:$AA$30,INDEX(Jesper!$R$2:$R$366,ROW(INDEX(Jesper!AJ$2:AJ$366,ROUNDDOWN($C5560/24,0)+1,1))-1)+IF('Standard Profiles'!$G$20=$B$10,7,0)+IF('Standard Profiles'!$G$20=$B$17,14,0)+IF('Standard Profiles'!$G$20=$B$24,21,0),MOD($C5560,24)+1)/SUM(INDEX($D$3:$AA$30,INDEX(Jesper!$R$2:$R$366,ROW(INDEX(Jesper!AJ$2:AJ$366,ROUNDDOWN($C5560/24,0)+1,1))-1)+IF('Standard Profiles'!$G$20=$B$10,7,0)+IF('Standard Profiles'!$G$20=$B$17,14,0)+IF('Standard Profiles'!$G$20=$B$24,21,0),0)),0)</f>
        <v>0.85263319735431398</v>
      </c>
      <c r="G5560" cm="1">
        <f t="array" ref="G5560">IFERROR(INDEX(Jesper!AK$2:AK$366,ROUNDDOWN($C5560/24,0)+1,1)*INDEX($D$3:$AA$30,INDEX(Jesper!$R$2:$R$366,ROW(INDEX(Jesper!AK$2:AK$366,ROUNDDOWN($C5560/24,0)+1,1))-1)+IF('Standard Profiles'!$G$21=$B$10,7,0)+IF('Standard Profiles'!$G$21=$B$17,14,0)+IF('Standard Profiles'!$G$21=$B$24,21,0),MOD($C5560,24)+1)/SUM(INDEX($D$3:$AA$30,INDEX(Jesper!$R$2:$R$366,ROW(INDEX(Jesper!AK$2:AK$366,ROUNDDOWN($C5560/24,0)+1,1))-1)+IF('Standard Profiles'!$G$21=$B$10,7,0)+IF('Standard Profiles'!$G$21=$B$17,14,0)+IF('Standard Profiles'!$G$21=$B$24,21,0),0)),0)</f>
        <v>0.28017242593782005</v>
      </c>
      <c r="H5560" cm="1">
        <f t="array" ref="H5560">IFERROR(INDEX(Jesper!AL$2:AL$366,ROUNDDOWN($C5560/24,0)+1,1)*INDEX($D$3:$AA$30,INDEX(Jesper!$R$2:$R$366,ROW(INDEX(Jesper!AL$2:AL$366,ROUNDDOWN($C5560/24,0)+1,1))-1)+IF('Standard Profiles'!$G$22=$B$10,7,0)+IF('Standard Profiles'!$G$22=$B$17,14,0)+IF('Standard Profiles'!$G$22=$B$24,21,0),MOD($C5560,24)+1)/SUM(INDEX($D$3:$AA$30,INDEX(Jesper!$R$2:$R$366,ROW(INDEX(Jesper!AL$2:AL$366,ROUNDDOWN($C5560/24,0)+1,1))-1)+IF('Standard Profiles'!$G$22=$B$10,7,0)+IF('Standard Profiles'!$G$22=$B$17,14,0)+IF('Standard Profiles'!$G$22=$B$24,21,0),0)),0)</f>
        <v>0</v>
      </c>
      <c r="I5560">
        <f t="shared" si="622"/>
        <v>0</v>
      </c>
      <c r="J5560">
        <f t="shared" si="623"/>
        <v>3.4825410598266537</v>
      </c>
      <c r="K5560">
        <f t="shared" si="624"/>
        <v>0.21361231241222908</v>
      </c>
      <c r="L5560">
        <f t="shared" si="625"/>
        <v>0.10680615620611454</v>
      </c>
      <c r="M5560">
        <f t="shared" si="626"/>
        <v>0</v>
      </c>
      <c r="N5560" s="45">
        <f t="shared" si="627"/>
        <v>45157.249999986598</v>
      </c>
    </row>
    <row r="5561" spans="2:14" x14ac:dyDescent="0.25">
      <c r="B5561">
        <f t="shared" si="621"/>
        <v>6</v>
      </c>
      <c r="C5561" s="16">
        <v>5527</v>
      </c>
      <c r="D5561" cm="1">
        <f t="array" ref="D5561">IFERROR(INDEX(Jesper!AH$2:AH$366,ROUNDDOWN($C5561/24,0)+1,1)*INDEX($D$3:$AA$30,INDEX(Jesper!$R$2:$R$366,ROW(INDEX(Jesper!AH$2:AH$366,ROUNDDOWN($C5561/24,0)+1,1))-1)+IF('Standard Profiles'!$G$18=$B$10,7,0)+IF('Standard Profiles'!$G$18=$B$17,14,0)+IF('Standard Profiles'!$G$18=$B$24,21,0),MOD($C5561,24)+1)/SUM(INDEX($D$3:$AA$30,INDEX(Jesper!$R$2:$R$366,ROW(INDEX(Jesper!AH$2:AH$366,ROUNDDOWN($C5561/24,0)+1,1))-1)+IF('Standard Profiles'!$G$18=$B$10,7,0)+IF('Standard Profiles'!$G$18=$B$17,14,0)+IF('Standard Profiles'!$G$18=$B$24,21,0),0)),0)</f>
        <v>0</v>
      </c>
      <c r="E5561" cm="1">
        <f t="array" ref="E5561">IFERROR(INDEX(Jesper!AI$2:AI$366,ROUNDDOWN($C5561/24,0)+1,1)*INDEX($D$3:$AA$30,INDEX(Jesper!$R$2:$R$366,ROW(INDEX(Jesper!AI$2:AI$366,ROUNDDOWN($C5561/24,0)+1,1))-1)+IF('Standard Profiles'!$G$19=$B$10,7,0)+IF('Standard Profiles'!$G$19=$B$17,14,0)+IF('Standard Profiles'!$G$19=$B$24,21,0),MOD($C5561,24)+1)/SUM(INDEX($D$3:$AA$30,INDEX(Jesper!$R$2:$R$366,ROW(INDEX(Jesper!AI$2:AI$366,ROUNDDOWN($C5561/24,0)+1,1))-1)+IF('Standard Profiles'!$G$19=$B$10,7,0)+IF('Standard Profiles'!$G$19=$B$17,14,0)+IF('Standard Profiles'!$G$19=$B$24,21,0),0)),0)</f>
        <v>2.6701539051528633</v>
      </c>
      <c r="F5561" cm="1">
        <f t="array" ref="F5561">IFERROR(INDEX(Jesper!AJ$2:AJ$366,ROUNDDOWN($C5561/24,0)+1,1)*INDEX($D$3:$AA$30,INDEX(Jesper!$R$2:$R$366,ROW(INDEX(Jesper!AJ$2:AJ$366,ROUNDDOWN($C5561/24,0)+1,1))-1)+IF('Standard Profiles'!$G$20=$B$10,7,0)+IF('Standard Profiles'!$G$20=$B$17,14,0)+IF('Standard Profiles'!$G$20=$B$24,21,0),MOD($C5561,24)+1)/SUM(INDEX($D$3:$AA$30,INDEX(Jesper!$R$2:$R$366,ROW(INDEX(Jesper!AJ$2:AJ$366,ROUNDDOWN($C5561/24,0)+1,1))-1)+IF('Standard Profiles'!$G$20=$B$10,7,0)+IF('Standard Profiles'!$G$20=$B$17,14,0)+IF('Standard Profiles'!$G$20=$B$24,21,0),0)),0)</f>
        <v>0.85263319735431398</v>
      </c>
      <c r="G5561" cm="1">
        <f t="array" ref="G5561">IFERROR(INDEX(Jesper!AK$2:AK$366,ROUNDDOWN($C5561/24,0)+1,1)*INDEX($D$3:$AA$30,INDEX(Jesper!$R$2:$R$366,ROW(INDEX(Jesper!AK$2:AK$366,ROUNDDOWN($C5561/24,0)+1,1))-1)+IF('Standard Profiles'!$G$21=$B$10,7,0)+IF('Standard Profiles'!$G$21=$B$17,14,0)+IF('Standard Profiles'!$G$21=$B$24,21,0),MOD($C5561,24)+1)/SUM(INDEX($D$3:$AA$30,INDEX(Jesper!$R$2:$R$366,ROW(INDEX(Jesper!AK$2:AK$366,ROUNDDOWN($C5561/24,0)+1,1))-1)+IF('Standard Profiles'!$G$21=$B$10,7,0)+IF('Standard Profiles'!$G$21=$B$17,14,0)+IF('Standard Profiles'!$G$21=$B$24,21,0),0)),0)</f>
        <v>0.28017242593782005</v>
      </c>
      <c r="H5561" cm="1">
        <f t="array" ref="H5561">IFERROR(INDEX(Jesper!AL$2:AL$366,ROUNDDOWN($C5561/24,0)+1,1)*INDEX($D$3:$AA$30,INDEX(Jesper!$R$2:$R$366,ROW(INDEX(Jesper!AL$2:AL$366,ROUNDDOWN($C5561/24,0)+1,1))-1)+IF('Standard Profiles'!$G$22=$B$10,7,0)+IF('Standard Profiles'!$G$22=$B$17,14,0)+IF('Standard Profiles'!$G$22=$B$24,21,0),MOD($C5561,24)+1)/SUM(INDEX($D$3:$AA$30,INDEX(Jesper!$R$2:$R$366,ROW(INDEX(Jesper!AL$2:AL$366,ROUNDDOWN($C5561/24,0)+1,1))-1)+IF('Standard Profiles'!$G$22=$B$10,7,0)+IF('Standard Profiles'!$G$22=$B$17,14,0)+IF('Standard Profiles'!$G$22=$B$24,21,0),0)),0)</f>
        <v>0</v>
      </c>
      <c r="I5561">
        <f t="shared" si="622"/>
        <v>0</v>
      </c>
      <c r="J5561">
        <f t="shared" si="623"/>
        <v>3.4825410598266537</v>
      </c>
      <c r="K5561">
        <f t="shared" si="624"/>
        <v>0.21361231241222908</v>
      </c>
      <c r="L5561">
        <f t="shared" si="625"/>
        <v>0.10680615620611454</v>
      </c>
      <c r="M5561">
        <f t="shared" si="626"/>
        <v>0</v>
      </c>
      <c r="N5561" s="45">
        <f t="shared" si="627"/>
        <v>45157.291666653262</v>
      </c>
    </row>
    <row r="5562" spans="2:14" x14ac:dyDescent="0.25">
      <c r="B5562">
        <f t="shared" si="621"/>
        <v>6</v>
      </c>
      <c r="C5562" s="16">
        <v>5528</v>
      </c>
      <c r="D5562" cm="1">
        <f t="array" ref="D5562">IFERROR(INDEX(Jesper!AH$2:AH$366,ROUNDDOWN($C5562/24,0)+1,1)*INDEX($D$3:$AA$30,INDEX(Jesper!$R$2:$R$366,ROW(INDEX(Jesper!AH$2:AH$366,ROUNDDOWN($C5562/24,0)+1,1))-1)+IF('Standard Profiles'!$G$18=$B$10,7,0)+IF('Standard Profiles'!$G$18=$B$17,14,0)+IF('Standard Profiles'!$G$18=$B$24,21,0),MOD($C5562,24)+1)/SUM(INDEX($D$3:$AA$30,INDEX(Jesper!$R$2:$R$366,ROW(INDEX(Jesper!AH$2:AH$366,ROUNDDOWN($C5562/24,0)+1,1))-1)+IF('Standard Profiles'!$G$18=$B$10,7,0)+IF('Standard Profiles'!$G$18=$B$17,14,0)+IF('Standard Profiles'!$G$18=$B$24,21,0),0)),0)</f>
        <v>0</v>
      </c>
      <c r="E5562" cm="1">
        <f t="array" ref="E5562">IFERROR(INDEX(Jesper!AI$2:AI$366,ROUNDDOWN($C5562/24,0)+1,1)*INDEX($D$3:$AA$30,INDEX(Jesper!$R$2:$R$366,ROW(INDEX(Jesper!AI$2:AI$366,ROUNDDOWN($C5562/24,0)+1,1))-1)+IF('Standard Profiles'!$G$19=$B$10,7,0)+IF('Standard Profiles'!$G$19=$B$17,14,0)+IF('Standard Profiles'!$G$19=$B$24,21,0),MOD($C5562,24)+1)/SUM(INDEX($D$3:$AA$30,INDEX(Jesper!$R$2:$R$366,ROW(INDEX(Jesper!AI$2:AI$366,ROUNDDOWN($C5562/24,0)+1,1))-1)+IF('Standard Profiles'!$G$19=$B$10,7,0)+IF('Standard Profiles'!$G$19=$B$17,14,0)+IF('Standard Profiles'!$G$19=$B$24,21,0),0)),0)</f>
        <v>2.6701539051528633</v>
      </c>
      <c r="F5562" cm="1">
        <f t="array" ref="F5562">IFERROR(INDEX(Jesper!AJ$2:AJ$366,ROUNDDOWN($C5562/24,0)+1,1)*INDEX($D$3:$AA$30,INDEX(Jesper!$R$2:$R$366,ROW(INDEX(Jesper!AJ$2:AJ$366,ROUNDDOWN($C5562/24,0)+1,1))-1)+IF('Standard Profiles'!$G$20=$B$10,7,0)+IF('Standard Profiles'!$G$20=$B$17,14,0)+IF('Standard Profiles'!$G$20=$B$24,21,0),MOD($C5562,24)+1)/SUM(INDEX($D$3:$AA$30,INDEX(Jesper!$R$2:$R$366,ROW(INDEX(Jesper!AJ$2:AJ$366,ROUNDDOWN($C5562/24,0)+1,1))-1)+IF('Standard Profiles'!$G$20=$B$10,7,0)+IF('Standard Profiles'!$G$20=$B$17,14,0)+IF('Standard Profiles'!$G$20=$B$24,21,0),0)),0)</f>
        <v>0.85263319735431398</v>
      </c>
      <c r="G5562" cm="1">
        <f t="array" ref="G5562">IFERROR(INDEX(Jesper!AK$2:AK$366,ROUNDDOWN($C5562/24,0)+1,1)*INDEX($D$3:$AA$30,INDEX(Jesper!$R$2:$R$366,ROW(INDEX(Jesper!AK$2:AK$366,ROUNDDOWN($C5562/24,0)+1,1))-1)+IF('Standard Profiles'!$G$21=$B$10,7,0)+IF('Standard Profiles'!$G$21=$B$17,14,0)+IF('Standard Profiles'!$G$21=$B$24,21,0),MOD($C5562,24)+1)/SUM(INDEX($D$3:$AA$30,INDEX(Jesper!$R$2:$R$366,ROW(INDEX(Jesper!AK$2:AK$366,ROUNDDOWN($C5562/24,0)+1,1))-1)+IF('Standard Profiles'!$G$21=$B$10,7,0)+IF('Standard Profiles'!$G$21=$B$17,14,0)+IF('Standard Profiles'!$G$21=$B$24,21,0),0)),0)</f>
        <v>0.28017242593782005</v>
      </c>
      <c r="H5562" cm="1">
        <f t="array" ref="H5562">IFERROR(INDEX(Jesper!AL$2:AL$366,ROUNDDOWN($C5562/24,0)+1,1)*INDEX($D$3:$AA$30,INDEX(Jesper!$R$2:$R$366,ROW(INDEX(Jesper!AL$2:AL$366,ROUNDDOWN($C5562/24,0)+1,1))-1)+IF('Standard Profiles'!$G$22=$B$10,7,0)+IF('Standard Profiles'!$G$22=$B$17,14,0)+IF('Standard Profiles'!$G$22=$B$24,21,0),MOD($C5562,24)+1)/SUM(INDEX($D$3:$AA$30,INDEX(Jesper!$R$2:$R$366,ROW(INDEX(Jesper!AL$2:AL$366,ROUNDDOWN($C5562/24,0)+1,1))-1)+IF('Standard Profiles'!$G$22=$B$10,7,0)+IF('Standard Profiles'!$G$22=$B$17,14,0)+IF('Standard Profiles'!$G$22=$B$24,21,0),0)),0)</f>
        <v>0</v>
      </c>
      <c r="I5562">
        <f t="shared" si="622"/>
        <v>0</v>
      </c>
      <c r="J5562">
        <f t="shared" si="623"/>
        <v>3.4825410598266537</v>
      </c>
      <c r="K5562">
        <f t="shared" si="624"/>
        <v>0.21361231241222908</v>
      </c>
      <c r="L5562">
        <f t="shared" si="625"/>
        <v>0.10680615620611454</v>
      </c>
      <c r="M5562">
        <f t="shared" si="626"/>
        <v>0</v>
      </c>
      <c r="N5562" s="45">
        <f t="shared" si="627"/>
        <v>45157.333333319926</v>
      </c>
    </row>
    <row r="5563" spans="2:14" x14ac:dyDescent="0.25">
      <c r="B5563">
        <f t="shared" si="621"/>
        <v>6</v>
      </c>
      <c r="C5563" s="16">
        <v>5529</v>
      </c>
      <c r="D5563" cm="1">
        <f t="array" ref="D5563">IFERROR(INDEX(Jesper!AH$2:AH$366,ROUNDDOWN($C5563/24,0)+1,1)*INDEX($D$3:$AA$30,INDEX(Jesper!$R$2:$R$366,ROW(INDEX(Jesper!AH$2:AH$366,ROUNDDOWN($C5563/24,0)+1,1))-1)+IF('Standard Profiles'!$G$18=$B$10,7,0)+IF('Standard Profiles'!$G$18=$B$17,14,0)+IF('Standard Profiles'!$G$18=$B$24,21,0),MOD($C5563,24)+1)/SUM(INDEX($D$3:$AA$30,INDEX(Jesper!$R$2:$R$366,ROW(INDEX(Jesper!AH$2:AH$366,ROUNDDOWN($C5563/24,0)+1,1))-1)+IF('Standard Profiles'!$G$18=$B$10,7,0)+IF('Standard Profiles'!$G$18=$B$17,14,0)+IF('Standard Profiles'!$G$18=$B$24,21,0),0)),0)</f>
        <v>0</v>
      </c>
      <c r="E5563" cm="1">
        <f t="array" ref="E5563">IFERROR(INDEX(Jesper!AI$2:AI$366,ROUNDDOWN($C5563/24,0)+1,1)*INDEX($D$3:$AA$30,INDEX(Jesper!$R$2:$R$366,ROW(INDEX(Jesper!AI$2:AI$366,ROUNDDOWN($C5563/24,0)+1,1))-1)+IF('Standard Profiles'!$G$19=$B$10,7,0)+IF('Standard Profiles'!$G$19=$B$17,14,0)+IF('Standard Profiles'!$G$19=$B$24,21,0),MOD($C5563,24)+1)/SUM(INDEX($D$3:$AA$30,INDEX(Jesper!$R$2:$R$366,ROW(INDEX(Jesper!AI$2:AI$366,ROUNDDOWN($C5563/24,0)+1,1))-1)+IF('Standard Profiles'!$G$19=$B$10,7,0)+IF('Standard Profiles'!$G$19=$B$17,14,0)+IF('Standard Profiles'!$G$19=$B$24,21,0),0)),0)</f>
        <v>2.6701539051528633</v>
      </c>
      <c r="F5563" cm="1">
        <f t="array" ref="F5563">IFERROR(INDEX(Jesper!AJ$2:AJ$366,ROUNDDOWN($C5563/24,0)+1,1)*INDEX($D$3:$AA$30,INDEX(Jesper!$R$2:$R$366,ROW(INDEX(Jesper!AJ$2:AJ$366,ROUNDDOWN($C5563/24,0)+1,1))-1)+IF('Standard Profiles'!$G$20=$B$10,7,0)+IF('Standard Profiles'!$G$20=$B$17,14,0)+IF('Standard Profiles'!$G$20=$B$24,21,0),MOD($C5563,24)+1)/SUM(INDEX($D$3:$AA$30,INDEX(Jesper!$R$2:$R$366,ROW(INDEX(Jesper!AJ$2:AJ$366,ROUNDDOWN($C5563/24,0)+1,1))-1)+IF('Standard Profiles'!$G$20=$B$10,7,0)+IF('Standard Profiles'!$G$20=$B$17,14,0)+IF('Standard Profiles'!$G$20=$B$24,21,0),0)),0)</f>
        <v>0.85263319735431398</v>
      </c>
      <c r="G5563" cm="1">
        <f t="array" ref="G5563">IFERROR(INDEX(Jesper!AK$2:AK$366,ROUNDDOWN($C5563/24,0)+1,1)*INDEX($D$3:$AA$30,INDEX(Jesper!$R$2:$R$366,ROW(INDEX(Jesper!AK$2:AK$366,ROUNDDOWN($C5563/24,0)+1,1))-1)+IF('Standard Profiles'!$G$21=$B$10,7,0)+IF('Standard Profiles'!$G$21=$B$17,14,0)+IF('Standard Profiles'!$G$21=$B$24,21,0),MOD($C5563,24)+1)/SUM(INDEX($D$3:$AA$30,INDEX(Jesper!$R$2:$R$366,ROW(INDEX(Jesper!AK$2:AK$366,ROUNDDOWN($C5563/24,0)+1,1))-1)+IF('Standard Profiles'!$G$21=$B$10,7,0)+IF('Standard Profiles'!$G$21=$B$17,14,0)+IF('Standard Profiles'!$G$21=$B$24,21,0),0)),0)</f>
        <v>0.28017242593782005</v>
      </c>
      <c r="H5563" cm="1">
        <f t="array" ref="H5563">IFERROR(INDEX(Jesper!AL$2:AL$366,ROUNDDOWN($C5563/24,0)+1,1)*INDEX($D$3:$AA$30,INDEX(Jesper!$R$2:$R$366,ROW(INDEX(Jesper!AL$2:AL$366,ROUNDDOWN($C5563/24,0)+1,1))-1)+IF('Standard Profiles'!$G$22=$B$10,7,0)+IF('Standard Profiles'!$G$22=$B$17,14,0)+IF('Standard Profiles'!$G$22=$B$24,21,0),MOD($C5563,24)+1)/SUM(INDEX($D$3:$AA$30,INDEX(Jesper!$R$2:$R$366,ROW(INDEX(Jesper!AL$2:AL$366,ROUNDDOWN($C5563/24,0)+1,1))-1)+IF('Standard Profiles'!$G$22=$B$10,7,0)+IF('Standard Profiles'!$G$22=$B$17,14,0)+IF('Standard Profiles'!$G$22=$B$24,21,0),0)),0)</f>
        <v>0</v>
      </c>
      <c r="I5563">
        <f t="shared" si="622"/>
        <v>0</v>
      </c>
      <c r="J5563">
        <f t="shared" si="623"/>
        <v>3.4825410598266537</v>
      </c>
      <c r="K5563">
        <f t="shared" si="624"/>
        <v>0.21361231241222908</v>
      </c>
      <c r="L5563">
        <f t="shared" si="625"/>
        <v>0.10680615620611454</v>
      </c>
      <c r="M5563">
        <f t="shared" si="626"/>
        <v>0</v>
      </c>
      <c r="N5563" s="45">
        <f t="shared" si="627"/>
        <v>45157.37499998659</v>
      </c>
    </row>
    <row r="5564" spans="2:14" x14ac:dyDescent="0.25">
      <c r="B5564">
        <f t="shared" si="621"/>
        <v>6</v>
      </c>
      <c r="C5564" s="16">
        <v>5530</v>
      </c>
      <c r="D5564" cm="1">
        <f t="array" ref="D5564">IFERROR(INDEX(Jesper!AH$2:AH$366,ROUNDDOWN($C5564/24,0)+1,1)*INDEX($D$3:$AA$30,INDEX(Jesper!$R$2:$R$366,ROW(INDEX(Jesper!AH$2:AH$366,ROUNDDOWN($C5564/24,0)+1,1))-1)+IF('Standard Profiles'!$G$18=$B$10,7,0)+IF('Standard Profiles'!$G$18=$B$17,14,0)+IF('Standard Profiles'!$G$18=$B$24,21,0),MOD($C5564,24)+1)/SUM(INDEX($D$3:$AA$30,INDEX(Jesper!$R$2:$R$366,ROW(INDEX(Jesper!AH$2:AH$366,ROUNDDOWN($C5564/24,0)+1,1))-1)+IF('Standard Profiles'!$G$18=$B$10,7,0)+IF('Standard Profiles'!$G$18=$B$17,14,0)+IF('Standard Profiles'!$G$18=$B$24,21,0),0)),0)</f>
        <v>0</v>
      </c>
      <c r="E5564" cm="1">
        <f t="array" ref="E5564">IFERROR(INDEX(Jesper!AI$2:AI$366,ROUNDDOWN($C5564/24,0)+1,1)*INDEX($D$3:$AA$30,INDEX(Jesper!$R$2:$R$366,ROW(INDEX(Jesper!AI$2:AI$366,ROUNDDOWN($C5564/24,0)+1,1))-1)+IF('Standard Profiles'!$G$19=$B$10,7,0)+IF('Standard Profiles'!$G$19=$B$17,14,0)+IF('Standard Profiles'!$G$19=$B$24,21,0),MOD($C5564,24)+1)/SUM(INDEX($D$3:$AA$30,INDEX(Jesper!$R$2:$R$366,ROW(INDEX(Jesper!AI$2:AI$366,ROUNDDOWN($C5564/24,0)+1,1))-1)+IF('Standard Profiles'!$G$19=$B$10,7,0)+IF('Standard Profiles'!$G$19=$B$17,14,0)+IF('Standard Profiles'!$G$19=$B$24,21,0),0)),0)</f>
        <v>2.6701539051528633</v>
      </c>
      <c r="F5564" cm="1">
        <f t="array" ref="F5564">IFERROR(INDEX(Jesper!AJ$2:AJ$366,ROUNDDOWN($C5564/24,0)+1,1)*INDEX($D$3:$AA$30,INDEX(Jesper!$R$2:$R$366,ROW(INDEX(Jesper!AJ$2:AJ$366,ROUNDDOWN($C5564/24,0)+1,1))-1)+IF('Standard Profiles'!$G$20=$B$10,7,0)+IF('Standard Profiles'!$G$20=$B$17,14,0)+IF('Standard Profiles'!$G$20=$B$24,21,0),MOD($C5564,24)+1)/SUM(INDEX($D$3:$AA$30,INDEX(Jesper!$R$2:$R$366,ROW(INDEX(Jesper!AJ$2:AJ$366,ROUNDDOWN($C5564/24,0)+1,1))-1)+IF('Standard Profiles'!$G$20=$B$10,7,0)+IF('Standard Profiles'!$G$20=$B$17,14,0)+IF('Standard Profiles'!$G$20=$B$24,21,0),0)),0)</f>
        <v>0.85263319735431398</v>
      </c>
      <c r="G5564" cm="1">
        <f t="array" ref="G5564">IFERROR(INDEX(Jesper!AK$2:AK$366,ROUNDDOWN($C5564/24,0)+1,1)*INDEX($D$3:$AA$30,INDEX(Jesper!$R$2:$R$366,ROW(INDEX(Jesper!AK$2:AK$366,ROUNDDOWN($C5564/24,0)+1,1))-1)+IF('Standard Profiles'!$G$21=$B$10,7,0)+IF('Standard Profiles'!$G$21=$B$17,14,0)+IF('Standard Profiles'!$G$21=$B$24,21,0),MOD($C5564,24)+1)/SUM(INDEX($D$3:$AA$30,INDEX(Jesper!$R$2:$R$366,ROW(INDEX(Jesper!AK$2:AK$366,ROUNDDOWN($C5564/24,0)+1,1))-1)+IF('Standard Profiles'!$G$21=$B$10,7,0)+IF('Standard Profiles'!$G$21=$B$17,14,0)+IF('Standard Profiles'!$G$21=$B$24,21,0),0)),0)</f>
        <v>0.28017242593782005</v>
      </c>
      <c r="H5564" cm="1">
        <f t="array" ref="H5564">IFERROR(INDEX(Jesper!AL$2:AL$366,ROUNDDOWN($C5564/24,0)+1,1)*INDEX($D$3:$AA$30,INDEX(Jesper!$R$2:$R$366,ROW(INDEX(Jesper!AL$2:AL$366,ROUNDDOWN($C5564/24,0)+1,1))-1)+IF('Standard Profiles'!$G$22=$B$10,7,0)+IF('Standard Profiles'!$G$22=$B$17,14,0)+IF('Standard Profiles'!$G$22=$B$24,21,0),MOD($C5564,24)+1)/SUM(INDEX($D$3:$AA$30,INDEX(Jesper!$R$2:$R$366,ROW(INDEX(Jesper!AL$2:AL$366,ROUNDDOWN($C5564/24,0)+1,1))-1)+IF('Standard Profiles'!$G$22=$B$10,7,0)+IF('Standard Profiles'!$G$22=$B$17,14,0)+IF('Standard Profiles'!$G$22=$B$24,21,0),0)),0)</f>
        <v>0</v>
      </c>
      <c r="I5564">
        <f t="shared" si="622"/>
        <v>0</v>
      </c>
      <c r="J5564">
        <f t="shared" si="623"/>
        <v>3.4825410598266537</v>
      </c>
      <c r="K5564">
        <f t="shared" si="624"/>
        <v>0.21361231241222908</v>
      </c>
      <c r="L5564">
        <f t="shared" si="625"/>
        <v>0.10680615620611454</v>
      </c>
      <c r="M5564">
        <f t="shared" si="626"/>
        <v>0</v>
      </c>
      <c r="N5564" s="45">
        <f t="shared" si="627"/>
        <v>45157.416666653255</v>
      </c>
    </row>
    <row r="5565" spans="2:14" x14ac:dyDescent="0.25">
      <c r="B5565">
        <f t="shared" si="621"/>
        <v>6</v>
      </c>
      <c r="C5565" s="16">
        <v>5531</v>
      </c>
      <c r="D5565" cm="1">
        <f t="array" ref="D5565">IFERROR(INDEX(Jesper!AH$2:AH$366,ROUNDDOWN($C5565/24,0)+1,1)*INDEX($D$3:$AA$30,INDEX(Jesper!$R$2:$R$366,ROW(INDEX(Jesper!AH$2:AH$366,ROUNDDOWN($C5565/24,0)+1,1))-1)+IF('Standard Profiles'!$G$18=$B$10,7,0)+IF('Standard Profiles'!$G$18=$B$17,14,0)+IF('Standard Profiles'!$G$18=$B$24,21,0),MOD($C5565,24)+1)/SUM(INDEX($D$3:$AA$30,INDEX(Jesper!$R$2:$R$366,ROW(INDEX(Jesper!AH$2:AH$366,ROUNDDOWN($C5565/24,0)+1,1))-1)+IF('Standard Profiles'!$G$18=$B$10,7,0)+IF('Standard Profiles'!$G$18=$B$17,14,0)+IF('Standard Profiles'!$G$18=$B$24,21,0),0)),0)</f>
        <v>0</v>
      </c>
      <c r="E5565" cm="1">
        <f t="array" ref="E5565">IFERROR(INDEX(Jesper!AI$2:AI$366,ROUNDDOWN($C5565/24,0)+1,1)*INDEX($D$3:$AA$30,INDEX(Jesper!$R$2:$R$366,ROW(INDEX(Jesper!AI$2:AI$366,ROUNDDOWN($C5565/24,0)+1,1))-1)+IF('Standard Profiles'!$G$19=$B$10,7,0)+IF('Standard Profiles'!$G$19=$B$17,14,0)+IF('Standard Profiles'!$G$19=$B$24,21,0),MOD($C5565,24)+1)/SUM(INDEX($D$3:$AA$30,INDEX(Jesper!$R$2:$R$366,ROW(INDEX(Jesper!AI$2:AI$366,ROUNDDOWN($C5565/24,0)+1,1))-1)+IF('Standard Profiles'!$G$19=$B$10,7,0)+IF('Standard Profiles'!$G$19=$B$17,14,0)+IF('Standard Profiles'!$G$19=$B$24,21,0),0)),0)</f>
        <v>2.6701539051528633</v>
      </c>
      <c r="F5565" cm="1">
        <f t="array" ref="F5565">IFERROR(INDEX(Jesper!AJ$2:AJ$366,ROUNDDOWN($C5565/24,0)+1,1)*INDEX($D$3:$AA$30,INDEX(Jesper!$R$2:$R$366,ROW(INDEX(Jesper!AJ$2:AJ$366,ROUNDDOWN($C5565/24,0)+1,1))-1)+IF('Standard Profiles'!$G$20=$B$10,7,0)+IF('Standard Profiles'!$G$20=$B$17,14,0)+IF('Standard Profiles'!$G$20=$B$24,21,0),MOD($C5565,24)+1)/SUM(INDEX($D$3:$AA$30,INDEX(Jesper!$R$2:$R$366,ROW(INDEX(Jesper!AJ$2:AJ$366,ROUNDDOWN($C5565/24,0)+1,1))-1)+IF('Standard Profiles'!$G$20=$B$10,7,0)+IF('Standard Profiles'!$G$20=$B$17,14,0)+IF('Standard Profiles'!$G$20=$B$24,21,0),0)),0)</f>
        <v>0.85263319735431398</v>
      </c>
      <c r="G5565" cm="1">
        <f t="array" ref="G5565">IFERROR(INDEX(Jesper!AK$2:AK$366,ROUNDDOWN($C5565/24,0)+1,1)*INDEX($D$3:$AA$30,INDEX(Jesper!$R$2:$R$366,ROW(INDEX(Jesper!AK$2:AK$366,ROUNDDOWN($C5565/24,0)+1,1))-1)+IF('Standard Profiles'!$G$21=$B$10,7,0)+IF('Standard Profiles'!$G$21=$B$17,14,0)+IF('Standard Profiles'!$G$21=$B$24,21,0),MOD($C5565,24)+1)/SUM(INDEX($D$3:$AA$30,INDEX(Jesper!$R$2:$R$366,ROW(INDEX(Jesper!AK$2:AK$366,ROUNDDOWN($C5565/24,0)+1,1))-1)+IF('Standard Profiles'!$G$21=$B$10,7,0)+IF('Standard Profiles'!$G$21=$B$17,14,0)+IF('Standard Profiles'!$G$21=$B$24,21,0),0)),0)</f>
        <v>0.28017242593782005</v>
      </c>
      <c r="H5565" cm="1">
        <f t="array" ref="H5565">IFERROR(INDEX(Jesper!AL$2:AL$366,ROUNDDOWN($C5565/24,0)+1,1)*INDEX($D$3:$AA$30,INDEX(Jesper!$R$2:$R$366,ROW(INDEX(Jesper!AL$2:AL$366,ROUNDDOWN($C5565/24,0)+1,1))-1)+IF('Standard Profiles'!$G$22=$B$10,7,0)+IF('Standard Profiles'!$G$22=$B$17,14,0)+IF('Standard Profiles'!$G$22=$B$24,21,0),MOD($C5565,24)+1)/SUM(INDEX($D$3:$AA$30,INDEX(Jesper!$R$2:$R$366,ROW(INDEX(Jesper!AL$2:AL$366,ROUNDDOWN($C5565/24,0)+1,1))-1)+IF('Standard Profiles'!$G$22=$B$10,7,0)+IF('Standard Profiles'!$G$22=$B$17,14,0)+IF('Standard Profiles'!$G$22=$B$24,21,0),0)),0)</f>
        <v>0</v>
      </c>
      <c r="I5565">
        <f t="shared" si="622"/>
        <v>0</v>
      </c>
      <c r="J5565">
        <f t="shared" si="623"/>
        <v>3.4825410598266537</v>
      </c>
      <c r="K5565">
        <f t="shared" si="624"/>
        <v>0.21361231241222908</v>
      </c>
      <c r="L5565">
        <f t="shared" si="625"/>
        <v>0.10680615620611454</v>
      </c>
      <c r="M5565">
        <f t="shared" si="626"/>
        <v>0</v>
      </c>
      <c r="N5565" s="45">
        <f t="shared" si="627"/>
        <v>45157.458333319919</v>
      </c>
    </row>
    <row r="5566" spans="2:14" x14ac:dyDescent="0.25">
      <c r="B5566">
        <f t="shared" si="621"/>
        <v>6</v>
      </c>
      <c r="C5566" s="16">
        <v>5532</v>
      </c>
      <c r="D5566" cm="1">
        <f t="array" ref="D5566">IFERROR(INDEX(Jesper!AH$2:AH$366,ROUNDDOWN($C5566/24,0)+1,1)*INDEX($D$3:$AA$30,INDEX(Jesper!$R$2:$R$366,ROW(INDEX(Jesper!AH$2:AH$366,ROUNDDOWN($C5566/24,0)+1,1))-1)+IF('Standard Profiles'!$G$18=$B$10,7,0)+IF('Standard Profiles'!$G$18=$B$17,14,0)+IF('Standard Profiles'!$G$18=$B$24,21,0),MOD($C5566,24)+1)/SUM(INDEX($D$3:$AA$30,INDEX(Jesper!$R$2:$R$366,ROW(INDEX(Jesper!AH$2:AH$366,ROUNDDOWN($C5566/24,0)+1,1))-1)+IF('Standard Profiles'!$G$18=$B$10,7,0)+IF('Standard Profiles'!$G$18=$B$17,14,0)+IF('Standard Profiles'!$G$18=$B$24,21,0),0)),0)</f>
        <v>0</v>
      </c>
      <c r="E5566" cm="1">
        <f t="array" ref="E5566">IFERROR(INDEX(Jesper!AI$2:AI$366,ROUNDDOWN($C5566/24,0)+1,1)*INDEX($D$3:$AA$30,INDEX(Jesper!$R$2:$R$366,ROW(INDEX(Jesper!AI$2:AI$366,ROUNDDOWN($C5566/24,0)+1,1))-1)+IF('Standard Profiles'!$G$19=$B$10,7,0)+IF('Standard Profiles'!$G$19=$B$17,14,0)+IF('Standard Profiles'!$G$19=$B$24,21,0),MOD($C5566,24)+1)/SUM(INDEX($D$3:$AA$30,INDEX(Jesper!$R$2:$R$366,ROW(INDEX(Jesper!AI$2:AI$366,ROUNDDOWN($C5566/24,0)+1,1))-1)+IF('Standard Profiles'!$G$19=$B$10,7,0)+IF('Standard Profiles'!$G$19=$B$17,14,0)+IF('Standard Profiles'!$G$19=$B$24,21,0),0)),0)</f>
        <v>2.6701539051528633</v>
      </c>
      <c r="F5566" cm="1">
        <f t="array" ref="F5566">IFERROR(INDEX(Jesper!AJ$2:AJ$366,ROUNDDOWN($C5566/24,0)+1,1)*INDEX($D$3:$AA$30,INDEX(Jesper!$R$2:$R$366,ROW(INDEX(Jesper!AJ$2:AJ$366,ROUNDDOWN($C5566/24,0)+1,1))-1)+IF('Standard Profiles'!$G$20=$B$10,7,0)+IF('Standard Profiles'!$G$20=$B$17,14,0)+IF('Standard Profiles'!$G$20=$B$24,21,0),MOD($C5566,24)+1)/SUM(INDEX($D$3:$AA$30,INDEX(Jesper!$R$2:$R$366,ROW(INDEX(Jesper!AJ$2:AJ$366,ROUNDDOWN($C5566/24,0)+1,1))-1)+IF('Standard Profiles'!$G$20=$B$10,7,0)+IF('Standard Profiles'!$G$20=$B$17,14,0)+IF('Standard Profiles'!$G$20=$B$24,21,0),0)),0)</f>
        <v>0.85263319735431398</v>
      </c>
      <c r="G5566" cm="1">
        <f t="array" ref="G5566">IFERROR(INDEX(Jesper!AK$2:AK$366,ROUNDDOWN($C5566/24,0)+1,1)*INDEX($D$3:$AA$30,INDEX(Jesper!$R$2:$R$366,ROW(INDEX(Jesper!AK$2:AK$366,ROUNDDOWN($C5566/24,0)+1,1))-1)+IF('Standard Profiles'!$G$21=$B$10,7,0)+IF('Standard Profiles'!$G$21=$B$17,14,0)+IF('Standard Profiles'!$G$21=$B$24,21,0),MOD($C5566,24)+1)/SUM(INDEX($D$3:$AA$30,INDEX(Jesper!$R$2:$R$366,ROW(INDEX(Jesper!AK$2:AK$366,ROUNDDOWN($C5566/24,0)+1,1))-1)+IF('Standard Profiles'!$G$21=$B$10,7,0)+IF('Standard Profiles'!$G$21=$B$17,14,0)+IF('Standard Profiles'!$G$21=$B$24,21,0),0)),0)</f>
        <v>0.28017242593782005</v>
      </c>
      <c r="H5566" cm="1">
        <f t="array" ref="H5566">IFERROR(INDEX(Jesper!AL$2:AL$366,ROUNDDOWN($C5566/24,0)+1,1)*INDEX($D$3:$AA$30,INDEX(Jesper!$R$2:$R$366,ROW(INDEX(Jesper!AL$2:AL$366,ROUNDDOWN($C5566/24,0)+1,1))-1)+IF('Standard Profiles'!$G$22=$B$10,7,0)+IF('Standard Profiles'!$G$22=$B$17,14,0)+IF('Standard Profiles'!$G$22=$B$24,21,0),MOD($C5566,24)+1)/SUM(INDEX($D$3:$AA$30,INDEX(Jesper!$R$2:$R$366,ROW(INDEX(Jesper!AL$2:AL$366,ROUNDDOWN($C5566/24,0)+1,1))-1)+IF('Standard Profiles'!$G$22=$B$10,7,0)+IF('Standard Profiles'!$G$22=$B$17,14,0)+IF('Standard Profiles'!$G$22=$B$24,21,0),0)),0)</f>
        <v>0</v>
      </c>
      <c r="I5566">
        <f t="shared" si="622"/>
        <v>0</v>
      </c>
      <c r="J5566">
        <f t="shared" si="623"/>
        <v>3.4825410598266537</v>
      </c>
      <c r="K5566">
        <f t="shared" si="624"/>
        <v>0.21361231241222908</v>
      </c>
      <c r="L5566">
        <f t="shared" si="625"/>
        <v>0.10680615620611454</v>
      </c>
      <c r="M5566">
        <f t="shared" si="626"/>
        <v>0</v>
      </c>
      <c r="N5566" s="45">
        <f t="shared" si="627"/>
        <v>45157.499999986583</v>
      </c>
    </row>
    <row r="5567" spans="2:14" x14ac:dyDescent="0.25">
      <c r="B5567">
        <f t="shared" si="621"/>
        <v>6</v>
      </c>
      <c r="C5567" s="16">
        <v>5533</v>
      </c>
      <c r="D5567" cm="1">
        <f t="array" ref="D5567">IFERROR(INDEX(Jesper!AH$2:AH$366,ROUNDDOWN($C5567/24,0)+1,1)*INDEX($D$3:$AA$30,INDEX(Jesper!$R$2:$R$366,ROW(INDEX(Jesper!AH$2:AH$366,ROUNDDOWN($C5567/24,0)+1,1))-1)+IF('Standard Profiles'!$G$18=$B$10,7,0)+IF('Standard Profiles'!$G$18=$B$17,14,0)+IF('Standard Profiles'!$G$18=$B$24,21,0),MOD($C5567,24)+1)/SUM(INDEX($D$3:$AA$30,INDEX(Jesper!$R$2:$R$366,ROW(INDEX(Jesper!AH$2:AH$366,ROUNDDOWN($C5567/24,0)+1,1))-1)+IF('Standard Profiles'!$G$18=$B$10,7,0)+IF('Standard Profiles'!$G$18=$B$17,14,0)+IF('Standard Profiles'!$G$18=$B$24,21,0),0)),0)</f>
        <v>0</v>
      </c>
      <c r="E5567" cm="1">
        <f t="array" ref="E5567">IFERROR(INDEX(Jesper!AI$2:AI$366,ROUNDDOWN($C5567/24,0)+1,1)*INDEX($D$3:$AA$30,INDEX(Jesper!$R$2:$R$366,ROW(INDEX(Jesper!AI$2:AI$366,ROUNDDOWN($C5567/24,0)+1,1))-1)+IF('Standard Profiles'!$G$19=$B$10,7,0)+IF('Standard Profiles'!$G$19=$B$17,14,0)+IF('Standard Profiles'!$G$19=$B$24,21,0),MOD($C5567,24)+1)/SUM(INDEX($D$3:$AA$30,INDEX(Jesper!$R$2:$R$366,ROW(INDEX(Jesper!AI$2:AI$366,ROUNDDOWN($C5567/24,0)+1,1))-1)+IF('Standard Profiles'!$G$19=$B$10,7,0)+IF('Standard Profiles'!$G$19=$B$17,14,0)+IF('Standard Profiles'!$G$19=$B$24,21,0),0)),0)</f>
        <v>2.6701539051528633</v>
      </c>
      <c r="F5567" cm="1">
        <f t="array" ref="F5567">IFERROR(INDEX(Jesper!AJ$2:AJ$366,ROUNDDOWN($C5567/24,0)+1,1)*INDEX($D$3:$AA$30,INDEX(Jesper!$R$2:$R$366,ROW(INDEX(Jesper!AJ$2:AJ$366,ROUNDDOWN($C5567/24,0)+1,1))-1)+IF('Standard Profiles'!$G$20=$B$10,7,0)+IF('Standard Profiles'!$G$20=$B$17,14,0)+IF('Standard Profiles'!$G$20=$B$24,21,0),MOD($C5567,24)+1)/SUM(INDEX($D$3:$AA$30,INDEX(Jesper!$R$2:$R$366,ROW(INDEX(Jesper!AJ$2:AJ$366,ROUNDDOWN($C5567/24,0)+1,1))-1)+IF('Standard Profiles'!$G$20=$B$10,7,0)+IF('Standard Profiles'!$G$20=$B$17,14,0)+IF('Standard Profiles'!$G$20=$B$24,21,0),0)),0)</f>
        <v>0.85263319735431398</v>
      </c>
      <c r="G5567" cm="1">
        <f t="array" ref="G5567">IFERROR(INDEX(Jesper!AK$2:AK$366,ROUNDDOWN($C5567/24,0)+1,1)*INDEX($D$3:$AA$30,INDEX(Jesper!$R$2:$R$366,ROW(INDEX(Jesper!AK$2:AK$366,ROUNDDOWN($C5567/24,0)+1,1))-1)+IF('Standard Profiles'!$G$21=$B$10,7,0)+IF('Standard Profiles'!$G$21=$B$17,14,0)+IF('Standard Profiles'!$G$21=$B$24,21,0),MOD($C5567,24)+1)/SUM(INDEX($D$3:$AA$30,INDEX(Jesper!$R$2:$R$366,ROW(INDEX(Jesper!AK$2:AK$366,ROUNDDOWN($C5567/24,0)+1,1))-1)+IF('Standard Profiles'!$G$21=$B$10,7,0)+IF('Standard Profiles'!$G$21=$B$17,14,0)+IF('Standard Profiles'!$G$21=$B$24,21,0),0)),0)</f>
        <v>0.28017242593782005</v>
      </c>
      <c r="H5567" cm="1">
        <f t="array" ref="H5567">IFERROR(INDEX(Jesper!AL$2:AL$366,ROUNDDOWN($C5567/24,0)+1,1)*INDEX($D$3:$AA$30,INDEX(Jesper!$R$2:$R$366,ROW(INDEX(Jesper!AL$2:AL$366,ROUNDDOWN($C5567/24,0)+1,1))-1)+IF('Standard Profiles'!$G$22=$B$10,7,0)+IF('Standard Profiles'!$G$22=$B$17,14,0)+IF('Standard Profiles'!$G$22=$B$24,21,0),MOD($C5567,24)+1)/SUM(INDEX($D$3:$AA$30,INDEX(Jesper!$R$2:$R$366,ROW(INDEX(Jesper!AL$2:AL$366,ROUNDDOWN($C5567/24,0)+1,1))-1)+IF('Standard Profiles'!$G$22=$B$10,7,0)+IF('Standard Profiles'!$G$22=$B$17,14,0)+IF('Standard Profiles'!$G$22=$B$24,21,0),0)),0)</f>
        <v>0</v>
      </c>
      <c r="I5567">
        <f t="shared" si="622"/>
        <v>0</v>
      </c>
      <c r="J5567">
        <f t="shared" si="623"/>
        <v>3.4825410598266537</v>
      </c>
      <c r="K5567">
        <f t="shared" si="624"/>
        <v>0.21361231241222908</v>
      </c>
      <c r="L5567">
        <f t="shared" si="625"/>
        <v>0.10680615620611454</v>
      </c>
      <c r="M5567">
        <f t="shared" si="626"/>
        <v>0</v>
      </c>
      <c r="N5567" s="45">
        <f t="shared" si="627"/>
        <v>45157.541666653247</v>
      </c>
    </row>
    <row r="5568" spans="2:14" x14ac:dyDescent="0.25">
      <c r="B5568">
        <f t="shared" si="621"/>
        <v>6</v>
      </c>
      <c r="C5568" s="16">
        <v>5534</v>
      </c>
      <c r="D5568" cm="1">
        <f t="array" ref="D5568">IFERROR(INDEX(Jesper!AH$2:AH$366,ROUNDDOWN($C5568/24,0)+1,1)*INDEX($D$3:$AA$30,INDEX(Jesper!$R$2:$R$366,ROW(INDEX(Jesper!AH$2:AH$366,ROUNDDOWN($C5568/24,0)+1,1))-1)+IF('Standard Profiles'!$G$18=$B$10,7,0)+IF('Standard Profiles'!$G$18=$B$17,14,0)+IF('Standard Profiles'!$G$18=$B$24,21,0),MOD($C5568,24)+1)/SUM(INDEX($D$3:$AA$30,INDEX(Jesper!$R$2:$R$366,ROW(INDEX(Jesper!AH$2:AH$366,ROUNDDOWN($C5568/24,0)+1,1))-1)+IF('Standard Profiles'!$G$18=$B$10,7,0)+IF('Standard Profiles'!$G$18=$B$17,14,0)+IF('Standard Profiles'!$G$18=$B$24,21,0),0)),0)</f>
        <v>0</v>
      </c>
      <c r="E5568" cm="1">
        <f t="array" ref="E5568">IFERROR(INDEX(Jesper!AI$2:AI$366,ROUNDDOWN($C5568/24,0)+1,1)*INDEX($D$3:$AA$30,INDEX(Jesper!$R$2:$R$366,ROW(INDEX(Jesper!AI$2:AI$366,ROUNDDOWN($C5568/24,0)+1,1))-1)+IF('Standard Profiles'!$G$19=$B$10,7,0)+IF('Standard Profiles'!$G$19=$B$17,14,0)+IF('Standard Profiles'!$G$19=$B$24,21,0),MOD($C5568,24)+1)/SUM(INDEX($D$3:$AA$30,INDEX(Jesper!$R$2:$R$366,ROW(INDEX(Jesper!AI$2:AI$366,ROUNDDOWN($C5568/24,0)+1,1))-1)+IF('Standard Profiles'!$G$19=$B$10,7,0)+IF('Standard Profiles'!$G$19=$B$17,14,0)+IF('Standard Profiles'!$G$19=$B$24,21,0),0)),0)</f>
        <v>2.6701539051528633</v>
      </c>
      <c r="F5568" cm="1">
        <f t="array" ref="F5568">IFERROR(INDEX(Jesper!AJ$2:AJ$366,ROUNDDOWN($C5568/24,0)+1,1)*INDEX($D$3:$AA$30,INDEX(Jesper!$R$2:$R$366,ROW(INDEX(Jesper!AJ$2:AJ$366,ROUNDDOWN($C5568/24,0)+1,1))-1)+IF('Standard Profiles'!$G$20=$B$10,7,0)+IF('Standard Profiles'!$G$20=$B$17,14,0)+IF('Standard Profiles'!$G$20=$B$24,21,0),MOD($C5568,24)+1)/SUM(INDEX($D$3:$AA$30,INDEX(Jesper!$R$2:$R$366,ROW(INDEX(Jesper!AJ$2:AJ$366,ROUNDDOWN($C5568/24,0)+1,1))-1)+IF('Standard Profiles'!$G$20=$B$10,7,0)+IF('Standard Profiles'!$G$20=$B$17,14,0)+IF('Standard Profiles'!$G$20=$B$24,21,0),0)),0)</f>
        <v>0.85263319735431398</v>
      </c>
      <c r="G5568" cm="1">
        <f t="array" ref="G5568">IFERROR(INDEX(Jesper!AK$2:AK$366,ROUNDDOWN($C5568/24,0)+1,1)*INDEX($D$3:$AA$30,INDEX(Jesper!$R$2:$R$366,ROW(INDEX(Jesper!AK$2:AK$366,ROUNDDOWN($C5568/24,0)+1,1))-1)+IF('Standard Profiles'!$G$21=$B$10,7,0)+IF('Standard Profiles'!$G$21=$B$17,14,0)+IF('Standard Profiles'!$G$21=$B$24,21,0),MOD($C5568,24)+1)/SUM(INDEX($D$3:$AA$30,INDEX(Jesper!$R$2:$R$366,ROW(INDEX(Jesper!AK$2:AK$366,ROUNDDOWN($C5568/24,0)+1,1))-1)+IF('Standard Profiles'!$G$21=$B$10,7,0)+IF('Standard Profiles'!$G$21=$B$17,14,0)+IF('Standard Profiles'!$G$21=$B$24,21,0),0)),0)</f>
        <v>0.28017242593782005</v>
      </c>
      <c r="H5568" cm="1">
        <f t="array" ref="H5568">IFERROR(INDEX(Jesper!AL$2:AL$366,ROUNDDOWN($C5568/24,0)+1,1)*INDEX($D$3:$AA$30,INDEX(Jesper!$R$2:$R$366,ROW(INDEX(Jesper!AL$2:AL$366,ROUNDDOWN($C5568/24,0)+1,1))-1)+IF('Standard Profiles'!$G$22=$B$10,7,0)+IF('Standard Profiles'!$G$22=$B$17,14,0)+IF('Standard Profiles'!$G$22=$B$24,21,0),MOD($C5568,24)+1)/SUM(INDEX($D$3:$AA$30,INDEX(Jesper!$R$2:$R$366,ROW(INDEX(Jesper!AL$2:AL$366,ROUNDDOWN($C5568/24,0)+1,1))-1)+IF('Standard Profiles'!$G$22=$B$10,7,0)+IF('Standard Profiles'!$G$22=$B$17,14,0)+IF('Standard Profiles'!$G$22=$B$24,21,0),0)),0)</f>
        <v>0</v>
      </c>
      <c r="I5568">
        <f t="shared" si="622"/>
        <v>0</v>
      </c>
      <c r="J5568">
        <f t="shared" si="623"/>
        <v>3.4825410598266537</v>
      </c>
      <c r="K5568">
        <f t="shared" si="624"/>
        <v>0.21361231241222908</v>
      </c>
      <c r="L5568">
        <f t="shared" si="625"/>
        <v>0.10680615620611454</v>
      </c>
      <c r="M5568">
        <f t="shared" si="626"/>
        <v>0</v>
      </c>
      <c r="N5568" s="45">
        <f t="shared" si="627"/>
        <v>45157.583333319912</v>
      </c>
    </row>
    <row r="5569" spans="2:14" x14ac:dyDescent="0.25">
      <c r="B5569">
        <f t="shared" si="621"/>
        <v>6</v>
      </c>
      <c r="C5569" s="16">
        <v>5535</v>
      </c>
      <c r="D5569" cm="1">
        <f t="array" ref="D5569">IFERROR(INDEX(Jesper!AH$2:AH$366,ROUNDDOWN($C5569/24,0)+1,1)*INDEX($D$3:$AA$30,INDEX(Jesper!$R$2:$R$366,ROW(INDEX(Jesper!AH$2:AH$366,ROUNDDOWN($C5569/24,0)+1,1))-1)+IF('Standard Profiles'!$G$18=$B$10,7,0)+IF('Standard Profiles'!$G$18=$B$17,14,0)+IF('Standard Profiles'!$G$18=$B$24,21,0),MOD($C5569,24)+1)/SUM(INDEX($D$3:$AA$30,INDEX(Jesper!$R$2:$R$366,ROW(INDEX(Jesper!AH$2:AH$366,ROUNDDOWN($C5569/24,0)+1,1))-1)+IF('Standard Profiles'!$G$18=$B$10,7,0)+IF('Standard Profiles'!$G$18=$B$17,14,0)+IF('Standard Profiles'!$G$18=$B$24,21,0),0)),0)</f>
        <v>0</v>
      </c>
      <c r="E5569" cm="1">
        <f t="array" ref="E5569">IFERROR(INDEX(Jesper!AI$2:AI$366,ROUNDDOWN($C5569/24,0)+1,1)*INDEX($D$3:$AA$30,INDEX(Jesper!$R$2:$R$366,ROW(INDEX(Jesper!AI$2:AI$366,ROUNDDOWN($C5569/24,0)+1,1))-1)+IF('Standard Profiles'!$G$19=$B$10,7,0)+IF('Standard Profiles'!$G$19=$B$17,14,0)+IF('Standard Profiles'!$G$19=$B$24,21,0),MOD($C5569,24)+1)/SUM(INDEX($D$3:$AA$30,INDEX(Jesper!$R$2:$R$366,ROW(INDEX(Jesper!AI$2:AI$366,ROUNDDOWN($C5569/24,0)+1,1))-1)+IF('Standard Profiles'!$G$19=$B$10,7,0)+IF('Standard Profiles'!$G$19=$B$17,14,0)+IF('Standard Profiles'!$G$19=$B$24,21,0),0)),0)</f>
        <v>2.6701539051528633</v>
      </c>
      <c r="F5569" cm="1">
        <f t="array" ref="F5569">IFERROR(INDEX(Jesper!AJ$2:AJ$366,ROUNDDOWN($C5569/24,0)+1,1)*INDEX($D$3:$AA$30,INDEX(Jesper!$R$2:$R$366,ROW(INDEX(Jesper!AJ$2:AJ$366,ROUNDDOWN($C5569/24,0)+1,1))-1)+IF('Standard Profiles'!$G$20=$B$10,7,0)+IF('Standard Profiles'!$G$20=$B$17,14,0)+IF('Standard Profiles'!$G$20=$B$24,21,0),MOD($C5569,24)+1)/SUM(INDEX($D$3:$AA$30,INDEX(Jesper!$R$2:$R$366,ROW(INDEX(Jesper!AJ$2:AJ$366,ROUNDDOWN($C5569/24,0)+1,1))-1)+IF('Standard Profiles'!$G$20=$B$10,7,0)+IF('Standard Profiles'!$G$20=$B$17,14,0)+IF('Standard Profiles'!$G$20=$B$24,21,0),0)),0)</f>
        <v>0.85263319735431398</v>
      </c>
      <c r="G5569" cm="1">
        <f t="array" ref="G5569">IFERROR(INDEX(Jesper!AK$2:AK$366,ROUNDDOWN($C5569/24,0)+1,1)*INDEX($D$3:$AA$30,INDEX(Jesper!$R$2:$R$366,ROW(INDEX(Jesper!AK$2:AK$366,ROUNDDOWN($C5569/24,0)+1,1))-1)+IF('Standard Profiles'!$G$21=$B$10,7,0)+IF('Standard Profiles'!$G$21=$B$17,14,0)+IF('Standard Profiles'!$G$21=$B$24,21,0),MOD($C5569,24)+1)/SUM(INDEX($D$3:$AA$30,INDEX(Jesper!$R$2:$R$366,ROW(INDEX(Jesper!AK$2:AK$366,ROUNDDOWN($C5569/24,0)+1,1))-1)+IF('Standard Profiles'!$G$21=$B$10,7,0)+IF('Standard Profiles'!$G$21=$B$17,14,0)+IF('Standard Profiles'!$G$21=$B$24,21,0),0)),0)</f>
        <v>0.28017242593782005</v>
      </c>
      <c r="H5569" cm="1">
        <f t="array" ref="H5569">IFERROR(INDEX(Jesper!AL$2:AL$366,ROUNDDOWN($C5569/24,0)+1,1)*INDEX($D$3:$AA$30,INDEX(Jesper!$R$2:$R$366,ROW(INDEX(Jesper!AL$2:AL$366,ROUNDDOWN($C5569/24,0)+1,1))-1)+IF('Standard Profiles'!$G$22=$B$10,7,0)+IF('Standard Profiles'!$G$22=$B$17,14,0)+IF('Standard Profiles'!$G$22=$B$24,21,0),MOD($C5569,24)+1)/SUM(INDEX($D$3:$AA$30,INDEX(Jesper!$R$2:$R$366,ROW(INDEX(Jesper!AL$2:AL$366,ROUNDDOWN($C5569/24,0)+1,1))-1)+IF('Standard Profiles'!$G$22=$B$10,7,0)+IF('Standard Profiles'!$G$22=$B$17,14,0)+IF('Standard Profiles'!$G$22=$B$24,21,0),0)),0)</f>
        <v>0</v>
      </c>
      <c r="I5569">
        <f t="shared" si="622"/>
        <v>0</v>
      </c>
      <c r="J5569">
        <f t="shared" si="623"/>
        <v>3.4825410598266537</v>
      </c>
      <c r="K5569">
        <f t="shared" si="624"/>
        <v>0.21361231241222908</v>
      </c>
      <c r="L5569">
        <f t="shared" si="625"/>
        <v>0.10680615620611454</v>
      </c>
      <c r="M5569">
        <f t="shared" si="626"/>
        <v>0</v>
      </c>
      <c r="N5569" s="45">
        <f t="shared" si="627"/>
        <v>45157.624999986576</v>
      </c>
    </row>
    <row r="5570" spans="2:14" x14ac:dyDescent="0.25">
      <c r="B5570">
        <f t="shared" si="621"/>
        <v>6</v>
      </c>
      <c r="C5570" s="16">
        <v>5536</v>
      </c>
      <c r="D5570" cm="1">
        <f t="array" ref="D5570">IFERROR(INDEX(Jesper!AH$2:AH$366,ROUNDDOWN($C5570/24,0)+1,1)*INDEX($D$3:$AA$30,INDEX(Jesper!$R$2:$R$366,ROW(INDEX(Jesper!AH$2:AH$366,ROUNDDOWN($C5570/24,0)+1,1))-1)+IF('Standard Profiles'!$G$18=$B$10,7,0)+IF('Standard Profiles'!$G$18=$B$17,14,0)+IF('Standard Profiles'!$G$18=$B$24,21,0),MOD($C5570,24)+1)/SUM(INDEX($D$3:$AA$30,INDEX(Jesper!$R$2:$R$366,ROW(INDEX(Jesper!AH$2:AH$366,ROUNDDOWN($C5570/24,0)+1,1))-1)+IF('Standard Profiles'!$G$18=$B$10,7,0)+IF('Standard Profiles'!$G$18=$B$17,14,0)+IF('Standard Profiles'!$G$18=$B$24,21,0),0)),0)</f>
        <v>0</v>
      </c>
      <c r="E5570" cm="1">
        <f t="array" ref="E5570">IFERROR(INDEX(Jesper!AI$2:AI$366,ROUNDDOWN($C5570/24,0)+1,1)*INDEX($D$3:$AA$30,INDEX(Jesper!$R$2:$R$366,ROW(INDEX(Jesper!AI$2:AI$366,ROUNDDOWN($C5570/24,0)+1,1))-1)+IF('Standard Profiles'!$G$19=$B$10,7,0)+IF('Standard Profiles'!$G$19=$B$17,14,0)+IF('Standard Profiles'!$G$19=$B$24,21,0),MOD($C5570,24)+1)/SUM(INDEX($D$3:$AA$30,INDEX(Jesper!$R$2:$R$366,ROW(INDEX(Jesper!AI$2:AI$366,ROUNDDOWN($C5570/24,0)+1,1))-1)+IF('Standard Profiles'!$G$19=$B$10,7,0)+IF('Standard Profiles'!$G$19=$B$17,14,0)+IF('Standard Profiles'!$G$19=$B$24,21,0),0)),0)</f>
        <v>2.6701539051528633</v>
      </c>
      <c r="F5570" cm="1">
        <f t="array" ref="F5570">IFERROR(INDEX(Jesper!AJ$2:AJ$366,ROUNDDOWN($C5570/24,0)+1,1)*INDEX($D$3:$AA$30,INDEX(Jesper!$R$2:$R$366,ROW(INDEX(Jesper!AJ$2:AJ$366,ROUNDDOWN($C5570/24,0)+1,1))-1)+IF('Standard Profiles'!$G$20=$B$10,7,0)+IF('Standard Profiles'!$G$20=$B$17,14,0)+IF('Standard Profiles'!$G$20=$B$24,21,0),MOD($C5570,24)+1)/SUM(INDEX($D$3:$AA$30,INDEX(Jesper!$R$2:$R$366,ROW(INDEX(Jesper!AJ$2:AJ$366,ROUNDDOWN($C5570/24,0)+1,1))-1)+IF('Standard Profiles'!$G$20=$B$10,7,0)+IF('Standard Profiles'!$G$20=$B$17,14,0)+IF('Standard Profiles'!$G$20=$B$24,21,0),0)),0)</f>
        <v>0.85263319735431398</v>
      </c>
      <c r="G5570" cm="1">
        <f t="array" ref="G5570">IFERROR(INDEX(Jesper!AK$2:AK$366,ROUNDDOWN($C5570/24,0)+1,1)*INDEX($D$3:$AA$30,INDEX(Jesper!$R$2:$R$366,ROW(INDEX(Jesper!AK$2:AK$366,ROUNDDOWN($C5570/24,0)+1,1))-1)+IF('Standard Profiles'!$G$21=$B$10,7,0)+IF('Standard Profiles'!$G$21=$B$17,14,0)+IF('Standard Profiles'!$G$21=$B$24,21,0),MOD($C5570,24)+1)/SUM(INDEX($D$3:$AA$30,INDEX(Jesper!$R$2:$R$366,ROW(INDEX(Jesper!AK$2:AK$366,ROUNDDOWN($C5570/24,0)+1,1))-1)+IF('Standard Profiles'!$G$21=$B$10,7,0)+IF('Standard Profiles'!$G$21=$B$17,14,0)+IF('Standard Profiles'!$G$21=$B$24,21,0),0)),0)</f>
        <v>0.28017242593782005</v>
      </c>
      <c r="H5570" cm="1">
        <f t="array" ref="H5570">IFERROR(INDEX(Jesper!AL$2:AL$366,ROUNDDOWN($C5570/24,0)+1,1)*INDEX($D$3:$AA$30,INDEX(Jesper!$R$2:$R$366,ROW(INDEX(Jesper!AL$2:AL$366,ROUNDDOWN($C5570/24,0)+1,1))-1)+IF('Standard Profiles'!$G$22=$B$10,7,0)+IF('Standard Profiles'!$G$22=$B$17,14,0)+IF('Standard Profiles'!$G$22=$B$24,21,0),MOD($C5570,24)+1)/SUM(INDEX($D$3:$AA$30,INDEX(Jesper!$R$2:$R$366,ROW(INDEX(Jesper!AL$2:AL$366,ROUNDDOWN($C5570/24,0)+1,1))-1)+IF('Standard Profiles'!$G$22=$B$10,7,0)+IF('Standard Profiles'!$G$22=$B$17,14,0)+IF('Standard Profiles'!$G$22=$B$24,21,0),0)),0)</f>
        <v>0</v>
      </c>
      <c r="I5570">
        <f t="shared" si="622"/>
        <v>0</v>
      </c>
      <c r="J5570">
        <f t="shared" si="623"/>
        <v>3.4825410598266537</v>
      </c>
      <c r="K5570">
        <f t="shared" si="624"/>
        <v>0.21361231241222908</v>
      </c>
      <c r="L5570">
        <f t="shared" si="625"/>
        <v>0.10680615620611454</v>
      </c>
      <c r="M5570">
        <f t="shared" si="626"/>
        <v>0</v>
      </c>
      <c r="N5570" s="45">
        <f t="shared" si="627"/>
        <v>45157.66666665324</v>
      </c>
    </row>
    <row r="5571" spans="2:14" x14ac:dyDescent="0.25">
      <c r="B5571">
        <f t="shared" si="621"/>
        <v>6</v>
      </c>
      <c r="C5571" s="16">
        <v>5537</v>
      </c>
      <c r="D5571" cm="1">
        <f t="array" ref="D5571">IFERROR(INDEX(Jesper!AH$2:AH$366,ROUNDDOWN($C5571/24,0)+1,1)*INDEX($D$3:$AA$30,INDEX(Jesper!$R$2:$R$366,ROW(INDEX(Jesper!AH$2:AH$366,ROUNDDOWN($C5571/24,0)+1,1))-1)+IF('Standard Profiles'!$G$18=$B$10,7,0)+IF('Standard Profiles'!$G$18=$B$17,14,0)+IF('Standard Profiles'!$G$18=$B$24,21,0),MOD($C5571,24)+1)/SUM(INDEX($D$3:$AA$30,INDEX(Jesper!$R$2:$R$366,ROW(INDEX(Jesper!AH$2:AH$366,ROUNDDOWN($C5571/24,0)+1,1))-1)+IF('Standard Profiles'!$G$18=$B$10,7,0)+IF('Standard Profiles'!$G$18=$B$17,14,0)+IF('Standard Profiles'!$G$18=$B$24,21,0),0)),0)</f>
        <v>0</v>
      </c>
      <c r="E5571" cm="1">
        <f t="array" ref="E5571">IFERROR(INDEX(Jesper!AI$2:AI$366,ROUNDDOWN($C5571/24,0)+1,1)*INDEX($D$3:$AA$30,INDEX(Jesper!$R$2:$R$366,ROW(INDEX(Jesper!AI$2:AI$366,ROUNDDOWN($C5571/24,0)+1,1))-1)+IF('Standard Profiles'!$G$19=$B$10,7,0)+IF('Standard Profiles'!$G$19=$B$17,14,0)+IF('Standard Profiles'!$G$19=$B$24,21,0),MOD($C5571,24)+1)/SUM(INDEX($D$3:$AA$30,INDEX(Jesper!$R$2:$R$366,ROW(INDEX(Jesper!AI$2:AI$366,ROUNDDOWN($C5571/24,0)+1,1))-1)+IF('Standard Profiles'!$G$19=$B$10,7,0)+IF('Standard Profiles'!$G$19=$B$17,14,0)+IF('Standard Profiles'!$G$19=$B$24,21,0),0)),0)</f>
        <v>2.6701539051528633</v>
      </c>
      <c r="F5571" cm="1">
        <f t="array" ref="F5571">IFERROR(INDEX(Jesper!AJ$2:AJ$366,ROUNDDOWN($C5571/24,0)+1,1)*INDEX($D$3:$AA$30,INDEX(Jesper!$R$2:$R$366,ROW(INDEX(Jesper!AJ$2:AJ$366,ROUNDDOWN($C5571/24,0)+1,1))-1)+IF('Standard Profiles'!$G$20=$B$10,7,0)+IF('Standard Profiles'!$G$20=$B$17,14,0)+IF('Standard Profiles'!$G$20=$B$24,21,0),MOD($C5571,24)+1)/SUM(INDEX($D$3:$AA$30,INDEX(Jesper!$R$2:$R$366,ROW(INDEX(Jesper!AJ$2:AJ$366,ROUNDDOWN($C5571/24,0)+1,1))-1)+IF('Standard Profiles'!$G$20=$B$10,7,0)+IF('Standard Profiles'!$G$20=$B$17,14,0)+IF('Standard Profiles'!$G$20=$B$24,21,0),0)),0)</f>
        <v>0.85263319735431398</v>
      </c>
      <c r="G5571" cm="1">
        <f t="array" ref="G5571">IFERROR(INDEX(Jesper!AK$2:AK$366,ROUNDDOWN($C5571/24,0)+1,1)*INDEX($D$3:$AA$30,INDEX(Jesper!$R$2:$R$366,ROW(INDEX(Jesper!AK$2:AK$366,ROUNDDOWN($C5571/24,0)+1,1))-1)+IF('Standard Profiles'!$G$21=$B$10,7,0)+IF('Standard Profiles'!$G$21=$B$17,14,0)+IF('Standard Profiles'!$G$21=$B$24,21,0),MOD($C5571,24)+1)/SUM(INDEX($D$3:$AA$30,INDEX(Jesper!$R$2:$R$366,ROW(INDEX(Jesper!AK$2:AK$366,ROUNDDOWN($C5571/24,0)+1,1))-1)+IF('Standard Profiles'!$G$21=$B$10,7,0)+IF('Standard Profiles'!$G$21=$B$17,14,0)+IF('Standard Profiles'!$G$21=$B$24,21,0),0)),0)</f>
        <v>0.28017242593782005</v>
      </c>
      <c r="H5571" cm="1">
        <f t="array" ref="H5571">IFERROR(INDEX(Jesper!AL$2:AL$366,ROUNDDOWN($C5571/24,0)+1,1)*INDEX($D$3:$AA$30,INDEX(Jesper!$R$2:$R$366,ROW(INDEX(Jesper!AL$2:AL$366,ROUNDDOWN($C5571/24,0)+1,1))-1)+IF('Standard Profiles'!$G$22=$B$10,7,0)+IF('Standard Profiles'!$G$22=$B$17,14,0)+IF('Standard Profiles'!$G$22=$B$24,21,0),MOD($C5571,24)+1)/SUM(INDEX($D$3:$AA$30,INDEX(Jesper!$R$2:$R$366,ROW(INDEX(Jesper!AL$2:AL$366,ROUNDDOWN($C5571/24,0)+1,1))-1)+IF('Standard Profiles'!$G$22=$B$10,7,0)+IF('Standard Profiles'!$G$22=$B$17,14,0)+IF('Standard Profiles'!$G$22=$B$24,21,0),0)),0)</f>
        <v>0</v>
      </c>
      <c r="I5571">
        <f t="shared" si="622"/>
        <v>0</v>
      </c>
      <c r="J5571">
        <f t="shared" si="623"/>
        <v>3.4825410598266537</v>
      </c>
      <c r="K5571">
        <f t="shared" si="624"/>
        <v>0.21361231241222908</v>
      </c>
      <c r="L5571">
        <f t="shared" si="625"/>
        <v>0.10680615620611454</v>
      </c>
      <c r="M5571">
        <f t="shared" si="626"/>
        <v>0</v>
      </c>
      <c r="N5571" s="45">
        <f t="shared" si="627"/>
        <v>45157.708333319904</v>
      </c>
    </row>
    <row r="5572" spans="2:14" x14ac:dyDescent="0.25">
      <c r="B5572">
        <f t="shared" si="621"/>
        <v>6</v>
      </c>
      <c r="C5572" s="16">
        <v>5538</v>
      </c>
      <c r="D5572" cm="1">
        <f t="array" ref="D5572">IFERROR(INDEX(Jesper!AH$2:AH$366,ROUNDDOWN($C5572/24,0)+1,1)*INDEX($D$3:$AA$30,INDEX(Jesper!$R$2:$R$366,ROW(INDEX(Jesper!AH$2:AH$366,ROUNDDOWN($C5572/24,0)+1,1))-1)+IF('Standard Profiles'!$G$18=$B$10,7,0)+IF('Standard Profiles'!$G$18=$B$17,14,0)+IF('Standard Profiles'!$G$18=$B$24,21,0),MOD($C5572,24)+1)/SUM(INDEX($D$3:$AA$30,INDEX(Jesper!$R$2:$R$366,ROW(INDEX(Jesper!AH$2:AH$366,ROUNDDOWN($C5572/24,0)+1,1))-1)+IF('Standard Profiles'!$G$18=$B$10,7,0)+IF('Standard Profiles'!$G$18=$B$17,14,0)+IF('Standard Profiles'!$G$18=$B$24,21,0),0)),0)</f>
        <v>0</v>
      </c>
      <c r="E5572" cm="1">
        <f t="array" ref="E5572">IFERROR(INDEX(Jesper!AI$2:AI$366,ROUNDDOWN($C5572/24,0)+1,1)*INDEX($D$3:$AA$30,INDEX(Jesper!$R$2:$R$366,ROW(INDEX(Jesper!AI$2:AI$366,ROUNDDOWN($C5572/24,0)+1,1))-1)+IF('Standard Profiles'!$G$19=$B$10,7,0)+IF('Standard Profiles'!$G$19=$B$17,14,0)+IF('Standard Profiles'!$G$19=$B$24,21,0),MOD($C5572,24)+1)/SUM(INDEX($D$3:$AA$30,INDEX(Jesper!$R$2:$R$366,ROW(INDEX(Jesper!AI$2:AI$366,ROUNDDOWN($C5572/24,0)+1,1))-1)+IF('Standard Profiles'!$G$19=$B$10,7,0)+IF('Standard Profiles'!$G$19=$B$17,14,0)+IF('Standard Profiles'!$G$19=$B$24,21,0),0)),0)</f>
        <v>2.6701539051528633</v>
      </c>
      <c r="F5572" cm="1">
        <f t="array" ref="F5572">IFERROR(INDEX(Jesper!AJ$2:AJ$366,ROUNDDOWN($C5572/24,0)+1,1)*INDEX($D$3:$AA$30,INDEX(Jesper!$R$2:$R$366,ROW(INDEX(Jesper!AJ$2:AJ$366,ROUNDDOWN($C5572/24,0)+1,1))-1)+IF('Standard Profiles'!$G$20=$B$10,7,0)+IF('Standard Profiles'!$G$20=$B$17,14,0)+IF('Standard Profiles'!$G$20=$B$24,21,0),MOD($C5572,24)+1)/SUM(INDEX($D$3:$AA$30,INDEX(Jesper!$R$2:$R$366,ROW(INDEX(Jesper!AJ$2:AJ$366,ROUNDDOWN($C5572/24,0)+1,1))-1)+IF('Standard Profiles'!$G$20=$B$10,7,0)+IF('Standard Profiles'!$G$20=$B$17,14,0)+IF('Standard Profiles'!$G$20=$B$24,21,0),0)),0)</f>
        <v>0.85263319735431398</v>
      </c>
      <c r="G5572" cm="1">
        <f t="array" ref="G5572">IFERROR(INDEX(Jesper!AK$2:AK$366,ROUNDDOWN($C5572/24,0)+1,1)*INDEX($D$3:$AA$30,INDEX(Jesper!$R$2:$R$366,ROW(INDEX(Jesper!AK$2:AK$366,ROUNDDOWN($C5572/24,0)+1,1))-1)+IF('Standard Profiles'!$G$21=$B$10,7,0)+IF('Standard Profiles'!$G$21=$B$17,14,0)+IF('Standard Profiles'!$G$21=$B$24,21,0),MOD($C5572,24)+1)/SUM(INDEX($D$3:$AA$30,INDEX(Jesper!$R$2:$R$366,ROW(INDEX(Jesper!AK$2:AK$366,ROUNDDOWN($C5572/24,0)+1,1))-1)+IF('Standard Profiles'!$G$21=$B$10,7,0)+IF('Standard Profiles'!$G$21=$B$17,14,0)+IF('Standard Profiles'!$G$21=$B$24,21,0),0)),0)</f>
        <v>0.28017242593782005</v>
      </c>
      <c r="H5572" cm="1">
        <f t="array" ref="H5572">IFERROR(INDEX(Jesper!AL$2:AL$366,ROUNDDOWN($C5572/24,0)+1,1)*INDEX($D$3:$AA$30,INDEX(Jesper!$R$2:$R$366,ROW(INDEX(Jesper!AL$2:AL$366,ROUNDDOWN($C5572/24,0)+1,1))-1)+IF('Standard Profiles'!$G$22=$B$10,7,0)+IF('Standard Profiles'!$G$22=$B$17,14,0)+IF('Standard Profiles'!$G$22=$B$24,21,0),MOD($C5572,24)+1)/SUM(INDEX($D$3:$AA$30,INDEX(Jesper!$R$2:$R$366,ROW(INDEX(Jesper!AL$2:AL$366,ROUNDDOWN($C5572/24,0)+1,1))-1)+IF('Standard Profiles'!$G$22=$B$10,7,0)+IF('Standard Profiles'!$G$22=$B$17,14,0)+IF('Standard Profiles'!$G$22=$B$24,21,0),0)),0)</f>
        <v>0</v>
      </c>
      <c r="I5572">
        <f t="shared" si="622"/>
        <v>0</v>
      </c>
      <c r="J5572">
        <f t="shared" si="623"/>
        <v>3.4825410598266537</v>
      </c>
      <c r="K5572">
        <f t="shared" si="624"/>
        <v>0.21361231241222908</v>
      </c>
      <c r="L5572">
        <f t="shared" si="625"/>
        <v>0.10680615620611454</v>
      </c>
      <c r="M5572">
        <f t="shared" si="626"/>
        <v>0</v>
      </c>
      <c r="N5572" s="45">
        <f t="shared" si="627"/>
        <v>45157.749999986569</v>
      </c>
    </row>
    <row r="5573" spans="2:14" x14ac:dyDescent="0.25">
      <c r="B5573">
        <f t="shared" si="621"/>
        <v>6</v>
      </c>
      <c r="C5573" s="16">
        <v>5539</v>
      </c>
      <c r="D5573" cm="1">
        <f t="array" ref="D5573">IFERROR(INDEX(Jesper!AH$2:AH$366,ROUNDDOWN($C5573/24,0)+1,1)*INDEX($D$3:$AA$30,INDEX(Jesper!$R$2:$R$366,ROW(INDEX(Jesper!AH$2:AH$366,ROUNDDOWN($C5573/24,0)+1,1))-1)+IF('Standard Profiles'!$G$18=$B$10,7,0)+IF('Standard Profiles'!$G$18=$B$17,14,0)+IF('Standard Profiles'!$G$18=$B$24,21,0),MOD($C5573,24)+1)/SUM(INDEX($D$3:$AA$30,INDEX(Jesper!$R$2:$R$366,ROW(INDEX(Jesper!AH$2:AH$366,ROUNDDOWN($C5573/24,0)+1,1))-1)+IF('Standard Profiles'!$G$18=$B$10,7,0)+IF('Standard Profiles'!$G$18=$B$17,14,0)+IF('Standard Profiles'!$G$18=$B$24,21,0),0)),0)</f>
        <v>0</v>
      </c>
      <c r="E5573" cm="1">
        <f t="array" ref="E5573">IFERROR(INDEX(Jesper!AI$2:AI$366,ROUNDDOWN($C5573/24,0)+1,1)*INDEX($D$3:$AA$30,INDEX(Jesper!$R$2:$R$366,ROW(INDEX(Jesper!AI$2:AI$366,ROUNDDOWN($C5573/24,0)+1,1))-1)+IF('Standard Profiles'!$G$19=$B$10,7,0)+IF('Standard Profiles'!$G$19=$B$17,14,0)+IF('Standard Profiles'!$G$19=$B$24,21,0),MOD($C5573,24)+1)/SUM(INDEX($D$3:$AA$30,INDEX(Jesper!$R$2:$R$366,ROW(INDEX(Jesper!AI$2:AI$366,ROUNDDOWN($C5573/24,0)+1,1))-1)+IF('Standard Profiles'!$G$19=$B$10,7,0)+IF('Standard Profiles'!$G$19=$B$17,14,0)+IF('Standard Profiles'!$G$19=$B$24,21,0),0)),0)</f>
        <v>2.6701539051528633</v>
      </c>
      <c r="F5573" cm="1">
        <f t="array" ref="F5573">IFERROR(INDEX(Jesper!AJ$2:AJ$366,ROUNDDOWN($C5573/24,0)+1,1)*INDEX($D$3:$AA$30,INDEX(Jesper!$R$2:$R$366,ROW(INDEX(Jesper!AJ$2:AJ$366,ROUNDDOWN($C5573/24,0)+1,1))-1)+IF('Standard Profiles'!$G$20=$B$10,7,0)+IF('Standard Profiles'!$G$20=$B$17,14,0)+IF('Standard Profiles'!$G$20=$B$24,21,0),MOD($C5573,24)+1)/SUM(INDEX($D$3:$AA$30,INDEX(Jesper!$R$2:$R$366,ROW(INDEX(Jesper!AJ$2:AJ$366,ROUNDDOWN($C5573/24,0)+1,1))-1)+IF('Standard Profiles'!$G$20=$B$10,7,0)+IF('Standard Profiles'!$G$20=$B$17,14,0)+IF('Standard Profiles'!$G$20=$B$24,21,0),0)),0)</f>
        <v>0.85263319735431398</v>
      </c>
      <c r="G5573" cm="1">
        <f t="array" ref="G5573">IFERROR(INDEX(Jesper!AK$2:AK$366,ROUNDDOWN($C5573/24,0)+1,1)*INDEX($D$3:$AA$30,INDEX(Jesper!$R$2:$R$366,ROW(INDEX(Jesper!AK$2:AK$366,ROUNDDOWN($C5573/24,0)+1,1))-1)+IF('Standard Profiles'!$G$21=$B$10,7,0)+IF('Standard Profiles'!$G$21=$B$17,14,0)+IF('Standard Profiles'!$G$21=$B$24,21,0),MOD($C5573,24)+1)/SUM(INDEX($D$3:$AA$30,INDEX(Jesper!$R$2:$R$366,ROW(INDEX(Jesper!AK$2:AK$366,ROUNDDOWN($C5573/24,0)+1,1))-1)+IF('Standard Profiles'!$G$21=$B$10,7,0)+IF('Standard Profiles'!$G$21=$B$17,14,0)+IF('Standard Profiles'!$G$21=$B$24,21,0),0)),0)</f>
        <v>0.28017242593782005</v>
      </c>
      <c r="H5573" cm="1">
        <f t="array" ref="H5573">IFERROR(INDEX(Jesper!AL$2:AL$366,ROUNDDOWN($C5573/24,0)+1,1)*INDEX($D$3:$AA$30,INDEX(Jesper!$R$2:$R$366,ROW(INDEX(Jesper!AL$2:AL$366,ROUNDDOWN($C5573/24,0)+1,1))-1)+IF('Standard Profiles'!$G$22=$B$10,7,0)+IF('Standard Profiles'!$G$22=$B$17,14,0)+IF('Standard Profiles'!$G$22=$B$24,21,0),MOD($C5573,24)+1)/SUM(INDEX($D$3:$AA$30,INDEX(Jesper!$R$2:$R$366,ROW(INDEX(Jesper!AL$2:AL$366,ROUNDDOWN($C5573/24,0)+1,1))-1)+IF('Standard Profiles'!$G$22=$B$10,7,0)+IF('Standard Profiles'!$G$22=$B$17,14,0)+IF('Standard Profiles'!$G$22=$B$24,21,0),0)),0)</f>
        <v>0</v>
      </c>
      <c r="I5573">
        <f t="shared" si="622"/>
        <v>0</v>
      </c>
      <c r="J5573">
        <f t="shared" si="623"/>
        <v>3.4825410598266537</v>
      </c>
      <c r="K5573">
        <f t="shared" si="624"/>
        <v>0.21361231241222908</v>
      </c>
      <c r="L5573">
        <f t="shared" si="625"/>
        <v>0.10680615620611454</v>
      </c>
      <c r="M5573">
        <f t="shared" si="626"/>
        <v>0</v>
      </c>
      <c r="N5573" s="45">
        <f t="shared" si="627"/>
        <v>45157.791666653233</v>
      </c>
    </row>
    <row r="5574" spans="2:14" x14ac:dyDescent="0.25">
      <c r="B5574">
        <f t="shared" si="621"/>
        <v>6</v>
      </c>
      <c r="C5574" s="16">
        <v>5540</v>
      </c>
      <c r="D5574" cm="1">
        <f t="array" ref="D5574">IFERROR(INDEX(Jesper!AH$2:AH$366,ROUNDDOWN($C5574/24,0)+1,1)*INDEX($D$3:$AA$30,INDEX(Jesper!$R$2:$R$366,ROW(INDEX(Jesper!AH$2:AH$366,ROUNDDOWN($C5574/24,0)+1,1))-1)+IF('Standard Profiles'!$G$18=$B$10,7,0)+IF('Standard Profiles'!$G$18=$B$17,14,0)+IF('Standard Profiles'!$G$18=$B$24,21,0),MOD($C5574,24)+1)/SUM(INDEX($D$3:$AA$30,INDEX(Jesper!$R$2:$R$366,ROW(INDEX(Jesper!AH$2:AH$366,ROUNDDOWN($C5574/24,0)+1,1))-1)+IF('Standard Profiles'!$G$18=$B$10,7,0)+IF('Standard Profiles'!$G$18=$B$17,14,0)+IF('Standard Profiles'!$G$18=$B$24,21,0),0)),0)</f>
        <v>0</v>
      </c>
      <c r="E5574" cm="1">
        <f t="array" ref="E5574">IFERROR(INDEX(Jesper!AI$2:AI$366,ROUNDDOWN($C5574/24,0)+1,1)*INDEX($D$3:$AA$30,INDEX(Jesper!$R$2:$R$366,ROW(INDEX(Jesper!AI$2:AI$366,ROUNDDOWN($C5574/24,0)+1,1))-1)+IF('Standard Profiles'!$G$19=$B$10,7,0)+IF('Standard Profiles'!$G$19=$B$17,14,0)+IF('Standard Profiles'!$G$19=$B$24,21,0),MOD($C5574,24)+1)/SUM(INDEX($D$3:$AA$30,INDEX(Jesper!$R$2:$R$366,ROW(INDEX(Jesper!AI$2:AI$366,ROUNDDOWN($C5574/24,0)+1,1))-1)+IF('Standard Profiles'!$G$19=$B$10,7,0)+IF('Standard Profiles'!$G$19=$B$17,14,0)+IF('Standard Profiles'!$G$19=$B$24,21,0),0)),0)</f>
        <v>2.6701539051528633</v>
      </c>
      <c r="F5574" cm="1">
        <f t="array" ref="F5574">IFERROR(INDEX(Jesper!AJ$2:AJ$366,ROUNDDOWN($C5574/24,0)+1,1)*INDEX($D$3:$AA$30,INDEX(Jesper!$R$2:$R$366,ROW(INDEX(Jesper!AJ$2:AJ$366,ROUNDDOWN($C5574/24,0)+1,1))-1)+IF('Standard Profiles'!$G$20=$B$10,7,0)+IF('Standard Profiles'!$G$20=$B$17,14,0)+IF('Standard Profiles'!$G$20=$B$24,21,0),MOD($C5574,24)+1)/SUM(INDEX($D$3:$AA$30,INDEX(Jesper!$R$2:$R$366,ROW(INDEX(Jesper!AJ$2:AJ$366,ROUNDDOWN($C5574/24,0)+1,1))-1)+IF('Standard Profiles'!$G$20=$B$10,7,0)+IF('Standard Profiles'!$G$20=$B$17,14,0)+IF('Standard Profiles'!$G$20=$B$24,21,0),0)),0)</f>
        <v>0.85263319735431398</v>
      </c>
      <c r="G5574" cm="1">
        <f t="array" ref="G5574">IFERROR(INDEX(Jesper!AK$2:AK$366,ROUNDDOWN($C5574/24,0)+1,1)*INDEX($D$3:$AA$30,INDEX(Jesper!$R$2:$R$366,ROW(INDEX(Jesper!AK$2:AK$366,ROUNDDOWN($C5574/24,0)+1,1))-1)+IF('Standard Profiles'!$G$21=$B$10,7,0)+IF('Standard Profiles'!$G$21=$B$17,14,0)+IF('Standard Profiles'!$G$21=$B$24,21,0),MOD($C5574,24)+1)/SUM(INDEX($D$3:$AA$30,INDEX(Jesper!$R$2:$R$366,ROW(INDEX(Jesper!AK$2:AK$366,ROUNDDOWN($C5574/24,0)+1,1))-1)+IF('Standard Profiles'!$G$21=$B$10,7,0)+IF('Standard Profiles'!$G$21=$B$17,14,0)+IF('Standard Profiles'!$G$21=$B$24,21,0),0)),0)</f>
        <v>0.28017242593782005</v>
      </c>
      <c r="H5574" cm="1">
        <f t="array" ref="H5574">IFERROR(INDEX(Jesper!AL$2:AL$366,ROUNDDOWN($C5574/24,0)+1,1)*INDEX($D$3:$AA$30,INDEX(Jesper!$R$2:$R$366,ROW(INDEX(Jesper!AL$2:AL$366,ROUNDDOWN($C5574/24,0)+1,1))-1)+IF('Standard Profiles'!$G$22=$B$10,7,0)+IF('Standard Profiles'!$G$22=$B$17,14,0)+IF('Standard Profiles'!$G$22=$B$24,21,0),MOD($C5574,24)+1)/SUM(INDEX($D$3:$AA$30,INDEX(Jesper!$R$2:$R$366,ROW(INDEX(Jesper!AL$2:AL$366,ROUNDDOWN($C5574/24,0)+1,1))-1)+IF('Standard Profiles'!$G$22=$B$10,7,0)+IF('Standard Profiles'!$G$22=$B$17,14,0)+IF('Standard Profiles'!$G$22=$B$24,21,0),0)),0)</f>
        <v>0</v>
      </c>
      <c r="I5574">
        <f t="shared" si="622"/>
        <v>0</v>
      </c>
      <c r="J5574">
        <f t="shared" si="623"/>
        <v>3.4825410598266537</v>
      </c>
      <c r="K5574">
        <f t="shared" si="624"/>
        <v>0.21361231241222908</v>
      </c>
      <c r="L5574">
        <f t="shared" si="625"/>
        <v>0.10680615620611454</v>
      </c>
      <c r="M5574">
        <f t="shared" si="626"/>
        <v>0</v>
      </c>
      <c r="N5574" s="45">
        <f t="shared" si="627"/>
        <v>45157.833333319897</v>
      </c>
    </row>
    <row r="5575" spans="2:14" x14ac:dyDescent="0.25">
      <c r="B5575">
        <f t="shared" si="621"/>
        <v>6</v>
      </c>
      <c r="C5575" s="16">
        <v>5541</v>
      </c>
      <c r="D5575" cm="1">
        <f t="array" ref="D5575">IFERROR(INDEX(Jesper!AH$2:AH$366,ROUNDDOWN($C5575/24,0)+1,1)*INDEX($D$3:$AA$30,INDEX(Jesper!$R$2:$R$366,ROW(INDEX(Jesper!AH$2:AH$366,ROUNDDOWN($C5575/24,0)+1,1))-1)+IF('Standard Profiles'!$G$18=$B$10,7,0)+IF('Standard Profiles'!$G$18=$B$17,14,0)+IF('Standard Profiles'!$G$18=$B$24,21,0),MOD($C5575,24)+1)/SUM(INDEX($D$3:$AA$30,INDEX(Jesper!$R$2:$R$366,ROW(INDEX(Jesper!AH$2:AH$366,ROUNDDOWN($C5575/24,0)+1,1))-1)+IF('Standard Profiles'!$G$18=$B$10,7,0)+IF('Standard Profiles'!$G$18=$B$17,14,0)+IF('Standard Profiles'!$G$18=$B$24,21,0),0)),0)</f>
        <v>0</v>
      </c>
      <c r="E5575" cm="1">
        <f t="array" ref="E5575">IFERROR(INDEX(Jesper!AI$2:AI$366,ROUNDDOWN($C5575/24,0)+1,1)*INDEX($D$3:$AA$30,INDEX(Jesper!$R$2:$R$366,ROW(INDEX(Jesper!AI$2:AI$366,ROUNDDOWN($C5575/24,0)+1,1))-1)+IF('Standard Profiles'!$G$19=$B$10,7,0)+IF('Standard Profiles'!$G$19=$B$17,14,0)+IF('Standard Profiles'!$G$19=$B$24,21,0),MOD($C5575,24)+1)/SUM(INDEX($D$3:$AA$30,INDEX(Jesper!$R$2:$R$366,ROW(INDEX(Jesper!AI$2:AI$366,ROUNDDOWN($C5575/24,0)+1,1))-1)+IF('Standard Profiles'!$G$19=$B$10,7,0)+IF('Standard Profiles'!$G$19=$B$17,14,0)+IF('Standard Profiles'!$G$19=$B$24,21,0),0)),0)</f>
        <v>2.6701539051528633</v>
      </c>
      <c r="F5575" cm="1">
        <f t="array" ref="F5575">IFERROR(INDEX(Jesper!AJ$2:AJ$366,ROUNDDOWN($C5575/24,0)+1,1)*INDEX($D$3:$AA$30,INDEX(Jesper!$R$2:$R$366,ROW(INDEX(Jesper!AJ$2:AJ$366,ROUNDDOWN($C5575/24,0)+1,1))-1)+IF('Standard Profiles'!$G$20=$B$10,7,0)+IF('Standard Profiles'!$G$20=$B$17,14,0)+IF('Standard Profiles'!$G$20=$B$24,21,0),MOD($C5575,24)+1)/SUM(INDEX($D$3:$AA$30,INDEX(Jesper!$R$2:$R$366,ROW(INDEX(Jesper!AJ$2:AJ$366,ROUNDDOWN($C5575/24,0)+1,1))-1)+IF('Standard Profiles'!$G$20=$B$10,7,0)+IF('Standard Profiles'!$G$20=$B$17,14,0)+IF('Standard Profiles'!$G$20=$B$24,21,0),0)),0)</f>
        <v>0.85263319735431398</v>
      </c>
      <c r="G5575" cm="1">
        <f t="array" ref="G5575">IFERROR(INDEX(Jesper!AK$2:AK$366,ROUNDDOWN($C5575/24,0)+1,1)*INDEX($D$3:$AA$30,INDEX(Jesper!$R$2:$R$366,ROW(INDEX(Jesper!AK$2:AK$366,ROUNDDOWN($C5575/24,0)+1,1))-1)+IF('Standard Profiles'!$G$21=$B$10,7,0)+IF('Standard Profiles'!$G$21=$B$17,14,0)+IF('Standard Profiles'!$G$21=$B$24,21,0),MOD($C5575,24)+1)/SUM(INDEX($D$3:$AA$30,INDEX(Jesper!$R$2:$R$366,ROW(INDEX(Jesper!AK$2:AK$366,ROUNDDOWN($C5575/24,0)+1,1))-1)+IF('Standard Profiles'!$G$21=$B$10,7,0)+IF('Standard Profiles'!$G$21=$B$17,14,0)+IF('Standard Profiles'!$G$21=$B$24,21,0),0)),0)</f>
        <v>0.28017242593782005</v>
      </c>
      <c r="H5575" cm="1">
        <f t="array" ref="H5575">IFERROR(INDEX(Jesper!AL$2:AL$366,ROUNDDOWN($C5575/24,0)+1,1)*INDEX($D$3:$AA$30,INDEX(Jesper!$R$2:$R$366,ROW(INDEX(Jesper!AL$2:AL$366,ROUNDDOWN($C5575/24,0)+1,1))-1)+IF('Standard Profiles'!$G$22=$B$10,7,0)+IF('Standard Profiles'!$G$22=$B$17,14,0)+IF('Standard Profiles'!$G$22=$B$24,21,0),MOD($C5575,24)+1)/SUM(INDEX($D$3:$AA$30,INDEX(Jesper!$R$2:$R$366,ROW(INDEX(Jesper!AL$2:AL$366,ROUNDDOWN($C5575/24,0)+1,1))-1)+IF('Standard Profiles'!$G$22=$B$10,7,0)+IF('Standard Profiles'!$G$22=$B$17,14,0)+IF('Standard Profiles'!$G$22=$B$24,21,0),0)),0)</f>
        <v>0</v>
      </c>
      <c r="I5575">
        <f t="shared" si="622"/>
        <v>0</v>
      </c>
      <c r="J5575">
        <f t="shared" si="623"/>
        <v>3.4825410598266537</v>
      </c>
      <c r="K5575">
        <f t="shared" si="624"/>
        <v>0.21361231241222908</v>
      </c>
      <c r="L5575">
        <f t="shared" si="625"/>
        <v>0.10680615620611454</v>
      </c>
      <c r="M5575">
        <f t="shared" si="626"/>
        <v>0</v>
      </c>
      <c r="N5575" s="45">
        <f t="shared" si="627"/>
        <v>45157.874999986561</v>
      </c>
    </row>
    <row r="5576" spans="2:14" x14ac:dyDescent="0.25">
      <c r="B5576">
        <f t="shared" si="621"/>
        <v>6</v>
      </c>
      <c r="C5576" s="16">
        <v>5542</v>
      </c>
      <c r="D5576" cm="1">
        <f t="array" ref="D5576">IFERROR(INDEX(Jesper!AH$2:AH$366,ROUNDDOWN($C5576/24,0)+1,1)*INDEX($D$3:$AA$30,INDEX(Jesper!$R$2:$R$366,ROW(INDEX(Jesper!AH$2:AH$366,ROUNDDOWN($C5576/24,0)+1,1))-1)+IF('Standard Profiles'!$G$18=$B$10,7,0)+IF('Standard Profiles'!$G$18=$B$17,14,0)+IF('Standard Profiles'!$G$18=$B$24,21,0),MOD($C5576,24)+1)/SUM(INDEX($D$3:$AA$30,INDEX(Jesper!$R$2:$R$366,ROW(INDEX(Jesper!AH$2:AH$366,ROUNDDOWN($C5576/24,0)+1,1))-1)+IF('Standard Profiles'!$G$18=$B$10,7,0)+IF('Standard Profiles'!$G$18=$B$17,14,0)+IF('Standard Profiles'!$G$18=$B$24,21,0),0)),0)</f>
        <v>0</v>
      </c>
      <c r="E5576" cm="1">
        <f t="array" ref="E5576">IFERROR(INDEX(Jesper!AI$2:AI$366,ROUNDDOWN($C5576/24,0)+1,1)*INDEX($D$3:$AA$30,INDEX(Jesper!$R$2:$R$366,ROW(INDEX(Jesper!AI$2:AI$366,ROUNDDOWN($C5576/24,0)+1,1))-1)+IF('Standard Profiles'!$G$19=$B$10,7,0)+IF('Standard Profiles'!$G$19=$B$17,14,0)+IF('Standard Profiles'!$G$19=$B$24,21,0),MOD($C5576,24)+1)/SUM(INDEX($D$3:$AA$30,INDEX(Jesper!$R$2:$R$366,ROW(INDEX(Jesper!AI$2:AI$366,ROUNDDOWN($C5576/24,0)+1,1))-1)+IF('Standard Profiles'!$G$19=$B$10,7,0)+IF('Standard Profiles'!$G$19=$B$17,14,0)+IF('Standard Profiles'!$G$19=$B$24,21,0),0)),0)</f>
        <v>2.6701539051528633</v>
      </c>
      <c r="F5576" cm="1">
        <f t="array" ref="F5576">IFERROR(INDEX(Jesper!AJ$2:AJ$366,ROUNDDOWN($C5576/24,0)+1,1)*INDEX($D$3:$AA$30,INDEX(Jesper!$R$2:$R$366,ROW(INDEX(Jesper!AJ$2:AJ$366,ROUNDDOWN($C5576/24,0)+1,1))-1)+IF('Standard Profiles'!$G$20=$B$10,7,0)+IF('Standard Profiles'!$G$20=$B$17,14,0)+IF('Standard Profiles'!$G$20=$B$24,21,0),MOD($C5576,24)+1)/SUM(INDEX($D$3:$AA$30,INDEX(Jesper!$R$2:$R$366,ROW(INDEX(Jesper!AJ$2:AJ$366,ROUNDDOWN($C5576/24,0)+1,1))-1)+IF('Standard Profiles'!$G$20=$B$10,7,0)+IF('Standard Profiles'!$G$20=$B$17,14,0)+IF('Standard Profiles'!$G$20=$B$24,21,0),0)),0)</f>
        <v>0.85263319735431398</v>
      </c>
      <c r="G5576" cm="1">
        <f t="array" ref="G5576">IFERROR(INDEX(Jesper!AK$2:AK$366,ROUNDDOWN($C5576/24,0)+1,1)*INDEX($D$3:$AA$30,INDEX(Jesper!$R$2:$R$366,ROW(INDEX(Jesper!AK$2:AK$366,ROUNDDOWN($C5576/24,0)+1,1))-1)+IF('Standard Profiles'!$G$21=$B$10,7,0)+IF('Standard Profiles'!$G$21=$B$17,14,0)+IF('Standard Profiles'!$G$21=$B$24,21,0),MOD($C5576,24)+1)/SUM(INDEX($D$3:$AA$30,INDEX(Jesper!$R$2:$R$366,ROW(INDEX(Jesper!AK$2:AK$366,ROUNDDOWN($C5576/24,0)+1,1))-1)+IF('Standard Profiles'!$G$21=$B$10,7,0)+IF('Standard Profiles'!$G$21=$B$17,14,0)+IF('Standard Profiles'!$G$21=$B$24,21,0),0)),0)</f>
        <v>0.28017242593782005</v>
      </c>
      <c r="H5576" cm="1">
        <f t="array" ref="H5576">IFERROR(INDEX(Jesper!AL$2:AL$366,ROUNDDOWN($C5576/24,0)+1,1)*INDEX($D$3:$AA$30,INDEX(Jesper!$R$2:$R$366,ROW(INDEX(Jesper!AL$2:AL$366,ROUNDDOWN($C5576/24,0)+1,1))-1)+IF('Standard Profiles'!$G$22=$B$10,7,0)+IF('Standard Profiles'!$G$22=$B$17,14,0)+IF('Standard Profiles'!$G$22=$B$24,21,0),MOD($C5576,24)+1)/SUM(INDEX($D$3:$AA$30,INDEX(Jesper!$R$2:$R$366,ROW(INDEX(Jesper!AL$2:AL$366,ROUNDDOWN($C5576/24,0)+1,1))-1)+IF('Standard Profiles'!$G$22=$B$10,7,0)+IF('Standard Profiles'!$G$22=$B$17,14,0)+IF('Standard Profiles'!$G$22=$B$24,21,0),0)),0)</f>
        <v>0</v>
      </c>
      <c r="I5576">
        <f t="shared" si="622"/>
        <v>0</v>
      </c>
      <c r="J5576">
        <f t="shared" si="623"/>
        <v>3.4825410598266537</v>
      </c>
      <c r="K5576">
        <f t="shared" si="624"/>
        <v>0.21361231241222908</v>
      </c>
      <c r="L5576">
        <f t="shared" si="625"/>
        <v>0.10680615620611454</v>
      </c>
      <c r="M5576">
        <f t="shared" si="626"/>
        <v>0</v>
      </c>
      <c r="N5576" s="45">
        <f t="shared" si="627"/>
        <v>45157.916666653226</v>
      </c>
    </row>
    <row r="5577" spans="2:14" x14ac:dyDescent="0.25">
      <c r="B5577">
        <f t="shared" si="621"/>
        <v>6</v>
      </c>
      <c r="C5577" s="16">
        <v>5543</v>
      </c>
      <c r="D5577" cm="1">
        <f t="array" ref="D5577">IFERROR(INDEX(Jesper!AH$2:AH$366,ROUNDDOWN($C5577/24,0)+1,1)*INDEX($D$3:$AA$30,INDEX(Jesper!$R$2:$R$366,ROW(INDEX(Jesper!AH$2:AH$366,ROUNDDOWN($C5577/24,0)+1,1))-1)+IF('Standard Profiles'!$G$18=$B$10,7,0)+IF('Standard Profiles'!$G$18=$B$17,14,0)+IF('Standard Profiles'!$G$18=$B$24,21,0),MOD($C5577,24)+1)/SUM(INDEX($D$3:$AA$30,INDEX(Jesper!$R$2:$R$366,ROW(INDEX(Jesper!AH$2:AH$366,ROUNDDOWN($C5577/24,0)+1,1))-1)+IF('Standard Profiles'!$G$18=$B$10,7,0)+IF('Standard Profiles'!$G$18=$B$17,14,0)+IF('Standard Profiles'!$G$18=$B$24,21,0),0)),0)</f>
        <v>0</v>
      </c>
      <c r="E5577" cm="1">
        <f t="array" ref="E5577">IFERROR(INDEX(Jesper!AI$2:AI$366,ROUNDDOWN($C5577/24,0)+1,1)*INDEX($D$3:$AA$30,INDEX(Jesper!$R$2:$R$366,ROW(INDEX(Jesper!AI$2:AI$366,ROUNDDOWN($C5577/24,0)+1,1))-1)+IF('Standard Profiles'!$G$19=$B$10,7,0)+IF('Standard Profiles'!$G$19=$B$17,14,0)+IF('Standard Profiles'!$G$19=$B$24,21,0),MOD($C5577,24)+1)/SUM(INDEX($D$3:$AA$30,INDEX(Jesper!$R$2:$R$366,ROW(INDEX(Jesper!AI$2:AI$366,ROUNDDOWN($C5577/24,0)+1,1))-1)+IF('Standard Profiles'!$G$19=$B$10,7,0)+IF('Standard Profiles'!$G$19=$B$17,14,0)+IF('Standard Profiles'!$G$19=$B$24,21,0),0)),0)</f>
        <v>2.6701539051528633</v>
      </c>
      <c r="F5577" cm="1">
        <f t="array" ref="F5577">IFERROR(INDEX(Jesper!AJ$2:AJ$366,ROUNDDOWN($C5577/24,0)+1,1)*INDEX($D$3:$AA$30,INDEX(Jesper!$R$2:$R$366,ROW(INDEX(Jesper!AJ$2:AJ$366,ROUNDDOWN($C5577/24,0)+1,1))-1)+IF('Standard Profiles'!$G$20=$B$10,7,0)+IF('Standard Profiles'!$G$20=$B$17,14,0)+IF('Standard Profiles'!$G$20=$B$24,21,0),MOD($C5577,24)+1)/SUM(INDEX($D$3:$AA$30,INDEX(Jesper!$R$2:$R$366,ROW(INDEX(Jesper!AJ$2:AJ$366,ROUNDDOWN($C5577/24,0)+1,1))-1)+IF('Standard Profiles'!$G$20=$B$10,7,0)+IF('Standard Profiles'!$G$20=$B$17,14,0)+IF('Standard Profiles'!$G$20=$B$24,21,0),0)),0)</f>
        <v>0.85263319735431398</v>
      </c>
      <c r="G5577" cm="1">
        <f t="array" ref="G5577">IFERROR(INDEX(Jesper!AK$2:AK$366,ROUNDDOWN($C5577/24,0)+1,1)*INDEX($D$3:$AA$30,INDEX(Jesper!$R$2:$R$366,ROW(INDEX(Jesper!AK$2:AK$366,ROUNDDOWN($C5577/24,0)+1,1))-1)+IF('Standard Profiles'!$G$21=$B$10,7,0)+IF('Standard Profiles'!$G$21=$B$17,14,0)+IF('Standard Profiles'!$G$21=$B$24,21,0),MOD($C5577,24)+1)/SUM(INDEX($D$3:$AA$30,INDEX(Jesper!$R$2:$R$366,ROW(INDEX(Jesper!AK$2:AK$366,ROUNDDOWN($C5577/24,0)+1,1))-1)+IF('Standard Profiles'!$G$21=$B$10,7,0)+IF('Standard Profiles'!$G$21=$B$17,14,0)+IF('Standard Profiles'!$G$21=$B$24,21,0),0)),0)</f>
        <v>0.28017242593782005</v>
      </c>
      <c r="H5577" cm="1">
        <f t="array" ref="H5577">IFERROR(INDEX(Jesper!AL$2:AL$366,ROUNDDOWN($C5577/24,0)+1,1)*INDEX($D$3:$AA$30,INDEX(Jesper!$R$2:$R$366,ROW(INDEX(Jesper!AL$2:AL$366,ROUNDDOWN($C5577/24,0)+1,1))-1)+IF('Standard Profiles'!$G$22=$B$10,7,0)+IF('Standard Profiles'!$G$22=$B$17,14,0)+IF('Standard Profiles'!$G$22=$B$24,21,0),MOD($C5577,24)+1)/SUM(INDEX($D$3:$AA$30,INDEX(Jesper!$R$2:$R$366,ROW(INDEX(Jesper!AL$2:AL$366,ROUNDDOWN($C5577/24,0)+1,1))-1)+IF('Standard Profiles'!$G$22=$B$10,7,0)+IF('Standard Profiles'!$G$22=$B$17,14,0)+IF('Standard Profiles'!$G$22=$B$24,21,0),0)),0)</f>
        <v>0</v>
      </c>
      <c r="I5577">
        <f t="shared" si="622"/>
        <v>0</v>
      </c>
      <c r="J5577">
        <f t="shared" si="623"/>
        <v>3.4825410598266537</v>
      </c>
      <c r="K5577">
        <f t="shared" si="624"/>
        <v>0.21361231241222908</v>
      </c>
      <c r="L5577">
        <f t="shared" si="625"/>
        <v>0.10680615620611454</v>
      </c>
      <c r="M5577">
        <f t="shared" si="626"/>
        <v>0</v>
      </c>
      <c r="N5577" s="45">
        <f t="shared" si="627"/>
        <v>45157.95833331989</v>
      </c>
    </row>
    <row r="5578" spans="2:14" x14ac:dyDescent="0.25">
      <c r="B5578">
        <f t="shared" si="621"/>
        <v>7</v>
      </c>
      <c r="C5578" s="16">
        <v>5544</v>
      </c>
      <c r="D5578" cm="1">
        <f t="array" ref="D5578">IFERROR(INDEX(Jesper!AH$2:AH$366,ROUNDDOWN($C5578/24,0)+1,1)*INDEX($D$3:$AA$30,INDEX(Jesper!$R$2:$R$366,ROW(INDEX(Jesper!AH$2:AH$366,ROUNDDOWN($C5578/24,0)+1,1))-1)+IF('Standard Profiles'!$G$18=$B$10,7,0)+IF('Standard Profiles'!$G$18=$B$17,14,0)+IF('Standard Profiles'!$G$18=$B$24,21,0),MOD($C5578,24)+1)/SUM(INDEX($D$3:$AA$30,INDEX(Jesper!$R$2:$R$366,ROW(INDEX(Jesper!AH$2:AH$366,ROUNDDOWN($C5578/24,0)+1,1))-1)+IF('Standard Profiles'!$G$18=$B$10,7,0)+IF('Standard Profiles'!$G$18=$B$17,14,0)+IF('Standard Profiles'!$G$18=$B$24,21,0),0)),0)</f>
        <v>0</v>
      </c>
      <c r="E5578" cm="1">
        <f t="array" ref="E5578">IFERROR(INDEX(Jesper!AI$2:AI$366,ROUNDDOWN($C5578/24,0)+1,1)*INDEX($D$3:$AA$30,INDEX(Jesper!$R$2:$R$366,ROW(INDEX(Jesper!AI$2:AI$366,ROUNDDOWN($C5578/24,0)+1,1))-1)+IF('Standard Profiles'!$G$19=$B$10,7,0)+IF('Standard Profiles'!$G$19=$B$17,14,0)+IF('Standard Profiles'!$G$19=$B$24,21,0),MOD($C5578,24)+1)/SUM(INDEX($D$3:$AA$30,INDEX(Jesper!$R$2:$R$366,ROW(INDEX(Jesper!AI$2:AI$366,ROUNDDOWN($C5578/24,0)+1,1))-1)+IF('Standard Profiles'!$G$19=$B$10,7,0)+IF('Standard Profiles'!$G$19=$B$17,14,0)+IF('Standard Profiles'!$G$19=$B$24,21,0),0)),0)</f>
        <v>2.6657748205494873</v>
      </c>
      <c r="F5578" cm="1">
        <f t="array" ref="F5578">IFERROR(INDEX(Jesper!AJ$2:AJ$366,ROUNDDOWN($C5578/24,0)+1,1)*INDEX($D$3:$AA$30,INDEX(Jesper!$R$2:$R$366,ROW(INDEX(Jesper!AJ$2:AJ$366,ROUNDDOWN($C5578/24,0)+1,1))-1)+IF('Standard Profiles'!$G$20=$B$10,7,0)+IF('Standard Profiles'!$G$20=$B$17,14,0)+IF('Standard Profiles'!$G$20=$B$24,21,0),MOD($C5578,24)+1)/SUM(INDEX($D$3:$AA$30,INDEX(Jesper!$R$2:$R$366,ROW(INDEX(Jesper!AJ$2:AJ$366,ROUNDDOWN($C5578/24,0)+1,1))-1)+IF('Standard Profiles'!$G$20=$B$10,7,0)+IF('Standard Profiles'!$G$20=$B$17,14,0)+IF('Standard Profiles'!$G$20=$B$24,21,0),0)),0)</f>
        <v>0.7488288843587767</v>
      </c>
      <c r="G5578" cm="1">
        <f t="array" ref="G5578">IFERROR(INDEX(Jesper!AK$2:AK$366,ROUNDDOWN($C5578/24,0)+1,1)*INDEX($D$3:$AA$30,INDEX(Jesper!$R$2:$R$366,ROW(INDEX(Jesper!AK$2:AK$366,ROUNDDOWN($C5578/24,0)+1,1))-1)+IF('Standard Profiles'!$G$21=$B$10,7,0)+IF('Standard Profiles'!$G$21=$B$17,14,0)+IF('Standard Profiles'!$G$21=$B$24,21,0),MOD($C5578,24)+1)/SUM(INDEX($D$3:$AA$30,INDEX(Jesper!$R$2:$R$366,ROW(INDEX(Jesper!AK$2:AK$366,ROUNDDOWN($C5578/24,0)+1,1))-1)+IF('Standard Profiles'!$G$21=$B$10,7,0)+IF('Standard Profiles'!$G$21=$B$17,14,0)+IF('Standard Profiles'!$G$21=$B$24,21,0),0)),0)</f>
        <v>0.14896702300440484</v>
      </c>
      <c r="H5578" cm="1">
        <f t="array" ref="H5578">IFERROR(INDEX(Jesper!AL$2:AL$366,ROUNDDOWN($C5578/24,0)+1,1)*INDEX($D$3:$AA$30,INDEX(Jesper!$R$2:$R$366,ROW(INDEX(Jesper!AL$2:AL$366,ROUNDDOWN($C5578/24,0)+1,1))-1)+IF('Standard Profiles'!$G$22=$B$10,7,0)+IF('Standard Profiles'!$G$22=$B$17,14,0)+IF('Standard Profiles'!$G$22=$B$24,21,0),MOD($C5578,24)+1)/SUM(INDEX($D$3:$AA$30,INDEX(Jesper!$R$2:$R$366,ROW(INDEX(Jesper!AL$2:AL$366,ROUNDDOWN($C5578/24,0)+1,1))-1)+IF('Standard Profiles'!$G$22=$B$10,7,0)+IF('Standard Profiles'!$G$22=$B$17,14,0)+IF('Standard Profiles'!$G$22=$B$24,21,0),0)),0)</f>
        <v>0</v>
      </c>
      <c r="I5578">
        <f t="shared" si="622"/>
        <v>0</v>
      </c>
      <c r="J5578">
        <f t="shared" si="623"/>
        <v>3.2436777494467308</v>
      </c>
      <c r="K5578">
        <f t="shared" si="624"/>
        <v>0.21326198564395898</v>
      </c>
      <c r="L5578">
        <f t="shared" si="625"/>
        <v>0.10663099282197949</v>
      </c>
      <c r="M5578">
        <f t="shared" si="626"/>
        <v>0</v>
      </c>
      <c r="N5578" s="45">
        <f t="shared" si="627"/>
        <v>45157.999999986554</v>
      </c>
    </row>
    <row r="5579" spans="2:14" x14ac:dyDescent="0.25">
      <c r="B5579">
        <f t="shared" si="621"/>
        <v>7</v>
      </c>
      <c r="C5579" s="16">
        <v>5545</v>
      </c>
      <c r="D5579" cm="1">
        <f t="array" ref="D5579">IFERROR(INDEX(Jesper!AH$2:AH$366,ROUNDDOWN($C5579/24,0)+1,1)*INDEX($D$3:$AA$30,INDEX(Jesper!$R$2:$R$366,ROW(INDEX(Jesper!AH$2:AH$366,ROUNDDOWN($C5579/24,0)+1,1))-1)+IF('Standard Profiles'!$G$18=$B$10,7,0)+IF('Standard Profiles'!$G$18=$B$17,14,0)+IF('Standard Profiles'!$G$18=$B$24,21,0),MOD($C5579,24)+1)/SUM(INDEX($D$3:$AA$30,INDEX(Jesper!$R$2:$R$366,ROW(INDEX(Jesper!AH$2:AH$366,ROUNDDOWN($C5579/24,0)+1,1))-1)+IF('Standard Profiles'!$G$18=$B$10,7,0)+IF('Standard Profiles'!$G$18=$B$17,14,0)+IF('Standard Profiles'!$G$18=$B$24,21,0),0)),0)</f>
        <v>0</v>
      </c>
      <c r="E5579" cm="1">
        <f t="array" ref="E5579">IFERROR(INDEX(Jesper!AI$2:AI$366,ROUNDDOWN($C5579/24,0)+1,1)*INDEX($D$3:$AA$30,INDEX(Jesper!$R$2:$R$366,ROW(INDEX(Jesper!AI$2:AI$366,ROUNDDOWN($C5579/24,0)+1,1))-1)+IF('Standard Profiles'!$G$19=$B$10,7,0)+IF('Standard Profiles'!$G$19=$B$17,14,0)+IF('Standard Profiles'!$G$19=$B$24,21,0),MOD($C5579,24)+1)/SUM(INDEX($D$3:$AA$30,INDEX(Jesper!$R$2:$R$366,ROW(INDEX(Jesper!AI$2:AI$366,ROUNDDOWN($C5579/24,0)+1,1))-1)+IF('Standard Profiles'!$G$19=$B$10,7,0)+IF('Standard Profiles'!$G$19=$B$17,14,0)+IF('Standard Profiles'!$G$19=$B$24,21,0),0)),0)</f>
        <v>2.6657748205494873</v>
      </c>
      <c r="F5579" cm="1">
        <f t="array" ref="F5579">IFERROR(INDEX(Jesper!AJ$2:AJ$366,ROUNDDOWN($C5579/24,0)+1,1)*INDEX($D$3:$AA$30,INDEX(Jesper!$R$2:$R$366,ROW(INDEX(Jesper!AJ$2:AJ$366,ROUNDDOWN($C5579/24,0)+1,1))-1)+IF('Standard Profiles'!$G$20=$B$10,7,0)+IF('Standard Profiles'!$G$20=$B$17,14,0)+IF('Standard Profiles'!$G$20=$B$24,21,0),MOD($C5579,24)+1)/SUM(INDEX($D$3:$AA$30,INDEX(Jesper!$R$2:$R$366,ROW(INDEX(Jesper!AJ$2:AJ$366,ROUNDDOWN($C5579/24,0)+1,1))-1)+IF('Standard Profiles'!$G$20=$B$10,7,0)+IF('Standard Profiles'!$G$20=$B$17,14,0)+IF('Standard Profiles'!$G$20=$B$24,21,0),0)),0)</f>
        <v>0.7488288843587767</v>
      </c>
      <c r="G5579" cm="1">
        <f t="array" ref="G5579">IFERROR(INDEX(Jesper!AK$2:AK$366,ROUNDDOWN($C5579/24,0)+1,1)*INDEX($D$3:$AA$30,INDEX(Jesper!$R$2:$R$366,ROW(INDEX(Jesper!AK$2:AK$366,ROUNDDOWN($C5579/24,0)+1,1))-1)+IF('Standard Profiles'!$G$21=$B$10,7,0)+IF('Standard Profiles'!$G$21=$B$17,14,0)+IF('Standard Profiles'!$G$21=$B$24,21,0),MOD($C5579,24)+1)/SUM(INDEX($D$3:$AA$30,INDEX(Jesper!$R$2:$R$366,ROW(INDEX(Jesper!AK$2:AK$366,ROUNDDOWN($C5579/24,0)+1,1))-1)+IF('Standard Profiles'!$G$21=$B$10,7,0)+IF('Standard Profiles'!$G$21=$B$17,14,0)+IF('Standard Profiles'!$G$21=$B$24,21,0),0)),0)</f>
        <v>0.14896702300440484</v>
      </c>
      <c r="H5579" cm="1">
        <f t="array" ref="H5579">IFERROR(INDEX(Jesper!AL$2:AL$366,ROUNDDOWN($C5579/24,0)+1,1)*INDEX($D$3:$AA$30,INDEX(Jesper!$R$2:$R$366,ROW(INDEX(Jesper!AL$2:AL$366,ROUNDDOWN($C5579/24,0)+1,1))-1)+IF('Standard Profiles'!$G$22=$B$10,7,0)+IF('Standard Profiles'!$G$22=$B$17,14,0)+IF('Standard Profiles'!$G$22=$B$24,21,0),MOD($C5579,24)+1)/SUM(INDEX($D$3:$AA$30,INDEX(Jesper!$R$2:$R$366,ROW(INDEX(Jesper!AL$2:AL$366,ROUNDDOWN($C5579/24,0)+1,1))-1)+IF('Standard Profiles'!$G$22=$B$10,7,0)+IF('Standard Profiles'!$G$22=$B$17,14,0)+IF('Standard Profiles'!$G$22=$B$24,21,0),0)),0)</f>
        <v>0</v>
      </c>
      <c r="I5579">
        <f t="shared" si="622"/>
        <v>0</v>
      </c>
      <c r="J5579">
        <f t="shared" si="623"/>
        <v>3.2436777494467308</v>
      </c>
      <c r="K5579">
        <f t="shared" si="624"/>
        <v>0.21326198564395898</v>
      </c>
      <c r="L5579">
        <f t="shared" si="625"/>
        <v>0.10663099282197949</v>
      </c>
      <c r="M5579">
        <f t="shared" si="626"/>
        <v>0</v>
      </c>
      <c r="N5579" s="45">
        <f t="shared" si="627"/>
        <v>45158.041666653218</v>
      </c>
    </row>
    <row r="5580" spans="2:14" x14ac:dyDescent="0.25">
      <c r="B5580">
        <f t="shared" si="621"/>
        <v>7</v>
      </c>
      <c r="C5580" s="16">
        <v>5546</v>
      </c>
      <c r="D5580" cm="1">
        <f t="array" ref="D5580">IFERROR(INDEX(Jesper!AH$2:AH$366,ROUNDDOWN($C5580/24,0)+1,1)*INDEX($D$3:$AA$30,INDEX(Jesper!$R$2:$R$366,ROW(INDEX(Jesper!AH$2:AH$366,ROUNDDOWN($C5580/24,0)+1,1))-1)+IF('Standard Profiles'!$G$18=$B$10,7,0)+IF('Standard Profiles'!$G$18=$B$17,14,0)+IF('Standard Profiles'!$G$18=$B$24,21,0),MOD($C5580,24)+1)/SUM(INDEX($D$3:$AA$30,INDEX(Jesper!$R$2:$R$366,ROW(INDEX(Jesper!AH$2:AH$366,ROUNDDOWN($C5580/24,0)+1,1))-1)+IF('Standard Profiles'!$G$18=$B$10,7,0)+IF('Standard Profiles'!$G$18=$B$17,14,0)+IF('Standard Profiles'!$G$18=$B$24,21,0),0)),0)</f>
        <v>0</v>
      </c>
      <c r="E5580" cm="1">
        <f t="array" ref="E5580">IFERROR(INDEX(Jesper!AI$2:AI$366,ROUNDDOWN($C5580/24,0)+1,1)*INDEX($D$3:$AA$30,INDEX(Jesper!$R$2:$R$366,ROW(INDEX(Jesper!AI$2:AI$366,ROUNDDOWN($C5580/24,0)+1,1))-1)+IF('Standard Profiles'!$G$19=$B$10,7,0)+IF('Standard Profiles'!$G$19=$B$17,14,0)+IF('Standard Profiles'!$G$19=$B$24,21,0),MOD($C5580,24)+1)/SUM(INDEX($D$3:$AA$30,INDEX(Jesper!$R$2:$R$366,ROW(INDEX(Jesper!AI$2:AI$366,ROUNDDOWN($C5580/24,0)+1,1))-1)+IF('Standard Profiles'!$G$19=$B$10,7,0)+IF('Standard Profiles'!$G$19=$B$17,14,0)+IF('Standard Profiles'!$G$19=$B$24,21,0),0)),0)</f>
        <v>2.6657748205494873</v>
      </c>
      <c r="F5580" cm="1">
        <f t="array" ref="F5580">IFERROR(INDEX(Jesper!AJ$2:AJ$366,ROUNDDOWN($C5580/24,0)+1,1)*INDEX($D$3:$AA$30,INDEX(Jesper!$R$2:$R$366,ROW(INDEX(Jesper!AJ$2:AJ$366,ROUNDDOWN($C5580/24,0)+1,1))-1)+IF('Standard Profiles'!$G$20=$B$10,7,0)+IF('Standard Profiles'!$G$20=$B$17,14,0)+IF('Standard Profiles'!$G$20=$B$24,21,0),MOD($C5580,24)+1)/SUM(INDEX($D$3:$AA$30,INDEX(Jesper!$R$2:$R$366,ROW(INDEX(Jesper!AJ$2:AJ$366,ROUNDDOWN($C5580/24,0)+1,1))-1)+IF('Standard Profiles'!$G$20=$B$10,7,0)+IF('Standard Profiles'!$G$20=$B$17,14,0)+IF('Standard Profiles'!$G$20=$B$24,21,0),0)),0)</f>
        <v>0.7488288843587767</v>
      </c>
      <c r="G5580" cm="1">
        <f t="array" ref="G5580">IFERROR(INDEX(Jesper!AK$2:AK$366,ROUNDDOWN($C5580/24,0)+1,1)*INDEX($D$3:$AA$30,INDEX(Jesper!$R$2:$R$366,ROW(INDEX(Jesper!AK$2:AK$366,ROUNDDOWN($C5580/24,0)+1,1))-1)+IF('Standard Profiles'!$G$21=$B$10,7,0)+IF('Standard Profiles'!$G$21=$B$17,14,0)+IF('Standard Profiles'!$G$21=$B$24,21,0),MOD($C5580,24)+1)/SUM(INDEX($D$3:$AA$30,INDEX(Jesper!$R$2:$R$366,ROW(INDEX(Jesper!AK$2:AK$366,ROUNDDOWN($C5580/24,0)+1,1))-1)+IF('Standard Profiles'!$G$21=$B$10,7,0)+IF('Standard Profiles'!$G$21=$B$17,14,0)+IF('Standard Profiles'!$G$21=$B$24,21,0),0)),0)</f>
        <v>0.14896702300440484</v>
      </c>
      <c r="H5580" cm="1">
        <f t="array" ref="H5580">IFERROR(INDEX(Jesper!AL$2:AL$366,ROUNDDOWN($C5580/24,0)+1,1)*INDEX($D$3:$AA$30,INDEX(Jesper!$R$2:$R$366,ROW(INDEX(Jesper!AL$2:AL$366,ROUNDDOWN($C5580/24,0)+1,1))-1)+IF('Standard Profiles'!$G$22=$B$10,7,0)+IF('Standard Profiles'!$G$22=$B$17,14,0)+IF('Standard Profiles'!$G$22=$B$24,21,0),MOD($C5580,24)+1)/SUM(INDEX($D$3:$AA$30,INDEX(Jesper!$R$2:$R$366,ROW(INDEX(Jesper!AL$2:AL$366,ROUNDDOWN($C5580/24,0)+1,1))-1)+IF('Standard Profiles'!$G$22=$B$10,7,0)+IF('Standard Profiles'!$G$22=$B$17,14,0)+IF('Standard Profiles'!$G$22=$B$24,21,0),0)),0)</f>
        <v>0</v>
      </c>
      <c r="I5580">
        <f t="shared" si="622"/>
        <v>0</v>
      </c>
      <c r="J5580">
        <f t="shared" si="623"/>
        <v>3.2436777494467308</v>
      </c>
      <c r="K5580">
        <f t="shared" si="624"/>
        <v>0.21326198564395898</v>
      </c>
      <c r="L5580">
        <f t="shared" si="625"/>
        <v>0.10663099282197949</v>
      </c>
      <c r="M5580">
        <f t="shared" si="626"/>
        <v>0</v>
      </c>
      <c r="N5580" s="45">
        <f t="shared" si="627"/>
        <v>45158.083333319883</v>
      </c>
    </row>
    <row r="5581" spans="2:14" x14ac:dyDescent="0.25">
      <c r="B5581">
        <f t="shared" si="621"/>
        <v>7</v>
      </c>
      <c r="C5581" s="16">
        <v>5547</v>
      </c>
      <c r="D5581" cm="1">
        <f t="array" ref="D5581">IFERROR(INDEX(Jesper!AH$2:AH$366,ROUNDDOWN($C5581/24,0)+1,1)*INDEX($D$3:$AA$30,INDEX(Jesper!$R$2:$R$366,ROW(INDEX(Jesper!AH$2:AH$366,ROUNDDOWN($C5581/24,0)+1,1))-1)+IF('Standard Profiles'!$G$18=$B$10,7,0)+IF('Standard Profiles'!$G$18=$B$17,14,0)+IF('Standard Profiles'!$G$18=$B$24,21,0),MOD($C5581,24)+1)/SUM(INDEX($D$3:$AA$30,INDEX(Jesper!$R$2:$R$366,ROW(INDEX(Jesper!AH$2:AH$366,ROUNDDOWN($C5581/24,0)+1,1))-1)+IF('Standard Profiles'!$G$18=$B$10,7,0)+IF('Standard Profiles'!$G$18=$B$17,14,0)+IF('Standard Profiles'!$G$18=$B$24,21,0),0)),0)</f>
        <v>0</v>
      </c>
      <c r="E5581" cm="1">
        <f t="array" ref="E5581">IFERROR(INDEX(Jesper!AI$2:AI$366,ROUNDDOWN($C5581/24,0)+1,1)*INDEX($D$3:$AA$30,INDEX(Jesper!$R$2:$R$366,ROW(INDEX(Jesper!AI$2:AI$366,ROUNDDOWN($C5581/24,0)+1,1))-1)+IF('Standard Profiles'!$G$19=$B$10,7,0)+IF('Standard Profiles'!$G$19=$B$17,14,0)+IF('Standard Profiles'!$G$19=$B$24,21,0),MOD($C5581,24)+1)/SUM(INDEX($D$3:$AA$30,INDEX(Jesper!$R$2:$R$366,ROW(INDEX(Jesper!AI$2:AI$366,ROUNDDOWN($C5581/24,0)+1,1))-1)+IF('Standard Profiles'!$G$19=$B$10,7,0)+IF('Standard Profiles'!$G$19=$B$17,14,0)+IF('Standard Profiles'!$G$19=$B$24,21,0),0)),0)</f>
        <v>2.6657748205494873</v>
      </c>
      <c r="F5581" cm="1">
        <f t="array" ref="F5581">IFERROR(INDEX(Jesper!AJ$2:AJ$366,ROUNDDOWN($C5581/24,0)+1,1)*INDEX($D$3:$AA$30,INDEX(Jesper!$R$2:$R$366,ROW(INDEX(Jesper!AJ$2:AJ$366,ROUNDDOWN($C5581/24,0)+1,1))-1)+IF('Standard Profiles'!$G$20=$B$10,7,0)+IF('Standard Profiles'!$G$20=$B$17,14,0)+IF('Standard Profiles'!$G$20=$B$24,21,0),MOD($C5581,24)+1)/SUM(INDEX($D$3:$AA$30,INDEX(Jesper!$R$2:$R$366,ROW(INDEX(Jesper!AJ$2:AJ$366,ROUNDDOWN($C5581/24,0)+1,1))-1)+IF('Standard Profiles'!$G$20=$B$10,7,0)+IF('Standard Profiles'!$G$20=$B$17,14,0)+IF('Standard Profiles'!$G$20=$B$24,21,0),0)),0)</f>
        <v>0.7488288843587767</v>
      </c>
      <c r="G5581" cm="1">
        <f t="array" ref="G5581">IFERROR(INDEX(Jesper!AK$2:AK$366,ROUNDDOWN($C5581/24,0)+1,1)*INDEX($D$3:$AA$30,INDEX(Jesper!$R$2:$R$366,ROW(INDEX(Jesper!AK$2:AK$366,ROUNDDOWN($C5581/24,0)+1,1))-1)+IF('Standard Profiles'!$G$21=$B$10,7,0)+IF('Standard Profiles'!$G$21=$B$17,14,0)+IF('Standard Profiles'!$G$21=$B$24,21,0),MOD($C5581,24)+1)/SUM(INDEX($D$3:$AA$30,INDEX(Jesper!$R$2:$R$366,ROW(INDEX(Jesper!AK$2:AK$366,ROUNDDOWN($C5581/24,0)+1,1))-1)+IF('Standard Profiles'!$G$21=$B$10,7,0)+IF('Standard Profiles'!$G$21=$B$17,14,0)+IF('Standard Profiles'!$G$21=$B$24,21,0),0)),0)</f>
        <v>0.14896702300440484</v>
      </c>
      <c r="H5581" cm="1">
        <f t="array" ref="H5581">IFERROR(INDEX(Jesper!AL$2:AL$366,ROUNDDOWN($C5581/24,0)+1,1)*INDEX($D$3:$AA$30,INDEX(Jesper!$R$2:$R$366,ROW(INDEX(Jesper!AL$2:AL$366,ROUNDDOWN($C5581/24,0)+1,1))-1)+IF('Standard Profiles'!$G$22=$B$10,7,0)+IF('Standard Profiles'!$G$22=$B$17,14,0)+IF('Standard Profiles'!$G$22=$B$24,21,0),MOD($C5581,24)+1)/SUM(INDEX($D$3:$AA$30,INDEX(Jesper!$R$2:$R$366,ROW(INDEX(Jesper!AL$2:AL$366,ROUNDDOWN($C5581/24,0)+1,1))-1)+IF('Standard Profiles'!$G$22=$B$10,7,0)+IF('Standard Profiles'!$G$22=$B$17,14,0)+IF('Standard Profiles'!$G$22=$B$24,21,0),0)),0)</f>
        <v>0</v>
      </c>
      <c r="I5581">
        <f t="shared" si="622"/>
        <v>0</v>
      </c>
      <c r="J5581">
        <f t="shared" si="623"/>
        <v>3.2436777494467308</v>
      </c>
      <c r="K5581">
        <f t="shared" si="624"/>
        <v>0.21326198564395898</v>
      </c>
      <c r="L5581">
        <f t="shared" si="625"/>
        <v>0.10663099282197949</v>
      </c>
      <c r="M5581">
        <f t="shared" si="626"/>
        <v>0</v>
      </c>
      <c r="N5581" s="45">
        <f t="shared" si="627"/>
        <v>45158.124999986547</v>
      </c>
    </row>
    <row r="5582" spans="2:14" x14ac:dyDescent="0.25">
      <c r="B5582">
        <f t="shared" si="621"/>
        <v>7</v>
      </c>
      <c r="C5582" s="16">
        <v>5548</v>
      </c>
      <c r="D5582" cm="1">
        <f t="array" ref="D5582">IFERROR(INDEX(Jesper!AH$2:AH$366,ROUNDDOWN($C5582/24,0)+1,1)*INDEX($D$3:$AA$30,INDEX(Jesper!$R$2:$R$366,ROW(INDEX(Jesper!AH$2:AH$366,ROUNDDOWN($C5582/24,0)+1,1))-1)+IF('Standard Profiles'!$G$18=$B$10,7,0)+IF('Standard Profiles'!$G$18=$B$17,14,0)+IF('Standard Profiles'!$G$18=$B$24,21,0),MOD($C5582,24)+1)/SUM(INDEX($D$3:$AA$30,INDEX(Jesper!$R$2:$R$366,ROW(INDEX(Jesper!AH$2:AH$366,ROUNDDOWN($C5582/24,0)+1,1))-1)+IF('Standard Profiles'!$G$18=$B$10,7,0)+IF('Standard Profiles'!$G$18=$B$17,14,0)+IF('Standard Profiles'!$G$18=$B$24,21,0),0)),0)</f>
        <v>0</v>
      </c>
      <c r="E5582" cm="1">
        <f t="array" ref="E5582">IFERROR(INDEX(Jesper!AI$2:AI$366,ROUNDDOWN($C5582/24,0)+1,1)*INDEX($D$3:$AA$30,INDEX(Jesper!$R$2:$R$366,ROW(INDEX(Jesper!AI$2:AI$366,ROUNDDOWN($C5582/24,0)+1,1))-1)+IF('Standard Profiles'!$G$19=$B$10,7,0)+IF('Standard Profiles'!$G$19=$B$17,14,0)+IF('Standard Profiles'!$G$19=$B$24,21,0),MOD($C5582,24)+1)/SUM(INDEX($D$3:$AA$30,INDEX(Jesper!$R$2:$R$366,ROW(INDEX(Jesper!AI$2:AI$366,ROUNDDOWN($C5582/24,0)+1,1))-1)+IF('Standard Profiles'!$G$19=$B$10,7,0)+IF('Standard Profiles'!$G$19=$B$17,14,0)+IF('Standard Profiles'!$G$19=$B$24,21,0),0)),0)</f>
        <v>2.6657748205494873</v>
      </c>
      <c r="F5582" cm="1">
        <f t="array" ref="F5582">IFERROR(INDEX(Jesper!AJ$2:AJ$366,ROUNDDOWN($C5582/24,0)+1,1)*INDEX($D$3:$AA$30,INDEX(Jesper!$R$2:$R$366,ROW(INDEX(Jesper!AJ$2:AJ$366,ROUNDDOWN($C5582/24,0)+1,1))-1)+IF('Standard Profiles'!$G$20=$B$10,7,0)+IF('Standard Profiles'!$G$20=$B$17,14,0)+IF('Standard Profiles'!$G$20=$B$24,21,0),MOD($C5582,24)+1)/SUM(INDEX($D$3:$AA$30,INDEX(Jesper!$R$2:$R$366,ROW(INDEX(Jesper!AJ$2:AJ$366,ROUNDDOWN($C5582/24,0)+1,1))-1)+IF('Standard Profiles'!$G$20=$B$10,7,0)+IF('Standard Profiles'!$G$20=$B$17,14,0)+IF('Standard Profiles'!$G$20=$B$24,21,0),0)),0)</f>
        <v>0.7488288843587767</v>
      </c>
      <c r="G5582" cm="1">
        <f t="array" ref="G5582">IFERROR(INDEX(Jesper!AK$2:AK$366,ROUNDDOWN($C5582/24,0)+1,1)*INDEX($D$3:$AA$30,INDEX(Jesper!$R$2:$R$366,ROW(INDEX(Jesper!AK$2:AK$366,ROUNDDOWN($C5582/24,0)+1,1))-1)+IF('Standard Profiles'!$G$21=$B$10,7,0)+IF('Standard Profiles'!$G$21=$B$17,14,0)+IF('Standard Profiles'!$G$21=$B$24,21,0),MOD($C5582,24)+1)/SUM(INDEX($D$3:$AA$30,INDEX(Jesper!$R$2:$R$366,ROW(INDEX(Jesper!AK$2:AK$366,ROUNDDOWN($C5582/24,0)+1,1))-1)+IF('Standard Profiles'!$G$21=$B$10,7,0)+IF('Standard Profiles'!$G$21=$B$17,14,0)+IF('Standard Profiles'!$G$21=$B$24,21,0),0)),0)</f>
        <v>0.14896702300440484</v>
      </c>
      <c r="H5582" cm="1">
        <f t="array" ref="H5582">IFERROR(INDEX(Jesper!AL$2:AL$366,ROUNDDOWN($C5582/24,0)+1,1)*INDEX($D$3:$AA$30,INDEX(Jesper!$R$2:$R$366,ROW(INDEX(Jesper!AL$2:AL$366,ROUNDDOWN($C5582/24,0)+1,1))-1)+IF('Standard Profiles'!$G$22=$B$10,7,0)+IF('Standard Profiles'!$G$22=$B$17,14,0)+IF('Standard Profiles'!$G$22=$B$24,21,0),MOD($C5582,24)+1)/SUM(INDEX($D$3:$AA$30,INDEX(Jesper!$R$2:$R$366,ROW(INDEX(Jesper!AL$2:AL$366,ROUNDDOWN($C5582/24,0)+1,1))-1)+IF('Standard Profiles'!$G$22=$B$10,7,0)+IF('Standard Profiles'!$G$22=$B$17,14,0)+IF('Standard Profiles'!$G$22=$B$24,21,0),0)),0)</f>
        <v>0</v>
      </c>
      <c r="I5582">
        <f t="shared" si="622"/>
        <v>0</v>
      </c>
      <c r="J5582">
        <f t="shared" si="623"/>
        <v>3.2436777494467308</v>
      </c>
      <c r="K5582">
        <f t="shared" si="624"/>
        <v>0.21326198564395898</v>
      </c>
      <c r="L5582">
        <f t="shared" si="625"/>
        <v>0.10663099282197949</v>
      </c>
      <c r="M5582">
        <f t="shared" si="626"/>
        <v>0</v>
      </c>
      <c r="N5582" s="45">
        <f t="shared" si="627"/>
        <v>45158.166666653211</v>
      </c>
    </row>
    <row r="5583" spans="2:14" x14ac:dyDescent="0.25">
      <c r="B5583">
        <f t="shared" si="621"/>
        <v>7</v>
      </c>
      <c r="C5583" s="16">
        <v>5549</v>
      </c>
      <c r="D5583" cm="1">
        <f t="array" ref="D5583">IFERROR(INDEX(Jesper!AH$2:AH$366,ROUNDDOWN($C5583/24,0)+1,1)*INDEX($D$3:$AA$30,INDEX(Jesper!$R$2:$R$366,ROW(INDEX(Jesper!AH$2:AH$366,ROUNDDOWN($C5583/24,0)+1,1))-1)+IF('Standard Profiles'!$G$18=$B$10,7,0)+IF('Standard Profiles'!$G$18=$B$17,14,0)+IF('Standard Profiles'!$G$18=$B$24,21,0),MOD($C5583,24)+1)/SUM(INDEX($D$3:$AA$30,INDEX(Jesper!$R$2:$R$366,ROW(INDEX(Jesper!AH$2:AH$366,ROUNDDOWN($C5583/24,0)+1,1))-1)+IF('Standard Profiles'!$G$18=$B$10,7,0)+IF('Standard Profiles'!$G$18=$B$17,14,0)+IF('Standard Profiles'!$G$18=$B$24,21,0),0)),0)</f>
        <v>0</v>
      </c>
      <c r="E5583" cm="1">
        <f t="array" ref="E5583">IFERROR(INDEX(Jesper!AI$2:AI$366,ROUNDDOWN($C5583/24,0)+1,1)*INDEX($D$3:$AA$30,INDEX(Jesper!$R$2:$R$366,ROW(INDEX(Jesper!AI$2:AI$366,ROUNDDOWN($C5583/24,0)+1,1))-1)+IF('Standard Profiles'!$G$19=$B$10,7,0)+IF('Standard Profiles'!$G$19=$B$17,14,0)+IF('Standard Profiles'!$G$19=$B$24,21,0),MOD($C5583,24)+1)/SUM(INDEX($D$3:$AA$30,INDEX(Jesper!$R$2:$R$366,ROW(INDEX(Jesper!AI$2:AI$366,ROUNDDOWN($C5583/24,0)+1,1))-1)+IF('Standard Profiles'!$G$19=$B$10,7,0)+IF('Standard Profiles'!$G$19=$B$17,14,0)+IF('Standard Profiles'!$G$19=$B$24,21,0),0)),0)</f>
        <v>2.6657748205494873</v>
      </c>
      <c r="F5583" cm="1">
        <f t="array" ref="F5583">IFERROR(INDEX(Jesper!AJ$2:AJ$366,ROUNDDOWN($C5583/24,0)+1,1)*INDEX($D$3:$AA$30,INDEX(Jesper!$R$2:$R$366,ROW(INDEX(Jesper!AJ$2:AJ$366,ROUNDDOWN($C5583/24,0)+1,1))-1)+IF('Standard Profiles'!$G$20=$B$10,7,0)+IF('Standard Profiles'!$G$20=$B$17,14,0)+IF('Standard Profiles'!$G$20=$B$24,21,0),MOD($C5583,24)+1)/SUM(INDEX($D$3:$AA$30,INDEX(Jesper!$R$2:$R$366,ROW(INDEX(Jesper!AJ$2:AJ$366,ROUNDDOWN($C5583/24,0)+1,1))-1)+IF('Standard Profiles'!$G$20=$B$10,7,0)+IF('Standard Profiles'!$G$20=$B$17,14,0)+IF('Standard Profiles'!$G$20=$B$24,21,0),0)),0)</f>
        <v>0.7488288843587767</v>
      </c>
      <c r="G5583" cm="1">
        <f t="array" ref="G5583">IFERROR(INDEX(Jesper!AK$2:AK$366,ROUNDDOWN($C5583/24,0)+1,1)*INDEX($D$3:$AA$30,INDEX(Jesper!$R$2:$R$366,ROW(INDEX(Jesper!AK$2:AK$366,ROUNDDOWN($C5583/24,0)+1,1))-1)+IF('Standard Profiles'!$G$21=$B$10,7,0)+IF('Standard Profiles'!$G$21=$B$17,14,0)+IF('Standard Profiles'!$G$21=$B$24,21,0),MOD($C5583,24)+1)/SUM(INDEX($D$3:$AA$30,INDEX(Jesper!$R$2:$R$366,ROW(INDEX(Jesper!AK$2:AK$366,ROUNDDOWN($C5583/24,0)+1,1))-1)+IF('Standard Profiles'!$G$21=$B$10,7,0)+IF('Standard Profiles'!$G$21=$B$17,14,0)+IF('Standard Profiles'!$G$21=$B$24,21,0),0)),0)</f>
        <v>0.14896702300440484</v>
      </c>
      <c r="H5583" cm="1">
        <f t="array" ref="H5583">IFERROR(INDEX(Jesper!AL$2:AL$366,ROUNDDOWN($C5583/24,0)+1,1)*INDEX($D$3:$AA$30,INDEX(Jesper!$R$2:$R$366,ROW(INDEX(Jesper!AL$2:AL$366,ROUNDDOWN($C5583/24,0)+1,1))-1)+IF('Standard Profiles'!$G$22=$B$10,7,0)+IF('Standard Profiles'!$G$22=$B$17,14,0)+IF('Standard Profiles'!$G$22=$B$24,21,0),MOD($C5583,24)+1)/SUM(INDEX($D$3:$AA$30,INDEX(Jesper!$R$2:$R$366,ROW(INDEX(Jesper!AL$2:AL$366,ROUNDDOWN($C5583/24,0)+1,1))-1)+IF('Standard Profiles'!$G$22=$B$10,7,0)+IF('Standard Profiles'!$G$22=$B$17,14,0)+IF('Standard Profiles'!$G$22=$B$24,21,0),0)),0)</f>
        <v>0</v>
      </c>
      <c r="I5583">
        <f t="shared" si="622"/>
        <v>0</v>
      </c>
      <c r="J5583">
        <f t="shared" si="623"/>
        <v>3.2436777494467308</v>
      </c>
      <c r="K5583">
        <f t="shared" si="624"/>
        <v>0.21326198564395898</v>
      </c>
      <c r="L5583">
        <f t="shared" si="625"/>
        <v>0.10663099282197949</v>
      </c>
      <c r="M5583">
        <f t="shared" si="626"/>
        <v>0</v>
      </c>
      <c r="N5583" s="45">
        <f t="shared" si="627"/>
        <v>45158.208333319875</v>
      </c>
    </row>
    <row r="5584" spans="2:14" x14ac:dyDescent="0.25">
      <c r="B5584">
        <f t="shared" si="621"/>
        <v>7</v>
      </c>
      <c r="C5584" s="16">
        <v>5550</v>
      </c>
      <c r="D5584" cm="1">
        <f t="array" ref="D5584">IFERROR(INDEX(Jesper!AH$2:AH$366,ROUNDDOWN($C5584/24,0)+1,1)*INDEX($D$3:$AA$30,INDEX(Jesper!$R$2:$R$366,ROW(INDEX(Jesper!AH$2:AH$366,ROUNDDOWN($C5584/24,0)+1,1))-1)+IF('Standard Profiles'!$G$18=$B$10,7,0)+IF('Standard Profiles'!$G$18=$B$17,14,0)+IF('Standard Profiles'!$G$18=$B$24,21,0),MOD($C5584,24)+1)/SUM(INDEX($D$3:$AA$30,INDEX(Jesper!$R$2:$R$366,ROW(INDEX(Jesper!AH$2:AH$366,ROUNDDOWN($C5584/24,0)+1,1))-1)+IF('Standard Profiles'!$G$18=$B$10,7,0)+IF('Standard Profiles'!$G$18=$B$17,14,0)+IF('Standard Profiles'!$G$18=$B$24,21,0),0)),0)</f>
        <v>0</v>
      </c>
      <c r="E5584" cm="1">
        <f t="array" ref="E5584">IFERROR(INDEX(Jesper!AI$2:AI$366,ROUNDDOWN($C5584/24,0)+1,1)*INDEX($D$3:$AA$30,INDEX(Jesper!$R$2:$R$366,ROW(INDEX(Jesper!AI$2:AI$366,ROUNDDOWN($C5584/24,0)+1,1))-1)+IF('Standard Profiles'!$G$19=$B$10,7,0)+IF('Standard Profiles'!$G$19=$B$17,14,0)+IF('Standard Profiles'!$G$19=$B$24,21,0),MOD($C5584,24)+1)/SUM(INDEX($D$3:$AA$30,INDEX(Jesper!$R$2:$R$366,ROW(INDEX(Jesper!AI$2:AI$366,ROUNDDOWN($C5584/24,0)+1,1))-1)+IF('Standard Profiles'!$G$19=$B$10,7,0)+IF('Standard Profiles'!$G$19=$B$17,14,0)+IF('Standard Profiles'!$G$19=$B$24,21,0),0)),0)</f>
        <v>2.6657748205494873</v>
      </c>
      <c r="F5584" cm="1">
        <f t="array" ref="F5584">IFERROR(INDEX(Jesper!AJ$2:AJ$366,ROUNDDOWN($C5584/24,0)+1,1)*INDEX($D$3:$AA$30,INDEX(Jesper!$R$2:$R$366,ROW(INDEX(Jesper!AJ$2:AJ$366,ROUNDDOWN($C5584/24,0)+1,1))-1)+IF('Standard Profiles'!$G$20=$B$10,7,0)+IF('Standard Profiles'!$G$20=$B$17,14,0)+IF('Standard Profiles'!$G$20=$B$24,21,0),MOD($C5584,24)+1)/SUM(INDEX($D$3:$AA$30,INDEX(Jesper!$R$2:$R$366,ROW(INDEX(Jesper!AJ$2:AJ$366,ROUNDDOWN($C5584/24,0)+1,1))-1)+IF('Standard Profiles'!$G$20=$B$10,7,0)+IF('Standard Profiles'!$G$20=$B$17,14,0)+IF('Standard Profiles'!$G$20=$B$24,21,0),0)),0)</f>
        <v>0.7488288843587767</v>
      </c>
      <c r="G5584" cm="1">
        <f t="array" ref="G5584">IFERROR(INDEX(Jesper!AK$2:AK$366,ROUNDDOWN($C5584/24,0)+1,1)*INDEX($D$3:$AA$30,INDEX(Jesper!$R$2:$R$366,ROW(INDEX(Jesper!AK$2:AK$366,ROUNDDOWN($C5584/24,0)+1,1))-1)+IF('Standard Profiles'!$G$21=$B$10,7,0)+IF('Standard Profiles'!$G$21=$B$17,14,0)+IF('Standard Profiles'!$G$21=$B$24,21,0),MOD($C5584,24)+1)/SUM(INDEX($D$3:$AA$30,INDEX(Jesper!$R$2:$R$366,ROW(INDEX(Jesper!AK$2:AK$366,ROUNDDOWN($C5584/24,0)+1,1))-1)+IF('Standard Profiles'!$G$21=$B$10,7,0)+IF('Standard Profiles'!$G$21=$B$17,14,0)+IF('Standard Profiles'!$G$21=$B$24,21,0),0)),0)</f>
        <v>0.14896702300440484</v>
      </c>
      <c r="H5584" cm="1">
        <f t="array" ref="H5584">IFERROR(INDEX(Jesper!AL$2:AL$366,ROUNDDOWN($C5584/24,0)+1,1)*INDEX($D$3:$AA$30,INDEX(Jesper!$R$2:$R$366,ROW(INDEX(Jesper!AL$2:AL$366,ROUNDDOWN($C5584/24,0)+1,1))-1)+IF('Standard Profiles'!$G$22=$B$10,7,0)+IF('Standard Profiles'!$G$22=$B$17,14,0)+IF('Standard Profiles'!$G$22=$B$24,21,0),MOD($C5584,24)+1)/SUM(INDEX($D$3:$AA$30,INDEX(Jesper!$R$2:$R$366,ROW(INDEX(Jesper!AL$2:AL$366,ROUNDDOWN($C5584/24,0)+1,1))-1)+IF('Standard Profiles'!$G$22=$B$10,7,0)+IF('Standard Profiles'!$G$22=$B$17,14,0)+IF('Standard Profiles'!$G$22=$B$24,21,0),0)),0)</f>
        <v>0</v>
      </c>
      <c r="I5584">
        <f t="shared" si="622"/>
        <v>0</v>
      </c>
      <c r="J5584">
        <f t="shared" si="623"/>
        <v>3.2436777494467308</v>
      </c>
      <c r="K5584">
        <f t="shared" si="624"/>
        <v>0.21326198564395898</v>
      </c>
      <c r="L5584">
        <f t="shared" si="625"/>
        <v>0.10663099282197949</v>
      </c>
      <c r="M5584">
        <f t="shared" si="626"/>
        <v>0</v>
      </c>
      <c r="N5584" s="45">
        <f t="shared" si="627"/>
        <v>45158.249999986539</v>
      </c>
    </row>
    <row r="5585" spans="2:14" x14ac:dyDescent="0.25">
      <c r="B5585">
        <f t="shared" si="621"/>
        <v>7</v>
      </c>
      <c r="C5585" s="16">
        <v>5551</v>
      </c>
      <c r="D5585" cm="1">
        <f t="array" ref="D5585">IFERROR(INDEX(Jesper!AH$2:AH$366,ROUNDDOWN($C5585/24,0)+1,1)*INDEX($D$3:$AA$30,INDEX(Jesper!$R$2:$R$366,ROW(INDEX(Jesper!AH$2:AH$366,ROUNDDOWN($C5585/24,0)+1,1))-1)+IF('Standard Profiles'!$G$18=$B$10,7,0)+IF('Standard Profiles'!$G$18=$B$17,14,0)+IF('Standard Profiles'!$G$18=$B$24,21,0),MOD($C5585,24)+1)/SUM(INDEX($D$3:$AA$30,INDEX(Jesper!$R$2:$R$366,ROW(INDEX(Jesper!AH$2:AH$366,ROUNDDOWN($C5585/24,0)+1,1))-1)+IF('Standard Profiles'!$G$18=$B$10,7,0)+IF('Standard Profiles'!$G$18=$B$17,14,0)+IF('Standard Profiles'!$G$18=$B$24,21,0),0)),0)</f>
        <v>0</v>
      </c>
      <c r="E5585" cm="1">
        <f t="array" ref="E5585">IFERROR(INDEX(Jesper!AI$2:AI$366,ROUNDDOWN($C5585/24,0)+1,1)*INDEX($D$3:$AA$30,INDEX(Jesper!$R$2:$R$366,ROW(INDEX(Jesper!AI$2:AI$366,ROUNDDOWN($C5585/24,0)+1,1))-1)+IF('Standard Profiles'!$G$19=$B$10,7,0)+IF('Standard Profiles'!$G$19=$B$17,14,0)+IF('Standard Profiles'!$G$19=$B$24,21,0),MOD($C5585,24)+1)/SUM(INDEX($D$3:$AA$30,INDEX(Jesper!$R$2:$R$366,ROW(INDEX(Jesper!AI$2:AI$366,ROUNDDOWN($C5585/24,0)+1,1))-1)+IF('Standard Profiles'!$G$19=$B$10,7,0)+IF('Standard Profiles'!$G$19=$B$17,14,0)+IF('Standard Profiles'!$G$19=$B$24,21,0),0)),0)</f>
        <v>2.6657748205494873</v>
      </c>
      <c r="F5585" cm="1">
        <f t="array" ref="F5585">IFERROR(INDEX(Jesper!AJ$2:AJ$366,ROUNDDOWN($C5585/24,0)+1,1)*INDEX($D$3:$AA$30,INDEX(Jesper!$R$2:$R$366,ROW(INDEX(Jesper!AJ$2:AJ$366,ROUNDDOWN($C5585/24,0)+1,1))-1)+IF('Standard Profiles'!$G$20=$B$10,7,0)+IF('Standard Profiles'!$G$20=$B$17,14,0)+IF('Standard Profiles'!$G$20=$B$24,21,0),MOD($C5585,24)+1)/SUM(INDEX($D$3:$AA$30,INDEX(Jesper!$R$2:$R$366,ROW(INDEX(Jesper!AJ$2:AJ$366,ROUNDDOWN($C5585/24,0)+1,1))-1)+IF('Standard Profiles'!$G$20=$B$10,7,0)+IF('Standard Profiles'!$G$20=$B$17,14,0)+IF('Standard Profiles'!$G$20=$B$24,21,0),0)),0)</f>
        <v>0.7488288843587767</v>
      </c>
      <c r="G5585" cm="1">
        <f t="array" ref="G5585">IFERROR(INDEX(Jesper!AK$2:AK$366,ROUNDDOWN($C5585/24,0)+1,1)*INDEX($D$3:$AA$30,INDEX(Jesper!$R$2:$R$366,ROW(INDEX(Jesper!AK$2:AK$366,ROUNDDOWN($C5585/24,0)+1,1))-1)+IF('Standard Profiles'!$G$21=$B$10,7,0)+IF('Standard Profiles'!$G$21=$B$17,14,0)+IF('Standard Profiles'!$G$21=$B$24,21,0),MOD($C5585,24)+1)/SUM(INDEX($D$3:$AA$30,INDEX(Jesper!$R$2:$R$366,ROW(INDEX(Jesper!AK$2:AK$366,ROUNDDOWN($C5585/24,0)+1,1))-1)+IF('Standard Profiles'!$G$21=$B$10,7,0)+IF('Standard Profiles'!$G$21=$B$17,14,0)+IF('Standard Profiles'!$G$21=$B$24,21,0),0)),0)</f>
        <v>0.14896702300440484</v>
      </c>
      <c r="H5585" cm="1">
        <f t="array" ref="H5585">IFERROR(INDEX(Jesper!AL$2:AL$366,ROUNDDOWN($C5585/24,0)+1,1)*INDEX($D$3:$AA$30,INDEX(Jesper!$R$2:$R$366,ROW(INDEX(Jesper!AL$2:AL$366,ROUNDDOWN($C5585/24,0)+1,1))-1)+IF('Standard Profiles'!$G$22=$B$10,7,0)+IF('Standard Profiles'!$G$22=$B$17,14,0)+IF('Standard Profiles'!$G$22=$B$24,21,0),MOD($C5585,24)+1)/SUM(INDEX($D$3:$AA$30,INDEX(Jesper!$R$2:$R$366,ROW(INDEX(Jesper!AL$2:AL$366,ROUNDDOWN($C5585/24,0)+1,1))-1)+IF('Standard Profiles'!$G$22=$B$10,7,0)+IF('Standard Profiles'!$G$22=$B$17,14,0)+IF('Standard Profiles'!$G$22=$B$24,21,0),0)),0)</f>
        <v>0</v>
      </c>
      <c r="I5585">
        <f t="shared" si="622"/>
        <v>0</v>
      </c>
      <c r="J5585">
        <f t="shared" si="623"/>
        <v>3.2436777494467308</v>
      </c>
      <c r="K5585">
        <f t="shared" si="624"/>
        <v>0.21326198564395898</v>
      </c>
      <c r="L5585">
        <f t="shared" si="625"/>
        <v>0.10663099282197949</v>
      </c>
      <c r="M5585">
        <f t="shared" si="626"/>
        <v>0</v>
      </c>
      <c r="N5585" s="45">
        <f t="shared" si="627"/>
        <v>45158.291666653204</v>
      </c>
    </row>
    <row r="5586" spans="2:14" x14ac:dyDescent="0.25">
      <c r="B5586">
        <f t="shared" si="621"/>
        <v>7</v>
      </c>
      <c r="C5586" s="16">
        <v>5552</v>
      </c>
      <c r="D5586" cm="1">
        <f t="array" ref="D5586">IFERROR(INDEX(Jesper!AH$2:AH$366,ROUNDDOWN($C5586/24,0)+1,1)*INDEX($D$3:$AA$30,INDEX(Jesper!$R$2:$R$366,ROW(INDEX(Jesper!AH$2:AH$366,ROUNDDOWN($C5586/24,0)+1,1))-1)+IF('Standard Profiles'!$G$18=$B$10,7,0)+IF('Standard Profiles'!$G$18=$B$17,14,0)+IF('Standard Profiles'!$G$18=$B$24,21,0),MOD($C5586,24)+1)/SUM(INDEX($D$3:$AA$30,INDEX(Jesper!$R$2:$R$366,ROW(INDEX(Jesper!AH$2:AH$366,ROUNDDOWN($C5586/24,0)+1,1))-1)+IF('Standard Profiles'!$G$18=$B$10,7,0)+IF('Standard Profiles'!$G$18=$B$17,14,0)+IF('Standard Profiles'!$G$18=$B$24,21,0),0)),0)</f>
        <v>0</v>
      </c>
      <c r="E5586" cm="1">
        <f t="array" ref="E5586">IFERROR(INDEX(Jesper!AI$2:AI$366,ROUNDDOWN($C5586/24,0)+1,1)*INDEX($D$3:$AA$30,INDEX(Jesper!$R$2:$R$366,ROW(INDEX(Jesper!AI$2:AI$366,ROUNDDOWN($C5586/24,0)+1,1))-1)+IF('Standard Profiles'!$G$19=$B$10,7,0)+IF('Standard Profiles'!$G$19=$B$17,14,0)+IF('Standard Profiles'!$G$19=$B$24,21,0),MOD($C5586,24)+1)/SUM(INDEX($D$3:$AA$30,INDEX(Jesper!$R$2:$R$366,ROW(INDEX(Jesper!AI$2:AI$366,ROUNDDOWN($C5586/24,0)+1,1))-1)+IF('Standard Profiles'!$G$19=$B$10,7,0)+IF('Standard Profiles'!$G$19=$B$17,14,0)+IF('Standard Profiles'!$G$19=$B$24,21,0),0)),0)</f>
        <v>2.6657748205494873</v>
      </c>
      <c r="F5586" cm="1">
        <f t="array" ref="F5586">IFERROR(INDEX(Jesper!AJ$2:AJ$366,ROUNDDOWN($C5586/24,0)+1,1)*INDEX($D$3:$AA$30,INDEX(Jesper!$R$2:$R$366,ROW(INDEX(Jesper!AJ$2:AJ$366,ROUNDDOWN($C5586/24,0)+1,1))-1)+IF('Standard Profiles'!$G$20=$B$10,7,0)+IF('Standard Profiles'!$G$20=$B$17,14,0)+IF('Standard Profiles'!$G$20=$B$24,21,0),MOD($C5586,24)+1)/SUM(INDEX($D$3:$AA$30,INDEX(Jesper!$R$2:$R$366,ROW(INDEX(Jesper!AJ$2:AJ$366,ROUNDDOWN($C5586/24,0)+1,1))-1)+IF('Standard Profiles'!$G$20=$B$10,7,0)+IF('Standard Profiles'!$G$20=$B$17,14,0)+IF('Standard Profiles'!$G$20=$B$24,21,0),0)),0)</f>
        <v>0.7488288843587767</v>
      </c>
      <c r="G5586" cm="1">
        <f t="array" ref="G5586">IFERROR(INDEX(Jesper!AK$2:AK$366,ROUNDDOWN($C5586/24,0)+1,1)*INDEX($D$3:$AA$30,INDEX(Jesper!$R$2:$R$366,ROW(INDEX(Jesper!AK$2:AK$366,ROUNDDOWN($C5586/24,0)+1,1))-1)+IF('Standard Profiles'!$G$21=$B$10,7,0)+IF('Standard Profiles'!$G$21=$B$17,14,0)+IF('Standard Profiles'!$G$21=$B$24,21,0),MOD($C5586,24)+1)/SUM(INDEX($D$3:$AA$30,INDEX(Jesper!$R$2:$R$366,ROW(INDEX(Jesper!AK$2:AK$366,ROUNDDOWN($C5586/24,0)+1,1))-1)+IF('Standard Profiles'!$G$21=$B$10,7,0)+IF('Standard Profiles'!$G$21=$B$17,14,0)+IF('Standard Profiles'!$G$21=$B$24,21,0),0)),0)</f>
        <v>0.14896702300440484</v>
      </c>
      <c r="H5586" cm="1">
        <f t="array" ref="H5586">IFERROR(INDEX(Jesper!AL$2:AL$366,ROUNDDOWN($C5586/24,0)+1,1)*INDEX($D$3:$AA$30,INDEX(Jesper!$R$2:$R$366,ROW(INDEX(Jesper!AL$2:AL$366,ROUNDDOWN($C5586/24,0)+1,1))-1)+IF('Standard Profiles'!$G$22=$B$10,7,0)+IF('Standard Profiles'!$G$22=$B$17,14,0)+IF('Standard Profiles'!$G$22=$B$24,21,0),MOD($C5586,24)+1)/SUM(INDEX($D$3:$AA$30,INDEX(Jesper!$R$2:$R$366,ROW(INDEX(Jesper!AL$2:AL$366,ROUNDDOWN($C5586/24,0)+1,1))-1)+IF('Standard Profiles'!$G$22=$B$10,7,0)+IF('Standard Profiles'!$G$22=$B$17,14,0)+IF('Standard Profiles'!$G$22=$B$24,21,0),0)),0)</f>
        <v>0</v>
      </c>
      <c r="I5586">
        <f t="shared" si="622"/>
        <v>0</v>
      </c>
      <c r="J5586">
        <f t="shared" si="623"/>
        <v>3.2436777494467308</v>
      </c>
      <c r="K5586">
        <f t="shared" si="624"/>
        <v>0.21326198564395898</v>
      </c>
      <c r="L5586">
        <f t="shared" si="625"/>
        <v>0.10663099282197949</v>
      </c>
      <c r="M5586">
        <f t="shared" si="626"/>
        <v>0</v>
      </c>
      <c r="N5586" s="45">
        <f t="shared" si="627"/>
        <v>45158.333333319868</v>
      </c>
    </row>
    <row r="5587" spans="2:14" x14ac:dyDescent="0.25">
      <c r="B5587">
        <f t="shared" si="621"/>
        <v>7</v>
      </c>
      <c r="C5587" s="16">
        <v>5553</v>
      </c>
      <c r="D5587" cm="1">
        <f t="array" ref="D5587">IFERROR(INDEX(Jesper!AH$2:AH$366,ROUNDDOWN($C5587/24,0)+1,1)*INDEX($D$3:$AA$30,INDEX(Jesper!$R$2:$R$366,ROW(INDEX(Jesper!AH$2:AH$366,ROUNDDOWN($C5587/24,0)+1,1))-1)+IF('Standard Profiles'!$G$18=$B$10,7,0)+IF('Standard Profiles'!$G$18=$B$17,14,0)+IF('Standard Profiles'!$G$18=$B$24,21,0),MOD($C5587,24)+1)/SUM(INDEX($D$3:$AA$30,INDEX(Jesper!$R$2:$R$366,ROW(INDEX(Jesper!AH$2:AH$366,ROUNDDOWN($C5587/24,0)+1,1))-1)+IF('Standard Profiles'!$G$18=$B$10,7,0)+IF('Standard Profiles'!$G$18=$B$17,14,0)+IF('Standard Profiles'!$G$18=$B$24,21,0),0)),0)</f>
        <v>0</v>
      </c>
      <c r="E5587" cm="1">
        <f t="array" ref="E5587">IFERROR(INDEX(Jesper!AI$2:AI$366,ROUNDDOWN($C5587/24,0)+1,1)*INDEX($D$3:$AA$30,INDEX(Jesper!$R$2:$R$366,ROW(INDEX(Jesper!AI$2:AI$366,ROUNDDOWN($C5587/24,0)+1,1))-1)+IF('Standard Profiles'!$G$19=$B$10,7,0)+IF('Standard Profiles'!$G$19=$B$17,14,0)+IF('Standard Profiles'!$G$19=$B$24,21,0),MOD($C5587,24)+1)/SUM(INDEX($D$3:$AA$30,INDEX(Jesper!$R$2:$R$366,ROW(INDEX(Jesper!AI$2:AI$366,ROUNDDOWN($C5587/24,0)+1,1))-1)+IF('Standard Profiles'!$G$19=$B$10,7,0)+IF('Standard Profiles'!$G$19=$B$17,14,0)+IF('Standard Profiles'!$G$19=$B$24,21,0),0)),0)</f>
        <v>2.6657748205494873</v>
      </c>
      <c r="F5587" cm="1">
        <f t="array" ref="F5587">IFERROR(INDEX(Jesper!AJ$2:AJ$366,ROUNDDOWN($C5587/24,0)+1,1)*INDEX($D$3:$AA$30,INDEX(Jesper!$R$2:$R$366,ROW(INDEX(Jesper!AJ$2:AJ$366,ROUNDDOWN($C5587/24,0)+1,1))-1)+IF('Standard Profiles'!$G$20=$B$10,7,0)+IF('Standard Profiles'!$G$20=$B$17,14,0)+IF('Standard Profiles'!$G$20=$B$24,21,0),MOD($C5587,24)+1)/SUM(INDEX($D$3:$AA$30,INDEX(Jesper!$R$2:$R$366,ROW(INDEX(Jesper!AJ$2:AJ$366,ROUNDDOWN($C5587/24,0)+1,1))-1)+IF('Standard Profiles'!$G$20=$B$10,7,0)+IF('Standard Profiles'!$G$20=$B$17,14,0)+IF('Standard Profiles'!$G$20=$B$24,21,0),0)),0)</f>
        <v>0.7488288843587767</v>
      </c>
      <c r="G5587" cm="1">
        <f t="array" ref="G5587">IFERROR(INDEX(Jesper!AK$2:AK$366,ROUNDDOWN($C5587/24,0)+1,1)*INDEX($D$3:$AA$30,INDEX(Jesper!$R$2:$R$366,ROW(INDEX(Jesper!AK$2:AK$366,ROUNDDOWN($C5587/24,0)+1,1))-1)+IF('Standard Profiles'!$G$21=$B$10,7,0)+IF('Standard Profiles'!$G$21=$B$17,14,0)+IF('Standard Profiles'!$G$21=$B$24,21,0),MOD($C5587,24)+1)/SUM(INDEX($D$3:$AA$30,INDEX(Jesper!$R$2:$R$366,ROW(INDEX(Jesper!AK$2:AK$366,ROUNDDOWN($C5587/24,0)+1,1))-1)+IF('Standard Profiles'!$G$21=$B$10,7,0)+IF('Standard Profiles'!$G$21=$B$17,14,0)+IF('Standard Profiles'!$G$21=$B$24,21,0),0)),0)</f>
        <v>0.14896702300440484</v>
      </c>
      <c r="H5587" cm="1">
        <f t="array" ref="H5587">IFERROR(INDEX(Jesper!AL$2:AL$366,ROUNDDOWN($C5587/24,0)+1,1)*INDEX($D$3:$AA$30,INDEX(Jesper!$R$2:$R$366,ROW(INDEX(Jesper!AL$2:AL$366,ROUNDDOWN($C5587/24,0)+1,1))-1)+IF('Standard Profiles'!$G$22=$B$10,7,0)+IF('Standard Profiles'!$G$22=$B$17,14,0)+IF('Standard Profiles'!$G$22=$B$24,21,0),MOD($C5587,24)+1)/SUM(INDEX($D$3:$AA$30,INDEX(Jesper!$R$2:$R$366,ROW(INDEX(Jesper!AL$2:AL$366,ROUNDDOWN($C5587/24,0)+1,1))-1)+IF('Standard Profiles'!$G$22=$B$10,7,0)+IF('Standard Profiles'!$G$22=$B$17,14,0)+IF('Standard Profiles'!$G$22=$B$24,21,0),0)),0)</f>
        <v>0</v>
      </c>
      <c r="I5587">
        <f t="shared" si="622"/>
        <v>0</v>
      </c>
      <c r="J5587">
        <f t="shared" si="623"/>
        <v>3.2436777494467308</v>
      </c>
      <c r="K5587">
        <f t="shared" si="624"/>
        <v>0.21326198564395898</v>
      </c>
      <c r="L5587">
        <f t="shared" si="625"/>
        <v>0.10663099282197949</v>
      </c>
      <c r="M5587">
        <f t="shared" si="626"/>
        <v>0</v>
      </c>
      <c r="N5587" s="45">
        <f t="shared" si="627"/>
        <v>45158.374999986532</v>
      </c>
    </row>
    <row r="5588" spans="2:14" x14ac:dyDescent="0.25">
      <c r="B5588">
        <f t="shared" si="621"/>
        <v>7</v>
      </c>
      <c r="C5588" s="16">
        <v>5554</v>
      </c>
      <c r="D5588" cm="1">
        <f t="array" ref="D5588">IFERROR(INDEX(Jesper!AH$2:AH$366,ROUNDDOWN($C5588/24,0)+1,1)*INDEX($D$3:$AA$30,INDEX(Jesper!$R$2:$R$366,ROW(INDEX(Jesper!AH$2:AH$366,ROUNDDOWN($C5588/24,0)+1,1))-1)+IF('Standard Profiles'!$G$18=$B$10,7,0)+IF('Standard Profiles'!$G$18=$B$17,14,0)+IF('Standard Profiles'!$G$18=$B$24,21,0),MOD($C5588,24)+1)/SUM(INDEX($D$3:$AA$30,INDEX(Jesper!$R$2:$R$366,ROW(INDEX(Jesper!AH$2:AH$366,ROUNDDOWN($C5588/24,0)+1,1))-1)+IF('Standard Profiles'!$G$18=$B$10,7,0)+IF('Standard Profiles'!$G$18=$B$17,14,0)+IF('Standard Profiles'!$G$18=$B$24,21,0),0)),0)</f>
        <v>0</v>
      </c>
      <c r="E5588" cm="1">
        <f t="array" ref="E5588">IFERROR(INDEX(Jesper!AI$2:AI$366,ROUNDDOWN($C5588/24,0)+1,1)*INDEX($D$3:$AA$30,INDEX(Jesper!$R$2:$R$366,ROW(INDEX(Jesper!AI$2:AI$366,ROUNDDOWN($C5588/24,0)+1,1))-1)+IF('Standard Profiles'!$G$19=$B$10,7,0)+IF('Standard Profiles'!$G$19=$B$17,14,0)+IF('Standard Profiles'!$G$19=$B$24,21,0),MOD($C5588,24)+1)/SUM(INDEX($D$3:$AA$30,INDEX(Jesper!$R$2:$R$366,ROW(INDEX(Jesper!AI$2:AI$366,ROUNDDOWN($C5588/24,0)+1,1))-1)+IF('Standard Profiles'!$G$19=$B$10,7,0)+IF('Standard Profiles'!$G$19=$B$17,14,0)+IF('Standard Profiles'!$G$19=$B$24,21,0),0)),0)</f>
        <v>2.6657748205494873</v>
      </c>
      <c r="F5588" cm="1">
        <f t="array" ref="F5588">IFERROR(INDEX(Jesper!AJ$2:AJ$366,ROUNDDOWN($C5588/24,0)+1,1)*INDEX($D$3:$AA$30,INDEX(Jesper!$R$2:$R$366,ROW(INDEX(Jesper!AJ$2:AJ$366,ROUNDDOWN($C5588/24,0)+1,1))-1)+IF('Standard Profiles'!$G$20=$B$10,7,0)+IF('Standard Profiles'!$G$20=$B$17,14,0)+IF('Standard Profiles'!$G$20=$B$24,21,0),MOD($C5588,24)+1)/SUM(INDEX($D$3:$AA$30,INDEX(Jesper!$R$2:$R$366,ROW(INDEX(Jesper!AJ$2:AJ$366,ROUNDDOWN($C5588/24,0)+1,1))-1)+IF('Standard Profiles'!$G$20=$B$10,7,0)+IF('Standard Profiles'!$G$20=$B$17,14,0)+IF('Standard Profiles'!$G$20=$B$24,21,0),0)),0)</f>
        <v>0.7488288843587767</v>
      </c>
      <c r="G5588" cm="1">
        <f t="array" ref="G5588">IFERROR(INDEX(Jesper!AK$2:AK$366,ROUNDDOWN($C5588/24,0)+1,1)*INDEX($D$3:$AA$30,INDEX(Jesper!$R$2:$R$366,ROW(INDEX(Jesper!AK$2:AK$366,ROUNDDOWN($C5588/24,0)+1,1))-1)+IF('Standard Profiles'!$G$21=$B$10,7,0)+IF('Standard Profiles'!$G$21=$B$17,14,0)+IF('Standard Profiles'!$G$21=$B$24,21,0),MOD($C5588,24)+1)/SUM(INDEX($D$3:$AA$30,INDEX(Jesper!$R$2:$R$366,ROW(INDEX(Jesper!AK$2:AK$366,ROUNDDOWN($C5588/24,0)+1,1))-1)+IF('Standard Profiles'!$G$21=$B$10,7,0)+IF('Standard Profiles'!$G$21=$B$17,14,0)+IF('Standard Profiles'!$G$21=$B$24,21,0),0)),0)</f>
        <v>0.14896702300440484</v>
      </c>
      <c r="H5588" cm="1">
        <f t="array" ref="H5588">IFERROR(INDEX(Jesper!AL$2:AL$366,ROUNDDOWN($C5588/24,0)+1,1)*INDEX($D$3:$AA$30,INDEX(Jesper!$R$2:$R$366,ROW(INDEX(Jesper!AL$2:AL$366,ROUNDDOWN($C5588/24,0)+1,1))-1)+IF('Standard Profiles'!$G$22=$B$10,7,0)+IF('Standard Profiles'!$G$22=$B$17,14,0)+IF('Standard Profiles'!$G$22=$B$24,21,0),MOD($C5588,24)+1)/SUM(INDEX($D$3:$AA$30,INDEX(Jesper!$R$2:$R$366,ROW(INDEX(Jesper!AL$2:AL$366,ROUNDDOWN($C5588/24,0)+1,1))-1)+IF('Standard Profiles'!$G$22=$B$10,7,0)+IF('Standard Profiles'!$G$22=$B$17,14,0)+IF('Standard Profiles'!$G$22=$B$24,21,0),0)),0)</f>
        <v>0</v>
      </c>
      <c r="I5588">
        <f t="shared" si="622"/>
        <v>0</v>
      </c>
      <c r="J5588">
        <f t="shared" si="623"/>
        <v>3.2436777494467308</v>
      </c>
      <c r="K5588">
        <f t="shared" si="624"/>
        <v>0.21326198564395898</v>
      </c>
      <c r="L5588">
        <f t="shared" si="625"/>
        <v>0.10663099282197949</v>
      </c>
      <c r="M5588">
        <f t="shared" si="626"/>
        <v>0</v>
      </c>
      <c r="N5588" s="45">
        <f t="shared" si="627"/>
        <v>45158.416666653196</v>
      </c>
    </row>
    <row r="5589" spans="2:14" x14ac:dyDescent="0.25">
      <c r="B5589">
        <f t="shared" si="621"/>
        <v>7</v>
      </c>
      <c r="C5589" s="16">
        <v>5555</v>
      </c>
      <c r="D5589" cm="1">
        <f t="array" ref="D5589">IFERROR(INDEX(Jesper!AH$2:AH$366,ROUNDDOWN($C5589/24,0)+1,1)*INDEX($D$3:$AA$30,INDEX(Jesper!$R$2:$R$366,ROW(INDEX(Jesper!AH$2:AH$366,ROUNDDOWN($C5589/24,0)+1,1))-1)+IF('Standard Profiles'!$G$18=$B$10,7,0)+IF('Standard Profiles'!$G$18=$B$17,14,0)+IF('Standard Profiles'!$G$18=$B$24,21,0),MOD($C5589,24)+1)/SUM(INDEX($D$3:$AA$30,INDEX(Jesper!$R$2:$R$366,ROW(INDEX(Jesper!AH$2:AH$366,ROUNDDOWN($C5589/24,0)+1,1))-1)+IF('Standard Profiles'!$G$18=$B$10,7,0)+IF('Standard Profiles'!$G$18=$B$17,14,0)+IF('Standard Profiles'!$G$18=$B$24,21,0),0)),0)</f>
        <v>0</v>
      </c>
      <c r="E5589" cm="1">
        <f t="array" ref="E5589">IFERROR(INDEX(Jesper!AI$2:AI$366,ROUNDDOWN($C5589/24,0)+1,1)*INDEX($D$3:$AA$30,INDEX(Jesper!$R$2:$R$366,ROW(INDEX(Jesper!AI$2:AI$366,ROUNDDOWN($C5589/24,0)+1,1))-1)+IF('Standard Profiles'!$G$19=$B$10,7,0)+IF('Standard Profiles'!$G$19=$B$17,14,0)+IF('Standard Profiles'!$G$19=$B$24,21,0),MOD($C5589,24)+1)/SUM(INDEX($D$3:$AA$30,INDEX(Jesper!$R$2:$R$366,ROW(INDEX(Jesper!AI$2:AI$366,ROUNDDOWN($C5589/24,0)+1,1))-1)+IF('Standard Profiles'!$G$19=$B$10,7,0)+IF('Standard Profiles'!$G$19=$B$17,14,0)+IF('Standard Profiles'!$G$19=$B$24,21,0),0)),0)</f>
        <v>2.6657748205494873</v>
      </c>
      <c r="F5589" cm="1">
        <f t="array" ref="F5589">IFERROR(INDEX(Jesper!AJ$2:AJ$366,ROUNDDOWN($C5589/24,0)+1,1)*INDEX($D$3:$AA$30,INDEX(Jesper!$R$2:$R$366,ROW(INDEX(Jesper!AJ$2:AJ$366,ROUNDDOWN($C5589/24,0)+1,1))-1)+IF('Standard Profiles'!$G$20=$B$10,7,0)+IF('Standard Profiles'!$G$20=$B$17,14,0)+IF('Standard Profiles'!$G$20=$B$24,21,0),MOD($C5589,24)+1)/SUM(INDEX($D$3:$AA$30,INDEX(Jesper!$R$2:$R$366,ROW(INDEX(Jesper!AJ$2:AJ$366,ROUNDDOWN($C5589/24,0)+1,1))-1)+IF('Standard Profiles'!$G$20=$B$10,7,0)+IF('Standard Profiles'!$G$20=$B$17,14,0)+IF('Standard Profiles'!$G$20=$B$24,21,0),0)),0)</f>
        <v>0.7488288843587767</v>
      </c>
      <c r="G5589" cm="1">
        <f t="array" ref="G5589">IFERROR(INDEX(Jesper!AK$2:AK$366,ROUNDDOWN($C5589/24,0)+1,1)*INDEX($D$3:$AA$30,INDEX(Jesper!$R$2:$R$366,ROW(INDEX(Jesper!AK$2:AK$366,ROUNDDOWN($C5589/24,0)+1,1))-1)+IF('Standard Profiles'!$G$21=$B$10,7,0)+IF('Standard Profiles'!$G$21=$B$17,14,0)+IF('Standard Profiles'!$G$21=$B$24,21,0),MOD($C5589,24)+1)/SUM(INDEX($D$3:$AA$30,INDEX(Jesper!$R$2:$R$366,ROW(INDEX(Jesper!AK$2:AK$366,ROUNDDOWN($C5589/24,0)+1,1))-1)+IF('Standard Profiles'!$G$21=$B$10,7,0)+IF('Standard Profiles'!$G$21=$B$17,14,0)+IF('Standard Profiles'!$G$21=$B$24,21,0),0)),0)</f>
        <v>0.14896702300440484</v>
      </c>
      <c r="H5589" cm="1">
        <f t="array" ref="H5589">IFERROR(INDEX(Jesper!AL$2:AL$366,ROUNDDOWN($C5589/24,0)+1,1)*INDEX($D$3:$AA$30,INDEX(Jesper!$R$2:$R$366,ROW(INDEX(Jesper!AL$2:AL$366,ROUNDDOWN($C5589/24,0)+1,1))-1)+IF('Standard Profiles'!$G$22=$B$10,7,0)+IF('Standard Profiles'!$G$22=$B$17,14,0)+IF('Standard Profiles'!$G$22=$B$24,21,0),MOD($C5589,24)+1)/SUM(INDEX($D$3:$AA$30,INDEX(Jesper!$R$2:$R$366,ROW(INDEX(Jesper!AL$2:AL$366,ROUNDDOWN($C5589/24,0)+1,1))-1)+IF('Standard Profiles'!$G$22=$B$10,7,0)+IF('Standard Profiles'!$G$22=$B$17,14,0)+IF('Standard Profiles'!$G$22=$B$24,21,0),0)),0)</f>
        <v>0</v>
      </c>
      <c r="I5589">
        <f t="shared" si="622"/>
        <v>0</v>
      </c>
      <c r="J5589">
        <f t="shared" si="623"/>
        <v>3.2436777494467308</v>
      </c>
      <c r="K5589">
        <f t="shared" si="624"/>
        <v>0.21326198564395898</v>
      </c>
      <c r="L5589">
        <f t="shared" si="625"/>
        <v>0.10663099282197949</v>
      </c>
      <c r="M5589">
        <f t="shared" si="626"/>
        <v>0</v>
      </c>
      <c r="N5589" s="45">
        <f t="shared" si="627"/>
        <v>45158.458333319861</v>
      </c>
    </row>
    <row r="5590" spans="2:14" x14ac:dyDescent="0.25">
      <c r="B5590">
        <f t="shared" si="621"/>
        <v>7</v>
      </c>
      <c r="C5590" s="16">
        <v>5556</v>
      </c>
      <c r="D5590" cm="1">
        <f t="array" ref="D5590">IFERROR(INDEX(Jesper!AH$2:AH$366,ROUNDDOWN($C5590/24,0)+1,1)*INDEX($D$3:$AA$30,INDEX(Jesper!$R$2:$R$366,ROW(INDEX(Jesper!AH$2:AH$366,ROUNDDOWN($C5590/24,0)+1,1))-1)+IF('Standard Profiles'!$G$18=$B$10,7,0)+IF('Standard Profiles'!$G$18=$B$17,14,0)+IF('Standard Profiles'!$G$18=$B$24,21,0),MOD($C5590,24)+1)/SUM(INDEX($D$3:$AA$30,INDEX(Jesper!$R$2:$R$366,ROW(INDEX(Jesper!AH$2:AH$366,ROUNDDOWN($C5590/24,0)+1,1))-1)+IF('Standard Profiles'!$G$18=$B$10,7,0)+IF('Standard Profiles'!$G$18=$B$17,14,0)+IF('Standard Profiles'!$G$18=$B$24,21,0),0)),0)</f>
        <v>0</v>
      </c>
      <c r="E5590" cm="1">
        <f t="array" ref="E5590">IFERROR(INDEX(Jesper!AI$2:AI$366,ROUNDDOWN($C5590/24,0)+1,1)*INDEX($D$3:$AA$30,INDEX(Jesper!$R$2:$R$366,ROW(INDEX(Jesper!AI$2:AI$366,ROUNDDOWN($C5590/24,0)+1,1))-1)+IF('Standard Profiles'!$G$19=$B$10,7,0)+IF('Standard Profiles'!$G$19=$B$17,14,0)+IF('Standard Profiles'!$G$19=$B$24,21,0),MOD($C5590,24)+1)/SUM(INDEX($D$3:$AA$30,INDEX(Jesper!$R$2:$R$366,ROW(INDEX(Jesper!AI$2:AI$366,ROUNDDOWN($C5590/24,0)+1,1))-1)+IF('Standard Profiles'!$G$19=$B$10,7,0)+IF('Standard Profiles'!$G$19=$B$17,14,0)+IF('Standard Profiles'!$G$19=$B$24,21,0),0)),0)</f>
        <v>2.6657748205494873</v>
      </c>
      <c r="F5590" cm="1">
        <f t="array" ref="F5590">IFERROR(INDEX(Jesper!AJ$2:AJ$366,ROUNDDOWN($C5590/24,0)+1,1)*INDEX($D$3:$AA$30,INDEX(Jesper!$R$2:$R$366,ROW(INDEX(Jesper!AJ$2:AJ$366,ROUNDDOWN($C5590/24,0)+1,1))-1)+IF('Standard Profiles'!$G$20=$B$10,7,0)+IF('Standard Profiles'!$G$20=$B$17,14,0)+IF('Standard Profiles'!$G$20=$B$24,21,0),MOD($C5590,24)+1)/SUM(INDEX($D$3:$AA$30,INDEX(Jesper!$R$2:$R$366,ROW(INDEX(Jesper!AJ$2:AJ$366,ROUNDDOWN($C5590/24,0)+1,1))-1)+IF('Standard Profiles'!$G$20=$B$10,7,0)+IF('Standard Profiles'!$G$20=$B$17,14,0)+IF('Standard Profiles'!$G$20=$B$24,21,0),0)),0)</f>
        <v>0.7488288843587767</v>
      </c>
      <c r="G5590" cm="1">
        <f t="array" ref="G5590">IFERROR(INDEX(Jesper!AK$2:AK$366,ROUNDDOWN($C5590/24,0)+1,1)*INDEX($D$3:$AA$30,INDEX(Jesper!$R$2:$R$366,ROW(INDEX(Jesper!AK$2:AK$366,ROUNDDOWN($C5590/24,0)+1,1))-1)+IF('Standard Profiles'!$G$21=$B$10,7,0)+IF('Standard Profiles'!$G$21=$B$17,14,0)+IF('Standard Profiles'!$G$21=$B$24,21,0),MOD($C5590,24)+1)/SUM(INDEX($D$3:$AA$30,INDEX(Jesper!$R$2:$R$366,ROW(INDEX(Jesper!AK$2:AK$366,ROUNDDOWN($C5590/24,0)+1,1))-1)+IF('Standard Profiles'!$G$21=$B$10,7,0)+IF('Standard Profiles'!$G$21=$B$17,14,0)+IF('Standard Profiles'!$G$21=$B$24,21,0),0)),0)</f>
        <v>0.14896702300440484</v>
      </c>
      <c r="H5590" cm="1">
        <f t="array" ref="H5590">IFERROR(INDEX(Jesper!AL$2:AL$366,ROUNDDOWN($C5590/24,0)+1,1)*INDEX($D$3:$AA$30,INDEX(Jesper!$R$2:$R$366,ROW(INDEX(Jesper!AL$2:AL$366,ROUNDDOWN($C5590/24,0)+1,1))-1)+IF('Standard Profiles'!$G$22=$B$10,7,0)+IF('Standard Profiles'!$G$22=$B$17,14,0)+IF('Standard Profiles'!$G$22=$B$24,21,0),MOD($C5590,24)+1)/SUM(INDEX($D$3:$AA$30,INDEX(Jesper!$R$2:$R$366,ROW(INDEX(Jesper!AL$2:AL$366,ROUNDDOWN($C5590/24,0)+1,1))-1)+IF('Standard Profiles'!$G$22=$B$10,7,0)+IF('Standard Profiles'!$G$22=$B$17,14,0)+IF('Standard Profiles'!$G$22=$B$24,21,0),0)),0)</f>
        <v>0</v>
      </c>
      <c r="I5590">
        <f t="shared" si="622"/>
        <v>0</v>
      </c>
      <c r="J5590">
        <f t="shared" si="623"/>
        <v>3.2436777494467308</v>
      </c>
      <c r="K5590">
        <f t="shared" si="624"/>
        <v>0.21326198564395898</v>
      </c>
      <c r="L5590">
        <f t="shared" si="625"/>
        <v>0.10663099282197949</v>
      </c>
      <c r="M5590">
        <f t="shared" si="626"/>
        <v>0</v>
      </c>
      <c r="N5590" s="45">
        <f t="shared" si="627"/>
        <v>45158.499999986525</v>
      </c>
    </row>
    <row r="5591" spans="2:14" x14ac:dyDescent="0.25">
      <c r="B5591">
        <f t="shared" si="621"/>
        <v>7</v>
      </c>
      <c r="C5591" s="16">
        <v>5557</v>
      </c>
      <c r="D5591" cm="1">
        <f t="array" ref="D5591">IFERROR(INDEX(Jesper!AH$2:AH$366,ROUNDDOWN($C5591/24,0)+1,1)*INDEX($D$3:$AA$30,INDEX(Jesper!$R$2:$R$366,ROW(INDEX(Jesper!AH$2:AH$366,ROUNDDOWN($C5591/24,0)+1,1))-1)+IF('Standard Profiles'!$G$18=$B$10,7,0)+IF('Standard Profiles'!$G$18=$B$17,14,0)+IF('Standard Profiles'!$G$18=$B$24,21,0),MOD($C5591,24)+1)/SUM(INDEX($D$3:$AA$30,INDEX(Jesper!$R$2:$R$366,ROW(INDEX(Jesper!AH$2:AH$366,ROUNDDOWN($C5591/24,0)+1,1))-1)+IF('Standard Profiles'!$G$18=$B$10,7,0)+IF('Standard Profiles'!$G$18=$B$17,14,0)+IF('Standard Profiles'!$G$18=$B$24,21,0),0)),0)</f>
        <v>0</v>
      </c>
      <c r="E5591" cm="1">
        <f t="array" ref="E5591">IFERROR(INDEX(Jesper!AI$2:AI$366,ROUNDDOWN($C5591/24,0)+1,1)*INDEX($D$3:$AA$30,INDEX(Jesper!$R$2:$R$366,ROW(INDEX(Jesper!AI$2:AI$366,ROUNDDOWN($C5591/24,0)+1,1))-1)+IF('Standard Profiles'!$G$19=$B$10,7,0)+IF('Standard Profiles'!$G$19=$B$17,14,0)+IF('Standard Profiles'!$G$19=$B$24,21,0),MOD($C5591,24)+1)/SUM(INDEX($D$3:$AA$30,INDEX(Jesper!$R$2:$R$366,ROW(INDEX(Jesper!AI$2:AI$366,ROUNDDOWN($C5591/24,0)+1,1))-1)+IF('Standard Profiles'!$G$19=$B$10,7,0)+IF('Standard Profiles'!$G$19=$B$17,14,0)+IF('Standard Profiles'!$G$19=$B$24,21,0),0)),0)</f>
        <v>2.6657748205494873</v>
      </c>
      <c r="F5591" cm="1">
        <f t="array" ref="F5591">IFERROR(INDEX(Jesper!AJ$2:AJ$366,ROUNDDOWN($C5591/24,0)+1,1)*INDEX($D$3:$AA$30,INDEX(Jesper!$R$2:$R$366,ROW(INDEX(Jesper!AJ$2:AJ$366,ROUNDDOWN($C5591/24,0)+1,1))-1)+IF('Standard Profiles'!$G$20=$B$10,7,0)+IF('Standard Profiles'!$G$20=$B$17,14,0)+IF('Standard Profiles'!$G$20=$B$24,21,0),MOD($C5591,24)+1)/SUM(INDEX($D$3:$AA$30,INDEX(Jesper!$R$2:$R$366,ROW(INDEX(Jesper!AJ$2:AJ$366,ROUNDDOWN($C5591/24,0)+1,1))-1)+IF('Standard Profiles'!$G$20=$B$10,7,0)+IF('Standard Profiles'!$G$20=$B$17,14,0)+IF('Standard Profiles'!$G$20=$B$24,21,0),0)),0)</f>
        <v>0.7488288843587767</v>
      </c>
      <c r="G5591" cm="1">
        <f t="array" ref="G5591">IFERROR(INDEX(Jesper!AK$2:AK$366,ROUNDDOWN($C5591/24,0)+1,1)*INDEX($D$3:$AA$30,INDEX(Jesper!$R$2:$R$366,ROW(INDEX(Jesper!AK$2:AK$366,ROUNDDOWN($C5591/24,0)+1,1))-1)+IF('Standard Profiles'!$G$21=$B$10,7,0)+IF('Standard Profiles'!$G$21=$B$17,14,0)+IF('Standard Profiles'!$G$21=$B$24,21,0),MOD($C5591,24)+1)/SUM(INDEX($D$3:$AA$30,INDEX(Jesper!$R$2:$R$366,ROW(INDEX(Jesper!AK$2:AK$366,ROUNDDOWN($C5591/24,0)+1,1))-1)+IF('Standard Profiles'!$G$21=$B$10,7,0)+IF('Standard Profiles'!$G$21=$B$17,14,0)+IF('Standard Profiles'!$G$21=$B$24,21,0),0)),0)</f>
        <v>0.14896702300440484</v>
      </c>
      <c r="H5591" cm="1">
        <f t="array" ref="H5591">IFERROR(INDEX(Jesper!AL$2:AL$366,ROUNDDOWN($C5591/24,0)+1,1)*INDEX($D$3:$AA$30,INDEX(Jesper!$R$2:$R$366,ROW(INDEX(Jesper!AL$2:AL$366,ROUNDDOWN($C5591/24,0)+1,1))-1)+IF('Standard Profiles'!$G$22=$B$10,7,0)+IF('Standard Profiles'!$G$22=$B$17,14,0)+IF('Standard Profiles'!$G$22=$B$24,21,0),MOD($C5591,24)+1)/SUM(INDEX($D$3:$AA$30,INDEX(Jesper!$R$2:$R$366,ROW(INDEX(Jesper!AL$2:AL$366,ROUNDDOWN($C5591/24,0)+1,1))-1)+IF('Standard Profiles'!$G$22=$B$10,7,0)+IF('Standard Profiles'!$G$22=$B$17,14,0)+IF('Standard Profiles'!$G$22=$B$24,21,0),0)),0)</f>
        <v>0</v>
      </c>
      <c r="I5591">
        <f t="shared" si="622"/>
        <v>0</v>
      </c>
      <c r="J5591">
        <f t="shared" si="623"/>
        <v>3.2436777494467308</v>
      </c>
      <c r="K5591">
        <f t="shared" si="624"/>
        <v>0.21326198564395898</v>
      </c>
      <c r="L5591">
        <f t="shared" si="625"/>
        <v>0.10663099282197949</v>
      </c>
      <c r="M5591">
        <f t="shared" si="626"/>
        <v>0</v>
      </c>
      <c r="N5591" s="45">
        <f t="shared" si="627"/>
        <v>45158.541666653189</v>
      </c>
    </row>
    <row r="5592" spans="2:14" x14ac:dyDescent="0.25">
      <c r="B5592">
        <f t="shared" si="621"/>
        <v>7</v>
      </c>
      <c r="C5592" s="16">
        <v>5558</v>
      </c>
      <c r="D5592" cm="1">
        <f t="array" ref="D5592">IFERROR(INDEX(Jesper!AH$2:AH$366,ROUNDDOWN($C5592/24,0)+1,1)*INDEX($D$3:$AA$30,INDEX(Jesper!$R$2:$R$366,ROW(INDEX(Jesper!AH$2:AH$366,ROUNDDOWN($C5592/24,0)+1,1))-1)+IF('Standard Profiles'!$G$18=$B$10,7,0)+IF('Standard Profiles'!$G$18=$B$17,14,0)+IF('Standard Profiles'!$G$18=$B$24,21,0),MOD($C5592,24)+1)/SUM(INDEX($D$3:$AA$30,INDEX(Jesper!$R$2:$R$366,ROW(INDEX(Jesper!AH$2:AH$366,ROUNDDOWN($C5592/24,0)+1,1))-1)+IF('Standard Profiles'!$G$18=$B$10,7,0)+IF('Standard Profiles'!$G$18=$B$17,14,0)+IF('Standard Profiles'!$G$18=$B$24,21,0),0)),0)</f>
        <v>0</v>
      </c>
      <c r="E5592" cm="1">
        <f t="array" ref="E5592">IFERROR(INDEX(Jesper!AI$2:AI$366,ROUNDDOWN($C5592/24,0)+1,1)*INDEX($D$3:$AA$30,INDEX(Jesper!$R$2:$R$366,ROW(INDEX(Jesper!AI$2:AI$366,ROUNDDOWN($C5592/24,0)+1,1))-1)+IF('Standard Profiles'!$G$19=$B$10,7,0)+IF('Standard Profiles'!$G$19=$B$17,14,0)+IF('Standard Profiles'!$G$19=$B$24,21,0),MOD($C5592,24)+1)/SUM(INDEX($D$3:$AA$30,INDEX(Jesper!$R$2:$R$366,ROW(INDEX(Jesper!AI$2:AI$366,ROUNDDOWN($C5592/24,0)+1,1))-1)+IF('Standard Profiles'!$G$19=$B$10,7,0)+IF('Standard Profiles'!$G$19=$B$17,14,0)+IF('Standard Profiles'!$G$19=$B$24,21,0),0)),0)</f>
        <v>2.6657748205494873</v>
      </c>
      <c r="F5592" cm="1">
        <f t="array" ref="F5592">IFERROR(INDEX(Jesper!AJ$2:AJ$366,ROUNDDOWN($C5592/24,0)+1,1)*INDEX($D$3:$AA$30,INDEX(Jesper!$R$2:$R$366,ROW(INDEX(Jesper!AJ$2:AJ$366,ROUNDDOWN($C5592/24,0)+1,1))-1)+IF('Standard Profiles'!$G$20=$B$10,7,0)+IF('Standard Profiles'!$G$20=$B$17,14,0)+IF('Standard Profiles'!$G$20=$B$24,21,0),MOD($C5592,24)+1)/SUM(INDEX($D$3:$AA$30,INDEX(Jesper!$R$2:$R$366,ROW(INDEX(Jesper!AJ$2:AJ$366,ROUNDDOWN($C5592/24,0)+1,1))-1)+IF('Standard Profiles'!$G$20=$B$10,7,0)+IF('Standard Profiles'!$G$20=$B$17,14,0)+IF('Standard Profiles'!$G$20=$B$24,21,0),0)),0)</f>
        <v>0.7488288843587767</v>
      </c>
      <c r="G5592" cm="1">
        <f t="array" ref="G5592">IFERROR(INDEX(Jesper!AK$2:AK$366,ROUNDDOWN($C5592/24,0)+1,1)*INDEX($D$3:$AA$30,INDEX(Jesper!$R$2:$R$366,ROW(INDEX(Jesper!AK$2:AK$366,ROUNDDOWN($C5592/24,0)+1,1))-1)+IF('Standard Profiles'!$G$21=$B$10,7,0)+IF('Standard Profiles'!$G$21=$B$17,14,0)+IF('Standard Profiles'!$G$21=$B$24,21,0),MOD($C5592,24)+1)/SUM(INDEX($D$3:$AA$30,INDEX(Jesper!$R$2:$R$366,ROW(INDEX(Jesper!AK$2:AK$366,ROUNDDOWN($C5592/24,0)+1,1))-1)+IF('Standard Profiles'!$G$21=$B$10,7,0)+IF('Standard Profiles'!$G$21=$B$17,14,0)+IF('Standard Profiles'!$G$21=$B$24,21,0),0)),0)</f>
        <v>0.14896702300440484</v>
      </c>
      <c r="H5592" cm="1">
        <f t="array" ref="H5592">IFERROR(INDEX(Jesper!AL$2:AL$366,ROUNDDOWN($C5592/24,0)+1,1)*INDEX($D$3:$AA$30,INDEX(Jesper!$R$2:$R$366,ROW(INDEX(Jesper!AL$2:AL$366,ROUNDDOWN($C5592/24,0)+1,1))-1)+IF('Standard Profiles'!$G$22=$B$10,7,0)+IF('Standard Profiles'!$G$22=$B$17,14,0)+IF('Standard Profiles'!$G$22=$B$24,21,0),MOD($C5592,24)+1)/SUM(INDEX($D$3:$AA$30,INDEX(Jesper!$R$2:$R$366,ROW(INDEX(Jesper!AL$2:AL$366,ROUNDDOWN($C5592/24,0)+1,1))-1)+IF('Standard Profiles'!$G$22=$B$10,7,0)+IF('Standard Profiles'!$G$22=$B$17,14,0)+IF('Standard Profiles'!$G$22=$B$24,21,0),0)),0)</f>
        <v>0</v>
      </c>
      <c r="I5592">
        <f t="shared" si="622"/>
        <v>0</v>
      </c>
      <c r="J5592">
        <f t="shared" si="623"/>
        <v>3.2436777494467308</v>
      </c>
      <c r="K5592">
        <f t="shared" si="624"/>
        <v>0.21326198564395898</v>
      </c>
      <c r="L5592">
        <f t="shared" si="625"/>
        <v>0.10663099282197949</v>
      </c>
      <c r="M5592">
        <f t="shared" si="626"/>
        <v>0</v>
      </c>
      <c r="N5592" s="45">
        <f t="shared" si="627"/>
        <v>45158.583333319853</v>
      </c>
    </row>
    <row r="5593" spans="2:14" x14ac:dyDescent="0.25">
      <c r="B5593">
        <f t="shared" si="621"/>
        <v>7</v>
      </c>
      <c r="C5593" s="16">
        <v>5559</v>
      </c>
      <c r="D5593" cm="1">
        <f t="array" ref="D5593">IFERROR(INDEX(Jesper!AH$2:AH$366,ROUNDDOWN($C5593/24,0)+1,1)*INDEX($D$3:$AA$30,INDEX(Jesper!$R$2:$R$366,ROW(INDEX(Jesper!AH$2:AH$366,ROUNDDOWN($C5593/24,0)+1,1))-1)+IF('Standard Profiles'!$G$18=$B$10,7,0)+IF('Standard Profiles'!$G$18=$B$17,14,0)+IF('Standard Profiles'!$G$18=$B$24,21,0),MOD($C5593,24)+1)/SUM(INDEX($D$3:$AA$30,INDEX(Jesper!$R$2:$R$366,ROW(INDEX(Jesper!AH$2:AH$366,ROUNDDOWN($C5593/24,0)+1,1))-1)+IF('Standard Profiles'!$G$18=$B$10,7,0)+IF('Standard Profiles'!$G$18=$B$17,14,0)+IF('Standard Profiles'!$G$18=$B$24,21,0),0)),0)</f>
        <v>0</v>
      </c>
      <c r="E5593" cm="1">
        <f t="array" ref="E5593">IFERROR(INDEX(Jesper!AI$2:AI$366,ROUNDDOWN($C5593/24,0)+1,1)*INDEX($D$3:$AA$30,INDEX(Jesper!$R$2:$R$366,ROW(INDEX(Jesper!AI$2:AI$366,ROUNDDOWN($C5593/24,0)+1,1))-1)+IF('Standard Profiles'!$G$19=$B$10,7,0)+IF('Standard Profiles'!$G$19=$B$17,14,0)+IF('Standard Profiles'!$G$19=$B$24,21,0),MOD($C5593,24)+1)/SUM(INDEX($D$3:$AA$30,INDEX(Jesper!$R$2:$R$366,ROW(INDEX(Jesper!AI$2:AI$366,ROUNDDOWN($C5593/24,0)+1,1))-1)+IF('Standard Profiles'!$G$19=$B$10,7,0)+IF('Standard Profiles'!$G$19=$B$17,14,0)+IF('Standard Profiles'!$G$19=$B$24,21,0),0)),0)</f>
        <v>2.6657748205494873</v>
      </c>
      <c r="F5593" cm="1">
        <f t="array" ref="F5593">IFERROR(INDEX(Jesper!AJ$2:AJ$366,ROUNDDOWN($C5593/24,0)+1,1)*INDEX($D$3:$AA$30,INDEX(Jesper!$R$2:$R$366,ROW(INDEX(Jesper!AJ$2:AJ$366,ROUNDDOWN($C5593/24,0)+1,1))-1)+IF('Standard Profiles'!$G$20=$B$10,7,0)+IF('Standard Profiles'!$G$20=$B$17,14,0)+IF('Standard Profiles'!$G$20=$B$24,21,0),MOD($C5593,24)+1)/SUM(INDEX($D$3:$AA$30,INDEX(Jesper!$R$2:$R$366,ROW(INDEX(Jesper!AJ$2:AJ$366,ROUNDDOWN($C5593/24,0)+1,1))-1)+IF('Standard Profiles'!$G$20=$B$10,7,0)+IF('Standard Profiles'!$G$20=$B$17,14,0)+IF('Standard Profiles'!$G$20=$B$24,21,0),0)),0)</f>
        <v>0.7488288843587767</v>
      </c>
      <c r="G5593" cm="1">
        <f t="array" ref="G5593">IFERROR(INDEX(Jesper!AK$2:AK$366,ROUNDDOWN($C5593/24,0)+1,1)*INDEX($D$3:$AA$30,INDEX(Jesper!$R$2:$R$366,ROW(INDEX(Jesper!AK$2:AK$366,ROUNDDOWN($C5593/24,0)+1,1))-1)+IF('Standard Profiles'!$G$21=$B$10,7,0)+IF('Standard Profiles'!$G$21=$B$17,14,0)+IF('Standard Profiles'!$G$21=$B$24,21,0),MOD($C5593,24)+1)/SUM(INDEX($D$3:$AA$30,INDEX(Jesper!$R$2:$R$366,ROW(INDEX(Jesper!AK$2:AK$366,ROUNDDOWN($C5593/24,0)+1,1))-1)+IF('Standard Profiles'!$G$21=$B$10,7,0)+IF('Standard Profiles'!$G$21=$B$17,14,0)+IF('Standard Profiles'!$G$21=$B$24,21,0),0)),0)</f>
        <v>0.14896702300440484</v>
      </c>
      <c r="H5593" cm="1">
        <f t="array" ref="H5593">IFERROR(INDEX(Jesper!AL$2:AL$366,ROUNDDOWN($C5593/24,0)+1,1)*INDEX($D$3:$AA$30,INDEX(Jesper!$R$2:$R$366,ROW(INDEX(Jesper!AL$2:AL$366,ROUNDDOWN($C5593/24,0)+1,1))-1)+IF('Standard Profiles'!$G$22=$B$10,7,0)+IF('Standard Profiles'!$G$22=$B$17,14,0)+IF('Standard Profiles'!$G$22=$B$24,21,0),MOD($C5593,24)+1)/SUM(INDEX($D$3:$AA$30,INDEX(Jesper!$R$2:$R$366,ROW(INDEX(Jesper!AL$2:AL$366,ROUNDDOWN($C5593/24,0)+1,1))-1)+IF('Standard Profiles'!$G$22=$B$10,7,0)+IF('Standard Profiles'!$G$22=$B$17,14,0)+IF('Standard Profiles'!$G$22=$B$24,21,0),0)),0)</f>
        <v>0</v>
      </c>
      <c r="I5593">
        <f t="shared" si="622"/>
        <v>0</v>
      </c>
      <c r="J5593">
        <f t="shared" si="623"/>
        <v>3.2436777494467308</v>
      </c>
      <c r="K5593">
        <f t="shared" si="624"/>
        <v>0.21326198564395898</v>
      </c>
      <c r="L5593">
        <f t="shared" si="625"/>
        <v>0.10663099282197949</v>
      </c>
      <c r="M5593">
        <f t="shared" si="626"/>
        <v>0</v>
      </c>
      <c r="N5593" s="45">
        <f t="shared" si="627"/>
        <v>45158.624999986518</v>
      </c>
    </row>
    <row r="5594" spans="2:14" x14ac:dyDescent="0.25">
      <c r="B5594">
        <f t="shared" si="621"/>
        <v>7</v>
      </c>
      <c r="C5594" s="16">
        <v>5560</v>
      </c>
      <c r="D5594" cm="1">
        <f t="array" ref="D5594">IFERROR(INDEX(Jesper!AH$2:AH$366,ROUNDDOWN($C5594/24,0)+1,1)*INDEX($D$3:$AA$30,INDEX(Jesper!$R$2:$R$366,ROW(INDEX(Jesper!AH$2:AH$366,ROUNDDOWN($C5594/24,0)+1,1))-1)+IF('Standard Profiles'!$G$18=$B$10,7,0)+IF('Standard Profiles'!$G$18=$B$17,14,0)+IF('Standard Profiles'!$G$18=$B$24,21,0),MOD($C5594,24)+1)/SUM(INDEX($D$3:$AA$30,INDEX(Jesper!$R$2:$R$366,ROW(INDEX(Jesper!AH$2:AH$366,ROUNDDOWN($C5594/24,0)+1,1))-1)+IF('Standard Profiles'!$G$18=$B$10,7,0)+IF('Standard Profiles'!$G$18=$B$17,14,0)+IF('Standard Profiles'!$G$18=$B$24,21,0),0)),0)</f>
        <v>0</v>
      </c>
      <c r="E5594" cm="1">
        <f t="array" ref="E5594">IFERROR(INDEX(Jesper!AI$2:AI$366,ROUNDDOWN($C5594/24,0)+1,1)*INDEX($D$3:$AA$30,INDEX(Jesper!$R$2:$R$366,ROW(INDEX(Jesper!AI$2:AI$366,ROUNDDOWN($C5594/24,0)+1,1))-1)+IF('Standard Profiles'!$G$19=$B$10,7,0)+IF('Standard Profiles'!$G$19=$B$17,14,0)+IF('Standard Profiles'!$G$19=$B$24,21,0),MOD($C5594,24)+1)/SUM(INDEX($D$3:$AA$30,INDEX(Jesper!$R$2:$R$366,ROW(INDEX(Jesper!AI$2:AI$366,ROUNDDOWN($C5594/24,0)+1,1))-1)+IF('Standard Profiles'!$G$19=$B$10,7,0)+IF('Standard Profiles'!$G$19=$B$17,14,0)+IF('Standard Profiles'!$G$19=$B$24,21,0),0)),0)</f>
        <v>2.6657748205494873</v>
      </c>
      <c r="F5594" cm="1">
        <f t="array" ref="F5594">IFERROR(INDEX(Jesper!AJ$2:AJ$366,ROUNDDOWN($C5594/24,0)+1,1)*INDEX($D$3:$AA$30,INDEX(Jesper!$R$2:$R$366,ROW(INDEX(Jesper!AJ$2:AJ$366,ROUNDDOWN($C5594/24,0)+1,1))-1)+IF('Standard Profiles'!$G$20=$B$10,7,0)+IF('Standard Profiles'!$G$20=$B$17,14,0)+IF('Standard Profiles'!$G$20=$B$24,21,0),MOD($C5594,24)+1)/SUM(INDEX($D$3:$AA$30,INDEX(Jesper!$R$2:$R$366,ROW(INDEX(Jesper!AJ$2:AJ$366,ROUNDDOWN($C5594/24,0)+1,1))-1)+IF('Standard Profiles'!$G$20=$B$10,7,0)+IF('Standard Profiles'!$G$20=$B$17,14,0)+IF('Standard Profiles'!$G$20=$B$24,21,0),0)),0)</f>
        <v>0.7488288843587767</v>
      </c>
      <c r="G5594" cm="1">
        <f t="array" ref="G5594">IFERROR(INDEX(Jesper!AK$2:AK$366,ROUNDDOWN($C5594/24,0)+1,1)*INDEX($D$3:$AA$30,INDEX(Jesper!$R$2:$R$366,ROW(INDEX(Jesper!AK$2:AK$366,ROUNDDOWN($C5594/24,0)+1,1))-1)+IF('Standard Profiles'!$G$21=$B$10,7,0)+IF('Standard Profiles'!$G$21=$B$17,14,0)+IF('Standard Profiles'!$G$21=$B$24,21,0),MOD($C5594,24)+1)/SUM(INDEX($D$3:$AA$30,INDEX(Jesper!$R$2:$R$366,ROW(INDEX(Jesper!AK$2:AK$366,ROUNDDOWN($C5594/24,0)+1,1))-1)+IF('Standard Profiles'!$G$21=$B$10,7,0)+IF('Standard Profiles'!$G$21=$B$17,14,0)+IF('Standard Profiles'!$G$21=$B$24,21,0),0)),0)</f>
        <v>0.14896702300440484</v>
      </c>
      <c r="H5594" cm="1">
        <f t="array" ref="H5594">IFERROR(INDEX(Jesper!AL$2:AL$366,ROUNDDOWN($C5594/24,0)+1,1)*INDEX($D$3:$AA$30,INDEX(Jesper!$R$2:$R$366,ROW(INDEX(Jesper!AL$2:AL$366,ROUNDDOWN($C5594/24,0)+1,1))-1)+IF('Standard Profiles'!$G$22=$B$10,7,0)+IF('Standard Profiles'!$G$22=$B$17,14,0)+IF('Standard Profiles'!$G$22=$B$24,21,0),MOD($C5594,24)+1)/SUM(INDEX($D$3:$AA$30,INDEX(Jesper!$R$2:$R$366,ROW(INDEX(Jesper!AL$2:AL$366,ROUNDDOWN($C5594/24,0)+1,1))-1)+IF('Standard Profiles'!$G$22=$B$10,7,0)+IF('Standard Profiles'!$G$22=$B$17,14,0)+IF('Standard Profiles'!$G$22=$B$24,21,0),0)),0)</f>
        <v>0</v>
      </c>
      <c r="I5594">
        <f t="shared" si="622"/>
        <v>0</v>
      </c>
      <c r="J5594">
        <f t="shared" si="623"/>
        <v>3.2436777494467308</v>
      </c>
      <c r="K5594">
        <f t="shared" si="624"/>
        <v>0.21326198564395898</v>
      </c>
      <c r="L5594">
        <f t="shared" si="625"/>
        <v>0.10663099282197949</v>
      </c>
      <c r="M5594">
        <f t="shared" si="626"/>
        <v>0</v>
      </c>
      <c r="N5594" s="45">
        <f t="shared" si="627"/>
        <v>45158.666666653182</v>
      </c>
    </row>
    <row r="5595" spans="2:14" x14ac:dyDescent="0.25">
      <c r="B5595">
        <f t="shared" si="621"/>
        <v>7</v>
      </c>
      <c r="C5595" s="16">
        <v>5561</v>
      </c>
      <c r="D5595" cm="1">
        <f t="array" ref="D5595">IFERROR(INDEX(Jesper!AH$2:AH$366,ROUNDDOWN($C5595/24,0)+1,1)*INDEX($D$3:$AA$30,INDEX(Jesper!$R$2:$R$366,ROW(INDEX(Jesper!AH$2:AH$366,ROUNDDOWN($C5595/24,0)+1,1))-1)+IF('Standard Profiles'!$G$18=$B$10,7,0)+IF('Standard Profiles'!$G$18=$B$17,14,0)+IF('Standard Profiles'!$G$18=$B$24,21,0),MOD($C5595,24)+1)/SUM(INDEX($D$3:$AA$30,INDEX(Jesper!$R$2:$R$366,ROW(INDEX(Jesper!AH$2:AH$366,ROUNDDOWN($C5595/24,0)+1,1))-1)+IF('Standard Profiles'!$G$18=$B$10,7,0)+IF('Standard Profiles'!$G$18=$B$17,14,0)+IF('Standard Profiles'!$G$18=$B$24,21,0),0)),0)</f>
        <v>0</v>
      </c>
      <c r="E5595" cm="1">
        <f t="array" ref="E5595">IFERROR(INDEX(Jesper!AI$2:AI$366,ROUNDDOWN($C5595/24,0)+1,1)*INDEX($D$3:$AA$30,INDEX(Jesper!$R$2:$R$366,ROW(INDEX(Jesper!AI$2:AI$366,ROUNDDOWN($C5595/24,0)+1,1))-1)+IF('Standard Profiles'!$G$19=$B$10,7,0)+IF('Standard Profiles'!$G$19=$B$17,14,0)+IF('Standard Profiles'!$G$19=$B$24,21,0),MOD($C5595,24)+1)/SUM(INDEX($D$3:$AA$30,INDEX(Jesper!$R$2:$R$366,ROW(INDEX(Jesper!AI$2:AI$366,ROUNDDOWN($C5595/24,0)+1,1))-1)+IF('Standard Profiles'!$G$19=$B$10,7,0)+IF('Standard Profiles'!$G$19=$B$17,14,0)+IF('Standard Profiles'!$G$19=$B$24,21,0),0)),0)</f>
        <v>2.6657748205494873</v>
      </c>
      <c r="F5595" cm="1">
        <f t="array" ref="F5595">IFERROR(INDEX(Jesper!AJ$2:AJ$366,ROUNDDOWN($C5595/24,0)+1,1)*INDEX($D$3:$AA$30,INDEX(Jesper!$R$2:$R$366,ROW(INDEX(Jesper!AJ$2:AJ$366,ROUNDDOWN($C5595/24,0)+1,1))-1)+IF('Standard Profiles'!$G$20=$B$10,7,0)+IF('Standard Profiles'!$G$20=$B$17,14,0)+IF('Standard Profiles'!$G$20=$B$24,21,0),MOD($C5595,24)+1)/SUM(INDEX($D$3:$AA$30,INDEX(Jesper!$R$2:$R$366,ROW(INDEX(Jesper!AJ$2:AJ$366,ROUNDDOWN($C5595/24,0)+1,1))-1)+IF('Standard Profiles'!$G$20=$B$10,7,0)+IF('Standard Profiles'!$G$20=$B$17,14,0)+IF('Standard Profiles'!$G$20=$B$24,21,0),0)),0)</f>
        <v>0.7488288843587767</v>
      </c>
      <c r="G5595" cm="1">
        <f t="array" ref="G5595">IFERROR(INDEX(Jesper!AK$2:AK$366,ROUNDDOWN($C5595/24,0)+1,1)*INDEX($D$3:$AA$30,INDEX(Jesper!$R$2:$R$366,ROW(INDEX(Jesper!AK$2:AK$366,ROUNDDOWN($C5595/24,0)+1,1))-1)+IF('Standard Profiles'!$G$21=$B$10,7,0)+IF('Standard Profiles'!$G$21=$B$17,14,0)+IF('Standard Profiles'!$G$21=$B$24,21,0),MOD($C5595,24)+1)/SUM(INDEX($D$3:$AA$30,INDEX(Jesper!$R$2:$R$366,ROW(INDEX(Jesper!AK$2:AK$366,ROUNDDOWN($C5595/24,0)+1,1))-1)+IF('Standard Profiles'!$G$21=$B$10,7,0)+IF('Standard Profiles'!$G$21=$B$17,14,0)+IF('Standard Profiles'!$G$21=$B$24,21,0),0)),0)</f>
        <v>0.14896702300440484</v>
      </c>
      <c r="H5595" cm="1">
        <f t="array" ref="H5595">IFERROR(INDEX(Jesper!AL$2:AL$366,ROUNDDOWN($C5595/24,0)+1,1)*INDEX($D$3:$AA$30,INDEX(Jesper!$R$2:$R$366,ROW(INDEX(Jesper!AL$2:AL$366,ROUNDDOWN($C5595/24,0)+1,1))-1)+IF('Standard Profiles'!$G$22=$B$10,7,0)+IF('Standard Profiles'!$G$22=$B$17,14,0)+IF('Standard Profiles'!$G$22=$B$24,21,0),MOD($C5595,24)+1)/SUM(INDEX($D$3:$AA$30,INDEX(Jesper!$R$2:$R$366,ROW(INDEX(Jesper!AL$2:AL$366,ROUNDDOWN($C5595/24,0)+1,1))-1)+IF('Standard Profiles'!$G$22=$B$10,7,0)+IF('Standard Profiles'!$G$22=$B$17,14,0)+IF('Standard Profiles'!$G$22=$B$24,21,0),0)),0)</f>
        <v>0</v>
      </c>
      <c r="I5595">
        <f t="shared" si="622"/>
        <v>0</v>
      </c>
      <c r="J5595">
        <f t="shared" si="623"/>
        <v>3.2436777494467308</v>
      </c>
      <c r="K5595">
        <f t="shared" si="624"/>
        <v>0.21326198564395898</v>
      </c>
      <c r="L5595">
        <f t="shared" si="625"/>
        <v>0.10663099282197949</v>
      </c>
      <c r="M5595">
        <f t="shared" si="626"/>
        <v>0</v>
      </c>
      <c r="N5595" s="45">
        <f t="shared" si="627"/>
        <v>45158.708333319846</v>
      </c>
    </row>
    <row r="5596" spans="2:14" x14ac:dyDescent="0.25">
      <c r="B5596">
        <f t="shared" si="621"/>
        <v>7</v>
      </c>
      <c r="C5596" s="16">
        <v>5562</v>
      </c>
      <c r="D5596" cm="1">
        <f t="array" ref="D5596">IFERROR(INDEX(Jesper!AH$2:AH$366,ROUNDDOWN($C5596/24,0)+1,1)*INDEX($D$3:$AA$30,INDEX(Jesper!$R$2:$R$366,ROW(INDEX(Jesper!AH$2:AH$366,ROUNDDOWN($C5596/24,0)+1,1))-1)+IF('Standard Profiles'!$G$18=$B$10,7,0)+IF('Standard Profiles'!$G$18=$B$17,14,0)+IF('Standard Profiles'!$G$18=$B$24,21,0),MOD($C5596,24)+1)/SUM(INDEX($D$3:$AA$30,INDEX(Jesper!$R$2:$R$366,ROW(INDEX(Jesper!AH$2:AH$366,ROUNDDOWN($C5596/24,0)+1,1))-1)+IF('Standard Profiles'!$G$18=$B$10,7,0)+IF('Standard Profiles'!$G$18=$B$17,14,0)+IF('Standard Profiles'!$G$18=$B$24,21,0),0)),0)</f>
        <v>0</v>
      </c>
      <c r="E5596" cm="1">
        <f t="array" ref="E5596">IFERROR(INDEX(Jesper!AI$2:AI$366,ROUNDDOWN($C5596/24,0)+1,1)*INDEX($D$3:$AA$30,INDEX(Jesper!$R$2:$R$366,ROW(INDEX(Jesper!AI$2:AI$366,ROUNDDOWN($C5596/24,0)+1,1))-1)+IF('Standard Profiles'!$G$19=$B$10,7,0)+IF('Standard Profiles'!$G$19=$B$17,14,0)+IF('Standard Profiles'!$G$19=$B$24,21,0),MOD($C5596,24)+1)/SUM(INDEX($D$3:$AA$30,INDEX(Jesper!$R$2:$R$366,ROW(INDEX(Jesper!AI$2:AI$366,ROUNDDOWN($C5596/24,0)+1,1))-1)+IF('Standard Profiles'!$G$19=$B$10,7,0)+IF('Standard Profiles'!$G$19=$B$17,14,0)+IF('Standard Profiles'!$G$19=$B$24,21,0),0)),0)</f>
        <v>2.6657748205494873</v>
      </c>
      <c r="F5596" cm="1">
        <f t="array" ref="F5596">IFERROR(INDEX(Jesper!AJ$2:AJ$366,ROUNDDOWN($C5596/24,0)+1,1)*INDEX($D$3:$AA$30,INDEX(Jesper!$R$2:$R$366,ROW(INDEX(Jesper!AJ$2:AJ$366,ROUNDDOWN($C5596/24,0)+1,1))-1)+IF('Standard Profiles'!$G$20=$B$10,7,0)+IF('Standard Profiles'!$G$20=$B$17,14,0)+IF('Standard Profiles'!$G$20=$B$24,21,0),MOD($C5596,24)+1)/SUM(INDEX($D$3:$AA$30,INDEX(Jesper!$R$2:$R$366,ROW(INDEX(Jesper!AJ$2:AJ$366,ROUNDDOWN($C5596/24,0)+1,1))-1)+IF('Standard Profiles'!$G$20=$B$10,7,0)+IF('Standard Profiles'!$G$20=$B$17,14,0)+IF('Standard Profiles'!$G$20=$B$24,21,0),0)),0)</f>
        <v>0.7488288843587767</v>
      </c>
      <c r="G5596" cm="1">
        <f t="array" ref="G5596">IFERROR(INDEX(Jesper!AK$2:AK$366,ROUNDDOWN($C5596/24,0)+1,1)*INDEX($D$3:$AA$30,INDEX(Jesper!$R$2:$R$366,ROW(INDEX(Jesper!AK$2:AK$366,ROUNDDOWN($C5596/24,0)+1,1))-1)+IF('Standard Profiles'!$G$21=$B$10,7,0)+IF('Standard Profiles'!$G$21=$B$17,14,0)+IF('Standard Profiles'!$G$21=$B$24,21,0),MOD($C5596,24)+1)/SUM(INDEX($D$3:$AA$30,INDEX(Jesper!$R$2:$R$366,ROW(INDEX(Jesper!AK$2:AK$366,ROUNDDOWN($C5596/24,0)+1,1))-1)+IF('Standard Profiles'!$G$21=$B$10,7,0)+IF('Standard Profiles'!$G$21=$B$17,14,0)+IF('Standard Profiles'!$G$21=$B$24,21,0),0)),0)</f>
        <v>0.14896702300440484</v>
      </c>
      <c r="H5596" cm="1">
        <f t="array" ref="H5596">IFERROR(INDEX(Jesper!AL$2:AL$366,ROUNDDOWN($C5596/24,0)+1,1)*INDEX($D$3:$AA$30,INDEX(Jesper!$R$2:$R$366,ROW(INDEX(Jesper!AL$2:AL$366,ROUNDDOWN($C5596/24,0)+1,1))-1)+IF('Standard Profiles'!$G$22=$B$10,7,0)+IF('Standard Profiles'!$G$22=$B$17,14,0)+IF('Standard Profiles'!$G$22=$B$24,21,0),MOD($C5596,24)+1)/SUM(INDEX($D$3:$AA$30,INDEX(Jesper!$R$2:$R$366,ROW(INDEX(Jesper!AL$2:AL$366,ROUNDDOWN($C5596/24,0)+1,1))-1)+IF('Standard Profiles'!$G$22=$B$10,7,0)+IF('Standard Profiles'!$G$22=$B$17,14,0)+IF('Standard Profiles'!$G$22=$B$24,21,0),0)),0)</f>
        <v>0</v>
      </c>
      <c r="I5596">
        <f t="shared" si="622"/>
        <v>0</v>
      </c>
      <c r="J5596">
        <f t="shared" si="623"/>
        <v>3.2436777494467308</v>
      </c>
      <c r="K5596">
        <f t="shared" si="624"/>
        <v>0.21326198564395898</v>
      </c>
      <c r="L5596">
        <f t="shared" si="625"/>
        <v>0.10663099282197949</v>
      </c>
      <c r="M5596">
        <f t="shared" si="626"/>
        <v>0</v>
      </c>
      <c r="N5596" s="45">
        <f t="shared" si="627"/>
        <v>45158.74999998651</v>
      </c>
    </row>
    <row r="5597" spans="2:14" x14ac:dyDescent="0.25">
      <c r="B5597">
        <f t="shared" si="621"/>
        <v>7</v>
      </c>
      <c r="C5597" s="16">
        <v>5563</v>
      </c>
      <c r="D5597" cm="1">
        <f t="array" ref="D5597">IFERROR(INDEX(Jesper!AH$2:AH$366,ROUNDDOWN($C5597/24,0)+1,1)*INDEX($D$3:$AA$30,INDEX(Jesper!$R$2:$R$366,ROW(INDEX(Jesper!AH$2:AH$366,ROUNDDOWN($C5597/24,0)+1,1))-1)+IF('Standard Profiles'!$G$18=$B$10,7,0)+IF('Standard Profiles'!$G$18=$B$17,14,0)+IF('Standard Profiles'!$G$18=$B$24,21,0),MOD($C5597,24)+1)/SUM(INDEX($D$3:$AA$30,INDEX(Jesper!$R$2:$R$366,ROW(INDEX(Jesper!AH$2:AH$366,ROUNDDOWN($C5597/24,0)+1,1))-1)+IF('Standard Profiles'!$G$18=$B$10,7,0)+IF('Standard Profiles'!$G$18=$B$17,14,0)+IF('Standard Profiles'!$G$18=$B$24,21,0),0)),0)</f>
        <v>0</v>
      </c>
      <c r="E5597" cm="1">
        <f t="array" ref="E5597">IFERROR(INDEX(Jesper!AI$2:AI$366,ROUNDDOWN($C5597/24,0)+1,1)*INDEX($D$3:$AA$30,INDEX(Jesper!$R$2:$R$366,ROW(INDEX(Jesper!AI$2:AI$366,ROUNDDOWN($C5597/24,0)+1,1))-1)+IF('Standard Profiles'!$G$19=$B$10,7,0)+IF('Standard Profiles'!$G$19=$B$17,14,0)+IF('Standard Profiles'!$G$19=$B$24,21,0),MOD($C5597,24)+1)/SUM(INDEX($D$3:$AA$30,INDEX(Jesper!$R$2:$R$366,ROW(INDEX(Jesper!AI$2:AI$366,ROUNDDOWN($C5597/24,0)+1,1))-1)+IF('Standard Profiles'!$G$19=$B$10,7,0)+IF('Standard Profiles'!$G$19=$B$17,14,0)+IF('Standard Profiles'!$G$19=$B$24,21,0),0)),0)</f>
        <v>2.6657748205494873</v>
      </c>
      <c r="F5597" cm="1">
        <f t="array" ref="F5597">IFERROR(INDEX(Jesper!AJ$2:AJ$366,ROUNDDOWN($C5597/24,0)+1,1)*INDEX($D$3:$AA$30,INDEX(Jesper!$R$2:$R$366,ROW(INDEX(Jesper!AJ$2:AJ$366,ROUNDDOWN($C5597/24,0)+1,1))-1)+IF('Standard Profiles'!$G$20=$B$10,7,0)+IF('Standard Profiles'!$G$20=$B$17,14,0)+IF('Standard Profiles'!$G$20=$B$24,21,0),MOD($C5597,24)+1)/SUM(INDEX($D$3:$AA$30,INDEX(Jesper!$R$2:$R$366,ROW(INDEX(Jesper!AJ$2:AJ$366,ROUNDDOWN($C5597/24,0)+1,1))-1)+IF('Standard Profiles'!$G$20=$B$10,7,0)+IF('Standard Profiles'!$G$20=$B$17,14,0)+IF('Standard Profiles'!$G$20=$B$24,21,0),0)),0)</f>
        <v>0.7488288843587767</v>
      </c>
      <c r="G5597" cm="1">
        <f t="array" ref="G5597">IFERROR(INDEX(Jesper!AK$2:AK$366,ROUNDDOWN($C5597/24,0)+1,1)*INDEX($D$3:$AA$30,INDEX(Jesper!$R$2:$R$366,ROW(INDEX(Jesper!AK$2:AK$366,ROUNDDOWN($C5597/24,0)+1,1))-1)+IF('Standard Profiles'!$G$21=$B$10,7,0)+IF('Standard Profiles'!$G$21=$B$17,14,0)+IF('Standard Profiles'!$G$21=$B$24,21,0),MOD($C5597,24)+1)/SUM(INDEX($D$3:$AA$30,INDEX(Jesper!$R$2:$R$366,ROW(INDEX(Jesper!AK$2:AK$366,ROUNDDOWN($C5597/24,0)+1,1))-1)+IF('Standard Profiles'!$G$21=$B$10,7,0)+IF('Standard Profiles'!$G$21=$B$17,14,0)+IF('Standard Profiles'!$G$21=$B$24,21,0),0)),0)</f>
        <v>0.14896702300440484</v>
      </c>
      <c r="H5597" cm="1">
        <f t="array" ref="H5597">IFERROR(INDEX(Jesper!AL$2:AL$366,ROUNDDOWN($C5597/24,0)+1,1)*INDEX($D$3:$AA$30,INDEX(Jesper!$R$2:$R$366,ROW(INDEX(Jesper!AL$2:AL$366,ROUNDDOWN($C5597/24,0)+1,1))-1)+IF('Standard Profiles'!$G$22=$B$10,7,0)+IF('Standard Profiles'!$G$22=$B$17,14,0)+IF('Standard Profiles'!$G$22=$B$24,21,0),MOD($C5597,24)+1)/SUM(INDEX($D$3:$AA$30,INDEX(Jesper!$R$2:$R$366,ROW(INDEX(Jesper!AL$2:AL$366,ROUNDDOWN($C5597/24,0)+1,1))-1)+IF('Standard Profiles'!$G$22=$B$10,7,0)+IF('Standard Profiles'!$G$22=$B$17,14,0)+IF('Standard Profiles'!$G$22=$B$24,21,0),0)),0)</f>
        <v>0</v>
      </c>
      <c r="I5597">
        <f t="shared" si="622"/>
        <v>0</v>
      </c>
      <c r="J5597">
        <f t="shared" si="623"/>
        <v>3.2436777494467308</v>
      </c>
      <c r="K5597">
        <f t="shared" si="624"/>
        <v>0.21326198564395898</v>
      </c>
      <c r="L5597">
        <f t="shared" si="625"/>
        <v>0.10663099282197949</v>
      </c>
      <c r="M5597">
        <f t="shared" si="626"/>
        <v>0</v>
      </c>
      <c r="N5597" s="45">
        <f t="shared" si="627"/>
        <v>45158.791666653175</v>
      </c>
    </row>
    <row r="5598" spans="2:14" x14ac:dyDescent="0.25">
      <c r="B5598">
        <f t="shared" si="621"/>
        <v>7</v>
      </c>
      <c r="C5598" s="16">
        <v>5564</v>
      </c>
      <c r="D5598" cm="1">
        <f t="array" ref="D5598">IFERROR(INDEX(Jesper!AH$2:AH$366,ROUNDDOWN($C5598/24,0)+1,1)*INDEX($D$3:$AA$30,INDEX(Jesper!$R$2:$R$366,ROW(INDEX(Jesper!AH$2:AH$366,ROUNDDOWN($C5598/24,0)+1,1))-1)+IF('Standard Profiles'!$G$18=$B$10,7,0)+IF('Standard Profiles'!$G$18=$B$17,14,0)+IF('Standard Profiles'!$G$18=$B$24,21,0),MOD($C5598,24)+1)/SUM(INDEX($D$3:$AA$30,INDEX(Jesper!$R$2:$R$366,ROW(INDEX(Jesper!AH$2:AH$366,ROUNDDOWN($C5598/24,0)+1,1))-1)+IF('Standard Profiles'!$G$18=$B$10,7,0)+IF('Standard Profiles'!$G$18=$B$17,14,0)+IF('Standard Profiles'!$G$18=$B$24,21,0),0)),0)</f>
        <v>0</v>
      </c>
      <c r="E5598" cm="1">
        <f t="array" ref="E5598">IFERROR(INDEX(Jesper!AI$2:AI$366,ROUNDDOWN($C5598/24,0)+1,1)*INDEX($D$3:$AA$30,INDEX(Jesper!$R$2:$R$366,ROW(INDEX(Jesper!AI$2:AI$366,ROUNDDOWN($C5598/24,0)+1,1))-1)+IF('Standard Profiles'!$G$19=$B$10,7,0)+IF('Standard Profiles'!$G$19=$B$17,14,0)+IF('Standard Profiles'!$G$19=$B$24,21,0),MOD($C5598,24)+1)/SUM(INDEX($D$3:$AA$30,INDEX(Jesper!$R$2:$R$366,ROW(INDEX(Jesper!AI$2:AI$366,ROUNDDOWN($C5598/24,0)+1,1))-1)+IF('Standard Profiles'!$G$19=$B$10,7,0)+IF('Standard Profiles'!$G$19=$B$17,14,0)+IF('Standard Profiles'!$G$19=$B$24,21,0),0)),0)</f>
        <v>2.6657748205494873</v>
      </c>
      <c r="F5598" cm="1">
        <f t="array" ref="F5598">IFERROR(INDEX(Jesper!AJ$2:AJ$366,ROUNDDOWN($C5598/24,0)+1,1)*INDEX($D$3:$AA$30,INDEX(Jesper!$R$2:$R$366,ROW(INDEX(Jesper!AJ$2:AJ$366,ROUNDDOWN($C5598/24,0)+1,1))-1)+IF('Standard Profiles'!$G$20=$B$10,7,0)+IF('Standard Profiles'!$G$20=$B$17,14,0)+IF('Standard Profiles'!$G$20=$B$24,21,0),MOD($C5598,24)+1)/SUM(INDEX($D$3:$AA$30,INDEX(Jesper!$R$2:$R$366,ROW(INDEX(Jesper!AJ$2:AJ$366,ROUNDDOWN($C5598/24,0)+1,1))-1)+IF('Standard Profiles'!$G$20=$B$10,7,0)+IF('Standard Profiles'!$G$20=$B$17,14,0)+IF('Standard Profiles'!$G$20=$B$24,21,0),0)),0)</f>
        <v>0.7488288843587767</v>
      </c>
      <c r="G5598" cm="1">
        <f t="array" ref="G5598">IFERROR(INDEX(Jesper!AK$2:AK$366,ROUNDDOWN($C5598/24,0)+1,1)*INDEX($D$3:$AA$30,INDEX(Jesper!$R$2:$R$366,ROW(INDEX(Jesper!AK$2:AK$366,ROUNDDOWN($C5598/24,0)+1,1))-1)+IF('Standard Profiles'!$G$21=$B$10,7,0)+IF('Standard Profiles'!$G$21=$B$17,14,0)+IF('Standard Profiles'!$G$21=$B$24,21,0),MOD($C5598,24)+1)/SUM(INDEX($D$3:$AA$30,INDEX(Jesper!$R$2:$R$366,ROW(INDEX(Jesper!AK$2:AK$366,ROUNDDOWN($C5598/24,0)+1,1))-1)+IF('Standard Profiles'!$G$21=$B$10,7,0)+IF('Standard Profiles'!$G$21=$B$17,14,0)+IF('Standard Profiles'!$G$21=$B$24,21,0),0)),0)</f>
        <v>0.14896702300440484</v>
      </c>
      <c r="H5598" cm="1">
        <f t="array" ref="H5598">IFERROR(INDEX(Jesper!AL$2:AL$366,ROUNDDOWN($C5598/24,0)+1,1)*INDEX($D$3:$AA$30,INDEX(Jesper!$R$2:$R$366,ROW(INDEX(Jesper!AL$2:AL$366,ROUNDDOWN($C5598/24,0)+1,1))-1)+IF('Standard Profiles'!$G$22=$B$10,7,0)+IF('Standard Profiles'!$G$22=$B$17,14,0)+IF('Standard Profiles'!$G$22=$B$24,21,0),MOD($C5598,24)+1)/SUM(INDEX($D$3:$AA$30,INDEX(Jesper!$R$2:$R$366,ROW(INDEX(Jesper!AL$2:AL$366,ROUNDDOWN($C5598/24,0)+1,1))-1)+IF('Standard Profiles'!$G$22=$B$10,7,0)+IF('Standard Profiles'!$G$22=$B$17,14,0)+IF('Standard Profiles'!$G$22=$B$24,21,0),0)),0)</f>
        <v>0</v>
      </c>
      <c r="I5598">
        <f t="shared" si="622"/>
        <v>0</v>
      </c>
      <c r="J5598">
        <f t="shared" si="623"/>
        <v>3.2436777494467308</v>
      </c>
      <c r="K5598">
        <f t="shared" si="624"/>
        <v>0.21326198564395898</v>
      </c>
      <c r="L5598">
        <f t="shared" si="625"/>
        <v>0.10663099282197949</v>
      </c>
      <c r="M5598">
        <f t="shared" si="626"/>
        <v>0</v>
      </c>
      <c r="N5598" s="45">
        <f t="shared" si="627"/>
        <v>45158.833333319839</v>
      </c>
    </row>
    <row r="5599" spans="2:14" x14ac:dyDescent="0.25">
      <c r="B5599">
        <f t="shared" si="621"/>
        <v>7</v>
      </c>
      <c r="C5599" s="16">
        <v>5565</v>
      </c>
      <c r="D5599" cm="1">
        <f t="array" ref="D5599">IFERROR(INDEX(Jesper!AH$2:AH$366,ROUNDDOWN($C5599/24,0)+1,1)*INDEX($D$3:$AA$30,INDEX(Jesper!$R$2:$R$366,ROW(INDEX(Jesper!AH$2:AH$366,ROUNDDOWN($C5599/24,0)+1,1))-1)+IF('Standard Profiles'!$G$18=$B$10,7,0)+IF('Standard Profiles'!$G$18=$B$17,14,0)+IF('Standard Profiles'!$G$18=$B$24,21,0),MOD($C5599,24)+1)/SUM(INDEX($D$3:$AA$30,INDEX(Jesper!$R$2:$R$366,ROW(INDEX(Jesper!AH$2:AH$366,ROUNDDOWN($C5599/24,0)+1,1))-1)+IF('Standard Profiles'!$G$18=$B$10,7,0)+IF('Standard Profiles'!$G$18=$B$17,14,0)+IF('Standard Profiles'!$G$18=$B$24,21,0),0)),0)</f>
        <v>0</v>
      </c>
      <c r="E5599" cm="1">
        <f t="array" ref="E5599">IFERROR(INDEX(Jesper!AI$2:AI$366,ROUNDDOWN($C5599/24,0)+1,1)*INDEX($D$3:$AA$30,INDEX(Jesper!$R$2:$R$366,ROW(INDEX(Jesper!AI$2:AI$366,ROUNDDOWN($C5599/24,0)+1,1))-1)+IF('Standard Profiles'!$G$19=$B$10,7,0)+IF('Standard Profiles'!$G$19=$B$17,14,0)+IF('Standard Profiles'!$G$19=$B$24,21,0),MOD($C5599,24)+1)/SUM(INDEX($D$3:$AA$30,INDEX(Jesper!$R$2:$R$366,ROW(INDEX(Jesper!AI$2:AI$366,ROUNDDOWN($C5599/24,0)+1,1))-1)+IF('Standard Profiles'!$G$19=$B$10,7,0)+IF('Standard Profiles'!$G$19=$B$17,14,0)+IF('Standard Profiles'!$G$19=$B$24,21,0),0)),0)</f>
        <v>2.6657748205494873</v>
      </c>
      <c r="F5599" cm="1">
        <f t="array" ref="F5599">IFERROR(INDEX(Jesper!AJ$2:AJ$366,ROUNDDOWN($C5599/24,0)+1,1)*INDEX($D$3:$AA$30,INDEX(Jesper!$R$2:$R$366,ROW(INDEX(Jesper!AJ$2:AJ$366,ROUNDDOWN($C5599/24,0)+1,1))-1)+IF('Standard Profiles'!$G$20=$B$10,7,0)+IF('Standard Profiles'!$G$20=$B$17,14,0)+IF('Standard Profiles'!$G$20=$B$24,21,0),MOD($C5599,24)+1)/SUM(INDEX($D$3:$AA$30,INDEX(Jesper!$R$2:$R$366,ROW(INDEX(Jesper!AJ$2:AJ$366,ROUNDDOWN($C5599/24,0)+1,1))-1)+IF('Standard Profiles'!$G$20=$B$10,7,0)+IF('Standard Profiles'!$G$20=$B$17,14,0)+IF('Standard Profiles'!$G$20=$B$24,21,0),0)),0)</f>
        <v>0.7488288843587767</v>
      </c>
      <c r="G5599" cm="1">
        <f t="array" ref="G5599">IFERROR(INDEX(Jesper!AK$2:AK$366,ROUNDDOWN($C5599/24,0)+1,1)*INDEX($D$3:$AA$30,INDEX(Jesper!$R$2:$R$366,ROW(INDEX(Jesper!AK$2:AK$366,ROUNDDOWN($C5599/24,0)+1,1))-1)+IF('Standard Profiles'!$G$21=$B$10,7,0)+IF('Standard Profiles'!$G$21=$B$17,14,0)+IF('Standard Profiles'!$G$21=$B$24,21,0),MOD($C5599,24)+1)/SUM(INDEX($D$3:$AA$30,INDEX(Jesper!$R$2:$R$366,ROW(INDEX(Jesper!AK$2:AK$366,ROUNDDOWN($C5599/24,0)+1,1))-1)+IF('Standard Profiles'!$G$21=$B$10,7,0)+IF('Standard Profiles'!$G$21=$B$17,14,0)+IF('Standard Profiles'!$G$21=$B$24,21,0),0)),0)</f>
        <v>0.14896702300440484</v>
      </c>
      <c r="H5599" cm="1">
        <f t="array" ref="H5599">IFERROR(INDEX(Jesper!AL$2:AL$366,ROUNDDOWN($C5599/24,0)+1,1)*INDEX($D$3:$AA$30,INDEX(Jesper!$R$2:$R$366,ROW(INDEX(Jesper!AL$2:AL$366,ROUNDDOWN($C5599/24,0)+1,1))-1)+IF('Standard Profiles'!$G$22=$B$10,7,0)+IF('Standard Profiles'!$G$22=$B$17,14,0)+IF('Standard Profiles'!$G$22=$B$24,21,0),MOD($C5599,24)+1)/SUM(INDEX($D$3:$AA$30,INDEX(Jesper!$R$2:$R$366,ROW(INDEX(Jesper!AL$2:AL$366,ROUNDDOWN($C5599/24,0)+1,1))-1)+IF('Standard Profiles'!$G$22=$B$10,7,0)+IF('Standard Profiles'!$G$22=$B$17,14,0)+IF('Standard Profiles'!$G$22=$B$24,21,0),0)),0)</f>
        <v>0</v>
      </c>
      <c r="I5599">
        <f t="shared" si="622"/>
        <v>0</v>
      </c>
      <c r="J5599">
        <f t="shared" si="623"/>
        <v>3.2436777494467308</v>
      </c>
      <c r="K5599">
        <f t="shared" si="624"/>
        <v>0.21326198564395898</v>
      </c>
      <c r="L5599">
        <f t="shared" si="625"/>
        <v>0.10663099282197949</v>
      </c>
      <c r="M5599">
        <f t="shared" si="626"/>
        <v>0</v>
      </c>
      <c r="N5599" s="45">
        <f t="shared" si="627"/>
        <v>45158.874999986503</v>
      </c>
    </row>
    <row r="5600" spans="2:14" x14ac:dyDescent="0.25">
      <c r="B5600">
        <f t="shared" si="621"/>
        <v>7</v>
      </c>
      <c r="C5600" s="16">
        <v>5566</v>
      </c>
      <c r="D5600" cm="1">
        <f t="array" ref="D5600">IFERROR(INDEX(Jesper!AH$2:AH$366,ROUNDDOWN($C5600/24,0)+1,1)*INDEX($D$3:$AA$30,INDEX(Jesper!$R$2:$R$366,ROW(INDEX(Jesper!AH$2:AH$366,ROUNDDOWN($C5600/24,0)+1,1))-1)+IF('Standard Profiles'!$G$18=$B$10,7,0)+IF('Standard Profiles'!$G$18=$B$17,14,0)+IF('Standard Profiles'!$G$18=$B$24,21,0),MOD($C5600,24)+1)/SUM(INDEX($D$3:$AA$30,INDEX(Jesper!$R$2:$R$366,ROW(INDEX(Jesper!AH$2:AH$366,ROUNDDOWN($C5600/24,0)+1,1))-1)+IF('Standard Profiles'!$G$18=$B$10,7,0)+IF('Standard Profiles'!$G$18=$B$17,14,0)+IF('Standard Profiles'!$G$18=$B$24,21,0),0)),0)</f>
        <v>0</v>
      </c>
      <c r="E5600" cm="1">
        <f t="array" ref="E5600">IFERROR(INDEX(Jesper!AI$2:AI$366,ROUNDDOWN($C5600/24,0)+1,1)*INDEX($D$3:$AA$30,INDEX(Jesper!$R$2:$R$366,ROW(INDEX(Jesper!AI$2:AI$366,ROUNDDOWN($C5600/24,0)+1,1))-1)+IF('Standard Profiles'!$G$19=$B$10,7,0)+IF('Standard Profiles'!$G$19=$B$17,14,0)+IF('Standard Profiles'!$G$19=$B$24,21,0),MOD($C5600,24)+1)/SUM(INDEX($D$3:$AA$30,INDEX(Jesper!$R$2:$R$366,ROW(INDEX(Jesper!AI$2:AI$366,ROUNDDOWN($C5600/24,0)+1,1))-1)+IF('Standard Profiles'!$G$19=$B$10,7,0)+IF('Standard Profiles'!$G$19=$B$17,14,0)+IF('Standard Profiles'!$G$19=$B$24,21,0),0)),0)</f>
        <v>2.6657748205494873</v>
      </c>
      <c r="F5600" cm="1">
        <f t="array" ref="F5600">IFERROR(INDEX(Jesper!AJ$2:AJ$366,ROUNDDOWN($C5600/24,0)+1,1)*INDEX($D$3:$AA$30,INDEX(Jesper!$R$2:$R$366,ROW(INDEX(Jesper!AJ$2:AJ$366,ROUNDDOWN($C5600/24,0)+1,1))-1)+IF('Standard Profiles'!$G$20=$B$10,7,0)+IF('Standard Profiles'!$G$20=$B$17,14,0)+IF('Standard Profiles'!$G$20=$B$24,21,0),MOD($C5600,24)+1)/SUM(INDEX($D$3:$AA$30,INDEX(Jesper!$R$2:$R$366,ROW(INDEX(Jesper!AJ$2:AJ$366,ROUNDDOWN($C5600/24,0)+1,1))-1)+IF('Standard Profiles'!$G$20=$B$10,7,0)+IF('Standard Profiles'!$G$20=$B$17,14,0)+IF('Standard Profiles'!$G$20=$B$24,21,0),0)),0)</f>
        <v>0.7488288843587767</v>
      </c>
      <c r="G5600" cm="1">
        <f t="array" ref="G5600">IFERROR(INDEX(Jesper!AK$2:AK$366,ROUNDDOWN($C5600/24,0)+1,1)*INDEX($D$3:$AA$30,INDEX(Jesper!$R$2:$R$366,ROW(INDEX(Jesper!AK$2:AK$366,ROUNDDOWN($C5600/24,0)+1,1))-1)+IF('Standard Profiles'!$G$21=$B$10,7,0)+IF('Standard Profiles'!$G$21=$B$17,14,0)+IF('Standard Profiles'!$G$21=$B$24,21,0),MOD($C5600,24)+1)/SUM(INDEX($D$3:$AA$30,INDEX(Jesper!$R$2:$R$366,ROW(INDEX(Jesper!AK$2:AK$366,ROUNDDOWN($C5600/24,0)+1,1))-1)+IF('Standard Profiles'!$G$21=$B$10,7,0)+IF('Standard Profiles'!$G$21=$B$17,14,0)+IF('Standard Profiles'!$G$21=$B$24,21,0),0)),0)</f>
        <v>0.14896702300440484</v>
      </c>
      <c r="H5600" cm="1">
        <f t="array" ref="H5600">IFERROR(INDEX(Jesper!AL$2:AL$366,ROUNDDOWN($C5600/24,0)+1,1)*INDEX($D$3:$AA$30,INDEX(Jesper!$R$2:$R$366,ROW(INDEX(Jesper!AL$2:AL$366,ROUNDDOWN($C5600/24,0)+1,1))-1)+IF('Standard Profiles'!$G$22=$B$10,7,0)+IF('Standard Profiles'!$G$22=$B$17,14,0)+IF('Standard Profiles'!$G$22=$B$24,21,0),MOD($C5600,24)+1)/SUM(INDEX($D$3:$AA$30,INDEX(Jesper!$R$2:$R$366,ROW(INDEX(Jesper!AL$2:AL$366,ROUNDDOWN($C5600/24,0)+1,1))-1)+IF('Standard Profiles'!$G$22=$B$10,7,0)+IF('Standard Profiles'!$G$22=$B$17,14,0)+IF('Standard Profiles'!$G$22=$B$24,21,0),0)),0)</f>
        <v>0</v>
      </c>
      <c r="I5600">
        <f t="shared" si="622"/>
        <v>0</v>
      </c>
      <c r="J5600">
        <f t="shared" si="623"/>
        <v>3.2436777494467308</v>
      </c>
      <c r="K5600">
        <f t="shared" si="624"/>
        <v>0.21326198564395898</v>
      </c>
      <c r="L5600">
        <f t="shared" si="625"/>
        <v>0.10663099282197949</v>
      </c>
      <c r="M5600">
        <f t="shared" si="626"/>
        <v>0</v>
      </c>
      <c r="N5600" s="45">
        <f t="shared" si="627"/>
        <v>45158.916666653167</v>
      </c>
    </row>
    <row r="5601" spans="2:14" x14ac:dyDescent="0.25">
      <c r="B5601">
        <f t="shared" si="621"/>
        <v>7</v>
      </c>
      <c r="C5601" s="16">
        <v>5567</v>
      </c>
      <c r="D5601" cm="1">
        <f t="array" ref="D5601">IFERROR(INDEX(Jesper!AH$2:AH$366,ROUNDDOWN($C5601/24,0)+1,1)*INDEX($D$3:$AA$30,INDEX(Jesper!$R$2:$R$366,ROW(INDEX(Jesper!AH$2:AH$366,ROUNDDOWN($C5601/24,0)+1,1))-1)+IF('Standard Profiles'!$G$18=$B$10,7,0)+IF('Standard Profiles'!$G$18=$B$17,14,0)+IF('Standard Profiles'!$G$18=$B$24,21,0),MOD($C5601,24)+1)/SUM(INDEX($D$3:$AA$30,INDEX(Jesper!$R$2:$R$366,ROW(INDEX(Jesper!AH$2:AH$366,ROUNDDOWN($C5601/24,0)+1,1))-1)+IF('Standard Profiles'!$G$18=$B$10,7,0)+IF('Standard Profiles'!$G$18=$B$17,14,0)+IF('Standard Profiles'!$G$18=$B$24,21,0),0)),0)</f>
        <v>0</v>
      </c>
      <c r="E5601" cm="1">
        <f t="array" ref="E5601">IFERROR(INDEX(Jesper!AI$2:AI$366,ROUNDDOWN($C5601/24,0)+1,1)*INDEX($D$3:$AA$30,INDEX(Jesper!$R$2:$R$366,ROW(INDEX(Jesper!AI$2:AI$366,ROUNDDOWN($C5601/24,0)+1,1))-1)+IF('Standard Profiles'!$G$19=$B$10,7,0)+IF('Standard Profiles'!$G$19=$B$17,14,0)+IF('Standard Profiles'!$G$19=$B$24,21,0),MOD($C5601,24)+1)/SUM(INDEX($D$3:$AA$30,INDEX(Jesper!$R$2:$R$366,ROW(INDEX(Jesper!AI$2:AI$366,ROUNDDOWN($C5601/24,0)+1,1))-1)+IF('Standard Profiles'!$G$19=$B$10,7,0)+IF('Standard Profiles'!$G$19=$B$17,14,0)+IF('Standard Profiles'!$G$19=$B$24,21,0),0)),0)</f>
        <v>2.6657748205494873</v>
      </c>
      <c r="F5601" cm="1">
        <f t="array" ref="F5601">IFERROR(INDEX(Jesper!AJ$2:AJ$366,ROUNDDOWN($C5601/24,0)+1,1)*INDEX($D$3:$AA$30,INDEX(Jesper!$R$2:$R$366,ROW(INDEX(Jesper!AJ$2:AJ$366,ROUNDDOWN($C5601/24,0)+1,1))-1)+IF('Standard Profiles'!$G$20=$B$10,7,0)+IF('Standard Profiles'!$G$20=$B$17,14,0)+IF('Standard Profiles'!$G$20=$B$24,21,0),MOD($C5601,24)+1)/SUM(INDEX($D$3:$AA$30,INDEX(Jesper!$R$2:$R$366,ROW(INDEX(Jesper!AJ$2:AJ$366,ROUNDDOWN($C5601/24,0)+1,1))-1)+IF('Standard Profiles'!$G$20=$B$10,7,0)+IF('Standard Profiles'!$G$20=$B$17,14,0)+IF('Standard Profiles'!$G$20=$B$24,21,0),0)),0)</f>
        <v>0.7488288843587767</v>
      </c>
      <c r="G5601" cm="1">
        <f t="array" ref="G5601">IFERROR(INDEX(Jesper!AK$2:AK$366,ROUNDDOWN($C5601/24,0)+1,1)*INDEX($D$3:$AA$30,INDEX(Jesper!$R$2:$R$366,ROW(INDEX(Jesper!AK$2:AK$366,ROUNDDOWN($C5601/24,0)+1,1))-1)+IF('Standard Profiles'!$G$21=$B$10,7,0)+IF('Standard Profiles'!$G$21=$B$17,14,0)+IF('Standard Profiles'!$G$21=$B$24,21,0),MOD($C5601,24)+1)/SUM(INDEX($D$3:$AA$30,INDEX(Jesper!$R$2:$R$366,ROW(INDEX(Jesper!AK$2:AK$366,ROUNDDOWN($C5601/24,0)+1,1))-1)+IF('Standard Profiles'!$G$21=$B$10,7,0)+IF('Standard Profiles'!$G$21=$B$17,14,0)+IF('Standard Profiles'!$G$21=$B$24,21,0),0)),0)</f>
        <v>0.14896702300440484</v>
      </c>
      <c r="H5601" cm="1">
        <f t="array" ref="H5601">IFERROR(INDEX(Jesper!AL$2:AL$366,ROUNDDOWN($C5601/24,0)+1,1)*INDEX($D$3:$AA$30,INDEX(Jesper!$R$2:$R$366,ROW(INDEX(Jesper!AL$2:AL$366,ROUNDDOWN($C5601/24,0)+1,1))-1)+IF('Standard Profiles'!$G$22=$B$10,7,0)+IF('Standard Profiles'!$G$22=$B$17,14,0)+IF('Standard Profiles'!$G$22=$B$24,21,0),MOD($C5601,24)+1)/SUM(INDEX($D$3:$AA$30,INDEX(Jesper!$R$2:$R$366,ROW(INDEX(Jesper!AL$2:AL$366,ROUNDDOWN($C5601/24,0)+1,1))-1)+IF('Standard Profiles'!$G$22=$B$10,7,0)+IF('Standard Profiles'!$G$22=$B$17,14,0)+IF('Standard Profiles'!$G$22=$B$24,21,0),0)),0)</f>
        <v>0</v>
      </c>
      <c r="I5601">
        <f t="shared" si="622"/>
        <v>0</v>
      </c>
      <c r="J5601">
        <f t="shared" si="623"/>
        <v>3.2436777494467308</v>
      </c>
      <c r="K5601">
        <f t="shared" si="624"/>
        <v>0.21326198564395898</v>
      </c>
      <c r="L5601">
        <f t="shared" si="625"/>
        <v>0.10663099282197949</v>
      </c>
      <c r="M5601">
        <f t="shared" si="626"/>
        <v>0</v>
      </c>
      <c r="N5601" s="45">
        <f t="shared" si="627"/>
        <v>45158.958333319832</v>
      </c>
    </row>
    <row r="5602" spans="2:14" x14ac:dyDescent="0.25">
      <c r="B5602">
        <f t="shared" si="621"/>
        <v>1</v>
      </c>
      <c r="C5602" s="16">
        <v>5568</v>
      </c>
      <c r="D5602" cm="1">
        <f t="array" ref="D5602">IFERROR(INDEX(Jesper!AH$2:AH$366,ROUNDDOWN($C5602/24,0)+1,1)*INDEX($D$3:$AA$30,INDEX(Jesper!$R$2:$R$366,ROW(INDEX(Jesper!AH$2:AH$366,ROUNDDOWN($C5602/24,0)+1,1))-1)+IF('Standard Profiles'!$G$18=$B$10,7,0)+IF('Standard Profiles'!$G$18=$B$17,14,0)+IF('Standard Profiles'!$G$18=$B$24,21,0),MOD($C5602,24)+1)/SUM(INDEX($D$3:$AA$30,INDEX(Jesper!$R$2:$R$366,ROW(INDEX(Jesper!AH$2:AH$366,ROUNDDOWN($C5602/24,0)+1,1))-1)+IF('Standard Profiles'!$G$18=$B$10,7,0)+IF('Standard Profiles'!$G$18=$B$17,14,0)+IF('Standard Profiles'!$G$18=$B$24,21,0),0)),0)</f>
        <v>4.844950372253491</v>
      </c>
      <c r="E5602" cm="1">
        <f t="array" ref="E5602">IFERROR(INDEX(Jesper!AI$2:AI$366,ROUNDDOWN($C5602/24,0)+1,1)*INDEX($D$3:$AA$30,INDEX(Jesper!$R$2:$R$366,ROW(INDEX(Jesper!AI$2:AI$366,ROUNDDOWN($C5602/24,0)+1,1))-1)+IF('Standard Profiles'!$G$19=$B$10,7,0)+IF('Standard Profiles'!$G$19=$B$17,14,0)+IF('Standard Profiles'!$G$19=$B$24,21,0),MOD($C5602,24)+1)/SUM(INDEX($D$3:$AA$30,INDEX(Jesper!$R$2:$R$366,ROW(INDEX(Jesper!AI$2:AI$366,ROUNDDOWN($C5602/24,0)+1,1))-1)+IF('Standard Profiles'!$G$19=$B$10,7,0)+IF('Standard Profiles'!$G$19=$B$17,14,0)+IF('Standard Profiles'!$G$19=$B$24,21,0),0)),0)</f>
        <v>1.6429556592913823</v>
      </c>
      <c r="F5602" cm="1">
        <f t="array" ref="F5602">IFERROR(INDEX(Jesper!AJ$2:AJ$366,ROUNDDOWN($C5602/24,0)+1,1)*INDEX($D$3:$AA$30,INDEX(Jesper!$R$2:$R$366,ROW(INDEX(Jesper!AJ$2:AJ$366,ROUNDDOWN($C5602/24,0)+1,1))-1)+IF('Standard Profiles'!$G$20=$B$10,7,0)+IF('Standard Profiles'!$G$20=$B$17,14,0)+IF('Standard Profiles'!$G$20=$B$24,21,0),MOD($C5602,24)+1)/SUM(INDEX($D$3:$AA$30,INDEX(Jesper!$R$2:$R$366,ROW(INDEX(Jesper!AJ$2:AJ$366,ROUNDDOWN($C5602/24,0)+1,1))-1)+IF('Standard Profiles'!$G$20=$B$10,7,0)+IF('Standard Profiles'!$G$20=$B$17,14,0)+IF('Standard Profiles'!$G$20=$B$24,21,0),0)),0)</f>
        <v>0</v>
      </c>
      <c r="G5602" cm="1">
        <f t="array" ref="G5602">IFERROR(INDEX(Jesper!AK$2:AK$366,ROUNDDOWN($C5602/24,0)+1,1)*INDEX($D$3:$AA$30,INDEX(Jesper!$R$2:$R$366,ROW(INDEX(Jesper!AK$2:AK$366,ROUNDDOWN($C5602/24,0)+1,1))-1)+IF('Standard Profiles'!$G$21=$B$10,7,0)+IF('Standard Profiles'!$G$21=$B$17,14,0)+IF('Standard Profiles'!$G$21=$B$24,21,0),MOD($C5602,24)+1)/SUM(INDEX($D$3:$AA$30,INDEX(Jesper!$R$2:$R$366,ROW(INDEX(Jesper!AK$2:AK$366,ROUNDDOWN($C5602/24,0)+1,1))-1)+IF('Standard Profiles'!$G$21=$B$10,7,0)+IF('Standard Profiles'!$G$21=$B$17,14,0)+IF('Standard Profiles'!$G$21=$B$24,21,0),0)),0)</f>
        <v>0</v>
      </c>
      <c r="H5602" cm="1">
        <f t="array" ref="H5602">IFERROR(INDEX(Jesper!AL$2:AL$366,ROUNDDOWN($C5602/24,0)+1,1)*INDEX($D$3:$AA$30,INDEX(Jesper!$R$2:$R$366,ROW(INDEX(Jesper!AL$2:AL$366,ROUNDDOWN($C5602/24,0)+1,1))-1)+IF('Standard Profiles'!$G$22=$B$10,7,0)+IF('Standard Profiles'!$G$22=$B$17,14,0)+IF('Standard Profiles'!$G$22=$B$24,21,0),MOD($C5602,24)+1)/SUM(INDEX($D$3:$AA$30,INDEX(Jesper!$R$2:$R$366,ROW(INDEX(Jesper!AL$2:AL$366,ROUNDDOWN($C5602/24,0)+1,1))-1)+IF('Standard Profiles'!$G$22=$B$10,7,0)+IF('Standard Profiles'!$G$22=$B$17,14,0)+IF('Standard Profiles'!$G$22=$B$24,21,0),0)),0)</f>
        <v>0</v>
      </c>
      <c r="I5602">
        <f t="shared" si="622"/>
        <v>0</v>
      </c>
      <c r="J5602">
        <f t="shared" si="623"/>
        <v>5.7127139719843143</v>
      </c>
      <c r="K5602">
        <f t="shared" si="624"/>
        <v>0.51679470637370573</v>
      </c>
      <c r="L5602">
        <f t="shared" si="625"/>
        <v>0.25839735318685286</v>
      </c>
      <c r="M5602">
        <f t="shared" si="626"/>
        <v>0</v>
      </c>
      <c r="N5602" s="45">
        <f t="shared" si="627"/>
        <v>45158.999999986496</v>
      </c>
    </row>
    <row r="5603" spans="2:14" x14ac:dyDescent="0.25">
      <c r="B5603">
        <f t="shared" ref="B5603:B5666" si="628">WEEKDAY(N5603,2)</f>
        <v>1</v>
      </c>
      <c r="C5603" s="16">
        <v>5569</v>
      </c>
      <c r="D5603" cm="1">
        <f t="array" ref="D5603">IFERROR(INDEX(Jesper!AH$2:AH$366,ROUNDDOWN($C5603/24,0)+1,1)*INDEX($D$3:$AA$30,INDEX(Jesper!$R$2:$R$366,ROW(INDEX(Jesper!AH$2:AH$366,ROUNDDOWN($C5603/24,0)+1,1))-1)+IF('Standard Profiles'!$G$18=$B$10,7,0)+IF('Standard Profiles'!$G$18=$B$17,14,0)+IF('Standard Profiles'!$G$18=$B$24,21,0),MOD($C5603,24)+1)/SUM(INDEX($D$3:$AA$30,INDEX(Jesper!$R$2:$R$366,ROW(INDEX(Jesper!AH$2:AH$366,ROUNDDOWN($C5603/24,0)+1,1))-1)+IF('Standard Profiles'!$G$18=$B$10,7,0)+IF('Standard Profiles'!$G$18=$B$17,14,0)+IF('Standard Profiles'!$G$18=$B$24,21,0),0)),0)</f>
        <v>4.844950372253491</v>
      </c>
      <c r="E5603" cm="1">
        <f t="array" ref="E5603">IFERROR(INDEX(Jesper!AI$2:AI$366,ROUNDDOWN($C5603/24,0)+1,1)*INDEX($D$3:$AA$30,INDEX(Jesper!$R$2:$R$366,ROW(INDEX(Jesper!AI$2:AI$366,ROUNDDOWN($C5603/24,0)+1,1))-1)+IF('Standard Profiles'!$G$19=$B$10,7,0)+IF('Standard Profiles'!$G$19=$B$17,14,0)+IF('Standard Profiles'!$G$19=$B$24,21,0),MOD($C5603,24)+1)/SUM(INDEX($D$3:$AA$30,INDEX(Jesper!$R$2:$R$366,ROW(INDEX(Jesper!AI$2:AI$366,ROUNDDOWN($C5603/24,0)+1,1))-1)+IF('Standard Profiles'!$G$19=$B$10,7,0)+IF('Standard Profiles'!$G$19=$B$17,14,0)+IF('Standard Profiles'!$G$19=$B$24,21,0),0)),0)</f>
        <v>1.6429556592913823</v>
      </c>
      <c r="F5603" cm="1">
        <f t="array" ref="F5603">IFERROR(INDEX(Jesper!AJ$2:AJ$366,ROUNDDOWN($C5603/24,0)+1,1)*INDEX($D$3:$AA$30,INDEX(Jesper!$R$2:$R$366,ROW(INDEX(Jesper!AJ$2:AJ$366,ROUNDDOWN($C5603/24,0)+1,1))-1)+IF('Standard Profiles'!$G$20=$B$10,7,0)+IF('Standard Profiles'!$G$20=$B$17,14,0)+IF('Standard Profiles'!$G$20=$B$24,21,0),MOD($C5603,24)+1)/SUM(INDEX($D$3:$AA$30,INDEX(Jesper!$R$2:$R$366,ROW(INDEX(Jesper!AJ$2:AJ$366,ROUNDDOWN($C5603/24,0)+1,1))-1)+IF('Standard Profiles'!$G$20=$B$10,7,0)+IF('Standard Profiles'!$G$20=$B$17,14,0)+IF('Standard Profiles'!$G$20=$B$24,21,0),0)),0)</f>
        <v>0</v>
      </c>
      <c r="G5603" cm="1">
        <f t="array" ref="G5603">IFERROR(INDEX(Jesper!AK$2:AK$366,ROUNDDOWN($C5603/24,0)+1,1)*INDEX($D$3:$AA$30,INDEX(Jesper!$R$2:$R$366,ROW(INDEX(Jesper!AK$2:AK$366,ROUNDDOWN($C5603/24,0)+1,1))-1)+IF('Standard Profiles'!$G$21=$B$10,7,0)+IF('Standard Profiles'!$G$21=$B$17,14,0)+IF('Standard Profiles'!$G$21=$B$24,21,0),MOD($C5603,24)+1)/SUM(INDEX($D$3:$AA$30,INDEX(Jesper!$R$2:$R$366,ROW(INDEX(Jesper!AK$2:AK$366,ROUNDDOWN($C5603/24,0)+1,1))-1)+IF('Standard Profiles'!$G$21=$B$10,7,0)+IF('Standard Profiles'!$G$21=$B$17,14,0)+IF('Standard Profiles'!$G$21=$B$24,21,0),0)),0)</f>
        <v>0</v>
      </c>
      <c r="H5603" cm="1">
        <f t="array" ref="H5603">IFERROR(INDEX(Jesper!AL$2:AL$366,ROUNDDOWN($C5603/24,0)+1,1)*INDEX($D$3:$AA$30,INDEX(Jesper!$R$2:$R$366,ROW(INDEX(Jesper!AL$2:AL$366,ROUNDDOWN($C5603/24,0)+1,1))-1)+IF('Standard Profiles'!$G$22=$B$10,7,0)+IF('Standard Profiles'!$G$22=$B$17,14,0)+IF('Standard Profiles'!$G$22=$B$24,21,0),MOD($C5603,24)+1)/SUM(INDEX($D$3:$AA$30,INDEX(Jesper!$R$2:$R$366,ROW(INDEX(Jesper!AL$2:AL$366,ROUNDDOWN($C5603/24,0)+1,1))-1)+IF('Standard Profiles'!$G$22=$B$10,7,0)+IF('Standard Profiles'!$G$22=$B$17,14,0)+IF('Standard Profiles'!$G$22=$B$24,21,0),0)),0)</f>
        <v>0</v>
      </c>
      <c r="I5603">
        <f t="shared" ref="I5603:I5666" si="629">IF($B5603&lt;6,AC$37*$D5603+AC$38*$E5603+AC$39*$F5603+AC$40*$G5603,AC$46*$D5603+AC$47*$E5603+AC$48*$F5603+AC$49*$G5603+AC$50*$H5603)</f>
        <v>0</v>
      </c>
      <c r="J5603">
        <f t="shared" ref="J5603:J5666" si="630">IF($B5603&lt;6,AD$37*$D5603+AD$38*$E5603+AD$39*$F5603+AD$40*$G5603,AD$46*$D5603+AD$47*$E5603+AD$48*$F5603+AD$49*$G5603+AD$50*$H5603)</f>
        <v>5.7127139719843143</v>
      </c>
      <c r="K5603">
        <f t="shared" ref="K5603:K5666" si="631">IF($B5603&lt;6,AE$37*$D5603+AE$38*$E5603+AE$39*$F5603+AE$40*$G5603,AE$46*$D5603+AE$47*$E5603+AE$48*$F5603+AE$49*$G5603+AE$50*$H5603)</f>
        <v>0.51679470637370573</v>
      </c>
      <c r="L5603">
        <f t="shared" ref="L5603:L5666" si="632">IF($B5603&lt;6,AF$37*$D5603+AF$38*$E5603+AF$39*$F5603+AF$40*$G5603,AF$46*$D5603+AF$47*$E5603+AF$48*$F5603+AF$49*$G5603+AF$50*$H5603)</f>
        <v>0.25839735318685286</v>
      </c>
      <c r="M5603">
        <f t="shared" ref="M5603:M5666" si="633">IF($B5603&lt;6,AG$37*$D5603+AG$38*$E5603+AG$39*$F5603+AG$40*$G5603,AG$46*$D5603+AG$47*$E5603+AG$48*$F5603+AG$49*$G5603+AG$50*$H5603)</f>
        <v>0</v>
      </c>
      <c r="N5603" s="45">
        <f t="shared" si="627"/>
        <v>45159.04166665316</v>
      </c>
    </row>
    <row r="5604" spans="2:14" x14ac:dyDescent="0.25">
      <c r="B5604">
        <f t="shared" si="628"/>
        <v>1</v>
      </c>
      <c r="C5604" s="16">
        <v>5570</v>
      </c>
      <c r="D5604" cm="1">
        <f t="array" ref="D5604">IFERROR(INDEX(Jesper!AH$2:AH$366,ROUNDDOWN($C5604/24,0)+1,1)*INDEX($D$3:$AA$30,INDEX(Jesper!$R$2:$R$366,ROW(INDEX(Jesper!AH$2:AH$366,ROUNDDOWN($C5604/24,0)+1,1))-1)+IF('Standard Profiles'!$G$18=$B$10,7,0)+IF('Standard Profiles'!$G$18=$B$17,14,0)+IF('Standard Profiles'!$G$18=$B$24,21,0),MOD($C5604,24)+1)/SUM(INDEX($D$3:$AA$30,INDEX(Jesper!$R$2:$R$366,ROW(INDEX(Jesper!AH$2:AH$366,ROUNDDOWN($C5604/24,0)+1,1))-1)+IF('Standard Profiles'!$G$18=$B$10,7,0)+IF('Standard Profiles'!$G$18=$B$17,14,0)+IF('Standard Profiles'!$G$18=$B$24,21,0),0)),0)</f>
        <v>4.844950372253491</v>
      </c>
      <c r="E5604" cm="1">
        <f t="array" ref="E5604">IFERROR(INDEX(Jesper!AI$2:AI$366,ROUNDDOWN($C5604/24,0)+1,1)*INDEX($D$3:$AA$30,INDEX(Jesper!$R$2:$R$366,ROW(INDEX(Jesper!AI$2:AI$366,ROUNDDOWN($C5604/24,0)+1,1))-1)+IF('Standard Profiles'!$G$19=$B$10,7,0)+IF('Standard Profiles'!$G$19=$B$17,14,0)+IF('Standard Profiles'!$G$19=$B$24,21,0),MOD($C5604,24)+1)/SUM(INDEX($D$3:$AA$30,INDEX(Jesper!$R$2:$R$366,ROW(INDEX(Jesper!AI$2:AI$366,ROUNDDOWN($C5604/24,0)+1,1))-1)+IF('Standard Profiles'!$G$19=$B$10,7,0)+IF('Standard Profiles'!$G$19=$B$17,14,0)+IF('Standard Profiles'!$G$19=$B$24,21,0),0)),0)</f>
        <v>1.6429556592913823</v>
      </c>
      <c r="F5604" cm="1">
        <f t="array" ref="F5604">IFERROR(INDEX(Jesper!AJ$2:AJ$366,ROUNDDOWN($C5604/24,0)+1,1)*INDEX($D$3:$AA$30,INDEX(Jesper!$R$2:$R$366,ROW(INDEX(Jesper!AJ$2:AJ$366,ROUNDDOWN($C5604/24,0)+1,1))-1)+IF('Standard Profiles'!$G$20=$B$10,7,0)+IF('Standard Profiles'!$G$20=$B$17,14,0)+IF('Standard Profiles'!$G$20=$B$24,21,0),MOD($C5604,24)+1)/SUM(INDEX($D$3:$AA$30,INDEX(Jesper!$R$2:$R$366,ROW(INDEX(Jesper!AJ$2:AJ$366,ROUNDDOWN($C5604/24,0)+1,1))-1)+IF('Standard Profiles'!$G$20=$B$10,7,0)+IF('Standard Profiles'!$G$20=$B$17,14,0)+IF('Standard Profiles'!$G$20=$B$24,21,0),0)),0)</f>
        <v>0</v>
      </c>
      <c r="G5604" cm="1">
        <f t="array" ref="G5604">IFERROR(INDEX(Jesper!AK$2:AK$366,ROUNDDOWN($C5604/24,0)+1,1)*INDEX($D$3:$AA$30,INDEX(Jesper!$R$2:$R$366,ROW(INDEX(Jesper!AK$2:AK$366,ROUNDDOWN($C5604/24,0)+1,1))-1)+IF('Standard Profiles'!$G$21=$B$10,7,0)+IF('Standard Profiles'!$G$21=$B$17,14,0)+IF('Standard Profiles'!$G$21=$B$24,21,0),MOD($C5604,24)+1)/SUM(INDEX($D$3:$AA$30,INDEX(Jesper!$R$2:$R$366,ROW(INDEX(Jesper!AK$2:AK$366,ROUNDDOWN($C5604/24,0)+1,1))-1)+IF('Standard Profiles'!$G$21=$B$10,7,0)+IF('Standard Profiles'!$G$21=$B$17,14,0)+IF('Standard Profiles'!$G$21=$B$24,21,0),0)),0)</f>
        <v>0</v>
      </c>
      <c r="H5604" cm="1">
        <f t="array" ref="H5604">IFERROR(INDEX(Jesper!AL$2:AL$366,ROUNDDOWN($C5604/24,0)+1,1)*INDEX($D$3:$AA$30,INDEX(Jesper!$R$2:$R$366,ROW(INDEX(Jesper!AL$2:AL$366,ROUNDDOWN($C5604/24,0)+1,1))-1)+IF('Standard Profiles'!$G$22=$B$10,7,0)+IF('Standard Profiles'!$G$22=$B$17,14,0)+IF('Standard Profiles'!$G$22=$B$24,21,0),MOD($C5604,24)+1)/SUM(INDEX($D$3:$AA$30,INDEX(Jesper!$R$2:$R$366,ROW(INDEX(Jesper!AL$2:AL$366,ROUNDDOWN($C5604/24,0)+1,1))-1)+IF('Standard Profiles'!$G$22=$B$10,7,0)+IF('Standard Profiles'!$G$22=$B$17,14,0)+IF('Standard Profiles'!$G$22=$B$24,21,0),0)),0)</f>
        <v>0</v>
      </c>
      <c r="I5604">
        <f t="shared" si="629"/>
        <v>0</v>
      </c>
      <c r="J5604">
        <f t="shared" si="630"/>
        <v>5.7127139719843143</v>
      </c>
      <c r="K5604">
        <f t="shared" si="631"/>
        <v>0.51679470637370573</v>
      </c>
      <c r="L5604">
        <f t="shared" si="632"/>
        <v>0.25839735318685286</v>
      </c>
      <c r="M5604">
        <f t="shared" si="633"/>
        <v>0</v>
      </c>
      <c r="N5604" s="45">
        <f t="shared" ref="N5604:N5667" si="634">N5603+1/24</f>
        <v>45159.083333319824</v>
      </c>
    </row>
    <row r="5605" spans="2:14" x14ac:dyDescent="0.25">
      <c r="B5605">
        <f t="shared" si="628"/>
        <v>1</v>
      </c>
      <c r="C5605" s="16">
        <v>5571</v>
      </c>
      <c r="D5605" cm="1">
        <f t="array" ref="D5605">IFERROR(INDEX(Jesper!AH$2:AH$366,ROUNDDOWN($C5605/24,0)+1,1)*INDEX($D$3:$AA$30,INDEX(Jesper!$R$2:$R$366,ROW(INDEX(Jesper!AH$2:AH$366,ROUNDDOWN($C5605/24,0)+1,1))-1)+IF('Standard Profiles'!$G$18=$B$10,7,0)+IF('Standard Profiles'!$G$18=$B$17,14,0)+IF('Standard Profiles'!$G$18=$B$24,21,0),MOD($C5605,24)+1)/SUM(INDEX($D$3:$AA$30,INDEX(Jesper!$R$2:$R$366,ROW(INDEX(Jesper!AH$2:AH$366,ROUNDDOWN($C5605/24,0)+1,1))-1)+IF('Standard Profiles'!$G$18=$B$10,7,0)+IF('Standard Profiles'!$G$18=$B$17,14,0)+IF('Standard Profiles'!$G$18=$B$24,21,0),0)),0)</f>
        <v>4.844950372253491</v>
      </c>
      <c r="E5605" cm="1">
        <f t="array" ref="E5605">IFERROR(INDEX(Jesper!AI$2:AI$366,ROUNDDOWN($C5605/24,0)+1,1)*INDEX($D$3:$AA$30,INDEX(Jesper!$R$2:$R$366,ROW(INDEX(Jesper!AI$2:AI$366,ROUNDDOWN($C5605/24,0)+1,1))-1)+IF('Standard Profiles'!$G$19=$B$10,7,0)+IF('Standard Profiles'!$G$19=$B$17,14,0)+IF('Standard Profiles'!$G$19=$B$24,21,0),MOD($C5605,24)+1)/SUM(INDEX($D$3:$AA$30,INDEX(Jesper!$R$2:$R$366,ROW(INDEX(Jesper!AI$2:AI$366,ROUNDDOWN($C5605/24,0)+1,1))-1)+IF('Standard Profiles'!$G$19=$B$10,7,0)+IF('Standard Profiles'!$G$19=$B$17,14,0)+IF('Standard Profiles'!$G$19=$B$24,21,0),0)),0)</f>
        <v>1.6429556592913823</v>
      </c>
      <c r="F5605" cm="1">
        <f t="array" ref="F5605">IFERROR(INDEX(Jesper!AJ$2:AJ$366,ROUNDDOWN($C5605/24,0)+1,1)*INDEX($D$3:$AA$30,INDEX(Jesper!$R$2:$R$366,ROW(INDEX(Jesper!AJ$2:AJ$366,ROUNDDOWN($C5605/24,0)+1,1))-1)+IF('Standard Profiles'!$G$20=$B$10,7,0)+IF('Standard Profiles'!$G$20=$B$17,14,0)+IF('Standard Profiles'!$G$20=$B$24,21,0),MOD($C5605,24)+1)/SUM(INDEX($D$3:$AA$30,INDEX(Jesper!$R$2:$R$366,ROW(INDEX(Jesper!AJ$2:AJ$366,ROUNDDOWN($C5605/24,0)+1,1))-1)+IF('Standard Profiles'!$G$20=$B$10,7,0)+IF('Standard Profiles'!$G$20=$B$17,14,0)+IF('Standard Profiles'!$G$20=$B$24,21,0),0)),0)</f>
        <v>0</v>
      </c>
      <c r="G5605" cm="1">
        <f t="array" ref="G5605">IFERROR(INDEX(Jesper!AK$2:AK$366,ROUNDDOWN($C5605/24,0)+1,1)*INDEX($D$3:$AA$30,INDEX(Jesper!$R$2:$R$366,ROW(INDEX(Jesper!AK$2:AK$366,ROUNDDOWN($C5605/24,0)+1,1))-1)+IF('Standard Profiles'!$G$21=$B$10,7,0)+IF('Standard Profiles'!$G$21=$B$17,14,0)+IF('Standard Profiles'!$G$21=$B$24,21,0),MOD($C5605,24)+1)/SUM(INDEX($D$3:$AA$30,INDEX(Jesper!$R$2:$R$366,ROW(INDEX(Jesper!AK$2:AK$366,ROUNDDOWN($C5605/24,0)+1,1))-1)+IF('Standard Profiles'!$G$21=$B$10,7,0)+IF('Standard Profiles'!$G$21=$B$17,14,0)+IF('Standard Profiles'!$G$21=$B$24,21,0),0)),0)</f>
        <v>0</v>
      </c>
      <c r="H5605" cm="1">
        <f t="array" ref="H5605">IFERROR(INDEX(Jesper!AL$2:AL$366,ROUNDDOWN($C5605/24,0)+1,1)*INDEX($D$3:$AA$30,INDEX(Jesper!$R$2:$R$366,ROW(INDEX(Jesper!AL$2:AL$366,ROUNDDOWN($C5605/24,0)+1,1))-1)+IF('Standard Profiles'!$G$22=$B$10,7,0)+IF('Standard Profiles'!$G$22=$B$17,14,0)+IF('Standard Profiles'!$G$22=$B$24,21,0),MOD($C5605,24)+1)/SUM(INDEX($D$3:$AA$30,INDEX(Jesper!$R$2:$R$366,ROW(INDEX(Jesper!AL$2:AL$366,ROUNDDOWN($C5605/24,0)+1,1))-1)+IF('Standard Profiles'!$G$22=$B$10,7,0)+IF('Standard Profiles'!$G$22=$B$17,14,0)+IF('Standard Profiles'!$G$22=$B$24,21,0),0)),0)</f>
        <v>0</v>
      </c>
      <c r="I5605">
        <f t="shared" si="629"/>
        <v>0</v>
      </c>
      <c r="J5605">
        <f t="shared" si="630"/>
        <v>5.7127139719843143</v>
      </c>
      <c r="K5605">
        <f t="shared" si="631"/>
        <v>0.51679470637370573</v>
      </c>
      <c r="L5605">
        <f t="shared" si="632"/>
        <v>0.25839735318685286</v>
      </c>
      <c r="M5605">
        <f t="shared" si="633"/>
        <v>0</v>
      </c>
      <c r="N5605" s="45">
        <f t="shared" si="634"/>
        <v>45159.124999986489</v>
      </c>
    </row>
    <row r="5606" spans="2:14" x14ac:dyDescent="0.25">
      <c r="B5606">
        <f t="shared" si="628"/>
        <v>1</v>
      </c>
      <c r="C5606" s="16">
        <v>5572</v>
      </c>
      <c r="D5606" cm="1">
        <f t="array" ref="D5606">IFERROR(INDEX(Jesper!AH$2:AH$366,ROUNDDOWN($C5606/24,0)+1,1)*INDEX($D$3:$AA$30,INDEX(Jesper!$R$2:$R$366,ROW(INDEX(Jesper!AH$2:AH$366,ROUNDDOWN($C5606/24,0)+1,1))-1)+IF('Standard Profiles'!$G$18=$B$10,7,0)+IF('Standard Profiles'!$G$18=$B$17,14,0)+IF('Standard Profiles'!$G$18=$B$24,21,0),MOD($C5606,24)+1)/SUM(INDEX($D$3:$AA$30,INDEX(Jesper!$R$2:$R$366,ROW(INDEX(Jesper!AH$2:AH$366,ROUNDDOWN($C5606/24,0)+1,1))-1)+IF('Standard Profiles'!$G$18=$B$10,7,0)+IF('Standard Profiles'!$G$18=$B$17,14,0)+IF('Standard Profiles'!$G$18=$B$24,21,0),0)),0)</f>
        <v>4.844950372253491</v>
      </c>
      <c r="E5606" cm="1">
        <f t="array" ref="E5606">IFERROR(INDEX(Jesper!AI$2:AI$366,ROUNDDOWN($C5606/24,0)+1,1)*INDEX($D$3:$AA$30,INDEX(Jesper!$R$2:$R$366,ROW(INDEX(Jesper!AI$2:AI$366,ROUNDDOWN($C5606/24,0)+1,1))-1)+IF('Standard Profiles'!$G$19=$B$10,7,0)+IF('Standard Profiles'!$G$19=$B$17,14,0)+IF('Standard Profiles'!$G$19=$B$24,21,0),MOD($C5606,24)+1)/SUM(INDEX($D$3:$AA$30,INDEX(Jesper!$R$2:$R$366,ROW(INDEX(Jesper!AI$2:AI$366,ROUNDDOWN($C5606/24,0)+1,1))-1)+IF('Standard Profiles'!$G$19=$B$10,7,0)+IF('Standard Profiles'!$G$19=$B$17,14,0)+IF('Standard Profiles'!$G$19=$B$24,21,0),0)),0)</f>
        <v>1.6429556592913823</v>
      </c>
      <c r="F5606" cm="1">
        <f t="array" ref="F5606">IFERROR(INDEX(Jesper!AJ$2:AJ$366,ROUNDDOWN($C5606/24,0)+1,1)*INDEX($D$3:$AA$30,INDEX(Jesper!$R$2:$R$366,ROW(INDEX(Jesper!AJ$2:AJ$366,ROUNDDOWN($C5606/24,0)+1,1))-1)+IF('Standard Profiles'!$G$20=$B$10,7,0)+IF('Standard Profiles'!$G$20=$B$17,14,0)+IF('Standard Profiles'!$G$20=$B$24,21,0),MOD($C5606,24)+1)/SUM(INDEX($D$3:$AA$30,INDEX(Jesper!$R$2:$R$366,ROW(INDEX(Jesper!AJ$2:AJ$366,ROUNDDOWN($C5606/24,0)+1,1))-1)+IF('Standard Profiles'!$G$20=$B$10,7,0)+IF('Standard Profiles'!$G$20=$B$17,14,0)+IF('Standard Profiles'!$G$20=$B$24,21,0),0)),0)</f>
        <v>0</v>
      </c>
      <c r="G5606" cm="1">
        <f t="array" ref="G5606">IFERROR(INDEX(Jesper!AK$2:AK$366,ROUNDDOWN($C5606/24,0)+1,1)*INDEX($D$3:$AA$30,INDEX(Jesper!$R$2:$R$366,ROW(INDEX(Jesper!AK$2:AK$366,ROUNDDOWN($C5606/24,0)+1,1))-1)+IF('Standard Profiles'!$G$21=$B$10,7,0)+IF('Standard Profiles'!$G$21=$B$17,14,0)+IF('Standard Profiles'!$G$21=$B$24,21,0),MOD($C5606,24)+1)/SUM(INDEX($D$3:$AA$30,INDEX(Jesper!$R$2:$R$366,ROW(INDEX(Jesper!AK$2:AK$366,ROUNDDOWN($C5606/24,0)+1,1))-1)+IF('Standard Profiles'!$G$21=$B$10,7,0)+IF('Standard Profiles'!$G$21=$B$17,14,0)+IF('Standard Profiles'!$G$21=$B$24,21,0),0)),0)</f>
        <v>0</v>
      </c>
      <c r="H5606" cm="1">
        <f t="array" ref="H5606">IFERROR(INDEX(Jesper!AL$2:AL$366,ROUNDDOWN($C5606/24,0)+1,1)*INDEX($D$3:$AA$30,INDEX(Jesper!$R$2:$R$366,ROW(INDEX(Jesper!AL$2:AL$366,ROUNDDOWN($C5606/24,0)+1,1))-1)+IF('Standard Profiles'!$G$22=$B$10,7,0)+IF('Standard Profiles'!$G$22=$B$17,14,0)+IF('Standard Profiles'!$G$22=$B$24,21,0),MOD($C5606,24)+1)/SUM(INDEX($D$3:$AA$30,INDEX(Jesper!$R$2:$R$366,ROW(INDEX(Jesper!AL$2:AL$366,ROUNDDOWN($C5606/24,0)+1,1))-1)+IF('Standard Profiles'!$G$22=$B$10,7,0)+IF('Standard Profiles'!$G$22=$B$17,14,0)+IF('Standard Profiles'!$G$22=$B$24,21,0),0)),0)</f>
        <v>0</v>
      </c>
      <c r="I5606">
        <f t="shared" si="629"/>
        <v>0</v>
      </c>
      <c r="J5606">
        <f t="shared" si="630"/>
        <v>5.7127139719843143</v>
      </c>
      <c r="K5606">
        <f t="shared" si="631"/>
        <v>0.51679470637370573</v>
      </c>
      <c r="L5606">
        <f t="shared" si="632"/>
        <v>0.25839735318685286</v>
      </c>
      <c r="M5606">
        <f t="shared" si="633"/>
        <v>0</v>
      </c>
      <c r="N5606" s="45">
        <f t="shared" si="634"/>
        <v>45159.166666653153</v>
      </c>
    </row>
    <row r="5607" spans="2:14" x14ac:dyDescent="0.25">
      <c r="B5607">
        <f t="shared" si="628"/>
        <v>1</v>
      </c>
      <c r="C5607" s="16">
        <v>5573</v>
      </c>
      <c r="D5607" cm="1">
        <f t="array" ref="D5607">IFERROR(INDEX(Jesper!AH$2:AH$366,ROUNDDOWN($C5607/24,0)+1,1)*INDEX($D$3:$AA$30,INDEX(Jesper!$R$2:$R$366,ROW(INDEX(Jesper!AH$2:AH$366,ROUNDDOWN($C5607/24,0)+1,1))-1)+IF('Standard Profiles'!$G$18=$B$10,7,0)+IF('Standard Profiles'!$G$18=$B$17,14,0)+IF('Standard Profiles'!$G$18=$B$24,21,0),MOD($C5607,24)+1)/SUM(INDEX($D$3:$AA$30,INDEX(Jesper!$R$2:$R$366,ROW(INDEX(Jesper!AH$2:AH$366,ROUNDDOWN($C5607/24,0)+1,1))-1)+IF('Standard Profiles'!$G$18=$B$10,7,0)+IF('Standard Profiles'!$G$18=$B$17,14,0)+IF('Standard Profiles'!$G$18=$B$24,21,0),0)),0)</f>
        <v>4.844950372253491</v>
      </c>
      <c r="E5607" cm="1">
        <f t="array" ref="E5607">IFERROR(INDEX(Jesper!AI$2:AI$366,ROUNDDOWN($C5607/24,0)+1,1)*INDEX($D$3:$AA$30,INDEX(Jesper!$R$2:$R$366,ROW(INDEX(Jesper!AI$2:AI$366,ROUNDDOWN($C5607/24,0)+1,1))-1)+IF('Standard Profiles'!$G$19=$B$10,7,0)+IF('Standard Profiles'!$G$19=$B$17,14,0)+IF('Standard Profiles'!$G$19=$B$24,21,0),MOD($C5607,24)+1)/SUM(INDEX($D$3:$AA$30,INDEX(Jesper!$R$2:$R$366,ROW(INDEX(Jesper!AI$2:AI$366,ROUNDDOWN($C5607/24,0)+1,1))-1)+IF('Standard Profiles'!$G$19=$B$10,7,0)+IF('Standard Profiles'!$G$19=$B$17,14,0)+IF('Standard Profiles'!$G$19=$B$24,21,0),0)),0)</f>
        <v>1.6429556592913823</v>
      </c>
      <c r="F5607" cm="1">
        <f t="array" ref="F5607">IFERROR(INDEX(Jesper!AJ$2:AJ$366,ROUNDDOWN($C5607/24,0)+1,1)*INDEX($D$3:$AA$30,INDEX(Jesper!$R$2:$R$366,ROW(INDEX(Jesper!AJ$2:AJ$366,ROUNDDOWN($C5607/24,0)+1,1))-1)+IF('Standard Profiles'!$G$20=$B$10,7,0)+IF('Standard Profiles'!$G$20=$B$17,14,0)+IF('Standard Profiles'!$G$20=$B$24,21,0),MOD($C5607,24)+1)/SUM(INDEX($D$3:$AA$30,INDEX(Jesper!$R$2:$R$366,ROW(INDEX(Jesper!AJ$2:AJ$366,ROUNDDOWN($C5607/24,0)+1,1))-1)+IF('Standard Profiles'!$G$20=$B$10,7,0)+IF('Standard Profiles'!$G$20=$B$17,14,0)+IF('Standard Profiles'!$G$20=$B$24,21,0),0)),0)</f>
        <v>0</v>
      </c>
      <c r="G5607" cm="1">
        <f t="array" ref="G5607">IFERROR(INDEX(Jesper!AK$2:AK$366,ROUNDDOWN($C5607/24,0)+1,1)*INDEX($D$3:$AA$30,INDEX(Jesper!$R$2:$R$366,ROW(INDEX(Jesper!AK$2:AK$366,ROUNDDOWN($C5607/24,0)+1,1))-1)+IF('Standard Profiles'!$G$21=$B$10,7,0)+IF('Standard Profiles'!$G$21=$B$17,14,0)+IF('Standard Profiles'!$G$21=$B$24,21,0),MOD($C5607,24)+1)/SUM(INDEX($D$3:$AA$30,INDEX(Jesper!$R$2:$R$366,ROW(INDEX(Jesper!AK$2:AK$366,ROUNDDOWN($C5607/24,0)+1,1))-1)+IF('Standard Profiles'!$G$21=$B$10,7,0)+IF('Standard Profiles'!$G$21=$B$17,14,0)+IF('Standard Profiles'!$G$21=$B$24,21,0),0)),0)</f>
        <v>0</v>
      </c>
      <c r="H5607" cm="1">
        <f t="array" ref="H5607">IFERROR(INDEX(Jesper!AL$2:AL$366,ROUNDDOWN($C5607/24,0)+1,1)*INDEX($D$3:$AA$30,INDEX(Jesper!$R$2:$R$366,ROW(INDEX(Jesper!AL$2:AL$366,ROUNDDOWN($C5607/24,0)+1,1))-1)+IF('Standard Profiles'!$G$22=$B$10,7,0)+IF('Standard Profiles'!$G$22=$B$17,14,0)+IF('Standard Profiles'!$G$22=$B$24,21,0),MOD($C5607,24)+1)/SUM(INDEX($D$3:$AA$30,INDEX(Jesper!$R$2:$R$366,ROW(INDEX(Jesper!AL$2:AL$366,ROUNDDOWN($C5607/24,0)+1,1))-1)+IF('Standard Profiles'!$G$22=$B$10,7,0)+IF('Standard Profiles'!$G$22=$B$17,14,0)+IF('Standard Profiles'!$G$22=$B$24,21,0),0)),0)</f>
        <v>0</v>
      </c>
      <c r="I5607">
        <f t="shared" si="629"/>
        <v>0</v>
      </c>
      <c r="J5607">
        <f t="shared" si="630"/>
        <v>5.7127139719843143</v>
      </c>
      <c r="K5607">
        <f t="shared" si="631"/>
        <v>0.51679470637370573</v>
      </c>
      <c r="L5607">
        <f t="shared" si="632"/>
        <v>0.25839735318685286</v>
      </c>
      <c r="M5607">
        <f t="shared" si="633"/>
        <v>0</v>
      </c>
      <c r="N5607" s="45">
        <f t="shared" si="634"/>
        <v>45159.208333319817</v>
      </c>
    </row>
    <row r="5608" spans="2:14" x14ac:dyDescent="0.25">
      <c r="B5608">
        <f t="shared" si="628"/>
        <v>1</v>
      </c>
      <c r="C5608" s="16">
        <v>5574</v>
      </c>
      <c r="D5608" cm="1">
        <f t="array" ref="D5608">IFERROR(INDEX(Jesper!AH$2:AH$366,ROUNDDOWN($C5608/24,0)+1,1)*INDEX($D$3:$AA$30,INDEX(Jesper!$R$2:$R$366,ROW(INDEX(Jesper!AH$2:AH$366,ROUNDDOWN($C5608/24,0)+1,1))-1)+IF('Standard Profiles'!$G$18=$B$10,7,0)+IF('Standard Profiles'!$G$18=$B$17,14,0)+IF('Standard Profiles'!$G$18=$B$24,21,0),MOD($C5608,24)+1)/SUM(INDEX($D$3:$AA$30,INDEX(Jesper!$R$2:$R$366,ROW(INDEX(Jesper!AH$2:AH$366,ROUNDDOWN($C5608/24,0)+1,1))-1)+IF('Standard Profiles'!$G$18=$B$10,7,0)+IF('Standard Profiles'!$G$18=$B$17,14,0)+IF('Standard Profiles'!$G$18=$B$24,21,0),0)),0)</f>
        <v>4.844950372253491</v>
      </c>
      <c r="E5608" cm="1">
        <f t="array" ref="E5608">IFERROR(INDEX(Jesper!AI$2:AI$366,ROUNDDOWN($C5608/24,0)+1,1)*INDEX($D$3:$AA$30,INDEX(Jesper!$R$2:$R$366,ROW(INDEX(Jesper!AI$2:AI$366,ROUNDDOWN($C5608/24,0)+1,1))-1)+IF('Standard Profiles'!$G$19=$B$10,7,0)+IF('Standard Profiles'!$G$19=$B$17,14,0)+IF('Standard Profiles'!$G$19=$B$24,21,0),MOD($C5608,24)+1)/SUM(INDEX($D$3:$AA$30,INDEX(Jesper!$R$2:$R$366,ROW(INDEX(Jesper!AI$2:AI$366,ROUNDDOWN($C5608/24,0)+1,1))-1)+IF('Standard Profiles'!$G$19=$B$10,7,0)+IF('Standard Profiles'!$G$19=$B$17,14,0)+IF('Standard Profiles'!$G$19=$B$24,21,0),0)),0)</f>
        <v>1.6429556592913823</v>
      </c>
      <c r="F5608" cm="1">
        <f t="array" ref="F5608">IFERROR(INDEX(Jesper!AJ$2:AJ$366,ROUNDDOWN($C5608/24,0)+1,1)*INDEX($D$3:$AA$30,INDEX(Jesper!$R$2:$R$366,ROW(INDEX(Jesper!AJ$2:AJ$366,ROUNDDOWN($C5608/24,0)+1,1))-1)+IF('Standard Profiles'!$G$20=$B$10,7,0)+IF('Standard Profiles'!$G$20=$B$17,14,0)+IF('Standard Profiles'!$G$20=$B$24,21,0),MOD($C5608,24)+1)/SUM(INDEX($D$3:$AA$30,INDEX(Jesper!$R$2:$R$366,ROW(INDEX(Jesper!AJ$2:AJ$366,ROUNDDOWN($C5608/24,0)+1,1))-1)+IF('Standard Profiles'!$G$20=$B$10,7,0)+IF('Standard Profiles'!$G$20=$B$17,14,0)+IF('Standard Profiles'!$G$20=$B$24,21,0),0)),0)</f>
        <v>0</v>
      </c>
      <c r="G5608" cm="1">
        <f t="array" ref="G5608">IFERROR(INDEX(Jesper!AK$2:AK$366,ROUNDDOWN($C5608/24,0)+1,1)*INDEX($D$3:$AA$30,INDEX(Jesper!$R$2:$R$366,ROW(INDEX(Jesper!AK$2:AK$366,ROUNDDOWN($C5608/24,0)+1,1))-1)+IF('Standard Profiles'!$G$21=$B$10,7,0)+IF('Standard Profiles'!$G$21=$B$17,14,0)+IF('Standard Profiles'!$G$21=$B$24,21,0),MOD($C5608,24)+1)/SUM(INDEX($D$3:$AA$30,INDEX(Jesper!$R$2:$R$366,ROW(INDEX(Jesper!AK$2:AK$366,ROUNDDOWN($C5608/24,0)+1,1))-1)+IF('Standard Profiles'!$G$21=$B$10,7,0)+IF('Standard Profiles'!$G$21=$B$17,14,0)+IF('Standard Profiles'!$G$21=$B$24,21,0),0)),0)</f>
        <v>0</v>
      </c>
      <c r="H5608" cm="1">
        <f t="array" ref="H5608">IFERROR(INDEX(Jesper!AL$2:AL$366,ROUNDDOWN($C5608/24,0)+1,1)*INDEX($D$3:$AA$30,INDEX(Jesper!$R$2:$R$366,ROW(INDEX(Jesper!AL$2:AL$366,ROUNDDOWN($C5608/24,0)+1,1))-1)+IF('Standard Profiles'!$G$22=$B$10,7,0)+IF('Standard Profiles'!$G$22=$B$17,14,0)+IF('Standard Profiles'!$G$22=$B$24,21,0),MOD($C5608,24)+1)/SUM(INDEX($D$3:$AA$30,INDEX(Jesper!$R$2:$R$366,ROW(INDEX(Jesper!AL$2:AL$366,ROUNDDOWN($C5608/24,0)+1,1))-1)+IF('Standard Profiles'!$G$22=$B$10,7,0)+IF('Standard Profiles'!$G$22=$B$17,14,0)+IF('Standard Profiles'!$G$22=$B$24,21,0),0)),0)</f>
        <v>0</v>
      </c>
      <c r="I5608">
        <f t="shared" si="629"/>
        <v>0</v>
      </c>
      <c r="J5608">
        <f t="shared" si="630"/>
        <v>5.7127139719843143</v>
      </c>
      <c r="K5608">
        <f t="shared" si="631"/>
        <v>0.51679470637370573</v>
      </c>
      <c r="L5608">
        <f t="shared" si="632"/>
        <v>0.25839735318685286</v>
      </c>
      <c r="M5608">
        <f t="shared" si="633"/>
        <v>0</v>
      </c>
      <c r="N5608" s="45">
        <f t="shared" si="634"/>
        <v>45159.249999986481</v>
      </c>
    </row>
    <row r="5609" spans="2:14" x14ac:dyDescent="0.25">
      <c r="B5609">
        <f t="shared" si="628"/>
        <v>1</v>
      </c>
      <c r="C5609" s="16">
        <v>5575</v>
      </c>
      <c r="D5609" cm="1">
        <f t="array" ref="D5609">IFERROR(INDEX(Jesper!AH$2:AH$366,ROUNDDOWN($C5609/24,0)+1,1)*INDEX($D$3:$AA$30,INDEX(Jesper!$R$2:$R$366,ROW(INDEX(Jesper!AH$2:AH$366,ROUNDDOWN($C5609/24,0)+1,1))-1)+IF('Standard Profiles'!$G$18=$B$10,7,0)+IF('Standard Profiles'!$G$18=$B$17,14,0)+IF('Standard Profiles'!$G$18=$B$24,21,0),MOD($C5609,24)+1)/SUM(INDEX($D$3:$AA$30,INDEX(Jesper!$R$2:$R$366,ROW(INDEX(Jesper!AH$2:AH$366,ROUNDDOWN($C5609/24,0)+1,1))-1)+IF('Standard Profiles'!$G$18=$B$10,7,0)+IF('Standard Profiles'!$G$18=$B$17,14,0)+IF('Standard Profiles'!$G$18=$B$24,21,0),0)),0)</f>
        <v>20.639488585799871</v>
      </c>
      <c r="E5609" cm="1">
        <f t="array" ref="E5609">IFERROR(INDEX(Jesper!AI$2:AI$366,ROUNDDOWN($C5609/24,0)+1,1)*INDEX($D$3:$AA$30,INDEX(Jesper!$R$2:$R$366,ROW(INDEX(Jesper!AI$2:AI$366,ROUNDDOWN($C5609/24,0)+1,1))-1)+IF('Standard Profiles'!$G$19=$B$10,7,0)+IF('Standard Profiles'!$G$19=$B$17,14,0)+IF('Standard Profiles'!$G$19=$B$24,21,0),MOD($C5609,24)+1)/SUM(INDEX($D$3:$AA$30,INDEX(Jesper!$R$2:$R$366,ROW(INDEX(Jesper!AI$2:AI$366,ROUNDDOWN($C5609/24,0)+1,1))-1)+IF('Standard Profiles'!$G$19=$B$10,7,0)+IF('Standard Profiles'!$G$19=$B$17,14,0)+IF('Standard Profiles'!$G$19=$B$24,21,0),0)),0)</f>
        <v>6.9989911085812881</v>
      </c>
      <c r="F5609" cm="1">
        <f t="array" ref="F5609">IFERROR(INDEX(Jesper!AJ$2:AJ$366,ROUNDDOWN($C5609/24,0)+1,1)*INDEX($D$3:$AA$30,INDEX(Jesper!$R$2:$R$366,ROW(INDEX(Jesper!AJ$2:AJ$366,ROUNDDOWN($C5609/24,0)+1,1))-1)+IF('Standard Profiles'!$G$20=$B$10,7,0)+IF('Standard Profiles'!$G$20=$B$17,14,0)+IF('Standard Profiles'!$G$20=$B$24,21,0),MOD($C5609,24)+1)/SUM(INDEX($D$3:$AA$30,INDEX(Jesper!$R$2:$R$366,ROW(INDEX(Jesper!AJ$2:AJ$366,ROUNDDOWN($C5609/24,0)+1,1))-1)+IF('Standard Profiles'!$G$20=$B$10,7,0)+IF('Standard Profiles'!$G$20=$B$17,14,0)+IF('Standard Profiles'!$G$20=$B$24,21,0),0)),0)</f>
        <v>0</v>
      </c>
      <c r="G5609" cm="1">
        <f t="array" ref="G5609">IFERROR(INDEX(Jesper!AK$2:AK$366,ROUNDDOWN($C5609/24,0)+1,1)*INDEX($D$3:$AA$30,INDEX(Jesper!$R$2:$R$366,ROW(INDEX(Jesper!AK$2:AK$366,ROUNDDOWN($C5609/24,0)+1,1))-1)+IF('Standard Profiles'!$G$21=$B$10,7,0)+IF('Standard Profiles'!$G$21=$B$17,14,0)+IF('Standard Profiles'!$G$21=$B$24,21,0),MOD($C5609,24)+1)/SUM(INDEX($D$3:$AA$30,INDEX(Jesper!$R$2:$R$366,ROW(INDEX(Jesper!AK$2:AK$366,ROUNDDOWN($C5609/24,0)+1,1))-1)+IF('Standard Profiles'!$G$21=$B$10,7,0)+IF('Standard Profiles'!$G$21=$B$17,14,0)+IF('Standard Profiles'!$G$21=$B$24,21,0),0)),0)</f>
        <v>0</v>
      </c>
      <c r="H5609" cm="1">
        <f t="array" ref="H5609">IFERROR(INDEX(Jesper!AL$2:AL$366,ROUNDDOWN($C5609/24,0)+1,1)*INDEX($D$3:$AA$30,INDEX(Jesper!$R$2:$R$366,ROW(INDEX(Jesper!AL$2:AL$366,ROUNDDOWN($C5609/24,0)+1,1))-1)+IF('Standard Profiles'!$G$22=$B$10,7,0)+IF('Standard Profiles'!$G$22=$B$17,14,0)+IF('Standard Profiles'!$G$22=$B$24,21,0),MOD($C5609,24)+1)/SUM(INDEX($D$3:$AA$30,INDEX(Jesper!$R$2:$R$366,ROW(INDEX(Jesper!AL$2:AL$366,ROUNDDOWN($C5609/24,0)+1,1))-1)+IF('Standard Profiles'!$G$22=$B$10,7,0)+IF('Standard Profiles'!$G$22=$B$17,14,0)+IF('Standard Profiles'!$G$22=$B$24,21,0),0)),0)</f>
        <v>0</v>
      </c>
      <c r="I5609">
        <f t="shared" si="629"/>
        <v>0</v>
      </c>
      <c r="J5609">
        <f t="shared" si="630"/>
        <v>24.336161520653178</v>
      </c>
      <c r="K5609">
        <f t="shared" si="631"/>
        <v>2.2015454491519866</v>
      </c>
      <c r="L5609">
        <f t="shared" si="632"/>
        <v>1.1007727245759933</v>
      </c>
      <c r="M5609">
        <f t="shared" si="633"/>
        <v>0</v>
      </c>
      <c r="N5609" s="45">
        <f t="shared" si="634"/>
        <v>45159.291666653146</v>
      </c>
    </row>
    <row r="5610" spans="2:14" x14ac:dyDescent="0.25">
      <c r="B5610">
        <f t="shared" si="628"/>
        <v>1</v>
      </c>
      <c r="C5610" s="16">
        <v>5576</v>
      </c>
      <c r="D5610" cm="1">
        <f t="array" ref="D5610">IFERROR(INDEX(Jesper!AH$2:AH$366,ROUNDDOWN($C5610/24,0)+1,1)*INDEX($D$3:$AA$30,INDEX(Jesper!$R$2:$R$366,ROW(INDEX(Jesper!AH$2:AH$366,ROUNDDOWN($C5610/24,0)+1,1))-1)+IF('Standard Profiles'!$G$18=$B$10,7,0)+IF('Standard Profiles'!$G$18=$B$17,14,0)+IF('Standard Profiles'!$G$18=$B$24,21,0),MOD($C5610,24)+1)/SUM(INDEX($D$3:$AA$30,INDEX(Jesper!$R$2:$R$366,ROW(INDEX(Jesper!AH$2:AH$366,ROUNDDOWN($C5610/24,0)+1,1))-1)+IF('Standard Profiles'!$G$18=$B$10,7,0)+IF('Standard Profiles'!$G$18=$B$17,14,0)+IF('Standard Profiles'!$G$18=$B$24,21,0),0)),0)</f>
        <v>23.219424659024856</v>
      </c>
      <c r="E5610" cm="1">
        <f t="array" ref="E5610">IFERROR(INDEX(Jesper!AI$2:AI$366,ROUNDDOWN($C5610/24,0)+1,1)*INDEX($D$3:$AA$30,INDEX(Jesper!$R$2:$R$366,ROW(INDEX(Jesper!AI$2:AI$366,ROUNDDOWN($C5610/24,0)+1,1))-1)+IF('Standard Profiles'!$G$19=$B$10,7,0)+IF('Standard Profiles'!$G$19=$B$17,14,0)+IF('Standard Profiles'!$G$19=$B$24,21,0),MOD($C5610,24)+1)/SUM(INDEX($D$3:$AA$30,INDEX(Jesper!$R$2:$R$366,ROW(INDEX(Jesper!AI$2:AI$366,ROUNDDOWN($C5610/24,0)+1,1))-1)+IF('Standard Profiles'!$G$19=$B$10,7,0)+IF('Standard Profiles'!$G$19=$B$17,14,0)+IF('Standard Profiles'!$G$19=$B$24,21,0),0)),0)</f>
        <v>7.8738649971539498</v>
      </c>
      <c r="F5610" cm="1">
        <f t="array" ref="F5610">IFERROR(INDEX(Jesper!AJ$2:AJ$366,ROUNDDOWN($C5610/24,0)+1,1)*INDEX($D$3:$AA$30,INDEX(Jesper!$R$2:$R$366,ROW(INDEX(Jesper!AJ$2:AJ$366,ROUNDDOWN($C5610/24,0)+1,1))-1)+IF('Standard Profiles'!$G$20=$B$10,7,0)+IF('Standard Profiles'!$G$20=$B$17,14,0)+IF('Standard Profiles'!$G$20=$B$24,21,0),MOD($C5610,24)+1)/SUM(INDEX($D$3:$AA$30,INDEX(Jesper!$R$2:$R$366,ROW(INDEX(Jesper!AJ$2:AJ$366,ROUNDDOWN($C5610/24,0)+1,1))-1)+IF('Standard Profiles'!$G$20=$B$10,7,0)+IF('Standard Profiles'!$G$20=$B$17,14,0)+IF('Standard Profiles'!$G$20=$B$24,21,0),0)),0)</f>
        <v>0</v>
      </c>
      <c r="G5610" cm="1">
        <f t="array" ref="G5610">IFERROR(INDEX(Jesper!AK$2:AK$366,ROUNDDOWN($C5610/24,0)+1,1)*INDEX($D$3:$AA$30,INDEX(Jesper!$R$2:$R$366,ROW(INDEX(Jesper!AK$2:AK$366,ROUNDDOWN($C5610/24,0)+1,1))-1)+IF('Standard Profiles'!$G$21=$B$10,7,0)+IF('Standard Profiles'!$G$21=$B$17,14,0)+IF('Standard Profiles'!$G$21=$B$24,21,0),MOD($C5610,24)+1)/SUM(INDEX($D$3:$AA$30,INDEX(Jesper!$R$2:$R$366,ROW(INDEX(Jesper!AK$2:AK$366,ROUNDDOWN($C5610/24,0)+1,1))-1)+IF('Standard Profiles'!$G$21=$B$10,7,0)+IF('Standard Profiles'!$G$21=$B$17,14,0)+IF('Standard Profiles'!$G$21=$B$24,21,0),0)),0)</f>
        <v>0</v>
      </c>
      <c r="H5610" cm="1">
        <f t="array" ref="H5610">IFERROR(INDEX(Jesper!AL$2:AL$366,ROUNDDOWN($C5610/24,0)+1,1)*INDEX($D$3:$AA$30,INDEX(Jesper!$R$2:$R$366,ROW(INDEX(Jesper!AL$2:AL$366,ROUNDDOWN($C5610/24,0)+1,1))-1)+IF('Standard Profiles'!$G$22=$B$10,7,0)+IF('Standard Profiles'!$G$22=$B$17,14,0)+IF('Standard Profiles'!$G$22=$B$24,21,0),MOD($C5610,24)+1)/SUM(INDEX($D$3:$AA$30,INDEX(Jesper!$R$2:$R$366,ROW(INDEX(Jesper!AL$2:AL$366,ROUNDDOWN($C5610/24,0)+1,1))-1)+IF('Standard Profiles'!$G$22=$B$10,7,0)+IF('Standard Profiles'!$G$22=$B$17,14,0)+IF('Standard Profiles'!$G$22=$B$24,21,0),0)),0)</f>
        <v>0</v>
      </c>
      <c r="I5610">
        <f t="shared" si="629"/>
        <v>0</v>
      </c>
      <c r="J5610">
        <f t="shared" si="630"/>
        <v>27.378181710734829</v>
      </c>
      <c r="K5610">
        <f t="shared" si="631"/>
        <v>2.4767386302959848</v>
      </c>
      <c r="L5610">
        <f t="shared" si="632"/>
        <v>1.2383693151479924</v>
      </c>
      <c r="M5610">
        <f t="shared" si="633"/>
        <v>0</v>
      </c>
      <c r="N5610" s="45">
        <f t="shared" si="634"/>
        <v>45159.33333331981</v>
      </c>
    </row>
    <row r="5611" spans="2:14" x14ac:dyDescent="0.25">
      <c r="B5611">
        <f t="shared" si="628"/>
        <v>1</v>
      </c>
      <c r="C5611" s="16">
        <v>5577</v>
      </c>
      <c r="D5611" cm="1">
        <f t="array" ref="D5611">IFERROR(INDEX(Jesper!AH$2:AH$366,ROUNDDOWN($C5611/24,0)+1,1)*INDEX($D$3:$AA$30,INDEX(Jesper!$R$2:$R$366,ROW(INDEX(Jesper!AH$2:AH$366,ROUNDDOWN($C5611/24,0)+1,1))-1)+IF('Standard Profiles'!$G$18=$B$10,7,0)+IF('Standard Profiles'!$G$18=$B$17,14,0)+IF('Standard Profiles'!$G$18=$B$24,21,0),MOD($C5611,24)+1)/SUM(INDEX($D$3:$AA$30,INDEX(Jesper!$R$2:$R$366,ROW(INDEX(Jesper!AH$2:AH$366,ROUNDDOWN($C5611/24,0)+1,1))-1)+IF('Standard Profiles'!$G$18=$B$10,7,0)+IF('Standard Profiles'!$G$18=$B$17,14,0)+IF('Standard Profiles'!$G$18=$B$24,21,0),0)),0)</f>
        <v>25.799360732249834</v>
      </c>
      <c r="E5611" cm="1">
        <f t="array" ref="E5611">IFERROR(INDEX(Jesper!AI$2:AI$366,ROUNDDOWN($C5611/24,0)+1,1)*INDEX($D$3:$AA$30,INDEX(Jesper!$R$2:$R$366,ROW(INDEX(Jesper!AI$2:AI$366,ROUNDDOWN($C5611/24,0)+1,1))-1)+IF('Standard Profiles'!$G$19=$B$10,7,0)+IF('Standard Profiles'!$G$19=$B$17,14,0)+IF('Standard Profiles'!$G$19=$B$24,21,0),MOD($C5611,24)+1)/SUM(INDEX($D$3:$AA$30,INDEX(Jesper!$R$2:$R$366,ROW(INDEX(Jesper!AI$2:AI$366,ROUNDDOWN($C5611/24,0)+1,1))-1)+IF('Standard Profiles'!$G$19=$B$10,7,0)+IF('Standard Profiles'!$G$19=$B$17,14,0)+IF('Standard Profiles'!$G$19=$B$24,21,0),0)),0)</f>
        <v>8.7487388857266115</v>
      </c>
      <c r="F5611" cm="1">
        <f t="array" ref="F5611">IFERROR(INDEX(Jesper!AJ$2:AJ$366,ROUNDDOWN($C5611/24,0)+1,1)*INDEX($D$3:$AA$30,INDEX(Jesper!$R$2:$R$366,ROW(INDEX(Jesper!AJ$2:AJ$366,ROUNDDOWN($C5611/24,0)+1,1))-1)+IF('Standard Profiles'!$G$20=$B$10,7,0)+IF('Standard Profiles'!$G$20=$B$17,14,0)+IF('Standard Profiles'!$G$20=$B$24,21,0),MOD($C5611,24)+1)/SUM(INDEX($D$3:$AA$30,INDEX(Jesper!$R$2:$R$366,ROW(INDEX(Jesper!AJ$2:AJ$366,ROUNDDOWN($C5611/24,0)+1,1))-1)+IF('Standard Profiles'!$G$20=$B$10,7,0)+IF('Standard Profiles'!$G$20=$B$17,14,0)+IF('Standard Profiles'!$G$20=$B$24,21,0),0)),0)</f>
        <v>0</v>
      </c>
      <c r="G5611" cm="1">
        <f t="array" ref="G5611">IFERROR(INDEX(Jesper!AK$2:AK$366,ROUNDDOWN($C5611/24,0)+1,1)*INDEX($D$3:$AA$30,INDEX(Jesper!$R$2:$R$366,ROW(INDEX(Jesper!AK$2:AK$366,ROUNDDOWN($C5611/24,0)+1,1))-1)+IF('Standard Profiles'!$G$21=$B$10,7,0)+IF('Standard Profiles'!$G$21=$B$17,14,0)+IF('Standard Profiles'!$G$21=$B$24,21,0),MOD($C5611,24)+1)/SUM(INDEX($D$3:$AA$30,INDEX(Jesper!$R$2:$R$366,ROW(INDEX(Jesper!AK$2:AK$366,ROUNDDOWN($C5611/24,0)+1,1))-1)+IF('Standard Profiles'!$G$21=$B$10,7,0)+IF('Standard Profiles'!$G$21=$B$17,14,0)+IF('Standard Profiles'!$G$21=$B$24,21,0),0)),0)</f>
        <v>0</v>
      </c>
      <c r="H5611" cm="1">
        <f t="array" ref="H5611">IFERROR(INDEX(Jesper!AL$2:AL$366,ROUNDDOWN($C5611/24,0)+1,1)*INDEX($D$3:$AA$30,INDEX(Jesper!$R$2:$R$366,ROW(INDEX(Jesper!AL$2:AL$366,ROUNDDOWN($C5611/24,0)+1,1))-1)+IF('Standard Profiles'!$G$22=$B$10,7,0)+IF('Standard Profiles'!$G$22=$B$17,14,0)+IF('Standard Profiles'!$G$22=$B$24,21,0),MOD($C5611,24)+1)/SUM(INDEX($D$3:$AA$30,INDEX(Jesper!$R$2:$R$366,ROW(INDEX(Jesper!AL$2:AL$366,ROUNDDOWN($C5611/24,0)+1,1))-1)+IF('Standard Profiles'!$G$22=$B$10,7,0)+IF('Standard Profiles'!$G$22=$B$17,14,0)+IF('Standard Profiles'!$G$22=$B$24,21,0),0)),0)</f>
        <v>0</v>
      </c>
      <c r="I5611">
        <f t="shared" si="629"/>
        <v>0</v>
      </c>
      <c r="J5611">
        <f t="shared" si="630"/>
        <v>30.420201900816473</v>
      </c>
      <c r="K5611">
        <f t="shared" si="631"/>
        <v>2.7519318114399827</v>
      </c>
      <c r="L5611">
        <f t="shared" si="632"/>
        <v>1.3759659057199913</v>
      </c>
      <c r="M5611">
        <f t="shared" si="633"/>
        <v>0</v>
      </c>
      <c r="N5611" s="45">
        <f t="shared" si="634"/>
        <v>45159.374999986474</v>
      </c>
    </row>
    <row r="5612" spans="2:14" x14ac:dyDescent="0.25">
      <c r="B5612">
        <f t="shared" si="628"/>
        <v>1</v>
      </c>
      <c r="C5612" s="16">
        <v>5578</v>
      </c>
      <c r="D5612" cm="1">
        <f t="array" ref="D5612">IFERROR(INDEX(Jesper!AH$2:AH$366,ROUNDDOWN($C5612/24,0)+1,1)*INDEX($D$3:$AA$30,INDEX(Jesper!$R$2:$R$366,ROW(INDEX(Jesper!AH$2:AH$366,ROUNDDOWN($C5612/24,0)+1,1))-1)+IF('Standard Profiles'!$G$18=$B$10,7,0)+IF('Standard Profiles'!$G$18=$B$17,14,0)+IF('Standard Profiles'!$G$18=$B$24,21,0),MOD($C5612,24)+1)/SUM(INDEX($D$3:$AA$30,INDEX(Jesper!$R$2:$R$366,ROW(INDEX(Jesper!AH$2:AH$366,ROUNDDOWN($C5612/24,0)+1,1))-1)+IF('Standard Profiles'!$G$18=$B$10,7,0)+IF('Standard Profiles'!$G$18=$B$17,14,0)+IF('Standard Profiles'!$G$18=$B$24,21,0),0)),0)</f>
        <v>25.799360732249834</v>
      </c>
      <c r="E5612" cm="1">
        <f t="array" ref="E5612">IFERROR(INDEX(Jesper!AI$2:AI$366,ROUNDDOWN($C5612/24,0)+1,1)*INDEX($D$3:$AA$30,INDEX(Jesper!$R$2:$R$366,ROW(INDEX(Jesper!AI$2:AI$366,ROUNDDOWN($C5612/24,0)+1,1))-1)+IF('Standard Profiles'!$G$19=$B$10,7,0)+IF('Standard Profiles'!$G$19=$B$17,14,0)+IF('Standard Profiles'!$G$19=$B$24,21,0),MOD($C5612,24)+1)/SUM(INDEX($D$3:$AA$30,INDEX(Jesper!$R$2:$R$366,ROW(INDEX(Jesper!AI$2:AI$366,ROUNDDOWN($C5612/24,0)+1,1))-1)+IF('Standard Profiles'!$G$19=$B$10,7,0)+IF('Standard Profiles'!$G$19=$B$17,14,0)+IF('Standard Profiles'!$G$19=$B$24,21,0),0)),0)</f>
        <v>8.7487388857266115</v>
      </c>
      <c r="F5612" cm="1">
        <f t="array" ref="F5612">IFERROR(INDEX(Jesper!AJ$2:AJ$366,ROUNDDOWN($C5612/24,0)+1,1)*INDEX($D$3:$AA$30,INDEX(Jesper!$R$2:$R$366,ROW(INDEX(Jesper!AJ$2:AJ$366,ROUNDDOWN($C5612/24,0)+1,1))-1)+IF('Standard Profiles'!$G$20=$B$10,7,0)+IF('Standard Profiles'!$G$20=$B$17,14,0)+IF('Standard Profiles'!$G$20=$B$24,21,0),MOD($C5612,24)+1)/SUM(INDEX($D$3:$AA$30,INDEX(Jesper!$R$2:$R$366,ROW(INDEX(Jesper!AJ$2:AJ$366,ROUNDDOWN($C5612/24,0)+1,1))-1)+IF('Standard Profiles'!$G$20=$B$10,7,0)+IF('Standard Profiles'!$G$20=$B$17,14,0)+IF('Standard Profiles'!$G$20=$B$24,21,0),0)),0)</f>
        <v>0</v>
      </c>
      <c r="G5612" cm="1">
        <f t="array" ref="G5612">IFERROR(INDEX(Jesper!AK$2:AK$366,ROUNDDOWN($C5612/24,0)+1,1)*INDEX($D$3:$AA$30,INDEX(Jesper!$R$2:$R$366,ROW(INDEX(Jesper!AK$2:AK$366,ROUNDDOWN($C5612/24,0)+1,1))-1)+IF('Standard Profiles'!$G$21=$B$10,7,0)+IF('Standard Profiles'!$G$21=$B$17,14,0)+IF('Standard Profiles'!$G$21=$B$24,21,0),MOD($C5612,24)+1)/SUM(INDEX($D$3:$AA$30,INDEX(Jesper!$R$2:$R$366,ROW(INDEX(Jesper!AK$2:AK$366,ROUNDDOWN($C5612/24,0)+1,1))-1)+IF('Standard Profiles'!$G$21=$B$10,7,0)+IF('Standard Profiles'!$G$21=$B$17,14,0)+IF('Standard Profiles'!$G$21=$B$24,21,0),0)),0)</f>
        <v>0</v>
      </c>
      <c r="H5612" cm="1">
        <f t="array" ref="H5612">IFERROR(INDEX(Jesper!AL$2:AL$366,ROUNDDOWN($C5612/24,0)+1,1)*INDEX($D$3:$AA$30,INDEX(Jesper!$R$2:$R$366,ROW(INDEX(Jesper!AL$2:AL$366,ROUNDDOWN($C5612/24,0)+1,1))-1)+IF('Standard Profiles'!$G$22=$B$10,7,0)+IF('Standard Profiles'!$G$22=$B$17,14,0)+IF('Standard Profiles'!$G$22=$B$24,21,0),MOD($C5612,24)+1)/SUM(INDEX($D$3:$AA$30,INDEX(Jesper!$R$2:$R$366,ROW(INDEX(Jesper!AL$2:AL$366,ROUNDDOWN($C5612/24,0)+1,1))-1)+IF('Standard Profiles'!$G$22=$B$10,7,0)+IF('Standard Profiles'!$G$22=$B$17,14,0)+IF('Standard Profiles'!$G$22=$B$24,21,0),0)),0)</f>
        <v>0</v>
      </c>
      <c r="I5612">
        <f t="shared" si="629"/>
        <v>0</v>
      </c>
      <c r="J5612">
        <f t="shared" si="630"/>
        <v>30.420201900816473</v>
      </c>
      <c r="K5612">
        <f t="shared" si="631"/>
        <v>2.7519318114399827</v>
      </c>
      <c r="L5612">
        <f t="shared" si="632"/>
        <v>1.3759659057199913</v>
      </c>
      <c r="M5612">
        <f t="shared" si="633"/>
        <v>0</v>
      </c>
      <c r="N5612" s="45">
        <f t="shared" si="634"/>
        <v>45159.416666653138</v>
      </c>
    </row>
    <row r="5613" spans="2:14" x14ac:dyDescent="0.25">
      <c r="B5613">
        <f t="shared" si="628"/>
        <v>1</v>
      </c>
      <c r="C5613" s="16">
        <v>5579</v>
      </c>
      <c r="D5613" cm="1">
        <f t="array" ref="D5613">IFERROR(INDEX(Jesper!AH$2:AH$366,ROUNDDOWN($C5613/24,0)+1,1)*INDEX($D$3:$AA$30,INDEX(Jesper!$R$2:$R$366,ROW(INDEX(Jesper!AH$2:AH$366,ROUNDDOWN($C5613/24,0)+1,1))-1)+IF('Standard Profiles'!$G$18=$B$10,7,0)+IF('Standard Profiles'!$G$18=$B$17,14,0)+IF('Standard Profiles'!$G$18=$B$24,21,0),MOD($C5613,24)+1)/SUM(INDEX($D$3:$AA$30,INDEX(Jesper!$R$2:$R$366,ROW(INDEX(Jesper!AH$2:AH$366,ROUNDDOWN($C5613/24,0)+1,1))-1)+IF('Standard Profiles'!$G$18=$B$10,7,0)+IF('Standard Profiles'!$G$18=$B$17,14,0)+IF('Standard Profiles'!$G$18=$B$24,21,0),0)),0)</f>
        <v>30.959232878699797</v>
      </c>
      <c r="E5613" cm="1">
        <f t="array" ref="E5613">IFERROR(INDEX(Jesper!AI$2:AI$366,ROUNDDOWN($C5613/24,0)+1,1)*INDEX($D$3:$AA$30,INDEX(Jesper!$R$2:$R$366,ROW(INDEX(Jesper!AI$2:AI$366,ROUNDDOWN($C5613/24,0)+1,1))-1)+IF('Standard Profiles'!$G$19=$B$10,7,0)+IF('Standard Profiles'!$G$19=$B$17,14,0)+IF('Standard Profiles'!$G$19=$B$24,21,0),MOD($C5613,24)+1)/SUM(INDEX($D$3:$AA$30,INDEX(Jesper!$R$2:$R$366,ROW(INDEX(Jesper!AI$2:AI$366,ROUNDDOWN($C5613/24,0)+1,1))-1)+IF('Standard Profiles'!$G$19=$B$10,7,0)+IF('Standard Profiles'!$G$19=$B$17,14,0)+IF('Standard Profiles'!$G$19=$B$24,21,0),0)),0)</f>
        <v>10.498486662871933</v>
      </c>
      <c r="F5613" cm="1">
        <f t="array" ref="F5613">IFERROR(INDEX(Jesper!AJ$2:AJ$366,ROUNDDOWN($C5613/24,0)+1,1)*INDEX($D$3:$AA$30,INDEX(Jesper!$R$2:$R$366,ROW(INDEX(Jesper!AJ$2:AJ$366,ROUNDDOWN($C5613/24,0)+1,1))-1)+IF('Standard Profiles'!$G$20=$B$10,7,0)+IF('Standard Profiles'!$G$20=$B$17,14,0)+IF('Standard Profiles'!$G$20=$B$24,21,0),MOD($C5613,24)+1)/SUM(INDEX($D$3:$AA$30,INDEX(Jesper!$R$2:$R$366,ROW(INDEX(Jesper!AJ$2:AJ$366,ROUNDDOWN($C5613/24,0)+1,1))-1)+IF('Standard Profiles'!$G$20=$B$10,7,0)+IF('Standard Profiles'!$G$20=$B$17,14,0)+IF('Standard Profiles'!$G$20=$B$24,21,0),0)),0)</f>
        <v>0</v>
      </c>
      <c r="G5613" cm="1">
        <f t="array" ref="G5613">IFERROR(INDEX(Jesper!AK$2:AK$366,ROUNDDOWN($C5613/24,0)+1,1)*INDEX($D$3:$AA$30,INDEX(Jesper!$R$2:$R$366,ROW(INDEX(Jesper!AK$2:AK$366,ROUNDDOWN($C5613/24,0)+1,1))-1)+IF('Standard Profiles'!$G$21=$B$10,7,0)+IF('Standard Profiles'!$G$21=$B$17,14,0)+IF('Standard Profiles'!$G$21=$B$24,21,0),MOD($C5613,24)+1)/SUM(INDEX($D$3:$AA$30,INDEX(Jesper!$R$2:$R$366,ROW(INDEX(Jesper!AK$2:AK$366,ROUNDDOWN($C5613/24,0)+1,1))-1)+IF('Standard Profiles'!$G$21=$B$10,7,0)+IF('Standard Profiles'!$G$21=$B$17,14,0)+IF('Standard Profiles'!$G$21=$B$24,21,0),0)),0)</f>
        <v>0</v>
      </c>
      <c r="H5613" cm="1">
        <f t="array" ref="H5613">IFERROR(INDEX(Jesper!AL$2:AL$366,ROUNDDOWN($C5613/24,0)+1,1)*INDEX($D$3:$AA$30,INDEX(Jesper!$R$2:$R$366,ROW(INDEX(Jesper!AL$2:AL$366,ROUNDDOWN($C5613/24,0)+1,1))-1)+IF('Standard Profiles'!$G$22=$B$10,7,0)+IF('Standard Profiles'!$G$22=$B$17,14,0)+IF('Standard Profiles'!$G$22=$B$24,21,0),MOD($C5613,24)+1)/SUM(INDEX($D$3:$AA$30,INDEX(Jesper!$R$2:$R$366,ROW(INDEX(Jesper!AL$2:AL$366,ROUNDDOWN($C5613/24,0)+1,1))-1)+IF('Standard Profiles'!$G$22=$B$10,7,0)+IF('Standard Profiles'!$G$22=$B$17,14,0)+IF('Standard Profiles'!$G$22=$B$24,21,0),0)),0)</f>
        <v>0</v>
      </c>
      <c r="I5613">
        <f t="shared" si="629"/>
        <v>0</v>
      </c>
      <c r="J5613">
        <f t="shared" si="630"/>
        <v>36.504242280979767</v>
      </c>
      <c r="K5613">
        <f t="shared" si="631"/>
        <v>3.3023181737279788</v>
      </c>
      <c r="L5613">
        <f t="shared" si="632"/>
        <v>1.6511590868639894</v>
      </c>
      <c r="M5613">
        <f t="shared" si="633"/>
        <v>0</v>
      </c>
      <c r="N5613" s="45">
        <f t="shared" si="634"/>
        <v>45159.458333319802</v>
      </c>
    </row>
    <row r="5614" spans="2:14" x14ac:dyDescent="0.25">
      <c r="B5614">
        <f t="shared" si="628"/>
        <v>1</v>
      </c>
      <c r="C5614" s="16">
        <v>5580</v>
      </c>
      <c r="D5614" cm="1">
        <f t="array" ref="D5614">IFERROR(INDEX(Jesper!AH$2:AH$366,ROUNDDOWN($C5614/24,0)+1,1)*INDEX($D$3:$AA$30,INDEX(Jesper!$R$2:$R$366,ROW(INDEX(Jesper!AH$2:AH$366,ROUNDDOWN($C5614/24,0)+1,1))-1)+IF('Standard Profiles'!$G$18=$B$10,7,0)+IF('Standard Profiles'!$G$18=$B$17,14,0)+IF('Standard Profiles'!$G$18=$B$24,21,0),MOD($C5614,24)+1)/SUM(INDEX($D$3:$AA$30,INDEX(Jesper!$R$2:$R$366,ROW(INDEX(Jesper!AH$2:AH$366,ROUNDDOWN($C5614/24,0)+1,1))-1)+IF('Standard Profiles'!$G$18=$B$10,7,0)+IF('Standard Profiles'!$G$18=$B$17,14,0)+IF('Standard Profiles'!$G$18=$B$24,21,0),0)),0)</f>
        <v>30.959232878699797</v>
      </c>
      <c r="E5614" cm="1">
        <f t="array" ref="E5614">IFERROR(INDEX(Jesper!AI$2:AI$366,ROUNDDOWN($C5614/24,0)+1,1)*INDEX($D$3:$AA$30,INDEX(Jesper!$R$2:$R$366,ROW(INDEX(Jesper!AI$2:AI$366,ROUNDDOWN($C5614/24,0)+1,1))-1)+IF('Standard Profiles'!$G$19=$B$10,7,0)+IF('Standard Profiles'!$G$19=$B$17,14,0)+IF('Standard Profiles'!$G$19=$B$24,21,0),MOD($C5614,24)+1)/SUM(INDEX($D$3:$AA$30,INDEX(Jesper!$R$2:$R$366,ROW(INDEX(Jesper!AI$2:AI$366,ROUNDDOWN($C5614/24,0)+1,1))-1)+IF('Standard Profiles'!$G$19=$B$10,7,0)+IF('Standard Profiles'!$G$19=$B$17,14,0)+IF('Standard Profiles'!$G$19=$B$24,21,0),0)),0)</f>
        <v>10.498486662871933</v>
      </c>
      <c r="F5614" cm="1">
        <f t="array" ref="F5614">IFERROR(INDEX(Jesper!AJ$2:AJ$366,ROUNDDOWN($C5614/24,0)+1,1)*INDEX($D$3:$AA$30,INDEX(Jesper!$R$2:$R$366,ROW(INDEX(Jesper!AJ$2:AJ$366,ROUNDDOWN($C5614/24,0)+1,1))-1)+IF('Standard Profiles'!$G$20=$B$10,7,0)+IF('Standard Profiles'!$G$20=$B$17,14,0)+IF('Standard Profiles'!$G$20=$B$24,21,0),MOD($C5614,24)+1)/SUM(INDEX($D$3:$AA$30,INDEX(Jesper!$R$2:$R$366,ROW(INDEX(Jesper!AJ$2:AJ$366,ROUNDDOWN($C5614/24,0)+1,1))-1)+IF('Standard Profiles'!$G$20=$B$10,7,0)+IF('Standard Profiles'!$G$20=$B$17,14,0)+IF('Standard Profiles'!$G$20=$B$24,21,0),0)),0)</f>
        <v>0</v>
      </c>
      <c r="G5614" cm="1">
        <f t="array" ref="G5614">IFERROR(INDEX(Jesper!AK$2:AK$366,ROUNDDOWN($C5614/24,0)+1,1)*INDEX($D$3:$AA$30,INDEX(Jesper!$R$2:$R$366,ROW(INDEX(Jesper!AK$2:AK$366,ROUNDDOWN($C5614/24,0)+1,1))-1)+IF('Standard Profiles'!$G$21=$B$10,7,0)+IF('Standard Profiles'!$G$21=$B$17,14,0)+IF('Standard Profiles'!$G$21=$B$24,21,0),MOD($C5614,24)+1)/SUM(INDEX($D$3:$AA$30,INDEX(Jesper!$R$2:$R$366,ROW(INDEX(Jesper!AK$2:AK$366,ROUNDDOWN($C5614/24,0)+1,1))-1)+IF('Standard Profiles'!$G$21=$B$10,7,0)+IF('Standard Profiles'!$G$21=$B$17,14,0)+IF('Standard Profiles'!$G$21=$B$24,21,0),0)),0)</f>
        <v>0</v>
      </c>
      <c r="H5614" cm="1">
        <f t="array" ref="H5614">IFERROR(INDEX(Jesper!AL$2:AL$366,ROUNDDOWN($C5614/24,0)+1,1)*INDEX($D$3:$AA$30,INDEX(Jesper!$R$2:$R$366,ROW(INDEX(Jesper!AL$2:AL$366,ROUNDDOWN($C5614/24,0)+1,1))-1)+IF('Standard Profiles'!$G$22=$B$10,7,0)+IF('Standard Profiles'!$G$22=$B$17,14,0)+IF('Standard Profiles'!$G$22=$B$24,21,0),MOD($C5614,24)+1)/SUM(INDEX($D$3:$AA$30,INDEX(Jesper!$R$2:$R$366,ROW(INDEX(Jesper!AL$2:AL$366,ROUNDDOWN($C5614/24,0)+1,1))-1)+IF('Standard Profiles'!$G$22=$B$10,7,0)+IF('Standard Profiles'!$G$22=$B$17,14,0)+IF('Standard Profiles'!$G$22=$B$24,21,0),0)),0)</f>
        <v>0</v>
      </c>
      <c r="I5614">
        <f t="shared" si="629"/>
        <v>0</v>
      </c>
      <c r="J5614">
        <f t="shared" si="630"/>
        <v>36.504242280979767</v>
      </c>
      <c r="K5614">
        <f t="shared" si="631"/>
        <v>3.3023181737279788</v>
      </c>
      <c r="L5614">
        <f t="shared" si="632"/>
        <v>1.6511590868639894</v>
      </c>
      <c r="M5614">
        <f t="shared" si="633"/>
        <v>0</v>
      </c>
      <c r="N5614" s="45">
        <f t="shared" si="634"/>
        <v>45159.499999986467</v>
      </c>
    </row>
    <row r="5615" spans="2:14" x14ac:dyDescent="0.25">
      <c r="B5615">
        <f t="shared" si="628"/>
        <v>1</v>
      </c>
      <c r="C5615" s="16">
        <v>5581</v>
      </c>
      <c r="D5615" cm="1">
        <f t="array" ref="D5615">IFERROR(INDEX(Jesper!AH$2:AH$366,ROUNDDOWN($C5615/24,0)+1,1)*INDEX($D$3:$AA$30,INDEX(Jesper!$R$2:$R$366,ROW(INDEX(Jesper!AH$2:AH$366,ROUNDDOWN($C5615/24,0)+1,1))-1)+IF('Standard Profiles'!$G$18=$B$10,7,0)+IF('Standard Profiles'!$G$18=$B$17,14,0)+IF('Standard Profiles'!$G$18=$B$24,21,0),MOD($C5615,24)+1)/SUM(INDEX($D$3:$AA$30,INDEX(Jesper!$R$2:$R$366,ROW(INDEX(Jesper!AH$2:AH$366,ROUNDDOWN($C5615/24,0)+1,1))-1)+IF('Standard Profiles'!$G$18=$B$10,7,0)+IF('Standard Profiles'!$G$18=$B$17,14,0)+IF('Standard Profiles'!$G$18=$B$24,21,0),0)),0)</f>
        <v>20.639488585799871</v>
      </c>
      <c r="E5615" cm="1">
        <f t="array" ref="E5615">IFERROR(INDEX(Jesper!AI$2:AI$366,ROUNDDOWN($C5615/24,0)+1,1)*INDEX($D$3:$AA$30,INDEX(Jesper!$R$2:$R$366,ROW(INDEX(Jesper!AI$2:AI$366,ROUNDDOWN($C5615/24,0)+1,1))-1)+IF('Standard Profiles'!$G$19=$B$10,7,0)+IF('Standard Profiles'!$G$19=$B$17,14,0)+IF('Standard Profiles'!$G$19=$B$24,21,0),MOD($C5615,24)+1)/SUM(INDEX($D$3:$AA$30,INDEX(Jesper!$R$2:$R$366,ROW(INDEX(Jesper!AI$2:AI$366,ROUNDDOWN($C5615/24,0)+1,1))-1)+IF('Standard Profiles'!$G$19=$B$10,7,0)+IF('Standard Profiles'!$G$19=$B$17,14,0)+IF('Standard Profiles'!$G$19=$B$24,21,0),0)),0)</f>
        <v>6.9989911085812881</v>
      </c>
      <c r="F5615" cm="1">
        <f t="array" ref="F5615">IFERROR(INDEX(Jesper!AJ$2:AJ$366,ROUNDDOWN($C5615/24,0)+1,1)*INDEX($D$3:$AA$30,INDEX(Jesper!$R$2:$R$366,ROW(INDEX(Jesper!AJ$2:AJ$366,ROUNDDOWN($C5615/24,0)+1,1))-1)+IF('Standard Profiles'!$G$20=$B$10,7,0)+IF('Standard Profiles'!$G$20=$B$17,14,0)+IF('Standard Profiles'!$G$20=$B$24,21,0),MOD($C5615,24)+1)/SUM(INDEX($D$3:$AA$30,INDEX(Jesper!$R$2:$R$366,ROW(INDEX(Jesper!AJ$2:AJ$366,ROUNDDOWN($C5615/24,0)+1,1))-1)+IF('Standard Profiles'!$G$20=$B$10,7,0)+IF('Standard Profiles'!$G$20=$B$17,14,0)+IF('Standard Profiles'!$G$20=$B$24,21,0),0)),0)</f>
        <v>0</v>
      </c>
      <c r="G5615" cm="1">
        <f t="array" ref="G5615">IFERROR(INDEX(Jesper!AK$2:AK$366,ROUNDDOWN($C5615/24,0)+1,1)*INDEX($D$3:$AA$30,INDEX(Jesper!$R$2:$R$366,ROW(INDEX(Jesper!AK$2:AK$366,ROUNDDOWN($C5615/24,0)+1,1))-1)+IF('Standard Profiles'!$G$21=$B$10,7,0)+IF('Standard Profiles'!$G$21=$B$17,14,0)+IF('Standard Profiles'!$G$21=$B$24,21,0),MOD($C5615,24)+1)/SUM(INDEX($D$3:$AA$30,INDEX(Jesper!$R$2:$R$366,ROW(INDEX(Jesper!AK$2:AK$366,ROUNDDOWN($C5615/24,0)+1,1))-1)+IF('Standard Profiles'!$G$21=$B$10,7,0)+IF('Standard Profiles'!$G$21=$B$17,14,0)+IF('Standard Profiles'!$G$21=$B$24,21,0),0)),0)</f>
        <v>0</v>
      </c>
      <c r="H5615" cm="1">
        <f t="array" ref="H5615">IFERROR(INDEX(Jesper!AL$2:AL$366,ROUNDDOWN($C5615/24,0)+1,1)*INDEX($D$3:$AA$30,INDEX(Jesper!$R$2:$R$366,ROW(INDEX(Jesper!AL$2:AL$366,ROUNDDOWN($C5615/24,0)+1,1))-1)+IF('Standard Profiles'!$G$22=$B$10,7,0)+IF('Standard Profiles'!$G$22=$B$17,14,0)+IF('Standard Profiles'!$G$22=$B$24,21,0),MOD($C5615,24)+1)/SUM(INDEX($D$3:$AA$30,INDEX(Jesper!$R$2:$R$366,ROW(INDEX(Jesper!AL$2:AL$366,ROUNDDOWN($C5615/24,0)+1,1))-1)+IF('Standard Profiles'!$G$22=$B$10,7,0)+IF('Standard Profiles'!$G$22=$B$17,14,0)+IF('Standard Profiles'!$G$22=$B$24,21,0),0)),0)</f>
        <v>0</v>
      </c>
      <c r="I5615">
        <f t="shared" si="629"/>
        <v>0</v>
      </c>
      <c r="J5615">
        <f t="shared" si="630"/>
        <v>24.336161520653178</v>
      </c>
      <c r="K5615">
        <f t="shared" si="631"/>
        <v>2.2015454491519866</v>
      </c>
      <c r="L5615">
        <f t="shared" si="632"/>
        <v>1.1007727245759933</v>
      </c>
      <c r="M5615">
        <f t="shared" si="633"/>
        <v>0</v>
      </c>
      <c r="N5615" s="45">
        <f t="shared" si="634"/>
        <v>45159.541666653131</v>
      </c>
    </row>
    <row r="5616" spans="2:14" x14ac:dyDescent="0.25">
      <c r="B5616">
        <f t="shared" si="628"/>
        <v>1</v>
      </c>
      <c r="C5616" s="16">
        <v>5582</v>
      </c>
      <c r="D5616" cm="1">
        <f t="array" ref="D5616">IFERROR(INDEX(Jesper!AH$2:AH$366,ROUNDDOWN($C5616/24,0)+1,1)*INDEX($D$3:$AA$30,INDEX(Jesper!$R$2:$R$366,ROW(INDEX(Jesper!AH$2:AH$366,ROUNDDOWN($C5616/24,0)+1,1))-1)+IF('Standard Profiles'!$G$18=$B$10,7,0)+IF('Standard Profiles'!$G$18=$B$17,14,0)+IF('Standard Profiles'!$G$18=$B$24,21,0),MOD($C5616,24)+1)/SUM(INDEX($D$3:$AA$30,INDEX(Jesper!$R$2:$R$366,ROW(INDEX(Jesper!AH$2:AH$366,ROUNDDOWN($C5616/24,0)+1,1))-1)+IF('Standard Profiles'!$G$18=$B$10,7,0)+IF('Standard Profiles'!$G$18=$B$17,14,0)+IF('Standard Profiles'!$G$18=$B$24,21,0),0)),0)</f>
        <v>30.959232878699797</v>
      </c>
      <c r="E5616" cm="1">
        <f t="array" ref="E5616">IFERROR(INDEX(Jesper!AI$2:AI$366,ROUNDDOWN($C5616/24,0)+1,1)*INDEX($D$3:$AA$30,INDEX(Jesper!$R$2:$R$366,ROW(INDEX(Jesper!AI$2:AI$366,ROUNDDOWN($C5616/24,0)+1,1))-1)+IF('Standard Profiles'!$G$19=$B$10,7,0)+IF('Standard Profiles'!$G$19=$B$17,14,0)+IF('Standard Profiles'!$G$19=$B$24,21,0),MOD($C5616,24)+1)/SUM(INDEX($D$3:$AA$30,INDEX(Jesper!$R$2:$R$366,ROW(INDEX(Jesper!AI$2:AI$366,ROUNDDOWN($C5616/24,0)+1,1))-1)+IF('Standard Profiles'!$G$19=$B$10,7,0)+IF('Standard Profiles'!$G$19=$B$17,14,0)+IF('Standard Profiles'!$G$19=$B$24,21,0),0)),0)</f>
        <v>10.498486662871933</v>
      </c>
      <c r="F5616" cm="1">
        <f t="array" ref="F5616">IFERROR(INDEX(Jesper!AJ$2:AJ$366,ROUNDDOWN($C5616/24,0)+1,1)*INDEX($D$3:$AA$30,INDEX(Jesper!$R$2:$R$366,ROW(INDEX(Jesper!AJ$2:AJ$366,ROUNDDOWN($C5616/24,0)+1,1))-1)+IF('Standard Profiles'!$G$20=$B$10,7,0)+IF('Standard Profiles'!$G$20=$B$17,14,0)+IF('Standard Profiles'!$G$20=$B$24,21,0),MOD($C5616,24)+1)/SUM(INDEX($D$3:$AA$30,INDEX(Jesper!$R$2:$R$366,ROW(INDEX(Jesper!AJ$2:AJ$366,ROUNDDOWN($C5616/24,0)+1,1))-1)+IF('Standard Profiles'!$G$20=$B$10,7,0)+IF('Standard Profiles'!$G$20=$B$17,14,0)+IF('Standard Profiles'!$G$20=$B$24,21,0),0)),0)</f>
        <v>0</v>
      </c>
      <c r="G5616" cm="1">
        <f t="array" ref="G5616">IFERROR(INDEX(Jesper!AK$2:AK$366,ROUNDDOWN($C5616/24,0)+1,1)*INDEX($D$3:$AA$30,INDEX(Jesper!$R$2:$R$366,ROW(INDEX(Jesper!AK$2:AK$366,ROUNDDOWN($C5616/24,0)+1,1))-1)+IF('Standard Profiles'!$G$21=$B$10,7,0)+IF('Standard Profiles'!$G$21=$B$17,14,0)+IF('Standard Profiles'!$G$21=$B$24,21,0),MOD($C5616,24)+1)/SUM(INDEX($D$3:$AA$30,INDEX(Jesper!$R$2:$R$366,ROW(INDEX(Jesper!AK$2:AK$366,ROUNDDOWN($C5616/24,0)+1,1))-1)+IF('Standard Profiles'!$G$21=$B$10,7,0)+IF('Standard Profiles'!$G$21=$B$17,14,0)+IF('Standard Profiles'!$G$21=$B$24,21,0),0)),0)</f>
        <v>0</v>
      </c>
      <c r="H5616" cm="1">
        <f t="array" ref="H5616">IFERROR(INDEX(Jesper!AL$2:AL$366,ROUNDDOWN($C5616/24,0)+1,1)*INDEX($D$3:$AA$30,INDEX(Jesper!$R$2:$R$366,ROW(INDEX(Jesper!AL$2:AL$366,ROUNDDOWN($C5616/24,0)+1,1))-1)+IF('Standard Profiles'!$G$22=$B$10,7,0)+IF('Standard Profiles'!$G$22=$B$17,14,0)+IF('Standard Profiles'!$G$22=$B$24,21,0),MOD($C5616,24)+1)/SUM(INDEX($D$3:$AA$30,INDEX(Jesper!$R$2:$R$366,ROW(INDEX(Jesper!AL$2:AL$366,ROUNDDOWN($C5616/24,0)+1,1))-1)+IF('Standard Profiles'!$G$22=$B$10,7,0)+IF('Standard Profiles'!$G$22=$B$17,14,0)+IF('Standard Profiles'!$G$22=$B$24,21,0),0)),0)</f>
        <v>0</v>
      </c>
      <c r="I5616">
        <f t="shared" si="629"/>
        <v>0</v>
      </c>
      <c r="J5616">
        <f t="shared" si="630"/>
        <v>36.504242280979767</v>
      </c>
      <c r="K5616">
        <f t="shared" si="631"/>
        <v>3.3023181737279788</v>
      </c>
      <c r="L5616">
        <f t="shared" si="632"/>
        <v>1.6511590868639894</v>
      </c>
      <c r="M5616">
        <f t="shared" si="633"/>
        <v>0</v>
      </c>
      <c r="N5616" s="45">
        <f t="shared" si="634"/>
        <v>45159.583333319795</v>
      </c>
    </row>
    <row r="5617" spans="2:14" x14ac:dyDescent="0.25">
      <c r="B5617">
        <f t="shared" si="628"/>
        <v>1</v>
      </c>
      <c r="C5617" s="16">
        <v>5583</v>
      </c>
      <c r="D5617" cm="1">
        <f t="array" ref="D5617">IFERROR(INDEX(Jesper!AH$2:AH$366,ROUNDDOWN($C5617/24,0)+1,1)*INDEX($D$3:$AA$30,INDEX(Jesper!$R$2:$R$366,ROW(INDEX(Jesper!AH$2:AH$366,ROUNDDOWN($C5617/24,0)+1,1))-1)+IF('Standard Profiles'!$G$18=$B$10,7,0)+IF('Standard Profiles'!$G$18=$B$17,14,0)+IF('Standard Profiles'!$G$18=$B$24,21,0),MOD($C5617,24)+1)/SUM(INDEX($D$3:$AA$30,INDEX(Jesper!$R$2:$R$366,ROW(INDEX(Jesper!AH$2:AH$366,ROUNDDOWN($C5617/24,0)+1,1))-1)+IF('Standard Profiles'!$G$18=$B$10,7,0)+IF('Standard Profiles'!$G$18=$B$17,14,0)+IF('Standard Profiles'!$G$18=$B$24,21,0),0)),0)</f>
        <v>30.959232878699797</v>
      </c>
      <c r="E5617" cm="1">
        <f t="array" ref="E5617">IFERROR(INDEX(Jesper!AI$2:AI$366,ROUNDDOWN($C5617/24,0)+1,1)*INDEX($D$3:$AA$30,INDEX(Jesper!$R$2:$R$366,ROW(INDEX(Jesper!AI$2:AI$366,ROUNDDOWN($C5617/24,0)+1,1))-1)+IF('Standard Profiles'!$G$19=$B$10,7,0)+IF('Standard Profiles'!$G$19=$B$17,14,0)+IF('Standard Profiles'!$G$19=$B$24,21,0),MOD($C5617,24)+1)/SUM(INDEX($D$3:$AA$30,INDEX(Jesper!$R$2:$R$366,ROW(INDEX(Jesper!AI$2:AI$366,ROUNDDOWN($C5617/24,0)+1,1))-1)+IF('Standard Profiles'!$G$19=$B$10,7,0)+IF('Standard Profiles'!$G$19=$B$17,14,0)+IF('Standard Profiles'!$G$19=$B$24,21,0),0)),0)</f>
        <v>10.498486662871933</v>
      </c>
      <c r="F5617" cm="1">
        <f t="array" ref="F5617">IFERROR(INDEX(Jesper!AJ$2:AJ$366,ROUNDDOWN($C5617/24,0)+1,1)*INDEX($D$3:$AA$30,INDEX(Jesper!$R$2:$R$366,ROW(INDEX(Jesper!AJ$2:AJ$366,ROUNDDOWN($C5617/24,0)+1,1))-1)+IF('Standard Profiles'!$G$20=$B$10,7,0)+IF('Standard Profiles'!$G$20=$B$17,14,0)+IF('Standard Profiles'!$G$20=$B$24,21,0),MOD($C5617,24)+1)/SUM(INDEX($D$3:$AA$30,INDEX(Jesper!$R$2:$R$366,ROW(INDEX(Jesper!AJ$2:AJ$366,ROUNDDOWN($C5617/24,0)+1,1))-1)+IF('Standard Profiles'!$G$20=$B$10,7,0)+IF('Standard Profiles'!$G$20=$B$17,14,0)+IF('Standard Profiles'!$G$20=$B$24,21,0),0)),0)</f>
        <v>0</v>
      </c>
      <c r="G5617" cm="1">
        <f t="array" ref="G5617">IFERROR(INDEX(Jesper!AK$2:AK$366,ROUNDDOWN($C5617/24,0)+1,1)*INDEX($D$3:$AA$30,INDEX(Jesper!$R$2:$R$366,ROW(INDEX(Jesper!AK$2:AK$366,ROUNDDOWN($C5617/24,0)+1,1))-1)+IF('Standard Profiles'!$G$21=$B$10,7,0)+IF('Standard Profiles'!$G$21=$B$17,14,0)+IF('Standard Profiles'!$G$21=$B$24,21,0),MOD($C5617,24)+1)/SUM(INDEX($D$3:$AA$30,INDEX(Jesper!$R$2:$R$366,ROW(INDEX(Jesper!AK$2:AK$366,ROUNDDOWN($C5617/24,0)+1,1))-1)+IF('Standard Profiles'!$G$21=$B$10,7,0)+IF('Standard Profiles'!$G$21=$B$17,14,0)+IF('Standard Profiles'!$G$21=$B$24,21,0),0)),0)</f>
        <v>0</v>
      </c>
      <c r="H5617" cm="1">
        <f t="array" ref="H5617">IFERROR(INDEX(Jesper!AL$2:AL$366,ROUNDDOWN($C5617/24,0)+1,1)*INDEX($D$3:$AA$30,INDEX(Jesper!$R$2:$R$366,ROW(INDEX(Jesper!AL$2:AL$366,ROUNDDOWN($C5617/24,0)+1,1))-1)+IF('Standard Profiles'!$G$22=$B$10,7,0)+IF('Standard Profiles'!$G$22=$B$17,14,0)+IF('Standard Profiles'!$G$22=$B$24,21,0),MOD($C5617,24)+1)/SUM(INDEX($D$3:$AA$30,INDEX(Jesper!$R$2:$R$366,ROW(INDEX(Jesper!AL$2:AL$366,ROUNDDOWN($C5617/24,0)+1,1))-1)+IF('Standard Profiles'!$G$22=$B$10,7,0)+IF('Standard Profiles'!$G$22=$B$17,14,0)+IF('Standard Profiles'!$G$22=$B$24,21,0),0)),0)</f>
        <v>0</v>
      </c>
      <c r="I5617">
        <f t="shared" si="629"/>
        <v>0</v>
      </c>
      <c r="J5617">
        <f t="shared" si="630"/>
        <v>36.504242280979767</v>
      </c>
      <c r="K5617">
        <f t="shared" si="631"/>
        <v>3.3023181737279788</v>
      </c>
      <c r="L5617">
        <f t="shared" si="632"/>
        <v>1.6511590868639894</v>
      </c>
      <c r="M5617">
        <f t="shared" si="633"/>
        <v>0</v>
      </c>
      <c r="N5617" s="45">
        <f t="shared" si="634"/>
        <v>45159.624999986459</v>
      </c>
    </row>
    <row r="5618" spans="2:14" x14ac:dyDescent="0.25">
      <c r="B5618">
        <f t="shared" si="628"/>
        <v>1</v>
      </c>
      <c r="C5618" s="16">
        <v>5584</v>
      </c>
      <c r="D5618" cm="1">
        <f t="array" ref="D5618">IFERROR(INDEX(Jesper!AH$2:AH$366,ROUNDDOWN($C5618/24,0)+1,1)*INDEX($D$3:$AA$30,INDEX(Jesper!$R$2:$R$366,ROW(INDEX(Jesper!AH$2:AH$366,ROUNDDOWN($C5618/24,0)+1,1))-1)+IF('Standard Profiles'!$G$18=$B$10,7,0)+IF('Standard Profiles'!$G$18=$B$17,14,0)+IF('Standard Profiles'!$G$18=$B$24,21,0),MOD($C5618,24)+1)/SUM(INDEX($D$3:$AA$30,INDEX(Jesper!$R$2:$R$366,ROW(INDEX(Jesper!AH$2:AH$366,ROUNDDOWN($C5618/24,0)+1,1))-1)+IF('Standard Profiles'!$G$18=$B$10,7,0)+IF('Standard Profiles'!$G$18=$B$17,14,0)+IF('Standard Profiles'!$G$18=$B$24,21,0),0)),0)</f>
        <v>18.059552512574882</v>
      </c>
      <c r="E5618" cm="1">
        <f t="array" ref="E5618">IFERROR(INDEX(Jesper!AI$2:AI$366,ROUNDDOWN($C5618/24,0)+1,1)*INDEX($D$3:$AA$30,INDEX(Jesper!$R$2:$R$366,ROW(INDEX(Jesper!AI$2:AI$366,ROUNDDOWN($C5618/24,0)+1,1))-1)+IF('Standard Profiles'!$G$19=$B$10,7,0)+IF('Standard Profiles'!$G$19=$B$17,14,0)+IF('Standard Profiles'!$G$19=$B$24,21,0),MOD($C5618,24)+1)/SUM(INDEX($D$3:$AA$30,INDEX(Jesper!$R$2:$R$366,ROW(INDEX(Jesper!AI$2:AI$366,ROUNDDOWN($C5618/24,0)+1,1))-1)+IF('Standard Profiles'!$G$19=$B$10,7,0)+IF('Standard Profiles'!$G$19=$B$17,14,0)+IF('Standard Profiles'!$G$19=$B$24,21,0),0)),0)</f>
        <v>6.1241172200086265</v>
      </c>
      <c r="F5618" cm="1">
        <f t="array" ref="F5618">IFERROR(INDEX(Jesper!AJ$2:AJ$366,ROUNDDOWN($C5618/24,0)+1,1)*INDEX($D$3:$AA$30,INDEX(Jesper!$R$2:$R$366,ROW(INDEX(Jesper!AJ$2:AJ$366,ROUNDDOWN($C5618/24,0)+1,1))-1)+IF('Standard Profiles'!$G$20=$B$10,7,0)+IF('Standard Profiles'!$G$20=$B$17,14,0)+IF('Standard Profiles'!$G$20=$B$24,21,0),MOD($C5618,24)+1)/SUM(INDEX($D$3:$AA$30,INDEX(Jesper!$R$2:$R$366,ROW(INDEX(Jesper!AJ$2:AJ$366,ROUNDDOWN($C5618/24,0)+1,1))-1)+IF('Standard Profiles'!$G$20=$B$10,7,0)+IF('Standard Profiles'!$G$20=$B$17,14,0)+IF('Standard Profiles'!$G$20=$B$24,21,0),0)),0)</f>
        <v>0</v>
      </c>
      <c r="G5618" cm="1">
        <f t="array" ref="G5618">IFERROR(INDEX(Jesper!AK$2:AK$366,ROUNDDOWN($C5618/24,0)+1,1)*INDEX($D$3:$AA$30,INDEX(Jesper!$R$2:$R$366,ROW(INDEX(Jesper!AK$2:AK$366,ROUNDDOWN($C5618/24,0)+1,1))-1)+IF('Standard Profiles'!$G$21=$B$10,7,0)+IF('Standard Profiles'!$G$21=$B$17,14,0)+IF('Standard Profiles'!$G$21=$B$24,21,0),MOD($C5618,24)+1)/SUM(INDEX($D$3:$AA$30,INDEX(Jesper!$R$2:$R$366,ROW(INDEX(Jesper!AK$2:AK$366,ROUNDDOWN($C5618/24,0)+1,1))-1)+IF('Standard Profiles'!$G$21=$B$10,7,0)+IF('Standard Profiles'!$G$21=$B$17,14,0)+IF('Standard Profiles'!$G$21=$B$24,21,0),0)),0)</f>
        <v>0</v>
      </c>
      <c r="H5618" cm="1">
        <f t="array" ref="H5618">IFERROR(INDEX(Jesper!AL$2:AL$366,ROUNDDOWN($C5618/24,0)+1,1)*INDEX($D$3:$AA$30,INDEX(Jesper!$R$2:$R$366,ROW(INDEX(Jesper!AL$2:AL$366,ROUNDDOWN($C5618/24,0)+1,1))-1)+IF('Standard Profiles'!$G$22=$B$10,7,0)+IF('Standard Profiles'!$G$22=$B$17,14,0)+IF('Standard Profiles'!$G$22=$B$24,21,0),MOD($C5618,24)+1)/SUM(INDEX($D$3:$AA$30,INDEX(Jesper!$R$2:$R$366,ROW(INDEX(Jesper!AL$2:AL$366,ROUNDDOWN($C5618/24,0)+1,1))-1)+IF('Standard Profiles'!$G$22=$B$10,7,0)+IF('Standard Profiles'!$G$22=$B$17,14,0)+IF('Standard Profiles'!$G$22=$B$24,21,0),0)),0)</f>
        <v>0</v>
      </c>
      <c r="I5618">
        <f t="shared" si="629"/>
        <v>0</v>
      </c>
      <c r="J5618">
        <f t="shared" si="630"/>
        <v>21.294141330571527</v>
      </c>
      <c r="K5618">
        <f t="shared" si="631"/>
        <v>1.9263522680079876</v>
      </c>
      <c r="L5618">
        <f t="shared" si="632"/>
        <v>0.96317613400399382</v>
      </c>
      <c r="M5618">
        <f t="shared" si="633"/>
        <v>0</v>
      </c>
      <c r="N5618" s="45">
        <f t="shared" si="634"/>
        <v>45159.666666653124</v>
      </c>
    </row>
    <row r="5619" spans="2:14" x14ac:dyDescent="0.25">
      <c r="B5619">
        <f t="shared" si="628"/>
        <v>1</v>
      </c>
      <c r="C5619" s="16">
        <v>5585</v>
      </c>
      <c r="D5619" cm="1">
        <f t="array" ref="D5619">IFERROR(INDEX(Jesper!AH$2:AH$366,ROUNDDOWN($C5619/24,0)+1,1)*INDEX($D$3:$AA$30,INDEX(Jesper!$R$2:$R$366,ROW(INDEX(Jesper!AH$2:AH$366,ROUNDDOWN($C5619/24,0)+1,1))-1)+IF('Standard Profiles'!$G$18=$B$10,7,0)+IF('Standard Profiles'!$G$18=$B$17,14,0)+IF('Standard Profiles'!$G$18=$B$24,21,0),MOD($C5619,24)+1)/SUM(INDEX($D$3:$AA$30,INDEX(Jesper!$R$2:$R$366,ROW(INDEX(Jesper!AH$2:AH$366,ROUNDDOWN($C5619/24,0)+1,1))-1)+IF('Standard Profiles'!$G$18=$B$10,7,0)+IF('Standard Profiles'!$G$18=$B$17,14,0)+IF('Standard Profiles'!$G$18=$B$24,21,0),0)),0)</f>
        <v>5.1598721464499677</v>
      </c>
      <c r="E5619" cm="1">
        <f t="array" ref="E5619">IFERROR(INDEX(Jesper!AI$2:AI$366,ROUNDDOWN($C5619/24,0)+1,1)*INDEX($D$3:$AA$30,INDEX(Jesper!$R$2:$R$366,ROW(INDEX(Jesper!AI$2:AI$366,ROUNDDOWN($C5619/24,0)+1,1))-1)+IF('Standard Profiles'!$G$19=$B$10,7,0)+IF('Standard Profiles'!$G$19=$B$17,14,0)+IF('Standard Profiles'!$G$19=$B$24,21,0),MOD($C5619,24)+1)/SUM(INDEX($D$3:$AA$30,INDEX(Jesper!$R$2:$R$366,ROW(INDEX(Jesper!AI$2:AI$366,ROUNDDOWN($C5619/24,0)+1,1))-1)+IF('Standard Profiles'!$G$19=$B$10,7,0)+IF('Standard Profiles'!$G$19=$B$17,14,0)+IF('Standard Profiles'!$G$19=$B$24,21,0),0)),0)</f>
        <v>1.749747777145322</v>
      </c>
      <c r="F5619" cm="1">
        <f t="array" ref="F5619">IFERROR(INDEX(Jesper!AJ$2:AJ$366,ROUNDDOWN($C5619/24,0)+1,1)*INDEX($D$3:$AA$30,INDEX(Jesper!$R$2:$R$366,ROW(INDEX(Jesper!AJ$2:AJ$366,ROUNDDOWN($C5619/24,0)+1,1))-1)+IF('Standard Profiles'!$G$20=$B$10,7,0)+IF('Standard Profiles'!$G$20=$B$17,14,0)+IF('Standard Profiles'!$G$20=$B$24,21,0),MOD($C5619,24)+1)/SUM(INDEX($D$3:$AA$30,INDEX(Jesper!$R$2:$R$366,ROW(INDEX(Jesper!AJ$2:AJ$366,ROUNDDOWN($C5619/24,0)+1,1))-1)+IF('Standard Profiles'!$G$20=$B$10,7,0)+IF('Standard Profiles'!$G$20=$B$17,14,0)+IF('Standard Profiles'!$G$20=$B$24,21,0),0)),0)</f>
        <v>0</v>
      </c>
      <c r="G5619" cm="1">
        <f t="array" ref="G5619">IFERROR(INDEX(Jesper!AK$2:AK$366,ROUNDDOWN($C5619/24,0)+1,1)*INDEX($D$3:$AA$30,INDEX(Jesper!$R$2:$R$366,ROW(INDEX(Jesper!AK$2:AK$366,ROUNDDOWN($C5619/24,0)+1,1))-1)+IF('Standard Profiles'!$G$21=$B$10,7,0)+IF('Standard Profiles'!$G$21=$B$17,14,0)+IF('Standard Profiles'!$G$21=$B$24,21,0),MOD($C5619,24)+1)/SUM(INDEX($D$3:$AA$30,INDEX(Jesper!$R$2:$R$366,ROW(INDEX(Jesper!AK$2:AK$366,ROUNDDOWN($C5619/24,0)+1,1))-1)+IF('Standard Profiles'!$G$21=$B$10,7,0)+IF('Standard Profiles'!$G$21=$B$17,14,0)+IF('Standard Profiles'!$G$21=$B$24,21,0),0)),0)</f>
        <v>0</v>
      </c>
      <c r="H5619" cm="1">
        <f t="array" ref="H5619">IFERROR(INDEX(Jesper!AL$2:AL$366,ROUNDDOWN($C5619/24,0)+1,1)*INDEX($D$3:$AA$30,INDEX(Jesper!$R$2:$R$366,ROW(INDEX(Jesper!AL$2:AL$366,ROUNDDOWN($C5619/24,0)+1,1))-1)+IF('Standard Profiles'!$G$22=$B$10,7,0)+IF('Standard Profiles'!$G$22=$B$17,14,0)+IF('Standard Profiles'!$G$22=$B$24,21,0),MOD($C5619,24)+1)/SUM(INDEX($D$3:$AA$30,INDEX(Jesper!$R$2:$R$366,ROW(INDEX(Jesper!AL$2:AL$366,ROUNDDOWN($C5619/24,0)+1,1))-1)+IF('Standard Profiles'!$G$22=$B$10,7,0)+IF('Standard Profiles'!$G$22=$B$17,14,0)+IF('Standard Profiles'!$G$22=$B$24,21,0),0)),0)</f>
        <v>0</v>
      </c>
      <c r="I5619">
        <f t="shared" si="629"/>
        <v>0</v>
      </c>
      <c r="J5619">
        <f t="shared" si="630"/>
        <v>6.0840403801632945</v>
      </c>
      <c r="K5619">
        <f t="shared" si="631"/>
        <v>0.55038636228799664</v>
      </c>
      <c r="L5619">
        <f t="shared" si="632"/>
        <v>0.27519318114399832</v>
      </c>
      <c r="M5619">
        <f t="shared" si="633"/>
        <v>0</v>
      </c>
      <c r="N5619" s="45">
        <f t="shared" si="634"/>
        <v>45159.708333319788</v>
      </c>
    </row>
    <row r="5620" spans="2:14" x14ac:dyDescent="0.25">
      <c r="B5620">
        <f t="shared" si="628"/>
        <v>1</v>
      </c>
      <c r="C5620" s="16">
        <v>5586</v>
      </c>
      <c r="D5620" cm="1">
        <f t="array" ref="D5620">IFERROR(INDEX(Jesper!AH$2:AH$366,ROUNDDOWN($C5620/24,0)+1,1)*INDEX($D$3:$AA$30,INDEX(Jesper!$R$2:$R$366,ROW(INDEX(Jesper!AH$2:AH$366,ROUNDDOWN($C5620/24,0)+1,1))-1)+IF('Standard Profiles'!$G$18=$B$10,7,0)+IF('Standard Profiles'!$G$18=$B$17,14,0)+IF('Standard Profiles'!$G$18=$B$24,21,0),MOD($C5620,24)+1)/SUM(INDEX($D$3:$AA$30,INDEX(Jesper!$R$2:$R$366,ROW(INDEX(Jesper!AH$2:AH$366,ROUNDDOWN($C5620/24,0)+1,1))-1)+IF('Standard Profiles'!$G$18=$B$10,7,0)+IF('Standard Profiles'!$G$18=$B$17,14,0)+IF('Standard Profiles'!$G$18=$B$24,21,0),0)),0)</f>
        <v>5.0871978908661646</v>
      </c>
      <c r="E5620" cm="1">
        <f t="array" ref="E5620">IFERROR(INDEX(Jesper!AI$2:AI$366,ROUNDDOWN($C5620/24,0)+1,1)*INDEX($D$3:$AA$30,INDEX(Jesper!$R$2:$R$366,ROW(INDEX(Jesper!AI$2:AI$366,ROUNDDOWN($C5620/24,0)+1,1))-1)+IF('Standard Profiles'!$G$19=$B$10,7,0)+IF('Standard Profiles'!$G$19=$B$17,14,0)+IF('Standard Profiles'!$G$19=$B$24,21,0),MOD($C5620,24)+1)/SUM(INDEX($D$3:$AA$30,INDEX(Jesper!$R$2:$R$366,ROW(INDEX(Jesper!AI$2:AI$366,ROUNDDOWN($C5620/24,0)+1,1))-1)+IF('Standard Profiles'!$G$19=$B$10,7,0)+IF('Standard Profiles'!$G$19=$B$17,14,0)+IF('Standard Profiles'!$G$19=$B$24,21,0),0)),0)</f>
        <v>1.7251034422559515</v>
      </c>
      <c r="F5620" cm="1">
        <f t="array" ref="F5620">IFERROR(INDEX(Jesper!AJ$2:AJ$366,ROUNDDOWN($C5620/24,0)+1,1)*INDEX($D$3:$AA$30,INDEX(Jesper!$R$2:$R$366,ROW(INDEX(Jesper!AJ$2:AJ$366,ROUNDDOWN($C5620/24,0)+1,1))-1)+IF('Standard Profiles'!$G$20=$B$10,7,0)+IF('Standard Profiles'!$G$20=$B$17,14,0)+IF('Standard Profiles'!$G$20=$B$24,21,0),MOD($C5620,24)+1)/SUM(INDEX($D$3:$AA$30,INDEX(Jesper!$R$2:$R$366,ROW(INDEX(Jesper!AJ$2:AJ$366,ROUNDDOWN($C5620/24,0)+1,1))-1)+IF('Standard Profiles'!$G$20=$B$10,7,0)+IF('Standard Profiles'!$G$20=$B$17,14,0)+IF('Standard Profiles'!$G$20=$B$24,21,0),0)),0)</f>
        <v>0</v>
      </c>
      <c r="G5620" cm="1">
        <f t="array" ref="G5620">IFERROR(INDEX(Jesper!AK$2:AK$366,ROUNDDOWN($C5620/24,0)+1,1)*INDEX($D$3:$AA$30,INDEX(Jesper!$R$2:$R$366,ROW(INDEX(Jesper!AK$2:AK$366,ROUNDDOWN($C5620/24,0)+1,1))-1)+IF('Standard Profiles'!$G$21=$B$10,7,0)+IF('Standard Profiles'!$G$21=$B$17,14,0)+IF('Standard Profiles'!$G$21=$B$24,21,0),MOD($C5620,24)+1)/SUM(INDEX($D$3:$AA$30,INDEX(Jesper!$R$2:$R$366,ROW(INDEX(Jesper!AK$2:AK$366,ROUNDDOWN($C5620/24,0)+1,1))-1)+IF('Standard Profiles'!$G$21=$B$10,7,0)+IF('Standard Profiles'!$G$21=$B$17,14,0)+IF('Standard Profiles'!$G$21=$B$24,21,0),0)),0)</f>
        <v>0</v>
      </c>
      <c r="H5620" cm="1">
        <f t="array" ref="H5620">IFERROR(INDEX(Jesper!AL$2:AL$366,ROUNDDOWN($C5620/24,0)+1,1)*INDEX($D$3:$AA$30,INDEX(Jesper!$R$2:$R$366,ROW(INDEX(Jesper!AL$2:AL$366,ROUNDDOWN($C5620/24,0)+1,1))-1)+IF('Standard Profiles'!$G$22=$B$10,7,0)+IF('Standard Profiles'!$G$22=$B$17,14,0)+IF('Standard Profiles'!$G$22=$B$24,21,0),MOD($C5620,24)+1)/SUM(INDEX($D$3:$AA$30,INDEX(Jesper!$R$2:$R$366,ROW(INDEX(Jesper!AL$2:AL$366,ROUNDDOWN($C5620/24,0)+1,1))-1)+IF('Standard Profiles'!$G$22=$B$10,7,0)+IF('Standard Profiles'!$G$22=$B$17,14,0)+IF('Standard Profiles'!$G$22=$B$24,21,0),0)),0)</f>
        <v>0</v>
      </c>
      <c r="I5620">
        <f t="shared" si="629"/>
        <v>0</v>
      </c>
      <c r="J5620">
        <f t="shared" si="630"/>
        <v>5.9983496705835302</v>
      </c>
      <c r="K5620">
        <f t="shared" si="631"/>
        <v>0.54263444169239095</v>
      </c>
      <c r="L5620">
        <f t="shared" si="632"/>
        <v>0.27131722084619547</v>
      </c>
      <c r="M5620">
        <f t="shared" si="633"/>
        <v>0</v>
      </c>
      <c r="N5620" s="45">
        <f t="shared" si="634"/>
        <v>45159.749999986452</v>
      </c>
    </row>
    <row r="5621" spans="2:14" x14ac:dyDescent="0.25">
      <c r="B5621">
        <f t="shared" si="628"/>
        <v>1</v>
      </c>
      <c r="C5621" s="16">
        <v>5587</v>
      </c>
      <c r="D5621" cm="1">
        <f t="array" ref="D5621">IFERROR(INDEX(Jesper!AH$2:AH$366,ROUNDDOWN($C5621/24,0)+1,1)*INDEX($D$3:$AA$30,INDEX(Jesper!$R$2:$R$366,ROW(INDEX(Jesper!AH$2:AH$366,ROUNDDOWN($C5621/24,0)+1,1))-1)+IF('Standard Profiles'!$G$18=$B$10,7,0)+IF('Standard Profiles'!$G$18=$B$17,14,0)+IF('Standard Profiles'!$G$18=$B$24,21,0),MOD($C5621,24)+1)/SUM(INDEX($D$3:$AA$30,INDEX(Jesper!$R$2:$R$366,ROW(INDEX(Jesper!AH$2:AH$366,ROUNDDOWN($C5621/24,0)+1,1))-1)+IF('Standard Profiles'!$G$18=$B$10,7,0)+IF('Standard Profiles'!$G$18=$B$17,14,0)+IF('Standard Profiles'!$G$18=$B$24,21,0),0)),0)</f>
        <v>5.0871978908661646</v>
      </c>
      <c r="E5621" cm="1">
        <f t="array" ref="E5621">IFERROR(INDEX(Jesper!AI$2:AI$366,ROUNDDOWN($C5621/24,0)+1,1)*INDEX($D$3:$AA$30,INDEX(Jesper!$R$2:$R$366,ROW(INDEX(Jesper!AI$2:AI$366,ROUNDDOWN($C5621/24,0)+1,1))-1)+IF('Standard Profiles'!$G$19=$B$10,7,0)+IF('Standard Profiles'!$G$19=$B$17,14,0)+IF('Standard Profiles'!$G$19=$B$24,21,0),MOD($C5621,24)+1)/SUM(INDEX($D$3:$AA$30,INDEX(Jesper!$R$2:$R$366,ROW(INDEX(Jesper!AI$2:AI$366,ROUNDDOWN($C5621/24,0)+1,1))-1)+IF('Standard Profiles'!$G$19=$B$10,7,0)+IF('Standard Profiles'!$G$19=$B$17,14,0)+IF('Standard Profiles'!$G$19=$B$24,21,0),0)),0)</f>
        <v>1.7251034422559515</v>
      </c>
      <c r="F5621" cm="1">
        <f t="array" ref="F5621">IFERROR(INDEX(Jesper!AJ$2:AJ$366,ROUNDDOWN($C5621/24,0)+1,1)*INDEX($D$3:$AA$30,INDEX(Jesper!$R$2:$R$366,ROW(INDEX(Jesper!AJ$2:AJ$366,ROUNDDOWN($C5621/24,0)+1,1))-1)+IF('Standard Profiles'!$G$20=$B$10,7,0)+IF('Standard Profiles'!$G$20=$B$17,14,0)+IF('Standard Profiles'!$G$20=$B$24,21,0),MOD($C5621,24)+1)/SUM(INDEX($D$3:$AA$30,INDEX(Jesper!$R$2:$R$366,ROW(INDEX(Jesper!AJ$2:AJ$366,ROUNDDOWN($C5621/24,0)+1,1))-1)+IF('Standard Profiles'!$G$20=$B$10,7,0)+IF('Standard Profiles'!$G$20=$B$17,14,0)+IF('Standard Profiles'!$G$20=$B$24,21,0),0)),0)</f>
        <v>0</v>
      </c>
      <c r="G5621" cm="1">
        <f t="array" ref="G5621">IFERROR(INDEX(Jesper!AK$2:AK$366,ROUNDDOWN($C5621/24,0)+1,1)*INDEX($D$3:$AA$30,INDEX(Jesper!$R$2:$R$366,ROW(INDEX(Jesper!AK$2:AK$366,ROUNDDOWN($C5621/24,0)+1,1))-1)+IF('Standard Profiles'!$G$21=$B$10,7,0)+IF('Standard Profiles'!$G$21=$B$17,14,0)+IF('Standard Profiles'!$G$21=$B$24,21,0),MOD($C5621,24)+1)/SUM(INDEX($D$3:$AA$30,INDEX(Jesper!$R$2:$R$366,ROW(INDEX(Jesper!AK$2:AK$366,ROUNDDOWN($C5621/24,0)+1,1))-1)+IF('Standard Profiles'!$G$21=$B$10,7,0)+IF('Standard Profiles'!$G$21=$B$17,14,0)+IF('Standard Profiles'!$G$21=$B$24,21,0),0)),0)</f>
        <v>0</v>
      </c>
      <c r="H5621" cm="1">
        <f t="array" ref="H5621">IFERROR(INDEX(Jesper!AL$2:AL$366,ROUNDDOWN($C5621/24,0)+1,1)*INDEX($D$3:$AA$30,INDEX(Jesper!$R$2:$R$366,ROW(INDEX(Jesper!AL$2:AL$366,ROUNDDOWN($C5621/24,0)+1,1))-1)+IF('Standard Profiles'!$G$22=$B$10,7,0)+IF('Standard Profiles'!$G$22=$B$17,14,0)+IF('Standard Profiles'!$G$22=$B$24,21,0),MOD($C5621,24)+1)/SUM(INDEX($D$3:$AA$30,INDEX(Jesper!$R$2:$R$366,ROW(INDEX(Jesper!AL$2:AL$366,ROUNDDOWN($C5621/24,0)+1,1))-1)+IF('Standard Profiles'!$G$22=$B$10,7,0)+IF('Standard Profiles'!$G$22=$B$17,14,0)+IF('Standard Profiles'!$G$22=$B$24,21,0),0)),0)</f>
        <v>0</v>
      </c>
      <c r="I5621">
        <f t="shared" si="629"/>
        <v>0</v>
      </c>
      <c r="J5621">
        <f t="shared" si="630"/>
        <v>5.9983496705835302</v>
      </c>
      <c r="K5621">
        <f t="shared" si="631"/>
        <v>0.54263444169239095</v>
      </c>
      <c r="L5621">
        <f t="shared" si="632"/>
        <v>0.27131722084619547</v>
      </c>
      <c r="M5621">
        <f t="shared" si="633"/>
        <v>0</v>
      </c>
      <c r="N5621" s="45">
        <f t="shared" si="634"/>
        <v>45159.791666653116</v>
      </c>
    </row>
    <row r="5622" spans="2:14" x14ac:dyDescent="0.25">
      <c r="B5622">
        <f t="shared" si="628"/>
        <v>1</v>
      </c>
      <c r="C5622" s="16">
        <v>5588</v>
      </c>
      <c r="D5622" cm="1">
        <f t="array" ref="D5622">IFERROR(INDEX(Jesper!AH$2:AH$366,ROUNDDOWN($C5622/24,0)+1,1)*INDEX($D$3:$AA$30,INDEX(Jesper!$R$2:$R$366,ROW(INDEX(Jesper!AH$2:AH$366,ROUNDDOWN($C5622/24,0)+1,1))-1)+IF('Standard Profiles'!$G$18=$B$10,7,0)+IF('Standard Profiles'!$G$18=$B$17,14,0)+IF('Standard Profiles'!$G$18=$B$24,21,0),MOD($C5622,24)+1)/SUM(INDEX($D$3:$AA$30,INDEX(Jesper!$R$2:$R$366,ROW(INDEX(Jesper!AH$2:AH$366,ROUNDDOWN($C5622/24,0)+1,1))-1)+IF('Standard Profiles'!$G$18=$B$10,7,0)+IF('Standard Profiles'!$G$18=$B$17,14,0)+IF('Standard Profiles'!$G$18=$B$24,21,0),0)),0)</f>
        <v>5.0871978908661646</v>
      </c>
      <c r="E5622" cm="1">
        <f t="array" ref="E5622">IFERROR(INDEX(Jesper!AI$2:AI$366,ROUNDDOWN($C5622/24,0)+1,1)*INDEX($D$3:$AA$30,INDEX(Jesper!$R$2:$R$366,ROW(INDEX(Jesper!AI$2:AI$366,ROUNDDOWN($C5622/24,0)+1,1))-1)+IF('Standard Profiles'!$G$19=$B$10,7,0)+IF('Standard Profiles'!$G$19=$B$17,14,0)+IF('Standard Profiles'!$G$19=$B$24,21,0),MOD($C5622,24)+1)/SUM(INDEX($D$3:$AA$30,INDEX(Jesper!$R$2:$R$366,ROW(INDEX(Jesper!AI$2:AI$366,ROUNDDOWN($C5622/24,0)+1,1))-1)+IF('Standard Profiles'!$G$19=$B$10,7,0)+IF('Standard Profiles'!$G$19=$B$17,14,0)+IF('Standard Profiles'!$G$19=$B$24,21,0),0)),0)</f>
        <v>1.7251034422559515</v>
      </c>
      <c r="F5622" cm="1">
        <f t="array" ref="F5622">IFERROR(INDEX(Jesper!AJ$2:AJ$366,ROUNDDOWN($C5622/24,0)+1,1)*INDEX($D$3:$AA$30,INDEX(Jesper!$R$2:$R$366,ROW(INDEX(Jesper!AJ$2:AJ$366,ROUNDDOWN($C5622/24,0)+1,1))-1)+IF('Standard Profiles'!$G$20=$B$10,7,0)+IF('Standard Profiles'!$G$20=$B$17,14,0)+IF('Standard Profiles'!$G$20=$B$24,21,0),MOD($C5622,24)+1)/SUM(INDEX($D$3:$AA$30,INDEX(Jesper!$R$2:$R$366,ROW(INDEX(Jesper!AJ$2:AJ$366,ROUNDDOWN($C5622/24,0)+1,1))-1)+IF('Standard Profiles'!$G$20=$B$10,7,0)+IF('Standard Profiles'!$G$20=$B$17,14,0)+IF('Standard Profiles'!$G$20=$B$24,21,0),0)),0)</f>
        <v>0</v>
      </c>
      <c r="G5622" cm="1">
        <f t="array" ref="G5622">IFERROR(INDEX(Jesper!AK$2:AK$366,ROUNDDOWN($C5622/24,0)+1,1)*INDEX($D$3:$AA$30,INDEX(Jesper!$R$2:$R$366,ROW(INDEX(Jesper!AK$2:AK$366,ROUNDDOWN($C5622/24,0)+1,1))-1)+IF('Standard Profiles'!$G$21=$B$10,7,0)+IF('Standard Profiles'!$G$21=$B$17,14,0)+IF('Standard Profiles'!$G$21=$B$24,21,0),MOD($C5622,24)+1)/SUM(INDEX($D$3:$AA$30,INDEX(Jesper!$R$2:$R$366,ROW(INDEX(Jesper!AK$2:AK$366,ROUNDDOWN($C5622/24,0)+1,1))-1)+IF('Standard Profiles'!$G$21=$B$10,7,0)+IF('Standard Profiles'!$G$21=$B$17,14,0)+IF('Standard Profiles'!$G$21=$B$24,21,0),0)),0)</f>
        <v>0</v>
      </c>
      <c r="H5622" cm="1">
        <f t="array" ref="H5622">IFERROR(INDEX(Jesper!AL$2:AL$366,ROUNDDOWN($C5622/24,0)+1,1)*INDEX($D$3:$AA$30,INDEX(Jesper!$R$2:$R$366,ROW(INDEX(Jesper!AL$2:AL$366,ROUNDDOWN($C5622/24,0)+1,1))-1)+IF('Standard Profiles'!$G$22=$B$10,7,0)+IF('Standard Profiles'!$G$22=$B$17,14,0)+IF('Standard Profiles'!$G$22=$B$24,21,0),MOD($C5622,24)+1)/SUM(INDEX($D$3:$AA$30,INDEX(Jesper!$R$2:$R$366,ROW(INDEX(Jesper!AL$2:AL$366,ROUNDDOWN($C5622/24,0)+1,1))-1)+IF('Standard Profiles'!$G$22=$B$10,7,0)+IF('Standard Profiles'!$G$22=$B$17,14,0)+IF('Standard Profiles'!$G$22=$B$24,21,0),0)),0)</f>
        <v>0</v>
      </c>
      <c r="I5622">
        <f t="shared" si="629"/>
        <v>0</v>
      </c>
      <c r="J5622">
        <f t="shared" si="630"/>
        <v>5.9983496705835302</v>
      </c>
      <c r="K5622">
        <f t="shared" si="631"/>
        <v>0.54263444169239095</v>
      </c>
      <c r="L5622">
        <f t="shared" si="632"/>
        <v>0.27131722084619547</v>
      </c>
      <c r="M5622">
        <f t="shared" si="633"/>
        <v>0</v>
      </c>
      <c r="N5622" s="45">
        <f t="shared" si="634"/>
        <v>45159.833333319781</v>
      </c>
    </row>
    <row r="5623" spans="2:14" x14ac:dyDescent="0.25">
      <c r="B5623">
        <f t="shared" si="628"/>
        <v>1</v>
      </c>
      <c r="C5623" s="16">
        <v>5589</v>
      </c>
      <c r="D5623" cm="1">
        <f t="array" ref="D5623">IFERROR(INDEX(Jesper!AH$2:AH$366,ROUNDDOWN($C5623/24,0)+1,1)*INDEX($D$3:$AA$30,INDEX(Jesper!$R$2:$R$366,ROW(INDEX(Jesper!AH$2:AH$366,ROUNDDOWN($C5623/24,0)+1,1))-1)+IF('Standard Profiles'!$G$18=$B$10,7,0)+IF('Standard Profiles'!$G$18=$B$17,14,0)+IF('Standard Profiles'!$G$18=$B$24,21,0),MOD($C5623,24)+1)/SUM(INDEX($D$3:$AA$30,INDEX(Jesper!$R$2:$R$366,ROW(INDEX(Jesper!AH$2:AH$366,ROUNDDOWN($C5623/24,0)+1,1))-1)+IF('Standard Profiles'!$G$18=$B$10,7,0)+IF('Standard Profiles'!$G$18=$B$17,14,0)+IF('Standard Profiles'!$G$18=$B$24,21,0),0)),0)</f>
        <v>5.0871978908661646</v>
      </c>
      <c r="E5623" cm="1">
        <f t="array" ref="E5623">IFERROR(INDEX(Jesper!AI$2:AI$366,ROUNDDOWN($C5623/24,0)+1,1)*INDEX($D$3:$AA$30,INDEX(Jesper!$R$2:$R$366,ROW(INDEX(Jesper!AI$2:AI$366,ROUNDDOWN($C5623/24,0)+1,1))-1)+IF('Standard Profiles'!$G$19=$B$10,7,0)+IF('Standard Profiles'!$G$19=$B$17,14,0)+IF('Standard Profiles'!$G$19=$B$24,21,0),MOD($C5623,24)+1)/SUM(INDEX($D$3:$AA$30,INDEX(Jesper!$R$2:$R$366,ROW(INDEX(Jesper!AI$2:AI$366,ROUNDDOWN($C5623/24,0)+1,1))-1)+IF('Standard Profiles'!$G$19=$B$10,7,0)+IF('Standard Profiles'!$G$19=$B$17,14,0)+IF('Standard Profiles'!$G$19=$B$24,21,0),0)),0)</f>
        <v>1.7251034422559515</v>
      </c>
      <c r="F5623" cm="1">
        <f t="array" ref="F5623">IFERROR(INDEX(Jesper!AJ$2:AJ$366,ROUNDDOWN($C5623/24,0)+1,1)*INDEX($D$3:$AA$30,INDEX(Jesper!$R$2:$R$366,ROW(INDEX(Jesper!AJ$2:AJ$366,ROUNDDOWN($C5623/24,0)+1,1))-1)+IF('Standard Profiles'!$G$20=$B$10,7,0)+IF('Standard Profiles'!$G$20=$B$17,14,0)+IF('Standard Profiles'!$G$20=$B$24,21,0),MOD($C5623,24)+1)/SUM(INDEX($D$3:$AA$30,INDEX(Jesper!$R$2:$R$366,ROW(INDEX(Jesper!AJ$2:AJ$366,ROUNDDOWN($C5623/24,0)+1,1))-1)+IF('Standard Profiles'!$G$20=$B$10,7,0)+IF('Standard Profiles'!$G$20=$B$17,14,0)+IF('Standard Profiles'!$G$20=$B$24,21,0),0)),0)</f>
        <v>0</v>
      </c>
      <c r="G5623" cm="1">
        <f t="array" ref="G5623">IFERROR(INDEX(Jesper!AK$2:AK$366,ROUNDDOWN($C5623/24,0)+1,1)*INDEX($D$3:$AA$30,INDEX(Jesper!$R$2:$R$366,ROW(INDEX(Jesper!AK$2:AK$366,ROUNDDOWN($C5623/24,0)+1,1))-1)+IF('Standard Profiles'!$G$21=$B$10,7,0)+IF('Standard Profiles'!$G$21=$B$17,14,0)+IF('Standard Profiles'!$G$21=$B$24,21,0),MOD($C5623,24)+1)/SUM(INDEX($D$3:$AA$30,INDEX(Jesper!$R$2:$R$366,ROW(INDEX(Jesper!AK$2:AK$366,ROUNDDOWN($C5623/24,0)+1,1))-1)+IF('Standard Profiles'!$G$21=$B$10,7,0)+IF('Standard Profiles'!$G$21=$B$17,14,0)+IF('Standard Profiles'!$G$21=$B$24,21,0),0)),0)</f>
        <v>0</v>
      </c>
      <c r="H5623" cm="1">
        <f t="array" ref="H5623">IFERROR(INDEX(Jesper!AL$2:AL$366,ROUNDDOWN($C5623/24,0)+1,1)*INDEX($D$3:$AA$30,INDEX(Jesper!$R$2:$R$366,ROW(INDEX(Jesper!AL$2:AL$366,ROUNDDOWN($C5623/24,0)+1,1))-1)+IF('Standard Profiles'!$G$22=$B$10,7,0)+IF('Standard Profiles'!$G$22=$B$17,14,0)+IF('Standard Profiles'!$G$22=$B$24,21,0),MOD($C5623,24)+1)/SUM(INDEX($D$3:$AA$30,INDEX(Jesper!$R$2:$R$366,ROW(INDEX(Jesper!AL$2:AL$366,ROUNDDOWN($C5623/24,0)+1,1))-1)+IF('Standard Profiles'!$G$22=$B$10,7,0)+IF('Standard Profiles'!$G$22=$B$17,14,0)+IF('Standard Profiles'!$G$22=$B$24,21,0),0)),0)</f>
        <v>0</v>
      </c>
      <c r="I5623">
        <f t="shared" si="629"/>
        <v>0</v>
      </c>
      <c r="J5623">
        <f t="shared" si="630"/>
        <v>5.9983496705835302</v>
      </c>
      <c r="K5623">
        <f t="shared" si="631"/>
        <v>0.54263444169239095</v>
      </c>
      <c r="L5623">
        <f t="shared" si="632"/>
        <v>0.27131722084619547</v>
      </c>
      <c r="M5623">
        <f t="shared" si="633"/>
        <v>0</v>
      </c>
      <c r="N5623" s="45">
        <f t="shared" si="634"/>
        <v>45159.874999986445</v>
      </c>
    </row>
    <row r="5624" spans="2:14" x14ac:dyDescent="0.25">
      <c r="B5624">
        <f t="shared" si="628"/>
        <v>1</v>
      </c>
      <c r="C5624" s="16">
        <v>5590</v>
      </c>
      <c r="D5624" cm="1">
        <f t="array" ref="D5624">IFERROR(INDEX(Jesper!AH$2:AH$366,ROUNDDOWN($C5624/24,0)+1,1)*INDEX($D$3:$AA$30,INDEX(Jesper!$R$2:$R$366,ROW(INDEX(Jesper!AH$2:AH$366,ROUNDDOWN($C5624/24,0)+1,1))-1)+IF('Standard Profiles'!$G$18=$B$10,7,0)+IF('Standard Profiles'!$G$18=$B$17,14,0)+IF('Standard Profiles'!$G$18=$B$24,21,0),MOD($C5624,24)+1)/SUM(INDEX($D$3:$AA$30,INDEX(Jesper!$R$2:$R$366,ROW(INDEX(Jesper!AH$2:AH$366,ROUNDDOWN($C5624/24,0)+1,1))-1)+IF('Standard Profiles'!$G$18=$B$10,7,0)+IF('Standard Profiles'!$G$18=$B$17,14,0)+IF('Standard Profiles'!$G$18=$B$24,21,0),0)),0)</f>
        <v>5.0871978908661646</v>
      </c>
      <c r="E5624" cm="1">
        <f t="array" ref="E5624">IFERROR(INDEX(Jesper!AI$2:AI$366,ROUNDDOWN($C5624/24,0)+1,1)*INDEX($D$3:$AA$30,INDEX(Jesper!$R$2:$R$366,ROW(INDEX(Jesper!AI$2:AI$366,ROUNDDOWN($C5624/24,0)+1,1))-1)+IF('Standard Profiles'!$G$19=$B$10,7,0)+IF('Standard Profiles'!$G$19=$B$17,14,0)+IF('Standard Profiles'!$G$19=$B$24,21,0),MOD($C5624,24)+1)/SUM(INDEX($D$3:$AA$30,INDEX(Jesper!$R$2:$R$366,ROW(INDEX(Jesper!AI$2:AI$366,ROUNDDOWN($C5624/24,0)+1,1))-1)+IF('Standard Profiles'!$G$19=$B$10,7,0)+IF('Standard Profiles'!$G$19=$B$17,14,0)+IF('Standard Profiles'!$G$19=$B$24,21,0),0)),0)</f>
        <v>1.7251034422559515</v>
      </c>
      <c r="F5624" cm="1">
        <f t="array" ref="F5624">IFERROR(INDEX(Jesper!AJ$2:AJ$366,ROUNDDOWN($C5624/24,0)+1,1)*INDEX($D$3:$AA$30,INDEX(Jesper!$R$2:$R$366,ROW(INDEX(Jesper!AJ$2:AJ$366,ROUNDDOWN($C5624/24,0)+1,1))-1)+IF('Standard Profiles'!$G$20=$B$10,7,0)+IF('Standard Profiles'!$G$20=$B$17,14,0)+IF('Standard Profiles'!$G$20=$B$24,21,0),MOD($C5624,24)+1)/SUM(INDEX($D$3:$AA$30,INDEX(Jesper!$R$2:$R$366,ROW(INDEX(Jesper!AJ$2:AJ$366,ROUNDDOWN($C5624/24,0)+1,1))-1)+IF('Standard Profiles'!$G$20=$B$10,7,0)+IF('Standard Profiles'!$G$20=$B$17,14,0)+IF('Standard Profiles'!$G$20=$B$24,21,0),0)),0)</f>
        <v>0</v>
      </c>
      <c r="G5624" cm="1">
        <f t="array" ref="G5624">IFERROR(INDEX(Jesper!AK$2:AK$366,ROUNDDOWN($C5624/24,0)+1,1)*INDEX($D$3:$AA$30,INDEX(Jesper!$R$2:$R$366,ROW(INDEX(Jesper!AK$2:AK$366,ROUNDDOWN($C5624/24,0)+1,1))-1)+IF('Standard Profiles'!$G$21=$B$10,7,0)+IF('Standard Profiles'!$G$21=$B$17,14,0)+IF('Standard Profiles'!$G$21=$B$24,21,0),MOD($C5624,24)+1)/SUM(INDEX($D$3:$AA$30,INDEX(Jesper!$R$2:$R$366,ROW(INDEX(Jesper!AK$2:AK$366,ROUNDDOWN($C5624/24,0)+1,1))-1)+IF('Standard Profiles'!$G$21=$B$10,7,0)+IF('Standard Profiles'!$G$21=$B$17,14,0)+IF('Standard Profiles'!$G$21=$B$24,21,0),0)),0)</f>
        <v>0</v>
      </c>
      <c r="H5624" cm="1">
        <f t="array" ref="H5624">IFERROR(INDEX(Jesper!AL$2:AL$366,ROUNDDOWN($C5624/24,0)+1,1)*INDEX($D$3:$AA$30,INDEX(Jesper!$R$2:$R$366,ROW(INDEX(Jesper!AL$2:AL$366,ROUNDDOWN($C5624/24,0)+1,1))-1)+IF('Standard Profiles'!$G$22=$B$10,7,0)+IF('Standard Profiles'!$G$22=$B$17,14,0)+IF('Standard Profiles'!$G$22=$B$24,21,0),MOD($C5624,24)+1)/SUM(INDEX($D$3:$AA$30,INDEX(Jesper!$R$2:$R$366,ROW(INDEX(Jesper!AL$2:AL$366,ROUNDDOWN($C5624/24,0)+1,1))-1)+IF('Standard Profiles'!$G$22=$B$10,7,0)+IF('Standard Profiles'!$G$22=$B$17,14,0)+IF('Standard Profiles'!$G$22=$B$24,21,0),0)),0)</f>
        <v>0</v>
      </c>
      <c r="I5624">
        <f t="shared" si="629"/>
        <v>0</v>
      </c>
      <c r="J5624">
        <f t="shared" si="630"/>
        <v>5.9983496705835302</v>
      </c>
      <c r="K5624">
        <f t="shared" si="631"/>
        <v>0.54263444169239095</v>
      </c>
      <c r="L5624">
        <f t="shared" si="632"/>
        <v>0.27131722084619547</v>
      </c>
      <c r="M5624">
        <f t="shared" si="633"/>
        <v>0</v>
      </c>
      <c r="N5624" s="45">
        <f t="shared" si="634"/>
        <v>45159.916666653109</v>
      </c>
    </row>
    <row r="5625" spans="2:14" x14ac:dyDescent="0.25">
      <c r="B5625">
        <f t="shared" si="628"/>
        <v>1</v>
      </c>
      <c r="C5625" s="16">
        <v>5591</v>
      </c>
      <c r="D5625" cm="1">
        <f t="array" ref="D5625">IFERROR(INDEX(Jesper!AH$2:AH$366,ROUNDDOWN($C5625/24,0)+1,1)*INDEX($D$3:$AA$30,INDEX(Jesper!$R$2:$R$366,ROW(INDEX(Jesper!AH$2:AH$366,ROUNDDOWN($C5625/24,0)+1,1))-1)+IF('Standard Profiles'!$G$18=$B$10,7,0)+IF('Standard Profiles'!$G$18=$B$17,14,0)+IF('Standard Profiles'!$G$18=$B$24,21,0),MOD($C5625,24)+1)/SUM(INDEX($D$3:$AA$30,INDEX(Jesper!$R$2:$R$366,ROW(INDEX(Jesper!AH$2:AH$366,ROUNDDOWN($C5625/24,0)+1,1))-1)+IF('Standard Profiles'!$G$18=$B$10,7,0)+IF('Standard Profiles'!$G$18=$B$17,14,0)+IF('Standard Profiles'!$G$18=$B$24,21,0),0)),0)</f>
        <v>5.0871978908661646</v>
      </c>
      <c r="E5625" cm="1">
        <f t="array" ref="E5625">IFERROR(INDEX(Jesper!AI$2:AI$366,ROUNDDOWN($C5625/24,0)+1,1)*INDEX($D$3:$AA$30,INDEX(Jesper!$R$2:$R$366,ROW(INDEX(Jesper!AI$2:AI$366,ROUNDDOWN($C5625/24,0)+1,1))-1)+IF('Standard Profiles'!$G$19=$B$10,7,0)+IF('Standard Profiles'!$G$19=$B$17,14,0)+IF('Standard Profiles'!$G$19=$B$24,21,0),MOD($C5625,24)+1)/SUM(INDEX($D$3:$AA$30,INDEX(Jesper!$R$2:$R$366,ROW(INDEX(Jesper!AI$2:AI$366,ROUNDDOWN($C5625/24,0)+1,1))-1)+IF('Standard Profiles'!$G$19=$B$10,7,0)+IF('Standard Profiles'!$G$19=$B$17,14,0)+IF('Standard Profiles'!$G$19=$B$24,21,0),0)),0)</f>
        <v>1.7251034422559515</v>
      </c>
      <c r="F5625" cm="1">
        <f t="array" ref="F5625">IFERROR(INDEX(Jesper!AJ$2:AJ$366,ROUNDDOWN($C5625/24,0)+1,1)*INDEX($D$3:$AA$30,INDEX(Jesper!$R$2:$R$366,ROW(INDEX(Jesper!AJ$2:AJ$366,ROUNDDOWN($C5625/24,0)+1,1))-1)+IF('Standard Profiles'!$G$20=$B$10,7,0)+IF('Standard Profiles'!$G$20=$B$17,14,0)+IF('Standard Profiles'!$G$20=$B$24,21,0),MOD($C5625,24)+1)/SUM(INDEX($D$3:$AA$30,INDEX(Jesper!$R$2:$R$366,ROW(INDEX(Jesper!AJ$2:AJ$366,ROUNDDOWN($C5625/24,0)+1,1))-1)+IF('Standard Profiles'!$G$20=$B$10,7,0)+IF('Standard Profiles'!$G$20=$B$17,14,0)+IF('Standard Profiles'!$G$20=$B$24,21,0),0)),0)</f>
        <v>0</v>
      </c>
      <c r="G5625" cm="1">
        <f t="array" ref="G5625">IFERROR(INDEX(Jesper!AK$2:AK$366,ROUNDDOWN($C5625/24,0)+1,1)*INDEX($D$3:$AA$30,INDEX(Jesper!$R$2:$R$366,ROW(INDEX(Jesper!AK$2:AK$366,ROUNDDOWN($C5625/24,0)+1,1))-1)+IF('Standard Profiles'!$G$21=$B$10,7,0)+IF('Standard Profiles'!$G$21=$B$17,14,0)+IF('Standard Profiles'!$G$21=$B$24,21,0),MOD($C5625,24)+1)/SUM(INDEX($D$3:$AA$30,INDEX(Jesper!$R$2:$R$366,ROW(INDEX(Jesper!AK$2:AK$366,ROUNDDOWN($C5625/24,0)+1,1))-1)+IF('Standard Profiles'!$G$21=$B$10,7,0)+IF('Standard Profiles'!$G$21=$B$17,14,0)+IF('Standard Profiles'!$G$21=$B$24,21,0),0)),0)</f>
        <v>0</v>
      </c>
      <c r="H5625" cm="1">
        <f t="array" ref="H5625">IFERROR(INDEX(Jesper!AL$2:AL$366,ROUNDDOWN($C5625/24,0)+1,1)*INDEX($D$3:$AA$30,INDEX(Jesper!$R$2:$R$366,ROW(INDEX(Jesper!AL$2:AL$366,ROUNDDOWN($C5625/24,0)+1,1))-1)+IF('Standard Profiles'!$G$22=$B$10,7,0)+IF('Standard Profiles'!$G$22=$B$17,14,0)+IF('Standard Profiles'!$G$22=$B$24,21,0),MOD($C5625,24)+1)/SUM(INDEX($D$3:$AA$30,INDEX(Jesper!$R$2:$R$366,ROW(INDEX(Jesper!AL$2:AL$366,ROUNDDOWN($C5625/24,0)+1,1))-1)+IF('Standard Profiles'!$G$22=$B$10,7,0)+IF('Standard Profiles'!$G$22=$B$17,14,0)+IF('Standard Profiles'!$G$22=$B$24,21,0),0)),0)</f>
        <v>0</v>
      </c>
      <c r="I5625">
        <f t="shared" si="629"/>
        <v>0</v>
      </c>
      <c r="J5625">
        <f t="shared" si="630"/>
        <v>5.9983496705835302</v>
      </c>
      <c r="K5625">
        <f t="shared" si="631"/>
        <v>0.54263444169239095</v>
      </c>
      <c r="L5625">
        <f t="shared" si="632"/>
        <v>0.27131722084619547</v>
      </c>
      <c r="M5625">
        <f t="shared" si="633"/>
        <v>0</v>
      </c>
      <c r="N5625" s="45">
        <f t="shared" si="634"/>
        <v>45159.958333319773</v>
      </c>
    </row>
    <row r="5626" spans="2:14" x14ac:dyDescent="0.25">
      <c r="B5626">
        <f t="shared" si="628"/>
        <v>2</v>
      </c>
      <c r="C5626" s="16">
        <v>5592</v>
      </c>
      <c r="D5626" cm="1">
        <f t="array" ref="D5626">IFERROR(INDEX(Jesper!AH$2:AH$366,ROUNDDOWN($C5626/24,0)+1,1)*INDEX($D$3:$AA$30,INDEX(Jesper!$R$2:$R$366,ROW(INDEX(Jesper!AH$2:AH$366,ROUNDDOWN($C5626/24,0)+1,1))-1)+IF('Standard Profiles'!$G$18=$B$10,7,0)+IF('Standard Profiles'!$G$18=$B$17,14,0)+IF('Standard Profiles'!$G$18=$B$24,21,0),MOD($C5626,24)+1)/SUM(INDEX($D$3:$AA$30,INDEX(Jesper!$R$2:$R$366,ROW(INDEX(Jesper!AH$2:AH$366,ROUNDDOWN($C5626/24,0)+1,1))-1)+IF('Standard Profiles'!$G$18=$B$10,7,0)+IF('Standard Profiles'!$G$18=$B$17,14,0)+IF('Standard Profiles'!$G$18=$B$24,21,0),0)),0)</f>
        <v>3.2160001440646484</v>
      </c>
      <c r="E5626" cm="1">
        <f t="array" ref="E5626">IFERROR(INDEX(Jesper!AI$2:AI$366,ROUNDDOWN($C5626/24,0)+1,1)*INDEX($D$3:$AA$30,INDEX(Jesper!$R$2:$R$366,ROW(INDEX(Jesper!AI$2:AI$366,ROUNDDOWN($C5626/24,0)+1,1))-1)+IF('Standard Profiles'!$G$19=$B$10,7,0)+IF('Standard Profiles'!$G$19=$B$17,14,0)+IF('Standard Profiles'!$G$19=$B$24,21,0),MOD($C5626,24)+1)/SUM(INDEX($D$3:$AA$30,INDEX(Jesper!$R$2:$R$366,ROW(INDEX(Jesper!AI$2:AI$366,ROUNDDOWN($C5626/24,0)+1,1))-1)+IF('Standard Profiles'!$G$19=$B$10,7,0)+IF('Standard Profiles'!$G$19=$B$17,14,0)+IF('Standard Profiles'!$G$19=$B$24,21,0),0)),0)</f>
        <v>1.0534525870962268</v>
      </c>
      <c r="F5626" cm="1">
        <f t="array" ref="F5626">IFERROR(INDEX(Jesper!AJ$2:AJ$366,ROUNDDOWN($C5626/24,0)+1,1)*INDEX($D$3:$AA$30,INDEX(Jesper!$R$2:$R$366,ROW(INDEX(Jesper!AJ$2:AJ$366,ROUNDDOWN($C5626/24,0)+1,1))-1)+IF('Standard Profiles'!$G$20=$B$10,7,0)+IF('Standard Profiles'!$G$20=$B$17,14,0)+IF('Standard Profiles'!$G$20=$B$24,21,0),MOD($C5626,24)+1)/SUM(INDEX($D$3:$AA$30,INDEX(Jesper!$R$2:$R$366,ROW(INDEX(Jesper!AJ$2:AJ$366,ROUNDDOWN($C5626/24,0)+1,1))-1)+IF('Standard Profiles'!$G$20=$B$10,7,0)+IF('Standard Profiles'!$G$20=$B$17,14,0)+IF('Standard Profiles'!$G$20=$B$24,21,0),0)),0)</f>
        <v>0</v>
      </c>
      <c r="G5626" cm="1">
        <f t="array" ref="G5626">IFERROR(INDEX(Jesper!AK$2:AK$366,ROUNDDOWN($C5626/24,0)+1,1)*INDEX($D$3:$AA$30,INDEX(Jesper!$R$2:$R$366,ROW(INDEX(Jesper!AK$2:AK$366,ROUNDDOWN($C5626/24,0)+1,1))-1)+IF('Standard Profiles'!$G$21=$B$10,7,0)+IF('Standard Profiles'!$G$21=$B$17,14,0)+IF('Standard Profiles'!$G$21=$B$24,21,0),MOD($C5626,24)+1)/SUM(INDEX($D$3:$AA$30,INDEX(Jesper!$R$2:$R$366,ROW(INDEX(Jesper!AK$2:AK$366,ROUNDDOWN($C5626/24,0)+1,1))-1)+IF('Standard Profiles'!$G$21=$B$10,7,0)+IF('Standard Profiles'!$G$21=$B$17,14,0)+IF('Standard Profiles'!$G$21=$B$24,21,0),0)),0)</f>
        <v>0</v>
      </c>
      <c r="H5626" cm="1">
        <f t="array" ref="H5626">IFERROR(INDEX(Jesper!AL$2:AL$366,ROUNDDOWN($C5626/24,0)+1,1)*INDEX($D$3:$AA$30,INDEX(Jesper!$R$2:$R$366,ROW(INDEX(Jesper!AL$2:AL$366,ROUNDDOWN($C5626/24,0)+1,1))-1)+IF('Standard Profiles'!$G$22=$B$10,7,0)+IF('Standard Profiles'!$G$22=$B$17,14,0)+IF('Standard Profiles'!$G$22=$B$24,21,0),MOD($C5626,24)+1)/SUM(INDEX($D$3:$AA$30,INDEX(Jesper!$R$2:$R$366,ROW(INDEX(Jesper!AL$2:AL$366,ROUNDDOWN($C5626/24,0)+1,1))-1)+IF('Standard Profiles'!$G$22=$B$10,7,0)+IF('Standard Profiles'!$G$22=$B$17,14,0)+IF('Standard Profiles'!$G$22=$B$24,21,0),0)),0)</f>
        <v>0</v>
      </c>
      <c r="I5626">
        <f t="shared" si="629"/>
        <v>0</v>
      </c>
      <c r="J5626">
        <f t="shared" si="630"/>
        <v>3.7548927081105314</v>
      </c>
      <c r="K5626">
        <f t="shared" si="631"/>
        <v>0.34304001536689588</v>
      </c>
      <c r="L5626">
        <f t="shared" si="632"/>
        <v>0.17152000768344794</v>
      </c>
      <c r="M5626">
        <f t="shared" si="633"/>
        <v>0</v>
      </c>
      <c r="N5626" s="45">
        <f t="shared" si="634"/>
        <v>45159.999999986438</v>
      </c>
    </row>
    <row r="5627" spans="2:14" x14ac:dyDescent="0.25">
      <c r="B5627">
        <f t="shared" si="628"/>
        <v>2</v>
      </c>
      <c r="C5627" s="16">
        <v>5593</v>
      </c>
      <c r="D5627" cm="1">
        <f t="array" ref="D5627">IFERROR(INDEX(Jesper!AH$2:AH$366,ROUNDDOWN($C5627/24,0)+1,1)*INDEX($D$3:$AA$30,INDEX(Jesper!$R$2:$R$366,ROW(INDEX(Jesper!AH$2:AH$366,ROUNDDOWN($C5627/24,0)+1,1))-1)+IF('Standard Profiles'!$G$18=$B$10,7,0)+IF('Standard Profiles'!$G$18=$B$17,14,0)+IF('Standard Profiles'!$G$18=$B$24,21,0),MOD($C5627,24)+1)/SUM(INDEX($D$3:$AA$30,INDEX(Jesper!$R$2:$R$366,ROW(INDEX(Jesper!AH$2:AH$366,ROUNDDOWN($C5627/24,0)+1,1))-1)+IF('Standard Profiles'!$G$18=$B$10,7,0)+IF('Standard Profiles'!$G$18=$B$17,14,0)+IF('Standard Profiles'!$G$18=$B$24,21,0),0)),0)</f>
        <v>4.9005716480985129</v>
      </c>
      <c r="E5627" cm="1">
        <f t="array" ref="E5627">IFERROR(INDEX(Jesper!AI$2:AI$366,ROUNDDOWN($C5627/24,0)+1,1)*INDEX($D$3:$AA$30,INDEX(Jesper!$R$2:$R$366,ROW(INDEX(Jesper!AI$2:AI$366,ROUNDDOWN($C5627/24,0)+1,1))-1)+IF('Standard Profiles'!$G$19=$B$10,7,0)+IF('Standard Profiles'!$G$19=$B$17,14,0)+IF('Standard Profiles'!$G$19=$B$24,21,0),MOD($C5627,24)+1)/SUM(INDEX($D$3:$AA$30,INDEX(Jesper!$R$2:$R$366,ROW(INDEX(Jesper!AI$2:AI$366,ROUNDDOWN($C5627/24,0)+1,1))-1)+IF('Standard Profiles'!$G$19=$B$10,7,0)+IF('Standard Profiles'!$G$19=$B$17,14,0)+IF('Standard Profiles'!$G$19=$B$24,21,0),0)),0)</f>
        <v>1.6052610850990126</v>
      </c>
      <c r="F5627" cm="1">
        <f t="array" ref="F5627">IFERROR(INDEX(Jesper!AJ$2:AJ$366,ROUNDDOWN($C5627/24,0)+1,1)*INDEX($D$3:$AA$30,INDEX(Jesper!$R$2:$R$366,ROW(INDEX(Jesper!AJ$2:AJ$366,ROUNDDOWN($C5627/24,0)+1,1))-1)+IF('Standard Profiles'!$G$20=$B$10,7,0)+IF('Standard Profiles'!$G$20=$B$17,14,0)+IF('Standard Profiles'!$G$20=$B$24,21,0),MOD($C5627,24)+1)/SUM(INDEX($D$3:$AA$30,INDEX(Jesper!$R$2:$R$366,ROW(INDEX(Jesper!AJ$2:AJ$366,ROUNDDOWN($C5627/24,0)+1,1))-1)+IF('Standard Profiles'!$G$20=$B$10,7,0)+IF('Standard Profiles'!$G$20=$B$17,14,0)+IF('Standard Profiles'!$G$20=$B$24,21,0),0)),0)</f>
        <v>0</v>
      </c>
      <c r="G5627" cm="1">
        <f t="array" ref="G5627">IFERROR(INDEX(Jesper!AK$2:AK$366,ROUNDDOWN($C5627/24,0)+1,1)*INDEX($D$3:$AA$30,INDEX(Jesper!$R$2:$R$366,ROW(INDEX(Jesper!AK$2:AK$366,ROUNDDOWN($C5627/24,0)+1,1))-1)+IF('Standard Profiles'!$G$21=$B$10,7,0)+IF('Standard Profiles'!$G$21=$B$17,14,0)+IF('Standard Profiles'!$G$21=$B$24,21,0),MOD($C5627,24)+1)/SUM(INDEX($D$3:$AA$30,INDEX(Jesper!$R$2:$R$366,ROW(INDEX(Jesper!AK$2:AK$366,ROUNDDOWN($C5627/24,0)+1,1))-1)+IF('Standard Profiles'!$G$21=$B$10,7,0)+IF('Standard Profiles'!$G$21=$B$17,14,0)+IF('Standard Profiles'!$G$21=$B$24,21,0),0)),0)</f>
        <v>0</v>
      </c>
      <c r="H5627" cm="1">
        <f t="array" ref="H5627">IFERROR(INDEX(Jesper!AL$2:AL$366,ROUNDDOWN($C5627/24,0)+1,1)*INDEX($D$3:$AA$30,INDEX(Jesper!$R$2:$R$366,ROW(INDEX(Jesper!AL$2:AL$366,ROUNDDOWN($C5627/24,0)+1,1))-1)+IF('Standard Profiles'!$G$22=$B$10,7,0)+IF('Standard Profiles'!$G$22=$B$17,14,0)+IF('Standard Profiles'!$G$22=$B$24,21,0),MOD($C5627,24)+1)/SUM(INDEX($D$3:$AA$30,INDEX(Jesper!$R$2:$R$366,ROW(INDEX(Jesper!AL$2:AL$366,ROUNDDOWN($C5627/24,0)+1,1))-1)+IF('Standard Profiles'!$G$22=$B$10,7,0)+IF('Standard Profiles'!$G$22=$B$17,14,0)+IF('Standard Profiles'!$G$22=$B$24,21,0),0)),0)</f>
        <v>0</v>
      </c>
      <c r="I5627">
        <f t="shared" si="629"/>
        <v>0</v>
      </c>
      <c r="J5627">
        <f t="shared" si="630"/>
        <v>5.7217412695017638</v>
      </c>
      <c r="K5627">
        <f t="shared" si="631"/>
        <v>0.5227276424638414</v>
      </c>
      <c r="L5627">
        <f t="shared" si="632"/>
        <v>0.2613638212319207</v>
      </c>
      <c r="M5627">
        <f t="shared" si="633"/>
        <v>0</v>
      </c>
      <c r="N5627" s="45">
        <f t="shared" si="634"/>
        <v>45160.041666653102</v>
      </c>
    </row>
    <row r="5628" spans="2:14" x14ac:dyDescent="0.25">
      <c r="B5628">
        <f t="shared" si="628"/>
        <v>2</v>
      </c>
      <c r="C5628" s="16">
        <v>5594</v>
      </c>
      <c r="D5628" cm="1">
        <f t="array" ref="D5628">IFERROR(INDEX(Jesper!AH$2:AH$366,ROUNDDOWN($C5628/24,0)+1,1)*INDEX($D$3:$AA$30,INDEX(Jesper!$R$2:$R$366,ROW(INDEX(Jesper!AH$2:AH$366,ROUNDDOWN($C5628/24,0)+1,1))-1)+IF('Standard Profiles'!$G$18=$B$10,7,0)+IF('Standard Profiles'!$G$18=$B$17,14,0)+IF('Standard Profiles'!$G$18=$B$24,21,0),MOD($C5628,24)+1)/SUM(INDEX($D$3:$AA$30,INDEX(Jesper!$R$2:$R$366,ROW(INDEX(Jesper!AH$2:AH$366,ROUNDDOWN($C5628/24,0)+1,1))-1)+IF('Standard Profiles'!$G$18=$B$10,7,0)+IF('Standard Profiles'!$G$18=$B$17,14,0)+IF('Standard Profiles'!$G$18=$B$24,21,0),0)),0)</f>
        <v>4.9005716480985129</v>
      </c>
      <c r="E5628" cm="1">
        <f t="array" ref="E5628">IFERROR(INDEX(Jesper!AI$2:AI$366,ROUNDDOWN($C5628/24,0)+1,1)*INDEX($D$3:$AA$30,INDEX(Jesper!$R$2:$R$366,ROW(INDEX(Jesper!AI$2:AI$366,ROUNDDOWN($C5628/24,0)+1,1))-1)+IF('Standard Profiles'!$G$19=$B$10,7,0)+IF('Standard Profiles'!$G$19=$B$17,14,0)+IF('Standard Profiles'!$G$19=$B$24,21,0),MOD($C5628,24)+1)/SUM(INDEX($D$3:$AA$30,INDEX(Jesper!$R$2:$R$366,ROW(INDEX(Jesper!AI$2:AI$366,ROUNDDOWN($C5628/24,0)+1,1))-1)+IF('Standard Profiles'!$G$19=$B$10,7,0)+IF('Standard Profiles'!$G$19=$B$17,14,0)+IF('Standard Profiles'!$G$19=$B$24,21,0),0)),0)</f>
        <v>1.6052610850990126</v>
      </c>
      <c r="F5628" cm="1">
        <f t="array" ref="F5628">IFERROR(INDEX(Jesper!AJ$2:AJ$366,ROUNDDOWN($C5628/24,0)+1,1)*INDEX($D$3:$AA$30,INDEX(Jesper!$R$2:$R$366,ROW(INDEX(Jesper!AJ$2:AJ$366,ROUNDDOWN($C5628/24,0)+1,1))-1)+IF('Standard Profiles'!$G$20=$B$10,7,0)+IF('Standard Profiles'!$G$20=$B$17,14,0)+IF('Standard Profiles'!$G$20=$B$24,21,0),MOD($C5628,24)+1)/SUM(INDEX($D$3:$AA$30,INDEX(Jesper!$R$2:$R$366,ROW(INDEX(Jesper!AJ$2:AJ$366,ROUNDDOWN($C5628/24,0)+1,1))-1)+IF('Standard Profiles'!$G$20=$B$10,7,0)+IF('Standard Profiles'!$G$20=$B$17,14,0)+IF('Standard Profiles'!$G$20=$B$24,21,0),0)),0)</f>
        <v>0</v>
      </c>
      <c r="G5628" cm="1">
        <f t="array" ref="G5628">IFERROR(INDEX(Jesper!AK$2:AK$366,ROUNDDOWN($C5628/24,0)+1,1)*INDEX($D$3:$AA$30,INDEX(Jesper!$R$2:$R$366,ROW(INDEX(Jesper!AK$2:AK$366,ROUNDDOWN($C5628/24,0)+1,1))-1)+IF('Standard Profiles'!$G$21=$B$10,7,0)+IF('Standard Profiles'!$G$21=$B$17,14,0)+IF('Standard Profiles'!$G$21=$B$24,21,0),MOD($C5628,24)+1)/SUM(INDEX($D$3:$AA$30,INDEX(Jesper!$R$2:$R$366,ROW(INDEX(Jesper!AK$2:AK$366,ROUNDDOWN($C5628/24,0)+1,1))-1)+IF('Standard Profiles'!$G$21=$B$10,7,0)+IF('Standard Profiles'!$G$21=$B$17,14,0)+IF('Standard Profiles'!$G$21=$B$24,21,0),0)),0)</f>
        <v>0</v>
      </c>
      <c r="H5628" cm="1">
        <f t="array" ref="H5628">IFERROR(INDEX(Jesper!AL$2:AL$366,ROUNDDOWN($C5628/24,0)+1,1)*INDEX($D$3:$AA$30,INDEX(Jesper!$R$2:$R$366,ROW(INDEX(Jesper!AL$2:AL$366,ROUNDDOWN($C5628/24,0)+1,1))-1)+IF('Standard Profiles'!$G$22=$B$10,7,0)+IF('Standard Profiles'!$G$22=$B$17,14,0)+IF('Standard Profiles'!$G$22=$B$24,21,0),MOD($C5628,24)+1)/SUM(INDEX($D$3:$AA$30,INDEX(Jesper!$R$2:$R$366,ROW(INDEX(Jesper!AL$2:AL$366,ROUNDDOWN($C5628/24,0)+1,1))-1)+IF('Standard Profiles'!$G$22=$B$10,7,0)+IF('Standard Profiles'!$G$22=$B$17,14,0)+IF('Standard Profiles'!$G$22=$B$24,21,0),0)),0)</f>
        <v>0</v>
      </c>
      <c r="I5628">
        <f t="shared" si="629"/>
        <v>0</v>
      </c>
      <c r="J5628">
        <f t="shared" si="630"/>
        <v>5.7217412695017638</v>
      </c>
      <c r="K5628">
        <f t="shared" si="631"/>
        <v>0.5227276424638414</v>
      </c>
      <c r="L5628">
        <f t="shared" si="632"/>
        <v>0.2613638212319207</v>
      </c>
      <c r="M5628">
        <f t="shared" si="633"/>
        <v>0</v>
      </c>
      <c r="N5628" s="45">
        <f t="shared" si="634"/>
        <v>45160.083333319766</v>
      </c>
    </row>
    <row r="5629" spans="2:14" x14ac:dyDescent="0.25">
      <c r="B5629">
        <f t="shared" si="628"/>
        <v>2</v>
      </c>
      <c r="C5629" s="16">
        <v>5595</v>
      </c>
      <c r="D5629" cm="1">
        <f t="array" ref="D5629">IFERROR(INDEX(Jesper!AH$2:AH$366,ROUNDDOWN($C5629/24,0)+1,1)*INDEX($D$3:$AA$30,INDEX(Jesper!$R$2:$R$366,ROW(INDEX(Jesper!AH$2:AH$366,ROUNDDOWN($C5629/24,0)+1,1))-1)+IF('Standard Profiles'!$G$18=$B$10,7,0)+IF('Standard Profiles'!$G$18=$B$17,14,0)+IF('Standard Profiles'!$G$18=$B$24,21,0),MOD($C5629,24)+1)/SUM(INDEX($D$3:$AA$30,INDEX(Jesper!$R$2:$R$366,ROW(INDEX(Jesper!AH$2:AH$366,ROUNDDOWN($C5629/24,0)+1,1))-1)+IF('Standard Profiles'!$G$18=$B$10,7,0)+IF('Standard Profiles'!$G$18=$B$17,14,0)+IF('Standard Profiles'!$G$18=$B$24,21,0),0)),0)</f>
        <v>4.9005716480985129</v>
      </c>
      <c r="E5629" cm="1">
        <f t="array" ref="E5629">IFERROR(INDEX(Jesper!AI$2:AI$366,ROUNDDOWN($C5629/24,0)+1,1)*INDEX($D$3:$AA$30,INDEX(Jesper!$R$2:$R$366,ROW(INDEX(Jesper!AI$2:AI$366,ROUNDDOWN($C5629/24,0)+1,1))-1)+IF('Standard Profiles'!$G$19=$B$10,7,0)+IF('Standard Profiles'!$G$19=$B$17,14,0)+IF('Standard Profiles'!$G$19=$B$24,21,0),MOD($C5629,24)+1)/SUM(INDEX($D$3:$AA$30,INDEX(Jesper!$R$2:$R$366,ROW(INDEX(Jesper!AI$2:AI$366,ROUNDDOWN($C5629/24,0)+1,1))-1)+IF('Standard Profiles'!$G$19=$B$10,7,0)+IF('Standard Profiles'!$G$19=$B$17,14,0)+IF('Standard Profiles'!$G$19=$B$24,21,0),0)),0)</f>
        <v>1.6052610850990126</v>
      </c>
      <c r="F5629" cm="1">
        <f t="array" ref="F5629">IFERROR(INDEX(Jesper!AJ$2:AJ$366,ROUNDDOWN($C5629/24,0)+1,1)*INDEX($D$3:$AA$30,INDEX(Jesper!$R$2:$R$366,ROW(INDEX(Jesper!AJ$2:AJ$366,ROUNDDOWN($C5629/24,0)+1,1))-1)+IF('Standard Profiles'!$G$20=$B$10,7,0)+IF('Standard Profiles'!$G$20=$B$17,14,0)+IF('Standard Profiles'!$G$20=$B$24,21,0),MOD($C5629,24)+1)/SUM(INDEX($D$3:$AA$30,INDEX(Jesper!$R$2:$R$366,ROW(INDEX(Jesper!AJ$2:AJ$366,ROUNDDOWN($C5629/24,0)+1,1))-1)+IF('Standard Profiles'!$G$20=$B$10,7,0)+IF('Standard Profiles'!$G$20=$B$17,14,0)+IF('Standard Profiles'!$G$20=$B$24,21,0),0)),0)</f>
        <v>0</v>
      </c>
      <c r="G5629" cm="1">
        <f t="array" ref="G5629">IFERROR(INDEX(Jesper!AK$2:AK$366,ROUNDDOWN($C5629/24,0)+1,1)*INDEX($D$3:$AA$30,INDEX(Jesper!$R$2:$R$366,ROW(INDEX(Jesper!AK$2:AK$366,ROUNDDOWN($C5629/24,0)+1,1))-1)+IF('Standard Profiles'!$G$21=$B$10,7,0)+IF('Standard Profiles'!$G$21=$B$17,14,0)+IF('Standard Profiles'!$G$21=$B$24,21,0),MOD($C5629,24)+1)/SUM(INDEX($D$3:$AA$30,INDEX(Jesper!$R$2:$R$366,ROW(INDEX(Jesper!AK$2:AK$366,ROUNDDOWN($C5629/24,0)+1,1))-1)+IF('Standard Profiles'!$G$21=$B$10,7,0)+IF('Standard Profiles'!$G$21=$B$17,14,0)+IF('Standard Profiles'!$G$21=$B$24,21,0),0)),0)</f>
        <v>0</v>
      </c>
      <c r="H5629" cm="1">
        <f t="array" ref="H5629">IFERROR(INDEX(Jesper!AL$2:AL$366,ROUNDDOWN($C5629/24,0)+1,1)*INDEX($D$3:$AA$30,INDEX(Jesper!$R$2:$R$366,ROW(INDEX(Jesper!AL$2:AL$366,ROUNDDOWN($C5629/24,0)+1,1))-1)+IF('Standard Profiles'!$G$22=$B$10,7,0)+IF('Standard Profiles'!$G$22=$B$17,14,0)+IF('Standard Profiles'!$G$22=$B$24,21,0),MOD($C5629,24)+1)/SUM(INDEX($D$3:$AA$30,INDEX(Jesper!$R$2:$R$366,ROW(INDEX(Jesper!AL$2:AL$366,ROUNDDOWN($C5629/24,0)+1,1))-1)+IF('Standard Profiles'!$G$22=$B$10,7,0)+IF('Standard Profiles'!$G$22=$B$17,14,0)+IF('Standard Profiles'!$G$22=$B$24,21,0),0)),0)</f>
        <v>0</v>
      </c>
      <c r="I5629">
        <f t="shared" si="629"/>
        <v>0</v>
      </c>
      <c r="J5629">
        <f t="shared" si="630"/>
        <v>5.7217412695017638</v>
      </c>
      <c r="K5629">
        <f t="shared" si="631"/>
        <v>0.5227276424638414</v>
      </c>
      <c r="L5629">
        <f t="shared" si="632"/>
        <v>0.2613638212319207</v>
      </c>
      <c r="M5629">
        <f t="shared" si="633"/>
        <v>0</v>
      </c>
      <c r="N5629" s="45">
        <f t="shared" si="634"/>
        <v>45160.12499998643</v>
      </c>
    </row>
    <row r="5630" spans="2:14" x14ac:dyDescent="0.25">
      <c r="B5630">
        <f t="shared" si="628"/>
        <v>2</v>
      </c>
      <c r="C5630" s="16">
        <v>5596</v>
      </c>
      <c r="D5630" cm="1">
        <f t="array" ref="D5630">IFERROR(INDEX(Jesper!AH$2:AH$366,ROUNDDOWN($C5630/24,0)+1,1)*INDEX($D$3:$AA$30,INDEX(Jesper!$R$2:$R$366,ROW(INDEX(Jesper!AH$2:AH$366,ROUNDDOWN($C5630/24,0)+1,1))-1)+IF('Standard Profiles'!$G$18=$B$10,7,0)+IF('Standard Profiles'!$G$18=$B$17,14,0)+IF('Standard Profiles'!$G$18=$B$24,21,0),MOD($C5630,24)+1)/SUM(INDEX($D$3:$AA$30,INDEX(Jesper!$R$2:$R$366,ROW(INDEX(Jesper!AH$2:AH$366,ROUNDDOWN($C5630/24,0)+1,1))-1)+IF('Standard Profiles'!$G$18=$B$10,7,0)+IF('Standard Profiles'!$G$18=$B$17,14,0)+IF('Standard Profiles'!$G$18=$B$24,21,0),0)),0)</f>
        <v>4.9005716480985129</v>
      </c>
      <c r="E5630" cm="1">
        <f t="array" ref="E5630">IFERROR(INDEX(Jesper!AI$2:AI$366,ROUNDDOWN($C5630/24,0)+1,1)*INDEX($D$3:$AA$30,INDEX(Jesper!$R$2:$R$366,ROW(INDEX(Jesper!AI$2:AI$366,ROUNDDOWN($C5630/24,0)+1,1))-1)+IF('Standard Profiles'!$G$19=$B$10,7,0)+IF('Standard Profiles'!$G$19=$B$17,14,0)+IF('Standard Profiles'!$G$19=$B$24,21,0),MOD($C5630,24)+1)/SUM(INDEX($D$3:$AA$30,INDEX(Jesper!$R$2:$R$366,ROW(INDEX(Jesper!AI$2:AI$366,ROUNDDOWN($C5630/24,0)+1,1))-1)+IF('Standard Profiles'!$G$19=$B$10,7,0)+IF('Standard Profiles'!$G$19=$B$17,14,0)+IF('Standard Profiles'!$G$19=$B$24,21,0),0)),0)</f>
        <v>1.6052610850990126</v>
      </c>
      <c r="F5630" cm="1">
        <f t="array" ref="F5630">IFERROR(INDEX(Jesper!AJ$2:AJ$366,ROUNDDOWN($C5630/24,0)+1,1)*INDEX($D$3:$AA$30,INDEX(Jesper!$R$2:$R$366,ROW(INDEX(Jesper!AJ$2:AJ$366,ROUNDDOWN($C5630/24,0)+1,1))-1)+IF('Standard Profiles'!$G$20=$B$10,7,0)+IF('Standard Profiles'!$G$20=$B$17,14,0)+IF('Standard Profiles'!$G$20=$B$24,21,0),MOD($C5630,24)+1)/SUM(INDEX($D$3:$AA$30,INDEX(Jesper!$R$2:$R$366,ROW(INDEX(Jesper!AJ$2:AJ$366,ROUNDDOWN($C5630/24,0)+1,1))-1)+IF('Standard Profiles'!$G$20=$B$10,7,0)+IF('Standard Profiles'!$G$20=$B$17,14,0)+IF('Standard Profiles'!$G$20=$B$24,21,0),0)),0)</f>
        <v>0</v>
      </c>
      <c r="G5630" cm="1">
        <f t="array" ref="G5630">IFERROR(INDEX(Jesper!AK$2:AK$366,ROUNDDOWN($C5630/24,0)+1,1)*INDEX($D$3:$AA$30,INDEX(Jesper!$R$2:$R$366,ROW(INDEX(Jesper!AK$2:AK$366,ROUNDDOWN($C5630/24,0)+1,1))-1)+IF('Standard Profiles'!$G$21=$B$10,7,0)+IF('Standard Profiles'!$G$21=$B$17,14,0)+IF('Standard Profiles'!$G$21=$B$24,21,0),MOD($C5630,24)+1)/SUM(INDEX($D$3:$AA$30,INDEX(Jesper!$R$2:$R$366,ROW(INDEX(Jesper!AK$2:AK$366,ROUNDDOWN($C5630/24,0)+1,1))-1)+IF('Standard Profiles'!$G$21=$B$10,7,0)+IF('Standard Profiles'!$G$21=$B$17,14,0)+IF('Standard Profiles'!$G$21=$B$24,21,0),0)),0)</f>
        <v>0</v>
      </c>
      <c r="H5630" cm="1">
        <f t="array" ref="H5630">IFERROR(INDEX(Jesper!AL$2:AL$366,ROUNDDOWN($C5630/24,0)+1,1)*INDEX($D$3:$AA$30,INDEX(Jesper!$R$2:$R$366,ROW(INDEX(Jesper!AL$2:AL$366,ROUNDDOWN($C5630/24,0)+1,1))-1)+IF('Standard Profiles'!$G$22=$B$10,7,0)+IF('Standard Profiles'!$G$22=$B$17,14,0)+IF('Standard Profiles'!$G$22=$B$24,21,0),MOD($C5630,24)+1)/SUM(INDEX($D$3:$AA$30,INDEX(Jesper!$R$2:$R$366,ROW(INDEX(Jesper!AL$2:AL$366,ROUNDDOWN($C5630/24,0)+1,1))-1)+IF('Standard Profiles'!$G$22=$B$10,7,0)+IF('Standard Profiles'!$G$22=$B$17,14,0)+IF('Standard Profiles'!$G$22=$B$24,21,0),0)),0)</f>
        <v>0</v>
      </c>
      <c r="I5630">
        <f t="shared" si="629"/>
        <v>0</v>
      </c>
      <c r="J5630">
        <f t="shared" si="630"/>
        <v>5.7217412695017638</v>
      </c>
      <c r="K5630">
        <f t="shared" si="631"/>
        <v>0.5227276424638414</v>
      </c>
      <c r="L5630">
        <f t="shared" si="632"/>
        <v>0.2613638212319207</v>
      </c>
      <c r="M5630">
        <f t="shared" si="633"/>
        <v>0</v>
      </c>
      <c r="N5630" s="45">
        <f t="shared" si="634"/>
        <v>45160.166666653095</v>
      </c>
    </row>
    <row r="5631" spans="2:14" x14ac:dyDescent="0.25">
      <c r="B5631">
        <f t="shared" si="628"/>
        <v>2</v>
      </c>
      <c r="C5631" s="16">
        <v>5597</v>
      </c>
      <c r="D5631" cm="1">
        <f t="array" ref="D5631">IFERROR(INDEX(Jesper!AH$2:AH$366,ROUNDDOWN($C5631/24,0)+1,1)*INDEX($D$3:$AA$30,INDEX(Jesper!$R$2:$R$366,ROW(INDEX(Jesper!AH$2:AH$366,ROUNDDOWN($C5631/24,0)+1,1))-1)+IF('Standard Profiles'!$G$18=$B$10,7,0)+IF('Standard Profiles'!$G$18=$B$17,14,0)+IF('Standard Profiles'!$G$18=$B$24,21,0),MOD($C5631,24)+1)/SUM(INDEX($D$3:$AA$30,INDEX(Jesper!$R$2:$R$366,ROW(INDEX(Jesper!AH$2:AH$366,ROUNDDOWN($C5631/24,0)+1,1))-1)+IF('Standard Profiles'!$G$18=$B$10,7,0)+IF('Standard Profiles'!$G$18=$B$17,14,0)+IF('Standard Profiles'!$G$18=$B$24,21,0),0)),0)</f>
        <v>4.9005716480985129</v>
      </c>
      <c r="E5631" cm="1">
        <f t="array" ref="E5631">IFERROR(INDEX(Jesper!AI$2:AI$366,ROUNDDOWN($C5631/24,0)+1,1)*INDEX($D$3:$AA$30,INDEX(Jesper!$R$2:$R$366,ROW(INDEX(Jesper!AI$2:AI$366,ROUNDDOWN($C5631/24,0)+1,1))-1)+IF('Standard Profiles'!$G$19=$B$10,7,0)+IF('Standard Profiles'!$G$19=$B$17,14,0)+IF('Standard Profiles'!$G$19=$B$24,21,0),MOD($C5631,24)+1)/SUM(INDEX($D$3:$AA$30,INDEX(Jesper!$R$2:$R$366,ROW(INDEX(Jesper!AI$2:AI$366,ROUNDDOWN($C5631/24,0)+1,1))-1)+IF('Standard Profiles'!$G$19=$B$10,7,0)+IF('Standard Profiles'!$G$19=$B$17,14,0)+IF('Standard Profiles'!$G$19=$B$24,21,0),0)),0)</f>
        <v>1.6052610850990126</v>
      </c>
      <c r="F5631" cm="1">
        <f t="array" ref="F5631">IFERROR(INDEX(Jesper!AJ$2:AJ$366,ROUNDDOWN($C5631/24,0)+1,1)*INDEX($D$3:$AA$30,INDEX(Jesper!$R$2:$R$366,ROW(INDEX(Jesper!AJ$2:AJ$366,ROUNDDOWN($C5631/24,0)+1,1))-1)+IF('Standard Profiles'!$G$20=$B$10,7,0)+IF('Standard Profiles'!$G$20=$B$17,14,0)+IF('Standard Profiles'!$G$20=$B$24,21,0),MOD($C5631,24)+1)/SUM(INDEX($D$3:$AA$30,INDEX(Jesper!$R$2:$R$366,ROW(INDEX(Jesper!AJ$2:AJ$366,ROUNDDOWN($C5631/24,0)+1,1))-1)+IF('Standard Profiles'!$G$20=$B$10,7,0)+IF('Standard Profiles'!$G$20=$B$17,14,0)+IF('Standard Profiles'!$G$20=$B$24,21,0),0)),0)</f>
        <v>0</v>
      </c>
      <c r="G5631" cm="1">
        <f t="array" ref="G5631">IFERROR(INDEX(Jesper!AK$2:AK$366,ROUNDDOWN($C5631/24,0)+1,1)*INDEX($D$3:$AA$30,INDEX(Jesper!$R$2:$R$366,ROW(INDEX(Jesper!AK$2:AK$366,ROUNDDOWN($C5631/24,0)+1,1))-1)+IF('Standard Profiles'!$G$21=$B$10,7,0)+IF('Standard Profiles'!$G$21=$B$17,14,0)+IF('Standard Profiles'!$G$21=$B$24,21,0),MOD($C5631,24)+1)/SUM(INDEX($D$3:$AA$30,INDEX(Jesper!$R$2:$R$366,ROW(INDEX(Jesper!AK$2:AK$366,ROUNDDOWN($C5631/24,0)+1,1))-1)+IF('Standard Profiles'!$G$21=$B$10,7,0)+IF('Standard Profiles'!$G$21=$B$17,14,0)+IF('Standard Profiles'!$G$21=$B$24,21,0),0)),0)</f>
        <v>0</v>
      </c>
      <c r="H5631" cm="1">
        <f t="array" ref="H5631">IFERROR(INDEX(Jesper!AL$2:AL$366,ROUNDDOWN($C5631/24,0)+1,1)*INDEX($D$3:$AA$30,INDEX(Jesper!$R$2:$R$366,ROW(INDEX(Jesper!AL$2:AL$366,ROUNDDOWN($C5631/24,0)+1,1))-1)+IF('Standard Profiles'!$G$22=$B$10,7,0)+IF('Standard Profiles'!$G$22=$B$17,14,0)+IF('Standard Profiles'!$G$22=$B$24,21,0),MOD($C5631,24)+1)/SUM(INDEX($D$3:$AA$30,INDEX(Jesper!$R$2:$R$366,ROW(INDEX(Jesper!AL$2:AL$366,ROUNDDOWN($C5631/24,0)+1,1))-1)+IF('Standard Profiles'!$G$22=$B$10,7,0)+IF('Standard Profiles'!$G$22=$B$17,14,0)+IF('Standard Profiles'!$G$22=$B$24,21,0),0)),0)</f>
        <v>0</v>
      </c>
      <c r="I5631">
        <f t="shared" si="629"/>
        <v>0</v>
      </c>
      <c r="J5631">
        <f t="shared" si="630"/>
        <v>5.7217412695017638</v>
      </c>
      <c r="K5631">
        <f t="shared" si="631"/>
        <v>0.5227276424638414</v>
      </c>
      <c r="L5631">
        <f t="shared" si="632"/>
        <v>0.2613638212319207</v>
      </c>
      <c r="M5631">
        <f t="shared" si="633"/>
        <v>0</v>
      </c>
      <c r="N5631" s="45">
        <f t="shared" si="634"/>
        <v>45160.208333319759</v>
      </c>
    </row>
    <row r="5632" spans="2:14" x14ac:dyDescent="0.25">
      <c r="B5632">
        <f t="shared" si="628"/>
        <v>2</v>
      </c>
      <c r="C5632" s="16">
        <v>5598</v>
      </c>
      <c r="D5632" cm="1">
        <f t="array" ref="D5632">IFERROR(INDEX(Jesper!AH$2:AH$366,ROUNDDOWN($C5632/24,0)+1,1)*INDEX($D$3:$AA$30,INDEX(Jesper!$R$2:$R$366,ROW(INDEX(Jesper!AH$2:AH$366,ROUNDDOWN($C5632/24,0)+1,1))-1)+IF('Standard Profiles'!$G$18=$B$10,7,0)+IF('Standard Profiles'!$G$18=$B$17,14,0)+IF('Standard Profiles'!$G$18=$B$24,21,0),MOD($C5632,24)+1)/SUM(INDEX($D$3:$AA$30,INDEX(Jesper!$R$2:$R$366,ROW(INDEX(Jesper!AH$2:AH$366,ROUNDDOWN($C5632/24,0)+1,1))-1)+IF('Standard Profiles'!$G$18=$B$10,7,0)+IF('Standard Profiles'!$G$18=$B$17,14,0)+IF('Standard Profiles'!$G$18=$B$24,21,0),0)),0)</f>
        <v>4.9005716480985129</v>
      </c>
      <c r="E5632" cm="1">
        <f t="array" ref="E5632">IFERROR(INDEX(Jesper!AI$2:AI$366,ROUNDDOWN($C5632/24,0)+1,1)*INDEX($D$3:$AA$30,INDEX(Jesper!$R$2:$R$366,ROW(INDEX(Jesper!AI$2:AI$366,ROUNDDOWN($C5632/24,0)+1,1))-1)+IF('Standard Profiles'!$G$19=$B$10,7,0)+IF('Standard Profiles'!$G$19=$B$17,14,0)+IF('Standard Profiles'!$G$19=$B$24,21,0),MOD($C5632,24)+1)/SUM(INDEX($D$3:$AA$30,INDEX(Jesper!$R$2:$R$366,ROW(INDEX(Jesper!AI$2:AI$366,ROUNDDOWN($C5632/24,0)+1,1))-1)+IF('Standard Profiles'!$G$19=$B$10,7,0)+IF('Standard Profiles'!$G$19=$B$17,14,0)+IF('Standard Profiles'!$G$19=$B$24,21,0),0)),0)</f>
        <v>1.6052610850990126</v>
      </c>
      <c r="F5632" cm="1">
        <f t="array" ref="F5632">IFERROR(INDEX(Jesper!AJ$2:AJ$366,ROUNDDOWN($C5632/24,0)+1,1)*INDEX($D$3:$AA$30,INDEX(Jesper!$R$2:$R$366,ROW(INDEX(Jesper!AJ$2:AJ$366,ROUNDDOWN($C5632/24,0)+1,1))-1)+IF('Standard Profiles'!$G$20=$B$10,7,0)+IF('Standard Profiles'!$G$20=$B$17,14,0)+IF('Standard Profiles'!$G$20=$B$24,21,0),MOD($C5632,24)+1)/SUM(INDEX($D$3:$AA$30,INDEX(Jesper!$R$2:$R$366,ROW(INDEX(Jesper!AJ$2:AJ$366,ROUNDDOWN($C5632/24,0)+1,1))-1)+IF('Standard Profiles'!$G$20=$B$10,7,0)+IF('Standard Profiles'!$G$20=$B$17,14,0)+IF('Standard Profiles'!$G$20=$B$24,21,0),0)),0)</f>
        <v>0</v>
      </c>
      <c r="G5632" cm="1">
        <f t="array" ref="G5632">IFERROR(INDEX(Jesper!AK$2:AK$366,ROUNDDOWN($C5632/24,0)+1,1)*INDEX($D$3:$AA$30,INDEX(Jesper!$R$2:$R$366,ROW(INDEX(Jesper!AK$2:AK$366,ROUNDDOWN($C5632/24,0)+1,1))-1)+IF('Standard Profiles'!$G$21=$B$10,7,0)+IF('Standard Profiles'!$G$21=$B$17,14,0)+IF('Standard Profiles'!$G$21=$B$24,21,0),MOD($C5632,24)+1)/SUM(INDEX($D$3:$AA$30,INDEX(Jesper!$R$2:$R$366,ROW(INDEX(Jesper!AK$2:AK$366,ROUNDDOWN($C5632/24,0)+1,1))-1)+IF('Standard Profiles'!$G$21=$B$10,7,0)+IF('Standard Profiles'!$G$21=$B$17,14,0)+IF('Standard Profiles'!$G$21=$B$24,21,0),0)),0)</f>
        <v>0</v>
      </c>
      <c r="H5632" cm="1">
        <f t="array" ref="H5632">IFERROR(INDEX(Jesper!AL$2:AL$366,ROUNDDOWN($C5632/24,0)+1,1)*INDEX($D$3:$AA$30,INDEX(Jesper!$R$2:$R$366,ROW(INDEX(Jesper!AL$2:AL$366,ROUNDDOWN($C5632/24,0)+1,1))-1)+IF('Standard Profiles'!$G$22=$B$10,7,0)+IF('Standard Profiles'!$G$22=$B$17,14,0)+IF('Standard Profiles'!$G$22=$B$24,21,0),MOD($C5632,24)+1)/SUM(INDEX($D$3:$AA$30,INDEX(Jesper!$R$2:$R$366,ROW(INDEX(Jesper!AL$2:AL$366,ROUNDDOWN($C5632/24,0)+1,1))-1)+IF('Standard Profiles'!$G$22=$B$10,7,0)+IF('Standard Profiles'!$G$22=$B$17,14,0)+IF('Standard Profiles'!$G$22=$B$24,21,0),0)),0)</f>
        <v>0</v>
      </c>
      <c r="I5632">
        <f t="shared" si="629"/>
        <v>0</v>
      </c>
      <c r="J5632">
        <f t="shared" si="630"/>
        <v>5.7217412695017638</v>
      </c>
      <c r="K5632">
        <f t="shared" si="631"/>
        <v>0.5227276424638414</v>
      </c>
      <c r="L5632">
        <f t="shared" si="632"/>
        <v>0.2613638212319207</v>
      </c>
      <c r="M5632">
        <f t="shared" si="633"/>
        <v>0</v>
      </c>
      <c r="N5632" s="45">
        <f t="shared" si="634"/>
        <v>45160.249999986423</v>
      </c>
    </row>
    <row r="5633" spans="2:14" x14ac:dyDescent="0.25">
      <c r="B5633">
        <f t="shared" si="628"/>
        <v>2</v>
      </c>
      <c r="C5633" s="16">
        <v>5599</v>
      </c>
      <c r="D5633" cm="1">
        <f t="array" ref="D5633">IFERROR(INDEX(Jesper!AH$2:AH$366,ROUNDDOWN($C5633/24,0)+1,1)*INDEX($D$3:$AA$30,INDEX(Jesper!$R$2:$R$366,ROW(INDEX(Jesper!AH$2:AH$366,ROUNDDOWN($C5633/24,0)+1,1))-1)+IF('Standard Profiles'!$G$18=$B$10,7,0)+IF('Standard Profiles'!$G$18=$B$17,14,0)+IF('Standard Profiles'!$G$18=$B$24,21,0),MOD($C5633,24)+1)/SUM(INDEX($D$3:$AA$30,INDEX(Jesper!$R$2:$R$366,ROW(INDEX(Jesper!AH$2:AH$366,ROUNDDOWN($C5633/24,0)+1,1))-1)+IF('Standard Profiles'!$G$18=$B$10,7,0)+IF('Standard Profiles'!$G$18=$B$17,14,0)+IF('Standard Profiles'!$G$18=$B$24,21,0),0)),0)</f>
        <v>20.65897235401529</v>
      </c>
      <c r="E5633" cm="1">
        <f t="array" ref="E5633">IFERROR(INDEX(Jesper!AI$2:AI$366,ROUNDDOWN($C5633/24,0)+1,1)*INDEX($D$3:$AA$30,INDEX(Jesper!$R$2:$R$366,ROW(INDEX(Jesper!AI$2:AI$366,ROUNDDOWN($C5633/24,0)+1,1))-1)+IF('Standard Profiles'!$G$19=$B$10,7,0)+IF('Standard Profiles'!$G$19=$B$17,14,0)+IF('Standard Profiles'!$G$19=$B$24,21,0),MOD($C5633,24)+1)/SUM(INDEX($D$3:$AA$30,INDEX(Jesper!$R$2:$R$366,ROW(INDEX(Jesper!AI$2:AI$366,ROUNDDOWN($C5633/24,0)+1,1))-1)+IF('Standard Profiles'!$G$19=$B$10,7,0)+IF('Standard Profiles'!$G$19=$B$17,14,0)+IF('Standard Profiles'!$G$19=$B$24,21,0),0)),0)</f>
        <v>6.7671787618705244</v>
      </c>
      <c r="F5633" cm="1">
        <f t="array" ref="F5633">IFERROR(INDEX(Jesper!AJ$2:AJ$366,ROUNDDOWN($C5633/24,0)+1,1)*INDEX($D$3:$AA$30,INDEX(Jesper!$R$2:$R$366,ROW(INDEX(Jesper!AJ$2:AJ$366,ROUNDDOWN($C5633/24,0)+1,1))-1)+IF('Standard Profiles'!$G$20=$B$10,7,0)+IF('Standard Profiles'!$G$20=$B$17,14,0)+IF('Standard Profiles'!$G$20=$B$24,21,0),MOD($C5633,24)+1)/SUM(INDEX($D$3:$AA$30,INDEX(Jesper!$R$2:$R$366,ROW(INDEX(Jesper!AJ$2:AJ$366,ROUNDDOWN($C5633/24,0)+1,1))-1)+IF('Standard Profiles'!$G$20=$B$10,7,0)+IF('Standard Profiles'!$G$20=$B$17,14,0)+IF('Standard Profiles'!$G$20=$B$24,21,0),0)),0)</f>
        <v>0</v>
      </c>
      <c r="G5633" cm="1">
        <f t="array" ref="G5633">IFERROR(INDEX(Jesper!AK$2:AK$366,ROUNDDOWN($C5633/24,0)+1,1)*INDEX($D$3:$AA$30,INDEX(Jesper!$R$2:$R$366,ROW(INDEX(Jesper!AK$2:AK$366,ROUNDDOWN($C5633/24,0)+1,1))-1)+IF('Standard Profiles'!$G$21=$B$10,7,0)+IF('Standard Profiles'!$G$21=$B$17,14,0)+IF('Standard Profiles'!$G$21=$B$24,21,0),MOD($C5633,24)+1)/SUM(INDEX($D$3:$AA$30,INDEX(Jesper!$R$2:$R$366,ROW(INDEX(Jesper!AK$2:AK$366,ROUNDDOWN($C5633/24,0)+1,1))-1)+IF('Standard Profiles'!$G$21=$B$10,7,0)+IF('Standard Profiles'!$G$21=$B$17,14,0)+IF('Standard Profiles'!$G$21=$B$24,21,0),0)),0)</f>
        <v>0</v>
      </c>
      <c r="H5633" cm="1">
        <f t="array" ref="H5633">IFERROR(INDEX(Jesper!AL$2:AL$366,ROUNDDOWN($C5633/24,0)+1,1)*INDEX($D$3:$AA$30,INDEX(Jesper!$R$2:$R$366,ROW(INDEX(Jesper!AL$2:AL$366,ROUNDDOWN($C5633/24,0)+1,1))-1)+IF('Standard Profiles'!$G$22=$B$10,7,0)+IF('Standard Profiles'!$G$22=$B$17,14,0)+IF('Standard Profiles'!$G$22=$B$24,21,0),MOD($C5633,24)+1)/SUM(INDEX($D$3:$AA$30,INDEX(Jesper!$R$2:$R$366,ROW(INDEX(Jesper!AL$2:AL$366,ROUNDDOWN($C5633/24,0)+1,1))-1)+IF('Standard Profiles'!$G$22=$B$10,7,0)+IF('Standard Profiles'!$G$22=$B$17,14,0)+IF('Standard Profiles'!$G$22=$B$24,21,0),0)),0)</f>
        <v>0</v>
      </c>
      <c r="I5633">
        <f t="shared" si="629"/>
        <v>0</v>
      </c>
      <c r="J5633">
        <f t="shared" si="630"/>
        <v>24.120715539243367</v>
      </c>
      <c r="K5633">
        <f t="shared" si="631"/>
        <v>2.2036237177616309</v>
      </c>
      <c r="L5633">
        <f t="shared" si="632"/>
        <v>1.1018118588808155</v>
      </c>
      <c r="M5633">
        <f t="shared" si="633"/>
        <v>0</v>
      </c>
      <c r="N5633" s="45">
        <f t="shared" si="634"/>
        <v>45160.291666653087</v>
      </c>
    </row>
    <row r="5634" spans="2:14" x14ac:dyDescent="0.25">
      <c r="B5634">
        <f t="shared" si="628"/>
        <v>2</v>
      </c>
      <c r="C5634" s="16">
        <v>5600</v>
      </c>
      <c r="D5634" cm="1">
        <f t="array" ref="D5634">IFERROR(INDEX(Jesper!AH$2:AH$366,ROUNDDOWN($C5634/24,0)+1,1)*INDEX($D$3:$AA$30,INDEX(Jesper!$R$2:$R$366,ROW(INDEX(Jesper!AH$2:AH$366,ROUNDDOWN($C5634/24,0)+1,1))-1)+IF('Standard Profiles'!$G$18=$B$10,7,0)+IF('Standard Profiles'!$G$18=$B$17,14,0)+IF('Standard Profiles'!$G$18=$B$24,21,0),MOD($C5634,24)+1)/SUM(INDEX($D$3:$AA$30,INDEX(Jesper!$R$2:$R$366,ROW(INDEX(Jesper!AH$2:AH$366,ROUNDDOWN($C5634/24,0)+1,1))-1)+IF('Standard Profiles'!$G$18=$B$10,7,0)+IF('Standard Profiles'!$G$18=$B$17,14,0)+IF('Standard Profiles'!$G$18=$B$24,21,0),0)),0)</f>
        <v>23.051063889743375</v>
      </c>
      <c r="E5634" cm="1">
        <f t="array" ref="E5634">IFERROR(INDEX(Jesper!AI$2:AI$366,ROUNDDOWN($C5634/24,0)+1,1)*INDEX($D$3:$AA$30,INDEX(Jesper!$R$2:$R$366,ROW(INDEX(Jesper!AI$2:AI$366,ROUNDDOWN($C5634/24,0)+1,1))-1)+IF('Standard Profiles'!$G$19=$B$10,7,0)+IF('Standard Profiles'!$G$19=$B$17,14,0)+IF('Standard Profiles'!$G$19=$B$24,21,0),MOD($C5634,24)+1)/SUM(INDEX($D$3:$AA$30,INDEX(Jesper!$R$2:$R$366,ROW(INDEX(Jesper!AI$2:AI$366,ROUNDDOWN($C5634/24,0)+1,1))-1)+IF('Standard Profiles'!$G$19=$B$10,7,0)+IF('Standard Profiles'!$G$19=$B$17,14,0)+IF('Standard Profiles'!$G$19=$B$24,21,0),0)),0)</f>
        <v>7.5507468290344795</v>
      </c>
      <c r="F5634" cm="1">
        <f t="array" ref="F5634">IFERROR(INDEX(Jesper!AJ$2:AJ$366,ROUNDDOWN($C5634/24,0)+1,1)*INDEX($D$3:$AA$30,INDEX(Jesper!$R$2:$R$366,ROW(INDEX(Jesper!AJ$2:AJ$366,ROUNDDOWN($C5634/24,0)+1,1))-1)+IF('Standard Profiles'!$G$20=$B$10,7,0)+IF('Standard Profiles'!$G$20=$B$17,14,0)+IF('Standard Profiles'!$G$20=$B$24,21,0),MOD($C5634,24)+1)/SUM(INDEX($D$3:$AA$30,INDEX(Jesper!$R$2:$R$366,ROW(INDEX(Jesper!AJ$2:AJ$366,ROUNDDOWN($C5634/24,0)+1,1))-1)+IF('Standard Profiles'!$G$20=$B$10,7,0)+IF('Standard Profiles'!$G$20=$B$17,14,0)+IF('Standard Profiles'!$G$20=$B$24,21,0),0)),0)</f>
        <v>0</v>
      </c>
      <c r="G5634" cm="1">
        <f t="array" ref="G5634">IFERROR(INDEX(Jesper!AK$2:AK$366,ROUNDDOWN($C5634/24,0)+1,1)*INDEX($D$3:$AA$30,INDEX(Jesper!$R$2:$R$366,ROW(INDEX(Jesper!AK$2:AK$366,ROUNDDOWN($C5634/24,0)+1,1))-1)+IF('Standard Profiles'!$G$21=$B$10,7,0)+IF('Standard Profiles'!$G$21=$B$17,14,0)+IF('Standard Profiles'!$G$21=$B$24,21,0),MOD($C5634,24)+1)/SUM(INDEX($D$3:$AA$30,INDEX(Jesper!$R$2:$R$366,ROW(INDEX(Jesper!AK$2:AK$366,ROUNDDOWN($C5634/24,0)+1,1))-1)+IF('Standard Profiles'!$G$21=$B$10,7,0)+IF('Standard Profiles'!$G$21=$B$17,14,0)+IF('Standard Profiles'!$G$21=$B$24,21,0),0)),0)</f>
        <v>0</v>
      </c>
      <c r="H5634" cm="1">
        <f t="array" ref="H5634">IFERROR(INDEX(Jesper!AL$2:AL$366,ROUNDDOWN($C5634/24,0)+1,1)*INDEX($D$3:$AA$30,INDEX(Jesper!$R$2:$R$366,ROW(INDEX(Jesper!AL$2:AL$366,ROUNDDOWN($C5634/24,0)+1,1))-1)+IF('Standard Profiles'!$G$22=$B$10,7,0)+IF('Standard Profiles'!$G$22=$B$17,14,0)+IF('Standard Profiles'!$G$22=$B$24,21,0),MOD($C5634,24)+1)/SUM(INDEX($D$3:$AA$30,INDEX(Jesper!$R$2:$R$366,ROW(INDEX(Jesper!AL$2:AL$366,ROUNDDOWN($C5634/24,0)+1,1))-1)+IF('Standard Profiles'!$G$22=$B$10,7,0)+IF('Standard Profiles'!$G$22=$B$17,14,0)+IF('Standard Profiles'!$G$22=$B$24,21,0),0)),0)</f>
        <v>0</v>
      </c>
      <c r="I5634">
        <f t="shared" si="629"/>
        <v>0</v>
      </c>
      <c r="J5634">
        <f t="shared" si="630"/>
        <v>26.913640496418914</v>
      </c>
      <c r="K5634">
        <f t="shared" si="631"/>
        <v>2.4587801482392937</v>
      </c>
      <c r="L5634">
        <f t="shared" si="632"/>
        <v>1.2293900741196468</v>
      </c>
      <c r="M5634">
        <f t="shared" si="633"/>
        <v>0</v>
      </c>
      <c r="N5634" s="45">
        <f t="shared" si="634"/>
        <v>45160.333333319752</v>
      </c>
    </row>
    <row r="5635" spans="2:14" x14ac:dyDescent="0.25">
      <c r="B5635">
        <f t="shared" si="628"/>
        <v>2</v>
      </c>
      <c r="C5635" s="16">
        <v>5601</v>
      </c>
      <c r="D5635" cm="1">
        <f t="array" ref="D5635">IFERROR(INDEX(Jesper!AH$2:AH$366,ROUNDDOWN($C5635/24,0)+1,1)*INDEX($D$3:$AA$30,INDEX(Jesper!$R$2:$R$366,ROW(INDEX(Jesper!AH$2:AH$366,ROUNDDOWN($C5635/24,0)+1,1))-1)+IF('Standard Profiles'!$G$18=$B$10,7,0)+IF('Standard Profiles'!$G$18=$B$17,14,0)+IF('Standard Profiles'!$G$18=$B$24,21,0),MOD($C5635,24)+1)/SUM(INDEX($D$3:$AA$30,INDEX(Jesper!$R$2:$R$366,ROW(INDEX(Jesper!AH$2:AH$366,ROUNDDOWN($C5635/24,0)+1,1))-1)+IF('Standard Profiles'!$G$18=$B$10,7,0)+IF('Standard Profiles'!$G$18=$B$17,14,0)+IF('Standard Profiles'!$G$18=$B$24,21,0),0)),0)</f>
        <v>25.443155425471463</v>
      </c>
      <c r="E5635" cm="1">
        <f t="array" ref="E5635">IFERROR(INDEX(Jesper!AI$2:AI$366,ROUNDDOWN($C5635/24,0)+1,1)*INDEX($D$3:$AA$30,INDEX(Jesper!$R$2:$R$366,ROW(INDEX(Jesper!AI$2:AI$366,ROUNDDOWN($C5635/24,0)+1,1))-1)+IF('Standard Profiles'!$G$19=$B$10,7,0)+IF('Standard Profiles'!$G$19=$B$17,14,0)+IF('Standard Profiles'!$G$19=$B$24,21,0),MOD($C5635,24)+1)/SUM(INDEX($D$3:$AA$30,INDEX(Jesper!$R$2:$R$366,ROW(INDEX(Jesper!AI$2:AI$366,ROUNDDOWN($C5635/24,0)+1,1))-1)+IF('Standard Profiles'!$G$19=$B$10,7,0)+IF('Standard Profiles'!$G$19=$B$17,14,0)+IF('Standard Profiles'!$G$19=$B$24,21,0),0)),0)</f>
        <v>8.3343148961984355</v>
      </c>
      <c r="F5635" cm="1">
        <f t="array" ref="F5635">IFERROR(INDEX(Jesper!AJ$2:AJ$366,ROUNDDOWN($C5635/24,0)+1,1)*INDEX($D$3:$AA$30,INDEX(Jesper!$R$2:$R$366,ROW(INDEX(Jesper!AJ$2:AJ$366,ROUNDDOWN($C5635/24,0)+1,1))-1)+IF('Standard Profiles'!$G$20=$B$10,7,0)+IF('Standard Profiles'!$G$20=$B$17,14,0)+IF('Standard Profiles'!$G$20=$B$24,21,0),MOD($C5635,24)+1)/SUM(INDEX($D$3:$AA$30,INDEX(Jesper!$R$2:$R$366,ROW(INDEX(Jesper!AJ$2:AJ$366,ROUNDDOWN($C5635/24,0)+1,1))-1)+IF('Standard Profiles'!$G$20=$B$10,7,0)+IF('Standard Profiles'!$G$20=$B$17,14,0)+IF('Standard Profiles'!$G$20=$B$24,21,0),0)),0)</f>
        <v>0</v>
      </c>
      <c r="G5635" cm="1">
        <f t="array" ref="G5635">IFERROR(INDEX(Jesper!AK$2:AK$366,ROUNDDOWN($C5635/24,0)+1,1)*INDEX($D$3:$AA$30,INDEX(Jesper!$R$2:$R$366,ROW(INDEX(Jesper!AK$2:AK$366,ROUNDDOWN($C5635/24,0)+1,1))-1)+IF('Standard Profiles'!$G$21=$B$10,7,0)+IF('Standard Profiles'!$G$21=$B$17,14,0)+IF('Standard Profiles'!$G$21=$B$24,21,0),MOD($C5635,24)+1)/SUM(INDEX($D$3:$AA$30,INDEX(Jesper!$R$2:$R$366,ROW(INDEX(Jesper!AK$2:AK$366,ROUNDDOWN($C5635/24,0)+1,1))-1)+IF('Standard Profiles'!$G$21=$B$10,7,0)+IF('Standard Profiles'!$G$21=$B$17,14,0)+IF('Standard Profiles'!$G$21=$B$24,21,0),0)),0)</f>
        <v>0</v>
      </c>
      <c r="H5635" cm="1">
        <f t="array" ref="H5635">IFERROR(INDEX(Jesper!AL$2:AL$366,ROUNDDOWN($C5635/24,0)+1,1)*INDEX($D$3:$AA$30,INDEX(Jesper!$R$2:$R$366,ROW(INDEX(Jesper!AL$2:AL$366,ROUNDDOWN($C5635/24,0)+1,1))-1)+IF('Standard Profiles'!$G$22=$B$10,7,0)+IF('Standard Profiles'!$G$22=$B$17,14,0)+IF('Standard Profiles'!$G$22=$B$24,21,0),MOD($C5635,24)+1)/SUM(INDEX($D$3:$AA$30,INDEX(Jesper!$R$2:$R$366,ROW(INDEX(Jesper!AL$2:AL$366,ROUNDDOWN($C5635/24,0)+1,1))-1)+IF('Standard Profiles'!$G$22=$B$10,7,0)+IF('Standard Profiles'!$G$22=$B$17,14,0)+IF('Standard Profiles'!$G$22=$B$24,21,0),0)),0)</f>
        <v>0</v>
      </c>
      <c r="I5635">
        <f t="shared" si="629"/>
        <v>0</v>
      </c>
      <c r="J5635">
        <f t="shared" si="630"/>
        <v>29.706565453594465</v>
      </c>
      <c r="K5635">
        <f t="shared" si="631"/>
        <v>2.7139365787169565</v>
      </c>
      <c r="L5635">
        <f t="shared" si="632"/>
        <v>1.3569682893584782</v>
      </c>
      <c r="M5635">
        <f t="shared" si="633"/>
        <v>0</v>
      </c>
      <c r="N5635" s="45">
        <f t="shared" si="634"/>
        <v>45160.374999986416</v>
      </c>
    </row>
    <row r="5636" spans="2:14" x14ac:dyDescent="0.25">
      <c r="B5636">
        <f t="shared" si="628"/>
        <v>2</v>
      </c>
      <c r="C5636" s="16">
        <v>5602</v>
      </c>
      <c r="D5636" cm="1">
        <f t="array" ref="D5636">IFERROR(INDEX(Jesper!AH$2:AH$366,ROUNDDOWN($C5636/24,0)+1,1)*INDEX($D$3:$AA$30,INDEX(Jesper!$R$2:$R$366,ROW(INDEX(Jesper!AH$2:AH$366,ROUNDDOWN($C5636/24,0)+1,1))-1)+IF('Standard Profiles'!$G$18=$B$10,7,0)+IF('Standard Profiles'!$G$18=$B$17,14,0)+IF('Standard Profiles'!$G$18=$B$24,21,0),MOD($C5636,24)+1)/SUM(INDEX($D$3:$AA$30,INDEX(Jesper!$R$2:$R$366,ROW(INDEX(Jesper!AH$2:AH$366,ROUNDDOWN($C5636/24,0)+1,1))-1)+IF('Standard Profiles'!$G$18=$B$10,7,0)+IF('Standard Profiles'!$G$18=$B$17,14,0)+IF('Standard Profiles'!$G$18=$B$24,21,0),0)),0)</f>
        <v>25.443155425471463</v>
      </c>
      <c r="E5636" cm="1">
        <f t="array" ref="E5636">IFERROR(INDEX(Jesper!AI$2:AI$366,ROUNDDOWN($C5636/24,0)+1,1)*INDEX($D$3:$AA$30,INDEX(Jesper!$R$2:$R$366,ROW(INDEX(Jesper!AI$2:AI$366,ROUNDDOWN($C5636/24,0)+1,1))-1)+IF('Standard Profiles'!$G$19=$B$10,7,0)+IF('Standard Profiles'!$G$19=$B$17,14,0)+IF('Standard Profiles'!$G$19=$B$24,21,0),MOD($C5636,24)+1)/SUM(INDEX($D$3:$AA$30,INDEX(Jesper!$R$2:$R$366,ROW(INDEX(Jesper!AI$2:AI$366,ROUNDDOWN($C5636/24,0)+1,1))-1)+IF('Standard Profiles'!$G$19=$B$10,7,0)+IF('Standard Profiles'!$G$19=$B$17,14,0)+IF('Standard Profiles'!$G$19=$B$24,21,0),0)),0)</f>
        <v>8.3343148961984355</v>
      </c>
      <c r="F5636" cm="1">
        <f t="array" ref="F5636">IFERROR(INDEX(Jesper!AJ$2:AJ$366,ROUNDDOWN($C5636/24,0)+1,1)*INDEX($D$3:$AA$30,INDEX(Jesper!$R$2:$R$366,ROW(INDEX(Jesper!AJ$2:AJ$366,ROUNDDOWN($C5636/24,0)+1,1))-1)+IF('Standard Profiles'!$G$20=$B$10,7,0)+IF('Standard Profiles'!$G$20=$B$17,14,0)+IF('Standard Profiles'!$G$20=$B$24,21,0),MOD($C5636,24)+1)/SUM(INDEX($D$3:$AA$30,INDEX(Jesper!$R$2:$R$366,ROW(INDEX(Jesper!AJ$2:AJ$366,ROUNDDOWN($C5636/24,0)+1,1))-1)+IF('Standard Profiles'!$G$20=$B$10,7,0)+IF('Standard Profiles'!$G$20=$B$17,14,0)+IF('Standard Profiles'!$G$20=$B$24,21,0),0)),0)</f>
        <v>0</v>
      </c>
      <c r="G5636" cm="1">
        <f t="array" ref="G5636">IFERROR(INDEX(Jesper!AK$2:AK$366,ROUNDDOWN($C5636/24,0)+1,1)*INDEX($D$3:$AA$30,INDEX(Jesper!$R$2:$R$366,ROW(INDEX(Jesper!AK$2:AK$366,ROUNDDOWN($C5636/24,0)+1,1))-1)+IF('Standard Profiles'!$G$21=$B$10,7,0)+IF('Standard Profiles'!$G$21=$B$17,14,0)+IF('Standard Profiles'!$G$21=$B$24,21,0),MOD($C5636,24)+1)/SUM(INDEX($D$3:$AA$30,INDEX(Jesper!$R$2:$R$366,ROW(INDEX(Jesper!AK$2:AK$366,ROUNDDOWN($C5636/24,0)+1,1))-1)+IF('Standard Profiles'!$G$21=$B$10,7,0)+IF('Standard Profiles'!$G$21=$B$17,14,0)+IF('Standard Profiles'!$G$21=$B$24,21,0),0)),0)</f>
        <v>0</v>
      </c>
      <c r="H5636" cm="1">
        <f t="array" ref="H5636">IFERROR(INDEX(Jesper!AL$2:AL$366,ROUNDDOWN($C5636/24,0)+1,1)*INDEX($D$3:$AA$30,INDEX(Jesper!$R$2:$R$366,ROW(INDEX(Jesper!AL$2:AL$366,ROUNDDOWN($C5636/24,0)+1,1))-1)+IF('Standard Profiles'!$G$22=$B$10,7,0)+IF('Standard Profiles'!$G$22=$B$17,14,0)+IF('Standard Profiles'!$G$22=$B$24,21,0),MOD($C5636,24)+1)/SUM(INDEX($D$3:$AA$30,INDEX(Jesper!$R$2:$R$366,ROW(INDEX(Jesper!AL$2:AL$366,ROUNDDOWN($C5636/24,0)+1,1))-1)+IF('Standard Profiles'!$G$22=$B$10,7,0)+IF('Standard Profiles'!$G$22=$B$17,14,0)+IF('Standard Profiles'!$G$22=$B$24,21,0),0)),0)</f>
        <v>0</v>
      </c>
      <c r="I5636">
        <f t="shared" si="629"/>
        <v>0</v>
      </c>
      <c r="J5636">
        <f t="shared" si="630"/>
        <v>29.706565453594465</v>
      </c>
      <c r="K5636">
        <f t="shared" si="631"/>
        <v>2.7139365787169565</v>
      </c>
      <c r="L5636">
        <f t="shared" si="632"/>
        <v>1.3569682893584782</v>
      </c>
      <c r="M5636">
        <f t="shared" si="633"/>
        <v>0</v>
      </c>
      <c r="N5636" s="45">
        <f t="shared" si="634"/>
        <v>45160.41666665308</v>
      </c>
    </row>
    <row r="5637" spans="2:14" x14ac:dyDescent="0.25">
      <c r="B5637">
        <f t="shared" si="628"/>
        <v>2</v>
      </c>
      <c r="C5637" s="16">
        <v>5603</v>
      </c>
      <c r="D5637" cm="1">
        <f t="array" ref="D5637">IFERROR(INDEX(Jesper!AH$2:AH$366,ROUNDDOWN($C5637/24,0)+1,1)*INDEX($D$3:$AA$30,INDEX(Jesper!$R$2:$R$366,ROW(INDEX(Jesper!AH$2:AH$366,ROUNDDOWN($C5637/24,0)+1,1))-1)+IF('Standard Profiles'!$G$18=$B$10,7,0)+IF('Standard Profiles'!$G$18=$B$17,14,0)+IF('Standard Profiles'!$G$18=$B$24,21,0),MOD($C5637,24)+1)/SUM(INDEX($D$3:$AA$30,INDEX(Jesper!$R$2:$R$366,ROW(INDEX(Jesper!AH$2:AH$366,ROUNDDOWN($C5637/24,0)+1,1))-1)+IF('Standard Profiles'!$G$18=$B$10,7,0)+IF('Standard Profiles'!$G$18=$B$17,14,0)+IF('Standard Profiles'!$G$18=$B$24,21,0),0)),0)</f>
        <v>30.444801363812001</v>
      </c>
      <c r="E5637" cm="1">
        <f t="array" ref="E5637">IFERROR(INDEX(Jesper!AI$2:AI$366,ROUNDDOWN($C5637/24,0)+1,1)*INDEX($D$3:$AA$30,INDEX(Jesper!$R$2:$R$366,ROW(INDEX(Jesper!AI$2:AI$366,ROUNDDOWN($C5637/24,0)+1,1))-1)+IF('Standard Profiles'!$G$19=$B$10,7,0)+IF('Standard Profiles'!$G$19=$B$17,14,0)+IF('Standard Profiles'!$G$19=$B$24,21,0),MOD($C5637,24)+1)/SUM(INDEX($D$3:$AA$30,INDEX(Jesper!$R$2:$R$366,ROW(INDEX(Jesper!AI$2:AI$366,ROUNDDOWN($C5637/24,0)+1,1))-1)+IF('Standard Profiles'!$G$19=$B$10,7,0)+IF('Standard Profiles'!$G$19=$B$17,14,0)+IF('Standard Profiles'!$G$19=$B$24,21,0),0)),0)</f>
        <v>9.9726844911776134</v>
      </c>
      <c r="F5637" cm="1">
        <f t="array" ref="F5637">IFERROR(INDEX(Jesper!AJ$2:AJ$366,ROUNDDOWN($C5637/24,0)+1,1)*INDEX($D$3:$AA$30,INDEX(Jesper!$R$2:$R$366,ROW(INDEX(Jesper!AJ$2:AJ$366,ROUNDDOWN($C5637/24,0)+1,1))-1)+IF('Standard Profiles'!$G$20=$B$10,7,0)+IF('Standard Profiles'!$G$20=$B$17,14,0)+IF('Standard Profiles'!$G$20=$B$24,21,0),MOD($C5637,24)+1)/SUM(INDEX($D$3:$AA$30,INDEX(Jesper!$R$2:$R$366,ROW(INDEX(Jesper!AJ$2:AJ$366,ROUNDDOWN($C5637/24,0)+1,1))-1)+IF('Standard Profiles'!$G$20=$B$10,7,0)+IF('Standard Profiles'!$G$20=$B$17,14,0)+IF('Standard Profiles'!$G$20=$B$24,21,0),0)),0)</f>
        <v>0</v>
      </c>
      <c r="G5637" cm="1">
        <f t="array" ref="G5637">IFERROR(INDEX(Jesper!AK$2:AK$366,ROUNDDOWN($C5637/24,0)+1,1)*INDEX($D$3:$AA$30,INDEX(Jesper!$R$2:$R$366,ROW(INDEX(Jesper!AK$2:AK$366,ROUNDDOWN($C5637/24,0)+1,1))-1)+IF('Standard Profiles'!$G$21=$B$10,7,0)+IF('Standard Profiles'!$G$21=$B$17,14,0)+IF('Standard Profiles'!$G$21=$B$24,21,0),MOD($C5637,24)+1)/SUM(INDEX($D$3:$AA$30,INDEX(Jesper!$R$2:$R$366,ROW(INDEX(Jesper!AK$2:AK$366,ROUNDDOWN($C5637/24,0)+1,1))-1)+IF('Standard Profiles'!$G$21=$B$10,7,0)+IF('Standard Profiles'!$G$21=$B$17,14,0)+IF('Standard Profiles'!$G$21=$B$24,21,0),0)),0)</f>
        <v>0</v>
      </c>
      <c r="H5637" cm="1">
        <f t="array" ref="H5637">IFERROR(INDEX(Jesper!AL$2:AL$366,ROUNDDOWN($C5637/24,0)+1,1)*INDEX($D$3:$AA$30,INDEX(Jesper!$R$2:$R$366,ROW(INDEX(Jesper!AL$2:AL$366,ROUNDDOWN($C5637/24,0)+1,1))-1)+IF('Standard Profiles'!$G$22=$B$10,7,0)+IF('Standard Profiles'!$G$22=$B$17,14,0)+IF('Standard Profiles'!$G$22=$B$24,21,0),MOD($C5637,24)+1)/SUM(INDEX($D$3:$AA$30,INDEX(Jesper!$R$2:$R$366,ROW(INDEX(Jesper!AL$2:AL$366,ROUNDDOWN($C5637/24,0)+1,1))-1)+IF('Standard Profiles'!$G$22=$B$10,7,0)+IF('Standard Profiles'!$G$22=$B$17,14,0)+IF('Standard Profiles'!$G$22=$B$24,21,0),0)),0)</f>
        <v>0</v>
      </c>
      <c r="I5637">
        <f t="shared" si="629"/>
        <v>0</v>
      </c>
      <c r="J5637">
        <f t="shared" si="630"/>
        <v>35.54631763677969</v>
      </c>
      <c r="K5637">
        <f t="shared" si="631"/>
        <v>3.2474454788066138</v>
      </c>
      <c r="L5637">
        <f t="shared" si="632"/>
        <v>1.6237227394033069</v>
      </c>
      <c r="M5637">
        <f t="shared" si="633"/>
        <v>0</v>
      </c>
      <c r="N5637" s="45">
        <f t="shared" si="634"/>
        <v>45160.458333319744</v>
      </c>
    </row>
    <row r="5638" spans="2:14" x14ac:dyDescent="0.25">
      <c r="B5638">
        <f t="shared" si="628"/>
        <v>2</v>
      </c>
      <c r="C5638" s="16">
        <v>5604</v>
      </c>
      <c r="D5638" cm="1">
        <f t="array" ref="D5638">IFERROR(INDEX(Jesper!AH$2:AH$366,ROUNDDOWN($C5638/24,0)+1,1)*INDEX($D$3:$AA$30,INDEX(Jesper!$R$2:$R$366,ROW(INDEX(Jesper!AH$2:AH$366,ROUNDDOWN($C5638/24,0)+1,1))-1)+IF('Standard Profiles'!$G$18=$B$10,7,0)+IF('Standard Profiles'!$G$18=$B$17,14,0)+IF('Standard Profiles'!$G$18=$B$24,21,0),MOD($C5638,24)+1)/SUM(INDEX($D$3:$AA$30,INDEX(Jesper!$R$2:$R$366,ROW(INDEX(Jesper!AH$2:AH$366,ROUNDDOWN($C5638/24,0)+1,1))-1)+IF('Standard Profiles'!$G$18=$B$10,7,0)+IF('Standard Profiles'!$G$18=$B$17,14,0)+IF('Standard Profiles'!$G$18=$B$24,21,0),0)),0)</f>
        <v>30.444801363812001</v>
      </c>
      <c r="E5638" cm="1">
        <f t="array" ref="E5638">IFERROR(INDEX(Jesper!AI$2:AI$366,ROUNDDOWN($C5638/24,0)+1,1)*INDEX($D$3:$AA$30,INDEX(Jesper!$R$2:$R$366,ROW(INDEX(Jesper!AI$2:AI$366,ROUNDDOWN($C5638/24,0)+1,1))-1)+IF('Standard Profiles'!$G$19=$B$10,7,0)+IF('Standard Profiles'!$G$19=$B$17,14,0)+IF('Standard Profiles'!$G$19=$B$24,21,0),MOD($C5638,24)+1)/SUM(INDEX($D$3:$AA$30,INDEX(Jesper!$R$2:$R$366,ROW(INDEX(Jesper!AI$2:AI$366,ROUNDDOWN($C5638/24,0)+1,1))-1)+IF('Standard Profiles'!$G$19=$B$10,7,0)+IF('Standard Profiles'!$G$19=$B$17,14,0)+IF('Standard Profiles'!$G$19=$B$24,21,0),0)),0)</f>
        <v>9.9726844911776134</v>
      </c>
      <c r="F5638" cm="1">
        <f t="array" ref="F5638">IFERROR(INDEX(Jesper!AJ$2:AJ$366,ROUNDDOWN($C5638/24,0)+1,1)*INDEX($D$3:$AA$30,INDEX(Jesper!$R$2:$R$366,ROW(INDEX(Jesper!AJ$2:AJ$366,ROUNDDOWN($C5638/24,0)+1,1))-1)+IF('Standard Profiles'!$G$20=$B$10,7,0)+IF('Standard Profiles'!$G$20=$B$17,14,0)+IF('Standard Profiles'!$G$20=$B$24,21,0),MOD($C5638,24)+1)/SUM(INDEX($D$3:$AA$30,INDEX(Jesper!$R$2:$R$366,ROW(INDEX(Jesper!AJ$2:AJ$366,ROUNDDOWN($C5638/24,0)+1,1))-1)+IF('Standard Profiles'!$G$20=$B$10,7,0)+IF('Standard Profiles'!$G$20=$B$17,14,0)+IF('Standard Profiles'!$G$20=$B$24,21,0),0)),0)</f>
        <v>0</v>
      </c>
      <c r="G5638" cm="1">
        <f t="array" ref="G5638">IFERROR(INDEX(Jesper!AK$2:AK$366,ROUNDDOWN($C5638/24,0)+1,1)*INDEX($D$3:$AA$30,INDEX(Jesper!$R$2:$R$366,ROW(INDEX(Jesper!AK$2:AK$366,ROUNDDOWN($C5638/24,0)+1,1))-1)+IF('Standard Profiles'!$G$21=$B$10,7,0)+IF('Standard Profiles'!$G$21=$B$17,14,0)+IF('Standard Profiles'!$G$21=$B$24,21,0),MOD($C5638,24)+1)/SUM(INDEX($D$3:$AA$30,INDEX(Jesper!$R$2:$R$366,ROW(INDEX(Jesper!AK$2:AK$366,ROUNDDOWN($C5638/24,0)+1,1))-1)+IF('Standard Profiles'!$G$21=$B$10,7,0)+IF('Standard Profiles'!$G$21=$B$17,14,0)+IF('Standard Profiles'!$G$21=$B$24,21,0),0)),0)</f>
        <v>0</v>
      </c>
      <c r="H5638" cm="1">
        <f t="array" ref="H5638">IFERROR(INDEX(Jesper!AL$2:AL$366,ROUNDDOWN($C5638/24,0)+1,1)*INDEX($D$3:$AA$30,INDEX(Jesper!$R$2:$R$366,ROW(INDEX(Jesper!AL$2:AL$366,ROUNDDOWN($C5638/24,0)+1,1))-1)+IF('Standard Profiles'!$G$22=$B$10,7,0)+IF('Standard Profiles'!$G$22=$B$17,14,0)+IF('Standard Profiles'!$G$22=$B$24,21,0),MOD($C5638,24)+1)/SUM(INDEX($D$3:$AA$30,INDEX(Jesper!$R$2:$R$366,ROW(INDEX(Jesper!AL$2:AL$366,ROUNDDOWN($C5638/24,0)+1,1))-1)+IF('Standard Profiles'!$G$22=$B$10,7,0)+IF('Standard Profiles'!$G$22=$B$17,14,0)+IF('Standard Profiles'!$G$22=$B$24,21,0),0)),0)</f>
        <v>0</v>
      </c>
      <c r="I5638">
        <f t="shared" si="629"/>
        <v>0</v>
      </c>
      <c r="J5638">
        <f t="shared" si="630"/>
        <v>35.54631763677969</v>
      </c>
      <c r="K5638">
        <f t="shared" si="631"/>
        <v>3.2474454788066138</v>
      </c>
      <c r="L5638">
        <f t="shared" si="632"/>
        <v>1.6237227394033069</v>
      </c>
      <c r="M5638">
        <f t="shared" si="633"/>
        <v>0</v>
      </c>
      <c r="N5638" s="45">
        <f t="shared" si="634"/>
        <v>45160.499999986409</v>
      </c>
    </row>
    <row r="5639" spans="2:14" x14ac:dyDescent="0.25">
      <c r="B5639">
        <f t="shared" si="628"/>
        <v>2</v>
      </c>
      <c r="C5639" s="16">
        <v>5605</v>
      </c>
      <c r="D5639" cm="1">
        <f t="array" ref="D5639">IFERROR(INDEX(Jesper!AH$2:AH$366,ROUNDDOWN($C5639/24,0)+1,1)*INDEX($D$3:$AA$30,INDEX(Jesper!$R$2:$R$366,ROW(INDEX(Jesper!AH$2:AH$366,ROUNDDOWN($C5639/24,0)+1,1))-1)+IF('Standard Profiles'!$G$18=$B$10,7,0)+IF('Standard Profiles'!$G$18=$B$17,14,0)+IF('Standard Profiles'!$G$18=$B$24,21,0),MOD($C5639,24)+1)/SUM(INDEX($D$3:$AA$30,INDEX(Jesper!$R$2:$R$366,ROW(INDEX(Jesper!AH$2:AH$366,ROUNDDOWN($C5639/24,0)+1,1))-1)+IF('Standard Profiles'!$G$18=$B$10,7,0)+IF('Standard Profiles'!$G$18=$B$17,14,0)+IF('Standard Profiles'!$G$18=$B$24,21,0),0)),0)</f>
        <v>20.224046620246543</v>
      </c>
      <c r="E5639" cm="1">
        <f t="array" ref="E5639">IFERROR(INDEX(Jesper!AI$2:AI$366,ROUNDDOWN($C5639/24,0)+1,1)*INDEX($D$3:$AA$30,INDEX(Jesper!$R$2:$R$366,ROW(INDEX(Jesper!AI$2:AI$366,ROUNDDOWN($C5639/24,0)+1,1))-1)+IF('Standard Profiles'!$G$19=$B$10,7,0)+IF('Standard Profiles'!$G$19=$B$17,14,0)+IF('Standard Profiles'!$G$19=$B$24,21,0),MOD($C5639,24)+1)/SUM(INDEX($D$3:$AA$30,INDEX(Jesper!$R$2:$R$366,ROW(INDEX(Jesper!AI$2:AI$366,ROUNDDOWN($C5639/24,0)+1,1))-1)+IF('Standard Profiles'!$G$19=$B$10,7,0)+IF('Standard Profiles'!$G$19=$B$17,14,0)+IF('Standard Profiles'!$G$19=$B$24,21,0),0)),0)</f>
        <v>6.6247118405679863</v>
      </c>
      <c r="F5639" cm="1">
        <f t="array" ref="F5639">IFERROR(INDEX(Jesper!AJ$2:AJ$366,ROUNDDOWN($C5639/24,0)+1,1)*INDEX($D$3:$AA$30,INDEX(Jesper!$R$2:$R$366,ROW(INDEX(Jesper!AJ$2:AJ$366,ROUNDDOWN($C5639/24,0)+1,1))-1)+IF('Standard Profiles'!$G$20=$B$10,7,0)+IF('Standard Profiles'!$G$20=$B$17,14,0)+IF('Standard Profiles'!$G$20=$B$24,21,0),MOD($C5639,24)+1)/SUM(INDEX($D$3:$AA$30,INDEX(Jesper!$R$2:$R$366,ROW(INDEX(Jesper!AJ$2:AJ$366,ROUNDDOWN($C5639/24,0)+1,1))-1)+IF('Standard Profiles'!$G$20=$B$10,7,0)+IF('Standard Profiles'!$G$20=$B$17,14,0)+IF('Standard Profiles'!$G$20=$B$24,21,0),0)),0)</f>
        <v>0</v>
      </c>
      <c r="G5639" cm="1">
        <f t="array" ref="G5639">IFERROR(INDEX(Jesper!AK$2:AK$366,ROUNDDOWN($C5639/24,0)+1,1)*INDEX($D$3:$AA$30,INDEX(Jesper!$R$2:$R$366,ROW(INDEX(Jesper!AK$2:AK$366,ROUNDDOWN($C5639/24,0)+1,1))-1)+IF('Standard Profiles'!$G$21=$B$10,7,0)+IF('Standard Profiles'!$G$21=$B$17,14,0)+IF('Standard Profiles'!$G$21=$B$24,21,0),MOD($C5639,24)+1)/SUM(INDEX($D$3:$AA$30,INDEX(Jesper!$R$2:$R$366,ROW(INDEX(Jesper!AK$2:AK$366,ROUNDDOWN($C5639/24,0)+1,1))-1)+IF('Standard Profiles'!$G$21=$B$10,7,0)+IF('Standard Profiles'!$G$21=$B$17,14,0)+IF('Standard Profiles'!$G$21=$B$24,21,0),0)),0)</f>
        <v>0</v>
      </c>
      <c r="H5639" cm="1">
        <f t="array" ref="H5639">IFERROR(INDEX(Jesper!AL$2:AL$366,ROUNDDOWN($C5639/24,0)+1,1)*INDEX($D$3:$AA$30,INDEX(Jesper!$R$2:$R$366,ROW(INDEX(Jesper!AL$2:AL$366,ROUNDDOWN($C5639/24,0)+1,1))-1)+IF('Standard Profiles'!$G$22=$B$10,7,0)+IF('Standard Profiles'!$G$22=$B$17,14,0)+IF('Standard Profiles'!$G$22=$B$24,21,0),MOD($C5639,24)+1)/SUM(INDEX($D$3:$AA$30,INDEX(Jesper!$R$2:$R$366,ROW(INDEX(Jesper!AL$2:AL$366,ROUNDDOWN($C5639/24,0)+1,1))-1)+IF('Standard Profiles'!$G$22=$B$10,7,0)+IF('Standard Profiles'!$G$22=$B$17,14,0)+IF('Standard Profiles'!$G$22=$B$24,21,0),0)),0)</f>
        <v>0</v>
      </c>
      <c r="I5639">
        <f t="shared" si="629"/>
        <v>0</v>
      </c>
      <c r="J5639">
        <f t="shared" si="630"/>
        <v>23.612911001575082</v>
      </c>
      <c r="K5639">
        <f t="shared" si="631"/>
        <v>2.1572316394929647</v>
      </c>
      <c r="L5639">
        <f t="shared" si="632"/>
        <v>1.0786158197464824</v>
      </c>
      <c r="M5639">
        <f t="shared" si="633"/>
        <v>0</v>
      </c>
      <c r="N5639" s="45">
        <f t="shared" si="634"/>
        <v>45160.541666653073</v>
      </c>
    </row>
    <row r="5640" spans="2:14" x14ac:dyDescent="0.25">
      <c r="B5640">
        <f t="shared" si="628"/>
        <v>2</v>
      </c>
      <c r="C5640" s="16">
        <v>5606</v>
      </c>
      <c r="D5640" cm="1">
        <f t="array" ref="D5640">IFERROR(INDEX(Jesper!AH$2:AH$366,ROUNDDOWN($C5640/24,0)+1,1)*INDEX($D$3:$AA$30,INDEX(Jesper!$R$2:$R$366,ROW(INDEX(Jesper!AH$2:AH$366,ROUNDDOWN($C5640/24,0)+1,1))-1)+IF('Standard Profiles'!$G$18=$B$10,7,0)+IF('Standard Profiles'!$G$18=$B$17,14,0)+IF('Standard Profiles'!$G$18=$B$24,21,0),MOD($C5640,24)+1)/SUM(INDEX($D$3:$AA$30,INDEX(Jesper!$R$2:$R$366,ROW(INDEX(Jesper!AH$2:AH$366,ROUNDDOWN($C5640/24,0)+1,1))-1)+IF('Standard Profiles'!$G$18=$B$10,7,0)+IF('Standard Profiles'!$G$18=$B$17,14,0)+IF('Standard Profiles'!$G$18=$B$24,21,0),0)),0)</f>
        <v>30.444801363812001</v>
      </c>
      <c r="E5640" cm="1">
        <f t="array" ref="E5640">IFERROR(INDEX(Jesper!AI$2:AI$366,ROUNDDOWN($C5640/24,0)+1,1)*INDEX($D$3:$AA$30,INDEX(Jesper!$R$2:$R$366,ROW(INDEX(Jesper!AI$2:AI$366,ROUNDDOWN($C5640/24,0)+1,1))-1)+IF('Standard Profiles'!$G$19=$B$10,7,0)+IF('Standard Profiles'!$G$19=$B$17,14,0)+IF('Standard Profiles'!$G$19=$B$24,21,0),MOD($C5640,24)+1)/SUM(INDEX($D$3:$AA$30,INDEX(Jesper!$R$2:$R$366,ROW(INDEX(Jesper!AI$2:AI$366,ROUNDDOWN($C5640/24,0)+1,1))-1)+IF('Standard Profiles'!$G$19=$B$10,7,0)+IF('Standard Profiles'!$G$19=$B$17,14,0)+IF('Standard Profiles'!$G$19=$B$24,21,0),0)),0)</f>
        <v>9.9726844911776134</v>
      </c>
      <c r="F5640" cm="1">
        <f t="array" ref="F5640">IFERROR(INDEX(Jesper!AJ$2:AJ$366,ROUNDDOWN($C5640/24,0)+1,1)*INDEX($D$3:$AA$30,INDEX(Jesper!$R$2:$R$366,ROW(INDEX(Jesper!AJ$2:AJ$366,ROUNDDOWN($C5640/24,0)+1,1))-1)+IF('Standard Profiles'!$G$20=$B$10,7,0)+IF('Standard Profiles'!$G$20=$B$17,14,0)+IF('Standard Profiles'!$G$20=$B$24,21,0),MOD($C5640,24)+1)/SUM(INDEX($D$3:$AA$30,INDEX(Jesper!$R$2:$R$366,ROW(INDEX(Jesper!AJ$2:AJ$366,ROUNDDOWN($C5640/24,0)+1,1))-1)+IF('Standard Profiles'!$G$20=$B$10,7,0)+IF('Standard Profiles'!$G$20=$B$17,14,0)+IF('Standard Profiles'!$G$20=$B$24,21,0),0)),0)</f>
        <v>0</v>
      </c>
      <c r="G5640" cm="1">
        <f t="array" ref="G5640">IFERROR(INDEX(Jesper!AK$2:AK$366,ROUNDDOWN($C5640/24,0)+1,1)*INDEX($D$3:$AA$30,INDEX(Jesper!$R$2:$R$366,ROW(INDEX(Jesper!AK$2:AK$366,ROUNDDOWN($C5640/24,0)+1,1))-1)+IF('Standard Profiles'!$G$21=$B$10,7,0)+IF('Standard Profiles'!$G$21=$B$17,14,0)+IF('Standard Profiles'!$G$21=$B$24,21,0),MOD($C5640,24)+1)/SUM(INDEX($D$3:$AA$30,INDEX(Jesper!$R$2:$R$366,ROW(INDEX(Jesper!AK$2:AK$366,ROUNDDOWN($C5640/24,0)+1,1))-1)+IF('Standard Profiles'!$G$21=$B$10,7,0)+IF('Standard Profiles'!$G$21=$B$17,14,0)+IF('Standard Profiles'!$G$21=$B$24,21,0),0)),0)</f>
        <v>0</v>
      </c>
      <c r="H5640" cm="1">
        <f t="array" ref="H5640">IFERROR(INDEX(Jesper!AL$2:AL$366,ROUNDDOWN($C5640/24,0)+1,1)*INDEX($D$3:$AA$30,INDEX(Jesper!$R$2:$R$366,ROW(INDEX(Jesper!AL$2:AL$366,ROUNDDOWN($C5640/24,0)+1,1))-1)+IF('Standard Profiles'!$G$22=$B$10,7,0)+IF('Standard Profiles'!$G$22=$B$17,14,0)+IF('Standard Profiles'!$G$22=$B$24,21,0),MOD($C5640,24)+1)/SUM(INDEX($D$3:$AA$30,INDEX(Jesper!$R$2:$R$366,ROW(INDEX(Jesper!AL$2:AL$366,ROUNDDOWN($C5640/24,0)+1,1))-1)+IF('Standard Profiles'!$G$22=$B$10,7,0)+IF('Standard Profiles'!$G$22=$B$17,14,0)+IF('Standard Profiles'!$G$22=$B$24,21,0),0)),0)</f>
        <v>0</v>
      </c>
      <c r="I5640">
        <f t="shared" si="629"/>
        <v>0</v>
      </c>
      <c r="J5640">
        <f t="shared" si="630"/>
        <v>35.54631763677969</v>
      </c>
      <c r="K5640">
        <f t="shared" si="631"/>
        <v>3.2474454788066138</v>
      </c>
      <c r="L5640">
        <f t="shared" si="632"/>
        <v>1.6237227394033069</v>
      </c>
      <c r="M5640">
        <f t="shared" si="633"/>
        <v>0</v>
      </c>
      <c r="N5640" s="45">
        <f t="shared" si="634"/>
        <v>45160.583333319737</v>
      </c>
    </row>
    <row r="5641" spans="2:14" x14ac:dyDescent="0.25">
      <c r="B5641">
        <f t="shared" si="628"/>
        <v>2</v>
      </c>
      <c r="C5641" s="16">
        <v>5607</v>
      </c>
      <c r="D5641" cm="1">
        <f t="array" ref="D5641">IFERROR(INDEX(Jesper!AH$2:AH$366,ROUNDDOWN($C5641/24,0)+1,1)*INDEX($D$3:$AA$30,INDEX(Jesper!$R$2:$R$366,ROW(INDEX(Jesper!AH$2:AH$366,ROUNDDOWN($C5641/24,0)+1,1))-1)+IF('Standard Profiles'!$G$18=$B$10,7,0)+IF('Standard Profiles'!$G$18=$B$17,14,0)+IF('Standard Profiles'!$G$18=$B$24,21,0),MOD($C5641,24)+1)/SUM(INDEX($D$3:$AA$30,INDEX(Jesper!$R$2:$R$366,ROW(INDEX(Jesper!AH$2:AH$366,ROUNDDOWN($C5641/24,0)+1,1))-1)+IF('Standard Profiles'!$G$18=$B$10,7,0)+IF('Standard Profiles'!$G$18=$B$17,14,0)+IF('Standard Profiles'!$G$18=$B$24,21,0),0)),0)</f>
        <v>30.444801363812001</v>
      </c>
      <c r="E5641" cm="1">
        <f t="array" ref="E5641">IFERROR(INDEX(Jesper!AI$2:AI$366,ROUNDDOWN($C5641/24,0)+1,1)*INDEX($D$3:$AA$30,INDEX(Jesper!$R$2:$R$366,ROW(INDEX(Jesper!AI$2:AI$366,ROUNDDOWN($C5641/24,0)+1,1))-1)+IF('Standard Profiles'!$G$19=$B$10,7,0)+IF('Standard Profiles'!$G$19=$B$17,14,0)+IF('Standard Profiles'!$G$19=$B$24,21,0),MOD($C5641,24)+1)/SUM(INDEX($D$3:$AA$30,INDEX(Jesper!$R$2:$R$366,ROW(INDEX(Jesper!AI$2:AI$366,ROUNDDOWN($C5641/24,0)+1,1))-1)+IF('Standard Profiles'!$G$19=$B$10,7,0)+IF('Standard Profiles'!$G$19=$B$17,14,0)+IF('Standard Profiles'!$G$19=$B$24,21,0),0)),0)</f>
        <v>9.9726844911776134</v>
      </c>
      <c r="F5641" cm="1">
        <f t="array" ref="F5641">IFERROR(INDEX(Jesper!AJ$2:AJ$366,ROUNDDOWN($C5641/24,0)+1,1)*INDEX($D$3:$AA$30,INDEX(Jesper!$R$2:$R$366,ROW(INDEX(Jesper!AJ$2:AJ$366,ROUNDDOWN($C5641/24,0)+1,1))-1)+IF('Standard Profiles'!$G$20=$B$10,7,0)+IF('Standard Profiles'!$G$20=$B$17,14,0)+IF('Standard Profiles'!$G$20=$B$24,21,0),MOD($C5641,24)+1)/SUM(INDEX($D$3:$AA$30,INDEX(Jesper!$R$2:$R$366,ROW(INDEX(Jesper!AJ$2:AJ$366,ROUNDDOWN($C5641/24,0)+1,1))-1)+IF('Standard Profiles'!$G$20=$B$10,7,0)+IF('Standard Profiles'!$G$20=$B$17,14,0)+IF('Standard Profiles'!$G$20=$B$24,21,0),0)),0)</f>
        <v>0</v>
      </c>
      <c r="G5641" cm="1">
        <f t="array" ref="G5641">IFERROR(INDEX(Jesper!AK$2:AK$366,ROUNDDOWN($C5641/24,0)+1,1)*INDEX($D$3:$AA$30,INDEX(Jesper!$R$2:$R$366,ROW(INDEX(Jesper!AK$2:AK$366,ROUNDDOWN($C5641/24,0)+1,1))-1)+IF('Standard Profiles'!$G$21=$B$10,7,0)+IF('Standard Profiles'!$G$21=$B$17,14,0)+IF('Standard Profiles'!$G$21=$B$24,21,0),MOD($C5641,24)+1)/SUM(INDEX($D$3:$AA$30,INDEX(Jesper!$R$2:$R$366,ROW(INDEX(Jesper!AK$2:AK$366,ROUNDDOWN($C5641/24,0)+1,1))-1)+IF('Standard Profiles'!$G$21=$B$10,7,0)+IF('Standard Profiles'!$G$21=$B$17,14,0)+IF('Standard Profiles'!$G$21=$B$24,21,0),0)),0)</f>
        <v>0</v>
      </c>
      <c r="H5641" cm="1">
        <f t="array" ref="H5641">IFERROR(INDEX(Jesper!AL$2:AL$366,ROUNDDOWN($C5641/24,0)+1,1)*INDEX($D$3:$AA$30,INDEX(Jesper!$R$2:$R$366,ROW(INDEX(Jesper!AL$2:AL$366,ROUNDDOWN($C5641/24,0)+1,1))-1)+IF('Standard Profiles'!$G$22=$B$10,7,0)+IF('Standard Profiles'!$G$22=$B$17,14,0)+IF('Standard Profiles'!$G$22=$B$24,21,0),MOD($C5641,24)+1)/SUM(INDEX($D$3:$AA$30,INDEX(Jesper!$R$2:$R$366,ROW(INDEX(Jesper!AL$2:AL$366,ROUNDDOWN($C5641/24,0)+1,1))-1)+IF('Standard Profiles'!$G$22=$B$10,7,0)+IF('Standard Profiles'!$G$22=$B$17,14,0)+IF('Standard Profiles'!$G$22=$B$24,21,0),0)),0)</f>
        <v>0</v>
      </c>
      <c r="I5641">
        <f t="shared" si="629"/>
        <v>0</v>
      </c>
      <c r="J5641">
        <f t="shared" si="630"/>
        <v>35.54631763677969</v>
      </c>
      <c r="K5641">
        <f t="shared" si="631"/>
        <v>3.2474454788066138</v>
      </c>
      <c r="L5641">
        <f t="shared" si="632"/>
        <v>1.6237227394033069</v>
      </c>
      <c r="M5641">
        <f t="shared" si="633"/>
        <v>0</v>
      </c>
      <c r="N5641" s="45">
        <f t="shared" si="634"/>
        <v>45160.624999986401</v>
      </c>
    </row>
    <row r="5642" spans="2:14" x14ac:dyDescent="0.25">
      <c r="B5642">
        <f t="shared" si="628"/>
        <v>2</v>
      </c>
      <c r="C5642" s="16">
        <v>5608</v>
      </c>
      <c r="D5642" cm="1">
        <f t="array" ref="D5642">IFERROR(INDEX(Jesper!AH$2:AH$366,ROUNDDOWN($C5642/24,0)+1,1)*INDEX($D$3:$AA$30,INDEX(Jesper!$R$2:$R$366,ROW(INDEX(Jesper!AH$2:AH$366,ROUNDDOWN($C5642/24,0)+1,1))-1)+IF('Standard Profiles'!$G$18=$B$10,7,0)+IF('Standard Profiles'!$G$18=$B$17,14,0)+IF('Standard Profiles'!$G$18=$B$24,21,0),MOD($C5642,24)+1)/SUM(INDEX($D$3:$AA$30,INDEX(Jesper!$R$2:$R$366,ROW(INDEX(Jesper!AH$2:AH$366,ROUNDDOWN($C5642/24,0)+1,1))-1)+IF('Standard Profiles'!$G$18=$B$10,7,0)+IF('Standard Profiles'!$G$18=$B$17,14,0)+IF('Standard Profiles'!$G$18=$B$24,21,0),0)),0)</f>
        <v>17.940686517960646</v>
      </c>
      <c r="E5642" cm="1">
        <f t="array" ref="E5642">IFERROR(INDEX(Jesper!AI$2:AI$366,ROUNDDOWN($C5642/24,0)+1,1)*INDEX($D$3:$AA$30,INDEX(Jesper!$R$2:$R$366,ROW(INDEX(Jesper!AI$2:AI$366,ROUNDDOWN($C5642/24,0)+1,1))-1)+IF('Standard Profiles'!$G$19=$B$10,7,0)+IF('Standard Profiles'!$G$19=$B$17,14,0)+IF('Standard Profiles'!$G$19=$B$24,21,0),MOD($C5642,24)+1)/SUM(INDEX($D$3:$AA$30,INDEX(Jesper!$R$2:$R$366,ROW(INDEX(Jesper!AI$2:AI$366,ROUNDDOWN($C5642/24,0)+1,1))-1)+IF('Standard Profiles'!$G$19=$B$10,7,0)+IF('Standard Profiles'!$G$19=$B$17,14,0)+IF('Standard Profiles'!$G$19=$B$24,21,0),0)),0)</f>
        <v>5.876760503729666</v>
      </c>
      <c r="F5642" cm="1">
        <f t="array" ref="F5642">IFERROR(INDEX(Jesper!AJ$2:AJ$366,ROUNDDOWN($C5642/24,0)+1,1)*INDEX($D$3:$AA$30,INDEX(Jesper!$R$2:$R$366,ROW(INDEX(Jesper!AJ$2:AJ$366,ROUNDDOWN($C5642/24,0)+1,1))-1)+IF('Standard Profiles'!$G$20=$B$10,7,0)+IF('Standard Profiles'!$G$20=$B$17,14,0)+IF('Standard Profiles'!$G$20=$B$24,21,0),MOD($C5642,24)+1)/SUM(INDEX($D$3:$AA$30,INDEX(Jesper!$R$2:$R$366,ROW(INDEX(Jesper!AJ$2:AJ$366,ROUNDDOWN($C5642/24,0)+1,1))-1)+IF('Standard Profiles'!$G$20=$B$10,7,0)+IF('Standard Profiles'!$G$20=$B$17,14,0)+IF('Standard Profiles'!$G$20=$B$24,21,0),0)),0)</f>
        <v>0</v>
      </c>
      <c r="G5642" cm="1">
        <f t="array" ref="G5642">IFERROR(INDEX(Jesper!AK$2:AK$366,ROUNDDOWN($C5642/24,0)+1,1)*INDEX($D$3:$AA$30,INDEX(Jesper!$R$2:$R$366,ROW(INDEX(Jesper!AK$2:AK$366,ROUNDDOWN($C5642/24,0)+1,1))-1)+IF('Standard Profiles'!$G$21=$B$10,7,0)+IF('Standard Profiles'!$G$21=$B$17,14,0)+IF('Standard Profiles'!$G$21=$B$24,21,0),MOD($C5642,24)+1)/SUM(INDEX($D$3:$AA$30,INDEX(Jesper!$R$2:$R$366,ROW(INDEX(Jesper!AK$2:AK$366,ROUNDDOWN($C5642/24,0)+1,1))-1)+IF('Standard Profiles'!$G$21=$B$10,7,0)+IF('Standard Profiles'!$G$21=$B$17,14,0)+IF('Standard Profiles'!$G$21=$B$24,21,0),0)),0)</f>
        <v>0</v>
      </c>
      <c r="H5642" cm="1">
        <f t="array" ref="H5642">IFERROR(INDEX(Jesper!AL$2:AL$366,ROUNDDOWN($C5642/24,0)+1,1)*INDEX($D$3:$AA$30,INDEX(Jesper!$R$2:$R$366,ROW(INDEX(Jesper!AL$2:AL$366,ROUNDDOWN($C5642/24,0)+1,1))-1)+IF('Standard Profiles'!$G$22=$B$10,7,0)+IF('Standard Profiles'!$G$22=$B$17,14,0)+IF('Standard Profiles'!$G$22=$B$24,21,0),MOD($C5642,24)+1)/SUM(INDEX($D$3:$AA$30,INDEX(Jesper!$R$2:$R$366,ROW(INDEX(Jesper!AL$2:AL$366,ROUNDDOWN($C5642/24,0)+1,1))-1)+IF('Standard Profiles'!$G$22=$B$10,7,0)+IF('Standard Profiles'!$G$22=$B$17,14,0)+IF('Standard Profiles'!$G$22=$B$24,21,0),0)),0)</f>
        <v>0</v>
      </c>
      <c r="I5642">
        <f t="shared" si="629"/>
        <v>0</v>
      </c>
      <c r="J5642">
        <f t="shared" si="630"/>
        <v>20.946937178816608</v>
      </c>
      <c r="K5642">
        <f t="shared" si="631"/>
        <v>1.9136732285824691</v>
      </c>
      <c r="L5642">
        <f t="shared" si="632"/>
        <v>0.95683661429123457</v>
      </c>
      <c r="M5642">
        <f t="shared" si="633"/>
        <v>0</v>
      </c>
      <c r="N5642" s="45">
        <f t="shared" si="634"/>
        <v>45160.666666653065</v>
      </c>
    </row>
    <row r="5643" spans="2:14" x14ac:dyDescent="0.25">
      <c r="B5643">
        <f t="shared" si="628"/>
        <v>2</v>
      </c>
      <c r="C5643" s="16">
        <v>5609</v>
      </c>
      <c r="D5643" cm="1">
        <f t="array" ref="D5643">IFERROR(INDEX(Jesper!AH$2:AH$366,ROUNDDOWN($C5643/24,0)+1,1)*INDEX($D$3:$AA$30,INDEX(Jesper!$R$2:$R$366,ROW(INDEX(Jesper!AH$2:AH$366,ROUNDDOWN($C5643/24,0)+1,1))-1)+IF('Standard Profiles'!$G$18=$B$10,7,0)+IF('Standard Profiles'!$G$18=$B$17,14,0)+IF('Standard Profiles'!$G$18=$B$24,21,0),MOD($C5643,24)+1)/SUM(INDEX($D$3:$AA$30,INDEX(Jesper!$R$2:$R$366,ROW(INDEX(Jesper!AH$2:AH$366,ROUNDDOWN($C5643/24,0)+1,1))-1)+IF('Standard Profiles'!$G$18=$B$10,7,0)+IF('Standard Profiles'!$G$18=$B$17,14,0)+IF('Standard Profiles'!$G$18=$B$24,21,0),0)),0)</f>
        <v>7.657143200153925</v>
      </c>
      <c r="E5643" cm="1">
        <f t="array" ref="E5643">IFERROR(INDEX(Jesper!AI$2:AI$366,ROUNDDOWN($C5643/24,0)+1,1)*INDEX($D$3:$AA$30,INDEX(Jesper!$R$2:$R$366,ROW(INDEX(Jesper!AI$2:AI$366,ROUNDDOWN($C5643/24,0)+1,1))-1)+IF('Standard Profiles'!$G$19=$B$10,7,0)+IF('Standard Profiles'!$G$19=$B$17,14,0)+IF('Standard Profiles'!$G$19=$B$24,21,0),MOD($C5643,24)+1)/SUM(INDEX($D$3:$AA$30,INDEX(Jesper!$R$2:$R$366,ROW(INDEX(Jesper!AI$2:AI$366,ROUNDDOWN($C5643/24,0)+1,1))-1)+IF('Standard Profiles'!$G$19=$B$10,7,0)+IF('Standard Profiles'!$G$19=$B$17,14,0)+IF('Standard Profiles'!$G$19=$B$24,21,0),0)),0)</f>
        <v>2.5082204454672068</v>
      </c>
      <c r="F5643" cm="1">
        <f t="array" ref="F5643">IFERROR(INDEX(Jesper!AJ$2:AJ$366,ROUNDDOWN($C5643/24,0)+1,1)*INDEX($D$3:$AA$30,INDEX(Jesper!$R$2:$R$366,ROW(INDEX(Jesper!AJ$2:AJ$366,ROUNDDOWN($C5643/24,0)+1,1))-1)+IF('Standard Profiles'!$G$20=$B$10,7,0)+IF('Standard Profiles'!$G$20=$B$17,14,0)+IF('Standard Profiles'!$G$20=$B$24,21,0),MOD($C5643,24)+1)/SUM(INDEX($D$3:$AA$30,INDEX(Jesper!$R$2:$R$366,ROW(INDEX(Jesper!AJ$2:AJ$366,ROUNDDOWN($C5643/24,0)+1,1))-1)+IF('Standard Profiles'!$G$20=$B$10,7,0)+IF('Standard Profiles'!$G$20=$B$17,14,0)+IF('Standard Profiles'!$G$20=$B$24,21,0),0)),0)</f>
        <v>0</v>
      </c>
      <c r="G5643" cm="1">
        <f t="array" ref="G5643">IFERROR(INDEX(Jesper!AK$2:AK$366,ROUNDDOWN($C5643/24,0)+1,1)*INDEX($D$3:$AA$30,INDEX(Jesper!$R$2:$R$366,ROW(INDEX(Jesper!AK$2:AK$366,ROUNDDOWN($C5643/24,0)+1,1))-1)+IF('Standard Profiles'!$G$21=$B$10,7,0)+IF('Standard Profiles'!$G$21=$B$17,14,0)+IF('Standard Profiles'!$G$21=$B$24,21,0),MOD($C5643,24)+1)/SUM(INDEX($D$3:$AA$30,INDEX(Jesper!$R$2:$R$366,ROW(INDEX(Jesper!AK$2:AK$366,ROUNDDOWN($C5643/24,0)+1,1))-1)+IF('Standard Profiles'!$G$21=$B$10,7,0)+IF('Standard Profiles'!$G$21=$B$17,14,0)+IF('Standard Profiles'!$G$21=$B$24,21,0),0)),0)</f>
        <v>0</v>
      </c>
      <c r="H5643" cm="1">
        <f t="array" ref="H5643">IFERROR(INDEX(Jesper!AL$2:AL$366,ROUNDDOWN($C5643/24,0)+1,1)*INDEX($D$3:$AA$30,INDEX(Jesper!$R$2:$R$366,ROW(INDEX(Jesper!AL$2:AL$366,ROUNDDOWN($C5643/24,0)+1,1))-1)+IF('Standard Profiles'!$G$22=$B$10,7,0)+IF('Standard Profiles'!$G$22=$B$17,14,0)+IF('Standard Profiles'!$G$22=$B$24,21,0),MOD($C5643,24)+1)/SUM(INDEX($D$3:$AA$30,INDEX(Jesper!$R$2:$R$366,ROW(INDEX(Jesper!AL$2:AL$366,ROUNDDOWN($C5643/24,0)+1,1))-1)+IF('Standard Profiles'!$G$22=$B$10,7,0)+IF('Standard Profiles'!$G$22=$B$17,14,0)+IF('Standard Profiles'!$G$22=$B$24,21,0),0)),0)</f>
        <v>0</v>
      </c>
      <c r="I5643">
        <f t="shared" si="629"/>
        <v>0</v>
      </c>
      <c r="J5643">
        <f t="shared" si="630"/>
        <v>8.9402207335965045</v>
      </c>
      <c r="K5643">
        <f t="shared" si="631"/>
        <v>0.81676194134975211</v>
      </c>
      <c r="L5643">
        <f t="shared" si="632"/>
        <v>0.40838097067487605</v>
      </c>
      <c r="M5643">
        <f t="shared" si="633"/>
        <v>0</v>
      </c>
      <c r="N5643" s="45">
        <f t="shared" si="634"/>
        <v>45160.70833331973</v>
      </c>
    </row>
    <row r="5644" spans="2:14" x14ac:dyDescent="0.25">
      <c r="B5644">
        <f t="shared" si="628"/>
        <v>2</v>
      </c>
      <c r="C5644" s="16">
        <v>5610</v>
      </c>
      <c r="D5644" cm="1">
        <f t="array" ref="D5644">IFERROR(INDEX(Jesper!AH$2:AH$366,ROUNDDOWN($C5644/24,0)+1,1)*INDEX($D$3:$AA$30,INDEX(Jesper!$R$2:$R$366,ROW(INDEX(Jesper!AH$2:AH$366,ROUNDDOWN($C5644/24,0)+1,1))-1)+IF('Standard Profiles'!$G$18=$B$10,7,0)+IF('Standard Profiles'!$G$18=$B$17,14,0)+IF('Standard Profiles'!$G$18=$B$24,21,0),MOD($C5644,24)+1)/SUM(INDEX($D$3:$AA$30,INDEX(Jesper!$R$2:$R$366,ROW(INDEX(Jesper!AH$2:AH$366,ROUNDDOWN($C5644/24,0)+1,1))-1)+IF('Standard Profiles'!$G$18=$B$10,7,0)+IF('Standard Profiles'!$G$18=$B$17,14,0)+IF('Standard Profiles'!$G$18=$B$24,21,0),0)),0)</f>
        <v>5.0537145121015898</v>
      </c>
      <c r="E5644" cm="1">
        <f t="array" ref="E5644">IFERROR(INDEX(Jesper!AI$2:AI$366,ROUNDDOWN($C5644/24,0)+1,1)*INDEX($D$3:$AA$30,INDEX(Jesper!$R$2:$R$366,ROW(INDEX(Jesper!AI$2:AI$366,ROUNDDOWN($C5644/24,0)+1,1))-1)+IF('Standard Profiles'!$G$19=$B$10,7,0)+IF('Standard Profiles'!$G$19=$B$17,14,0)+IF('Standard Profiles'!$G$19=$B$24,21,0),MOD($C5644,24)+1)/SUM(INDEX($D$3:$AA$30,INDEX(Jesper!$R$2:$R$366,ROW(INDEX(Jesper!AI$2:AI$366,ROUNDDOWN($C5644/24,0)+1,1))-1)+IF('Standard Profiles'!$G$19=$B$10,7,0)+IF('Standard Profiles'!$G$19=$B$17,14,0)+IF('Standard Profiles'!$G$19=$B$24,21,0),0)),0)</f>
        <v>1.6554254940083566</v>
      </c>
      <c r="F5644" cm="1">
        <f t="array" ref="F5644">IFERROR(INDEX(Jesper!AJ$2:AJ$366,ROUNDDOWN($C5644/24,0)+1,1)*INDEX($D$3:$AA$30,INDEX(Jesper!$R$2:$R$366,ROW(INDEX(Jesper!AJ$2:AJ$366,ROUNDDOWN($C5644/24,0)+1,1))-1)+IF('Standard Profiles'!$G$20=$B$10,7,0)+IF('Standard Profiles'!$G$20=$B$17,14,0)+IF('Standard Profiles'!$G$20=$B$24,21,0),MOD($C5644,24)+1)/SUM(INDEX($D$3:$AA$30,INDEX(Jesper!$R$2:$R$366,ROW(INDEX(Jesper!AJ$2:AJ$366,ROUNDDOWN($C5644/24,0)+1,1))-1)+IF('Standard Profiles'!$G$20=$B$10,7,0)+IF('Standard Profiles'!$G$20=$B$17,14,0)+IF('Standard Profiles'!$G$20=$B$24,21,0),0)),0)</f>
        <v>0</v>
      </c>
      <c r="G5644" cm="1">
        <f t="array" ref="G5644">IFERROR(INDEX(Jesper!AK$2:AK$366,ROUNDDOWN($C5644/24,0)+1,1)*INDEX($D$3:$AA$30,INDEX(Jesper!$R$2:$R$366,ROW(INDEX(Jesper!AK$2:AK$366,ROUNDDOWN($C5644/24,0)+1,1))-1)+IF('Standard Profiles'!$G$21=$B$10,7,0)+IF('Standard Profiles'!$G$21=$B$17,14,0)+IF('Standard Profiles'!$G$21=$B$24,21,0),MOD($C5644,24)+1)/SUM(INDEX($D$3:$AA$30,INDEX(Jesper!$R$2:$R$366,ROW(INDEX(Jesper!AK$2:AK$366,ROUNDDOWN($C5644/24,0)+1,1))-1)+IF('Standard Profiles'!$G$21=$B$10,7,0)+IF('Standard Profiles'!$G$21=$B$17,14,0)+IF('Standard Profiles'!$G$21=$B$24,21,0),0)),0)</f>
        <v>0</v>
      </c>
      <c r="H5644" cm="1">
        <f t="array" ref="H5644">IFERROR(INDEX(Jesper!AL$2:AL$366,ROUNDDOWN($C5644/24,0)+1,1)*INDEX($D$3:$AA$30,INDEX(Jesper!$R$2:$R$366,ROW(INDEX(Jesper!AL$2:AL$366,ROUNDDOWN($C5644/24,0)+1,1))-1)+IF('Standard Profiles'!$G$22=$B$10,7,0)+IF('Standard Profiles'!$G$22=$B$17,14,0)+IF('Standard Profiles'!$G$22=$B$24,21,0),MOD($C5644,24)+1)/SUM(INDEX($D$3:$AA$30,INDEX(Jesper!$R$2:$R$366,ROW(INDEX(Jesper!AL$2:AL$366,ROUNDDOWN($C5644/24,0)+1,1))-1)+IF('Standard Profiles'!$G$22=$B$10,7,0)+IF('Standard Profiles'!$G$22=$B$17,14,0)+IF('Standard Profiles'!$G$22=$B$24,21,0),0)),0)</f>
        <v>0</v>
      </c>
      <c r="I5644">
        <f t="shared" si="629"/>
        <v>0</v>
      </c>
      <c r="J5644">
        <f t="shared" si="630"/>
        <v>5.9005456841736912</v>
      </c>
      <c r="K5644">
        <f t="shared" si="631"/>
        <v>0.53906288129083624</v>
      </c>
      <c r="L5644">
        <f t="shared" si="632"/>
        <v>0.26953144064541812</v>
      </c>
      <c r="M5644">
        <f t="shared" si="633"/>
        <v>0</v>
      </c>
      <c r="N5644" s="45">
        <f t="shared" si="634"/>
        <v>45160.749999986394</v>
      </c>
    </row>
    <row r="5645" spans="2:14" x14ac:dyDescent="0.25">
      <c r="B5645">
        <f t="shared" si="628"/>
        <v>2</v>
      </c>
      <c r="C5645" s="16">
        <v>5611</v>
      </c>
      <c r="D5645" cm="1">
        <f t="array" ref="D5645">IFERROR(INDEX(Jesper!AH$2:AH$366,ROUNDDOWN($C5645/24,0)+1,1)*INDEX($D$3:$AA$30,INDEX(Jesper!$R$2:$R$366,ROW(INDEX(Jesper!AH$2:AH$366,ROUNDDOWN($C5645/24,0)+1,1))-1)+IF('Standard Profiles'!$G$18=$B$10,7,0)+IF('Standard Profiles'!$G$18=$B$17,14,0)+IF('Standard Profiles'!$G$18=$B$24,21,0),MOD($C5645,24)+1)/SUM(INDEX($D$3:$AA$30,INDEX(Jesper!$R$2:$R$366,ROW(INDEX(Jesper!AH$2:AH$366,ROUNDDOWN($C5645/24,0)+1,1))-1)+IF('Standard Profiles'!$G$18=$B$10,7,0)+IF('Standard Profiles'!$G$18=$B$17,14,0)+IF('Standard Profiles'!$G$18=$B$24,21,0),0)),0)</f>
        <v>5.0537145121015898</v>
      </c>
      <c r="E5645" cm="1">
        <f t="array" ref="E5645">IFERROR(INDEX(Jesper!AI$2:AI$366,ROUNDDOWN($C5645/24,0)+1,1)*INDEX($D$3:$AA$30,INDEX(Jesper!$R$2:$R$366,ROW(INDEX(Jesper!AI$2:AI$366,ROUNDDOWN($C5645/24,0)+1,1))-1)+IF('Standard Profiles'!$G$19=$B$10,7,0)+IF('Standard Profiles'!$G$19=$B$17,14,0)+IF('Standard Profiles'!$G$19=$B$24,21,0),MOD($C5645,24)+1)/SUM(INDEX($D$3:$AA$30,INDEX(Jesper!$R$2:$R$366,ROW(INDEX(Jesper!AI$2:AI$366,ROUNDDOWN($C5645/24,0)+1,1))-1)+IF('Standard Profiles'!$G$19=$B$10,7,0)+IF('Standard Profiles'!$G$19=$B$17,14,0)+IF('Standard Profiles'!$G$19=$B$24,21,0),0)),0)</f>
        <v>1.6554254940083566</v>
      </c>
      <c r="F5645" cm="1">
        <f t="array" ref="F5645">IFERROR(INDEX(Jesper!AJ$2:AJ$366,ROUNDDOWN($C5645/24,0)+1,1)*INDEX($D$3:$AA$30,INDEX(Jesper!$R$2:$R$366,ROW(INDEX(Jesper!AJ$2:AJ$366,ROUNDDOWN($C5645/24,0)+1,1))-1)+IF('Standard Profiles'!$G$20=$B$10,7,0)+IF('Standard Profiles'!$G$20=$B$17,14,0)+IF('Standard Profiles'!$G$20=$B$24,21,0),MOD($C5645,24)+1)/SUM(INDEX($D$3:$AA$30,INDEX(Jesper!$R$2:$R$366,ROW(INDEX(Jesper!AJ$2:AJ$366,ROUNDDOWN($C5645/24,0)+1,1))-1)+IF('Standard Profiles'!$G$20=$B$10,7,0)+IF('Standard Profiles'!$G$20=$B$17,14,0)+IF('Standard Profiles'!$G$20=$B$24,21,0),0)),0)</f>
        <v>0</v>
      </c>
      <c r="G5645" cm="1">
        <f t="array" ref="G5645">IFERROR(INDEX(Jesper!AK$2:AK$366,ROUNDDOWN($C5645/24,0)+1,1)*INDEX($D$3:$AA$30,INDEX(Jesper!$R$2:$R$366,ROW(INDEX(Jesper!AK$2:AK$366,ROUNDDOWN($C5645/24,0)+1,1))-1)+IF('Standard Profiles'!$G$21=$B$10,7,0)+IF('Standard Profiles'!$G$21=$B$17,14,0)+IF('Standard Profiles'!$G$21=$B$24,21,0),MOD($C5645,24)+1)/SUM(INDEX($D$3:$AA$30,INDEX(Jesper!$R$2:$R$366,ROW(INDEX(Jesper!AK$2:AK$366,ROUNDDOWN($C5645/24,0)+1,1))-1)+IF('Standard Profiles'!$G$21=$B$10,7,0)+IF('Standard Profiles'!$G$21=$B$17,14,0)+IF('Standard Profiles'!$G$21=$B$24,21,0),0)),0)</f>
        <v>0</v>
      </c>
      <c r="H5645" cm="1">
        <f t="array" ref="H5645">IFERROR(INDEX(Jesper!AL$2:AL$366,ROUNDDOWN($C5645/24,0)+1,1)*INDEX($D$3:$AA$30,INDEX(Jesper!$R$2:$R$366,ROW(INDEX(Jesper!AL$2:AL$366,ROUNDDOWN($C5645/24,0)+1,1))-1)+IF('Standard Profiles'!$G$22=$B$10,7,0)+IF('Standard Profiles'!$G$22=$B$17,14,0)+IF('Standard Profiles'!$G$22=$B$24,21,0),MOD($C5645,24)+1)/SUM(INDEX($D$3:$AA$30,INDEX(Jesper!$R$2:$R$366,ROW(INDEX(Jesper!AL$2:AL$366,ROUNDDOWN($C5645/24,0)+1,1))-1)+IF('Standard Profiles'!$G$22=$B$10,7,0)+IF('Standard Profiles'!$G$22=$B$17,14,0)+IF('Standard Profiles'!$G$22=$B$24,21,0),0)),0)</f>
        <v>0</v>
      </c>
      <c r="I5645">
        <f t="shared" si="629"/>
        <v>0</v>
      </c>
      <c r="J5645">
        <f t="shared" si="630"/>
        <v>5.9005456841736912</v>
      </c>
      <c r="K5645">
        <f t="shared" si="631"/>
        <v>0.53906288129083624</v>
      </c>
      <c r="L5645">
        <f t="shared" si="632"/>
        <v>0.26953144064541812</v>
      </c>
      <c r="M5645">
        <f t="shared" si="633"/>
        <v>0</v>
      </c>
      <c r="N5645" s="45">
        <f t="shared" si="634"/>
        <v>45160.791666653058</v>
      </c>
    </row>
    <row r="5646" spans="2:14" x14ac:dyDescent="0.25">
      <c r="B5646">
        <f t="shared" si="628"/>
        <v>2</v>
      </c>
      <c r="C5646" s="16">
        <v>5612</v>
      </c>
      <c r="D5646" cm="1">
        <f t="array" ref="D5646">IFERROR(INDEX(Jesper!AH$2:AH$366,ROUNDDOWN($C5646/24,0)+1,1)*INDEX($D$3:$AA$30,INDEX(Jesper!$R$2:$R$366,ROW(INDEX(Jesper!AH$2:AH$366,ROUNDDOWN($C5646/24,0)+1,1))-1)+IF('Standard Profiles'!$G$18=$B$10,7,0)+IF('Standard Profiles'!$G$18=$B$17,14,0)+IF('Standard Profiles'!$G$18=$B$24,21,0),MOD($C5646,24)+1)/SUM(INDEX($D$3:$AA$30,INDEX(Jesper!$R$2:$R$366,ROW(INDEX(Jesper!AH$2:AH$366,ROUNDDOWN($C5646/24,0)+1,1))-1)+IF('Standard Profiles'!$G$18=$B$10,7,0)+IF('Standard Profiles'!$G$18=$B$17,14,0)+IF('Standard Profiles'!$G$18=$B$24,21,0),0)),0)</f>
        <v>5.0537145121015898</v>
      </c>
      <c r="E5646" cm="1">
        <f t="array" ref="E5646">IFERROR(INDEX(Jesper!AI$2:AI$366,ROUNDDOWN($C5646/24,0)+1,1)*INDEX($D$3:$AA$30,INDEX(Jesper!$R$2:$R$366,ROW(INDEX(Jesper!AI$2:AI$366,ROUNDDOWN($C5646/24,0)+1,1))-1)+IF('Standard Profiles'!$G$19=$B$10,7,0)+IF('Standard Profiles'!$G$19=$B$17,14,0)+IF('Standard Profiles'!$G$19=$B$24,21,0),MOD($C5646,24)+1)/SUM(INDEX($D$3:$AA$30,INDEX(Jesper!$R$2:$R$366,ROW(INDEX(Jesper!AI$2:AI$366,ROUNDDOWN($C5646/24,0)+1,1))-1)+IF('Standard Profiles'!$G$19=$B$10,7,0)+IF('Standard Profiles'!$G$19=$B$17,14,0)+IF('Standard Profiles'!$G$19=$B$24,21,0),0)),0)</f>
        <v>1.6554254940083566</v>
      </c>
      <c r="F5646" cm="1">
        <f t="array" ref="F5646">IFERROR(INDEX(Jesper!AJ$2:AJ$366,ROUNDDOWN($C5646/24,0)+1,1)*INDEX($D$3:$AA$30,INDEX(Jesper!$R$2:$R$366,ROW(INDEX(Jesper!AJ$2:AJ$366,ROUNDDOWN($C5646/24,0)+1,1))-1)+IF('Standard Profiles'!$G$20=$B$10,7,0)+IF('Standard Profiles'!$G$20=$B$17,14,0)+IF('Standard Profiles'!$G$20=$B$24,21,0),MOD($C5646,24)+1)/SUM(INDEX($D$3:$AA$30,INDEX(Jesper!$R$2:$R$366,ROW(INDEX(Jesper!AJ$2:AJ$366,ROUNDDOWN($C5646/24,0)+1,1))-1)+IF('Standard Profiles'!$G$20=$B$10,7,0)+IF('Standard Profiles'!$G$20=$B$17,14,0)+IF('Standard Profiles'!$G$20=$B$24,21,0),0)),0)</f>
        <v>0</v>
      </c>
      <c r="G5646" cm="1">
        <f t="array" ref="G5646">IFERROR(INDEX(Jesper!AK$2:AK$366,ROUNDDOWN($C5646/24,0)+1,1)*INDEX($D$3:$AA$30,INDEX(Jesper!$R$2:$R$366,ROW(INDEX(Jesper!AK$2:AK$366,ROUNDDOWN($C5646/24,0)+1,1))-1)+IF('Standard Profiles'!$G$21=$B$10,7,0)+IF('Standard Profiles'!$G$21=$B$17,14,0)+IF('Standard Profiles'!$G$21=$B$24,21,0),MOD($C5646,24)+1)/SUM(INDEX($D$3:$AA$30,INDEX(Jesper!$R$2:$R$366,ROW(INDEX(Jesper!AK$2:AK$366,ROUNDDOWN($C5646/24,0)+1,1))-1)+IF('Standard Profiles'!$G$21=$B$10,7,0)+IF('Standard Profiles'!$G$21=$B$17,14,0)+IF('Standard Profiles'!$G$21=$B$24,21,0),0)),0)</f>
        <v>0</v>
      </c>
      <c r="H5646" cm="1">
        <f t="array" ref="H5646">IFERROR(INDEX(Jesper!AL$2:AL$366,ROUNDDOWN($C5646/24,0)+1,1)*INDEX($D$3:$AA$30,INDEX(Jesper!$R$2:$R$366,ROW(INDEX(Jesper!AL$2:AL$366,ROUNDDOWN($C5646/24,0)+1,1))-1)+IF('Standard Profiles'!$G$22=$B$10,7,0)+IF('Standard Profiles'!$G$22=$B$17,14,0)+IF('Standard Profiles'!$G$22=$B$24,21,0),MOD($C5646,24)+1)/SUM(INDEX($D$3:$AA$30,INDEX(Jesper!$R$2:$R$366,ROW(INDEX(Jesper!AL$2:AL$366,ROUNDDOWN($C5646/24,0)+1,1))-1)+IF('Standard Profiles'!$G$22=$B$10,7,0)+IF('Standard Profiles'!$G$22=$B$17,14,0)+IF('Standard Profiles'!$G$22=$B$24,21,0),0)),0)</f>
        <v>0</v>
      </c>
      <c r="I5646">
        <f t="shared" si="629"/>
        <v>0</v>
      </c>
      <c r="J5646">
        <f t="shared" si="630"/>
        <v>5.9005456841736912</v>
      </c>
      <c r="K5646">
        <f t="shared" si="631"/>
        <v>0.53906288129083624</v>
      </c>
      <c r="L5646">
        <f t="shared" si="632"/>
        <v>0.26953144064541812</v>
      </c>
      <c r="M5646">
        <f t="shared" si="633"/>
        <v>0</v>
      </c>
      <c r="N5646" s="45">
        <f t="shared" si="634"/>
        <v>45160.833333319722</v>
      </c>
    </row>
    <row r="5647" spans="2:14" x14ac:dyDescent="0.25">
      <c r="B5647">
        <f t="shared" si="628"/>
        <v>2</v>
      </c>
      <c r="C5647" s="16">
        <v>5613</v>
      </c>
      <c r="D5647" cm="1">
        <f t="array" ref="D5647">IFERROR(INDEX(Jesper!AH$2:AH$366,ROUNDDOWN($C5647/24,0)+1,1)*INDEX($D$3:$AA$30,INDEX(Jesper!$R$2:$R$366,ROW(INDEX(Jesper!AH$2:AH$366,ROUNDDOWN($C5647/24,0)+1,1))-1)+IF('Standard Profiles'!$G$18=$B$10,7,0)+IF('Standard Profiles'!$G$18=$B$17,14,0)+IF('Standard Profiles'!$G$18=$B$24,21,0),MOD($C5647,24)+1)/SUM(INDEX($D$3:$AA$30,INDEX(Jesper!$R$2:$R$366,ROW(INDEX(Jesper!AH$2:AH$366,ROUNDDOWN($C5647/24,0)+1,1))-1)+IF('Standard Profiles'!$G$18=$B$10,7,0)+IF('Standard Profiles'!$G$18=$B$17,14,0)+IF('Standard Profiles'!$G$18=$B$24,21,0),0)),0)</f>
        <v>5.0537145121015898</v>
      </c>
      <c r="E5647" cm="1">
        <f t="array" ref="E5647">IFERROR(INDEX(Jesper!AI$2:AI$366,ROUNDDOWN($C5647/24,0)+1,1)*INDEX($D$3:$AA$30,INDEX(Jesper!$R$2:$R$366,ROW(INDEX(Jesper!AI$2:AI$366,ROUNDDOWN($C5647/24,0)+1,1))-1)+IF('Standard Profiles'!$G$19=$B$10,7,0)+IF('Standard Profiles'!$G$19=$B$17,14,0)+IF('Standard Profiles'!$G$19=$B$24,21,0),MOD($C5647,24)+1)/SUM(INDEX($D$3:$AA$30,INDEX(Jesper!$R$2:$R$366,ROW(INDEX(Jesper!AI$2:AI$366,ROUNDDOWN($C5647/24,0)+1,1))-1)+IF('Standard Profiles'!$G$19=$B$10,7,0)+IF('Standard Profiles'!$G$19=$B$17,14,0)+IF('Standard Profiles'!$G$19=$B$24,21,0),0)),0)</f>
        <v>1.6554254940083566</v>
      </c>
      <c r="F5647" cm="1">
        <f t="array" ref="F5647">IFERROR(INDEX(Jesper!AJ$2:AJ$366,ROUNDDOWN($C5647/24,0)+1,1)*INDEX($D$3:$AA$30,INDEX(Jesper!$R$2:$R$366,ROW(INDEX(Jesper!AJ$2:AJ$366,ROUNDDOWN($C5647/24,0)+1,1))-1)+IF('Standard Profiles'!$G$20=$B$10,7,0)+IF('Standard Profiles'!$G$20=$B$17,14,0)+IF('Standard Profiles'!$G$20=$B$24,21,0),MOD($C5647,24)+1)/SUM(INDEX($D$3:$AA$30,INDEX(Jesper!$R$2:$R$366,ROW(INDEX(Jesper!AJ$2:AJ$366,ROUNDDOWN($C5647/24,0)+1,1))-1)+IF('Standard Profiles'!$G$20=$B$10,7,0)+IF('Standard Profiles'!$G$20=$B$17,14,0)+IF('Standard Profiles'!$G$20=$B$24,21,0),0)),0)</f>
        <v>0</v>
      </c>
      <c r="G5647" cm="1">
        <f t="array" ref="G5647">IFERROR(INDEX(Jesper!AK$2:AK$366,ROUNDDOWN($C5647/24,0)+1,1)*INDEX($D$3:$AA$30,INDEX(Jesper!$R$2:$R$366,ROW(INDEX(Jesper!AK$2:AK$366,ROUNDDOWN($C5647/24,0)+1,1))-1)+IF('Standard Profiles'!$G$21=$B$10,7,0)+IF('Standard Profiles'!$G$21=$B$17,14,0)+IF('Standard Profiles'!$G$21=$B$24,21,0),MOD($C5647,24)+1)/SUM(INDEX($D$3:$AA$30,INDEX(Jesper!$R$2:$R$366,ROW(INDEX(Jesper!AK$2:AK$366,ROUNDDOWN($C5647/24,0)+1,1))-1)+IF('Standard Profiles'!$G$21=$B$10,7,0)+IF('Standard Profiles'!$G$21=$B$17,14,0)+IF('Standard Profiles'!$G$21=$B$24,21,0),0)),0)</f>
        <v>0</v>
      </c>
      <c r="H5647" cm="1">
        <f t="array" ref="H5647">IFERROR(INDEX(Jesper!AL$2:AL$366,ROUNDDOWN($C5647/24,0)+1,1)*INDEX($D$3:$AA$30,INDEX(Jesper!$R$2:$R$366,ROW(INDEX(Jesper!AL$2:AL$366,ROUNDDOWN($C5647/24,0)+1,1))-1)+IF('Standard Profiles'!$G$22=$B$10,7,0)+IF('Standard Profiles'!$G$22=$B$17,14,0)+IF('Standard Profiles'!$G$22=$B$24,21,0),MOD($C5647,24)+1)/SUM(INDEX($D$3:$AA$30,INDEX(Jesper!$R$2:$R$366,ROW(INDEX(Jesper!AL$2:AL$366,ROUNDDOWN($C5647/24,0)+1,1))-1)+IF('Standard Profiles'!$G$22=$B$10,7,0)+IF('Standard Profiles'!$G$22=$B$17,14,0)+IF('Standard Profiles'!$G$22=$B$24,21,0),0)),0)</f>
        <v>0</v>
      </c>
      <c r="I5647">
        <f t="shared" si="629"/>
        <v>0</v>
      </c>
      <c r="J5647">
        <f t="shared" si="630"/>
        <v>5.9005456841736912</v>
      </c>
      <c r="K5647">
        <f t="shared" si="631"/>
        <v>0.53906288129083624</v>
      </c>
      <c r="L5647">
        <f t="shared" si="632"/>
        <v>0.26953144064541812</v>
      </c>
      <c r="M5647">
        <f t="shared" si="633"/>
        <v>0</v>
      </c>
      <c r="N5647" s="45">
        <f t="shared" si="634"/>
        <v>45160.874999986387</v>
      </c>
    </row>
    <row r="5648" spans="2:14" x14ac:dyDescent="0.25">
      <c r="B5648">
        <f t="shared" si="628"/>
        <v>2</v>
      </c>
      <c r="C5648" s="16">
        <v>5614</v>
      </c>
      <c r="D5648" cm="1">
        <f t="array" ref="D5648">IFERROR(INDEX(Jesper!AH$2:AH$366,ROUNDDOWN($C5648/24,0)+1,1)*INDEX($D$3:$AA$30,INDEX(Jesper!$R$2:$R$366,ROW(INDEX(Jesper!AH$2:AH$366,ROUNDDOWN($C5648/24,0)+1,1))-1)+IF('Standard Profiles'!$G$18=$B$10,7,0)+IF('Standard Profiles'!$G$18=$B$17,14,0)+IF('Standard Profiles'!$G$18=$B$24,21,0),MOD($C5648,24)+1)/SUM(INDEX($D$3:$AA$30,INDEX(Jesper!$R$2:$R$366,ROW(INDEX(Jesper!AH$2:AH$366,ROUNDDOWN($C5648/24,0)+1,1))-1)+IF('Standard Profiles'!$G$18=$B$10,7,0)+IF('Standard Profiles'!$G$18=$B$17,14,0)+IF('Standard Profiles'!$G$18=$B$24,21,0),0)),0)</f>
        <v>5.0537145121015898</v>
      </c>
      <c r="E5648" cm="1">
        <f t="array" ref="E5648">IFERROR(INDEX(Jesper!AI$2:AI$366,ROUNDDOWN($C5648/24,0)+1,1)*INDEX($D$3:$AA$30,INDEX(Jesper!$R$2:$R$366,ROW(INDEX(Jesper!AI$2:AI$366,ROUNDDOWN($C5648/24,0)+1,1))-1)+IF('Standard Profiles'!$G$19=$B$10,7,0)+IF('Standard Profiles'!$G$19=$B$17,14,0)+IF('Standard Profiles'!$G$19=$B$24,21,0),MOD($C5648,24)+1)/SUM(INDEX($D$3:$AA$30,INDEX(Jesper!$R$2:$R$366,ROW(INDEX(Jesper!AI$2:AI$366,ROUNDDOWN($C5648/24,0)+1,1))-1)+IF('Standard Profiles'!$G$19=$B$10,7,0)+IF('Standard Profiles'!$G$19=$B$17,14,0)+IF('Standard Profiles'!$G$19=$B$24,21,0),0)),0)</f>
        <v>1.6554254940083566</v>
      </c>
      <c r="F5648" cm="1">
        <f t="array" ref="F5648">IFERROR(INDEX(Jesper!AJ$2:AJ$366,ROUNDDOWN($C5648/24,0)+1,1)*INDEX($D$3:$AA$30,INDEX(Jesper!$R$2:$R$366,ROW(INDEX(Jesper!AJ$2:AJ$366,ROUNDDOWN($C5648/24,0)+1,1))-1)+IF('Standard Profiles'!$G$20=$B$10,7,0)+IF('Standard Profiles'!$G$20=$B$17,14,0)+IF('Standard Profiles'!$G$20=$B$24,21,0),MOD($C5648,24)+1)/SUM(INDEX($D$3:$AA$30,INDEX(Jesper!$R$2:$R$366,ROW(INDEX(Jesper!AJ$2:AJ$366,ROUNDDOWN($C5648/24,0)+1,1))-1)+IF('Standard Profiles'!$G$20=$B$10,7,0)+IF('Standard Profiles'!$G$20=$B$17,14,0)+IF('Standard Profiles'!$G$20=$B$24,21,0),0)),0)</f>
        <v>0</v>
      </c>
      <c r="G5648" cm="1">
        <f t="array" ref="G5648">IFERROR(INDEX(Jesper!AK$2:AK$366,ROUNDDOWN($C5648/24,0)+1,1)*INDEX($D$3:$AA$30,INDEX(Jesper!$R$2:$R$366,ROW(INDEX(Jesper!AK$2:AK$366,ROUNDDOWN($C5648/24,0)+1,1))-1)+IF('Standard Profiles'!$G$21=$B$10,7,0)+IF('Standard Profiles'!$G$21=$B$17,14,0)+IF('Standard Profiles'!$G$21=$B$24,21,0),MOD($C5648,24)+1)/SUM(INDEX($D$3:$AA$30,INDEX(Jesper!$R$2:$R$366,ROW(INDEX(Jesper!AK$2:AK$366,ROUNDDOWN($C5648/24,0)+1,1))-1)+IF('Standard Profiles'!$G$21=$B$10,7,0)+IF('Standard Profiles'!$G$21=$B$17,14,0)+IF('Standard Profiles'!$G$21=$B$24,21,0),0)),0)</f>
        <v>0</v>
      </c>
      <c r="H5648" cm="1">
        <f t="array" ref="H5648">IFERROR(INDEX(Jesper!AL$2:AL$366,ROUNDDOWN($C5648/24,0)+1,1)*INDEX($D$3:$AA$30,INDEX(Jesper!$R$2:$R$366,ROW(INDEX(Jesper!AL$2:AL$366,ROUNDDOWN($C5648/24,0)+1,1))-1)+IF('Standard Profiles'!$G$22=$B$10,7,0)+IF('Standard Profiles'!$G$22=$B$17,14,0)+IF('Standard Profiles'!$G$22=$B$24,21,0),MOD($C5648,24)+1)/SUM(INDEX($D$3:$AA$30,INDEX(Jesper!$R$2:$R$366,ROW(INDEX(Jesper!AL$2:AL$366,ROUNDDOWN($C5648/24,0)+1,1))-1)+IF('Standard Profiles'!$G$22=$B$10,7,0)+IF('Standard Profiles'!$G$22=$B$17,14,0)+IF('Standard Profiles'!$G$22=$B$24,21,0),0)),0)</f>
        <v>0</v>
      </c>
      <c r="I5648">
        <f t="shared" si="629"/>
        <v>0</v>
      </c>
      <c r="J5648">
        <f t="shared" si="630"/>
        <v>5.9005456841736912</v>
      </c>
      <c r="K5648">
        <f t="shared" si="631"/>
        <v>0.53906288129083624</v>
      </c>
      <c r="L5648">
        <f t="shared" si="632"/>
        <v>0.26953144064541812</v>
      </c>
      <c r="M5648">
        <f t="shared" si="633"/>
        <v>0</v>
      </c>
      <c r="N5648" s="45">
        <f t="shared" si="634"/>
        <v>45160.916666653051</v>
      </c>
    </row>
    <row r="5649" spans="2:14" x14ac:dyDescent="0.25">
      <c r="B5649">
        <f t="shared" si="628"/>
        <v>2</v>
      </c>
      <c r="C5649" s="16">
        <v>5615</v>
      </c>
      <c r="D5649" cm="1">
        <f t="array" ref="D5649">IFERROR(INDEX(Jesper!AH$2:AH$366,ROUNDDOWN($C5649/24,0)+1,1)*INDEX($D$3:$AA$30,INDEX(Jesper!$R$2:$R$366,ROW(INDEX(Jesper!AH$2:AH$366,ROUNDDOWN($C5649/24,0)+1,1))-1)+IF('Standard Profiles'!$G$18=$B$10,7,0)+IF('Standard Profiles'!$G$18=$B$17,14,0)+IF('Standard Profiles'!$G$18=$B$24,21,0),MOD($C5649,24)+1)/SUM(INDEX($D$3:$AA$30,INDEX(Jesper!$R$2:$R$366,ROW(INDEX(Jesper!AH$2:AH$366,ROUNDDOWN($C5649/24,0)+1,1))-1)+IF('Standard Profiles'!$G$18=$B$10,7,0)+IF('Standard Profiles'!$G$18=$B$17,14,0)+IF('Standard Profiles'!$G$18=$B$24,21,0),0)),0)</f>
        <v>5.0537145121015898</v>
      </c>
      <c r="E5649" cm="1">
        <f t="array" ref="E5649">IFERROR(INDEX(Jesper!AI$2:AI$366,ROUNDDOWN($C5649/24,0)+1,1)*INDEX($D$3:$AA$30,INDEX(Jesper!$R$2:$R$366,ROW(INDEX(Jesper!AI$2:AI$366,ROUNDDOWN($C5649/24,0)+1,1))-1)+IF('Standard Profiles'!$G$19=$B$10,7,0)+IF('Standard Profiles'!$G$19=$B$17,14,0)+IF('Standard Profiles'!$G$19=$B$24,21,0),MOD($C5649,24)+1)/SUM(INDEX($D$3:$AA$30,INDEX(Jesper!$R$2:$R$366,ROW(INDEX(Jesper!AI$2:AI$366,ROUNDDOWN($C5649/24,0)+1,1))-1)+IF('Standard Profiles'!$G$19=$B$10,7,0)+IF('Standard Profiles'!$G$19=$B$17,14,0)+IF('Standard Profiles'!$G$19=$B$24,21,0),0)),0)</f>
        <v>1.6554254940083566</v>
      </c>
      <c r="F5649" cm="1">
        <f t="array" ref="F5649">IFERROR(INDEX(Jesper!AJ$2:AJ$366,ROUNDDOWN($C5649/24,0)+1,1)*INDEX($D$3:$AA$30,INDEX(Jesper!$R$2:$R$366,ROW(INDEX(Jesper!AJ$2:AJ$366,ROUNDDOWN($C5649/24,0)+1,1))-1)+IF('Standard Profiles'!$G$20=$B$10,7,0)+IF('Standard Profiles'!$G$20=$B$17,14,0)+IF('Standard Profiles'!$G$20=$B$24,21,0),MOD($C5649,24)+1)/SUM(INDEX($D$3:$AA$30,INDEX(Jesper!$R$2:$R$366,ROW(INDEX(Jesper!AJ$2:AJ$366,ROUNDDOWN($C5649/24,0)+1,1))-1)+IF('Standard Profiles'!$G$20=$B$10,7,0)+IF('Standard Profiles'!$G$20=$B$17,14,0)+IF('Standard Profiles'!$G$20=$B$24,21,0),0)),0)</f>
        <v>0</v>
      </c>
      <c r="G5649" cm="1">
        <f t="array" ref="G5649">IFERROR(INDEX(Jesper!AK$2:AK$366,ROUNDDOWN($C5649/24,0)+1,1)*INDEX($D$3:$AA$30,INDEX(Jesper!$R$2:$R$366,ROW(INDEX(Jesper!AK$2:AK$366,ROUNDDOWN($C5649/24,0)+1,1))-1)+IF('Standard Profiles'!$G$21=$B$10,7,0)+IF('Standard Profiles'!$G$21=$B$17,14,0)+IF('Standard Profiles'!$G$21=$B$24,21,0),MOD($C5649,24)+1)/SUM(INDEX($D$3:$AA$30,INDEX(Jesper!$R$2:$R$366,ROW(INDEX(Jesper!AK$2:AK$366,ROUNDDOWN($C5649/24,0)+1,1))-1)+IF('Standard Profiles'!$G$21=$B$10,7,0)+IF('Standard Profiles'!$G$21=$B$17,14,0)+IF('Standard Profiles'!$G$21=$B$24,21,0),0)),0)</f>
        <v>0</v>
      </c>
      <c r="H5649" cm="1">
        <f t="array" ref="H5649">IFERROR(INDEX(Jesper!AL$2:AL$366,ROUNDDOWN($C5649/24,0)+1,1)*INDEX($D$3:$AA$30,INDEX(Jesper!$R$2:$R$366,ROW(INDEX(Jesper!AL$2:AL$366,ROUNDDOWN($C5649/24,0)+1,1))-1)+IF('Standard Profiles'!$G$22=$B$10,7,0)+IF('Standard Profiles'!$G$22=$B$17,14,0)+IF('Standard Profiles'!$G$22=$B$24,21,0),MOD($C5649,24)+1)/SUM(INDEX($D$3:$AA$30,INDEX(Jesper!$R$2:$R$366,ROW(INDEX(Jesper!AL$2:AL$366,ROUNDDOWN($C5649/24,0)+1,1))-1)+IF('Standard Profiles'!$G$22=$B$10,7,0)+IF('Standard Profiles'!$G$22=$B$17,14,0)+IF('Standard Profiles'!$G$22=$B$24,21,0),0)),0)</f>
        <v>0</v>
      </c>
      <c r="I5649">
        <f t="shared" si="629"/>
        <v>0</v>
      </c>
      <c r="J5649">
        <f t="shared" si="630"/>
        <v>5.9005456841736912</v>
      </c>
      <c r="K5649">
        <f t="shared" si="631"/>
        <v>0.53906288129083624</v>
      </c>
      <c r="L5649">
        <f t="shared" si="632"/>
        <v>0.26953144064541812</v>
      </c>
      <c r="M5649">
        <f t="shared" si="633"/>
        <v>0</v>
      </c>
      <c r="N5649" s="45">
        <f t="shared" si="634"/>
        <v>45160.958333319715</v>
      </c>
    </row>
    <row r="5650" spans="2:14" x14ac:dyDescent="0.25">
      <c r="B5650">
        <f t="shared" si="628"/>
        <v>3</v>
      </c>
      <c r="C5650" s="16">
        <v>5616</v>
      </c>
      <c r="D5650" cm="1">
        <f t="array" ref="D5650">IFERROR(INDEX(Jesper!AH$2:AH$366,ROUNDDOWN($C5650/24,0)+1,1)*INDEX($D$3:$AA$30,INDEX(Jesper!$R$2:$R$366,ROW(INDEX(Jesper!AH$2:AH$366,ROUNDDOWN($C5650/24,0)+1,1))-1)+IF('Standard Profiles'!$G$18=$B$10,7,0)+IF('Standard Profiles'!$G$18=$B$17,14,0)+IF('Standard Profiles'!$G$18=$B$24,21,0),MOD($C5650,24)+1)/SUM(INDEX($D$3:$AA$30,INDEX(Jesper!$R$2:$R$366,ROW(INDEX(Jesper!AH$2:AH$366,ROUNDDOWN($C5650/24,0)+1,1))-1)+IF('Standard Profiles'!$G$18=$B$10,7,0)+IF('Standard Profiles'!$G$18=$B$17,14,0)+IF('Standard Profiles'!$G$18=$B$24,21,0),0)),0)</f>
        <v>5.0700197811759544</v>
      </c>
      <c r="E5650" cm="1">
        <f t="array" ref="E5650">IFERROR(INDEX(Jesper!AI$2:AI$366,ROUNDDOWN($C5650/24,0)+1,1)*INDEX($D$3:$AA$30,INDEX(Jesper!$R$2:$R$366,ROW(INDEX(Jesper!AI$2:AI$366,ROUNDDOWN($C5650/24,0)+1,1))-1)+IF('Standard Profiles'!$G$19=$B$10,7,0)+IF('Standard Profiles'!$G$19=$B$17,14,0)+IF('Standard Profiles'!$G$19=$B$24,21,0),MOD($C5650,24)+1)/SUM(INDEX($D$3:$AA$30,INDEX(Jesper!$R$2:$R$366,ROW(INDEX(Jesper!AI$2:AI$366,ROUNDDOWN($C5650/24,0)+1,1))-1)+IF('Standard Profiles'!$G$19=$B$10,7,0)+IF('Standard Profiles'!$G$19=$B$17,14,0)+IF('Standard Profiles'!$G$19=$B$24,21,0),0)),0)</f>
        <v>1.7514077779106003</v>
      </c>
      <c r="F5650" cm="1">
        <f t="array" ref="F5650">IFERROR(INDEX(Jesper!AJ$2:AJ$366,ROUNDDOWN($C5650/24,0)+1,1)*INDEX($D$3:$AA$30,INDEX(Jesper!$R$2:$R$366,ROW(INDEX(Jesper!AJ$2:AJ$366,ROUNDDOWN($C5650/24,0)+1,1))-1)+IF('Standard Profiles'!$G$20=$B$10,7,0)+IF('Standard Profiles'!$G$20=$B$17,14,0)+IF('Standard Profiles'!$G$20=$B$24,21,0),MOD($C5650,24)+1)/SUM(INDEX($D$3:$AA$30,INDEX(Jesper!$R$2:$R$366,ROW(INDEX(Jesper!AJ$2:AJ$366,ROUNDDOWN($C5650/24,0)+1,1))-1)+IF('Standard Profiles'!$G$20=$B$10,7,0)+IF('Standard Profiles'!$G$20=$B$17,14,0)+IF('Standard Profiles'!$G$20=$B$24,21,0),0)),0)</f>
        <v>0</v>
      </c>
      <c r="G5650" cm="1">
        <f t="array" ref="G5650">IFERROR(INDEX(Jesper!AK$2:AK$366,ROUNDDOWN($C5650/24,0)+1,1)*INDEX($D$3:$AA$30,INDEX(Jesper!$R$2:$R$366,ROW(INDEX(Jesper!AK$2:AK$366,ROUNDDOWN($C5650/24,0)+1,1))-1)+IF('Standard Profiles'!$G$21=$B$10,7,0)+IF('Standard Profiles'!$G$21=$B$17,14,0)+IF('Standard Profiles'!$G$21=$B$24,21,0),MOD($C5650,24)+1)/SUM(INDEX($D$3:$AA$30,INDEX(Jesper!$R$2:$R$366,ROW(INDEX(Jesper!AK$2:AK$366,ROUNDDOWN($C5650/24,0)+1,1))-1)+IF('Standard Profiles'!$G$21=$B$10,7,0)+IF('Standard Profiles'!$G$21=$B$17,14,0)+IF('Standard Profiles'!$G$21=$B$24,21,0),0)),0)</f>
        <v>0</v>
      </c>
      <c r="H5650" cm="1">
        <f t="array" ref="H5650">IFERROR(INDEX(Jesper!AL$2:AL$366,ROUNDDOWN($C5650/24,0)+1,1)*INDEX($D$3:$AA$30,INDEX(Jesper!$R$2:$R$366,ROW(INDEX(Jesper!AL$2:AL$366,ROUNDDOWN($C5650/24,0)+1,1))-1)+IF('Standard Profiles'!$G$22=$B$10,7,0)+IF('Standard Profiles'!$G$22=$B$17,14,0)+IF('Standard Profiles'!$G$22=$B$24,21,0),MOD($C5650,24)+1)/SUM(INDEX($D$3:$AA$30,INDEX(Jesper!$R$2:$R$366,ROW(INDEX(Jesper!AL$2:AL$366,ROUNDDOWN($C5650/24,0)+1,1))-1)+IF('Standard Profiles'!$G$22=$B$10,7,0)+IF('Standard Profiles'!$G$22=$B$17,14,0)+IF('Standard Profiles'!$G$22=$B$24,21,0),0)),0)</f>
        <v>0</v>
      </c>
      <c r="I5650">
        <f t="shared" si="629"/>
        <v>0</v>
      </c>
      <c r="J5650">
        <f t="shared" si="630"/>
        <v>6.0102243940984019</v>
      </c>
      <c r="K5650">
        <f t="shared" si="631"/>
        <v>0.54080210999210188</v>
      </c>
      <c r="L5650">
        <f t="shared" si="632"/>
        <v>0.27040105499605094</v>
      </c>
      <c r="M5650">
        <f t="shared" si="633"/>
        <v>0</v>
      </c>
      <c r="N5650" s="45">
        <f t="shared" si="634"/>
        <v>45160.999999986379</v>
      </c>
    </row>
    <row r="5651" spans="2:14" x14ac:dyDescent="0.25">
      <c r="B5651">
        <f t="shared" si="628"/>
        <v>3</v>
      </c>
      <c r="C5651" s="16">
        <v>5617</v>
      </c>
      <c r="D5651" cm="1">
        <f t="array" ref="D5651">IFERROR(INDEX(Jesper!AH$2:AH$366,ROUNDDOWN($C5651/24,0)+1,1)*INDEX($D$3:$AA$30,INDEX(Jesper!$R$2:$R$366,ROW(INDEX(Jesper!AH$2:AH$366,ROUNDDOWN($C5651/24,0)+1,1))-1)+IF('Standard Profiles'!$G$18=$B$10,7,0)+IF('Standard Profiles'!$G$18=$B$17,14,0)+IF('Standard Profiles'!$G$18=$B$24,21,0),MOD($C5651,24)+1)/SUM(INDEX($D$3:$AA$30,INDEX(Jesper!$R$2:$R$366,ROW(INDEX(Jesper!AH$2:AH$366,ROUNDDOWN($C5651/24,0)+1,1))-1)+IF('Standard Profiles'!$G$18=$B$10,7,0)+IF('Standard Profiles'!$G$18=$B$17,14,0)+IF('Standard Profiles'!$G$18=$B$24,21,0),0)),0)</f>
        <v>5.0700197811759544</v>
      </c>
      <c r="E5651" cm="1">
        <f t="array" ref="E5651">IFERROR(INDEX(Jesper!AI$2:AI$366,ROUNDDOWN($C5651/24,0)+1,1)*INDEX($D$3:$AA$30,INDEX(Jesper!$R$2:$R$366,ROW(INDEX(Jesper!AI$2:AI$366,ROUNDDOWN($C5651/24,0)+1,1))-1)+IF('Standard Profiles'!$G$19=$B$10,7,0)+IF('Standard Profiles'!$G$19=$B$17,14,0)+IF('Standard Profiles'!$G$19=$B$24,21,0),MOD($C5651,24)+1)/SUM(INDEX($D$3:$AA$30,INDEX(Jesper!$R$2:$R$366,ROW(INDEX(Jesper!AI$2:AI$366,ROUNDDOWN($C5651/24,0)+1,1))-1)+IF('Standard Profiles'!$G$19=$B$10,7,0)+IF('Standard Profiles'!$G$19=$B$17,14,0)+IF('Standard Profiles'!$G$19=$B$24,21,0),0)),0)</f>
        <v>1.7514077779106003</v>
      </c>
      <c r="F5651" cm="1">
        <f t="array" ref="F5651">IFERROR(INDEX(Jesper!AJ$2:AJ$366,ROUNDDOWN($C5651/24,0)+1,1)*INDEX($D$3:$AA$30,INDEX(Jesper!$R$2:$R$366,ROW(INDEX(Jesper!AJ$2:AJ$366,ROUNDDOWN($C5651/24,0)+1,1))-1)+IF('Standard Profiles'!$G$20=$B$10,7,0)+IF('Standard Profiles'!$G$20=$B$17,14,0)+IF('Standard Profiles'!$G$20=$B$24,21,0),MOD($C5651,24)+1)/SUM(INDEX($D$3:$AA$30,INDEX(Jesper!$R$2:$R$366,ROW(INDEX(Jesper!AJ$2:AJ$366,ROUNDDOWN($C5651/24,0)+1,1))-1)+IF('Standard Profiles'!$G$20=$B$10,7,0)+IF('Standard Profiles'!$G$20=$B$17,14,0)+IF('Standard Profiles'!$G$20=$B$24,21,0),0)),0)</f>
        <v>0</v>
      </c>
      <c r="G5651" cm="1">
        <f t="array" ref="G5651">IFERROR(INDEX(Jesper!AK$2:AK$366,ROUNDDOWN($C5651/24,0)+1,1)*INDEX($D$3:$AA$30,INDEX(Jesper!$R$2:$R$366,ROW(INDEX(Jesper!AK$2:AK$366,ROUNDDOWN($C5651/24,0)+1,1))-1)+IF('Standard Profiles'!$G$21=$B$10,7,0)+IF('Standard Profiles'!$G$21=$B$17,14,0)+IF('Standard Profiles'!$G$21=$B$24,21,0),MOD($C5651,24)+1)/SUM(INDEX($D$3:$AA$30,INDEX(Jesper!$R$2:$R$366,ROW(INDEX(Jesper!AK$2:AK$366,ROUNDDOWN($C5651/24,0)+1,1))-1)+IF('Standard Profiles'!$G$21=$B$10,7,0)+IF('Standard Profiles'!$G$21=$B$17,14,0)+IF('Standard Profiles'!$G$21=$B$24,21,0),0)),0)</f>
        <v>0</v>
      </c>
      <c r="H5651" cm="1">
        <f t="array" ref="H5651">IFERROR(INDEX(Jesper!AL$2:AL$366,ROUNDDOWN($C5651/24,0)+1,1)*INDEX($D$3:$AA$30,INDEX(Jesper!$R$2:$R$366,ROW(INDEX(Jesper!AL$2:AL$366,ROUNDDOWN($C5651/24,0)+1,1))-1)+IF('Standard Profiles'!$G$22=$B$10,7,0)+IF('Standard Profiles'!$G$22=$B$17,14,0)+IF('Standard Profiles'!$G$22=$B$24,21,0),MOD($C5651,24)+1)/SUM(INDEX($D$3:$AA$30,INDEX(Jesper!$R$2:$R$366,ROW(INDEX(Jesper!AL$2:AL$366,ROUNDDOWN($C5651/24,0)+1,1))-1)+IF('Standard Profiles'!$G$22=$B$10,7,0)+IF('Standard Profiles'!$G$22=$B$17,14,0)+IF('Standard Profiles'!$G$22=$B$24,21,0),0)),0)</f>
        <v>0</v>
      </c>
      <c r="I5651">
        <f t="shared" si="629"/>
        <v>0</v>
      </c>
      <c r="J5651">
        <f t="shared" si="630"/>
        <v>6.0102243940984019</v>
      </c>
      <c r="K5651">
        <f t="shared" si="631"/>
        <v>0.54080210999210188</v>
      </c>
      <c r="L5651">
        <f t="shared" si="632"/>
        <v>0.27040105499605094</v>
      </c>
      <c r="M5651">
        <f t="shared" si="633"/>
        <v>0</v>
      </c>
      <c r="N5651" s="45">
        <f t="shared" si="634"/>
        <v>45161.041666653044</v>
      </c>
    </row>
    <row r="5652" spans="2:14" x14ac:dyDescent="0.25">
      <c r="B5652">
        <f t="shared" si="628"/>
        <v>3</v>
      </c>
      <c r="C5652" s="16">
        <v>5618</v>
      </c>
      <c r="D5652" cm="1">
        <f t="array" ref="D5652">IFERROR(INDEX(Jesper!AH$2:AH$366,ROUNDDOWN($C5652/24,0)+1,1)*INDEX($D$3:$AA$30,INDEX(Jesper!$R$2:$R$366,ROW(INDEX(Jesper!AH$2:AH$366,ROUNDDOWN($C5652/24,0)+1,1))-1)+IF('Standard Profiles'!$G$18=$B$10,7,0)+IF('Standard Profiles'!$G$18=$B$17,14,0)+IF('Standard Profiles'!$G$18=$B$24,21,0),MOD($C5652,24)+1)/SUM(INDEX($D$3:$AA$30,INDEX(Jesper!$R$2:$R$366,ROW(INDEX(Jesper!AH$2:AH$366,ROUNDDOWN($C5652/24,0)+1,1))-1)+IF('Standard Profiles'!$G$18=$B$10,7,0)+IF('Standard Profiles'!$G$18=$B$17,14,0)+IF('Standard Profiles'!$G$18=$B$24,21,0),0)),0)</f>
        <v>5.0700197811759544</v>
      </c>
      <c r="E5652" cm="1">
        <f t="array" ref="E5652">IFERROR(INDEX(Jesper!AI$2:AI$366,ROUNDDOWN($C5652/24,0)+1,1)*INDEX($D$3:$AA$30,INDEX(Jesper!$R$2:$R$366,ROW(INDEX(Jesper!AI$2:AI$366,ROUNDDOWN($C5652/24,0)+1,1))-1)+IF('Standard Profiles'!$G$19=$B$10,7,0)+IF('Standard Profiles'!$G$19=$B$17,14,0)+IF('Standard Profiles'!$G$19=$B$24,21,0),MOD($C5652,24)+1)/SUM(INDEX($D$3:$AA$30,INDEX(Jesper!$R$2:$R$366,ROW(INDEX(Jesper!AI$2:AI$366,ROUNDDOWN($C5652/24,0)+1,1))-1)+IF('Standard Profiles'!$G$19=$B$10,7,0)+IF('Standard Profiles'!$G$19=$B$17,14,0)+IF('Standard Profiles'!$G$19=$B$24,21,0),0)),0)</f>
        <v>1.7514077779106003</v>
      </c>
      <c r="F5652" cm="1">
        <f t="array" ref="F5652">IFERROR(INDEX(Jesper!AJ$2:AJ$366,ROUNDDOWN($C5652/24,0)+1,1)*INDEX($D$3:$AA$30,INDEX(Jesper!$R$2:$R$366,ROW(INDEX(Jesper!AJ$2:AJ$366,ROUNDDOWN($C5652/24,0)+1,1))-1)+IF('Standard Profiles'!$G$20=$B$10,7,0)+IF('Standard Profiles'!$G$20=$B$17,14,0)+IF('Standard Profiles'!$G$20=$B$24,21,0),MOD($C5652,24)+1)/SUM(INDEX($D$3:$AA$30,INDEX(Jesper!$R$2:$R$366,ROW(INDEX(Jesper!AJ$2:AJ$366,ROUNDDOWN($C5652/24,0)+1,1))-1)+IF('Standard Profiles'!$G$20=$B$10,7,0)+IF('Standard Profiles'!$G$20=$B$17,14,0)+IF('Standard Profiles'!$G$20=$B$24,21,0),0)),0)</f>
        <v>0</v>
      </c>
      <c r="G5652" cm="1">
        <f t="array" ref="G5652">IFERROR(INDEX(Jesper!AK$2:AK$366,ROUNDDOWN($C5652/24,0)+1,1)*INDEX($D$3:$AA$30,INDEX(Jesper!$R$2:$R$366,ROW(INDEX(Jesper!AK$2:AK$366,ROUNDDOWN($C5652/24,0)+1,1))-1)+IF('Standard Profiles'!$G$21=$B$10,7,0)+IF('Standard Profiles'!$G$21=$B$17,14,0)+IF('Standard Profiles'!$G$21=$B$24,21,0),MOD($C5652,24)+1)/SUM(INDEX($D$3:$AA$30,INDEX(Jesper!$R$2:$R$366,ROW(INDEX(Jesper!AK$2:AK$366,ROUNDDOWN($C5652/24,0)+1,1))-1)+IF('Standard Profiles'!$G$21=$B$10,7,0)+IF('Standard Profiles'!$G$21=$B$17,14,0)+IF('Standard Profiles'!$G$21=$B$24,21,0),0)),0)</f>
        <v>0</v>
      </c>
      <c r="H5652" cm="1">
        <f t="array" ref="H5652">IFERROR(INDEX(Jesper!AL$2:AL$366,ROUNDDOWN($C5652/24,0)+1,1)*INDEX($D$3:$AA$30,INDEX(Jesper!$R$2:$R$366,ROW(INDEX(Jesper!AL$2:AL$366,ROUNDDOWN($C5652/24,0)+1,1))-1)+IF('Standard Profiles'!$G$22=$B$10,7,0)+IF('Standard Profiles'!$G$22=$B$17,14,0)+IF('Standard Profiles'!$G$22=$B$24,21,0),MOD($C5652,24)+1)/SUM(INDEX($D$3:$AA$30,INDEX(Jesper!$R$2:$R$366,ROW(INDEX(Jesper!AL$2:AL$366,ROUNDDOWN($C5652/24,0)+1,1))-1)+IF('Standard Profiles'!$G$22=$B$10,7,0)+IF('Standard Profiles'!$G$22=$B$17,14,0)+IF('Standard Profiles'!$G$22=$B$24,21,0),0)),0)</f>
        <v>0</v>
      </c>
      <c r="I5652">
        <f t="shared" si="629"/>
        <v>0</v>
      </c>
      <c r="J5652">
        <f t="shared" si="630"/>
        <v>6.0102243940984019</v>
      </c>
      <c r="K5652">
        <f t="shared" si="631"/>
        <v>0.54080210999210188</v>
      </c>
      <c r="L5652">
        <f t="shared" si="632"/>
        <v>0.27040105499605094</v>
      </c>
      <c r="M5652">
        <f t="shared" si="633"/>
        <v>0</v>
      </c>
      <c r="N5652" s="45">
        <f t="shared" si="634"/>
        <v>45161.083333319708</v>
      </c>
    </row>
    <row r="5653" spans="2:14" x14ac:dyDescent="0.25">
      <c r="B5653">
        <f t="shared" si="628"/>
        <v>3</v>
      </c>
      <c r="C5653" s="16">
        <v>5619</v>
      </c>
      <c r="D5653" cm="1">
        <f t="array" ref="D5653">IFERROR(INDEX(Jesper!AH$2:AH$366,ROUNDDOWN($C5653/24,0)+1,1)*INDEX($D$3:$AA$30,INDEX(Jesper!$R$2:$R$366,ROW(INDEX(Jesper!AH$2:AH$366,ROUNDDOWN($C5653/24,0)+1,1))-1)+IF('Standard Profiles'!$G$18=$B$10,7,0)+IF('Standard Profiles'!$G$18=$B$17,14,0)+IF('Standard Profiles'!$G$18=$B$24,21,0),MOD($C5653,24)+1)/SUM(INDEX($D$3:$AA$30,INDEX(Jesper!$R$2:$R$366,ROW(INDEX(Jesper!AH$2:AH$366,ROUNDDOWN($C5653/24,0)+1,1))-1)+IF('Standard Profiles'!$G$18=$B$10,7,0)+IF('Standard Profiles'!$G$18=$B$17,14,0)+IF('Standard Profiles'!$G$18=$B$24,21,0),0)),0)</f>
        <v>5.0700197811759544</v>
      </c>
      <c r="E5653" cm="1">
        <f t="array" ref="E5653">IFERROR(INDEX(Jesper!AI$2:AI$366,ROUNDDOWN($C5653/24,0)+1,1)*INDEX($D$3:$AA$30,INDEX(Jesper!$R$2:$R$366,ROW(INDEX(Jesper!AI$2:AI$366,ROUNDDOWN($C5653/24,0)+1,1))-1)+IF('Standard Profiles'!$G$19=$B$10,7,0)+IF('Standard Profiles'!$G$19=$B$17,14,0)+IF('Standard Profiles'!$G$19=$B$24,21,0),MOD($C5653,24)+1)/SUM(INDEX($D$3:$AA$30,INDEX(Jesper!$R$2:$R$366,ROW(INDEX(Jesper!AI$2:AI$366,ROUNDDOWN($C5653/24,0)+1,1))-1)+IF('Standard Profiles'!$G$19=$B$10,7,0)+IF('Standard Profiles'!$G$19=$B$17,14,0)+IF('Standard Profiles'!$G$19=$B$24,21,0),0)),0)</f>
        <v>1.7514077779106003</v>
      </c>
      <c r="F5653" cm="1">
        <f t="array" ref="F5653">IFERROR(INDEX(Jesper!AJ$2:AJ$366,ROUNDDOWN($C5653/24,0)+1,1)*INDEX($D$3:$AA$30,INDEX(Jesper!$R$2:$R$366,ROW(INDEX(Jesper!AJ$2:AJ$366,ROUNDDOWN($C5653/24,0)+1,1))-1)+IF('Standard Profiles'!$G$20=$B$10,7,0)+IF('Standard Profiles'!$G$20=$B$17,14,0)+IF('Standard Profiles'!$G$20=$B$24,21,0),MOD($C5653,24)+1)/SUM(INDEX($D$3:$AA$30,INDEX(Jesper!$R$2:$R$366,ROW(INDEX(Jesper!AJ$2:AJ$366,ROUNDDOWN($C5653/24,0)+1,1))-1)+IF('Standard Profiles'!$G$20=$B$10,7,0)+IF('Standard Profiles'!$G$20=$B$17,14,0)+IF('Standard Profiles'!$G$20=$B$24,21,0),0)),0)</f>
        <v>0</v>
      </c>
      <c r="G5653" cm="1">
        <f t="array" ref="G5653">IFERROR(INDEX(Jesper!AK$2:AK$366,ROUNDDOWN($C5653/24,0)+1,1)*INDEX($D$3:$AA$30,INDEX(Jesper!$R$2:$R$366,ROW(INDEX(Jesper!AK$2:AK$366,ROUNDDOWN($C5653/24,0)+1,1))-1)+IF('Standard Profiles'!$G$21=$B$10,7,0)+IF('Standard Profiles'!$G$21=$B$17,14,0)+IF('Standard Profiles'!$G$21=$B$24,21,0),MOD($C5653,24)+1)/SUM(INDEX($D$3:$AA$30,INDEX(Jesper!$R$2:$R$366,ROW(INDEX(Jesper!AK$2:AK$366,ROUNDDOWN($C5653/24,0)+1,1))-1)+IF('Standard Profiles'!$G$21=$B$10,7,0)+IF('Standard Profiles'!$G$21=$B$17,14,0)+IF('Standard Profiles'!$G$21=$B$24,21,0),0)),0)</f>
        <v>0</v>
      </c>
      <c r="H5653" cm="1">
        <f t="array" ref="H5653">IFERROR(INDEX(Jesper!AL$2:AL$366,ROUNDDOWN($C5653/24,0)+1,1)*INDEX($D$3:$AA$30,INDEX(Jesper!$R$2:$R$366,ROW(INDEX(Jesper!AL$2:AL$366,ROUNDDOWN($C5653/24,0)+1,1))-1)+IF('Standard Profiles'!$G$22=$B$10,7,0)+IF('Standard Profiles'!$G$22=$B$17,14,0)+IF('Standard Profiles'!$G$22=$B$24,21,0),MOD($C5653,24)+1)/SUM(INDEX($D$3:$AA$30,INDEX(Jesper!$R$2:$R$366,ROW(INDEX(Jesper!AL$2:AL$366,ROUNDDOWN($C5653/24,0)+1,1))-1)+IF('Standard Profiles'!$G$22=$B$10,7,0)+IF('Standard Profiles'!$G$22=$B$17,14,0)+IF('Standard Profiles'!$G$22=$B$24,21,0),0)),0)</f>
        <v>0</v>
      </c>
      <c r="I5653">
        <f t="shared" si="629"/>
        <v>0</v>
      </c>
      <c r="J5653">
        <f t="shared" si="630"/>
        <v>6.0102243940984019</v>
      </c>
      <c r="K5653">
        <f t="shared" si="631"/>
        <v>0.54080210999210188</v>
      </c>
      <c r="L5653">
        <f t="shared" si="632"/>
        <v>0.27040105499605094</v>
      </c>
      <c r="M5653">
        <f t="shared" si="633"/>
        <v>0</v>
      </c>
      <c r="N5653" s="45">
        <f t="shared" si="634"/>
        <v>45161.124999986372</v>
      </c>
    </row>
    <row r="5654" spans="2:14" x14ac:dyDescent="0.25">
      <c r="B5654">
        <f t="shared" si="628"/>
        <v>3</v>
      </c>
      <c r="C5654" s="16">
        <v>5620</v>
      </c>
      <c r="D5654" cm="1">
        <f t="array" ref="D5654">IFERROR(INDEX(Jesper!AH$2:AH$366,ROUNDDOWN($C5654/24,0)+1,1)*INDEX($D$3:$AA$30,INDEX(Jesper!$R$2:$R$366,ROW(INDEX(Jesper!AH$2:AH$366,ROUNDDOWN($C5654/24,0)+1,1))-1)+IF('Standard Profiles'!$G$18=$B$10,7,0)+IF('Standard Profiles'!$G$18=$B$17,14,0)+IF('Standard Profiles'!$G$18=$B$24,21,0),MOD($C5654,24)+1)/SUM(INDEX($D$3:$AA$30,INDEX(Jesper!$R$2:$R$366,ROW(INDEX(Jesper!AH$2:AH$366,ROUNDDOWN($C5654/24,0)+1,1))-1)+IF('Standard Profiles'!$G$18=$B$10,7,0)+IF('Standard Profiles'!$G$18=$B$17,14,0)+IF('Standard Profiles'!$G$18=$B$24,21,0),0)),0)</f>
        <v>5.0700197811759544</v>
      </c>
      <c r="E5654" cm="1">
        <f t="array" ref="E5654">IFERROR(INDEX(Jesper!AI$2:AI$366,ROUNDDOWN($C5654/24,0)+1,1)*INDEX($D$3:$AA$30,INDEX(Jesper!$R$2:$R$366,ROW(INDEX(Jesper!AI$2:AI$366,ROUNDDOWN($C5654/24,0)+1,1))-1)+IF('Standard Profiles'!$G$19=$B$10,7,0)+IF('Standard Profiles'!$G$19=$B$17,14,0)+IF('Standard Profiles'!$G$19=$B$24,21,0),MOD($C5654,24)+1)/SUM(INDEX($D$3:$AA$30,INDEX(Jesper!$R$2:$R$366,ROW(INDEX(Jesper!AI$2:AI$366,ROUNDDOWN($C5654/24,0)+1,1))-1)+IF('Standard Profiles'!$G$19=$B$10,7,0)+IF('Standard Profiles'!$G$19=$B$17,14,0)+IF('Standard Profiles'!$G$19=$B$24,21,0),0)),0)</f>
        <v>1.7514077779106003</v>
      </c>
      <c r="F5654" cm="1">
        <f t="array" ref="F5654">IFERROR(INDEX(Jesper!AJ$2:AJ$366,ROUNDDOWN($C5654/24,0)+1,1)*INDEX($D$3:$AA$30,INDEX(Jesper!$R$2:$R$366,ROW(INDEX(Jesper!AJ$2:AJ$366,ROUNDDOWN($C5654/24,0)+1,1))-1)+IF('Standard Profiles'!$G$20=$B$10,7,0)+IF('Standard Profiles'!$G$20=$B$17,14,0)+IF('Standard Profiles'!$G$20=$B$24,21,0),MOD($C5654,24)+1)/SUM(INDEX($D$3:$AA$30,INDEX(Jesper!$R$2:$R$366,ROW(INDEX(Jesper!AJ$2:AJ$366,ROUNDDOWN($C5654/24,0)+1,1))-1)+IF('Standard Profiles'!$G$20=$B$10,7,0)+IF('Standard Profiles'!$G$20=$B$17,14,0)+IF('Standard Profiles'!$G$20=$B$24,21,0),0)),0)</f>
        <v>0</v>
      </c>
      <c r="G5654" cm="1">
        <f t="array" ref="G5654">IFERROR(INDEX(Jesper!AK$2:AK$366,ROUNDDOWN($C5654/24,0)+1,1)*INDEX($D$3:$AA$30,INDEX(Jesper!$R$2:$R$366,ROW(INDEX(Jesper!AK$2:AK$366,ROUNDDOWN($C5654/24,0)+1,1))-1)+IF('Standard Profiles'!$G$21=$B$10,7,0)+IF('Standard Profiles'!$G$21=$B$17,14,0)+IF('Standard Profiles'!$G$21=$B$24,21,0),MOD($C5654,24)+1)/SUM(INDEX($D$3:$AA$30,INDEX(Jesper!$R$2:$R$366,ROW(INDEX(Jesper!AK$2:AK$366,ROUNDDOWN($C5654/24,0)+1,1))-1)+IF('Standard Profiles'!$G$21=$B$10,7,0)+IF('Standard Profiles'!$G$21=$B$17,14,0)+IF('Standard Profiles'!$G$21=$B$24,21,0),0)),0)</f>
        <v>0</v>
      </c>
      <c r="H5654" cm="1">
        <f t="array" ref="H5654">IFERROR(INDEX(Jesper!AL$2:AL$366,ROUNDDOWN($C5654/24,0)+1,1)*INDEX($D$3:$AA$30,INDEX(Jesper!$R$2:$R$366,ROW(INDEX(Jesper!AL$2:AL$366,ROUNDDOWN($C5654/24,0)+1,1))-1)+IF('Standard Profiles'!$G$22=$B$10,7,0)+IF('Standard Profiles'!$G$22=$B$17,14,0)+IF('Standard Profiles'!$G$22=$B$24,21,0),MOD($C5654,24)+1)/SUM(INDEX($D$3:$AA$30,INDEX(Jesper!$R$2:$R$366,ROW(INDEX(Jesper!AL$2:AL$366,ROUNDDOWN($C5654/24,0)+1,1))-1)+IF('Standard Profiles'!$G$22=$B$10,7,0)+IF('Standard Profiles'!$G$22=$B$17,14,0)+IF('Standard Profiles'!$G$22=$B$24,21,0),0)),0)</f>
        <v>0</v>
      </c>
      <c r="I5654">
        <f t="shared" si="629"/>
        <v>0</v>
      </c>
      <c r="J5654">
        <f t="shared" si="630"/>
        <v>6.0102243940984019</v>
      </c>
      <c r="K5654">
        <f t="shared" si="631"/>
        <v>0.54080210999210188</v>
      </c>
      <c r="L5654">
        <f t="shared" si="632"/>
        <v>0.27040105499605094</v>
      </c>
      <c r="M5654">
        <f t="shared" si="633"/>
        <v>0</v>
      </c>
      <c r="N5654" s="45">
        <f t="shared" si="634"/>
        <v>45161.166666653036</v>
      </c>
    </row>
    <row r="5655" spans="2:14" x14ac:dyDescent="0.25">
      <c r="B5655">
        <f t="shared" si="628"/>
        <v>3</v>
      </c>
      <c r="C5655" s="16">
        <v>5621</v>
      </c>
      <c r="D5655" cm="1">
        <f t="array" ref="D5655">IFERROR(INDEX(Jesper!AH$2:AH$366,ROUNDDOWN($C5655/24,0)+1,1)*INDEX($D$3:$AA$30,INDEX(Jesper!$R$2:$R$366,ROW(INDEX(Jesper!AH$2:AH$366,ROUNDDOWN($C5655/24,0)+1,1))-1)+IF('Standard Profiles'!$G$18=$B$10,7,0)+IF('Standard Profiles'!$G$18=$B$17,14,0)+IF('Standard Profiles'!$G$18=$B$24,21,0),MOD($C5655,24)+1)/SUM(INDEX($D$3:$AA$30,INDEX(Jesper!$R$2:$R$366,ROW(INDEX(Jesper!AH$2:AH$366,ROUNDDOWN($C5655/24,0)+1,1))-1)+IF('Standard Profiles'!$G$18=$B$10,7,0)+IF('Standard Profiles'!$G$18=$B$17,14,0)+IF('Standard Profiles'!$G$18=$B$24,21,0),0)),0)</f>
        <v>5.0700197811759544</v>
      </c>
      <c r="E5655" cm="1">
        <f t="array" ref="E5655">IFERROR(INDEX(Jesper!AI$2:AI$366,ROUNDDOWN($C5655/24,0)+1,1)*INDEX($D$3:$AA$30,INDEX(Jesper!$R$2:$R$366,ROW(INDEX(Jesper!AI$2:AI$366,ROUNDDOWN($C5655/24,0)+1,1))-1)+IF('Standard Profiles'!$G$19=$B$10,7,0)+IF('Standard Profiles'!$G$19=$B$17,14,0)+IF('Standard Profiles'!$G$19=$B$24,21,0),MOD($C5655,24)+1)/SUM(INDEX($D$3:$AA$30,INDEX(Jesper!$R$2:$R$366,ROW(INDEX(Jesper!AI$2:AI$366,ROUNDDOWN($C5655/24,0)+1,1))-1)+IF('Standard Profiles'!$G$19=$B$10,7,0)+IF('Standard Profiles'!$G$19=$B$17,14,0)+IF('Standard Profiles'!$G$19=$B$24,21,0),0)),0)</f>
        <v>1.7514077779106003</v>
      </c>
      <c r="F5655" cm="1">
        <f t="array" ref="F5655">IFERROR(INDEX(Jesper!AJ$2:AJ$366,ROUNDDOWN($C5655/24,0)+1,1)*INDEX($D$3:$AA$30,INDEX(Jesper!$R$2:$R$366,ROW(INDEX(Jesper!AJ$2:AJ$366,ROUNDDOWN($C5655/24,0)+1,1))-1)+IF('Standard Profiles'!$G$20=$B$10,7,0)+IF('Standard Profiles'!$G$20=$B$17,14,0)+IF('Standard Profiles'!$G$20=$B$24,21,0),MOD($C5655,24)+1)/SUM(INDEX($D$3:$AA$30,INDEX(Jesper!$R$2:$R$366,ROW(INDEX(Jesper!AJ$2:AJ$366,ROUNDDOWN($C5655/24,0)+1,1))-1)+IF('Standard Profiles'!$G$20=$B$10,7,0)+IF('Standard Profiles'!$G$20=$B$17,14,0)+IF('Standard Profiles'!$G$20=$B$24,21,0),0)),0)</f>
        <v>0</v>
      </c>
      <c r="G5655" cm="1">
        <f t="array" ref="G5655">IFERROR(INDEX(Jesper!AK$2:AK$366,ROUNDDOWN($C5655/24,0)+1,1)*INDEX($D$3:$AA$30,INDEX(Jesper!$R$2:$R$366,ROW(INDEX(Jesper!AK$2:AK$366,ROUNDDOWN($C5655/24,0)+1,1))-1)+IF('Standard Profiles'!$G$21=$B$10,7,0)+IF('Standard Profiles'!$G$21=$B$17,14,0)+IF('Standard Profiles'!$G$21=$B$24,21,0),MOD($C5655,24)+1)/SUM(INDEX($D$3:$AA$30,INDEX(Jesper!$R$2:$R$366,ROW(INDEX(Jesper!AK$2:AK$366,ROUNDDOWN($C5655/24,0)+1,1))-1)+IF('Standard Profiles'!$G$21=$B$10,7,0)+IF('Standard Profiles'!$G$21=$B$17,14,0)+IF('Standard Profiles'!$G$21=$B$24,21,0),0)),0)</f>
        <v>0</v>
      </c>
      <c r="H5655" cm="1">
        <f t="array" ref="H5655">IFERROR(INDEX(Jesper!AL$2:AL$366,ROUNDDOWN($C5655/24,0)+1,1)*INDEX($D$3:$AA$30,INDEX(Jesper!$R$2:$R$366,ROW(INDEX(Jesper!AL$2:AL$366,ROUNDDOWN($C5655/24,0)+1,1))-1)+IF('Standard Profiles'!$G$22=$B$10,7,0)+IF('Standard Profiles'!$G$22=$B$17,14,0)+IF('Standard Profiles'!$G$22=$B$24,21,0),MOD($C5655,24)+1)/SUM(INDEX($D$3:$AA$30,INDEX(Jesper!$R$2:$R$366,ROW(INDEX(Jesper!AL$2:AL$366,ROUNDDOWN($C5655/24,0)+1,1))-1)+IF('Standard Profiles'!$G$22=$B$10,7,0)+IF('Standard Profiles'!$G$22=$B$17,14,0)+IF('Standard Profiles'!$G$22=$B$24,21,0),0)),0)</f>
        <v>0</v>
      </c>
      <c r="I5655">
        <f t="shared" si="629"/>
        <v>0</v>
      </c>
      <c r="J5655">
        <f t="shared" si="630"/>
        <v>6.0102243940984019</v>
      </c>
      <c r="K5655">
        <f t="shared" si="631"/>
        <v>0.54080210999210188</v>
      </c>
      <c r="L5655">
        <f t="shared" si="632"/>
        <v>0.27040105499605094</v>
      </c>
      <c r="M5655">
        <f t="shared" si="633"/>
        <v>0</v>
      </c>
      <c r="N5655" s="45">
        <f t="shared" si="634"/>
        <v>45161.208333319701</v>
      </c>
    </row>
    <row r="5656" spans="2:14" x14ac:dyDescent="0.25">
      <c r="B5656">
        <f t="shared" si="628"/>
        <v>3</v>
      </c>
      <c r="C5656" s="16">
        <v>5622</v>
      </c>
      <c r="D5656" cm="1">
        <f t="array" ref="D5656">IFERROR(INDEX(Jesper!AH$2:AH$366,ROUNDDOWN($C5656/24,0)+1,1)*INDEX($D$3:$AA$30,INDEX(Jesper!$R$2:$R$366,ROW(INDEX(Jesper!AH$2:AH$366,ROUNDDOWN($C5656/24,0)+1,1))-1)+IF('Standard Profiles'!$G$18=$B$10,7,0)+IF('Standard Profiles'!$G$18=$B$17,14,0)+IF('Standard Profiles'!$G$18=$B$24,21,0),MOD($C5656,24)+1)/SUM(INDEX($D$3:$AA$30,INDEX(Jesper!$R$2:$R$366,ROW(INDEX(Jesper!AH$2:AH$366,ROUNDDOWN($C5656/24,0)+1,1))-1)+IF('Standard Profiles'!$G$18=$B$10,7,0)+IF('Standard Profiles'!$G$18=$B$17,14,0)+IF('Standard Profiles'!$G$18=$B$24,21,0),0)),0)</f>
        <v>5.0700197811759544</v>
      </c>
      <c r="E5656" cm="1">
        <f t="array" ref="E5656">IFERROR(INDEX(Jesper!AI$2:AI$366,ROUNDDOWN($C5656/24,0)+1,1)*INDEX($D$3:$AA$30,INDEX(Jesper!$R$2:$R$366,ROW(INDEX(Jesper!AI$2:AI$366,ROUNDDOWN($C5656/24,0)+1,1))-1)+IF('Standard Profiles'!$G$19=$B$10,7,0)+IF('Standard Profiles'!$G$19=$B$17,14,0)+IF('Standard Profiles'!$G$19=$B$24,21,0),MOD($C5656,24)+1)/SUM(INDEX($D$3:$AA$30,INDEX(Jesper!$R$2:$R$366,ROW(INDEX(Jesper!AI$2:AI$366,ROUNDDOWN($C5656/24,0)+1,1))-1)+IF('Standard Profiles'!$G$19=$B$10,7,0)+IF('Standard Profiles'!$G$19=$B$17,14,0)+IF('Standard Profiles'!$G$19=$B$24,21,0),0)),0)</f>
        <v>1.7514077779106003</v>
      </c>
      <c r="F5656" cm="1">
        <f t="array" ref="F5656">IFERROR(INDEX(Jesper!AJ$2:AJ$366,ROUNDDOWN($C5656/24,0)+1,1)*INDEX($D$3:$AA$30,INDEX(Jesper!$R$2:$R$366,ROW(INDEX(Jesper!AJ$2:AJ$366,ROUNDDOWN($C5656/24,0)+1,1))-1)+IF('Standard Profiles'!$G$20=$B$10,7,0)+IF('Standard Profiles'!$G$20=$B$17,14,0)+IF('Standard Profiles'!$G$20=$B$24,21,0),MOD($C5656,24)+1)/SUM(INDEX($D$3:$AA$30,INDEX(Jesper!$R$2:$R$366,ROW(INDEX(Jesper!AJ$2:AJ$366,ROUNDDOWN($C5656/24,0)+1,1))-1)+IF('Standard Profiles'!$G$20=$B$10,7,0)+IF('Standard Profiles'!$G$20=$B$17,14,0)+IF('Standard Profiles'!$G$20=$B$24,21,0),0)),0)</f>
        <v>0</v>
      </c>
      <c r="G5656" cm="1">
        <f t="array" ref="G5656">IFERROR(INDEX(Jesper!AK$2:AK$366,ROUNDDOWN($C5656/24,0)+1,1)*INDEX($D$3:$AA$30,INDEX(Jesper!$R$2:$R$366,ROW(INDEX(Jesper!AK$2:AK$366,ROUNDDOWN($C5656/24,0)+1,1))-1)+IF('Standard Profiles'!$G$21=$B$10,7,0)+IF('Standard Profiles'!$G$21=$B$17,14,0)+IF('Standard Profiles'!$G$21=$B$24,21,0),MOD($C5656,24)+1)/SUM(INDEX($D$3:$AA$30,INDEX(Jesper!$R$2:$R$366,ROW(INDEX(Jesper!AK$2:AK$366,ROUNDDOWN($C5656/24,0)+1,1))-1)+IF('Standard Profiles'!$G$21=$B$10,7,0)+IF('Standard Profiles'!$G$21=$B$17,14,0)+IF('Standard Profiles'!$G$21=$B$24,21,0),0)),0)</f>
        <v>0</v>
      </c>
      <c r="H5656" cm="1">
        <f t="array" ref="H5656">IFERROR(INDEX(Jesper!AL$2:AL$366,ROUNDDOWN($C5656/24,0)+1,1)*INDEX($D$3:$AA$30,INDEX(Jesper!$R$2:$R$366,ROW(INDEX(Jesper!AL$2:AL$366,ROUNDDOWN($C5656/24,0)+1,1))-1)+IF('Standard Profiles'!$G$22=$B$10,7,0)+IF('Standard Profiles'!$G$22=$B$17,14,0)+IF('Standard Profiles'!$G$22=$B$24,21,0),MOD($C5656,24)+1)/SUM(INDEX($D$3:$AA$30,INDEX(Jesper!$R$2:$R$366,ROW(INDEX(Jesper!AL$2:AL$366,ROUNDDOWN($C5656/24,0)+1,1))-1)+IF('Standard Profiles'!$G$22=$B$10,7,0)+IF('Standard Profiles'!$G$22=$B$17,14,0)+IF('Standard Profiles'!$G$22=$B$24,21,0),0)),0)</f>
        <v>0</v>
      </c>
      <c r="I5656">
        <f t="shared" si="629"/>
        <v>0</v>
      </c>
      <c r="J5656">
        <f t="shared" si="630"/>
        <v>6.0102243940984019</v>
      </c>
      <c r="K5656">
        <f t="shared" si="631"/>
        <v>0.54080210999210188</v>
      </c>
      <c r="L5656">
        <f t="shared" si="632"/>
        <v>0.27040105499605094</v>
      </c>
      <c r="M5656">
        <f t="shared" si="633"/>
        <v>0</v>
      </c>
      <c r="N5656" s="45">
        <f t="shared" si="634"/>
        <v>45161.249999986365</v>
      </c>
    </row>
    <row r="5657" spans="2:14" x14ac:dyDescent="0.25">
      <c r="B5657">
        <f t="shared" si="628"/>
        <v>3</v>
      </c>
      <c r="C5657" s="16">
        <v>5623</v>
      </c>
      <c r="D5657" cm="1">
        <f t="array" ref="D5657">IFERROR(INDEX(Jesper!AH$2:AH$366,ROUNDDOWN($C5657/24,0)+1,1)*INDEX($D$3:$AA$30,INDEX(Jesper!$R$2:$R$366,ROW(INDEX(Jesper!AH$2:AH$366,ROUNDDOWN($C5657/24,0)+1,1))-1)+IF('Standard Profiles'!$G$18=$B$10,7,0)+IF('Standard Profiles'!$G$18=$B$17,14,0)+IF('Standard Profiles'!$G$18=$B$24,21,0),MOD($C5657,24)+1)/SUM(INDEX($D$3:$AA$30,INDEX(Jesper!$R$2:$R$366,ROW(INDEX(Jesper!AH$2:AH$366,ROUNDDOWN($C5657/24,0)+1,1))-1)+IF('Standard Profiles'!$G$18=$B$10,7,0)+IF('Standard Profiles'!$G$18=$B$17,14,0)+IF('Standard Profiles'!$G$18=$B$24,21,0),0)),0)</f>
        <v>20.725626317595037</v>
      </c>
      <c r="E5657" cm="1">
        <f t="array" ref="E5657">IFERROR(INDEX(Jesper!AI$2:AI$366,ROUNDDOWN($C5657/24,0)+1,1)*INDEX($D$3:$AA$30,INDEX(Jesper!$R$2:$R$366,ROW(INDEX(Jesper!AI$2:AI$366,ROUNDDOWN($C5657/24,0)+1,1))-1)+IF('Standard Profiles'!$G$19=$B$10,7,0)+IF('Standard Profiles'!$G$19=$B$17,14,0)+IF('Standard Profiles'!$G$19=$B$24,21,0),MOD($C5657,24)+1)/SUM(INDEX($D$3:$AA$30,INDEX(Jesper!$R$2:$R$366,ROW(INDEX(Jesper!AI$2:AI$366,ROUNDDOWN($C5657/24,0)+1,1))-1)+IF('Standard Profiles'!$G$19=$B$10,7,0)+IF('Standard Profiles'!$G$19=$B$17,14,0)+IF('Standard Profiles'!$G$19=$B$24,21,0),0)),0)</f>
        <v>7.1595427042466655</v>
      </c>
      <c r="F5657" cm="1">
        <f t="array" ref="F5657">IFERROR(INDEX(Jesper!AJ$2:AJ$366,ROUNDDOWN($C5657/24,0)+1,1)*INDEX($D$3:$AA$30,INDEX(Jesper!$R$2:$R$366,ROW(INDEX(Jesper!AJ$2:AJ$366,ROUNDDOWN($C5657/24,0)+1,1))-1)+IF('Standard Profiles'!$G$20=$B$10,7,0)+IF('Standard Profiles'!$G$20=$B$17,14,0)+IF('Standard Profiles'!$G$20=$B$24,21,0),MOD($C5657,24)+1)/SUM(INDEX($D$3:$AA$30,INDEX(Jesper!$R$2:$R$366,ROW(INDEX(Jesper!AJ$2:AJ$366,ROUNDDOWN($C5657/24,0)+1,1))-1)+IF('Standard Profiles'!$G$20=$B$10,7,0)+IF('Standard Profiles'!$G$20=$B$17,14,0)+IF('Standard Profiles'!$G$20=$B$24,21,0),0)),0)</f>
        <v>0</v>
      </c>
      <c r="G5657" cm="1">
        <f t="array" ref="G5657">IFERROR(INDEX(Jesper!AK$2:AK$366,ROUNDDOWN($C5657/24,0)+1,1)*INDEX($D$3:$AA$30,INDEX(Jesper!$R$2:$R$366,ROW(INDEX(Jesper!AK$2:AK$366,ROUNDDOWN($C5657/24,0)+1,1))-1)+IF('Standard Profiles'!$G$21=$B$10,7,0)+IF('Standard Profiles'!$G$21=$B$17,14,0)+IF('Standard Profiles'!$G$21=$B$24,21,0),MOD($C5657,24)+1)/SUM(INDEX($D$3:$AA$30,INDEX(Jesper!$R$2:$R$366,ROW(INDEX(Jesper!AK$2:AK$366,ROUNDDOWN($C5657/24,0)+1,1))-1)+IF('Standard Profiles'!$G$21=$B$10,7,0)+IF('Standard Profiles'!$G$21=$B$17,14,0)+IF('Standard Profiles'!$G$21=$B$24,21,0),0)),0)</f>
        <v>0</v>
      </c>
      <c r="H5657" cm="1">
        <f t="array" ref="H5657">IFERROR(INDEX(Jesper!AL$2:AL$366,ROUNDDOWN($C5657/24,0)+1,1)*INDEX($D$3:$AA$30,INDEX(Jesper!$R$2:$R$366,ROW(INDEX(Jesper!AL$2:AL$366,ROUNDDOWN($C5657/24,0)+1,1))-1)+IF('Standard Profiles'!$G$22=$B$10,7,0)+IF('Standard Profiles'!$G$22=$B$17,14,0)+IF('Standard Profiles'!$G$22=$B$24,21,0),MOD($C5657,24)+1)/SUM(INDEX($D$3:$AA$30,INDEX(Jesper!$R$2:$R$366,ROW(INDEX(Jesper!AL$2:AL$366,ROUNDDOWN($C5657/24,0)+1,1))-1)+IF('Standard Profiles'!$G$22=$B$10,7,0)+IF('Standard Profiles'!$G$22=$B$17,14,0)+IF('Standard Profiles'!$G$22=$B$24,21,0),0)),0)</f>
        <v>0</v>
      </c>
      <c r="I5657">
        <f t="shared" si="629"/>
        <v>0</v>
      </c>
      <c r="J5657">
        <f t="shared" si="630"/>
        <v>24.569068811026494</v>
      </c>
      <c r="K5657">
        <f t="shared" si="631"/>
        <v>2.2107334738768039</v>
      </c>
      <c r="L5657">
        <f t="shared" si="632"/>
        <v>1.1053667369384019</v>
      </c>
      <c r="M5657">
        <f t="shared" si="633"/>
        <v>0</v>
      </c>
      <c r="N5657" s="45">
        <f t="shared" si="634"/>
        <v>45161.291666653029</v>
      </c>
    </row>
    <row r="5658" spans="2:14" x14ac:dyDescent="0.25">
      <c r="B5658">
        <f t="shared" si="628"/>
        <v>3</v>
      </c>
      <c r="C5658" s="16">
        <v>5624</v>
      </c>
      <c r="D5658" cm="1">
        <f t="array" ref="D5658">IFERROR(INDEX(Jesper!AH$2:AH$366,ROUNDDOWN($C5658/24,0)+1,1)*INDEX($D$3:$AA$30,INDEX(Jesper!$R$2:$R$366,ROW(INDEX(Jesper!AH$2:AH$366,ROUNDDOWN($C5658/24,0)+1,1))-1)+IF('Standard Profiles'!$G$18=$B$10,7,0)+IF('Standard Profiles'!$G$18=$B$17,14,0)+IF('Standard Profiles'!$G$18=$B$24,21,0),MOD($C5658,24)+1)/SUM(INDEX($D$3:$AA$30,INDEX(Jesper!$R$2:$R$366,ROW(INDEX(Jesper!AH$2:AH$366,ROUNDDOWN($C5658/24,0)+1,1))-1)+IF('Standard Profiles'!$G$18=$B$10,7,0)+IF('Standard Profiles'!$G$18=$B$17,14,0)+IF('Standard Profiles'!$G$18=$B$24,21,0),0)),0)</f>
        <v>23.125435680684994</v>
      </c>
      <c r="E5658" cm="1">
        <f t="array" ref="E5658">IFERROR(INDEX(Jesper!AI$2:AI$366,ROUNDDOWN($C5658/24,0)+1,1)*INDEX($D$3:$AA$30,INDEX(Jesper!$R$2:$R$366,ROW(INDEX(Jesper!AI$2:AI$366,ROUNDDOWN($C5658/24,0)+1,1))-1)+IF('Standard Profiles'!$G$19=$B$10,7,0)+IF('Standard Profiles'!$G$19=$B$17,14,0)+IF('Standard Profiles'!$G$19=$B$24,21,0),MOD($C5658,24)+1)/SUM(INDEX($D$3:$AA$30,INDEX(Jesper!$R$2:$R$366,ROW(INDEX(Jesper!AI$2:AI$366,ROUNDDOWN($C5658/24,0)+1,1))-1)+IF('Standard Profiles'!$G$19=$B$10,7,0)+IF('Standard Profiles'!$G$19=$B$17,14,0)+IF('Standard Profiles'!$G$19=$B$24,21,0),0)),0)</f>
        <v>7.9885423857910167</v>
      </c>
      <c r="F5658" cm="1">
        <f t="array" ref="F5658">IFERROR(INDEX(Jesper!AJ$2:AJ$366,ROUNDDOWN($C5658/24,0)+1,1)*INDEX($D$3:$AA$30,INDEX(Jesper!$R$2:$R$366,ROW(INDEX(Jesper!AJ$2:AJ$366,ROUNDDOWN($C5658/24,0)+1,1))-1)+IF('Standard Profiles'!$G$20=$B$10,7,0)+IF('Standard Profiles'!$G$20=$B$17,14,0)+IF('Standard Profiles'!$G$20=$B$24,21,0),MOD($C5658,24)+1)/SUM(INDEX($D$3:$AA$30,INDEX(Jesper!$R$2:$R$366,ROW(INDEX(Jesper!AJ$2:AJ$366,ROUNDDOWN($C5658/24,0)+1,1))-1)+IF('Standard Profiles'!$G$20=$B$10,7,0)+IF('Standard Profiles'!$G$20=$B$17,14,0)+IF('Standard Profiles'!$G$20=$B$24,21,0),0)),0)</f>
        <v>0</v>
      </c>
      <c r="G5658" cm="1">
        <f t="array" ref="G5658">IFERROR(INDEX(Jesper!AK$2:AK$366,ROUNDDOWN($C5658/24,0)+1,1)*INDEX($D$3:$AA$30,INDEX(Jesper!$R$2:$R$366,ROW(INDEX(Jesper!AK$2:AK$366,ROUNDDOWN($C5658/24,0)+1,1))-1)+IF('Standard Profiles'!$G$21=$B$10,7,0)+IF('Standard Profiles'!$G$21=$B$17,14,0)+IF('Standard Profiles'!$G$21=$B$24,21,0),MOD($C5658,24)+1)/SUM(INDEX($D$3:$AA$30,INDEX(Jesper!$R$2:$R$366,ROW(INDEX(Jesper!AK$2:AK$366,ROUNDDOWN($C5658/24,0)+1,1))-1)+IF('Standard Profiles'!$G$21=$B$10,7,0)+IF('Standard Profiles'!$G$21=$B$17,14,0)+IF('Standard Profiles'!$G$21=$B$24,21,0),0)),0)</f>
        <v>0</v>
      </c>
      <c r="H5658" cm="1">
        <f t="array" ref="H5658">IFERROR(INDEX(Jesper!AL$2:AL$366,ROUNDDOWN($C5658/24,0)+1,1)*INDEX($D$3:$AA$30,INDEX(Jesper!$R$2:$R$366,ROW(INDEX(Jesper!AL$2:AL$366,ROUNDDOWN($C5658/24,0)+1,1))-1)+IF('Standard Profiles'!$G$22=$B$10,7,0)+IF('Standard Profiles'!$G$22=$B$17,14,0)+IF('Standard Profiles'!$G$22=$B$24,21,0),MOD($C5658,24)+1)/SUM(INDEX($D$3:$AA$30,INDEX(Jesper!$R$2:$R$366,ROW(INDEX(Jesper!AL$2:AL$366,ROUNDDOWN($C5658/24,0)+1,1))-1)+IF('Standard Profiles'!$G$22=$B$10,7,0)+IF('Standard Profiles'!$G$22=$B$17,14,0)+IF('Standard Profiles'!$G$22=$B$24,21,0),0)),0)</f>
        <v>0</v>
      </c>
      <c r="I5658">
        <f t="shared" si="629"/>
        <v>0</v>
      </c>
      <c r="J5658">
        <f t="shared" si="630"/>
        <v>27.413908357566413</v>
      </c>
      <c r="K5658">
        <f t="shared" si="631"/>
        <v>2.4667131392730663</v>
      </c>
      <c r="L5658">
        <f t="shared" si="632"/>
        <v>1.2333565696365332</v>
      </c>
      <c r="M5658">
        <f t="shared" si="633"/>
        <v>0</v>
      </c>
      <c r="N5658" s="45">
        <f t="shared" si="634"/>
        <v>45161.333333319693</v>
      </c>
    </row>
    <row r="5659" spans="2:14" x14ac:dyDescent="0.25">
      <c r="B5659">
        <f t="shared" si="628"/>
        <v>3</v>
      </c>
      <c r="C5659" s="16">
        <v>5625</v>
      </c>
      <c r="D5659" cm="1">
        <f t="array" ref="D5659">IFERROR(INDEX(Jesper!AH$2:AH$366,ROUNDDOWN($C5659/24,0)+1,1)*INDEX($D$3:$AA$30,INDEX(Jesper!$R$2:$R$366,ROW(INDEX(Jesper!AH$2:AH$366,ROUNDDOWN($C5659/24,0)+1,1))-1)+IF('Standard Profiles'!$G$18=$B$10,7,0)+IF('Standard Profiles'!$G$18=$B$17,14,0)+IF('Standard Profiles'!$G$18=$B$24,21,0),MOD($C5659,24)+1)/SUM(INDEX($D$3:$AA$30,INDEX(Jesper!$R$2:$R$366,ROW(INDEX(Jesper!AH$2:AH$366,ROUNDDOWN($C5659/24,0)+1,1))-1)+IF('Standard Profiles'!$G$18=$B$10,7,0)+IF('Standard Profiles'!$G$18=$B$17,14,0)+IF('Standard Profiles'!$G$18=$B$24,21,0),0)),0)</f>
        <v>25.525245043774945</v>
      </c>
      <c r="E5659" cm="1">
        <f t="array" ref="E5659">IFERROR(INDEX(Jesper!AI$2:AI$366,ROUNDDOWN($C5659/24,0)+1,1)*INDEX($D$3:$AA$30,INDEX(Jesper!$R$2:$R$366,ROW(INDEX(Jesper!AI$2:AI$366,ROUNDDOWN($C5659/24,0)+1,1))-1)+IF('Standard Profiles'!$G$19=$B$10,7,0)+IF('Standard Profiles'!$G$19=$B$17,14,0)+IF('Standard Profiles'!$G$19=$B$24,21,0),MOD($C5659,24)+1)/SUM(INDEX($D$3:$AA$30,INDEX(Jesper!$R$2:$R$366,ROW(INDEX(Jesper!AI$2:AI$366,ROUNDDOWN($C5659/24,0)+1,1))-1)+IF('Standard Profiles'!$G$19=$B$10,7,0)+IF('Standard Profiles'!$G$19=$B$17,14,0)+IF('Standard Profiles'!$G$19=$B$24,21,0),0)),0)</f>
        <v>8.8175420673353688</v>
      </c>
      <c r="F5659" cm="1">
        <f t="array" ref="F5659">IFERROR(INDEX(Jesper!AJ$2:AJ$366,ROUNDDOWN($C5659/24,0)+1,1)*INDEX($D$3:$AA$30,INDEX(Jesper!$R$2:$R$366,ROW(INDEX(Jesper!AJ$2:AJ$366,ROUNDDOWN($C5659/24,0)+1,1))-1)+IF('Standard Profiles'!$G$20=$B$10,7,0)+IF('Standard Profiles'!$G$20=$B$17,14,0)+IF('Standard Profiles'!$G$20=$B$24,21,0),MOD($C5659,24)+1)/SUM(INDEX($D$3:$AA$30,INDEX(Jesper!$R$2:$R$366,ROW(INDEX(Jesper!AJ$2:AJ$366,ROUNDDOWN($C5659/24,0)+1,1))-1)+IF('Standard Profiles'!$G$20=$B$10,7,0)+IF('Standard Profiles'!$G$20=$B$17,14,0)+IF('Standard Profiles'!$G$20=$B$24,21,0),0)),0)</f>
        <v>0</v>
      </c>
      <c r="G5659" cm="1">
        <f t="array" ref="G5659">IFERROR(INDEX(Jesper!AK$2:AK$366,ROUNDDOWN($C5659/24,0)+1,1)*INDEX($D$3:$AA$30,INDEX(Jesper!$R$2:$R$366,ROW(INDEX(Jesper!AK$2:AK$366,ROUNDDOWN($C5659/24,0)+1,1))-1)+IF('Standard Profiles'!$G$21=$B$10,7,0)+IF('Standard Profiles'!$G$21=$B$17,14,0)+IF('Standard Profiles'!$G$21=$B$24,21,0),MOD($C5659,24)+1)/SUM(INDEX($D$3:$AA$30,INDEX(Jesper!$R$2:$R$366,ROW(INDEX(Jesper!AK$2:AK$366,ROUNDDOWN($C5659/24,0)+1,1))-1)+IF('Standard Profiles'!$G$21=$B$10,7,0)+IF('Standard Profiles'!$G$21=$B$17,14,0)+IF('Standard Profiles'!$G$21=$B$24,21,0),0)),0)</f>
        <v>0</v>
      </c>
      <c r="H5659" cm="1">
        <f t="array" ref="H5659">IFERROR(INDEX(Jesper!AL$2:AL$366,ROUNDDOWN($C5659/24,0)+1,1)*INDEX($D$3:$AA$30,INDEX(Jesper!$R$2:$R$366,ROW(INDEX(Jesper!AL$2:AL$366,ROUNDDOWN($C5659/24,0)+1,1))-1)+IF('Standard Profiles'!$G$22=$B$10,7,0)+IF('Standard Profiles'!$G$22=$B$17,14,0)+IF('Standard Profiles'!$G$22=$B$24,21,0),MOD($C5659,24)+1)/SUM(INDEX($D$3:$AA$30,INDEX(Jesper!$R$2:$R$366,ROW(INDEX(Jesper!AL$2:AL$366,ROUNDDOWN($C5659/24,0)+1,1))-1)+IF('Standard Profiles'!$G$22=$B$10,7,0)+IF('Standard Profiles'!$G$22=$B$17,14,0)+IF('Standard Profiles'!$G$22=$B$24,21,0),0)),0)</f>
        <v>0</v>
      </c>
      <c r="I5659">
        <f t="shared" si="629"/>
        <v>0</v>
      </c>
      <c r="J5659">
        <f t="shared" si="630"/>
        <v>30.258747904106322</v>
      </c>
      <c r="K5659">
        <f t="shared" si="631"/>
        <v>2.7226928046693275</v>
      </c>
      <c r="L5659">
        <f t="shared" si="632"/>
        <v>1.3613464023346638</v>
      </c>
      <c r="M5659">
        <f t="shared" si="633"/>
        <v>0</v>
      </c>
      <c r="N5659" s="45">
        <f t="shared" si="634"/>
        <v>45161.374999986358</v>
      </c>
    </row>
    <row r="5660" spans="2:14" x14ac:dyDescent="0.25">
      <c r="B5660">
        <f t="shared" si="628"/>
        <v>3</v>
      </c>
      <c r="C5660" s="16">
        <v>5626</v>
      </c>
      <c r="D5660" cm="1">
        <f t="array" ref="D5660">IFERROR(INDEX(Jesper!AH$2:AH$366,ROUNDDOWN($C5660/24,0)+1,1)*INDEX($D$3:$AA$30,INDEX(Jesper!$R$2:$R$366,ROW(INDEX(Jesper!AH$2:AH$366,ROUNDDOWN($C5660/24,0)+1,1))-1)+IF('Standard Profiles'!$G$18=$B$10,7,0)+IF('Standard Profiles'!$G$18=$B$17,14,0)+IF('Standard Profiles'!$G$18=$B$24,21,0),MOD($C5660,24)+1)/SUM(INDEX($D$3:$AA$30,INDEX(Jesper!$R$2:$R$366,ROW(INDEX(Jesper!AH$2:AH$366,ROUNDDOWN($C5660/24,0)+1,1))-1)+IF('Standard Profiles'!$G$18=$B$10,7,0)+IF('Standard Profiles'!$G$18=$B$17,14,0)+IF('Standard Profiles'!$G$18=$B$24,21,0),0)),0)</f>
        <v>25.525245043774945</v>
      </c>
      <c r="E5660" cm="1">
        <f t="array" ref="E5660">IFERROR(INDEX(Jesper!AI$2:AI$366,ROUNDDOWN($C5660/24,0)+1,1)*INDEX($D$3:$AA$30,INDEX(Jesper!$R$2:$R$366,ROW(INDEX(Jesper!AI$2:AI$366,ROUNDDOWN($C5660/24,0)+1,1))-1)+IF('Standard Profiles'!$G$19=$B$10,7,0)+IF('Standard Profiles'!$G$19=$B$17,14,0)+IF('Standard Profiles'!$G$19=$B$24,21,0),MOD($C5660,24)+1)/SUM(INDEX($D$3:$AA$30,INDEX(Jesper!$R$2:$R$366,ROW(INDEX(Jesper!AI$2:AI$366,ROUNDDOWN($C5660/24,0)+1,1))-1)+IF('Standard Profiles'!$G$19=$B$10,7,0)+IF('Standard Profiles'!$G$19=$B$17,14,0)+IF('Standard Profiles'!$G$19=$B$24,21,0),0)),0)</f>
        <v>8.8175420673353688</v>
      </c>
      <c r="F5660" cm="1">
        <f t="array" ref="F5660">IFERROR(INDEX(Jesper!AJ$2:AJ$366,ROUNDDOWN($C5660/24,0)+1,1)*INDEX($D$3:$AA$30,INDEX(Jesper!$R$2:$R$366,ROW(INDEX(Jesper!AJ$2:AJ$366,ROUNDDOWN($C5660/24,0)+1,1))-1)+IF('Standard Profiles'!$G$20=$B$10,7,0)+IF('Standard Profiles'!$G$20=$B$17,14,0)+IF('Standard Profiles'!$G$20=$B$24,21,0),MOD($C5660,24)+1)/SUM(INDEX($D$3:$AA$30,INDEX(Jesper!$R$2:$R$366,ROW(INDEX(Jesper!AJ$2:AJ$366,ROUNDDOWN($C5660/24,0)+1,1))-1)+IF('Standard Profiles'!$G$20=$B$10,7,0)+IF('Standard Profiles'!$G$20=$B$17,14,0)+IF('Standard Profiles'!$G$20=$B$24,21,0),0)),0)</f>
        <v>0</v>
      </c>
      <c r="G5660" cm="1">
        <f t="array" ref="G5660">IFERROR(INDEX(Jesper!AK$2:AK$366,ROUNDDOWN($C5660/24,0)+1,1)*INDEX($D$3:$AA$30,INDEX(Jesper!$R$2:$R$366,ROW(INDEX(Jesper!AK$2:AK$366,ROUNDDOWN($C5660/24,0)+1,1))-1)+IF('Standard Profiles'!$G$21=$B$10,7,0)+IF('Standard Profiles'!$G$21=$B$17,14,0)+IF('Standard Profiles'!$G$21=$B$24,21,0),MOD($C5660,24)+1)/SUM(INDEX($D$3:$AA$30,INDEX(Jesper!$R$2:$R$366,ROW(INDEX(Jesper!AK$2:AK$366,ROUNDDOWN($C5660/24,0)+1,1))-1)+IF('Standard Profiles'!$G$21=$B$10,7,0)+IF('Standard Profiles'!$G$21=$B$17,14,0)+IF('Standard Profiles'!$G$21=$B$24,21,0),0)),0)</f>
        <v>0</v>
      </c>
      <c r="H5660" cm="1">
        <f t="array" ref="H5660">IFERROR(INDEX(Jesper!AL$2:AL$366,ROUNDDOWN($C5660/24,0)+1,1)*INDEX($D$3:$AA$30,INDEX(Jesper!$R$2:$R$366,ROW(INDEX(Jesper!AL$2:AL$366,ROUNDDOWN($C5660/24,0)+1,1))-1)+IF('Standard Profiles'!$G$22=$B$10,7,0)+IF('Standard Profiles'!$G$22=$B$17,14,0)+IF('Standard Profiles'!$G$22=$B$24,21,0),MOD($C5660,24)+1)/SUM(INDEX($D$3:$AA$30,INDEX(Jesper!$R$2:$R$366,ROW(INDEX(Jesper!AL$2:AL$366,ROUNDDOWN($C5660/24,0)+1,1))-1)+IF('Standard Profiles'!$G$22=$B$10,7,0)+IF('Standard Profiles'!$G$22=$B$17,14,0)+IF('Standard Profiles'!$G$22=$B$24,21,0),0)),0)</f>
        <v>0</v>
      </c>
      <c r="I5660">
        <f t="shared" si="629"/>
        <v>0</v>
      </c>
      <c r="J5660">
        <f t="shared" si="630"/>
        <v>30.258747904106322</v>
      </c>
      <c r="K5660">
        <f t="shared" si="631"/>
        <v>2.7226928046693275</v>
      </c>
      <c r="L5660">
        <f t="shared" si="632"/>
        <v>1.3613464023346638</v>
      </c>
      <c r="M5660">
        <f t="shared" si="633"/>
        <v>0</v>
      </c>
      <c r="N5660" s="45">
        <f t="shared" si="634"/>
        <v>45161.416666653022</v>
      </c>
    </row>
    <row r="5661" spans="2:14" x14ac:dyDescent="0.25">
      <c r="B5661">
        <f t="shared" si="628"/>
        <v>3</v>
      </c>
      <c r="C5661" s="16">
        <v>5627</v>
      </c>
      <c r="D5661" cm="1">
        <f t="array" ref="D5661">IFERROR(INDEX(Jesper!AH$2:AH$366,ROUNDDOWN($C5661/24,0)+1,1)*INDEX($D$3:$AA$30,INDEX(Jesper!$R$2:$R$366,ROW(INDEX(Jesper!AH$2:AH$366,ROUNDDOWN($C5661/24,0)+1,1))-1)+IF('Standard Profiles'!$G$18=$B$10,7,0)+IF('Standard Profiles'!$G$18=$B$17,14,0)+IF('Standard Profiles'!$G$18=$B$24,21,0),MOD($C5661,24)+1)/SUM(INDEX($D$3:$AA$30,INDEX(Jesper!$R$2:$R$366,ROW(INDEX(Jesper!AH$2:AH$366,ROUNDDOWN($C5661/24,0)+1,1))-1)+IF('Standard Profiles'!$G$18=$B$10,7,0)+IF('Standard Profiles'!$G$18=$B$17,14,0)+IF('Standard Profiles'!$G$18=$B$24,21,0),0)),0)</f>
        <v>30.543028257508475</v>
      </c>
      <c r="E5661" cm="1">
        <f t="array" ref="E5661">IFERROR(INDEX(Jesper!AI$2:AI$366,ROUNDDOWN($C5661/24,0)+1,1)*INDEX($D$3:$AA$30,INDEX(Jesper!$R$2:$R$366,ROW(INDEX(Jesper!AI$2:AI$366,ROUNDDOWN($C5661/24,0)+1,1))-1)+IF('Standard Profiles'!$G$19=$B$10,7,0)+IF('Standard Profiles'!$G$19=$B$17,14,0)+IF('Standard Profiles'!$G$19=$B$24,21,0),MOD($C5661,24)+1)/SUM(INDEX($D$3:$AA$30,INDEX(Jesper!$R$2:$R$366,ROW(INDEX(Jesper!AI$2:AI$366,ROUNDDOWN($C5661/24,0)+1,1))-1)+IF('Standard Profiles'!$G$19=$B$10,7,0)+IF('Standard Profiles'!$G$19=$B$17,14,0)+IF('Standard Profiles'!$G$19=$B$24,21,0),0)),0)</f>
        <v>10.550905037837193</v>
      </c>
      <c r="F5661" cm="1">
        <f t="array" ref="F5661">IFERROR(INDEX(Jesper!AJ$2:AJ$366,ROUNDDOWN($C5661/24,0)+1,1)*INDEX($D$3:$AA$30,INDEX(Jesper!$R$2:$R$366,ROW(INDEX(Jesper!AJ$2:AJ$366,ROUNDDOWN($C5661/24,0)+1,1))-1)+IF('Standard Profiles'!$G$20=$B$10,7,0)+IF('Standard Profiles'!$G$20=$B$17,14,0)+IF('Standard Profiles'!$G$20=$B$24,21,0),MOD($C5661,24)+1)/SUM(INDEX($D$3:$AA$30,INDEX(Jesper!$R$2:$R$366,ROW(INDEX(Jesper!AJ$2:AJ$366,ROUNDDOWN($C5661/24,0)+1,1))-1)+IF('Standard Profiles'!$G$20=$B$10,7,0)+IF('Standard Profiles'!$G$20=$B$17,14,0)+IF('Standard Profiles'!$G$20=$B$24,21,0),0)),0)</f>
        <v>0</v>
      </c>
      <c r="G5661" cm="1">
        <f t="array" ref="G5661">IFERROR(INDEX(Jesper!AK$2:AK$366,ROUNDDOWN($C5661/24,0)+1,1)*INDEX($D$3:$AA$30,INDEX(Jesper!$R$2:$R$366,ROW(INDEX(Jesper!AK$2:AK$366,ROUNDDOWN($C5661/24,0)+1,1))-1)+IF('Standard Profiles'!$G$21=$B$10,7,0)+IF('Standard Profiles'!$G$21=$B$17,14,0)+IF('Standard Profiles'!$G$21=$B$24,21,0),MOD($C5661,24)+1)/SUM(INDEX($D$3:$AA$30,INDEX(Jesper!$R$2:$R$366,ROW(INDEX(Jesper!AK$2:AK$366,ROUNDDOWN($C5661/24,0)+1,1))-1)+IF('Standard Profiles'!$G$21=$B$10,7,0)+IF('Standard Profiles'!$G$21=$B$17,14,0)+IF('Standard Profiles'!$G$21=$B$24,21,0),0)),0)</f>
        <v>0</v>
      </c>
      <c r="H5661" cm="1">
        <f t="array" ref="H5661">IFERROR(INDEX(Jesper!AL$2:AL$366,ROUNDDOWN($C5661/24,0)+1,1)*INDEX($D$3:$AA$30,INDEX(Jesper!$R$2:$R$366,ROW(INDEX(Jesper!AL$2:AL$366,ROUNDDOWN($C5661/24,0)+1,1))-1)+IF('Standard Profiles'!$G$22=$B$10,7,0)+IF('Standard Profiles'!$G$22=$B$17,14,0)+IF('Standard Profiles'!$G$22=$B$24,21,0),MOD($C5661,24)+1)/SUM(INDEX($D$3:$AA$30,INDEX(Jesper!$R$2:$R$366,ROW(INDEX(Jesper!AL$2:AL$366,ROUNDDOWN($C5661/24,0)+1,1))-1)+IF('Standard Profiles'!$G$22=$B$10,7,0)+IF('Standard Profiles'!$G$22=$B$17,14,0)+IF('Standard Profiles'!$G$22=$B$24,21,0),0)),0)</f>
        <v>0</v>
      </c>
      <c r="I5661">
        <f t="shared" si="629"/>
        <v>0</v>
      </c>
      <c r="J5661">
        <f t="shared" si="630"/>
        <v>36.207048774144312</v>
      </c>
      <c r="K5661">
        <f t="shared" si="631"/>
        <v>3.2579230141342377</v>
      </c>
      <c r="L5661">
        <f t="shared" si="632"/>
        <v>1.6289615070671188</v>
      </c>
      <c r="M5661">
        <f t="shared" si="633"/>
        <v>0</v>
      </c>
      <c r="N5661" s="45">
        <f t="shared" si="634"/>
        <v>45161.458333319686</v>
      </c>
    </row>
    <row r="5662" spans="2:14" x14ac:dyDescent="0.25">
      <c r="B5662">
        <f t="shared" si="628"/>
        <v>3</v>
      </c>
      <c r="C5662" s="16">
        <v>5628</v>
      </c>
      <c r="D5662" cm="1">
        <f t="array" ref="D5662">IFERROR(INDEX(Jesper!AH$2:AH$366,ROUNDDOWN($C5662/24,0)+1,1)*INDEX($D$3:$AA$30,INDEX(Jesper!$R$2:$R$366,ROW(INDEX(Jesper!AH$2:AH$366,ROUNDDOWN($C5662/24,0)+1,1))-1)+IF('Standard Profiles'!$G$18=$B$10,7,0)+IF('Standard Profiles'!$G$18=$B$17,14,0)+IF('Standard Profiles'!$G$18=$B$24,21,0),MOD($C5662,24)+1)/SUM(INDEX($D$3:$AA$30,INDEX(Jesper!$R$2:$R$366,ROW(INDEX(Jesper!AH$2:AH$366,ROUNDDOWN($C5662/24,0)+1,1))-1)+IF('Standard Profiles'!$G$18=$B$10,7,0)+IF('Standard Profiles'!$G$18=$B$17,14,0)+IF('Standard Profiles'!$G$18=$B$24,21,0),0)),0)</f>
        <v>30.543028257508475</v>
      </c>
      <c r="E5662" cm="1">
        <f t="array" ref="E5662">IFERROR(INDEX(Jesper!AI$2:AI$366,ROUNDDOWN($C5662/24,0)+1,1)*INDEX($D$3:$AA$30,INDEX(Jesper!$R$2:$R$366,ROW(INDEX(Jesper!AI$2:AI$366,ROUNDDOWN($C5662/24,0)+1,1))-1)+IF('Standard Profiles'!$G$19=$B$10,7,0)+IF('Standard Profiles'!$G$19=$B$17,14,0)+IF('Standard Profiles'!$G$19=$B$24,21,0),MOD($C5662,24)+1)/SUM(INDEX($D$3:$AA$30,INDEX(Jesper!$R$2:$R$366,ROW(INDEX(Jesper!AI$2:AI$366,ROUNDDOWN($C5662/24,0)+1,1))-1)+IF('Standard Profiles'!$G$19=$B$10,7,0)+IF('Standard Profiles'!$G$19=$B$17,14,0)+IF('Standard Profiles'!$G$19=$B$24,21,0),0)),0)</f>
        <v>10.550905037837193</v>
      </c>
      <c r="F5662" cm="1">
        <f t="array" ref="F5662">IFERROR(INDEX(Jesper!AJ$2:AJ$366,ROUNDDOWN($C5662/24,0)+1,1)*INDEX($D$3:$AA$30,INDEX(Jesper!$R$2:$R$366,ROW(INDEX(Jesper!AJ$2:AJ$366,ROUNDDOWN($C5662/24,0)+1,1))-1)+IF('Standard Profiles'!$G$20=$B$10,7,0)+IF('Standard Profiles'!$G$20=$B$17,14,0)+IF('Standard Profiles'!$G$20=$B$24,21,0),MOD($C5662,24)+1)/SUM(INDEX($D$3:$AA$30,INDEX(Jesper!$R$2:$R$366,ROW(INDEX(Jesper!AJ$2:AJ$366,ROUNDDOWN($C5662/24,0)+1,1))-1)+IF('Standard Profiles'!$G$20=$B$10,7,0)+IF('Standard Profiles'!$G$20=$B$17,14,0)+IF('Standard Profiles'!$G$20=$B$24,21,0),0)),0)</f>
        <v>0</v>
      </c>
      <c r="G5662" cm="1">
        <f t="array" ref="G5662">IFERROR(INDEX(Jesper!AK$2:AK$366,ROUNDDOWN($C5662/24,0)+1,1)*INDEX($D$3:$AA$30,INDEX(Jesper!$R$2:$R$366,ROW(INDEX(Jesper!AK$2:AK$366,ROUNDDOWN($C5662/24,0)+1,1))-1)+IF('Standard Profiles'!$G$21=$B$10,7,0)+IF('Standard Profiles'!$G$21=$B$17,14,0)+IF('Standard Profiles'!$G$21=$B$24,21,0),MOD($C5662,24)+1)/SUM(INDEX($D$3:$AA$30,INDEX(Jesper!$R$2:$R$366,ROW(INDEX(Jesper!AK$2:AK$366,ROUNDDOWN($C5662/24,0)+1,1))-1)+IF('Standard Profiles'!$G$21=$B$10,7,0)+IF('Standard Profiles'!$G$21=$B$17,14,0)+IF('Standard Profiles'!$G$21=$B$24,21,0),0)),0)</f>
        <v>0</v>
      </c>
      <c r="H5662" cm="1">
        <f t="array" ref="H5662">IFERROR(INDEX(Jesper!AL$2:AL$366,ROUNDDOWN($C5662/24,0)+1,1)*INDEX($D$3:$AA$30,INDEX(Jesper!$R$2:$R$366,ROW(INDEX(Jesper!AL$2:AL$366,ROUNDDOWN($C5662/24,0)+1,1))-1)+IF('Standard Profiles'!$G$22=$B$10,7,0)+IF('Standard Profiles'!$G$22=$B$17,14,0)+IF('Standard Profiles'!$G$22=$B$24,21,0),MOD($C5662,24)+1)/SUM(INDEX($D$3:$AA$30,INDEX(Jesper!$R$2:$R$366,ROW(INDEX(Jesper!AL$2:AL$366,ROUNDDOWN($C5662/24,0)+1,1))-1)+IF('Standard Profiles'!$G$22=$B$10,7,0)+IF('Standard Profiles'!$G$22=$B$17,14,0)+IF('Standard Profiles'!$G$22=$B$24,21,0),0)),0)</f>
        <v>0</v>
      </c>
      <c r="I5662">
        <f t="shared" si="629"/>
        <v>0</v>
      </c>
      <c r="J5662">
        <f t="shared" si="630"/>
        <v>36.207048774144312</v>
      </c>
      <c r="K5662">
        <f t="shared" si="631"/>
        <v>3.2579230141342377</v>
      </c>
      <c r="L5662">
        <f t="shared" si="632"/>
        <v>1.6289615070671188</v>
      </c>
      <c r="M5662">
        <f t="shared" si="633"/>
        <v>0</v>
      </c>
      <c r="N5662" s="45">
        <f t="shared" si="634"/>
        <v>45161.49999998635</v>
      </c>
    </row>
    <row r="5663" spans="2:14" x14ac:dyDescent="0.25">
      <c r="B5663">
        <f t="shared" si="628"/>
        <v>3</v>
      </c>
      <c r="C5663" s="16">
        <v>5629</v>
      </c>
      <c r="D5663" cm="1">
        <f t="array" ref="D5663">IFERROR(INDEX(Jesper!AH$2:AH$366,ROUNDDOWN($C5663/24,0)+1,1)*INDEX($D$3:$AA$30,INDEX(Jesper!$R$2:$R$366,ROW(INDEX(Jesper!AH$2:AH$366,ROUNDDOWN($C5663/24,0)+1,1))-1)+IF('Standard Profiles'!$G$18=$B$10,7,0)+IF('Standard Profiles'!$G$18=$B$17,14,0)+IF('Standard Profiles'!$G$18=$B$24,21,0),MOD($C5663,24)+1)/SUM(INDEX($D$3:$AA$30,INDEX(Jesper!$R$2:$R$366,ROW(INDEX(Jesper!AH$2:AH$366,ROUNDDOWN($C5663/24,0)+1,1))-1)+IF('Standard Profiles'!$G$18=$B$10,7,0)+IF('Standard Profiles'!$G$18=$B$17,14,0)+IF('Standard Profiles'!$G$18=$B$24,21,0),0)),0)</f>
        <v>20.289297342487771</v>
      </c>
      <c r="E5663" cm="1">
        <f t="array" ref="E5663">IFERROR(INDEX(Jesper!AI$2:AI$366,ROUNDDOWN($C5663/24,0)+1,1)*INDEX($D$3:$AA$30,INDEX(Jesper!$R$2:$R$366,ROW(INDEX(Jesper!AI$2:AI$366,ROUNDDOWN($C5663/24,0)+1,1))-1)+IF('Standard Profiles'!$G$19=$B$10,7,0)+IF('Standard Profiles'!$G$19=$B$17,14,0)+IF('Standard Profiles'!$G$19=$B$24,21,0),MOD($C5663,24)+1)/SUM(INDEX($D$3:$AA$30,INDEX(Jesper!$R$2:$R$366,ROW(INDEX(Jesper!AI$2:AI$366,ROUNDDOWN($C5663/24,0)+1,1))-1)+IF('Standard Profiles'!$G$19=$B$10,7,0)+IF('Standard Profiles'!$G$19=$B$17,14,0)+IF('Standard Profiles'!$G$19=$B$24,21,0),0)),0)</f>
        <v>7.00881548942042</v>
      </c>
      <c r="F5663" cm="1">
        <f t="array" ref="F5663">IFERROR(INDEX(Jesper!AJ$2:AJ$366,ROUNDDOWN($C5663/24,0)+1,1)*INDEX($D$3:$AA$30,INDEX(Jesper!$R$2:$R$366,ROW(INDEX(Jesper!AJ$2:AJ$366,ROUNDDOWN($C5663/24,0)+1,1))-1)+IF('Standard Profiles'!$G$20=$B$10,7,0)+IF('Standard Profiles'!$G$20=$B$17,14,0)+IF('Standard Profiles'!$G$20=$B$24,21,0),MOD($C5663,24)+1)/SUM(INDEX($D$3:$AA$30,INDEX(Jesper!$R$2:$R$366,ROW(INDEX(Jesper!AJ$2:AJ$366,ROUNDDOWN($C5663/24,0)+1,1))-1)+IF('Standard Profiles'!$G$20=$B$10,7,0)+IF('Standard Profiles'!$G$20=$B$17,14,0)+IF('Standard Profiles'!$G$20=$B$24,21,0),0)),0)</f>
        <v>0</v>
      </c>
      <c r="G5663" cm="1">
        <f t="array" ref="G5663">IFERROR(INDEX(Jesper!AK$2:AK$366,ROUNDDOWN($C5663/24,0)+1,1)*INDEX($D$3:$AA$30,INDEX(Jesper!$R$2:$R$366,ROW(INDEX(Jesper!AK$2:AK$366,ROUNDDOWN($C5663/24,0)+1,1))-1)+IF('Standard Profiles'!$G$21=$B$10,7,0)+IF('Standard Profiles'!$G$21=$B$17,14,0)+IF('Standard Profiles'!$G$21=$B$24,21,0),MOD($C5663,24)+1)/SUM(INDEX($D$3:$AA$30,INDEX(Jesper!$R$2:$R$366,ROW(INDEX(Jesper!AK$2:AK$366,ROUNDDOWN($C5663/24,0)+1,1))-1)+IF('Standard Profiles'!$G$21=$B$10,7,0)+IF('Standard Profiles'!$G$21=$B$17,14,0)+IF('Standard Profiles'!$G$21=$B$24,21,0),0)),0)</f>
        <v>0</v>
      </c>
      <c r="H5663" cm="1">
        <f t="array" ref="H5663">IFERROR(INDEX(Jesper!AL$2:AL$366,ROUNDDOWN($C5663/24,0)+1,1)*INDEX($D$3:$AA$30,INDEX(Jesper!$R$2:$R$366,ROW(INDEX(Jesper!AL$2:AL$366,ROUNDDOWN($C5663/24,0)+1,1))-1)+IF('Standard Profiles'!$G$22=$B$10,7,0)+IF('Standard Profiles'!$G$22=$B$17,14,0)+IF('Standard Profiles'!$G$22=$B$24,21,0),MOD($C5663,24)+1)/SUM(INDEX($D$3:$AA$30,INDEX(Jesper!$R$2:$R$366,ROW(INDEX(Jesper!AL$2:AL$366,ROUNDDOWN($C5663/24,0)+1,1))-1)+IF('Standard Profiles'!$G$22=$B$10,7,0)+IF('Standard Profiles'!$G$22=$B$17,14,0)+IF('Standard Profiles'!$G$22=$B$24,21,0),0)),0)</f>
        <v>0</v>
      </c>
      <c r="I5663">
        <f t="shared" si="629"/>
        <v>0</v>
      </c>
      <c r="J5663">
        <f t="shared" si="630"/>
        <v>24.051825257110149</v>
      </c>
      <c r="K5663">
        <f t="shared" si="631"/>
        <v>2.164191716532029</v>
      </c>
      <c r="L5663">
        <f t="shared" si="632"/>
        <v>1.0820958582660145</v>
      </c>
      <c r="M5663">
        <f t="shared" si="633"/>
        <v>0</v>
      </c>
      <c r="N5663" s="45">
        <f t="shared" si="634"/>
        <v>45161.541666653015</v>
      </c>
    </row>
    <row r="5664" spans="2:14" x14ac:dyDescent="0.25">
      <c r="B5664">
        <f t="shared" si="628"/>
        <v>3</v>
      </c>
      <c r="C5664" s="16">
        <v>5630</v>
      </c>
      <c r="D5664" cm="1">
        <f t="array" ref="D5664">IFERROR(INDEX(Jesper!AH$2:AH$366,ROUNDDOWN($C5664/24,0)+1,1)*INDEX($D$3:$AA$30,INDEX(Jesper!$R$2:$R$366,ROW(INDEX(Jesper!AH$2:AH$366,ROUNDDOWN($C5664/24,0)+1,1))-1)+IF('Standard Profiles'!$G$18=$B$10,7,0)+IF('Standard Profiles'!$G$18=$B$17,14,0)+IF('Standard Profiles'!$G$18=$B$24,21,0),MOD($C5664,24)+1)/SUM(INDEX($D$3:$AA$30,INDEX(Jesper!$R$2:$R$366,ROW(INDEX(Jesper!AH$2:AH$366,ROUNDDOWN($C5664/24,0)+1,1))-1)+IF('Standard Profiles'!$G$18=$B$10,7,0)+IF('Standard Profiles'!$G$18=$B$17,14,0)+IF('Standard Profiles'!$G$18=$B$24,21,0),0)),0)</f>
        <v>30.543028257508475</v>
      </c>
      <c r="E5664" cm="1">
        <f t="array" ref="E5664">IFERROR(INDEX(Jesper!AI$2:AI$366,ROUNDDOWN($C5664/24,0)+1,1)*INDEX($D$3:$AA$30,INDEX(Jesper!$R$2:$R$366,ROW(INDEX(Jesper!AI$2:AI$366,ROUNDDOWN($C5664/24,0)+1,1))-1)+IF('Standard Profiles'!$G$19=$B$10,7,0)+IF('Standard Profiles'!$G$19=$B$17,14,0)+IF('Standard Profiles'!$G$19=$B$24,21,0),MOD($C5664,24)+1)/SUM(INDEX($D$3:$AA$30,INDEX(Jesper!$R$2:$R$366,ROW(INDEX(Jesper!AI$2:AI$366,ROUNDDOWN($C5664/24,0)+1,1))-1)+IF('Standard Profiles'!$G$19=$B$10,7,0)+IF('Standard Profiles'!$G$19=$B$17,14,0)+IF('Standard Profiles'!$G$19=$B$24,21,0),0)),0)</f>
        <v>10.550905037837193</v>
      </c>
      <c r="F5664" cm="1">
        <f t="array" ref="F5664">IFERROR(INDEX(Jesper!AJ$2:AJ$366,ROUNDDOWN($C5664/24,0)+1,1)*INDEX($D$3:$AA$30,INDEX(Jesper!$R$2:$R$366,ROW(INDEX(Jesper!AJ$2:AJ$366,ROUNDDOWN($C5664/24,0)+1,1))-1)+IF('Standard Profiles'!$G$20=$B$10,7,0)+IF('Standard Profiles'!$G$20=$B$17,14,0)+IF('Standard Profiles'!$G$20=$B$24,21,0),MOD($C5664,24)+1)/SUM(INDEX($D$3:$AA$30,INDEX(Jesper!$R$2:$R$366,ROW(INDEX(Jesper!AJ$2:AJ$366,ROUNDDOWN($C5664/24,0)+1,1))-1)+IF('Standard Profiles'!$G$20=$B$10,7,0)+IF('Standard Profiles'!$G$20=$B$17,14,0)+IF('Standard Profiles'!$G$20=$B$24,21,0),0)),0)</f>
        <v>0</v>
      </c>
      <c r="G5664" cm="1">
        <f t="array" ref="G5664">IFERROR(INDEX(Jesper!AK$2:AK$366,ROUNDDOWN($C5664/24,0)+1,1)*INDEX($D$3:$AA$30,INDEX(Jesper!$R$2:$R$366,ROW(INDEX(Jesper!AK$2:AK$366,ROUNDDOWN($C5664/24,0)+1,1))-1)+IF('Standard Profiles'!$G$21=$B$10,7,0)+IF('Standard Profiles'!$G$21=$B$17,14,0)+IF('Standard Profiles'!$G$21=$B$24,21,0),MOD($C5664,24)+1)/SUM(INDEX($D$3:$AA$30,INDEX(Jesper!$R$2:$R$366,ROW(INDEX(Jesper!AK$2:AK$366,ROUNDDOWN($C5664/24,0)+1,1))-1)+IF('Standard Profiles'!$G$21=$B$10,7,0)+IF('Standard Profiles'!$G$21=$B$17,14,0)+IF('Standard Profiles'!$G$21=$B$24,21,0),0)),0)</f>
        <v>0</v>
      </c>
      <c r="H5664" cm="1">
        <f t="array" ref="H5664">IFERROR(INDEX(Jesper!AL$2:AL$366,ROUNDDOWN($C5664/24,0)+1,1)*INDEX($D$3:$AA$30,INDEX(Jesper!$R$2:$R$366,ROW(INDEX(Jesper!AL$2:AL$366,ROUNDDOWN($C5664/24,0)+1,1))-1)+IF('Standard Profiles'!$G$22=$B$10,7,0)+IF('Standard Profiles'!$G$22=$B$17,14,0)+IF('Standard Profiles'!$G$22=$B$24,21,0),MOD($C5664,24)+1)/SUM(INDEX($D$3:$AA$30,INDEX(Jesper!$R$2:$R$366,ROW(INDEX(Jesper!AL$2:AL$366,ROUNDDOWN($C5664/24,0)+1,1))-1)+IF('Standard Profiles'!$G$22=$B$10,7,0)+IF('Standard Profiles'!$G$22=$B$17,14,0)+IF('Standard Profiles'!$G$22=$B$24,21,0),0)),0)</f>
        <v>0</v>
      </c>
      <c r="I5664">
        <f t="shared" si="629"/>
        <v>0</v>
      </c>
      <c r="J5664">
        <f t="shared" si="630"/>
        <v>36.207048774144312</v>
      </c>
      <c r="K5664">
        <f t="shared" si="631"/>
        <v>3.2579230141342377</v>
      </c>
      <c r="L5664">
        <f t="shared" si="632"/>
        <v>1.6289615070671188</v>
      </c>
      <c r="M5664">
        <f t="shared" si="633"/>
        <v>0</v>
      </c>
      <c r="N5664" s="45">
        <f t="shared" si="634"/>
        <v>45161.583333319679</v>
      </c>
    </row>
    <row r="5665" spans="2:14" x14ac:dyDescent="0.25">
      <c r="B5665">
        <f t="shared" si="628"/>
        <v>3</v>
      </c>
      <c r="C5665" s="16">
        <v>5631</v>
      </c>
      <c r="D5665" cm="1">
        <f t="array" ref="D5665">IFERROR(INDEX(Jesper!AH$2:AH$366,ROUNDDOWN($C5665/24,0)+1,1)*INDEX($D$3:$AA$30,INDEX(Jesper!$R$2:$R$366,ROW(INDEX(Jesper!AH$2:AH$366,ROUNDDOWN($C5665/24,0)+1,1))-1)+IF('Standard Profiles'!$G$18=$B$10,7,0)+IF('Standard Profiles'!$G$18=$B$17,14,0)+IF('Standard Profiles'!$G$18=$B$24,21,0),MOD($C5665,24)+1)/SUM(INDEX($D$3:$AA$30,INDEX(Jesper!$R$2:$R$366,ROW(INDEX(Jesper!AH$2:AH$366,ROUNDDOWN($C5665/24,0)+1,1))-1)+IF('Standard Profiles'!$G$18=$B$10,7,0)+IF('Standard Profiles'!$G$18=$B$17,14,0)+IF('Standard Profiles'!$G$18=$B$24,21,0),0)),0)</f>
        <v>30.543028257508475</v>
      </c>
      <c r="E5665" cm="1">
        <f t="array" ref="E5665">IFERROR(INDEX(Jesper!AI$2:AI$366,ROUNDDOWN($C5665/24,0)+1,1)*INDEX($D$3:$AA$30,INDEX(Jesper!$R$2:$R$366,ROW(INDEX(Jesper!AI$2:AI$366,ROUNDDOWN($C5665/24,0)+1,1))-1)+IF('Standard Profiles'!$G$19=$B$10,7,0)+IF('Standard Profiles'!$G$19=$B$17,14,0)+IF('Standard Profiles'!$G$19=$B$24,21,0),MOD($C5665,24)+1)/SUM(INDEX($D$3:$AA$30,INDEX(Jesper!$R$2:$R$366,ROW(INDEX(Jesper!AI$2:AI$366,ROUNDDOWN($C5665/24,0)+1,1))-1)+IF('Standard Profiles'!$G$19=$B$10,7,0)+IF('Standard Profiles'!$G$19=$B$17,14,0)+IF('Standard Profiles'!$G$19=$B$24,21,0),0)),0)</f>
        <v>10.550905037837193</v>
      </c>
      <c r="F5665" cm="1">
        <f t="array" ref="F5665">IFERROR(INDEX(Jesper!AJ$2:AJ$366,ROUNDDOWN($C5665/24,0)+1,1)*INDEX($D$3:$AA$30,INDEX(Jesper!$R$2:$R$366,ROW(INDEX(Jesper!AJ$2:AJ$366,ROUNDDOWN($C5665/24,0)+1,1))-1)+IF('Standard Profiles'!$G$20=$B$10,7,0)+IF('Standard Profiles'!$G$20=$B$17,14,0)+IF('Standard Profiles'!$G$20=$B$24,21,0),MOD($C5665,24)+1)/SUM(INDEX($D$3:$AA$30,INDEX(Jesper!$R$2:$R$366,ROW(INDEX(Jesper!AJ$2:AJ$366,ROUNDDOWN($C5665/24,0)+1,1))-1)+IF('Standard Profiles'!$G$20=$B$10,7,0)+IF('Standard Profiles'!$G$20=$B$17,14,0)+IF('Standard Profiles'!$G$20=$B$24,21,0),0)),0)</f>
        <v>0</v>
      </c>
      <c r="G5665" cm="1">
        <f t="array" ref="G5665">IFERROR(INDEX(Jesper!AK$2:AK$366,ROUNDDOWN($C5665/24,0)+1,1)*INDEX($D$3:$AA$30,INDEX(Jesper!$R$2:$R$366,ROW(INDEX(Jesper!AK$2:AK$366,ROUNDDOWN($C5665/24,0)+1,1))-1)+IF('Standard Profiles'!$G$21=$B$10,7,0)+IF('Standard Profiles'!$G$21=$B$17,14,0)+IF('Standard Profiles'!$G$21=$B$24,21,0),MOD($C5665,24)+1)/SUM(INDEX($D$3:$AA$30,INDEX(Jesper!$R$2:$R$366,ROW(INDEX(Jesper!AK$2:AK$366,ROUNDDOWN($C5665/24,0)+1,1))-1)+IF('Standard Profiles'!$G$21=$B$10,7,0)+IF('Standard Profiles'!$G$21=$B$17,14,0)+IF('Standard Profiles'!$G$21=$B$24,21,0),0)),0)</f>
        <v>0</v>
      </c>
      <c r="H5665" cm="1">
        <f t="array" ref="H5665">IFERROR(INDEX(Jesper!AL$2:AL$366,ROUNDDOWN($C5665/24,0)+1,1)*INDEX($D$3:$AA$30,INDEX(Jesper!$R$2:$R$366,ROW(INDEX(Jesper!AL$2:AL$366,ROUNDDOWN($C5665/24,0)+1,1))-1)+IF('Standard Profiles'!$G$22=$B$10,7,0)+IF('Standard Profiles'!$G$22=$B$17,14,0)+IF('Standard Profiles'!$G$22=$B$24,21,0),MOD($C5665,24)+1)/SUM(INDEX($D$3:$AA$30,INDEX(Jesper!$R$2:$R$366,ROW(INDEX(Jesper!AL$2:AL$366,ROUNDDOWN($C5665/24,0)+1,1))-1)+IF('Standard Profiles'!$G$22=$B$10,7,0)+IF('Standard Profiles'!$G$22=$B$17,14,0)+IF('Standard Profiles'!$G$22=$B$24,21,0),0)),0)</f>
        <v>0</v>
      </c>
      <c r="I5665">
        <f t="shared" si="629"/>
        <v>0</v>
      </c>
      <c r="J5665">
        <f t="shared" si="630"/>
        <v>36.207048774144312</v>
      </c>
      <c r="K5665">
        <f t="shared" si="631"/>
        <v>3.2579230141342377</v>
      </c>
      <c r="L5665">
        <f t="shared" si="632"/>
        <v>1.6289615070671188</v>
      </c>
      <c r="M5665">
        <f t="shared" si="633"/>
        <v>0</v>
      </c>
      <c r="N5665" s="45">
        <f t="shared" si="634"/>
        <v>45161.624999986343</v>
      </c>
    </row>
    <row r="5666" spans="2:14" x14ac:dyDescent="0.25">
      <c r="B5666">
        <f t="shared" si="628"/>
        <v>3</v>
      </c>
      <c r="C5666" s="16">
        <v>5632</v>
      </c>
      <c r="D5666" cm="1">
        <f t="array" ref="D5666">IFERROR(INDEX(Jesper!AH$2:AH$366,ROUNDDOWN($C5666/24,0)+1,1)*INDEX($D$3:$AA$30,INDEX(Jesper!$R$2:$R$366,ROW(INDEX(Jesper!AH$2:AH$366,ROUNDDOWN($C5666/24,0)+1,1))-1)+IF('Standard Profiles'!$G$18=$B$10,7,0)+IF('Standard Profiles'!$G$18=$B$17,14,0)+IF('Standard Profiles'!$G$18=$B$24,21,0),MOD($C5666,24)+1)/SUM(INDEX($D$3:$AA$30,INDEX(Jesper!$R$2:$R$366,ROW(INDEX(Jesper!AH$2:AH$366,ROUNDDOWN($C5666/24,0)+1,1))-1)+IF('Standard Profiles'!$G$18=$B$10,7,0)+IF('Standard Profiles'!$G$18=$B$17,14,0)+IF('Standard Profiles'!$G$18=$B$24,21,0),0)),0)</f>
        <v>17.998570223174639</v>
      </c>
      <c r="E5666" cm="1">
        <f t="array" ref="E5666">IFERROR(INDEX(Jesper!AI$2:AI$366,ROUNDDOWN($C5666/24,0)+1,1)*INDEX($D$3:$AA$30,INDEX(Jesper!$R$2:$R$366,ROW(INDEX(Jesper!AI$2:AI$366,ROUNDDOWN($C5666/24,0)+1,1))-1)+IF('Standard Profiles'!$G$19=$B$10,7,0)+IF('Standard Profiles'!$G$19=$B$17,14,0)+IF('Standard Profiles'!$G$19=$B$24,21,0),MOD($C5666,24)+1)/SUM(INDEX($D$3:$AA$30,INDEX(Jesper!$R$2:$R$366,ROW(INDEX(Jesper!AI$2:AI$366,ROUNDDOWN($C5666/24,0)+1,1))-1)+IF('Standard Profiles'!$G$19=$B$10,7,0)+IF('Standard Profiles'!$G$19=$B$17,14,0)+IF('Standard Profiles'!$G$19=$B$24,21,0),0)),0)</f>
        <v>6.2174976115826315</v>
      </c>
      <c r="F5666" cm="1">
        <f t="array" ref="F5666">IFERROR(INDEX(Jesper!AJ$2:AJ$366,ROUNDDOWN($C5666/24,0)+1,1)*INDEX($D$3:$AA$30,INDEX(Jesper!$R$2:$R$366,ROW(INDEX(Jesper!AJ$2:AJ$366,ROUNDDOWN($C5666/24,0)+1,1))-1)+IF('Standard Profiles'!$G$20=$B$10,7,0)+IF('Standard Profiles'!$G$20=$B$17,14,0)+IF('Standard Profiles'!$G$20=$B$24,21,0),MOD($C5666,24)+1)/SUM(INDEX($D$3:$AA$30,INDEX(Jesper!$R$2:$R$366,ROW(INDEX(Jesper!AJ$2:AJ$366,ROUNDDOWN($C5666/24,0)+1,1))-1)+IF('Standard Profiles'!$G$20=$B$10,7,0)+IF('Standard Profiles'!$G$20=$B$17,14,0)+IF('Standard Profiles'!$G$20=$B$24,21,0),0)),0)</f>
        <v>0</v>
      </c>
      <c r="G5666" cm="1">
        <f t="array" ref="G5666">IFERROR(INDEX(Jesper!AK$2:AK$366,ROUNDDOWN($C5666/24,0)+1,1)*INDEX($D$3:$AA$30,INDEX(Jesper!$R$2:$R$366,ROW(INDEX(Jesper!AK$2:AK$366,ROUNDDOWN($C5666/24,0)+1,1))-1)+IF('Standard Profiles'!$G$21=$B$10,7,0)+IF('Standard Profiles'!$G$21=$B$17,14,0)+IF('Standard Profiles'!$G$21=$B$24,21,0),MOD($C5666,24)+1)/SUM(INDEX($D$3:$AA$30,INDEX(Jesper!$R$2:$R$366,ROW(INDEX(Jesper!AK$2:AK$366,ROUNDDOWN($C5666/24,0)+1,1))-1)+IF('Standard Profiles'!$G$21=$B$10,7,0)+IF('Standard Profiles'!$G$21=$B$17,14,0)+IF('Standard Profiles'!$G$21=$B$24,21,0),0)),0)</f>
        <v>0</v>
      </c>
      <c r="H5666" cm="1">
        <f t="array" ref="H5666">IFERROR(INDEX(Jesper!AL$2:AL$366,ROUNDDOWN($C5666/24,0)+1,1)*INDEX($D$3:$AA$30,INDEX(Jesper!$R$2:$R$366,ROW(INDEX(Jesper!AL$2:AL$366,ROUNDDOWN($C5666/24,0)+1,1))-1)+IF('Standard Profiles'!$G$22=$B$10,7,0)+IF('Standard Profiles'!$G$22=$B$17,14,0)+IF('Standard Profiles'!$G$22=$B$24,21,0),MOD($C5666,24)+1)/SUM(INDEX($D$3:$AA$30,INDEX(Jesper!$R$2:$R$366,ROW(INDEX(Jesper!AL$2:AL$366,ROUNDDOWN($C5666/24,0)+1,1))-1)+IF('Standard Profiles'!$G$22=$B$10,7,0)+IF('Standard Profiles'!$G$22=$B$17,14,0)+IF('Standard Profiles'!$G$22=$B$24,21,0),0)),0)</f>
        <v>0</v>
      </c>
      <c r="I5666">
        <f t="shared" si="629"/>
        <v>0</v>
      </c>
      <c r="J5666">
        <f t="shared" si="630"/>
        <v>21.336296599049327</v>
      </c>
      <c r="K5666">
        <f t="shared" si="631"/>
        <v>1.9198474904719616</v>
      </c>
      <c r="L5666">
        <f t="shared" si="632"/>
        <v>0.95992374523598079</v>
      </c>
      <c r="M5666">
        <f t="shared" si="633"/>
        <v>0</v>
      </c>
      <c r="N5666" s="45">
        <f t="shared" si="634"/>
        <v>45161.666666653007</v>
      </c>
    </row>
    <row r="5667" spans="2:14" x14ac:dyDescent="0.25">
      <c r="B5667">
        <f t="shared" ref="B5667:B5730" si="635">WEEKDAY(N5667,2)</f>
        <v>3</v>
      </c>
      <c r="C5667" s="16">
        <v>5633</v>
      </c>
      <c r="D5667" cm="1">
        <f t="array" ref="D5667">IFERROR(INDEX(Jesper!AH$2:AH$366,ROUNDDOWN($C5667/24,0)+1,1)*INDEX($D$3:$AA$30,INDEX(Jesper!$R$2:$R$366,ROW(INDEX(Jesper!AH$2:AH$366,ROUNDDOWN($C5667/24,0)+1,1))-1)+IF('Standard Profiles'!$G$18=$B$10,7,0)+IF('Standard Profiles'!$G$18=$B$17,14,0)+IF('Standard Profiles'!$G$18=$B$24,21,0),MOD($C5667,24)+1)/SUM(INDEX($D$3:$AA$30,INDEX(Jesper!$R$2:$R$366,ROW(INDEX(Jesper!AH$2:AH$366,ROUNDDOWN($C5667/24,0)+1,1))-1)+IF('Standard Profiles'!$G$18=$B$10,7,0)+IF('Standard Profiles'!$G$18=$B$17,14,0)+IF('Standard Profiles'!$G$18=$B$24,21,0),0)),0)</f>
        <v>7.6818481532969018</v>
      </c>
      <c r="E5667" cm="1">
        <f t="array" ref="E5667">IFERROR(INDEX(Jesper!AI$2:AI$366,ROUNDDOWN($C5667/24,0)+1,1)*INDEX($D$3:$AA$30,INDEX(Jesper!$R$2:$R$366,ROW(INDEX(Jesper!AI$2:AI$366,ROUNDDOWN($C5667/24,0)+1,1))-1)+IF('Standard Profiles'!$G$19=$B$10,7,0)+IF('Standard Profiles'!$G$19=$B$17,14,0)+IF('Standard Profiles'!$G$19=$B$24,21,0),MOD($C5667,24)+1)/SUM(INDEX($D$3:$AA$30,INDEX(Jesper!$R$2:$R$366,ROW(INDEX(Jesper!AI$2:AI$366,ROUNDDOWN($C5667/24,0)+1,1))-1)+IF('Standard Profiles'!$G$19=$B$10,7,0)+IF('Standard Profiles'!$G$19=$B$17,14,0)+IF('Standard Profiles'!$G$19=$B$24,21,0),0)),0)</f>
        <v>2.6536481483493946</v>
      </c>
      <c r="F5667" cm="1">
        <f t="array" ref="F5667">IFERROR(INDEX(Jesper!AJ$2:AJ$366,ROUNDDOWN($C5667/24,0)+1,1)*INDEX($D$3:$AA$30,INDEX(Jesper!$R$2:$R$366,ROW(INDEX(Jesper!AJ$2:AJ$366,ROUNDDOWN($C5667/24,0)+1,1))-1)+IF('Standard Profiles'!$G$20=$B$10,7,0)+IF('Standard Profiles'!$G$20=$B$17,14,0)+IF('Standard Profiles'!$G$20=$B$24,21,0),MOD($C5667,24)+1)/SUM(INDEX($D$3:$AA$30,INDEX(Jesper!$R$2:$R$366,ROW(INDEX(Jesper!AJ$2:AJ$366,ROUNDDOWN($C5667/24,0)+1,1))-1)+IF('Standard Profiles'!$G$20=$B$10,7,0)+IF('Standard Profiles'!$G$20=$B$17,14,0)+IF('Standard Profiles'!$G$20=$B$24,21,0),0)),0)</f>
        <v>0</v>
      </c>
      <c r="G5667" cm="1">
        <f t="array" ref="G5667">IFERROR(INDEX(Jesper!AK$2:AK$366,ROUNDDOWN($C5667/24,0)+1,1)*INDEX($D$3:$AA$30,INDEX(Jesper!$R$2:$R$366,ROW(INDEX(Jesper!AK$2:AK$366,ROUNDDOWN($C5667/24,0)+1,1))-1)+IF('Standard Profiles'!$G$21=$B$10,7,0)+IF('Standard Profiles'!$G$21=$B$17,14,0)+IF('Standard Profiles'!$G$21=$B$24,21,0),MOD($C5667,24)+1)/SUM(INDEX($D$3:$AA$30,INDEX(Jesper!$R$2:$R$366,ROW(INDEX(Jesper!AK$2:AK$366,ROUNDDOWN($C5667/24,0)+1,1))-1)+IF('Standard Profiles'!$G$21=$B$10,7,0)+IF('Standard Profiles'!$G$21=$B$17,14,0)+IF('Standard Profiles'!$G$21=$B$24,21,0),0)),0)</f>
        <v>0</v>
      </c>
      <c r="H5667" cm="1">
        <f t="array" ref="H5667">IFERROR(INDEX(Jesper!AL$2:AL$366,ROUNDDOWN($C5667/24,0)+1,1)*INDEX($D$3:$AA$30,INDEX(Jesper!$R$2:$R$366,ROW(INDEX(Jesper!AL$2:AL$366,ROUNDDOWN($C5667/24,0)+1,1))-1)+IF('Standard Profiles'!$G$22=$B$10,7,0)+IF('Standard Profiles'!$G$22=$B$17,14,0)+IF('Standard Profiles'!$G$22=$B$24,21,0),MOD($C5667,24)+1)/SUM(INDEX($D$3:$AA$30,INDEX(Jesper!$R$2:$R$366,ROW(INDEX(Jesper!AL$2:AL$366,ROUNDDOWN($C5667/24,0)+1,1))-1)+IF('Standard Profiles'!$G$22=$B$10,7,0)+IF('Standard Profiles'!$G$22=$B$17,14,0)+IF('Standard Profiles'!$G$22=$B$24,21,0),0)),0)</f>
        <v>0</v>
      </c>
      <c r="I5667">
        <f t="shared" ref="I5667:I5730" si="636">IF($B5667&lt;6,AC$37*$D5667+AC$38*$E5667+AC$39*$F5667+AC$40*$G5667,AC$46*$D5667+AC$47*$E5667+AC$48*$F5667+AC$49*$G5667+AC$50*$H5667)</f>
        <v>0</v>
      </c>
      <c r="J5667">
        <f t="shared" ref="J5667:J5730" si="637">IF($B5667&lt;6,AD$37*$D5667+AD$38*$E5667+AD$39*$F5667+AD$40*$G5667,AD$46*$D5667+AD$47*$E5667+AD$48*$F5667+AD$49*$G5667+AD$50*$H5667)</f>
        <v>9.1064005971187925</v>
      </c>
      <c r="K5667">
        <f t="shared" ref="K5667:K5730" si="638">IF($B5667&lt;6,AE$37*$D5667+AE$38*$E5667+AE$39*$F5667+AE$40*$G5667,AE$46*$D5667+AE$47*$E5667+AE$48*$F5667+AE$49*$G5667+AE$50*$H5667)</f>
        <v>0.81939713635166955</v>
      </c>
      <c r="L5667">
        <f t="shared" ref="L5667:L5730" si="639">IF($B5667&lt;6,AF$37*$D5667+AF$38*$E5667+AF$39*$F5667+AF$40*$G5667,AF$46*$D5667+AF$47*$E5667+AF$48*$F5667+AF$49*$G5667+AF$50*$H5667)</f>
        <v>0.40969856817583478</v>
      </c>
      <c r="M5667">
        <f t="shared" ref="M5667:M5730" si="640">IF($B5667&lt;6,AG$37*$D5667+AG$38*$E5667+AG$39*$F5667+AG$40*$G5667,AG$46*$D5667+AG$47*$E5667+AG$48*$F5667+AG$49*$G5667+AG$50*$H5667)</f>
        <v>0</v>
      </c>
      <c r="N5667" s="45">
        <f t="shared" si="634"/>
        <v>45161.708333319672</v>
      </c>
    </row>
    <row r="5668" spans="2:14" x14ac:dyDescent="0.25">
      <c r="B5668">
        <f t="shared" si="635"/>
        <v>3</v>
      </c>
      <c r="C5668" s="16">
        <v>5634</v>
      </c>
      <c r="D5668" cm="1">
        <f t="array" ref="D5668">IFERROR(INDEX(Jesper!AH$2:AH$366,ROUNDDOWN($C5668/24,0)+1,1)*INDEX($D$3:$AA$30,INDEX(Jesper!$R$2:$R$366,ROW(INDEX(Jesper!AH$2:AH$366,ROUNDDOWN($C5668/24,0)+1,1))-1)+IF('Standard Profiles'!$G$18=$B$10,7,0)+IF('Standard Profiles'!$G$18=$B$17,14,0)+IF('Standard Profiles'!$G$18=$B$24,21,0),MOD($C5668,24)+1)/SUM(INDEX($D$3:$AA$30,INDEX(Jesper!$R$2:$R$366,ROW(INDEX(Jesper!AH$2:AH$366,ROUNDDOWN($C5668/24,0)+1,1))-1)+IF('Standard Profiles'!$G$18=$B$10,7,0)+IF('Standard Profiles'!$G$18=$B$17,14,0)+IF('Standard Profiles'!$G$18=$B$24,21,0),0)),0)</f>
        <v>5.0700197811759544</v>
      </c>
      <c r="E5668" cm="1">
        <f t="array" ref="E5668">IFERROR(INDEX(Jesper!AI$2:AI$366,ROUNDDOWN($C5668/24,0)+1,1)*INDEX($D$3:$AA$30,INDEX(Jesper!$R$2:$R$366,ROW(INDEX(Jesper!AI$2:AI$366,ROUNDDOWN($C5668/24,0)+1,1))-1)+IF('Standard Profiles'!$G$19=$B$10,7,0)+IF('Standard Profiles'!$G$19=$B$17,14,0)+IF('Standard Profiles'!$G$19=$B$24,21,0),MOD($C5668,24)+1)/SUM(INDEX($D$3:$AA$30,INDEX(Jesper!$R$2:$R$366,ROW(INDEX(Jesper!AI$2:AI$366,ROUNDDOWN($C5668/24,0)+1,1))-1)+IF('Standard Profiles'!$G$19=$B$10,7,0)+IF('Standard Profiles'!$G$19=$B$17,14,0)+IF('Standard Profiles'!$G$19=$B$24,21,0),0)),0)</f>
        <v>1.7514077779106003</v>
      </c>
      <c r="F5668" cm="1">
        <f t="array" ref="F5668">IFERROR(INDEX(Jesper!AJ$2:AJ$366,ROUNDDOWN($C5668/24,0)+1,1)*INDEX($D$3:$AA$30,INDEX(Jesper!$R$2:$R$366,ROW(INDEX(Jesper!AJ$2:AJ$366,ROUNDDOWN($C5668/24,0)+1,1))-1)+IF('Standard Profiles'!$G$20=$B$10,7,0)+IF('Standard Profiles'!$G$20=$B$17,14,0)+IF('Standard Profiles'!$G$20=$B$24,21,0),MOD($C5668,24)+1)/SUM(INDEX($D$3:$AA$30,INDEX(Jesper!$R$2:$R$366,ROW(INDEX(Jesper!AJ$2:AJ$366,ROUNDDOWN($C5668/24,0)+1,1))-1)+IF('Standard Profiles'!$G$20=$B$10,7,0)+IF('Standard Profiles'!$G$20=$B$17,14,0)+IF('Standard Profiles'!$G$20=$B$24,21,0),0)),0)</f>
        <v>0</v>
      </c>
      <c r="G5668" cm="1">
        <f t="array" ref="G5668">IFERROR(INDEX(Jesper!AK$2:AK$366,ROUNDDOWN($C5668/24,0)+1,1)*INDEX($D$3:$AA$30,INDEX(Jesper!$R$2:$R$366,ROW(INDEX(Jesper!AK$2:AK$366,ROUNDDOWN($C5668/24,0)+1,1))-1)+IF('Standard Profiles'!$G$21=$B$10,7,0)+IF('Standard Profiles'!$G$21=$B$17,14,0)+IF('Standard Profiles'!$G$21=$B$24,21,0),MOD($C5668,24)+1)/SUM(INDEX($D$3:$AA$30,INDEX(Jesper!$R$2:$R$366,ROW(INDEX(Jesper!AK$2:AK$366,ROUNDDOWN($C5668/24,0)+1,1))-1)+IF('Standard Profiles'!$G$21=$B$10,7,0)+IF('Standard Profiles'!$G$21=$B$17,14,0)+IF('Standard Profiles'!$G$21=$B$24,21,0),0)),0)</f>
        <v>0</v>
      </c>
      <c r="H5668" cm="1">
        <f t="array" ref="H5668">IFERROR(INDEX(Jesper!AL$2:AL$366,ROUNDDOWN($C5668/24,0)+1,1)*INDEX($D$3:$AA$30,INDEX(Jesper!$R$2:$R$366,ROW(INDEX(Jesper!AL$2:AL$366,ROUNDDOWN($C5668/24,0)+1,1))-1)+IF('Standard Profiles'!$G$22=$B$10,7,0)+IF('Standard Profiles'!$G$22=$B$17,14,0)+IF('Standard Profiles'!$G$22=$B$24,21,0),MOD($C5668,24)+1)/SUM(INDEX($D$3:$AA$30,INDEX(Jesper!$R$2:$R$366,ROW(INDEX(Jesper!AL$2:AL$366,ROUNDDOWN($C5668/24,0)+1,1))-1)+IF('Standard Profiles'!$G$22=$B$10,7,0)+IF('Standard Profiles'!$G$22=$B$17,14,0)+IF('Standard Profiles'!$G$22=$B$24,21,0),0)),0)</f>
        <v>0</v>
      </c>
      <c r="I5668">
        <f t="shared" si="636"/>
        <v>0</v>
      </c>
      <c r="J5668">
        <f t="shared" si="637"/>
        <v>6.0102243940984019</v>
      </c>
      <c r="K5668">
        <f t="shared" si="638"/>
        <v>0.54080210999210188</v>
      </c>
      <c r="L5668">
        <f t="shared" si="639"/>
        <v>0.27040105499605094</v>
      </c>
      <c r="M5668">
        <f t="shared" si="640"/>
        <v>0</v>
      </c>
      <c r="N5668" s="45">
        <f t="shared" ref="N5668:N5731" si="641">N5667+1/24</f>
        <v>45161.749999986336</v>
      </c>
    </row>
    <row r="5669" spans="2:14" x14ac:dyDescent="0.25">
      <c r="B5669">
        <f t="shared" si="635"/>
        <v>3</v>
      </c>
      <c r="C5669" s="16">
        <v>5635</v>
      </c>
      <c r="D5669" cm="1">
        <f t="array" ref="D5669">IFERROR(INDEX(Jesper!AH$2:AH$366,ROUNDDOWN($C5669/24,0)+1,1)*INDEX($D$3:$AA$30,INDEX(Jesper!$R$2:$R$366,ROW(INDEX(Jesper!AH$2:AH$366,ROUNDDOWN($C5669/24,0)+1,1))-1)+IF('Standard Profiles'!$G$18=$B$10,7,0)+IF('Standard Profiles'!$G$18=$B$17,14,0)+IF('Standard Profiles'!$G$18=$B$24,21,0),MOD($C5669,24)+1)/SUM(INDEX($D$3:$AA$30,INDEX(Jesper!$R$2:$R$366,ROW(INDEX(Jesper!AH$2:AH$366,ROUNDDOWN($C5669/24,0)+1,1))-1)+IF('Standard Profiles'!$G$18=$B$10,7,0)+IF('Standard Profiles'!$G$18=$B$17,14,0)+IF('Standard Profiles'!$G$18=$B$24,21,0),0)),0)</f>
        <v>5.0700197811759544</v>
      </c>
      <c r="E5669" cm="1">
        <f t="array" ref="E5669">IFERROR(INDEX(Jesper!AI$2:AI$366,ROUNDDOWN($C5669/24,0)+1,1)*INDEX($D$3:$AA$30,INDEX(Jesper!$R$2:$R$366,ROW(INDEX(Jesper!AI$2:AI$366,ROUNDDOWN($C5669/24,0)+1,1))-1)+IF('Standard Profiles'!$G$19=$B$10,7,0)+IF('Standard Profiles'!$G$19=$B$17,14,0)+IF('Standard Profiles'!$G$19=$B$24,21,0),MOD($C5669,24)+1)/SUM(INDEX($D$3:$AA$30,INDEX(Jesper!$R$2:$R$366,ROW(INDEX(Jesper!AI$2:AI$366,ROUNDDOWN($C5669/24,0)+1,1))-1)+IF('Standard Profiles'!$G$19=$B$10,7,0)+IF('Standard Profiles'!$G$19=$B$17,14,0)+IF('Standard Profiles'!$G$19=$B$24,21,0),0)),0)</f>
        <v>1.7514077779106003</v>
      </c>
      <c r="F5669" cm="1">
        <f t="array" ref="F5669">IFERROR(INDEX(Jesper!AJ$2:AJ$366,ROUNDDOWN($C5669/24,0)+1,1)*INDEX($D$3:$AA$30,INDEX(Jesper!$R$2:$R$366,ROW(INDEX(Jesper!AJ$2:AJ$366,ROUNDDOWN($C5669/24,0)+1,1))-1)+IF('Standard Profiles'!$G$20=$B$10,7,0)+IF('Standard Profiles'!$G$20=$B$17,14,0)+IF('Standard Profiles'!$G$20=$B$24,21,0),MOD($C5669,24)+1)/SUM(INDEX($D$3:$AA$30,INDEX(Jesper!$R$2:$R$366,ROW(INDEX(Jesper!AJ$2:AJ$366,ROUNDDOWN($C5669/24,0)+1,1))-1)+IF('Standard Profiles'!$G$20=$B$10,7,0)+IF('Standard Profiles'!$G$20=$B$17,14,0)+IF('Standard Profiles'!$G$20=$B$24,21,0),0)),0)</f>
        <v>0</v>
      </c>
      <c r="G5669" cm="1">
        <f t="array" ref="G5669">IFERROR(INDEX(Jesper!AK$2:AK$366,ROUNDDOWN($C5669/24,0)+1,1)*INDEX($D$3:$AA$30,INDEX(Jesper!$R$2:$R$366,ROW(INDEX(Jesper!AK$2:AK$366,ROUNDDOWN($C5669/24,0)+1,1))-1)+IF('Standard Profiles'!$G$21=$B$10,7,0)+IF('Standard Profiles'!$G$21=$B$17,14,0)+IF('Standard Profiles'!$G$21=$B$24,21,0),MOD($C5669,24)+1)/SUM(INDEX($D$3:$AA$30,INDEX(Jesper!$R$2:$R$366,ROW(INDEX(Jesper!AK$2:AK$366,ROUNDDOWN($C5669/24,0)+1,1))-1)+IF('Standard Profiles'!$G$21=$B$10,7,0)+IF('Standard Profiles'!$G$21=$B$17,14,0)+IF('Standard Profiles'!$G$21=$B$24,21,0),0)),0)</f>
        <v>0</v>
      </c>
      <c r="H5669" cm="1">
        <f t="array" ref="H5669">IFERROR(INDEX(Jesper!AL$2:AL$366,ROUNDDOWN($C5669/24,0)+1,1)*INDEX($D$3:$AA$30,INDEX(Jesper!$R$2:$R$366,ROW(INDEX(Jesper!AL$2:AL$366,ROUNDDOWN($C5669/24,0)+1,1))-1)+IF('Standard Profiles'!$G$22=$B$10,7,0)+IF('Standard Profiles'!$G$22=$B$17,14,0)+IF('Standard Profiles'!$G$22=$B$24,21,0),MOD($C5669,24)+1)/SUM(INDEX($D$3:$AA$30,INDEX(Jesper!$R$2:$R$366,ROW(INDEX(Jesper!AL$2:AL$366,ROUNDDOWN($C5669/24,0)+1,1))-1)+IF('Standard Profiles'!$G$22=$B$10,7,0)+IF('Standard Profiles'!$G$22=$B$17,14,0)+IF('Standard Profiles'!$G$22=$B$24,21,0),0)),0)</f>
        <v>0</v>
      </c>
      <c r="I5669">
        <f t="shared" si="636"/>
        <v>0</v>
      </c>
      <c r="J5669">
        <f t="shared" si="637"/>
        <v>6.0102243940984019</v>
      </c>
      <c r="K5669">
        <f t="shared" si="638"/>
        <v>0.54080210999210188</v>
      </c>
      <c r="L5669">
        <f t="shared" si="639"/>
        <v>0.27040105499605094</v>
      </c>
      <c r="M5669">
        <f t="shared" si="640"/>
        <v>0</v>
      </c>
      <c r="N5669" s="45">
        <f t="shared" si="641"/>
        <v>45161.791666653</v>
      </c>
    </row>
    <row r="5670" spans="2:14" x14ac:dyDescent="0.25">
      <c r="B5670">
        <f t="shared" si="635"/>
        <v>3</v>
      </c>
      <c r="C5670" s="16">
        <v>5636</v>
      </c>
      <c r="D5670" cm="1">
        <f t="array" ref="D5670">IFERROR(INDEX(Jesper!AH$2:AH$366,ROUNDDOWN($C5670/24,0)+1,1)*INDEX($D$3:$AA$30,INDEX(Jesper!$R$2:$R$366,ROW(INDEX(Jesper!AH$2:AH$366,ROUNDDOWN($C5670/24,0)+1,1))-1)+IF('Standard Profiles'!$G$18=$B$10,7,0)+IF('Standard Profiles'!$G$18=$B$17,14,0)+IF('Standard Profiles'!$G$18=$B$24,21,0),MOD($C5670,24)+1)/SUM(INDEX($D$3:$AA$30,INDEX(Jesper!$R$2:$R$366,ROW(INDEX(Jesper!AH$2:AH$366,ROUNDDOWN($C5670/24,0)+1,1))-1)+IF('Standard Profiles'!$G$18=$B$10,7,0)+IF('Standard Profiles'!$G$18=$B$17,14,0)+IF('Standard Profiles'!$G$18=$B$24,21,0),0)),0)</f>
        <v>5.0700197811759544</v>
      </c>
      <c r="E5670" cm="1">
        <f t="array" ref="E5670">IFERROR(INDEX(Jesper!AI$2:AI$366,ROUNDDOWN($C5670/24,0)+1,1)*INDEX($D$3:$AA$30,INDEX(Jesper!$R$2:$R$366,ROW(INDEX(Jesper!AI$2:AI$366,ROUNDDOWN($C5670/24,0)+1,1))-1)+IF('Standard Profiles'!$G$19=$B$10,7,0)+IF('Standard Profiles'!$G$19=$B$17,14,0)+IF('Standard Profiles'!$G$19=$B$24,21,0),MOD($C5670,24)+1)/SUM(INDEX($D$3:$AA$30,INDEX(Jesper!$R$2:$R$366,ROW(INDEX(Jesper!AI$2:AI$366,ROUNDDOWN($C5670/24,0)+1,1))-1)+IF('Standard Profiles'!$G$19=$B$10,7,0)+IF('Standard Profiles'!$G$19=$B$17,14,0)+IF('Standard Profiles'!$G$19=$B$24,21,0),0)),0)</f>
        <v>1.7514077779106003</v>
      </c>
      <c r="F5670" cm="1">
        <f t="array" ref="F5670">IFERROR(INDEX(Jesper!AJ$2:AJ$366,ROUNDDOWN($C5670/24,0)+1,1)*INDEX($D$3:$AA$30,INDEX(Jesper!$R$2:$R$366,ROW(INDEX(Jesper!AJ$2:AJ$366,ROUNDDOWN($C5670/24,0)+1,1))-1)+IF('Standard Profiles'!$G$20=$B$10,7,0)+IF('Standard Profiles'!$G$20=$B$17,14,0)+IF('Standard Profiles'!$G$20=$B$24,21,0),MOD($C5670,24)+1)/SUM(INDEX($D$3:$AA$30,INDEX(Jesper!$R$2:$R$366,ROW(INDEX(Jesper!AJ$2:AJ$366,ROUNDDOWN($C5670/24,0)+1,1))-1)+IF('Standard Profiles'!$G$20=$B$10,7,0)+IF('Standard Profiles'!$G$20=$B$17,14,0)+IF('Standard Profiles'!$G$20=$B$24,21,0),0)),0)</f>
        <v>0</v>
      </c>
      <c r="G5670" cm="1">
        <f t="array" ref="G5670">IFERROR(INDEX(Jesper!AK$2:AK$366,ROUNDDOWN($C5670/24,0)+1,1)*INDEX($D$3:$AA$30,INDEX(Jesper!$R$2:$R$366,ROW(INDEX(Jesper!AK$2:AK$366,ROUNDDOWN($C5670/24,0)+1,1))-1)+IF('Standard Profiles'!$G$21=$B$10,7,0)+IF('Standard Profiles'!$G$21=$B$17,14,0)+IF('Standard Profiles'!$G$21=$B$24,21,0),MOD($C5670,24)+1)/SUM(INDEX($D$3:$AA$30,INDEX(Jesper!$R$2:$R$366,ROW(INDEX(Jesper!AK$2:AK$366,ROUNDDOWN($C5670/24,0)+1,1))-1)+IF('Standard Profiles'!$G$21=$B$10,7,0)+IF('Standard Profiles'!$G$21=$B$17,14,0)+IF('Standard Profiles'!$G$21=$B$24,21,0),0)),0)</f>
        <v>0</v>
      </c>
      <c r="H5670" cm="1">
        <f t="array" ref="H5670">IFERROR(INDEX(Jesper!AL$2:AL$366,ROUNDDOWN($C5670/24,0)+1,1)*INDEX($D$3:$AA$30,INDEX(Jesper!$R$2:$R$366,ROW(INDEX(Jesper!AL$2:AL$366,ROUNDDOWN($C5670/24,0)+1,1))-1)+IF('Standard Profiles'!$G$22=$B$10,7,0)+IF('Standard Profiles'!$G$22=$B$17,14,0)+IF('Standard Profiles'!$G$22=$B$24,21,0),MOD($C5670,24)+1)/SUM(INDEX($D$3:$AA$30,INDEX(Jesper!$R$2:$R$366,ROW(INDEX(Jesper!AL$2:AL$366,ROUNDDOWN($C5670/24,0)+1,1))-1)+IF('Standard Profiles'!$G$22=$B$10,7,0)+IF('Standard Profiles'!$G$22=$B$17,14,0)+IF('Standard Profiles'!$G$22=$B$24,21,0),0)),0)</f>
        <v>0</v>
      </c>
      <c r="I5670">
        <f t="shared" si="636"/>
        <v>0</v>
      </c>
      <c r="J5670">
        <f t="shared" si="637"/>
        <v>6.0102243940984019</v>
      </c>
      <c r="K5670">
        <f t="shared" si="638"/>
        <v>0.54080210999210188</v>
      </c>
      <c r="L5670">
        <f t="shared" si="639"/>
        <v>0.27040105499605094</v>
      </c>
      <c r="M5670">
        <f t="shared" si="640"/>
        <v>0</v>
      </c>
      <c r="N5670" s="45">
        <f t="shared" si="641"/>
        <v>45161.833333319664</v>
      </c>
    </row>
    <row r="5671" spans="2:14" x14ac:dyDescent="0.25">
      <c r="B5671">
        <f t="shared" si="635"/>
        <v>3</v>
      </c>
      <c r="C5671" s="16">
        <v>5637</v>
      </c>
      <c r="D5671" cm="1">
        <f t="array" ref="D5671">IFERROR(INDEX(Jesper!AH$2:AH$366,ROUNDDOWN($C5671/24,0)+1,1)*INDEX($D$3:$AA$30,INDEX(Jesper!$R$2:$R$366,ROW(INDEX(Jesper!AH$2:AH$366,ROUNDDOWN($C5671/24,0)+1,1))-1)+IF('Standard Profiles'!$G$18=$B$10,7,0)+IF('Standard Profiles'!$G$18=$B$17,14,0)+IF('Standard Profiles'!$G$18=$B$24,21,0),MOD($C5671,24)+1)/SUM(INDEX($D$3:$AA$30,INDEX(Jesper!$R$2:$R$366,ROW(INDEX(Jesper!AH$2:AH$366,ROUNDDOWN($C5671/24,0)+1,1))-1)+IF('Standard Profiles'!$G$18=$B$10,7,0)+IF('Standard Profiles'!$G$18=$B$17,14,0)+IF('Standard Profiles'!$G$18=$B$24,21,0),0)),0)</f>
        <v>5.0700197811759544</v>
      </c>
      <c r="E5671" cm="1">
        <f t="array" ref="E5671">IFERROR(INDEX(Jesper!AI$2:AI$366,ROUNDDOWN($C5671/24,0)+1,1)*INDEX($D$3:$AA$30,INDEX(Jesper!$R$2:$R$366,ROW(INDEX(Jesper!AI$2:AI$366,ROUNDDOWN($C5671/24,0)+1,1))-1)+IF('Standard Profiles'!$G$19=$B$10,7,0)+IF('Standard Profiles'!$G$19=$B$17,14,0)+IF('Standard Profiles'!$G$19=$B$24,21,0),MOD($C5671,24)+1)/SUM(INDEX($D$3:$AA$30,INDEX(Jesper!$R$2:$R$366,ROW(INDEX(Jesper!AI$2:AI$366,ROUNDDOWN($C5671/24,0)+1,1))-1)+IF('Standard Profiles'!$G$19=$B$10,7,0)+IF('Standard Profiles'!$G$19=$B$17,14,0)+IF('Standard Profiles'!$G$19=$B$24,21,0),0)),0)</f>
        <v>1.7514077779106003</v>
      </c>
      <c r="F5671" cm="1">
        <f t="array" ref="F5671">IFERROR(INDEX(Jesper!AJ$2:AJ$366,ROUNDDOWN($C5671/24,0)+1,1)*INDEX($D$3:$AA$30,INDEX(Jesper!$R$2:$R$366,ROW(INDEX(Jesper!AJ$2:AJ$366,ROUNDDOWN($C5671/24,0)+1,1))-1)+IF('Standard Profiles'!$G$20=$B$10,7,0)+IF('Standard Profiles'!$G$20=$B$17,14,0)+IF('Standard Profiles'!$G$20=$B$24,21,0),MOD($C5671,24)+1)/SUM(INDEX($D$3:$AA$30,INDEX(Jesper!$R$2:$R$366,ROW(INDEX(Jesper!AJ$2:AJ$366,ROUNDDOWN($C5671/24,0)+1,1))-1)+IF('Standard Profiles'!$G$20=$B$10,7,0)+IF('Standard Profiles'!$G$20=$B$17,14,0)+IF('Standard Profiles'!$G$20=$B$24,21,0),0)),0)</f>
        <v>0</v>
      </c>
      <c r="G5671" cm="1">
        <f t="array" ref="G5671">IFERROR(INDEX(Jesper!AK$2:AK$366,ROUNDDOWN($C5671/24,0)+1,1)*INDEX($D$3:$AA$30,INDEX(Jesper!$R$2:$R$366,ROW(INDEX(Jesper!AK$2:AK$366,ROUNDDOWN($C5671/24,0)+1,1))-1)+IF('Standard Profiles'!$G$21=$B$10,7,0)+IF('Standard Profiles'!$G$21=$B$17,14,0)+IF('Standard Profiles'!$G$21=$B$24,21,0),MOD($C5671,24)+1)/SUM(INDEX($D$3:$AA$30,INDEX(Jesper!$R$2:$R$366,ROW(INDEX(Jesper!AK$2:AK$366,ROUNDDOWN($C5671/24,0)+1,1))-1)+IF('Standard Profiles'!$G$21=$B$10,7,0)+IF('Standard Profiles'!$G$21=$B$17,14,0)+IF('Standard Profiles'!$G$21=$B$24,21,0),0)),0)</f>
        <v>0</v>
      </c>
      <c r="H5671" cm="1">
        <f t="array" ref="H5671">IFERROR(INDEX(Jesper!AL$2:AL$366,ROUNDDOWN($C5671/24,0)+1,1)*INDEX($D$3:$AA$30,INDEX(Jesper!$R$2:$R$366,ROW(INDEX(Jesper!AL$2:AL$366,ROUNDDOWN($C5671/24,0)+1,1))-1)+IF('Standard Profiles'!$G$22=$B$10,7,0)+IF('Standard Profiles'!$G$22=$B$17,14,0)+IF('Standard Profiles'!$G$22=$B$24,21,0),MOD($C5671,24)+1)/SUM(INDEX($D$3:$AA$30,INDEX(Jesper!$R$2:$R$366,ROW(INDEX(Jesper!AL$2:AL$366,ROUNDDOWN($C5671/24,0)+1,1))-1)+IF('Standard Profiles'!$G$22=$B$10,7,0)+IF('Standard Profiles'!$G$22=$B$17,14,0)+IF('Standard Profiles'!$G$22=$B$24,21,0),0)),0)</f>
        <v>0</v>
      </c>
      <c r="I5671">
        <f t="shared" si="636"/>
        <v>0</v>
      </c>
      <c r="J5671">
        <f t="shared" si="637"/>
        <v>6.0102243940984019</v>
      </c>
      <c r="K5671">
        <f t="shared" si="638"/>
        <v>0.54080210999210188</v>
      </c>
      <c r="L5671">
        <f t="shared" si="639"/>
        <v>0.27040105499605094</v>
      </c>
      <c r="M5671">
        <f t="shared" si="640"/>
        <v>0</v>
      </c>
      <c r="N5671" s="45">
        <f t="shared" si="641"/>
        <v>45161.874999986328</v>
      </c>
    </row>
    <row r="5672" spans="2:14" x14ac:dyDescent="0.25">
      <c r="B5672">
        <f t="shared" si="635"/>
        <v>3</v>
      </c>
      <c r="C5672" s="16">
        <v>5638</v>
      </c>
      <c r="D5672" cm="1">
        <f t="array" ref="D5672">IFERROR(INDEX(Jesper!AH$2:AH$366,ROUNDDOWN($C5672/24,0)+1,1)*INDEX($D$3:$AA$30,INDEX(Jesper!$R$2:$R$366,ROW(INDEX(Jesper!AH$2:AH$366,ROUNDDOWN($C5672/24,0)+1,1))-1)+IF('Standard Profiles'!$G$18=$B$10,7,0)+IF('Standard Profiles'!$G$18=$B$17,14,0)+IF('Standard Profiles'!$G$18=$B$24,21,0),MOD($C5672,24)+1)/SUM(INDEX($D$3:$AA$30,INDEX(Jesper!$R$2:$R$366,ROW(INDEX(Jesper!AH$2:AH$366,ROUNDDOWN($C5672/24,0)+1,1))-1)+IF('Standard Profiles'!$G$18=$B$10,7,0)+IF('Standard Profiles'!$G$18=$B$17,14,0)+IF('Standard Profiles'!$G$18=$B$24,21,0),0)),0)</f>
        <v>5.0700197811759544</v>
      </c>
      <c r="E5672" cm="1">
        <f t="array" ref="E5672">IFERROR(INDEX(Jesper!AI$2:AI$366,ROUNDDOWN($C5672/24,0)+1,1)*INDEX($D$3:$AA$30,INDEX(Jesper!$R$2:$R$366,ROW(INDEX(Jesper!AI$2:AI$366,ROUNDDOWN($C5672/24,0)+1,1))-1)+IF('Standard Profiles'!$G$19=$B$10,7,0)+IF('Standard Profiles'!$G$19=$B$17,14,0)+IF('Standard Profiles'!$G$19=$B$24,21,0),MOD($C5672,24)+1)/SUM(INDEX($D$3:$AA$30,INDEX(Jesper!$R$2:$R$366,ROW(INDEX(Jesper!AI$2:AI$366,ROUNDDOWN($C5672/24,0)+1,1))-1)+IF('Standard Profiles'!$G$19=$B$10,7,0)+IF('Standard Profiles'!$G$19=$B$17,14,0)+IF('Standard Profiles'!$G$19=$B$24,21,0),0)),0)</f>
        <v>1.7514077779106003</v>
      </c>
      <c r="F5672" cm="1">
        <f t="array" ref="F5672">IFERROR(INDEX(Jesper!AJ$2:AJ$366,ROUNDDOWN($C5672/24,0)+1,1)*INDEX($D$3:$AA$30,INDEX(Jesper!$R$2:$R$366,ROW(INDEX(Jesper!AJ$2:AJ$366,ROUNDDOWN($C5672/24,0)+1,1))-1)+IF('Standard Profiles'!$G$20=$B$10,7,0)+IF('Standard Profiles'!$G$20=$B$17,14,0)+IF('Standard Profiles'!$G$20=$B$24,21,0),MOD($C5672,24)+1)/SUM(INDEX($D$3:$AA$30,INDEX(Jesper!$R$2:$R$366,ROW(INDEX(Jesper!AJ$2:AJ$366,ROUNDDOWN($C5672/24,0)+1,1))-1)+IF('Standard Profiles'!$G$20=$B$10,7,0)+IF('Standard Profiles'!$G$20=$B$17,14,0)+IF('Standard Profiles'!$G$20=$B$24,21,0),0)),0)</f>
        <v>0</v>
      </c>
      <c r="G5672" cm="1">
        <f t="array" ref="G5672">IFERROR(INDEX(Jesper!AK$2:AK$366,ROUNDDOWN($C5672/24,0)+1,1)*INDEX($D$3:$AA$30,INDEX(Jesper!$R$2:$R$366,ROW(INDEX(Jesper!AK$2:AK$366,ROUNDDOWN($C5672/24,0)+1,1))-1)+IF('Standard Profiles'!$G$21=$B$10,7,0)+IF('Standard Profiles'!$G$21=$B$17,14,0)+IF('Standard Profiles'!$G$21=$B$24,21,0),MOD($C5672,24)+1)/SUM(INDEX($D$3:$AA$30,INDEX(Jesper!$R$2:$R$366,ROW(INDEX(Jesper!AK$2:AK$366,ROUNDDOWN($C5672/24,0)+1,1))-1)+IF('Standard Profiles'!$G$21=$B$10,7,0)+IF('Standard Profiles'!$G$21=$B$17,14,0)+IF('Standard Profiles'!$G$21=$B$24,21,0),0)),0)</f>
        <v>0</v>
      </c>
      <c r="H5672" cm="1">
        <f t="array" ref="H5672">IFERROR(INDEX(Jesper!AL$2:AL$366,ROUNDDOWN($C5672/24,0)+1,1)*INDEX($D$3:$AA$30,INDEX(Jesper!$R$2:$R$366,ROW(INDEX(Jesper!AL$2:AL$366,ROUNDDOWN($C5672/24,0)+1,1))-1)+IF('Standard Profiles'!$G$22=$B$10,7,0)+IF('Standard Profiles'!$G$22=$B$17,14,0)+IF('Standard Profiles'!$G$22=$B$24,21,0),MOD($C5672,24)+1)/SUM(INDEX($D$3:$AA$30,INDEX(Jesper!$R$2:$R$366,ROW(INDEX(Jesper!AL$2:AL$366,ROUNDDOWN($C5672/24,0)+1,1))-1)+IF('Standard Profiles'!$G$22=$B$10,7,0)+IF('Standard Profiles'!$G$22=$B$17,14,0)+IF('Standard Profiles'!$G$22=$B$24,21,0),0)),0)</f>
        <v>0</v>
      </c>
      <c r="I5672">
        <f t="shared" si="636"/>
        <v>0</v>
      </c>
      <c r="J5672">
        <f t="shared" si="637"/>
        <v>6.0102243940984019</v>
      </c>
      <c r="K5672">
        <f t="shared" si="638"/>
        <v>0.54080210999210188</v>
      </c>
      <c r="L5672">
        <f t="shared" si="639"/>
        <v>0.27040105499605094</v>
      </c>
      <c r="M5672">
        <f t="shared" si="640"/>
        <v>0</v>
      </c>
      <c r="N5672" s="45">
        <f t="shared" si="641"/>
        <v>45161.916666652993</v>
      </c>
    </row>
    <row r="5673" spans="2:14" x14ac:dyDescent="0.25">
      <c r="B5673">
        <f t="shared" si="635"/>
        <v>3</v>
      </c>
      <c r="C5673" s="16">
        <v>5639</v>
      </c>
      <c r="D5673" cm="1">
        <f t="array" ref="D5673">IFERROR(INDEX(Jesper!AH$2:AH$366,ROUNDDOWN($C5673/24,0)+1,1)*INDEX($D$3:$AA$30,INDEX(Jesper!$R$2:$R$366,ROW(INDEX(Jesper!AH$2:AH$366,ROUNDDOWN($C5673/24,0)+1,1))-1)+IF('Standard Profiles'!$G$18=$B$10,7,0)+IF('Standard Profiles'!$G$18=$B$17,14,0)+IF('Standard Profiles'!$G$18=$B$24,21,0),MOD($C5673,24)+1)/SUM(INDEX($D$3:$AA$30,INDEX(Jesper!$R$2:$R$366,ROW(INDEX(Jesper!AH$2:AH$366,ROUNDDOWN($C5673/24,0)+1,1))-1)+IF('Standard Profiles'!$G$18=$B$10,7,0)+IF('Standard Profiles'!$G$18=$B$17,14,0)+IF('Standard Profiles'!$G$18=$B$24,21,0),0)),0)</f>
        <v>5.0700197811759544</v>
      </c>
      <c r="E5673" cm="1">
        <f t="array" ref="E5673">IFERROR(INDEX(Jesper!AI$2:AI$366,ROUNDDOWN($C5673/24,0)+1,1)*INDEX($D$3:$AA$30,INDEX(Jesper!$R$2:$R$366,ROW(INDEX(Jesper!AI$2:AI$366,ROUNDDOWN($C5673/24,0)+1,1))-1)+IF('Standard Profiles'!$G$19=$B$10,7,0)+IF('Standard Profiles'!$G$19=$B$17,14,0)+IF('Standard Profiles'!$G$19=$B$24,21,0),MOD($C5673,24)+1)/SUM(INDEX($D$3:$AA$30,INDEX(Jesper!$R$2:$R$366,ROW(INDEX(Jesper!AI$2:AI$366,ROUNDDOWN($C5673/24,0)+1,1))-1)+IF('Standard Profiles'!$G$19=$B$10,7,0)+IF('Standard Profiles'!$G$19=$B$17,14,0)+IF('Standard Profiles'!$G$19=$B$24,21,0),0)),0)</f>
        <v>1.7514077779106003</v>
      </c>
      <c r="F5673" cm="1">
        <f t="array" ref="F5673">IFERROR(INDEX(Jesper!AJ$2:AJ$366,ROUNDDOWN($C5673/24,0)+1,1)*INDEX($D$3:$AA$30,INDEX(Jesper!$R$2:$R$366,ROW(INDEX(Jesper!AJ$2:AJ$366,ROUNDDOWN($C5673/24,0)+1,1))-1)+IF('Standard Profiles'!$G$20=$B$10,7,0)+IF('Standard Profiles'!$G$20=$B$17,14,0)+IF('Standard Profiles'!$G$20=$B$24,21,0),MOD($C5673,24)+1)/SUM(INDEX($D$3:$AA$30,INDEX(Jesper!$R$2:$R$366,ROW(INDEX(Jesper!AJ$2:AJ$366,ROUNDDOWN($C5673/24,0)+1,1))-1)+IF('Standard Profiles'!$G$20=$B$10,7,0)+IF('Standard Profiles'!$G$20=$B$17,14,0)+IF('Standard Profiles'!$G$20=$B$24,21,0),0)),0)</f>
        <v>0</v>
      </c>
      <c r="G5673" cm="1">
        <f t="array" ref="G5673">IFERROR(INDEX(Jesper!AK$2:AK$366,ROUNDDOWN($C5673/24,0)+1,1)*INDEX($D$3:$AA$30,INDEX(Jesper!$R$2:$R$366,ROW(INDEX(Jesper!AK$2:AK$366,ROUNDDOWN($C5673/24,0)+1,1))-1)+IF('Standard Profiles'!$G$21=$B$10,7,0)+IF('Standard Profiles'!$G$21=$B$17,14,0)+IF('Standard Profiles'!$G$21=$B$24,21,0),MOD($C5673,24)+1)/SUM(INDEX($D$3:$AA$30,INDEX(Jesper!$R$2:$R$366,ROW(INDEX(Jesper!AK$2:AK$366,ROUNDDOWN($C5673/24,0)+1,1))-1)+IF('Standard Profiles'!$G$21=$B$10,7,0)+IF('Standard Profiles'!$G$21=$B$17,14,0)+IF('Standard Profiles'!$G$21=$B$24,21,0),0)),0)</f>
        <v>0</v>
      </c>
      <c r="H5673" cm="1">
        <f t="array" ref="H5673">IFERROR(INDEX(Jesper!AL$2:AL$366,ROUNDDOWN($C5673/24,0)+1,1)*INDEX($D$3:$AA$30,INDEX(Jesper!$R$2:$R$366,ROW(INDEX(Jesper!AL$2:AL$366,ROUNDDOWN($C5673/24,0)+1,1))-1)+IF('Standard Profiles'!$G$22=$B$10,7,0)+IF('Standard Profiles'!$G$22=$B$17,14,0)+IF('Standard Profiles'!$G$22=$B$24,21,0),MOD($C5673,24)+1)/SUM(INDEX($D$3:$AA$30,INDEX(Jesper!$R$2:$R$366,ROW(INDEX(Jesper!AL$2:AL$366,ROUNDDOWN($C5673/24,0)+1,1))-1)+IF('Standard Profiles'!$G$22=$B$10,7,0)+IF('Standard Profiles'!$G$22=$B$17,14,0)+IF('Standard Profiles'!$G$22=$B$24,21,0),0)),0)</f>
        <v>0</v>
      </c>
      <c r="I5673">
        <f t="shared" si="636"/>
        <v>0</v>
      </c>
      <c r="J5673">
        <f t="shared" si="637"/>
        <v>6.0102243940984019</v>
      </c>
      <c r="K5673">
        <f t="shared" si="638"/>
        <v>0.54080210999210188</v>
      </c>
      <c r="L5673">
        <f t="shared" si="639"/>
        <v>0.27040105499605094</v>
      </c>
      <c r="M5673">
        <f t="shared" si="640"/>
        <v>0</v>
      </c>
      <c r="N5673" s="45">
        <f t="shared" si="641"/>
        <v>45161.958333319657</v>
      </c>
    </row>
    <row r="5674" spans="2:14" x14ac:dyDescent="0.25">
      <c r="B5674">
        <f t="shared" si="635"/>
        <v>4</v>
      </c>
      <c r="C5674" s="16">
        <v>5640</v>
      </c>
      <c r="D5674" cm="1">
        <f t="array" ref="D5674">IFERROR(INDEX(Jesper!AH$2:AH$366,ROUNDDOWN($C5674/24,0)+1,1)*INDEX($D$3:$AA$30,INDEX(Jesper!$R$2:$R$366,ROW(INDEX(Jesper!AH$2:AH$366,ROUNDDOWN($C5674/24,0)+1,1))-1)+IF('Standard Profiles'!$G$18=$B$10,7,0)+IF('Standard Profiles'!$G$18=$B$17,14,0)+IF('Standard Profiles'!$G$18=$B$24,21,0),MOD($C5674,24)+1)/SUM(INDEX($D$3:$AA$30,INDEX(Jesper!$R$2:$R$366,ROW(INDEX(Jesper!AH$2:AH$366,ROUNDDOWN($C5674/24,0)+1,1))-1)+IF('Standard Profiles'!$G$18=$B$10,7,0)+IF('Standard Profiles'!$G$18=$B$17,14,0)+IF('Standard Profiles'!$G$18=$B$24,21,0),0)),0)</f>
        <v>5.1036147018040783</v>
      </c>
      <c r="E5674" cm="1">
        <f t="array" ref="E5674">IFERROR(INDEX(Jesper!AI$2:AI$366,ROUNDDOWN($C5674/24,0)+1,1)*INDEX($D$3:$AA$30,INDEX(Jesper!$R$2:$R$366,ROW(INDEX(Jesper!AI$2:AI$366,ROUNDDOWN($C5674/24,0)+1,1))-1)+IF('Standard Profiles'!$G$19=$B$10,7,0)+IF('Standard Profiles'!$G$19=$B$17,14,0)+IF('Standard Profiles'!$G$19=$B$24,21,0),MOD($C5674,24)+1)/SUM(INDEX($D$3:$AA$30,INDEX(Jesper!$R$2:$R$366,ROW(INDEX(Jesper!AI$2:AI$366,ROUNDDOWN($C5674/24,0)+1,1))-1)+IF('Standard Profiles'!$G$19=$B$10,7,0)+IF('Standard Profiles'!$G$19=$B$17,14,0)+IF('Standard Profiles'!$G$19=$B$24,21,0),0)),0)</f>
        <v>1.8142073236143532</v>
      </c>
      <c r="F5674" cm="1">
        <f t="array" ref="F5674">IFERROR(INDEX(Jesper!AJ$2:AJ$366,ROUNDDOWN($C5674/24,0)+1,1)*INDEX($D$3:$AA$30,INDEX(Jesper!$R$2:$R$366,ROW(INDEX(Jesper!AJ$2:AJ$366,ROUNDDOWN($C5674/24,0)+1,1))-1)+IF('Standard Profiles'!$G$20=$B$10,7,0)+IF('Standard Profiles'!$G$20=$B$17,14,0)+IF('Standard Profiles'!$G$20=$B$24,21,0),MOD($C5674,24)+1)/SUM(INDEX($D$3:$AA$30,INDEX(Jesper!$R$2:$R$366,ROW(INDEX(Jesper!AJ$2:AJ$366,ROUNDDOWN($C5674/24,0)+1,1))-1)+IF('Standard Profiles'!$G$20=$B$10,7,0)+IF('Standard Profiles'!$G$20=$B$17,14,0)+IF('Standard Profiles'!$G$20=$B$24,21,0),0)),0)</f>
        <v>0</v>
      </c>
      <c r="G5674" cm="1">
        <f t="array" ref="G5674">IFERROR(INDEX(Jesper!AK$2:AK$366,ROUNDDOWN($C5674/24,0)+1,1)*INDEX($D$3:$AA$30,INDEX(Jesper!$R$2:$R$366,ROW(INDEX(Jesper!AK$2:AK$366,ROUNDDOWN($C5674/24,0)+1,1))-1)+IF('Standard Profiles'!$G$21=$B$10,7,0)+IF('Standard Profiles'!$G$21=$B$17,14,0)+IF('Standard Profiles'!$G$21=$B$24,21,0),MOD($C5674,24)+1)/SUM(INDEX($D$3:$AA$30,INDEX(Jesper!$R$2:$R$366,ROW(INDEX(Jesper!AK$2:AK$366,ROUNDDOWN($C5674/24,0)+1,1))-1)+IF('Standard Profiles'!$G$21=$B$10,7,0)+IF('Standard Profiles'!$G$21=$B$17,14,0)+IF('Standard Profiles'!$G$21=$B$24,21,0),0)),0)</f>
        <v>0</v>
      </c>
      <c r="H5674" cm="1">
        <f t="array" ref="H5674">IFERROR(INDEX(Jesper!AL$2:AL$366,ROUNDDOWN($C5674/24,0)+1,1)*INDEX($D$3:$AA$30,INDEX(Jesper!$R$2:$R$366,ROW(INDEX(Jesper!AL$2:AL$366,ROUNDDOWN($C5674/24,0)+1,1))-1)+IF('Standard Profiles'!$G$22=$B$10,7,0)+IF('Standard Profiles'!$G$22=$B$17,14,0)+IF('Standard Profiles'!$G$22=$B$24,21,0),MOD($C5674,24)+1)/SUM(INDEX($D$3:$AA$30,INDEX(Jesper!$R$2:$R$366,ROW(INDEX(Jesper!AL$2:AL$366,ROUNDDOWN($C5674/24,0)+1,1))-1)+IF('Standard Profiles'!$G$22=$B$10,7,0)+IF('Standard Profiles'!$G$22=$B$17,14,0)+IF('Standard Profiles'!$G$22=$B$24,21,0),0)),0)</f>
        <v>0</v>
      </c>
      <c r="I5674">
        <f t="shared" si="636"/>
        <v>0</v>
      </c>
      <c r="J5674">
        <f t="shared" si="637"/>
        <v>6.1012436731297797</v>
      </c>
      <c r="K5674">
        <f t="shared" si="638"/>
        <v>0.544385568192435</v>
      </c>
      <c r="L5674">
        <f t="shared" si="639"/>
        <v>0.2721927840962175</v>
      </c>
      <c r="M5674">
        <f t="shared" si="640"/>
        <v>0</v>
      </c>
      <c r="N5674" s="45">
        <f t="shared" si="641"/>
        <v>45161.999999986321</v>
      </c>
    </row>
    <row r="5675" spans="2:14" x14ac:dyDescent="0.25">
      <c r="B5675">
        <f t="shared" si="635"/>
        <v>4</v>
      </c>
      <c r="C5675" s="16">
        <v>5641</v>
      </c>
      <c r="D5675" cm="1">
        <f t="array" ref="D5675">IFERROR(INDEX(Jesper!AH$2:AH$366,ROUNDDOWN($C5675/24,0)+1,1)*INDEX($D$3:$AA$30,INDEX(Jesper!$R$2:$R$366,ROW(INDEX(Jesper!AH$2:AH$366,ROUNDDOWN($C5675/24,0)+1,1))-1)+IF('Standard Profiles'!$G$18=$B$10,7,0)+IF('Standard Profiles'!$G$18=$B$17,14,0)+IF('Standard Profiles'!$G$18=$B$24,21,0),MOD($C5675,24)+1)/SUM(INDEX($D$3:$AA$30,INDEX(Jesper!$R$2:$R$366,ROW(INDEX(Jesper!AH$2:AH$366,ROUNDDOWN($C5675/24,0)+1,1))-1)+IF('Standard Profiles'!$G$18=$B$10,7,0)+IF('Standard Profiles'!$G$18=$B$17,14,0)+IF('Standard Profiles'!$G$18=$B$24,21,0),0)),0)</f>
        <v>5.1036147018040783</v>
      </c>
      <c r="E5675" cm="1">
        <f t="array" ref="E5675">IFERROR(INDEX(Jesper!AI$2:AI$366,ROUNDDOWN($C5675/24,0)+1,1)*INDEX($D$3:$AA$30,INDEX(Jesper!$R$2:$R$366,ROW(INDEX(Jesper!AI$2:AI$366,ROUNDDOWN($C5675/24,0)+1,1))-1)+IF('Standard Profiles'!$G$19=$B$10,7,0)+IF('Standard Profiles'!$G$19=$B$17,14,0)+IF('Standard Profiles'!$G$19=$B$24,21,0),MOD($C5675,24)+1)/SUM(INDEX($D$3:$AA$30,INDEX(Jesper!$R$2:$R$366,ROW(INDEX(Jesper!AI$2:AI$366,ROUNDDOWN($C5675/24,0)+1,1))-1)+IF('Standard Profiles'!$G$19=$B$10,7,0)+IF('Standard Profiles'!$G$19=$B$17,14,0)+IF('Standard Profiles'!$G$19=$B$24,21,0),0)),0)</f>
        <v>1.8142073236143532</v>
      </c>
      <c r="F5675" cm="1">
        <f t="array" ref="F5675">IFERROR(INDEX(Jesper!AJ$2:AJ$366,ROUNDDOWN($C5675/24,0)+1,1)*INDEX($D$3:$AA$30,INDEX(Jesper!$R$2:$R$366,ROW(INDEX(Jesper!AJ$2:AJ$366,ROUNDDOWN($C5675/24,0)+1,1))-1)+IF('Standard Profiles'!$G$20=$B$10,7,0)+IF('Standard Profiles'!$G$20=$B$17,14,0)+IF('Standard Profiles'!$G$20=$B$24,21,0),MOD($C5675,24)+1)/SUM(INDEX($D$3:$AA$30,INDEX(Jesper!$R$2:$R$366,ROW(INDEX(Jesper!AJ$2:AJ$366,ROUNDDOWN($C5675/24,0)+1,1))-1)+IF('Standard Profiles'!$G$20=$B$10,7,0)+IF('Standard Profiles'!$G$20=$B$17,14,0)+IF('Standard Profiles'!$G$20=$B$24,21,0),0)),0)</f>
        <v>0</v>
      </c>
      <c r="G5675" cm="1">
        <f t="array" ref="G5675">IFERROR(INDEX(Jesper!AK$2:AK$366,ROUNDDOWN($C5675/24,0)+1,1)*INDEX($D$3:$AA$30,INDEX(Jesper!$R$2:$R$366,ROW(INDEX(Jesper!AK$2:AK$366,ROUNDDOWN($C5675/24,0)+1,1))-1)+IF('Standard Profiles'!$G$21=$B$10,7,0)+IF('Standard Profiles'!$G$21=$B$17,14,0)+IF('Standard Profiles'!$G$21=$B$24,21,0),MOD($C5675,24)+1)/SUM(INDEX($D$3:$AA$30,INDEX(Jesper!$R$2:$R$366,ROW(INDEX(Jesper!AK$2:AK$366,ROUNDDOWN($C5675/24,0)+1,1))-1)+IF('Standard Profiles'!$G$21=$B$10,7,0)+IF('Standard Profiles'!$G$21=$B$17,14,0)+IF('Standard Profiles'!$G$21=$B$24,21,0),0)),0)</f>
        <v>0</v>
      </c>
      <c r="H5675" cm="1">
        <f t="array" ref="H5675">IFERROR(INDEX(Jesper!AL$2:AL$366,ROUNDDOWN($C5675/24,0)+1,1)*INDEX($D$3:$AA$30,INDEX(Jesper!$R$2:$R$366,ROW(INDEX(Jesper!AL$2:AL$366,ROUNDDOWN($C5675/24,0)+1,1))-1)+IF('Standard Profiles'!$G$22=$B$10,7,0)+IF('Standard Profiles'!$G$22=$B$17,14,0)+IF('Standard Profiles'!$G$22=$B$24,21,0),MOD($C5675,24)+1)/SUM(INDEX($D$3:$AA$30,INDEX(Jesper!$R$2:$R$366,ROW(INDEX(Jesper!AL$2:AL$366,ROUNDDOWN($C5675/24,0)+1,1))-1)+IF('Standard Profiles'!$G$22=$B$10,7,0)+IF('Standard Profiles'!$G$22=$B$17,14,0)+IF('Standard Profiles'!$G$22=$B$24,21,0),0)),0)</f>
        <v>0</v>
      </c>
      <c r="I5675">
        <f t="shared" si="636"/>
        <v>0</v>
      </c>
      <c r="J5675">
        <f t="shared" si="637"/>
        <v>6.1012436731297797</v>
      </c>
      <c r="K5675">
        <f t="shared" si="638"/>
        <v>0.544385568192435</v>
      </c>
      <c r="L5675">
        <f t="shared" si="639"/>
        <v>0.2721927840962175</v>
      </c>
      <c r="M5675">
        <f t="shared" si="640"/>
        <v>0</v>
      </c>
      <c r="N5675" s="45">
        <f t="shared" si="641"/>
        <v>45162.041666652985</v>
      </c>
    </row>
    <row r="5676" spans="2:14" x14ac:dyDescent="0.25">
      <c r="B5676">
        <f t="shared" si="635"/>
        <v>4</v>
      </c>
      <c r="C5676" s="16">
        <v>5642</v>
      </c>
      <c r="D5676" cm="1">
        <f t="array" ref="D5676">IFERROR(INDEX(Jesper!AH$2:AH$366,ROUNDDOWN($C5676/24,0)+1,1)*INDEX($D$3:$AA$30,INDEX(Jesper!$R$2:$R$366,ROW(INDEX(Jesper!AH$2:AH$366,ROUNDDOWN($C5676/24,0)+1,1))-1)+IF('Standard Profiles'!$G$18=$B$10,7,0)+IF('Standard Profiles'!$G$18=$B$17,14,0)+IF('Standard Profiles'!$G$18=$B$24,21,0),MOD($C5676,24)+1)/SUM(INDEX($D$3:$AA$30,INDEX(Jesper!$R$2:$R$366,ROW(INDEX(Jesper!AH$2:AH$366,ROUNDDOWN($C5676/24,0)+1,1))-1)+IF('Standard Profiles'!$G$18=$B$10,7,0)+IF('Standard Profiles'!$G$18=$B$17,14,0)+IF('Standard Profiles'!$G$18=$B$24,21,0),0)),0)</f>
        <v>5.1036147018040783</v>
      </c>
      <c r="E5676" cm="1">
        <f t="array" ref="E5676">IFERROR(INDEX(Jesper!AI$2:AI$366,ROUNDDOWN($C5676/24,0)+1,1)*INDEX($D$3:$AA$30,INDEX(Jesper!$R$2:$R$366,ROW(INDEX(Jesper!AI$2:AI$366,ROUNDDOWN($C5676/24,0)+1,1))-1)+IF('Standard Profiles'!$G$19=$B$10,7,0)+IF('Standard Profiles'!$G$19=$B$17,14,0)+IF('Standard Profiles'!$G$19=$B$24,21,0),MOD($C5676,24)+1)/SUM(INDEX($D$3:$AA$30,INDEX(Jesper!$R$2:$R$366,ROW(INDEX(Jesper!AI$2:AI$366,ROUNDDOWN($C5676/24,0)+1,1))-1)+IF('Standard Profiles'!$G$19=$B$10,7,0)+IF('Standard Profiles'!$G$19=$B$17,14,0)+IF('Standard Profiles'!$G$19=$B$24,21,0),0)),0)</f>
        <v>1.8142073236143532</v>
      </c>
      <c r="F5676" cm="1">
        <f t="array" ref="F5676">IFERROR(INDEX(Jesper!AJ$2:AJ$366,ROUNDDOWN($C5676/24,0)+1,1)*INDEX($D$3:$AA$30,INDEX(Jesper!$R$2:$R$366,ROW(INDEX(Jesper!AJ$2:AJ$366,ROUNDDOWN($C5676/24,0)+1,1))-1)+IF('Standard Profiles'!$G$20=$B$10,7,0)+IF('Standard Profiles'!$G$20=$B$17,14,0)+IF('Standard Profiles'!$G$20=$B$24,21,0),MOD($C5676,24)+1)/SUM(INDEX($D$3:$AA$30,INDEX(Jesper!$R$2:$R$366,ROW(INDEX(Jesper!AJ$2:AJ$366,ROUNDDOWN($C5676/24,0)+1,1))-1)+IF('Standard Profiles'!$G$20=$B$10,7,0)+IF('Standard Profiles'!$G$20=$B$17,14,0)+IF('Standard Profiles'!$G$20=$B$24,21,0),0)),0)</f>
        <v>0</v>
      </c>
      <c r="G5676" cm="1">
        <f t="array" ref="G5676">IFERROR(INDEX(Jesper!AK$2:AK$366,ROUNDDOWN($C5676/24,0)+1,1)*INDEX($D$3:$AA$30,INDEX(Jesper!$R$2:$R$366,ROW(INDEX(Jesper!AK$2:AK$366,ROUNDDOWN($C5676/24,0)+1,1))-1)+IF('Standard Profiles'!$G$21=$B$10,7,0)+IF('Standard Profiles'!$G$21=$B$17,14,0)+IF('Standard Profiles'!$G$21=$B$24,21,0),MOD($C5676,24)+1)/SUM(INDEX($D$3:$AA$30,INDEX(Jesper!$R$2:$R$366,ROW(INDEX(Jesper!AK$2:AK$366,ROUNDDOWN($C5676/24,0)+1,1))-1)+IF('Standard Profiles'!$G$21=$B$10,7,0)+IF('Standard Profiles'!$G$21=$B$17,14,0)+IF('Standard Profiles'!$G$21=$B$24,21,0),0)),0)</f>
        <v>0</v>
      </c>
      <c r="H5676" cm="1">
        <f t="array" ref="H5676">IFERROR(INDEX(Jesper!AL$2:AL$366,ROUNDDOWN($C5676/24,0)+1,1)*INDEX($D$3:$AA$30,INDEX(Jesper!$R$2:$R$366,ROW(INDEX(Jesper!AL$2:AL$366,ROUNDDOWN($C5676/24,0)+1,1))-1)+IF('Standard Profiles'!$G$22=$B$10,7,0)+IF('Standard Profiles'!$G$22=$B$17,14,0)+IF('Standard Profiles'!$G$22=$B$24,21,0),MOD($C5676,24)+1)/SUM(INDEX($D$3:$AA$30,INDEX(Jesper!$R$2:$R$366,ROW(INDEX(Jesper!AL$2:AL$366,ROUNDDOWN($C5676/24,0)+1,1))-1)+IF('Standard Profiles'!$G$22=$B$10,7,0)+IF('Standard Profiles'!$G$22=$B$17,14,0)+IF('Standard Profiles'!$G$22=$B$24,21,0),0)),0)</f>
        <v>0</v>
      </c>
      <c r="I5676">
        <f t="shared" si="636"/>
        <v>0</v>
      </c>
      <c r="J5676">
        <f t="shared" si="637"/>
        <v>6.1012436731297797</v>
      </c>
      <c r="K5676">
        <f t="shared" si="638"/>
        <v>0.544385568192435</v>
      </c>
      <c r="L5676">
        <f t="shared" si="639"/>
        <v>0.2721927840962175</v>
      </c>
      <c r="M5676">
        <f t="shared" si="640"/>
        <v>0</v>
      </c>
      <c r="N5676" s="45">
        <f t="shared" si="641"/>
        <v>45162.08333331965</v>
      </c>
    </row>
    <row r="5677" spans="2:14" x14ac:dyDescent="0.25">
      <c r="B5677">
        <f t="shared" si="635"/>
        <v>4</v>
      </c>
      <c r="C5677" s="16">
        <v>5643</v>
      </c>
      <c r="D5677" cm="1">
        <f t="array" ref="D5677">IFERROR(INDEX(Jesper!AH$2:AH$366,ROUNDDOWN($C5677/24,0)+1,1)*INDEX($D$3:$AA$30,INDEX(Jesper!$R$2:$R$366,ROW(INDEX(Jesper!AH$2:AH$366,ROUNDDOWN($C5677/24,0)+1,1))-1)+IF('Standard Profiles'!$G$18=$B$10,7,0)+IF('Standard Profiles'!$G$18=$B$17,14,0)+IF('Standard Profiles'!$G$18=$B$24,21,0),MOD($C5677,24)+1)/SUM(INDEX($D$3:$AA$30,INDEX(Jesper!$R$2:$R$366,ROW(INDEX(Jesper!AH$2:AH$366,ROUNDDOWN($C5677/24,0)+1,1))-1)+IF('Standard Profiles'!$G$18=$B$10,7,0)+IF('Standard Profiles'!$G$18=$B$17,14,0)+IF('Standard Profiles'!$G$18=$B$24,21,0),0)),0)</f>
        <v>5.1036147018040783</v>
      </c>
      <c r="E5677" cm="1">
        <f t="array" ref="E5677">IFERROR(INDEX(Jesper!AI$2:AI$366,ROUNDDOWN($C5677/24,0)+1,1)*INDEX($D$3:$AA$30,INDEX(Jesper!$R$2:$R$366,ROW(INDEX(Jesper!AI$2:AI$366,ROUNDDOWN($C5677/24,0)+1,1))-1)+IF('Standard Profiles'!$G$19=$B$10,7,0)+IF('Standard Profiles'!$G$19=$B$17,14,0)+IF('Standard Profiles'!$G$19=$B$24,21,0),MOD($C5677,24)+1)/SUM(INDEX($D$3:$AA$30,INDEX(Jesper!$R$2:$R$366,ROW(INDEX(Jesper!AI$2:AI$366,ROUNDDOWN($C5677/24,0)+1,1))-1)+IF('Standard Profiles'!$G$19=$B$10,7,0)+IF('Standard Profiles'!$G$19=$B$17,14,0)+IF('Standard Profiles'!$G$19=$B$24,21,0),0)),0)</f>
        <v>1.8142073236143532</v>
      </c>
      <c r="F5677" cm="1">
        <f t="array" ref="F5677">IFERROR(INDEX(Jesper!AJ$2:AJ$366,ROUNDDOWN($C5677/24,0)+1,1)*INDEX($D$3:$AA$30,INDEX(Jesper!$R$2:$R$366,ROW(INDEX(Jesper!AJ$2:AJ$366,ROUNDDOWN($C5677/24,0)+1,1))-1)+IF('Standard Profiles'!$G$20=$B$10,7,0)+IF('Standard Profiles'!$G$20=$B$17,14,0)+IF('Standard Profiles'!$G$20=$B$24,21,0),MOD($C5677,24)+1)/SUM(INDEX($D$3:$AA$30,INDEX(Jesper!$R$2:$R$366,ROW(INDEX(Jesper!AJ$2:AJ$366,ROUNDDOWN($C5677/24,0)+1,1))-1)+IF('Standard Profiles'!$G$20=$B$10,7,0)+IF('Standard Profiles'!$G$20=$B$17,14,0)+IF('Standard Profiles'!$G$20=$B$24,21,0),0)),0)</f>
        <v>0</v>
      </c>
      <c r="G5677" cm="1">
        <f t="array" ref="G5677">IFERROR(INDEX(Jesper!AK$2:AK$366,ROUNDDOWN($C5677/24,0)+1,1)*INDEX($D$3:$AA$30,INDEX(Jesper!$R$2:$R$366,ROW(INDEX(Jesper!AK$2:AK$366,ROUNDDOWN($C5677/24,0)+1,1))-1)+IF('Standard Profiles'!$G$21=$B$10,7,0)+IF('Standard Profiles'!$G$21=$B$17,14,0)+IF('Standard Profiles'!$G$21=$B$24,21,0),MOD($C5677,24)+1)/SUM(INDEX($D$3:$AA$30,INDEX(Jesper!$R$2:$R$366,ROW(INDEX(Jesper!AK$2:AK$366,ROUNDDOWN($C5677/24,0)+1,1))-1)+IF('Standard Profiles'!$G$21=$B$10,7,0)+IF('Standard Profiles'!$G$21=$B$17,14,0)+IF('Standard Profiles'!$G$21=$B$24,21,0),0)),0)</f>
        <v>0</v>
      </c>
      <c r="H5677" cm="1">
        <f t="array" ref="H5677">IFERROR(INDEX(Jesper!AL$2:AL$366,ROUNDDOWN($C5677/24,0)+1,1)*INDEX($D$3:$AA$30,INDEX(Jesper!$R$2:$R$366,ROW(INDEX(Jesper!AL$2:AL$366,ROUNDDOWN($C5677/24,0)+1,1))-1)+IF('Standard Profiles'!$G$22=$B$10,7,0)+IF('Standard Profiles'!$G$22=$B$17,14,0)+IF('Standard Profiles'!$G$22=$B$24,21,0),MOD($C5677,24)+1)/SUM(INDEX($D$3:$AA$30,INDEX(Jesper!$R$2:$R$366,ROW(INDEX(Jesper!AL$2:AL$366,ROUNDDOWN($C5677/24,0)+1,1))-1)+IF('Standard Profiles'!$G$22=$B$10,7,0)+IF('Standard Profiles'!$G$22=$B$17,14,0)+IF('Standard Profiles'!$G$22=$B$24,21,0),0)),0)</f>
        <v>0</v>
      </c>
      <c r="I5677">
        <f t="shared" si="636"/>
        <v>0</v>
      </c>
      <c r="J5677">
        <f t="shared" si="637"/>
        <v>6.1012436731297797</v>
      </c>
      <c r="K5677">
        <f t="shared" si="638"/>
        <v>0.544385568192435</v>
      </c>
      <c r="L5677">
        <f t="shared" si="639"/>
        <v>0.2721927840962175</v>
      </c>
      <c r="M5677">
        <f t="shared" si="640"/>
        <v>0</v>
      </c>
      <c r="N5677" s="45">
        <f t="shared" si="641"/>
        <v>45162.124999986314</v>
      </c>
    </row>
    <row r="5678" spans="2:14" x14ac:dyDescent="0.25">
      <c r="B5678">
        <f t="shared" si="635"/>
        <v>4</v>
      </c>
      <c r="C5678" s="16">
        <v>5644</v>
      </c>
      <c r="D5678" cm="1">
        <f t="array" ref="D5678">IFERROR(INDEX(Jesper!AH$2:AH$366,ROUNDDOWN($C5678/24,0)+1,1)*INDEX($D$3:$AA$30,INDEX(Jesper!$R$2:$R$366,ROW(INDEX(Jesper!AH$2:AH$366,ROUNDDOWN($C5678/24,0)+1,1))-1)+IF('Standard Profiles'!$G$18=$B$10,7,0)+IF('Standard Profiles'!$G$18=$B$17,14,0)+IF('Standard Profiles'!$G$18=$B$24,21,0),MOD($C5678,24)+1)/SUM(INDEX($D$3:$AA$30,INDEX(Jesper!$R$2:$R$366,ROW(INDEX(Jesper!AH$2:AH$366,ROUNDDOWN($C5678/24,0)+1,1))-1)+IF('Standard Profiles'!$G$18=$B$10,7,0)+IF('Standard Profiles'!$G$18=$B$17,14,0)+IF('Standard Profiles'!$G$18=$B$24,21,0),0)),0)</f>
        <v>5.1036147018040783</v>
      </c>
      <c r="E5678" cm="1">
        <f t="array" ref="E5678">IFERROR(INDEX(Jesper!AI$2:AI$366,ROUNDDOWN($C5678/24,0)+1,1)*INDEX($D$3:$AA$30,INDEX(Jesper!$R$2:$R$366,ROW(INDEX(Jesper!AI$2:AI$366,ROUNDDOWN($C5678/24,0)+1,1))-1)+IF('Standard Profiles'!$G$19=$B$10,7,0)+IF('Standard Profiles'!$G$19=$B$17,14,0)+IF('Standard Profiles'!$G$19=$B$24,21,0),MOD($C5678,24)+1)/SUM(INDEX($D$3:$AA$30,INDEX(Jesper!$R$2:$R$366,ROW(INDEX(Jesper!AI$2:AI$366,ROUNDDOWN($C5678/24,0)+1,1))-1)+IF('Standard Profiles'!$G$19=$B$10,7,0)+IF('Standard Profiles'!$G$19=$B$17,14,0)+IF('Standard Profiles'!$G$19=$B$24,21,0),0)),0)</f>
        <v>1.8142073236143532</v>
      </c>
      <c r="F5678" cm="1">
        <f t="array" ref="F5678">IFERROR(INDEX(Jesper!AJ$2:AJ$366,ROUNDDOWN($C5678/24,0)+1,1)*INDEX($D$3:$AA$30,INDEX(Jesper!$R$2:$R$366,ROW(INDEX(Jesper!AJ$2:AJ$366,ROUNDDOWN($C5678/24,0)+1,1))-1)+IF('Standard Profiles'!$G$20=$B$10,7,0)+IF('Standard Profiles'!$G$20=$B$17,14,0)+IF('Standard Profiles'!$G$20=$B$24,21,0),MOD($C5678,24)+1)/SUM(INDEX($D$3:$AA$30,INDEX(Jesper!$R$2:$R$366,ROW(INDEX(Jesper!AJ$2:AJ$366,ROUNDDOWN($C5678/24,0)+1,1))-1)+IF('Standard Profiles'!$G$20=$B$10,7,0)+IF('Standard Profiles'!$G$20=$B$17,14,0)+IF('Standard Profiles'!$G$20=$B$24,21,0),0)),0)</f>
        <v>0</v>
      </c>
      <c r="G5678" cm="1">
        <f t="array" ref="G5678">IFERROR(INDEX(Jesper!AK$2:AK$366,ROUNDDOWN($C5678/24,0)+1,1)*INDEX($D$3:$AA$30,INDEX(Jesper!$R$2:$R$366,ROW(INDEX(Jesper!AK$2:AK$366,ROUNDDOWN($C5678/24,0)+1,1))-1)+IF('Standard Profiles'!$G$21=$B$10,7,0)+IF('Standard Profiles'!$G$21=$B$17,14,0)+IF('Standard Profiles'!$G$21=$B$24,21,0),MOD($C5678,24)+1)/SUM(INDEX($D$3:$AA$30,INDEX(Jesper!$R$2:$R$366,ROW(INDEX(Jesper!AK$2:AK$366,ROUNDDOWN($C5678/24,0)+1,1))-1)+IF('Standard Profiles'!$G$21=$B$10,7,0)+IF('Standard Profiles'!$G$21=$B$17,14,0)+IF('Standard Profiles'!$G$21=$B$24,21,0),0)),0)</f>
        <v>0</v>
      </c>
      <c r="H5678" cm="1">
        <f t="array" ref="H5678">IFERROR(INDEX(Jesper!AL$2:AL$366,ROUNDDOWN($C5678/24,0)+1,1)*INDEX($D$3:$AA$30,INDEX(Jesper!$R$2:$R$366,ROW(INDEX(Jesper!AL$2:AL$366,ROUNDDOWN($C5678/24,0)+1,1))-1)+IF('Standard Profiles'!$G$22=$B$10,7,0)+IF('Standard Profiles'!$G$22=$B$17,14,0)+IF('Standard Profiles'!$G$22=$B$24,21,0),MOD($C5678,24)+1)/SUM(INDEX($D$3:$AA$30,INDEX(Jesper!$R$2:$R$366,ROW(INDEX(Jesper!AL$2:AL$366,ROUNDDOWN($C5678/24,0)+1,1))-1)+IF('Standard Profiles'!$G$22=$B$10,7,0)+IF('Standard Profiles'!$G$22=$B$17,14,0)+IF('Standard Profiles'!$G$22=$B$24,21,0),0)),0)</f>
        <v>0</v>
      </c>
      <c r="I5678">
        <f t="shared" si="636"/>
        <v>0</v>
      </c>
      <c r="J5678">
        <f t="shared" si="637"/>
        <v>6.1012436731297797</v>
      </c>
      <c r="K5678">
        <f t="shared" si="638"/>
        <v>0.544385568192435</v>
      </c>
      <c r="L5678">
        <f t="shared" si="639"/>
        <v>0.2721927840962175</v>
      </c>
      <c r="M5678">
        <f t="shared" si="640"/>
        <v>0</v>
      </c>
      <c r="N5678" s="45">
        <f t="shared" si="641"/>
        <v>45162.166666652978</v>
      </c>
    </row>
    <row r="5679" spans="2:14" x14ac:dyDescent="0.25">
      <c r="B5679">
        <f t="shared" si="635"/>
        <v>4</v>
      </c>
      <c r="C5679" s="16">
        <v>5645</v>
      </c>
      <c r="D5679" cm="1">
        <f t="array" ref="D5679">IFERROR(INDEX(Jesper!AH$2:AH$366,ROUNDDOWN($C5679/24,0)+1,1)*INDEX($D$3:$AA$30,INDEX(Jesper!$R$2:$R$366,ROW(INDEX(Jesper!AH$2:AH$366,ROUNDDOWN($C5679/24,0)+1,1))-1)+IF('Standard Profiles'!$G$18=$B$10,7,0)+IF('Standard Profiles'!$G$18=$B$17,14,0)+IF('Standard Profiles'!$G$18=$B$24,21,0),MOD($C5679,24)+1)/SUM(INDEX($D$3:$AA$30,INDEX(Jesper!$R$2:$R$366,ROW(INDEX(Jesper!AH$2:AH$366,ROUNDDOWN($C5679/24,0)+1,1))-1)+IF('Standard Profiles'!$G$18=$B$10,7,0)+IF('Standard Profiles'!$G$18=$B$17,14,0)+IF('Standard Profiles'!$G$18=$B$24,21,0),0)),0)</f>
        <v>5.1036147018040783</v>
      </c>
      <c r="E5679" cm="1">
        <f t="array" ref="E5679">IFERROR(INDEX(Jesper!AI$2:AI$366,ROUNDDOWN($C5679/24,0)+1,1)*INDEX($D$3:$AA$30,INDEX(Jesper!$R$2:$R$366,ROW(INDEX(Jesper!AI$2:AI$366,ROUNDDOWN($C5679/24,0)+1,1))-1)+IF('Standard Profiles'!$G$19=$B$10,7,0)+IF('Standard Profiles'!$G$19=$B$17,14,0)+IF('Standard Profiles'!$G$19=$B$24,21,0),MOD($C5679,24)+1)/SUM(INDEX($D$3:$AA$30,INDEX(Jesper!$R$2:$R$366,ROW(INDEX(Jesper!AI$2:AI$366,ROUNDDOWN($C5679/24,0)+1,1))-1)+IF('Standard Profiles'!$G$19=$B$10,7,0)+IF('Standard Profiles'!$G$19=$B$17,14,0)+IF('Standard Profiles'!$G$19=$B$24,21,0),0)),0)</f>
        <v>1.8142073236143532</v>
      </c>
      <c r="F5679" cm="1">
        <f t="array" ref="F5679">IFERROR(INDEX(Jesper!AJ$2:AJ$366,ROUNDDOWN($C5679/24,0)+1,1)*INDEX($D$3:$AA$30,INDEX(Jesper!$R$2:$R$366,ROW(INDEX(Jesper!AJ$2:AJ$366,ROUNDDOWN($C5679/24,0)+1,1))-1)+IF('Standard Profiles'!$G$20=$B$10,7,0)+IF('Standard Profiles'!$G$20=$B$17,14,0)+IF('Standard Profiles'!$G$20=$B$24,21,0),MOD($C5679,24)+1)/SUM(INDEX($D$3:$AA$30,INDEX(Jesper!$R$2:$R$366,ROW(INDEX(Jesper!AJ$2:AJ$366,ROUNDDOWN($C5679/24,0)+1,1))-1)+IF('Standard Profiles'!$G$20=$B$10,7,0)+IF('Standard Profiles'!$G$20=$B$17,14,0)+IF('Standard Profiles'!$G$20=$B$24,21,0),0)),0)</f>
        <v>0</v>
      </c>
      <c r="G5679" cm="1">
        <f t="array" ref="G5679">IFERROR(INDEX(Jesper!AK$2:AK$366,ROUNDDOWN($C5679/24,0)+1,1)*INDEX($D$3:$AA$30,INDEX(Jesper!$R$2:$R$366,ROW(INDEX(Jesper!AK$2:AK$366,ROUNDDOWN($C5679/24,0)+1,1))-1)+IF('Standard Profiles'!$G$21=$B$10,7,0)+IF('Standard Profiles'!$G$21=$B$17,14,0)+IF('Standard Profiles'!$G$21=$B$24,21,0),MOD($C5679,24)+1)/SUM(INDEX($D$3:$AA$30,INDEX(Jesper!$R$2:$R$366,ROW(INDEX(Jesper!AK$2:AK$366,ROUNDDOWN($C5679/24,0)+1,1))-1)+IF('Standard Profiles'!$G$21=$B$10,7,0)+IF('Standard Profiles'!$G$21=$B$17,14,0)+IF('Standard Profiles'!$G$21=$B$24,21,0),0)),0)</f>
        <v>0</v>
      </c>
      <c r="H5679" cm="1">
        <f t="array" ref="H5679">IFERROR(INDEX(Jesper!AL$2:AL$366,ROUNDDOWN($C5679/24,0)+1,1)*INDEX($D$3:$AA$30,INDEX(Jesper!$R$2:$R$366,ROW(INDEX(Jesper!AL$2:AL$366,ROUNDDOWN($C5679/24,0)+1,1))-1)+IF('Standard Profiles'!$G$22=$B$10,7,0)+IF('Standard Profiles'!$G$22=$B$17,14,0)+IF('Standard Profiles'!$G$22=$B$24,21,0),MOD($C5679,24)+1)/SUM(INDEX($D$3:$AA$30,INDEX(Jesper!$R$2:$R$366,ROW(INDEX(Jesper!AL$2:AL$366,ROUNDDOWN($C5679/24,0)+1,1))-1)+IF('Standard Profiles'!$G$22=$B$10,7,0)+IF('Standard Profiles'!$G$22=$B$17,14,0)+IF('Standard Profiles'!$G$22=$B$24,21,0),0)),0)</f>
        <v>0</v>
      </c>
      <c r="I5679">
        <f t="shared" si="636"/>
        <v>0</v>
      </c>
      <c r="J5679">
        <f t="shared" si="637"/>
        <v>6.1012436731297797</v>
      </c>
      <c r="K5679">
        <f t="shared" si="638"/>
        <v>0.544385568192435</v>
      </c>
      <c r="L5679">
        <f t="shared" si="639"/>
        <v>0.2721927840962175</v>
      </c>
      <c r="M5679">
        <f t="shared" si="640"/>
        <v>0</v>
      </c>
      <c r="N5679" s="45">
        <f t="shared" si="641"/>
        <v>45162.208333319642</v>
      </c>
    </row>
    <row r="5680" spans="2:14" x14ac:dyDescent="0.25">
      <c r="B5680">
        <f t="shared" si="635"/>
        <v>4</v>
      </c>
      <c r="C5680" s="16">
        <v>5646</v>
      </c>
      <c r="D5680" cm="1">
        <f t="array" ref="D5680">IFERROR(INDEX(Jesper!AH$2:AH$366,ROUNDDOWN($C5680/24,0)+1,1)*INDEX($D$3:$AA$30,INDEX(Jesper!$R$2:$R$366,ROW(INDEX(Jesper!AH$2:AH$366,ROUNDDOWN($C5680/24,0)+1,1))-1)+IF('Standard Profiles'!$G$18=$B$10,7,0)+IF('Standard Profiles'!$G$18=$B$17,14,0)+IF('Standard Profiles'!$G$18=$B$24,21,0),MOD($C5680,24)+1)/SUM(INDEX($D$3:$AA$30,INDEX(Jesper!$R$2:$R$366,ROW(INDEX(Jesper!AH$2:AH$366,ROUNDDOWN($C5680/24,0)+1,1))-1)+IF('Standard Profiles'!$G$18=$B$10,7,0)+IF('Standard Profiles'!$G$18=$B$17,14,0)+IF('Standard Profiles'!$G$18=$B$24,21,0),0)),0)</f>
        <v>5.1036147018040783</v>
      </c>
      <c r="E5680" cm="1">
        <f t="array" ref="E5680">IFERROR(INDEX(Jesper!AI$2:AI$366,ROUNDDOWN($C5680/24,0)+1,1)*INDEX($D$3:$AA$30,INDEX(Jesper!$R$2:$R$366,ROW(INDEX(Jesper!AI$2:AI$366,ROUNDDOWN($C5680/24,0)+1,1))-1)+IF('Standard Profiles'!$G$19=$B$10,7,0)+IF('Standard Profiles'!$G$19=$B$17,14,0)+IF('Standard Profiles'!$G$19=$B$24,21,0),MOD($C5680,24)+1)/SUM(INDEX($D$3:$AA$30,INDEX(Jesper!$R$2:$R$366,ROW(INDEX(Jesper!AI$2:AI$366,ROUNDDOWN($C5680/24,0)+1,1))-1)+IF('Standard Profiles'!$G$19=$B$10,7,0)+IF('Standard Profiles'!$G$19=$B$17,14,0)+IF('Standard Profiles'!$G$19=$B$24,21,0),0)),0)</f>
        <v>1.8142073236143532</v>
      </c>
      <c r="F5680" cm="1">
        <f t="array" ref="F5680">IFERROR(INDEX(Jesper!AJ$2:AJ$366,ROUNDDOWN($C5680/24,0)+1,1)*INDEX($D$3:$AA$30,INDEX(Jesper!$R$2:$R$366,ROW(INDEX(Jesper!AJ$2:AJ$366,ROUNDDOWN($C5680/24,0)+1,1))-1)+IF('Standard Profiles'!$G$20=$B$10,7,0)+IF('Standard Profiles'!$G$20=$B$17,14,0)+IF('Standard Profiles'!$G$20=$B$24,21,0),MOD($C5680,24)+1)/SUM(INDEX($D$3:$AA$30,INDEX(Jesper!$R$2:$R$366,ROW(INDEX(Jesper!AJ$2:AJ$366,ROUNDDOWN($C5680/24,0)+1,1))-1)+IF('Standard Profiles'!$G$20=$B$10,7,0)+IF('Standard Profiles'!$G$20=$B$17,14,0)+IF('Standard Profiles'!$G$20=$B$24,21,0),0)),0)</f>
        <v>0</v>
      </c>
      <c r="G5680" cm="1">
        <f t="array" ref="G5680">IFERROR(INDEX(Jesper!AK$2:AK$366,ROUNDDOWN($C5680/24,0)+1,1)*INDEX($D$3:$AA$30,INDEX(Jesper!$R$2:$R$366,ROW(INDEX(Jesper!AK$2:AK$366,ROUNDDOWN($C5680/24,0)+1,1))-1)+IF('Standard Profiles'!$G$21=$B$10,7,0)+IF('Standard Profiles'!$G$21=$B$17,14,0)+IF('Standard Profiles'!$G$21=$B$24,21,0),MOD($C5680,24)+1)/SUM(INDEX($D$3:$AA$30,INDEX(Jesper!$R$2:$R$366,ROW(INDEX(Jesper!AK$2:AK$366,ROUNDDOWN($C5680/24,0)+1,1))-1)+IF('Standard Profiles'!$G$21=$B$10,7,0)+IF('Standard Profiles'!$G$21=$B$17,14,0)+IF('Standard Profiles'!$G$21=$B$24,21,0),0)),0)</f>
        <v>0</v>
      </c>
      <c r="H5680" cm="1">
        <f t="array" ref="H5680">IFERROR(INDEX(Jesper!AL$2:AL$366,ROUNDDOWN($C5680/24,0)+1,1)*INDEX($D$3:$AA$30,INDEX(Jesper!$R$2:$R$366,ROW(INDEX(Jesper!AL$2:AL$366,ROUNDDOWN($C5680/24,0)+1,1))-1)+IF('Standard Profiles'!$G$22=$B$10,7,0)+IF('Standard Profiles'!$G$22=$B$17,14,0)+IF('Standard Profiles'!$G$22=$B$24,21,0),MOD($C5680,24)+1)/SUM(INDEX($D$3:$AA$30,INDEX(Jesper!$R$2:$R$366,ROW(INDEX(Jesper!AL$2:AL$366,ROUNDDOWN($C5680/24,0)+1,1))-1)+IF('Standard Profiles'!$G$22=$B$10,7,0)+IF('Standard Profiles'!$G$22=$B$17,14,0)+IF('Standard Profiles'!$G$22=$B$24,21,0),0)),0)</f>
        <v>0</v>
      </c>
      <c r="I5680">
        <f t="shared" si="636"/>
        <v>0</v>
      </c>
      <c r="J5680">
        <f t="shared" si="637"/>
        <v>6.1012436731297797</v>
      </c>
      <c r="K5680">
        <f t="shared" si="638"/>
        <v>0.544385568192435</v>
      </c>
      <c r="L5680">
        <f t="shared" si="639"/>
        <v>0.2721927840962175</v>
      </c>
      <c r="M5680">
        <f t="shared" si="640"/>
        <v>0</v>
      </c>
      <c r="N5680" s="45">
        <f t="shared" si="641"/>
        <v>45162.249999986307</v>
      </c>
    </row>
    <row r="5681" spans="2:14" x14ac:dyDescent="0.25">
      <c r="B5681">
        <f t="shared" si="635"/>
        <v>4</v>
      </c>
      <c r="C5681" s="16">
        <v>5647</v>
      </c>
      <c r="D5681" cm="1">
        <f t="array" ref="D5681">IFERROR(INDEX(Jesper!AH$2:AH$366,ROUNDDOWN($C5681/24,0)+1,1)*INDEX($D$3:$AA$30,INDEX(Jesper!$R$2:$R$366,ROW(INDEX(Jesper!AH$2:AH$366,ROUNDDOWN($C5681/24,0)+1,1))-1)+IF('Standard Profiles'!$G$18=$B$10,7,0)+IF('Standard Profiles'!$G$18=$B$17,14,0)+IF('Standard Profiles'!$G$18=$B$24,21,0),MOD($C5681,24)+1)/SUM(INDEX($D$3:$AA$30,INDEX(Jesper!$R$2:$R$366,ROW(INDEX(Jesper!AH$2:AH$366,ROUNDDOWN($C5681/24,0)+1,1))-1)+IF('Standard Profiles'!$G$18=$B$10,7,0)+IF('Standard Profiles'!$G$18=$B$17,14,0)+IF('Standard Profiles'!$G$18=$B$24,21,0),0)),0)</f>
        <v>20.862958281011213</v>
      </c>
      <c r="E5681" cm="1">
        <f t="array" ref="E5681">IFERROR(INDEX(Jesper!AI$2:AI$366,ROUNDDOWN($C5681/24,0)+1,1)*INDEX($D$3:$AA$30,INDEX(Jesper!$R$2:$R$366,ROW(INDEX(Jesper!AI$2:AI$366,ROUNDDOWN($C5681/24,0)+1,1))-1)+IF('Standard Profiles'!$G$19=$B$10,7,0)+IF('Standard Profiles'!$G$19=$B$17,14,0)+IF('Standard Profiles'!$G$19=$B$24,21,0),MOD($C5681,24)+1)/SUM(INDEX($D$3:$AA$30,INDEX(Jesper!$R$2:$R$366,ROW(INDEX(Jesper!AI$2:AI$366,ROUNDDOWN($C5681/24,0)+1,1))-1)+IF('Standard Profiles'!$G$19=$B$10,7,0)+IF('Standard Profiles'!$G$19=$B$17,14,0)+IF('Standard Profiles'!$G$19=$B$24,21,0),0)),0)</f>
        <v>7.4162596350174619</v>
      </c>
      <c r="F5681" cm="1">
        <f t="array" ref="F5681">IFERROR(INDEX(Jesper!AJ$2:AJ$366,ROUNDDOWN($C5681/24,0)+1,1)*INDEX($D$3:$AA$30,INDEX(Jesper!$R$2:$R$366,ROW(INDEX(Jesper!AJ$2:AJ$366,ROUNDDOWN($C5681/24,0)+1,1))-1)+IF('Standard Profiles'!$G$20=$B$10,7,0)+IF('Standard Profiles'!$G$20=$B$17,14,0)+IF('Standard Profiles'!$G$20=$B$24,21,0),MOD($C5681,24)+1)/SUM(INDEX($D$3:$AA$30,INDEX(Jesper!$R$2:$R$366,ROW(INDEX(Jesper!AJ$2:AJ$366,ROUNDDOWN($C5681/24,0)+1,1))-1)+IF('Standard Profiles'!$G$20=$B$10,7,0)+IF('Standard Profiles'!$G$20=$B$17,14,0)+IF('Standard Profiles'!$G$20=$B$24,21,0),0)),0)</f>
        <v>0</v>
      </c>
      <c r="G5681" cm="1">
        <f t="array" ref="G5681">IFERROR(INDEX(Jesper!AK$2:AK$366,ROUNDDOWN($C5681/24,0)+1,1)*INDEX($D$3:$AA$30,INDEX(Jesper!$R$2:$R$366,ROW(INDEX(Jesper!AK$2:AK$366,ROUNDDOWN($C5681/24,0)+1,1))-1)+IF('Standard Profiles'!$G$21=$B$10,7,0)+IF('Standard Profiles'!$G$21=$B$17,14,0)+IF('Standard Profiles'!$G$21=$B$24,21,0),MOD($C5681,24)+1)/SUM(INDEX($D$3:$AA$30,INDEX(Jesper!$R$2:$R$366,ROW(INDEX(Jesper!AK$2:AK$366,ROUNDDOWN($C5681/24,0)+1,1))-1)+IF('Standard Profiles'!$G$21=$B$10,7,0)+IF('Standard Profiles'!$G$21=$B$17,14,0)+IF('Standard Profiles'!$G$21=$B$24,21,0),0)),0)</f>
        <v>0</v>
      </c>
      <c r="H5681" cm="1">
        <f t="array" ref="H5681">IFERROR(INDEX(Jesper!AL$2:AL$366,ROUNDDOWN($C5681/24,0)+1,1)*INDEX($D$3:$AA$30,INDEX(Jesper!$R$2:$R$366,ROW(INDEX(Jesper!AL$2:AL$366,ROUNDDOWN($C5681/24,0)+1,1))-1)+IF('Standard Profiles'!$G$22=$B$10,7,0)+IF('Standard Profiles'!$G$22=$B$17,14,0)+IF('Standard Profiles'!$G$22=$B$24,21,0),MOD($C5681,24)+1)/SUM(INDEX($D$3:$AA$30,INDEX(Jesper!$R$2:$R$366,ROW(INDEX(Jesper!AL$2:AL$366,ROUNDDOWN($C5681/24,0)+1,1))-1)+IF('Standard Profiles'!$G$22=$B$10,7,0)+IF('Standard Profiles'!$G$22=$B$17,14,0)+IF('Standard Profiles'!$G$22=$B$24,21,0),0)),0)</f>
        <v>0</v>
      </c>
      <c r="I5681">
        <f t="shared" si="636"/>
        <v>0</v>
      </c>
      <c r="J5681">
        <f t="shared" si="637"/>
        <v>24.94114459106688</v>
      </c>
      <c r="K5681">
        <f t="shared" si="638"/>
        <v>2.2253822166411963</v>
      </c>
      <c r="L5681">
        <f t="shared" si="639"/>
        <v>1.1126911083205981</v>
      </c>
      <c r="M5681">
        <f t="shared" si="640"/>
        <v>0</v>
      </c>
      <c r="N5681" s="45">
        <f t="shared" si="641"/>
        <v>45162.291666652971</v>
      </c>
    </row>
    <row r="5682" spans="2:14" x14ac:dyDescent="0.25">
      <c r="B5682">
        <f t="shared" si="635"/>
        <v>4</v>
      </c>
      <c r="C5682" s="16">
        <v>5648</v>
      </c>
      <c r="D5682" cm="1">
        <f t="array" ref="D5682">IFERROR(INDEX(Jesper!AH$2:AH$366,ROUNDDOWN($C5682/24,0)+1,1)*INDEX($D$3:$AA$30,INDEX(Jesper!$R$2:$R$366,ROW(INDEX(Jesper!AH$2:AH$366,ROUNDDOWN($C5682/24,0)+1,1))-1)+IF('Standard Profiles'!$G$18=$B$10,7,0)+IF('Standard Profiles'!$G$18=$B$17,14,0)+IF('Standard Profiles'!$G$18=$B$24,21,0),MOD($C5682,24)+1)/SUM(INDEX($D$3:$AA$30,INDEX(Jesper!$R$2:$R$366,ROW(INDEX(Jesper!AH$2:AH$366,ROUNDDOWN($C5682/24,0)+1,1))-1)+IF('Standard Profiles'!$G$18=$B$10,7,0)+IF('Standard Profiles'!$G$18=$B$17,14,0)+IF('Standard Profiles'!$G$18=$B$24,21,0),0)),0)</f>
        <v>23.278669239865142</v>
      </c>
      <c r="E5682" cm="1">
        <f t="array" ref="E5682">IFERROR(INDEX(Jesper!AI$2:AI$366,ROUNDDOWN($C5682/24,0)+1,1)*INDEX($D$3:$AA$30,INDEX(Jesper!$R$2:$R$366,ROW(INDEX(Jesper!AI$2:AI$366,ROUNDDOWN($C5682/24,0)+1,1))-1)+IF('Standard Profiles'!$G$19=$B$10,7,0)+IF('Standard Profiles'!$G$19=$B$17,14,0)+IF('Standard Profiles'!$G$19=$B$24,21,0),MOD($C5682,24)+1)/SUM(INDEX($D$3:$AA$30,INDEX(Jesper!$R$2:$R$366,ROW(INDEX(Jesper!AI$2:AI$366,ROUNDDOWN($C5682/24,0)+1,1))-1)+IF('Standard Profiles'!$G$19=$B$10,7,0)+IF('Standard Profiles'!$G$19=$B$17,14,0)+IF('Standard Profiles'!$G$19=$B$24,21,0),0)),0)</f>
        <v>8.2749844348615884</v>
      </c>
      <c r="F5682" cm="1">
        <f t="array" ref="F5682">IFERROR(INDEX(Jesper!AJ$2:AJ$366,ROUNDDOWN($C5682/24,0)+1,1)*INDEX($D$3:$AA$30,INDEX(Jesper!$R$2:$R$366,ROW(INDEX(Jesper!AJ$2:AJ$366,ROUNDDOWN($C5682/24,0)+1,1))-1)+IF('Standard Profiles'!$G$20=$B$10,7,0)+IF('Standard Profiles'!$G$20=$B$17,14,0)+IF('Standard Profiles'!$G$20=$B$24,21,0),MOD($C5682,24)+1)/SUM(INDEX($D$3:$AA$30,INDEX(Jesper!$R$2:$R$366,ROW(INDEX(Jesper!AJ$2:AJ$366,ROUNDDOWN($C5682/24,0)+1,1))-1)+IF('Standard Profiles'!$G$20=$B$10,7,0)+IF('Standard Profiles'!$G$20=$B$17,14,0)+IF('Standard Profiles'!$G$20=$B$24,21,0),0)),0)</f>
        <v>0</v>
      </c>
      <c r="G5682" cm="1">
        <f t="array" ref="G5682">IFERROR(INDEX(Jesper!AK$2:AK$366,ROUNDDOWN($C5682/24,0)+1,1)*INDEX($D$3:$AA$30,INDEX(Jesper!$R$2:$R$366,ROW(INDEX(Jesper!AK$2:AK$366,ROUNDDOWN($C5682/24,0)+1,1))-1)+IF('Standard Profiles'!$G$21=$B$10,7,0)+IF('Standard Profiles'!$G$21=$B$17,14,0)+IF('Standard Profiles'!$G$21=$B$24,21,0),MOD($C5682,24)+1)/SUM(INDEX($D$3:$AA$30,INDEX(Jesper!$R$2:$R$366,ROW(INDEX(Jesper!AK$2:AK$366,ROUNDDOWN($C5682/24,0)+1,1))-1)+IF('Standard Profiles'!$G$21=$B$10,7,0)+IF('Standard Profiles'!$G$21=$B$17,14,0)+IF('Standard Profiles'!$G$21=$B$24,21,0),0)),0)</f>
        <v>0</v>
      </c>
      <c r="H5682" cm="1">
        <f t="array" ref="H5682">IFERROR(INDEX(Jesper!AL$2:AL$366,ROUNDDOWN($C5682/24,0)+1,1)*INDEX($D$3:$AA$30,INDEX(Jesper!$R$2:$R$366,ROW(INDEX(Jesper!AL$2:AL$366,ROUNDDOWN($C5682/24,0)+1,1))-1)+IF('Standard Profiles'!$G$22=$B$10,7,0)+IF('Standard Profiles'!$G$22=$B$17,14,0)+IF('Standard Profiles'!$G$22=$B$24,21,0),MOD($C5682,24)+1)/SUM(INDEX($D$3:$AA$30,INDEX(Jesper!$R$2:$R$366,ROW(INDEX(Jesper!AL$2:AL$366,ROUNDDOWN($C5682/24,0)+1,1))-1)+IF('Standard Profiles'!$G$22=$B$10,7,0)+IF('Standard Profiles'!$G$22=$B$17,14,0)+IF('Standard Profiles'!$G$22=$B$24,21,0),0)),0)</f>
        <v>0</v>
      </c>
      <c r="I5682">
        <f t="shared" si="636"/>
        <v>0</v>
      </c>
      <c r="J5682">
        <f t="shared" si="637"/>
        <v>27.829066596348305</v>
      </c>
      <c r="K5682">
        <f t="shared" si="638"/>
        <v>2.4830580522522818</v>
      </c>
      <c r="L5682">
        <f t="shared" si="639"/>
        <v>1.2415290261261409</v>
      </c>
      <c r="M5682">
        <f t="shared" si="640"/>
        <v>0</v>
      </c>
      <c r="N5682" s="45">
        <f t="shared" si="641"/>
        <v>45162.333333319635</v>
      </c>
    </row>
    <row r="5683" spans="2:14" x14ac:dyDescent="0.25">
      <c r="B5683">
        <f t="shared" si="635"/>
        <v>4</v>
      </c>
      <c r="C5683" s="16">
        <v>5649</v>
      </c>
      <c r="D5683" cm="1">
        <f t="array" ref="D5683">IFERROR(INDEX(Jesper!AH$2:AH$366,ROUNDDOWN($C5683/24,0)+1,1)*INDEX($D$3:$AA$30,INDEX(Jesper!$R$2:$R$366,ROW(INDEX(Jesper!AH$2:AH$366,ROUNDDOWN($C5683/24,0)+1,1))-1)+IF('Standard Profiles'!$G$18=$B$10,7,0)+IF('Standard Profiles'!$G$18=$B$17,14,0)+IF('Standard Profiles'!$G$18=$B$24,21,0),MOD($C5683,24)+1)/SUM(INDEX($D$3:$AA$30,INDEX(Jesper!$R$2:$R$366,ROW(INDEX(Jesper!AH$2:AH$366,ROUNDDOWN($C5683/24,0)+1,1))-1)+IF('Standard Profiles'!$G$18=$B$10,7,0)+IF('Standard Profiles'!$G$18=$B$17,14,0)+IF('Standard Profiles'!$G$18=$B$24,21,0),0)),0)</f>
        <v>25.694380198719077</v>
      </c>
      <c r="E5683" cm="1">
        <f t="array" ref="E5683">IFERROR(INDEX(Jesper!AI$2:AI$366,ROUNDDOWN($C5683/24,0)+1,1)*INDEX($D$3:$AA$30,INDEX(Jesper!$R$2:$R$366,ROW(INDEX(Jesper!AI$2:AI$366,ROUNDDOWN($C5683/24,0)+1,1))-1)+IF('Standard Profiles'!$G$19=$B$10,7,0)+IF('Standard Profiles'!$G$19=$B$17,14,0)+IF('Standard Profiles'!$G$19=$B$24,21,0),MOD($C5683,24)+1)/SUM(INDEX($D$3:$AA$30,INDEX(Jesper!$R$2:$R$366,ROW(INDEX(Jesper!AI$2:AI$366,ROUNDDOWN($C5683/24,0)+1,1))-1)+IF('Standard Profiles'!$G$19=$B$10,7,0)+IF('Standard Profiles'!$G$19=$B$17,14,0)+IF('Standard Profiles'!$G$19=$B$24,21,0),0)),0)</f>
        <v>9.1337092347057176</v>
      </c>
      <c r="F5683" cm="1">
        <f t="array" ref="F5683">IFERROR(INDEX(Jesper!AJ$2:AJ$366,ROUNDDOWN($C5683/24,0)+1,1)*INDEX($D$3:$AA$30,INDEX(Jesper!$R$2:$R$366,ROW(INDEX(Jesper!AJ$2:AJ$366,ROUNDDOWN($C5683/24,0)+1,1))-1)+IF('Standard Profiles'!$G$20=$B$10,7,0)+IF('Standard Profiles'!$G$20=$B$17,14,0)+IF('Standard Profiles'!$G$20=$B$24,21,0),MOD($C5683,24)+1)/SUM(INDEX($D$3:$AA$30,INDEX(Jesper!$R$2:$R$366,ROW(INDEX(Jesper!AJ$2:AJ$366,ROUNDDOWN($C5683/24,0)+1,1))-1)+IF('Standard Profiles'!$G$20=$B$10,7,0)+IF('Standard Profiles'!$G$20=$B$17,14,0)+IF('Standard Profiles'!$G$20=$B$24,21,0),0)),0)</f>
        <v>0</v>
      </c>
      <c r="G5683" cm="1">
        <f t="array" ref="G5683">IFERROR(INDEX(Jesper!AK$2:AK$366,ROUNDDOWN($C5683/24,0)+1,1)*INDEX($D$3:$AA$30,INDEX(Jesper!$R$2:$R$366,ROW(INDEX(Jesper!AK$2:AK$366,ROUNDDOWN($C5683/24,0)+1,1))-1)+IF('Standard Profiles'!$G$21=$B$10,7,0)+IF('Standard Profiles'!$G$21=$B$17,14,0)+IF('Standard Profiles'!$G$21=$B$24,21,0),MOD($C5683,24)+1)/SUM(INDEX($D$3:$AA$30,INDEX(Jesper!$R$2:$R$366,ROW(INDEX(Jesper!AK$2:AK$366,ROUNDDOWN($C5683/24,0)+1,1))-1)+IF('Standard Profiles'!$G$21=$B$10,7,0)+IF('Standard Profiles'!$G$21=$B$17,14,0)+IF('Standard Profiles'!$G$21=$B$24,21,0),0)),0)</f>
        <v>0</v>
      </c>
      <c r="H5683" cm="1">
        <f t="array" ref="H5683">IFERROR(INDEX(Jesper!AL$2:AL$366,ROUNDDOWN($C5683/24,0)+1,1)*INDEX($D$3:$AA$30,INDEX(Jesper!$R$2:$R$366,ROW(INDEX(Jesper!AL$2:AL$366,ROUNDDOWN($C5683/24,0)+1,1))-1)+IF('Standard Profiles'!$G$22=$B$10,7,0)+IF('Standard Profiles'!$G$22=$B$17,14,0)+IF('Standard Profiles'!$G$22=$B$24,21,0),MOD($C5683,24)+1)/SUM(INDEX($D$3:$AA$30,INDEX(Jesper!$R$2:$R$366,ROW(INDEX(Jesper!AL$2:AL$366,ROUNDDOWN($C5683/24,0)+1,1))-1)+IF('Standard Profiles'!$G$22=$B$10,7,0)+IF('Standard Profiles'!$G$22=$B$17,14,0)+IF('Standard Profiles'!$G$22=$B$24,21,0),0)),0)</f>
        <v>0</v>
      </c>
      <c r="I5683">
        <f t="shared" si="636"/>
        <v>0</v>
      </c>
      <c r="J5683">
        <f t="shared" si="637"/>
        <v>30.716988601629744</v>
      </c>
      <c r="K5683">
        <f t="shared" si="638"/>
        <v>2.7407338878633682</v>
      </c>
      <c r="L5683">
        <f t="shared" si="639"/>
        <v>1.3703669439316841</v>
      </c>
      <c r="M5683">
        <f t="shared" si="640"/>
        <v>0</v>
      </c>
      <c r="N5683" s="45">
        <f t="shared" si="641"/>
        <v>45162.374999986299</v>
      </c>
    </row>
    <row r="5684" spans="2:14" x14ac:dyDescent="0.25">
      <c r="B5684">
        <f t="shared" si="635"/>
        <v>4</v>
      </c>
      <c r="C5684" s="16">
        <v>5650</v>
      </c>
      <c r="D5684" cm="1">
        <f t="array" ref="D5684">IFERROR(INDEX(Jesper!AH$2:AH$366,ROUNDDOWN($C5684/24,0)+1,1)*INDEX($D$3:$AA$30,INDEX(Jesper!$R$2:$R$366,ROW(INDEX(Jesper!AH$2:AH$366,ROUNDDOWN($C5684/24,0)+1,1))-1)+IF('Standard Profiles'!$G$18=$B$10,7,0)+IF('Standard Profiles'!$G$18=$B$17,14,0)+IF('Standard Profiles'!$G$18=$B$24,21,0),MOD($C5684,24)+1)/SUM(INDEX($D$3:$AA$30,INDEX(Jesper!$R$2:$R$366,ROW(INDEX(Jesper!AH$2:AH$366,ROUNDDOWN($C5684/24,0)+1,1))-1)+IF('Standard Profiles'!$G$18=$B$10,7,0)+IF('Standard Profiles'!$G$18=$B$17,14,0)+IF('Standard Profiles'!$G$18=$B$24,21,0),0)),0)</f>
        <v>25.694380198719077</v>
      </c>
      <c r="E5684" cm="1">
        <f t="array" ref="E5684">IFERROR(INDEX(Jesper!AI$2:AI$366,ROUNDDOWN($C5684/24,0)+1,1)*INDEX($D$3:$AA$30,INDEX(Jesper!$R$2:$R$366,ROW(INDEX(Jesper!AI$2:AI$366,ROUNDDOWN($C5684/24,0)+1,1))-1)+IF('Standard Profiles'!$G$19=$B$10,7,0)+IF('Standard Profiles'!$G$19=$B$17,14,0)+IF('Standard Profiles'!$G$19=$B$24,21,0),MOD($C5684,24)+1)/SUM(INDEX($D$3:$AA$30,INDEX(Jesper!$R$2:$R$366,ROW(INDEX(Jesper!AI$2:AI$366,ROUNDDOWN($C5684/24,0)+1,1))-1)+IF('Standard Profiles'!$G$19=$B$10,7,0)+IF('Standard Profiles'!$G$19=$B$17,14,0)+IF('Standard Profiles'!$G$19=$B$24,21,0),0)),0)</f>
        <v>9.1337092347057176</v>
      </c>
      <c r="F5684" cm="1">
        <f t="array" ref="F5684">IFERROR(INDEX(Jesper!AJ$2:AJ$366,ROUNDDOWN($C5684/24,0)+1,1)*INDEX($D$3:$AA$30,INDEX(Jesper!$R$2:$R$366,ROW(INDEX(Jesper!AJ$2:AJ$366,ROUNDDOWN($C5684/24,0)+1,1))-1)+IF('Standard Profiles'!$G$20=$B$10,7,0)+IF('Standard Profiles'!$G$20=$B$17,14,0)+IF('Standard Profiles'!$G$20=$B$24,21,0),MOD($C5684,24)+1)/SUM(INDEX($D$3:$AA$30,INDEX(Jesper!$R$2:$R$366,ROW(INDEX(Jesper!AJ$2:AJ$366,ROUNDDOWN($C5684/24,0)+1,1))-1)+IF('Standard Profiles'!$G$20=$B$10,7,0)+IF('Standard Profiles'!$G$20=$B$17,14,0)+IF('Standard Profiles'!$G$20=$B$24,21,0),0)),0)</f>
        <v>0</v>
      </c>
      <c r="G5684" cm="1">
        <f t="array" ref="G5684">IFERROR(INDEX(Jesper!AK$2:AK$366,ROUNDDOWN($C5684/24,0)+1,1)*INDEX($D$3:$AA$30,INDEX(Jesper!$R$2:$R$366,ROW(INDEX(Jesper!AK$2:AK$366,ROUNDDOWN($C5684/24,0)+1,1))-1)+IF('Standard Profiles'!$G$21=$B$10,7,0)+IF('Standard Profiles'!$G$21=$B$17,14,0)+IF('Standard Profiles'!$G$21=$B$24,21,0),MOD($C5684,24)+1)/SUM(INDEX($D$3:$AA$30,INDEX(Jesper!$R$2:$R$366,ROW(INDEX(Jesper!AK$2:AK$366,ROUNDDOWN($C5684/24,0)+1,1))-1)+IF('Standard Profiles'!$G$21=$B$10,7,0)+IF('Standard Profiles'!$G$21=$B$17,14,0)+IF('Standard Profiles'!$G$21=$B$24,21,0),0)),0)</f>
        <v>0</v>
      </c>
      <c r="H5684" cm="1">
        <f t="array" ref="H5684">IFERROR(INDEX(Jesper!AL$2:AL$366,ROUNDDOWN($C5684/24,0)+1,1)*INDEX($D$3:$AA$30,INDEX(Jesper!$R$2:$R$366,ROW(INDEX(Jesper!AL$2:AL$366,ROUNDDOWN($C5684/24,0)+1,1))-1)+IF('Standard Profiles'!$G$22=$B$10,7,0)+IF('Standard Profiles'!$G$22=$B$17,14,0)+IF('Standard Profiles'!$G$22=$B$24,21,0),MOD($C5684,24)+1)/SUM(INDEX($D$3:$AA$30,INDEX(Jesper!$R$2:$R$366,ROW(INDEX(Jesper!AL$2:AL$366,ROUNDDOWN($C5684/24,0)+1,1))-1)+IF('Standard Profiles'!$G$22=$B$10,7,0)+IF('Standard Profiles'!$G$22=$B$17,14,0)+IF('Standard Profiles'!$G$22=$B$24,21,0),0)),0)</f>
        <v>0</v>
      </c>
      <c r="I5684">
        <f t="shared" si="636"/>
        <v>0</v>
      </c>
      <c r="J5684">
        <f t="shared" si="637"/>
        <v>30.716988601629744</v>
      </c>
      <c r="K5684">
        <f t="shared" si="638"/>
        <v>2.7407338878633682</v>
      </c>
      <c r="L5684">
        <f t="shared" si="639"/>
        <v>1.3703669439316841</v>
      </c>
      <c r="M5684">
        <f t="shared" si="640"/>
        <v>0</v>
      </c>
      <c r="N5684" s="45">
        <f t="shared" si="641"/>
        <v>45162.416666652964</v>
      </c>
    </row>
    <row r="5685" spans="2:14" x14ac:dyDescent="0.25">
      <c r="B5685">
        <f t="shared" si="635"/>
        <v>4</v>
      </c>
      <c r="C5685" s="16">
        <v>5651</v>
      </c>
      <c r="D5685" cm="1">
        <f t="array" ref="D5685">IFERROR(INDEX(Jesper!AH$2:AH$366,ROUNDDOWN($C5685/24,0)+1,1)*INDEX($D$3:$AA$30,INDEX(Jesper!$R$2:$R$366,ROW(INDEX(Jesper!AH$2:AH$366,ROUNDDOWN($C5685/24,0)+1,1))-1)+IF('Standard Profiles'!$G$18=$B$10,7,0)+IF('Standard Profiles'!$G$18=$B$17,14,0)+IF('Standard Profiles'!$G$18=$B$24,21,0),MOD($C5685,24)+1)/SUM(INDEX($D$3:$AA$30,INDEX(Jesper!$R$2:$R$366,ROW(INDEX(Jesper!AH$2:AH$366,ROUNDDOWN($C5685/24,0)+1,1))-1)+IF('Standard Profiles'!$G$18=$B$10,7,0)+IF('Standard Profiles'!$G$18=$B$17,14,0)+IF('Standard Profiles'!$G$18=$B$24,21,0),0)),0)</f>
        <v>30.745412203595471</v>
      </c>
      <c r="E5685" cm="1">
        <f t="array" ref="E5685">IFERROR(INDEX(Jesper!AI$2:AI$366,ROUNDDOWN($C5685/24,0)+1,1)*INDEX($D$3:$AA$30,INDEX(Jesper!$R$2:$R$366,ROW(INDEX(Jesper!AI$2:AI$366,ROUNDDOWN($C5685/24,0)+1,1))-1)+IF('Standard Profiles'!$G$19=$B$10,7,0)+IF('Standard Profiles'!$G$19=$B$17,14,0)+IF('Standard Profiles'!$G$19=$B$24,21,0),MOD($C5685,24)+1)/SUM(INDEX($D$3:$AA$30,INDEX(Jesper!$R$2:$R$366,ROW(INDEX(Jesper!AI$2:AI$366,ROUNDDOWN($C5685/24,0)+1,1))-1)+IF('Standard Profiles'!$G$19=$B$10,7,0)+IF('Standard Profiles'!$G$19=$B$17,14,0)+IF('Standard Profiles'!$G$19=$B$24,21,0),0)),0)</f>
        <v>10.92922472528889</v>
      </c>
      <c r="F5685" cm="1">
        <f t="array" ref="F5685">IFERROR(INDEX(Jesper!AJ$2:AJ$366,ROUNDDOWN($C5685/24,0)+1,1)*INDEX($D$3:$AA$30,INDEX(Jesper!$R$2:$R$366,ROW(INDEX(Jesper!AJ$2:AJ$366,ROUNDDOWN($C5685/24,0)+1,1))-1)+IF('Standard Profiles'!$G$20=$B$10,7,0)+IF('Standard Profiles'!$G$20=$B$17,14,0)+IF('Standard Profiles'!$G$20=$B$24,21,0),MOD($C5685,24)+1)/SUM(INDEX($D$3:$AA$30,INDEX(Jesper!$R$2:$R$366,ROW(INDEX(Jesper!AJ$2:AJ$366,ROUNDDOWN($C5685/24,0)+1,1))-1)+IF('Standard Profiles'!$G$20=$B$10,7,0)+IF('Standard Profiles'!$G$20=$B$17,14,0)+IF('Standard Profiles'!$G$20=$B$24,21,0),0)),0)</f>
        <v>0</v>
      </c>
      <c r="G5685" cm="1">
        <f t="array" ref="G5685">IFERROR(INDEX(Jesper!AK$2:AK$366,ROUNDDOWN($C5685/24,0)+1,1)*INDEX($D$3:$AA$30,INDEX(Jesper!$R$2:$R$366,ROW(INDEX(Jesper!AK$2:AK$366,ROUNDDOWN($C5685/24,0)+1,1))-1)+IF('Standard Profiles'!$G$21=$B$10,7,0)+IF('Standard Profiles'!$G$21=$B$17,14,0)+IF('Standard Profiles'!$G$21=$B$24,21,0),MOD($C5685,24)+1)/SUM(INDEX($D$3:$AA$30,INDEX(Jesper!$R$2:$R$366,ROW(INDEX(Jesper!AK$2:AK$366,ROUNDDOWN($C5685/24,0)+1,1))-1)+IF('Standard Profiles'!$G$21=$B$10,7,0)+IF('Standard Profiles'!$G$21=$B$17,14,0)+IF('Standard Profiles'!$G$21=$B$24,21,0),0)),0)</f>
        <v>0</v>
      </c>
      <c r="H5685" cm="1">
        <f t="array" ref="H5685">IFERROR(INDEX(Jesper!AL$2:AL$366,ROUNDDOWN($C5685/24,0)+1,1)*INDEX($D$3:$AA$30,INDEX(Jesper!$R$2:$R$366,ROW(INDEX(Jesper!AL$2:AL$366,ROUNDDOWN($C5685/24,0)+1,1))-1)+IF('Standard Profiles'!$G$22=$B$10,7,0)+IF('Standard Profiles'!$G$22=$B$17,14,0)+IF('Standard Profiles'!$G$22=$B$24,21,0),MOD($C5685,24)+1)/SUM(INDEX($D$3:$AA$30,INDEX(Jesper!$R$2:$R$366,ROW(INDEX(Jesper!AL$2:AL$366,ROUNDDOWN($C5685/24,0)+1,1))-1)+IF('Standard Profiles'!$G$22=$B$10,7,0)+IF('Standard Profiles'!$G$22=$B$17,14,0)+IF('Standard Profiles'!$G$22=$B$24,21,0),0)),0)</f>
        <v>0</v>
      </c>
      <c r="I5685">
        <f t="shared" si="636"/>
        <v>0</v>
      </c>
      <c r="J5685">
        <f t="shared" si="637"/>
        <v>36.755370976309081</v>
      </c>
      <c r="K5685">
        <f t="shared" si="638"/>
        <v>3.2795106350501837</v>
      </c>
      <c r="L5685">
        <f t="shared" si="639"/>
        <v>1.6397553175250918</v>
      </c>
      <c r="M5685">
        <f t="shared" si="640"/>
        <v>0</v>
      </c>
      <c r="N5685" s="45">
        <f t="shared" si="641"/>
        <v>45162.458333319628</v>
      </c>
    </row>
    <row r="5686" spans="2:14" x14ac:dyDescent="0.25">
      <c r="B5686">
        <f t="shared" si="635"/>
        <v>4</v>
      </c>
      <c r="C5686" s="16">
        <v>5652</v>
      </c>
      <c r="D5686" cm="1">
        <f t="array" ref="D5686">IFERROR(INDEX(Jesper!AH$2:AH$366,ROUNDDOWN($C5686/24,0)+1,1)*INDEX($D$3:$AA$30,INDEX(Jesper!$R$2:$R$366,ROW(INDEX(Jesper!AH$2:AH$366,ROUNDDOWN($C5686/24,0)+1,1))-1)+IF('Standard Profiles'!$G$18=$B$10,7,0)+IF('Standard Profiles'!$G$18=$B$17,14,0)+IF('Standard Profiles'!$G$18=$B$24,21,0),MOD($C5686,24)+1)/SUM(INDEX($D$3:$AA$30,INDEX(Jesper!$R$2:$R$366,ROW(INDEX(Jesper!AH$2:AH$366,ROUNDDOWN($C5686/24,0)+1,1))-1)+IF('Standard Profiles'!$G$18=$B$10,7,0)+IF('Standard Profiles'!$G$18=$B$17,14,0)+IF('Standard Profiles'!$G$18=$B$24,21,0),0)),0)</f>
        <v>30.745412203595471</v>
      </c>
      <c r="E5686" cm="1">
        <f t="array" ref="E5686">IFERROR(INDEX(Jesper!AI$2:AI$366,ROUNDDOWN($C5686/24,0)+1,1)*INDEX($D$3:$AA$30,INDEX(Jesper!$R$2:$R$366,ROW(INDEX(Jesper!AI$2:AI$366,ROUNDDOWN($C5686/24,0)+1,1))-1)+IF('Standard Profiles'!$G$19=$B$10,7,0)+IF('Standard Profiles'!$G$19=$B$17,14,0)+IF('Standard Profiles'!$G$19=$B$24,21,0),MOD($C5686,24)+1)/SUM(INDEX($D$3:$AA$30,INDEX(Jesper!$R$2:$R$366,ROW(INDEX(Jesper!AI$2:AI$366,ROUNDDOWN($C5686/24,0)+1,1))-1)+IF('Standard Profiles'!$G$19=$B$10,7,0)+IF('Standard Profiles'!$G$19=$B$17,14,0)+IF('Standard Profiles'!$G$19=$B$24,21,0),0)),0)</f>
        <v>10.92922472528889</v>
      </c>
      <c r="F5686" cm="1">
        <f t="array" ref="F5686">IFERROR(INDEX(Jesper!AJ$2:AJ$366,ROUNDDOWN($C5686/24,0)+1,1)*INDEX($D$3:$AA$30,INDEX(Jesper!$R$2:$R$366,ROW(INDEX(Jesper!AJ$2:AJ$366,ROUNDDOWN($C5686/24,0)+1,1))-1)+IF('Standard Profiles'!$G$20=$B$10,7,0)+IF('Standard Profiles'!$G$20=$B$17,14,0)+IF('Standard Profiles'!$G$20=$B$24,21,0),MOD($C5686,24)+1)/SUM(INDEX($D$3:$AA$30,INDEX(Jesper!$R$2:$R$366,ROW(INDEX(Jesper!AJ$2:AJ$366,ROUNDDOWN($C5686/24,0)+1,1))-1)+IF('Standard Profiles'!$G$20=$B$10,7,0)+IF('Standard Profiles'!$G$20=$B$17,14,0)+IF('Standard Profiles'!$G$20=$B$24,21,0),0)),0)</f>
        <v>0</v>
      </c>
      <c r="G5686" cm="1">
        <f t="array" ref="G5686">IFERROR(INDEX(Jesper!AK$2:AK$366,ROUNDDOWN($C5686/24,0)+1,1)*INDEX($D$3:$AA$30,INDEX(Jesper!$R$2:$R$366,ROW(INDEX(Jesper!AK$2:AK$366,ROUNDDOWN($C5686/24,0)+1,1))-1)+IF('Standard Profiles'!$G$21=$B$10,7,0)+IF('Standard Profiles'!$G$21=$B$17,14,0)+IF('Standard Profiles'!$G$21=$B$24,21,0),MOD($C5686,24)+1)/SUM(INDEX($D$3:$AA$30,INDEX(Jesper!$R$2:$R$366,ROW(INDEX(Jesper!AK$2:AK$366,ROUNDDOWN($C5686/24,0)+1,1))-1)+IF('Standard Profiles'!$G$21=$B$10,7,0)+IF('Standard Profiles'!$G$21=$B$17,14,0)+IF('Standard Profiles'!$G$21=$B$24,21,0),0)),0)</f>
        <v>0</v>
      </c>
      <c r="H5686" cm="1">
        <f t="array" ref="H5686">IFERROR(INDEX(Jesper!AL$2:AL$366,ROUNDDOWN($C5686/24,0)+1,1)*INDEX($D$3:$AA$30,INDEX(Jesper!$R$2:$R$366,ROW(INDEX(Jesper!AL$2:AL$366,ROUNDDOWN($C5686/24,0)+1,1))-1)+IF('Standard Profiles'!$G$22=$B$10,7,0)+IF('Standard Profiles'!$G$22=$B$17,14,0)+IF('Standard Profiles'!$G$22=$B$24,21,0),MOD($C5686,24)+1)/SUM(INDEX($D$3:$AA$30,INDEX(Jesper!$R$2:$R$366,ROW(INDEX(Jesper!AL$2:AL$366,ROUNDDOWN($C5686/24,0)+1,1))-1)+IF('Standard Profiles'!$G$22=$B$10,7,0)+IF('Standard Profiles'!$G$22=$B$17,14,0)+IF('Standard Profiles'!$G$22=$B$24,21,0),0)),0)</f>
        <v>0</v>
      </c>
      <c r="I5686">
        <f t="shared" si="636"/>
        <v>0</v>
      </c>
      <c r="J5686">
        <f t="shared" si="637"/>
        <v>36.755370976309081</v>
      </c>
      <c r="K5686">
        <f t="shared" si="638"/>
        <v>3.2795106350501837</v>
      </c>
      <c r="L5686">
        <f t="shared" si="639"/>
        <v>1.6397553175250918</v>
      </c>
      <c r="M5686">
        <f t="shared" si="640"/>
        <v>0</v>
      </c>
      <c r="N5686" s="45">
        <f t="shared" si="641"/>
        <v>45162.499999986292</v>
      </c>
    </row>
    <row r="5687" spans="2:14" x14ac:dyDescent="0.25">
      <c r="B5687">
        <f t="shared" si="635"/>
        <v>4</v>
      </c>
      <c r="C5687" s="16">
        <v>5653</v>
      </c>
      <c r="D5687" cm="1">
        <f t="array" ref="D5687">IFERROR(INDEX(Jesper!AH$2:AH$366,ROUNDDOWN($C5687/24,0)+1,1)*INDEX($D$3:$AA$30,INDEX(Jesper!$R$2:$R$366,ROW(INDEX(Jesper!AH$2:AH$366,ROUNDDOWN($C5687/24,0)+1,1))-1)+IF('Standard Profiles'!$G$18=$B$10,7,0)+IF('Standard Profiles'!$G$18=$B$17,14,0)+IF('Standard Profiles'!$G$18=$B$24,21,0),MOD($C5687,24)+1)/SUM(INDEX($D$3:$AA$30,INDEX(Jesper!$R$2:$R$366,ROW(INDEX(Jesper!AH$2:AH$366,ROUNDDOWN($C5687/24,0)+1,1))-1)+IF('Standard Profiles'!$G$18=$B$10,7,0)+IF('Standard Profiles'!$G$18=$B$17,14,0)+IF('Standard Profiles'!$G$18=$B$24,21,0),0)),0)</f>
        <v>20.423738106674133</v>
      </c>
      <c r="E5687" cm="1">
        <f t="array" ref="E5687">IFERROR(INDEX(Jesper!AI$2:AI$366,ROUNDDOWN($C5687/24,0)+1,1)*INDEX($D$3:$AA$30,INDEX(Jesper!$R$2:$R$366,ROW(INDEX(Jesper!AI$2:AI$366,ROUNDDOWN($C5687/24,0)+1,1))-1)+IF('Standard Profiles'!$G$19=$B$10,7,0)+IF('Standard Profiles'!$G$19=$B$17,14,0)+IF('Standard Profiles'!$G$19=$B$24,21,0),MOD($C5687,24)+1)/SUM(INDEX($D$3:$AA$30,INDEX(Jesper!$R$2:$R$366,ROW(INDEX(Jesper!AI$2:AI$366,ROUNDDOWN($C5687/24,0)+1,1))-1)+IF('Standard Profiles'!$G$19=$B$10,7,0)+IF('Standard Profiles'!$G$19=$B$17,14,0)+IF('Standard Profiles'!$G$19=$B$24,21,0),0)),0)</f>
        <v>7.2601278532276208</v>
      </c>
      <c r="F5687" cm="1">
        <f t="array" ref="F5687">IFERROR(INDEX(Jesper!AJ$2:AJ$366,ROUNDDOWN($C5687/24,0)+1,1)*INDEX($D$3:$AA$30,INDEX(Jesper!$R$2:$R$366,ROW(INDEX(Jesper!AJ$2:AJ$366,ROUNDDOWN($C5687/24,0)+1,1))-1)+IF('Standard Profiles'!$G$20=$B$10,7,0)+IF('Standard Profiles'!$G$20=$B$17,14,0)+IF('Standard Profiles'!$G$20=$B$24,21,0),MOD($C5687,24)+1)/SUM(INDEX($D$3:$AA$30,INDEX(Jesper!$R$2:$R$366,ROW(INDEX(Jesper!AJ$2:AJ$366,ROUNDDOWN($C5687/24,0)+1,1))-1)+IF('Standard Profiles'!$G$20=$B$10,7,0)+IF('Standard Profiles'!$G$20=$B$17,14,0)+IF('Standard Profiles'!$G$20=$B$24,21,0),0)),0)</f>
        <v>0</v>
      </c>
      <c r="G5687" cm="1">
        <f t="array" ref="G5687">IFERROR(INDEX(Jesper!AK$2:AK$366,ROUNDDOWN($C5687/24,0)+1,1)*INDEX($D$3:$AA$30,INDEX(Jesper!$R$2:$R$366,ROW(INDEX(Jesper!AK$2:AK$366,ROUNDDOWN($C5687/24,0)+1,1))-1)+IF('Standard Profiles'!$G$21=$B$10,7,0)+IF('Standard Profiles'!$G$21=$B$17,14,0)+IF('Standard Profiles'!$G$21=$B$24,21,0),MOD($C5687,24)+1)/SUM(INDEX($D$3:$AA$30,INDEX(Jesper!$R$2:$R$366,ROW(INDEX(Jesper!AK$2:AK$366,ROUNDDOWN($C5687/24,0)+1,1))-1)+IF('Standard Profiles'!$G$21=$B$10,7,0)+IF('Standard Profiles'!$G$21=$B$17,14,0)+IF('Standard Profiles'!$G$21=$B$24,21,0),0)),0)</f>
        <v>0</v>
      </c>
      <c r="H5687" cm="1">
        <f t="array" ref="H5687">IFERROR(INDEX(Jesper!AL$2:AL$366,ROUNDDOWN($C5687/24,0)+1,1)*INDEX($D$3:$AA$30,INDEX(Jesper!$R$2:$R$366,ROW(INDEX(Jesper!AL$2:AL$366,ROUNDDOWN($C5687/24,0)+1,1))-1)+IF('Standard Profiles'!$G$22=$B$10,7,0)+IF('Standard Profiles'!$G$22=$B$17,14,0)+IF('Standard Profiles'!$G$22=$B$24,21,0),MOD($C5687,24)+1)/SUM(INDEX($D$3:$AA$30,INDEX(Jesper!$R$2:$R$366,ROW(INDEX(Jesper!AL$2:AL$366,ROUNDDOWN($C5687/24,0)+1,1))-1)+IF('Standard Profiles'!$G$22=$B$10,7,0)+IF('Standard Profiles'!$G$22=$B$17,14,0)+IF('Standard Profiles'!$G$22=$B$24,21,0),0)),0)</f>
        <v>0</v>
      </c>
      <c r="I5687">
        <f t="shared" si="636"/>
        <v>0</v>
      </c>
      <c r="J5687">
        <f t="shared" si="637"/>
        <v>24.416067862833891</v>
      </c>
      <c r="K5687">
        <f t="shared" si="638"/>
        <v>2.1785320647119075</v>
      </c>
      <c r="L5687">
        <f t="shared" si="639"/>
        <v>1.0892660323559538</v>
      </c>
      <c r="M5687">
        <f t="shared" si="640"/>
        <v>0</v>
      </c>
      <c r="N5687" s="45">
        <f t="shared" si="641"/>
        <v>45162.541666652956</v>
      </c>
    </row>
    <row r="5688" spans="2:14" x14ac:dyDescent="0.25">
      <c r="B5688">
        <f t="shared" si="635"/>
        <v>4</v>
      </c>
      <c r="C5688" s="16">
        <v>5654</v>
      </c>
      <c r="D5688" cm="1">
        <f t="array" ref="D5688">IFERROR(INDEX(Jesper!AH$2:AH$366,ROUNDDOWN($C5688/24,0)+1,1)*INDEX($D$3:$AA$30,INDEX(Jesper!$R$2:$R$366,ROW(INDEX(Jesper!AH$2:AH$366,ROUNDDOWN($C5688/24,0)+1,1))-1)+IF('Standard Profiles'!$G$18=$B$10,7,0)+IF('Standard Profiles'!$G$18=$B$17,14,0)+IF('Standard Profiles'!$G$18=$B$24,21,0),MOD($C5688,24)+1)/SUM(INDEX($D$3:$AA$30,INDEX(Jesper!$R$2:$R$366,ROW(INDEX(Jesper!AH$2:AH$366,ROUNDDOWN($C5688/24,0)+1,1))-1)+IF('Standard Profiles'!$G$18=$B$10,7,0)+IF('Standard Profiles'!$G$18=$B$17,14,0)+IF('Standard Profiles'!$G$18=$B$24,21,0),0)),0)</f>
        <v>30.745412203595471</v>
      </c>
      <c r="E5688" cm="1">
        <f t="array" ref="E5688">IFERROR(INDEX(Jesper!AI$2:AI$366,ROUNDDOWN($C5688/24,0)+1,1)*INDEX($D$3:$AA$30,INDEX(Jesper!$R$2:$R$366,ROW(INDEX(Jesper!AI$2:AI$366,ROUNDDOWN($C5688/24,0)+1,1))-1)+IF('Standard Profiles'!$G$19=$B$10,7,0)+IF('Standard Profiles'!$G$19=$B$17,14,0)+IF('Standard Profiles'!$G$19=$B$24,21,0),MOD($C5688,24)+1)/SUM(INDEX($D$3:$AA$30,INDEX(Jesper!$R$2:$R$366,ROW(INDEX(Jesper!AI$2:AI$366,ROUNDDOWN($C5688/24,0)+1,1))-1)+IF('Standard Profiles'!$G$19=$B$10,7,0)+IF('Standard Profiles'!$G$19=$B$17,14,0)+IF('Standard Profiles'!$G$19=$B$24,21,0),0)),0)</f>
        <v>10.92922472528889</v>
      </c>
      <c r="F5688" cm="1">
        <f t="array" ref="F5688">IFERROR(INDEX(Jesper!AJ$2:AJ$366,ROUNDDOWN($C5688/24,0)+1,1)*INDEX($D$3:$AA$30,INDEX(Jesper!$R$2:$R$366,ROW(INDEX(Jesper!AJ$2:AJ$366,ROUNDDOWN($C5688/24,0)+1,1))-1)+IF('Standard Profiles'!$G$20=$B$10,7,0)+IF('Standard Profiles'!$G$20=$B$17,14,0)+IF('Standard Profiles'!$G$20=$B$24,21,0),MOD($C5688,24)+1)/SUM(INDEX($D$3:$AA$30,INDEX(Jesper!$R$2:$R$366,ROW(INDEX(Jesper!AJ$2:AJ$366,ROUNDDOWN($C5688/24,0)+1,1))-1)+IF('Standard Profiles'!$G$20=$B$10,7,0)+IF('Standard Profiles'!$G$20=$B$17,14,0)+IF('Standard Profiles'!$G$20=$B$24,21,0),0)),0)</f>
        <v>0</v>
      </c>
      <c r="G5688" cm="1">
        <f t="array" ref="G5688">IFERROR(INDEX(Jesper!AK$2:AK$366,ROUNDDOWN($C5688/24,0)+1,1)*INDEX($D$3:$AA$30,INDEX(Jesper!$R$2:$R$366,ROW(INDEX(Jesper!AK$2:AK$366,ROUNDDOWN($C5688/24,0)+1,1))-1)+IF('Standard Profiles'!$G$21=$B$10,7,0)+IF('Standard Profiles'!$G$21=$B$17,14,0)+IF('Standard Profiles'!$G$21=$B$24,21,0),MOD($C5688,24)+1)/SUM(INDEX($D$3:$AA$30,INDEX(Jesper!$R$2:$R$366,ROW(INDEX(Jesper!AK$2:AK$366,ROUNDDOWN($C5688/24,0)+1,1))-1)+IF('Standard Profiles'!$G$21=$B$10,7,0)+IF('Standard Profiles'!$G$21=$B$17,14,0)+IF('Standard Profiles'!$G$21=$B$24,21,0),0)),0)</f>
        <v>0</v>
      </c>
      <c r="H5688" cm="1">
        <f t="array" ref="H5688">IFERROR(INDEX(Jesper!AL$2:AL$366,ROUNDDOWN($C5688/24,0)+1,1)*INDEX($D$3:$AA$30,INDEX(Jesper!$R$2:$R$366,ROW(INDEX(Jesper!AL$2:AL$366,ROUNDDOWN($C5688/24,0)+1,1))-1)+IF('Standard Profiles'!$G$22=$B$10,7,0)+IF('Standard Profiles'!$G$22=$B$17,14,0)+IF('Standard Profiles'!$G$22=$B$24,21,0),MOD($C5688,24)+1)/SUM(INDEX($D$3:$AA$30,INDEX(Jesper!$R$2:$R$366,ROW(INDEX(Jesper!AL$2:AL$366,ROUNDDOWN($C5688/24,0)+1,1))-1)+IF('Standard Profiles'!$G$22=$B$10,7,0)+IF('Standard Profiles'!$G$22=$B$17,14,0)+IF('Standard Profiles'!$G$22=$B$24,21,0),0)),0)</f>
        <v>0</v>
      </c>
      <c r="I5688">
        <f t="shared" si="636"/>
        <v>0</v>
      </c>
      <c r="J5688">
        <f t="shared" si="637"/>
        <v>36.755370976309081</v>
      </c>
      <c r="K5688">
        <f t="shared" si="638"/>
        <v>3.2795106350501837</v>
      </c>
      <c r="L5688">
        <f t="shared" si="639"/>
        <v>1.6397553175250918</v>
      </c>
      <c r="M5688">
        <f t="shared" si="640"/>
        <v>0</v>
      </c>
      <c r="N5688" s="45">
        <f t="shared" si="641"/>
        <v>45162.583333319621</v>
      </c>
    </row>
    <row r="5689" spans="2:14" x14ac:dyDescent="0.25">
      <c r="B5689">
        <f t="shared" si="635"/>
        <v>4</v>
      </c>
      <c r="C5689" s="16">
        <v>5655</v>
      </c>
      <c r="D5689" cm="1">
        <f t="array" ref="D5689">IFERROR(INDEX(Jesper!AH$2:AH$366,ROUNDDOWN($C5689/24,0)+1,1)*INDEX($D$3:$AA$30,INDEX(Jesper!$R$2:$R$366,ROW(INDEX(Jesper!AH$2:AH$366,ROUNDDOWN($C5689/24,0)+1,1))-1)+IF('Standard Profiles'!$G$18=$B$10,7,0)+IF('Standard Profiles'!$G$18=$B$17,14,0)+IF('Standard Profiles'!$G$18=$B$24,21,0),MOD($C5689,24)+1)/SUM(INDEX($D$3:$AA$30,INDEX(Jesper!$R$2:$R$366,ROW(INDEX(Jesper!AH$2:AH$366,ROUNDDOWN($C5689/24,0)+1,1))-1)+IF('Standard Profiles'!$G$18=$B$10,7,0)+IF('Standard Profiles'!$G$18=$B$17,14,0)+IF('Standard Profiles'!$G$18=$B$24,21,0),0)),0)</f>
        <v>30.745412203595471</v>
      </c>
      <c r="E5689" cm="1">
        <f t="array" ref="E5689">IFERROR(INDEX(Jesper!AI$2:AI$366,ROUNDDOWN($C5689/24,0)+1,1)*INDEX($D$3:$AA$30,INDEX(Jesper!$R$2:$R$366,ROW(INDEX(Jesper!AI$2:AI$366,ROUNDDOWN($C5689/24,0)+1,1))-1)+IF('Standard Profiles'!$G$19=$B$10,7,0)+IF('Standard Profiles'!$G$19=$B$17,14,0)+IF('Standard Profiles'!$G$19=$B$24,21,0),MOD($C5689,24)+1)/SUM(INDEX($D$3:$AA$30,INDEX(Jesper!$R$2:$R$366,ROW(INDEX(Jesper!AI$2:AI$366,ROUNDDOWN($C5689/24,0)+1,1))-1)+IF('Standard Profiles'!$G$19=$B$10,7,0)+IF('Standard Profiles'!$G$19=$B$17,14,0)+IF('Standard Profiles'!$G$19=$B$24,21,0),0)),0)</f>
        <v>10.92922472528889</v>
      </c>
      <c r="F5689" cm="1">
        <f t="array" ref="F5689">IFERROR(INDEX(Jesper!AJ$2:AJ$366,ROUNDDOWN($C5689/24,0)+1,1)*INDEX($D$3:$AA$30,INDEX(Jesper!$R$2:$R$366,ROW(INDEX(Jesper!AJ$2:AJ$366,ROUNDDOWN($C5689/24,0)+1,1))-1)+IF('Standard Profiles'!$G$20=$B$10,7,0)+IF('Standard Profiles'!$G$20=$B$17,14,0)+IF('Standard Profiles'!$G$20=$B$24,21,0),MOD($C5689,24)+1)/SUM(INDEX($D$3:$AA$30,INDEX(Jesper!$R$2:$R$366,ROW(INDEX(Jesper!AJ$2:AJ$366,ROUNDDOWN($C5689/24,0)+1,1))-1)+IF('Standard Profiles'!$G$20=$B$10,7,0)+IF('Standard Profiles'!$G$20=$B$17,14,0)+IF('Standard Profiles'!$G$20=$B$24,21,0),0)),0)</f>
        <v>0</v>
      </c>
      <c r="G5689" cm="1">
        <f t="array" ref="G5689">IFERROR(INDEX(Jesper!AK$2:AK$366,ROUNDDOWN($C5689/24,0)+1,1)*INDEX($D$3:$AA$30,INDEX(Jesper!$R$2:$R$366,ROW(INDEX(Jesper!AK$2:AK$366,ROUNDDOWN($C5689/24,0)+1,1))-1)+IF('Standard Profiles'!$G$21=$B$10,7,0)+IF('Standard Profiles'!$G$21=$B$17,14,0)+IF('Standard Profiles'!$G$21=$B$24,21,0),MOD($C5689,24)+1)/SUM(INDEX($D$3:$AA$30,INDEX(Jesper!$R$2:$R$366,ROW(INDEX(Jesper!AK$2:AK$366,ROUNDDOWN($C5689/24,0)+1,1))-1)+IF('Standard Profiles'!$G$21=$B$10,7,0)+IF('Standard Profiles'!$G$21=$B$17,14,0)+IF('Standard Profiles'!$G$21=$B$24,21,0),0)),0)</f>
        <v>0</v>
      </c>
      <c r="H5689" cm="1">
        <f t="array" ref="H5689">IFERROR(INDEX(Jesper!AL$2:AL$366,ROUNDDOWN($C5689/24,0)+1,1)*INDEX($D$3:$AA$30,INDEX(Jesper!$R$2:$R$366,ROW(INDEX(Jesper!AL$2:AL$366,ROUNDDOWN($C5689/24,0)+1,1))-1)+IF('Standard Profiles'!$G$22=$B$10,7,0)+IF('Standard Profiles'!$G$22=$B$17,14,0)+IF('Standard Profiles'!$G$22=$B$24,21,0),MOD($C5689,24)+1)/SUM(INDEX($D$3:$AA$30,INDEX(Jesper!$R$2:$R$366,ROW(INDEX(Jesper!AL$2:AL$366,ROUNDDOWN($C5689/24,0)+1,1))-1)+IF('Standard Profiles'!$G$22=$B$10,7,0)+IF('Standard Profiles'!$G$22=$B$17,14,0)+IF('Standard Profiles'!$G$22=$B$24,21,0),0)),0)</f>
        <v>0</v>
      </c>
      <c r="I5689">
        <f t="shared" si="636"/>
        <v>0</v>
      </c>
      <c r="J5689">
        <f t="shared" si="637"/>
        <v>36.755370976309081</v>
      </c>
      <c r="K5689">
        <f t="shared" si="638"/>
        <v>3.2795106350501837</v>
      </c>
      <c r="L5689">
        <f t="shared" si="639"/>
        <v>1.6397553175250918</v>
      </c>
      <c r="M5689">
        <f t="shared" si="640"/>
        <v>0</v>
      </c>
      <c r="N5689" s="45">
        <f t="shared" si="641"/>
        <v>45162.624999986285</v>
      </c>
    </row>
    <row r="5690" spans="2:14" x14ac:dyDescent="0.25">
      <c r="B5690">
        <f t="shared" si="635"/>
        <v>4</v>
      </c>
      <c r="C5690" s="16">
        <v>5656</v>
      </c>
      <c r="D5690" cm="1">
        <f t="array" ref="D5690">IFERROR(INDEX(Jesper!AH$2:AH$366,ROUNDDOWN($C5690/24,0)+1,1)*INDEX($D$3:$AA$30,INDEX(Jesper!$R$2:$R$366,ROW(INDEX(Jesper!AH$2:AH$366,ROUNDDOWN($C5690/24,0)+1,1))-1)+IF('Standard Profiles'!$G$18=$B$10,7,0)+IF('Standard Profiles'!$G$18=$B$17,14,0)+IF('Standard Profiles'!$G$18=$B$24,21,0),MOD($C5690,24)+1)/SUM(INDEX($D$3:$AA$30,INDEX(Jesper!$R$2:$R$366,ROW(INDEX(Jesper!AH$2:AH$366,ROUNDDOWN($C5690/24,0)+1,1))-1)+IF('Standard Profiles'!$G$18=$B$10,7,0)+IF('Standard Profiles'!$G$18=$B$17,14,0)+IF('Standard Profiles'!$G$18=$B$24,21,0),0)),0)</f>
        <v>18.117832191404474</v>
      </c>
      <c r="E5690" cm="1">
        <f t="array" ref="E5690">IFERROR(INDEX(Jesper!AI$2:AI$366,ROUNDDOWN($C5690/24,0)+1,1)*INDEX($D$3:$AA$30,INDEX(Jesper!$R$2:$R$366,ROW(INDEX(Jesper!AI$2:AI$366,ROUNDDOWN($C5690/24,0)+1,1))-1)+IF('Standard Profiles'!$G$19=$B$10,7,0)+IF('Standard Profiles'!$G$19=$B$17,14,0)+IF('Standard Profiles'!$G$19=$B$24,21,0),MOD($C5690,24)+1)/SUM(INDEX($D$3:$AA$30,INDEX(Jesper!$R$2:$R$366,ROW(INDEX(Jesper!AI$2:AI$366,ROUNDDOWN($C5690/24,0)+1,1))-1)+IF('Standard Profiles'!$G$19=$B$10,7,0)+IF('Standard Profiles'!$G$19=$B$17,14,0)+IF('Standard Profiles'!$G$19=$B$24,21,0),0)),0)</f>
        <v>6.4404359988309547</v>
      </c>
      <c r="F5690" cm="1">
        <f t="array" ref="F5690">IFERROR(INDEX(Jesper!AJ$2:AJ$366,ROUNDDOWN($C5690/24,0)+1,1)*INDEX($D$3:$AA$30,INDEX(Jesper!$R$2:$R$366,ROW(INDEX(Jesper!AJ$2:AJ$366,ROUNDDOWN($C5690/24,0)+1,1))-1)+IF('Standard Profiles'!$G$20=$B$10,7,0)+IF('Standard Profiles'!$G$20=$B$17,14,0)+IF('Standard Profiles'!$G$20=$B$24,21,0),MOD($C5690,24)+1)/SUM(INDEX($D$3:$AA$30,INDEX(Jesper!$R$2:$R$366,ROW(INDEX(Jesper!AJ$2:AJ$366,ROUNDDOWN($C5690/24,0)+1,1))-1)+IF('Standard Profiles'!$G$20=$B$10,7,0)+IF('Standard Profiles'!$G$20=$B$17,14,0)+IF('Standard Profiles'!$G$20=$B$24,21,0),0)),0)</f>
        <v>0</v>
      </c>
      <c r="G5690" cm="1">
        <f t="array" ref="G5690">IFERROR(INDEX(Jesper!AK$2:AK$366,ROUNDDOWN($C5690/24,0)+1,1)*INDEX($D$3:$AA$30,INDEX(Jesper!$R$2:$R$366,ROW(INDEX(Jesper!AK$2:AK$366,ROUNDDOWN($C5690/24,0)+1,1))-1)+IF('Standard Profiles'!$G$21=$B$10,7,0)+IF('Standard Profiles'!$G$21=$B$17,14,0)+IF('Standard Profiles'!$G$21=$B$24,21,0),MOD($C5690,24)+1)/SUM(INDEX($D$3:$AA$30,INDEX(Jesper!$R$2:$R$366,ROW(INDEX(Jesper!AK$2:AK$366,ROUNDDOWN($C5690/24,0)+1,1))-1)+IF('Standard Profiles'!$G$21=$B$10,7,0)+IF('Standard Profiles'!$G$21=$B$17,14,0)+IF('Standard Profiles'!$G$21=$B$24,21,0),0)),0)</f>
        <v>0</v>
      </c>
      <c r="H5690" cm="1">
        <f t="array" ref="H5690">IFERROR(INDEX(Jesper!AL$2:AL$366,ROUNDDOWN($C5690/24,0)+1,1)*INDEX($D$3:$AA$30,INDEX(Jesper!$R$2:$R$366,ROW(INDEX(Jesper!AL$2:AL$366,ROUNDDOWN($C5690/24,0)+1,1))-1)+IF('Standard Profiles'!$G$22=$B$10,7,0)+IF('Standard Profiles'!$G$22=$B$17,14,0)+IF('Standard Profiles'!$G$22=$B$24,21,0),MOD($C5690,24)+1)/SUM(INDEX($D$3:$AA$30,INDEX(Jesper!$R$2:$R$366,ROW(INDEX(Jesper!AL$2:AL$366,ROUNDDOWN($C5690/24,0)+1,1))-1)+IF('Standard Profiles'!$G$22=$B$10,7,0)+IF('Standard Profiles'!$G$22=$B$17,14,0)+IF('Standard Profiles'!$G$22=$B$24,21,0),0)),0)</f>
        <v>0</v>
      </c>
      <c r="I5690">
        <f t="shared" si="636"/>
        <v>0</v>
      </c>
      <c r="J5690">
        <f t="shared" si="637"/>
        <v>21.659415039610714</v>
      </c>
      <c r="K5690">
        <f t="shared" si="638"/>
        <v>1.932568767083144</v>
      </c>
      <c r="L5690">
        <f t="shared" si="639"/>
        <v>0.96628438354157198</v>
      </c>
      <c r="M5690">
        <f t="shared" si="640"/>
        <v>0</v>
      </c>
      <c r="N5690" s="45">
        <f t="shared" si="641"/>
        <v>45162.666666652949</v>
      </c>
    </row>
    <row r="5691" spans="2:14" x14ac:dyDescent="0.25">
      <c r="B5691">
        <f t="shared" si="635"/>
        <v>4</v>
      </c>
      <c r="C5691" s="16">
        <v>5657</v>
      </c>
      <c r="D5691" cm="1">
        <f t="array" ref="D5691">IFERROR(INDEX(Jesper!AH$2:AH$366,ROUNDDOWN($C5691/24,0)+1,1)*INDEX($D$3:$AA$30,INDEX(Jesper!$R$2:$R$366,ROW(INDEX(Jesper!AH$2:AH$366,ROUNDDOWN($C5691/24,0)+1,1))-1)+IF('Standard Profiles'!$G$18=$B$10,7,0)+IF('Standard Profiles'!$G$18=$B$17,14,0)+IF('Standard Profiles'!$G$18=$B$24,21,0),MOD($C5691,24)+1)/SUM(INDEX($D$3:$AA$30,INDEX(Jesper!$R$2:$R$366,ROW(INDEX(Jesper!AH$2:AH$366,ROUNDDOWN($C5691/24,0)+1,1))-1)+IF('Standard Profiles'!$G$18=$B$10,7,0)+IF('Standard Profiles'!$G$18=$B$17,14,0)+IF('Standard Profiles'!$G$18=$B$24,21,0),0)),0)</f>
        <v>7.7327495481879964</v>
      </c>
      <c r="E5691" cm="1">
        <f t="array" ref="E5691">IFERROR(INDEX(Jesper!AI$2:AI$366,ROUNDDOWN($C5691/24,0)+1,1)*INDEX($D$3:$AA$30,INDEX(Jesper!$R$2:$R$366,ROW(INDEX(Jesper!AI$2:AI$366,ROUNDDOWN($C5691/24,0)+1,1))-1)+IF('Standard Profiles'!$G$19=$B$10,7,0)+IF('Standard Profiles'!$G$19=$B$17,14,0)+IF('Standard Profiles'!$G$19=$B$24,21,0),MOD($C5691,24)+1)/SUM(INDEX($D$3:$AA$30,INDEX(Jesper!$R$2:$R$366,ROW(INDEX(Jesper!AI$2:AI$366,ROUNDDOWN($C5691/24,0)+1,1))-1)+IF('Standard Profiles'!$G$19=$B$10,7,0)+IF('Standard Profiles'!$G$19=$B$17,14,0)+IF('Standard Profiles'!$G$19=$B$24,21,0),0)),0)</f>
        <v>2.7487989751732624</v>
      </c>
      <c r="F5691" cm="1">
        <f t="array" ref="F5691">IFERROR(INDEX(Jesper!AJ$2:AJ$366,ROUNDDOWN($C5691/24,0)+1,1)*INDEX($D$3:$AA$30,INDEX(Jesper!$R$2:$R$366,ROW(INDEX(Jesper!AJ$2:AJ$366,ROUNDDOWN($C5691/24,0)+1,1))-1)+IF('Standard Profiles'!$G$20=$B$10,7,0)+IF('Standard Profiles'!$G$20=$B$17,14,0)+IF('Standard Profiles'!$G$20=$B$24,21,0),MOD($C5691,24)+1)/SUM(INDEX($D$3:$AA$30,INDEX(Jesper!$R$2:$R$366,ROW(INDEX(Jesper!AJ$2:AJ$366,ROUNDDOWN($C5691/24,0)+1,1))-1)+IF('Standard Profiles'!$G$20=$B$10,7,0)+IF('Standard Profiles'!$G$20=$B$17,14,0)+IF('Standard Profiles'!$G$20=$B$24,21,0),0)),0)</f>
        <v>0</v>
      </c>
      <c r="G5691" cm="1">
        <f t="array" ref="G5691">IFERROR(INDEX(Jesper!AK$2:AK$366,ROUNDDOWN($C5691/24,0)+1,1)*INDEX($D$3:$AA$30,INDEX(Jesper!$R$2:$R$366,ROW(INDEX(Jesper!AK$2:AK$366,ROUNDDOWN($C5691/24,0)+1,1))-1)+IF('Standard Profiles'!$G$21=$B$10,7,0)+IF('Standard Profiles'!$G$21=$B$17,14,0)+IF('Standard Profiles'!$G$21=$B$24,21,0),MOD($C5691,24)+1)/SUM(INDEX($D$3:$AA$30,INDEX(Jesper!$R$2:$R$366,ROW(INDEX(Jesper!AK$2:AK$366,ROUNDDOWN($C5691/24,0)+1,1))-1)+IF('Standard Profiles'!$G$21=$B$10,7,0)+IF('Standard Profiles'!$G$21=$B$17,14,0)+IF('Standard Profiles'!$G$21=$B$24,21,0),0)),0)</f>
        <v>0</v>
      </c>
      <c r="H5691" cm="1">
        <f t="array" ref="H5691">IFERROR(INDEX(Jesper!AL$2:AL$366,ROUNDDOWN($C5691/24,0)+1,1)*INDEX($D$3:$AA$30,INDEX(Jesper!$R$2:$R$366,ROW(INDEX(Jesper!AL$2:AL$366,ROUNDDOWN($C5691/24,0)+1,1))-1)+IF('Standard Profiles'!$G$22=$B$10,7,0)+IF('Standard Profiles'!$G$22=$B$17,14,0)+IF('Standard Profiles'!$G$22=$B$24,21,0),MOD($C5691,24)+1)/SUM(INDEX($D$3:$AA$30,INDEX(Jesper!$R$2:$R$366,ROW(INDEX(Jesper!AL$2:AL$366,ROUNDDOWN($C5691/24,0)+1,1))-1)+IF('Standard Profiles'!$G$22=$B$10,7,0)+IF('Standard Profiles'!$G$22=$B$17,14,0)+IF('Standard Profiles'!$G$22=$B$24,21,0),0)),0)</f>
        <v>0</v>
      </c>
      <c r="I5691">
        <f t="shared" si="636"/>
        <v>0</v>
      </c>
      <c r="J5691">
        <f t="shared" si="637"/>
        <v>9.2443085956511784</v>
      </c>
      <c r="K5691">
        <f t="shared" si="638"/>
        <v>0.82482661847338634</v>
      </c>
      <c r="L5691">
        <f t="shared" si="639"/>
        <v>0.41241330923669317</v>
      </c>
      <c r="M5691">
        <f t="shared" si="640"/>
        <v>0</v>
      </c>
      <c r="N5691" s="45">
        <f t="shared" si="641"/>
        <v>45162.708333319613</v>
      </c>
    </row>
    <row r="5692" spans="2:14" x14ac:dyDescent="0.25">
      <c r="B5692">
        <f t="shared" si="635"/>
        <v>4</v>
      </c>
      <c r="C5692" s="16">
        <v>5658</v>
      </c>
      <c r="D5692" cm="1">
        <f t="array" ref="D5692">IFERROR(INDEX(Jesper!AH$2:AH$366,ROUNDDOWN($C5692/24,0)+1,1)*INDEX($D$3:$AA$30,INDEX(Jesper!$R$2:$R$366,ROW(INDEX(Jesper!AH$2:AH$366,ROUNDDOWN($C5692/24,0)+1,1))-1)+IF('Standard Profiles'!$G$18=$B$10,7,0)+IF('Standard Profiles'!$G$18=$B$17,14,0)+IF('Standard Profiles'!$G$18=$B$24,21,0),MOD($C5692,24)+1)/SUM(INDEX($D$3:$AA$30,INDEX(Jesper!$R$2:$R$366,ROW(INDEX(Jesper!AH$2:AH$366,ROUNDDOWN($C5692/24,0)+1,1))-1)+IF('Standard Profiles'!$G$18=$B$10,7,0)+IF('Standard Profiles'!$G$18=$B$17,14,0)+IF('Standard Profiles'!$G$18=$B$24,21,0),0)),0)</f>
        <v>5.1036147018040783</v>
      </c>
      <c r="E5692" cm="1">
        <f t="array" ref="E5692">IFERROR(INDEX(Jesper!AI$2:AI$366,ROUNDDOWN($C5692/24,0)+1,1)*INDEX($D$3:$AA$30,INDEX(Jesper!$R$2:$R$366,ROW(INDEX(Jesper!AI$2:AI$366,ROUNDDOWN($C5692/24,0)+1,1))-1)+IF('Standard Profiles'!$G$19=$B$10,7,0)+IF('Standard Profiles'!$G$19=$B$17,14,0)+IF('Standard Profiles'!$G$19=$B$24,21,0),MOD($C5692,24)+1)/SUM(INDEX($D$3:$AA$30,INDEX(Jesper!$R$2:$R$366,ROW(INDEX(Jesper!AI$2:AI$366,ROUNDDOWN($C5692/24,0)+1,1))-1)+IF('Standard Profiles'!$G$19=$B$10,7,0)+IF('Standard Profiles'!$G$19=$B$17,14,0)+IF('Standard Profiles'!$G$19=$B$24,21,0),0)),0)</f>
        <v>1.8142073236143532</v>
      </c>
      <c r="F5692" cm="1">
        <f t="array" ref="F5692">IFERROR(INDEX(Jesper!AJ$2:AJ$366,ROUNDDOWN($C5692/24,0)+1,1)*INDEX($D$3:$AA$30,INDEX(Jesper!$R$2:$R$366,ROW(INDEX(Jesper!AJ$2:AJ$366,ROUNDDOWN($C5692/24,0)+1,1))-1)+IF('Standard Profiles'!$G$20=$B$10,7,0)+IF('Standard Profiles'!$G$20=$B$17,14,0)+IF('Standard Profiles'!$G$20=$B$24,21,0),MOD($C5692,24)+1)/SUM(INDEX($D$3:$AA$30,INDEX(Jesper!$R$2:$R$366,ROW(INDEX(Jesper!AJ$2:AJ$366,ROUNDDOWN($C5692/24,0)+1,1))-1)+IF('Standard Profiles'!$G$20=$B$10,7,0)+IF('Standard Profiles'!$G$20=$B$17,14,0)+IF('Standard Profiles'!$G$20=$B$24,21,0),0)),0)</f>
        <v>0</v>
      </c>
      <c r="G5692" cm="1">
        <f t="array" ref="G5692">IFERROR(INDEX(Jesper!AK$2:AK$366,ROUNDDOWN($C5692/24,0)+1,1)*INDEX($D$3:$AA$30,INDEX(Jesper!$R$2:$R$366,ROW(INDEX(Jesper!AK$2:AK$366,ROUNDDOWN($C5692/24,0)+1,1))-1)+IF('Standard Profiles'!$G$21=$B$10,7,0)+IF('Standard Profiles'!$G$21=$B$17,14,0)+IF('Standard Profiles'!$G$21=$B$24,21,0),MOD($C5692,24)+1)/SUM(INDEX($D$3:$AA$30,INDEX(Jesper!$R$2:$R$366,ROW(INDEX(Jesper!AK$2:AK$366,ROUNDDOWN($C5692/24,0)+1,1))-1)+IF('Standard Profiles'!$G$21=$B$10,7,0)+IF('Standard Profiles'!$G$21=$B$17,14,0)+IF('Standard Profiles'!$G$21=$B$24,21,0),0)),0)</f>
        <v>0</v>
      </c>
      <c r="H5692" cm="1">
        <f t="array" ref="H5692">IFERROR(INDEX(Jesper!AL$2:AL$366,ROUNDDOWN($C5692/24,0)+1,1)*INDEX($D$3:$AA$30,INDEX(Jesper!$R$2:$R$366,ROW(INDEX(Jesper!AL$2:AL$366,ROUNDDOWN($C5692/24,0)+1,1))-1)+IF('Standard Profiles'!$G$22=$B$10,7,0)+IF('Standard Profiles'!$G$22=$B$17,14,0)+IF('Standard Profiles'!$G$22=$B$24,21,0),MOD($C5692,24)+1)/SUM(INDEX($D$3:$AA$30,INDEX(Jesper!$R$2:$R$366,ROW(INDEX(Jesper!AL$2:AL$366,ROUNDDOWN($C5692/24,0)+1,1))-1)+IF('Standard Profiles'!$G$22=$B$10,7,0)+IF('Standard Profiles'!$G$22=$B$17,14,0)+IF('Standard Profiles'!$G$22=$B$24,21,0),0)),0)</f>
        <v>0</v>
      </c>
      <c r="I5692">
        <f t="shared" si="636"/>
        <v>0</v>
      </c>
      <c r="J5692">
        <f t="shared" si="637"/>
        <v>6.1012436731297797</v>
      </c>
      <c r="K5692">
        <f t="shared" si="638"/>
        <v>0.544385568192435</v>
      </c>
      <c r="L5692">
        <f t="shared" si="639"/>
        <v>0.2721927840962175</v>
      </c>
      <c r="M5692">
        <f t="shared" si="640"/>
        <v>0</v>
      </c>
      <c r="N5692" s="45">
        <f t="shared" si="641"/>
        <v>45162.749999986278</v>
      </c>
    </row>
    <row r="5693" spans="2:14" x14ac:dyDescent="0.25">
      <c r="B5693">
        <f t="shared" si="635"/>
        <v>4</v>
      </c>
      <c r="C5693" s="16">
        <v>5659</v>
      </c>
      <c r="D5693" cm="1">
        <f t="array" ref="D5693">IFERROR(INDEX(Jesper!AH$2:AH$366,ROUNDDOWN($C5693/24,0)+1,1)*INDEX($D$3:$AA$30,INDEX(Jesper!$R$2:$R$366,ROW(INDEX(Jesper!AH$2:AH$366,ROUNDDOWN($C5693/24,0)+1,1))-1)+IF('Standard Profiles'!$G$18=$B$10,7,0)+IF('Standard Profiles'!$G$18=$B$17,14,0)+IF('Standard Profiles'!$G$18=$B$24,21,0),MOD($C5693,24)+1)/SUM(INDEX($D$3:$AA$30,INDEX(Jesper!$R$2:$R$366,ROW(INDEX(Jesper!AH$2:AH$366,ROUNDDOWN($C5693/24,0)+1,1))-1)+IF('Standard Profiles'!$G$18=$B$10,7,0)+IF('Standard Profiles'!$G$18=$B$17,14,0)+IF('Standard Profiles'!$G$18=$B$24,21,0),0)),0)</f>
        <v>5.1036147018040783</v>
      </c>
      <c r="E5693" cm="1">
        <f t="array" ref="E5693">IFERROR(INDEX(Jesper!AI$2:AI$366,ROUNDDOWN($C5693/24,0)+1,1)*INDEX($D$3:$AA$30,INDEX(Jesper!$R$2:$R$366,ROW(INDEX(Jesper!AI$2:AI$366,ROUNDDOWN($C5693/24,0)+1,1))-1)+IF('Standard Profiles'!$G$19=$B$10,7,0)+IF('Standard Profiles'!$G$19=$B$17,14,0)+IF('Standard Profiles'!$G$19=$B$24,21,0),MOD($C5693,24)+1)/SUM(INDEX($D$3:$AA$30,INDEX(Jesper!$R$2:$R$366,ROW(INDEX(Jesper!AI$2:AI$366,ROUNDDOWN($C5693/24,0)+1,1))-1)+IF('Standard Profiles'!$G$19=$B$10,7,0)+IF('Standard Profiles'!$G$19=$B$17,14,0)+IF('Standard Profiles'!$G$19=$B$24,21,0),0)),0)</f>
        <v>1.8142073236143532</v>
      </c>
      <c r="F5693" cm="1">
        <f t="array" ref="F5693">IFERROR(INDEX(Jesper!AJ$2:AJ$366,ROUNDDOWN($C5693/24,0)+1,1)*INDEX($D$3:$AA$30,INDEX(Jesper!$R$2:$R$366,ROW(INDEX(Jesper!AJ$2:AJ$366,ROUNDDOWN($C5693/24,0)+1,1))-1)+IF('Standard Profiles'!$G$20=$B$10,7,0)+IF('Standard Profiles'!$G$20=$B$17,14,0)+IF('Standard Profiles'!$G$20=$B$24,21,0),MOD($C5693,24)+1)/SUM(INDEX($D$3:$AA$30,INDEX(Jesper!$R$2:$R$366,ROW(INDEX(Jesper!AJ$2:AJ$366,ROUNDDOWN($C5693/24,0)+1,1))-1)+IF('Standard Profiles'!$G$20=$B$10,7,0)+IF('Standard Profiles'!$G$20=$B$17,14,0)+IF('Standard Profiles'!$G$20=$B$24,21,0),0)),0)</f>
        <v>0</v>
      </c>
      <c r="G5693" cm="1">
        <f t="array" ref="G5693">IFERROR(INDEX(Jesper!AK$2:AK$366,ROUNDDOWN($C5693/24,0)+1,1)*INDEX($D$3:$AA$30,INDEX(Jesper!$R$2:$R$366,ROW(INDEX(Jesper!AK$2:AK$366,ROUNDDOWN($C5693/24,0)+1,1))-1)+IF('Standard Profiles'!$G$21=$B$10,7,0)+IF('Standard Profiles'!$G$21=$B$17,14,0)+IF('Standard Profiles'!$G$21=$B$24,21,0),MOD($C5693,24)+1)/SUM(INDEX($D$3:$AA$30,INDEX(Jesper!$R$2:$R$366,ROW(INDEX(Jesper!AK$2:AK$366,ROUNDDOWN($C5693/24,0)+1,1))-1)+IF('Standard Profiles'!$G$21=$B$10,7,0)+IF('Standard Profiles'!$G$21=$B$17,14,0)+IF('Standard Profiles'!$G$21=$B$24,21,0),0)),0)</f>
        <v>0</v>
      </c>
      <c r="H5693" cm="1">
        <f t="array" ref="H5693">IFERROR(INDEX(Jesper!AL$2:AL$366,ROUNDDOWN($C5693/24,0)+1,1)*INDEX($D$3:$AA$30,INDEX(Jesper!$R$2:$R$366,ROW(INDEX(Jesper!AL$2:AL$366,ROUNDDOWN($C5693/24,0)+1,1))-1)+IF('Standard Profiles'!$G$22=$B$10,7,0)+IF('Standard Profiles'!$G$22=$B$17,14,0)+IF('Standard Profiles'!$G$22=$B$24,21,0),MOD($C5693,24)+1)/SUM(INDEX($D$3:$AA$30,INDEX(Jesper!$R$2:$R$366,ROW(INDEX(Jesper!AL$2:AL$366,ROUNDDOWN($C5693/24,0)+1,1))-1)+IF('Standard Profiles'!$G$22=$B$10,7,0)+IF('Standard Profiles'!$G$22=$B$17,14,0)+IF('Standard Profiles'!$G$22=$B$24,21,0),0)),0)</f>
        <v>0</v>
      </c>
      <c r="I5693">
        <f t="shared" si="636"/>
        <v>0</v>
      </c>
      <c r="J5693">
        <f t="shared" si="637"/>
        <v>6.1012436731297797</v>
      </c>
      <c r="K5693">
        <f t="shared" si="638"/>
        <v>0.544385568192435</v>
      </c>
      <c r="L5693">
        <f t="shared" si="639"/>
        <v>0.2721927840962175</v>
      </c>
      <c r="M5693">
        <f t="shared" si="640"/>
        <v>0</v>
      </c>
      <c r="N5693" s="45">
        <f t="shared" si="641"/>
        <v>45162.791666652942</v>
      </c>
    </row>
    <row r="5694" spans="2:14" x14ac:dyDescent="0.25">
      <c r="B5694">
        <f t="shared" si="635"/>
        <v>4</v>
      </c>
      <c r="C5694" s="16">
        <v>5660</v>
      </c>
      <c r="D5694" cm="1">
        <f t="array" ref="D5694">IFERROR(INDEX(Jesper!AH$2:AH$366,ROUNDDOWN($C5694/24,0)+1,1)*INDEX($D$3:$AA$30,INDEX(Jesper!$R$2:$R$366,ROW(INDEX(Jesper!AH$2:AH$366,ROUNDDOWN($C5694/24,0)+1,1))-1)+IF('Standard Profiles'!$G$18=$B$10,7,0)+IF('Standard Profiles'!$G$18=$B$17,14,0)+IF('Standard Profiles'!$G$18=$B$24,21,0),MOD($C5694,24)+1)/SUM(INDEX($D$3:$AA$30,INDEX(Jesper!$R$2:$R$366,ROW(INDEX(Jesper!AH$2:AH$366,ROUNDDOWN($C5694/24,0)+1,1))-1)+IF('Standard Profiles'!$G$18=$B$10,7,0)+IF('Standard Profiles'!$G$18=$B$17,14,0)+IF('Standard Profiles'!$G$18=$B$24,21,0),0)),0)</f>
        <v>5.1036147018040783</v>
      </c>
      <c r="E5694" cm="1">
        <f t="array" ref="E5694">IFERROR(INDEX(Jesper!AI$2:AI$366,ROUNDDOWN($C5694/24,0)+1,1)*INDEX($D$3:$AA$30,INDEX(Jesper!$R$2:$R$366,ROW(INDEX(Jesper!AI$2:AI$366,ROUNDDOWN($C5694/24,0)+1,1))-1)+IF('Standard Profiles'!$G$19=$B$10,7,0)+IF('Standard Profiles'!$G$19=$B$17,14,0)+IF('Standard Profiles'!$G$19=$B$24,21,0),MOD($C5694,24)+1)/SUM(INDEX($D$3:$AA$30,INDEX(Jesper!$R$2:$R$366,ROW(INDEX(Jesper!AI$2:AI$366,ROUNDDOWN($C5694/24,0)+1,1))-1)+IF('Standard Profiles'!$G$19=$B$10,7,0)+IF('Standard Profiles'!$G$19=$B$17,14,0)+IF('Standard Profiles'!$G$19=$B$24,21,0),0)),0)</f>
        <v>1.8142073236143532</v>
      </c>
      <c r="F5694" cm="1">
        <f t="array" ref="F5694">IFERROR(INDEX(Jesper!AJ$2:AJ$366,ROUNDDOWN($C5694/24,0)+1,1)*INDEX($D$3:$AA$30,INDEX(Jesper!$R$2:$R$366,ROW(INDEX(Jesper!AJ$2:AJ$366,ROUNDDOWN($C5694/24,0)+1,1))-1)+IF('Standard Profiles'!$G$20=$B$10,7,0)+IF('Standard Profiles'!$G$20=$B$17,14,0)+IF('Standard Profiles'!$G$20=$B$24,21,0),MOD($C5694,24)+1)/SUM(INDEX($D$3:$AA$30,INDEX(Jesper!$R$2:$R$366,ROW(INDEX(Jesper!AJ$2:AJ$366,ROUNDDOWN($C5694/24,0)+1,1))-1)+IF('Standard Profiles'!$G$20=$B$10,7,0)+IF('Standard Profiles'!$G$20=$B$17,14,0)+IF('Standard Profiles'!$G$20=$B$24,21,0),0)),0)</f>
        <v>0</v>
      </c>
      <c r="G5694" cm="1">
        <f t="array" ref="G5694">IFERROR(INDEX(Jesper!AK$2:AK$366,ROUNDDOWN($C5694/24,0)+1,1)*INDEX($D$3:$AA$30,INDEX(Jesper!$R$2:$R$366,ROW(INDEX(Jesper!AK$2:AK$366,ROUNDDOWN($C5694/24,0)+1,1))-1)+IF('Standard Profiles'!$G$21=$B$10,7,0)+IF('Standard Profiles'!$G$21=$B$17,14,0)+IF('Standard Profiles'!$G$21=$B$24,21,0),MOD($C5694,24)+1)/SUM(INDEX($D$3:$AA$30,INDEX(Jesper!$R$2:$R$366,ROW(INDEX(Jesper!AK$2:AK$366,ROUNDDOWN($C5694/24,0)+1,1))-1)+IF('Standard Profiles'!$G$21=$B$10,7,0)+IF('Standard Profiles'!$G$21=$B$17,14,0)+IF('Standard Profiles'!$G$21=$B$24,21,0),0)),0)</f>
        <v>0</v>
      </c>
      <c r="H5694" cm="1">
        <f t="array" ref="H5694">IFERROR(INDEX(Jesper!AL$2:AL$366,ROUNDDOWN($C5694/24,0)+1,1)*INDEX($D$3:$AA$30,INDEX(Jesper!$R$2:$R$366,ROW(INDEX(Jesper!AL$2:AL$366,ROUNDDOWN($C5694/24,0)+1,1))-1)+IF('Standard Profiles'!$G$22=$B$10,7,0)+IF('Standard Profiles'!$G$22=$B$17,14,0)+IF('Standard Profiles'!$G$22=$B$24,21,0),MOD($C5694,24)+1)/SUM(INDEX($D$3:$AA$30,INDEX(Jesper!$R$2:$R$366,ROW(INDEX(Jesper!AL$2:AL$366,ROUNDDOWN($C5694/24,0)+1,1))-1)+IF('Standard Profiles'!$G$22=$B$10,7,0)+IF('Standard Profiles'!$G$22=$B$17,14,0)+IF('Standard Profiles'!$G$22=$B$24,21,0),0)),0)</f>
        <v>0</v>
      </c>
      <c r="I5694">
        <f t="shared" si="636"/>
        <v>0</v>
      </c>
      <c r="J5694">
        <f t="shared" si="637"/>
        <v>6.1012436731297797</v>
      </c>
      <c r="K5694">
        <f t="shared" si="638"/>
        <v>0.544385568192435</v>
      </c>
      <c r="L5694">
        <f t="shared" si="639"/>
        <v>0.2721927840962175</v>
      </c>
      <c r="M5694">
        <f t="shared" si="640"/>
        <v>0</v>
      </c>
      <c r="N5694" s="45">
        <f t="shared" si="641"/>
        <v>45162.833333319606</v>
      </c>
    </row>
    <row r="5695" spans="2:14" x14ac:dyDescent="0.25">
      <c r="B5695">
        <f t="shared" si="635"/>
        <v>4</v>
      </c>
      <c r="C5695" s="16">
        <v>5661</v>
      </c>
      <c r="D5695" cm="1">
        <f t="array" ref="D5695">IFERROR(INDEX(Jesper!AH$2:AH$366,ROUNDDOWN($C5695/24,0)+1,1)*INDEX($D$3:$AA$30,INDEX(Jesper!$R$2:$R$366,ROW(INDEX(Jesper!AH$2:AH$366,ROUNDDOWN($C5695/24,0)+1,1))-1)+IF('Standard Profiles'!$G$18=$B$10,7,0)+IF('Standard Profiles'!$G$18=$B$17,14,0)+IF('Standard Profiles'!$G$18=$B$24,21,0),MOD($C5695,24)+1)/SUM(INDEX($D$3:$AA$30,INDEX(Jesper!$R$2:$R$366,ROW(INDEX(Jesper!AH$2:AH$366,ROUNDDOWN($C5695/24,0)+1,1))-1)+IF('Standard Profiles'!$G$18=$B$10,7,0)+IF('Standard Profiles'!$G$18=$B$17,14,0)+IF('Standard Profiles'!$G$18=$B$24,21,0),0)),0)</f>
        <v>5.1036147018040783</v>
      </c>
      <c r="E5695" cm="1">
        <f t="array" ref="E5695">IFERROR(INDEX(Jesper!AI$2:AI$366,ROUNDDOWN($C5695/24,0)+1,1)*INDEX($D$3:$AA$30,INDEX(Jesper!$R$2:$R$366,ROW(INDEX(Jesper!AI$2:AI$366,ROUNDDOWN($C5695/24,0)+1,1))-1)+IF('Standard Profiles'!$G$19=$B$10,7,0)+IF('Standard Profiles'!$G$19=$B$17,14,0)+IF('Standard Profiles'!$G$19=$B$24,21,0),MOD($C5695,24)+1)/SUM(INDEX($D$3:$AA$30,INDEX(Jesper!$R$2:$R$366,ROW(INDEX(Jesper!AI$2:AI$366,ROUNDDOWN($C5695/24,0)+1,1))-1)+IF('Standard Profiles'!$G$19=$B$10,7,0)+IF('Standard Profiles'!$G$19=$B$17,14,0)+IF('Standard Profiles'!$G$19=$B$24,21,0),0)),0)</f>
        <v>1.8142073236143532</v>
      </c>
      <c r="F5695" cm="1">
        <f t="array" ref="F5695">IFERROR(INDEX(Jesper!AJ$2:AJ$366,ROUNDDOWN($C5695/24,0)+1,1)*INDEX($D$3:$AA$30,INDEX(Jesper!$R$2:$R$366,ROW(INDEX(Jesper!AJ$2:AJ$366,ROUNDDOWN($C5695/24,0)+1,1))-1)+IF('Standard Profiles'!$G$20=$B$10,7,0)+IF('Standard Profiles'!$G$20=$B$17,14,0)+IF('Standard Profiles'!$G$20=$B$24,21,0),MOD($C5695,24)+1)/SUM(INDEX($D$3:$AA$30,INDEX(Jesper!$R$2:$R$366,ROW(INDEX(Jesper!AJ$2:AJ$366,ROUNDDOWN($C5695/24,0)+1,1))-1)+IF('Standard Profiles'!$G$20=$B$10,7,0)+IF('Standard Profiles'!$G$20=$B$17,14,0)+IF('Standard Profiles'!$G$20=$B$24,21,0),0)),0)</f>
        <v>0</v>
      </c>
      <c r="G5695" cm="1">
        <f t="array" ref="G5695">IFERROR(INDEX(Jesper!AK$2:AK$366,ROUNDDOWN($C5695/24,0)+1,1)*INDEX($D$3:$AA$30,INDEX(Jesper!$R$2:$R$366,ROW(INDEX(Jesper!AK$2:AK$366,ROUNDDOWN($C5695/24,0)+1,1))-1)+IF('Standard Profiles'!$G$21=$B$10,7,0)+IF('Standard Profiles'!$G$21=$B$17,14,0)+IF('Standard Profiles'!$G$21=$B$24,21,0),MOD($C5695,24)+1)/SUM(INDEX($D$3:$AA$30,INDEX(Jesper!$R$2:$R$366,ROW(INDEX(Jesper!AK$2:AK$366,ROUNDDOWN($C5695/24,0)+1,1))-1)+IF('Standard Profiles'!$G$21=$B$10,7,0)+IF('Standard Profiles'!$G$21=$B$17,14,0)+IF('Standard Profiles'!$G$21=$B$24,21,0),0)),0)</f>
        <v>0</v>
      </c>
      <c r="H5695" cm="1">
        <f t="array" ref="H5695">IFERROR(INDEX(Jesper!AL$2:AL$366,ROUNDDOWN($C5695/24,0)+1,1)*INDEX($D$3:$AA$30,INDEX(Jesper!$R$2:$R$366,ROW(INDEX(Jesper!AL$2:AL$366,ROUNDDOWN($C5695/24,0)+1,1))-1)+IF('Standard Profiles'!$G$22=$B$10,7,0)+IF('Standard Profiles'!$G$22=$B$17,14,0)+IF('Standard Profiles'!$G$22=$B$24,21,0),MOD($C5695,24)+1)/SUM(INDEX($D$3:$AA$30,INDEX(Jesper!$R$2:$R$366,ROW(INDEX(Jesper!AL$2:AL$366,ROUNDDOWN($C5695/24,0)+1,1))-1)+IF('Standard Profiles'!$G$22=$B$10,7,0)+IF('Standard Profiles'!$G$22=$B$17,14,0)+IF('Standard Profiles'!$G$22=$B$24,21,0),0)),0)</f>
        <v>0</v>
      </c>
      <c r="I5695">
        <f t="shared" si="636"/>
        <v>0</v>
      </c>
      <c r="J5695">
        <f t="shared" si="637"/>
        <v>6.1012436731297797</v>
      </c>
      <c r="K5695">
        <f t="shared" si="638"/>
        <v>0.544385568192435</v>
      </c>
      <c r="L5695">
        <f t="shared" si="639"/>
        <v>0.2721927840962175</v>
      </c>
      <c r="M5695">
        <f t="shared" si="640"/>
        <v>0</v>
      </c>
      <c r="N5695" s="45">
        <f t="shared" si="641"/>
        <v>45162.87499998627</v>
      </c>
    </row>
    <row r="5696" spans="2:14" x14ac:dyDescent="0.25">
      <c r="B5696">
        <f t="shared" si="635"/>
        <v>4</v>
      </c>
      <c r="C5696" s="16">
        <v>5662</v>
      </c>
      <c r="D5696" cm="1">
        <f t="array" ref="D5696">IFERROR(INDEX(Jesper!AH$2:AH$366,ROUNDDOWN($C5696/24,0)+1,1)*INDEX($D$3:$AA$30,INDEX(Jesper!$R$2:$R$366,ROW(INDEX(Jesper!AH$2:AH$366,ROUNDDOWN($C5696/24,0)+1,1))-1)+IF('Standard Profiles'!$G$18=$B$10,7,0)+IF('Standard Profiles'!$G$18=$B$17,14,0)+IF('Standard Profiles'!$G$18=$B$24,21,0),MOD($C5696,24)+1)/SUM(INDEX($D$3:$AA$30,INDEX(Jesper!$R$2:$R$366,ROW(INDEX(Jesper!AH$2:AH$366,ROUNDDOWN($C5696/24,0)+1,1))-1)+IF('Standard Profiles'!$G$18=$B$10,7,0)+IF('Standard Profiles'!$G$18=$B$17,14,0)+IF('Standard Profiles'!$G$18=$B$24,21,0),0)),0)</f>
        <v>5.1036147018040783</v>
      </c>
      <c r="E5696" cm="1">
        <f t="array" ref="E5696">IFERROR(INDEX(Jesper!AI$2:AI$366,ROUNDDOWN($C5696/24,0)+1,1)*INDEX($D$3:$AA$30,INDEX(Jesper!$R$2:$R$366,ROW(INDEX(Jesper!AI$2:AI$366,ROUNDDOWN($C5696/24,0)+1,1))-1)+IF('Standard Profiles'!$G$19=$B$10,7,0)+IF('Standard Profiles'!$G$19=$B$17,14,0)+IF('Standard Profiles'!$G$19=$B$24,21,0),MOD($C5696,24)+1)/SUM(INDEX($D$3:$AA$30,INDEX(Jesper!$R$2:$R$366,ROW(INDEX(Jesper!AI$2:AI$366,ROUNDDOWN($C5696/24,0)+1,1))-1)+IF('Standard Profiles'!$G$19=$B$10,7,0)+IF('Standard Profiles'!$G$19=$B$17,14,0)+IF('Standard Profiles'!$G$19=$B$24,21,0),0)),0)</f>
        <v>1.8142073236143532</v>
      </c>
      <c r="F5696" cm="1">
        <f t="array" ref="F5696">IFERROR(INDEX(Jesper!AJ$2:AJ$366,ROUNDDOWN($C5696/24,0)+1,1)*INDEX($D$3:$AA$30,INDEX(Jesper!$R$2:$R$366,ROW(INDEX(Jesper!AJ$2:AJ$366,ROUNDDOWN($C5696/24,0)+1,1))-1)+IF('Standard Profiles'!$G$20=$B$10,7,0)+IF('Standard Profiles'!$G$20=$B$17,14,0)+IF('Standard Profiles'!$G$20=$B$24,21,0),MOD($C5696,24)+1)/SUM(INDEX($D$3:$AA$30,INDEX(Jesper!$R$2:$R$366,ROW(INDEX(Jesper!AJ$2:AJ$366,ROUNDDOWN($C5696/24,0)+1,1))-1)+IF('Standard Profiles'!$G$20=$B$10,7,0)+IF('Standard Profiles'!$G$20=$B$17,14,0)+IF('Standard Profiles'!$G$20=$B$24,21,0),0)),0)</f>
        <v>0</v>
      </c>
      <c r="G5696" cm="1">
        <f t="array" ref="G5696">IFERROR(INDEX(Jesper!AK$2:AK$366,ROUNDDOWN($C5696/24,0)+1,1)*INDEX($D$3:$AA$30,INDEX(Jesper!$R$2:$R$366,ROW(INDEX(Jesper!AK$2:AK$366,ROUNDDOWN($C5696/24,0)+1,1))-1)+IF('Standard Profiles'!$G$21=$B$10,7,0)+IF('Standard Profiles'!$G$21=$B$17,14,0)+IF('Standard Profiles'!$G$21=$B$24,21,0),MOD($C5696,24)+1)/SUM(INDEX($D$3:$AA$30,INDEX(Jesper!$R$2:$R$366,ROW(INDEX(Jesper!AK$2:AK$366,ROUNDDOWN($C5696/24,0)+1,1))-1)+IF('Standard Profiles'!$G$21=$B$10,7,0)+IF('Standard Profiles'!$G$21=$B$17,14,0)+IF('Standard Profiles'!$G$21=$B$24,21,0),0)),0)</f>
        <v>0</v>
      </c>
      <c r="H5696" cm="1">
        <f t="array" ref="H5696">IFERROR(INDEX(Jesper!AL$2:AL$366,ROUNDDOWN($C5696/24,0)+1,1)*INDEX($D$3:$AA$30,INDEX(Jesper!$R$2:$R$366,ROW(INDEX(Jesper!AL$2:AL$366,ROUNDDOWN($C5696/24,0)+1,1))-1)+IF('Standard Profiles'!$G$22=$B$10,7,0)+IF('Standard Profiles'!$G$22=$B$17,14,0)+IF('Standard Profiles'!$G$22=$B$24,21,0),MOD($C5696,24)+1)/SUM(INDEX($D$3:$AA$30,INDEX(Jesper!$R$2:$R$366,ROW(INDEX(Jesper!AL$2:AL$366,ROUNDDOWN($C5696/24,0)+1,1))-1)+IF('Standard Profiles'!$G$22=$B$10,7,0)+IF('Standard Profiles'!$G$22=$B$17,14,0)+IF('Standard Profiles'!$G$22=$B$24,21,0),0)),0)</f>
        <v>0</v>
      </c>
      <c r="I5696">
        <f t="shared" si="636"/>
        <v>0</v>
      </c>
      <c r="J5696">
        <f t="shared" si="637"/>
        <v>6.1012436731297797</v>
      </c>
      <c r="K5696">
        <f t="shared" si="638"/>
        <v>0.544385568192435</v>
      </c>
      <c r="L5696">
        <f t="shared" si="639"/>
        <v>0.2721927840962175</v>
      </c>
      <c r="M5696">
        <f t="shared" si="640"/>
        <v>0</v>
      </c>
      <c r="N5696" s="45">
        <f t="shared" si="641"/>
        <v>45162.916666652935</v>
      </c>
    </row>
    <row r="5697" spans="2:14" x14ac:dyDescent="0.25">
      <c r="B5697">
        <f t="shared" si="635"/>
        <v>4</v>
      </c>
      <c r="C5697" s="16">
        <v>5663</v>
      </c>
      <c r="D5697" cm="1">
        <f t="array" ref="D5697">IFERROR(INDEX(Jesper!AH$2:AH$366,ROUNDDOWN($C5697/24,0)+1,1)*INDEX($D$3:$AA$30,INDEX(Jesper!$R$2:$R$366,ROW(INDEX(Jesper!AH$2:AH$366,ROUNDDOWN($C5697/24,0)+1,1))-1)+IF('Standard Profiles'!$G$18=$B$10,7,0)+IF('Standard Profiles'!$G$18=$B$17,14,0)+IF('Standard Profiles'!$G$18=$B$24,21,0),MOD($C5697,24)+1)/SUM(INDEX($D$3:$AA$30,INDEX(Jesper!$R$2:$R$366,ROW(INDEX(Jesper!AH$2:AH$366,ROUNDDOWN($C5697/24,0)+1,1))-1)+IF('Standard Profiles'!$G$18=$B$10,7,0)+IF('Standard Profiles'!$G$18=$B$17,14,0)+IF('Standard Profiles'!$G$18=$B$24,21,0),0)),0)</f>
        <v>5.1036147018040783</v>
      </c>
      <c r="E5697" cm="1">
        <f t="array" ref="E5697">IFERROR(INDEX(Jesper!AI$2:AI$366,ROUNDDOWN($C5697/24,0)+1,1)*INDEX($D$3:$AA$30,INDEX(Jesper!$R$2:$R$366,ROW(INDEX(Jesper!AI$2:AI$366,ROUNDDOWN($C5697/24,0)+1,1))-1)+IF('Standard Profiles'!$G$19=$B$10,7,0)+IF('Standard Profiles'!$G$19=$B$17,14,0)+IF('Standard Profiles'!$G$19=$B$24,21,0),MOD($C5697,24)+1)/SUM(INDEX($D$3:$AA$30,INDEX(Jesper!$R$2:$R$366,ROW(INDEX(Jesper!AI$2:AI$366,ROUNDDOWN($C5697/24,0)+1,1))-1)+IF('Standard Profiles'!$G$19=$B$10,7,0)+IF('Standard Profiles'!$G$19=$B$17,14,0)+IF('Standard Profiles'!$G$19=$B$24,21,0),0)),0)</f>
        <v>1.8142073236143532</v>
      </c>
      <c r="F5697" cm="1">
        <f t="array" ref="F5697">IFERROR(INDEX(Jesper!AJ$2:AJ$366,ROUNDDOWN($C5697/24,0)+1,1)*INDEX($D$3:$AA$30,INDEX(Jesper!$R$2:$R$366,ROW(INDEX(Jesper!AJ$2:AJ$366,ROUNDDOWN($C5697/24,0)+1,1))-1)+IF('Standard Profiles'!$G$20=$B$10,7,0)+IF('Standard Profiles'!$G$20=$B$17,14,0)+IF('Standard Profiles'!$G$20=$B$24,21,0),MOD($C5697,24)+1)/SUM(INDEX($D$3:$AA$30,INDEX(Jesper!$R$2:$R$366,ROW(INDEX(Jesper!AJ$2:AJ$366,ROUNDDOWN($C5697/24,0)+1,1))-1)+IF('Standard Profiles'!$G$20=$B$10,7,0)+IF('Standard Profiles'!$G$20=$B$17,14,0)+IF('Standard Profiles'!$G$20=$B$24,21,0),0)),0)</f>
        <v>0</v>
      </c>
      <c r="G5697" cm="1">
        <f t="array" ref="G5697">IFERROR(INDEX(Jesper!AK$2:AK$366,ROUNDDOWN($C5697/24,0)+1,1)*INDEX($D$3:$AA$30,INDEX(Jesper!$R$2:$R$366,ROW(INDEX(Jesper!AK$2:AK$366,ROUNDDOWN($C5697/24,0)+1,1))-1)+IF('Standard Profiles'!$G$21=$B$10,7,0)+IF('Standard Profiles'!$G$21=$B$17,14,0)+IF('Standard Profiles'!$G$21=$B$24,21,0),MOD($C5697,24)+1)/SUM(INDEX($D$3:$AA$30,INDEX(Jesper!$R$2:$R$366,ROW(INDEX(Jesper!AK$2:AK$366,ROUNDDOWN($C5697/24,0)+1,1))-1)+IF('Standard Profiles'!$G$21=$B$10,7,0)+IF('Standard Profiles'!$G$21=$B$17,14,0)+IF('Standard Profiles'!$G$21=$B$24,21,0),0)),0)</f>
        <v>0</v>
      </c>
      <c r="H5697" cm="1">
        <f t="array" ref="H5697">IFERROR(INDEX(Jesper!AL$2:AL$366,ROUNDDOWN($C5697/24,0)+1,1)*INDEX($D$3:$AA$30,INDEX(Jesper!$R$2:$R$366,ROW(INDEX(Jesper!AL$2:AL$366,ROUNDDOWN($C5697/24,0)+1,1))-1)+IF('Standard Profiles'!$G$22=$B$10,7,0)+IF('Standard Profiles'!$G$22=$B$17,14,0)+IF('Standard Profiles'!$G$22=$B$24,21,0),MOD($C5697,24)+1)/SUM(INDEX($D$3:$AA$30,INDEX(Jesper!$R$2:$R$366,ROW(INDEX(Jesper!AL$2:AL$366,ROUNDDOWN($C5697/24,0)+1,1))-1)+IF('Standard Profiles'!$G$22=$B$10,7,0)+IF('Standard Profiles'!$G$22=$B$17,14,0)+IF('Standard Profiles'!$G$22=$B$24,21,0),0)),0)</f>
        <v>0</v>
      </c>
      <c r="I5697">
        <f t="shared" si="636"/>
        <v>0</v>
      </c>
      <c r="J5697">
        <f t="shared" si="637"/>
        <v>6.1012436731297797</v>
      </c>
      <c r="K5697">
        <f t="shared" si="638"/>
        <v>0.544385568192435</v>
      </c>
      <c r="L5697">
        <f t="shared" si="639"/>
        <v>0.2721927840962175</v>
      </c>
      <c r="M5697">
        <f t="shared" si="640"/>
        <v>0</v>
      </c>
      <c r="N5697" s="45">
        <f t="shared" si="641"/>
        <v>45162.958333319599</v>
      </c>
    </row>
    <row r="5698" spans="2:14" x14ac:dyDescent="0.25">
      <c r="B5698">
        <f t="shared" si="635"/>
        <v>5</v>
      </c>
      <c r="C5698" s="16">
        <v>5664</v>
      </c>
      <c r="D5698" cm="1">
        <f t="array" ref="D5698">IFERROR(INDEX(Jesper!AH$2:AH$366,ROUNDDOWN($C5698/24,0)+1,1)*INDEX($D$3:$AA$30,INDEX(Jesper!$R$2:$R$366,ROW(INDEX(Jesper!AH$2:AH$366,ROUNDDOWN($C5698/24,0)+1,1))-1)+IF('Standard Profiles'!$G$18=$B$10,7,0)+IF('Standard Profiles'!$G$18=$B$17,14,0)+IF('Standard Profiles'!$G$18=$B$24,21,0),MOD($C5698,24)+1)/SUM(INDEX($D$3:$AA$30,INDEX(Jesper!$R$2:$R$366,ROW(INDEX(Jesper!AH$2:AH$366,ROUNDDOWN($C5698/24,0)+1,1))-1)+IF('Standard Profiles'!$G$18=$B$10,7,0)+IF('Standard Profiles'!$G$18=$B$17,14,0)+IF('Standard Profiles'!$G$18=$B$24,21,0),0)),0)</f>
        <v>7.6922598205213895</v>
      </c>
      <c r="E5698" cm="1">
        <f t="array" ref="E5698">IFERROR(INDEX(Jesper!AI$2:AI$366,ROUNDDOWN($C5698/24,0)+1,1)*INDEX($D$3:$AA$30,INDEX(Jesper!$R$2:$R$366,ROW(INDEX(Jesper!AI$2:AI$366,ROUNDDOWN($C5698/24,0)+1,1))-1)+IF('Standard Profiles'!$G$19=$B$10,7,0)+IF('Standard Profiles'!$G$19=$B$17,14,0)+IF('Standard Profiles'!$G$19=$B$24,21,0),MOD($C5698,24)+1)/SUM(INDEX($D$3:$AA$30,INDEX(Jesper!$R$2:$R$366,ROW(INDEX(Jesper!AI$2:AI$366,ROUNDDOWN($C5698/24,0)+1,1))-1)+IF('Standard Profiles'!$G$19=$B$10,7,0)+IF('Standard Profiles'!$G$19=$B$17,14,0)+IF('Standard Profiles'!$G$19=$B$24,21,0),0)),0)</f>
        <v>2.5692070965572098</v>
      </c>
      <c r="F5698" cm="1">
        <f t="array" ref="F5698">IFERROR(INDEX(Jesper!AJ$2:AJ$366,ROUNDDOWN($C5698/24,0)+1,1)*INDEX($D$3:$AA$30,INDEX(Jesper!$R$2:$R$366,ROW(INDEX(Jesper!AJ$2:AJ$366,ROUNDDOWN($C5698/24,0)+1,1))-1)+IF('Standard Profiles'!$G$20=$B$10,7,0)+IF('Standard Profiles'!$G$20=$B$17,14,0)+IF('Standard Profiles'!$G$20=$B$24,21,0),MOD($C5698,24)+1)/SUM(INDEX($D$3:$AA$30,INDEX(Jesper!$R$2:$R$366,ROW(INDEX(Jesper!AJ$2:AJ$366,ROUNDDOWN($C5698/24,0)+1,1))-1)+IF('Standard Profiles'!$G$20=$B$10,7,0)+IF('Standard Profiles'!$G$20=$B$17,14,0)+IF('Standard Profiles'!$G$20=$B$24,21,0),0)),0)</f>
        <v>0</v>
      </c>
      <c r="G5698" cm="1">
        <f t="array" ref="G5698">IFERROR(INDEX(Jesper!AK$2:AK$366,ROUNDDOWN($C5698/24,0)+1,1)*INDEX($D$3:$AA$30,INDEX(Jesper!$R$2:$R$366,ROW(INDEX(Jesper!AK$2:AK$366,ROUNDDOWN($C5698/24,0)+1,1))-1)+IF('Standard Profiles'!$G$21=$B$10,7,0)+IF('Standard Profiles'!$G$21=$B$17,14,0)+IF('Standard Profiles'!$G$21=$B$24,21,0),MOD($C5698,24)+1)/SUM(INDEX($D$3:$AA$30,INDEX(Jesper!$R$2:$R$366,ROW(INDEX(Jesper!AK$2:AK$366,ROUNDDOWN($C5698/24,0)+1,1))-1)+IF('Standard Profiles'!$G$21=$B$10,7,0)+IF('Standard Profiles'!$G$21=$B$17,14,0)+IF('Standard Profiles'!$G$21=$B$24,21,0),0)),0)</f>
        <v>0</v>
      </c>
      <c r="H5698" cm="1">
        <f t="array" ref="H5698">IFERROR(INDEX(Jesper!AL$2:AL$366,ROUNDDOWN($C5698/24,0)+1,1)*INDEX($D$3:$AA$30,INDEX(Jesper!$R$2:$R$366,ROW(INDEX(Jesper!AL$2:AL$366,ROUNDDOWN($C5698/24,0)+1,1))-1)+IF('Standard Profiles'!$G$22=$B$10,7,0)+IF('Standard Profiles'!$G$22=$B$17,14,0)+IF('Standard Profiles'!$G$22=$B$24,21,0),MOD($C5698,24)+1)/SUM(INDEX($D$3:$AA$30,INDEX(Jesper!$R$2:$R$366,ROW(INDEX(Jesper!AL$2:AL$366,ROUNDDOWN($C5698/24,0)+1,1))-1)+IF('Standard Profiles'!$G$22=$B$10,7,0)+IF('Standard Profiles'!$G$22=$B$17,14,0)+IF('Standard Profiles'!$G$22=$B$24,21,0),0)),0)</f>
        <v>0</v>
      </c>
      <c r="I5698">
        <f t="shared" si="636"/>
        <v>0</v>
      </c>
      <c r="J5698">
        <f t="shared" si="637"/>
        <v>9.0307053457951767</v>
      </c>
      <c r="K5698">
        <f t="shared" si="638"/>
        <v>0.8205077141889483</v>
      </c>
      <c r="L5698">
        <f t="shared" si="639"/>
        <v>0.41025385709447415</v>
      </c>
      <c r="M5698">
        <f t="shared" si="640"/>
        <v>0</v>
      </c>
      <c r="N5698" s="45">
        <f t="shared" si="641"/>
        <v>45162.999999986263</v>
      </c>
    </row>
    <row r="5699" spans="2:14" x14ac:dyDescent="0.25">
      <c r="B5699">
        <f t="shared" si="635"/>
        <v>5</v>
      </c>
      <c r="C5699" s="16">
        <v>5665</v>
      </c>
      <c r="D5699" cm="1">
        <f t="array" ref="D5699">IFERROR(INDEX(Jesper!AH$2:AH$366,ROUNDDOWN($C5699/24,0)+1,1)*INDEX($D$3:$AA$30,INDEX(Jesper!$R$2:$R$366,ROW(INDEX(Jesper!AH$2:AH$366,ROUNDDOWN($C5699/24,0)+1,1))-1)+IF('Standard Profiles'!$G$18=$B$10,7,0)+IF('Standard Profiles'!$G$18=$B$17,14,0)+IF('Standard Profiles'!$G$18=$B$24,21,0),MOD($C5699,24)+1)/SUM(INDEX($D$3:$AA$30,INDEX(Jesper!$R$2:$R$366,ROW(INDEX(Jesper!AH$2:AH$366,ROUNDDOWN($C5699/24,0)+1,1))-1)+IF('Standard Profiles'!$G$18=$B$10,7,0)+IF('Standard Profiles'!$G$18=$B$17,14,0)+IF('Standard Profiles'!$G$18=$B$24,21,0),0)),0)</f>
        <v>4.6619756488008424</v>
      </c>
      <c r="E5699" cm="1">
        <f t="array" ref="E5699">IFERROR(INDEX(Jesper!AI$2:AI$366,ROUNDDOWN($C5699/24,0)+1,1)*INDEX($D$3:$AA$30,INDEX(Jesper!$R$2:$R$366,ROW(INDEX(Jesper!AI$2:AI$366,ROUNDDOWN($C5699/24,0)+1,1))-1)+IF('Standard Profiles'!$G$19=$B$10,7,0)+IF('Standard Profiles'!$G$19=$B$17,14,0)+IF('Standard Profiles'!$G$19=$B$24,21,0),MOD($C5699,24)+1)/SUM(INDEX($D$3:$AA$30,INDEX(Jesper!$R$2:$R$366,ROW(INDEX(Jesper!AI$2:AI$366,ROUNDDOWN($C5699/24,0)+1,1))-1)+IF('Standard Profiles'!$G$19=$B$10,7,0)+IF('Standard Profiles'!$G$19=$B$17,14,0)+IF('Standard Profiles'!$G$19=$B$24,21,0),0)),0)</f>
        <v>1.5570952100346727</v>
      </c>
      <c r="F5699" cm="1">
        <f t="array" ref="F5699">IFERROR(INDEX(Jesper!AJ$2:AJ$366,ROUNDDOWN($C5699/24,0)+1,1)*INDEX($D$3:$AA$30,INDEX(Jesper!$R$2:$R$366,ROW(INDEX(Jesper!AJ$2:AJ$366,ROUNDDOWN($C5699/24,0)+1,1))-1)+IF('Standard Profiles'!$G$20=$B$10,7,0)+IF('Standard Profiles'!$G$20=$B$17,14,0)+IF('Standard Profiles'!$G$20=$B$24,21,0),MOD($C5699,24)+1)/SUM(INDEX($D$3:$AA$30,INDEX(Jesper!$R$2:$R$366,ROW(INDEX(Jesper!AJ$2:AJ$366,ROUNDDOWN($C5699/24,0)+1,1))-1)+IF('Standard Profiles'!$G$20=$B$10,7,0)+IF('Standard Profiles'!$G$20=$B$17,14,0)+IF('Standard Profiles'!$G$20=$B$24,21,0),0)),0)</f>
        <v>0</v>
      </c>
      <c r="G5699" cm="1">
        <f t="array" ref="G5699">IFERROR(INDEX(Jesper!AK$2:AK$366,ROUNDDOWN($C5699/24,0)+1,1)*INDEX($D$3:$AA$30,INDEX(Jesper!$R$2:$R$366,ROW(INDEX(Jesper!AK$2:AK$366,ROUNDDOWN($C5699/24,0)+1,1))-1)+IF('Standard Profiles'!$G$21=$B$10,7,0)+IF('Standard Profiles'!$G$21=$B$17,14,0)+IF('Standard Profiles'!$G$21=$B$24,21,0),MOD($C5699,24)+1)/SUM(INDEX($D$3:$AA$30,INDEX(Jesper!$R$2:$R$366,ROW(INDEX(Jesper!AK$2:AK$366,ROUNDDOWN($C5699/24,0)+1,1))-1)+IF('Standard Profiles'!$G$21=$B$10,7,0)+IF('Standard Profiles'!$G$21=$B$17,14,0)+IF('Standard Profiles'!$G$21=$B$24,21,0),0)),0)</f>
        <v>0</v>
      </c>
      <c r="H5699" cm="1">
        <f t="array" ref="H5699">IFERROR(INDEX(Jesper!AL$2:AL$366,ROUNDDOWN($C5699/24,0)+1,1)*INDEX($D$3:$AA$30,INDEX(Jesper!$R$2:$R$366,ROW(INDEX(Jesper!AL$2:AL$366,ROUNDDOWN($C5699/24,0)+1,1))-1)+IF('Standard Profiles'!$G$22=$B$10,7,0)+IF('Standard Profiles'!$G$22=$B$17,14,0)+IF('Standard Profiles'!$G$22=$B$24,21,0),MOD($C5699,24)+1)/SUM(INDEX($D$3:$AA$30,INDEX(Jesper!$R$2:$R$366,ROW(INDEX(Jesper!AL$2:AL$366,ROUNDDOWN($C5699/24,0)+1,1))-1)+IF('Standard Profiles'!$G$22=$B$10,7,0)+IF('Standard Profiles'!$G$22=$B$17,14,0)+IF('Standard Profiles'!$G$22=$B$24,21,0),0)),0)</f>
        <v>0</v>
      </c>
      <c r="I5699">
        <f t="shared" si="636"/>
        <v>0</v>
      </c>
      <c r="J5699">
        <f t="shared" si="637"/>
        <v>5.4731547550273802</v>
      </c>
      <c r="K5699">
        <f t="shared" si="638"/>
        <v>0.49727740253875657</v>
      </c>
      <c r="L5699">
        <f t="shared" si="639"/>
        <v>0.24863870126937829</v>
      </c>
      <c r="M5699">
        <f t="shared" si="640"/>
        <v>0</v>
      </c>
      <c r="N5699" s="45">
        <f t="shared" si="641"/>
        <v>45163.041666652927</v>
      </c>
    </row>
    <row r="5700" spans="2:14" x14ac:dyDescent="0.25">
      <c r="B5700">
        <f t="shared" si="635"/>
        <v>5</v>
      </c>
      <c r="C5700" s="16">
        <v>5666</v>
      </c>
      <c r="D5700" cm="1">
        <f t="array" ref="D5700">IFERROR(INDEX(Jesper!AH$2:AH$366,ROUNDDOWN($C5700/24,0)+1,1)*INDEX($D$3:$AA$30,INDEX(Jesper!$R$2:$R$366,ROW(INDEX(Jesper!AH$2:AH$366,ROUNDDOWN($C5700/24,0)+1,1))-1)+IF('Standard Profiles'!$G$18=$B$10,7,0)+IF('Standard Profiles'!$G$18=$B$17,14,0)+IF('Standard Profiles'!$G$18=$B$24,21,0),MOD($C5700,24)+1)/SUM(INDEX($D$3:$AA$30,INDEX(Jesper!$R$2:$R$366,ROW(INDEX(Jesper!AH$2:AH$366,ROUNDDOWN($C5700/24,0)+1,1))-1)+IF('Standard Profiles'!$G$18=$B$10,7,0)+IF('Standard Profiles'!$G$18=$B$17,14,0)+IF('Standard Profiles'!$G$18=$B$24,21,0),0)),0)</f>
        <v>4.6619756488008424</v>
      </c>
      <c r="E5700" cm="1">
        <f t="array" ref="E5700">IFERROR(INDEX(Jesper!AI$2:AI$366,ROUNDDOWN($C5700/24,0)+1,1)*INDEX($D$3:$AA$30,INDEX(Jesper!$R$2:$R$366,ROW(INDEX(Jesper!AI$2:AI$366,ROUNDDOWN($C5700/24,0)+1,1))-1)+IF('Standard Profiles'!$G$19=$B$10,7,0)+IF('Standard Profiles'!$G$19=$B$17,14,0)+IF('Standard Profiles'!$G$19=$B$24,21,0),MOD($C5700,24)+1)/SUM(INDEX($D$3:$AA$30,INDEX(Jesper!$R$2:$R$366,ROW(INDEX(Jesper!AI$2:AI$366,ROUNDDOWN($C5700/24,0)+1,1))-1)+IF('Standard Profiles'!$G$19=$B$10,7,0)+IF('Standard Profiles'!$G$19=$B$17,14,0)+IF('Standard Profiles'!$G$19=$B$24,21,0),0)),0)</f>
        <v>1.5570952100346727</v>
      </c>
      <c r="F5700" cm="1">
        <f t="array" ref="F5700">IFERROR(INDEX(Jesper!AJ$2:AJ$366,ROUNDDOWN($C5700/24,0)+1,1)*INDEX($D$3:$AA$30,INDEX(Jesper!$R$2:$R$366,ROW(INDEX(Jesper!AJ$2:AJ$366,ROUNDDOWN($C5700/24,0)+1,1))-1)+IF('Standard Profiles'!$G$20=$B$10,7,0)+IF('Standard Profiles'!$G$20=$B$17,14,0)+IF('Standard Profiles'!$G$20=$B$24,21,0),MOD($C5700,24)+1)/SUM(INDEX($D$3:$AA$30,INDEX(Jesper!$R$2:$R$366,ROW(INDEX(Jesper!AJ$2:AJ$366,ROUNDDOWN($C5700/24,0)+1,1))-1)+IF('Standard Profiles'!$G$20=$B$10,7,0)+IF('Standard Profiles'!$G$20=$B$17,14,0)+IF('Standard Profiles'!$G$20=$B$24,21,0),0)),0)</f>
        <v>0</v>
      </c>
      <c r="G5700" cm="1">
        <f t="array" ref="G5700">IFERROR(INDEX(Jesper!AK$2:AK$366,ROUNDDOWN($C5700/24,0)+1,1)*INDEX($D$3:$AA$30,INDEX(Jesper!$R$2:$R$366,ROW(INDEX(Jesper!AK$2:AK$366,ROUNDDOWN($C5700/24,0)+1,1))-1)+IF('Standard Profiles'!$G$21=$B$10,7,0)+IF('Standard Profiles'!$G$21=$B$17,14,0)+IF('Standard Profiles'!$G$21=$B$24,21,0),MOD($C5700,24)+1)/SUM(INDEX($D$3:$AA$30,INDEX(Jesper!$R$2:$R$366,ROW(INDEX(Jesper!AK$2:AK$366,ROUNDDOWN($C5700/24,0)+1,1))-1)+IF('Standard Profiles'!$G$21=$B$10,7,0)+IF('Standard Profiles'!$G$21=$B$17,14,0)+IF('Standard Profiles'!$G$21=$B$24,21,0),0)),0)</f>
        <v>0</v>
      </c>
      <c r="H5700" cm="1">
        <f t="array" ref="H5700">IFERROR(INDEX(Jesper!AL$2:AL$366,ROUNDDOWN($C5700/24,0)+1,1)*INDEX($D$3:$AA$30,INDEX(Jesper!$R$2:$R$366,ROW(INDEX(Jesper!AL$2:AL$366,ROUNDDOWN($C5700/24,0)+1,1))-1)+IF('Standard Profiles'!$G$22=$B$10,7,0)+IF('Standard Profiles'!$G$22=$B$17,14,0)+IF('Standard Profiles'!$G$22=$B$24,21,0),MOD($C5700,24)+1)/SUM(INDEX($D$3:$AA$30,INDEX(Jesper!$R$2:$R$366,ROW(INDEX(Jesper!AL$2:AL$366,ROUNDDOWN($C5700/24,0)+1,1))-1)+IF('Standard Profiles'!$G$22=$B$10,7,0)+IF('Standard Profiles'!$G$22=$B$17,14,0)+IF('Standard Profiles'!$G$22=$B$24,21,0),0)),0)</f>
        <v>0</v>
      </c>
      <c r="I5700">
        <f t="shared" si="636"/>
        <v>0</v>
      </c>
      <c r="J5700">
        <f t="shared" si="637"/>
        <v>5.4731547550273802</v>
      </c>
      <c r="K5700">
        <f t="shared" si="638"/>
        <v>0.49727740253875657</v>
      </c>
      <c r="L5700">
        <f t="shared" si="639"/>
        <v>0.24863870126937829</v>
      </c>
      <c r="M5700">
        <f t="shared" si="640"/>
        <v>0</v>
      </c>
      <c r="N5700" s="45">
        <f t="shared" si="641"/>
        <v>45163.083333319591</v>
      </c>
    </row>
    <row r="5701" spans="2:14" x14ac:dyDescent="0.25">
      <c r="B5701">
        <f t="shared" si="635"/>
        <v>5</v>
      </c>
      <c r="C5701" s="16">
        <v>5667</v>
      </c>
      <c r="D5701" cm="1">
        <f t="array" ref="D5701">IFERROR(INDEX(Jesper!AH$2:AH$366,ROUNDDOWN($C5701/24,0)+1,1)*INDEX($D$3:$AA$30,INDEX(Jesper!$R$2:$R$366,ROW(INDEX(Jesper!AH$2:AH$366,ROUNDDOWN($C5701/24,0)+1,1))-1)+IF('Standard Profiles'!$G$18=$B$10,7,0)+IF('Standard Profiles'!$G$18=$B$17,14,0)+IF('Standard Profiles'!$G$18=$B$24,21,0),MOD($C5701,24)+1)/SUM(INDEX($D$3:$AA$30,INDEX(Jesper!$R$2:$R$366,ROW(INDEX(Jesper!AH$2:AH$366,ROUNDDOWN($C5701/24,0)+1,1))-1)+IF('Standard Profiles'!$G$18=$B$10,7,0)+IF('Standard Profiles'!$G$18=$B$17,14,0)+IF('Standard Profiles'!$G$18=$B$24,21,0),0)),0)</f>
        <v>4.6619756488008424</v>
      </c>
      <c r="E5701" cm="1">
        <f t="array" ref="E5701">IFERROR(INDEX(Jesper!AI$2:AI$366,ROUNDDOWN($C5701/24,0)+1,1)*INDEX($D$3:$AA$30,INDEX(Jesper!$R$2:$R$366,ROW(INDEX(Jesper!AI$2:AI$366,ROUNDDOWN($C5701/24,0)+1,1))-1)+IF('Standard Profiles'!$G$19=$B$10,7,0)+IF('Standard Profiles'!$G$19=$B$17,14,0)+IF('Standard Profiles'!$G$19=$B$24,21,0),MOD($C5701,24)+1)/SUM(INDEX($D$3:$AA$30,INDEX(Jesper!$R$2:$R$366,ROW(INDEX(Jesper!AI$2:AI$366,ROUNDDOWN($C5701/24,0)+1,1))-1)+IF('Standard Profiles'!$G$19=$B$10,7,0)+IF('Standard Profiles'!$G$19=$B$17,14,0)+IF('Standard Profiles'!$G$19=$B$24,21,0),0)),0)</f>
        <v>1.5570952100346727</v>
      </c>
      <c r="F5701" cm="1">
        <f t="array" ref="F5701">IFERROR(INDEX(Jesper!AJ$2:AJ$366,ROUNDDOWN($C5701/24,0)+1,1)*INDEX($D$3:$AA$30,INDEX(Jesper!$R$2:$R$366,ROW(INDEX(Jesper!AJ$2:AJ$366,ROUNDDOWN($C5701/24,0)+1,1))-1)+IF('Standard Profiles'!$G$20=$B$10,7,0)+IF('Standard Profiles'!$G$20=$B$17,14,0)+IF('Standard Profiles'!$G$20=$B$24,21,0),MOD($C5701,24)+1)/SUM(INDEX($D$3:$AA$30,INDEX(Jesper!$R$2:$R$366,ROW(INDEX(Jesper!AJ$2:AJ$366,ROUNDDOWN($C5701/24,0)+1,1))-1)+IF('Standard Profiles'!$G$20=$B$10,7,0)+IF('Standard Profiles'!$G$20=$B$17,14,0)+IF('Standard Profiles'!$G$20=$B$24,21,0),0)),0)</f>
        <v>0</v>
      </c>
      <c r="G5701" cm="1">
        <f t="array" ref="G5701">IFERROR(INDEX(Jesper!AK$2:AK$366,ROUNDDOWN($C5701/24,0)+1,1)*INDEX($D$3:$AA$30,INDEX(Jesper!$R$2:$R$366,ROW(INDEX(Jesper!AK$2:AK$366,ROUNDDOWN($C5701/24,0)+1,1))-1)+IF('Standard Profiles'!$G$21=$B$10,7,0)+IF('Standard Profiles'!$G$21=$B$17,14,0)+IF('Standard Profiles'!$G$21=$B$24,21,0),MOD($C5701,24)+1)/SUM(INDEX($D$3:$AA$30,INDEX(Jesper!$R$2:$R$366,ROW(INDEX(Jesper!AK$2:AK$366,ROUNDDOWN($C5701/24,0)+1,1))-1)+IF('Standard Profiles'!$G$21=$B$10,7,0)+IF('Standard Profiles'!$G$21=$B$17,14,0)+IF('Standard Profiles'!$G$21=$B$24,21,0),0)),0)</f>
        <v>0</v>
      </c>
      <c r="H5701" cm="1">
        <f t="array" ref="H5701">IFERROR(INDEX(Jesper!AL$2:AL$366,ROUNDDOWN($C5701/24,0)+1,1)*INDEX($D$3:$AA$30,INDEX(Jesper!$R$2:$R$366,ROW(INDEX(Jesper!AL$2:AL$366,ROUNDDOWN($C5701/24,0)+1,1))-1)+IF('Standard Profiles'!$G$22=$B$10,7,0)+IF('Standard Profiles'!$G$22=$B$17,14,0)+IF('Standard Profiles'!$G$22=$B$24,21,0),MOD($C5701,24)+1)/SUM(INDEX($D$3:$AA$30,INDEX(Jesper!$R$2:$R$366,ROW(INDEX(Jesper!AL$2:AL$366,ROUNDDOWN($C5701/24,0)+1,1))-1)+IF('Standard Profiles'!$G$22=$B$10,7,0)+IF('Standard Profiles'!$G$22=$B$17,14,0)+IF('Standard Profiles'!$G$22=$B$24,21,0),0)),0)</f>
        <v>0</v>
      </c>
      <c r="I5701">
        <f t="shared" si="636"/>
        <v>0</v>
      </c>
      <c r="J5701">
        <f t="shared" si="637"/>
        <v>5.4731547550273802</v>
      </c>
      <c r="K5701">
        <f t="shared" si="638"/>
        <v>0.49727740253875657</v>
      </c>
      <c r="L5701">
        <f t="shared" si="639"/>
        <v>0.24863870126937829</v>
      </c>
      <c r="M5701">
        <f t="shared" si="640"/>
        <v>0</v>
      </c>
      <c r="N5701" s="45">
        <f t="shared" si="641"/>
        <v>45163.124999986256</v>
      </c>
    </row>
    <row r="5702" spans="2:14" x14ac:dyDescent="0.25">
      <c r="B5702">
        <f t="shared" si="635"/>
        <v>5</v>
      </c>
      <c r="C5702" s="16">
        <v>5668</v>
      </c>
      <c r="D5702" cm="1">
        <f t="array" ref="D5702">IFERROR(INDEX(Jesper!AH$2:AH$366,ROUNDDOWN($C5702/24,0)+1,1)*INDEX($D$3:$AA$30,INDEX(Jesper!$R$2:$R$366,ROW(INDEX(Jesper!AH$2:AH$366,ROUNDDOWN($C5702/24,0)+1,1))-1)+IF('Standard Profiles'!$G$18=$B$10,7,0)+IF('Standard Profiles'!$G$18=$B$17,14,0)+IF('Standard Profiles'!$G$18=$B$24,21,0),MOD($C5702,24)+1)/SUM(INDEX($D$3:$AA$30,INDEX(Jesper!$R$2:$R$366,ROW(INDEX(Jesper!AH$2:AH$366,ROUNDDOWN($C5702/24,0)+1,1))-1)+IF('Standard Profiles'!$G$18=$B$10,7,0)+IF('Standard Profiles'!$G$18=$B$17,14,0)+IF('Standard Profiles'!$G$18=$B$24,21,0),0)),0)</f>
        <v>4.6619756488008424</v>
      </c>
      <c r="E5702" cm="1">
        <f t="array" ref="E5702">IFERROR(INDEX(Jesper!AI$2:AI$366,ROUNDDOWN($C5702/24,0)+1,1)*INDEX($D$3:$AA$30,INDEX(Jesper!$R$2:$R$366,ROW(INDEX(Jesper!AI$2:AI$366,ROUNDDOWN($C5702/24,0)+1,1))-1)+IF('Standard Profiles'!$G$19=$B$10,7,0)+IF('Standard Profiles'!$G$19=$B$17,14,0)+IF('Standard Profiles'!$G$19=$B$24,21,0),MOD($C5702,24)+1)/SUM(INDEX($D$3:$AA$30,INDEX(Jesper!$R$2:$R$366,ROW(INDEX(Jesper!AI$2:AI$366,ROUNDDOWN($C5702/24,0)+1,1))-1)+IF('Standard Profiles'!$G$19=$B$10,7,0)+IF('Standard Profiles'!$G$19=$B$17,14,0)+IF('Standard Profiles'!$G$19=$B$24,21,0),0)),0)</f>
        <v>1.5570952100346727</v>
      </c>
      <c r="F5702" cm="1">
        <f t="array" ref="F5702">IFERROR(INDEX(Jesper!AJ$2:AJ$366,ROUNDDOWN($C5702/24,0)+1,1)*INDEX($D$3:$AA$30,INDEX(Jesper!$R$2:$R$366,ROW(INDEX(Jesper!AJ$2:AJ$366,ROUNDDOWN($C5702/24,0)+1,1))-1)+IF('Standard Profiles'!$G$20=$B$10,7,0)+IF('Standard Profiles'!$G$20=$B$17,14,0)+IF('Standard Profiles'!$G$20=$B$24,21,0),MOD($C5702,24)+1)/SUM(INDEX($D$3:$AA$30,INDEX(Jesper!$R$2:$R$366,ROW(INDEX(Jesper!AJ$2:AJ$366,ROUNDDOWN($C5702/24,0)+1,1))-1)+IF('Standard Profiles'!$G$20=$B$10,7,0)+IF('Standard Profiles'!$G$20=$B$17,14,0)+IF('Standard Profiles'!$G$20=$B$24,21,0),0)),0)</f>
        <v>0</v>
      </c>
      <c r="G5702" cm="1">
        <f t="array" ref="G5702">IFERROR(INDEX(Jesper!AK$2:AK$366,ROUNDDOWN($C5702/24,0)+1,1)*INDEX($D$3:$AA$30,INDEX(Jesper!$R$2:$R$366,ROW(INDEX(Jesper!AK$2:AK$366,ROUNDDOWN($C5702/24,0)+1,1))-1)+IF('Standard Profiles'!$G$21=$B$10,7,0)+IF('Standard Profiles'!$G$21=$B$17,14,0)+IF('Standard Profiles'!$G$21=$B$24,21,0),MOD($C5702,24)+1)/SUM(INDEX($D$3:$AA$30,INDEX(Jesper!$R$2:$R$366,ROW(INDEX(Jesper!AK$2:AK$366,ROUNDDOWN($C5702/24,0)+1,1))-1)+IF('Standard Profiles'!$G$21=$B$10,7,0)+IF('Standard Profiles'!$G$21=$B$17,14,0)+IF('Standard Profiles'!$G$21=$B$24,21,0),0)),0)</f>
        <v>0</v>
      </c>
      <c r="H5702" cm="1">
        <f t="array" ref="H5702">IFERROR(INDEX(Jesper!AL$2:AL$366,ROUNDDOWN($C5702/24,0)+1,1)*INDEX($D$3:$AA$30,INDEX(Jesper!$R$2:$R$366,ROW(INDEX(Jesper!AL$2:AL$366,ROUNDDOWN($C5702/24,0)+1,1))-1)+IF('Standard Profiles'!$G$22=$B$10,7,0)+IF('Standard Profiles'!$G$22=$B$17,14,0)+IF('Standard Profiles'!$G$22=$B$24,21,0),MOD($C5702,24)+1)/SUM(INDEX($D$3:$AA$30,INDEX(Jesper!$R$2:$R$366,ROW(INDEX(Jesper!AL$2:AL$366,ROUNDDOWN($C5702/24,0)+1,1))-1)+IF('Standard Profiles'!$G$22=$B$10,7,0)+IF('Standard Profiles'!$G$22=$B$17,14,0)+IF('Standard Profiles'!$G$22=$B$24,21,0),0)),0)</f>
        <v>0</v>
      </c>
      <c r="I5702">
        <f t="shared" si="636"/>
        <v>0</v>
      </c>
      <c r="J5702">
        <f t="shared" si="637"/>
        <v>5.4731547550273802</v>
      </c>
      <c r="K5702">
        <f t="shared" si="638"/>
        <v>0.49727740253875657</v>
      </c>
      <c r="L5702">
        <f t="shared" si="639"/>
        <v>0.24863870126937829</v>
      </c>
      <c r="M5702">
        <f t="shared" si="640"/>
        <v>0</v>
      </c>
      <c r="N5702" s="45">
        <f t="shared" si="641"/>
        <v>45163.16666665292</v>
      </c>
    </row>
    <row r="5703" spans="2:14" x14ac:dyDescent="0.25">
      <c r="B5703">
        <f t="shared" si="635"/>
        <v>5</v>
      </c>
      <c r="C5703" s="16">
        <v>5669</v>
      </c>
      <c r="D5703" cm="1">
        <f t="array" ref="D5703">IFERROR(INDEX(Jesper!AH$2:AH$366,ROUNDDOWN($C5703/24,0)+1,1)*INDEX($D$3:$AA$30,INDEX(Jesper!$R$2:$R$366,ROW(INDEX(Jesper!AH$2:AH$366,ROUNDDOWN($C5703/24,0)+1,1))-1)+IF('Standard Profiles'!$G$18=$B$10,7,0)+IF('Standard Profiles'!$G$18=$B$17,14,0)+IF('Standard Profiles'!$G$18=$B$24,21,0),MOD($C5703,24)+1)/SUM(INDEX($D$3:$AA$30,INDEX(Jesper!$R$2:$R$366,ROW(INDEX(Jesper!AH$2:AH$366,ROUNDDOWN($C5703/24,0)+1,1))-1)+IF('Standard Profiles'!$G$18=$B$10,7,0)+IF('Standard Profiles'!$G$18=$B$17,14,0)+IF('Standard Profiles'!$G$18=$B$24,21,0),0)),0)</f>
        <v>4.6619756488008424</v>
      </c>
      <c r="E5703" cm="1">
        <f t="array" ref="E5703">IFERROR(INDEX(Jesper!AI$2:AI$366,ROUNDDOWN($C5703/24,0)+1,1)*INDEX($D$3:$AA$30,INDEX(Jesper!$R$2:$R$366,ROW(INDEX(Jesper!AI$2:AI$366,ROUNDDOWN($C5703/24,0)+1,1))-1)+IF('Standard Profiles'!$G$19=$B$10,7,0)+IF('Standard Profiles'!$G$19=$B$17,14,0)+IF('Standard Profiles'!$G$19=$B$24,21,0),MOD($C5703,24)+1)/SUM(INDEX($D$3:$AA$30,INDEX(Jesper!$R$2:$R$366,ROW(INDEX(Jesper!AI$2:AI$366,ROUNDDOWN($C5703/24,0)+1,1))-1)+IF('Standard Profiles'!$G$19=$B$10,7,0)+IF('Standard Profiles'!$G$19=$B$17,14,0)+IF('Standard Profiles'!$G$19=$B$24,21,0),0)),0)</f>
        <v>1.5570952100346727</v>
      </c>
      <c r="F5703" cm="1">
        <f t="array" ref="F5703">IFERROR(INDEX(Jesper!AJ$2:AJ$366,ROUNDDOWN($C5703/24,0)+1,1)*INDEX($D$3:$AA$30,INDEX(Jesper!$R$2:$R$366,ROW(INDEX(Jesper!AJ$2:AJ$366,ROUNDDOWN($C5703/24,0)+1,1))-1)+IF('Standard Profiles'!$G$20=$B$10,7,0)+IF('Standard Profiles'!$G$20=$B$17,14,0)+IF('Standard Profiles'!$G$20=$B$24,21,0),MOD($C5703,24)+1)/SUM(INDEX($D$3:$AA$30,INDEX(Jesper!$R$2:$R$366,ROW(INDEX(Jesper!AJ$2:AJ$366,ROUNDDOWN($C5703/24,0)+1,1))-1)+IF('Standard Profiles'!$G$20=$B$10,7,0)+IF('Standard Profiles'!$G$20=$B$17,14,0)+IF('Standard Profiles'!$G$20=$B$24,21,0),0)),0)</f>
        <v>0</v>
      </c>
      <c r="G5703" cm="1">
        <f t="array" ref="G5703">IFERROR(INDEX(Jesper!AK$2:AK$366,ROUNDDOWN($C5703/24,0)+1,1)*INDEX($D$3:$AA$30,INDEX(Jesper!$R$2:$R$366,ROW(INDEX(Jesper!AK$2:AK$366,ROUNDDOWN($C5703/24,0)+1,1))-1)+IF('Standard Profiles'!$G$21=$B$10,7,0)+IF('Standard Profiles'!$G$21=$B$17,14,0)+IF('Standard Profiles'!$G$21=$B$24,21,0),MOD($C5703,24)+1)/SUM(INDEX($D$3:$AA$30,INDEX(Jesper!$R$2:$R$366,ROW(INDEX(Jesper!AK$2:AK$366,ROUNDDOWN($C5703/24,0)+1,1))-1)+IF('Standard Profiles'!$G$21=$B$10,7,0)+IF('Standard Profiles'!$G$21=$B$17,14,0)+IF('Standard Profiles'!$G$21=$B$24,21,0),0)),0)</f>
        <v>0</v>
      </c>
      <c r="H5703" cm="1">
        <f t="array" ref="H5703">IFERROR(INDEX(Jesper!AL$2:AL$366,ROUNDDOWN($C5703/24,0)+1,1)*INDEX($D$3:$AA$30,INDEX(Jesper!$R$2:$R$366,ROW(INDEX(Jesper!AL$2:AL$366,ROUNDDOWN($C5703/24,0)+1,1))-1)+IF('Standard Profiles'!$G$22=$B$10,7,0)+IF('Standard Profiles'!$G$22=$B$17,14,0)+IF('Standard Profiles'!$G$22=$B$24,21,0),MOD($C5703,24)+1)/SUM(INDEX($D$3:$AA$30,INDEX(Jesper!$R$2:$R$366,ROW(INDEX(Jesper!AL$2:AL$366,ROUNDDOWN($C5703/24,0)+1,1))-1)+IF('Standard Profiles'!$G$22=$B$10,7,0)+IF('Standard Profiles'!$G$22=$B$17,14,0)+IF('Standard Profiles'!$G$22=$B$24,21,0),0)),0)</f>
        <v>0</v>
      </c>
      <c r="I5703">
        <f t="shared" si="636"/>
        <v>0</v>
      </c>
      <c r="J5703">
        <f t="shared" si="637"/>
        <v>5.4731547550273802</v>
      </c>
      <c r="K5703">
        <f t="shared" si="638"/>
        <v>0.49727740253875657</v>
      </c>
      <c r="L5703">
        <f t="shared" si="639"/>
        <v>0.24863870126937829</v>
      </c>
      <c r="M5703">
        <f t="shared" si="640"/>
        <v>0</v>
      </c>
      <c r="N5703" s="45">
        <f t="shared" si="641"/>
        <v>45163.208333319584</v>
      </c>
    </row>
    <row r="5704" spans="2:14" x14ac:dyDescent="0.25">
      <c r="B5704">
        <f t="shared" si="635"/>
        <v>5</v>
      </c>
      <c r="C5704" s="16">
        <v>5670</v>
      </c>
      <c r="D5704" cm="1">
        <f t="array" ref="D5704">IFERROR(INDEX(Jesper!AH$2:AH$366,ROUNDDOWN($C5704/24,0)+1,1)*INDEX($D$3:$AA$30,INDEX(Jesper!$R$2:$R$366,ROW(INDEX(Jesper!AH$2:AH$366,ROUNDDOWN($C5704/24,0)+1,1))-1)+IF('Standard Profiles'!$G$18=$B$10,7,0)+IF('Standard Profiles'!$G$18=$B$17,14,0)+IF('Standard Profiles'!$G$18=$B$24,21,0),MOD($C5704,24)+1)/SUM(INDEX($D$3:$AA$30,INDEX(Jesper!$R$2:$R$366,ROW(INDEX(Jesper!AH$2:AH$366,ROUNDDOWN($C5704/24,0)+1,1))-1)+IF('Standard Profiles'!$G$18=$B$10,7,0)+IF('Standard Profiles'!$G$18=$B$17,14,0)+IF('Standard Profiles'!$G$18=$B$24,21,0),0)),0)</f>
        <v>4.6619756488008424</v>
      </c>
      <c r="E5704" cm="1">
        <f t="array" ref="E5704">IFERROR(INDEX(Jesper!AI$2:AI$366,ROUNDDOWN($C5704/24,0)+1,1)*INDEX($D$3:$AA$30,INDEX(Jesper!$R$2:$R$366,ROW(INDEX(Jesper!AI$2:AI$366,ROUNDDOWN($C5704/24,0)+1,1))-1)+IF('Standard Profiles'!$G$19=$B$10,7,0)+IF('Standard Profiles'!$G$19=$B$17,14,0)+IF('Standard Profiles'!$G$19=$B$24,21,0),MOD($C5704,24)+1)/SUM(INDEX($D$3:$AA$30,INDEX(Jesper!$R$2:$R$366,ROW(INDEX(Jesper!AI$2:AI$366,ROUNDDOWN($C5704/24,0)+1,1))-1)+IF('Standard Profiles'!$G$19=$B$10,7,0)+IF('Standard Profiles'!$G$19=$B$17,14,0)+IF('Standard Profiles'!$G$19=$B$24,21,0),0)),0)</f>
        <v>1.5570952100346727</v>
      </c>
      <c r="F5704" cm="1">
        <f t="array" ref="F5704">IFERROR(INDEX(Jesper!AJ$2:AJ$366,ROUNDDOWN($C5704/24,0)+1,1)*INDEX($D$3:$AA$30,INDEX(Jesper!$R$2:$R$366,ROW(INDEX(Jesper!AJ$2:AJ$366,ROUNDDOWN($C5704/24,0)+1,1))-1)+IF('Standard Profiles'!$G$20=$B$10,7,0)+IF('Standard Profiles'!$G$20=$B$17,14,0)+IF('Standard Profiles'!$G$20=$B$24,21,0),MOD($C5704,24)+1)/SUM(INDEX($D$3:$AA$30,INDEX(Jesper!$R$2:$R$366,ROW(INDEX(Jesper!AJ$2:AJ$366,ROUNDDOWN($C5704/24,0)+1,1))-1)+IF('Standard Profiles'!$G$20=$B$10,7,0)+IF('Standard Profiles'!$G$20=$B$17,14,0)+IF('Standard Profiles'!$G$20=$B$24,21,0),0)),0)</f>
        <v>0</v>
      </c>
      <c r="G5704" cm="1">
        <f t="array" ref="G5704">IFERROR(INDEX(Jesper!AK$2:AK$366,ROUNDDOWN($C5704/24,0)+1,1)*INDEX($D$3:$AA$30,INDEX(Jesper!$R$2:$R$366,ROW(INDEX(Jesper!AK$2:AK$366,ROUNDDOWN($C5704/24,0)+1,1))-1)+IF('Standard Profiles'!$G$21=$B$10,7,0)+IF('Standard Profiles'!$G$21=$B$17,14,0)+IF('Standard Profiles'!$G$21=$B$24,21,0),MOD($C5704,24)+1)/SUM(INDEX($D$3:$AA$30,INDEX(Jesper!$R$2:$R$366,ROW(INDEX(Jesper!AK$2:AK$366,ROUNDDOWN($C5704/24,0)+1,1))-1)+IF('Standard Profiles'!$G$21=$B$10,7,0)+IF('Standard Profiles'!$G$21=$B$17,14,0)+IF('Standard Profiles'!$G$21=$B$24,21,0),0)),0)</f>
        <v>0</v>
      </c>
      <c r="H5704" cm="1">
        <f t="array" ref="H5704">IFERROR(INDEX(Jesper!AL$2:AL$366,ROUNDDOWN($C5704/24,0)+1,1)*INDEX($D$3:$AA$30,INDEX(Jesper!$R$2:$R$366,ROW(INDEX(Jesper!AL$2:AL$366,ROUNDDOWN($C5704/24,0)+1,1))-1)+IF('Standard Profiles'!$G$22=$B$10,7,0)+IF('Standard Profiles'!$G$22=$B$17,14,0)+IF('Standard Profiles'!$G$22=$B$24,21,0),MOD($C5704,24)+1)/SUM(INDEX($D$3:$AA$30,INDEX(Jesper!$R$2:$R$366,ROW(INDEX(Jesper!AL$2:AL$366,ROUNDDOWN($C5704/24,0)+1,1))-1)+IF('Standard Profiles'!$G$22=$B$10,7,0)+IF('Standard Profiles'!$G$22=$B$17,14,0)+IF('Standard Profiles'!$G$22=$B$24,21,0),0)),0)</f>
        <v>0</v>
      </c>
      <c r="I5704">
        <f t="shared" si="636"/>
        <v>0</v>
      </c>
      <c r="J5704">
        <f t="shared" si="637"/>
        <v>5.4731547550273802</v>
      </c>
      <c r="K5704">
        <f t="shared" si="638"/>
        <v>0.49727740253875657</v>
      </c>
      <c r="L5704">
        <f t="shared" si="639"/>
        <v>0.24863870126937829</v>
      </c>
      <c r="M5704">
        <f t="shared" si="640"/>
        <v>0</v>
      </c>
      <c r="N5704" s="45">
        <f t="shared" si="641"/>
        <v>45163.249999986248</v>
      </c>
    </row>
    <row r="5705" spans="2:14" x14ac:dyDescent="0.25">
      <c r="B5705">
        <f t="shared" si="635"/>
        <v>5</v>
      </c>
      <c r="C5705" s="16">
        <v>5671</v>
      </c>
      <c r="D5705" cm="1">
        <f t="array" ref="D5705">IFERROR(INDEX(Jesper!AH$2:AH$366,ROUNDDOWN($C5705/24,0)+1,1)*INDEX($D$3:$AA$30,INDEX(Jesper!$R$2:$R$366,ROW(INDEX(Jesper!AH$2:AH$366,ROUNDDOWN($C5705/24,0)+1,1))-1)+IF('Standard Profiles'!$G$18=$B$10,7,0)+IF('Standard Profiles'!$G$18=$B$17,14,0)+IF('Standard Profiles'!$G$18=$B$24,21,0),MOD($C5705,24)+1)/SUM(INDEX($D$3:$AA$30,INDEX(Jesper!$R$2:$R$366,ROW(INDEX(Jesper!AH$2:AH$366,ROUNDDOWN($C5705/24,0)+1,1))-1)+IF('Standard Profiles'!$G$18=$B$10,7,0)+IF('Standard Profiles'!$G$18=$B$17,14,0)+IF('Standard Profiles'!$G$18=$B$24,21,0),0)),0)</f>
        <v>19.860016263891591</v>
      </c>
      <c r="E5705" cm="1">
        <f t="array" ref="E5705">IFERROR(INDEX(Jesper!AI$2:AI$366,ROUNDDOWN($C5705/24,0)+1,1)*INDEX($D$3:$AA$30,INDEX(Jesper!$R$2:$R$366,ROW(INDEX(Jesper!AI$2:AI$366,ROUNDDOWN($C5705/24,0)+1,1))-1)+IF('Standard Profiles'!$G$19=$B$10,7,0)+IF('Standard Profiles'!$G$19=$B$17,14,0)+IF('Standard Profiles'!$G$19=$B$24,21,0),MOD($C5705,24)+1)/SUM(INDEX($D$3:$AA$30,INDEX(Jesper!$R$2:$R$366,ROW(INDEX(Jesper!AI$2:AI$366,ROUNDDOWN($C5705/24,0)+1,1))-1)+IF('Standard Profiles'!$G$19=$B$10,7,0)+IF('Standard Profiles'!$G$19=$B$17,14,0)+IF('Standard Profiles'!$G$19=$B$24,21,0),0)),0)</f>
        <v>6.6332255947477048</v>
      </c>
      <c r="F5705" cm="1">
        <f t="array" ref="F5705">IFERROR(INDEX(Jesper!AJ$2:AJ$366,ROUNDDOWN($C5705/24,0)+1,1)*INDEX($D$3:$AA$30,INDEX(Jesper!$R$2:$R$366,ROW(INDEX(Jesper!AJ$2:AJ$366,ROUNDDOWN($C5705/24,0)+1,1))-1)+IF('Standard Profiles'!$G$20=$B$10,7,0)+IF('Standard Profiles'!$G$20=$B$17,14,0)+IF('Standard Profiles'!$G$20=$B$24,21,0),MOD($C5705,24)+1)/SUM(INDEX($D$3:$AA$30,INDEX(Jesper!$R$2:$R$366,ROW(INDEX(Jesper!AJ$2:AJ$366,ROUNDDOWN($C5705/24,0)+1,1))-1)+IF('Standard Profiles'!$G$20=$B$10,7,0)+IF('Standard Profiles'!$G$20=$B$17,14,0)+IF('Standard Profiles'!$G$20=$B$24,21,0),0)),0)</f>
        <v>0</v>
      </c>
      <c r="G5705" cm="1">
        <f t="array" ref="G5705">IFERROR(INDEX(Jesper!AK$2:AK$366,ROUNDDOWN($C5705/24,0)+1,1)*INDEX($D$3:$AA$30,INDEX(Jesper!$R$2:$R$366,ROW(INDEX(Jesper!AK$2:AK$366,ROUNDDOWN($C5705/24,0)+1,1))-1)+IF('Standard Profiles'!$G$21=$B$10,7,0)+IF('Standard Profiles'!$G$21=$B$17,14,0)+IF('Standard Profiles'!$G$21=$B$24,21,0),MOD($C5705,24)+1)/SUM(INDEX($D$3:$AA$30,INDEX(Jesper!$R$2:$R$366,ROW(INDEX(Jesper!AK$2:AK$366,ROUNDDOWN($C5705/24,0)+1,1))-1)+IF('Standard Profiles'!$G$21=$B$10,7,0)+IF('Standard Profiles'!$G$21=$B$17,14,0)+IF('Standard Profiles'!$G$21=$B$24,21,0),0)),0)</f>
        <v>0</v>
      </c>
      <c r="H5705" cm="1">
        <f t="array" ref="H5705">IFERROR(INDEX(Jesper!AL$2:AL$366,ROUNDDOWN($C5705/24,0)+1,1)*INDEX($D$3:$AA$30,INDEX(Jesper!$R$2:$R$366,ROW(INDEX(Jesper!AL$2:AL$366,ROUNDDOWN($C5705/24,0)+1,1))-1)+IF('Standard Profiles'!$G$22=$B$10,7,0)+IF('Standard Profiles'!$G$22=$B$17,14,0)+IF('Standard Profiles'!$G$22=$B$24,21,0),MOD($C5705,24)+1)/SUM(INDEX($D$3:$AA$30,INDEX(Jesper!$R$2:$R$366,ROW(INDEX(Jesper!AL$2:AL$366,ROUNDDOWN($C5705/24,0)+1,1))-1)+IF('Standard Profiles'!$G$22=$B$10,7,0)+IF('Standard Profiles'!$G$22=$B$17,14,0)+IF('Standard Profiles'!$G$22=$B$24,21,0),0)),0)</f>
        <v>0</v>
      </c>
      <c r="I5705">
        <f t="shared" si="636"/>
        <v>0</v>
      </c>
      <c r="J5705">
        <f t="shared" si="637"/>
        <v>23.315639256416638</v>
      </c>
      <c r="K5705">
        <f t="shared" si="638"/>
        <v>2.1184017348151034</v>
      </c>
      <c r="L5705">
        <f t="shared" si="639"/>
        <v>1.0592008674075517</v>
      </c>
      <c r="M5705">
        <f t="shared" si="640"/>
        <v>0</v>
      </c>
      <c r="N5705" s="45">
        <f t="shared" si="641"/>
        <v>45163.291666652913</v>
      </c>
    </row>
    <row r="5706" spans="2:14" x14ac:dyDescent="0.25">
      <c r="B5706">
        <f t="shared" si="635"/>
        <v>5</v>
      </c>
      <c r="C5706" s="16">
        <v>5672</v>
      </c>
      <c r="D5706" cm="1">
        <f t="array" ref="D5706">IFERROR(INDEX(Jesper!AH$2:AH$366,ROUNDDOWN($C5706/24,0)+1,1)*INDEX($D$3:$AA$30,INDEX(Jesper!$R$2:$R$366,ROW(INDEX(Jesper!AH$2:AH$366,ROUNDDOWN($C5706/24,0)+1,1))-1)+IF('Standard Profiles'!$G$18=$B$10,7,0)+IF('Standard Profiles'!$G$18=$B$17,14,0)+IF('Standard Profiles'!$G$18=$B$24,21,0),MOD($C5706,24)+1)/SUM(INDEX($D$3:$AA$30,INDEX(Jesper!$R$2:$R$366,ROW(INDEX(Jesper!AH$2:AH$366,ROUNDDOWN($C5706/24,0)+1,1))-1)+IF('Standard Profiles'!$G$18=$B$10,7,0)+IF('Standard Profiles'!$G$18=$B$17,14,0)+IF('Standard Profiles'!$G$18=$B$24,21,0),0)),0)</f>
        <v>24.825020329864483</v>
      </c>
      <c r="E5706" cm="1">
        <f t="array" ref="E5706">IFERROR(INDEX(Jesper!AI$2:AI$366,ROUNDDOWN($C5706/24,0)+1,1)*INDEX($D$3:$AA$30,INDEX(Jesper!$R$2:$R$366,ROW(INDEX(Jesper!AI$2:AI$366,ROUNDDOWN($C5706/24,0)+1,1))-1)+IF('Standard Profiles'!$G$19=$B$10,7,0)+IF('Standard Profiles'!$G$19=$B$17,14,0)+IF('Standard Profiles'!$G$19=$B$24,21,0),MOD($C5706,24)+1)/SUM(INDEX($D$3:$AA$30,INDEX(Jesper!$R$2:$R$366,ROW(INDEX(Jesper!AI$2:AI$366,ROUNDDOWN($C5706/24,0)+1,1))-1)+IF('Standard Profiles'!$G$19=$B$10,7,0)+IF('Standard Profiles'!$G$19=$B$17,14,0)+IF('Standard Profiles'!$G$19=$B$24,21,0),0)),0)</f>
        <v>8.2915319934346314</v>
      </c>
      <c r="F5706" cm="1">
        <f t="array" ref="F5706">IFERROR(INDEX(Jesper!AJ$2:AJ$366,ROUNDDOWN($C5706/24,0)+1,1)*INDEX($D$3:$AA$30,INDEX(Jesper!$R$2:$R$366,ROW(INDEX(Jesper!AJ$2:AJ$366,ROUNDDOWN($C5706/24,0)+1,1))-1)+IF('Standard Profiles'!$G$20=$B$10,7,0)+IF('Standard Profiles'!$G$20=$B$17,14,0)+IF('Standard Profiles'!$G$20=$B$24,21,0),MOD($C5706,24)+1)/SUM(INDEX($D$3:$AA$30,INDEX(Jesper!$R$2:$R$366,ROW(INDEX(Jesper!AJ$2:AJ$366,ROUNDDOWN($C5706/24,0)+1,1))-1)+IF('Standard Profiles'!$G$20=$B$10,7,0)+IF('Standard Profiles'!$G$20=$B$17,14,0)+IF('Standard Profiles'!$G$20=$B$24,21,0),0)),0)</f>
        <v>0</v>
      </c>
      <c r="G5706" cm="1">
        <f t="array" ref="G5706">IFERROR(INDEX(Jesper!AK$2:AK$366,ROUNDDOWN($C5706/24,0)+1,1)*INDEX($D$3:$AA$30,INDEX(Jesper!$R$2:$R$366,ROW(INDEX(Jesper!AK$2:AK$366,ROUNDDOWN($C5706/24,0)+1,1))-1)+IF('Standard Profiles'!$G$21=$B$10,7,0)+IF('Standard Profiles'!$G$21=$B$17,14,0)+IF('Standard Profiles'!$G$21=$B$24,21,0),MOD($C5706,24)+1)/SUM(INDEX($D$3:$AA$30,INDEX(Jesper!$R$2:$R$366,ROW(INDEX(Jesper!AK$2:AK$366,ROUNDDOWN($C5706/24,0)+1,1))-1)+IF('Standard Profiles'!$G$21=$B$10,7,0)+IF('Standard Profiles'!$G$21=$B$17,14,0)+IF('Standard Profiles'!$G$21=$B$24,21,0),0)),0)</f>
        <v>0</v>
      </c>
      <c r="H5706" cm="1">
        <f t="array" ref="H5706">IFERROR(INDEX(Jesper!AL$2:AL$366,ROUNDDOWN($C5706/24,0)+1,1)*INDEX($D$3:$AA$30,INDEX(Jesper!$R$2:$R$366,ROW(INDEX(Jesper!AL$2:AL$366,ROUNDDOWN($C5706/24,0)+1,1))-1)+IF('Standard Profiles'!$G$22=$B$10,7,0)+IF('Standard Profiles'!$G$22=$B$17,14,0)+IF('Standard Profiles'!$G$22=$B$24,21,0),MOD($C5706,24)+1)/SUM(INDEX($D$3:$AA$30,INDEX(Jesper!$R$2:$R$366,ROW(INDEX(Jesper!AL$2:AL$366,ROUNDDOWN($C5706/24,0)+1,1))-1)+IF('Standard Profiles'!$G$22=$B$10,7,0)+IF('Standard Profiles'!$G$22=$B$17,14,0)+IF('Standard Profiles'!$G$22=$B$24,21,0),0)),0)</f>
        <v>0</v>
      </c>
      <c r="I5706">
        <f t="shared" si="636"/>
        <v>0</v>
      </c>
      <c r="J5706">
        <f t="shared" si="637"/>
        <v>29.144549070520796</v>
      </c>
      <c r="K5706">
        <f t="shared" si="638"/>
        <v>2.6480021685188784</v>
      </c>
      <c r="L5706">
        <f t="shared" si="639"/>
        <v>1.3240010842594392</v>
      </c>
      <c r="M5706">
        <f t="shared" si="640"/>
        <v>0</v>
      </c>
      <c r="N5706" s="45">
        <f t="shared" si="641"/>
        <v>45163.333333319577</v>
      </c>
    </row>
    <row r="5707" spans="2:14" x14ac:dyDescent="0.25">
      <c r="B5707">
        <f t="shared" si="635"/>
        <v>5</v>
      </c>
      <c r="C5707" s="16">
        <v>5673</v>
      </c>
      <c r="D5707" cm="1">
        <f t="array" ref="D5707">IFERROR(INDEX(Jesper!AH$2:AH$366,ROUNDDOWN($C5707/24,0)+1,1)*INDEX($D$3:$AA$30,INDEX(Jesper!$R$2:$R$366,ROW(INDEX(Jesper!AH$2:AH$366,ROUNDDOWN($C5707/24,0)+1,1))-1)+IF('Standard Profiles'!$G$18=$B$10,7,0)+IF('Standard Profiles'!$G$18=$B$17,14,0)+IF('Standard Profiles'!$G$18=$B$24,21,0),MOD($C5707,24)+1)/SUM(INDEX($D$3:$AA$30,INDEX(Jesper!$R$2:$R$366,ROW(INDEX(Jesper!AH$2:AH$366,ROUNDDOWN($C5707/24,0)+1,1))-1)+IF('Standard Profiles'!$G$18=$B$10,7,0)+IF('Standard Profiles'!$G$18=$B$17,14,0)+IF('Standard Profiles'!$G$18=$B$24,21,0),0)),0)</f>
        <v>27.307522362850936</v>
      </c>
      <c r="E5707" cm="1">
        <f t="array" ref="E5707">IFERROR(INDEX(Jesper!AI$2:AI$366,ROUNDDOWN($C5707/24,0)+1,1)*INDEX($D$3:$AA$30,INDEX(Jesper!$R$2:$R$366,ROW(INDEX(Jesper!AI$2:AI$366,ROUNDDOWN($C5707/24,0)+1,1))-1)+IF('Standard Profiles'!$G$19=$B$10,7,0)+IF('Standard Profiles'!$G$19=$B$17,14,0)+IF('Standard Profiles'!$G$19=$B$24,21,0),MOD($C5707,24)+1)/SUM(INDEX($D$3:$AA$30,INDEX(Jesper!$R$2:$R$366,ROW(INDEX(Jesper!AI$2:AI$366,ROUNDDOWN($C5707/24,0)+1,1))-1)+IF('Standard Profiles'!$G$19=$B$10,7,0)+IF('Standard Profiles'!$G$19=$B$17,14,0)+IF('Standard Profiles'!$G$19=$B$24,21,0),0)),0)</f>
        <v>9.1206851927780939</v>
      </c>
      <c r="F5707" cm="1">
        <f t="array" ref="F5707">IFERROR(INDEX(Jesper!AJ$2:AJ$366,ROUNDDOWN($C5707/24,0)+1,1)*INDEX($D$3:$AA$30,INDEX(Jesper!$R$2:$R$366,ROW(INDEX(Jesper!AJ$2:AJ$366,ROUNDDOWN($C5707/24,0)+1,1))-1)+IF('Standard Profiles'!$G$20=$B$10,7,0)+IF('Standard Profiles'!$G$20=$B$17,14,0)+IF('Standard Profiles'!$G$20=$B$24,21,0),MOD($C5707,24)+1)/SUM(INDEX($D$3:$AA$30,INDEX(Jesper!$R$2:$R$366,ROW(INDEX(Jesper!AJ$2:AJ$366,ROUNDDOWN($C5707/24,0)+1,1))-1)+IF('Standard Profiles'!$G$20=$B$10,7,0)+IF('Standard Profiles'!$G$20=$B$17,14,0)+IF('Standard Profiles'!$G$20=$B$24,21,0),0)),0)</f>
        <v>0</v>
      </c>
      <c r="G5707" cm="1">
        <f t="array" ref="G5707">IFERROR(INDEX(Jesper!AK$2:AK$366,ROUNDDOWN($C5707/24,0)+1,1)*INDEX($D$3:$AA$30,INDEX(Jesper!$R$2:$R$366,ROW(INDEX(Jesper!AK$2:AK$366,ROUNDDOWN($C5707/24,0)+1,1))-1)+IF('Standard Profiles'!$G$21=$B$10,7,0)+IF('Standard Profiles'!$G$21=$B$17,14,0)+IF('Standard Profiles'!$G$21=$B$24,21,0),MOD($C5707,24)+1)/SUM(INDEX($D$3:$AA$30,INDEX(Jesper!$R$2:$R$366,ROW(INDEX(Jesper!AK$2:AK$366,ROUNDDOWN($C5707/24,0)+1,1))-1)+IF('Standard Profiles'!$G$21=$B$10,7,0)+IF('Standard Profiles'!$G$21=$B$17,14,0)+IF('Standard Profiles'!$G$21=$B$24,21,0),0)),0)</f>
        <v>0</v>
      </c>
      <c r="H5707" cm="1">
        <f t="array" ref="H5707">IFERROR(INDEX(Jesper!AL$2:AL$366,ROUNDDOWN($C5707/24,0)+1,1)*INDEX($D$3:$AA$30,INDEX(Jesper!$R$2:$R$366,ROW(INDEX(Jesper!AL$2:AL$366,ROUNDDOWN($C5707/24,0)+1,1))-1)+IF('Standard Profiles'!$G$22=$B$10,7,0)+IF('Standard Profiles'!$G$22=$B$17,14,0)+IF('Standard Profiles'!$G$22=$B$24,21,0),MOD($C5707,24)+1)/SUM(INDEX($D$3:$AA$30,INDEX(Jesper!$R$2:$R$366,ROW(INDEX(Jesper!AL$2:AL$366,ROUNDDOWN($C5707/24,0)+1,1))-1)+IF('Standard Profiles'!$G$22=$B$10,7,0)+IF('Standard Profiles'!$G$22=$B$17,14,0)+IF('Standard Profiles'!$G$22=$B$24,21,0),0)),0)</f>
        <v>0</v>
      </c>
      <c r="I5707">
        <f t="shared" si="636"/>
        <v>0</v>
      </c>
      <c r="J5707">
        <f t="shared" si="637"/>
        <v>32.059003977572878</v>
      </c>
      <c r="K5707">
        <f t="shared" si="638"/>
        <v>2.9128023853707665</v>
      </c>
      <c r="L5707">
        <f t="shared" si="639"/>
        <v>1.4564011926853833</v>
      </c>
      <c r="M5707">
        <f t="shared" si="640"/>
        <v>0</v>
      </c>
      <c r="N5707" s="45">
        <f t="shared" si="641"/>
        <v>45163.374999986241</v>
      </c>
    </row>
    <row r="5708" spans="2:14" x14ac:dyDescent="0.25">
      <c r="B5708">
        <f t="shared" si="635"/>
        <v>5</v>
      </c>
      <c r="C5708" s="16">
        <v>5674</v>
      </c>
      <c r="D5708" cm="1">
        <f t="array" ref="D5708">IFERROR(INDEX(Jesper!AH$2:AH$366,ROUNDDOWN($C5708/24,0)+1,1)*INDEX($D$3:$AA$30,INDEX(Jesper!$R$2:$R$366,ROW(INDEX(Jesper!AH$2:AH$366,ROUNDDOWN($C5708/24,0)+1,1))-1)+IF('Standard Profiles'!$G$18=$B$10,7,0)+IF('Standard Profiles'!$G$18=$B$17,14,0)+IF('Standard Profiles'!$G$18=$B$24,21,0),MOD($C5708,24)+1)/SUM(INDEX($D$3:$AA$30,INDEX(Jesper!$R$2:$R$366,ROW(INDEX(Jesper!AH$2:AH$366,ROUNDDOWN($C5708/24,0)+1,1))-1)+IF('Standard Profiles'!$G$18=$B$10,7,0)+IF('Standard Profiles'!$G$18=$B$17,14,0)+IF('Standard Profiles'!$G$18=$B$24,21,0),0)),0)</f>
        <v>27.307522362850936</v>
      </c>
      <c r="E5708" cm="1">
        <f t="array" ref="E5708">IFERROR(INDEX(Jesper!AI$2:AI$366,ROUNDDOWN($C5708/24,0)+1,1)*INDEX($D$3:$AA$30,INDEX(Jesper!$R$2:$R$366,ROW(INDEX(Jesper!AI$2:AI$366,ROUNDDOWN($C5708/24,0)+1,1))-1)+IF('Standard Profiles'!$G$19=$B$10,7,0)+IF('Standard Profiles'!$G$19=$B$17,14,0)+IF('Standard Profiles'!$G$19=$B$24,21,0),MOD($C5708,24)+1)/SUM(INDEX($D$3:$AA$30,INDEX(Jesper!$R$2:$R$366,ROW(INDEX(Jesper!AI$2:AI$366,ROUNDDOWN($C5708/24,0)+1,1))-1)+IF('Standard Profiles'!$G$19=$B$10,7,0)+IF('Standard Profiles'!$G$19=$B$17,14,0)+IF('Standard Profiles'!$G$19=$B$24,21,0),0)),0)</f>
        <v>9.1206851927780939</v>
      </c>
      <c r="F5708" cm="1">
        <f t="array" ref="F5708">IFERROR(INDEX(Jesper!AJ$2:AJ$366,ROUNDDOWN($C5708/24,0)+1,1)*INDEX($D$3:$AA$30,INDEX(Jesper!$R$2:$R$366,ROW(INDEX(Jesper!AJ$2:AJ$366,ROUNDDOWN($C5708/24,0)+1,1))-1)+IF('Standard Profiles'!$G$20=$B$10,7,0)+IF('Standard Profiles'!$G$20=$B$17,14,0)+IF('Standard Profiles'!$G$20=$B$24,21,0),MOD($C5708,24)+1)/SUM(INDEX($D$3:$AA$30,INDEX(Jesper!$R$2:$R$366,ROW(INDEX(Jesper!AJ$2:AJ$366,ROUNDDOWN($C5708/24,0)+1,1))-1)+IF('Standard Profiles'!$G$20=$B$10,7,0)+IF('Standard Profiles'!$G$20=$B$17,14,0)+IF('Standard Profiles'!$G$20=$B$24,21,0),0)),0)</f>
        <v>0</v>
      </c>
      <c r="G5708" cm="1">
        <f t="array" ref="G5708">IFERROR(INDEX(Jesper!AK$2:AK$366,ROUNDDOWN($C5708/24,0)+1,1)*INDEX($D$3:$AA$30,INDEX(Jesper!$R$2:$R$366,ROW(INDEX(Jesper!AK$2:AK$366,ROUNDDOWN($C5708/24,0)+1,1))-1)+IF('Standard Profiles'!$G$21=$B$10,7,0)+IF('Standard Profiles'!$G$21=$B$17,14,0)+IF('Standard Profiles'!$G$21=$B$24,21,0),MOD($C5708,24)+1)/SUM(INDEX($D$3:$AA$30,INDEX(Jesper!$R$2:$R$366,ROW(INDEX(Jesper!AK$2:AK$366,ROUNDDOWN($C5708/24,0)+1,1))-1)+IF('Standard Profiles'!$G$21=$B$10,7,0)+IF('Standard Profiles'!$G$21=$B$17,14,0)+IF('Standard Profiles'!$G$21=$B$24,21,0),0)),0)</f>
        <v>0</v>
      </c>
      <c r="H5708" cm="1">
        <f t="array" ref="H5708">IFERROR(INDEX(Jesper!AL$2:AL$366,ROUNDDOWN($C5708/24,0)+1,1)*INDEX($D$3:$AA$30,INDEX(Jesper!$R$2:$R$366,ROW(INDEX(Jesper!AL$2:AL$366,ROUNDDOWN($C5708/24,0)+1,1))-1)+IF('Standard Profiles'!$G$22=$B$10,7,0)+IF('Standard Profiles'!$G$22=$B$17,14,0)+IF('Standard Profiles'!$G$22=$B$24,21,0),MOD($C5708,24)+1)/SUM(INDEX($D$3:$AA$30,INDEX(Jesper!$R$2:$R$366,ROW(INDEX(Jesper!AL$2:AL$366,ROUNDDOWN($C5708/24,0)+1,1))-1)+IF('Standard Profiles'!$G$22=$B$10,7,0)+IF('Standard Profiles'!$G$22=$B$17,14,0)+IF('Standard Profiles'!$G$22=$B$24,21,0),0)),0)</f>
        <v>0</v>
      </c>
      <c r="I5708">
        <f t="shared" si="636"/>
        <v>0</v>
      </c>
      <c r="J5708">
        <f t="shared" si="637"/>
        <v>32.059003977572878</v>
      </c>
      <c r="K5708">
        <f t="shared" si="638"/>
        <v>2.9128023853707665</v>
      </c>
      <c r="L5708">
        <f t="shared" si="639"/>
        <v>1.4564011926853833</v>
      </c>
      <c r="M5708">
        <f t="shared" si="640"/>
        <v>0</v>
      </c>
      <c r="N5708" s="45">
        <f t="shared" si="641"/>
        <v>45163.416666652905</v>
      </c>
    </row>
    <row r="5709" spans="2:14" x14ac:dyDescent="0.25">
      <c r="B5709">
        <f t="shared" si="635"/>
        <v>5</v>
      </c>
      <c r="C5709" s="16">
        <v>5675</v>
      </c>
      <c r="D5709" cm="1">
        <f t="array" ref="D5709">IFERROR(INDEX(Jesper!AH$2:AH$366,ROUNDDOWN($C5709/24,0)+1,1)*INDEX($D$3:$AA$30,INDEX(Jesper!$R$2:$R$366,ROW(INDEX(Jesper!AH$2:AH$366,ROUNDDOWN($C5709/24,0)+1,1))-1)+IF('Standard Profiles'!$G$18=$B$10,7,0)+IF('Standard Profiles'!$G$18=$B$17,14,0)+IF('Standard Profiles'!$G$18=$B$24,21,0),MOD($C5709,24)+1)/SUM(INDEX($D$3:$AA$30,INDEX(Jesper!$R$2:$R$366,ROW(INDEX(Jesper!AH$2:AH$366,ROUNDDOWN($C5709/24,0)+1,1))-1)+IF('Standard Profiles'!$G$18=$B$10,7,0)+IF('Standard Profiles'!$G$18=$B$17,14,0)+IF('Standard Profiles'!$G$18=$B$24,21,0),0)),0)</f>
        <v>32.272526428823831</v>
      </c>
      <c r="E5709" cm="1">
        <f t="array" ref="E5709">IFERROR(INDEX(Jesper!AI$2:AI$366,ROUNDDOWN($C5709/24,0)+1,1)*INDEX($D$3:$AA$30,INDEX(Jesper!$R$2:$R$366,ROW(INDEX(Jesper!AI$2:AI$366,ROUNDDOWN($C5709/24,0)+1,1))-1)+IF('Standard Profiles'!$G$19=$B$10,7,0)+IF('Standard Profiles'!$G$19=$B$17,14,0)+IF('Standard Profiles'!$G$19=$B$24,21,0),MOD($C5709,24)+1)/SUM(INDEX($D$3:$AA$30,INDEX(Jesper!$R$2:$R$366,ROW(INDEX(Jesper!AI$2:AI$366,ROUNDDOWN($C5709/24,0)+1,1))-1)+IF('Standard Profiles'!$G$19=$B$10,7,0)+IF('Standard Profiles'!$G$19=$B$17,14,0)+IF('Standard Profiles'!$G$19=$B$24,21,0),0)),0)</f>
        <v>10.778991591465022</v>
      </c>
      <c r="F5709" cm="1">
        <f t="array" ref="F5709">IFERROR(INDEX(Jesper!AJ$2:AJ$366,ROUNDDOWN($C5709/24,0)+1,1)*INDEX($D$3:$AA$30,INDEX(Jesper!$R$2:$R$366,ROW(INDEX(Jesper!AJ$2:AJ$366,ROUNDDOWN($C5709/24,0)+1,1))-1)+IF('Standard Profiles'!$G$20=$B$10,7,0)+IF('Standard Profiles'!$G$20=$B$17,14,0)+IF('Standard Profiles'!$G$20=$B$24,21,0),MOD($C5709,24)+1)/SUM(INDEX($D$3:$AA$30,INDEX(Jesper!$R$2:$R$366,ROW(INDEX(Jesper!AJ$2:AJ$366,ROUNDDOWN($C5709/24,0)+1,1))-1)+IF('Standard Profiles'!$G$20=$B$10,7,0)+IF('Standard Profiles'!$G$20=$B$17,14,0)+IF('Standard Profiles'!$G$20=$B$24,21,0),0)),0)</f>
        <v>0</v>
      </c>
      <c r="G5709" cm="1">
        <f t="array" ref="G5709">IFERROR(INDEX(Jesper!AK$2:AK$366,ROUNDDOWN($C5709/24,0)+1,1)*INDEX($D$3:$AA$30,INDEX(Jesper!$R$2:$R$366,ROW(INDEX(Jesper!AK$2:AK$366,ROUNDDOWN($C5709/24,0)+1,1))-1)+IF('Standard Profiles'!$G$21=$B$10,7,0)+IF('Standard Profiles'!$G$21=$B$17,14,0)+IF('Standard Profiles'!$G$21=$B$24,21,0),MOD($C5709,24)+1)/SUM(INDEX($D$3:$AA$30,INDEX(Jesper!$R$2:$R$366,ROW(INDEX(Jesper!AK$2:AK$366,ROUNDDOWN($C5709/24,0)+1,1))-1)+IF('Standard Profiles'!$G$21=$B$10,7,0)+IF('Standard Profiles'!$G$21=$B$17,14,0)+IF('Standard Profiles'!$G$21=$B$24,21,0),0)),0)</f>
        <v>0</v>
      </c>
      <c r="H5709" cm="1">
        <f t="array" ref="H5709">IFERROR(INDEX(Jesper!AL$2:AL$366,ROUNDDOWN($C5709/24,0)+1,1)*INDEX($D$3:$AA$30,INDEX(Jesper!$R$2:$R$366,ROW(INDEX(Jesper!AL$2:AL$366,ROUNDDOWN($C5709/24,0)+1,1))-1)+IF('Standard Profiles'!$G$22=$B$10,7,0)+IF('Standard Profiles'!$G$22=$B$17,14,0)+IF('Standard Profiles'!$G$22=$B$24,21,0),MOD($C5709,24)+1)/SUM(INDEX($D$3:$AA$30,INDEX(Jesper!$R$2:$R$366,ROW(INDEX(Jesper!AL$2:AL$366,ROUNDDOWN($C5709/24,0)+1,1))-1)+IF('Standard Profiles'!$G$22=$B$10,7,0)+IF('Standard Profiles'!$G$22=$B$17,14,0)+IF('Standard Profiles'!$G$22=$B$24,21,0),0)),0)</f>
        <v>0</v>
      </c>
      <c r="I5709">
        <f t="shared" si="636"/>
        <v>0</v>
      </c>
      <c r="J5709">
        <f t="shared" si="637"/>
        <v>37.887913791677036</v>
      </c>
      <c r="K5709">
        <f t="shared" si="638"/>
        <v>3.4424028190745424</v>
      </c>
      <c r="L5709">
        <f t="shared" si="639"/>
        <v>1.7212014095372712</v>
      </c>
      <c r="M5709">
        <f t="shared" si="640"/>
        <v>0</v>
      </c>
      <c r="N5709" s="45">
        <f t="shared" si="641"/>
        <v>45163.45833331957</v>
      </c>
    </row>
    <row r="5710" spans="2:14" x14ac:dyDescent="0.25">
      <c r="B5710">
        <f t="shared" si="635"/>
        <v>5</v>
      </c>
      <c r="C5710" s="16">
        <v>5676</v>
      </c>
      <c r="D5710" cm="1">
        <f t="array" ref="D5710">IFERROR(INDEX(Jesper!AH$2:AH$366,ROUNDDOWN($C5710/24,0)+1,1)*INDEX($D$3:$AA$30,INDEX(Jesper!$R$2:$R$366,ROW(INDEX(Jesper!AH$2:AH$366,ROUNDDOWN($C5710/24,0)+1,1))-1)+IF('Standard Profiles'!$G$18=$B$10,7,0)+IF('Standard Profiles'!$G$18=$B$17,14,0)+IF('Standard Profiles'!$G$18=$B$24,21,0),MOD($C5710,24)+1)/SUM(INDEX($D$3:$AA$30,INDEX(Jesper!$R$2:$R$366,ROW(INDEX(Jesper!AH$2:AH$366,ROUNDDOWN($C5710/24,0)+1,1))-1)+IF('Standard Profiles'!$G$18=$B$10,7,0)+IF('Standard Profiles'!$G$18=$B$17,14,0)+IF('Standard Profiles'!$G$18=$B$24,21,0),0)),0)</f>
        <v>32.272526428823831</v>
      </c>
      <c r="E5710" cm="1">
        <f t="array" ref="E5710">IFERROR(INDEX(Jesper!AI$2:AI$366,ROUNDDOWN($C5710/24,0)+1,1)*INDEX($D$3:$AA$30,INDEX(Jesper!$R$2:$R$366,ROW(INDEX(Jesper!AI$2:AI$366,ROUNDDOWN($C5710/24,0)+1,1))-1)+IF('Standard Profiles'!$G$19=$B$10,7,0)+IF('Standard Profiles'!$G$19=$B$17,14,0)+IF('Standard Profiles'!$G$19=$B$24,21,0),MOD($C5710,24)+1)/SUM(INDEX($D$3:$AA$30,INDEX(Jesper!$R$2:$R$366,ROW(INDEX(Jesper!AI$2:AI$366,ROUNDDOWN($C5710/24,0)+1,1))-1)+IF('Standard Profiles'!$G$19=$B$10,7,0)+IF('Standard Profiles'!$G$19=$B$17,14,0)+IF('Standard Profiles'!$G$19=$B$24,21,0),0)),0)</f>
        <v>10.778991591465022</v>
      </c>
      <c r="F5710" cm="1">
        <f t="array" ref="F5710">IFERROR(INDEX(Jesper!AJ$2:AJ$366,ROUNDDOWN($C5710/24,0)+1,1)*INDEX($D$3:$AA$30,INDEX(Jesper!$R$2:$R$366,ROW(INDEX(Jesper!AJ$2:AJ$366,ROUNDDOWN($C5710/24,0)+1,1))-1)+IF('Standard Profiles'!$G$20=$B$10,7,0)+IF('Standard Profiles'!$G$20=$B$17,14,0)+IF('Standard Profiles'!$G$20=$B$24,21,0),MOD($C5710,24)+1)/SUM(INDEX($D$3:$AA$30,INDEX(Jesper!$R$2:$R$366,ROW(INDEX(Jesper!AJ$2:AJ$366,ROUNDDOWN($C5710/24,0)+1,1))-1)+IF('Standard Profiles'!$G$20=$B$10,7,0)+IF('Standard Profiles'!$G$20=$B$17,14,0)+IF('Standard Profiles'!$G$20=$B$24,21,0),0)),0)</f>
        <v>0</v>
      </c>
      <c r="G5710" cm="1">
        <f t="array" ref="G5710">IFERROR(INDEX(Jesper!AK$2:AK$366,ROUNDDOWN($C5710/24,0)+1,1)*INDEX($D$3:$AA$30,INDEX(Jesper!$R$2:$R$366,ROW(INDEX(Jesper!AK$2:AK$366,ROUNDDOWN($C5710/24,0)+1,1))-1)+IF('Standard Profiles'!$G$21=$B$10,7,0)+IF('Standard Profiles'!$G$21=$B$17,14,0)+IF('Standard Profiles'!$G$21=$B$24,21,0),MOD($C5710,24)+1)/SUM(INDEX($D$3:$AA$30,INDEX(Jesper!$R$2:$R$366,ROW(INDEX(Jesper!AK$2:AK$366,ROUNDDOWN($C5710/24,0)+1,1))-1)+IF('Standard Profiles'!$G$21=$B$10,7,0)+IF('Standard Profiles'!$G$21=$B$17,14,0)+IF('Standard Profiles'!$G$21=$B$24,21,0),0)),0)</f>
        <v>0</v>
      </c>
      <c r="H5710" cm="1">
        <f t="array" ref="H5710">IFERROR(INDEX(Jesper!AL$2:AL$366,ROUNDDOWN($C5710/24,0)+1,1)*INDEX($D$3:$AA$30,INDEX(Jesper!$R$2:$R$366,ROW(INDEX(Jesper!AL$2:AL$366,ROUNDDOWN($C5710/24,0)+1,1))-1)+IF('Standard Profiles'!$G$22=$B$10,7,0)+IF('Standard Profiles'!$G$22=$B$17,14,0)+IF('Standard Profiles'!$G$22=$B$24,21,0),MOD($C5710,24)+1)/SUM(INDEX($D$3:$AA$30,INDEX(Jesper!$R$2:$R$366,ROW(INDEX(Jesper!AL$2:AL$366,ROUNDDOWN($C5710/24,0)+1,1))-1)+IF('Standard Profiles'!$G$22=$B$10,7,0)+IF('Standard Profiles'!$G$22=$B$17,14,0)+IF('Standard Profiles'!$G$22=$B$24,21,0),0)),0)</f>
        <v>0</v>
      </c>
      <c r="I5710">
        <f t="shared" si="636"/>
        <v>0</v>
      </c>
      <c r="J5710">
        <f t="shared" si="637"/>
        <v>37.887913791677036</v>
      </c>
      <c r="K5710">
        <f t="shared" si="638"/>
        <v>3.4424028190745424</v>
      </c>
      <c r="L5710">
        <f t="shared" si="639"/>
        <v>1.7212014095372712</v>
      </c>
      <c r="M5710">
        <f t="shared" si="640"/>
        <v>0</v>
      </c>
      <c r="N5710" s="45">
        <f t="shared" si="641"/>
        <v>45163.499999986234</v>
      </c>
    </row>
    <row r="5711" spans="2:14" x14ac:dyDescent="0.25">
      <c r="B5711">
        <f t="shared" si="635"/>
        <v>5</v>
      </c>
      <c r="C5711" s="16">
        <v>5677</v>
      </c>
      <c r="D5711" cm="1">
        <f t="array" ref="D5711">IFERROR(INDEX(Jesper!AH$2:AH$366,ROUNDDOWN($C5711/24,0)+1,1)*INDEX($D$3:$AA$30,INDEX(Jesper!$R$2:$R$366,ROW(INDEX(Jesper!AH$2:AH$366,ROUNDDOWN($C5711/24,0)+1,1))-1)+IF('Standard Profiles'!$G$18=$B$10,7,0)+IF('Standard Profiles'!$G$18=$B$17,14,0)+IF('Standard Profiles'!$G$18=$B$24,21,0),MOD($C5711,24)+1)/SUM(INDEX($D$3:$AA$30,INDEX(Jesper!$R$2:$R$366,ROW(INDEX(Jesper!AH$2:AH$366,ROUNDDOWN($C5711/24,0)+1,1))-1)+IF('Standard Profiles'!$G$18=$B$10,7,0)+IF('Standard Profiles'!$G$18=$B$17,14,0)+IF('Standard Profiles'!$G$18=$B$24,21,0),0)),0)</f>
        <v>22.342518296878037</v>
      </c>
      <c r="E5711" cm="1">
        <f t="array" ref="E5711">IFERROR(INDEX(Jesper!AI$2:AI$366,ROUNDDOWN($C5711/24,0)+1,1)*INDEX($D$3:$AA$30,INDEX(Jesper!$R$2:$R$366,ROW(INDEX(Jesper!AI$2:AI$366,ROUNDDOWN($C5711/24,0)+1,1))-1)+IF('Standard Profiles'!$G$19=$B$10,7,0)+IF('Standard Profiles'!$G$19=$B$17,14,0)+IF('Standard Profiles'!$G$19=$B$24,21,0),MOD($C5711,24)+1)/SUM(INDEX($D$3:$AA$30,INDEX(Jesper!$R$2:$R$366,ROW(INDEX(Jesper!AI$2:AI$366,ROUNDDOWN($C5711/24,0)+1,1))-1)+IF('Standard Profiles'!$G$19=$B$10,7,0)+IF('Standard Profiles'!$G$19=$B$17,14,0)+IF('Standard Profiles'!$G$19=$B$24,21,0),0)),0)</f>
        <v>7.462378794091169</v>
      </c>
      <c r="F5711" cm="1">
        <f t="array" ref="F5711">IFERROR(INDEX(Jesper!AJ$2:AJ$366,ROUNDDOWN($C5711/24,0)+1,1)*INDEX($D$3:$AA$30,INDEX(Jesper!$R$2:$R$366,ROW(INDEX(Jesper!AJ$2:AJ$366,ROUNDDOWN($C5711/24,0)+1,1))-1)+IF('Standard Profiles'!$G$20=$B$10,7,0)+IF('Standard Profiles'!$G$20=$B$17,14,0)+IF('Standard Profiles'!$G$20=$B$24,21,0),MOD($C5711,24)+1)/SUM(INDEX($D$3:$AA$30,INDEX(Jesper!$R$2:$R$366,ROW(INDEX(Jesper!AJ$2:AJ$366,ROUNDDOWN($C5711/24,0)+1,1))-1)+IF('Standard Profiles'!$G$20=$B$10,7,0)+IF('Standard Profiles'!$G$20=$B$17,14,0)+IF('Standard Profiles'!$G$20=$B$24,21,0),0)),0)</f>
        <v>0</v>
      </c>
      <c r="G5711" cm="1">
        <f t="array" ref="G5711">IFERROR(INDEX(Jesper!AK$2:AK$366,ROUNDDOWN($C5711/24,0)+1,1)*INDEX($D$3:$AA$30,INDEX(Jesper!$R$2:$R$366,ROW(INDEX(Jesper!AK$2:AK$366,ROUNDDOWN($C5711/24,0)+1,1))-1)+IF('Standard Profiles'!$G$21=$B$10,7,0)+IF('Standard Profiles'!$G$21=$B$17,14,0)+IF('Standard Profiles'!$G$21=$B$24,21,0),MOD($C5711,24)+1)/SUM(INDEX($D$3:$AA$30,INDEX(Jesper!$R$2:$R$366,ROW(INDEX(Jesper!AK$2:AK$366,ROUNDDOWN($C5711/24,0)+1,1))-1)+IF('Standard Profiles'!$G$21=$B$10,7,0)+IF('Standard Profiles'!$G$21=$B$17,14,0)+IF('Standard Profiles'!$G$21=$B$24,21,0),0)),0)</f>
        <v>0</v>
      </c>
      <c r="H5711" cm="1">
        <f t="array" ref="H5711">IFERROR(INDEX(Jesper!AL$2:AL$366,ROUNDDOWN($C5711/24,0)+1,1)*INDEX($D$3:$AA$30,INDEX(Jesper!$R$2:$R$366,ROW(INDEX(Jesper!AL$2:AL$366,ROUNDDOWN($C5711/24,0)+1,1))-1)+IF('Standard Profiles'!$G$22=$B$10,7,0)+IF('Standard Profiles'!$G$22=$B$17,14,0)+IF('Standard Profiles'!$G$22=$B$24,21,0),MOD($C5711,24)+1)/SUM(INDEX($D$3:$AA$30,INDEX(Jesper!$R$2:$R$366,ROW(INDEX(Jesper!AL$2:AL$366,ROUNDDOWN($C5711/24,0)+1,1))-1)+IF('Standard Profiles'!$G$22=$B$10,7,0)+IF('Standard Profiles'!$G$22=$B$17,14,0)+IF('Standard Profiles'!$G$22=$B$24,21,0),0)),0)</f>
        <v>0</v>
      </c>
      <c r="I5711">
        <f t="shared" si="636"/>
        <v>0</v>
      </c>
      <c r="J5711">
        <f t="shared" si="637"/>
        <v>26.230094163468721</v>
      </c>
      <c r="K5711">
        <f t="shared" si="638"/>
        <v>2.3832019516669907</v>
      </c>
      <c r="L5711">
        <f t="shared" si="639"/>
        <v>1.1916009758334953</v>
      </c>
      <c r="M5711">
        <f t="shared" si="640"/>
        <v>0</v>
      </c>
      <c r="N5711" s="45">
        <f t="shared" si="641"/>
        <v>45163.541666652898</v>
      </c>
    </row>
    <row r="5712" spans="2:14" x14ac:dyDescent="0.25">
      <c r="B5712">
        <f t="shared" si="635"/>
        <v>5</v>
      </c>
      <c r="C5712" s="16">
        <v>5678</v>
      </c>
      <c r="D5712" cm="1">
        <f t="array" ref="D5712">IFERROR(INDEX(Jesper!AH$2:AH$366,ROUNDDOWN($C5712/24,0)+1,1)*INDEX($D$3:$AA$30,INDEX(Jesper!$R$2:$R$366,ROW(INDEX(Jesper!AH$2:AH$366,ROUNDDOWN($C5712/24,0)+1,1))-1)+IF('Standard Profiles'!$G$18=$B$10,7,0)+IF('Standard Profiles'!$G$18=$B$17,14,0)+IF('Standard Profiles'!$G$18=$B$24,21,0),MOD($C5712,24)+1)/SUM(INDEX($D$3:$AA$30,INDEX(Jesper!$R$2:$R$366,ROW(INDEX(Jesper!AH$2:AH$366,ROUNDDOWN($C5712/24,0)+1,1))-1)+IF('Standard Profiles'!$G$18=$B$10,7,0)+IF('Standard Profiles'!$G$18=$B$17,14,0)+IF('Standard Profiles'!$G$18=$B$24,21,0),0)),0)</f>
        <v>32.272526428823831</v>
      </c>
      <c r="E5712" cm="1">
        <f t="array" ref="E5712">IFERROR(INDEX(Jesper!AI$2:AI$366,ROUNDDOWN($C5712/24,0)+1,1)*INDEX($D$3:$AA$30,INDEX(Jesper!$R$2:$R$366,ROW(INDEX(Jesper!AI$2:AI$366,ROUNDDOWN($C5712/24,0)+1,1))-1)+IF('Standard Profiles'!$G$19=$B$10,7,0)+IF('Standard Profiles'!$G$19=$B$17,14,0)+IF('Standard Profiles'!$G$19=$B$24,21,0),MOD($C5712,24)+1)/SUM(INDEX($D$3:$AA$30,INDEX(Jesper!$R$2:$R$366,ROW(INDEX(Jesper!AI$2:AI$366,ROUNDDOWN($C5712/24,0)+1,1))-1)+IF('Standard Profiles'!$G$19=$B$10,7,0)+IF('Standard Profiles'!$G$19=$B$17,14,0)+IF('Standard Profiles'!$G$19=$B$24,21,0),0)),0)</f>
        <v>10.778991591465022</v>
      </c>
      <c r="F5712" cm="1">
        <f t="array" ref="F5712">IFERROR(INDEX(Jesper!AJ$2:AJ$366,ROUNDDOWN($C5712/24,0)+1,1)*INDEX($D$3:$AA$30,INDEX(Jesper!$R$2:$R$366,ROW(INDEX(Jesper!AJ$2:AJ$366,ROUNDDOWN($C5712/24,0)+1,1))-1)+IF('Standard Profiles'!$G$20=$B$10,7,0)+IF('Standard Profiles'!$G$20=$B$17,14,0)+IF('Standard Profiles'!$G$20=$B$24,21,0),MOD($C5712,24)+1)/SUM(INDEX($D$3:$AA$30,INDEX(Jesper!$R$2:$R$366,ROW(INDEX(Jesper!AJ$2:AJ$366,ROUNDDOWN($C5712/24,0)+1,1))-1)+IF('Standard Profiles'!$G$20=$B$10,7,0)+IF('Standard Profiles'!$G$20=$B$17,14,0)+IF('Standard Profiles'!$G$20=$B$24,21,0),0)),0)</f>
        <v>0</v>
      </c>
      <c r="G5712" cm="1">
        <f t="array" ref="G5712">IFERROR(INDEX(Jesper!AK$2:AK$366,ROUNDDOWN($C5712/24,0)+1,1)*INDEX($D$3:$AA$30,INDEX(Jesper!$R$2:$R$366,ROW(INDEX(Jesper!AK$2:AK$366,ROUNDDOWN($C5712/24,0)+1,1))-1)+IF('Standard Profiles'!$G$21=$B$10,7,0)+IF('Standard Profiles'!$G$21=$B$17,14,0)+IF('Standard Profiles'!$G$21=$B$24,21,0),MOD($C5712,24)+1)/SUM(INDEX($D$3:$AA$30,INDEX(Jesper!$R$2:$R$366,ROW(INDEX(Jesper!AK$2:AK$366,ROUNDDOWN($C5712/24,0)+1,1))-1)+IF('Standard Profiles'!$G$21=$B$10,7,0)+IF('Standard Profiles'!$G$21=$B$17,14,0)+IF('Standard Profiles'!$G$21=$B$24,21,0),0)),0)</f>
        <v>0</v>
      </c>
      <c r="H5712" cm="1">
        <f t="array" ref="H5712">IFERROR(INDEX(Jesper!AL$2:AL$366,ROUNDDOWN($C5712/24,0)+1,1)*INDEX($D$3:$AA$30,INDEX(Jesper!$R$2:$R$366,ROW(INDEX(Jesper!AL$2:AL$366,ROUNDDOWN($C5712/24,0)+1,1))-1)+IF('Standard Profiles'!$G$22=$B$10,7,0)+IF('Standard Profiles'!$G$22=$B$17,14,0)+IF('Standard Profiles'!$G$22=$B$24,21,0),MOD($C5712,24)+1)/SUM(INDEX($D$3:$AA$30,INDEX(Jesper!$R$2:$R$366,ROW(INDEX(Jesper!AL$2:AL$366,ROUNDDOWN($C5712/24,0)+1,1))-1)+IF('Standard Profiles'!$G$22=$B$10,7,0)+IF('Standard Profiles'!$G$22=$B$17,14,0)+IF('Standard Profiles'!$G$22=$B$24,21,0),0)),0)</f>
        <v>0</v>
      </c>
      <c r="I5712">
        <f t="shared" si="636"/>
        <v>0</v>
      </c>
      <c r="J5712">
        <f t="shared" si="637"/>
        <v>37.887913791677036</v>
      </c>
      <c r="K5712">
        <f t="shared" si="638"/>
        <v>3.4424028190745424</v>
      </c>
      <c r="L5712">
        <f t="shared" si="639"/>
        <v>1.7212014095372712</v>
      </c>
      <c r="M5712">
        <f t="shared" si="640"/>
        <v>0</v>
      </c>
      <c r="N5712" s="45">
        <f t="shared" si="641"/>
        <v>45163.583333319562</v>
      </c>
    </row>
    <row r="5713" spans="2:14" x14ac:dyDescent="0.25">
      <c r="B5713">
        <f t="shared" si="635"/>
        <v>5</v>
      </c>
      <c r="C5713" s="16">
        <v>5679</v>
      </c>
      <c r="D5713" cm="1">
        <f t="array" ref="D5713">IFERROR(INDEX(Jesper!AH$2:AH$366,ROUNDDOWN($C5713/24,0)+1,1)*INDEX($D$3:$AA$30,INDEX(Jesper!$R$2:$R$366,ROW(INDEX(Jesper!AH$2:AH$366,ROUNDDOWN($C5713/24,0)+1,1))-1)+IF('Standard Profiles'!$G$18=$B$10,7,0)+IF('Standard Profiles'!$G$18=$B$17,14,0)+IF('Standard Profiles'!$G$18=$B$24,21,0),MOD($C5713,24)+1)/SUM(INDEX($D$3:$AA$30,INDEX(Jesper!$R$2:$R$366,ROW(INDEX(Jesper!AH$2:AH$366,ROUNDDOWN($C5713/24,0)+1,1))-1)+IF('Standard Profiles'!$G$18=$B$10,7,0)+IF('Standard Profiles'!$G$18=$B$17,14,0)+IF('Standard Profiles'!$G$18=$B$24,21,0),0)),0)</f>
        <v>24.825020329864483</v>
      </c>
      <c r="E5713" cm="1">
        <f t="array" ref="E5713">IFERROR(INDEX(Jesper!AI$2:AI$366,ROUNDDOWN($C5713/24,0)+1,1)*INDEX($D$3:$AA$30,INDEX(Jesper!$R$2:$R$366,ROW(INDEX(Jesper!AI$2:AI$366,ROUNDDOWN($C5713/24,0)+1,1))-1)+IF('Standard Profiles'!$G$19=$B$10,7,0)+IF('Standard Profiles'!$G$19=$B$17,14,0)+IF('Standard Profiles'!$G$19=$B$24,21,0),MOD($C5713,24)+1)/SUM(INDEX($D$3:$AA$30,INDEX(Jesper!$R$2:$R$366,ROW(INDEX(Jesper!AI$2:AI$366,ROUNDDOWN($C5713/24,0)+1,1))-1)+IF('Standard Profiles'!$G$19=$B$10,7,0)+IF('Standard Profiles'!$G$19=$B$17,14,0)+IF('Standard Profiles'!$G$19=$B$24,21,0),0)),0)</f>
        <v>8.2915319934346314</v>
      </c>
      <c r="F5713" cm="1">
        <f t="array" ref="F5713">IFERROR(INDEX(Jesper!AJ$2:AJ$366,ROUNDDOWN($C5713/24,0)+1,1)*INDEX($D$3:$AA$30,INDEX(Jesper!$R$2:$R$366,ROW(INDEX(Jesper!AJ$2:AJ$366,ROUNDDOWN($C5713/24,0)+1,1))-1)+IF('Standard Profiles'!$G$20=$B$10,7,0)+IF('Standard Profiles'!$G$20=$B$17,14,0)+IF('Standard Profiles'!$G$20=$B$24,21,0),MOD($C5713,24)+1)/SUM(INDEX($D$3:$AA$30,INDEX(Jesper!$R$2:$R$366,ROW(INDEX(Jesper!AJ$2:AJ$366,ROUNDDOWN($C5713/24,0)+1,1))-1)+IF('Standard Profiles'!$G$20=$B$10,7,0)+IF('Standard Profiles'!$G$20=$B$17,14,0)+IF('Standard Profiles'!$G$20=$B$24,21,0),0)),0)</f>
        <v>0</v>
      </c>
      <c r="G5713" cm="1">
        <f t="array" ref="G5713">IFERROR(INDEX(Jesper!AK$2:AK$366,ROUNDDOWN($C5713/24,0)+1,1)*INDEX($D$3:$AA$30,INDEX(Jesper!$R$2:$R$366,ROW(INDEX(Jesper!AK$2:AK$366,ROUNDDOWN($C5713/24,0)+1,1))-1)+IF('Standard Profiles'!$G$21=$B$10,7,0)+IF('Standard Profiles'!$G$21=$B$17,14,0)+IF('Standard Profiles'!$G$21=$B$24,21,0),MOD($C5713,24)+1)/SUM(INDEX($D$3:$AA$30,INDEX(Jesper!$R$2:$R$366,ROW(INDEX(Jesper!AK$2:AK$366,ROUNDDOWN($C5713/24,0)+1,1))-1)+IF('Standard Profiles'!$G$21=$B$10,7,0)+IF('Standard Profiles'!$G$21=$B$17,14,0)+IF('Standard Profiles'!$G$21=$B$24,21,0),0)),0)</f>
        <v>0</v>
      </c>
      <c r="H5713" cm="1">
        <f t="array" ref="H5713">IFERROR(INDEX(Jesper!AL$2:AL$366,ROUNDDOWN($C5713/24,0)+1,1)*INDEX($D$3:$AA$30,INDEX(Jesper!$R$2:$R$366,ROW(INDEX(Jesper!AL$2:AL$366,ROUNDDOWN($C5713/24,0)+1,1))-1)+IF('Standard Profiles'!$G$22=$B$10,7,0)+IF('Standard Profiles'!$G$22=$B$17,14,0)+IF('Standard Profiles'!$G$22=$B$24,21,0),MOD($C5713,24)+1)/SUM(INDEX($D$3:$AA$30,INDEX(Jesper!$R$2:$R$366,ROW(INDEX(Jesper!AL$2:AL$366,ROUNDDOWN($C5713/24,0)+1,1))-1)+IF('Standard Profiles'!$G$22=$B$10,7,0)+IF('Standard Profiles'!$G$22=$B$17,14,0)+IF('Standard Profiles'!$G$22=$B$24,21,0),0)),0)</f>
        <v>0</v>
      </c>
      <c r="I5713">
        <f t="shared" si="636"/>
        <v>0</v>
      </c>
      <c r="J5713">
        <f t="shared" si="637"/>
        <v>29.144549070520796</v>
      </c>
      <c r="K5713">
        <f t="shared" si="638"/>
        <v>2.6480021685188784</v>
      </c>
      <c r="L5713">
        <f t="shared" si="639"/>
        <v>1.3240010842594392</v>
      </c>
      <c r="M5713">
        <f t="shared" si="640"/>
        <v>0</v>
      </c>
      <c r="N5713" s="45">
        <f t="shared" si="641"/>
        <v>45163.624999986227</v>
      </c>
    </row>
    <row r="5714" spans="2:14" x14ac:dyDescent="0.25">
      <c r="B5714">
        <f t="shared" si="635"/>
        <v>5</v>
      </c>
      <c r="C5714" s="16">
        <v>5680</v>
      </c>
      <c r="D5714" cm="1">
        <f t="array" ref="D5714">IFERROR(INDEX(Jesper!AH$2:AH$366,ROUNDDOWN($C5714/24,0)+1,1)*INDEX($D$3:$AA$30,INDEX(Jesper!$R$2:$R$366,ROW(INDEX(Jesper!AH$2:AH$366,ROUNDDOWN($C5714/24,0)+1,1))-1)+IF('Standard Profiles'!$G$18=$B$10,7,0)+IF('Standard Profiles'!$G$18=$B$17,14,0)+IF('Standard Profiles'!$G$18=$B$24,21,0),MOD($C5714,24)+1)/SUM(INDEX($D$3:$AA$30,INDEX(Jesper!$R$2:$R$366,ROW(INDEX(Jesper!AH$2:AH$366,ROUNDDOWN($C5714/24,0)+1,1))-1)+IF('Standard Profiles'!$G$18=$B$10,7,0)+IF('Standard Profiles'!$G$18=$B$17,14,0)+IF('Standard Profiles'!$G$18=$B$24,21,0),0)),0)</f>
        <v>11.654939122002107</v>
      </c>
      <c r="E5714" cm="1">
        <f t="array" ref="E5714">IFERROR(INDEX(Jesper!AI$2:AI$366,ROUNDDOWN($C5714/24,0)+1,1)*INDEX($D$3:$AA$30,INDEX(Jesper!$R$2:$R$366,ROW(INDEX(Jesper!AI$2:AI$366,ROUNDDOWN($C5714/24,0)+1,1))-1)+IF('Standard Profiles'!$G$19=$B$10,7,0)+IF('Standard Profiles'!$G$19=$B$17,14,0)+IF('Standard Profiles'!$G$19=$B$24,21,0),MOD($C5714,24)+1)/SUM(INDEX($D$3:$AA$30,INDEX(Jesper!$R$2:$R$366,ROW(INDEX(Jesper!AI$2:AI$366,ROUNDDOWN($C5714/24,0)+1,1))-1)+IF('Standard Profiles'!$G$19=$B$10,7,0)+IF('Standard Profiles'!$G$19=$B$17,14,0)+IF('Standard Profiles'!$G$19=$B$24,21,0),0)),0)</f>
        <v>3.8927380250866821</v>
      </c>
      <c r="F5714" cm="1">
        <f t="array" ref="F5714">IFERROR(INDEX(Jesper!AJ$2:AJ$366,ROUNDDOWN($C5714/24,0)+1,1)*INDEX($D$3:$AA$30,INDEX(Jesper!$R$2:$R$366,ROW(INDEX(Jesper!AJ$2:AJ$366,ROUNDDOWN($C5714/24,0)+1,1))-1)+IF('Standard Profiles'!$G$20=$B$10,7,0)+IF('Standard Profiles'!$G$20=$B$17,14,0)+IF('Standard Profiles'!$G$20=$B$24,21,0),MOD($C5714,24)+1)/SUM(INDEX($D$3:$AA$30,INDEX(Jesper!$R$2:$R$366,ROW(INDEX(Jesper!AJ$2:AJ$366,ROUNDDOWN($C5714/24,0)+1,1))-1)+IF('Standard Profiles'!$G$20=$B$10,7,0)+IF('Standard Profiles'!$G$20=$B$17,14,0)+IF('Standard Profiles'!$G$20=$B$24,21,0),0)),0)</f>
        <v>0</v>
      </c>
      <c r="G5714" cm="1">
        <f t="array" ref="G5714">IFERROR(INDEX(Jesper!AK$2:AK$366,ROUNDDOWN($C5714/24,0)+1,1)*INDEX($D$3:$AA$30,INDEX(Jesper!$R$2:$R$366,ROW(INDEX(Jesper!AK$2:AK$366,ROUNDDOWN($C5714/24,0)+1,1))-1)+IF('Standard Profiles'!$G$21=$B$10,7,0)+IF('Standard Profiles'!$G$21=$B$17,14,0)+IF('Standard Profiles'!$G$21=$B$24,21,0),MOD($C5714,24)+1)/SUM(INDEX($D$3:$AA$30,INDEX(Jesper!$R$2:$R$366,ROW(INDEX(Jesper!AK$2:AK$366,ROUNDDOWN($C5714/24,0)+1,1))-1)+IF('Standard Profiles'!$G$21=$B$10,7,0)+IF('Standard Profiles'!$G$21=$B$17,14,0)+IF('Standard Profiles'!$G$21=$B$24,21,0),0)),0)</f>
        <v>0</v>
      </c>
      <c r="H5714" cm="1">
        <f t="array" ref="H5714">IFERROR(INDEX(Jesper!AL$2:AL$366,ROUNDDOWN($C5714/24,0)+1,1)*INDEX($D$3:$AA$30,INDEX(Jesper!$R$2:$R$366,ROW(INDEX(Jesper!AL$2:AL$366,ROUNDDOWN($C5714/24,0)+1,1))-1)+IF('Standard Profiles'!$G$22=$B$10,7,0)+IF('Standard Profiles'!$G$22=$B$17,14,0)+IF('Standard Profiles'!$G$22=$B$24,21,0),MOD($C5714,24)+1)/SUM(INDEX($D$3:$AA$30,INDEX(Jesper!$R$2:$R$366,ROW(INDEX(Jesper!AL$2:AL$366,ROUNDDOWN($C5714/24,0)+1,1))-1)+IF('Standard Profiles'!$G$22=$B$10,7,0)+IF('Standard Profiles'!$G$22=$B$17,14,0)+IF('Standard Profiles'!$G$22=$B$24,21,0),0)),0)</f>
        <v>0</v>
      </c>
      <c r="I5714">
        <f t="shared" si="636"/>
        <v>0</v>
      </c>
      <c r="J5714">
        <f t="shared" si="637"/>
        <v>13.682886887568452</v>
      </c>
      <c r="K5714">
        <f t="shared" si="638"/>
        <v>1.2431935063468915</v>
      </c>
      <c r="L5714">
        <f t="shared" si="639"/>
        <v>0.62159675317344576</v>
      </c>
      <c r="M5714">
        <f t="shared" si="640"/>
        <v>0</v>
      </c>
      <c r="N5714" s="45">
        <f t="shared" si="641"/>
        <v>45163.666666652891</v>
      </c>
    </row>
    <row r="5715" spans="2:14" x14ac:dyDescent="0.25">
      <c r="B5715">
        <f t="shared" si="635"/>
        <v>5</v>
      </c>
      <c r="C5715" s="16">
        <v>5681</v>
      </c>
      <c r="D5715" cm="1">
        <f t="array" ref="D5715">IFERROR(INDEX(Jesper!AH$2:AH$366,ROUNDDOWN($C5715/24,0)+1,1)*INDEX($D$3:$AA$30,INDEX(Jesper!$R$2:$R$366,ROW(INDEX(Jesper!AH$2:AH$366,ROUNDDOWN($C5715/24,0)+1,1))-1)+IF('Standard Profiles'!$G$18=$B$10,7,0)+IF('Standard Profiles'!$G$18=$B$17,14,0)+IF('Standard Profiles'!$G$18=$B$24,21,0),MOD($C5715,24)+1)/SUM(INDEX($D$3:$AA$30,INDEX(Jesper!$R$2:$R$366,ROW(INDEX(Jesper!AH$2:AH$366,ROUNDDOWN($C5715/24,0)+1,1))-1)+IF('Standard Profiles'!$G$18=$B$10,7,0)+IF('Standard Profiles'!$G$18=$B$17,14,0)+IF('Standard Profiles'!$G$18=$B$24,21,0),0)),0)</f>
        <v>7.6922598205213895</v>
      </c>
      <c r="E5715" cm="1">
        <f t="array" ref="E5715">IFERROR(INDEX(Jesper!AI$2:AI$366,ROUNDDOWN($C5715/24,0)+1,1)*INDEX($D$3:$AA$30,INDEX(Jesper!$R$2:$R$366,ROW(INDEX(Jesper!AI$2:AI$366,ROUNDDOWN($C5715/24,0)+1,1))-1)+IF('Standard Profiles'!$G$19=$B$10,7,0)+IF('Standard Profiles'!$G$19=$B$17,14,0)+IF('Standard Profiles'!$G$19=$B$24,21,0),MOD($C5715,24)+1)/SUM(INDEX($D$3:$AA$30,INDEX(Jesper!$R$2:$R$366,ROW(INDEX(Jesper!AI$2:AI$366,ROUNDDOWN($C5715/24,0)+1,1))-1)+IF('Standard Profiles'!$G$19=$B$10,7,0)+IF('Standard Profiles'!$G$19=$B$17,14,0)+IF('Standard Profiles'!$G$19=$B$24,21,0),0)),0)</f>
        <v>2.5692070965572098</v>
      </c>
      <c r="F5715" cm="1">
        <f t="array" ref="F5715">IFERROR(INDEX(Jesper!AJ$2:AJ$366,ROUNDDOWN($C5715/24,0)+1,1)*INDEX($D$3:$AA$30,INDEX(Jesper!$R$2:$R$366,ROW(INDEX(Jesper!AJ$2:AJ$366,ROUNDDOWN($C5715/24,0)+1,1))-1)+IF('Standard Profiles'!$G$20=$B$10,7,0)+IF('Standard Profiles'!$G$20=$B$17,14,0)+IF('Standard Profiles'!$G$20=$B$24,21,0),MOD($C5715,24)+1)/SUM(INDEX($D$3:$AA$30,INDEX(Jesper!$R$2:$R$366,ROW(INDEX(Jesper!AJ$2:AJ$366,ROUNDDOWN($C5715/24,0)+1,1))-1)+IF('Standard Profiles'!$G$20=$B$10,7,0)+IF('Standard Profiles'!$G$20=$B$17,14,0)+IF('Standard Profiles'!$G$20=$B$24,21,0),0)),0)</f>
        <v>0</v>
      </c>
      <c r="G5715" cm="1">
        <f t="array" ref="G5715">IFERROR(INDEX(Jesper!AK$2:AK$366,ROUNDDOWN($C5715/24,0)+1,1)*INDEX($D$3:$AA$30,INDEX(Jesper!$R$2:$R$366,ROW(INDEX(Jesper!AK$2:AK$366,ROUNDDOWN($C5715/24,0)+1,1))-1)+IF('Standard Profiles'!$G$21=$B$10,7,0)+IF('Standard Profiles'!$G$21=$B$17,14,0)+IF('Standard Profiles'!$G$21=$B$24,21,0),MOD($C5715,24)+1)/SUM(INDEX($D$3:$AA$30,INDEX(Jesper!$R$2:$R$366,ROW(INDEX(Jesper!AK$2:AK$366,ROUNDDOWN($C5715/24,0)+1,1))-1)+IF('Standard Profiles'!$G$21=$B$10,7,0)+IF('Standard Profiles'!$G$21=$B$17,14,0)+IF('Standard Profiles'!$G$21=$B$24,21,0),0)),0)</f>
        <v>0</v>
      </c>
      <c r="H5715" cm="1">
        <f t="array" ref="H5715">IFERROR(INDEX(Jesper!AL$2:AL$366,ROUNDDOWN($C5715/24,0)+1,1)*INDEX($D$3:$AA$30,INDEX(Jesper!$R$2:$R$366,ROW(INDEX(Jesper!AL$2:AL$366,ROUNDDOWN($C5715/24,0)+1,1))-1)+IF('Standard Profiles'!$G$22=$B$10,7,0)+IF('Standard Profiles'!$G$22=$B$17,14,0)+IF('Standard Profiles'!$G$22=$B$24,21,0),MOD($C5715,24)+1)/SUM(INDEX($D$3:$AA$30,INDEX(Jesper!$R$2:$R$366,ROW(INDEX(Jesper!AL$2:AL$366,ROUNDDOWN($C5715/24,0)+1,1))-1)+IF('Standard Profiles'!$G$22=$B$10,7,0)+IF('Standard Profiles'!$G$22=$B$17,14,0)+IF('Standard Profiles'!$G$22=$B$24,21,0),0)),0)</f>
        <v>0</v>
      </c>
      <c r="I5715">
        <f t="shared" si="636"/>
        <v>0</v>
      </c>
      <c r="J5715">
        <f t="shared" si="637"/>
        <v>9.0307053457951767</v>
      </c>
      <c r="K5715">
        <f t="shared" si="638"/>
        <v>0.8205077141889483</v>
      </c>
      <c r="L5715">
        <f t="shared" si="639"/>
        <v>0.41025385709447415</v>
      </c>
      <c r="M5715">
        <f t="shared" si="640"/>
        <v>0</v>
      </c>
      <c r="N5715" s="45">
        <f t="shared" si="641"/>
        <v>45163.708333319555</v>
      </c>
    </row>
    <row r="5716" spans="2:14" x14ac:dyDescent="0.25">
      <c r="B5716">
        <f t="shared" si="635"/>
        <v>5</v>
      </c>
      <c r="C5716" s="16">
        <v>5682</v>
      </c>
      <c r="D5716" cm="1">
        <f t="array" ref="D5716">IFERROR(INDEX(Jesper!AH$2:AH$366,ROUNDDOWN($C5716/24,0)+1,1)*INDEX($D$3:$AA$30,INDEX(Jesper!$R$2:$R$366,ROW(INDEX(Jesper!AH$2:AH$366,ROUNDDOWN($C5716/24,0)+1,1))-1)+IF('Standard Profiles'!$G$18=$B$10,7,0)+IF('Standard Profiles'!$G$18=$B$17,14,0)+IF('Standard Profiles'!$G$18=$B$24,21,0),MOD($C5716,24)+1)/SUM(INDEX($D$3:$AA$30,INDEX(Jesper!$R$2:$R$366,ROW(INDEX(Jesper!AH$2:AH$366,ROUNDDOWN($C5716/24,0)+1,1))-1)+IF('Standard Profiles'!$G$18=$B$10,7,0)+IF('Standard Profiles'!$G$18=$B$17,14,0)+IF('Standard Profiles'!$G$18=$B$24,21,0),0)),0)</f>
        <v>4.895074431240884</v>
      </c>
      <c r="E5716" cm="1">
        <f t="array" ref="E5716">IFERROR(INDEX(Jesper!AI$2:AI$366,ROUNDDOWN($C5716/24,0)+1,1)*INDEX($D$3:$AA$30,INDEX(Jesper!$R$2:$R$366,ROW(INDEX(Jesper!AI$2:AI$366,ROUNDDOWN($C5716/24,0)+1,1))-1)+IF('Standard Profiles'!$G$19=$B$10,7,0)+IF('Standard Profiles'!$G$19=$B$17,14,0)+IF('Standard Profiles'!$G$19=$B$24,21,0),MOD($C5716,24)+1)/SUM(INDEX($D$3:$AA$30,INDEX(Jesper!$R$2:$R$366,ROW(INDEX(Jesper!AI$2:AI$366,ROUNDDOWN($C5716/24,0)+1,1))-1)+IF('Standard Profiles'!$G$19=$B$10,7,0)+IF('Standard Profiles'!$G$19=$B$17,14,0)+IF('Standard Profiles'!$G$19=$B$24,21,0),0)),0)</f>
        <v>1.6349499705364061</v>
      </c>
      <c r="F5716" cm="1">
        <f t="array" ref="F5716">IFERROR(INDEX(Jesper!AJ$2:AJ$366,ROUNDDOWN($C5716/24,0)+1,1)*INDEX($D$3:$AA$30,INDEX(Jesper!$R$2:$R$366,ROW(INDEX(Jesper!AJ$2:AJ$366,ROUNDDOWN($C5716/24,0)+1,1))-1)+IF('Standard Profiles'!$G$20=$B$10,7,0)+IF('Standard Profiles'!$G$20=$B$17,14,0)+IF('Standard Profiles'!$G$20=$B$24,21,0),MOD($C5716,24)+1)/SUM(INDEX($D$3:$AA$30,INDEX(Jesper!$R$2:$R$366,ROW(INDEX(Jesper!AJ$2:AJ$366,ROUNDDOWN($C5716/24,0)+1,1))-1)+IF('Standard Profiles'!$G$20=$B$10,7,0)+IF('Standard Profiles'!$G$20=$B$17,14,0)+IF('Standard Profiles'!$G$20=$B$24,21,0),0)),0)</f>
        <v>0</v>
      </c>
      <c r="G5716" cm="1">
        <f t="array" ref="G5716">IFERROR(INDEX(Jesper!AK$2:AK$366,ROUNDDOWN($C5716/24,0)+1,1)*INDEX($D$3:$AA$30,INDEX(Jesper!$R$2:$R$366,ROW(INDEX(Jesper!AK$2:AK$366,ROUNDDOWN($C5716/24,0)+1,1))-1)+IF('Standard Profiles'!$G$21=$B$10,7,0)+IF('Standard Profiles'!$G$21=$B$17,14,0)+IF('Standard Profiles'!$G$21=$B$24,21,0),MOD($C5716,24)+1)/SUM(INDEX($D$3:$AA$30,INDEX(Jesper!$R$2:$R$366,ROW(INDEX(Jesper!AK$2:AK$366,ROUNDDOWN($C5716/24,0)+1,1))-1)+IF('Standard Profiles'!$G$21=$B$10,7,0)+IF('Standard Profiles'!$G$21=$B$17,14,0)+IF('Standard Profiles'!$G$21=$B$24,21,0),0)),0)</f>
        <v>0</v>
      </c>
      <c r="H5716" cm="1">
        <f t="array" ref="H5716">IFERROR(INDEX(Jesper!AL$2:AL$366,ROUNDDOWN($C5716/24,0)+1,1)*INDEX($D$3:$AA$30,INDEX(Jesper!$R$2:$R$366,ROW(INDEX(Jesper!AL$2:AL$366,ROUNDDOWN($C5716/24,0)+1,1))-1)+IF('Standard Profiles'!$G$22=$B$10,7,0)+IF('Standard Profiles'!$G$22=$B$17,14,0)+IF('Standard Profiles'!$G$22=$B$24,21,0),MOD($C5716,24)+1)/SUM(INDEX($D$3:$AA$30,INDEX(Jesper!$R$2:$R$366,ROW(INDEX(Jesper!AL$2:AL$366,ROUNDDOWN($C5716/24,0)+1,1))-1)+IF('Standard Profiles'!$G$22=$B$10,7,0)+IF('Standard Profiles'!$G$22=$B$17,14,0)+IF('Standard Profiles'!$G$22=$B$24,21,0),0)),0)</f>
        <v>0</v>
      </c>
      <c r="I5716">
        <f t="shared" si="636"/>
        <v>0</v>
      </c>
      <c r="J5716">
        <f t="shared" si="637"/>
        <v>5.7468124927787478</v>
      </c>
      <c r="K5716">
        <f t="shared" si="638"/>
        <v>0.52214127266569432</v>
      </c>
      <c r="L5716">
        <f t="shared" si="639"/>
        <v>0.26107063633284716</v>
      </c>
      <c r="M5716">
        <f t="shared" si="640"/>
        <v>0</v>
      </c>
      <c r="N5716" s="45">
        <f t="shared" si="641"/>
        <v>45163.749999986219</v>
      </c>
    </row>
    <row r="5717" spans="2:14" x14ac:dyDescent="0.25">
      <c r="B5717">
        <f t="shared" si="635"/>
        <v>5</v>
      </c>
      <c r="C5717" s="16">
        <v>5683</v>
      </c>
      <c r="D5717" cm="1">
        <f t="array" ref="D5717">IFERROR(INDEX(Jesper!AH$2:AH$366,ROUNDDOWN($C5717/24,0)+1,1)*INDEX($D$3:$AA$30,INDEX(Jesper!$R$2:$R$366,ROW(INDEX(Jesper!AH$2:AH$366,ROUNDDOWN($C5717/24,0)+1,1))-1)+IF('Standard Profiles'!$G$18=$B$10,7,0)+IF('Standard Profiles'!$G$18=$B$17,14,0)+IF('Standard Profiles'!$G$18=$B$24,21,0),MOD($C5717,24)+1)/SUM(INDEX($D$3:$AA$30,INDEX(Jesper!$R$2:$R$366,ROW(INDEX(Jesper!AH$2:AH$366,ROUNDDOWN($C5717/24,0)+1,1))-1)+IF('Standard Profiles'!$G$18=$B$10,7,0)+IF('Standard Profiles'!$G$18=$B$17,14,0)+IF('Standard Profiles'!$G$18=$B$24,21,0),0)),0)</f>
        <v>4.6619756488008424</v>
      </c>
      <c r="E5717" cm="1">
        <f t="array" ref="E5717">IFERROR(INDEX(Jesper!AI$2:AI$366,ROUNDDOWN($C5717/24,0)+1,1)*INDEX($D$3:$AA$30,INDEX(Jesper!$R$2:$R$366,ROW(INDEX(Jesper!AI$2:AI$366,ROUNDDOWN($C5717/24,0)+1,1))-1)+IF('Standard Profiles'!$G$19=$B$10,7,0)+IF('Standard Profiles'!$G$19=$B$17,14,0)+IF('Standard Profiles'!$G$19=$B$24,21,0),MOD($C5717,24)+1)/SUM(INDEX($D$3:$AA$30,INDEX(Jesper!$R$2:$R$366,ROW(INDEX(Jesper!AI$2:AI$366,ROUNDDOWN($C5717/24,0)+1,1))-1)+IF('Standard Profiles'!$G$19=$B$10,7,0)+IF('Standard Profiles'!$G$19=$B$17,14,0)+IF('Standard Profiles'!$G$19=$B$24,21,0),0)),0)</f>
        <v>1.5570952100346727</v>
      </c>
      <c r="F5717" cm="1">
        <f t="array" ref="F5717">IFERROR(INDEX(Jesper!AJ$2:AJ$366,ROUNDDOWN($C5717/24,0)+1,1)*INDEX($D$3:$AA$30,INDEX(Jesper!$R$2:$R$366,ROW(INDEX(Jesper!AJ$2:AJ$366,ROUNDDOWN($C5717/24,0)+1,1))-1)+IF('Standard Profiles'!$G$20=$B$10,7,0)+IF('Standard Profiles'!$G$20=$B$17,14,0)+IF('Standard Profiles'!$G$20=$B$24,21,0),MOD($C5717,24)+1)/SUM(INDEX($D$3:$AA$30,INDEX(Jesper!$R$2:$R$366,ROW(INDEX(Jesper!AJ$2:AJ$366,ROUNDDOWN($C5717/24,0)+1,1))-1)+IF('Standard Profiles'!$G$20=$B$10,7,0)+IF('Standard Profiles'!$G$20=$B$17,14,0)+IF('Standard Profiles'!$G$20=$B$24,21,0),0)),0)</f>
        <v>0</v>
      </c>
      <c r="G5717" cm="1">
        <f t="array" ref="G5717">IFERROR(INDEX(Jesper!AK$2:AK$366,ROUNDDOWN($C5717/24,0)+1,1)*INDEX($D$3:$AA$30,INDEX(Jesper!$R$2:$R$366,ROW(INDEX(Jesper!AK$2:AK$366,ROUNDDOWN($C5717/24,0)+1,1))-1)+IF('Standard Profiles'!$G$21=$B$10,7,0)+IF('Standard Profiles'!$G$21=$B$17,14,0)+IF('Standard Profiles'!$G$21=$B$24,21,0),MOD($C5717,24)+1)/SUM(INDEX($D$3:$AA$30,INDEX(Jesper!$R$2:$R$366,ROW(INDEX(Jesper!AK$2:AK$366,ROUNDDOWN($C5717/24,0)+1,1))-1)+IF('Standard Profiles'!$G$21=$B$10,7,0)+IF('Standard Profiles'!$G$21=$B$17,14,0)+IF('Standard Profiles'!$G$21=$B$24,21,0),0)),0)</f>
        <v>0</v>
      </c>
      <c r="H5717" cm="1">
        <f t="array" ref="H5717">IFERROR(INDEX(Jesper!AL$2:AL$366,ROUNDDOWN($C5717/24,0)+1,1)*INDEX($D$3:$AA$30,INDEX(Jesper!$R$2:$R$366,ROW(INDEX(Jesper!AL$2:AL$366,ROUNDDOWN($C5717/24,0)+1,1))-1)+IF('Standard Profiles'!$G$22=$B$10,7,0)+IF('Standard Profiles'!$G$22=$B$17,14,0)+IF('Standard Profiles'!$G$22=$B$24,21,0),MOD($C5717,24)+1)/SUM(INDEX($D$3:$AA$30,INDEX(Jesper!$R$2:$R$366,ROW(INDEX(Jesper!AL$2:AL$366,ROUNDDOWN($C5717/24,0)+1,1))-1)+IF('Standard Profiles'!$G$22=$B$10,7,0)+IF('Standard Profiles'!$G$22=$B$17,14,0)+IF('Standard Profiles'!$G$22=$B$24,21,0),0)),0)</f>
        <v>0</v>
      </c>
      <c r="I5717">
        <f t="shared" si="636"/>
        <v>0</v>
      </c>
      <c r="J5717">
        <f t="shared" si="637"/>
        <v>5.4731547550273802</v>
      </c>
      <c r="K5717">
        <f t="shared" si="638"/>
        <v>0.49727740253875657</v>
      </c>
      <c r="L5717">
        <f t="shared" si="639"/>
        <v>0.24863870126937829</v>
      </c>
      <c r="M5717">
        <f t="shared" si="640"/>
        <v>0</v>
      </c>
      <c r="N5717" s="45">
        <f t="shared" si="641"/>
        <v>45163.791666652884</v>
      </c>
    </row>
    <row r="5718" spans="2:14" x14ac:dyDescent="0.25">
      <c r="B5718">
        <f t="shared" si="635"/>
        <v>5</v>
      </c>
      <c r="C5718" s="16">
        <v>5684</v>
      </c>
      <c r="D5718" cm="1">
        <f t="array" ref="D5718">IFERROR(INDEX(Jesper!AH$2:AH$366,ROUNDDOWN($C5718/24,0)+1,1)*INDEX($D$3:$AA$30,INDEX(Jesper!$R$2:$R$366,ROW(INDEX(Jesper!AH$2:AH$366,ROUNDDOWN($C5718/24,0)+1,1))-1)+IF('Standard Profiles'!$G$18=$B$10,7,0)+IF('Standard Profiles'!$G$18=$B$17,14,0)+IF('Standard Profiles'!$G$18=$B$24,21,0),MOD($C5718,24)+1)/SUM(INDEX($D$3:$AA$30,INDEX(Jesper!$R$2:$R$366,ROW(INDEX(Jesper!AH$2:AH$366,ROUNDDOWN($C5718/24,0)+1,1))-1)+IF('Standard Profiles'!$G$18=$B$10,7,0)+IF('Standard Profiles'!$G$18=$B$17,14,0)+IF('Standard Profiles'!$G$18=$B$24,21,0),0)),0)</f>
        <v>4.6619756488008424</v>
      </c>
      <c r="E5718" cm="1">
        <f t="array" ref="E5718">IFERROR(INDEX(Jesper!AI$2:AI$366,ROUNDDOWN($C5718/24,0)+1,1)*INDEX($D$3:$AA$30,INDEX(Jesper!$R$2:$R$366,ROW(INDEX(Jesper!AI$2:AI$366,ROUNDDOWN($C5718/24,0)+1,1))-1)+IF('Standard Profiles'!$G$19=$B$10,7,0)+IF('Standard Profiles'!$G$19=$B$17,14,0)+IF('Standard Profiles'!$G$19=$B$24,21,0),MOD($C5718,24)+1)/SUM(INDEX($D$3:$AA$30,INDEX(Jesper!$R$2:$R$366,ROW(INDEX(Jesper!AI$2:AI$366,ROUNDDOWN($C5718/24,0)+1,1))-1)+IF('Standard Profiles'!$G$19=$B$10,7,0)+IF('Standard Profiles'!$G$19=$B$17,14,0)+IF('Standard Profiles'!$G$19=$B$24,21,0),0)),0)</f>
        <v>1.5570952100346727</v>
      </c>
      <c r="F5718" cm="1">
        <f t="array" ref="F5718">IFERROR(INDEX(Jesper!AJ$2:AJ$366,ROUNDDOWN($C5718/24,0)+1,1)*INDEX($D$3:$AA$30,INDEX(Jesper!$R$2:$R$366,ROW(INDEX(Jesper!AJ$2:AJ$366,ROUNDDOWN($C5718/24,0)+1,1))-1)+IF('Standard Profiles'!$G$20=$B$10,7,0)+IF('Standard Profiles'!$G$20=$B$17,14,0)+IF('Standard Profiles'!$G$20=$B$24,21,0),MOD($C5718,24)+1)/SUM(INDEX($D$3:$AA$30,INDEX(Jesper!$R$2:$R$366,ROW(INDEX(Jesper!AJ$2:AJ$366,ROUNDDOWN($C5718/24,0)+1,1))-1)+IF('Standard Profiles'!$G$20=$B$10,7,0)+IF('Standard Profiles'!$G$20=$B$17,14,0)+IF('Standard Profiles'!$G$20=$B$24,21,0),0)),0)</f>
        <v>0</v>
      </c>
      <c r="G5718" cm="1">
        <f t="array" ref="G5718">IFERROR(INDEX(Jesper!AK$2:AK$366,ROUNDDOWN($C5718/24,0)+1,1)*INDEX($D$3:$AA$30,INDEX(Jesper!$R$2:$R$366,ROW(INDEX(Jesper!AK$2:AK$366,ROUNDDOWN($C5718/24,0)+1,1))-1)+IF('Standard Profiles'!$G$21=$B$10,7,0)+IF('Standard Profiles'!$G$21=$B$17,14,0)+IF('Standard Profiles'!$G$21=$B$24,21,0),MOD($C5718,24)+1)/SUM(INDEX($D$3:$AA$30,INDEX(Jesper!$R$2:$R$366,ROW(INDEX(Jesper!AK$2:AK$366,ROUNDDOWN($C5718/24,0)+1,1))-1)+IF('Standard Profiles'!$G$21=$B$10,7,0)+IF('Standard Profiles'!$G$21=$B$17,14,0)+IF('Standard Profiles'!$G$21=$B$24,21,0),0)),0)</f>
        <v>0</v>
      </c>
      <c r="H5718" cm="1">
        <f t="array" ref="H5718">IFERROR(INDEX(Jesper!AL$2:AL$366,ROUNDDOWN($C5718/24,0)+1,1)*INDEX($D$3:$AA$30,INDEX(Jesper!$R$2:$R$366,ROW(INDEX(Jesper!AL$2:AL$366,ROUNDDOWN($C5718/24,0)+1,1))-1)+IF('Standard Profiles'!$G$22=$B$10,7,0)+IF('Standard Profiles'!$G$22=$B$17,14,0)+IF('Standard Profiles'!$G$22=$B$24,21,0),MOD($C5718,24)+1)/SUM(INDEX($D$3:$AA$30,INDEX(Jesper!$R$2:$R$366,ROW(INDEX(Jesper!AL$2:AL$366,ROUNDDOWN($C5718/24,0)+1,1))-1)+IF('Standard Profiles'!$G$22=$B$10,7,0)+IF('Standard Profiles'!$G$22=$B$17,14,0)+IF('Standard Profiles'!$G$22=$B$24,21,0),0)),0)</f>
        <v>0</v>
      </c>
      <c r="I5718">
        <f t="shared" si="636"/>
        <v>0</v>
      </c>
      <c r="J5718">
        <f t="shared" si="637"/>
        <v>5.4731547550273802</v>
      </c>
      <c r="K5718">
        <f t="shared" si="638"/>
        <v>0.49727740253875657</v>
      </c>
      <c r="L5718">
        <f t="shared" si="639"/>
        <v>0.24863870126937829</v>
      </c>
      <c r="M5718">
        <f t="shared" si="640"/>
        <v>0</v>
      </c>
      <c r="N5718" s="45">
        <f t="shared" si="641"/>
        <v>45163.833333319548</v>
      </c>
    </row>
    <row r="5719" spans="2:14" x14ac:dyDescent="0.25">
      <c r="B5719">
        <f t="shared" si="635"/>
        <v>5</v>
      </c>
      <c r="C5719" s="16">
        <v>5685</v>
      </c>
      <c r="D5719" cm="1">
        <f t="array" ref="D5719">IFERROR(INDEX(Jesper!AH$2:AH$366,ROUNDDOWN($C5719/24,0)+1,1)*INDEX($D$3:$AA$30,INDEX(Jesper!$R$2:$R$366,ROW(INDEX(Jesper!AH$2:AH$366,ROUNDDOWN($C5719/24,0)+1,1))-1)+IF('Standard Profiles'!$G$18=$B$10,7,0)+IF('Standard Profiles'!$G$18=$B$17,14,0)+IF('Standard Profiles'!$G$18=$B$24,21,0),MOD($C5719,24)+1)/SUM(INDEX($D$3:$AA$30,INDEX(Jesper!$R$2:$R$366,ROW(INDEX(Jesper!AH$2:AH$366,ROUNDDOWN($C5719/24,0)+1,1))-1)+IF('Standard Profiles'!$G$18=$B$10,7,0)+IF('Standard Profiles'!$G$18=$B$17,14,0)+IF('Standard Profiles'!$G$18=$B$24,21,0),0)),0)</f>
        <v>4.6619756488008424</v>
      </c>
      <c r="E5719" cm="1">
        <f t="array" ref="E5719">IFERROR(INDEX(Jesper!AI$2:AI$366,ROUNDDOWN($C5719/24,0)+1,1)*INDEX($D$3:$AA$30,INDEX(Jesper!$R$2:$R$366,ROW(INDEX(Jesper!AI$2:AI$366,ROUNDDOWN($C5719/24,0)+1,1))-1)+IF('Standard Profiles'!$G$19=$B$10,7,0)+IF('Standard Profiles'!$G$19=$B$17,14,0)+IF('Standard Profiles'!$G$19=$B$24,21,0),MOD($C5719,24)+1)/SUM(INDEX($D$3:$AA$30,INDEX(Jesper!$R$2:$R$366,ROW(INDEX(Jesper!AI$2:AI$366,ROUNDDOWN($C5719/24,0)+1,1))-1)+IF('Standard Profiles'!$G$19=$B$10,7,0)+IF('Standard Profiles'!$G$19=$B$17,14,0)+IF('Standard Profiles'!$G$19=$B$24,21,0),0)),0)</f>
        <v>1.5570952100346727</v>
      </c>
      <c r="F5719" cm="1">
        <f t="array" ref="F5719">IFERROR(INDEX(Jesper!AJ$2:AJ$366,ROUNDDOWN($C5719/24,0)+1,1)*INDEX($D$3:$AA$30,INDEX(Jesper!$R$2:$R$366,ROW(INDEX(Jesper!AJ$2:AJ$366,ROUNDDOWN($C5719/24,0)+1,1))-1)+IF('Standard Profiles'!$G$20=$B$10,7,0)+IF('Standard Profiles'!$G$20=$B$17,14,0)+IF('Standard Profiles'!$G$20=$B$24,21,0),MOD($C5719,24)+1)/SUM(INDEX($D$3:$AA$30,INDEX(Jesper!$R$2:$R$366,ROW(INDEX(Jesper!AJ$2:AJ$366,ROUNDDOWN($C5719/24,0)+1,1))-1)+IF('Standard Profiles'!$G$20=$B$10,7,0)+IF('Standard Profiles'!$G$20=$B$17,14,0)+IF('Standard Profiles'!$G$20=$B$24,21,0),0)),0)</f>
        <v>0</v>
      </c>
      <c r="G5719" cm="1">
        <f t="array" ref="G5719">IFERROR(INDEX(Jesper!AK$2:AK$366,ROUNDDOWN($C5719/24,0)+1,1)*INDEX($D$3:$AA$30,INDEX(Jesper!$R$2:$R$366,ROW(INDEX(Jesper!AK$2:AK$366,ROUNDDOWN($C5719/24,0)+1,1))-1)+IF('Standard Profiles'!$G$21=$B$10,7,0)+IF('Standard Profiles'!$G$21=$B$17,14,0)+IF('Standard Profiles'!$G$21=$B$24,21,0),MOD($C5719,24)+1)/SUM(INDEX($D$3:$AA$30,INDEX(Jesper!$R$2:$R$366,ROW(INDEX(Jesper!AK$2:AK$366,ROUNDDOWN($C5719/24,0)+1,1))-1)+IF('Standard Profiles'!$G$21=$B$10,7,0)+IF('Standard Profiles'!$G$21=$B$17,14,0)+IF('Standard Profiles'!$G$21=$B$24,21,0),0)),0)</f>
        <v>0</v>
      </c>
      <c r="H5719" cm="1">
        <f t="array" ref="H5719">IFERROR(INDEX(Jesper!AL$2:AL$366,ROUNDDOWN($C5719/24,0)+1,1)*INDEX($D$3:$AA$30,INDEX(Jesper!$R$2:$R$366,ROW(INDEX(Jesper!AL$2:AL$366,ROUNDDOWN($C5719/24,0)+1,1))-1)+IF('Standard Profiles'!$G$22=$B$10,7,0)+IF('Standard Profiles'!$G$22=$B$17,14,0)+IF('Standard Profiles'!$G$22=$B$24,21,0),MOD($C5719,24)+1)/SUM(INDEX($D$3:$AA$30,INDEX(Jesper!$R$2:$R$366,ROW(INDEX(Jesper!AL$2:AL$366,ROUNDDOWN($C5719/24,0)+1,1))-1)+IF('Standard Profiles'!$G$22=$B$10,7,0)+IF('Standard Profiles'!$G$22=$B$17,14,0)+IF('Standard Profiles'!$G$22=$B$24,21,0),0)),0)</f>
        <v>0</v>
      </c>
      <c r="I5719">
        <f t="shared" si="636"/>
        <v>0</v>
      </c>
      <c r="J5719">
        <f t="shared" si="637"/>
        <v>5.4731547550273802</v>
      </c>
      <c r="K5719">
        <f t="shared" si="638"/>
        <v>0.49727740253875657</v>
      </c>
      <c r="L5719">
        <f t="shared" si="639"/>
        <v>0.24863870126937829</v>
      </c>
      <c r="M5719">
        <f t="shared" si="640"/>
        <v>0</v>
      </c>
      <c r="N5719" s="45">
        <f t="shared" si="641"/>
        <v>45163.874999986212</v>
      </c>
    </row>
    <row r="5720" spans="2:14" x14ac:dyDescent="0.25">
      <c r="B5720">
        <f t="shared" si="635"/>
        <v>5</v>
      </c>
      <c r="C5720" s="16">
        <v>5686</v>
      </c>
      <c r="D5720" cm="1">
        <f t="array" ref="D5720">IFERROR(INDEX(Jesper!AH$2:AH$366,ROUNDDOWN($C5720/24,0)+1,1)*INDEX($D$3:$AA$30,INDEX(Jesper!$R$2:$R$366,ROW(INDEX(Jesper!AH$2:AH$366,ROUNDDOWN($C5720/24,0)+1,1))-1)+IF('Standard Profiles'!$G$18=$B$10,7,0)+IF('Standard Profiles'!$G$18=$B$17,14,0)+IF('Standard Profiles'!$G$18=$B$24,21,0),MOD($C5720,24)+1)/SUM(INDEX($D$3:$AA$30,INDEX(Jesper!$R$2:$R$366,ROW(INDEX(Jesper!AH$2:AH$366,ROUNDDOWN($C5720/24,0)+1,1))-1)+IF('Standard Profiles'!$G$18=$B$10,7,0)+IF('Standard Profiles'!$G$18=$B$17,14,0)+IF('Standard Profiles'!$G$18=$B$24,21,0),0)),0)</f>
        <v>4.6619756488008424</v>
      </c>
      <c r="E5720" cm="1">
        <f t="array" ref="E5720">IFERROR(INDEX(Jesper!AI$2:AI$366,ROUNDDOWN($C5720/24,0)+1,1)*INDEX($D$3:$AA$30,INDEX(Jesper!$R$2:$R$366,ROW(INDEX(Jesper!AI$2:AI$366,ROUNDDOWN($C5720/24,0)+1,1))-1)+IF('Standard Profiles'!$G$19=$B$10,7,0)+IF('Standard Profiles'!$G$19=$B$17,14,0)+IF('Standard Profiles'!$G$19=$B$24,21,0),MOD($C5720,24)+1)/SUM(INDEX($D$3:$AA$30,INDEX(Jesper!$R$2:$R$366,ROW(INDEX(Jesper!AI$2:AI$366,ROUNDDOWN($C5720/24,0)+1,1))-1)+IF('Standard Profiles'!$G$19=$B$10,7,0)+IF('Standard Profiles'!$G$19=$B$17,14,0)+IF('Standard Profiles'!$G$19=$B$24,21,0),0)),0)</f>
        <v>1.5570952100346727</v>
      </c>
      <c r="F5720" cm="1">
        <f t="array" ref="F5720">IFERROR(INDEX(Jesper!AJ$2:AJ$366,ROUNDDOWN($C5720/24,0)+1,1)*INDEX($D$3:$AA$30,INDEX(Jesper!$R$2:$R$366,ROW(INDEX(Jesper!AJ$2:AJ$366,ROUNDDOWN($C5720/24,0)+1,1))-1)+IF('Standard Profiles'!$G$20=$B$10,7,0)+IF('Standard Profiles'!$G$20=$B$17,14,0)+IF('Standard Profiles'!$G$20=$B$24,21,0),MOD($C5720,24)+1)/SUM(INDEX($D$3:$AA$30,INDEX(Jesper!$R$2:$R$366,ROW(INDEX(Jesper!AJ$2:AJ$366,ROUNDDOWN($C5720/24,0)+1,1))-1)+IF('Standard Profiles'!$G$20=$B$10,7,0)+IF('Standard Profiles'!$G$20=$B$17,14,0)+IF('Standard Profiles'!$G$20=$B$24,21,0),0)),0)</f>
        <v>0</v>
      </c>
      <c r="G5720" cm="1">
        <f t="array" ref="G5720">IFERROR(INDEX(Jesper!AK$2:AK$366,ROUNDDOWN($C5720/24,0)+1,1)*INDEX($D$3:$AA$30,INDEX(Jesper!$R$2:$R$366,ROW(INDEX(Jesper!AK$2:AK$366,ROUNDDOWN($C5720/24,0)+1,1))-1)+IF('Standard Profiles'!$G$21=$B$10,7,0)+IF('Standard Profiles'!$G$21=$B$17,14,0)+IF('Standard Profiles'!$G$21=$B$24,21,0),MOD($C5720,24)+1)/SUM(INDEX($D$3:$AA$30,INDEX(Jesper!$R$2:$R$366,ROW(INDEX(Jesper!AK$2:AK$366,ROUNDDOWN($C5720/24,0)+1,1))-1)+IF('Standard Profiles'!$G$21=$B$10,7,0)+IF('Standard Profiles'!$G$21=$B$17,14,0)+IF('Standard Profiles'!$G$21=$B$24,21,0),0)),0)</f>
        <v>0</v>
      </c>
      <c r="H5720" cm="1">
        <f t="array" ref="H5720">IFERROR(INDEX(Jesper!AL$2:AL$366,ROUNDDOWN($C5720/24,0)+1,1)*INDEX($D$3:$AA$30,INDEX(Jesper!$R$2:$R$366,ROW(INDEX(Jesper!AL$2:AL$366,ROUNDDOWN($C5720/24,0)+1,1))-1)+IF('Standard Profiles'!$G$22=$B$10,7,0)+IF('Standard Profiles'!$G$22=$B$17,14,0)+IF('Standard Profiles'!$G$22=$B$24,21,0),MOD($C5720,24)+1)/SUM(INDEX($D$3:$AA$30,INDEX(Jesper!$R$2:$R$366,ROW(INDEX(Jesper!AL$2:AL$366,ROUNDDOWN($C5720/24,0)+1,1))-1)+IF('Standard Profiles'!$G$22=$B$10,7,0)+IF('Standard Profiles'!$G$22=$B$17,14,0)+IF('Standard Profiles'!$G$22=$B$24,21,0),0)),0)</f>
        <v>0</v>
      </c>
      <c r="I5720">
        <f t="shared" si="636"/>
        <v>0</v>
      </c>
      <c r="J5720">
        <f t="shared" si="637"/>
        <v>5.4731547550273802</v>
      </c>
      <c r="K5720">
        <f t="shared" si="638"/>
        <v>0.49727740253875657</v>
      </c>
      <c r="L5720">
        <f t="shared" si="639"/>
        <v>0.24863870126937829</v>
      </c>
      <c r="M5720">
        <f t="shared" si="640"/>
        <v>0</v>
      </c>
      <c r="N5720" s="45">
        <f t="shared" si="641"/>
        <v>45163.916666652876</v>
      </c>
    </row>
    <row r="5721" spans="2:14" x14ac:dyDescent="0.25">
      <c r="B5721">
        <f t="shared" si="635"/>
        <v>5</v>
      </c>
      <c r="C5721" s="16">
        <v>5687</v>
      </c>
      <c r="D5721" cm="1">
        <f t="array" ref="D5721">IFERROR(INDEX(Jesper!AH$2:AH$366,ROUNDDOWN($C5721/24,0)+1,1)*INDEX($D$3:$AA$30,INDEX(Jesper!$R$2:$R$366,ROW(INDEX(Jesper!AH$2:AH$366,ROUNDDOWN($C5721/24,0)+1,1))-1)+IF('Standard Profiles'!$G$18=$B$10,7,0)+IF('Standard Profiles'!$G$18=$B$17,14,0)+IF('Standard Profiles'!$G$18=$B$24,21,0),MOD($C5721,24)+1)/SUM(INDEX($D$3:$AA$30,INDEX(Jesper!$R$2:$R$366,ROW(INDEX(Jesper!AH$2:AH$366,ROUNDDOWN($C5721/24,0)+1,1))-1)+IF('Standard Profiles'!$G$18=$B$10,7,0)+IF('Standard Profiles'!$G$18=$B$17,14,0)+IF('Standard Profiles'!$G$18=$B$24,21,0),0)),0)</f>
        <v>4.6619756488008424</v>
      </c>
      <c r="E5721" cm="1">
        <f t="array" ref="E5721">IFERROR(INDEX(Jesper!AI$2:AI$366,ROUNDDOWN($C5721/24,0)+1,1)*INDEX($D$3:$AA$30,INDEX(Jesper!$R$2:$R$366,ROW(INDEX(Jesper!AI$2:AI$366,ROUNDDOWN($C5721/24,0)+1,1))-1)+IF('Standard Profiles'!$G$19=$B$10,7,0)+IF('Standard Profiles'!$G$19=$B$17,14,0)+IF('Standard Profiles'!$G$19=$B$24,21,0),MOD($C5721,24)+1)/SUM(INDEX($D$3:$AA$30,INDEX(Jesper!$R$2:$R$366,ROW(INDEX(Jesper!AI$2:AI$366,ROUNDDOWN($C5721/24,0)+1,1))-1)+IF('Standard Profiles'!$G$19=$B$10,7,0)+IF('Standard Profiles'!$G$19=$B$17,14,0)+IF('Standard Profiles'!$G$19=$B$24,21,0),0)),0)</f>
        <v>1.5570952100346727</v>
      </c>
      <c r="F5721" cm="1">
        <f t="array" ref="F5721">IFERROR(INDEX(Jesper!AJ$2:AJ$366,ROUNDDOWN($C5721/24,0)+1,1)*INDEX($D$3:$AA$30,INDEX(Jesper!$R$2:$R$366,ROW(INDEX(Jesper!AJ$2:AJ$366,ROUNDDOWN($C5721/24,0)+1,1))-1)+IF('Standard Profiles'!$G$20=$B$10,7,0)+IF('Standard Profiles'!$G$20=$B$17,14,0)+IF('Standard Profiles'!$G$20=$B$24,21,0),MOD($C5721,24)+1)/SUM(INDEX($D$3:$AA$30,INDEX(Jesper!$R$2:$R$366,ROW(INDEX(Jesper!AJ$2:AJ$366,ROUNDDOWN($C5721/24,0)+1,1))-1)+IF('Standard Profiles'!$G$20=$B$10,7,0)+IF('Standard Profiles'!$G$20=$B$17,14,0)+IF('Standard Profiles'!$G$20=$B$24,21,0),0)),0)</f>
        <v>0</v>
      </c>
      <c r="G5721" cm="1">
        <f t="array" ref="G5721">IFERROR(INDEX(Jesper!AK$2:AK$366,ROUNDDOWN($C5721/24,0)+1,1)*INDEX($D$3:$AA$30,INDEX(Jesper!$R$2:$R$366,ROW(INDEX(Jesper!AK$2:AK$366,ROUNDDOWN($C5721/24,0)+1,1))-1)+IF('Standard Profiles'!$G$21=$B$10,7,0)+IF('Standard Profiles'!$G$21=$B$17,14,0)+IF('Standard Profiles'!$G$21=$B$24,21,0),MOD($C5721,24)+1)/SUM(INDEX($D$3:$AA$30,INDEX(Jesper!$R$2:$R$366,ROW(INDEX(Jesper!AK$2:AK$366,ROUNDDOWN($C5721/24,0)+1,1))-1)+IF('Standard Profiles'!$G$21=$B$10,7,0)+IF('Standard Profiles'!$G$21=$B$17,14,0)+IF('Standard Profiles'!$G$21=$B$24,21,0),0)),0)</f>
        <v>0</v>
      </c>
      <c r="H5721" cm="1">
        <f t="array" ref="H5721">IFERROR(INDEX(Jesper!AL$2:AL$366,ROUNDDOWN($C5721/24,0)+1,1)*INDEX($D$3:$AA$30,INDEX(Jesper!$R$2:$R$366,ROW(INDEX(Jesper!AL$2:AL$366,ROUNDDOWN($C5721/24,0)+1,1))-1)+IF('Standard Profiles'!$G$22=$B$10,7,0)+IF('Standard Profiles'!$G$22=$B$17,14,0)+IF('Standard Profiles'!$G$22=$B$24,21,0),MOD($C5721,24)+1)/SUM(INDEX($D$3:$AA$30,INDEX(Jesper!$R$2:$R$366,ROW(INDEX(Jesper!AL$2:AL$366,ROUNDDOWN($C5721/24,0)+1,1))-1)+IF('Standard Profiles'!$G$22=$B$10,7,0)+IF('Standard Profiles'!$G$22=$B$17,14,0)+IF('Standard Profiles'!$G$22=$B$24,21,0),0)),0)</f>
        <v>0</v>
      </c>
      <c r="I5721">
        <f t="shared" si="636"/>
        <v>0</v>
      </c>
      <c r="J5721">
        <f t="shared" si="637"/>
        <v>5.4731547550273802</v>
      </c>
      <c r="K5721">
        <f t="shared" si="638"/>
        <v>0.49727740253875657</v>
      </c>
      <c r="L5721">
        <f t="shared" si="639"/>
        <v>0.24863870126937829</v>
      </c>
      <c r="M5721">
        <f t="shared" si="640"/>
        <v>0</v>
      </c>
      <c r="N5721" s="45">
        <f t="shared" si="641"/>
        <v>45163.958333319541</v>
      </c>
    </row>
    <row r="5722" spans="2:14" x14ac:dyDescent="0.25">
      <c r="B5722">
        <f t="shared" si="635"/>
        <v>6</v>
      </c>
      <c r="C5722" s="16">
        <v>5688</v>
      </c>
      <c r="D5722" cm="1">
        <f t="array" ref="D5722">IFERROR(INDEX(Jesper!AH$2:AH$366,ROUNDDOWN($C5722/24,0)+1,1)*INDEX($D$3:$AA$30,INDEX(Jesper!$R$2:$R$366,ROW(INDEX(Jesper!AH$2:AH$366,ROUNDDOWN($C5722/24,0)+1,1))-1)+IF('Standard Profiles'!$G$18=$B$10,7,0)+IF('Standard Profiles'!$G$18=$B$17,14,0)+IF('Standard Profiles'!$G$18=$B$24,21,0),MOD($C5722,24)+1)/SUM(INDEX($D$3:$AA$30,INDEX(Jesper!$R$2:$R$366,ROW(INDEX(Jesper!AH$2:AH$366,ROUNDDOWN($C5722/24,0)+1,1))-1)+IF('Standard Profiles'!$G$18=$B$10,7,0)+IF('Standard Profiles'!$G$18=$B$17,14,0)+IF('Standard Profiles'!$G$18=$B$24,21,0),0)),0)</f>
        <v>0</v>
      </c>
      <c r="E5722" cm="1">
        <f t="array" ref="E5722">IFERROR(INDEX(Jesper!AI$2:AI$366,ROUNDDOWN($C5722/24,0)+1,1)*INDEX($D$3:$AA$30,INDEX(Jesper!$R$2:$R$366,ROW(INDEX(Jesper!AI$2:AI$366,ROUNDDOWN($C5722/24,0)+1,1))-1)+IF('Standard Profiles'!$G$19=$B$10,7,0)+IF('Standard Profiles'!$G$19=$B$17,14,0)+IF('Standard Profiles'!$G$19=$B$24,21,0),MOD($C5722,24)+1)/SUM(INDEX($D$3:$AA$30,INDEX(Jesper!$R$2:$R$366,ROW(INDEX(Jesper!AI$2:AI$366,ROUNDDOWN($C5722/24,0)+1,1))-1)+IF('Standard Profiles'!$G$19=$B$10,7,0)+IF('Standard Profiles'!$G$19=$B$17,14,0)+IF('Standard Profiles'!$G$19=$B$24,21,0),0)),0)</f>
        <v>2.9483223821745481</v>
      </c>
      <c r="F5722" cm="1">
        <f t="array" ref="F5722">IFERROR(INDEX(Jesper!AJ$2:AJ$366,ROUNDDOWN($C5722/24,0)+1,1)*INDEX($D$3:$AA$30,INDEX(Jesper!$R$2:$R$366,ROW(INDEX(Jesper!AJ$2:AJ$366,ROUNDDOWN($C5722/24,0)+1,1))-1)+IF('Standard Profiles'!$G$20=$B$10,7,0)+IF('Standard Profiles'!$G$20=$B$17,14,0)+IF('Standard Profiles'!$G$20=$B$24,21,0),MOD($C5722,24)+1)/SUM(INDEX($D$3:$AA$30,INDEX(Jesper!$R$2:$R$366,ROW(INDEX(Jesper!AJ$2:AJ$366,ROUNDDOWN($C5722/24,0)+1,1))-1)+IF('Standard Profiles'!$G$20=$B$10,7,0)+IF('Standard Profiles'!$G$20=$B$17,14,0)+IF('Standard Profiles'!$G$20=$B$24,21,0),0)),0)</f>
        <v>0.82819784445210332</v>
      </c>
      <c r="G5722" cm="1">
        <f t="array" ref="G5722">IFERROR(INDEX(Jesper!AK$2:AK$366,ROUNDDOWN($C5722/24,0)+1,1)*INDEX($D$3:$AA$30,INDEX(Jesper!$R$2:$R$366,ROW(INDEX(Jesper!AK$2:AK$366,ROUNDDOWN($C5722/24,0)+1,1))-1)+IF('Standard Profiles'!$G$21=$B$10,7,0)+IF('Standard Profiles'!$G$21=$B$17,14,0)+IF('Standard Profiles'!$G$21=$B$24,21,0),MOD($C5722,24)+1)/SUM(INDEX($D$3:$AA$30,INDEX(Jesper!$R$2:$R$366,ROW(INDEX(Jesper!AK$2:AK$366,ROUNDDOWN($C5722/24,0)+1,1))-1)+IF('Standard Profiles'!$G$21=$B$10,7,0)+IF('Standard Profiles'!$G$21=$B$17,14,0)+IF('Standard Profiles'!$G$21=$B$24,21,0),0)),0)</f>
        <v>0.14896702300440481</v>
      </c>
      <c r="H5722" cm="1">
        <f t="array" ref="H5722">IFERROR(INDEX(Jesper!AL$2:AL$366,ROUNDDOWN($C5722/24,0)+1,1)*INDEX($D$3:$AA$30,INDEX(Jesper!$R$2:$R$366,ROW(INDEX(Jesper!AL$2:AL$366,ROUNDDOWN($C5722/24,0)+1,1))-1)+IF('Standard Profiles'!$G$22=$B$10,7,0)+IF('Standard Profiles'!$G$22=$B$17,14,0)+IF('Standard Profiles'!$G$22=$B$24,21,0),MOD($C5722,24)+1)/SUM(INDEX($D$3:$AA$30,INDEX(Jesper!$R$2:$R$366,ROW(INDEX(Jesper!AL$2:AL$366,ROUNDDOWN($C5722/24,0)+1,1))-1)+IF('Standard Profiles'!$G$22=$B$10,7,0)+IF('Standard Profiles'!$G$22=$B$17,14,0)+IF('Standard Profiles'!$G$22=$B$24,21,0),0)),0)</f>
        <v>0</v>
      </c>
      <c r="I5722">
        <f t="shared" si="636"/>
        <v>0</v>
      </c>
      <c r="J5722">
        <f t="shared" si="637"/>
        <v>3.5716885637701106</v>
      </c>
      <c r="K5722">
        <f t="shared" si="638"/>
        <v>0.23586579057396384</v>
      </c>
      <c r="L5722">
        <f t="shared" si="639"/>
        <v>0.11793289528698192</v>
      </c>
      <c r="M5722">
        <f t="shared" si="640"/>
        <v>0</v>
      </c>
      <c r="N5722" s="45">
        <f t="shared" si="641"/>
        <v>45163.999999986205</v>
      </c>
    </row>
    <row r="5723" spans="2:14" x14ac:dyDescent="0.25">
      <c r="B5723">
        <f t="shared" si="635"/>
        <v>6</v>
      </c>
      <c r="C5723" s="16">
        <v>5689</v>
      </c>
      <c r="D5723" cm="1">
        <f t="array" ref="D5723">IFERROR(INDEX(Jesper!AH$2:AH$366,ROUNDDOWN($C5723/24,0)+1,1)*INDEX($D$3:$AA$30,INDEX(Jesper!$R$2:$R$366,ROW(INDEX(Jesper!AH$2:AH$366,ROUNDDOWN($C5723/24,0)+1,1))-1)+IF('Standard Profiles'!$G$18=$B$10,7,0)+IF('Standard Profiles'!$G$18=$B$17,14,0)+IF('Standard Profiles'!$G$18=$B$24,21,0),MOD($C5723,24)+1)/SUM(INDEX($D$3:$AA$30,INDEX(Jesper!$R$2:$R$366,ROW(INDEX(Jesper!AH$2:AH$366,ROUNDDOWN($C5723/24,0)+1,1))-1)+IF('Standard Profiles'!$G$18=$B$10,7,0)+IF('Standard Profiles'!$G$18=$B$17,14,0)+IF('Standard Profiles'!$G$18=$B$24,21,0),0)),0)</f>
        <v>0</v>
      </c>
      <c r="E5723" cm="1">
        <f t="array" ref="E5723">IFERROR(INDEX(Jesper!AI$2:AI$366,ROUNDDOWN($C5723/24,0)+1,1)*INDEX($D$3:$AA$30,INDEX(Jesper!$R$2:$R$366,ROW(INDEX(Jesper!AI$2:AI$366,ROUNDDOWN($C5723/24,0)+1,1))-1)+IF('Standard Profiles'!$G$19=$B$10,7,0)+IF('Standard Profiles'!$G$19=$B$17,14,0)+IF('Standard Profiles'!$G$19=$B$24,21,0),MOD($C5723,24)+1)/SUM(INDEX($D$3:$AA$30,INDEX(Jesper!$R$2:$R$366,ROW(INDEX(Jesper!AI$2:AI$366,ROUNDDOWN($C5723/24,0)+1,1))-1)+IF('Standard Profiles'!$G$19=$B$10,7,0)+IF('Standard Profiles'!$G$19=$B$17,14,0)+IF('Standard Profiles'!$G$19=$B$24,21,0),0)),0)</f>
        <v>2.653490143957093</v>
      </c>
      <c r="F5723" cm="1">
        <f t="array" ref="F5723">IFERROR(INDEX(Jesper!AJ$2:AJ$366,ROUNDDOWN($C5723/24,0)+1,1)*INDEX($D$3:$AA$30,INDEX(Jesper!$R$2:$R$366,ROW(INDEX(Jesper!AJ$2:AJ$366,ROUNDDOWN($C5723/24,0)+1,1))-1)+IF('Standard Profiles'!$G$20=$B$10,7,0)+IF('Standard Profiles'!$G$20=$B$17,14,0)+IF('Standard Profiles'!$G$20=$B$24,21,0),MOD($C5723,24)+1)/SUM(INDEX($D$3:$AA$30,INDEX(Jesper!$R$2:$R$366,ROW(INDEX(Jesper!AJ$2:AJ$366,ROUNDDOWN($C5723/24,0)+1,1))-1)+IF('Standard Profiles'!$G$20=$B$10,7,0)+IF('Standard Profiles'!$G$20=$B$17,14,0)+IF('Standard Profiles'!$G$20=$B$24,21,0),0)),0)</f>
        <v>0.745378060006893</v>
      </c>
      <c r="G5723" cm="1">
        <f t="array" ref="G5723">IFERROR(INDEX(Jesper!AK$2:AK$366,ROUNDDOWN($C5723/24,0)+1,1)*INDEX($D$3:$AA$30,INDEX(Jesper!$R$2:$R$366,ROW(INDEX(Jesper!AK$2:AK$366,ROUNDDOWN($C5723/24,0)+1,1))-1)+IF('Standard Profiles'!$G$21=$B$10,7,0)+IF('Standard Profiles'!$G$21=$B$17,14,0)+IF('Standard Profiles'!$G$21=$B$24,21,0),MOD($C5723,24)+1)/SUM(INDEX($D$3:$AA$30,INDEX(Jesper!$R$2:$R$366,ROW(INDEX(Jesper!AK$2:AK$366,ROUNDDOWN($C5723/24,0)+1,1))-1)+IF('Standard Profiles'!$G$21=$B$10,7,0)+IF('Standard Profiles'!$G$21=$B$17,14,0)+IF('Standard Profiles'!$G$21=$B$24,21,0),0)),0)</f>
        <v>0.14896702300440481</v>
      </c>
      <c r="H5723" cm="1">
        <f t="array" ref="H5723">IFERROR(INDEX(Jesper!AL$2:AL$366,ROUNDDOWN($C5723/24,0)+1,1)*INDEX($D$3:$AA$30,INDEX(Jesper!$R$2:$R$366,ROW(INDEX(Jesper!AL$2:AL$366,ROUNDDOWN($C5723/24,0)+1,1))-1)+IF('Standard Profiles'!$G$22=$B$10,7,0)+IF('Standard Profiles'!$G$22=$B$17,14,0)+IF('Standard Profiles'!$G$22=$B$24,21,0),MOD($C5723,24)+1)/SUM(INDEX($D$3:$AA$30,INDEX(Jesper!$R$2:$R$366,ROW(INDEX(Jesper!AL$2:AL$366,ROUNDDOWN($C5723/24,0)+1,1))-1)+IF('Standard Profiles'!$G$22=$B$10,7,0)+IF('Standard Profiles'!$G$22=$B$17,14,0)+IF('Standard Profiles'!$G$22=$B$24,21,0),0)),0)</f>
        <v>0</v>
      </c>
      <c r="I5723">
        <f t="shared" si="636"/>
        <v>0</v>
      </c>
      <c r="J5723">
        <f t="shared" si="637"/>
        <v>3.2294164096935396</v>
      </c>
      <c r="K5723">
        <f t="shared" si="638"/>
        <v>0.21227921151656745</v>
      </c>
      <c r="L5723">
        <f t="shared" si="639"/>
        <v>0.10613960575828373</v>
      </c>
      <c r="M5723">
        <f t="shared" si="640"/>
        <v>0</v>
      </c>
      <c r="N5723" s="45">
        <f t="shared" si="641"/>
        <v>45164.041666652869</v>
      </c>
    </row>
    <row r="5724" spans="2:14" x14ac:dyDescent="0.25">
      <c r="B5724">
        <f t="shared" si="635"/>
        <v>6</v>
      </c>
      <c r="C5724" s="16">
        <v>5690</v>
      </c>
      <c r="D5724" cm="1">
        <f t="array" ref="D5724">IFERROR(INDEX(Jesper!AH$2:AH$366,ROUNDDOWN($C5724/24,0)+1,1)*INDEX($D$3:$AA$30,INDEX(Jesper!$R$2:$R$366,ROW(INDEX(Jesper!AH$2:AH$366,ROUNDDOWN($C5724/24,0)+1,1))-1)+IF('Standard Profiles'!$G$18=$B$10,7,0)+IF('Standard Profiles'!$G$18=$B$17,14,0)+IF('Standard Profiles'!$G$18=$B$24,21,0),MOD($C5724,24)+1)/SUM(INDEX($D$3:$AA$30,INDEX(Jesper!$R$2:$R$366,ROW(INDEX(Jesper!AH$2:AH$366,ROUNDDOWN($C5724/24,0)+1,1))-1)+IF('Standard Profiles'!$G$18=$B$10,7,0)+IF('Standard Profiles'!$G$18=$B$17,14,0)+IF('Standard Profiles'!$G$18=$B$24,21,0),0)),0)</f>
        <v>0</v>
      </c>
      <c r="E5724" cm="1">
        <f t="array" ref="E5724">IFERROR(INDEX(Jesper!AI$2:AI$366,ROUNDDOWN($C5724/24,0)+1,1)*INDEX($D$3:$AA$30,INDEX(Jesper!$R$2:$R$366,ROW(INDEX(Jesper!AI$2:AI$366,ROUNDDOWN($C5724/24,0)+1,1))-1)+IF('Standard Profiles'!$G$19=$B$10,7,0)+IF('Standard Profiles'!$G$19=$B$17,14,0)+IF('Standard Profiles'!$G$19=$B$24,21,0),MOD($C5724,24)+1)/SUM(INDEX($D$3:$AA$30,INDEX(Jesper!$R$2:$R$366,ROW(INDEX(Jesper!AI$2:AI$366,ROUNDDOWN($C5724/24,0)+1,1))-1)+IF('Standard Profiles'!$G$19=$B$10,7,0)+IF('Standard Profiles'!$G$19=$B$17,14,0)+IF('Standard Profiles'!$G$19=$B$24,21,0),0)),0)</f>
        <v>2.653490143957093</v>
      </c>
      <c r="F5724" cm="1">
        <f t="array" ref="F5724">IFERROR(INDEX(Jesper!AJ$2:AJ$366,ROUNDDOWN($C5724/24,0)+1,1)*INDEX($D$3:$AA$30,INDEX(Jesper!$R$2:$R$366,ROW(INDEX(Jesper!AJ$2:AJ$366,ROUNDDOWN($C5724/24,0)+1,1))-1)+IF('Standard Profiles'!$G$20=$B$10,7,0)+IF('Standard Profiles'!$G$20=$B$17,14,0)+IF('Standard Profiles'!$G$20=$B$24,21,0),MOD($C5724,24)+1)/SUM(INDEX($D$3:$AA$30,INDEX(Jesper!$R$2:$R$366,ROW(INDEX(Jesper!AJ$2:AJ$366,ROUNDDOWN($C5724/24,0)+1,1))-1)+IF('Standard Profiles'!$G$20=$B$10,7,0)+IF('Standard Profiles'!$G$20=$B$17,14,0)+IF('Standard Profiles'!$G$20=$B$24,21,0),0)),0)</f>
        <v>0.745378060006893</v>
      </c>
      <c r="G5724" cm="1">
        <f t="array" ref="G5724">IFERROR(INDEX(Jesper!AK$2:AK$366,ROUNDDOWN($C5724/24,0)+1,1)*INDEX($D$3:$AA$30,INDEX(Jesper!$R$2:$R$366,ROW(INDEX(Jesper!AK$2:AK$366,ROUNDDOWN($C5724/24,0)+1,1))-1)+IF('Standard Profiles'!$G$21=$B$10,7,0)+IF('Standard Profiles'!$G$21=$B$17,14,0)+IF('Standard Profiles'!$G$21=$B$24,21,0),MOD($C5724,24)+1)/SUM(INDEX($D$3:$AA$30,INDEX(Jesper!$R$2:$R$366,ROW(INDEX(Jesper!AK$2:AK$366,ROUNDDOWN($C5724/24,0)+1,1))-1)+IF('Standard Profiles'!$G$21=$B$10,7,0)+IF('Standard Profiles'!$G$21=$B$17,14,0)+IF('Standard Profiles'!$G$21=$B$24,21,0),0)),0)</f>
        <v>0.14896702300440481</v>
      </c>
      <c r="H5724" cm="1">
        <f t="array" ref="H5724">IFERROR(INDEX(Jesper!AL$2:AL$366,ROUNDDOWN($C5724/24,0)+1,1)*INDEX($D$3:$AA$30,INDEX(Jesper!$R$2:$R$366,ROW(INDEX(Jesper!AL$2:AL$366,ROUNDDOWN($C5724/24,0)+1,1))-1)+IF('Standard Profiles'!$G$22=$B$10,7,0)+IF('Standard Profiles'!$G$22=$B$17,14,0)+IF('Standard Profiles'!$G$22=$B$24,21,0),MOD($C5724,24)+1)/SUM(INDEX($D$3:$AA$30,INDEX(Jesper!$R$2:$R$366,ROW(INDEX(Jesper!AL$2:AL$366,ROUNDDOWN($C5724/24,0)+1,1))-1)+IF('Standard Profiles'!$G$22=$B$10,7,0)+IF('Standard Profiles'!$G$22=$B$17,14,0)+IF('Standard Profiles'!$G$22=$B$24,21,0),0)),0)</f>
        <v>0</v>
      </c>
      <c r="I5724">
        <f t="shared" si="636"/>
        <v>0</v>
      </c>
      <c r="J5724">
        <f t="shared" si="637"/>
        <v>3.2294164096935396</v>
      </c>
      <c r="K5724">
        <f t="shared" si="638"/>
        <v>0.21227921151656745</v>
      </c>
      <c r="L5724">
        <f t="shared" si="639"/>
        <v>0.10613960575828373</v>
      </c>
      <c r="M5724">
        <f t="shared" si="640"/>
        <v>0</v>
      </c>
      <c r="N5724" s="45">
        <f t="shared" si="641"/>
        <v>45164.083333319533</v>
      </c>
    </row>
    <row r="5725" spans="2:14" x14ac:dyDescent="0.25">
      <c r="B5725">
        <f t="shared" si="635"/>
        <v>6</v>
      </c>
      <c r="C5725" s="16">
        <v>5691</v>
      </c>
      <c r="D5725" cm="1">
        <f t="array" ref="D5725">IFERROR(INDEX(Jesper!AH$2:AH$366,ROUNDDOWN($C5725/24,0)+1,1)*INDEX($D$3:$AA$30,INDEX(Jesper!$R$2:$R$366,ROW(INDEX(Jesper!AH$2:AH$366,ROUNDDOWN($C5725/24,0)+1,1))-1)+IF('Standard Profiles'!$G$18=$B$10,7,0)+IF('Standard Profiles'!$G$18=$B$17,14,0)+IF('Standard Profiles'!$G$18=$B$24,21,0),MOD($C5725,24)+1)/SUM(INDEX($D$3:$AA$30,INDEX(Jesper!$R$2:$R$366,ROW(INDEX(Jesper!AH$2:AH$366,ROUNDDOWN($C5725/24,0)+1,1))-1)+IF('Standard Profiles'!$G$18=$B$10,7,0)+IF('Standard Profiles'!$G$18=$B$17,14,0)+IF('Standard Profiles'!$G$18=$B$24,21,0),0)),0)</f>
        <v>0</v>
      </c>
      <c r="E5725" cm="1">
        <f t="array" ref="E5725">IFERROR(INDEX(Jesper!AI$2:AI$366,ROUNDDOWN($C5725/24,0)+1,1)*INDEX($D$3:$AA$30,INDEX(Jesper!$R$2:$R$366,ROW(INDEX(Jesper!AI$2:AI$366,ROUNDDOWN($C5725/24,0)+1,1))-1)+IF('Standard Profiles'!$G$19=$B$10,7,0)+IF('Standard Profiles'!$G$19=$B$17,14,0)+IF('Standard Profiles'!$G$19=$B$24,21,0),MOD($C5725,24)+1)/SUM(INDEX($D$3:$AA$30,INDEX(Jesper!$R$2:$R$366,ROW(INDEX(Jesper!AI$2:AI$366,ROUNDDOWN($C5725/24,0)+1,1))-1)+IF('Standard Profiles'!$G$19=$B$10,7,0)+IF('Standard Profiles'!$G$19=$B$17,14,0)+IF('Standard Profiles'!$G$19=$B$24,21,0),0)),0)</f>
        <v>2.653490143957093</v>
      </c>
      <c r="F5725" cm="1">
        <f t="array" ref="F5725">IFERROR(INDEX(Jesper!AJ$2:AJ$366,ROUNDDOWN($C5725/24,0)+1,1)*INDEX($D$3:$AA$30,INDEX(Jesper!$R$2:$R$366,ROW(INDEX(Jesper!AJ$2:AJ$366,ROUNDDOWN($C5725/24,0)+1,1))-1)+IF('Standard Profiles'!$G$20=$B$10,7,0)+IF('Standard Profiles'!$G$20=$B$17,14,0)+IF('Standard Profiles'!$G$20=$B$24,21,0),MOD($C5725,24)+1)/SUM(INDEX($D$3:$AA$30,INDEX(Jesper!$R$2:$R$366,ROW(INDEX(Jesper!AJ$2:AJ$366,ROUNDDOWN($C5725/24,0)+1,1))-1)+IF('Standard Profiles'!$G$20=$B$10,7,0)+IF('Standard Profiles'!$G$20=$B$17,14,0)+IF('Standard Profiles'!$G$20=$B$24,21,0),0)),0)</f>
        <v>0.745378060006893</v>
      </c>
      <c r="G5725" cm="1">
        <f t="array" ref="G5725">IFERROR(INDEX(Jesper!AK$2:AK$366,ROUNDDOWN($C5725/24,0)+1,1)*INDEX($D$3:$AA$30,INDEX(Jesper!$R$2:$R$366,ROW(INDEX(Jesper!AK$2:AK$366,ROUNDDOWN($C5725/24,0)+1,1))-1)+IF('Standard Profiles'!$G$21=$B$10,7,0)+IF('Standard Profiles'!$G$21=$B$17,14,0)+IF('Standard Profiles'!$G$21=$B$24,21,0),MOD($C5725,24)+1)/SUM(INDEX($D$3:$AA$30,INDEX(Jesper!$R$2:$R$366,ROW(INDEX(Jesper!AK$2:AK$366,ROUNDDOWN($C5725/24,0)+1,1))-1)+IF('Standard Profiles'!$G$21=$B$10,7,0)+IF('Standard Profiles'!$G$21=$B$17,14,0)+IF('Standard Profiles'!$G$21=$B$24,21,0),0)),0)</f>
        <v>0.14896702300440481</v>
      </c>
      <c r="H5725" cm="1">
        <f t="array" ref="H5725">IFERROR(INDEX(Jesper!AL$2:AL$366,ROUNDDOWN($C5725/24,0)+1,1)*INDEX($D$3:$AA$30,INDEX(Jesper!$R$2:$R$366,ROW(INDEX(Jesper!AL$2:AL$366,ROUNDDOWN($C5725/24,0)+1,1))-1)+IF('Standard Profiles'!$G$22=$B$10,7,0)+IF('Standard Profiles'!$G$22=$B$17,14,0)+IF('Standard Profiles'!$G$22=$B$24,21,0),MOD($C5725,24)+1)/SUM(INDEX($D$3:$AA$30,INDEX(Jesper!$R$2:$R$366,ROW(INDEX(Jesper!AL$2:AL$366,ROUNDDOWN($C5725/24,0)+1,1))-1)+IF('Standard Profiles'!$G$22=$B$10,7,0)+IF('Standard Profiles'!$G$22=$B$17,14,0)+IF('Standard Profiles'!$G$22=$B$24,21,0),0)),0)</f>
        <v>0</v>
      </c>
      <c r="I5725">
        <f t="shared" si="636"/>
        <v>0</v>
      </c>
      <c r="J5725">
        <f t="shared" si="637"/>
        <v>3.2294164096935396</v>
      </c>
      <c r="K5725">
        <f t="shared" si="638"/>
        <v>0.21227921151656745</v>
      </c>
      <c r="L5725">
        <f t="shared" si="639"/>
        <v>0.10613960575828373</v>
      </c>
      <c r="M5725">
        <f t="shared" si="640"/>
        <v>0</v>
      </c>
      <c r="N5725" s="45">
        <f t="shared" si="641"/>
        <v>45164.124999986198</v>
      </c>
    </row>
    <row r="5726" spans="2:14" x14ac:dyDescent="0.25">
      <c r="B5726">
        <f t="shared" si="635"/>
        <v>6</v>
      </c>
      <c r="C5726" s="16">
        <v>5692</v>
      </c>
      <c r="D5726" cm="1">
        <f t="array" ref="D5726">IFERROR(INDEX(Jesper!AH$2:AH$366,ROUNDDOWN($C5726/24,0)+1,1)*INDEX($D$3:$AA$30,INDEX(Jesper!$R$2:$R$366,ROW(INDEX(Jesper!AH$2:AH$366,ROUNDDOWN($C5726/24,0)+1,1))-1)+IF('Standard Profiles'!$G$18=$B$10,7,0)+IF('Standard Profiles'!$G$18=$B$17,14,0)+IF('Standard Profiles'!$G$18=$B$24,21,0),MOD($C5726,24)+1)/SUM(INDEX($D$3:$AA$30,INDEX(Jesper!$R$2:$R$366,ROW(INDEX(Jesper!AH$2:AH$366,ROUNDDOWN($C5726/24,0)+1,1))-1)+IF('Standard Profiles'!$G$18=$B$10,7,0)+IF('Standard Profiles'!$G$18=$B$17,14,0)+IF('Standard Profiles'!$G$18=$B$24,21,0),0)),0)</f>
        <v>0</v>
      </c>
      <c r="E5726" cm="1">
        <f t="array" ref="E5726">IFERROR(INDEX(Jesper!AI$2:AI$366,ROUNDDOWN($C5726/24,0)+1,1)*INDEX($D$3:$AA$30,INDEX(Jesper!$R$2:$R$366,ROW(INDEX(Jesper!AI$2:AI$366,ROUNDDOWN($C5726/24,0)+1,1))-1)+IF('Standard Profiles'!$G$19=$B$10,7,0)+IF('Standard Profiles'!$G$19=$B$17,14,0)+IF('Standard Profiles'!$G$19=$B$24,21,0),MOD($C5726,24)+1)/SUM(INDEX($D$3:$AA$30,INDEX(Jesper!$R$2:$R$366,ROW(INDEX(Jesper!AI$2:AI$366,ROUNDDOWN($C5726/24,0)+1,1))-1)+IF('Standard Profiles'!$G$19=$B$10,7,0)+IF('Standard Profiles'!$G$19=$B$17,14,0)+IF('Standard Profiles'!$G$19=$B$24,21,0),0)),0)</f>
        <v>2.653490143957093</v>
      </c>
      <c r="F5726" cm="1">
        <f t="array" ref="F5726">IFERROR(INDEX(Jesper!AJ$2:AJ$366,ROUNDDOWN($C5726/24,0)+1,1)*INDEX($D$3:$AA$30,INDEX(Jesper!$R$2:$R$366,ROW(INDEX(Jesper!AJ$2:AJ$366,ROUNDDOWN($C5726/24,0)+1,1))-1)+IF('Standard Profiles'!$G$20=$B$10,7,0)+IF('Standard Profiles'!$G$20=$B$17,14,0)+IF('Standard Profiles'!$G$20=$B$24,21,0),MOD($C5726,24)+1)/SUM(INDEX($D$3:$AA$30,INDEX(Jesper!$R$2:$R$366,ROW(INDEX(Jesper!AJ$2:AJ$366,ROUNDDOWN($C5726/24,0)+1,1))-1)+IF('Standard Profiles'!$G$20=$B$10,7,0)+IF('Standard Profiles'!$G$20=$B$17,14,0)+IF('Standard Profiles'!$G$20=$B$24,21,0),0)),0)</f>
        <v>0.745378060006893</v>
      </c>
      <c r="G5726" cm="1">
        <f t="array" ref="G5726">IFERROR(INDEX(Jesper!AK$2:AK$366,ROUNDDOWN($C5726/24,0)+1,1)*INDEX($D$3:$AA$30,INDEX(Jesper!$R$2:$R$366,ROW(INDEX(Jesper!AK$2:AK$366,ROUNDDOWN($C5726/24,0)+1,1))-1)+IF('Standard Profiles'!$G$21=$B$10,7,0)+IF('Standard Profiles'!$G$21=$B$17,14,0)+IF('Standard Profiles'!$G$21=$B$24,21,0),MOD($C5726,24)+1)/SUM(INDEX($D$3:$AA$30,INDEX(Jesper!$R$2:$R$366,ROW(INDEX(Jesper!AK$2:AK$366,ROUNDDOWN($C5726/24,0)+1,1))-1)+IF('Standard Profiles'!$G$21=$B$10,7,0)+IF('Standard Profiles'!$G$21=$B$17,14,0)+IF('Standard Profiles'!$G$21=$B$24,21,0),0)),0)</f>
        <v>0.14896702300440481</v>
      </c>
      <c r="H5726" cm="1">
        <f t="array" ref="H5726">IFERROR(INDEX(Jesper!AL$2:AL$366,ROUNDDOWN($C5726/24,0)+1,1)*INDEX($D$3:$AA$30,INDEX(Jesper!$R$2:$R$366,ROW(INDEX(Jesper!AL$2:AL$366,ROUNDDOWN($C5726/24,0)+1,1))-1)+IF('Standard Profiles'!$G$22=$B$10,7,0)+IF('Standard Profiles'!$G$22=$B$17,14,0)+IF('Standard Profiles'!$G$22=$B$24,21,0),MOD($C5726,24)+1)/SUM(INDEX($D$3:$AA$30,INDEX(Jesper!$R$2:$R$366,ROW(INDEX(Jesper!AL$2:AL$366,ROUNDDOWN($C5726/24,0)+1,1))-1)+IF('Standard Profiles'!$G$22=$B$10,7,0)+IF('Standard Profiles'!$G$22=$B$17,14,0)+IF('Standard Profiles'!$G$22=$B$24,21,0),0)),0)</f>
        <v>0</v>
      </c>
      <c r="I5726">
        <f t="shared" si="636"/>
        <v>0</v>
      </c>
      <c r="J5726">
        <f t="shared" si="637"/>
        <v>3.2294164096935396</v>
      </c>
      <c r="K5726">
        <f t="shared" si="638"/>
        <v>0.21227921151656745</v>
      </c>
      <c r="L5726">
        <f t="shared" si="639"/>
        <v>0.10613960575828373</v>
      </c>
      <c r="M5726">
        <f t="shared" si="640"/>
        <v>0</v>
      </c>
      <c r="N5726" s="45">
        <f t="shared" si="641"/>
        <v>45164.166666652862</v>
      </c>
    </row>
    <row r="5727" spans="2:14" x14ac:dyDescent="0.25">
      <c r="B5727">
        <f t="shared" si="635"/>
        <v>6</v>
      </c>
      <c r="C5727" s="16">
        <v>5693</v>
      </c>
      <c r="D5727" cm="1">
        <f t="array" ref="D5727">IFERROR(INDEX(Jesper!AH$2:AH$366,ROUNDDOWN($C5727/24,0)+1,1)*INDEX($D$3:$AA$30,INDEX(Jesper!$R$2:$R$366,ROW(INDEX(Jesper!AH$2:AH$366,ROUNDDOWN($C5727/24,0)+1,1))-1)+IF('Standard Profiles'!$G$18=$B$10,7,0)+IF('Standard Profiles'!$G$18=$B$17,14,0)+IF('Standard Profiles'!$G$18=$B$24,21,0),MOD($C5727,24)+1)/SUM(INDEX($D$3:$AA$30,INDEX(Jesper!$R$2:$R$366,ROW(INDEX(Jesper!AH$2:AH$366,ROUNDDOWN($C5727/24,0)+1,1))-1)+IF('Standard Profiles'!$G$18=$B$10,7,0)+IF('Standard Profiles'!$G$18=$B$17,14,0)+IF('Standard Profiles'!$G$18=$B$24,21,0),0)),0)</f>
        <v>0</v>
      </c>
      <c r="E5727" cm="1">
        <f t="array" ref="E5727">IFERROR(INDEX(Jesper!AI$2:AI$366,ROUNDDOWN($C5727/24,0)+1,1)*INDEX($D$3:$AA$30,INDEX(Jesper!$R$2:$R$366,ROW(INDEX(Jesper!AI$2:AI$366,ROUNDDOWN($C5727/24,0)+1,1))-1)+IF('Standard Profiles'!$G$19=$B$10,7,0)+IF('Standard Profiles'!$G$19=$B$17,14,0)+IF('Standard Profiles'!$G$19=$B$24,21,0),MOD($C5727,24)+1)/SUM(INDEX($D$3:$AA$30,INDEX(Jesper!$R$2:$R$366,ROW(INDEX(Jesper!AI$2:AI$366,ROUNDDOWN($C5727/24,0)+1,1))-1)+IF('Standard Profiles'!$G$19=$B$10,7,0)+IF('Standard Profiles'!$G$19=$B$17,14,0)+IF('Standard Profiles'!$G$19=$B$24,21,0),0)),0)</f>
        <v>2.653490143957093</v>
      </c>
      <c r="F5727" cm="1">
        <f t="array" ref="F5727">IFERROR(INDEX(Jesper!AJ$2:AJ$366,ROUNDDOWN($C5727/24,0)+1,1)*INDEX($D$3:$AA$30,INDEX(Jesper!$R$2:$R$366,ROW(INDEX(Jesper!AJ$2:AJ$366,ROUNDDOWN($C5727/24,0)+1,1))-1)+IF('Standard Profiles'!$G$20=$B$10,7,0)+IF('Standard Profiles'!$G$20=$B$17,14,0)+IF('Standard Profiles'!$G$20=$B$24,21,0),MOD($C5727,24)+1)/SUM(INDEX($D$3:$AA$30,INDEX(Jesper!$R$2:$R$366,ROW(INDEX(Jesper!AJ$2:AJ$366,ROUNDDOWN($C5727/24,0)+1,1))-1)+IF('Standard Profiles'!$G$20=$B$10,7,0)+IF('Standard Profiles'!$G$20=$B$17,14,0)+IF('Standard Profiles'!$G$20=$B$24,21,0),0)),0)</f>
        <v>0.745378060006893</v>
      </c>
      <c r="G5727" cm="1">
        <f t="array" ref="G5727">IFERROR(INDEX(Jesper!AK$2:AK$366,ROUNDDOWN($C5727/24,0)+1,1)*INDEX($D$3:$AA$30,INDEX(Jesper!$R$2:$R$366,ROW(INDEX(Jesper!AK$2:AK$366,ROUNDDOWN($C5727/24,0)+1,1))-1)+IF('Standard Profiles'!$G$21=$B$10,7,0)+IF('Standard Profiles'!$G$21=$B$17,14,0)+IF('Standard Profiles'!$G$21=$B$24,21,0),MOD($C5727,24)+1)/SUM(INDEX($D$3:$AA$30,INDEX(Jesper!$R$2:$R$366,ROW(INDEX(Jesper!AK$2:AK$366,ROUNDDOWN($C5727/24,0)+1,1))-1)+IF('Standard Profiles'!$G$21=$B$10,7,0)+IF('Standard Profiles'!$G$21=$B$17,14,0)+IF('Standard Profiles'!$G$21=$B$24,21,0),0)),0)</f>
        <v>0.14896702300440481</v>
      </c>
      <c r="H5727" cm="1">
        <f t="array" ref="H5727">IFERROR(INDEX(Jesper!AL$2:AL$366,ROUNDDOWN($C5727/24,0)+1,1)*INDEX($D$3:$AA$30,INDEX(Jesper!$R$2:$R$366,ROW(INDEX(Jesper!AL$2:AL$366,ROUNDDOWN($C5727/24,0)+1,1))-1)+IF('Standard Profiles'!$G$22=$B$10,7,0)+IF('Standard Profiles'!$G$22=$B$17,14,0)+IF('Standard Profiles'!$G$22=$B$24,21,0),MOD($C5727,24)+1)/SUM(INDEX($D$3:$AA$30,INDEX(Jesper!$R$2:$R$366,ROW(INDEX(Jesper!AL$2:AL$366,ROUNDDOWN($C5727/24,0)+1,1))-1)+IF('Standard Profiles'!$G$22=$B$10,7,0)+IF('Standard Profiles'!$G$22=$B$17,14,0)+IF('Standard Profiles'!$G$22=$B$24,21,0),0)),0)</f>
        <v>0</v>
      </c>
      <c r="I5727">
        <f t="shared" si="636"/>
        <v>0</v>
      </c>
      <c r="J5727">
        <f t="shared" si="637"/>
        <v>3.2294164096935396</v>
      </c>
      <c r="K5727">
        <f t="shared" si="638"/>
        <v>0.21227921151656745</v>
      </c>
      <c r="L5727">
        <f t="shared" si="639"/>
        <v>0.10613960575828373</v>
      </c>
      <c r="M5727">
        <f t="shared" si="640"/>
        <v>0</v>
      </c>
      <c r="N5727" s="45">
        <f t="shared" si="641"/>
        <v>45164.208333319526</v>
      </c>
    </row>
    <row r="5728" spans="2:14" x14ac:dyDescent="0.25">
      <c r="B5728">
        <f t="shared" si="635"/>
        <v>6</v>
      </c>
      <c r="C5728" s="16">
        <v>5694</v>
      </c>
      <c r="D5728" cm="1">
        <f t="array" ref="D5728">IFERROR(INDEX(Jesper!AH$2:AH$366,ROUNDDOWN($C5728/24,0)+1,1)*INDEX($D$3:$AA$30,INDEX(Jesper!$R$2:$R$366,ROW(INDEX(Jesper!AH$2:AH$366,ROUNDDOWN($C5728/24,0)+1,1))-1)+IF('Standard Profiles'!$G$18=$B$10,7,0)+IF('Standard Profiles'!$G$18=$B$17,14,0)+IF('Standard Profiles'!$G$18=$B$24,21,0),MOD($C5728,24)+1)/SUM(INDEX($D$3:$AA$30,INDEX(Jesper!$R$2:$R$366,ROW(INDEX(Jesper!AH$2:AH$366,ROUNDDOWN($C5728/24,0)+1,1))-1)+IF('Standard Profiles'!$G$18=$B$10,7,0)+IF('Standard Profiles'!$G$18=$B$17,14,0)+IF('Standard Profiles'!$G$18=$B$24,21,0),0)),0)</f>
        <v>0</v>
      </c>
      <c r="E5728" cm="1">
        <f t="array" ref="E5728">IFERROR(INDEX(Jesper!AI$2:AI$366,ROUNDDOWN($C5728/24,0)+1,1)*INDEX($D$3:$AA$30,INDEX(Jesper!$R$2:$R$366,ROW(INDEX(Jesper!AI$2:AI$366,ROUNDDOWN($C5728/24,0)+1,1))-1)+IF('Standard Profiles'!$G$19=$B$10,7,0)+IF('Standard Profiles'!$G$19=$B$17,14,0)+IF('Standard Profiles'!$G$19=$B$24,21,0),MOD($C5728,24)+1)/SUM(INDEX($D$3:$AA$30,INDEX(Jesper!$R$2:$R$366,ROW(INDEX(Jesper!AI$2:AI$366,ROUNDDOWN($C5728/24,0)+1,1))-1)+IF('Standard Profiles'!$G$19=$B$10,7,0)+IF('Standard Profiles'!$G$19=$B$17,14,0)+IF('Standard Profiles'!$G$19=$B$24,21,0),0)),0)</f>
        <v>2.653490143957093</v>
      </c>
      <c r="F5728" cm="1">
        <f t="array" ref="F5728">IFERROR(INDEX(Jesper!AJ$2:AJ$366,ROUNDDOWN($C5728/24,0)+1,1)*INDEX($D$3:$AA$30,INDEX(Jesper!$R$2:$R$366,ROW(INDEX(Jesper!AJ$2:AJ$366,ROUNDDOWN($C5728/24,0)+1,1))-1)+IF('Standard Profiles'!$G$20=$B$10,7,0)+IF('Standard Profiles'!$G$20=$B$17,14,0)+IF('Standard Profiles'!$G$20=$B$24,21,0),MOD($C5728,24)+1)/SUM(INDEX($D$3:$AA$30,INDEX(Jesper!$R$2:$R$366,ROW(INDEX(Jesper!AJ$2:AJ$366,ROUNDDOWN($C5728/24,0)+1,1))-1)+IF('Standard Profiles'!$G$20=$B$10,7,0)+IF('Standard Profiles'!$G$20=$B$17,14,0)+IF('Standard Profiles'!$G$20=$B$24,21,0),0)),0)</f>
        <v>0.745378060006893</v>
      </c>
      <c r="G5728" cm="1">
        <f t="array" ref="G5728">IFERROR(INDEX(Jesper!AK$2:AK$366,ROUNDDOWN($C5728/24,0)+1,1)*INDEX($D$3:$AA$30,INDEX(Jesper!$R$2:$R$366,ROW(INDEX(Jesper!AK$2:AK$366,ROUNDDOWN($C5728/24,0)+1,1))-1)+IF('Standard Profiles'!$G$21=$B$10,7,0)+IF('Standard Profiles'!$G$21=$B$17,14,0)+IF('Standard Profiles'!$G$21=$B$24,21,0),MOD($C5728,24)+1)/SUM(INDEX($D$3:$AA$30,INDEX(Jesper!$R$2:$R$366,ROW(INDEX(Jesper!AK$2:AK$366,ROUNDDOWN($C5728/24,0)+1,1))-1)+IF('Standard Profiles'!$G$21=$B$10,7,0)+IF('Standard Profiles'!$G$21=$B$17,14,0)+IF('Standard Profiles'!$G$21=$B$24,21,0),0)),0)</f>
        <v>0.14896702300440481</v>
      </c>
      <c r="H5728" cm="1">
        <f t="array" ref="H5728">IFERROR(INDEX(Jesper!AL$2:AL$366,ROUNDDOWN($C5728/24,0)+1,1)*INDEX($D$3:$AA$30,INDEX(Jesper!$R$2:$R$366,ROW(INDEX(Jesper!AL$2:AL$366,ROUNDDOWN($C5728/24,0)+1,1))-1)+IF('Standard Profiles'!$G$22=$B$10,7,0)+IF('Standard Profiles'!$G$22=$B$17,14,0)+IF('Standard Profiles'!$G$22=$B$24,21,0),MOD($C5728,24)+1)/SUM(INDEX($D$3:$AA$30,INDEX(Jesper!$R$2:$R$366,ROW(INDEX(Jesper!AL$2:AL$366,ROUNDDOWN($C5728/24,0)+1,1))-1)+IF('Standard Profiles'!$G$22=$B$10,7,0)+IF('Standard Profiles'!$G$22=$B$17,14,0)+IF('Standard Profiles'!$G$22=$B$24,21,0),0)),0)</f>
        <v>0</v>
      </c>
      <c r="I5728">
        <f t="shared" si="636"/>
        <v>0</v>
      </c>
      <c r="J5728">
        <f t="shared" si="637"/>
        <v>3.2294164096935396</v>
      </c>
      <c r="K5728">
        <f t="shared" si="638"/>
        <v>0.21227921151656745</v>
      </c>
      <c r="L5728">
        <f t="shared" si="639"/>
        <v>0.10613960575828373</v>
      </c>
      <c r="M5728">
        <f t="shared" si="640"/>
        <v>0</v>
      </c>
      <c r="N5728" s="45">
        <f t="shared" si="641"/>
        <v>45164.24999998619</v>
      </c>
    </row>
    <row r="5729" spans="2:14" x14ac:dyDescent="0.25">
      <c r="B5729">
        <f t="shared" si="635"/>
        <v>6</v>
      </c>
      <c r="C5729" s="16">
        <v>5695</v>
      </c>
      <c r="D5729" cm="1">
        <f t="array" ref="D5729">IFERROR(INDEX(Jesper!AH$2:AH$366,ROUNDDOWN($C5729/24,0)+1,1)*INDEX($D$3:$AA$30,INDEX(Jesper!$R$2:$R$366,ROW(INDEX(Jesper!AH$2:AH$366,ROUNDDOWN($C5729/24,0)+1,1))-1)+IF('Standard Profiles'!$G$18=$B$10,7,0)+IF('Standard Profiles'!$G$18=$B$17,14,0)+IF('Standard Profiles'!$G$18=$B$24,21,0),MOD($C5729,24)+1)/SUM(INDEX($D$3:$AA$30,INDEX(Jesper!$R$2:$R$366,ROW(INDEX(Jesper!AH$2:AH$366,ROUNDDOWN($C5729/24,0)+1,1))-1)+IF('Standard Profiles'!$G$18=$B$10,7,0)+IF('Standard Profiles'!$G$18=$B$17,14,0)+IF('Standard Profiles'!$G$18=$B$24,21,0),0)),0)</f>
        <v>0</v>
      </c>
      <c r="E5729" cm="1">
        <f t="array" ref="E5729">IFERROR(INDEX(Jesper!AI$2:AI$366,ROUNDDOWN($C5729/24,0)+1,1)*INDEX($D$3:$AA$30,INDEX(Jesper!$R$2:$R$366,ROW(INDEX(Jesper!AI$2:AI$366,ROUNDDOWN($C5729/24,0)+1,1))-1)+IF('Standard Profiles'!$G$19=$B$10,7,0)+IF('Standard Profiles'!$G$19=$B$17,14,0)+IF('Standard Profiles'!$G$19=$B$24,21,0),MOD($C5729,24)+1)/SUM(INDEX($D$3:$AA$30,INDEX(Jesper!$R$2:$R$366,ROW(INDEX(Jesper!AI$2:AI$366,ROUNDDOWN($C5729/24,0)+1,1))-1)+IF('Standard Profiles'!$G$19=$B$10,7,0)+IF('Standard Profiles'!$G$19=$B$17,14,0)+IF('Standard Profiles'!$G$19=$B$24,21,0),0)),0)</f>
        <v>2.653490143957093</v>
      </c>
      <c r="F5729" cm="1">
        <f t="array" ref="F5729">IFERROR(INDEX(Jesper!AJ$2:AJ$366,ROUNDDOWN($C5729/24,0)+1,1)*INDEX($D$3:$AA$30,INDEX(Jesper!$R$2:$R$366,ROW(INDEX(Jesper!AJ$2:AJ$366,ROUNDDOWN($C5729/24,0)+1,1))-1)+IF('Standard Profiles'!$G$20=$B$10,7,0)+IF('Standard Profiles'!$G$20=$B$17,14,0)+IF('Standard Profiles'!$G$20=$B$24,21,0),MOD($C5729,24)+1)/SUM(INDEX($D$3:$AA$30,INDEX(Jesper!$R$2:$R$366,ROW(INDEX(Jesper!AJ$2:AJ$366,ROUNDDOWN($C5729/24,0)+1,1))-1)+IF('Standard Profiles'!$G$20=$B$10,7,0)+IF('Standard Profiles'!$G$20=$B$17,14,0)+IF('Standard Profiles'!$G$20=$B$24,21,0),0)),0)</f>
        <v>0.745378060006893</v>
      </c>
      <c r="G5729" cm="1">
        <f t="array" ref="G5729">IFERROR(INDEX(Jesper!AK$2:AK$366,ROUNDDOWN($C5729/24,0)+1,1)*INDEX($D$3:$AA$30,INDEX(Jesper!$R$2:$R$366,ROW(INDEX(Jesper!AK$2:AK$366,ROUNDDOWN($C5729/24,0)+1,1))-1)+IF('Standard Profiles'!$G$21=$B$10,7,0)+IF('Standard Profiles'!$G$21=$B$17,14,0)+IF('Standard Profiles'!$G$21=$B$24,21,0),MOD($C5729,24)+1)/SUM(INDEX($D$3:$AA$30,INDEX(Jesper!$R$2:$R$366,ROW(INDEX(Jesper!AK$2:AK$366,ROUNDDOWN($C5729/24,0)+1,1))-1)+IF('Standard Profiles'!$G$21=$B$10,7,0)+IF('Standard Profiles'!$G$21=$B$17,14,0)+IF('Standard Profiles'!$G$21=$B$24,21,0),0)),0)</f>
        <v>0.14896702300440481</v>
      </c>
      <c r="H5729" cm="1">
        <f t="array" ref="H5729">IFERROR(INDEX(Jesper!AL$2:AL$366,ROUNDDOWN($C5729/24,0)+1,1)*INDEX($D$3:$AA$30,INDEX(Jesper!$R$2:$R$366,ROW(INDEX(Jesper!AL$2:AL$366,ROUNDDOWN($C5729/24,0)+1,1))-1)+IF('Standard Profiles'!$G$22=$B$10,7,0)+IF('Standard Profiles'!$G$22=$B$17,14,0)+IF('Standard Profiles'!$G$22=$B$24,21,0),MOD($C5729,24)+1)/SUM(INDEX($D$3:$AA$30,INDEX(Jesper!$R$2:$R$366,ROW(INDEX(Jesper!AL$2:AL$366,ROUNDDOWN($C5729/24,0)+1,1))-1)+IF('Standard Profiles'!$G$22=$B$10,7,0)+IF('Standard Profiles'!$G$22=$B$17,14,0)+IF('Standard Profiles'!$G$22=$B$24,21,0),0)),0)</f>
        <v>0</v>
      </c>
      <c r="I5729">
        <f t="shared" si="636"/>
        <v>0</v>
      </c>
      <c r="J5729">
        <f t="shared" si="637"/>
        <v>3.2294164096935396</v>
      </c>
      <c r="K5729">
        <f t="shared" si="638"/>
        <v>0.21227921151656745</v>
      </c>
      <c r="L5729">
        <f t="shared" si="639"/>
        <v>0.10613960575828373</v>
      </c>
      <c r="M5729">
        <f t="shared" si="640"/>
        <v>0</v>
      </c>
      <c r="N5729" s="45">
        <f t="shared" si="641"/>
        <v>45164.291666652854</v>
      </c>
    </row>
    <row r="5730" spans="2:14" x14ac:dyDescent="0.25">
      <c r="B5730">
        <f t="shared" si="635"/>
        <v>6</v>
      </c>
      <c r="C5730" s="16">
        <v>5696</v>
      </c>
      <c r="D5730" cm="1">
        <f t="array" ref="D5730">IFERROR(INDEX(Jesper!AH$2:AH$366,ROUNDDOWN($C5730/24,0)+1,1)*INDEX($D$3:$AA$30,INDEX(Jesper!$R$2:$R$366,ROW(INDEX(Jesper!AH$2:AH$366,ROUNDDOWN($C5730/24,0)+1,1))-1)+IF('Standard Profiles'!$G$18=$B$10,7,0)+IF('Standard Profiles'!$G$18=$B$17,14,0)+IF('Standard Profiles'!$G$18=$B$24,21,0),MOD($C5730,24)+1)/SUM(INDEX($D$3:$AA$30,INDEX(Jesper!$R$2:$R$366,ROW(INDEX(Jesper!AH$2:AH$366,ROUNDDOWN($C5730/24,0)+1,1))-1)+IF('Standard Profiles'!$G$18=$B$10,7,0)+IF('Standard Profiles'!$G$18=$B$17,14,0)+IF('Standard Profiles'!$G$18=$B$24,21,0),0)),0)</f>
        <v>0</v>
      </c>
      <c r="E5730" cm="1">
        <f t="array" ref="E5730">IFERROR(INDEX(Jesper!AI$2:AI$366,ROUNDDOWN($C5730/24,0)+1,1)*INDEX($D$3:$AA$30,INDEX(Jesper!$R$2:$R$366,ROW(INDEX(Jesper!AI$2:AI$366,ROUNDDOWN($C5730/24,0)+1,1))-1)+IF('Standard Profiles'!$G$19=$B$10,7,0)+IF('Standard Profiles'!$G$19=$B$17,14,0)+IF('Standard Profiles'!$G$19=$B$24,21,0),MOD($C5730,24)+1)/SUM(INDEX($D$3:$AA$30,INDEX(Jesper!$R$2:$R$366,ROW(INDEX(Jesper!AI$2:AI$366,ROUNDDOWN($C5730/24,0)+1,1))-1)+IF('Standard Profiles'!$G$19=$B$10,7,0)+IF('Standard Profiles'!$G$19=$B$17,14,0)+IF('Standard Profiles'!$G$19=$B$24,21,0),0)),0)</f>
        <v>2.653490143957093</v>
      </c>
      <c r="F5730" cm="1">
        <f t="array" ref="F5730">IFERROR(INDEX(Jesper!AJ$2:AJ$366,ROUNDDOWN($C5730/24,0)+1,1)*INDEX($D$3:$AA$30,INDEX(Jesper!$R$2:$R$366,ROW(INDEX(Jesper!AJ$2:AJ$366,ROUNDDOWN($C5730/24,0)+1,1))-1)+IF('Standard Profiles'!$G$20=$B$10,7,0)+IF('Standard Profiles'!$G$20=$B$17,14,0)+IF('Standard Profiles'!$G$20=$B$24,21,0),MOD($C5730,24)+1)/SUM(INDEX($D$3:$AA$30,INDEX(Jesper!$R$2:$R$366,ROW(INDEX(Jesper!AJ$2:AJ$366,ROUNDDOWN($C5730/24,0)+1,1))-1)+IF('Standard Profiles'!$G$20=$B$10,7,0)+IF('Standard Profiles'!$G$20=$B$17,14,0)+IF('Standard Profiles'!$G$20=$B$24,21,0),0)),0)</f>
        <v>0.745378060006893</v>
      </c>
      <c r="G5730" cm="1">
        <f t="array" ref="G5730">IFERROR(INDEX(Jesper!AK$2:AK$366,ROUNDDOWN($C5730/24,0)+1,1)*INDEX($D$3:$AA$30,INDEX(Jesper!$R$2:$R$366,ROW(INDEX(Jesper!AK$2:AK$366,ROUNDDOWN($C5730/24,0)+1,1))-1)+IF('Standard Profiles'!$G$21=$B$10,7,0)+IF('Standard Profiles'!$G$21=$B$17,14,0)+IF('Standard Profiles'!$G$21=$B$24,21,0),MOD($C5730,24)+1)/SUM(INDEX($D$3:$AA$30,INDEX(Jesper!$R$2:$R$366,ROW(INDEX(Jesper!AK$2:AK$366,ROUNDDOWN($C5730/24,0)+1,1))-1)+IF('Standard Profiles'!$G$21=$B$10,7,0)+IF('Standard Profiles'!$G$21=$B$17,14,0)+IF('Standard Profiles'!$G$21=$B$24,21,0),0)),0)</f>
        <v>0.14896702300440481</v>
      </c>
      <c r="H5730" cm="1">
        <f t="array" ref="H5730">IFERROR(INDEX(Jesper!AL$2:AL$366,ROUNDDOWN($C5730/24,0)+1,1)*INDEX($D$3:$AA$30,INDEX(Jesper!$R$2:$R$366,ROW(INDEX(Jesper!AL$2:AL$366,ROUNDDOWN($C5730/24,0)+1,1))-1)+IF('Standard Profiles'!$G$22=$B$10,7,0)+IF('Standard Profiles'!$G$22=$B$17,14,0)+IF('Standard Profiles'!$G$22=$B$24,21,0),MOD($C5730,24)+1)/SUM(INDEX($D$3:$AA$30,INDEX(Jesper!$R$2:$R$366,ROW(INDEX(Jesper!AL$2:AL$366,ROUNDDOWN($C5730/24,0)+1,1))-1)+IF('Standard Profiles'!$G$22=$B$10,7,0)+IF('Standard Profiles'!$G$22=$B$17,14,0)+IF('Standard Profiles'!$G$22=$B$24,21,0),0)),0)</f>
        <v>0</v>
      </c>
      <c r="I5730">
        <f t="shared" si="636"/>
        <v>0</v>
      </c>
      <c r="J5730">
        <f t="shared" si="637"/>
        <v>3.2294164096935396</v>
      </c>
      <c r="K5730">
        <f t="shared" si="638"/>
        <v>0.21227921151656745</v>
      </c>
      <c r="L5730">
        <f t="shared" si="639"/>
        <v>0.10613960575828373</v>
      </c>
      <c r="M5730">
        <f t="shared" si="640"/>
        <v>0</v>
      </c>
      <c r="N5730" s="45">
        <f t="shared" si="641"/>
        <v>45164.333333319519</v>
      </c>
    </row>
    <row r="5731" spans="2:14" x14ac:dyDescent="0.25">
      <c r="B5731">
        <f t="shared" ref="B5731:B5794" si="642">WEEKDAY(N5731,2)</f>
        <v>6</v>
      </c>
      <c r="C5731" s="16">
        <v>5697</v>
      </c>
      <c r="D5731" cm="1">
        <f t="array" ref="D5731">IFERROR(INDEX(Jesper!AH$2:AH$366,ROUNDDOWN($C5731/24,0)+1,1)*INDEX($D$3:$AA$30,INDEX(Jesper!$R$2:$R$366,ROW(INDEX(Jesper!AH$2:AH$366,ROUNDDOWN($C5731/24,0)+1,1))-1)+IF('Standard Profiles'!$G$18=$B$10,7,0)+IF('Standard Profiles'!$G$18=$B$17,14,0)+IF('Standard Profiles'!$G$18=$B$24,21,0),MOD($C5731,24)+1)/SUM(INDEX($D$3:$AA$30,INDEX(Jesper!$R$2:$R$366,ROW(INDEX(Jesper!AH$2:AH$366,ROUNDDOWN($C5731/24,0)+1,1))-1)+IF('Standard Profiles'!$G$18=$B$10,7,0)+IF('Standard Profiles'!$G$18=$B$17,14,0)+IF('Standard Profiles'!$G$18=$B$24,21,0),0)),0)</f>
        <v>0</v>
      </c>
      <c r="E5731" cm="1">
        <f t="array" ref="E5731">IFERROR(INDEX(Jesper!AI$2:AI$366,ROUNDDOWN($C5731/24,0)+1,1)*INDEX($D$3:$AA$30,INDEX(Jesper!$R$2:$R$366,ROW(INDEX(Jesper!AI$2:AI$366,ROUNDDOWN($C5731/24,0)+1,1))-1)+IF('Standard Profiles'!$G$19=$B$10,7,0)+IF('Standard Profiles'!$G$19=$B$17,14,0)+IF('Standard Profiles'!$G$19=$B$24,21,0),MOD($C5731,24)+1)/SUM(INDEX($D$3:$AA$30,INDEX(Jesper!$R$2:$R$366,ROW(INDEX(Jesper!AI$2:AI$366,ROUNDDOWN($C5731/24,0)+1,1))-1)+IF('Standard Profiles'!$G$19=$B$10,7,0)+IF('Standard Profiles'!$G$19=$B$17,14,0)+IF('Standard Profiles'!$G$19=$B$24,21,0),0)),0)</f>
        <v>2.653490143957093</v>
      </c>
      <c r="F5731" cm="1">
        <f t="array" ref="F5731">IFERROR(INDEX(Jesper!AJ$2:AJ$366,ROUNDDOWN($C5731/24,0)+1,1)*INDEX($D$3:$AA$30,INDEX(Jesper!$R$2:$R$366,ROW(INDEX(Jesper!AJ$2:AJ$366,ROUNDDOWN($C5731/24,0)+1,1))-1)+IF('Standard Profiles'!$G$20=$B$10,7,0)+IF('Standard Profiles'!$G$20=$B$17,14,0)+IF('Standard Profiles'!$G$20=$B$24,21,0),MOD($C5731,24)+1)/SUM(INDEX($D$3:$AA$30,INDEX(Jesper!$R$2:$R$366,ROW(INDEX(Jesper!AJ$2:AJ$366,ROUNDDOWN($C5731/24,0)+1,1))-1)+IF('Standard Profiles'!$G$20=$B$10,7,0)+IF('Standard Profiles'!$G$20=$B$17,14,0)+IF('Standard Profiles'!$G$20=$B$24,21,0),0)),0)</f>
        <v>0.745378060006893</v>
      </c>
      <c r="G5731" cm="1">
        <f t="array" ref="G5731">IFERROR(INDEX(Jesper!AK$2:AK$366,ROUNDDOWN($C5731/24,0)+1,1)*INDEX($D$3:$AA$30,INDEX(Jesper!$R$2:$R$366,ROW(INDEX(Jesper!AK$2:AK$366,ROUNDDOWN($C5731/24,0)+1,1))-1)+IF('Standard Profiles'!$G$21=$B$10,7,0)+IF('Standard Profiles'!$G$21=$B$17,14,0)+IF('Standard Profiles'!$G$21=$B$24,21,0),MOD($C5731,24)+1)/SUM(INDEX($D$3:$AA$30,INDEX(Jesper!$R$2:$R$366,ROW(INDEX(Jesper!AK$2:AK$366,ROUNDDOWN($C5731/24,0)+1,1))-1)+IF('Standard Profiles'!$G$21=$B$10,7,0)+IF('Standard Profiles'!$G$21=$B$17,14,0)+IF('Standard Profiles'!$G$21=$B$24,21,0),0)),0)</f>
        <v>0.14896702300440481</v>
      </c>
      <c r="H5731" cm="1">
        <f t="array" ref="H5731">IFERROR(INDEX(Jesper!AL$2:AL$366,ROUNDDOWN($C5731/24,0)+1,1)*INDEX($D$3:$AA$30,INDEX(Jesper!$R$2:$R$366,ROW(INDEX(Jesper!AL$2:AL$366,ROUNDDOWN($C5731/24,0)+1,1))-1)+IF('Standard Profiles'!$G$22=$B$10,7,0)+IF('Standard Profiles'!$G$22=$B$17,14,0)+IF('Standard Profiles'!$G$22=$B$24,21,0),MOD($C5731,24)+1)/SUM(INDEX($D$3:$AA$30,INDEX(Jesper!$R$2:$R$366,ROW(INDEX(Jesper!AL$2:AL$366,ROUNDDOWN($C5731/24,0)+1,1))-1)+IF('Standard Profiles'!$G$22=$B$10,7,0)+IF('Standard Profiles'!$G$22=$B$17,14,0)+IF('Standard Profiles'!$G$22=$B$24,21,0),0)),0)</f>
        <v>0</v>
      </c>
      <c r="I5731">
        <f t="shared" ref="I5731:I5794" si="643">IF($B5731&lt;6,AC$37*$D5731+AC$38*$E5731+AC$39*$F5731+AC$40*$G5731,AC$46*$D5731+AC$47*$E5731+AC$48*$F5731+AC$49*$G5731+AC$50*$H5731)</f>
        <v>0</v>
      </c>
      <c r="J5731">
        <f t="shared" ref="J5731:J5794" si="644">IF($B5731&lt;6,AD$37*$D5731+AD$38*$E5731+AD$39*$F5731+AD$40*$G5731,AD$46*$D5731+AD$47*$E5731+AD$48*$F5731+AD$49*$G5731+AD$50*$H5731)</f>
        <v>3.2294164096935396</v>
      </c>
      <c r="K5731">
        <f t="shared" ref="K5731:K5794" si="645">IF($B5731&lt;6,AE$37*$D5731+AE$38*$E5731+AE$39*$F5731+AE$40*$G5731,AE$46*$D5731+AE$47*$E5731+AE$48*$F5731+AE$49*$G5731+AE$50*$H5731)</f>
        <v>0.21227921151656745</v>
      </c>
      <c r="L5731">
        <f t="shared" ref="L5731:L5794" si="646">IF($B5731&lt;6,AF$37*$D5731+AF$38*$E5731+AF$39*$F5731+AF$40*$G5731,AF$46*$D5731+AF$47*$E5731+AF$48*$F5731+AF$49*$G5731+AF$50*$H5731)</f>
        <v>0.10613960575828373</v>
      </c>
      <c r="M5731">
        <f t="shared" ref="M5731:M5794" si="647">IF($B5731&lt;6,AG$37*$D5731+AG$38*$E5731+AG$39*$F5731+AG$40*$G5731,AG$46*$D5731+AG$47*$E5731+AG$48*$F5731+AG$49*$G5731+AG$50*$H5731)</f>
        <v>0</v>
      </c>
      <c r="N5731" s="45">
        <f t="shared" si="641"/>
        <v>45164.374999986183</v>
      </c>
    </row>
    <row r="5732" spans="2:14" x14ac:dyDescent="0.25">
      <c r="B5732">
        <f t="shared" si="642"/>
        <v>6</v>
      </c>
      <c r="C5732" s="16">
        <v>5698</v>
      </c>
      <c r="D5732" cm="1">
        <f t="array" ref="D5732">IFERROR(INDEX(Jesper!AH$2:AH$366,ROUNDDOWN($C5732/24,0)+1,1)*INDEX($D$3:$AA$30,INDEX(Jesper!$R$2:$R$366,ROW(INDEX(Jesper!AH$2:AH$366,ROUNDDOWN($C5732/24,0)+1,1))-1)+IF('Standard Profiles'!$G$18=$B$10,7,0)+IF('Standard Profiles'!$G$18=$B$17,14,0)+IF('Standard Profiles'!$G$18=$B$24,21,0),MOD($C5732,24)+1)/SUM(INDEX($D$3:$AA$30,INDEX(Jesper!$R$2:$R$366,ROW(INDEX(Jesper!AH$2:AH$366,ROUNDDOWN($C5732/24,0)+1,1))-1)+IF('Standard Profiles'!$G$18=$B$10,7,0)+IF('Standard Profiles'!$G$18=$B$17,14,0)+IF('Standard Profiles'!$G$18=$B$24,21,0),0)),0)</f>
        <v>0</v>
      </c>
      <c r="E5732" cm="1">
        <f t="array" ref="E5732">IFERROR(INDEX(Jesper!AI$2:AI$366,ROUNDDOWN($C5732/24,0)+1,1)*INDEX($D$3:$AA$30,INDEX(Jesper!$R$2:$R$366,ROW(INDEX(Jesper!AI$2:AI$366,ROUNDDOWN($C5732/24,0)+1,1))-1)+IF('Standard Profiles'!$G$19=$B$10,7,0)+IF('Standard Profiles'!$G$19=$B$17,14,0)+IF('Standard Profiles'!$G$19=$B$24,21,0),MOD($C5732,24)+1)/SUM(INDEX($D$3:$AA$30,INDEX(Jesper!$R$2:$R$366,ROW(INDEX(Jesper!AI$2:AI$366,ROUNDDOWN($C5732/24,0)+1,1))-1)+IF('Standard Profiles'!$G$19=$B$10,7,0)+IF('Standard Profiles'!$G$19=$B$17,14,0)+IF('Standard Profiles'!$G$19=$B$24,21,0),0)),0)</f>
        <v>2.653490143957093</v>
      </c>
      <c r="F5732" cm="1">
        <f t="array" ref="F5732">IFERROR(INDEX(Jesper!AJ$2:AJ$366,ROUNDDOWN($C5732/24,0)+1,1)*INDEX($D$3:$AA$30,INDEX(Jesper!$R$2:$R$366,ROW(INDEX(Jesper!AJ$2:AJ$366,ROUNDDOWN($C5732/24,0)+1,1))-1)+IF('Standard Profiles'!$G$20=$B$10,7,0)+IF('Standard Profiles'!$G$20=$B$17,14,0)+IF('Standard Profiles'!$G$20=$B$24,21,0),MOD($C5732,24)+1)/SUM(INDEX($D$3:$AA$30,INDEX(Jesper!$R$2:$R$366,ROW(INDEX(Jesper!AJ$2:AJ$366,ROUNDDOWN($C5732/24,0)+1,1))-1)+IF('Standard Profiles'!$G$20=$B$10,7,0)+IF('Standard Profiles'!$G$20=$B$17,14,0)+IF('Standard Profiles'!$G$20=$B$24,21,0),0)),0)</f>
        <v>0.745378060006893</v>
      </c>
      <c r="G5732" cm="1">
        <f t="array" ref="G5732">IFERROR(INDEX(Jesper!AK$2:AK$366,ROUNDDOWN($C5732/24,0)+1,1)*INDEX($D$3:$AA$30,INDEX(Jesper!$R$2:$R$366,ROW(INDEX(Jesper!AK$2:AK$366,ROUNDDOWN($C5732/24,0)+1,1))-1)+IF('Standard Profiles'!$G$21=$B$10,7,0)+IF('Standard Profiles'!$G$21=$B$17,14,0)+IF('Standard Profiles'!$G$21=$B$24,21,0),MOD($C5732,24)+1)/SUM(INDEX($D$3:$AA$30,INDEX(Jesper!$R$2:$R$366,ROW(INDEX(Jesper!AK$2:AK$366,ROUNDDOWN($C5732/24,0)+1,1))-1)+IF('Standard Profiles'!$G$21=$B$10,7,0)+IF('Standard Profiles'!$G$21=$B$17,14,0)+IF('Standard Profiles'!$G$21=$B$24,21,0),0)),0)</f>
        <v>0.14896702300440481</v>
      </c>
      <c r="H5732" cm="1">
        <f t="array" ref="H5732">IFERROR(INDEX(Jesper!AL$2:AL$366,ROUNDDOWN($C5732/24,0)+1,1)*INDEX($D$3:$AA$30,INDEX(Jesper!$R$2:$R$366,ROW(INDEX(Jesper!AL$2:AL$366,ROUNDDOWN($C5732/24,0)+1,1))-1)+IF('Standard Profiles'!$G$22=$B$10,7,0)+IF('Standard Profiles'!$G$22=$B$17,14,0)+IF('Standard Profiles'!$G$22=$B$24,21,0),MOD($C5732,24)+1)/SUM(INDEX($D$3:$AA$30,INDEX(Jesper!$R$2:$R$366,ROW(INDEX(Jesper!AL$2:AL$366,ROUNDDOWN($C5732/24,0)+1,1))-1)+IF('Standard Profiles'!$G$22=$B$10,7,0)+IF('Standard Profiles'!$G$22=$B$17,14,0)+IF('Standard Profiles'!$G$22=$B$24,21,0),0)),0)</f>
        <v>0</v>
      </c>
      <c r="I5732">
        <f t="shared" si="643"/>
        <v>0</v>
      </c>
      <c r="J5732">
        <f t="shared" si="644"/>
        <v>3.2294164096935396</v>
      </c>
      <c r="K5732">
        <f t="shared" si="645"/>
        <v>0.21227921151656745</v>
      </c>
      <c r="L5732">
        <f t="shared" si="646"/>
        <v>0.10613960575828373</v>
      </c>
      <c r="M5732">
        <f t="shared" si="647"/>
        <v>0</v>
      </c>
      <c r="N5732" s="45">
        <f t="shared" ref="N5732:N5795" si="648">N5731+1/24</f>
        <v>45164.416666652847</v>
      </c>
    </row>
    <row r="5733" spans="2:14" x14ac:dyDescent="0.25">
      <c r="B5733">
        <f t="shared" si="642"/>
        <v>6</v>
      </c>
      <c r="C5733" s="16">
        <v>5699</v>
      </c>
      <c r="D5733" cm="1">
        <f t="array" ref="D5733">IFERROR(INDEX(Jesper!AH$2:AH$366,ROUNDDOWN($C5733/24,0)+1,1)*INDEX($D$3:$AA$30,INDEX(Jesper!$R$2:$R$366,ROW(INDEX(Jesper!AH$2:AH$366,ROUNDDOWN($C5733/24,0)+1,1))-1)+IF('Standard Profiles'!$G$18=$B$10,7,0)+IF('Standard Profiles'!$G$18=$B$17,14,0)+IF('Standard Profiles'!$G$18=$B$24,21,0),MOD($C5733,24)+1)/SUM(INDEX($D$3:$AA$30,INDEX(Jesper!$R$2:$R$366,ROW(INDEX(Jesper!AH$2:AH$366,ROUNDDOWN($C5733/24,0)+1,1))-1)+IF('Standard Profiles'!$G$18=$B$10,7,0)+IF('Standard Profiles'!$G$18=$B$17,14,0)+IF('Standard Profiles'!$G$18=$B$24,21,0),0)),0)</f>
        <v>0</v>
      </c>
      <c r="E5733" cm="1">
        <f t="array" ref="E5733">IFERROR(INDEX(Jesper!AI$2:AI$366,ROUNDDOWN($C5733/24,0)+1,1)*INDEX($D$3:$AA$30,INDEX(Jesper!$R$2:$R$366,ROW(INDEX(Jesper!AI$2:AI$366,ROUNDDOWN($C5733/24,0)+1,1))-1)+IF('Standard Profiles'!$G$19=$B$10,7,0)+IF('Standard Profiles'!$G$19=$B$17,14,0)+IF('Standard Profiles'!$G$19=$B$24,21,0),MOD($C5733,24)+1)/SUM(INDEX($D$3:$AA$30,INDEX(Jesper!$R$2:$R$366,ROW(INDEX(Jesper!AI$2:AI$366,ROUNDDOWN($C5733/24,0)+1,1))-1)+IF('Standard Profiles'!$G$19=$B$10,7,0)+IF('Standard Profiles'!$G$19=$B$17,14,0)+IF('Standard Profiles'!$G$19=$B$24,21,0),0)),0)</f>
        <v>2.653490143957093</v>
      </c>
      <c r="F5733" cm="1">
        <f t="array" ref="F5733">IFERROR(INDEX(Jesper!AJ$2:AJ$366,ROUNDDOWN($C5733/24,0)+1,1)*INDEX($D$3:$AA$30,INDEX(Jesper!$R$2:$R$366,ROW(INDEX(Jesper!AJ$2:AJ$366,ROUNDDOWN($C5733/24,0)+1,1))-1)+IF('Standard Profiles'!$G$20=$B$10,7,0)+IF('Standard Profiles'!$G$20=$B$17,14,0)+IF('Standard Profiles'!$G$20=$B$24,21,0),MOD($C5733,24)+1)/SUM(INDEX($D$3:$AA$30,INDEX(Jesper!$R$2:$R$366,ROW(INDEX(Jesper!AJ$2:AJ$366,ROUNDDOWN($C5733/24,0)+1,1))-1)+IF('Standard Profiles'!$G$20=$B$10,7,0)+IF('Standard Profiles'!$G$20=$B$17,14,0)+IF('Standard Profiles'!$G$20=$B$24,21,0),0)),0)</f>
        <v>0.745378060006893</v>
      </c>
      <c r="G5733" cm="1">
        <f t="array" ref="G5733">IFERROR(INDEX(Jesper!AK$2:AK$366,ROUNDDOWN($C5733/24,0)+1,1)*INDEX($D$3:$AA$30,INDEX(Jesper!$R$2:$R$366,ROW(INDEX(Jesper!AK$2:AK$366,ROUNDDOWN($C5733/24,0)+1,1))-1)+IF('Standard Profiles'!$G$21=$B$10,7,0)+IF('Standard Profiles'!$G$21=$B$17,14,0)+IF('Standard Profiles'!$G$21=$B$24,21,0),MOD($C5733,24)+1)/SUM(INDEX($D$3:$AA$30,INDEX(Jesper!$R$2:$R$366,ROW(INDEX(Jesper!AK$2:AK$366,ROUNDDOWN($C5733/24,0)+1,1))-1)+IF('Standard Profiles'!$G$21=$B$10,7,0)+IF('Standard Profiles'!$G$21=$B$17,14,0)+IF('Standard Profiles'!$G$21=$B$24,21,0),0)),0)</f>
        <v>0.14896702300440481</v>
      </c>
      <c r="H5733" cm="1">
        <f t="array" ref="H5733">IFERROR(INDEX(Jesper!AL$2:AL$366,ROUNDDOWN($C5733/24,0)+1,1)*INDEX($D$3:$AA$30,INDEX(Jesper!$R$2:$R$366,ROW(INDEX(Jesper!AL$2:AL$366,ROUNDDOWN($C5733/24,0)+1,1))-1)+IF('Standard Profiles'!$G$22=$B$10,7,0)+IF('Standard Profiles'!$G$22=$B$17,14,0)+IF('Standard Profiles'!$G$22=$B$24,21,0),MOD($C5733,24)+1)/SUM(INDEX($D$3:$AA$30,INDEX(Jesper!$R$2:$R$366,ROW(INDEX(Jesper!AL$2:AL$366,ROUNDDOWN($C5733/24,0)+1,1))-1)+IF('Standard Profiles'!$G$22=$B$10,7,0)+IF('Standard Profiles'!$G$22=$B$17,14,0)+IF('Standard Profiles'!$G$22=$B$24,21,0),0)),0)</f>
        <v>0</v>
      </c>
      <c r="I5733">
        <f t="shared" si="643"/>
        <v>0</v>
      </c>
      <c r="J5733">
        <f t="shared" si="644"/>
        <v>3.2294164096935396</v>
      </c>
      <c r="K5733">
        <f t="shared" si="645"/>
        <v>0.21227921151656745</v>
      </c>
      <c r="L5733">
        <f t="shared" si="646"/>
        <v>0.10613960575828373</v>
      </c>
      <c r="M5733">
        <f t="shared" si="647"/>
        <v>0</v>
      </c>
      <c r="N5733" s="45">
        <f t="shared" si="648"/>
        <v>45164.458333319511</v>
      </c>
    </row>
    <row r="5734" spans="2:14" x14ac:dyDescent="0.25">
      <c r="B5734">
        <f t="shared" si="642"/>
        <v>6</v>
      </c>
      <c r="C5734" s="16">
        <v>5700</v>
      </c>
      <c r="D5734" cm="1">
        <f t="array" ref="D5734">IFERROR(INDEX(Jesper!AH$2:AH$366,ROUNDDOWN($C5734/24,0)+1,1)*INDEX($D$3:$AA$30,INDEX(Jesper!$R$2:$R$366,ROW(INDEX(Jesper!AH$2:AH$366,ROUNDDOWN($C5734/24,0)+1,1))-1)+IF('Standard Profiles'!$G$18=$B$10,7,0)+IF('Standard Profiles'!$G$18=$B$17,14,0)+IF('Standard Profiles'!$G$18=$B$24,21,0),MOD($C5734,24)+1)/SUM(INDEX($D$3:$AA$30,INDEX(Jesper!$R$2:$R$366,ROW(INDEX(Jesper!AH$2:AH$366,ROUNDDOWN($C5734/24,0)+1,1))-1)+IF('Standard Profiles'!$G$18=$B$10,7,0)+IF('Standard Profiles'!$G$18=$B$17,14,0)+IF('Standard Profiles'!$G$18=$B$24,21,0),0)),0)</f>
        <v>0</v>
      </c>
      <c r="E5734" cm="1">
        <f t="array" ref="E5734">IFERROR(INDEX(Jesper!AI$2:AI$366,ROUNDDOWN($C5734/24,0)+1,1)*INDEX($D$3:$AA$30,INDEX(Jesper!$R$2:$R$366,ROW(INDEX(Jesper!AI$2:AI$366,ROUNDDOWN($C5734/24,0)+1,1))-1)+IF('Standard Profiles'!$G$19=$B$10,7,0)+IF('Standard Profiles'!$G$19=$B$17,14,0)+IF('Standard Profiles'!$G$19=$B$24,21,0),MOD($C5734,24)+1)/SUM(INDEX($D$3:$AA$30,INDEX(Jesper!$R$2:$R$366,ROW(INDEX(Jesper!AI$2:AI$366,ROUNDDOWN($C5734/24,0)+1,1))-1)+IF('Standard Profiles'!$G$19=$B$10,7,0)+IF('Standard Profiles'!$G$19=$B$17,14,0)+IF('Standard Profiles'!$G$19=$B$24,21,0),0)),0)</f>
        <v>2.653490143957093</v>
      </c>
      <c r="F5734" cm="1">
        <f t="array" ref="F5734">IFERROR(INDEX(Jesper!AJ$2:AJ$366,ROUNDDOWN($C5734/24,0)+1,1)*INDEX($D$3:$AA$30,INDEX(Jesper!$R$2:$R$366,ROW(INDEX(Jesper!AJ$2:AJ$366,ROUNDDOWN($C5734/24,0)+1,1))-1)+IF('Standard Profiles'!$G$20=$B$10,7,0)+IF('Standard Profiles'!$G$20=$B$17,14,0)+IF('Standard Profiles'!$G$20=$B$24,21,0),MOD($C5734,24)+1)/SUM(INDEX($D$3:$AA$30,INDEX(Jesper!$R$2:$R$366,ROW(INDEX(Jesper!AJ$2:AJ$366,ROUNDDOWN($C5734/24,0)+1,1))-1)+IF('Standard Profiles'!$G$20=$B$10,7,0)+IF('Standard Profiles'!$G$20=$B$17,14,0)+IF('Standard Profiles'!$G$20=$B$24,21,0),0)),0)</f>
        <v>0.745378060006893</v>
      </c>
      <c r="G5734" cm="1">
        <f t="array" ref="G5734">IFERROR(INDEX(Jesper!AK$2:AK$366,ROUNDDOWN($C5734/24,0)+1,1)*INDEX($D$3:$AA$30,INDEX(Jesper!$R$2:$R$366,ROW(INDEX(Jesper!AK$2:AK$366,ROUNDDOWN($C5734/24,0)+1,1))-1)+IF('Standard Profiles'!$G$21=$B$10,7,0)+IF('Standard Profiles'!$G$21=$B$17,14,0)+IF('Standard Profiles'!$G$21=$B$24,21,0),MOD($C5734,24)+1)/SUM(INDEX($D$3:$AA$30,INDEX(Jesper!$R$2:$R$366,ROW(INDEX(Jesper!AK$2:AK$366,ROUNDDOWN($C5734/24,0)+1,1))-1)+IF('Standard Profiles'!$G$21=$B$10,7,0)+IF('Standard Profiles'!$G$21=$B$17,14,0)+IF('Standard Profiles'!$G$21=$B$24,21,0),0)),0)</f>
        <v>0.14896702300440481</v>
      </c>
      <c r="H5734" cm="1">
        <f t="array" ref="H5734">IFERROR(INDEX(Jesper!AL$2:AL$366,ROUNDDOWN($C5734/24,0)+1,1)*INDEX($D$3:$AA$30,INDEX(Jesper!$R$2:$R$366,ROW(INDEX(Jesper!AL$2:AL$366,ROUNDDOWN($C5734/24,0)+1,1))-1)+IF('Standard Profiles'!$G$22=$B$10,7,0)+IF('Standard Profiles'!$G$22=$B$17,14,0)+IF('Standard Profiles'!$G$22=$B$24,21,0),MOD($C5734,24)+1)/SUM(INDEX($D$3:$AA$30,INDEX(Jesper!$R$2:$R$366,ROW(INDEX(Jesper!AL$2:AL$366,ROUNDDOWN($C5734/24,0)+1,1))-1)+IF('Standard Profiles'!$G$22=$B$10,7,0)+IF('Standard Profiles'!$G$22=$B$17,14,0)+IF('Standard Profiles'!$G$22=$B$24,21,0),0)),0)</f>
        <v>0</v>
      </c>
      <c r="I5734">
        <f t="shared" si="643"/>
        <v>0</v>
      </c>
      <c r="J5734">
        <f t="shared" si="644"/>
        <v>3.2294164096935396</v>
      </c>
      <c r="K5734">
        <f t="shared" si="645"/>
        <v>0.21227921151656745</v>
      </c>
      <c r="L5734">
        <f t="shared" si="646"/>
        <v>0.10613960575828373</v>
      </c>
      <c r="M5734">
        <f t="shared" si="647"/>
        <v>0</v>
      </c>
      <c r="N5734" s="45">
        <f t="shared" si="648"/>
        <v>45164.499999986176</v>
      </c>
    </row>
    <row r="5735" spans="2:14" x14ac:dyDescent="0.25">
      <c r="B5735">
        <f t="shared" si="642"/>
        <v>6</v>
      </c>
      <c r="C5735" s="16">
        <v>5701</v>
      </c>
      <c r="D5735" cm="1">
        <f t="array" ref="D5735">IFERROR(INDEX(Jesper!AH$2:AH$366,ROUNDDOWN($C5735/24,0)+1,1)*INDEX($D$3:$AA$30,INDEX(Jesper!$R$2:$R$366,ROW(INDEX(Jesper!AH$2:AH$366,ROUNDDOWN($C5735/24,0)+1,1))-1)+IF('Standard Profiles'!$G$18=$B$10,7,0)+IF('Standard Profiles'!$G$18=$B$17,14,0)+IF('Standard Profiles'!$G$18=$B$24,21,0),MOD($C5735,24)+1)/SUM(INDEX($D$3:$AA$30,INDEX(Jesper!$R$2:$R$366,ROW(INDEX(Jesper!AH$2:AH$366,ROUNDDOWN($C5735/24,0)+1,1))-1)+IF('Standard Profiles'!$G$18=$B$10,7,0)+IF('Standard Profiles'!$G$18=$B$17,14,0)+IF('Standard Profiles'!$G$18=$B$24,21,0),0)),0)</f>
        <v>0</v>
      </c>
      <c r="E5735" cm="1">
        <f t="array" ref="E5735">IFERROR(INDEX(Jesper!AI$2:AI$366,ROUNDDOWN($C5735/24,0)+1,1)*INDEX($D$3:$AA$30,INDEX(Jesper!$R$2:$R$366,ROW(INDEX(Jesper!AI$2:AI$366,ROUNDDOWN($C5735/24,0)+1,1))-1)+IF('Standard Profiles'!$G$19=$B$10,7,0)+IF('Standard Profiles'!$G$19=$B$17,14,0)+IF('Standard Profiles'!$G$19=$B$24,21,0),MOD($C5735,24)+1)/SUM(INDEX($D$3:$AA$30,INDEX(Jesper!$R$2:$R$366,ROW(INDEX(Jesper!AI$2:AI$366,ROUNDDOWN($C5735/24,0)+1,1))-1)+IF('Standard Profiles'!$G$19=$B$10,7,0)+IF('Standard Profiles'!$G$19=$B$17,14,0)+IF('Standard Profiles'!$G$19=$B$24,21,0),0)),0)</f>
        <v>2.653490143957093</v>
      </c>
      <c r="F5735" cm="1">
        <f t="array" ref="F5735">IFERROR(INDEX(Jesper!AJ$2:AJ$366,ROUNDDOWN($C5735/24,0)+1,1)*INDEX($D$3:$AA$30,INDEX(Jesper!$R$2:$R$366,ROW(INDEX(Jesper!AJ$2:AJ$366,ROUNDDOWN($C5735/24,0)+1,1))-1)+IF('Standard Profiles'!$G$20=$B$10,7,0)+IF('Standard Profiles'!$G$20=$B$17,14,0)+IF('Standard Profiles'!$G$20=$B$24,21,0),MOD($C5735,24)+1)/SUM(INDEX($D$3:$AA$30,INDEX(Jesper!$R$2:$R$366,ROW(INDEX(Jesper!AJ$2:AJ$366,ROUNDDOWN($C5735/24,0)+1,1))-1)+IF('Standard Profiles'!$G$20=$B$10,7,0)+IF('Standard Profiles'!$G$20=$B$17,14,0)+IF('Standard Profiles'!$G$20=$B$24,21,0),0)),0)</f>
        <v>0.745378060006893</v>
      </c>
      <c r="G5735" cm="1">
        <f t="array" ref="G5735">IFERROR(INDEX(Jesper!AK$2:AK$366,ROUNDDOWN($C5735/24,0)+1,1)*INDEX($D$3:$AA$30,INDEX(Jesper!$R$2:$R$366,ROW(INDEX(Jesper!AK$2:AK$366,ROUNDDOWN($C5735/24,0)+1,1))-1)+IF('Standard Profiles'!$G$21=$B$10,7,0)+IF('Standard Profiles'!$G$21=$B$17,14,0)+IF('Standard Profiles'!$G$21=$B$24,21,0),MOD($C5735,24)+1)/SUM(INDEX($D$3:$AA$30,INDEX(Jesper!$R$2:$R$366,ROW(INDEX(Jesper!AK$2:AK$366,ROUNDDOWN($C5735/24,0)+1,1))-1)+IF('Standard Profiles'!$G$21=$B$10,7,0)+IF('Standard Profiles'!$G$21=$B$17,14,0)+IF('Standard Profiles'!$G$21=$B$24,21,0),0)),0)</f>
        <v>0.14896702300440481</v>
      </c>
      <c r="H5735" cm="1">
        <f t="array" ref="H5735">IFERROR(INDEX(Jesper!AL$2:AL$366,ROUNDDOWN($C5735/24,0)+1,1)*INDEX($D$3:$AA$30,INDEX(Jesper!$R$2:$R$366,ROW(INDEX(Jesper!AL$2:AL$366,ROUNDDOWN($C5735/24,0)+1,1))-1)+IF('Standard Profiles'!$G$22=$B$10,7,0)+IF('Standard Profiles'!$G$22=$B$17,14,0)+IF('Standard Profiles'!$G$22=$B$24,21,0),MOD($C5735,24)+1)/SUM(INDEX($D$3:$AA$30,INDEX(Jesper!$R$2:$R$366,ROW(INDEX(Jesper!AL$2:AL$366,ROUNDDOWN($C5735/24,0)+1,1))-1)+IF('Standard Profiles'!$G$22=$B$10,7,0)+IF('Standard Profiles'!$G$22=$B$17,14,0)+IF('Standard Profiles'!$G$22=$B$24,21,0),0)),0)</f>
        <v>0</v>
      </c>
      <c r="I5735">
        <f t="shared" si="643"/>
        <v>0</v>
      </c>
      <c r="J5735">
        <f t="shared" si="644"/>
        <v>3.2294164096935396</v>
      </c>
      <c r="K5735">
        <f t="shared" si="645"/>
        <v>0.21227921151656745</v>
      </c>
      <c r="L5735">
        <f t="shared" si="646"/>
        <v>0.10613960575828373</v>
      </c>
      <c r="M5735">
        <f t="shared" si="647"/>
        <v>0</v>
      </c>
      <c r="N5735" s="45">
        <f t="shared" si="648"/>
        <v>45164.54166665284</v>
      </c>
    </row>
    <row r="5736" spans="2:14" x14ac:dyDescent="0.25">
      <c r="B5736">
        <f t="shared" si="642"/>
        <v>6</v>
      </c>
      <c r="C5736" s="16">
        <v>5702</v>
      </c>
      <c r="D5736" cm="1">
        <f t="array" ref="D5736">IFERROR(INDEX(Jesper!AH$2:AH$366,ROUNDDOWN($C5736/24,0)+1,1)*INDEX($D$3:$AA$30,INDEX(Jesper!$R$2:$R$366,ROW(INDEX(Jesper!AH$2:AH$366,ROUNDDOWN($C5736/24,0)+1,1))-1)+IF('Standard Profiles'!$G$18=$B$10,7,0)+IF('Standard Profiles'!$G$18=$B$17,14,0)+IF('Standard Profiles'!$G$18=$B$24,21,0),MOD($C5736,24)+1)/SUM(INDEX($D$3:$AA$30,INDEX(Jesper!$R$2:$R$366,ROW(INDEX(Jesper!AH$2:AH$366,ROUNDDOWN($C5736/24,0)+1,1))-1)+IF('Standard Profiles'!$G$18=$B$10,7,0)+IF('Standard Profiles'!$G$18=$B$17,14,0)+IF('Standard Profiles'!$G$18=$B$24,21,0),0)),0)</f>
        <v>0</v>
      </c>
      <c r="E5736" cm="1">
        <f t="array" ref="E5736">IFERROR(INDEX(Jesper!AI$2:AI$366,ROUNDDOWN($C5736/24,0)+1,1)*INDEX($D$3:$AA$30,INDEX(Jesper!$R$2:$R$366,ROW(INDEX(Jesper!AI$2:AI$366,ROUNDDOWN($C5736/24,0)+1,1))-1)+IF('Standard Profiles'!$G$19=$B$10,7,0)+IF('Standard Profiles'!$G$19=$B$17,14,0)+IF('Standard Profiles'!$G$19=$B$24,21,0),MOD($C5736,24)+1)/SUM(INDEX($D$3:$AA$30,INDEX(Jesper!$R$2:$R$366,ROW(INDEX(Jesper!AI$2:AI$366,ROUNDDOWN($C5736/24,0)+1,1))-1)+IF('Standard Profiles'!$G$19=$B$10,7,0)+IF('Standard Profiles'!$G$19=$B$17,14,0)+IF('Standard Profiles'!$G$19=$B$24,21,0),0)),0)</f>
        <v>2.653490143957093</v>
      </c>
      <c r="F5736" cm="1">
        <f t="array" ref="F5736">IFERROR(INDEX(Jesper!AJ$2:AJ$366,ROUNDDOWN($C5736/24,0)+1,1)*INDEX($D$3:$AA$30,INDEX(Jesper!$R$2:$R$366,ROW(INDEX(Jesper!AJ$2:AJ$366,ROUNDDOWN($C5736/24,0)+1,1))-1)+IF('Standard Profiles'!$G$20=$B$10,7,0)+IF('Standard Profiles'!$G$20=$B$17,14,0)+IF('Standard Profiles'!$G$20=$B$24,21,0),MOD($C5736,24)+1)/SUM(INDEX($D$3:$AA$30,INDEX(Jesper!$R$2:$R$366,ROW(INDEX(Jesper!AJ$2:AJ$366,ROUNDDOWN($C5736/24,0)+1,1))-1)+IF('Standard Profiles'!$G$20=$B$10,7,0)+IF('Standard Profiles'!$G$20=$B$17,14,0)+IF('Standard Profiles'!$G$20=$B$24,21,0),0)),0)</f>
        <v>0.745378060006893</v>
      </c>
      <c r="G5736" cm="1">
        <f t="array" ref="G5736">IFERROR(INDEX(Jesper!AK$2:AK$366,ROUNDDOWN($C5736/24,0)+1,1)*INDEX($D$3:$AA$30,INDEX(Jesper!$R$2:$R$366,ROW(INDEX(Jesper!AK$2:AK$366,ROUNDDOWN($C5736/24,0)+1,1))-1)+IF('Standard Profiles'!$G$21=$B$10,7,0)+IF('Standard Profiles'!$G$21=$B$17,14,0)+IF('Standard Profiles'!$G$21=$B$24,21,0),MOD($C5736,24)+1)/SUM(INDEX($D$3:$AA$30,INDEX(Jesper!$R$2:$R$366,ROW(INDEX(Jesper!AK$2:AK$366,ROUNDDOWN($C5736/24,0)+1,1))-1)+IF('Standard Profiles'!$G$21=$B$10,7,0)+IF('Standard Profiles'!$G$21=$B$17,14,0)+IF('Standard Profiles'!$G$21=$B$24,21,0),0)),0)</f>
        <v>0.14896702300440481</v>
      </c>
      <c r="H5736" cm="1">
        <f t="array" ref="H5736">IFERROR(INDEX(Jesper!AL$2:AL$366,ROUNDDOWN($C5736/24,0)+1,1)*INDEX($D$3:$AA$30,INDEX(Jesper!$R$2:$R$366,ROW(INDEX(Jesper!AL$2:AL$366,ROUNDDOWN($C5736/24,0)+1,1))-1)+IF('Standard Profiles'!$G$22=$B$10,7,0)+IF('Standard Profiles'!$G$22=$B$17,14,0)+IF('Standard Profiles'!$G$22=$B$24,21,0),MOD($C5736,24)+1)/SUM(INDEX($D$3:$AA$30,INDEX(Jesper!$R$2:$R$366,ROW(INDEX(Jesper!AL$2:AL$366,ROUNDDOWN($C5736/24,0)+1,1))-1)+IF('Standard Profiles'!$G$22=$B$10,7,0)+IF('Standard Profiles'!$G$22=$B$17,14,0)+IF('Standard Profiles'!$G$22=$B$24,21,0),0)),0)</f>
        <v>0</v>
      </c>
      <c r="I5736">
        <f t="shared" si="643"/>
        <v>0</v>
      </c>
      <c r="J5736">
        <f t="shared" si="644"/>
        <v>3.2294164096935396</v>
      </c>
      <c r="K5736">
        <f t="shared" si="645"/>
        <v>0.21227921151656745</v>
      </c>
      <c r="L5736">
        <f t="shared" si="646"/>
        <v>0.10613960575828373</v>
      </c>
      <c r="M5736">
        <f t="shared" si="647"/>
        <v>0</v>
      </c>
      <c r="N5736" s="45">
        <f t="shared" si="648"/>
        <v>45164.583333319504</v>
      </c>
    </row>
    <row r="5737" spans="2:14" x14ac:dyDescent="0.25">
      <c r="B5737">
        <f t="shared" si="642"/>
        <v>6</v>
      </c>
      <c r="C5737" s="16">
        <v>5703</v>
      </c>
      <c r="D5737" cm="1">
        <f t="array" ref="D5737">IFERROR(INDEX(Jesper!AH$2:AH$366,ROUNDDOWN($C5737/24,0)+1,1)*INDEX($D$3:$AA$30,INDEX(Jesper!$R$2:$R$366,ROW(INDEX(Jesper!AH$2:AH$366,ROUNDDOWN($C5737/24,0)+1,1))-1)+IF('Standard Profiles'!$G$18=$B$10,7,0)+IF('Standard Profiles'!$G$18=$B$17,14,0)+IF('Standard Profiles'!$G$18=$B$24,21,0),MOD($C5737,24)+1)/SUM(INDEX($D$3:$AA$30,INDEX(Jesper!$R$2:$R$366,ROW(INDEX(Jesper!AH$2:AH$366,ROUNDDOWN($C5737/24,0)+1,1))-1)+IF('Standard Profiles'!$G$18=$B$10,7,0)+IF('Standard Profiles'!$G$18=$B$17,14,0)+IF('Standard Profiles'!$G$18=$B$24,21,0),0)),0)</f>
        <v>0</v>
      </c>
      <c r="E5737" cm="1">
        <f t="array" ref="E5737">IFERROR(INDEX(Jesper!AI$2:AI$366,ROUNDDOWN($C5737/24,0)+1,1)*INDEX($D$3:$AA$30,INDEX(Jesper!$R$2:$R$366,ROW(INDEX(Jesper!AI$2:AI$366,ROUNDDOWN($C5737/24,0)+1,1))-1)+IF('Standard Profiles'!$G$19=$B$10,7,0)+IF('Standard Profiles'!$G$19=$B$17,14,0)+IF('Standard Profiles'!$G$19=$B$24,21,0),MOD($C5737,24)+1)/SUM(INDEX($D$3:$AA$30,INDEX(Jesper!$R$2:$R$366,ROW(INDEX(Jesper!AI$2:AI$366,ROUNDDOWN($C5737/24,0)+1,1))-1)+IF('Standard Profiles'!$G$19=$B$10,7,0)+IF('Standard Profiles'!$G$19=$B$17,14,0)+IF('Standard Profiles'!$G$19=$B$24,21,0),0)),0)</f>
        <v>2.653490143957093</v>
      </c>
      <c r="F5737" cm="1">
        <f t="array" ref="F5737">IFERROR(INDEX(Jesper!AJ$2:AJ$366,ROUNDDOWN($C5737/24,0)+1,1)*INDEX($D$3:$AA$30,INDEX(Jesper!$R$2:$R$366,ROW(INDEX(Jesper!AJ$2:AJ$366,ROUNDDOWN($C5737/24,0)+1,1))-1)+IF('Standard Profiles'!$G$20=$B$10,7,0)+IF('Standard Profiles'!$G$20=$B$17,14,0)+IF('Standard Profiles'!$G$20=$B$24,21,0),MOD($C5737,24)+1)/SUM(INDEX($D$3:$AA$30,INDEX(Jesper!$R$2:$R$366,ROW(INDEX(Jesper!AJ$2:AJ$366,ROUNDDOWN($C5737/24,0)+1,1))-1)+IF('Standard Profiles'!$G$20=$B$10,7,0)+IF('Standard Profiles'!$G$20=$B$17,14,0)+IF('Standard Profiles'!$G$20=$B$24,21,0),0)),0)</f>
        <v>0.745378060006893</v>
      </c>
      <c r="G5737" cm="1">
        <f t="array" ref="G5737">IFERROR(INDEX(Jesper!AK$2:AK$366,ROUNDDOWN($C5737/24,0)+1,1)*INDEX($D$3:$AA$30,INDEX(Jesper!$R$2:$R$366,ROW(INDEX(Jesper!AK$2:AK$366,ROUNDDOWN($C5737/24,0)+1,1))-1)+IF('Standard Profiles'!$G$21=$B$10,7,0)+IF('Standard Profiles'!$G$21=$B$17,14,0)+IF('Standard Profiles'!$G$21=$B$24,21,0),MOD($C5737,24)+1)/SUM(INDEX($D$3:$AA$30,INDEX(Jesper!$R$2:$R$366,ROW(INDEX(Jesper!AK$2:AK$366,ROUNDDOWN($C5737/24,0)+1,1))-1)+IF('Standard Profiles'!$G$21=$B$10,7,0)+IF('Standard Profiles'!$G$21=$B$17,14,0)+IF('Standard Profiles'!$G$21=$B$24,21,0),0)),0)</f>
        <v>0.14896702300440481</v>
      </c>
      <c r="H5737" cm="1">
        <f t="array" ref="H5737">IFERROR(INDEX(Jesper!AL$2:AL$366,ROUNDDOWN($C5737/24,0)+1,1)*INDEX($D$3:$AA$30,INDEX(Jesper!$R$2:$R$366,ROW(INDEX(Jesper!AL$2:AL$366,ROUNDDOWN($C5737/24,0)+1,1))-1)+IF('Standard Profiles'!$G$22=$B$10,7,0)+IF('Standard Profiles'!$G$22=$B$17,14,0)+IF('Standard Profiles'!$G$22=$B$24,21,0),MOD($C5737,24)+1)/SUM(INDEX($D$3:$AA$30,INDEX(Jesper!$R$2:$R$366,ROW(INDEX(Jesper!AL$2:AL$366,ROUNDDOWN($C5737/24,0)+1,1))-1)+IF('Standard Profiles'!$G$22=$B$10,7,0)+IF('Standard Profiles'!$G$22=$B$17,14,0)+IF('Standard Profiles'!$G$22=$B$24,21,0),0)),0)</f>
        <v>0</v>
      </c>
      <c r="I5737">
        <f t="shared" si="643"/>
        <v>0</v>
      </c>
      <c r="J5737">
        <f t="shared" si="644"/>
        <v>3.2294164096935396</v>
      </c>
      <c r="K5737">
        <f t="shared" si="645"/>
        <v>0.21227921151656745</v>
      </c>
      <c r="L5737">
        <f t="shared" si="646"/>
        <v>0.10613960575828373</v>
      </c>
      <c r="M5737">
        <f t="shared" si="647"/>
        <v>0</v>
      </c>
      <c r="N5737" s="45">
        <f t="shared" si="648"/>
        <v>45164.624999986168</v>
      </c>
    </row>
    <row r="5738" spans="2:14" x14ac:dyDescent="0.25">
      <c r="B5738">
        <f t="shared" si="642"/>
        <v>6</v>
      </c>
      <c r="C5738" s="16">
        <v>5704</v>
      </c>
      <c r="D5738" cm="1">
        <f t="array" ref="D5738">IFERROR(INDEX(Jesper!AH$2:AH$366,ROUNDDOWN($C5738/24,0)+1,1)*INDEX($D$3:$AA$30,INDEX(Jesper!$R$2:$R$366,ROW(INDEX(Jesper!AH$2:AH$366,ROUNDDOWN($C5738/24,0)+1,1))-1)+IF('Standard Profiles'!$G$18=$B$10,7,0)+IF('Standard Profiles'!$G$18=$B$17,14,0)+IF('Standard Profiles'!$G$18=$B$24,21,0),MOD($C5738,24)+1)/SUM(INDEX($D$3:$AA$30,INDEX(Jesper!$R$2:$R$366,ROW(INDEX(Jesper!AH$2:AH$366,ROUNDDOWN($C5738/24,0)+1,1))-1)+IF('Standard Profiles'!$G$18=$B$10,7,0)+IF('Standard Profiles'!$G$18=$B$17,14,0)+IF('Standard Profiles'!$G$18=$B$24,21,0),0)),0)</f>
        <v>0</v>
      </c>
      <c r="E5738" cm="1">
        <f t="array" ref="E5738">IFERROR(INDEX(Jesper!AI$2:AI$366,ROUNDDOWN($C5738/24,0)+1,1)*INDEX($D$3:$AA$30,INDEX(Jesper!$R$2:$R$366,ROW(INDEX(Jesper!AI$2:AI$366,ROUNDDOWN($C5738/24,0)+1,1))-1)+IF('Standard Profiles'!$G$19=$B$10,7,0)+IF('Standard Profiles'!$G$19=$B$17,14,0)+IF('Standard Profiles'!$G$19=$B$24,21,0),MOD($C5738,24)+1)/SUM(INDEX($D$3:$AA$30,INDEX(Jesper!$R$2:$R$366,ROW(INDEX(Jesper!AI$2:AI$366,ROUNDDOWN($C5738/24,0)+1,1))-1)+IF('Standard Profiles'!$G$19=$B$10,7,0)+IF('Standard Profiles'!$G$19=$B$17,14,0)+IF('Standard Profiles'!$G$19=$B$24,21,0),0)),0)</f>
        <v>2.653490143957093</v>
      </c>
      <c r="F5738" cm="1">
        <f t="array" ref="F5738">IFERROR(INDEX(Jesper!AJ$2:AJ$366,ROUNDDOWN($C5738/24,0)+1,1)*INDEX($D$3:$AA$30,INDEX(Jesper!$R$2:$R$366,ROW(INDEX(Jesper!AJ$2:AJ$366,ROUNDDOWN($C5738/24,0)+1,1))-1)+IF('Standard Profiles'!$G$20=$B$10,7,0)+IF('Standard Profiles'!$G$20=$B$17,14,0)+IF('Standard Profiles'!$G$20=$B$24,21,0),MOD($C5738,24)+1)/SUM(INDEX($D$3:$AA$30,INDEX(Jesper!$R$2:$R$366,ROW(INDEX(Jesper!AJ$2:AJ$366,ROUNDDOWN($C5738/24,0)+1,1))-1)+IF('Standard Profiles'!$G$20=$B$10,7,0)+IF('Standard Profiles'!$G$20=$B$17,14,0)+IF('Standard Profiles'!$G$20=$B$24,21,0),0)),0)</f>
        <v>0.745378060006893</v>
      </c>
      <c r="G5738" cm="1">
        <f t="array" ref="G5738">IFERROR(INDEX(Jesper!AK$2:AK$366,ROUNDDOWN($C5738/24,0)+1,1)*INDEX($D$3:$AA$30,INDEX(Jesper!$R$2:$R$366,ROW(INDEX(Jesper!AK$2:AK$366,ROUNDDOWN($C5738/24,0)+1,1))-1)+IF('Standard Profiles'!$G$21=$B$10,7,0)+IF('Standard Profiles'!$G$21=$B$17,14,0)+IF('Standard Profiles'!$G$21=$B$24,21,0),MOD($C5738,24)+1)/SUM(INDEX($D$3:$AA$30,INDEX(Jesper!$R$2:$R$366,ROW(INDEX(Jesper!AK$2:AK$366,ROUNDDOWN($C5738/24,0)+1,1))-1)+IF('Standard Profiles'!$G$21=$B$10,7,0)+IF('Standard Profiles'!$G$21=$B$17,14,0)+IF('Standard Profiles'!$G$21=$B$24,21,0),0)),0)</f>
        <v>0.14896702300440481</v>
      </c>
      <c r="H5738" cm="1">
        <f t="array" ref="H5738">IFERROR(INDEX(Jesper!AL$2:AL$366,ROUNDDOWN($C5738/24,0)+1,1)*INDEX($D$3:$AA$30,INDEX(Jesper!$R$2:$R$366,ROW(INDEX(Jesper!AL$2:AL$366,ROUNDDOWN($C5738/24,0)+1,1))-1)+IF('Standard Profiles'!$G$22=$B$10,7,0)+IF('Standard Profiles'!$G$22=$B$17,14,0)+IF('Standard Profiles'!$G$22=$B$24,21,0),MOD($C5738,24)+1)/SUM(INDEX($D$3:$AA$30,INDEX(Jesper!$R$2:$R$366,ROW(INDEX(Jesper!AL$2:AL$366,ROUNDDOWN($C5738/24,0)+1,1))-1)+IF('Standard Profiles'!$G$22=$B$10,7,0)+IF('Standard Profiles'!$G$22=$B$17,14,0)+IF('Standard Profiles'!$G$22=$B$24,21,0),0)),0)</f>
        <v>0</v>
      </c>
      <c r="I5738">
        <f t="shared" si="643"/>
        <v>0</v>
      </c>
      <c r="J5738">
        <f t="shared" si="644"/>
        <v>3.2294164096935396</v>
      </c>
      <c r="K5738">
        <f t="shared" si="645"/>
        <v>0.21227921151656745</v>
      </c>
      <c r="L5738">
        <f t="shared" si="646"/>
        <v>0.10613960575828373</v>
      </c>
      <c r="M5738">
        <f t="shared" si="647"/>
        <v>0</v>
      </c>
      <c r="N5738" s="45">
        <f t="shared" si="648"/>
        <v>45164.666666652833</v>
      </c>
    </row>
    <row r="5739" spans="2:14" x14ac:dyDescent="0.25">
      <c r="B5739">
        <f t="shared" si="642"/>
        <v>6</v>
      </c>
      <c r="C5739" s="16">
        <v>5705</v>
      </c>
      <c r="D5739" cm="1">
        <f t="array" ref="D5739">IFERROR(INDEX(Jesper!AH$2:AH$366,ROUNDDOWN($C5739/24,0)+1,1)*INDEX($D$3:$AA$30,INDEX(Jesper!$R$2:$R$366,ROW(INDEX(Jesper!AH$2:AH$366,ROUNDDOWN($C5739/24,0)+1,1))-1)+IF('Standard Profiles'!$G$18=$B$10,7,0)+IF('Standard Profiles'!$G$18=$B$17,14,0)+IF('Standard Profiles'!$G$18=$B$24,21,0),MOD($C5739,24)+1)/SUM(INDEX($D$3:$AA$30,INDEX(Jesper!$R$2:$R$366,ROW(INDEX(Jesper!AH$2:AH$366,ROUNDDOWN($C5739/24,0)+1,1))-1)+IF('Standard Profiles'!$G$18=$B$10,7,0)+IF('Standard Profiles'!$G$18=$B$17,14,0)+IF('Standard Profiles'!$G$18=$B$24,21,0),0)),0)</f>
        <v>0</v>
      </c>
      <c r="E5739" cm="1">
        <f t="array" ref="E5739">IFERROR(INDEX(Jesper!AI$2:AI$366,ROUNDDOWN($C5739/24,0)+1,1)*INDEX($D$3:$AA$30,INDEX(Jesper!$R$2:$R$366,ROW(INDEX(Jesper!AI$2:AI$366,ROUNDDOWN($C5739/24,0)+1,1))-1)+IF('Standard Profiles'!$G$19=$B$10,7,0)+IF('Standard Profiles'!$G$19=$B$17,14,0)+IF('Standard Profiles'!$G$19=$B$24,21,0),MOD($C5739,24)+1)/SUM(INDEX($D$3:$AA$30,INDEX(Jesper!$R$2:$R$366,ROW(INDEX(Jesper!AI$2:AI$366,ROUNDDOWN($C5739/24,0)+1,1))-1)+IF('Standard Profiles'!$G$19=$B$10,7,0)+IF('Standard Profiles'!$G$19=$B$17,14,0)+IF('Standard Profiles'!$G$19=$B$24,21,0),0)),0)</f>
        <v>2.653490143957093</v>
      </c>
      <c r="F5739" cm="1">
        <f t="array" ref="F5739">IFERROR(INDEX(Jesper!AJ$2:AJ$366,ROUNDDOWN($C5739/24,0)+1,1)*INDEX($D$3:$AA$30,INDEX(Jesper!$R$2:$R$366,ROW(INDEX(Jesper!AJ$2:AJ$366,ROUNDDOWN($C5739/24,0)+1,1))-1)+IF('Standard Profiles'!$G$20=$B$10,7,0)+IF('Standard Profiles'!$G$20=$B$17,14,0)+IF('Standard Profiles'!$G$20=$B$24,21,0),MOD($C5739,24)+1)/SUM(INDEX($D$3:$AA$30,INDEX(Jesper!$R$2:$R$366,ROW(INDEX(Jesper!AJ$2:AJ$366,ROUNDDOWN($C5739/24,0)+1,1))-1)+IF('Standard Profiles'!$G$20=$B$10,7,0)+IF('Standard Profiles'!$G$20=$B$17,14,0)+IF('Standard Profiles'!$G$20=$B$24,21,0),0)),0)</f>
        <v>0.745378060006893</v>
      </c>
      <c r="G5739" cm="1">
        <f t="array" ref="G5739">IFERROR(INDEX(Jesper!AK$2:AK$366,ROUNDDOWN($C5739/24,0)+1,1)*INDEX($D$3:$AA$30,INDEX(Jesper!$R$2:$R$366,ROW(INDEX(Jesper!AK$2:AK$366,ROUNDDOWN($C5739/24,0)+1,1))-1)+IF('Standard Profiles'!$G$21=$B$10,7,0)+IF('Standard Profiles'!$G$21=$B$17,14,0)+IF('Standard Profiles'!$G$21=$B$24,21,0),MOD($C5739,24)+1)/SUM(INDEX($D$3:$AA$30,INDEX(Jesper!$R$2:$R$366,ROW(INDEX(Jesper!AK$2:AK$366,ROUNDDOWN($C5739/24,0)+1,1))-1)+IF('Standard Profiles'!$G$21=$B$10,7,0)+IF('Standard Profiles'!$G$21=$B$17,14,0)+IF('Standard Profiles'!$G$21=$B$24,21,0),0)),0)</f>
        <v>0.14896702300440481</v>
      </c>
      <c r="H5739" cm="1">
        <f t="array" ref="H5739">IFERROR(INDEX(Jesper!AL$2:AL$366,ROUNDDOWN($C5739/24,0)+1,1)*INDEX($D$3:$AA$30,INDEX(Jesper!$R$2:$R$366,ROW(INDEX(Jesper!AL$2:AL$366,ROUNDDOWN($C5739/24,0)+1,1))-1)+IF('Standard Profiles'!$G$22=$B$10,7,0)+IF('Standard Profiles'!$G$22=$B$17,14,0)+IF('Standard Profiles'!$G$22=$B$24,21,0),MOD($C5739,24)+1)/SUM(INDEX($D$3:$AA$30,INDEX(Jesper!$R$2:$R$366,ROW(INDEX(Jesper!AL$2:AL$366,ROUNDDOWN($C5739/24,0)+1,1))-1)+IF('Standard Profiles'!$G$22=$B$10,7,0)+IF('Standard Profiles'!$G$22=$B$17,14,0)+IF('Standard Profiles'!$G$22=$B$24,21,0),0)),0)</f>
        <v>0</v>
      </c>
      <c r="I5739">
        <f t="shared" si="643"/>
        <v>0</v>
      </c>
      <c r="J5739">
        <f t="shared" si="644"/>
        <v>3.2294164096935396</v>
      </c>
      <c r="K5739">
        <f t="shared" si="645"/>
        <v>0.21227921151656745</v>
      </c>
      <c r="L5739">
        <f t="shared" si="646"/>
        <v>0.10613960575828373</v>
      </c>
      <c r="M5739">
        <f t="shared" si="647"/>
        <v>0</v>
      </c>
      <c r="N5739" s="45">
        <f t="shared" si="648"/>
        <v>45164.708333319497</v>
      </c>
    </row>
    <row r="5740" spans="2:14" x14ac:dyDescent="0.25">
      <c r="B5740">
        <f t="shared" si="642"/>
        <v>6</v>
      </c>
      <c r="C5740" s="16">
        <v>5706</v>
      </c>
      <c r="D5740" cm="1">
        <f t="array" ref="D5740">IFERROR(INDEX(Jesper!AH$2:AH$366,ROUNDDOWN($C5740/24,0)+1,1)*INDEX($D$3:$AA$30,INDEX(Jesper!$R$2:$R$366,ROW(INDEX(Jesper!AH$2:AH$366,ROUNDDOWN($C5740/24,0)+1,1))-1)+IF('Standard Profiles'!$G$18=$B$10,7,0)+IF('Standard Profiles'!$G$18=$B$17,14,0)+IF('Standard Profiles'!$G$18=$B$24,21,0),MOD($C5740,24)+1)/SUM(INDEX($D$3:$AA$30,INDEX(Jesper!$R$2:$R$366,ROW(INDEX(Jesper!AH$2:AH$366,ROUNDDOWN($C5740/24,0)+1,1))-1)+IF('Standard Profiles'!$G$18=$B$10,7,0)+IF('Standard Profiles'!$G$18=$B$17,14,0)+IF('Standard Profiles'!$G$18=$B$24,21,0),0)),0)</f>
        <v>0</v>
      </c>
      <c r="E5740" cm="1">
        <f t="array" ref="E5740">IFERROR(INDEX(Jesper!AI$2:AI$366,ROUNDDOWN($C5740/24,0)+1,1)*INDEX($D$3:$AA$30,INDEX(Jesper!$R$2:$R$366,ROW(INDEX(Jesper!AI$2:AI$366,ROUNDDOWN($C5740/24,0)+1,1))-1)+IF('Standard Profiles'!$G$19=$B$10,7,0)+IF('Standard Profiles'!$G$19=$B$17,14,0)+IF('Standard Profiles'!$G$19=$B$24,21,0),MOD($C5740,24)+1)/SUM(INDEX($D$3:$AA$30,INDEX(Jesper!$R$2:$R$366,ROW(INDEX(Jesper!AI$2:AI$366,ROUNDDOWN($C5740/24,0)+1,1))-1)+IF('Standard Profiles'!$G$19=$B$10,7,0)+IF('Standard Profiles'!$G$19=$B$17,14,0)+IF('Standard Profiles'!$G$19=$B$24,21,0),0)),0)</f>
        <v>2.653490143957093</v>
      </c>
      <c r="F5740" cm="1">
        <f t="array" ref="F5740">IFERROR(INDEX(Jesper!AJ$2:AJ$366,ROUNDDOWN($C5740/24,0)+1,1)*INDEX($D$3:$AA$30,INDEX(Jesper!$R$2:$R$366,ROW(INDEX(Jesper!AJ$2:AJ$366,ROUNDDOWN($C5740/24,0)+1,1))-1)+IF('Standard Profiles'!$G$20=$B$10,7,0)+IF('Standard Profiles'!$G$20=$B$17,14,0)+IF('Standard Profiles'!$G$20=$B$24,21,0),MOD($C5740,24)+1)/SUM(INDEX($D$3:$AA$30,INDEX(Jesper!$R$2:$R$366,ROW(INDEX(Jesper!AJ$2:AJ$366,ROUNDDOWN($C5740/24,0)+1,1))-1)+IF('Standard Profiles'!$G$20=$B$10,7,0)+IF('Standard Profiles'!$G$20=$B$17,14,0)+IF('Standard Profiles'!$G$20=$B$24,21,0),0)),0)</f>
        <v>0.745378060006893</v>
      </c>
      <c r="G5740" cm="1">
        <f t="array" ref="G5740">IFERROR(INDEX(Jesper!AK$2:AK$366,ROUNDDOWN($C5740/24,0)+1,1)*INDEX($D$3:$AA$30,INDEX(Jesper!$R$2:$R$366,ROW(INDEX(Jesper!AK$2:AK$366,ROUNDDOWN($C5740/24,0)+1,1))-1)+IF('Standard Profiles'!$G$21=$B$10,7,0)+IF('Standard Profiles'!$G$21=$B$17,14,0)+IF('Standard Profiles'!$G$21=$B$24,21,0),MOD($C5740,24)+1)/SUM(INDEX($D$3:$AA$30,INDEX(Jesper!$R$2:$R$366,ROW(INDEX(Jesper!AK$2:AK$366,ROUNDDOWN($C5740/24,0)+1,1))-1)+IF('Standard Profiles'!$G$21=$B$10,7,0)+IF('Standard Profiles'!$G$21=$B$17,14,0)+IF('Standard Profiles'!$G$21=$B$24,21,0),0)),0)</f>
        <v>0.14896702300440481</v>
      </c>
      <c r="H5740" cm="1">
        <f t="array" ref="H5740">IFERROR(INDEX(Jesper!AL$2:AL$366,ROUNDDOWN($C5740/24,0)+1,1)*INDEX($D$3:$AA$30,INDEX(Jesper!$R$2:$R$366,ROW(INDEX(Jesper!AL$2:AL$366,ROUNDDOWN($C5740/24,0)+1,1))-1)+IF('Standard Profiles'!$G$22=$B$10,7,0)+IF('Standard Profiles'!$G$22=$B$17,14,0)+IF('Standard Profiles'!$G$22=$B$24,21,0),MOD($C5740,24)+1)/SUM(INDEX($D$3:$AA$30,INDEX(Jesper!$R$2:$R$366,ROW(INDEX(Jesper!AL$2:AL$366,ROUNDDOWN($C5740/24,0)+1,1))-1)+IF('Standard Profiles'!$G$22=$B$10,7,0)+IF('Standard Profiles'!$G$22=$B$17,14,0)+IF('Standard Profiles'!$G$22=$B$24,21,0),0)),0)</f>
        <v>0</v>
      </c>
      <c r="I5740">
        <f t="shared" si="643"/>
        <v>0</v>
      </c>
      <c r="J5740">
        <f t="shared" si="644"/>
        <v>3.2294164096935396</v>
      </c>
      <c r="K5740">
        <f t="shared" si="645"/>
        <v>0.21227921151656745</v>
      </c>
      <c r="L5740">
        <f t="shared" si="646"/>
        <v>0.10613960575828373</v>
      </c>
      <c r="M5740">
        <f t="shared" si="647"/>
        <v>0</v>
      </c>
      <c r="N5740" s="45">
        <f t="shared" si="648"/>
        <v>45164.749999986161</v>
      </c>
    </row>
    <row r="5741" spans="2:14" x14ac:dyDescent="0.25">
      <c r="B5741">
        <f t="shared" si="642"/>
        <v>6</v>
      </c>
      <c r="C5741" s="16">
        <v>5707</v>
      </c>
      <c r="D5741" cm="1">
        <f t="array" ref="D5741">IFERROR(INDEX(Jesper!AH$2:AH$366,ROUNDDOWN($C5741/24,0)+1,1)*INDEX($D$3:$AA$30,INDEX(Jesper!$R$2:$R$366,ROW(INDEX(Jesper!AH$2:AH$366,ROUNDDOWN($C5741/24,0)+1,1))-1)+IF('Standard Profiles'!$G$18=$B$10,7,0)+IF('Standard Profiles'!$G$18=$B$17,14,0)+IF('Standard Profiles'!$G$18=$B$24,21,0),MOD($C5741,24)+1)/SUM(INDEX($D$3:$AA$30,INDEX(Jesper!$R$2:$R$366,ROW(INDEX(Jesper!AH$2:AH$366,ROUNDDOWN($C5741/24,0)+1,1))-1)+IF('Standard Profiles'!$G$18=$B$10,7,0)+IF('Standard Profiles'!$G$18=$B$17,14,0)+IF('Standard Profiles'!$G$18=$B$24,21,0),0)),0)</f>
        <v>0</v>
      </c>
      <c r="E5741" cm="1">
        <f t="array" ref="E5741">IFERROR(INDEX(Jesper!AI$2:AI$366,ROUNDDOWN($C5741/24,0)+1,1)*INDEX($D$3:$AA$30,INDEX(Jesper!$R$2:$R$366,ROW(INDEX(Jesper!AI$2:AI$366,ROUNDDOWN($C5741/24,0)+1,1))-1)+IF('Standard Profiles'!$G$19=$B$10,7,0)+IF('Standard Profiles'!$G$19=$B$17,14,0)+IF('Standard Profiles'!$G$19=$B$24,21,0),MOD($C5741,24)+1)/SUM(INDEX($D$3:$AA$30,INDEX(Jesper!$R$2:$R$366,ROW(INDEX(Jesper!AI$2:AI$366,ROUNDDOWN($C5741/24,0)+1,1))-1)+IF('Standard Profiles'!$G$19=$B$10,7,0)+IF('Standard Profiles'!$G$19=$B$17,14,0)+IF('Standard Profiles'!$G$19=$B$24,21,0),0)),0)</f>
        <v>2.653490143957093</v>
      </c>
      <c r="F5741" cm="1">
        <f t="array" ref="F5741">IFERROR(INDEX(Jesper!AJ$2:AJ$366,ROUNDDOWN($C5741/24,0)+1,1)*INDEX($D$3:$AA$30,INDEX(Jesper!$R$2:$R$366,ROW(INDEX(Jesper!AJ$2:AJ$366,ROUNDDOWN($C5741/24,0)+1,1))-1)+IF('Standard Profiles'!$G$20=$B$10,7,0)+IF('Standard Profiles'!$G$20=$B$17,14,0)+IF('Standard Profiles'!$G$20=$B$24,21,0),MOD($C5741,24)+1)/SUM(INDEX($D$3:$AA$30,INDEX(Jesper!$R$2:$R$366,ROW(INDEX(Jesper!AJ$2:AJ$366,ROUNDDOWN($C5741/24,0)+1,1))-1)+IF('Standard Profiles'!$G$20=$B$10,7,0)+IF('Standard Profiles'!$G$20=$B$17,14,0)+IF('Standard Profiles'!$G$20=$B$24,21,0),0)),0)</f>
        <v>0.745378060006893</v>
      </c>
      <c r="G5741" cm="1">
        <f t="array" ref="G5741">IFERROR(INDEX(Jesper!AK$2:AK$366,ROUNDDOWN($C5741/24,0)+1,1)*INDEX($D$3:$AA$30,INDEX(Jesper!$R$2:$R$366,ROW(INDEX(Jesper!AK$2:AK$366,ROUNDDOWN($C5741/24,0)+1,1))-1)+IF('Standard Profiles'!$G$21=$B$10,7,0)+IF('Standard Profiles'!$G$21=$B$17,14,0)+IF('Standard Profiles'!$G$21=$B$24,21,0),MOD($C5741,24)+1)/SUM(INDEX($D$3:$AA$30,INDEX(Jesper!$R$2:$R$366,ROW(INDEX(Jesper!AK$2:AK$366,ROUNDDOWN($C5741/24,0)+1,1))-1)+IF('Standard Profiles'!$G$21=$B$10,7,0)+IF('Standard Profiles'!$G$21=$B$17,14,0)+IF('Standard Profiles'!$G$21=$B$24,21,0),0)),0)</f>
        <v>0.14896702300440481</v>
      </c>
      <c r="H5741" cm="1">
        <f t="array" ref="H5741">IFERROR(INDEX(Jesper!AL$2:AL$366,ROUNDDOWN($C5741/24,0)+1,1)*INDEX($D$3:$AA$30,INDEX(Jesper!$R$2:$R$366,ROW(INDEX(Jesper!AL$2:AL$366,ROUNDDOWN($C5741/24,0)+1,1))-1)+IF('Standard Profiles'!$G$22=$B$10,7,0)+IF('Standard Profiles'!$G$22=$B$17,14,0)+IF('Standard Profiles'!$G$22=$B$24,21,0),MOD($C5741,24)+1)/SUM(INDEX($D$3:$AA$30,INDEX(Jesper!$R$2:$R$366,ROW(INDEX(Jesper!AL$2:AL$366,ROUNDDOWN($C5741/24,0)+1,1))-1)+IF('Standard Profiles'!$G$22=$B$10,7,0)+IF('Standard Profiles'!$G$22=$B$17,14,0)+IF('Standard Profiles'!$G$22=$B$24,21,0),0)),0)</f>
        <v>0</v>
      </c>
      <c r="I5741">
        <f t="shared" si="643"/>
        <v>0</v>
      </c>
      <c r="J5741">
        <f t="shared" si="644"/>
        <v>3.2294164096935396</v>
      </c>
      <c r="K5741">
        <f t="shared" si="645"/>
        <v>0.21227921151656745</v>
      </c>
      <c r="L5741">
        <f t="shared" si="646"/>
        <v>0.10613960575828373</v>
      </c>
      <c r="M5741">
        <f t="shared" si="647"/>
        <v>0</v>
      </c>
      <c r="N5741" s="45">
        <f t="shared" si="648"/>
        <v>45164.791666652825</v>
      </c>
    </row>
    <row r="5742" spans="2:14" x14ac:dyDescent="0.25">
      <c r="B5742">
        <f t="shared" si="642"/>
        <v>6</v>
      </c>
      <c r="C5742" s="16">
        <v>5708</v>
      </c>
      <c r="D5742" cm="1">
        <f t="array" ref="D5742">IFERROR(INDEX(Jesper!AH$2:AH$366,ROUNDDOWN($C5742/24,0)+1,1)*INDEX($D$3:$AA$30,INDEX(Jesper!$R$2:$R$366,ROW(INDEX(Jesper!AH$2:AH$366,ROUNDDOWN($C5742/24,0)+1,1))-1)+IF('Standard Profiles'!$G$18=$B$10,7,0)+IF('Standard Profiles'!$G$18=$B$17,14,0)+IF('Standard Profiles'!$G$18=$B$24,21,0),MOD($C5742,24)+1)/SUM(INDEX($D$3:$AA$30,INDEX(Jesper!$R$2:$R$366,ROW(INDEX(Jesper!AH$2:AH$366,ROUNDDOWN($C5742/24,0)+1,1))-1)+IF('Standard Profiles'!$G$18=$B$10,7,0)+IF('Standard Profiles'!$G$18=$B$17,14,0)+IF('Standard Profiles'!$G$18=$B$24,21,0),0)),0)</f>
        <v>0</v>
      </c>
      <c r="E5742" cm="1">
        <f t="array" ref="E5742">IFERROR(INDEX(Jesper!AI$2:AI$366,ROUNDDOWN($C5742/24,0)+1,1)*INDEX($D$3:$AA$30,INDEX(Jesper!$R$2:$R$366,ROW(INDEX(Jesper!AI$2:AI$366,ROUNDDOWN($C5742/24,0)+1,1))-1)+IF('Standard Profiles'!$G$19=$B$10,7,0)+IF('Standard Profiles'!$G$19=$B$17,14,0)+IF('Standard Profiles'!$G$19=$B$24,21,0),MOD($C5742,24)+1)/SUM(INDEX($D$3:$AA$30,INDEX(Jesper!$R$2:$R$366,ROW(INDEX(Jesper!AI$2:AI$366,ROUNDDOWN($C5742/24,0)+1,1))-1)+IF('Standard Profiles'!$G$19=$B$10,7,0)+IF('Standard Profiles'!$G$19=$B$17,14,0)+IF('Standard Profiles'!$G$19=$B$24,21,0),0)),0)</f>
        <v>2.653490143957093</v>
      </c>
      <c r="F5742" cm="1">
        <f t="array" ref="F5742">IFERROR(INDEX(Jesper!AJ$2:AJ$366,ROUNDDOWN($C5742/24,0)+1,1)*INDEX($D$3:$AA$30,INDEX(Jesper!$R$2:$R$366,ROW(INDEX(Jesper!AJ$2:AJ$366,ROUNDDOWN($C5742/24,0)+1,1))-1)+IF('Standard Profiles'!$G$20=$B$10,7,0)+IF('Standard Profiles'!$G$20=$B$17,14,0)+IF('Standard Profiles'!$G$20=$B$24,21,0),MOD($C5742,24)+1)/SUM(INDEX($D$3:$AA$30,INDEX(Jesper!$R$2:$R$366,ROW(INDEX(Jesper!AJ$2:AJ$366,ROUNDDOWN($C5742/24,0)+1,1))-1)+IF('Standard Profiles'!$G$20=$B$10,7,0)+IF('Standard Profiles'!$G$20=$B$17,14,0)+IF('Standard Profiles'!$G$20=$B$24,21,0),0)),0)</f>
        <v>0.745378060006893</v>
      </c>
      <c r="G5742" cm="1">
        <f t="array" ref="G5742">IFERROR(INDEX(Jesper!AK$2:AK$366,ROUNDDOWN($C5742/24,0)+1,1)*INDEX($D$3:$AA$30,INDEX(Jesper!$R$2:$R$366,ROW(INDEX(Jesper!AK$2:AK$366,ROUNDDOWN($C5742/24,0)+1,1))-1)+IF('Standard Profiles'!$G$21=$B$10,7,0)+IF('Standard Profiles'!$G$21=$B$17,14,0)+IF('Standard Profiles'!$G$21=$B$24,21,0),MOD($C5742,24)+1)/SUM(INDEX($D$3:$AA$30,INDEX(Jesper!$R$2:$R$366,ROW(INDEX(Jesper!AK$2:AK$366,ROUNDDOWN($C5742/24,0)+1,1))-1)+IF('Standard Profiles'!$G$21=$B$10,7,0)+IF('Standard Profiles'!$G$21=$B$17,14,0)+IF('Standard Profiles'!$G$21=$B$24,21,0),0)),0)</f>
        <v>0.14896702300440481</v>
      </c>
      <c r="H5742" cm="1">
        <f t="array" ref="H5742">IFERROR(INDEX(Jesper!AL$2:AL$366,ROUNDDOWN($C5742/24,0)+1,1)*INDEX($D$3:$AA$30,INDEX(Jesper!$R$2:$R$366,ROW(INDEX(Jesper!AL$2:AL$366,ROUNDDOWN($C5742/24,0)+1,1))-1)+IF('Standard Profiles'!$G$22=$B$10,7,0)+IF('Standard Profiles'!$G$22=$B$17,14,0)+IF('Standard Profiles'!$G$22=$B$24,21,0),MOD($C5742,24)+1)/SUM(INDEX($D$3:$AA$30,INDEX(Jesper!$R$2:$R$366,ROW(INDEX(Jesper!AL$2:AL$366,ROUNDDOWN($C5742/24,0)+1,1))-1)+IF('Standard Profiles'!$G$22=$B$10,7,0)+IF('Standard Profiles'!$G$22=$B$17,14,0)+IF('Standard Profiles'!$G$22=$B$24,21,0),0)),0)</f>
        <v>0</v>
      </c>
      <c r="I5742">
        <f t="shared" si="643"/>
        <v>0</v>
      </c>
      <c r="J5742">
        <f t="shared" si="644"/>
        <v>3.2294164096935396</v>
      </c>
      <c r="K5742">
        <f t="shared" si="645"/>
        <v>0.21227921151656745</v>
      </c>
      <c r="L5742">
        <f t="shared" si="646"/>
        <v>0.10613960575828373</v>
      </c>
      <c r="M5742">
        <f t="shared" si="647"/>
        <v>0</v>
      </c>
      <c r="N5742" s="45">
        <f t="shared" si="648"/>
        <v>45164.83333331949</v>
      </c>
    </row>
    <row r="5743" spans="2:14" x14ac:dyDescent="0.25">
      <c r="B5743">
        <f t="shared" si="642"/>
        <v>6</v>
      </c>
      <c r="C5743" s="16">
        <v>5709</v>
      </c>
      <c r="D5743" cm="1">
        <f t="array" ref="D5743">IFERROR(INDEX(Jesper!AH$2:AH$366,ROUNDDOWN($C5743/24,0)+1,1)*INDEX($D$3:$AA$30,INDEX(Jesper!$R$2:$R$366,ROW(INDEX(Jesper!AH$2:AH$366,ROUNDDOWN($C5743/24,0)+1,1))-1)+IF('Standard Profiles'!$G$18=$B$10,7,0)+IF('Standard Profiles'!$G$18=$B$17,14,0)+IF('Standard Profiles'!$G$18=$B$24,21,0),MOD($C5743,24)+1)/SUM(INDEX($D$3:$AA$30,INDEX(Jesper!$R$2:$R$366,ROW(INDEX(Jesper!AH$2:AH$366,ROUNDDOWN($C5743/24,0)+1,1))-1)+IF('Standard Profiles'!$G$18=$B$10,7,0)+IF('Standard Profiles'!$G$18=$B$17,14,0)+IF('Standard Profiles'!$G$18=$B$24,21,0),0)),0)</f>
        <v>0</v>
      </c>
      <c r="E5743" cm="1">
        <f t="array" ref="E5743">IFERROR(INDEX(Jesper!AI$2:AI$366,ROUNDDOWN($C5743/24,0)+1,1)*INDEX($D$3:$AA$30,INDEX(Jesper!$R$2:$R$366,ROW(INDEX(Jesper!AI$2:AI$366,ROUNDDOWN($C5743/24,0)+1,1))-1)+IF('Standard Profiles'!$G$19=$B$10,7,0)+IF('Standard Profiles'!$G$19=$B$17,14,0)+IF('Standard Profiles'!$G$19=$B$24,21,0),MOD($C5743,24)+1)/SUM(INDEX($D$3:$AA$30,INDEX(Jesper!$R$2:$R$366,ROW(INDEX(Jesper!AI$2:AI$366,ROUNDDOWN($C5743/24,0)+1,1))-1)+IF('Standard Profiles'!$G$19=$B$10,7,0)+IF('Standard Profiles'!$G$19=$B$17,14,0)+IF('Standard Profiles'!$G$19=$B$24,21,0),0)),0)</f>
        <v>2.653490143957093</v>
      </c>
      <c r="F5743" cm="1">
        <f t="array" ref="F5743">IFERROR(INDEX(Jesper!AJ$2:AJ$366,ROUNDDOWN($C5743/24,0)+1,1)*INDEX($D$3:$AA$30,INDEX(Jesper!$R$2:$R$366,ROW(INDEX(Jesper!AJ$2:AJ$366,ROUNDDOWN($C5743/24,0)+1,1))-1)+IF('Standard Profiles'!$G$20=$B$10,7,0)+IF('Standard Profiles'!$G$20=$B$17,14,0)+IF('Standard Profiles'!$G$20=$B$24,21,0),MOD($C5743,24)+1)/SUM(INDEX($D$3:$AA$30,INDEX(Jesper!$R$2:$R$366,ROW(INDEX(Jesper!AJ$2:AJ$366,ROUNDDOWN($C5743/24,0)+1,1))-1)+IF('Standard Profiles'!$G$20=$B$10,7,0)+IF('Standard Profiles'!$G$20=$B$17,14,0)+IF('Standard Profiles'!$G$20=$B$24,21,0),0)),0)</f>
        <v>0.745378060006893</v>
      </c>
      <c r="G5743" cm="1">
        <f t="array" ref="G5743">IFERROR(INDEX(Jesper!AK$2:AK$366,ROUNDDOWN($C5743/24,0)+1,1)*INDEX($D$3:$AA$30,INDEX(Jesper!$R$2:$R$366,ROW(INDEX(Jesper!AK$2:AK$366,ROUNDDOWN($C5743/24,0)+1,1))-1)+IF('Standard Profiles'!$G$21=$B$10,7,0)+IF('Standard Profiles'!$G$21=$B$17,14,0)+IF('Standard Profiles'!$G$21=$B$24,21,0),MOD($C5743,24)+1)/SUM(INDEX($D$3:$AA$30,INDEX(Jesper!$R$2:$R$366,ROW(INDEX(Jesper!AK$2:AK$366,ROUNDDOWN($C5743/24,0)+1,1))-1)+IF('Standard Profiles'!$G$21=$B$10,7,0)+IF('Standard Profiles'!$G$21=$B$17,14,0)+IF('Standard Profiles'!$G$21=$B$24,21,0),0)),0)</f>
        <v>0.14896702300440481</v>
      </c>
      <c r="H5743" cm="1">
        <f t="array" ref="H5743">IFERROR(INDEX(Jesper!AL$2:AL$366,ROUNDDOWN($C5743/24,0)+1,1)*INDEX($D$3:$AA$30,INDEX(Jesper!$R$2:$R$366,ROW(INDEX(Jesper!AL$2:AL$366,ROUNDDOWN($C5743/24,0)+1,1))-1)+IF('Standard Profiles'!$G$22=$B$10,7,0)+IF('Standard Profiles'!$G$22=$B$17,14,0)+IF('Standard Profiles'!$G$22=$B$24,21,0),MOD($C5743,24)+1)/SUM(INDEX($D$3:$AA$30,INDEX(Jesper!$R$2:$R$366,ROW(INDEX(Jesper!AL$2:AL$366,ROUNDDOWN($C5743/24,0)+1,1))-1)+IF('Standard Profiles'!$G$22=$B$10,7,0)+IF('Standard Profiles'!$G$22=$B$17,14,0)+IF('Standard Profiles'!$G$22=$B$24,21,0),0)),0)</f>
        <v>0</v>
      </c>
      <c r="I5743">
        <f t="shared" si="643"/>
        <v>0</v>
      </c>
      <c r="J5743">
        <f t="shared" si="644"/>
        <v>3.2294164096935396</v>
      </c>
      <c r="K5743">
        <f t="shared" si="645"/>
        <v>0.21227921151656745</v>
      </c>
      <c r="L5743">
        <f t="shared" si="646"/>
        <v>0.10613960575828373</v>
      </c>
      <c r="M5743">
        <f t="shared" si="647"/>
        <v>0</v>
      </c>
      <c r="N5743" s="45">
        <f t="shared" si="648"/>
        <v>45164.874999986154</v>
      </c>
    </row>
    <row r="5744" spans="2:14" x14ac:dyDescent="0.25">
      <c r="B5744">
        <f t="shared" si="642"/>
        <v>6</v>
      </c>
      <c r="C5744" s="16">
        <v>5710</v>
      </c>
      <c r="D5744" cm="1">
        <f t="array" ref="D5744">IFERROR(INDEX(Jesper!AH$2:AH$366,ROUNDDOWN($C5744/24,0)+1,1)*INDEX($D$3:$AA$30,INDEX(Jesper!$R$2:$R$366,ROW(INDEX(Jesper!AH$2:AH$366,ROUNDDOWN($C5744/24,0)+1,1))-1)+IF('Standard Profiles'!$G$18=$B$10,7,0)+IF('Standard Profiles'!$G$18=$B$17,14,0)+IF('Standard Profiles'!$G$18=$B$24,21,0),MOD($C5744,24)+1)/SUM(INDEX($D$3:$AA$30,INDEX(Jesper!$R$2:$R$366,ROW(INDEX(Jesper!AH$2:AH$366,ROUNDDOWN($C5744/24,0)+1,1))-1)+IF('Standard Profiles'!$G$18=$B$10,7,0)+IF('Standard Profiles'!$G$18=$B$17,14,0)+IF('Standard Profiles'!$G$18=$B$24,21,0),0)),0)</f>
        <v>0</v>
      </c>
      <c r="E5744" cm="1">
        <f t="array" ref="E5744">IFERROR(INDEX(Jesper!AI$2:AI$366,ROUNDDOWN($C5744/24,0)+1,1)*INDEX($D$3:$AA$30,INDEX(Jesper!$R$2:$R$366,ROW(INDEX(Jesper!AI$2:AI$366,ROUNDDOWN($C5744/24,0)+1,1))-1)+IF('Standard Profiles'!$G$19=$B$10,7,0)+IF('Standard Profiles'!$G$19=$B$17,14,0)+IF('Standard Profiles'!$G$19=$B$24,21,0),MOD($C5744,24)+1)/SUM(INDEX($D$3:$AA$30,INDEX(Jesper!$R$2:$R$366,ROW(INDEX(Jesper!AI$2:AI$366,ROUNDDOWN($C5744/24,0)+1,1))-1)+IF('Standard Profiles'!$G$19=$B$10,7,0)+IF('Standard Profiles'!$G$19=$B$17,14,0)+IF('Standard Profiles'!$G$19=$B$24,21,0),0)),0)</f>
        <v>2.653490143957093</v>
      </c>
      <c r="F5744" cm="1">
        <f t="array" ref="F5744">IFERROR(INDEX(Jesper!AJ$2:AJ$366,ROUNDDOWN($C5744/24,0)+1,1)*INDEX($D$3:$AA$30,INDEX(Jesper!$R$2:$R$366,ROW(INDEX(Jesper!AJ$2:AJ$366,ROUNDDOWN($C5744/24,0)+1,1))-1)+IF('Standard Profiles'!$G$20=$B$10,7,0)+IF('Standard Profiles'!$G$20=$B$17,14,0)+IF('Standard Profiles'!$G$20=$B$24,21,0),MOD($C5744,24)+1)/SUM(INDEX($D$3:$AA$30,INDEX(Jesper!$R$2:$R$366,ROW(INDEX(Jesper!AJ$2:AJ$366,ROUNDDOWN($C5744/24,0)+1,1))-1)+IF('Standard Profiles'!$G$20=$B$10,7,0)+IF('Standard Profiles'!$G$20=$B$17,14,0)+IF('Standard Profiles'!$G$20=$B$24,21,0),0)),0)</f>
        <v>0.745378060006893</v>
      </c>
      <c r="G5744" cm="1">
        <f t="array" ref="G5744">IFERROR(INDEX(Jesper!AK$2:AK$366,ROUNDDOWN($C5744/24,0)+1,1)*INDEX($D$3:$AA$30,INDEX(Jesper!$R$2:$R$366,ROW(INDEX(Jesper!AK$2:AK$366,ROUNDDOWN($C5744/24,0)+1,1))-1)+IF('Standard Profiles'!$G$21=$B$10,7,0)+IF('Standard Profiles'!$G$21=$B$17,14,0)+IF('Standard Profiles'!$G$21=$B$24,21,0),MOD($C5744,24)+1)/SUM(INDEX($D$3:$AA$30,INDEX(Jesper!$R$2:$R$366,ROW(INDEX(Jesper!AK$2:AK$366,ROUNDDOWN($C5744/24,0)+1,1))-1)+IF('Standard Profiles'!$G$21=$B$10,7,0)+IF('Standard Profiles'!$G$21=$B$17,14,0)+IF('Standard Profiles'!$G$21=$B$24,21,0),0)),0)</f>
        <v>0.14896702300440481</v>
      </c>
      <c r="H5744" cm="1">
        <f t="array" ref="H5744">IFERROR(INDEX(Jesper!AL$2:AL$366,ROUNDDOWN($C5744/24,0)+1,1)*INDEX($D$3:$AA$30,INDEX(Jesper!$R$2:$R$366,ROW(INDEX(Jesper!AL$2:AL$366,ROUNDDOWN($C5744/24,0)+1,1))-1)+IF('Standard Profiles'!$G$22=$B$10,7,0)+IF('Standard Profiles'!$G$22=$B$17,14,0)+IF('Standard Profiles'!$G$22=$B$24,21,0),MOD($C5744,24)+1)/SUM(INDEX($D$3:$AA$30,INDEX(Jesper!$R$2:$R$366,ROW(INDEX(Jesper!AL$2:AL$366,ROUNDDOWN($C5744/24,0)+1,1))-1)+IF('Standard Profiles'!$G$22=$B$10,7,0)+IF('Standard Profiles'!$G$22=$B$17,14,0)+IF('Standard Profiles'!$G$22=$B$24,21,0),0)),0)</f>
        <v>0</v>
      </c>
      <c r="I5744">
        <f t="shared" si="643"/>
        <v>0</v>
      </c>
      <c r="J5744">
        <f t="shared" si="644"/>
        <v>3.2294164096935396</v>
      </c>
      <c r="K5744">
        <f t="shared" si="645"/>
        <v>0.21227921151656745</v>
      </c>
      <c r="L5744">
        <f t="shared" si="646"/>
        <v>0.10613960575828373</v>
      </c>
      <c r="M5744">
        <f t="shared" si="647"/>
        <v>0</v>
      </c>
      <c r="N5744" s="45">
        <f t="shared" si="648"/>
        <v>45164.916666652818</v>
      </c>
    </row>
    <row r="5745" spans="2:14" x14ac:dyDescent="0.25">
      <c r="B5745">
        <f t="shared" si="642"/>
        <v>6</v>
      </c>
      <c r="C5745" s="16">
        <v>5711</v>
      </c>
      <c r="D5745" cm="1">
        <f t="array" ref="D5745">IFERROR(INDEX(Jesper!AH$2:AH$366,ROUNDDOWN($C5745/24,0)+1,1)*INDEX($D$3:$AA$30,INDEX(Jesper!$R$2:$R$366,ROW(INDEX(Jesper!AH$2:AH$366,ROUNDDOWN($C5745/24,0)+1,1))-1)+IF('Standard Profiles'!$G$18=$B$10,7,0)+IF('Standard Profiles'!$G$18=$B$17,14,0)+IF('Standard Profiles'!$G$18=$B$24,21,0),MOD($C5745,24)+1)/SUM(INDEX($D$3:$AA$30,INDEX(Jesper!$R$2:$R$366,ROW(INDEX(Jesper!AH$2:AH$366,ROUNDDOWN($C5745/24,0)+1,1))-1)+IF('Standard Profiles'!$G$18=$B$10,7,0)+IF('Standard Profiles'!$G$18=$B$17,14,0)+IF('Standard Profiles'!$G$18=$B$24,21,0),0)),0)</f>
        <v>0</v>
      </c>
      <c r="E5745" cm="1">
        <f t="array" ref="E5745">IFERROR(INDEX(Jesper!AI$2:AI$366,ROUNDDOWN($C5745/24,0)+1,1)*INDEX($D$3:$AA$30,INDEX(Jesper!$R$2:$R$366,ROW(INDEX(Jesper!AI$2:AI$366,ROUNDDOWN($C5745/24,0)+1,1))-1)+IF('Standard Profiles'!$G$19=$B$10,7,0)+IF('Standard Profiles'!$G$19=$B$17,14,0)+IF('Standard Profiles'!$G$19=$B$24,21,0),MOD($C5745,24)+1)/SUM(INDEX($D$3:$AA$30,INDEX(Jesper!$R$2:$R$366,ROW(INDEX(Jesper!AI$2:AI$366,ROUNDDOWN($C5745/24,0)+1,1))-1)+IF('Standard Profiles'!$G$19=$B$10,7,0)+IF('Standard Profiles'!$G$19=$B$17,14,0)+IF('Standard Profiles'!$G$19=$B$24,21,0),0)),0)</f>
        <v>2.653490143957093</v>
      </c>
      <c r="F5745" cm="1">
        <f t="array" ref="F5745">IFERROR(INDEX(Jesper!AJ$2:AJ$366,ROUNDDOWN($C5745/24,0)+1,1)*INDEX($D$3:$AA$30,INDEX(Jesper!$R$2:$R$366,ROW(INDEX(Jesper!AJ$2:AJ$366,ROUNDDOWN($C5745/24,0)+1,1))-1)+IF('Standard Profiles'!$G$20=$B$10,7,0)+IF('Standard Profiles'!$G$20=$B$17,14,0)+IF('Standard Profiles'!$G$20=$B$24,21,0),MOD($C5745,24)+1)/SUM(INDEX($D$3:$AA$30,INDEX(Jesper!$R$2:$R$366,ROW(INDEX(Jesper!AJ$2:AJ$366,ROUNDDOWN($C5745/24,0)+1,1))-1)+IF('Standard Profiles'!$G$20=$B$10,7,0)+IF('Standard Profiles'!$G$20=$B$17,14,0)+IF('Standard Profiles'!$G$20=$B$24,21,0),0)),0)</f>
        <v>0.745378060006893</v>
      </c>
      <c r="G5745" cm="1">
        <f t="array" ref="G5745">IFERROR(INDEX(Jesper!AK$2:AK$366,ROUNDDOWN($C5745/24,0)+1,1)*INDEX($D$3:$AA$30,INDEX(Jesper!$R$2:$R$366,ROW(INDEX(Jesper!AK$2:AK$366,ROUNDDOWN($C5745/24,0)+1,1))-1)+IF('Standard Profiles'!$G$21=$B$10,7,0)+IF('Standard Profiles'!$G$21=$B$17,14,0)+IF('Standard Profiles'!$G$21=$B$24,21,0),MOD($C5745,24)+1)/SUM(INDEX($D$3:$AA$30,INDEX(Jesper!$R$2:$R$366,ROW(INDEX(Jesper!AK$2:AK$366,ROUNDDOWN($C5745/24,0)+1,1))-1)+IF('Standard Profiles'!$G$21=$B$10,7,0)+IF('Standard Profiles'!$G$21=$B$17,14,0)+IF('Standard Profiles'!$G$21=$B$24,21,0),0)),0)</f>
        <v>0.14896702300440481</v>
      </c>
      <c r="H5745" cm="1">
        <f t="array" ref="H5745">IFERROR(INDEX(Jesper!AL$2:AL$366,ROUNDDOWN($C5745/24,0)+1,1)*INDEX($D$3:$AA$30,INDEX(Jesper!$R$2:$R$366,ROW(INDEX(Jesper!AL$2:AL$366,ROUNDDOWN($C5745/24,0)+1,1))-1)+IF('Standard Profiles'!$G$22=$B$10,7,0)+IF('Standard Profiles'!$G$22=$B$17,14,0)+IF('Standard Profiles'!$G$22=$B$24,21,0),MOD($C5745,24)+1)/SUM(INDEX($D$3:$AA$30,INDEX(Jesper!$R$2:$R$366,ROW(INDEX(Jesper!AL$2:AL$366,ROUNDDOWN($C5745/24,0)+1,1))-1)+IF('Standard Profiles'!$G$22=$B$10,7,0)+IF('Standard Profiles'!$G$22=$B$17,14,0)+IF('Standard Profiles'!$G$22=$B$24,21,0),0)),0)</f>
        <v>0</v>
      </c>
      <c r="I5745">
        <f t="shared" si="643"/>
        <v>0</v>
      </c>
      <c r="J5745">
        <f t="shared" si="644"/>
        <v>3.2294164096935396</v>
      </c>
      <c r="K5745">
        <f t="shared" si="645"/>
        <v>0.21227921151656745</v>
      </c>
      <c r="L5745">
        <f t="shared" si="646"/>
        <v>0.10613960575828373</v>
      </c>
      <c r="M5745">
        <f t="shared" si="647"/>
        <v>0</v>
      </c>
      <c r="N5745" s="45">
        <f t="shared" si="648"/>
        <v>45164.958333319482</v>
      </c>
    </row>
    <row r="5746" spans="2:14" x14ac:dyDescent="0.25">
      <c r="B5746">
        <f t="shared" si="642"/>
        <v>7</v>
      </c>
      <c r="C5746" s="16">
        <v>5712</v>
      </c>
      <c r="D5746" cm="1">
        <f t="array" ref="D5746">IFERROR(INDEX(Jesper!AH$2:AH$366,ROUNDDOWN($C5746/24,0)+1,1)*INDEX($D$3:$AA$30,INDEX(Jesper!$R$2:$R$366,ROW(INDEX(Jesper!AH$2:AH$366,ROUNDDOWN($C5746/24,0)+1,1))-1)+IF('Standard Profiles'!$G$18=$B$10,7,0)+IF('Standard Profiles'!$G$18=$B$17,14,0)+IF('Standard Profiles'!$G$18=$B$24,21,0),MOD($C5746,24)+1)/SUM(INDEX($D$3:$AA$30,INDEX(Jesper!$R$2:$R$366,ROW(INDEX(Jesper!AH$2:AH$366,ROUNDDOWN($C5746/24,0)+1,1))-1)+IF('Standard Profiles'!$G$18=$B$10,7,0)+IF('Standard Profiles'!$G$18=$B$17,14,0)+IF('Standard Profiles'!$G$18=$B$24,21,0),0)),0)</f>
        <v>0</v>
      </c>
      <c r="E5746" cm="1">
        <f t="array" ref="E5746">IFERROR(INDEX(Jesper!AI$2:AI$366,ROUNDDOWN($C5746/24,0)+1,1)*INDEX($D$3:$AA$30,INDEX(Jesper!$R$2:$R$366,ROW(INDEX(Jesper!AI$2:AI$366,ROUNDDOWN($C5746/24,0)+1,1))-1)+IF('Standard Profiles'!$G$19=$B$10,7,0)+IF('Standard Profiles'!$G$19=$B$17,14,0)+IF('Standard Profiles'!$G$19=$B$24,21,0),MOD($C5746,24)+1)/SUM(INDEX($D$3:$AA$30,INDEX(Jesper!$R$2:$R$366,ROW(INDEX(Jesper!AI$2:AI$366,ROUNDDOWN($C5746/24,0)+1,1))-1)+IF('Standard Profiles'!$G$19=$B$10,7,0)+IF('Standard Profiles'!$G$19=$B$17,14,0)+IF('Standard Profiles'!$G$19=$B$24,21,0),0)),0)</f>
        <v>2.6992566370261732</v>
      </c>
      <c r="F5746" cm="1">
        <f t="array" ref="F5746">IFERROR(INDEX(Jesper!AJ$2:AJ$366,ROUNDDOWN($C5746/24,0)+1,1)*INDEX($D$3:$AA$30,INDEX(Jesper!$R$2:$R$366,ROW(INDEX(Jesper!AJ$2:AJ$366,ROUNDDOWN($C5746/24,0)+1,1))-1)+IF('Standard Profiles'!$G$20=$B$10,7,0)+IF('Standard Profiles'!$G$20=$B$17,14,0)+IF('Standard Profiles'!$G$20=$B$24,21,0),MOD($C5746,24)+1)/SUM(INDEX($D$3:$AA$30,INDEX(Jesper!$R$2:$R$366,ROW(INDEX(Jesper!AJ$2:AJ$366,ROUNDDOWN($C5746/24,0)+1,1))-1)+IF('Standard Profiles'!$G$20=$B$10,7,0)+IF('Standard Profiles'!$G$20=$B$17,14,0)+IF('Standard Profiles'!$G$20=$B$24,21,0),0)),0)</f>
        <v>0.96433226217720591</v>
      </c>
      <c r="G5746" cm="1">
        <f t="array" ref="G5746">IFERROR(INDEX(Jesper!AK$2:AK$366,ROUNDDOWN($C5746/24,0)+1,1)*INDEX($D$3:$AA$30,INDEX(Jesper!$R$2:$R$366,ROW(INDEX(Jesper!AK$2:AK$366,ROUNDDOWN($C5746/24,0)+1,1))-1)+IF('Standard Profiles'!$G$21=$B$10,7,0)+IF('Standard Profiles'!$G$21=$B$17,14,0)+IF('Standard Profiles'!$G$21=$B$24,21,0),MOD($C5746,24)+1)/SUM(INDEX($D$3:$AA$30,INDEX(Jesper!$R$2:$R$366,ROW(INDEX(Jesper!AK$2:AK$366,ROUNDDOWN($C5746/24,0)+1,1))-1)+IF('Standard Profiles'!$G$21=$B$10,7,0)+IF('Standard Profiles'!$G$21=$B$17,14,0)+IF('Standard Profiles'!$G$21=$B$24,21,0),0)),0)</f>
        <v>0.41137782887123464</v>
      </c>
      <c r="H5746" cm="1">
        <f t="array" ref="H5746">IFERROR(INDEX(Jesper!AL$2:AL$366,ROUNDDOWN($C5746/24,0)+1,1)*INDEX($D$3:$AA$30,INDEX(Jesper!$R$2:$R$366,ROW(INDEX(Jesper!AL$2:AL$366,ROUNDDOWN($C5746/24,0)+1,1))-1)+IF('Standard Profiles'!$G$22=$B$10,7,0)+IF('Standard Profiles'!$G$22=$B$17,14,0)+IF('Standard Profiles'!$G$22=$B$24,21,0),MOD($C5746,24)+1)/SUM(INDEX($D$3:$AA$30,INDEX(Jesper!$R$2:$R$366,ROW(INDEX(Jesper!AL$2:AL$366,ROUNDDOWN($C5746/24,0)+1,1))-1)+IF('Standard Profiles'!$G$22=$B$10,7,0)+IF('Standard Profiles'!$G$22=$B$17,14,0)+IF('Standard Profiles'!$G$22=$B$24,21,0),0)),0)</f>
        <v>3.6433703438809681E-2</v>
      </c>
      <c r="I5746">
        <f t="shared" si="643"/>
        <v>3.4976355301257311E-2</v>
      </c>
      <c r="J5746">
        <f t="shared" si="644"/>
        <v>3.7525132797690253</v>
      </c>
      <c r="K5746">
        <f t="shared" si="645"/>
        <v>0.21594053096209387</v>
      </c>
      <c r="L5746">
        <f t="shared" si="646"/>
        <v>0.10797026548104693</v>
      </c>
      <c r="M5746">
        <f t="shared" si="647"/>
        <v>0</v>
      </c>
      <c r="N5746" s="45">
        <f t="shared" si="648"/>
        <v>45164.999999986147</v>
      </c>
    </row>
    <row r="5747" spans="2:14" x14ac:dyDescent="0.25">
      <c r="B5747">
        <f t="shared" si="642"/>
        <v>7</v>
      </c>
      <c r="C5747" s="16">
        <v>5713</v>
      </c>
      <c r="D5747" cm="1">
        <f t="array" ref="D5747">IFERROR(INDEX(Jesper!AH$2:AH$366,ROUNDDOWN($C5747/24,0)+1,1)*INDEX($D$3:$AA$30,INDEX(Jesper!$R$2:$R$366,ROW(INDEX(Jesper!AH$2:AH$366,ROUNDDOWN($C5747/24,0)+1,1))-1)+IF('Standard Profiles'!$G$18=$B$10,7,0)+IF('Standard Profiles'!$G$18=$B$17,14,0)+IF('Standard Profiles'!$G$18=$B$24,21,0),MOD($C5747,24)+1)/SUM(INDEX($D$3:$AA$30,INDEX(Jesper!$R$2:$R$366,ROW(INDEX(Jesper!AH$2:AH$366,ROUNDDOWN($C5747/24,0)+1,1))-1)+IF('Standard Profiles'!$G$18=$B$10,7,0)+IF('Standard Profiles'!$G$18=$B$17,14,0)+IF('Standard Profiles'!$G$18=$B$24,21,0),0)),0)</f>
        <v>0</v>
      </c>
      <c r="E5747" cm="1">
        <f t="array" ref="E5747">IFERROR(INDEX(Jesper!AI$2:AI$366,ROUNDDOWN($C5747/24,0)+1,1)*INDEX($D$3:$AA$30,INDEX(Jesper!$R$2:$R$366,ROW(INDEX(Jesper!AI$2:AI$366,ROUNDDOWN($C5747/24,0)+1,1))-1)+IF('Standard Profiles'!$G$19=$B$10,7,0)+IF('Standard Profiles'!$G$19=$B$17,14,0)+IF('Standard Profiles'!$G$19=$B$24,21,0),MOD($C5747,24)+1)/SUM(INDEX($D$3:$AA$30,INDEX(Jesper!$R$2:$R$366,ROW(INDEX(Jesper!AI$2:AI$366,ROUNDDOWN($C5747/24,0)+1,1))-1)+IF('Standard Profiles'!$G$19=$B$10,7,0)+IF('Standard Profiles'!$G$19=$B$17,14,0)+IF('Standard Profiles'!$G$19=$B$24,21,0),0)),0)</f>
        <v>2.6992566370261732</v>
      </c>
      <c r="F5747" cm="1">
        <f t="array" ref="F5747">IFERROR(INDEX(Jesper!AJ$2:AJ$366,ROUNDDOWN($C5747/24,0)+1,1)*INDEX($D$3:$AA$30,INDEX(Jesper!$R$2:$R$366,ROW(INDEX(Jesper!AJ$2:AJ$366,ROUNDDOWN($C5747/24,0)+1,1))-1)+IF('Standard Profiles'!$G$20=$B$10,7,0)+IF('Standard Profiles'!$G$20=$B$17,14,0)+IF('Standard Profiles'!$G$20=$B$24,21,0),MOD($C5747,24)+1)/SUM(INDEX($D$3:$AA$30,INDEX(Jesper!$R$2:$R$366,ROW(INDEX(Jesper!AJ$2:AJ$366,ROUNDDOWN($C5747/24,0)+1,1))-1)+IF('Standard Profiles'!$G$20=$B$10,7,0)+IF('Standard Profiles'!$G$20=$B$17,14,0)+IF('Standard Profiles'!$G$20=$B$24,21,0),0)),0)</f>
        <v>0.96433226217720591</v>
      </c>
      <c r="G5747" cm="1">
        <f t="array" ref="G5747">IFERROR(INDEX(Jesper!AK$2:AK$366,ROUNDDOWN($C5747/24,0)+1,1)*INDEX($D$3:$AA$30,INDEX(Jesper!$R$2:$R$366,ROW(INDEX(Jesper!AK$2:AK$366,ROUNDDOWN($C5747/24,0)+1,1))-1)+IF('Standard Profiles'!$G$21=$B$10,7,0)+IF('Standard Profiles'!$G$21=$B$17,14,0)+IF('Standard Profiles'!$G$21=$B$24,21,0),MOD($C5747,24)+1)/SUM(INDEX($D$3:$AA$30,INDEX(Jesper!$R$2:$R$366,ROW(INDEX(Jesper!AK$2:AK$366,ROUNDDOWN($C5747/24,0)+1,1))-1)+IF('Standard Profiles'!$G$21=$B$10,7,0)+IF('Standard Profiles'!$G$21=$B$17,14,0)+IF('Standard Profiles'!$G$21=$B$24,21,0),0)),0)</f>
        <v>0.41137782887123464</v>
      </c>
      <c r="H5747" cm="1">
        <f t="array" ref="H5747">IFERROR(INDEX(Jesper!AL$2:AL$366,ROUNDDOWN($C5747/24,0)+1,1)*INDEX($D$3:$AA$30,INDEX(Jesper!$R$2:$R$366,ROW(INDEX(Jesper!AL$2:AL$366,ROUNDDOWN($C5747/24,0)+1,1))-1)+IF('Standard Profiles'!$G$22=$B$10,7,0)+IF('Standard Profiles'!$G$22=$B$17,14,0)+IF('Standard Profiles'!$G$22=$B$24,21,0),MOD($C5747,24)+1)/SUM(INDEX($D$3:$AA$30,INDEX(Jesper!$R$2:$R$366,ROW(INDEX(Jesper!AL$2:AL$366,ROUNDDOWN($C5747/24,0)+1,1))-1)+IF('Standard Profiles'!$G$22=$B$10,7,0)+IF('Standard Profiles'!$G$22=$B$17,14,0)+IF('Standard Profiles'!$G$22=$B$24,21,0),0)),0)</f>
        <v>4.2310107219262857E-2</v>
      </c>
      <c r="I5747">
        <f t="shared" si="643"/>
        <v>4.0617702930492362E-2</v>
      </c>
      <c r="J5747">
        <f t="shared" si="644"/>
        <v>3.7527483359202436</v>
      </c>
      <c r="K5747">
        <f t="shared" si="645"/>
        <v>0.21594053096209387</v>
      </c>
      <c r="L5747">
        <f t="shared" si="646"/>
        <v>0.10797026548104693</v>
      </c>
      <c r="M5747">
        <f t="shared" si="647"/>
        <v>0</v>
      </c>
      <c r="N5747" s="45">
        <f t="shared" si="648"/>
        <v>45165.041666652811</v>
      </c>
    </row>
    <row r="5748" spans="2:14" x14ac:dyDescent="0.25">
      <c r="B5748">
        <f t="shared" si="642"/>
        <v>7</v>
      </c>
      <c r="C5748" s="16">
        <v>5714</v>
      </c>
      <c r="D5748" cm="1">
        <f t="array" ref="D5748">IFERROR(INDEX(Jesper!AH$2:AH$366,ROUNDDOWN($C5748/24,0)+1,1)*INDEX($D$3:$AA$30,INDEX(Jesper!$R$2:$R$366,ROW(INDEX(Jesper!AH$2:AH$366,ROUNDDOWN($C5748/24,0)+1,1))-1)+IF('Standard Profiles'!$G$18=$B$10,7,0)+IF('Standard Profiles'!$G$18=$B$17,14,0)+IF('Standard Profiles'!$G$18=$B$24,21,0),MOD($C5748,24)+1)/SUM(INDEX($D$3:$AA$30,INDEX(Jesper!$R$2:$R$366,ROW(INDEX(Jesper!AH$2:AH$366,ROUNDDOWN($C5748/24,0)+1,1))-1)+IF('Standard Profiles'!$G$18=$B$10,7,0)+IF('Standard Profiles'!$G$18=$B$17,14,0)+IF('Standard Profiles'!$G$18=$B$24,21,0),0)),0)</f>
        <v>0</v>
      </c>
      <c r="E5748" cm="1">
        <f t="array" ref="E5748">IFERROR(INDEX(Jesper!AI$2:AI$366,ROUNDDOWN($C5748/24,0)+1,1)*INDEX($D$3:$AA$30,INDEX(Jesper!$R$2:$R$366,ROW(INDEX(Jesper!AI$2:AI$366,ROUNDDOWN($C5748/24,0)+1,1))-1)+IF('Standard Profiles'!$G$19=$B$10,7,0)+IF('Standard Profiles'!$G$19=$B$17,14,0)+IF('Standard Profiles'!$G$19=$B$24,21,0),MOD($C5748,24)+1)/SUM(INDEX($D$3:$AA$30,INDEX(Jesper!$R$2:$R$366,ROW(INDEX(Jesper!AI$2:AI$366,ROUNDDOWN($C5748/24,0)+1,1))-1)+IF('Standard Profiles'!$G$19=$B$10,7,0)+IF('Standard Profiles'!$G$19=$B$17,14,0)+IF('Standard Profiles'!$G$19=$B$24,21,0),0)),0)</f>
        <v>2.6992566370261732</v>
      </c>
      <c r="F5748" cm="1">
        <f t="array" ref="F5748">IFERROR(INDEX(Jesper!AJ$2:AJ$366,ROUNDDOWN($C5748/24,0)+1,1)*INDEX($D$3:$AA$30,INDEX(Jesper!$R$2:$R$366,ROW(INDEX(Jesper!AJ$2:AJ$366,ROUNDDOWN($C5748/24,0)+1,1))-1)+IF('Standard Profiles'!$G$20=$B$10,7,0)+IF('Standard Profiles'!$G$20=$B$17,14,0)+IF('Standard Profiles'!$G$20=$B$24,21,0),MOD($C5748,24)+1)/SUM(INDEX($D$3:$AA$30,INDEX(Jesper!$R$2:$R$366,ROW(INDEX(Jesper!AJ$2:AJ$366,ROUNDDOWN($C5748/24,0)+1,1))-1)+IF('Standard Profiles'!$G$20=$B$10,7,0)+IF('Standard Profiles'!$G$20=$B$17,14,0)+IF('Standard Profiles'!$G$20=$B$24,21,0),0)),0)</f>
        <v>0.96433226217720591</v>
      </c>
      <c r="G5748" cm="1">
        <f t="array" ref="G5748">IFERROR(INDEX(Jesper!AK$2:AK$366,ROUNDDOWN($C5748/24,0)+1,1)*INDEX($D$3:$AA$30,INDEX(Jesper!$R$2:$R$366,ROW(INDEX(Jesper!AK$2:AK$366,ROUNDDOWN($C5748/24,0)+1,1))-1)+IF('Standard Profiles'!$G$21=$B$10,7,0)+IF('Standard Profiles'!$G$21=$B$17,14,0)+IF('Standard Profiles'!$G$21=$B$24,21,0),MOD($C5748,24)+1)/SUM(INDEX($D$3:$AA$30,INDEX(Jesper!$R$2:$R$366,ROW(INDEX(Jesper!AK$2:AK$366,ROUNDDOWN($C5748/24,0)+1,1))-1)+IF('Standard Profiles'!$G$21=$B$10,7,0)+IF('Standard Profiles'!$G$21=$B$17,14,0)+IF('Standard Profiles'!$G$21=$B$24,21,0),0)),0)</f>
        <v>0.41137782887123464</v>
      </c>
      <c r="H5748" cm="1">
        <f t="array" ref="H5748">IFERROR(INDEX(Jesper!AL$2:AL$366,ROUNDDOWN($C5748/24,0)+1,1)*INDEX($D$3:$AA$30,INDEX(Jesper!$R$2:$R$366,ROW(INDEX(Jesper!AL$2:AL$366,ROUNDDOWN($C5748/24,0)+1,1))-1)+IF('Standard Profiles'!$G$22=$B$10,7,0)+IF('Standard Profiles'!$G$22=$B$17,14,0)+IF('Standard Profiles'!$G$22=$B$24,21,0),MOD($C5748,24)+1)/SUM(INDEX($D$3:$AA$30,INDEX(Jesper!$R$2:$R$366,ROW(INDEX(Jesper!AL$2:AL$366,ROUNDDOWN($C5748/24,0)+1,1))-1)+IF('Standard Profiles'!$G$22=$B$10,7,0)+IF('Standard Profiles'!$G$22=$B$17,14,0)+IF('Standard Profiles'!$G$22=$B$24,21,0),0)),0)</f>
        <v>4.2310107219262857E-2</v>
      </c>
      <c r="I5748">
        <f t="shared" si="643"/>
        <v>4.0617702930492362E-2</v>
      </c>
      <c r="J5748">
        <f t="shared" si="644"/>
        <v>3.7527483359202436</v>
      </c>
      <c r="K5748">
        <f t="shared" si="645"/>
        <v>0.21594053096209387</v>
      </c>
      <c r="L5748">
        <f t="shared" si="646"/>
        <v>0.10797026548104693</v>
      </c>
      <c r="M5748">
        <f t="shared" si="647"/>
        <v>0</v>
      </c>
      <c r="N5748" s="45">
        <f t="shared" si="648"/>
        <v>45165.083333319475</v>
      </c>
    </row>
    <row r="5749" spans="2:14" x14ac:dyDescent="0.25">
      <c r="B5749">
        <f t="shared" si="642"/>
        <v>7</v>
      </c>
      <c r="C5749" s="16">
        <v>5715</v>
      </c>
      <c r="D5749" cm="1">
        <f t="array" ref="D5749">IFERROR(INDEX(Jesper!AH$2:AH$366,ROUNDDOWN($C5749/24,0)+1,1)*INDEX($D$3:$AA$30,INDEX(Jesper!$R$2:$R$366,ROW(INDEX(Jesper!AH$2:AH$366,ROUNDDOWN($C5749/24,0)+1,1))-1)+IF('Standard Profiles'!$G$18=$B$10,7,0)+IF('Standard Profiles'!$G$18=$B$17,14,0)+IF('Standard Profiles'!$G$18=$B$24,21,0),MOD($C5749,24)+1)/SUM(INDEX($D$3:$AA$30,INDEX(Jesper!$R$2:$R$366,ROW(INDEX(Jesper!AH$2:AH$366,ROUNDDOWN($C5749/24,0)+1,1))-1)+IF('Standard Profiles'!$G$18=$B$10,7,0)+IF('Standard Profiles'!$G$18=$B$17,14,0)+IF('Standard Profiles'!$G$18=$B$24,21,0),0)),0)</f>
        <v>0</v>
      </c>
      <c r="E5749" cm="1">
        <f t="array" ref="E5749">IFERROR(INDEX(Jesper!AI$2:AI$366,ROUNDDOWN($C5749/24,0)+1,1)*INDEX($D$3:$AA$30,INDEX(Jesper!$R$2:$R$366,ROW(INDEX(Jesper!AI$2:AI$366,ROUNDDOWN($C5749/24,0)+1,1))-1)+IF('Standard Profiles'!$G$19=$B$10,7,0)+IF('Standard Profiles'!$G$19=$B$17,14,0)+IF('Standard Profiles'!$G$19=$B$24,21,0),MOD($C5749,24)+1)/SUM(INDEX($D$3:$AA$30,INDEX(Jesper!$R$2:$R$366,ROW(INDEX(Jesper!AI$2:AI$366,ROUNDDOWN($C5749/24,0)+1,1))-1)+IF('Standard Profiles'!$G$19=$B$10,7,0)+IF('Standard Profiles'!$G$19=$B$17,14,0)+IF('Standard Profiles'!$G$19=$B$24,21,0),0)),0)</f>
        <v>2.6992566370261732</v>
      </c>
      <c r="F5749" cm="1">
        <f t="array" ref="F5749">IFERROR(INDEX(Jesper!AJ$2:AJ$366,ROUNDDOWN($C5749/24,0)+1,1)*INDEX($D$3:$AA$30,INDEX(Jesper!$R$2:$R$366,ROW(INDEX(Jesper!AJ$2:AJ$366,ROUNDDOWN($C5749/24,0)+1,1))-1)+IF('Standard Profiles'!$G$20=$B$10,7,0)+IF('Standard Profiles'!$G$20=$B$17,14,0)+IF('Standard Profiles'!$G$20=$B$24,21,0),MOD($C5749,24)+1)/SUM(INDEX($D$3:$AA$30,INDEX(Jesper!$R$2:$R$366,ROW(INDEX(Jesper!AJ$2:AJ$366,ROUNDDOWN($C5749/24,0)+1,1))-1)+IF('Standard Profiles'!$G$20=$B$10,7,0)+IF('Standard Profiles'!$G$20=$B$17,14,0)+IF('Standard Profiles'!$G$20=$B$24,21,0),0)),0)</f>
        <v>0.96433226217720591</v>
      </c>
      <c r="G5749" cm="1">
        <f t="array" ref="G5749">IFERROR(INDEX(Jesper!AK$2:AK$366,ROUNDDOWN($C5749/24,0)+1,1)*INDEX($D$3:$AA$30,INDEX(Jesper!$R$2:$R$366,ROW(INDEX(Jesper!AK$2:AK$366,ROUNDDOWN($C5749/24,0)+1,1))-1)+IF('Standard Profiles'!$G$21=$B$10,7,0)+IF('Standard Profiles'!$G$21=$B$17,14,0)+IF('Standard Profiles'!$G$21=$B$24,21,0),MOD($C5749,24)+1)/SUM(INDEX($D$3:$AA$30,INDEX(Jesper!$R$2:$R$366,ROW(INDEX(Jesper!AK$2:AK$366,ROUNDDOWN($C5749/24,0)+1,1))-1)+IF('Standard Profiles'!$G$21=$B$10,7,0)+IF('Standard Profiles'!$G$21=$B$17,14,0)+IF('Standard Profiles'!$G$21=$B$24,21,0),0)),0)</f>
        <v>0.41137782887123464</v>
      </c>
      <c r="H5749" cm="1">
        <f t="array" ref="H5749">IFERROR(INDEX(Jesper!AL$2:AL$366,ROUNDDOWN($C5749/24,0)+1,1)*INDEX($D$3:$AA$30,INDEX(Jesper!$R$2:$R$366,ROW(INDEX(Jesper!AL$2:AL$366,ROUNDDOWN($C5749/24,0)+1,1))-1)+IF('Standard Profiles'!$G$22=$B$10,7,0)+IF('Standard Profiles'!$G$22=$B$17,14,0)+IF('Standard Profiles'!$G$22=$B$24,21,0),MOD($C5749,24)+1)/SUM(INDEX($D$3:$AA$30,INDEX(Jesper!$R$2:$R$366,ROW(INDEX(Jesper!AL$2:AL$366,ROUNDDOWN($C5749/24,0)+1,1))-1)+IF('Standard Profiles'!$G$22=$B$10,7,0)+IF('Standard Profiles'!$G$22=$B$17,14,0)+IF('Standard Profiles'!$G$22=$B$24,21,0),0)),0)</f>
        <v>4.2310107219262857E-2</v>
      </c>
      <c r="I5749">
        <f t="shared" si="643"/>
        <v>4.0617702930492362E-2</v>
      </c>
      <c r="J5749">
        <f t="shared" si="644"/>
        <v>3.7527483359202436</v>
      </c>
      <c r="K5749">
        <f t="shared" si="645"/>
        <v>0.21594053096209387</v>
      </c>
      <c r="L5749">
        <f t="shared" si="646"/>
        <v>0.10797026548104693</v>
      </c>
      <c r="M5749">
        <f t="shared" si="647"/>
        <v>0</v>
      </c>
      <c r="N5749" s="45">
        <f t="shared" si="648"/>
        <v>45165.124999986139</v>
      </c>
    </row>
    <row r="5750" spans="2:14" x14ac:dyDescent="0.25">
      <c r="B5750">
        <f t="shared" si="642"/>
        <v>7</v>
      </c>
      <c r="C5750" s="16">
        <v>5716</v>
      </c>
      <c r="D5750" cm="1">
        <f t="array" ref="D5750">IFERROR(INDEX(Jesper!AH$2:AH$366,ROUNDDOWN($C5750/24,0)+1,1)*INDEX($D$3:$AA$30,INDEX(Jesper!$R$2:$R$366,ROW(INDEX(Jesper!AH$2:AH$366,ROUNDDOWN($C5750/24,0)+1,1))-1)+IF('Standard Profiles'!$G$18=$B$10,7,0)+IF('Standard Profiles'!$G$18=$B$17,14,0)+IF('Standard Profiles'!$G$18=$B$24,21,0),MOD($C5750,24)+1)/SUM(INDEX($D$3:$AA$30,INDEX(Jesper!$R$2:$R$366,ROW(INDEX(Jesper!AH$2:AH$366,ROUNDDOWN($C5750/24,0)+1,1))-1)+IF('Standard Profiles'!$G$18=$B$10,7,0)+IF('Standard Profiles'!$G$18=$B$17,14,0)+IF('Standard Profiles'!$G$18=$B$24,21,0),0)),0)</f>
        <v>0</v>
      </c>
      <c r="E5750" cm="1">
        <f t="array" ref="E5750">IFERROR(INDEX(Jesper!AI$2:AI$366,ROUNDDOWN($C5750/24,0)+1,1)*INDEX($D$3:$AA$30,INDEX(Jesper!$R$2:$R$366,ROW(INDEX(Jesper!AI$2:AI$366,ROUNDDOWN($C5750/24,0)+1,1))-1)+IF('Standard Profiles'!$G$19=$B$10,7,0)+IF('Standard Profiles'!$G$19=$B$17,14,0)+IF('Standard Profiles'!$G$19=$B$24,21,0),MOD($C5750,24)+1)/SUM(INDEX($D$3:$AA$30,INDEX(Jesper!$R$2:$R$366,ROW(INDEX(Jesper!AI$2:AI$366,ROUNDDOWN($C5750/24,0)+1,1))-1)+IF('Standard Profiles'!$G$19=$B$10,7,0)+IF('Standard Profiles'!$G$19=$B$17,14,0)+IF('Standard Profiles'!$G$19=$B$24,21,0),0)),0)</f>
        <v>2.6992566370261732</v>
      </c>
      <c r="F5750" cm="1">
        <f t="array" ref="F5750">IFERROR(INDEX(Jesper!AJ$2:AJ$366,ROUNDDOWN($C5750/24,0)+1,1)*INDEX($D$3:$AA$30,INDEX(Jesper!$R$2:$R$366,ROW(INDEX(Jesper!AJ$2:AJ$366,ROUNDDOWN($C5750/24,0)+1,1))-1)+IF('Standard Profiles'!$G$20=$B$10,7,0)+IF('Standard Profiles'!$G$20=$B$17,14,0)+IF('Standard Profiles'!$G$20=$B$24,21,0),MOD($C5750,24)+1)/SUM(INDEX($D$3:$AA$30,INDEX(Jesper!$R$2:$R$366,ROW(INDEX(Jesper!AJ$2:AJ$366,ROUNDDOWN($C5750/24,0)+1,1))-1)+IF('Standard Profiles'!$G$20=$B$10,7,0)+IF('Standard Profiles'!$G$20=$B$17,14,0)+IF('Standard Profiles'!$G$20=$B$24,21,0),0)),0)</f>
        <v>0.96433226217720591</v>
      </c>
      <c r="G5750" cm="1">
        <f t="array" ref="G5750">IFERROR(INDEX(Jesper!AK$2:AK$366,ROUNDDOWN($C5750/24,0)+1,1)*INDEX($D$3:$AA$30,INDEX(Jesper!$R$2:$R$366,ROW(INDEX(Jesper!AK$2:AK$366,ROUNDDOWN($C5750/24,0)+1,1))-1)+IF('Standard Profiles'!$G$21=$B$10,7,0)+IF('Standard Profiles'!$G$21=$B$17,14,0)+IF('Standard Profiles'!$G$21=$B$24,21,0),MOD($C5750,24)+1)/SUM(INDEX($D$3:$AA$30,INDEX(Jesper!$R$2:$R$366,ROW(INDEX(Jesper!AK$2:AK$366,ROUNDDOWN($C5750/24,0)+1,1))-1)+IF('Standard Profiles'!$G$21=$B$10,7,0)+IF('Standard Profiles'!$G$21=$B$17,14,0)+IF('Standard Profiles'!$G$21=$B$24,21,0),0)),0)</f>
        <v>0.41137782887123464</v>
      </c>
      <c r="H5750" cm="1">
        <f t="array" ref="H5750">IFERROR(INDEX(Jesper!AL$2:AL$366,ROUNDDOWN($C5750/24,0)+1,1)*INDEX($D$3:$AA$30,INDEX(Jesper!$R$2:$R$366,ROW(INDEX(Jesper!AL$2:AL$366,ROUNDDOWN($C5750/24,0)+1,1))-1)+IF('Standard Profiles'!$G$22=$B$10,7,0)+IF('Standard Profiles'!$G$22=$B$17,14,0)+IF('Standard Profiles'!$G$22=$B$24,21,0),MOD($C5750,24)+1)/SUM(INDEX($D$3:$AA$30,INDEX(Jesper!$R$2:$R$366,ROW(INDEX(Jesper!AL$2:AL$366,ROUNDDOWN($C5750/24,0)+1,1))-1)+IF('Standard Profiles'!$G$22=$B$10,7,0)+IF('Standard Profiles'!$G$22=$B$17,14,0)+IF('Standard Profiles'!$G$22=$B$24,21,0),0)),0)</f>
        <v>4.2310107219262857E-2</v>
      </c>
      <c r="I5750">
        <f t="shared" si="643"/>
        <v>4.0617702930492362E-2</v>
      </c>
      <c r="J5750">
        <f t="shared" si="644"/>
        <v>3.7527483359202436</v>
      </c>
      <c r="K5750">
        <f t="shared" si="645"/>
        <v>0.21594053096209387</v>
      </c>
      <c r="L5750">
        <f t="shared" si="646"/>
        <v>0.10797026548104693</v>
      </c>
      <c r="M5750">
        <f t="shared" si="647"/>
        <v>0</v>
      </c>
      <c r="N5750" s="45">
        <f t="shared" si="648"/>
        <v>45165.166666652804</v>
      </c>
    </row>
    <row r="5751" spans="2:14" x14ac:dyDescent="0.25">
      <c r="B5751">
        <f t="shared" si="642"/>
        <v>7</v>
      </c>
      <c r="C5751" s="16">
        <v>5717</v>
      </c>
      <c r="D5751" cm="1">
        <f t="array" ref="D5751">IFERROR(INDEX(Jesper!AH$2:AH$366,ROUNDDOWN($C5751/24,0)+1,1)*INDEX($D$3:$AA$30,INDEX(Jesper!$R$2:$R$366,ROW(INDEX(Jesper!AH$2:AH$366,ROUNDDOWN($C5751/24,0)+1,1))-1)+IF('Standard Profiles'!$G$18=$B$10,7,0)+IF('Standard Profiles'!$G$18=$B$17,14,0)+IF('Standard Profiles'!$G$18=$B$24,21,0),MOD($C5751,24)+1)/SUM(INDEX($D$3:$AA$30,INDEX(Jesper!$R$2:$R$366,ROW(INDEX(Jesper!AH$2:AH$366,ROUNDDOWN($C5751/24,0)+1,1))-1)+IF('Standard Profiles'!$G$18=$B$10,7,0)+IF('Standard Profiles'!$G$18=$B$17,14,0)+IF('Standard Profiles'!$G$18=$B$24,21,0),0)),0)</f>
        <v>0</v>
      </c>
      <c r="E5751" cm="1">
        <f t="array" ref="E5751">IFERROR(INDEX(Jesper!AI$2:AI$366,ROUNDDOWN($C5751/24,0)+1,1)*INDEX($D$3:$AA$30,INDEX(Jesper!$R$2:$R$366,ROW(INDEX(Jesper!AI$2:AI$366,ROUNDDOWN($C5751/24,0)+1,1))-1)+IF('Standard Profiles'!$G$19=$B$10,7,0)+IF('Standard Profiles'!$G$19=$B$17,14,0)+IF('Standard Profiles'!$G$19=$B$24,21,0),MOD($C5751,24)+1)/SUM(INDEX($D$3:$AA$30,INDEX(Jesper!$R$2:$R$366,ROW(INDEX(Jesper!AI$2:AI$366,ROUNDDOWN($C5751/24,0)+1,1))-1)+IF('Standard Profiles'!$G$19=$B$10,7,0)+IF('Standard Profiles'!$G$19=$B$17,14,0)+IF('Standard Profiles'!$G$19=$B$24,21,0),0)),0)</f>
        <v>2.6992566370261732</v>
      </c>
      <c r="F5751" cm="1">
        <f t="array" ref="F5751">IFERROR(INDEX(Jesper!AJ$2:AJ$366,ROUNDDOWN($C5751/24,0)+1,1)*INDEX($D$3:$AA$30,INDEX(Jesper!$R$2:$R$366,ROW(INDEX(Jesper!AJ$2:AJ$366,ROUNDDOWN($C5751/24,0)+1,1))-1)+IF('Standard Profiles'!$G$20=$B$10,7,0)+IF('Standard Profiles'!$G$20=$B$17,14,0)+IF('Standard Profiles'!$G$20=$B$24,21,0),MOD($C5751,24)+1)/SUM(INDEX($D$3:$AA$30,INDEX(Jesper!$R$2:$R$366,ROW(INDEX(Jesper!AJ$2:AJ$366,ROUNDDOWN($C5751/24,0)+1,1))-1)+IF('Standard Profiles'!$G$20=$B$10,7,0)+IF('Standard Profiles'!$G$20=$B$17,14,0)+IF('Standard Profiles'!$G$20=$B$24,21,0),0)),0)</f>
        <v>0.96433226217720591</v>
      </c>
      <c r="G5751" cm="1">
        <f t="array" ref="G5751">IFERROR(INDEX(Jesper!AK$2:AK$366,ROUNDDOWN($C5751/24,0)+1,1)*INDEX($D$3:$AA$30,INDEX(Jesper!$R$2:$R$366,ROW(INDEX(Jesper!AK$2:AK$366,ROUNDDOWN($C5751/24,0)+1,1))-1)+IF('Standard Profiles'!$G$21=$B$10,7,0)+IF('Standard Profiles'!$G$21=$B$17,14,0)+IF('Standard Profiles'!$G$21=$B$24,21,0),MOD($C5751,24)+1)/SUM(INDEX($D$3:$AA$30,INDEX(Jesper!$R$2:$R$366,ROW(INDEX(Jesper!AK$2:AK$366,ROUNDDOWN($C5751/24,0)+1,1))-1)+IF('Standard Profiles'!$G$21=$B$10,7,0)+IF('Standard Profiles'!$G$21=$B$17,14,0)+IF('Standard Profiles'!$G$21=$B$24,21,0),0)),0)</f>
        <v>0.41137782887123464</v>
      </c>
      <c r="H5751" cm="1">
        <f t="array" ref="H5751">IFERROR(INDEX(Jesper!AL$2:AL$366,ROUNDDOWN($C5751/24,0)+1,1)*INDEX($D$3:$AA$30,INDEX(Jesper!$R$2:$R$366,ROW(INDEX(Jesper!AL$2:AL$366,ROUNDDOWN($C5751/24,0)+1,1))-1)+IF('Standard Profiles'!$G$22=$B$10,7,0)+IF('Standard Profiles'!$G$22=$B$17,14,0)+IF('Standard Profiles'!$G$22=$B$24,21,0),MOD($C5751,24)+1)/SUM(INDEX($D$3:$AA$30,INDEX(Jesper!$R$2:$R$366,ROW(INDEX(Jesper!AL$2:AL$366,ROUNDDOWN($C5751/24,0)+1,1))-1)+IF('Standard Profiles'!$G$22=$B$10,7,0)+IF('Standard Profiles'!$G$22=$B$17,14,0)+IF('Standard Profiles'!$G$22=$B$24,21,0),0)),0)</f>
        <v>5.2887634024078575E-2</v>
      </c>
      <c r="I5751">
        <f t="shared" si="643"/>
        <v>5.0772128663115458E-2</v>
      </c>
      <c r="J5751">
        <f t="shared" si="644"/>
        <v>3.753171436992436</v>
      </c>
      <c r="K5751">
        <f t="shared" si="645"/>
        <v>0.21594053096209387</v>
      </c>
      <c r="L5751">
        <f t="shared" si="646"/>
        <v>0.10797026548104693</v>
      </c>
      <c r="M5751">
        <f t="shared" si="647"/>
        <v>0</v>
      </c>
      <c r="N5751" s="45">
        <f t="shared" si="648"/>
        <v>45165.208333319468</v>
      </c>
    </row>
    <row r="5752" spans="2:14" x14ac:dyDescent="0.25">
      <c r="B5752">
        <f t="shared" si="642"/>
        <v>7</v>
      </c>
      <c r="C5752" s="16">
        <v>5718</v>
      </c>
      <c r="D5752" cm="1">
        <f t="array" ref="D5752">IFERROR(INDEX(Jesper!AH$2:AH$366,ROUNDDOWN($C5752/24,0)+1,1)*INDEX($D$3:$AA$30,INDEX(Jesper!$R$2:$R$366,ROW(INDEX(Jesper!AH$2:AH$366,ROUNDDOWN($C5752/24,0)+1,1))-1)+IF('Standard Profiles'!$G$18=$B$10,7,0)+IF('Standard Profiles'!$G$18=$B$17,14,0)+IF('Standard Profiles'!$G$18=$B$24,21,0),MOD($C5752,24)+1)/SUM(INDEX($D$3:$AA$30,INDEX(Jesper!$R$2:$R$366,ROW(INDEX(Jesper!AH$2:AH$366,ROUNDDOWN($C5752/24,0)+1,1))-1)+IF('Standard Profiles'!$G$18=$B$10,7,0)+IF('Standard Profiles'!$G$18=$B$17,14,0)+IF('Standard Profiles'!$G$18=$B$24,21,0),0)),0)</f>
        <v>0</v>
      </c>
      <c r="E5752" cm="1">
        <f t="array" ref="E5752">IFERROR(INDEX(Jesper!AI$2:AI$366,ROUNDDOWN($C5752/24,0)+1,1)*INDEX($D$3:$AA$30,INDEX(Jesper!$R$2:$R$366,ROW(INDEX(Jesper!AI$2:AI$366,ROUNDDOWN($C5752/24,0)+1,1))-1)+IF('Standard Profiles'!$G$19=$B$10,7,0)+IF('Standard Profiles'!$G$19=$B$17,14,0)+IF('Standard Profiles'!$G$19=$B$24,21,0),MOD($C5752,24)+1)/SUM(INDEX($D$3:$AA$30,INDEX(Jesper!$R$2:$R$366,ROW(INDEX(Jesper!AI$2:AI$366,ROUNDDOWN($C5752/24,0)+1,1))-1)+IF('Standard Profiles'!$G$19=$B$10,7,0)+IF('Standard Profiles'!$G$19=$B$17,14,0)+IF('Standard Profiles'!$G$19=$B$24,21,0),0)),0)</f>
        <v>2.6992566370261732</v>
      </c>
      <c r="F5752" cm="1">
        <f t="array" ref="F5752">IFERROR(INDEX(Jesper!AJ$2:AJ$366,ROUNDDOWN($C5752/24,0)+1,1)*INDEX($D$3:$AA$30,INDEX(Jesper!$R$2:$R$366,ROW(INDEX(Jesper!AJ$2:AJ$366,ROUNDDOWN($C5752/24,0)+1,1))-1)+IF('Standard Profiles'!$G$20=$B$10,7,0)+IF('Standard Profiles'!$G$20=$B$17,14,0)+IF('Standard Profiles'!$G$20=$B$24,21,0),MOD($C5752,24)+1)/SUM(INDEX($D$3:$AA$30,INDEX(Jesper!$R$2:$R$366,ROW(INDEX(Jesper!AJ$2:AJ$366,ROUNDDOWN($C5752/24,0)+1,1))-1)+IF('Standard Profiles'!$G$20=$B$10,7,0)+IF('Standard Profiles'!$G$20=$B$17,14,0)+IF('Standard Profiles'!$G$20=$B$24,21,0),0)),0)</f>
        <v>0.96433226217720591</v>
      </c>
      <c r="G5752" cm="1">
        <f t="array" ref="G5752">IFERROR(INDEX(Jesper!AK$2:AK$366,ROUNDDOWN($C5752/24,0)+1,1)*INDEX($D$3:$AA$30,INDEX(Jesper!$R$2:$R$366,ROW(INDEX(Jesper!AK$2:AK$366,ROUNDDOWN($C5752/24,0)+1,1))-1)+IF('Standard Profiles'!$G$21=$B$10,7,0)+IF('Standard Profiles'!$G$21=$B$17,14,0)+IF('Standard Profiles'!$G$21=$B$24,21,0),MOD($C5752,24)+1)/SUM(INDEX($D$3:$AA$30,INDEX(Jesper!$R$2:$R$366,ROW(INDEX(Jesper!AK$2:AK$366,ROUNDDOWN($C5752/24,0)+1,1))-1)+IF('Standard Profiles'!$G$21=$B$10,7,0)+IF('Standard Profiles'!$G$21=$B$17,14,0)+IF('Standard Profiles'!$G$21=$B$24,21,0),0)),0)</f>
        <v>0.41137782887123464</v>
      </c>
      <c r="H5752" cm="1">
        <f t="array" ref="H5752">IFERROR(INDEX(Jesper!AL$2:AL$366,ROUNDDOWN($C5752/24,0)+1,1)*INDEX($D$3:$AA$30,INDEX(Jesper!$R$2:$R$366,ROW(INDEX(Jesper!AL$2:AL$366,ROUNDDOWN($C5752/24,0)+1,1))-1)+IF('Standard Profiles'!$G$22=$B$10,7,0)+IF('Standard Profiles'!$G$22=$B$17,14,0)+IF('Standard Profiles'!$G$22=$B$24,21,0),MOD($C5752,24)+1)/SUM(INDEX($D$3:$AA$30,INDEX(Jesper!$R$2:$R$366,ROW(INDEX(Jesper!AL$2:AL$366,ROUNDDOWN($C5752/24,0)+1,1))-1)+IF('Standard Profiles'!$G$22=$B$10,7,0)+IF('Standard Profiles'!$G$22=$B$17,14,0)+IF('Standard Profiles'!$G$22=$B$24,21,0),0)),0)</f>
        <v>6.2289880072803658E-2</v>
      </c>
      <c r="I5752">
        <f t="shared" si="643"/>
        <v>5.9798284869891541E-2</v>
      </c>
      <c r="J5752">
        <f t="shared" si="644"/>
        <v>3.7535475268343852</v>
      </c>
      <c r="K5752">
        <f t="shared" si="645"/>
        <v>0.21594053096209387</v>
      </c>
      <c r="L5752">
        <f t="shared" si="646"/>
        <v>0.10797026548104693</v>
      </c>
      <c r="M5752">
        <f t="shared" si="647"/>
        <v>0</v>
      </c>
      <c r="N5752" s="45">
        <f t="shared" si="648"/>
        <v>45165.249999986132</v>
      </c>
    </row>
    <row r="5753" spans="2:14" x14ac:dyDescent="0.25">
      <c r="B5753">
        <f t="shared" si="642"/>
        <v>7</v>
      </c>
      <c r="C5753" s="16">
        <v>5719</v>
      </c>
      <c r="D5753" cm="1">
        <f t="array" ref="D5753">IFERROR(INDEX(Jesper!AH$2:AH$366,ROUNDDOWN($C5753/24,0)+1,1)*INDEX($D$3:$AA$30,INDEX(Jesper!$R$2:$R$366,ROW(INDEX(Jesper!AH$2:AH$366,ROUNDDOWN($C5753/24,0)+1,1))-1)+IF('Standard Profiles'!$G$18=$B$10,7,0)+IF('Standard Profiles'!$G$18=$B$17,14,0)+IF('Standard Profiles'!$G$18=$B$24,21,0),MOD($C5753,24)+1)/SUM(INDEX($D$3:$AA$30,INDEX(Jesper!$R$2:$R$366,ROW(INDEX(Jesper!AH$2:AH$366,ROUNDDOWN($C5753/24,0)+1,1))-1)+IF('Standard Profiles'!$G$18=$B$10,7,0)+IF('Standard Profiles'!$G$18=$B$17,14,0)+IF('Standard Profiles'!$G$18=$B$24,21,0),0)),0)</f>
        <v>0</v>
      </c>
      <c r="E5753" cm="1">
        <f t="array" ref="E5753">IFERROR(INDEX(Jesper!AI$2:AI$366,ROUNDDOWN($C5753/24,0)+1,1)*INDEX($D$3:$AA$30,INDEX(Jesper!$R$2:$R$366,ROW(INDEX(Jesper!AI$2:AI$366,ROUNDDOWN($C5753/24,0)+1,1))-1)+IF('Standard Profiles'!$G$19=$B$10,7,0)+IF('Standard Profiles'!$G$19=$B$17,14,0)+IF('Standard Profiles'!$G$19=$B$24,21,0),MOD($C5753,24)+1)/SUM(INDEX($D$3:$AA$30,INDEX(Jesper!$R$2:$R$366,ROW(INDEX(Jesper!AI$2:AI$366,ROUNDDOWN($C5753/24,0)+1,1))-1)+IF('Standard Profiles'!$G$19=$B$10,7,0)+IF('Standard Profiles'!$G$19=$B$17,14,0)+IF('Standard Profiles'!$G$19=$B$24,21,0),0)),0)</f>
        <v>2.6992566370261732</v>
      </c>
      <c r="F5753" cm="1">
        <f t="array" ref="F5753">IFERROR(INDEX(Jesper!AJ$2:AJ$366,ROUNDDOWN($C5753/24,0)+1,1)*INDEX($D$3:$AA$30,INDEX(Jesper!$R$2:$R$366,ROW(INDEX(Jesper!AJ$2:AJ$366,ROUNDDOWN($C5753/24,0)+1,1))-1)+IF('Standard Profiles'!$G$20=$B$10,7,0)+IF('Standard Profiles'!$G$20=$B$17,14,0)+IF('Standard Profiles'!$G$20=$B$24,21,0),MOD($C5753,24)+1)/SUM(INDEX($D$3:$AA$30,INDEX(Jesper!$R$2:$R$366,ROW(INDEX(Jesper!AJ$2:AJ$366,ROUNDDOWN($C5753/24,0)+1,1))-1)+IF('Standard Profiles'!$G$20=$B$10,7,0)+IF('Standard Profiles'!$G$20=$B$17,14,0)+IF('Standard Profiles'!$G$20=$B$24,21,0),0)),0)</f>
        <v>0.96433226217720591</v>
      </c>
      <c r="G5753" cm="1">
        <f t="array" ref="G5753">IFERROR(INDEX(Jesper!AK$2:AK$366,ROUNDDOWN($C5753/24,0)+1,1)*INDEX($D$3:$AA$30,INDEX(Jesper!$R$2:$R$366,ROW(INDEX(Jesper!AK$2:AK$366,ROUNDDOWN($C5753/24,0)+1,1))-1)+IF('Standard Profiles'!$G$21=$B$10,7,0)+IF('Standard Profiles'!$G$21=$B$17,14,0)+IF('Standard Profiles'!$G$21=$B$24,21,0),MOD($C5753,24)+1)/SUM(INDEX($D$3:$AA$30,INDEX(Jesper!$R$2:$R$366,ROW(INDEX(Jesper!AK$2:AK$366,ROUNDDOWN($C5753/24,0)+1,1))-1)+IF('Standard Profiles'!$G$21=$B$10,7,0)+IF('Standard Profiles'!$G$21=$B$17,14,0)+IF('Standard Profiles'!$G$21=$B$24,21,0),0)),0)</f>
        <v>0.41137782887123464</v>
      </c>
      <c r="H5753" cm="1">
        <f t="array" ref="H5753">IFERROR(INDEX(Jesper!AL$2:AL$366,ROUNDDOWN($C5753/24,0)+1,1)*INDEX($D$3:$AA$30,INDEX(Jesper!$R$2:$R$366,ROW(INDEX(Jesper!AL$2:AL$366,ROUNDDOWN($C5753/24,0)+1,1))-1)+IF('Standard Profiles'!$G$22=$B$10,7,0)+IF('Standard Profiles'!$G$22=$B$17,14,0)+IF('Standard Profiles'!$G$22=$B$24,21,0),MOD($C5753,24)+1)/SUM(INDEX($D$3:$AA$30,INDEX(Jesper!$R$2:$R$366,ROW(INDEX(Jesper!AL$2:AL$366,ROUNDDOWN($C5753/24,0)+1,1))-1)+IF('Standard Profiles'!$G$22=$B$10,7,0)+IF('Standard Profiles'!$G$22=$B$17,14,0)+IF('Standard Profiles'!$G$22=$B$24,21,0),0)),0)</f>
        <v>7.4042687633710011E-2</v>
      </c>
      <c r="I5753">
        <f t="shared" si="643"/>
        <v>7.1080980128361643E-2</v>
      </c>
      <c r="J5753">
        <f t="shared" si="644"/>
        <v>3.7540176391368214</v>
      </c>
      <c r="K5753">
        <f t="shared" si="645"/>
        <v>0.21594053096209387</v>
      </c>
      <c r="L5753">
        <f t="shared" si="646"/>
        <v>0.10797026548104693</v>
      </c>
      <c r="M5753">
        <f t="shared" si="647"/>
        <v>0</v>
      </c>
      <c r="N5753" s="45">
        <f t="shared" si="648"/>
        <v>45165.291666652796</v>
      </c>
    </row>
    <row r="5754" spans="2:14" x14ac:dyDescent="0.25">
      <c r="B5754">
        <f t="shared" si="642"/>
        <v>7</v>
      </c>
      <c r="C5754" s="16">
        <v>5720</v>
      </c>
      <c r="D5754" cm="1">
        <f t="array" ref="D5754">IFERROR(INDEX(Jesper!AH$2:AH$366,ROUNDDOWN($C5754/24,0)+1,1)*INDEX($D$3:$AA$30,INDEX(Jesper!$R$2:$R$366,ROW(INDEX(Jesper!AH$2:AH$366,ROUNDDOWN($C5754/24,0)+1,1))-1)+IF('Standard Profiles'!$G$18=$B$10,7,0)+IF('Standard Profiles'!$G$18=$B$17,14,0)+IF('Standard Profiles'!$G$18=$B$24,21,0),MOD($C5754,24)+1)/SUM(INDEX($D$3:$AA$30,INDEX(Jesper!$R$2:$R$366,ROW(INDEX(Jesper!AH$2:AH$366,ROUNDDOWN($C5754/24,0)+1,1))-1)+IF('Standard Profiles'!$G$18=$B$10,7,0)+IF('Standard Profiles'!$G$18=$B$17,14,0)+IF('Standard Profiles'!$G$18=$B$24,21,0),0)),0)</f>
        <v>0</v>
      </c>
      <c r="E5754" cm="1">
        <f t="array" ref="E5754">IFERROR(INDEX(Jesper!AI$2:AI$366,ROUNDDOWN($C5754/24,0)+1,1)*INDEX($D$3:$AA$30,INDEX(Jesper!$R$2:$R$366,ROW(INDEX(Jesper!AI$2:AI$366,ROUNDDOWN($C5754/24,0)+1,1))-1)+IF('Standard Profiles'!$G$19=$B$10,7,0)+IF('Standard Profiles'!$G$19=$B$17,14,0)+IF('Standard Profiles'!$G$19=$B$24,21,0),MOD($C5754,24)+1)/SUM(INDEX($D$3:$AA$30,INDEX(Jesper!$R$2:$R$366,ROW(INDEX(Jesper!AI$2:AI$366,ROUNDDOWN($C5754/24,0)+1,1))-1)+IF('Standard Profiles'!$G$19=$B$10,7,0)+IF('Standard Profiles'!$G$19=$B$17,14,0)+IF('Standard Profiles'!$G$19=$B$24,21,0),0)),0)</f>
        <v>2.6992566370261732</v>
      </c>
      <c r="F5754" cm="1">
        <f t="array" ref="F5754">IFERROR(INDEX(Jesper!AJ$2:AJ$366,ROUNDDOWN($C5754/24,0)+1,1)*INDEX($D$3:$AA$30,INDEX(Jesper!$R$2:$R$366,ROW(INDEX(Jesper!AJ$2:AJ$366,ROUNDDOWN($C5754/24,0)+1,1))-1)+IF('Standard Profiles'!$G$20=$B$10,7,0)+IF('Standard Profiles'!$G$20=$B$17,14,0)+IF('Standard Profiles'!$G$20=$B$24,21,0),MOD($C5754,24)+1)/SUM(INDEX($D$3:$AA$30,INDEX(Jesper!$R$2:$R$366,ROW(INDEX(Jesper!AJ$2:AJ$366,ROUNDDOWN($C5754/24,0)+1,1))-1)+IF('Standard Profiles'!$G$20=$B$10,7,0)+IF('Standard Profiles'!$G$20=$B$17,14,0)+IF('Standard Profiles'!$G$20=$B$24,21,0),0)),0)</f>
        <v>0.96433226217720591</v>
      </c>
      <c r="G5754" cm="1">
        <f t="array" ref="G5754">IFERROR(INDEX(Jesper!AK$2:AK$366,ROUNDDOWN($C5754/24,0)+1,1)*INDEX($D$3:$AA$30,INDEX(Jesper!$R$2:$R$366,ROW(INDEX(Jesper!AK$2:AK$366,ROUNDDOWN($C5754/24,0)+1,1))-1)+IF('Standard Profiles'!$G$21=$B$10,7,0)+IF('Standard Profiles'!$G$21=$B$17,14,0)+IF('Standard Profiles'!$G$21=$B$24,21,0),MOD($C5754,24)+1)/SUM(INDEX($D$3:$AA$30,INDEX(Jesper!$R$2:$R$366,ROW(INDEX(Jesper!AK$2:AK$366,ROUNDDOWN($C5754/24,0)+1,1))-1)+IF('Standard Profiles'!$G$21=$B$10,7,0)+IF('Standard Profiles'!$G$21=$B$17,14,0)+IF('Standard Profiles'!$G$21=$B$24,21,0),0)),0)</f>
        <v>0.41137782887123464</v>
      </c>
      <c r="H5754" cm="1">
        <f t="array" ref="H5754">IFERROR(INDEX(Jesper!AL$2:AL$366,ROUNDDOWN($C5754/24,0)+1,1)*INDEX($D$3:$AA$30,INDEX(Jesper!$R$2:$R$366,ROW(INDEX(Jesper!AL$2:AL$366,ROUNDDOWN($C5754/24,0)+1,1))-1)+IF('Standard Profiles'!$G$22=$B$10,7,0)+IF('Standard Profiles'!$G$22=$B$17,14,0)+IF('Standard Profiles'!$G$22=$B$24,21,0),MOD($C5754,24)+1)/SUM(INDEX($D$3:$AA$30,INDEX(Jesper!$R$2:$R$366,ROW(INDEX(Jesper!AL$2:AL$366,ROUNDDOWN($C5754/24,0)+1,1))-1)+IF('Standard Profiles'!$G$22=$B$10,7,0)+IF('Standard Profiles'!$G$22=$B$17,14,0)+IF('Standard Profiles'!$G$22=$B$24,21,0),0)),0)</f>
        <v>7.4042687633710011E-2</v>
      </c>
      <c r="I5754">
        <f t="shared" si="643"/>
        <v>7.1080980128361643E-2</v>
      </c>
      <c r="J5754">
        <f t="shared" si="644"/>
        <v>3.7540176391368214</v>
      </c>
      <c r="K5754">
        <f t="shared" si="645"/>
        <v>0.21594053096209387</v>
      </c>
      <c r="L5754">
        <f t="shared" si="646"/>
        <v>0.10797026548104693</v>
      </c>
      <c r="M5754">
        <f t="shared" si="647"/>
        <v>0</v>
      </c>
      <c r="N5754" s="45">
        <f t="shared" si="648"/>
        <v>45165.333333319461</v>
      </c>
    </row>
    <row r="5755" spans="2:14" x14ac:dyDescent="0.25">
      <c r="B5755">
        <f t="shared" si="642"/>
        <v>7</v>
      </c>
      <c r="C5755" s="16">
        <v>5721</v>
      </c>
      <c r="D5755" cm="1">
        <f t="array" ref="D5755">IFERROR(INDEX(Jesper!AH$2:AH$366,ROUNDDOWN($C5755/24,0)+1,1)*INDEX($D$3:$AA$30,INDEX(Jesper!$R$2:$R$366,ROW(INDEX(Jesper!AH$2:AH$366,ROUNDDOWN($C5755/24,0)+1,1))-1)+IF('Standard Profiles'!$G$18=$B$10,7,0)+IF('Standard Profiles'!$G$18=$B$17,14,0)+IF('Standard Profiles'!$G$18=$B$24,21,0),MOD($C5755,24)+1)/SUM(INDEX($D$3:$AA$30,INDEX(Jesper!$R$2:$R$366,ROW(INDEX(Jesper!AH$2:AH$366,ROUNDDOWN($C5755/24,0)+1,1))-1)+IF('Standard Profiles'!$G$18=$B$10,7,0)+IF('Standard Profiles'!$G$18=$B$17,14,0)+IF('Standard Profiles'!$G$18=$B$24,21,0),0)),0)</f>
        <v>0</v>
      </c>
      <c r="E5755" cm="1">
        <f t="array" ref="E5755">IFERROR(INDEX(Jesper!AI$2:AI$366,ROUNDDOWN($C5755/24,0)+1,1)*INDEX($D$3:$AA$30,INDEX(Jesper!$R$2:$R$366,ROW(INDEX(Jesper!AI$2:AI$366,ROUNDDOWN($C5755/24,0)+1,1))-1)+IF('Standard Profiles'!$G$19=$B$10,7,0)+IF('Standard Profiles'!$G$19=$B$17,14,0)+IF('Standard Profiles'!$G$19=$B$24,21,0),MOD($C5755,24)+1)/SUM(INDEX($D$3:$AA$30,INDEX(Jesper!$R$2:$R$366,ROW(INDEX(Jesper!AI$2:AI$366,ROUNDDOWN($C5755/24,0)+1,1))-1)+IF('Standard Profiles'!$G$19=$B$10,7,0)+IF('Standard Profiles'!$G$19=$B$17,14,0)+IF('Standard Profiles'!$G$19=$B$24,21,0),0)),0)</f>
        <v>2.6992566370261732</v>
      </c>
      <c r="F5755" cm="1">
        <f t="array" ref="F5755">IFERROR(INDEX(Jesper!AJ$2:AJ$366,ROUNDDOWN($C5755/24,0)+1,1)*INDEX($D$3:$AA$30,INDEX(Jesper!$R$2:$R$366,ROW(INDEX(Jesper!AJ$2:AJ$366,ROUNDDOWN($C5755/24,0)+1,1))-1)+IF('Standard Profiles'!$G$20=$B$10,7,0)+IF('Standard Profiles'!$G$20=$B$17,14,0)+IF('Standard Profiles'!$G$20=$B$24,21,0),MOD($C5755,24)+1)/SUM(INDEX($D$3:$AA$30,INDEX(Jesper!$R$2:$R$366,ROW(INDEX(Jesper!AJ$2:AJ$366,ROUNDDOWN($C5755/24,0)+1,1))-1)+IF('Standard Profiles'!$G$20=$B$10,7,0)+IF('Standard Profiles'!$G$20=$B$17,14,0)+IF('Standard Profiles'!$G$20=$B$24,21,0),0)),0)</f>
        <v>0.96433226217720591</v>
      </c>
      <c r="G5755" cm="1">
        <f t="array" ref="G5755">IFERROR(INDEX(Jesper!AK$2:AK$366,ROUNDDOWN($C5755/24,0)+1,1)*INDEX($D$3:$AA$30,INDEX(Jesper!$R$2:$R$366,ROW(INDEX(Jesper!AK$2:AK$366,ROUNDDOWN($C5755/24,0)+1,1))-1)+IF('Standard Profiles'!$G$21=$B$10,7,0)+IF('Standard Profiles'!$G$21=$B$17,14,0)+IF('Standard Profiles'!$G$21=$B$24,21,0),MOD($C5755,24)+1)/SUM(INDEX($D$3:$AA$30,INDEX(Jesper!$R$2:$R$366,ROW(INDEX(Jesper!AK$2:AK$366,ROUNDDOWN($C5755/24,0)+1,1))-1)+IF('Standard Profiles'!$G$21=$B$10,7,0)+IF('Standard Profiles'!$G$21=$B$17,14,0)+IF('Standard Profiles'!$G$21=$B$24,21,0),0)),0)</f>
        <v>0.41137782887123464</v>
      </c>
      <c r="H5755" cm="1">
        <f t="array" ref="H5755">IFERROR(INDEX(Jesper!AL$2:AL$366,ROUNDDOWN($C5755/24,0)+1,1)*INDEX($D$3:$AA$30,INDEX(Jesper!$R$2:$R$366,ROW(INDEX(Jesper!AL$2:AL$366,ROUNDDOWN($C5755/24,0)+1,1))-1)+IF('Standard Profiles'!$G$22=$B$10,7,0)+IF('Standard Profiles'!$G$22=$B$17,14,0)+IF('Standard Profiles'!$G$22=$B$24,21,0),MOD($C5755,24)+1)/SUM(INDEX($D$3:$AA$30,INDEX(Jesper!$R$2:$R$366,ROW(INDEX(Jesper!AL$2:AL$366,ROUNDDOWN($C5755/24,0)+1,1))-1)+IF('Standard Profiles'!$G$22=$B$10,7,0)+IF('Standard Profiles'!$G$22=$B$17,14,0)+IF('Standard Profiles'!$G$22=$B$24,21,0),0)),0)</f>
        <v>7.4042687633710011E-2</v>
      </c>
      <c r="I5755">
        <f t="shared" si="643"/>
        <v>7.1080980128361643E-2</v>
      </c>
      <c r="J5755">
        <f t="shared" si="644"/>
        <v>3.7540176391368214</v>
      </c>
      <c r="K5755">
        <f t="shared" si="645"/>
        <v>0.21594053096209387</v>
      </c>
      <c r="L5755">
        <f t="shared" si="646"/>
        <v>0.10797026548104693</v>
      </c>
      <c r="M5755">
        <f t="shared" si="647"/>
        <v>0</v>
      </c>
      <c r="N5755" s="45">
        <f t="shared" si="648"/>
        <v>45165.374999986125</v>
      </c>
    </row>
    <row r="5756" spans="2:14" x14ac:dyDescent="0.25">
      <c r="B5756">
        <f t="shared" si="642"/>
        <v>7</v>
      </c>
      <c r="C5756" s="16">
        <v>5722</v>
      </c>
      <c r="D5756" cm="1">
        <f t="array" ref="D5756">IFERROR(INDEX(Jesper!AH$2:AH$366,ROUNDDOWN($C5756/24,0)+1,1)*INDEX($D$3:$AA$30,INDEX(Jesper!$R$2:$R$366,ROW(INDEX(Jesper!AH$2:AH$366,ROUNDDOWN($C5756/24,0)+1,1))-1)+IF('Standard Profiles'!$G$18=$B$10,7,0)+IF('Standard Profiles'!$G$18=$B$17,14,0)+IF('Standard Profiles'!$G$18=$B$24,21,0),MOD($C5756,24)+1)/SUM(INDEX($D$3:$AA$30,INDEX(Jesper!$R$2:$R$366,ROW(INDEX(Jesper!AH$2:AH$366,ROUNDDOWN($C5756/24,0)+1,1))-1)+IF('Standard Profiles'!$G$18=$B$10,7,0)+IF('Standard Profiles'!$G$18=$B$17,14,0)+IF('Standard Profiles'!$G$18=$B$24,21,0),0)),0)</f>
        <v>0</v>
      </c>
      <c r="E5756" cm="1">
        <f t="array" ref="E5756">IFERROR(INDEX(Jesper!AI$2:AI$366,ROUNDDOWN($C5756/24,0)+1,1)*INDEX($D$3:$AA$30,INDEX(Jesper!$R$2:$R$366,ROW(INDEX(Jesper!AI$2:AI$366,ROUNDDOWN($C5756/24,0)+1,1))-1)+IF('Standard Profiles'!$G$19=$B$10,7,0)+IF('Standard Profiles'!$G$19=$B$17,14,0)+IF('Standard Profiles'!$G$19=$B$24,21,0),MOD($C5756,24)+1)/SUM(INDEX($D$3:$AA$30,INDEX(Jesper!$R$2:$R$366,ROW(INDEX(Jesper!AI$2:AI$366,ROUNDDOWN($C5756/24,0)+1,1))-1)+IF('Standard Profiles'!$G$19=$B$10,7,0)+IF('Standard Profiles'!$G$19=$B$17,14,0)+IF('Standard Profiles'!$G$19=$B$24,21,0),0)),0)</f>
        <v>2.6992566370261732</v>
      </c>
      <c r="F5756" cm="1">
        <f t="array" ref="F5756">IFERROR(INDEX(Jesper!AJ$2:AJ$366,ROUNDDOWN($C5756/24,0)+1,1)*INDEX($D$3:$AA$30,INDEX(Jesper!$R$2:$R$366,ROW(INDEX(Jesper!AJ$2:AJ$366,ROUNDDOWN($C5756/24,0)+1,1))-1)+IF('Standard Profiles'!$G$20=$B$10,7,0)+IF('Standard Profiles'!$G$20=$B$17,14,0)+IF('Standard Profiles'!$G$20=$B$24,21,0),MOD($C5756,24)+1)/SUM(INDEX($D$3:$AA$30,INDEX(Jesper!$R$2:$R$366,ROW(INDEX(Jesper!AJ$2:AJ$366,ROUNDDOWN($C5756/24,0)+1,1))-1)+IF('Standard Profiles'!$G$20=$B$10,7,0)+IF('Standard Profiles'!$G$20=$B$17,14,0)+IF('Standard Profiles'!$G$20=$B$24,21,0),0)),0)</f>
        <v>0.96433226217720591</v>
      </c>
      <c r="G5756" cm="1">
        <f t="array" ref="G5756">IFERROR(INDEX(Jesper!AK$2:AK$366,ROUNDDOWN($C5756/24,0)+1,1)*INDEX($D$3:$AA$30,INDEX(Jesper!$R$2:$R$366,ROW(INDEX(Jesper!AK$2:AK$366,ROUNDDOWN($C5756/24,0)+1,1))-1)+IF('Standard Profiles'!$G$21=$B$10,7,0)+IF('Standard Profiles'!$G$21=$B$17,14,0)+IF('Standard Profiles'!$G$21=$B$24,21,0),MOD($C5756,24)+1)/SUM(INDEX($D$3:$AA$30,INDEX(Jesper!$R$2:$R$366,ROW(INDEX(Jesper!AK$2:AK$366,ROUNDDOWN($C5756/24,0)+1,1))-1)+IF('Standard Profiles'!$G$21=$B$10,7,0)+IF('Standard Profiles'!$G$21=$B$17,14,0)+IF('Standard Profiles'!$G$21=$B$24,21,0),0)),0)</f>
        <v>0.41137782887123464</v>
      </c>
      <c r="H5756" cm="1">
        <f t="array" ref="H5756">IFERROR(INDEX(Jesper!AL$2:AL$366,ROUNDDOWN($C5756/24,0)+1,1)*INDEX($D$3:$AA$30,INDEX(Jesper!$R$2:$R$366,ROW(INDEX(Jesper!AL$2:AL$366,ROUNDDOWN($C5756/24,0)+1,1))-1)+IF('Standard Profiles'!$G$22=$B$10,7,0)+IF('Standard Profiles'!$G$22=$B$17,14,0)+IF('Standard Profiles'!$G$22=$B$24,21,0),MOD($C5756,24)+1)/SUM(INDEX($D$3:$AA$30,INDEX(Jesper!$R$2:$R$366,ROW(INDEX(Jesper!AL$2:AL$366,ROUNDDOWN($C5756/24,0)+1,1))-1)+IF('Standard Profiles'!$G$22=$B$10,7,0)+IF('Standard Profiles'!$G$22=$B$17,14,0)+IF('Standard Profiles'!$G$22=$B$24,21,0),0)),0)</f>
        <v>7.4042687633710011E-2</v>
      </c>
      <c r="I5756">
        <f t="shared" si="643"/>
        <v>7.1080980128361643E-2</v>
      </c>
      <c r="J5756">
        <f t="shared" si="644"/>
        <v>3.7540176391368214</v>
      </c>
      <c r="K5756">
        <f t="shared" si="645"/>
        <v>0.21594053096209387</v>
      </c>
      <c r="L5756">
        <f t="shared" si="646"/>
        <v>0.10797026548104693</v>
      </c>
      <c r="M5756">
        <f t="shared" si="647"/>
        <v>0</v>
      </c>
      <c r="N5756" s="45">
        <f t="shared" si="648"/>
        <v>45165.416666652789</v>
      </c>
    </row>
    <row r="5757" spans="2:14" x14ac:dyDescent="0.25">
      <c r="B5757">
        <f t="shared" si="642"/>
        <v>7</v>
      </c>
      <c r="C5757" s="16">
        <v>5723</v>
      </c>
      <c r="D5757" cm="1">
        <f t="array" ref="D5757">IFERROR(INDEX(Jesper!AH$2:AH$366,ROUNDDOWN($C5757/24,0)+1,1)*INDEX($D$3:$AA$30,INDEX(Jesper!$R$2:$R$366,ROW(INDEX(Jesper!AH$2:AH$366,ROUNDDOWN($C5757/24,0)+1,1))-1)+IF('Standard Profiles'!$G$18=$B$10,7,0)+IF('Standard Profiles'!$G$18=$B$17,14,0)+IF('Standard Profiles'!$G$18=$B$24,21,0),MOD($C5757,24)+1)/SUM(INDEX($D$3:$AA$30,INDEX(Jesper!$R$2:$R$366,ROW(INDEX(Jesper!AH$2:AH$366,ROUNDDOWN($C5757/24,0)+1,1))-1)+IF('Standard Profiles'!$G$18=$B$10,7,0)+IF('Standard Profiles'!$G$18=$B$17,14,0)+IF('Standard Profiles'!$G$18=$B$24,21,0),0)),0)</f>
        <v>0</v>
      </c>
      <c r="E5757" cm="1">
        <f t="array" ref="E5757">IFERROR(INDEX(Jesper!AI$2:AI$366,ROUNDDOWN($C5757/24,0)+1,1)*INDEX($D$3:$AA$30,INDEX(Jesper!$R$2:$R$366,ROW(INDEX(Jesper!AI$2:AI$366,ROUNDDOWN($C5757/24,0)+1,1))-1)+IF('Standard Profiles'!$G$19=$B$10,7,0)+IF('Standard Profiles'!$G$19=$B$17,14,0)+IF('Standard Profiles'!$G$19=$B$24,21,0),MOD($C5757,24)+1)/SUM(INDEX($D$3:$AA$30,INDEX(Jesper!$R$2:$R$366,ROW(INDEX(Jesper!AI$2:AI$366,ROUNDDOWN($C5757/24,0)+1,1))-1)+IF('Standard Profiles'!$G$19=$B$10,7,0)+IF('Standard Profiles'!$G$19=$B$17,14,0)+IF('Standard Profiles'!$G$19=$B$24,21,0),0)),0)</f>
        <v>2.6992566370261732</v>
      </c>
      <c r="F5757" cm="1">
        <f t="array" ref="F5757">IFERROR(INDEX(Jesper!AJ$2:AJ$366,ROUNDDOWN($C5757/24,0)+1,1)*INDEX($D$3:$AA$30,INDEX(Jesper!$R$2:$R$366,ROW(INDEX(Jesper!AJ$2:AJ$366,ROUNDDOWN($C5757/24,0)+1,1))-1)+IF('Standard Profiles'!$G$20=$B$10,7,0)+IF('Standard Profiles'!$G$20=$B$17,14,0)+IF('Standard Profiles'!$G$20=$B$24,21,0),MOD($C5757,24)+1)/SUM(INDEX($D$3:$AA$30,INDEX(Jesper!$R$2:$R$366,ROW(INDEX(Jesper!AJ$2:AJ$366,ROUNDDOWN($C5757/24,0)+1,1))-1)+IF('Standard Profiles'!$G$20=$B$10,7,0)+IF('Standard Profiles'!$G$20=$B$17,14,0)+IF('Standard Profiles'!$G$20=$B$24,21,0),0)),0)</f>
        <v>0.96433226217720591</v>
      </c>
      <c r="G5757" cm="1">
        <f t="array" ref="G5757">IFERROR(INDEX(Jesper!AK$2:AK$366,ROUNDDOWN($C5757/24,0)+1,1)*INDEX($D$3:$AA$30,INDEX(Jesper!$R$2:$R$366,ROW(INDEX(Jesper!AK$2:AK$366,ROUNDDOWN($C5757/24,0)+1,1))-1)+IF('Standard Profiles'!$G$21=$B$10,7,0)+IF('Standard Profiles'!$G$21=$B$17,14,0)+IF('Standard Profiles'!$G$21=$B$24,21,0),MOD($C5757,24)+1)/SUM(INDEX($D$3:$AA$30,INDEX(Jesper!$R$2:$R$366,ROW(INDEX(Jesper!AK$2:AK$366,ROUNDDOWN($C5757/24,0)+1,1))-1)+IF('Standard Profiles'!$G$21=$B$10,7,0)+IF('Standard Profiles'!$G$21=$B$17,14,0)+IF('Standard Profiles'!$G$21=$B$24,21,0),0)),0)</f>
        <v>0.41137782887123464</v>
      </c>
      <c r="H5757" cm="1">
        <f t="array" ref="H5757">IFERROR(INDEX(Jesper!AL$2:AL$366,ROUNDDOWN($C5757/24,0)+1,1)*INDEX($D$3:$AA$30,INDEX(Jesper!$R$2:$R$366,ROW(INDEX(Jesper!AL$2:AL$366,ROUNDDOWN($C5757/24,0)+1,1))-1)+IF('Standard Profiles'!$G$22=$B$10,7,0)+IF('Standard Profiles'!$G$22=$B$17,14,0)+IF('Standard Profiles'!$G$22=$B$24,21,0),MOD($C5757,24)+1)/SUM(INDEX($D$3:$AA$30,INDEX(Jesper!$R$2:$R$366,ROW(INDEX(Jesper!AL$2:AL$366,ROUNDDOWN($C5757/24,0)+1,1))-1)+IF('Standard Profiles'!$G$22=$B$10,7,0)+IF('Standard Profiles'!$G$22=$B$17,14,0)+IF('Standard Profiles'!$G$22=$B$24,21,0),0)),0)</f>
        <v>7.4042687633710011E-2</v>
      </c>
      <c r="I5757">
        <f t="shared" si="643"/>
        <v>7.1080980128361643E-2</v>
      </c>
      <c r="J5757">
        <f t="shared" si="644"/>
        <v>3.7540176391368214</v>
      </c>
      <c r="K5757">
        <f t="shared" si="645"/>
        <v>0.21594053096209387</v>
      </c>
      <c r="L5757">
        <f t="shared" si="646"/>
        <v>0.10797026548104693</v>
      </c>
      <c r="M5757">
        <f t="shared" si="647"/>
        <v>0</v>
      </c>
      <c r="N5757" s="45">
        <f t="shared" si="648"/>
        <v>45165.458333319453</v>
      </c>
    </row>
    <row r="5758" spans="2:14" x14ac:dyDescent="0.25">
      <c r="B5758">
        <f t="shared" si="642"/>
        <v>7</v>
      </c>
      <c r="C5758" s="16">
        <v>5724</v>
      </c>
      <c r="D5758" cm="1">
        <f t="array" ref="D5758">IFERROR(INDEX(Jesper!AH$2:AH$366,ROUNDDOWN($C5758/24,0)+1,1)*INDEX($D$3:$AA$30,INDEX(Jesper!$R$2:$R$366,ROW(INDEX(Jesper!AH$2:AH$366,ROUNDDOWN($C5758/24,0)+1,1))-1)+IF('Standard Profiles'!$G$18=$B$10,7,0)+IF('Standard Profiles'!$G$18=$B$17,14,0)+IF('Standard Profiles'!$G$18=$B$24,21,0),MOD($C5758,24)+1)/SUM(INDEX($D$3:$AA$30,INDEX(Jesper!$R$2:$R$366,ROW(INDEX(Jesper!AH$2:AH$366,ROUNDDOWN($C5758/24,0)+1,1))-1)+IF('Standard Profiles'!$G$18=$B$10,7,0)+IF('Standard Profiles'!$G$18=$B$17,14,0)+IF('Standard Profiles'!$G$18=$B$24,21,0),0)),0)</f>
        <v>0</v>
      </c>
      <c r="E5758" cm="1">
        <f t="array" ref="E5758">IFERROR(INDEX(Jesper!AI$2:AI$366,ROUNDDOWN($C5758/24,0)+1,1)*INDEX($D$3:$AA$30,INDEX(Jesper!$R$2:$R$366,ROW(INDEX(Jesper!AI$2:AI$366,ROUNDDOWN($C5758/24,0)+1,1))-1)+IF('Standard Profiles'!$G$19=$B$10,7,0)+IF('Standard Profiles'!$G$19=$B$17,14,0)+IF('Standard Profiles'!$G$19=$B$24,21,0),MOD($C5758,24)+1)/SUM(INDEX($D$3:$AA$30,INDEX(Jesper!$R$2:$R$366,ROW(INDEX(Jesper!AI$2:AI$366,ROUNDDOWN($C5758/24,0)+1,1))-1)+IF('Standard Profiles'!$G$19=$B$10,7,0)+IF('Standard Profiles'!$G$19=$B$17,14,0)+IF('Standard Profiles'!$G$19=$B$24,21,0),0)),0)</f>
        <v>2.6992566370261732</v>
      </c>
      <c r="F5758" cm="1">
        <f t="array" ref="F5758">IFERROR(INDEX(Jesper!AJ$2:AJ$366,ROUNDDOWN($C5758/24,0)+1,1)*INDEX($D$3:$AA$30,INDEX(Jesper!$R$2:$R$366,ROW(INDEX(Jesper!AJ$2:AJ$366,ROUNDDOWN($C5758/24,0)+1,1))-1)+IF('Standard Profiles'!$G$20=$B$10,7,0)+IF('Standard Profiles'!$G$20=$B$17,14,0)+IF('Standard Profiles'!$G$20=$B$24,21,0),MOD($C5758,24)+1)/SUM(INDEX($D$3:$AA$30,INDEX(Jesper!$R$2:$R$366,ROW(INDEX(Jesper!AJ$2:AJ$366,ROUNDDOWN($C5758/24,0)+1,1))-1)+IF('Standard Profiles'!$G$20=$B$10,7,0)+IF('Standard Profiles'!$G$20=$B$17,14,0)+IF('Standard Profiles'!$G$20=$B$24,21,0),0)),0)</f>
        <v>0.96433226217720591</v>
      </c>
      <c r="G5758" cm="1">
        <f t="array" ref="G5758">IFERROR(INDEX(Jesper!AK$2:AK$366,ROUNDDOWN($C5758/24,0)+1,1)*INDEX($D$3:$AA$30,INDEX(Jesper!$R$2:$R$366,ROW(INDEX(Jesper!AK$2:AK$366,ROUNDDOWN($C5758/24,0)+1,1))-1)+IF('Standard Profiles'!$G$21=$B$10,7,0)+IF('Standard Profiles'!$G$21=$B$17,14,0)+IF('Standard Profiles'!$G$21=$B$24,21,0),MOD($C5758,24)+1)/SUM(INDEX($D$3:$AA$30,INDEX(Jesper!$R$2:$R$366,ROW(INDEX(Jesper!AK$2:AK$366,ROUNDDOWN($C5758/24,0)+1,1))-1)+IF('Standard Profiles'!$G$21=$B$10,7,0)+IF('Standard Profiles'!$G$21=$B$17,14,0)+IF('Standard Profiles'!$G$21=$B$24,21,0),0)),0)</f>
        <v>0.41137782887123464</v>
      </c>
      <c r="H5758" cm="1">
        <f t="array" ref="H5758">IFERROR(INDEX(Jesper!AL$2:AL$366,ROUNDDOWN($C5758/24,0)+1,1)*INDEX($D$3:$AA$30,INDEX(Jesper!$R$2:$R$366,ROW(INDEX(Jesper!AL$2:AL$366,ROUNDDOWN($C5758/24,0)+1,1))-1)+IF('Standard Profiles'!$G$22=$B$10,7,0)+IF('Standard Profiles'!$G$22=$B$17,14,0)+IF('Standard Profiles'!$G$22=$B$24,21,0),MOD($C5758,24)+1)/SUM(INDEX($D$3:$AA$30,INDEX(Jesper!$R$2:$R$366,ROW(INDEX(Jesper!AL$2:AL$366,ROUNDDOWN($C5758/24,0)+1,1))-1)+IF('Standard Profiles'!$G$22=$B$10,7,0)+IF('Standard Profiles'!$G$22=$B$17,14,0)+IF('Standard Profiles'!$G$22=$B$24,21,0),0)),0)</f>
        <v>7.4042687633710011E-2</v>
      </c>
      <c r="I5758">
        <f t="shared" si="643"/>
        <v>7.1080980128361643E-2</v>
      </c>
      <c r="J5758">
        <f t="shared" si="644"/>
        <v>3.7540176391368214</v>
      </c>
      <c r="K5758">
        <f t="shared" si="645"/>
        <v>0.21594053096209387</v>
      </c>
      <c r="L5758">
        <f t="shared" si="646"/>
        <v>0.10797026548104693</v>
      </c>
      <c r="M5758">
        <f t="shared" si="647"/>
        <v>0</v>
      </c>
      <c r="N5758" s="45">
        <f t="shared" si="648"/>
        <v>45165.499999986117</v>
      </c>
    </row>
    <row r="5759" spans="2:14" x14ac:dyDescent="0.25">
      <c r="B5759">
        <f t="shared" si="642"/>
        <v>7</v>
      </c>
      <c r="C5759" s="16">
        <v>5725</v>
      </c>
      <c r="D5759" cm="1">
        <f t="array" ref="D5759">IFERROR(INDEX(Jesper!AH$2:AH$366,ROUNDDOWN($C5759/24,0)+1,1)*INDEX($D$3:$AA$30,INDEX(Jesper!$R$2:$R$366,ROW(INDEX(Jesper!AH$2:AH$366,ROUNDDOWN($C5759/24,0)+1,1))-1)+IF('Standard Profiles'!$G$18=$B$10,7,0)+IF('Standard Profiles'!$G$18=$B$17,14,0)+IF('Standard Profiles'!$G$18=$B$24,21,0),MOD($C5759,24)+1)/SUM(INDEX($D$3:$AA$30,INDEX(Jesper!$R$2:$R$366,ROW(INDEX(Jesper!AH$2:AH$366,ROUNDDOWN($C5759/24,0)+1,1))-1)+IF('Standard Profiles'!$G$18=$B$10,7,0)+IF('Standard Profiles'!$G$18=$B$17,14,0)+IF('Standard Profiles'!$G$18=$B$24,21,0),0)),0)</f>
        <v>0</v>
      </c>
      <c r="E5759" cm="1">
        <f t="array" ref="E5759">IFERROR(INDEX(Jesper!AI$2:AI$366,ROUNDDOWN($C5759/24,0)+1,1)*INDEX($D$3:$AA$30,INDEX(Jesper!$R$2:$R$366,ROW(INDEX(Jesper!AI$2:AI$366,ROUNDDOWN($C5759/24,0)+1,1))-1)+IF('Standard Profiles'!$G$19=$B$10,7,0)+IF('Standard Profiles'!$G$19=$B$17,14,0)+IF('Standard Profiles'!$G$19=$B$24,21,0),MOD($C5759,24)+1)/SUM(INDEX($D$3:$AA$30,INDEX(Jesper!$R$2:$R$366,ROW(INDEX(Jesper!AI$2:AI$366,ROUNDDOWN($C5759/24,0)+1,1))-1)+IF('Standard Profiles'!$G$19=$B$10,7,0)+IF('Standard Profiles'!$G$19=$B$17,14,0)+IF('Standard Profiles'!$G$19=$B$24,21,0),0)),0)</f>
        <v>2.6992566370261732</v>
      </c>
      <c r="F5759" cm="1">
        <f t="array" ref="F5759">IFERROR(INDEX(Jesper!AJ$2:AJ$366,ROUNDDOWN($C5759/24,0)+1,1)*INDEX($D$3:$AA$30,INDEX(Jesper!$R$2:$R$366,ROW(INDEX(Jesper!AJ$2:AJ$366,ROUNDDOWN($C5759/24,0)+1,1))-1)+IF('Standard Profiles'!$G$20=$B$10,7,0)+IF('Standard Profiles'!$G$20=$B$17,14,0)+IF('Standard Profiles'!$G$20=$B$24,21,0),MOD($C5759,24)+1)/SUM(INDEX($D$3:$AA$30,INDEX(Jesper!$R$2:$R$366,ROW(INDEX(Jesper!AJ$2:AJ$366,ROUNDDOWN($C5759/24,0)+1,1))-1)+IF('Standard Profiles'!$G$20=$B$10,7,0)+IF('Standard Profiles'!$G$20=$B$17,14,0)+IF('Standard Profiles'!$G$20=$B$24,21,0),0)),0)</f>
        <v>0.96433226217720591</v>
      </c>
      <c r="G5759" cm="1">
        <f t="array" ref="G5759">IFERROR(INDEX(Jesper!AK$2:AK$366,ROUNDDOWN($C5759/24,0)+1,1)*INDEX($D$3:$AA$30,INDEX(Jesper!$R$2:$R$366,ROW(INDEX(Jesper!AK$2:AK$366,ROUNDDOWN($C5759/24,0)+1,1))-1)+IF('Standard Profiles'!$G$21=$B$10,7,0)+IF('Standard Profiles'!$G$21=$B$17,14,0)+IF('Standard Profiles'!$G$21=$B$24,21,0),MOD($C5759,24)+1)/SUM(INDEX($D$3:$AA$30,INDEX(Jesper!$R$2:$R$366,ROW(INDEX(Jesper!AK$2:AK$366,ROUNDDOWN($C5759/24,0)+1,1))-1)+IF('Standard Profiles'!$G$21=$B$10,7,0)+IF('Standard Profiles'!$G$21=$B$17,14,0)+IF('Standard Profiles'!$G$21=$B$24,21,0),0)),0)</f>
        <v>0.41137782887123464</v>
      </c>
      <c r="H5759" cm="1">
        <f t="array" ref="H5759">IFERROR(INDEX(Jesper!AL$2:AL$366,ROUNDDOWN($C5759/24,0)+1,1)*INDEX($D$3:$AA$30,INDEX(Jesper!$R$2:$R$366,ROW(INDEX(Jesper!AL$2:AL$366,ROUNDDOWN($C5759/24,0)+1,1))-1)+IF('Standard Profiles'!$G$22=$B$10,7,0)+IF('Standard Profiles'!$G$22=$B$17,14,0)+IF('Standard Profiles'!$G$22=$B$24,21,0),MOD($C5759,24)+1)/SUM(INDEX($D$3:$AA$30,INDEX(Jesper!$R$2:$R$366,ROW(INDEX(Jesper!AL$2:AL$366,ROUNDDOWN($C5759/24,0)+1,1))-1)+IF('Standard Profiles'!$G$22=$B$10,7,0)+IF('Standard Profiles'!$G$22=$B$17,14,0)+IF('Standard Profiles'!$G$22=$B$24,21,0),0)),0)</f>
        <v>7.4042687633710011E-2</v>
      </c>
      <c r="I5759">
        <f t="shared" si="643"/>
        <v>7.1080980128361643E-2</v>
      </c>
      <c r="J5759">
        <f t="shared" si="644"/>
        <v>3.7540176391368214</v>
      </c>
      <c r="K5759">
        <f t="shared" si="645"/>
        <v>0.21594053096209387</v>
      </c>
      <c r="L5759">
        <f t="shared" si="646"/>
        <v>0.10797026548104693</v>
      </c>
      <c r="M5759">
        <f t="shared" si="647"/>
        <v>0</v>
      </c>
      <c r="N5759" s="45">
        <f t="shared" si="648"/>
        <v>45165.541666652782</v>
      </c>
    </row>
    <row r="5760" spans="2:14" x14ac:dyDescent="0.25">
      <c r="B5760">
        <f t="shared" si="642"/>
        <v>7</v>
      </c>
      <c r="C5760" s="16">
        <v>5726</v>
      </c>
      <c r="D5760" cm="1">
        <f t="array" ref="D5760">IFERROR(INDEX(Jesper!AH$2:AH$366,ROUNDDOWN($C5760/24,0)+1,1)*INDEX($D$3:$AA$30,INDEX(Jesper!$R$2:$R$366,ROW(INDEX(Jesper!AH$2:AH$366,ROUNDDOWN($C5760/24,0)+1,1))-1)+IF('Standard Profiles'!$G$18=$B$10,7,0)+IF('Standard Profiles'!$G$18=$B$17,14,0)+IF('Standard Profiles'!$G$18=$B$24,21,0),MOD($C5760,24)+1)/SUM(INDEX($D$3:$AA$30,INDEX(Jesper!$R$2:$R$366,ROW(INDEX(Jesper!AH$2:AH$366,ROUNDDOWN($C5760/24,0)+1,1))-1)+IF('Standard Profiles'!$G$18=$B$10,7,0)+IF('Standard Profiles'!$G$18=$B$17,14,0)+IF('Standard Profiles'!$G$18=$B$24,21,0),0)),0)</f>
        <v>0</v>
      </c>
      <c r="E5760" cm="1">
        <f t="array" ref="E5760">IFERROR(INDEX(Jesper!AI$2:AI$366,ROUNDDOWN($C5760/24,0)+1,1)*INDEX($D$3:$AA$30,INDEX(Jesper!$R$2:$R$366,ROW(INDEX(Jesper!AI$2:AI$366,ROUNDDOWN($C5760/24,0)+1,1))-1)+IF('Standard Profiles'!$G$19=$B$10,7,0)+IF('Standard Profiles'!$G$19=$B$17,14,0)+IF('Standard Profiles'!$G$19=$B$24,21,0),MOD($C5760,24)+1)/SUM(INDEX($D$3:$AA$30,INDEX(Jesper!$R$2:$R$366,ROW(INDEX(Jesper!AI$2:AI$366,ROUNDDOWN($C5760/24,0)+1,1))-1)+IF('Standard Profiles'!$G$19=$B$10,7,0)+IF('Standard Profiles'!$G$19=$B$17,14,0)+IF('Standard Profiles'!$G$19=$B$24,21,0),0)),0)</f>
        <v>2.6992566370261732</v>
      </c>
      <c r="F5760" cm="1">
        <f t="array" ref="F5760">IFERROR(INDEX(Jesper!AJ$2:AJ$366,ROUNDDOWN($C5760/24,0)+1,1)*INDEX($D$3:$AA$30,INDEX(Jesper!$R$2:$R$366,ROW(INDEX(Jesper!AJ$2:AJ$366,ROUNDDOWN($C5760/24,0)+1,1))-1)+IF('Standard Profiles'!$G$20=$B$10,7,0)+IF('Standard Profiles'!$G$20=$B$17,14,0)+IF('Standard Profiles'!$G$20=$B$24,21,0),MOD($C5760,24)+1)/SUM(INDEX($D$3:$AA$30,INDEX(Jesper!$R$2:$R$366,ROW(INDEX(Jesper!AJ$2:AJ$366,ROUNDDOWN($C5760/24,0)+1,1))-1)+IF('Standard Profiles'!$G$20=$B$10,7,0)+IF('Standard Profiles'!$G$20=$B$17,14,0)+IF('Standard Profiles'!$G$20=$B$24,21,0),0)),0)</f>
        <v>0.96433226217720591</v>
      </c>
      <c r="G5760" cm="1">
        <f t="array" ref="G5760">IFERROR(INDEX(Jesper!AK$2:AK$366,ROUNDDOWN($C5760/24,0)+1,1)*INDEX($D$3:$AA$30,INDEX(Jesper!$R$2:$R$366,ROW(INDEX(Jesper!AK$2:AK$366,ROUNDDOWN($C5760/24,0)+1,1))-1)+IF('Standard Profiles'!$G$21=$B$10,7,0)+IF('Standard Profiles'!$G$21=$B$17,14,0)+IF('Standard Profiles'!$G$21=$B$24,21,0),MOD($C5760,24)+1)/SUM(INDEX($D$3:$AA$30,INDEX(Jesper!$R$2:$R$366,ROW(INDEX(Jesper!AK$2:AK$366,ROUNDDOWN($C5760/24,0)+1,1))-1)+IF('Standard Profiles'!$G$21=$B$10,7,0)+IF('Standard Profiles'!$G$21=$B$17,14,0)+IF('Standard Profiles'!$G$21=$B$24,21,0),0)),0)</f>
        <v>0.41137782887123464</v>
      </c>
      <c r="H5760" cm="1">
        <f t="array" ref="H5760">IFERROR(INDEX(Jesper!AL$2:AL$366,ROUNDDOWN($C5760/24,0)+1,1)*INDEX($D$3:$AA$30,INDEX(Jesper!$R$2:$R$366,ROW(INDEX(Jesper!AL$2:AL$366,ROUNDDOWN($C5760/24,0)+1,1))-1)+IF('Standard Profiles'!$G$22=$B$10,7,0)+IF('Standard Profiles'!$G$22=$B$17,14,0)+IF('Standard Profiles'!$G$22=$B$24,21,0),MOD($C5760,24)+1)/SUM(INDEX($D$3:$AA$30,INDEX(Jesper!$R$2:$R$366,ROW(INDEX(Jesper!AL$2:AL$366,ROUNDDOWN($C5760/24,0)+1,1))-1)+IF('Standard Profiles'!$G$22=$B$10,7,0)+IF('Standard Profiles'!$G$22=$B$17,14,0)+IF('Standard Profiles'!$G$22=$B$24,21,0),0)),0)</f>
        <v>7.4042687633710011E-2</v>
      </c>
      <c r="I5760">
        <f t="shared" si="643"/>
        <v>7.1080980128361643E-2</v>
      </c>
      <c r="J5760">
        <f t="shared" si="644"/>
        <v>3.7540176391368214</v>
      </c>
      <c r="K5760">
        <f t="shared" si="645"/>
        <v>0.21594053096209387</v>
      </c>
      <c r="L5760">
        <f t="shared" si="646"/>
        <v>0.10797026548104693</v>
      </c>
      <c r="M5760">
        <f t="shared" si="647"/>
        <v>0</v>
      </c>
      <c r="N5760" s="45">
        <f t="shared" si="648"/>
        <v>45165.583333319446</v>
      </c>
    </row>
    <row r="5761" spans="2:14" x14ac:dyDescent="0.25">
      <c r="B5761">
        <f t="shared" si="642"/>
        <v>7</v>
      </c>
      <c r="C5761" s="16">
        <v>5727</v>
      </c>
      <c r="D5761" cm="1">
        <f t="array" ref="D5761">IFERROR(INDEX(Jesper!AH$2:AH$366,ROUNDDOWN($C5761/24,0)+1,1)*INDEX($D$3:$AA$30,INDEX(Jesper!$R$2:$R$366,ROW(INDEX(Jesper!AH$2:AH$366,ROUNDDOWN($C5761/24,0)+1,1))-1)+IF('Standard Profiles'!$G$18=$B$10,7,0)+IF('Standard Profiles'!$G$18=$B$17,14,0)+IF('Standard Profiles'!$G$18=$B$24,21,0),MOD($C5761,24)+1)/SUM(INDEX($D$3:$AA$30,INDEX(Jesper!$R$2:$R$366,ROW(INDEX(Jesper!AH$2:AH$366,ROUNDDOWN($C5761/24,0)+1,1))-1)+IF('Standard Profiles'!$G$18=$B$10,7,0)+IF('Standard Profiles'!$G$18=$B$17,14,0)+IF('Standard Profiles'!$G$18=$B$24,21,0),0)),0)</f>
        <v>0</v>
      </c>
      <c r="E5761" cm="1">
        <f t="array" ref="E5761">IFERROR(INDEX(Jesper!AI$2:AI$366,ROUNDDOWN($C5761/24,0)+1,1)*INDEX($D$3:$AA$30,INDEX(Jesper!$R$2:$R$366,ROW(INDEX(Jesper!AI$2:AI$366,ROUNDDOWN($C5761/24,0)+1,1))-1)+IF('Standard Profiles'!$G$19=$B$10,7,0)+IF('Standard Profiles'!$G$19=$B$17,14,0)+IF('Standard Profiles'!$G$19=$B$24,21,0),MOD($C5761,24)+1)/SUM(INDEX($D$3:$AA$30,INDEX(Jesper!$R$2:$R$366,ROW(INDEX(Jesper!AI$2:AI$366,ROUNDDOWN($C5761/24,0)+1,1))-1)+IF('Standard Profiles'!$G$19=$B$10,7,0)+IF('Standard Profiles'!$G$19=$B$17,14,0)+IF('Standard Profiles'!$G$19=$B$24,21,0),0)),0)</f>
        <v>2.6992566370261732</v>
      </c>
      <c r="F5761" cm="1">
        <f t="array" ref="F5761">IFERROR(INDEX(Jesper!AJ$2:AJ$366,ROUNDDOWN($C5761/24,0)+1,1)*INDEX($D$3:$AA$30,INDEX(Jesper!$R$2:$R$366,ROW(INDEX(Jesper!AJ$2:AJ$366,ROUNDDOWN($C5761/24,0)+1,1))-1)+IF('Standard Profiles'!$G$20=$B$10,7,0)+IF('Standard Profiles'!$G$20=$B$17,14,0)+IF('Standard Profiles'!$G$20=$B$24,21,0),MOD($C5761,24)+1)/SUM(INDEX($D$3:$AA$30,INDEX(Jesper!$R$2:$R$366,ROW(INDEX(Jesper!AJ$2:AJ$366,ROUNDDOWN($C5761/24,0)+1,1))-1)+IF('Standard Profiles'!$G$20=$B$10,7,0)+IF('Standard Profiles'!$G$20=$B$17,14,0)+IF('Standard Profiles'!$G$20=$B$24,21,0),0)),0)</f>
        <v>0.96433226217720591</v>
      </c>
      <c r="G5761" cm="1">
        <f t="array" ref="G5761">IFERROR(INDEX(Jesper!AK$2:AK$366,ROUNDDOWN($C5761/24,0)+1,1)*INDEX($D$3:$AA$30,INDEX(Jesper!$R$2:$R$366,ROW(INDEX(Jesper!AK$2:AK$366,ROUNDDOWN($C5761/24,0)+1,1))-1)+IF('Standard Profiles'!$G$21=$B$10,7,0)+IF('Standard Profiles'!$G$21=$B$17,14,0)+IF('Standard Profiles'!$G$21=$B$24,21,0),MOD($C5761,24)+1)/SUM(INDEX($D$3:$AA$30,INDEX(Jesper!$R$2:$R$366,ROW(INDEX(Jesper!AK$2:AK$366,ROUNDDOWN($C5761/24,0)+1,1))-1)+IF('Standard Profiles'!$G$21=$B$10,7,0)+IF('Standard Profiles'!$G$21=$B$17,14,0)+IF('Standard Profiles'!$G$21=$B$24,21,0),0)),0)</f>
        <v>0.41137782887123464</v>
      </c>
      <c r="H5761" cm="1">
        <f t="array" ref="H5761">IFERROR(INDEX(Jesper!AL$2:AL$366,ROUNDDOWN($C5761/24,0)+1,1)*INDEX($D$3:$AA$30,INDEX(Jesper!$R$2:$R$366,ROW(INDEX(Jesper!AL$2:AL$366,ROUNDDOWN($C5761/24,0)+1,1))-1)+IF('Standard Profiles'!$G$22=$B$10,7,0)+IF('Standard Profiles'!$G$22=$B$17,14,0)+IF('Standard Profiles'!$G$22=$B$24,21,0),MOD($C5761,24)+1)/SUM(INDEX($D$3:$AA$30,INDEX(Jesper!$R$2:$R$366,ROW(INDEX(Jesper!AL$2:AL$366,ROUNDDOWN($C5761/24,0)+1,1))-1)+IF('Standard Profiles'!$G$22=$B$10,7,0)+IF('Standard Profiles'!$G$22=$B$17,14,0)+IF('Standard Profiles'!$G$22=$B$24,21,0),0)),0)</f>
        <v>6.5815722341075564E-2</v>
      </c>
      <c r="I5761">
        <f t="shared" si="643"/>
        <v>6.3183093447432573E-2</v>
      </c>
      <c r="J5761">
        <f t="shared" si="644"/>
        <v>3.753688560525116</v>
      </c>
      <c r="K5761">
        <f t="shared" si="645"/>
        <v>0.21594053096209387</v>
      </c>
      <c r="L5761">
        <f t="shared" si="646"/>
        <v>0.10797026548104693</v>
      </c>
      <c r="M5761">
        <f t="shared" si="647"/>
        <v>0</v>
      </c>
      <c r="N5761" s="45">
        <f t="shared" si="648"/>
        <v>45165.62499998611</v>
      </c>
    </row>
    <row r="5762" spans="2:14" x14ac:dyDescent="0.25">
      <c r="B5762">
        <f t="shared" si="642"/>
        <v>7</v>
      </c>
      <c r="C5762" s="16">
        <v>5728</v>
      </c>
      <c r="D5762" cm="1">
        <f t="array" ref="D5762">IFERROR(INDEX(Jesper!AH$2:AH$366,ROUNDDOWN($C5762/24,0)+1,1)*INDEX($D$3:$AA$30,INDEX(Jesper!$R$2:$R$366,ROW(INDEX(Jesper!AH$2:AH$366,ROUNDDOWN($C5762/24,0)+1,1))-1)+IF('Standard Profiles'!$G$18=$B$10,7,0)+IF('Standard Profiles'!$G$18=$B$17,14,0)+IF('Standard Profiles'!$G$18=$B$24,21,0),MOD($C5762,24)+1)/SUM(INDEX($D$3:$AA$30,INDEX(Jesper!$R$2:$R$366,ROW(INDEX(Jesper!AH$2:AH$366,ROUNDDOWN($C5762/24,0)+1,1))-1)+IF('Standard Profiles'!$G$18=$B$10,7,0)+IF('Standard Profiles'!$G$18=$B$17,14,0)+IF('Standard Profiles'!$G$18=$B$24,21,0),0)),0)</f>
        <v>0</v>
      </c>
      <c r="E5762" cm="1">
        <f t="array" ref="E5762">IFERROR(INDEX(Jesper!AI$2:AI$366,ROUNDDOWN($C5762/24,0)+1,1)*INDEX($D$3:$AA$30,INDEX(Jesper!$R$2:$R$366,ROW(INDEX(Jesper!AI$2:AI$366,ROUNDDOWN($C5762/24,0)+1,1))-1)+IF('Standard Profiles'!$G$19=$B$10,7,0)+IF('Standard Profiles'!$G$19=$B$17,14,0)+IF('Standard Profiles'!$G$19=$B$24,21,0),MOD($C5762,24)+1)/SUM(INDEX($D$3:$AA$30,INDEX(Jesper!$R$2:$R$366,ROW(INDEX(Jesper!AI$2:AI$366,ROUNDDOWN($C5762/24,0)+1,1))-1)+IF('Standard Profiles'!$G$19=$B$10,7,0)+IF('Standard Profiles'!$G$19=$B$17,14,0)+IF('Standard Profiles'!$G$19=$B$24,21,0),0)),0)</f>
        <v>2.6992566370261732</v>
      </c>
      <c r="F5762" cm="1">
        <f t="array" ref="F5762">IFERROR(INDEX(Jesper!AJ$2:AJ$366,ROUNDDOWN($C5762/24,0)+1,1)*INDEX($D$3:$AA$30,INDEX(Jesper!$R$2:$R$366,ROW(INDEX(Jesper!AJ$2:AJ$366,ROUNDDOWN($C5762/24,0)+1,1))-1)+IF('Standard Profiles'!$G$20=$B$10,7,0)+IF('Standard Profiles'!$G$20=$B$17,14,0)+IF('Standard Profiles'!$G$20=$B$24,21,0),MOD($C5762,24)+1)/SUM(INDEX($D$3:$AA$30,INDEX(Jesper!$R$2:$R$366,ROW(INDEX(Jesper!AJ$2:AJ$366,ROUNDDOWN($C5762/24,0)+1,1))-1)+IF('Standard Profiles'!$G$20=$B$10,7,0)+IF('Standard Profiles'!$G$20=$B$17,14,0)+IF('Standard Profiles'!$G$20=$B$24,21,0),0)),0)</f>
        <v>0.96433226217720591</v>
      </c>
      <c r="G5762" cm="1">
        <f t="array" ref="G5762">IFERROR(INDEX(Jesper!AK$2:AK$366,ROUNDDOWN($C5762/24,0)+1,1)*INDEX($D$3:$AA$30,INDEX(Jesper!$R$2:$R$366,ROW(INDEX(Jesper!AK$2:AK$366,ROUNDDOWN($C5762/24,0)+1,1))-1)+IF('Standard Profiles'!$G$21=$B$10,7,0)+IF('Standard Profiles'!$G$21=$B$17,14,0)+IF('Standard Profiles'!$G$21=$B$24,21,0),MOD($C5762,24)+1)/SUM(INDEX($D$3:$AA$30,INDEX(Jesper!$R$2:$R$366,ROW(INDEX(Jesper!AK$2:AK$366,ROUNDDOWN($C5762/24,0)+1,1))-1)+IF('Standard Profiles'!$G$21=$B$10,7,0)+IF('Standard Profiles'!$G$21=$B$17,14,0)+IF('Standard Profiles'!$G$21=$B$24,21,0),0)),0)</f>
        <v>0.41137782887123464</v>
      </c>
      <c r="H5762" cm="1">
        <f t="array" ref="H5762">IFERROR(INDEX(Jesper!AL$2:AL$366,ROUNDDOWN($C5762/24,0)+1,1)*INDEX($D$3:$AA$30,INDEX(Jesper!$R$2:$R$366,ROW(INDEX(Jesper!AL$2:AL$366,ROUNDDOWN($C5762/24,0)+1,1))-1)+IF('Standard Profiles'!$G$22=$B$10,7,0)+IF('Standard Profiles'!$G$22=$B$17,14,0)+IF('Standard Profiles'!$G$22=$B$24,21,0),MOD($C5762,24)+1)/SUM(INDEX($D$3:$AA$30,INDEX(Jesper!$R$2:$R$366,ROW(INDEX(Jesper!AL$2:AL$366,ROUNDDOWN($C5762/24,0)+1,1))-1)+IF('Standard Profiles'!$G$22=$B$10,7,0)+IF('Standard Profiles'!$G$22=$B$17,14,0)+IF('Standard Profiles'!$G$22=$B$24,21,0),0)),0)</f>
        <v>6.4640441584984928E-2</v>
      </c>
      <c r="I5762">
        <f t="shared" si="643"/>
        <v>6.2054823921585567E-2</v>
      </c>
      <c r="J5762">
        <f t="shared" si="644"/>
        <v>3.7536415492948723</v>
      </c>
      <c r="K5762">
        <f t="shared" si="645"/>
        <v>0.21594053096209387</v>
      </c>
      <c r="L5762">
        <f t="shared" si="646"/>
        <v>0.10797026548104693</v>
      </c>
      <c r="M5762">
        <f t="shared" si="647"/>
        <v>0</v>
      </c>
      <c r="N5762" s="45">
        <f t="shared" si="648"/>
        <v>45165.666666652774</v>
      </c>
    </row>
    <row r="5763" spans="2:14" x14ac:dyDescent="0.25">
      <c r="B5763">
        <f t="shared" si="642"/>
        <v>7</v>
      </c>
      <c r="C5763" s="16">
        <v>5729</v>
      </c>
      <c r="D5763" cm="1">
        <f t="array" ref="D5763">IFERROR(INDEX(Jesper!AH$2:AH$366,ROUNDDOWN($C5763/24,0)+1,1)*INDEX($D$3:$AA$30,INDEX(Jesper!$R$2:$R$366,ROW(INDEX(Jesper!AH$2:AH$366,ROUNDDOWN($C5763/24,0)+1,1))-1)+IF('Standard Profiles'!$G$18=$B$10,7,0)+IF('Standard Profiles'!$G$18=$B$17,14,0)+IF('Standard Profiles'!$G$18=$B$24,21,0),MOD($C5763,24)+1)/SUM(INDEX($D$3:$AA$30,INDEX(Jesper!$R$2:$R$366,ROW(INDEX(Jesper!AH$2:AH$366,ROUNDDOWN($C5763/24,0)+1,1))-1)+IF('Standard Profiles'!$G$18=$B$10,7,0)+IF('Standard Profiles'!$G$18=$B$17,14,0)+IF('Standard Profiles'!$G$18=$B$24,21,0),0)),0)</f>
        <v>0</v>
      </c>
      <c r="E5763" cm="1">
        <f t="array" ref="E5763">IFERROR(INDEX(Jesper!AI$2:AI$366,ROUNDDOWN($C5763/24,0)+1,1)*INDEX($D$3:$AA$30,INDEX(Jesper!$R$2:$R$366,ROW(INDEX(Jesper!AI$2:AI$366,ROUNDDOWN($C5763/24,0)+1,1))-1)+IF('Standard Profiles'!$G$19=$B$10,7,0)+IF('Standard Profiles'!$G$19=$B$17,14,0)+IF('Standard Profiles'!$G$19=$B$24,21,0),MOD($C5763,24)+1)/SUM(INDEX($D$3:$AA$30,INDEX(Jesper!$R$2:$R$366,ROW(INDEX(Jesper!AI$2:AI$366,ROUNDDOWN($C5763/24,0)+1,1))-1)+IF('Standard Profiles'!$G$19=$B$10,7,0)+IF('Standard Profiles'!$G$19=$B$17,14,0)+IF('Standard Profiles'!$G$19=$B$24,21,0),0)),0)</f>
        <v>2.6992566370261732</v>
      </c>
      <c r="F5763" cm="1">
        <f t="array" ref="F5763">IFERROR(INDEX(Jesper!AJ$2:AJ$366,ROUNDDOWN($C5763/24,0)+1,1)*INDEX($D$3:$AA$30,INDEX(Jesper!$R$2:$R$366,ROW(INDEX(Jesper!AJ$2:AJ$366,ROUNDDOWN($C5763/24,0)+1,1))-1)+IF('Standard Profiles'!$G$20=$B$10,7,0)+IF('Standard Profiles'!$G$20=$B$17,14,0)+IF('Standard Profiles'!$G$20=$B$24,21,0),MOD($C5763,24)+1)/SUM(INDEX($D$3:$AA$30,INDEX(Jesper!$R$2:$R$366,ROW(INDEX(Jesper!AJ$2:AJ$366,ROUNDDOWN($C5763/24,0)+1,1))-1)+IF('Standard Profiles'!$G$20=$B$10,7,0)+IF('Standard Profiles'!$G$20=$B$17,14,0)+IF('Standard Profiles'!$G$20=$B$24,21,0),0)),0)</f>
        <v>0.96433226217720591</v>
      </c>
      <c r="G5763" cm="1">
        <f t="array" ref="G5763">IFERROR(INDEX(Jesper!AK$2:AK$366,ROUNDDOWN($C5763/24,0)+1,1)*INDEX($D$3:$AA$30,INDEX(Jesper!$R$2:$R$366,ROW(INDEX(Jesper!AK$2:AK$366,ROUNDDOWN($C5763/24,0)+1,1))-1)+IF('Standard Profiles'!$G$21=$B$10,7,0)+IF('Standard Profiles'!$G$21=$B$17,14,0)+IF('Standard Profiles'!$G$21=$B$24,21,0),MOD($C5763,24)+1)/SUM(INDEX($D$3:$AA$30,INDEX(Jesper!$R$2:$R$366,ROW(INDEX(Jesper!AK$2:AK$366,ROUNDDOWN($C5763/24,0)+1,1))-1)+IF('Standard Profiles'!$G$21=$B$10,7,0)+IF('Standard Profiles'!$G$21=$B$17,14,0)+IF('Standard Profiles'!$G$21=$B$24,21,0),0)),0)</f>
        <v>0.41137782887123464</v>
      </c>
      <c r="H5763" cm="1">
        <f t="array" ref="H5763">IFERROR(INDEX(Jesper!AL$2:AL$366,ROUNDDOWN($C5763/24,0)+1,1)*INDEX($D$3:$AA$30,INDEX(Jesper!$R$2:$R$366,ROW(INDEX(Jesper!AL$2:AL$366,ROUNDDOWN($C5763/24,0)+1,1))-1)+IF('Standard Profiles'!$G$22=$B$10,7,0)+IF('Standard Profiles'!$G$22=$B$17,14,0)+IF('Standard Profiles'!$G$22=$B$24,21,0),MOD($C5763,24)+1)/SUM(INDEX($D$3:$AA$30,INDEX(Jesper!$R$2:$R$366,ROW(INDEX(Jesper!AL$2:AL$366,ROUNDDOWN($C5763/24,0)+1,1))-1)+IF('Standard Profiles'!$G$22=$B$10,7,0)+IF('Standard Profiles'!$G$22=$B$17,14,0)+IF('Standard Profiles'!$G$22=$B$24,21,0),0)),0)</f>
        <v>5.5238195536259846E-2</v>
      </c>
      <c r="I5763">
        <f t="shared" si="643"/>
        <v>5.3028667714809484E-2</v>
      </c>
      <c r="J5763">
        <f t="shared" si="644"/>
        <v>3.7532654594529231</v>
      </c>
      <c r="K5763">
        <f t="shared" si="645"/>
        <v>0.21594053096209387</v>
      </c>
      <c r="L5763">
        <f t="shared" si="646"/>
        <v>0.10797026548104693</v>
      </c>
      <c r="M5763">
        <f t="shared" si="647"/>
        <v>0</v>
      </c>
      <c r="N5763" s="45">
        <f t="shared" si="648"/>
        <v>45165.708333319439</v>
      </c>
    </row>
    <row r="5764" spans="2:14" x14ac:dyDescent="0.25">
      <c r="B5764">
        <f t="shared" si="642"/>
        <v>7</v>
      </c>
      <c r="C5764" s="16">
        <v>5730</v>
      </c>
      <c r="D5764" cm="1">
        <f t="array" ref="D5764">IFERROR(INDEX(Jesper!AH$2:AH$366,ROUNDDOWN($C5764/24,0)+1,1)*INDEX($D$3:$AA$30,INDEX(Jesper!$R$2:$R$366,ROW(INDEX(Jesper!AH$2:AH$366,ROUNDDOWN($C5764/24,0)+1,1))-1)+IF('Standard Profiles'!$G$18=$B$10,7,0)+IF('Standard Profiles'!$G$18=$B$17,14,0)+IF('Standard Profiles'!$G$18=$B$24,21,0),MOD($C5764,24)+1)/SUM(INDEX($D$3:$AA$30,INDEX(Jesper!$R$2:$R$366,ROW(INDEX(Jesper!AH$2:AH$366,ROUNDDOWN($C5764/24,0)+1,1))-1)+IF('Standard Profiles'!$G$18=$B$10,7,0)+IF('Standard Profiles'!$G$18=$B$17,14,0)+IF('Standard Profiles'!$G$18=$B$24,21,0),0)),0)</f>
        <v>0</v>
      </c>
      <c r="E5764" cm="1">
        <f t="array" ref="E5764">IFERROR(INDEX(Jesper!AI$2:AI$366,ROUNDDOWN($C5764/24,0)+1,1)*INDEX($D$3:$AA$30,INDEX(Jesper!$R$2:$R$366,ROW(INDEX(Jesper!AI$2:AI$366,ROUNDDOWN($C5764/24,0)+1,1))-1)+IF('Standard Profiles'!$G$19=$B$10,7,0)+IF('Standard Profiles'!$G$19=$B$17,14,0)+IF('Standard Profiles'!$G$19=$B$24,21,0),MOD($C5764,24)+1)/SUM(INDEX($D$3:$AA$30,INDEX(Jesper!$R$2:$R$366,ROW(INDEX(Jesper!AI$2:AI$366,ROUNDDOWN($C5764/24,0)+1,1))-1)+IF('Standard Profiles'!$G$19=$B$10,7,0)+IF('Standard Profiles'!$G$19=$B$17,14,0)+IF('Standard Profiles'!$G$19=$B$24,21,0),0)),0)</f>
        <v>2.6992566370261732</v>
      </c>
      <c r="F5764" cm="1">
        <f t="array" ref="F5764">IFERROR(INDEX(Jesper!AJ$2:AJ$366,ROUNDDOWN($C5764/24,0)+1,1)*INDEX($D$3:$AA$30,INDEX(Jesper!$R$2:$R$366,ROW(INDEX(Jesper!AJ$2:AJ$366,ROUNDDOWN($C5764/24,0)+1,1))-1)+IF('Standard Profiles'!$G$20=$B$10,7,0)+IF('Standard Profiles'!$G$20=$B$17,14,0)+IF('Standard Profiles'!$G$20=$B$24,21,0),MOD($C5764,24)+1)/SUM(INDEX($D$3:$AA$30,INDEX(Jesper!$R$2:$R$366,ROW(INDEX(Jesper!AJ$2:AJ$366,ROUNDDOWN($C5764/24,0)+1,1))-1)+IF('Standard Profiles'!$G$20=$B$10,7,0)+IF('Standard Profiles'!$G$20=$B$17,14,0)+IF('Standard Profiles'!$G$20=$B$24,21,0),0)),0)</f>
        <v>0.96433226217720591</v>
      </c>
      <c r="G5764" cm="1">
        <f t="array" ref="G5764">IFERROR(INDEX(Jesper!AK$2:AK$366,ROUNDDOWN($C5764/24,0)+1,1)*INDEX($D$3:$AA$30,INDEX(Jesper!$R$2:$R$366,ROW(INDEX(Jesper!AK$2:AK$366,ROUNDDOWN($C5764/24,0)+1,1))-1)+IF('Standard Profiles'!$G$21=$B$10,7,0)+IF('Standard Profiles'!$G$21=$B$17,14,0)+IF('Standard Profiles'!$G$21=$B$24,21,0),MOD($C5764,24)+1)/SUM(INDEX($D$3:$AA$30,INDEX(Jesper!$R$2:$R$366,ROW(INDEX(Jesper!AK$2:AK$366,ROUNDDOWN($C5764/24,0)+1,1))-1)+IF('Standard Profiles'!$G$21=$B$10,7,0)+IF('Standard Profiles'!$G$21=$B$17,14,0)+IF('Standard Profiles'!$G$21=$B$24,21,0),0)),0)</f>
        <v>0.41137782887123464</v>
      </c>
      <c r="H5764" cm="1">
        <f t="array" ref="H5764">IFERROR(INDEX(Jesper!AL$2:AL$366,ROUNDDOWN($C5764/24,0)+1,1)*INDEX($D$3:$AA$30,INDEX(Jesper!$R$2:$R$366,ROW(INDEX(Jesper!AL$2:AL$366,ROUNDDOWN($C5764/24,0)+1,1))-1)+IF('Standard Profiles'!$G$22=$B$10,7,0)+IF('Standard Profiles'!$G$22=$B$17,14,0)+IF('Standard Profiles'!$G$22=$B$24,21,0),MOD($C5764,24)+1)/SUM(INDEX($D$3:$AA$30,INDEX(Jesper!$R$2:$R$366,ROW(INDEX(Jesper!AL$2:AL$366,ROUNDDOWN($C5764/24,0)+1,1))-1)+IF('Standard Profiles'!$G$22=$B$10,7,0)+IF('Standard Profiles'!$G$22=$B$17,14,0)+IF('Standard Profiles'!$G$22=$B$24,21,0),0)),0)</f>
        <v>5.171235326798794E-2</v>
      </c>
      <c r="I5764">
        <f t="shared" si="643"/>
        <v>4.9643859137268452E-2</v>
      </c>
      <c r="J5764">
        <f t="shared" si="644"/>
        <v>3.7531244257621923</v>
      </c>
      <c r="K5764">
        <f t="shared" si="645"/>
        <v>0.21594053096209387</v>
      </c>
      <c r="L5764">
        <f t="shared" si="646"/>
        <v>0.10797026548104693</v>
      </c>
      <c r="M5764">
        <f t="shared" si="647"/>
        <v>0</v>
      </c>
      <c r="N5764" s="45">
        <f t="shared" si="648"/>
        <v>45165.749999986103</v>
      </c>
    </row>
    <row r="5765" spans="2:14" x14ac:dyDescent="0.25">
      <c r="B5765">
        <f t="shared" si="642"/>
        <v>7</v>
      </c>
      <c r="C5765" s="16">
        <v>5731</v>
      </c>
      <c r="D5765" cm="1">
        <f t="array" ref="D5765">IFERROR(INDEX(Jesper!AH$2:AH$366,ROUNDDOWN($C5765/24,0)+1,1)*INDEX($D$3:$AA$30,INDEX(Jesper!$R$2:$R$366,ROW(INDEX(Jesper!AH$2:AH$366,ROUNDDOWN($C5765/24,0)+1,1))-1)+IF('Standard Profiles'!$G$18=$B$10,7,0)+IF('Standard Profiles'!$G$18=$B$17,14,0)+IF('Standard Profiles'!$G$18=$B$24,21,0),MOD($C5765,24)+1)/SUM(INDEX($D$3:$AA$30,INDEX(Jesper!$R$2:$R$366,ROW(INDEX(Jesper!AH$2:AH$366,ROUNDDOWN($C5765/24,0)+1,1))-1)+IF('Standard Profiles'!$G$18=$B$10,7,0)+IF('Standard Profiles'!$G$18=$B$17,14,0)+IF('Standard Profiles'!$G$18=$B$24,21,0),0)),0)</f>
        <v>0</v>
      </c>
      <c r="E5765" cm="1">
        <f t="array" ref="E5765">IFERROR(INDEX(Jesper!AI$2:AI$366,ROUNDDOWN($C5765/24,0)+1,1)*INDEX($D$3:$AA$30,INDEX(Jesper!$R$2:$R$366,ROW(INDEX(Jesper!AI$2:AI$366,ROUNDDOWN($C5765/24,0)+1,1))-1)+IF('Standard Profiles'!$G$19=$B$10,7,0)+IF('Standard Profiles'!$G$19=$B$17,14,0)+IF('Standard Profiles'!$G$19=$B$24,21,0),MOD($C5765,24)+1)/SUM(INDEX($D$3:$AA$30,INDEX(Jesper!$R$2:$R$366,ROW(INDEX(Jesper!AI$2:AI$366,ROUNDDOWN($C5765/24,0)+1,1))-1)+IF('Standard Profiles'!$G$19=$B$10,7,0)+IF('Standard Profiles'!$G$19=$B$17,14,0)+IF('Standard Profiles'!$G$19=$B$24,21,0),0)),0)</f>
        <v>2.6992566370261732</v>
      </c>
      <c r="F5765" cm="1">
        <f t="array" ref="F5765">IFERROR(INDEX(Jesper!AJ$2:AJ$366,ROUNDDOWN($C5765/24,0)+1,1)*INDEX($D$3:$AA$30,INDEX(Jesper!$R$2:$R$366,ROW(INDEX(Jesper!AJ$2:AJ$366,ROUNDDOWN($C5765/24,0)+1,1))-1)+IF('Standard Profiles'!$G$20=$B$10,7,0)+IF('Standard Profiles'!$G$20=$B$17,14,0)+IF('Standard Profiles'!$G$20=$B$24,21,0),MOD($C5765,24)+1)/SUM(INDEX($D$3:$AA$30,INDEX(Jesper!$R$2:$R$366,ROW(INDEX(Jesper!AJ$2:AJ$366,ROUNDDOWN($C5765/24,0)+1,1))-1)+IF('Standard Profiles'!$G$20=$B$10,7,0)+IF('Standard Profiles'!$G$20=$B$17,14,0)+IF('Standard Profiles'!$G$20=$B$24,21,0),0)),0)</f>
        <v>0.96433226217720591</v>
      </c>
      <c r="G5765" cm="1">
        <f t="array" ref="G5765">IFERROR(INDEX(Jesper!AK$2:AK$366,ROUNDDOWN($C5765/24,0)+1,1)*INDEX($D$3:$AA$30,INDEX(Jesper!$R$2:$R$366,ROW(INDEX(Jesper!AK$2:AK$366,ROUNDDOWN($C5765/24,0)+1,1))-1)+IF('Standard Profiles'!$G$21=$B$10,7,0)+IF('Standard Profiles'!$G$21=$B$17,14,0)+IF('Standard Profiles'!$G$21=$B$24,21,0),MOD($C5765,24)+1)/SUM(INDEX($D$3:$AA$30,INDEX(Jesper!$R$2:$R$366,ROW(INDEX(Jesper!AK$2:AK$366,ROUNDDOWN($C5765/24,0)+1,1))-1)+IF('Standard Profiles'!$G$21=$B$10,7,0)+IF('Standard Profiles'!$G$21=$B$17,14,0)+IF('Standard Profiles'!$G$21=$B$24,21,0),0)),0)</f>
        <v>0.41137782887123464</v>
      </c>
      <c r="H5765" cm="1">
        <f t="array" ref="H5765">IFERROR(INDEX(Jesper!AL$2:AL$366,ROUNDDOWN($C5765/24,0)+1,1)*INDEX($D$3:$AA$30,INDEX(Jesper!$R$2:$R$366,ROW(INDEX(Jesper!AL$2:AL$366,ROUNDDOWN($C5765/24,0)+1,1))-1)+IF('Standard Profiles'!$G$22=$B$10,7,0)+IF('Standard Profiles'!$G$22=$B$17,14,0)+IF('Standard Profiles'!$G$22=$B$24,21,0),MOD($C5765,24)+1)/SUM(INDEX($D$3:$AA$30,INDEX(Jesper!$R$2:$R$366,ROW(INDEX(Jesper!AL$2:AL$366,ROUNDDOWN($C5765/24,0)+1,1))-1)+IF('Standard Profiles'!$G$22=$B$10,7,0)+IF('Standard Profiles'!$G$22=$B$17,14,0)+IF('Standard Profiles'!$G$22=$B$24,21,0),0)),0)</f>
        <v>4.3485387975353493E-2</v>
      </c>
      <c r="I5765">
        <f t="shared" si="643"/>
        <v>4.1745972456339375E-2</v>
      </c>
      <c r="J5765">
        <f t="shared" si="644"/>
        <v>3.7527953471504869</v>
      </c>
      <c r="K5765">
        <f t="shared" si="645"/>
        <v>0.21594053096209387</v>
      </c>
      <c r="L5765">
        <f t="shared" si="646"/>
        <v>0.10797026548104693</v>
      </c>
      <c r="M5765">
        <f t="shared" si="647"/>
        <v>0</v>
      </c>
      <c r="N5765" s="45">
        <f t="shared" si="648"/>
        <v>45165.791666652767</v>
      </c>
    </row>
    <row r="5766" spans="2:14" x14ac:dyDescent="0.25">
      <c r="B5766">
        <f t="shared" si="642"/>
        <v>7</v>
      </c>
      <c r="C5766" s="16">
        <v>5732</v>
      </c>
      <c r="D5766" cm="1">
        <f t="array" ref="D5766">IFERROR(INDEX(Jesper!AH$2:AH$366,ROUNDDOWN($C5766/24,0)+1,1)*INDEX($D$3:$AA$30,INDEX(Jesper!$R$2:$R$366,ROW(INDEX(Jesper!AH$2:AH$366,ROUNDDOWN($C5766/24,0)+1,1))-1)+IF('Standard Profiles'!$G$18=$B$10,7,0)+IF('Standard Profiles'!$G$18=$B$17,14,0)+IF('Standard Profiles'!$G$18=$B$24,21,0),MOD($C5766,24)+1)/SUM(INDEX($D$3:$AA$30,INDEX(Jesper!$R$2:$R$366,ROW(INDEX(Jesper!AH$2:AH$366,ROUNDDOWN($C5766/24,0)+1,1))-1)+IF('Standard Profiles'!$G$18=$B$10,7,0)+IF('Standard Profiles'!$G$18=$B$17,14,0)+IF('Standard Profiles'!$G$18=$B$24,21,0),0)),0)</f>
        <v>0</v>
      </c>
      <c r="E5766" cm="1">
        <f t="array" ref="E5766">IFERROR(INDEX(Jesper!AI$2:AI$366,ROUNDDOWN($C5766/24,0)+1,1)*INDEX($D$3:$AA$30,INDEX(Jesper!$R$2:$R$366,ROW(INDEX(Jesper!AI$2:AI$366,ROUNDDOWN($C5766/24,0)+1,1))-1)+IF('Standard Profiles'!$G$19=$B$10,7,0)+IF('Standard Profiles'!$G$19=$B$17,14,0)+IF('Standard Profiles'!$G$19=$B$24,21,0),MOD($C5766,24)+1)/SUM(INDEX($D$3:$AA$30,INDEX(Jesper!$R$2:$R$366,ROW(INDEX(Jesper!AI$2:AI$366,ROUNDDOWN($C5766/24,0)+1,1))-1)+IF('Standard Profiles'!$G$19=$B$10,7,0)+IF('Standard Profiles'!$G$19=$B$17,14,0)+IF('Standard Profiles'!$G$19=$B$24,21,0),0)),0)</f>
        <v>2.6992566370261732</v>
      </c>
      <c r="F5766" cm="1">
        <f t="array" ref="F5766">IFERROR(INDEX(Jesper!AJ$2:AJ$366,ROUNDDOWN($C5766/24,0)+1,1)*INDEX($D$3:$AA$30,INDEX(Jesper!$R$2:$R$366,ROW(INDEX(Jesper!AJ$2:AJ$366,ROUNDDOWN($C5766/24,0)+1,1))-1)+IF('Standard Profiles'!$G$20=$B$10,7,0)+IF('Standard Profiles'!$G$20=$B$17,14,0)+IF('Standard Profiles'!$G$20=$B$24,21,0),MOD($C5766,24)+1)/SUM(INDEX($D$3:$AA$30,INDEX(Jesper!$R$2:$R$366,ROW(INDEX(Jesper!AJ$2:AJ$366,ROUNDDOWN($C5766/24,0)+1,1))-1)+IF('Standard Profiles'!$G$20=$B$10,7,0)+IF('Standard Profiles'!$G$20=$B$17,14,0)+IF('Standard Profiles'!$G$20=$B$24,21,0),0)),0)</f>
        <v>0.96433226217720591</v>
      </c>
      <c r="G5766" cm="1">
        <f t="array" ref="G5766">IFERROR(INDEX(Jesper!AK$2:AK$366,ROUNDDOWN($C5766/24,0)+1,1)*INDEX($D$3:$AA$30,INDEX(Jesper!$R$2:$R$366,ROW(INDEX(Jesper!AK$2:AK$366,ROUNDDOWN($C5766/24,0)+1,1))-1)+IF('Standard Profiles'!$G$21=$B$10,7,0)+IF('Standard Profiles'!$G$21=$B$17,14,0)+IF('Standard Profiles'!$G$21=$B$24,21,0),MOD($C5766,24)+1)/SUM(INDEX($D$3:$AA$30,INDEX(Jesper!$R$2:$R$366,ROW(INDEX(Jesper!AK$2:AK$366,ROUNDDOWN($C5766/24,0)+1,1))-1)+IF('Standard Profiles'!$G$21=$B$10,7,0)+IF('Standard Profiles'!$G$21=$B$17,14,0)+IF('Standard Profiles'!$G$21=$B$24,21,0),0)),0)</f>
        <v>0.41137782887123464</v>
      </c>
      <c r="H5766" cm="1">
        <f t="array" ref="H5766">IFERROR(INDEX(Jesper!AL$2:AL$366,ROUNDDOWN($C5766/24,0)+1,1)*INDEX($D$3:$AA$30,INDEX(Jesper!$R$2:$R$366,ROW(INDEX(Jesper!AL$2:AL$366,ROUNDDOWN($C5766/24,0)+1,1))-1)+IF('Standard Profiles'!$G$22=$B$10,7,0)+IF('Standard Profiles'!$G$22=$B$17,14,0)+IF('Standard Profiles'!$G$22=$B$24,21,0),MOD($C5766,24)+1)/SUM(INDEX($D$3:$AA$30,INDEX(Jesper!$R$2:$R$366,ROW(INDEX(Jesper!AL$2:AL$366,ROUNDDOWN($C5766/24,0)+1,1))-1)+IF('Standard Profiles'!$G$22=$B$10,7,0)+IF('Standard Profiles'!$G$22=$B$17,14,0)+IF('Standard Profiles'!$G$22=$B$24,21,0),0)),0)</f>
        <v>3.6433703438809681E-2</v>
      </c>
      <c r="I5766">
        <f t="shared" si="643"/>
        <v>3.4976355301257311E-2</v>
      </c>
      <c r="J5766">
        <f t="shared" si="644"/>
        <v>3.7525132797690253</v>
      </c>
      <c r="K5766">
        <f t="shared" si="645"/>
        <v>0.21594053096209387</v>
      </c>
      <c r="L5766">
        <f t="shared" si="646"/>
        <v>0.10797026548104693</v>
      </c>
      <c r="M5766">
        <f t="shared" si="647"/>
        <v>0</v>
      </c>
      <c r="N5766" s="45">
        <f t="shared" si="648"/>
        <v>45165.833333319431</v>
      </c>
    </row>
    <row r="5767" spans="2:14" x14ac:dyDescent="0.25">
      <c r="B5767">
        <f t="shared" si="642"/>
        <v>7</v>
      </c>
      <c r="C5767" s="16">
        <v>5733</v>
      </c>
      <c r="D5767" cm="1">
        <f t="array" ref="D5767">IFERROR(INDEX(Jesper!AH$2:AH$366,ROUNDDOWN($C5767/24,0)+1,1)*INDEX($D$3:$AA$30,INDEX(Jesper!$R$2:$R$366,ROW(INDEX(Jesper!AH$2:AH$366,ROUNDDOWN($C5767/24,0)+1,1))-1)+IF('Standard Profiles'!$G$18=$B$10,7,0)+IF('Standard Profiles'!$G$18=$B$17,14,0)+IF('Standard Profiles'!$G$18=$B$24,21,0),MOD($C5767,24)+1)/SUM(INDEX($D$3:$AA$30,INDEX(Jesper!$R$2:$R$366,ROW(INDEX(Jesper!AH$2:AH$366,ROUNDDOWN($C5767/24,0)+1,1))-1)+IF('Standard Profiles'!$G$18=$B$10,7,0)+IF('Standard Profiles'!$G$18=$B$17,14,0)+IF('Standard Profiles'!$G$18=$B$24,21,0),0)),0)</f>
        <v>0</v>
      </c>
      <c r="E5767" cm="1">
        <f t="array" ref="E5767">IFERROR(INDEX(Jesper!AI$2:AI$366,ROUNDDOWN($C5767/24,0)+1,1)*INDEX($D$3:$AA$30,INDEX(Jesper!$R$2:$R$366,ROW(INDEX(Jesper!AI$2:AI$366,ROUNDDOWN($C5767/24,0)+1,1))-1)+IF('Standard Profiles'!$G$19=$B$10,7,0)+IF('Standard Profiles'!$G$19=$B$17,14,0)+IF('Standard Profiles'!$G$19=$B$24,21,0),MOD($C5767,24)+1)/SUM(INDEX($D$3:$AA$30,INDEX(Jesper!$R$2:$R$366,ROW(INDEX(Jesper!AI$2:AI$366,ROUNDDOWN($C5767/24,0)+1,1))-1)+IF('Standard Profiles'!$G$19=$B$10,7,0)+IF('Standard Profiles'!$G$19=$B$17,14,0)+IF('Standard Profiles'!$G$19=$B$24,21,0),0)),0)</f>
        <v>2.6992566370261732</v>
      </c>
      <c r="F5767" cm="1">
        <f t="array" ref="F5767">IFERROR(INDEX(Jesper!AJ$2:AJ$366,ROUNDDOWN($C5767/24,0)+1,1)*INDEX($D$3:$AA$30,INDEX(Jesper!$R$2:$R$366,ROW(INDEX(Jesper!AJ$2:AJ$366,ROUNDDOWN($C5767/24,0)+1,1))-1)+IF('Standard Profiles'!$G$20=$B$10,7,0)+IF('Standard Profiles'!$G$20=$B$17,14,0)+IF('Standard Profiles'!$G$20=$B$24,21,0),MOD($C5767,24)+1)/SUM(INDEX($D$3:$AA$30,INDEX(Jesper!$R$2:$R$366,ROW(INDEX(Jesper!AJ$2:AJ$366,ROUNDDOWN($C5767/24,0)+1,1))-1)+IF('Standard Profiles'!$G$20=$B$10,7,0)+IF('Standard Profiles'!$G$20=$B$17,14,0)+IF('Standard Profiles'!$G$20=$B$24,21,0),0)),0)</f>
        <v>0.96433226217720591</v>
      </c>
      <c r="G5767" cm="1">
        <f t="array" ref="G5767">IFERROR(INDEX(Jesper!AK$2:AK$366,ROUNDDOWN($C5767/24,0)+1,1)*INDEX($D$3:$AA$30,INDEX(Jesper!$R$2:$R$366,ROW(INDEX(Jesper!AK$2:AK$366,ROUNDDOWN($C5767/24,0)+1,1))-1)+IF('Standard Profiles'!$G$21=$B$10,7,0)+IF('Standard Profiles'!$G$21=$B$17,14,0)+IF('Standard Profiles'!$G$21=$B$24,21,0),MOD($C5767,24)+1)/SUM(INDEX($D$3:$AA$30,INDEX(Jesper!$R$2:$R$366,ROW(INDEX(Jesper!AK$2:AK$366,ROUNDDOWN($C5767/24,0)+1,1))-1)+IF('Standard Profiles'!$G$21=$B$10,7,0)+IF('Standard Profiles'!$G$21=$B$17,14,0)+IF('Standard Profiles'!$G$21=$B$24,21,0),0)),0)</f>
        <v>0.41137782887123464</v>
      </c>
      <c r="H5767" cm="1">
        <f t="array" ref="H5767">IFERROR(INDEX(Jesper!AL$2:AL$366,ROUNDDOWN($C5767/24,0)+1,1)*INDEX($D$3:$AA$30,INDEX(Jesper!$R$2:$R$366,ROW(INDEX(Jesper!AL$2:AL$366,ROUNDDOWN($C5767/24,0)+1,1))-1)+IF('Standard Profiles'!$G$22=$B$10,7,0)+IF('Standard Profiles'!$G$22=$B$17,14,0)+IF('Standard Profiles'!$G$22=$B$24,21,0),MOD($C5767,24)+1)/SUM(INDEX($D$3:$AA$30,INDEX(Jesper!$R$2:$R$366,ROW(INDEX(Jesper!AL$2:AL$366,ROUNDDOWN($C5767/24,0)+1,1))-1)+IF('Standard Profiles'!$G$22=$B$10,7,0)+IF('Standard Profiles'!$G$22=$B$17,14,0)+IF('Standard Profiles'!$G$22=$B$24,21,0),0)),0)</f>
        <v>3.1732580414447147E-2</v>
      </c>
      <c r="I5767">
        <f t="shared" si="643"/>
        <v>3.0463277197869277E-2</v>
      </c>
      <c r="J5767">
        <f t="shared" si="644"/>
        <v>3.7523252348480507</v>
      </c>
      <c r="K5767">
        <f t="shared" si="645"/>
        <v>0.21594053096209387</v>
      </c>
      <c r="L5767">
        <f t="shared" si="646"/>
        <v>0.10797026548104693</v>
      </c>
      <c r="M5767">
        <f t="shared" si="647"/>
        <v>0</v>
      </c>
      <c r="N5767" s="45">
        <f t="shared" si="648"/>
        <v>45165.874999986096</v>
      </c>
    </row>
    <row r="5768" spans="2:14" x14ac:dyDescent="0.25">
      <c r="B5768">
        <f t="shared" si="642"/>
        <v>7</v>
      </c>
      <c r="C5768" s="16">
        <v>5734</v>
      </c>
      <c r="D5768" cm="1">
        <f t="array" ref="D5768">IFERROR(INDEX(Jesper!AH$2:AH$366,ROUNDDOWN($C5768/24,0)+1,1)*INDEX($D$3:$AA$30,INDEX(Jesper!$R$2:$R$366,ROW(INDEX(Jesper!AH$2:AH$366,ROUNDDOWN($C5768/24,0)+1,1))-1)+IF('Standard Profiles'!$G$18=$B$10,7,0)+IF('Standard Profiles'!$G$18=$B$17,14,0)+IF('Standard Profiles'!$G$18=$B$24,21,0),MOD($C5768,24)+1)/SUM(INDEX($D$3:$AA$30,INDEX(Jesper!$R$2:$R$366,ROW(INDEX(Jesper!AH$2:AH$366,ROUNDDOWN($C5768/24,0)+1,1))-1)+IF('Standard Profiles'!$G$18=$B$10,7,0)+IF('Standard Profiles'!$G$18=$B$17,14,0)+IF('Standard Profiles'!$G$18=$B$24,21,0),0)),0)</f>
        <v>0</v>
      </c>
      <c r="E5768" cm="1">
        <f t="array" ref="E5768">IFERROR(INDEX(Jesper!AI$2:AI$366,ROUNDDOWN($C5768/24,0)+1,1)*INDEX($D$3:$AA$30,INDEX(Jesper!$R$2:$R$366,ROW(INDEX(Jesper!AI$2:AI$366,ROUNDDOWN($C5768/24,0)+1,1))-1)+IF('Standard Profiles'!$G$19=$B$10,7,0)+IF('Standard Profiles'!$G$19=$B$17,14,0)+IF('Standard Profiles'!$G$19=$B$24,21,0),MOD($C5768,24)+1)/SUM(INDEX($D$3:$AA$30,INDEX(Jesper!$R$2:$R$366,ROW(INDEX(Jesper!AI$2:AI$366,ROUNDDOWN($C5768/24,0)+1,1))-1)+IF('Standard Profiles'!$G$19=$B$10,7,0)+IF('Standard Profiles'!$G$19=$B$17,14,0)+IF('Standard Profiles'!$G$19=$B$24,21,0),0)),0)</f>
        <v>2.6992566370261732</v>
      </c>
      <c r="F5768" cm="1">
        <f t="array" ref="F5768">IFERROR(INDEX(Jesper!AJ$2:AJ$366,ROUNDDOWN($C5768/24,0)+1,1)*INDEX($D$3:$AA$30,INDEX(Jesper!$R$2:$R$366,ROW(INDEX(Jesper!AJ$2:AJ$366,ROUNDDOWN($C5768/24,0)+1,1))-1)+IF('Standard Profiles'!$G$20=$B$10,7,0)+IF('Standard Profiles'!$G$20=$B$17,14,0)+IF('Standard Profiles'!$G$20=$B$24,21,0),MOD($C5768,24)+1)/SUM(INDEX($D$3:$AA$30,INDEX(Jesper!$R$2:$R$366,ROW(INDEX(Jesper!AJ$2:AJ$366,ROUNDDOWN($C5768/24,0)+1,1))-1)+IF('Standard Profiles'!$G$20=$B$10,7,0)+IF('Standard Profiles'!$G$20=$B$17,14,0)+IF('Standard Profiles'!$G$20=$B$24,21,0),0)),0)</f>
        <v>0.96433226217720591</v>
      </c>
      <c r="G5768" cm="1">
        <f t="array" ref="G5768">IFERROR(INDEX(Jesper!AK$2:AK$366,ROUNDDOWN($C5768/24,0)+1,1)*INDEX($D$3:$AA$30,INDEX(Jesper!$R$2:$R$366,ROW(INDEX(Jesper!AK$2:AK$366,ROUNDDOWN($C5768/24,0)+1,1))-1)+IF('Standard Profiles'!$G$21=$B$10,7,0)+IF('Standard Profiles'!$G$21=$B$17,14,0)+IF('Standard Profiles'!$G$21=$B$24,21,0),MOD($C5768,24)+1)/SUM(INDEX($D$3:$AA$30,INDEX(Jesper!$R$2:$R$366,ROW(INDEX(Jesper!AK$2:AK$366,ROUNDDOWN($C5768/24,0)+1,1))-1)+IF('Standard Profiles'!$G$21=$B$10,7,0)+IF('Standard Profiles'!$G$21=$B$17,14,0)+IF('Standard Profiles'!$G$21=$B$24,21,0),0)),0)</f>
        <v>0.41137782887123464</v>
      </c>
      <c r="H5768" cm="1">
        <f t="array" ref="H5768">IFERROR(INDEX(Jesper!AL$2:AL$366,ROUNDDOWN($C5768/24,0)+1,1)*INDEX($D$3:$AA$30,INDEX(Jesper!$R$2:$R$366,ROW(INDEX(Jesper!AL$2:AL$366,ROUNDDOWN($C5768/24,0)+1,1))-1)+IF('Standard Profiles'!$G$22=$B$10,7,0)+IF('Standard Profiles'!$G$22=$B$17,14,0)+IF('Standard Profiles'!$G$22=$B$24,21,0),MOD($C5768,24)+1)/SUM(INDEX($D$3:$AA$30,INDEX(Jesper!$R$2:$R$366,ROW(INDEX(Jesper!AL$2:AL$366,ROUNDDOWN($C5768/24,0)+1,1))-1)+IF('Standard Profiles'!$G$22=$B$10,7,0)+IF('Standard Profiles'!$G$22=$B$17,14,0)+IF('Standard Profiles'!$G$22=$B$24,21,0),0)),0)</f>
        <v>3.1732580414447147E-2</v>
      </c>
      <c r="I5768">
        <f t="shared" si="643"/>
        <v>3.0463277197869277E-2</v>
      </c>
      <c r="J5768">
        <f t="shared" si="644"/>
        <v>3.7523252348480507</v>
      </c>
      <c r="K5768">
        <f t="shared" si="645"/>
        <v>0.21594053096209387</v>
      </c>
      <c r="L5768">
        <f t="shared" si="646"/>
        <v>0.10797026548104693</v>
      </c>
      <c r="M5768">
        <f t="shared" si="647"/>
        <v>0</v>
      </c>
      <c r="N5768" s="45">
        <f t="shared" si="648"/>
        <v>45165.91666665276</v>
      </c>
    </row>
    <row r="5769" spans="2:14" x14ac:dyDescent="0.25">
      <c r="B5769">
        <f t="shared" si="642"/>
        <v>7</v>
      </c>
      <c r="C5769" s="16">
        <v>5735</v>
      </c>
      <c r="D5769" cm="1">
        <f t="array" ref="D5769">IFERROR(INDEX(Jesper!AH$2:AH$366,ROUNDDOWN($C5769/24,0)+1,1)*INDEX($D$3:$AA$30,INDEX(Jesper!$R$2:$R$366,ROW(INDEX(Jesper!AH$2:AH$366,ROUNDDOWN($C5769/24,0)+1,1))-1)+IF('Standard Profiles'!$G$18=$B$10,7,0)+IF('Standard Profiles'!$G$18=$B$17,14,0)+IF('Standard Profiles'!$G$18=$B$24,21,0),MOD($C5769,24)+1)/SUM(INDEX($D$3:$AA$30,INDEX(Jesper!$R$2:$R$366,ROW(INDEX(Jesper!AH$2:AH$366,ROUNDDOWN($C5769/24,0)+1,1))-1)+IF('Standard Profiles'!$G$18=$B$10,7,0)+IF('Standard Profiles'!$G$18=$B$17,14,0)+IF('Standard Profiles'!$G$18=$B$24,21,0),0)),0)</f>
        <v>0</v>
      </c>
      <c r="E5769" cm="1">
        <f t="array" ref="E5769">IFERROR(INDEX(Jesper!AI$2:AI$366,ROUNDDOWN($C5769/24,0)+1,1)*INDEX($D$3:$AA$30,INDEX(Jesper!$R$2:$R$366,ROW(INDEX(Jesper!AI$2:AI$366,ROUNDDOWN($C5769/24,0)+1,1))-1)+IF('Standard Profiles'!$G$19=$B$10,7,0)+IF('Standard Profiles'!$G$19=$B$17,14,0)+IF('Standard Profiles'!$G$19=$B$24,21,0),MOD($C5769,24)+1)/SUM(INDEX($D$3:$AA$30,INDEX(Jesper!$R$2:$R$366,ROW(INDEX(Jesper!AI$2:AI$366,ROUNDDOWN($C5769/24,0)+1,1))-1)+IF('Standard Profiles'!$G$19=$B$10,7,0)+IF('Standard Profiles'!$G$19=$B$17,14,0)+IF('Standard Profiles'!$G$19=$B$24,21,0),0)),0)</f>
        <v>2.6992566370261732</v>
      </c>
      <c r="F5769" cm="1">
        <f t="array" ref="F5769">IFERROR(INDEX(Jesper!AJ$2:AJ$366,ROUNDDOWN($C5769/24,0)+1,1)*INDEX($D$3:$AA$30,INDEX(Jesper!$R$2:$R$366,ROW(INDEX(Jesper!AJ$2:AJ$366,ROUNDDOWN($C5769/24,0)+1,1))-1)+IF('Standard Profiles'!$G$20=$B$10,7,0)+IF('Standard Profiles'!$G$20=$B$17,14,0)+IF('Standard Profiles'!$G$20=$B$24,21,0),MOD($C5769,24)+1)/SUM(INDEX($D$3:$AA$30,INDEX(Jesper!$R$2:$R$366,ROW(INDEX(Jesper!AJ$2:AJ$366,ROUNDDOWN($C5769/24,0)+1,1))-1)+IF('Standard Profiles'!$G$20=$B$10,7,0)+IF('Standard Profiles'!$G$20=$B$17,14,0)+IF('Standard Profiles'!$G$20=$B$24,21,0),0)),0)</f>
        <v>0.96433226217720591</v>
      </c>
      <c r="G5769" cm="1">
        <f t="array" ref="G5769">IFERROR(INDEX(Jesper!AK$2:AK$366,ROUNDDOWN($C5769/24,0)+1,1)*INDEX($D$3:$AA$30,INDEX(Jesper!$R$2:$R$366,ROW(INDEX(Jesper!AK$2:AK$366,ROUNDDOWN($C5769/24,0)+1,1))-1)+IF('Standard Profiles'!$G$21=$B$10,7,0)+IF('Standard Profiles'!$G$21=$B$17,14,0)+IF('Standard Profiles'!$G$21=$B$24,21,0),MOD($C5769,24)+1)/SUM(INDEX($D$3:$AA$30,INDEX(Jesper!$R$2:$R$366,ROW(INDEX(Jesper!AK$2:AK$366,ROUNDDOWN($C5769/24,0)+1,1))-1)+IF('Standard Profiles'!$G$21=$B$10,7,0)+IF('Standard Profiles'!$G$21=$B$17,14,0)+IF('Standard Profiles'!$G$21=$B$24,21,0),0)),0)</f>
        <v>0.41137782887123464</v>
      </c>
      <c r="H5769" cm="1">
        <f t="array" ref="H5769">IFERROR(INDEX(Jesper!AL$2:AL$366,ROUNDDOWN($C5769/24,0)+1,1)*INDEX($D$3:$AA$30,INDEX(Jesper!$R$2:$R$366,ROW(INDEX(Jesper!AL$2:AL$366,ROUNDDOWN($C5769/24,0)+1,1))-1)+IF('Standard Profiles'!$G$22=$B$10,7,0)+IF('Standard Profiles'!$G$22=$B$17,14,0)+IF('Standard Profiles'!$G$22=$B$24,21,0),MOD($C5769,24)+1)/SUM(INDEX($D$3:$AA$30,INDEX(Jesper!$R$2:$R$366,ROW(INDEX(Jesper!AL$2:AL$366,ROUNDDOWN($C5769/24,0)+1,1))-1)+IF('Standard Profiles'!$G$22=$B$10,7,0)+IF('Standard Profiles'!$G$22=$B$17,14,0)+IF('Standard Profiles'!$G$22=$B$24,21,0),0)),0)</f>
        <v>3.1732580414447147E-2</v>
      </c>
      <c r="I5769">
        <f t="shared" si="643"/>
        <v>3.0463277197869277E-2</v>
      </c>
      <c r="J5769">
        <f t="shared" si="644"/>
        <v>3.7523252348480507</v>
      </c>
      <c r="K5769">
        <f t="shared" si="645"/>
        <v>0.21594053096209387</v>
      </c>
      <c r="L5769">
        <f t="shared" si="646"/>
        <v>0.10797026548104693</v>
      </c>
      <c r="M5769">
        <f t="shared" si="647"/>
        <v>0</v>
      </c>
      <c r="N5769" s="45">
        <f t="shared" si="648"/>
        <v>45165.958333319424</v>
      </c>
    </row>
    <row r="5770" spans="2:14" x14ac:dyDescent="0.25">
      <c r="B5770">
        <f t="shared" si="642"/>
        <v>1</v>
      </c>
      <c r="C5770" s="16">
        <v>5736</v>
      </c>
      <c r="D5770" cm="1">
        <f t="array" ref="D5770">IFERROR(INDEX(Jesper!AH$2:AH$366,ROUNDDOWN($C5770/24,0)+1,1)*INDEX($D$3:$AA$30,INDEX(Jesper!$R$2:$R$366,ROW(INDEX(Jesper!AH$2:AH$366,ROUNDDOWN($C5770/24,0)+1,1))-1)+IF('Standard Profiles'!$G$18=$B$10,7,0)+IF('Standard Profiles'!$G$18=$B$17,14,0)+IF('Standard Profiles'!$G$18=$B$24,21,0),MOD($C5770,24)+1)/SUM(INDEX($D$3:$AA$30,INDEX(Jesper!$R$2:$R$366,ROW(INDEX(Jesper!AH$2:AH$366,ROUNDDOWN($C5770/24,0)+1,1))-1)+IF('Standard Profiles'!$G$18=$B$10,7,0)+IF('Standard Profiles'!$G$18=$B$17,14,0)+IF('Standard Profiles'!$G$18=$B$24,21,0),0)),0)</f>
        <v>5.1229951296096194</v>
      </c>
      <c r="E5770" cm="1">
        <f t="array" ref="E5770">IFERROR(INDEX(Jesper!AI$2:AI$366,ROUNDDOWN($C5770/24,0)+1,1)*INDEX($D$3:$AA$30,INDEX(Jesper!$R$2:$R$366,ROW(INDEX(Jesper!AI$2:AI$366,ROUNDDOWN($C5770/24,0)+1,1))-1)+IF('Standard Profiles'!$G$19=$B$10,7,0)+IF('Standard Profiles'!$G$19=$B$17,14,0)+IF('Standard Profiles'!$G$19=$B$24,21,0),MOD($C5770,24)+1)/SUM(INDEX($D$3:$AA$30,INDEX(Jesper!$R$2:$R$366,ROW(INDEX(Jesper!AI$2:AI$366,ROUNDDOWN($C5770/24,0)+1,1))-1)+IF('Standard Profiles'!$G$19=$B$10,7,0)+IF('Standard Profiles'!$G$19=$B$17,14,0)+IF('Standard Profiles'!$G$19=$B$24,21,0),0)),0)</f>
        <v>2.1627093637444919</v>
      </c>
      <c r="F5770" cm="1">
        <f t="array" ref="F5770">IFERROR(INDEX(Jesper!AJ$2:AJ$366,ROUNDDOWN($C5770/24,0)+1,1)*INDEX($D$3:$AA$30,INDEX(Jesper!$R$2:$R$366,ROW(INDEX(Jesper!AJ$2:AJ$366,ROUNDDOWN($C5770/24,0)+1,1))-1)+IF('Standard Profiles'!$G$20=$B$10,7,0)+IF('Standard Profiles'!$G$20=$B$17,14,0)+IF('Standard Profiles'!$G$20=$B$24,21,0),MOD($C5770,24)+1)/SUM(INDEX($D$3:$AA$30,INDEX(Jesper!$R$2:$R$366,ROW(INDEX(Jesper!AJ$2:AJ$366,ROUNDDOWN($C5770/24,0)+1,1))-1)+IF('Standard Profiles'!$G$20=$B$10,7,0)+IF('Standard Profiles'!$G$20=$B$17,14,0)+IF('Standard Profiles'!$G$20=$B$24,21,0),0)),0)</f>
        <v>0</v>
      </c>
      <c r="G5770" cm="1">
        <f t="array" ref="G5770">IFERROR(INDEX(Jesper!AK$2:AK$366,ROUNDDOWN($C5770/24,0)+1,1)*INDEX($D$3:$AA$30,INDEX(Jesper!$R$2:$R$366,ROW(INDEX(Jesper!AK$2:AK$366,ROUNDDOWN($C5770/24,0)+1,1))-1)+IF('Standard Profiles'!$G$21=$B$10,7,0)+IF('Standard Profiles'!$G$21=$B$17,14,0)+IF('Standard Profiles'!$G$21=$B$24,21,0),MOD($C5770,24)+1)/SUM(INDEX($D$3:$AA$30,INDEX(Jesper!$R$2:$R$366,ROW(INDEX(Jesper!AK$2:AK$366,ROUNDDOWN($C5770/24,0)+1,1))-1)+IF('Standard Profiles'!$G$21=$B$10,7,0)+IF('Standard Profiles'!$G$21=$B$17,14,0)+IF('Standard Profiles'!$G$21=$B$24,21,0),0)),0)</f>
        <v>0.1332946938010694</v>
      </c>
      <c r="H5770" cm="1">
        <f t="array" ref="H5770">IFERROR(INDEX(Jesper!AL$2:AL$366,ROUNDDOWN($C5770/24,0)+1,1)*INDEX($D$3:$AA$30,INDEX(Jesper!$R$2:$R$366,ROW(INDEX(Jesper!AL$2:AL$366,ROUNDDOWN($C5770/24,0)+1,1))-1)+IF('Standard Profiles'!$G$22=$B$10,7,0)+IF('Standard Profiles'!$G$22=$B$17,14,0)+IF('Standard Profiles'!$G$22=$B$24,21,0),MOD($C5770,24)+1)/SUM(INDEX($D$3:$AA$30,INDEX(Jesper!$R$2:$R$366,ROW(INDEX(Jesper!AL$2:AL$366,ROUNDDOWN($C5770/24,0)+1,1))-1)+IF('Standard Profiles'!$G$22=$B$10,7,0)+IF('Standard Profiles'!$G$22=$B$17,14,0)+IF('Standard Profiles'!$G$22=$B$24,21,0),0)),0)</f>
        <v>0</v>
      </c>
      <c r="I5770">
        <f t="shared" si="643"/>
        <v>6.3981453024513274E-2</v>
      </c>
      <c r="J5770">
        <f t="shared" si="644"/>
        <v>6.5353385133931283</v>
      </c>
      <c r="K5770">
        <f t="shared" si="645"/>
        <v>0.54645281382502608</v>
      </c>
      <c r="L5770">
        <f t="shared" si="646"/>
        <v>0.27322640691251304</v>
      </c>
      <c r="M5770">
        <f t="shared" si="647"/>
        <v>0</v>
      </c>
      <c r="N5770" s="45">
        <f t="shared" si="648"/>
        <v>45165.999999986088</v>
      </c>
    </row>
    <row r="5771" spans="2:14" x14ac:dyDescent="0.25">
      <c r="B5771">
        <f t="shared" si="642"/>
        <v>1</v>
      </c>
      <c r="C5771" s="16">
        <v>5737</v>
      </c>
      <c r="D5771" cm="1">
        <f t="array" ref="D5771">IFERROR(INDEX(Jesper!AH$2:AH$366,ROUNDDOWN($C5771/24,0)+1,1)*INDEX($D$3:$AA$30,INDEX(Jesper!$R$2:$R$366,ROW(INDEX(Jesper!AH$2:AH$366,ROUNDDOWN($C5771/24,0)+1,1))-1)+IF('Standard Profiles'!$G$18=$B$10,7,0)+IF('Standard Profiles'!$G$18=$B$17,14,0)+IF('Standard Profiles'!$G$18=$B$24,21,0),MOD($C5771,24)+1)/SUM(INDEX($D$3:$AA$30,INDEX(Jesper!$R$2:$R$366,ROW(INDEX(Jesper!AH$2:AH$366,ROUNDDOWN($C5771/24,0)+1,1))-1)+IF('Standard Profiles'!$G$18=$B$10,7,0)+IF('Standard Profiles'!$G$18=$B$17,14,0)+IF('Standard Profiles'!$G$18=$B$24,21,0),0)),0)</f>
        <v>5.1229951296096194</v>
      </c>
      <c r="E5771" cm="1">
        <f t="array" ref="E5771">IFERROR(INDEX(Jesper!AI$2:AI$366,ROUNDDOWN($C5771/24,0)+1,1)*INDEX($D$3:$AA$30,INDEX(Jesper!$R$2:$R$366,ROW(INDEX(Jesper!AI$2:AI$366,ROUNDDOWN($C5771/24,0)+1,1))-1)+IF('Standard Profiles'!$G$19=$B$10,7,0)+IF('Standard Profiles'!$G$19=$B$17,14,0)+IF('Standard Profiles'!$G$19=$B$24,21,0),MOD($C5771,24)+1)/SUM(INDEX($D$3:$AA$30,INDEX(Jesper!$R$2:$R$366,ROW(INDEX(Jesper!AI$2:AI$366,ROUNDDOWN($C5771/24,0)+1,1))-1)+IF('Standard Profiles'!$G$19=$B$10,7,0)+IF('Standard Profiles'!$G$19=$B$17,14,0)+IF('Standard Profiles'!$G$19=$B$24,21,0),0)),0)</f>
        <v>2.1627093637444919</v>
      </c>
      <c r="F5771" cm="1">
        <f t="array" ref="F5771">IFERROR(INDEX(Jesper!AJ$2:AJ$366,ROUNDDOWN($C5771/24,0)+1,1)*INDEX($D$3:$AA$30,INDEX(Jesper!$R$2:$R$366,ROW(INDEX(Jesper!AJ$2:AJ$366,ROUNDDOWN($C5771/24,0)+1,1))-1)+IF('Standard Profiles'!$G$20=$B$10,7,0)+IF('Standard Profiles'!$G$20=$B$17,14,0)+IF('Standard Profiles'!$G$20=$B$24,21,0),MOD($C5771,24)+1)/SUM(INDEX($D$3:$AA$30,INDEX(Jesper!$R$2:$R$366,ROW(INDEX(Jesper!AJ$2:AJ$366,ROUNDDOWN($C5771/24,0)+1,1))-1)+IF('Standard Profiles'!$G$20=$B$10,7,0)+IF('Standard Profiles'!$G$20=$B$17,14,0)+IF('Standard Profiles'!$G$20=$B$24,21,0),0)),0)</f>
        <v>0</v>
      </c>
      <c r="G5771" cm="1">
        <f t="array" ref="G5771">IFERROR(INDEX(Jesper!AK$2:AK$366,ROUNDDOWN($C5771/24,0)+1,1)*INDEX($D$3:$AA$30,INDEX(Jesper!$R$2:$R$366,ROW(INDEX(Jesper!AK$2:AK$366,ROUNDDOWN($C5771/24,0)+1,1))-1)+IF('Standard Profiles'!$G$21=$B$10,7,0)+IF('Standard Profiles'!$G$21=$B$17,14,0)+IF('Standard Profiles'!$G$21=$B$24,21,0),MOD($C5771,24)+1)/SUM(INDEX($D$3:$AA$30,INDEX(Jesper!$R$2:$R$366,ROW(INDEX(Jesper!AK$2:AK$366,ROUNDDOWN($C5771/24,0)+1,1))-1)+IF('Standard Profiles'!$G$21=$B$10,7,0)+IF('Standard Profiles'!$G$21=$B$17,14,0)+IF('Standard Profiles'!$G$21=$B$24,21,0),0)),0)</f>
        <v>0.1332946938010694</v>
      </c>
      <c r="H5771" cm="1">
        <f t="array" ref="H5771">IFERROR(INDEX(Jesper!AL$2:AL$366,ROUNDDOWN($C5771/24,0)+1,1)*INDEX($D$3:$AA$30,INDEX(Jesper!$R$2:$R$366,ROW(INDEX(Jesper!AL$2:AL$366,ROUNDDOWN($C5771/24,0)+1,1))-1)+IF('Standard Profiles'!$G$22=$B$10,7,0)+IF('Standard Profiles'!$G$22=$B$17,14,0)+IF('Standard Profiles'!$G$22=$B$24,21,0),MOD($C5771,24)+1)/SUM(INDEX($D$3:$AA$30,INDEX(Jesper!$R$2:$R$366,ROW(INDEX(Jesper!AL$2:AL$366,ROUNDDOWN($C5771/24,0)+1,1))-1)+IF('Standard Profiles'!$G$22=$B$10,7,0)+IF('Standard Profiles'!$G$22=$B$17,14,0)+IF('Standard Profiles'!$G$22=$B$24,21,0),0)),0)</f>
        <v>0</v>
      </c>
      <c r="I5771">
        <f t="shared" si="643"/>
        <v>6.3981453024513274E-2</v>
      </c>
      <c r="J5771">
        <f t="shared" si="644"/>
        <v>6.5353385133931283</v>
      </c>
      <c r="K5771">
        <f t="shared" si="645"/>
        <v>0.54645281382502608</v>
      </c>
      <c r="L5771">
        <f t="shared" si="646"/>
        <v>0.27322640691251304</v>
      </c>
      <c r="M5771">
        <f t="shared" si="647"/>
        <v>0</v>
      </c>
      <c r="N5771" s="45">
        <f t="shared" si="648"/>
        <v>45166.041666652753</v>
      </c>
    </row>
    <row r="5772" spans="2:14" x14ac:dyDescent="0.25">
      <c r="B5772">
        <f t="shared" si="642"/>
        <v>1</v>
      </c>
      <c r="C5772" s="16">
        <v>5738</v>
      </c>
      <c r="D5772" cm="1">
        <f t="array" ref="D5772">IFERROR(INDEX(Jesper!AH$2:AH$366,ROUNDDOWN($C5772/24,0)+1,1)*INDEX($D$3:$AA$30,INDEX(Jesper!$R$2:$R$366,ROW(INDEX(Jesper!AH$2:AH$366,ROUNDDOWN($C5772/24,0)+1,1))-1)+IF('Standard Profiles'!$G$18=$B$10,7,0)+IF('Standard Profiles'!$G$18=$B$17,14,0)+IF('Standard Profiles'!$G$18=$B$24,21,0),MOD($C5772,24)+1)/SUM(INDEX($D$3:$AA$30,INDEX(Jesper!$R$2:$R$366,ROW(INDEX(Jesper!AH$2:AH$366,ROUNDDOWN($C5772/24,0)+1,1))-1)+IF('Standard Profiles'!$G$18=$B$10,7,0)+IF('Standard Profiles'!$G$18=$B$17,14,0)+IF('Standard Profiles'!$G$18=$B$24,21,0),0)),0)</f>
        <v>5.1229951296096194</v>
      </c>
      <c r="E5772" cm="1">
        <f t="array" ref="E5772">IFERROR(INDEX(Jesper!AI$2:AI$366,ROUNDDOWN($C5772/24,0)+1,1)*INDEX($D$3:$AA$30,INDEX(Jesper!$R$2:$R$366,ROW(INDEX(Jesper!AI$2:AI$366,ROUNDDOWN($C5772/24,0)+1,1))-1)+IF('Standard Profiles'!$G$19=$B$10,7,0)+IF('Standard Profiles'!$G$19=$B$17,14,0)+IF('Standard Profiles'!$G$19=$B$24,21,0),MOD($C5772,24)+1)/SUM(INDEX($D$3:$AA$30,INDEX(Jesper!$R$2:$R$366,ROW(INDEX(Jesper!AI$2:AI$366,ROUNDDOWN($C5772/24,0)+1,1))-1)+IF('Standard Profiles'!$G$19=$B$10,7,0)+IF('Standard Profiles'!$G$19=$B$17,14,0)+IF('Standard Profiles'!$G$19=$B$24,21,0),0)),0)</f>
        <v>2.1627093637444919</v>
      </c>
      <c r="F5772" cm="1">
        <f t="array" ref="F5772">IFERROR(INDEX(Jesper!AJ$2:AJ$366,ROUNDDOWN($C5772/24,0)+1,1)*INDEX($D$3:$AA$30,INDEX(Jesper!$R$2:$R$366,ROW(INDEX(Jesper!AJ$2:AJ$366,ROUNDDOWN($C5772/24,0)+1,1))-1)+IF('Standard Profiles'!$G$20=$B$10,7,0)+IF('Standard Profiles'!$G$20=$B$17,14,0)+IF('Standard Profiles'!$G$20=$B$24,21,0),MOD($C5772,24)+1)/SUM(INDEX($D$3:$AA$30,INDEX(Jesper!$R$2:$R$366,ROW(INDEX(Jesper!AJ$2:AJ$366,ROUNDDOWN($C5772/24,0)+1,1))-1)+IF('Standard Profiles'!$G$20=$B$10,7,0)+IF('Standard Profiles'!$G$20=$B$17,14,0)+IF('Standard Profiles'!$G$20=$B$24,21,0),0)),0)</f>
        <v>0</v>
      </c>
      <c r="G5772" cm="1">
        <f t="array" ref="G5772">IFERROR(INDEX(Jesper!AK$2:AK$366,ROUNDDOWN($C5772/24,0)+1,1)*INDEX($D$3:$AA$30,INDEX(Jesper!$R$2:$R$366,ROW(INDEX(Jesper!AK$2:AK$366,ROUNDDOWN($C5772/24,0)+1,1))-1)+IF('Standard Profiles'!$G$21=$B$10,7,0)+IF('Standard Profiles'!$G$21=$B$17,14,0)+IF('Standard Profiles'!$G$21=$B$24,21,0),MOD($C5772,24)+1)/SUM(INDEX($D$3:$AA$30,INDEX(Jesper!$R$2:$R$366,ROW(INDEX(Jesper!AK$2:AK$366,ROUNDDOWN($C5772/24,0)+1,1))-1)+IF('Standard Profiles'!$G$21=$B$10,7,0)+IF('Standard Profiles'!$G$21=$B$17,14,0)+IF('Standard Profiles'!$G$21=$B$24,21,0),0)),0)</f>
        <v>0.1332946938010694</v>
      </c>
      <c r="H5772" cm="1">
        <f t="array" ref="H5772">IFERROR(INDEX(Jesper!AL$2:AL$366,ROUNDDOWN($C5772/24,0)+1,1)*INDEX($D$3:$AA$30,INDEX(Jesper!$R$2:$R$366,ROW(INDEX(Jesper!AL$2:AL$366,ROUNDDOWN($C5772/24,0)+1,1))-1)+IF('Standard Profiles'!$G$22=$B$10,7,0)+IF('Standard Profiles'!$G$22=$B$17,14,0)+IF('Standard Profiles'!$G$22=$B$24,21,0),MOD($C5772,24)+1)/SUM(INDEX($D$3:$AA$30,INDEX(Jesper!$R$2:$R$366,ROW(INDEX(Jesper!AL$2:AL$366,ROUNDDOWN($C5772/24,0)+1,1))-1)+IF('Standard Profiles'!$G$22=$B$10,7,0)+IF('Standard Profiles'!$G$22=$B$17,14,0)+IF('Standard Profiles'!$G$22=$B$24,21,0),0)),0)</f>
        <v>0</v>
      </c>
      <c r="I5772">
        <f t="shared" si="643"/>
        <v>6.3981453024513274E-2</v>
      </c>
      <c r="J5772">
        <f t="shared" si="644"/>
        <v>6.5353385133931283</v>
      </c>
      <c r="K5772">
        <f t="shared" si="645"/>
        <v>0.54645281382502608</v>
      </c>
      <c r="L5772">
        <f t="shared" si="646"/>
        <v>0.27322640691251304</v>
      </c>
      <c r="M5772">
        <f t="shared" si="647"/>
        <v>0</v>
      </c>
      <c r="N5772" s="45">
        <f t="shared" si="648"/>
        <v>45166.083333319417</v>
      </c>
    </row>
    <row r="5773" spans="2:14" x14ac:dyDescent="0.25">
      <c r="B5773">
        <f t="shared" si="642"/>
        <v>1</v>
      </c>
      <c r="C5773" s="16">
        <v>5739</v>
      </c>
      <c r="D5773" cm="1">
        <f t="array" ref="D5773">IFERROR(INDEX(Jesper!AH$2:AH$366,ROUNDDOWN($C5773/24,0)+1,1)*INDEX($D$3:$AA$30,INDEX(Jesper!$R$2:$R$366,ROW(INDEX(Jesper!AH$2:AH$366,ROUNDDOWN($C5773/24,0)+1,1))-1)+IF('Standard Profiles'!$G$18=$B$10,7,0)+IF('Standard Profiles'!$G$18=$B$17,14,0)+IF('Standard Profiles'!$G$18=$B$24,21,0),MOD($C5773,24)+1)/SUM(INDEX($D$3:$AA$30,INDEX(Jesper!$R$2:$R$366,ROW(INDEX(Jesper!AH$2:AH$366,ROUNDDOWN($C5773/24,0)+1,1))-1)+IF('Standard Profiles'!$G$18=$B$10,7,0)+IF('Standard Profiles'!$G$18=$B$17,14,0)+IF('Standard Profiles'!$G$18=$B$24,21,0),0)),0)</f>
        <v>5.1229951296096194</v>
      </c>
      <c r="E5773" cm="1">
        <f t="array" ref="E5773">IFERROR(INDEX(Jesper!AI$2:AI$366,ROUNDDOWN($C5773/24,0)+1,1)*INDEX($D$3:$AA$30,INDEX(Jesper!$R$2:$R$366,ROW(INDEX(Jesper!AI$2:AI$366,ROUNDDOWN($C5773/24,0)+1,1))-1)+IF('Standard Profiles'!$G$19=$B$10,7,0)+IF('Standard Profiles'!$G$19=$B$17,14,0)+IF('Standard Profiles'!$G$19=$B$24,21,0),MOD($C5773,24)+1)/SUM(INDEX($D$3:$AA$30,INDEX(Jesper!$R$2:$R$366,ROW(INDEX(Jesper!AI$2:AI$366,ROUNDDOWN($C5773/24,0)+1,1))-1)+IF('Standard Profiles'!$G$19=$B$10,7,0)+IF('Standard Profiles'!$G$19=$B$17,14,0)+IF('Standard Profiles'!$G$19=$B$24,21,0),0)),0)</f>
        <v>2.1627093637444919</v>
      </c>
      <c r="F5773" cm="1">
        <f t="array" ref="F5773">IFERROR(INDEX(Jesper!AJ$2:AJ$366,ROUNDDOWN($C5773/24,0)+1,1)*INDEX($D$3:$AA$30,INDEX(Jesper!$R$2:$R$366,ROW(INDEX(Jesper!AJ$2:AJ$366,ROUNDDOWN($C5773/24,0)+1,1))-1)+IF('Standard Profiles'!$G$20=$B$10,7,0)+IF('Standard Profiles'!$G$20=$B$17,14,0)+IF('Standard Profiles'!$G$20=$B$24,21,0),MOD($C5773,24)+1)/SUM(INDEX($D$3:$AA$30,INDEX(Jesper!$R$2:$R$366,ROW(INDEX(Jesper!AJ$2:AJ$366,ROUNDDOWN($C5773/24,0)+1,1))-1)+IF('Standard Profiles'!$G$20=$B$10,7,0)+IF('Standard Profiles'!$G$20=$B$17,14,0)+IF('Standard Profiles'!$G$20=$B$24,21,0),0)),0)</f>
        <v>0</v>
      </c>
      <c r="G5773" cm="1">
        <f t="array" ref="G5773">IFERROR(INDEX(Jesper!AK$2:AK$366,ROUNDDOWN($C5773/24,0)+1,1)*INDEX($D$3:$AA$30,INDEX(Jesper!$R$2:$R$366,ROW(INDEX(Jesper!AK$2:AK$366,ROUNDDOWN($C5773/24,0)+1,1))-1)+IF('Standard Profiles'!$G$21=$B$10,7,0)+IF('Standard Profiles'!$G$21=$B$17,14,0)+IF('Standard Profiles'!$G$21=$B$24,21,0),MOD($C5773,24)+1)/SUM(INDEX($D$3:$AA$30,INDEX(Jesper!$R$2:$R$366,ROW(INDEX(Jesper!AK$2:AK$366,ROUNDDOWN($C5773/24,0)+1,1))-1)+IF('Standard Profiles'!$G$21=$B$10,7,0)+IF('Standard Profiles'!$G$21=$B$17,14,0)+IF('Standard Profiles'!$G$21=$B$24,21,0),0)),0)</f>
        <v>0.1332946938010694</v>
      </c>
      <c r="H5773" cm="1">
        <f t="array" ref="H5773">IFERROR(INDEX(Jesper!AL$2:AL$366,ROUNDDOWN($C5773/24,0)+1,1)*INDEX($D$3:$AA$30,INDEX(Jesper!$R$2:$R$366,ROW(INDEX(Jesper!AL$2:AL$366,ROUNDDOWN($C5773/24,0)+1,1))-1)+IF('Standard Profiles'!$G$22=$B$10,7,0)+IF('Standard Profiles'!$G$22=$B$17,14,0)+IF('Standard Profiles'!$G$22=$B$24,21,0),MOD($C5773,24)+1)/SUM(INDEX($D$3:$AA$30,INDEX(Jesper!$R$2:$R$366,ROW(INDEX(Jesper!AL$2:AL$366,ROUNDDOWN($C5773/24,0)+1,1))-1)+IF('Standard Profiles'!$G$22=$B$10,7,0)+IF('Standard Profiles'!$G$22=$B$17,14,0)+IF('Standard Profiles'!$G$22=$B$24,21,0),0)),0)</f>
        <v>0</v>
      </c>
      <c r="I5773">
        <f t="shared" si="643"/>
        <v>6.3981453024513274E-2</v>
      </c>
      <c r="J5773">
        <f t="shared" si="644"/>
        <v>6.5353385133931283</v>
      </c>
      <c r="K5773">
        <f t="shared" si="645"/>
        <v>0.54645281382502608</v>
      </c>
      <c r="L5773">
        <f t="shared" si="646"/>
        <v>0.27322640691251304</v>
      </c>
      <c r="M5773">
        <f t="shared" si="647"/>
        <v>0</v>
      </c>
      <c r="N5773" s="45">
        <f t="shared" si="648"/>
        <v>45166.124999986081</v>
      </c>
    </row>
    <row r="5774" spans="2:14" x14ac:dyDescent="0.25">
      <c r="B5774">
        <f t="shared" si="642"/>
        <v>1</v>
      </c>
      <c r="C5774" s="16">
        <v>5740</v>
      </c>
      <c r="D5774" cm="1">
        <f t="array" ref="D5774">IFERROR(INDEX(Jesper!AH$2:AH$366,ROUNDDOWN($C5774/24,0)+1,1)*INDEX($D$3:$AA$30,INDEX(Jesper!$R$2:$R$366,ROW(INDEX(Jesper!AH$2:AH$366,ROUNDDOWN($C5774/24,0)+1,1))-1)+IF('Standard Profiles'!$G$18=$B$10,7,0)+IF('Standard Profiles'!$G$18=$B$17,14,0)+IF('Standard Profiles'!$G$18=$B$24,21,0),MOD($C5774,24)+1)/SUM(INDEX($D$3:$AA$30,INDEX(Jesper!$R$2:$R$366,ROW(INDEX(Jesper!AH$2:AH$366,ROUNDDOWN($C5774/24,0)+1,1))-1)+IF('Standard Profiles'!$G$18=$B$10,7,0)+IF('Standard Profiles'!$G$18=$B$17,14,0)+IF('Standard Profiles'!$G$18=$B$24,21,0),0)),0)</f>
        <v>5.1229951296096194</v>
      </c>
      <c r="E5774" cm="1">
        <f t="array" ref="E5774">IFERROR(INDEX(Jesper!AI$2:AI$366,ROUNDDOWN($C5774/24,0)+1,1)*INDEX($D$3:$AA$30,INDEX(Jesper!$R$2:$R$366,ROW(INDEX(Jesper!AI$2:AI$366,ROUNDDOWN($C5774/24,0)+1,1))-1)+IF('Standard Profiles'!$G$19=$B$10,7,0)+IF('Standard Profiles'!$G$19=$B$17,14,0)+IF('Standard Profiles'!$G$19=$B$24,21,0),MOD($C5774,24)+1)/SUM(INDEX($D$3:$AA$30,INDEX(Jesper!$R$2:$R$366,ROW(INDEX(Jesper!AI$2:AI$366,ROUNDDOWN($C5774/24,0)+1,1))-1)+IF('Standard Profiles'!$G$19=$B$10,7,0)+IF('Standard Profiles'!$G$19=$B$17,14,0)+IF('Standard Profiles'!$G$19=$B$24,21,0),0)),0)</f>
        <v>2.1627093637444919</v>
      </c>
      <c r="F5774" cm="1">
        <f t="array" ref="F5774">IFERROR(INDEX(Jesper!AJ$2:AJ$366,ROUNDDOWN($C5774/24,0)+1,1)*INDEX($D$3:$AA$30,INDEX(Jesper!$R$2:$R$366,ROW(INDEX(Jesper!AJ$2:AJ$366,ROUNDDOWN($C5774/24,0)+1,1))-1)+IF('Standard Profiles'!$G$20=$B$10,7,0)+IF('Standard Profiles'!$G$20=$B$17,14,0)+IF('Standard Profiles'!$G$20=$B$24,21,0),MOD($C5774,24)+1)/SUM(INDEX($D$3:$AA$30,INDEX(Jesper!$R$2:$R$366,ROW(INDEX(Jesper!AJ$2:AJ$366,ROUNDDOWN($C5774/24,0)+1,1))-1)+IF('Standard Profiles'!$G$20=$B$10,7,0)+IF('Standard Profiles'!$G$20=$B$17,14,0)+IF('Standard Profiles'!$G$20=$B$24,21,0),0)),0)</f>
        <v>0</v>
      </c>
      <c r="G5774" cm="1">
        <f t="array" ref="G5774">IFERROR(INDEX(Jesper!AK$2:AK$366,ROUNDDOWN($C5774/24,0)+1,1)*INDEX($D$3:$AA$30,INDEX(Jesper!$R$2:$R$366,ROW(INDEX(Jesper!AK$2:AK$366,ROUNDDOWN($C5774/24,0)+1,1))-1)+IF('Standard Profiles'!$G$21=$B$10,7,0)+IF('Standard Profiles'!$G$21=$B$17,14,0)+IF('Standard Profiles'!$G$21=$B$24,21,0),MOD($C5774,24)+1)/SUM(INDEX($D$3:$AA$30,INDEX(Jesper!$R$2:$R$366,ROW(INDEX(Jesper!AK$2:AK$366,ROUNDDOWN($C5774/24,0)+1,1))-1)+IF('Standard Profiles'!$G$21=$B$10,7,0)+IF('Standard Profiles'!$G$21=$B$17,14,0)+IF('Standard Profiles'!$G$21=$B$24,21,0),0)),0)</f>
        <v>0.1332946938010694</v>
      </c>
      <c r="H5774" cm="1">
        <f t="array" ref="H5774">IFERROR(INDEX(Jesper!AL$2:AL$366,ROUNDDOWN($C5774/24,0)+1,1)*INDEX($D$3:$AA$30,INDEX(Jesper!$R$2:$R$366,ROW(INDEX(Jesper!AL$2:AL$366,ROUNDDOWN($C5774/24,0)+1,1))-1)+IF('Standard Profiles'!$G$22=$B$10,7,0)+IF('Standard Profiles'!$G$22=$B$17,14,0)+IF('Standard Profiles'!$G$22=$B$24,21,0),MOD($C5774,24)+1)/SUM(INDEX($D$3:$AA$30,INDEX(Jesper!$R$2:$R$366,ROW(INDEX(Jesper!AL$2:AL$366,ROUNDDOWN($C5774/24,0)+1,1))-1)+IF('Standard Profiles'!$G$22=$B$10,7,0)+IF('Standard Profiles'!$G$22=$B$17,14,0)+IF('Standard Profiles'!$G$22=$B$24,21,0),0)),0)</f>
        <v>0</v>
      </c>
      <c r="I5774">
        <f t="shared" si="643"/>
        <v>6.3981453024513274E-2</v>
      </c>
      <c r="J5774">
        <f t="shared" si="644"/>
        <v>6.5353385133931283</v>
      </c>
      <c r="K5774">
        <f t="shared" si="645"/>
        <v>0.54645281382502608</v>
      </c>
      <c r="L5774">
        <f t="shared" si="646"/>
        <v>0.27322640691251304</v>
      </c>
      <c r="M5774">
        <f t="shared" si="647"/>
        <v>0</v>
      </c>
      <c r="N5774" s="45">
        <f t="shared" si="648"/>
        <v>45166.166666652745</v>
      </c>
    </row>
    <row r="5775" spans="2:14" x14ac:dyDescent="0.25">
      <c r="B5775">
        <f t="shared" si="642"/>
        <v>1</v>
      </c>
      <c r="C5775" s="16">
        <v>5741</v>
      </c>
      <c r="D5775" cm="1">
        <f t="array" ref="D5775">IFERROR(INDEX(Jesper!AH$2:AH$366,ROUNDDOWN($C5775/24,0)+1,1)*INDEX($D$3:$AA$30,INDEX(Jesper!$R$2:$R$366,ROW(INDEX(Jesper!AH$2:AH$366,ROUNDDOWN($C5775/24,0)+1,1))-1)+IF('Standard Profiles'!$G$18=$B$10,7,0)+IF('Standard Profiles'!$G$18=$B$17,14,0)+IF('Standard Profiles'!$G$18=$B$24,21,0),MOD($C5775,24)+1)/SUM(INDEX($D$3:$AA$30,INDEX(Jesper!$R$2:$R$366,ROW(INDEX(Jesper!AH$2:AH$366,ROUNDDOWN($C5775/24,0)+1,1))-1)+IF('Standard Profiles'!$G$18=$B$10,7,0)+IF('Standard Profiles'!$G$18=$B$17,14,0)+IF('Standard Profiles'!$G$18=$B$24,21,0),0)),0)</f>
        <v>5.1229951296096194</v>
      </c>
      <c r="E5775" cm="1">
        <f t="array" ref="E5775">IFERROR(INDEX(Jesper!AI$2:AI$366,ROUNDDOWN($C5775/24,0)+1,1)*INDEX($D$3:$AA$30,INDEX(Jesper!$R$2:$R$366,ROW(INDEX(Jesper!AI$2:AI$366,ROUNDDOWN($C5775/24,0)+1,1))-1)+IF('Standard Profiles'!$G$19=$B$10,7,0)+IF('Standard Profiles'!$G$19=$B$17,14,0)+IF('Standard Profiles'!$G$19=$B$24,21,0),MOD($C5775,24)+1)/SUM(INDEX($D$3:$AA$30,INDEX(Jesper!$R$2:$R$366,ROW(INDEX(Jesper!AI$2:AI$366,ROUNDDOWN($C5775/24,0)+1,1))-1)+IF('Standard Profiles'!$G$19=$B$10,7,0)+IF('Standard Profiles'!$G$19=$B$17,14,0)+IF('Standard Profiles'!$G$19=$B$24,21,0),0)),0)</f>
        <v>2.1627093637444919</v>
      </c>
      <c r="F5775" cm="1">
        <f t="array" ref="F5775">IFERROR(INDEX(Jesper!AJ$2:AJ$366,ROUNDDOWN($C5775/24,0)+1,1)*INDEX($D$3:$AA$30,INDEX(Jesper!$R$2:$R$366,ROW(INDEX(Jesper!AJ$2:AJ$366,ROUNDDOWN($C5775/24,0)+1,1))-1)+IF('Standard Profiles'!$G$20=$B$10,7,0)+IF('Standard Profiles'!$G$20=$B$17,14,0)+IF('Standard Profiles'!$G$20=$B$24,21,0),MOD($C5775,24)+1)/SUM(INDEX($D$3:$AA$30,INDEX(Jesper!$R$2:$R$366,ROW(INDEX(Jesper!AJ$2:AJ$366,ROUNDDOWN($C5775/24,0)+1,1))-1)+IF('Standard Profiles'!$G$20=$B$10,7,0)+IF('Standard Profiles'!$G$20=$B$17,14,0)+IF('Standard Profiles'!$G$20=$B$24,21,0),0)),0)</f>
        <v>0</v>
      </c>
      <c r="G5775" cm="1">
        <f t="array" ref="G5775">IFERROR(INDEX(Jesper!AK$2:AK$366,ROUNDDOWN($C5775/24,0)+1,1)*INDEX($D$3:$AA$30,INDEX(Jesper!$R$2:$R$366,ROW(INDEX(Jesper!AK$2:AK$366,ROUNDDOWN($C5775/24,0)+1,1))-1)+IF('Standard Profiles'!$G$21=$B$10,7,0)+IF('Standard Profiles'!$G$21=$B$17,14,0)+IF('Standard Profiles'!$G$21=$B$24,21,0),MOD($C5775,24)+1)/SUM(INDEX($D$3:$AA$30,INDEX(Jesper!$R$2:$R$366,ROW(INDEX(Jesper!AK$2:AK$366,ROUNDDOWN($C5775/24,0)+1,1))-1)+IF('Standard Profiles'!$G$21=$B$10,7,0)+IF('Standard Profiles'!$G$21=$B$17,14,0)+IF('Standard Profiles'!$G$21=$B$24,21,0),0)),0)</f>
        <v>0.1332946938010694</v>
      </c>
      <c r="H5775" cm="1">
        <f t="array" ref="H5775">IFERROR(INDEX(Jesper!AL$2:AL$366,ROUNDDOWN($C5775/24,0)+1,1)*INDEX($D$3:$AA$30,INDEX(Jesper!$R$2:$R$366,ROW(INDEX(Jesper!AL$2:AL$366,ROUNDDOWN($C5775/24,0)+1,1))-1)+IF('Standard Profiles'!$G$22=$B$10,7,0)+IF('Standard Profiles'!$G$22=$B$17,14,0)+IF('Standard Profiles'!$G$22=$B$24,21,0),MOD($C5775,24)+1)/SUM(INDEX($D$3:$AA$30,INDEX(Jesper!$R$2:$R$366,ROW(INDEX(Jesper!AL$2:AL$366,ROUNDDOWN($C5775/24,0)+1,1))-1)+IF('Standard Profiles'!$G$22=$B$10,7,0)+IF('Standard Profiles'!$G$22=$B$17,14,0)+IF('Standard Profiles'!$G$22=$B$24,21,0),0)),0)</f>
        <v>0</v>
      </c>
      <c r="I5775">
        <f t="shared" si="643"/>
        <v>6.3981453024513274E-2</v>
      </c>
      <c r="J5775">
        <f t="shared" si="644"/>
        <v>6.5353385133931283</v>
      </c>
      <c r="K5775">
        <f t="shared" si="645"/>
        <v>0.54645281382502608</v>
      </c>
      <c r="L5775">
        <f t="shared" si="646"/>
        <v>0.27322640691251304</v>
      </c>
      <c r="M5775">
        <f t="shared" si="647"/>
        <v>0</v>
      </c>
      <c r="N5775" s="45">
        <f t="shared" si="648"/>
        <v>45166.20833331941</v>
      </c>
    </row>
    <row r="5776" spans="2:14" x14ac:dyDescent="0.25">
      <c r="B5776">
        <f t="shared" si="642"/>
        <v>1</v>
      </c>
      <c r="C5776" s="16">
        <v>5742</v>
      </c>
      <c r="D5776" cm="1">
        <f t="array" ref="D5776">IFERROR(INDEX(Jesper!AH$2:AH$366,ROUNDDOWN($C5776/24,0)+1,1)*INDEX($D$3:$AA$30,INDEX(Jesper!$R$2:$R$366,ROW(INDEX(Jesper!AH$2:AH$366,ROUNDDOWN($C5776/24,0)+1,1))-1)+IF('Standard Profiles'!$G$18=$B$10,7,0)+IF('Standard Profiles'!$G$18=$B$17,14,0)+IF('Standard Profiles'!$G$18=$B$24,21,0),MOD($C5776,24)+1)/SUM(INDEX($D$3:$AA$30,INDEX(Jesper!$R$2:$R$366,ROW(INDEX(Jesper!AH$2:AH$366,ROUNDDOWN($C5776/24,0)+1,1))-1)+IF('Standard Profiles'!$G$18=$B$10,7,0)+IF('Standard Profiles'!$G$18=$B$17,14,0)+IF('Standard Profiles'!$G$18=$B$24,21,0),0)),0)</f>
        <v>5.1229951296096194</v>
      </c>
      <c r="E5776" cm="1">
        <f t="array" ref="E5776">IFERROR(INDEX(Jesper!AI$2:AI$366,ROUNDDOWN($C5776/24,0)+1,1)*INDEX($D$3:$AA$30,INDEX(Jesper!$R$2:$R$366,ROW(INDEX(Jesper!AI$2:AI$366,ROUNDDOWN($C5776/24,0)+1,1))-1)+IF('Standard Profiles'!$G$19=$B$10,7,0)+IF('Standard Profiles'!$G$19=$B$17,14,0)+IF('Standard Profiles'!$G$19=$B$24,21,0),MOD($C5776,24)+1)/SUM(INDEX($D$3:$AA$30,INDEX(Jesper!$R$2:$R$366,ROW(INDEX(Jesper!AI$2:AI$366,ROUNDDOWN($C5776/24,0)+1,1))-1)+IF('Standard Profiles'!$G$19=$B$10,7,0)+IF('Standard Profiles'!$G$19=$B$17,14,0)+IF('Standard Profiles'!$G$19=$B$24,21,0),0)),0)</f>
        <v>2.1627093637444919</v>
      </c>
      <c r="F5776" cm="1">
        <f t="array" ref="F5776">IFERROR(INDEX(Jesper!AJ$2:AJ$366,ROUNDDOWN($C5776/24,0)+1,1)*INDEX($D$3:$AA$30,INDEX(Jesper!$R$2:$R$366,ROW(INDEX(Jesper!AJ$2:AJ$366,ROUNDDOWN($C5776/24,0)+1,1))-1)+IF('Standard Profiles'!$G$20=$B$10,7,0)+IF('Standard Profiles'!$G$20=$B$17,14,0)+IF('Standard Profiles'!$G$20=$B$24,21,0),MOD($C5776,24)+1)/SUM(INDEX($D$3:$AA$30,INDEX(Jesper!$R$2:$R$366,ROW(INDEX(Jesper!AJ$2:AJ$366,ROUNDDOWN($C5776/24,0)+1,1))-1)+IF('Standard Profiles'!$G$20=$B$10,7,0)+IF('Standard Profiles'!$G$20=$B$17,14,0)+IF('Standard Profiles'!$G$20=$B$24,21,0),0)),0)</f>
        <v>0</v>
      </c>
      <c r="G5776" cm="1">
        <f t="array" ref="G5776">IFERROR(INDEX(Jesper!AK$2:AK$366,ROUNDDOWN($C5776/24,0)+1,1)*INDEX($D$3:$AA$30,INDEX(Jesper!$R$2:$R$366,ROW(INDEX(Jesper!AK$2:AK$366,ROUNDDOWN($C5776/24,0)+1,1))-1)+IF('Standard Profiles'!$G$21=$B$10,7,0)+IF('Standard Profiles'!$G$21=$B$17,14,0)+IF('Standard Profiles'!$G$21=$B$24,21,0),MOD($C5776,24)+1)/SUM(INDEX($D$3:$AA$30,INDEX(Jesper!$R$2:$R$366,ROW(INDEX(Jesper!AK$2:AK$366,ROUNDDOWN($C5776/24,0)+1,1))-1)+IF('Standard Profiles'!$G$21=$B$10,7,0)+IF('Standard Profiles'!$G$21=$B$17,14,0)+IF('Standard Profiles'!$G$21=$B$24,21,0),0)),0)</f>
        <v>0.1332946938010694</v>
      </c>
      <c r="H5776" cm="1">
        <f t="array" ref="H5776">IFERROR(INDEX(Jesper!AL$2:AL$366,ROUNDDOWN($C5776/24,0)+1,1)*INDEX($D$3:$AA$30,INDEX(Jesper!$R$2:$R$366,ROW(INDEX(Jesper!AL$2:AL$366,ROUNDDOWN($C5776/24,0)+1,1))-1)+IF('Standard Profiles'!$G$22=$B$10,7,0)+IF('Standard Profiles'!$G$22=$B$17,14,0)+IF('Standard Profiles'!$G$22=$B$24,21,0),MOD($C5776,24)+1)/SUM(INDEX($D$3:$AA$30,INDEX(Jesper!$R$2:$R$366,ROW(INDEX(Jesper!AL$2:AL$366,ROUNDDOWN($C5776/24,0)+1,1))-1)+IF('Standard Profiles'!$G$22=$B$10,7,0)+IF('Standard Profiles'!$G$22=$B$17,14,0)+IF('Standard Profiles'!$G$22=$B$24,21,0),0)),0)</f>
        <v>0</v>
      </c>
      <c r="I5776">
        <f t="shared" si="643"/>
        <v>6.3981453024513274E-2</v>
      </c>
      <c r="J5776">
        <f t="shared" si="644"/>
        <v>6.5353385133931283</v>
      </c>
      <c r="K5776">
        <f t="shared" si="645"/>
        <v>0.54645281382502608</v>
      </c>
      <c r="L5776">
        <f t="shared" si="646"/>
        <v>0.27322640691251304</v>
      </c>
      <c r="M5776">
        <f t="shared" si="647"/>
        <v>0</v>
      </c>
      <c r="N5776" s="45">
        <f t="shared" si="648"/>
        <v>45166.249999986074</v>
      </c>
    </row>
    <row r="5777" spans="2:14" x14ac:dyDescent="0.25">
      <c r="B5777">
        <f t="shared" si="642"/>
        <v>1</v>
      </c>
      <c r="C5777" s="16">
        <v>5743</v>
      </c>
      <c r="D5777" cm="1">
        <f t="array" ref="D5777">IFERROR(INDEX(Jesper!AH$2:AH$366,ROUNDDOWN($C5777/24,0)+1,1)*INDEX($D$3:$AA$30,INDEX(Jesper!$R$2:$R$366,ROW(INDEX(Jesper!AH$2:AH$366,ROUNDDOWN($C5777/24,0)+1,1))-1)+IF('Standard Profiles'!$G$18=$B$10,7,0)+IF('Standard Profiles'!$G$18=$B$17,14,0)+IF('Standard Profiles'!$G$18=$B$24,21,0),MOD($C5777,24)+1)/SUM(INDEX($D$3:$AA$30,INDEX(Jesper!$R$2:$R$366,ROW(INDEX(Jesper!AH$2:AH$366,ROUNDDOWN($C5777/24,0)+1,1))-1)+IF('Standard Profiles'!$G$18=$B$10,7,0)+IF('Standard Profiles'!$G$18=$B$17,14,0)+IF('Standard Profiles'!$G$18=$B$24,21,0),0)),0)</f>
        <v>21.82395925213698</v>
      </c>
      <c r="E5777" cm="1">
        <f t="array" ref="E5777">IFERROR(INDEX(Jesper!AI$2:AI$366,ROUNDDOWN($C5777/24,0)+1,1)*INDEX($D$3:$AA$30,INDEX(Jesper!$R$2:$R$366,ROW(INDEX(Jesper!AI$2:AI$366,ROUNDDOWN($C5777/24,0)+1,1))-1)+IF('Standard Profiles'!$G$19=$B$10,7,0)+IF('Standard Profiles'!$G$19=$B$17,14,0)+IF('Standard Profiles'!$G$19=$B$24,21,0),MOD($C5777,24)+1)/SUM(INDEX($D$3:$AA$30,INDEX(Jesper!$R$2:$R$366,ROW(INDEX(Jesper!AI$2:AI$366,ROUNDDOWN($C5777/24,0)+1,1))-1)+IF('Standard Profiles'!$G$19=$B$10,7,0)+IF('Standard Profiles'!$G$19=$B$17,14,0)+IF('Standard Profiles'!$G$19=$B$24,21,0),0)),0)</f>
        <v>9.2131418895515349</v>
      </c>
      <c r="F5777" cm="1">
        <f t="array" ref="F5777">IFERROR(INDEX(Jesper!AJ$2:AJ$366,ROUNDDOWN($C5777/24,0)+1,1)*INDEX($D$3:$AA$30,INDEX(Jesper!$R$2:$R$366,ROW(INDEX(Jesper!AJ$2:AJ$366,ROUNDDOWN($C5777/24,0)+1,1))-1)+IF('Standard Profiles'!$G$20=$B$10,7,0)+IF('Standard Profiles'!$G$20=$B$17,14,0)+IF('Standard Profiles'!$G$20=$B$24,21,0),MOD($C5777,24)+1)/SUM(INDEX($D$3:$AA$30,INDEX(Jesper!$R$2:$R$366,ROW(INDEX(Jesper!AJ$2:AJ$366,ROUNDDOWN($C5777/24,0)+1,1))-1)+IF('Standard Profiles'!$G$20=$B$10,7,0)+IF('Standard Profiles'!$G$20=$B$17,14,0)+IF('Standard Profiles'!$G$20=$B$24,21,0),0)),0)</f>
        <v>0</v>
      </c>
      <c r="G5777" cm="1">
        <f t="array" ref="G5777">IFERROR(INDEX(Jesper!AK$2:AK$366,ROUNDDOWN($C5777/24,0)+1,1)*INDEX($D$3:$AA$30,INDEX(Jesper!$R$2:$R$366,ROW(INDEX(Jesper!AK$2:AK$366,ROUNDDOWN($C5777/24,0)+1,1))-1)+IF('Standard Profiles'!$G$21=$B$10,7,0)+IF('Standard Profiles'!$G$21=$B$17,14,0)+IF('Standard Profiles'!$G$21=$B$24,21,0),MOD($C5777,24)+1)/SUM(INDEX($D$3:$AA$30,INDEX(Jesper!$R$2:$R$366,ROW(INDEX(Jesper!AK$2:AK$366,ROUNDDOWN($C5777/24,0)+1,1))-1)+IF('Standard Profiles'!$G$21=$B$10,7,0)+IF('Standard Profiles'!$G$21=$B$17,14,0)+IF('Standard Profiles'!$G$21=$B$24,21,0),0)),0)</f>
        <v>0.57983191803465184</v>
      </c>
      <c r="H5777" cm="1">
        <f t="array" ref="H5777">IFERROR(INDEX(Jesper!AL$2:AL$366,ROUNDDOWN($C5777/24,0)+1,1)*INDEX($D$3:$AA$30,INDEX(Jesper!$R$2:$R$366,ROW(INDEX(Jesper!AL$2:AL$366,ROUNDDOWN($C5777/24,0)+1,1))-1)+IF('Standard Profiles'!$G$22=$B$10,7,0)+IF('Standard Profiles'!$G$22=$B$17,14,0)+IF('Standard Profiles'!$G$22=$B$24,21,0),MOD($C5777,24)+1)/SUM(INDEX($D$3:$AA$30,INDEX(Jesper!$R$2:$R$366,ROW(INDEX(Jesper!AL$2:AL$366,ROUNDDOWN($C5777/24,0)+1,1))-1)+IF('Standard Profiles'!$G$22=$B$10,7,0)+IF('Standard Profiles'!$G$22=$B$17,14,0)+IF('Standard Profiles'!$G$22=$B$24,21,0),0)),0)</f>
        <v>0</v>
      </c>
      <c r="I5777">
        <f t="shared" si="643"/>
        <v>0.27831932065663273</v>
      </c>
      <c r="J5777">
        <f t="shared" si="644"/>
        <v>27.846780258724618</v>
      </c>
      <c r="K5777">
        <f t="shared" si="645"/>
        <v>2.3278889868946115</v>
      </c>
      <c r="L5777">
        <f t="shared" si="646"/>
        <v>1.1639444934473058</v>
      </c>
      <c r="M5777">
        <f t="shared" si="647"/>
        <v>0</v>
      </c>
      <c r="N5777" s="45">
        <f t="shared" si="648"/>
        <v>45166.291666652738</v>
      </c>
    </row>
    <row r="5778" spans="2:14" x14ac:dyDescent="0.25">
      <c r="B5778">
        <f t="shared" si="642"/>
        <v>1</v>
      </c>
      <c r="C5778" s="16">
        <v>5744</v>
      </c>
      <c r="D5778" cm="1">
        <f t="array" ref="D5778">IFERROR(INDEX(Jesper!AH$2:AH$366,ROUNDDOWN($C5778/24,0)+1,1)*INDEX($D$3:$AA$30,INDEX(Jesper!$R$2:$R$366,ROW(INDEX(Jesper!AH$2:AH$366,ROUNDDOWN($C5778/24,0)+1,1))-1)+IF('Standard Profiles'!$G$18=$B$10,7,0)+IF('Standard Profiles'!$G$18=$B$17,14,0)+IF('Standard Profiles'!$G$18=$B$24,21,0),MOD($C5778,24)+1)/SUM(INDEX($D$3:$AA$30,INDEX(Jesper!$R$2:$R$366,ROW(INDEX(Jesper!AH$2:AH$366,ROUNDDOWN($C5778/24,0)+1,1))-1)+IF('Standard Profiles'!$G$18=$B$10,7,0)+IF('Standard Profiles'!$G$18=$B$17,14,0)+IF('Standard Profiles'!$G$18=$B$24,21,0),0)),0)</f>
        <v>24.551954158654098</v>
      </c>
      <c r="E5778" cm="1">
        <f t="array" ref="E5778">IFERROR(INDEX(Jesper!AI$2:AI$366,ROUNDDOWN($C5778/24,0)+1,1)*INDEX($D$3:$AA$30,INDEX(Jesper!$R$2:$R$366,ROW(INDEX(Jesper!AI$2:AI$366,ROUNDDOWN($C5778/24,0)+1,1))-1)+IF('Standard Profiles'!$G$19=$B$10,7,0)+IF('Standard Profiles'!$G$19=$B$17,14,0)+IF('Standard Profiles'!$G$19=$B$24,21,0),MOD($C5778,24)+1)/SUM(INDEX($D$3:$AA$30,INDEX(Jesper!$R$2:$R$366,ROW(INDEX(Jesper!AI$2:AI$366,ROUNDDOWN($C5778/24,0)+1,1))-1)+IF('Standard Profiles'!$G$19=$B$10,7,0)+IF('Standard Profiles'!$G$19=$B$17,14,0)+IF('Standard Profiles'!$G$19=$B$24,21,0),0)),0)</f>
        <v>10.364784625745475</v>
      </c>
      <c r="F5778" cm="1">
        <f t="array" ref="F5778">IFERROR(INDEX(Jesper!AJ$2:AJ$366,ROUNDDOWN($C5778/24,0)+1,1)*INDEX($D$3:$AA$30,INDEX(Jesper!$R$2:$R$366,ROW(INDEX(Jesper!AJ$2:AJ$366,ROUNDDOWN($C5778/24,0)+1,1))-1)+IF('Standard Profiles'!$G$20=$B$10,7,0)+IF('Standard Profiles'!$G$20=$B$17,14,0)+IF('Standard Profiles'!$G$20=$B$24,21,0),MOD($C5778,24)+1)/SUM(INDEX($D$3:$AA$30,INDEX(Jesper!$R$2:$R$366,ROW(INDEX(Jesper!AJ$2:AJ$366,ROUNDDOWN($C5778/24,0)+1,1))-1)+IF('Standard Profiles'!$G$20=$B$10,7,0)+IF('Standard Profiles'!$G$20=$B$17,14,0)+IF('Standard Profiles'!$G$20=$B$24,21,0),0)),0)</f>
        <v>0</v>
      </c>
      <c r="G5778" cm="1">
        <f t="array" ref="G5778">IFERROR(INDEX(Jesper!AK$2:AK$366,ROUNDDOWN($C5778/24,0)+1,1)*INDEX($D$3:$AA$30,INDEX(Jesper!$R$2:$R$366,ROW(INDEX(Jesper!AK$2:AK$366,ROUNDDOWN($C5778/24,0)+1,1))-1)+IF('Standard Profiles'!$G$21=$B$10,7,0)+IF('Standard Profiles'!$G$21=$B$17,14,0)+IF('Standard Profiles'!$G$21=$B$24,21,0),MOD($C5778,24)+1)/SUM(INDEX($D$3:$AA$30,INDEX(Jesper!$R$2:$R$366,ROW(INDEX(Jesper!AK$2:AK$366,ROUNDDOWN($C5778/24,0)+1,1))-1)+IF('Standard Profiles'!$G$21=$B$10,7,0)+IF('Standard Profiles'!$G$21=$B$17,14,0)+IF('Standard Profiles'!$G$21=$B$24,21,0),0)),0)</f>
        <v>0.65231090778898337</v>
      </c>
      <c r="H5778" cm="1">
        <f t="array" ref="H5778">IFERROR(INDEX(Jesper!AL$2:AL$366,ROUNDDOWN($C5778/24,0)+1,1)*INDEX($D$3:$AA$30,INDEX(Jesper!$R$2:$R$366,ROW(INDEX(Jesper!AL$2:AL$366,ROUNDDOWN($C5778/24,0)+1,1))-1)+IF('Standard Profiles'!$G$22=$B$10,7,0)+IF('Standard Profiles'!$G$22=$B$17,14,0)+IF('Standard Profiles'!$G$22=$B$24,21,0),MOD($C5778,24)+1)/SUM(INDEX($D$3:$AA$30,INDEX(Jesper!$R$2:$R$366,ROW(INDEX(Jesper!AL$2:AL$366,ROUNDDOWN($C5778/24,0)+1,1))-1)+IF('Standard Profiles'!$G$22=$B$10,7,0)+IF('Standard Profiles'!$G$22=$B$17,14,0)+IF('Standard Profiles'!$G$22=$B$24,21,0),0)),0)</f>
        <v>0</v>
      </c>
      <c r="I5778">
        <f t="shared" si="643"/>
        <v>0.31310923573871186</v>
      </c>
      <c r="J5778">
        <f t="shared" si="644"/>
        <v>31.32762779106519</v>
      </c>
      <c r="K5778">
        <f t="shared" si="645"/>
        <v>2.6188751102564374</v>
      </c>
      <c r="L5778">
        <f t="shared" si="646"/>
        <v>1.3094375551282187</v>
      </c>
      <c r="M5778">
        <f t="shared" si="647"/>
        <v>0</v>
      </c>
      <c r="N5778" s="45">
        <f t="shared" si="648"/>
        <v>45166.333333319402</v>
      </c>
    </row>
    <row r="5779" spans="2:14" x14ac:dyDescent="0.25">
      <c r="B5779">
        <f t="shared" si="642"/>
        <v>1</v>
      </c>
      <c r="C5779" s="16">
        <v>5745</v>
      </c>
      <c r="D5779" cm="1">
        <f t="array" ref="D5779">IFERROR(INDEX(Jesper!AH$2:AH$366,ROUNDDOWN($C5779/24,0)+1,1)*INDEX($D$3:$AA$30,INDEX(Jesper!$R$2:$R$366,ROW(INDEX(Jesper!AH$2:AH$366,ROUNDDOWN($C5779/24,0)+1,1))-1)+IF('Standard Profiles'!$G$18=$B$10,7,0)+IF('Standard Profiles'!$G$18=$B$17,14,0)+IF('Standard Profiles'!$G$18=$B$24,21,0),MOD($C5779,24)+1)/SUM(INDEX($D$3:$AA$30,INDEX(Jesper!$R$2:$R$366,ROW(INDEX(Jesper!AH$2:AH$366,ROUNDDOWN($C5779/24,0)+1,1))-1)+IF('Standard Profiles'!$G$18=$B$10,7,0)+IF('Standard Profiles'!$G$18=$B$17,14,0)+IF('Standard Profiles'!$G$18=$B$24,21,0),0)),0)</f>
        <v>27.27994906517122</v>
      </c>
      <c r="E5779" cm="1">
        <f t="array" ref="E5779">IFERROR(INDEX(Jesper!AI$2:AI$366,ROUNDDOWN($C5779/24,0)+1,1)*INDEX($D$3:$AA$30,INDEX(Jesper!$R$2:$R$366,ROW(INDEX(Jesper!AI$2:AI$366,ROUNDDOWN($C5779/24,0)+1,1))-1)+IF('Standard Profiles'!$G$19=$B$10,7,0)+IF('Standard Profiles'!$G$19=$B$17,14,0)+IF('Standard Profiles'!$G$19=$B$24,21,0),MOD($C5779,24)+1)/SUM(INDEX($D$3:$AA$30,INDEX(Jesper!$R$2:$R$366,ROW(INDEX(Jesper!AI$2:AI$366,ROUNDDOWN($C5779/24,0)+1,1))-1)+IF('Standard Profiles'!$G$19=$B$10,7,0)+IF('Standard Profiles'!$G$19=$B$17,14,0)+IF('Standard Profiles'!$G$19=$B$24,21,0),0)),0)</f>
        <v>11.516427361939417</v>
      </c>
      <c r="F5779" cm="1">
        <f t="array" ref="F5779">IFERROR(INDEX(Jesper!AJ$2:AJ$366,ROUNDDOWN($C5779/24,0)+1,1)*INDEX($D$3:$AA$30,INDEX(Jesper!$R$2:$R$366,ROW(INDEX(Jesper!AJ$2:AJ$366,ROUNDDOWN($C5779/24,0)+1,1))-1)+IF('Standard Profiles'!$G$20=$B$10,7,0)+IF('Standard Profiles'!$G$20=$B$17,14,0)+IF('Standard Profiles'!$G$20=$B$24,21,0),MOD($C5779,24)+1)/SUM(INDEX($D$3:$AA$30,INDEX(Jesper!$R$2:$R$366,ROW(INDEX(Jesper!AJ$2:AJ$366,ROUNDDOWN($C5779/24,0)+1,1))-1)+IF('Standard Profiles'!$G$20=$B$10,7,0)+IF('Standard Profiles'!$G$20=$B$17,14,0)+IF('Standard Profiles'!$G$20=$B$24,21,0),0)),0)</f>
        <v>0</v>
      </c>
      <c r="G5779" cm="1">
        <f t="array" ref="G5779">IFERROR(INDEX(Jesper!AK$2:AK$366,ROUNDDOWN($C5779/24,0)+1,1)*INDEX($D$3:$AA$30,INDEX(Jesper!$R$2:$R$366,ROW(INDEX(Jesper!AK$2:AK$366,ROUNDDOWN($C5779/24,0)+1,1))-1)+IF('Standard Profiles'!$G$21=$B$10,7,0)+IF('Standard Profiles'!$G$21=$B$17,14,0)+IF('Standard Profiles'!$G$21=$B$24,21,0),MOD($C5779,24)+1)/SUM(INDEX($D$3:$AA$30,INDEX(Jesper!$R$2:$R$366,ROW(INDEX(Jesper!AK$2:AK$366,ROUNDDOWN($C5779/24,0)+1,1))-1)+IF('Standard Profiles'!$G$21=$B$10,7,0)+IF('Standard Profiles'!$G$21=$B$17,14,0)+IF('Standard Profiles'!$G$21=$B$24,21,0),0)),0)</f>
        <v>0.7247898975433148</v>
      </c>
      <c r="H5779" cm="1">
        <f t="array" ref="H5779">IFERROR(INDEX(Jesper!AL$2:AL$366,ROUNDDOWN($C5779/24,0)+1,1)*INDEX($D$3:$AA$30,INDEX(Jesper!$R$2:$R$366,ROW(INDEX(Jesper!AL$2:AL$366,ROUNDDOWN($C5779/24,0)+1,1))-1)+IF('Standard Profiles'!$G$22=$B$10,7,0)+IF('Standard Profiles'!$G$22=$B$17,14,0)+IF('Standard Profiles'!$G$22=$B$24,21,0),MOD($C5779,24)+1)/SUM(INDEX($D$3:$AA$30,INDEX(Jesper!$R$2:$R$366,ROW(INDEX(Jesper!AL$2:AL$366,ROUNDDOWN($C5779/24,0)+1,1))-1)+IF('Standard Profiles'!$G$22=$B$10,7,0)+IF('Standard Profiles'!$G$22=$B$17,14,0)+IF('Standard Profiles'!$G$22=$B$24,21,0),0)),0)</f>
        <v>0</v>
      </c>
      <c r="I5779">
        <f t="shared" si="643"/>
        <v>0.34789915082079093</v>
      </c>
      <c r="J5779">
        <f t="shared" si="644"/>
        <v>34.808475323405766</v>
      </c>
      <c r="K5779">
        <f t="shared" si="645"/>
        <v>2.9098612336182637</v>
      </c>
      <c r="L5779">
        <f t="shared" si="646"/>
        <v>1.4549306168091318</v>
      </c>
      <c r="M5779">
        <f t="shared" si="647"/>
        <v>0</v>
      </c>
      <c r="N5779" s="45">
        <f t="shared" si="648"/>
        <v>45166.374999986067</v>
      </c>
    </row>
    <row r="5780" spans="2:14" x14ac:dyDescent="0.25">
      <c r="B5780">
        <f t="shared" si="642"/>
        <v>1</v>
      </c>
      <c r="C5780" s="16">
        <v>5746</v>
      </c>
      <c r="D5780" cm="1">
        <f t="array" ref="D5780">IFERROR(INDEX(Jesper!AH$2:AH$366,ROUNDDOWN($C5780/24,0)+1,1)*INDEX($D$3:$AA$30,INDEX(Jesper!$R$2:$R$366,ROW(INDEX(Jesper!AH$2:AH$366,ROUNDDOWN($C5780/24,0)+1,1))-1)+IF('Standard Profiles'!$G$18=$B$10,7,0)+IF('Standard Profiles'!$G$18=$B$17,14,0)+IF('Standard Profiles'!$G$18=$B$24,21,0),MOD($C5780,24)+1)/SUM(INDEX($D$3:$AA$30,INDEX(Jesper!$R$2:$R$366,ROW(INDEX(Jesper!AH$2:AH$366,ROUNDDOWN($C5780/24,0)+1,1))-1)+IF('Standard Profiles'!$G$18=$B$10,7,0)+IF('Standard Profiles'!$G$18=$B$17,14,0)+IF('Standard Profiles'!$G$18=$B$24,21,0),0)),0)</f>
        <v>27.27994906517122</v>
      </c>
      <c r="E5780" cm="1">
        <f t="array" ref="E5780">IFERROR(INDEX(Jesper!AI$2:AI$366,ROUNDDOWN($C5780/24,0)+1,1)*INDEX($D$3:$AA$30,INDEX(Jesper!$R$2:$R$366,ROW(INDEX(Jesper!AI$2:AI$366,ROUNDDOWN($C5780/24,0)+1,1))-1)+IF('Standard Profiles'!$G$19=$B$10,7,0)+IF('Standard Profiles'!$G$19=$B$17,14,0)+IF('Standard Profiles'!$G$19=$B$24,21,0),MOD($C5780,24)+1)/SUM(INDEX($D$3:$AA$30,INDEX(Jesper!$R$2:$R$366,ROW(INDEX(Jesper!AI$2:AI$366,ROUNDDOWN($C5780/24,0)+1,1))-1)+IF('Standard Profiles'!$G$19=$B$10,7,0)+IF('Standard Profiles'!$G$19=$B$17,14,0)+IF('Standard Profiles'!$G$19=$B$24,21,0),0)),0)</f>
        <v>11.516427361939417</v>
      </c>
      <c r="F5780" cm="1">
        <f t="array" ref="F5780">IFERROR(INDEX(Jesper!AJ$2:AJ$366,ROUNDDOWN($C5780/24,0)+1,1)*INDEX($D$3:$AA$30,INDEX(Jesper!$R$2:$R$366,ROW(INDEX(Jesper!AJ$2:AJ$366,ROUNDDOWN($C5780/24,0)+1,1))-1)+IF('Standard Profiles'!$G$20=$B$10,7,0)+IF('Standard Profiles'!$G$20=$B$17,14,0)+IF('Standard Profiles'!$G$20=$B$24,21,0),MOD($C5780,24)+1)/SUM(INDEX($D$3:$AA$30,INDEX(Jesper!$R$2:$R$366,ROW(INDEX(Jesper!AJ$2:AJ$366,ROUNDDOWN($C5780/24,0)+1,1))-1)+IF('Standard Profiles'!$G$20=$B$10,7,0)+IF('Standard Profiles'!$G$20=$B$17,14,0)+IF('Standard Profiles'!$G$20=$B$24,21,0),0)),0)</f>
        <v>0</v>
      </c>
      <c r="G5780" cm="1">
        <f t="array" ref="G5780">IFERROR(INDEX(Jesper!AK$2:AK$366,ROUNDDOWN($C5780/24,0)+1,1)*INDEX($D$3:$AA$30,INDEX(Jesper!$R$2:$R$366,ROW(INDEX(Jesper!AK$2:AK$366,ROUNDDOWN($C5780/24,0)+1,1))-1)+IF('Standard Profiles'!$G$21=$B$10,7,0)+IF('Standard Profiles'!$G$21=$B$17,14,0)+IF('Standard Profiles'!$G$21=$B$24,21,0),MOD($C5780,24)+1)/SUM(INDEX($D$3:$AA$30,INDEX(Jesper!$R$2:$R$366,ROW(INDEX(Jesper!AK$2:AK$366,ROUNDDOWN($C5780/24,0)+1,1))-1)+IF('Standard Profiles'!$G$21=$B$10,7,0)+IF('Standard Profiles'!$G$21=$B$17,14,0)+IF('Standard Profiles'!$G$21=$B$24,21,0),0)),0)</f>
        <v>0.7247898975433148</v>
      </c>
      <c r="H5780" cm="1">
        <f t="array" ref="H5780">IFERROR(INDEX(Jesper!AL$2:AL$366,ROUNDDOWN($C5780/24,0)+1,1)*INDEX($D$3:$AA$30,INDEX(Jesper!$R$2:$R$366,ROW(INDEX(Jesper!AL$2:AL$366,ROUNDDOWN($C5780/24,0)+1,1))-1)+IF('Standard Profiles'!$G$22=$B$10,7,0)+IF('Standard Profiles'!$G$22=$B$17,14,0)+IF('Standard Profiles'!$G$22=$B$24,21,0),MOD($C5780,24)+1)/SUM(INDEX($D$3:$AA$30,INDEX(Jesper!$R$2:$R$366,ROW(INDEX(Jesper!AL$2:AL$366,ROUNDDOWN($C5780/24,0)+1,1))-1)+IF('Standard Profiles'!$G$22=$B$10,7,0)+IF('Standard Profiles'!$G$22=$B$17,14,0)+IF('Standard Profiles'!$G$22=$B$24,21,0),0)),0)</f>
        <v>0</v>
      </c>
      <c r="I5780">
        <f t="shared" si="643"/>
        <v>0.34789915082079093</v>
      </c>
      <c r="J5780">
        <f t="shared" si="644"/>
        <v>34.808475323405766</v>
      </c>
      <c r="K5780">
        <f t="shared" si="645"/>
        <v>2.9098612336182637</v>
      </c>
      <c r="L5780">
        <f t="shared" si="646"/>
        <v>1.4549306168091318</v>
      </c>
      <c r="M5780">
        <f t="shared" si="647"/>
        <v>0</v>
      </c>
      <c r="N5780" s="45">
        <f t="shared" si="648"/>
        <v>45166.416666652731</v>
      </c>
    </row>
    <row r="5781" spans="2:14" x14ac:dyDescent="0.25">
      <c r="B5781">
        <f t="shared" si="642"/>
        <v>1</v>
      </c>
      <c r="C5781" s="16">
        <v>5747</v>
      </c>
      <c r="D5781" cm="1">
        <f t="array" ref="D5781">IFERROR(INDEX(Jesper!AH$2:AH$366,ROUNDDOWN($C5781/24,0)+1,1)*INDEX($D$3:$AA$30,INDEX(Jesper!$R$2:$R$366,ROW(INDEX(Jesper!AH$2:AH$366,ROUNDDOWN($C5781/24,0)+1,1))-1)+IF('Standard Profiles'!$G$18=$B$10,7,0)+IF('Standard Profiles'!$G$18=$B$17,14,0)+IF('Standard Profiles'!$G$18=$B$24,21,0),MOD($C5781,24)+1)/SUM(INDEX($D$3:$AA$30,INDEX(Jesper!$R$2:$R$366,ROW(INDEX(Jesper!AH$2:AH$366,ROUNDDOWN($C5781/24,0)+1,1))-1)+IF('Standard Profiles'!$G$18=$B$10,7,0)+IF('Standard Profiles'!$G$18=$B$17,14,0)+IF('Standard Profiles'!$G$18=$B$24,21,0),0)),0)</f>
        <v>32.735938878205459</v>
      </c>
      <c r="E5781" cm="1">
        <f t="array" ref="E5781">IFERROR(INDEX(Jesper!AI$2:AI$366,ROUNDDOWN($C5781/24,0)+1,1)*INDEX($D$3:$AA$30,INDEX(Jesper!$R$2:$R$366,ROW(INDEX(Jesper!AI$2:AI$366,ROUNDDOWN($C5781/24,0)+1,1))-1)+IF('Standard Profiles'!$G$19=$B$10,7,0)+IF('Standard Profiles'!$G$19=$B$17,14,0)+IF('Standard Profiles'!$G$19=$B$24,21,0),MOD($C5781,24)+1)/SUM(INDEX($D$3:$AA$30,INDEX(Jesper!$R$2:$R$366,ROW(INDEX(Jesper!AI$2:AI$366,ROUNDDOWN($C5781/24,0)+1,1))-1)+IF('Standard Profiles'!$G$19=$B$10,7,0)+IF('Standard Profiles'!$G$19=$B$17,14,0)+IF('Standard Profiles'!$G$19=$B$24,21,0),0)),0)</f>
        <v>13.8197128343273</v>
      </c>
      <c r="F5781" cm="1">
        <f t="array" ref="F5781">IFERROR(INDEX(Jesper!AJ$2:AJ$366,ROUNDDOWN($C5781/24,0)+1,1)*INDEX($D$3:$AA$30,INDEX(Jesper!$R$2:$R$366,ROW(INDEX(Jesper!AJ$2:AJ$366,ROUNDDOWN($C5781/24,0)+1,1))-1)+IF('Standard Profiles'!$G$20=$B$10,7,0)+IF('Standard Profiles'!$G$20=$B$17,14,0)+IF('Standard Profiles'!$G$20=$B$24,21,0),MOD($C5781,24)+1)/SUM(INDEX($D$3:$AA$30,INDEX(Jesper!$R$2:$R$366,ROW(INDEX(Jesper!AJ$2:AJ$366,ROUNDDOWN($C5781/24,0)+1,1))-1)+IF('Standard Profiles'!$G$20=$B$10,7,0)+IF('Standard Profiles'!$G$20=$B$17,14,0)+IF('Standard Profiles'!$G$20=$B$24,21,0),0)),0)</f>
        <v>0</v>
      </c>
      <c r="G5781" cm="1">
        <f t="array" ref="G5781">IFERROR(INDEX(Jesper!AK$2:AK$366,ROUNDDOWN($C5781/24,0)+1,1)*INDEX($D$3:$AA$30,INDEX(Jesper!$R$2:$R$366,ROW(INDEX(Jesper!AK$2:AK$366,ROUNDDOWN($C5781/24,0)+1,1))-1)+IF('Standard Profiles'!$G$21=$B$10,7,0)+IF('Standard Profiles'!$G$21=$B$17,14,0)+IF('Standard Profiles'!$G$21=$B$24,21,0),MOD($C5781,24)+1)/SUM(INDEX($D$3:$AA$30,INDEX(Jesper!$R$2:$R$366,ROW(INDEX(Jesper!AK$2:AK$366,ROUNDDOWN($C5781/24,0)+1,1))-1)+IF('Standard Profiles'!$G$21=$B$10,7,0)+IF('Standard Profiles'!$G$21=$B$17,14,0)+IF('Standard Profiles'!$G$21=$B$24,21,0),0)),0)</f>
        <v>0.86974787705197765</v>
      </c>
      <c r="H5781" cm="1">
        <f t="array" ref="H5781">IFERROR(INDEX(Jesper!AL$2:AL$366,ROUNDDOWN($C5781/24,0)+1,1)*INDEX($D$3:$AA$30,INDEX(Jesper!$R$2:$R$366,ROW(INDEX(Jesper!AL$2:AL$366,ROUNDDOWN($C5781/24,0)+1,1))-1)+IF('Standard Profiles'!$G$22=$B$10,7,0)+IF('Standard Profiles'!$G$22=$B$17,14,0)+IF('Standard Profiles'!$G$22=$B$24,21,0),MOD($C5781,24)+1)/SUM(INDEX($D$3:$AA$30,INDEX(Jesper!$R$2:$R$366,ROW(INDEX(Jesper!AL$2:AL$366,ROUNDDOWN($C5781/24,0)+1,1))-1)+IF('Standard Profiles'!$G$22=$B$10,7,0)+IF('Standard Profiles'!$G$22=$B$17,14,0)+IF('Standard Profiles'!$G$22=$B$24,21,0),0)),0)</f>
        <v>0</v>
      </c>
      <c r="I5781">
        <f t="shared" si="643"/>
        <v>0.41747898098494907</v>
      </c>
      <c r="J5781">
        <f t="shared" si="644"/>
        <v>41.77017038808691</v>
      </c>
      <c r="K5781">
        <f t="shared" si="645"/>
        <v>3.4918334803419158</v>
      </c>
      <c r="L5781">
        <f t="shared" si="646"/>
        <v>1.7459167401709579</v>
      </c>
      <c r="M5781">
        <f t="shared" si="647"/>
        <v>0</v>
      </c>
      <c r="N5781" s="45">
        <f t="shared" si="648"/>
        <v>45166.458333319395</v>
      </c>
    </row>
    <row r="5782" spans="2:14" x14ac:dyDescent="0.25">
      <c r="B5782">
        <f t="shared" si="642"/>
        <v>1</v>
      </c>
      <c r="C5782" s="16">
        <v>5748</v>
      </c>
      <c r="D5782" cm="1">
        <f t="array" ref="D5782">IFERROR(INDEX(Jesper!AH$2:AH$366,ROUNDDOWN($C5782/24,0)+1,1)*INDEX($D$3:$AA$30,INDEX(Jesper!$R$2:$R$366,ROW(INDEX(Jesper!AH$2:AH$366,ROUNDDOWN($C5782/24,0)+1,1))-1)+IF('Standard Profiles'!$G$18=$B$10,7,0)+IF('Standard Profiles'!$G$18=$B$17,14,0)+IF('Standard Profiles'!$G$18=$B$24,21,0),MOD($C5782,24)+1)/SUM(INDEX($D$3:$AA$30,INDEX(Jesper!$R$2:$R$366,ROW(INDEX(Jesper!AH$2:AH$366,ROUNDDOWN($C5782/24,0)+1,1))-1)+IF('Standard Profiles'!$G$18=$B$10,7,0)+IF('Standard Profiles'!$G$18=$B$17,14,0)+IF('Standard Profiles'!$G$18=$B$24,21,0),0)),0)</f>
        <v>32.735938878205459</v>
      </c>
      <c r="E5782" cm="1">
        <f t="array" ref="E5782">IFERROR(INDEX(Jesper!AI$2:AI$366,ROUNDDOWN($C5782/24,0)+1,1)*INDEX($D$3:$AA$30,INDEX(Jesper!$R$2:$R$366,ROW(INDEX(Jesper!AI$2:AI$366,ROUNDDOWN($C5782/24,0)+1,1))-1)+IF('Standard Profiles'!$G$19=$B$10,7,0)+IF('Standard Profiles'!$G$19=$B$17,14,0)+IF('Standard Profiles'!$G$19=$B$24,21,0),MOD($C5782,24)+1)/SUM(INDEX($D$3:$AA$30,INDEX(Jesper!$R$2:$R$366,ROW(INDEX(Jesper!AI$2:AI$366,ROUNDDOWN($C5782/24,0)+1,1))-1)+IF('Standard Profiles'!$G$19=$B$10,7,0)+IF('Standard Profiles'!$G$19=$B$17,14,0)+IF('Standard Profiles'!$G$19=$B$24,21,0),0)),0)</f>
        <v>13.8197128343273</v>
      </c>
      <c r="F5782" cm="1">
        <f t="array" ref="F5782">IFERROR(INDEX(Jesper!AJ$2:AJ$366,ROUNDDOWN($C5782/24,0)+1,1)*INDEX($D$3:$AA$30,INDEX(Jesper!$R$2:$R$366,ROW(INDEX(Jesper!AJ$2:AJ$366,ROUNDDOWN($C5782/24,0)+1,1))-1)+IF('Standard Profiles'!$G$20=$B$10,7,0)+IF('Standard Profiles'!$G$20=$B$17,14,0)+IF('Standard Profiles'!$G$20=$B$24,21,0),MOD($C5782,24)+1)/SUM(INDEX($D$3:$AA$30,INDEX(Jesper!$R$2:$R$366,ROW(INDEX(Jesper!AJ$2:AJ$366,ROUNDDOWN($C5782/24,0)+1,1))-1)+IF('Standard Profiles'!$G$20=$B$10,7,0)+IF('Standard Profiles'!$G$20=$B$17,14,0)+IF('Standard Profiles'!$G$20=$B$24,21,0),0)),0)</f>
        <v>0</v>
      </c>
      <c r="G5782" cm="1">
        <f t="array" ref="G5782">IFERROR(INDEX(Jesper!AK$2:AK$366,ROUNDDOWN($C5782/24,0)+1,1)*INDEX($D$3:$AA$30,INDEX(Jesper!$R$2:$R$366,ROW(INDEX(Jesper!AK$2:AK$366,ROUNDDOWN($C5782/24,0)+1,1))-1)+IF('Standard Profiles'!$G$21=$B$10,7,0)+IF('Standard Profiles'!$G$21=$B$17,14,0)+IF('Standard Profiles'!$G$21=$B$24,21,0),MOD($C5782,24)+1)/SUM(INDEX($D$3:$AA$30,INDEX(Jesper!$R$2:$R$366,ROW(INDEX(Jesper!AK$2:AK$366,ROUNDDOWN($C5782/24,0)+1,1))-1)+IF('Standard Profiles'!$G$21=$B$10,7,0)+IF('Standard Profiles'!$G$21=$B$17,14,0)+IF('Standard Profiles'!$G$21=$B$24,21,0),0)),0)</f>
        <v>0.86974787705197765</v>
      </c>
      <c r="H5782" cm="1">
        <f t="array" ref="H5782">IFERROR(INDEX(Jesper!AL$2:AL$366,ROUNDDOWN($C5782/24,0)+1,1)*INDEX($D$3:$AA$30,INDEX(Jesper!$R$2:$R$366,ROW(INDEX(Jesper!AL$2:AL$366,ROUNDDOWN($C5782/24,0)+1,1))-1)+IF('Standard Profiles'!$G$22=$B$10,7,0)+IF('Standard Profiles'!$G$22=$B$17,14,0)+IF('Standard Profiles'!$G$22=$B$24,21,0),MOD($C5782,24)+1)/SUM(INDEX($D$3:$AA$30,INDEX(Jesper!$R$2:$R$366,ROW(INDEX(Jesper!AL$2:AL$366,ROUNDDOWN($C5782/24,0)+1,1))-1)+IF('Standard Profiles'!$G$22=$B$10,7,0)+IF('Standard Profiles'!$G$22=$B$17,14,0)+IF('Standard Profiles'!$G$22=$B$24,21,0),0)),0)</f>
        <v>0</v>
      </c>
      <c r="I5782">
        <f t="shared" si="643"/>
        <v>0.41747898098494907</v>
      </c>
      <c r="J5782">
        <f t="shared" si="644"/>
        <v>41.77017038808691</v>
      </c>
      <c r="K5782">
        <f t="shared" si="645"/>
        <v>3.4918334803419158</v>
      </c>
      <c r="L5782">
        <f t="shared" si="646"/>
        <v>1.7459167401709579</v>
      </c>
      <c r="M5782">
        <f t="shared" si="647"/>
        <v>0</v>
      </c>
      <c r="N5782" s="45">
        <f t="shared" si="648"/>
        <v>45166.499999986059</v>
      </c>
    </row>
    <row r="5783" spans="2:14" x14ac:dyDescent="0.25">
      <c r="B5783">
        <f t="shared" si="642"/>
        <v>1</v>
      </c>
      <c r="C5783" s="16">
        <v>5749</v>
      </c>
      <c r="D5783" cm="1">
        <f t="array" ref="D5783">IFERROR(INDEX(Jesper!AH$2:AH$366,ROUNDDOWN($C5783/24,0)+1,1)*INDEX($D$3:$AA$30,INDEX(Jesper!$R$2:$R$366,ROW(INDEX(Jesper!AH$2:AH$366,ROUNDDOWN($C5783/24,0)+1,1))-1)+IF('Standard Profiles'!$G$18=$B$10,7,0)+IF('Standard Profiles'!$G$18=$B$17,14,0)+IF('Standard Profiles'!$G$18=$B$24,21,0),MOD($C5783,24)+1)/SUM(INDEX($D$3:$AA$30,INDEX(Jesper!$R$2:$R$366,ROW(INDEX(Jesper!AH$2:AH$366,ROUNDDOWN($C5783/24,0)+1,1))-1)+IF('Standard Profiles'!$G$18=$B$10,7,0)+IF('Standard Profiles'!$G$18=$B$17,14,0)+IF('Standard Profiles'!$G$18=$B$24,21,0),0)),0)</f>
        <v>21.82395925213698</v>
      </c>
      <c r="E5783" cm="1">
        <f t="array" ref="E5783">IFERROR(INDEX(Jesper!AI$2:AI$366,ROUNDDOWN($C5783/24,0)+1,1)*INDEX($D$3:$AA$30,INDEX(Jesper!$R$2:$R$366,ROW(INDEX(Jesper!AI$2:AI$366,ROUNDDOWN($C5783/24,0)+1,1))-1)+IF('Standard Profiles'!$G$19=$B$10,7,0)+IF('Standard Profiles'!$G$19=$B$17,14,0)+IF('Standard Profiles'!$G$19=$B$24,21,0),MOD($C5783,24)+1)/SUM(INDEX($D$3:$AA$30,INDEX(Jesper!$R$2:$R$366,ROW(INDEX(Jesper!AI$2:AI$366,ROUNDDOWN($C5783/24,0)+1,1))-1)+IF('Standard Profiles'!$G$19=$B$10,7,0)+IF('Standard Profiles'!$G$19=$B$17,14,0)+IF('Standard Profiles'!$G$19=$B$24,21,0),0)),0)</f>
        <v>9.2131418895515349</v>
      </c>
      <c r="F5783" cm="1">
        <f t="array" ref="F5783">IFERROR(INDEX(Jesper!AJ$2:AJ$366,ROUNDDOWN($C5783/24,0)+1,1)*INDEX($D$3:$AA$30,INDEX(Jesper!$R$2:$R$366,ROW(INDEX(Jesper!AJ$2:AJ$366,ROUNDDOWN($C5783/24,0)+1,1))-1)+IF('Standard Profiles'!$G$20=$B$10,7,0)+IF('Standard Profiles'!$G$20=$B$17,14,0)+IF('Standard Profiles'!$G$20=$B$24,21,0),MOD($C5783,24)+1)/SUM(INDEX($D$3:$AA$30,INDEX(Jesper!$R$2:$R$366,ROW(INDEX(Jesper!AJ$2:AJ$366,ROUNDDOWN($C5783/24,0)+1,1))-1)+IF('Standard Profiles'!$G$20=$B$10,7,0)+IF('Standard Profiles'!$G$20=$B$17,14,0)+IF('Standard Profiles'!$G$20=$B$24,21,0),0)),0)</f>
        <v>0</v>
      </c>
      <c r="G5783" cm="1">
        <f t="array" ref="G5783">IFERROR(INDEX(Jesper!AK$2:AK$366,ROUNDDOWN($C5783/24,0)+1,1)*INDEX($D$3:$AA$30,INDEX(Jesper!$R$2:$R$366,ROW(INDEX(Jesper!AK$2:AK$366,ROUNDDOWN($C5783/24,0)+1,1))-1)+IF('Standard Profiles'!$G$21=$B$10,7,0)+IF('Standard Profiles'!$G$21=$B$17,14,0)+IF('Standard Profiles'!$G$21=$B$24,21,0),MOD($C5783,24)+1)/SUM(INDEX($D$3:$AA$30,INDEX(Jesper!$R$2:$R$366,ROW(INDEX(Jesper!AK$2:AK$366,ROUNDDOWN($C5783/24,0)+1,1))-1)+IF('Standard Profiles'!$G$21=$B$10,7,0)+IF('Standard Profiles'!$G$21=$B$17,14,0)+IF('Standard Profiles'!$G$21=$B$24,21,0),0)),0)</f>
        <v>0.57983191803465184</v>
      </c>
      <c r="H5783" cm="1">
        <f t="array" ref="H5783">IFERROR(INDEX(Jesper!AL$2:AL$366,ROUNDDOWN($C5783/24,0)+1,1)*INDEX($D$3:$AA$30,INDEX(Jesper!$R$2:$R$366,ROW(INDEX(Jesper!AL$2:AL$366,ROUNDDOWN($C5783/24,0)+1,1))-1)+IF('Standard Profiles'!$G$22=$B$10,7,0)+IF('Standard Profiles'!$G$22=$B$17,14,0)+IF('Standard Profiles'!$G$22=$B$24,21,0),MOD($C5783,24)+1)/SUM(INDEX($D$3:$AA$30,INDEX(Jesper!$R$2:$R$366,ROW(INDEX(Jesper!AL$2:AL$366,ROUNDDOWN($C5783/24,0)+1,1))-1)+IF('Standard Profiles'!$G$22=$B$10,7,0)+IF('Standard Profiles'!$G$22=$B$17,14,0)+IF('Standard Profiles'!$G$22=$B$24,21,0),0)),0)</f>
        <v>0</v>
      </c>
      <c r="I5783">
        <f t="shared" si="643"/>
        <v>0.27831932065663273</v>
      </c>
      <c r="J5783">
        <f t="shared" si="644"/>
        <v>27.846780258724618</v>
      </c>
      <c r="K5783">
        <f t="shared" si="645"/>
        <v>2.3278889868946115</v>
      </c>
      <c r="L5783">
        <f t="shared" si="646"/>
        <v>1.1639444934473058</v>
      </c>
      <c r="M5783">
        <f t="shared" si="647"/>
        <v>0</v>
      </c>
      <c r="N5783" s="45">
        <f t="shared" si="648"/>
        <v>45166.541666652724</v>
      </c>
    </row>
    <row r="5784" spans="2:14" x14ac:dyDescent="0.25">
      <c r="B5784">
        <f t="shared" si="642"/>
        <v>1</v>
      </c>
      <c r="C5784" s="16">
        <v>5750</v>
      </c>
      <c r="D5784" cm="1">
        <f t="array" ref="D5784">IFERROR(INDEX(Jesper!AH$2:AH$366,ROUNDDOWN($C5784/24,0)+1,1)*INDEX($D$3:$AA$30,INDEX(Jesper!$R$2:$R$366,ROW(INDEX(Jesper!AH$2:AH$366,ROUNDDOWN($C5784/24,0)+1,1))-1)+IF('Standard Profiles'!$G$18=$B$10,7,0)+IF('Standard Profiles'!$G$18=$B$17,14,0)+IF('Standard Profiles'!$G$18=$B$24,21,0),MOD($C5784,24)+1)/SUM(INDEX($D$3:$AA$30,INDEX(Jesper!$R$2:$R$366,ROW(INDEX(Jesper!AH$2:AH$366,ROUNDDOWN($C5784/24,0)+1,1))-1)+IF('Standard Profiles'!$G$18=$B$10,7,0)+IF('Standard Profiles'!$G$18=$B$17,14,0)+IF('Standard Profiles'!$G$18=$B$24,21,0),0)),0)</f>
        <v>32.735938878205459</v>
      </c>
      <c r="E5784" cm="1">
        <f t="array" ref="E5784">IFERROR(INDEX(Jesper!AI$2:AI$366,ROUNDDOWN($C5784/24,0)+1,1)*INDEX($D$3:$AA$30,INDEX(Jesper!$R$2:$R$366,ROW(INDEX(Jesper!AI$2:AI$366,ROUNDDOWN($C5784/24,0)+1,1))-1)+IF('Standard Profiles'!$G$19=$B$10,7,0)+IF('Standard Profiles'!$G$19=$B$17,14,0)+IF('Standard Profiles'!$G$19=$B$24,21,0),MOD($C5784,24)+1)/SUM(INDEX($D$3:$AA$30,INDEX(Jesper!$R$2:$R$366,ROW(INDEX(Jesper!AI$2:AI$366,ROUNDDOWN($C5784/24,0)+1,1))-1)+IF('Standard Profiles'!$G$19=$B$10,7,0)+IF('Standard Profiles'!$G$19=$B$17,14,0)+IF('Standard Profiles'!$G$19=$B$24,21,0),0)),0)</f>
        <v>13.8197128343273</v>
      </c>
      <c r="F5784" cm="1">
        <f t="array" ref="F5784">IFERROR(INDEX(Jesper!AJ$2:AJ$366,ROUNDDOWN($C5784/24,0)+1,1)*INDEX($D$3:$AA$30,INDEX(Jesper!$R$2:$R$366,ROW(INDEX(Jesper!AJ$2:AJ$366,ROUNDDOWN($C5784/24,0)+1,1))-1)+IF('Standard Profiles'!$G$20=$B$10,7,0)+IF('Standard Profiles'!$G$20=$B$17,14,0)+IF('Standard Profiles'!$G$20=$B$24,21,0),MOD($C5784,24)+1)/SUM(INDEX($D$3:$AA$30,INDEX(Jesper!$R$2:$R$366,ROW(INDEX(Jesper!AJ$2:AJ$366,ROUNDDOWN($C5784/24,0)+1,1))-1)+IF('Standard Profiles'!$G$20=$B$10,7,0)+IF('Standard Profiles'!$G$20=$B$17,14,0)+IF('Standard Profiles'!$G$20=$B$24,21,0),0)),0)</f>
        <v>0</v>
      </c>
      <c r="G5784" cm="1">
        <f t="array" ref="G5784">IFERROR(INDEX(Jesper!AK$2:AK$366,ROUNDDOWN($C5784/24,0)+1,1)*INDEX($D$3:$AA$30,INDEX(Jesper!$R$2:$R$366,ROW(INDEX(Jesper!AK$2:AK$366,ROUNDDOWN($C5784/24,0)+1,1))-1)+IF('Standard Profiles'!$G$21=$B$10,7,0)+IF('Standard Profiles'!$G$21=$B$17,14,0)+IF('Standard Profiles'!$G$21=$B$24,21,0),MOD($C5784,24)+1)/SUM(INDEX($D$3:$AA$30,INDEX(Jesper!$R$2:$R$366,ROW(INDEX(Jesper!AK$2:AK$366,ROUNDDOWN($C5784/24,0)+1,1))-1)+IF('Standard Profiles'!$G$21=$B$10,7,0)+IF('Standard Profiles'!$G$21=$B$17,14,0)+IF('Standard Profiles'!$G$21=$B$24,21,0),0)),0)</f>
        <v>0.86974787705197765</v>
      </c>
      <c r="H5784" cm="1">
        <f t="array" ref="H5784">IFERROR(INDEX(Jesper!AL$2:AL$366,ROUNDDOWN($C5784/24,0)+1,1)*INDEX($D$3:$AA$30,INDEX(Jesper!$R$2:$R$366,ROW(INDEX(Jesper!AL$2:AL$366,ROUNDDOWN($C5784/24,0)+1,1))-1)+IF('Standard Profiles'!$G$22=$B$10,7,0)+IF('Standard Profiles'!$G$22=$B$17,14,0)+IF('Standard Profiles'!$G$22=$B$24,21,0),MOD($C5784,24)+1)/SUM(INDEX($D$3:$AA$30,INDEX(Jesper!$R$2:$R$366,ROW(INDEX(Jesper!AL$2:AL$366,ROUNDDOWN($C5784/24,0)+1,1))-1)+IF('Standard Profiles'!$G$22=$B$10,7,0)+IF('Standard Profiles'!$G$22=$B$17,14,0)+IF('Standard Profiles'!$G$22=$B$24,21,0),0)),0)</f>
        <v>0</v>
      </c>
      <c r="I5784">
        <f t="shared" si="643"/>
        <v>0.41747898098494907</v>
      </c>
      <c r="J5784">
        <f t="shared" si="644"/>
        <v>41.77017038808691</v>
      </c>
      <c r="K5784">
        <f t="shared" si="645"/>
        <v>3.4918334803419158</v>
      </c>
      <c r="L5784">
        <f t="shared" si="646"/>
        <v>1.7459167401709579</v>
      </c>
      <c r="M5784">
        <f t="shared" si="647"/>
        <v>0</v>
      </c>
      <c r="N5784" s="45">
        <f t="shared" si="648"/>
        <v>45166.583333319388</v>
      </c>
    </row>
    <row r="5785" spans="2:14" x14ac:dyDescent="0.25">
      <c r="B5785">
        <f t="shared" si="642"/>
        <v>1</v>
      </c>
      <c r="C5785" s="16">
        <v>5751</v>
      </c>
      <c r="D5785" cm="1">
        <f t="array" ref="D5785">IFERROR(INDEX(Jesper!AH$2:AH$366,ROUNDDOWN($C5785/24,0)+1,1)*INDEX($D$3:$AA$30,INDEX(Jesper!$R$2:$R$366,ROW(INDEX(Jesper!AH$2:AH$366,ROUNDDOWN($C5785/24,0)+1,1))-1)+IF('Standard Profiles'!$G$18=$B$10,7,0)+IF('Standard Profiles'!$G$18=$B$17,14,0)+IF('Standard Profiles'!$G$18=$B$24,21,0),MOD($C5785,24)+1)/SUM(INDEX($D$3:$AA$30,INDEX(Jesper!$R$2:$R$366,ROW(INDEX(Jesper!AH$2:AH$366,ROUNDDOWN($C5785/24,0)+1,1))-1)+IF('Standard Profiles'!$G$18=$B$10,7,0)+IF('Standard Profiles'!$G$18=$B$17,14,0)+IF('Standard Profiles'!$G$18=$B$24,21,0),0)),0)</f>
        <v>32.735938878205459</v>
      </c>
      <c r="E5785" cm="1">
        <f t="array" ref="E5785">IFERROR(INDEX(Jesper!AI$2:AI$366,ROUNDDOWN($C5785/24,0)+1,1)*INDEX($D$3:$AA$30,INDEX(Jesper!$R$2:$R$366,ROW(INDEX(Jesper!AI$2:AI$366,ROUNDDOWN($C5785/24,0)+1,1))-1)+IF('Standard Profiles'!$G$19=$B$10,7,0)+IF('Standard Profiles'!$G$19=$B$17,14,0)+IF('Standard Profiles'!$G$19=$B$24,21,0),MOD($C5785,24)+1)/SUM(INDEX($D$3:$AA$30,INDEX(Jesper!$R$2:$R$366,ROW(INDEX(Jesper!AI$2:AI$366,ROUNDDOWN($C5785/24,0)+1,1))-1)+IF('Standard Profiles'!$G$19=$B$10,7,0)+IF('Standard Profiles'!$G$19=$B$17,14,0)+IF('Standard Profiles'!$G$19=$B$24,21,0),0)),0)</f>
        <v>13.8197128343273</v>
      </c>
      <c r="F5785" cm="1">
        <f t="array" ref="F5785">IFERROR(INDEX(Jesper!AJ$2:AJ$366,ROUNDDOWN($C5785/24,0)+1,1)*INDEX($D$3:$AA$30,INDEX(Jesper!$R$2:$R$366,ROW(INDEX(Jesper!AJ$2:AJ$366,ROUNDDOWN($C5785/24,0)+1,1))-1)+IF('Standard Profiles'!$G$20=$B$10,7,0)+IF('Standard Profiles'!$G$20=$B$17,14,0)+IF('Standard Profiles'!$G$20=$B$24,21,0),MOD($C5785,24)+1)/SUM(INDEX($D$3:$AA$30,INDEX(Jesper!$R$2:$R$366,ROW(INDEX(Jesper!AJ$2:AJ$366,ROUNDDOWN($C5785/24,0)+1,1))-1)+IF('Standard Profiles'!$G$20=$B$10,7,0)+IF('Standard Profiles'!$G$20=$B$17,14,0)+IF('Standard Profiles'!$G$20=$B$24,21,0),0)),0)</f>
        <v>0</v>
      </c>
      <c r="G5785" cm="1">
        <f t="array" ref="G5785">IFERROR(INDEX(Jesper!AK$2:AK$366,ROUNDDOWN($C5785/24,0)+1,1)*INDEX($D$3:$AA$30,INDEX(Jesper!$R$2:$R$366,ROW(INDEX(Jesper!AK$2:AK$366,ROUNDDOWN($C5785/24,0)+1,1))-1)+IF('Standard Profiles'!$G$21=$B$10,7,0)+IF('Standard Profiles'!$G$21=$B$17,14,0)+IF('Standard Profiles'!$G$21=$B$24,21,0),MOD($C5785,24)+1)/SUM(INDEX($D$3:$AA$30,INDEX(Jesper!$R$2:$R$366,ROW(INDEX(Jesper!AK$2:AK$366,ROUNDDOWN($C5785/24,0)+1,1))-1)+IF('Standard Profiles'!$G$21=$B$10,7,0)+IF('Standard Profiles'!$G$21=$B$17,14,0)+IF('Standard Profiles'!$G$21=$B$24,21,0),0)),0)</f>
        <v>0.86974787705197765</v>
      </c>
      <c r="H5785" cm="1">
        <f t="array" ref="H5785">IFERROR(INDEX(Jesper!AL$2:AL$366,ROUNDDOWN($C5785/24,0)+1,1)*INDEX($D$3:$AA$30,INDEX(Jesper!$R$2:$R$366,ROW(INDEX(Jesper!AL$2:AL$366,ROUNDDOWN($C5785/24,0)+1,1))-1)+IF('Standard Profiles'!$G$22=$B$10,7,0)+IF('Standard Profiles'!$G$22=$B$17,14,0)+IF('Standard Profiles'!$G$22=$B$24,21,0),MOD($C5785,24)+1)/SUM(INDEX($D$3:$AA$30,INDEX(Jesper!$R$2:$R$366,ROW(INDEX(Jesper!AL$2:AL$366,ROUNDDOWN($C5785/24,0)+1,1))-1)+IF('Standard Profiles'!$G$22=$B$10,7,0)+IF('Standard Profiles'!$G$22=$B$17,14,0)+IF('Standard Profiles'!$G$22=$B$24,21,0),0)),0)</f>
        <v>0</v>
      </c>
      <c r="I5785">
        <f t="shared" si="643"/>
        <v>0.41747898098494907</v>
      </c>
      <c r="J5785">
        <f t="shared" si="644"/>
        <v>41.77017038808691</v>
      </c>
      <c r="K5785">
        <f t="shared" si="645"/>
        <v>3.4918334803419158</v>
      </c>
      <c r="L5785">
        <f t="shared" si="646"/>
        <v>1.7459167401709579</v>
      </c>
      <c r="M5785">
        <f t="shared" si="647"/>
        <v>0</v>
      </c>
      <c r="N5785" s="45">
        <f t="shared" si="648"/>
        <v>45166.624999986052</v>
      </c>
    </row>
    <row r="5786" spans="2:14" x14ac:dyDescent="0.25">
      <c r="B5786">
        <f t="shared" si="642"/>
        <v>1</v>
      </c>
      <c r="C5786" s="16">
        <v>5752</v>
      </c>
      <c r="D5786" cm="1">
        <f t="array" ref="D5786">IFERROR(INDEX(Jesper!AH$2:AH$366,ROUNDDOWN($C5786/24,0)+1,1)*INDEX($D$3:$AA$30,INDEX(Jesper!$R$2:$R$366,ROW(INDEX(Jesper!AH$2:AH$366,ROUNDDOWN($C5786/24,0)+1,1))-1)+IF('Standard Profiles'!$G$18=$B$10,7,0)+IF('Standard Profiles'!$G$18=$B$17,14,0)+IF('Standard Profiles'!$G$18=$B$24,21,0),MOD($C5786,24)+1)/SUM(INDEX($D$3:$AA$30,INDEX(Jesper!$R$2:$R$366,ROW(INDEX(Jesper!AH$2:AH$366,ROUNDDOWN($C5786/24,0)+1,1))-1)+IF('Standard Profiles'!$G$18=$B$10,7,0)+IF('Standard Profiles'!$G$18=$B$17,14,0)+IF('Standard Profiles'!$G$18=$B$24,21,0),0)),0)</f>
        <v>19.095964345619855</v>
      </c>
      <c r="E5786" cm="1">
        <f t="array" ref="E5786">IFERROR(INDEX(Jesper!AI$2:AI$366,ROUNDDOWN($C5786/24,0)+1,1)*INDEX($D$3:$AA$30,INDEX(Jesper!$R$2:$R$366,ROW(INDEX(Jesper!AI$2:AI$366,ROUNDDOWN($C5786/24,0)+1,1))-1)+IF('Standard Profiles'!$G$19=$B$10,7,0)+IF('Standard Profiles'!$G$19=$B$17,14,0)+IF('Standard Profiles'!$G$19=$B$24,21,0),MOD($C5786,24)+1)/SUM(INDEX($D$3:$AA$30,INDEX(Jesper!$R$2:$R$366,ROW(INDEX(Jesper!AI$2:AI$366,ROUNDDOWN($C5786/24,0)+1,1))-1)+IF('Standard Profiles'!$G$19=$B$10,7,0)+IF('Standard Profiles'!$G$19=$B$17,14,0)+IF('Standard Profiles'!$G$19=$B$24,21,0),0)),0)</f>
        <v>8.061499153357591</v>
      </c>
      <c r="F5786" cm="1">
        <f t="array" ref="F5786">IFERROR(INDEX(Jesper!AJ$2:AJ$366,ROUNDDOWN($C5786/24,0)+1,1)*INDEX($D$3:$AA$30,INDEX(Jesper!$R$2:$R$366,ROW(INDEX(Jesper!AJ$2:AJ$366,ROUNDDOWN($C5786/24,0)+1,1))-1)+IF('Standard Profiles'!$G$20=$B$10,7,0)+IF('Standard Profiles'!$G$20=$B$17,14,0)+IF('Standard Profiles'!$G$20=$B$24,21,0),MOD($C5786,24)+1)/SUM(INDEX($D$3:$AA$30,INDEX(Jesper!$R$2:$R$366,ROW(INDEX(Jesper!AJ$2:AJ$366,ROUNDDOWN($C5786/24,0)+1,1))-1)+IF('Standard Profiles'!$G$20=$B$10,7,0)+IF('Standard Profiles'!$G$20=$B$17,14,0)+IF('Standard Profiles'!$G$20=$B$24,21,0),0)),0)</f>
        <v>0</v>
      </c>
      <c r="G5786" cm="1">
        <f t="array" ref="G5786">IFERROR(INDEX(Jesper!AK$2:AK$366,ROUNDDOWN($C5786/24,0)+1,1)*INDEX($D$3:$AA$30,INDEX(Jesper!$R$2:$R$366,ROW(INDEX(Jesper!AK$2:AK$366,ROUNDDOWN($C5786/24,0)+1,1))-1)+IF('Standard Profiles'!$G$21=$B$10,7,0)+IF('Standard Profiles'!$G$21=$B$17,14,0)+IF('Standard Profiles'!$G$21=$B$24,21,0),MOD($C5786,24)+1)/SUM(INDEX($D$3:$AA$30,INDEX(Jesper!$R$2:$R$366,ROW(INDEX(Jesper!AK$2:AK$366,ROUNDDOWN($C5786/24,0)+1,1))-1)+IF('Standard Profiles'!$G$21=$B$10,7,0)+IF('Standard Profiles'!$G$21=$B$17,14,0)+IF('Standard Profiles'!$G$21=$B$24,21,0),0)),0)</f>
        <v>0.7247898975433148</v>
      </c>
      <c r="H5786" cm="1">
        <f t="array" ref="H5786">IFERROR(INDEX(Jesper!AL$2:AL$366,ROUNDDOWN($C5786/24,0)+1,1)*INDEX($D$3:$AA$30,INDEX(Jesper!$R$2:$R$366,ROW(INDEX(Jesper!AL$2:AL$366,ROUNDDOWN($C5786/24,0)+1,1))-1)+IF('Standard Profiles'!$G$22=$B$10,7,0)+IF('Standard Profiles'!$G$22=$B$17,14,0)+IF('Standard Profiles'!$G$22=$B$24,21,0),MOD($C5786,24)+1)/SUM(INDEX($D$3:$AA$30,INDEX(Jesper!$R$2:$R$366,ROW(INDEX(Jesper!AL$2:AL$366,ROUNDDOWN($C5786/24,0)+1,1))-1)+IF('Standard Profiles'!$G$22=$B$10,7,0)+IF('Standard Profiles'!$G$22=$B$17,14,0)+IF('Standard Profiles'!$G$22=$B$24,21,0),0)),0)</f>
        <v>0</v>
      </c>
      <c r="I5786">
        <f t="shared" si="643"/>
        <v>0.34789915082079093</v>
      </c>
      <c r="J5786">
        <f t="shared" si="644"/>
        <v>24.478999950400791</v>
      </c>
      <c r="K5786">
        <f t="shared" si="645"/>
        <v>2.0369028635327848</v>
      </c>
      <c r="L5786">
        <f t="shared" si="646"/>
        <v>1.0184514317663924</v>
      </c>
      <c r="M5786">
        <f t="shared" si="647"/>
        <v>0</v>
      </c>
      <c r="N5786" s="45">
        <f t="shared" si="648"/>
        <v>45166.666666652716</v>
      </c>
    </row>
    <row r="5787" spans="2:14" x14ac:dyDescent="0.25">
      <c r="B5787">
        <f t="shared" si="642"/>
        <v>1</v>
      </c>
      <c r="C5787" s="16">
        <v>5753</v>
      </c>
      <c r="D5787" cm="1">
        <f t="array" ref="D5787">IFERROR(INDEX(Jesper!AH$2:AH$366,ROUNDDOWN($C5787/24,0)+1,1)*INDEX($D$3:$AA$30,INDEX(Jesper!$R$2:$R$366,ROW(INDEX(Jesper!AH$2:AH$366,ROUNDDOWN($C5787/24,0)+1,1))-1)+IF('Standard Profiles'!$G$18=$B$10,7,0)+IF('Standard Profiles'!$G$18=$B$17,14,0)+IF('Standard Profiles'!$G$18=$B$24,21,0),MOD($C5787,24)+1)/SUM(INDEX($D$3:$AA$30,INDEX(Jesper!$R$2:$R$366,ROW(INDEX(Jesper!AH$2:AH$366,ROUNDDOWN($C5787/24,0)+1,1))-1)+IF('Standard Profiles'!$G$18=$B$10,7,0)+IF('Standard Profiles'!$G$18=$B$17,14,0)+IF('Standard Profiles'!$G$18=$B$24,21,0),0)),0)</f>
        <v>5.455989813034245</v>
      </c>
      <c r="E5787" cm="1">
        <f t="array" ref="E5787">IFERROR(INDEX(Jesper!AI$2:AI$366,ROUNDDOWN($C5787/24,0)+1,1)*INDEX($D$3:$AA$30,INDEX(Jesper!$R$2:$R$366,ROW(INDEX(Jesper!AI$2:AI$366,ROUNDDOWN($C5787/24,0)+1,1))-1)+IF('Standard Profiles'!$G$19=$B$10,7,0)+IF('Standard Profiles'!$G$19=$B$17,14,0)+IF('Standard Profiles'!$G$19=$B$24,21,0),MOD($C5787,24)+1)/SUM(INDEX($D$3:$AA$30,INDEX(Jesper!$R$2:$R$366,ROW(INDEX(Jesper!AI$2:AI$366,ROUNDDOWN($C5787/24,0)+1,1))-1)+IF('Standard Profiles'!$G$19=$B$10,7,0)+IF('Standard Profiles'!$G$19=$B$17,14,0)+IF('Standard Profiles'!$G$19=$B$24,21,0),0)),0)</f>
        <v>2.3032854723878837</v>
      </c>
      <c r="F5787" cm="1">
        <f t="array" ref="F5787">IFERROR(INDEX(Jesper!AJ$2:AJ$366,ROUNDDOWN($C5787/24,0)+1,1)*INDEX($D$3:$AA$30,INDEX(Jesper!$R$2:$R$366,ROW(INDEX(Jesper!AJ$2:AJ$366,ROUNDDOWN($C5787/24,0)+1,1))-1)+IF('Standard Profiles'!$G$20=$B$10,7,0)+IF('Standard Profiles'!$G$20=$B$17,14,0)+IF('Standard Profiles'!$G$20=$B$24,21,0),MOD($C5787,24)+1)/SUM(INDEX($D$3:$AA$30,INDEX(Jesper!$R$2:$R$366,ROW(INDEX(Jesper!AJ$2:AJ$366,ROUNDDOWN($C5787/24,0)+1,1))-1)+IF('Standard Profiles'!$G$20=$B$10,7,0)+IF('Standard Profiles'!$G$20=$B$17,14,0)+IF('Standard Profiles'!$G$20=$B$24,21,0),0)),0)</f>
        <v>0</v>
      </c>
      <c r="G5787" cm="1">
        <f t="array" ref="G5787">IFERROR(INDEX(Jesper!AK$2:AK$366,ROUNDDOWN($C5787/24,0)+1,1)*INDEX($D$3:$AA$30,INDEX(Jesper!$R$2:$R$366,ROW(INDEX(Jesper!AK$2:AK$366,ROUNDDOWN($C5787/24,0)+1,1))-1)+IF('Standard Profiles'!$G$21=$B$10,7,0)+IF('Standard Profiles'!$G$21=$B$17,14,0)+IF('Standard Profiles'!$G$21=$B$24,21,0),MOD($C5787,24)+1)/SUM(INDEX($D$3:$AA$30,INDEX(Jesper!$R$2:$R$366,ROW(INDEX(Jesper!AK$2:AK$366,ROUNDDOWN($C5787/24,0)+1,1))-1)+IF('Standard Profiles'!$G$21=$B$10,7,0)+IF('Standard Profiles'!$G$21=$B$17,14,0)+IF('Standard Profiles'!$G$21=$B$24,21,0),0)),0)</f>
        <v>0.58316428537967857</v>
      </c>
      <c r="H5787" cm="1">
        <f t="array" ref="H5787">IFERROR(INDEX(Jesper!AL$2:AL$366,ROUNDDOWN($C5787/24,0)+1,1)*INDEX($D$3:$AA$30,INDEX(Jesper!$R$2:$R$366,ROW(INDEX(Jesper!AL$2:AL$366,ROUNDDOWN($C5787/24,0)+1,1))-1)+IF('Standard Profiles'!$G$22=$B$10,7,0)+IF('Standard Profiles'!$G$22=$B$17,14,0)+IF('Standard Profiles'!$G$22=$B$24,21,0),MOD($C5787,24)+1)/SUM(INDEX($D$3:$AA$30,INDEX(Jesper!$R$2:$R$366,ROW(INDEX(Jesper!AL$2:AL$366,ROUNDDOWN($C5787/24,0)+1,1))-1)+IF('Standard Profiles'!$G$22=$B$10,7,0)+IF('Standard Profiles'!$G$22=$B$17,14,0)+IF('Standard Profiles'!$G$22=$B$24,21,0),0)),0)</f>
        <v>0</v>
      </c>
      <c r="I5787">
        <f t="shared" si="643"/>
        <v>0.27991885698224556</v>
      </c>
      <c r="J5787">
        <f t="shared" si="644"/>
        <v>7.1895623437340825</v>
      </c>
      <c r="K5787">
        <f t="shared" si="645"/>
        <v>0.58197224672365289</v>
      </c>
      <c r="L5787">
        <f t="shared" si="646"/>
        <v>0.29098612336182644</v>
      </c>
      <c r="M5787">
        <f t="shared" si="647"/>
        <v>0</v>
      </c>
      <c r="N5787" s="45">
        <f t="shared" si="648"/>
        <v>45166.70833331938</v>
      </c>
    </row>
    <row r="5788" spans="2:14" x14ac:dyDescent="0.25">
      <c r="B5788">
        <f t="shared" si="642"/>
        <v>1</v>
      </c>
      <c r="C5788" s="16">
        <v>5754</v>
      </c>
      <c r="D5788" cm="1">
        <f t="array" ref="D5788">IFERROR(INDEX(Jesper!AH$2:AH$366,ROUNDDOWN($C5788/24,0)+1,1)*INDEX($D$3:$AA$30,INDEX(Jesper!$R$2:$R$366,ROW(INDEX(Jesper!AH$2:AH$366,ROUNDDOWN($C5788/24,0)+1,1))-1)+IF('Standard Profiles'!$G$18=$B$10,7,0)+IF('Standard Profiles'!$G$18=$B$17,14,0)+IF('Standard Profiles'!$G$18=$B$24,21,0),MOD($C5788,24)+1)/SUM(INDEX($D$3:$AA$30,INDEX(Jesper!$R$2:$R$366,ROW(INDEX(Jesper!AH$2:AH$366,ROUNDDOWN($C5788/24,0)+1,1))-1)+IF('Standard Profiles'!$G$18=$B$10,7,0)+IF('Standard Profiles'!$G$18=$B$17,14,0)+IF('Standard Profiles'!$G$18=$B$24,21,0),0)),0)</f>
        <v>5.3791448860900992</v>
      </c>
      <c r="E5788" cm="1">
        <f t="array" ref="E5788">IFERROR(INDEX(Jesper!AI$2:AI$366,ROUNDDOWN($C5788/24,0)+1,1)*INDEX($D$3:$AA$30,INDEX(Jesper!$R$2:$R$366,ROW(INDEX(Jesper!AI$2:AI$366,ROUNDDOWN($C5788/24,0)+1,1))-1)+IF('Standard Profiles'!$G$19=$B$10,7,0)+IF('Standard Profiles'!$G$19=$B$17,14,0)+IF('Standard Profiles'!$G$19=$B$24,21,0),MOD($C5788,24)+1)/SUM(INDEX($D$3:$AA$30,INDEX(Jesper!$R$2:$R$366,ROW(INDEX(Jesper!AI$2:AI$366,ROUNDDOWN($C5788/24,0)+1,1))-1)+IF('Standard Profiles'!$G$19=$B$10,7,0)+IF('Standard Profiles'!$G$19=$B$17,14,0)+IF('Standard Profiles'!$G$19=$B$24,21,0),0)),0)</f>
        <v>2.2708448319317158</v>
      </c>
      <c r="F5788" cm="1">
        <f t="array" ref="F5788">IFERROR(INDEX(Jesper!AJ$2:AJ$366,ROUNDDOWN($C5788/24,0)+1,1)*INDEX($D$3:$AA$30,INDEX(Jesper!$R$2:$R$366,ROW(INDEX(Jesper!AJ$2:AJ$366,ROUNDDOWN($C5788/24,0)+1,1))-1)+IF('Standard Profiles'!$G$20=$B$10,7,0)+IF('Standard Profiles'!$G$20=$B$17,14,0)+IF('Standard Profiles'!$G$20=$B$24,21,0),MOD($C5788,24)+1)/SUM(INDEX($D$3:$AA$30,INDEX(Jesper!$R$2:$R$366,ROW(INDEX(Jesper!AJ$2:AJ$366,ROUNDDOWN($C5788/24,0)+1,1))-1)+IF('Standard Profiles'!$G$20=$B$10,7,0)+IF('Standard Profiles'!$G$20=$B$17,14,0)+IF('Standard Profiles'!$G$20=$B$24,21,0),0)),0)</f>
        <v>0</v>
      </c>
      <c r="G5788" cm="1">
        <f t="array" ref="G5788">IFERROR(INDEX(Jesper!AK$2:AK$366,ROUNDDOWN($C5788/24,0)+1,1)*INDEX($D$3:$AA$30,INDEX(Jesper!$R$2:$R$366,ROW(INDEX(Jesper!AK$2:AK$366,ROUNDDOWN($C5788/24,0)+1,1))-1)+IF('Standard Profiles'!$G$21=$B$10,7,0)+IF('Standard Profiles'!$G$21=$B$17,14,0)+IF('Standard Profiles'!$G$21=$B$24,21,0),MOD($C5788,24)+1)/SUM(INDEX($D$3:$AA$30,INDEX(Jesper!$R$2:$R$366,ROW(INDEX(Jesper!AK$2:AK$366,ROUNDDOWN($C5788/24,0)+1,1))-1)+IF('Standard Profiles'!$G$21=$B$10,7,0)+IF('Standard Profiles'!$G$21=$B$17,14,0)+IF('Standard Profiles'!$G$21=$B$24,21,0),0)),0)</f>
        <v>0.20827295906417093</v>
      </c>
      <c r="H5788" cm="1">
        <f t="array" ref="H5788">IFERROR(INDEX(Jesper!AL$2:AL$366,ROUNDDOWN($C5788/24,0)+1,1)*INDEX($D$3:$AA$30,INDEX(Jesper!$R$2:$R$366,ROW(INDEX(Jesper!AL$2:AL$366,ROUNDDOWN($C5788/24,0)+1,1))-1)+IF('Standard Profiles'!$G$22=$B$10,7,0)+IF('Standard Profiles'!$G$22=$B$17,14,0)+IF('Standard Profiles'!$G$22=$B$24,21,0),MOD($C5788,24)+1)/SUM(INDEX($D$3:$AA$30,INDEX(Jesper!$R$2:$R$366,ROW(INDEX(Jesper!AL$2:AL$366,ROUNDDOWN($C5788/24,0)+1,1))-1)+IF('Standard Profiles'!$G$22=$B$10,7,0)+IF('Standard Profiles'!$G$22=$B$17,14,0)+IF('Standard Profiles'!$G$22=$B$24,21,0),0)),0)</f>
        <v>0</v>
      </c>
      <c r="I5788">
        <f t="shared" si="643"/>
        <v>9.9971020350801992E-2</v>
      </c>
      <c r="J5788">
        <f t="shared" si="644"/>
        <v>6.8976284749607686</v>
      </c>
      <c r="K5788">
        <f t="shared" si="645"/>
        <v>0.57377545451627732</v>
      </c>
      <c r="L5788">
        <f t="shared" si="646"/>
        <v>0.28688772725813866</v>
      </c>
      <c r="M5788">
        <f t="shared" si="647"/>
        <v>0</v>
      </c>
      <c r="N5788" s="45">
        <f t="shared" si="648"/>
        <v>45166.749999986045</v>
      </c>
    </row>
    <row r="5789" spans="2:14" x14ac:dyDescent="0.25">
      <c r="B5789">
        <f t="shared" si="642"/>
        <v>1</v>
      </c>
      <c r="C5789" s="16">
        <v>5755</v>
      </c>
      <c r="D5789" cm="1">
        <f t="array" ref="D5789">IFERROR(INDEX(Jesper!AH$2:AH$366,ROUNDDOWN($C5789/24,0)+1,1)*INDEX($D$3:$AA$30,INDEX(Jesper!$R$2:$R$366,ROW(INDEX(Jesper!AH$2:AH$366,ROUNDDOWN($C5789/24,0)+1,1))-1)+IF('Standard Profiles'!$G$18=$B$10,7,0)+IF('Standard Profiles'!$G$18=$B$17,14,0)+IF('Standard Profiles'!$G$18=$B$24,21,0),MOD($C5789,24)+1)/SUM(INDEX($D$3:$AA$30,INDEX(Jesper!$R$2:$R$366,ROW(INDEX(Jesper!AH$2:AH$366,ROUNDDOWN($C5789/24,0)+1,1))-1)+IF('Standard Profiles'!$G$18=$B$10,7,0)+IF('Standard Profiles'!$G$18=$B$17,14,0)+IF('Standard Profiles'!$G$18=$B$24,21,0),0)),0)</f>
        <v>5.3791448860900992</v>
      </c>
      <c r="E5789" cm="1">
        <f t="array" ref="E5789">IFERROR(INDEX(Jesper!AI$2:AI$366,ROUNDDOWN($C5789/24,0)+1,1)*INDEX($D$3:$AA$30,INDEX(Jesper!$R$2:$R$366,ROW(INDEX(Jesper!AI$2:AI$366,ROUNDDOWN($C5789/24,0)+1,1))-1)+IF('Standard Profiles'!$G$19=$B$10,7,0)+IF('Standard Profiles'!$G$19=$B$17,14,0)+IF('Standard Profiles'!$G$19=$B$24,21,0),MOD($C5789,24)+1)/SUM(INDEX($D$3:$AA$30,INDEX(Jesper!$R$2:$R$366,ROW(INDEX(Jesper!AI$2:AI$366,ROUNDDOWN($C5789/24,0)+1,1))-1)+IF('Standard Profiles'!$G$19=$B$10,7,0)+IF('Standard Profiles'!$G$19=$B$17,14,0)+IF('Standard Profiles'!$G$19=$B$24,21,0),0)),0)</f>
        <v>2.2708448319317158</v>
      </c>
      <c r="F5789" cm="1">
        <f t="array" ref="F5789">IFERROR(INDEX(Jesper!AJ$2:AJ$366,ROUNDDOWN($C5789/24,0)+1,1)*INDEX($D$3:$AA$30,INDEX(Jesper!$R$2:$R$366,ROW(INDEX(Jesper!AJ$2:AJ$366,ROUNDDOWN($C5789/24,0)+1,1))-1)+IF('Standard Profiles'!$G$20=$B$10,7,0)+IF('Standard Profiles'!$G$20=$B$17,14,0)+IF('Standard Profiles'!$G$20=$B$24,21,0),MOD($C5789,24)+1)/SUM(INDEX($D$3:$AA$30,INDEX(Jesper!$R$2:$R$366,ROW(INDEX(Jesper!AJ$2:AJ$366,ROUNDDOWN($C5789/24,0)+1,1))-1)+IF('Standard Profiles'!$G$20=$B$10,7,0)+IF('Standard Profiles'!$G$20=$B$17,14,0)+IF('Standard Profiles'!$G$20=$B$24,21,0),0)),0)</f>
        <v>0</v>
      </c>
      <c r="G5789" cm="1">
        <f t="array" ref="G5789">IFERROR(INDEX(Jesper!AK$2:AK$366,ROUNDDOWN($C5789/24,0)+1,1)*INDEX($D$3:$AA$30,INDEX(Jesper!$R$2:$R$366,ROW(INDEX(Jesper!AK$2:AK$366,ROUNDDOWN($C5789/24,0)+1,1))-1)+IF('Standard Profiles'!$G$21=$B$10,7,0)+IF('Standard Profiles'!$G$21=$B$17,14,0)+IF('Standard Profiles'!$G$21=$B$24,21,0),MOD($C5789,24)+1)/SUM(INDEX($D$3:$AA$30,INDEX(Jesper!$R$2:$R$366,ROW(INDEX(Jesper!AK$2:AK$366,ROUNDDOWN($C5789/24,0)+1,1))-1)+IF('Standard Profiles'!$G$21=$B$10,7,0)+IF('Standard Profiles'!$G$21=$B$17,14,0)+IF('Standard Profiles'!$G$21=$B$24,21,0),0)),0)</f>
        <v>0.20827295906417093</v>
      </c>
      <c r="H5789" cm="1">
        <f t="array" ref="H5789">IFERROR(INDEX(Jesper!AL$2:AL$366,ROUNDDOWN($C5789/24,0)+1,1)*INDEX($D$3:$AA$30,INDEX(Jesper!$R$2:$R$366,ROW(INDEX(Jesper!AL$2:AL$366,ROUNDDOWN($C5789/24,0)+1,1))-1)+IF('Standard Profiles'!$G$22=$B$10,7,0)+IF('Standard Profiles'!$G$22=$B$17,14,0)+IF('Standard Profiles'!$G$22=$B$24,21,0),MOD($C5789,24)+1)/SUM(INDEX($D$3:$AA$30,INDEX(Jesper!$R$2:$R$366,ROW(INDEX(Jesper!AL$2:AL$366,ROUNDDOWN($C5789/24,0)+1,1))-1)+IF('Standard Profiles'!$G$22=$B$10,7,0)+IF('Standard Profiles'!$G$22=$B$17,14,0)+IF('Standard Profiles'!$G$22=$B$24,21,0),0)),0)</f>
        <v>0</v>
      </c>
      <c r="I5789">
        <f t="shared" si="643"/>
        <v>9.9971020350801992E-2</v>
      </c>
      <c r="J5789">
        <f t="shared" si="644"/>
        <v>6.8976284749607686</v>
      </c>
      <c r="K5789">
        <f t="shared" si="645"/>
        <v>0.57377545451627732</v>
      </c>
      <c r="L5789">
        <f t="shared" si="646"/>
        <v>0.28688772725813866</v>
      </c>
      <c r="M5789">
        <f t="shared" si="647"/>
        <v>0</v>
      </c>
      <c r="N5789" s="45">
        <f t="shared" si="648"/>
        <v>45166.791666652709</v>
      </c>
    </row>
    <row r="5790" spans="2:14" x14ac:dyDescent="0.25">
      <c r="B5790">
        <f t="shared" si="642"/>
        <v>1</v>
      </c>
      <c r="C5790" s="16">
        <v>5756</v>
      </c>
      <c r="D5790" cm="1">
        <f t="array" ref="D5790">IFERROR(INDEX(Jesper!AH$2:AH$366,ROUNDDOWN($C5790/24,0)+1,1)*INDEX($D$3:$AA$30,INDEX(Jesper!$R$2:$R$366,ROW(INDEX(Jesper!AH$2:AH$366,ROUNDDOWN($C5790/24,0)+1,1))-1)+IF('Standard Profiles'!$G$18=$B$10,7,0)+IF('Standard Profiles'!$G$18=$B$17,14,0)+IF('Standard Profiles'!$G$18=$B$24,21,0),MOD($C5790,24)+1)/SUM(INDEX($D$3:$AA$30,INDEX(Jesper!$R$2:$R$366,ROW(INDEX(Jesper!AH$2:AH$366,ROUNDDOWN($C5790/24,0)+1,1))-1)+IF('Standard Profiles'!$G$18=$B$10,7,0)+IF('Standard Profiles'!$G$18=$B$17,14,0)+IF('Standard Profiles'!$G$18=$B$24,21,0),0)),0)</f>
        <v>5.3791448860900992</v>
      </c>
      <c r="E5790" cm="1">
        <f t="array" ref="E5790">IFERROR(INDEX(Jesper!AI$2:AI$366,ROUNDDOWN($C5790/24,0)+1,1)*INDEX($D$3:$AA$30,INDEX(Jesper!$R$2:$R$366,ROW(INDEX(Jesper!AI$2:AI$366,ROUNDDOWN($C5790/24,0)+1,1))-1)+IF('Standard Profiles'!$G$19=$B$10,7,0)+IF('Standard Profiles'!$G$19=$B$17,14,0)+IF('Standard Profiles'!$G$19=$B$24,21,0),MOD($C5790,24)+1)/SUM(INDEX($D$3:$AA$30,INDEX(Jesper!$R$2:$R$366,ROW(INDEX(Jesper!AI$2:AI$366,ROUNDDOWN($C5790/24,0)+1,1))-1)+IF('Standard Profiles'!$G$19=$B$10,7,0)+IF('Standard Profiles'!$G$19=$B$17,14,0)+IF('Standard Profiles'!$G$19=$B$24,21,0),0)),0)</f>
        <v>2.2708448319317158</v>
      </c>
      <c r="F5790" cm="1">
        <f t="array" ref="F5790">IFERROR(INDEX(Jesper!AJ$2:AJ$366,ROUNDDOWN($C5790/24,0)+1,1)*INDEX($D$3:$AA$30,INDEX(Jesper!$R$2:$R$366,ROW(INDEX(Jesper!AJ$2:AJ$366,ROUNDDOWN($C5790/24,0)+1,1))-1)+IF('Standard Profiles'!$G$20=$B$10,7,0)+IF('Standard Profiles'!$G$20=$B$17,14,0)+IF('Standard Profiles'!$G$20=$B$24,21,0),MOD($C5790,24)+1)/SUM(INDEX($D$3:$AA$30,INDEX(Jesper!$R$2:$R$366,ROW(INDEX(Jesper!AJ$2:AJ$366,ROUNDDOWN($C5790/24,0)+1,1))-1)+IF('Standard Profiles'!$G$20=$B$10,7,0)+IF('Standard Profiles'!$G$20=$B$17,14,0)+IF('Standard Profiles'!$G$20=$B$24,21,0),0)),0)</f>
        <v>0</v>
      </c>
      <c r="G5790" cm="1">
        <f t="array" ref="G5790">IFERROR(INDEX(Jesper!AK$2:AK$366,ROUNDDOWN($C5790/24,0)+1,1)*INDEX($D$3:$AA$30,INDEX(Jesper!$R$2:$R$366,ROW(INDEX(Jesper!AK$2:AK$366,ROUNDDOWN($C5790/24,0)+1,1))-1)+IF('Standard Profiles'!$G$21=$B$10,7,0)+IF('Standard Profiles'!$G$21=$B$17,14,0)+IF('Standard Profiles'!$G$21=$B$24,21,0),MOD($C5790,24)+1)/SUM(INDEX($D$3:$AA$30,INDEX(Jesper!$R$2:$R$366,ROW(INDEX(Jesper!AK$2:AK$366,ROUNDDOWN($C5790/24,0)+1,1))-1)+IF('Standard Profiles'!$G$21=$B$10,7,0)+IF('Standard Profiles'!$G$21=$B$17,14,0)+IF('Standard Profiles'!$G$21=$B$24,21,0),0)),0)</f>
        <v>0.20827295906417093</v>
      </c>
      <c r="H5790" cm="1">
        <f t="array" ref="H5790">IFERROR(INDEX(Jesper!AL$2:AL$366,ROUNDDOWN($C5790/24,0)+1,1)*INDEX($D$3:$AA$30,INDEX(Jesper!$R$2:$R$366,ROW(INDEX(Jesper!AL$2:AL$366,ROUNDDOWN($C5790/24,0)+1,1))-1)+IF('Standard Profiles'!$G$22=$B$10,7,0)+IF('Standard Profiles'!$G$22=$B$17,14,0)+IF('Standard Profiles'!$G$22=$B$24,21,0),MOD($C5790,24)+1)/SUM(INDEX($D$3:$AA$30,INDEX(Jesper!$R$2:$R$366,ROW(INDEX(Jesper!AL$2:AL$366,ROUNDDOWN($C5790/24,0)+1,1))-1)+IF('Standard Profiles'!$G$22=$B$10,7,0)+IF('Standard Profiles'!$G$22=$B$17,14,0)+IF('Standard Profiles'!$G$22=$B$24,21,0),0)),0)</f>
        <v>0</v>
      </c>
      <c r="I5790">
        <f t="shared" si="643"/>
        <v>9.9971020350801992E-2</v>
      </c>
      <c r="J5790">
        <f t="shared" si="644"/>
        <v>6.8976284749607686</v>
      </c>
      <c r="K5790">
        <f t="shared" si="645"/>
        <v>0.57377545451627732</v>
      </c>
      <c r="L5790">
        <f t="shared" si="646"/>
        <v>0.28688772725813866</v>
      </c>
      <c r="M5790">
        <f t="shared" si="647"/>
        <v>0</v>
      </c>
      <c r="N5790" s="45">
        <f t="shared" si="648"/>
        <v>45166.833333319373</v>
      </c>
    </row>
    <row r="5791" spans="2:14" x14ac:dyDescent="0.25">
      <c r="B5791">
        <f t="shared" si="642"/>
        <v>1</v>
      </c>
      <c r="C5791" s="16">
        <v>5757</v>
      </c>
      <c r="D5791" cm="1">
        <f t="array" ref="D5791">IFERROR(INDEX(Jesper!AH$2:AH$366,ROUNDDOWN($C5791/24,0)+1,1)*INDEX($D$3:$AA$30,INDEX(Jesper!$R$2:$R$366,ROW(INDEX(Jesper!AH$2:AH$366,ROUNDDOWN($C5791/24,0)+1,1))-1)+IF('Standard Profiles'!$G$18=$B$10,7,0)+IF('Standard Profiles'!$G$18=$B$17,14,0)+IF('Standard Profiles'!$G$18=$B$24,21,0),MOD($C5791,24)+1)/SUM(INDEX($D$3:$AA$30,INDEX(Jesper!$R$2:$R$366,ROW(INDEX(Jesper!AH$2:AH$366,ROUNDDOWN($C5791/24,0)+1,1))-1)+IF('Standard Profiles'!$G$18=$B$10,7,0)+IF('Standard Profiles'!$G$18=$B$17,14,0)+IF('Standard Profiles'!$G$18=$B$24,21,0),0)),0)</f>
        <v>5.3791448860900992</v>
      </c>
      <c r="E5791" cm="1">
        <f t="array" ref="E5791">IFERROR(INDEX(Jesper!AI$2:AI$366,ROUNDDOWN($C5791/24,0)+1,1)*INDEX($D$3:$AA$30,INDEX(Jesper!$R$2:$R$366,ROW(INDEX(Jesper!AI$2:AI$366,ROUNDDOWN($C5791/24,0)+1,1))-1)+IF('Standard Profiles'!$G$19=$B$10,7,0)+IF('Standard Profiles'!$G$19=$B$17,14,0)+IF('Standard Profiles'!$G$19=$B$24,21,0),MOD($C5791,24)+1)/SUM(INDEX($D$3:$AA$30,INDEX(Jesper!$R$2:$R$366,ROW(INDEX(Jesper!AI$2:AI$366,ROUNDDOWN($C5791/24,0)+1,1))-1)+IF('Standard Profiles'!$G$19=$B$10,7,0)+IF('Standard Profiles'!$G$19=$B$17,14,0)+IF('Standard Profiles'!$G$19=$B$24,21,0),0)),0)</f>
        <v>2.2708448319317158</v>
      </c>
      <c r="F5791" cm="1">
        <f t="array" ref="F5791">IFERROR(INDEX(Jesper!AJ$2:AJ$366,ROUNDDOWN($C5791/24,0)+1,1)*INDEX($D$3:$AA$30,INDEX(Jesper!$R$2:$R$366,ROW(INDEX(Jesper!AJ$2:AJ$366,ROUNDDOWN($C5791/24,0)+1,1))-1)+IF('Standard Profiles'!$G$20=$B$10,7,0)+IF('Standard Profiles'!$G$20=$B$17,14,0)+IF('Standard Profiles'!$G$20=$B$24,21,0),MOD($C5791,24)+1)/SUM(INDEX($D$3:$AA$30,INDEX(Jesper!$R$2:$R$366,ROW(INDEX(Jesper!AJ$2:AJ$366,ROUNDDOWN($C5791/24,0)+1,1))-1)+IF('Standard Profiles'!$G$20=$B$10,7,0)+IF('Standard Profiles'!$G$20=$B$17,14,0)+IF('Standard Profiles'!$G$20=$B$24,21,0),0)),0)</f>
        <v>0</v>
      </c>
      <c r="G5791" cm="1">
        <f t="array" ref="G5791">IFERROR(INDEX(Jesper!AK$2:AK$366,ROUNDDOWN($C5791/24,0)+1,1)*INDEX($D$3:$AA$30,INDEX(Jesper!$R$2:$R$366,ROW(INDEX(Jesper!AK$2:AK$366,ROUNDDOWN($C5791/24,0)+1,1))-1)+IF('Standard Profiles'!$G$21=$B$10,7,0)+IF('Standard Profiles'!$G$21=$B$17,14,0)+IF('Standard Profiles'!$G$21=$B$24,21,0),MOD($C5791,24)+1)/SUM(INDEX($D$3:$AA$30,INDEX(Jesper!$R$2:$R$366,ROW(INDEX(Jesper!AK$2:AK$366,ROUNDDOWN($C5791/24,0)+1,1))-1)+IF('Standard Profiles'!$G$21=$B$10,7,0)+IF('Standard Profiles'!$G$21=$B$17,14,0)+IF('Standard Profiles'!$G$21=$B$24,21,0),0)),0)</f>
        <v>0.20827295906417093</v>
      </c>
      <c r="H5791" cm="1">
        <f t="array" ref="H5791">IFERROR(INDEX(Jesper!AL$2:AL$366,ROUNDDOWN($C5791/24,0)+1,1)*INDEX($D$3:$AA$30,INDEX(Jesper!$R$2:$R$366,ROW(INDEX(Jesper!AL$2:AL$366,ROUNDDOWN($C5791/24,0)+1,1))-1)+IF('Standard Profiles'!$G$22=$B$10,7,0)+IF('Standard Profiles'!$G$22=$B$17,14,0)+IF('Standard Profiles'!$G$22=$B$24,21,0),MOD($C5791,24)+1)/SUM(INDEX($D$3:$AA$30,INDEX(Jesper!$R$2:$R$366,ROW(INDEX(Jesper!AL$2:AL$366,ROUNDDOWN($C5791/24,0)+1,1))-1)+IF('Standard Profiles'!$G$22=$B$10,7,0)+IF('Standard Profiles'!$G$22=$B$17,14,0)+IF('Standard Profiles'!$G$22=$B$24,21,0),0)),0)</f>
        <v>0</v>
      </c>
      <c r="I5791">
        <f t="shared" si="643"/>
        <v>9.9971020350801992E-2</v>
      </c>
      <c r="J5791">
        <f t="shared" si="644"/>
        <v>6.8976284749607686</v>
      </c>
      <c r="K5791">
        <f t="shared" si="645"/>
        <v>0.57377545451627732</v>
      </c>
      <c r="L5791">
        <f t="shared" si="646"/>
        <v>0.28688772725813866</v>
      </c>
      <c r="M5791">
        <f t="shared" si="647"/>
        <v>0</v>
      </c>
      <c r="N5791" s="45">
        <f t="shared" si="648"/>
        <v>45166.874999986037</v>
      </c>
    </row>
    <row r="5792" spans="2:14" x14ac:dyDescent="0.25">
      <c r="B5792">
        <f t="shared" si="642"/>
        <v>1</v>
      </c>
      <c r="C5792" s="16">
        <v>5758</v>
      </c>
      <c r="D5792" cm="1">
        <f t="array" ref="D5792">IFERROR(INDEX(Jesper!AH$2:AH$366,ROUNDDOWN($C5792/24,0)+1,1)*INDEX($D$3:$AA$30,INDEX(Jesper!$R$2:$R$366,ROW(INDEX(Jesper!AH$2:AH$366,ROUNDDOWN($C5792/24,0)+1,1))-1)+IF('Standard Profiles'!$G$18=$B$10,7,0)+IF('Standard Profiles'!$G$18=$B$17,14,0)+IF('Standard Profiles'!$G$18=$B$24,21,0),MOD($C5792,24)+1)/SUM(INDEX($D$3:$AA$30,INDEX(Jesper!$R$2:$R$366,ROW(INDEX(Jesper!AH$2:AH$366,ROUNDDOWN($C5792/24,0)+1,1))-1)+IF('Standard Profiles'!$G$18=$B$10,7,0)+IF('Standard Profiles'!$G$18=$B$17,14,0)+IF('Standard Profiles'!$G$18=$B$24,21,0),0)),0)</f>
        <v>5.3791448860900992</v>
      </c>
      <c r="E5792" cm="1">
        <f t="array" ref="E5792">IFERROR(INDEX(Jesper!AI$2:AI$366,ROUNDDOWN($C5792/24,0)+1,1)*INDEX($D$3:$AA$30,INDEX(Jesper!$R$2:$R$366,ROW(INDEX(Jesper!AI$2:AI$366,ROUNDDOWN($C5792/24,0)+1,1))-1)+IF('Standard Profiles'!$G$19=$B$10,7,0)+IF('Standard Profiles'!$G$19=$B$17,14,0)+IF('Standard Profiles'!$G$19=$B$24,21,0),MOD($C5792,24)+1)/SUM(INDEX($D$3:$AA$30,INDEX(Jesper!$R$2:$R$366,ROW(INDEX(Jesper!AI$2:AI$366,ROUNDDOWN($C5792/24,0)+1,1))-1)+IF('Standard Profiles'!$G$19=$B$10,7,0)+IF('Standard Profiles'!$G$19=$B$17,14,0)+IF('Standard Profiles'!$G$19=$B$24,21,0),0)),0)</f>
        <v>2.2708448319317158</v>
      </c>
      <c r="F5792" cm="1">
        <f t="array" ref="F5792">IFERROR(INDEX(Jesper!AJ$2:AJ$366,ROUNDDOWN($C5792/24,0)+1,1)*INDEX($D$3:$AA$30,INDEX(Jesper!$R$2:$R$366,ROW(INDEX(Jesper!AJ$2:AJ$366,ROUNDDOWN($C5792/24,0)+1,1))-1)+IF('Standard Profiles'!$G$20=$B$10,7,0)+IF('Standard Profiles'!$G$20=$B$17,14,0)+IF('Standard Profiles'!$G$20=$B$24,21,0),MOD($C5792,24)+1)/SUM(INDEX($D$3:$AA$30,INDEX(Jesper!$R$2:$R$366,ROW(INDEX(Jesper!AJ$2:AJ$366,ROUNDDOWN($C5792/24,0)+1,1))-1)+IF('Standard Profiles'!$G$20=$B$10,7,0)+IF('Standard Profiles'!$G$20=$B$17,14,0)+IF('Standard Profiles'!$G$20=$B$24,21,0),0)),0)</f>
        <v>0</v>
      </c>
      <c r="G5792" cm="1">
        <f t="array" ref="G5792">IFERROR(INDEX(Jesper!AK$2:AK$366,ROUNDDOWN($C5792/24,0)+1,1)*INDEX($D$3:$AA$30,INDEX(Jesper!$R$2:$R$366,ROW(INDEX(Jesper!AK$2:AK$366,ROUNDDOWN($C5792/24,0)+1,1))-1)+IF('Standard Profiles'!$G$21=$B$10,7,0)+IF('Standard Profiles'!$G$21=$B$17,14,0)+IF('Standard Profiles'!$G$21=$B$24,21,0),MOD($C5792,24)+1)/SUM(INDEX($D$3:$AA$30,INDEX(Jesper!$R$2:$R$366,ROW(INDEX(Jesper!AK$2:AK$366,ROUNDDOWN($C5792/24,0)+1,1))-1)+IF('Standard Profiles'!$G$21=$B$10,7,0)+IF('Standard Profiles'!$G$21=$B$17,14,0)+IF('Standard Profiles'!$G$21=$B$24,21,0),0)),0)</f>
        <v>0.20827295906417093</v>
      </c>
      <c r="H5792" cm="1">
        <f t="array" ref="H5792">IFERROR(INDEX(Jesper!AL$2:AL$366,ROUNDDOWN($C5792/24,0)+1,1)*INDEX($D$3:$AA$30,INDEX(Jesper!$R$2:$R$366,ROW(INDEX(Jesper!AL$2:AL$366,ROUNDDOWN($C5792/24,0)+1,1))-1)+IF('Standard Profiles'!$G$22=$B$10,7,0)+IF('Standard Profiles'!$G$22=$B$17,14,0)+IF('Standard Profiles'!$G$22=$B$24,21,0),MOD($C5792,24)+1)/SUM(INDEX($D$3:$AA$30,INDEX(Jesper!$R$2:$R$366,ROW(INDEX(Jesper!AL$2:AL$366,ROUNDDOWN($C5792/24,0)+1,1))-1)+IF('Standard Profiles'!$G$22=$B$10,7,0)+IF('Standard Profiles'!$G$22=$B$17,14,0)+IF('Standard Profiles'!$G$22=$B$24,21,0),0)),0)</f>
        <v>0</v>
      </c>
      <c r="I5792">
        <f t="shared" si="643"/>
        <v>9.9971020350801992E-2</v>
      </c>
      <c r="J5792">
        <f t="shared" si="644"/>
        <v>6.8976284749607686</v>
      </c>
      <c r="K5792">
        <f t="shared" si="645"/>
        <v>0.57377545451627732</v>
      </c>
      <c r="L5792">
        <f t="shared" si="646"/>
        <v>0.28688772725813866</v>
      </c>
      <c r="M5792">
        <f t="shared" si="647"/>
        <v>0</v>
      </c>
      <c r="N5792" s="45">
        <f t="shared" si="648"/>
        <v>45166.916666652702</v>
      </c>
    </row>
    <row r="5793" spans="2:14" x14ac:dyDescent="0.25">
      <c r="B5793">
        <f t="shared" si="642"/>
        <v>1</v>
      </c>
      <c r="C5793" s="16">
        <v>5759</v>
      </c>
      <c r="D5793" cm="1">
        <f t="array" ref="D5793">IFERROR(INDEX(Jesper!AH$2:AH$366,ROUNDDOWN($C5793/24,0)+1,1)*INDEX($D$3:$AA$30,INDEX(Jesper!$R$2:$R$366,ROW(INDEX(Jesper!AH$2:AH$366,ROUNDDOWN($C5793/24,0)+1,1))-1)+IF('Standard Profiles'!$G$18=$B$10,7,0)+IF('Standard Profiles'!$G$18=$B$17,14,0)+IF('Standard Profiles'!$G$18=$B$24,21,0),MOD($C5793,24)+1)/SUM(INDEX($D$3:$AA$30,INDEX(Jesper!$R$2:$R$366,ROW(INDEX(Jesper!AH$2:AH$366,ROUNDDOWN($C5793/24,0)+1,1))-1)+IF('Standard Profiles'!$G$18=$B$10,7,0)+IF('Standard Profiles'!$G$18=$B$17,14,0)+IF('Standard Profiles'!$G$18=$B$24,21,0),0)),0)</f>
        <v>5.3791448860900992</v>
      </c>
      <c r="E5793" cm="1">
        <f t="array" ref="E5793">IFERROR(INDEX(Jesper!AI$2:AI$366,ROUNDDOWN($C5793/24,0)+1,1)*INDEX($D$3:$AA$30,INDEX(Jesper!$R$2:$R$366,ROW(INDEX(Jesper!AI$2:AI$366,ROUNDDOWN($C5793/24,0)+1,1))-1)+IF('Standard Profiles'!$G$19=$B$10,7,0)+IF('Standard Profiles'!$G$19=$B$17,14,0)+IF('Standard Profiles'!$G$19=$B$24,21,0),MOD($C5793,24)+1)/SUM(INDEX($D$3:$AA$30,INDEX(Jesper!$R$2:$R$366,ROW(INDEX(Jesper!AI$2:AI$366,ROUNDDOWN($C5793/24,0)+1,1))-1)+IF('Standard Profiles'!$G$19=$B$10,7,0)+IF('Standard Profiles'!$G$19=$B$17,14,0)+IF('Standard Profiles'!$G$19=$B$24,21,0),0)),0)</f>
        <v>2.2708448319317158</v>
      </c>
      <c r="F5793" cm="1">
        <f t="array" ref="F5793">IFERROR(INDEX(Jesper!AJ$2:AJ$366,ROUNDDOWN($C5793/24,0)+1,1)*INDEX($D$3:$AA$30,INDEX(Jesper!$R$2:$R$366,ROW(INDEX(Jesper!AJ$2:AJ$366,ROUNDDOWN($C5793/24,0)+1,1))-1)+IF('Standard Profiles'!$G$20=$B$10,7,0)+IF('Standard Profiles'!$G$20=$B$17,14,0)+IF('Standard Profiles'!$G$20=$B$24,21,0),MOD($C5793,24)+1)/SUM(INDEX($D$3:$AA$30,INDEX(Jesper!$R$2:$R$366,ROW(INDEX(Jesper!AJ$2:AJ$366,ROUNDDOWN($C5793/24,0)+1,1))-1)+IF('Standard Profiles'!$G$20=$B$10,7,0)+IF('Standard Profiles'!$G$20=$B$17,14,0)+IF('Standard Profiles'!$G$20=$B$24,21,0),0)),0)</f>
        <v>0</v>
      </c>
      <c r="G5793" cm="1">
        <f t="array" ref="G5793">IFERROR(INDEX(Jesper!AK$2:AK$366,ROUNDDOWN($C5793/24,0)+1,1)*INDEX($D$3:$AA$30,INDEX(Jesper!$R$2:$R$366,ROW(INDEX(Jesper!AK$2:AK$366,ROUNDDOWN($C5793/24,0)+1,1))-1)+IF('Standard Profiles'!$G$21=$B$10,7,0)+IF('Standard Profiles'!$G$21=$B$17,14,0)+IF('Standard Profiles'!$G$21=$B$24,21,0),MOD($C5793,24)+1)/SUM(INDEX($D$3:$AA$30,INDEX(Jesper!$R$2:$R$366,ROW(INDEX(Jesper!AK$2:AK$366,ROUNDDOWN($C5793/24,0)+1,1))-1)+IF('Standard Profiles'!$G$21=$B$10,7,0)+IF('Standard Profiles'!$G$21=$B$17,14,0)+IF('Standard Profiles'!$G$21=$B$24,21,0),0)),0)</f>
        <v>0.20827295906417093</v>
      </c>
      <c r="H5793" cm="1">
        <f t="array" ref="H5793">IFERROR(INDEX(Jesper!AL$2:AL$366,ROUNDDOWN($C5793/24,0)+1,1)*INDEX($D$3:$AA$30,INDEX(Jesper!$R$2:$R$366,ROW(INDEX(Jesper!AL$2:AL$366,ROUNDDOWN($C5793/24,0)+1,1))-1)+IF('Standard Profiles'!$G$22=$B$10,7,0)+IF('Standard Profiles'!$G$22=$B$17,14,0)+IF('Standard Profiles'!$G$22=$B$24,21,0),MOD($C5793,24)+1)/SUM(INDEX($D$3:$AA$30,INDEX(Jesper!$R$2:$R$366,ROW(INDEX(Jesper!AL$2:AL$366,ROUNDDOWN($C5793/24,0)+1,1))-1)+IF('Standard Profiles'!$G$22=$B$10,7,0)+IF('Standard Profiles'!$G$22=$B$17,14,0)+IF('Standard Profiles'!$G$22=$B$24,21,0),0)),0)</f>
        <v>0</v>
      </c>
      <c r="I5793">
        <f t="shared" si="643"/>
        <v>9.9971020350801992E-2</v>
      </c>
      <c r="J5793">
        <f t="shared" si="644"/>
        <v>6.8976284749607686</v>
      </c>
      <c r="K5793">
        <f t="shared" si="645"/>
        <v>0.57377545451627732</v>
      </c>
      <c r="L5793">
        <f t="shared" si="646"/>
        <v>0.28688772725813866</v>
      </c>
      <c r="M5793">
        <f t="shared" si="647"/>
        <v>0</v>
      </c>
      <c r="N5793" s="45">
        <f t="shared" si="648"/>
        <v>45166.958333319366</v>
      </c>
    </row>
    <row r="5794" spans="2:14" x14ac:dyDescent="0.25">
      <c r="B5794">
        <f t="shared" si="642"/>
        <v>2</v>
      </c>
      <c r="C5794" s="16">
        <v>5760</v>
      </c>
      <c r="D5794" cm="1">
        <f t="array" ref="D5794">IFERROR(INDEX(Jesper!AH$2:AH$366,ROUNDDOWN($C5794/24,0)+1,1)*INDEX($D$3:$AA$30,INDEX(Jesper!$R$2:$R$366,ROW(INDEX(Jesper!AH$2:AH$366,ROUNDDOWN($C5794/24,0)+1,1))-1)+IF('Standard Profiles'!$G$18=$B$10,7,0)+IF('Standard Profiles'!$G$18=$B$17,14,0)+IF('Standard Profiles'!$G$18=$B$24,21,0),MOD($C5794,24)+1)/SUM(INDEX($D$3:$AA$30,INDEX(Jesper!$R$2:$R$366,ROW(INDEX(Jesper!AH$2:AH$366,ROUNDDOWN($C5794/24,0)+1,1))-1)+IF('Standard Profiles'!$G$18=$B$10,7,0)+IF('Standard Profiles'!$G$18=$B$17,14,0)+IF('Standard Profiles'!$G$18=$B$24,21,0),0)),0)</f>
        <v>3.5178378516812141</v>
      </c>
      <c r="E5794" cm="1">
        <f t="array" ref="E5794">IFERROR(INDEX(Jesper!AI$2:AI$366,ROUNDDOWN($C5794/24,0)+1,1)*INDEX($D$3:$AA$30,INDEX(Jesper!$R$2:$R$366,ROW(INDEX(Jesper!AI$2:AI$366,ROUNDDOWN($C5794/24,0)+1,1))-1)+IF('Standard Profiles'!$G$19=$B$10,7,0)+IF('Standard Profiles'!$G$19=$B$17,14,0)+IF('Standard Profiles'!$G$19=$B$24,21,0),MOD($C5794,24)+1)/SUM(INDEX($D$3:$AA$30,INDEX(Jesper!$R$2:$R$366,ROW(INDEX(Jesper!AI$2:AI$366,ROUNDDOWN($C5794/24,0)+1,1))-1)+IF('Standard Profiles'!$G$19=$B$10,7,0)+IF('Standard Profiles'!$G$19=$B$17,14,0)+IF('Standard Profiles'!$G$19=$B$24,21,0),0)),0)</f>
        <v>1.6176828504865404</v>
      </c>
      <c r="F5794" cm="1">
        <f t="array" ref="F5794">IFERROR(INDEX(Jesper!AJ$2:AJ$366,ROUNDDOWN($C5794/24,0)+1,1)*INDEX($D$3:$AA$30,INDEX(Jesper!$R$2:$R$366,ROW(INDEX(Jesper!AJ$2:AJ$366,ROUNDDOWN($C5794/24,0)+1,1))-1)+IF('Standard Profiles'!$G$20=$B$10,7,0)+IF('Standard Profiles'!$G$20=$B$17,14,0)+IF('Standard Profiles'!$G$20=$B$24,21,0),MOD($C5794,24)+1)/SUM(INDEX($D$3:$AA$30,INDEX(Jesper!$R$2:$R$366,ROW(INDEX(Jesper!AJ$2:AJ$366,ROUNDDOWN($C5794/24,0)+1,1))-1)+IF('Standard Profiles'!$G$20=$B$10,7,0)+IF('Standard Profiles'!$G$20=$B$17,14,0)+IF('Standard Profiles'!$G$20=$B$24,21,0),0)),0)</f>
        <v>0</v>
      </c>
      <c r="G5794" cm="1">
        <f t="array" ref="G5794">IFERROR(INDEX(Jesper!AK$2:AK$366,ROUNDDOWN($C5794/24,0)+1,1)*INDEX($D$3:$AA$30,INDEX(Jesper!$R$2:$R$366,ROW(INDEX(Jesper!AK$2:AK$366,ROUNDDOWN($C5794/24,0)+1,1))-1)+IF('Standard Profiles'!$G$21=$B$10,7,0)+IF('Standard Profiles'!$G$21=$B$17,14,0)+IF('Standard Profiles'!$G$21=$B$24,21,0),MOD($C5794,24)+1)/SUM(INDEX($D$3:$AA$30,INDEX(Jesper!$R$2:$R$366,ROW(INDEX(Jesper!AK$2:AK$366,ROUNDDOWN($C5794/24,0)+1,1))-1)+IF('Standard Profiles'!$G$21=$B$10,7,0)+IF('Standard Profiles'!$G$21=$B$17,14,0)+IF('Standard Profiles'!$G$21=$B$24,21,0),0)),0)</f>
        <v>0.55243224679198832</v>
      </c>
      <c r="H5794" cm="1">
        <f t="array" ref="H5794">IFERROR(INDEX(Jesper!AL$2:AL$366,ROUNDDOWN($C5794/24,0)+1,1)*INDEX($D$3:$AA$30,INDEX(Jesper!$R$2:$R$366,ROW(INDEX(Jesper!AL$2:AL$366,ROUNDDOWN($C5794/24,0)+1,1))-1)+IF('Standard Profiles'!$G$22=$B$10,7,0)+IF('Standard Profiles'!$G$22=$B$17,14,0)+IF('Standard Profiles'!$G$22=$B$24,21,0),MOD($C5794,24)+1)/SUM(INDEX($D$3:$AA$30,INDEX(Jesper!$R$2:$R$366,ROW(INDEX(Jesper!AL$2:AL$366,ROUNDDOWN($C5794/24,0)+1,1))-1)+IF('Standard Profiles'!$G$22=$B$10,7,0)+IF('Standard Profiles'!$G$22=$B$17,14,0)+IF('Standard Profiles'!$G$22=$B$24,21,0),0)),0)</f>
        <v>0</v>
      </c>
      <c r="I5794">
        <f t="shared" si="643"/>
        <v>0.26516747846015426</v>
      </c>
      <c r="J5794">
        <f t="shared" si="644"/>
        <v>4.8599314142305943</v>
      </c>
      <c r="K5794">
        <f t="shared" si="645"/>
        <v>0.37523603751266288</v>
      </c>
      <c r="L5794">
        <f t="shared" si="646"/>
        <v>0.18761801875633144</v>
      </c>
      <c r="M5794">
        <f t="shared" si="647"/>
        <v>0</v>
      </c>
      <c r="N5794" s="45">
        <f t="shared" si="648"/>
        <v>45166.99999998603</v>
      </c>
    </row>
    <row r="5795" spans="2:14" x14ac:dyDescent="0.25">
      <c r="B5795">
        <f t="shared" ref="B5795:B5858" si="649">WEEKDAY(N5795,2)</f>
        <v>2</v>
      </c>
      <c r="C5795" s="16">
        <v>5761</v>
      </c>
      <c r="D5795" cm="1">
        <f t="array" ref="D5795">IFERROR(INDEX(Jesper!AH$2:AH$366,ROUNDDOWN($C5795/24,0)+1,1)*INDEX($D$3:$AA$30,INDEX(Jesper!$R$2:$R$366,ROW(INDEX(Jesper!AH$2:AH$366,ROUNDDOWN($C5795/24,0)+1,1))-1)+IF('Standard Profiles'!$G$18=$B$10,7,0)+IF('Standard Profiles'!$G$18=$B$17,14,0)+IF('Standard Profiles'!$G$18=$B$24,21,0),MOD($C5795,24)+1)/SUM(INDEX($D$3:$AA$30,INDEX(Jesper!$R$2:$R$366,ROW(INDEX(Jesper!AH$2:AH$366,ROUNDDOWN($C5795/24,0)+1,1))-1)+IF('Standard Profiles'!$G$18=$B$10,7,0)+IF('Standard Profiles'!$G$18=$B$17,14,0)+IF('Standard Profiles'!$G$18=$B$24,21,0),0)),0)</f>
        <v>5.3605148216094696</v>
      </c>
      <c r="E5795" cm="1">
        <f t="array" ref="E5795">IFERROR(INDEX(Jesper!AI$2:AI$366,ROUNDDOWN($C5795/24,0)+1,1)*INDEX($D$3:$AA$30,INDEX(Jesper!$R$2:$R$366,ROW(INDEX(Jesper!AI$2:AI$366,ROUNDDOWN($C5795/24,0)+1,1))-1)+IF('Standard Profiles'!$G$19=$B$10,7,0)+IF('Standard Profiles'!$G$19=$B$17,14,0)+IF('Standard Profiles'!$G$19=$B$24,21,0),MOD($C5795,24)+1)/SUM(INDEX($D$3:$AA$30,INDEX(Jesper!$R$2:$R$366,ROW(INDEX(Jesper!AI$2:AI$366,ROUNDDOWN($C5795/24,0)+1,1))-1)+IF('Standard Profiles'!$G$19=$B$10,7,0)+IF('Standard Profiles'!$G$19=$B$17,14,0)+IF('Standard Profiles'!$G$19=$B$24,21,0),0)),0)</f>
        <v>2.4650405340747286</v>
      </c>
      <c r="F5795" cm="1">
        <f t="array" ref="F5795">IFERROR(INDEX(Jesper!AJ$2:AJ$366,ROUNDDOWN($C5795/24,0)+1,1)*INDEX($D$3:$AA$30,INDEX(Jesper!$R$2:$R$366,ROW(INDEX(Jesper!AJ$2:AJ$366,ROUNDDOWN($C5795/24,0)+1,1))-1)+IF('Standard Profiles'!$G$20=$B$10,7,0)+IF('Standard Profiles'!$G$20=$B$17,14,0)+IF('Standard Profiles'!$G$20=$B$24,21,0),MOD($C5795,24)+1)/SUM(INDEX($D$3:$AA$30,INDEX(Jesper!$R$2:$R$366,ROW(INDEX(Jesper!AJ$2:AJ$366,ROUNDDOWN($C5795/24,0)+1,1))-1)+IF('Standard Profiles'!$G$20=$B$10,7,0)+IF('Standard Profiles'!$G$20=$B$17,14,0)+IF('Standard Profiles'!$G$20=$B$24,21,0),0)),0)</f>
        <v>0</v>
      </c>
      <c r="G5795" cm="1">
        <f t="array" ref="G5795">IFERROR(INDEX(Jesper!AK$2:AK$366,ROUNDDOWN($C5795/24,0)+1,1)*INDEX($D$3:$AA$30,INDEX(Jesper!$R$2:$R$366,ROW(INDEX(Jesper!AK$2:AK$366,ROUNDDOWN($C5795/24,0)+1,1))-1)+IF('Standard Profiles'!$G$21=$B$10,7,0)+IF('Standard Profiles'!$G$21=$B$17,14,0)+IF('Standard Profiles'!$G$21=$B$24,21,0),MOD($C5795,24)+1)/SUM(INDEX($D$3:$AA$30,INDEX(Jesper!$R$2:$R$366,ROW(INDEX(Jesper!AK$2:AK$366,ROUNDDOWN($C5795/24,0)+1,1))-1)+IF('Standard Profiles'!$G$21=$B$10,7,0)+IF('Standard Profiles'!$G$21=$B$17,14,0)+IF('Standard Profiles'!$G$21=$B$24,21,0),0)),0)</f>
        <v>0.55243224679198832</v>
      </c>
      <c r="H5795" cm="1">
        <f t="array" ref="H5795">IFERROR(INDEX(Jesper!AL$2:AL$366,ROUNDDOWN($C5795/24,0)+1,1)*INDEX($D$3:$AA$30,INDEX(Jesper!$R$2:$R$366,ROW(INDEX(Jesper!AL$2:AL$366,ROUNDDOWN($C5795/24,0)+1,1))-1)+IF('Standard Profiles'!$G$22=$B$10,7,0)+IF('Standard Profiles'!$G$22=$B$17,14,0)+IF('Standard Profiles'!$G$22=$B$24,21,0),MOD($C5795,24)+1)/SUM(INDEX($D$3:$AA$30,INDEX(Jesper!$R$2:$R$366,ROW(INDEX(Jesper!AL$2:AL$366,ROUNDDOWN($C5795/24,0)+1,1))-1)+IF('Standard Profiles'!$G$22=$B$10,7,0)+IF('Standard Profiles'!$G$22=$B$17,14,0)+IF('Standard Profiles'!$G$22=$B$24,21,0),0)),0)</f>
        <v>0</v>
      </c>
      <c r="I5795">
        <f t="shared" ref="I5795:I5858" si="650">IF($B5795&lt;6,AC$37*$D5795+AC$38*$E5795+AC$39*$F5795+AC$40*$G5795,AC$46*$D5795+AC$47*$E5795+AC$48*$F5795+AC$49*$G5795+AC$50*$H5795)</f>
        <v>0.26516747846015426</v>
      </c>
      <c r="J5795">
        <f t="shared" ref="J5795:J5858" si="651">IF($B5795&lt;6,AD$37*$D5795+AD$38*$E5795+AD$39*$F5795+AD$40*$G5795,AD$46*$D5795+AD$47*$E5795+AD$48*$F5795+AD$49*$G5795+AD$50*$H5795)</f>
        <v>7.2551377525585172</v>
      </c>
      <c r="K5795">
        <f t="shared" ref="K5795:K5858" si="652">IF($B5795&lt;6,AE$37*$D5795+AE$38*$E5795+AE$39*$F5795+AE$40*$G5795,AE$46*$D5795+AE$47*$E5795+AE$48*$F5795+AE$49*$G5795+AE$50*$H5795)</f>
        <v>0.57178824763834346</v>
      </c>
      <c r="L5795">
        <f t="shared" ref="L5795:L5858" si="653">IF($B5795&lt;6,AF$37*$D5795+AF$38*$E5795+AF$39*$F5795+AF$40*$G5795,AF$46*$D5795+AF$47*$E5795+AF$48*$F5795+AF$49*$G5795+AF$50*$H5795)</f>
        <v>0.28589412381917173</v>
      </c>
      <c r="M5795">
        <f t="shared" ref="M5795:M5858" si="654">IF($B5795&lt;6,AG$37*$D5795+AG$38*$E5795+AG$39*$F5795+AG$40*$G5795,AG$46*$D5795+AG$47*$E5795+AG$48*$F5795+AG$49*$G5795+AG$50*$H5795)</f>
        <v>0</v>
      </c>
      <c r="N5795" s="45">
        <f t="shared" si="648"/>
        <v>45167.041666652694</v>
      </c>
    </row>
    <row r="5796" spans="2:14" x14ac:dyDescent="0.25">
      <c r="B5796">
        <f t="shared" si="649"/>
        <v>2</v>
      </c>
      <c r="C5796" s="16">
        <v>5762</v>
      </c>
      <c r="D5796" cm="1">
        <f t="array" ref="D5796">IFERROR(INDEX(Jesper!AH$2:AH$366,ROUNDDOWN($C5796/24,0)+1,1)*INDEX($D$3:$AA$30,INDEX(Jesper!$R$2:$R$366,ROW(INDEX(Jesper!AH$2:AH$366,ROUNDDOWN($C5796/24,0)+1,1))-1)+IF('Standard Profiles'!$G$18=$B$10,7,0)+IF('Standard Profiles'!$G$18=$B$17,14,0)+IF('Standard Profiles'!$G$18=$B$24,21,0),MOD($C5796,24)+1)/SUM(INDEX($D$3:$AA$30,INDEX(Jesper!$R$2:$R$366,ROW(INDEX(Jesper!AH$2:AH$366,ROUNDDOWN($C5796/24,0)+1,1))-1)+IF('Standard Profiles'!$G$18=$B$10,7,0)+IF('Standard Profiles'!$G$18=$B$17,14,0)+IF('Standard Profiles'!$G$18=$B$24,21,0),0)),0)</f>
        <v>5.3605148216094696</v>
      </c>
      <c r="E5796" cm="1">
        <f t="array" ref="E5796">IFERROR(INDEX(Jesper!AI$2:AI$366,ROUNDDOWN($C5796/24,0)+1,1)*INDEX($D$3:$AA$30,INDEX(Jesper!$R$2:$R$366,ROW(INDEX(Jesper!AI$2:AI$366,ROUNDDOWN($C5796/24,0)+1,1))-1)+IF('Standard Profiles'!$G$19=$B$10,7,0)+IF('Standard Profiles'!$G$19=$B$17,14,0)+IF('Standard Profiles'!$G$19=$B$24,21,0),MOD($C5796,24)+1)/SUM(INDEX($D$3:$AA$30,INDEX(Jesper!$R$2:$R$366,ROW(INDEX(Jesper!AI$2:AI$366,ROUNDDOWN($C5796/24,0)+1,1))-1)+IF('Standard Profiles'!$G$19=$B$10,7,0)+IF('Standard Profiles'!$G$19=$B$17,14,0)+IF('Standard Profiles'!$G$19=$B$24,21,0),0)),0)</f>
        <v>2.4650405340747286</v>
      </c>
      <c r="F5796" cm="1">
        <f t="array" ref="F5796">IFERROR(INDEX(Jesper!AJ$2:AJ$366,ROUNDDOWN($C5796/24,0)+1,1)*INDEX($D$3:$AA$30,INDEX(Jesper!$R$2:$R$366,ROW(INDEX(Jesper!AJ$2:AJ$366,ROUNDDOWN($C5796/24,0)+1,1))-1)+IF('Standard Profiles'!$G$20=$B$10,7,0)+IF('Standard Profiles'!$G$20=$B$17,14,0)+IF('Standard Profiles'!$G$20=$B$24,21,0),MOD($C5796,24)+1)/SUM(INDEX($D$3:$AA$30,INDEX(Jesper!$R$2:$R$366,ROW(INDEX(Jesper!AJ$2:AJ$366,ROUNDDOWN($C5796/24,0)+1,1))-1)+IF('Standard Profiles'!$G$20=$B$10,7,0)+IF('Standard Profiles'!$G$20=$B$17,14,0)+IF('Standard Profiles'!$G$20=$B$24,21,0),0)),0)</f>
        <v>0</v>
      </c>
      <c r="G5796" cm="1">
        <f t="array" ref="G5796">IFERROR(INDEX(Jesper!AK$2:AK$366,ROUNDDOWN($C5796/24,0)+1,1)*INDEX($D$3:$AA$30,INDEX(Jesper!$R$2:$R$366,ROW(INDEX(Jesper!AK$2:AK$366,ROUNDDOWN($C5796/24,0)+1,1))-1)+IF('Standard Profiles'!$G$21=$B$10,7,0)+IF('Standard Profiles'!$G$21=$B$17,14,0)+IF('Standard Profiles'!$G$21=$B$24,21,0),MOD($C5796,24)+1)/SUM(INDEX($D$3:$AA$30,INDEX(Jesper!$R$2:$R$366,ROW(INDEX(Jesper!AK$2:AK$366,ROUNDDOWN($C5796/24,0)+1,1))-1)+IF('Standard Profiles'!$G$21=$B$10,7,0)+IF('Standard Profiles'!$G$21=$B$17,14,0)+IF('Standard Profiles'!$G$21=$B$24,21,0),0)),0)</f>
        <v>0.55243224679198832</v>
      </c>
      <c r="H5796" cm="1">
        <f t="array" ref="H5796">IFERROR(INDEX(Jesper!AL$2:AL$366,ROUNDDOWN($C5796/24,0)+1,1)*INDEX($D$3:$AA$30,INDEX(Jesper!$R$2:$R$366,ROW(INDEX(Jesper!AL$2:AL$366,ROUNDDOWN($C5796/24,0)+1,1))-1)+IF('Standard Profiles'!$G$22=$B$10,7,0)+IF('Standard Profiles'!$G$22=$B$17,14,0)+IF('Standard Profiles'!$G$22=$B$24,21,0),MOD($C5796,24)+1)/SUM(INDEX($D$3:$AA$30,INDEX(Jesper!$R$2:$R$366,ROW(INDEX(Jesper!AL$2:AL$366,ROUNDDOWN($C5796/24,0)+1,1))-1)+IF('Standard Profiles'!$G$22=$B$10,7,0)+IF('Standard Profiles'!$G$22=$B$17,14,0)+IF('Standard Profiles'!$G$22=$B$24,21,0),0)),0)</f>
        <v>0</v>
      </c>
      <c r="I5796">
        <f t="shared" si="650"/>
        <v>0.26516747846015426</v>
      </c>
      <c r="J5796">
        <f t="shared" si="651"/>
        <v>7.2551377525585172</v>
      </c>
      <c r="K5796">
        <f t="shared" si="652"/>
        <v>0.57178824763834346</v>
      </c>
      <c r="L5796">
        <f t="shared" si="653"/>
        <v>0.28589412381917173</v>
      </c>
      <c r="M5796">
        <f t="shared" si="654"/>
        <v>0</v>
      </c>
      <c r="N5796" s="45">
        <f t="shared" ref="N5796:N5859" si="655">N5795+1/24</f>
        <v>45167.083333319359</v>
      </c>
    </row>
    <row r="5797" spans="2:14" x14ac:dyDescent="0.25">
      <c r="B5797">
        <f t="shared" si="649"/>
        <v>2</v>
      </c>
      <c r="C5797" s="16">
        <v>5763</v>
      </c>
      <c r="D5797" cm="1">
        <f t="array" ref="D5797">IFERROR(INDEX(Jesper!AH$2:AH$366,ROUNDDOWN($C5797/24,0)+1,1)*INDEX($D$3:$AA$30,INDEX(Jesper!$R$2:$R$366,ROW(INDEX(Jesper!AH$2:AH$366,ROUNDDOWN($C5797/24,0)+1,1))-1)+IF('Standard Profiles'!$G$18=$B$10,7,0)+IF('Standard Profiles'!$G$18=$B$17,14,0)+IF('Standard Profiles'!$G$18=$B$24,21,0),MOD($C5797,24)+1)/SUM(INDEX($D$3:$AA$30,INDEX(Jesper!$R$2:$R$366,ROW(INDEX(Jesper!AH$2:AH$366,ROUNDDOWN($C5797/24,0)+1,1))-1)+IF('Standard Profiles'!$G$18=$B$10,7,0)+IF('Standard Profiles'!$G$18=$B$17,14,0)+IF('Standard Profiles'!$G$18=$B$24,21,0),0)),0)</f>
        <v>5.3605148216094696</v>
      </c>
      <c r="E5797" cm="1">
        <f t="array" ref="E5797">IFERROR(INDEX(Jesper!AI$2:AI$366,ROUNDDOWN($C5797/24,0)+1,1)*INDEX($D$3:$AA$30,INDEX(Jesper!$R$2:$R$366,ROW(INDEX(Jesper!AI$2:AI$366,ROUNDDOWN($C5797/24,0)+1,1))-1)+IF('Standard Profiles'!$G$19=$B$10,7,0)+IF('Standard Profiles'!$G$19=$B$17,14,0)+IF('Standard Profiles'!$G$19=$B$24,21,0),MOD($C5797,24)+1)/SUM(INDEX($D$3:$AA$30,INDEX(Jesper!$R$2:$R$366,ROW(INDEX(Jesper!AI$2:AI$366,ROUNDDOWN($C5797/24,0)+1,1))-1)+IF('Standard Profiles'!$G$19=$B$10,7,0)+IF('Standard Profiles'!$G$19=$B$17,14,0)+IF('Standard Profiles'!$G$19=$B$24,21,0),0)),0)</f>
        <v>2.4650405340747286</v>
      </c>
      <c r="F5797" cm="1">
        <f t="array" ref="F5797">IFERROR(INDEX(Jesper!AJ$2:AJ$366,ROUNDDOWN($C5797/24,0)+1,1)*INDEX($D$3:$AA$30,INDEX(Jesper!$R$2:$R$366,ROW(INDEX(Jesper!AJ$2:AJ$366,ROUNDDOWN($C5797/24,0)+1,1))-1)+IF('Standard Profiles'!$G$20=$B$10,7,0)+IF('Standard Profiles'!$G$20=$B$17,14,0)+IF('Standard Profiles'!$G$20=$B$24,21,0),MOD($C5797,24)+1)/SUM(INDEX($D$3:$AA$30,INDEX(Jesper!$R$2:$R$366,ROW(INDEX(Jesper!AJ$2:AJ$366,ROUNDDOWN($C5797/24,0)+1,1))-1)+IF('Standard Profiles'!$G$20=$B$10,7,0)+IF('Standard Profiles'!$G$20=$B$17,14,0)+IF('Standard Profiles'!$G$20=$B$24,21,0),0)),0)</f>
        <v>0</v>
      </c>
      <c r="G5797" cm="1">
        <f t="array" ref="G5797">IFERROR(INDEX(Jesper!AK$2:AK$366,ROUNDDOWN($C5797/24,0)+1,1)*INDEX($D$3:$AA$30,INDEX(Jesper!$R$2:$R$366,ROW(INDEX(Jesper!AK$2:AK$366,ROUNDDOWN($C5797/24,0)+1,1))-1)+IF('Standard Profiles'!$G$21=$B$10,7,0)+IF('Standard Profiles'!$G$21=$B$17,14,0)+IF('Standard Profiles'!$G$21=$B$24,21,0),MOD($C5797,24)+1)/SUM(INDEX($D$3:$AA$30,INDEX(Jesper!$R$2:$R$366,ROW(INDEX(Jesper!AK$2:AK$366,ROUNDDOWN($C5797/24,0)+1,1))-1)+IF('Standard Profiles'!$G$21=$B$10,7,0)+IF('Standard Profiles'!$G$21=$B$17,14,0)+IF('Standard Profiles'!$G$21=$B$24,21,0),0)),0)</f>
        <v>0.55243224679198832</v>
      </c>
      <c r="H5797" cm="1">
        <f t="array" ref="H5797">IFERROR(INDEX(Jesper!AL$2:AL$366,ROUNDDOWN($C5797/24,0)+1,1)*INDEX($D$3:$AA$30,INDEX(Jesper!$R$2:$R$366,ROW(INDEX(Jesper!AL$2:AL$366,ROUNDDOWN($C5797/24,0)+1,1))-1)+IF('Standard Profiles'!$G$22=$B$10,7,0)+IF('Standard Profiles'!$G$22=$B$17,14,0)+IF('Standard Profiles'!$G$22=$B$24,21,0),MOD($C5797,24)+1)/SUM(INDEX($D$3:$AA$30,INDEX(Jesper!$R$2:$R$366,ROW(INDEX(Jesper!AL$2:AL$366,ROUNDDOWN($C5797/24,0)+1,1))-1)+IF('Standard Profiles'!$G$22=$B$10,7,0)+IF('Standard Profiles'!$G$22=$B$17,14,0)+IF('Standard Profiles'!$G$22=$B$24,21,0),0)),0)</f>
        <v>0</v>
      </c>
      <c r="I5797">
        <f t="shared" si="650"/>
        <v>0.26516747846015426</v>
      </c>
      <c r="J5797">
        <f t="shared" si="651"/>
        <v>7.2551377525585172</v>
      </c>
      <c r="K5797">
        <f t="shared" si="652"/>
        <v>0.57178824763834346</v>
      </c>
      <c r="L5797">
        <f t="shared" si="653"/>
        <v>0.28589412381917173</v>
      </c>
      <c r="M5797">
        <f t="shared" si="654"/>
        <v>0</v>
      </c>
      <c r="N5797" s="45">
        <f t="shared" si="655"/>
        <v>45167.124999986023</v>
      </c>
    </row>
    <row r="5798" spans="2:14" x14ac:dyDescent="0.25">
      <c r="B5798">
        <f t="shared" si="649"/>
        <v>2</v>
      </c>
      <c r="C5798" s="16">
        <v>5764</v>
      </c>
      <c r="D5798" cm="1">
        <f t="array" ref="D5798">IFERROR(INDEX(Jesper!AH$2:AH$366,ROUNDDOWN($C5798/24,0)+1,1)*INDEX($D$3:$AA$30,INDEX(Jesper!$R$2:$R$366,ROW(INDEX(Jesper!AH$2:AH$366,ROUNDDOWN($C5798/24,0)+1,1))-1)+IF('Standard Profiles'!$G$18=$B$10,7,0)+IF('Standard Profiles'!$G$18=$B$17,14,0)+IF('Standard Profiles'!$G$18=$B$24,21,0),MOD($C5798,24)+1)/SUM(INDEX($D$3:$AA$30,INDEX(Jesper!$R$2:$R$366,ROW(INDEX(Jesper!AH$2:AH$366,ROUNDDOWN($C5798/24,0)+1,1))-1)+IF('Standard Profiles'!$G$18=$B$10,7,0)+IF('Standard Profiles'!$G$18=$B$17,14,0)+IF('Standard Profiles'!$G$18=$B$24,21,0),0)),0)</f>
        <v>5.3605148216094696</v>
      </c>
      <c r="E5798" cm="1">
        <f t="array" ref="E5798">IFERROR(INDEX(Jesper!AI$2:AI$366,ROUNDDOWN($C5798/24,0)+1,1)*INDEX($D$3:$AA$30,INDEX(Jesper!$R$2:$R$366,ROW(INDEX(Jesper!AI$2:AI$366,ROUNDDOWN($C5798/24,0)+1,1))-1)+IF('Standard Profiles'!$G$19=$B$10,7,0)+IF('Standard Profiles'!$G$19=$B$17,14,0)+IF('Standard Profiles'!$G$19=$B$24,21,0),MOD($C5798,24)+1)/SUM(INDEX($D$3:$AA$30,INDEX(Jesper!$R$2:$R$366,ROW(INDEX(Jesper!AI$2:AI$366,ROUNDDOWN($C5798/24,0)+1,1))-1)+IF('Standard Profiles'!$G$19=$B$10,7,0)+IF('Standard Profiles'!$G$19=$B$17,14,0)+IF('Standard Profiles'!$G$19=$B$24,21,0),0)),0)</f>
        <v>2.4650405340747286</v>
      </c>
      <c r="F5798" cm="1">
        <f t="array" ref="F5798">IFERROR(INDEX(Jesper!AJ$2:AJ$366,ROUNDDOWN($C5798/24,0)+1,1)*INDEX($D$3:$AA$30,INDEX(Jesper!$R$2:$R$366,ROW(INDEX(Jesper!AJ$2:AJ$366,ROUNDDOWN($C5798/24,0)+1,1))-1)+IF('Standard Profiles'!$G$20=$B$10,7,0)+IF('Standard Profiles'!$G$20=$B$17,14,0)+IF('Standard Profiles'!$G$20=$B$24,21,0),MOD($C5798,24)+1)/SUM(INDEX($D$3:$AA$30,INDEX(Jesper!$R$2:$R$366,ROW(INDEX(Jesper!AJ$2:AJ$366,ROUNDDOWN($C5798/24,0)+1,1))-1)+IF('Standard Profiles'!$G$20=$B$10,7,0)+IF('Standard Profiles'!$G$20=$B$17,14,0)+IF('Standard Profiles'!$G$20=$B$24,21,0),0)),0)</f>
        <v>0</v>
      </c>
      <c r="G5798" cm="1">
        <f t="array" ref="G5798">IFERROR(INDEX(Jesper!AK$2:AK$366,ROUNDDOWN($C5798/24,0)+1,1)*INDEX($D$3:$AA$30,INDEX(Jesper!$R$2:$R$366,ROW(INDEX(Jesper!AK$2:AK$366,ROUNDDOWN($C5798/24,0)+1,1))-1)+IF('Standard Profiles'!$G$21=$B$10,7,0)+IF('Standard Profiles'!$G$21=$B$17,14,0)+IF('Standard Profiles'!$G$21=$B$24,21,0),MOD($C5798,24)+1)/SUM(INDEX($D$3:$AA$30,INDEX(Jesper!$R$2:$R$366,ROW(INDEX(Jesper!AK$2:AK$366,ROUNDDOWN($C5798/24,0)+1,1))-1)+IF('Standard Profiles'!$G$21=$B$10,7,0)+IF('Standard Profiles'!$G$21=$B$17,14,0)+IF('Standard Profiles'!$G$21=$B$24,21,0),0)),0)</f>
        <v>0.55243224679198832</v>
      </c>
      <c r="H5798" cm="1">
        <f t="array" ref="H5798">IFERROR(INDEX(Jesper!AL$2:AL$366,ROUNDDOWN($C5798/24,0)+1,1)*INDEX($D$3:$AA$30,INDEX(Jesper!$R$2:$R$366,ROW(INDEX(Jesper!AL$2:AL$366,ROUNDDOWN($C5798/24,0)+1,1))-1)+IF('Standard Profiles'!$G$22=$B$10,7,0)+IF('Standard Profiles'!$G$22=$B$17,14,0)+IF('Standard Profiles'!$G$22=$B$24,21,0),MOD($C5798,24)+1)/SUM(INDEX($D$3:$AA$30,INDEX(Jesper!$R$2:$R$366,ROW(INDEX(Jesper!AL$2:AL$366,ROUNDDOWN($C5798/24,0)+1,1))-1)+IF('Standard Profiles'!$G$22=$B$10,7,0)+IF('Standard Profiles'!$G$22=$B$17,14,0)+IF('Standard Profiles'!$G$22=$B$24,21,0),0)),0)</f>
        <v>0</v>
      </c>
      <c r="I5798">
        <f t="shared" si="650"/>
        <v>0.26516747846015426</v>
      </c>
      <c r="J5798">
        <f t="shared" si="651"/>
        <v>7.2551377525585172</v>
      </c>
      <c r="K5798">
        <f t="shared" si="652"/>
        <v>0.57178824763834346</v>
      </c>
      <c r="L5798">
        <f t="shared" si="653"/>
        <v>0.28589412381917173</v>
      </c>
      <c r="M5798">
        <f t="shared" si="654"/>
        <v>0</v>
      </c>
      <c r="N5798" s="45">
        <f t="shared" si="655"/>
        <v>45167.166666652687</v>
      </c>
    </row>
    <row r="5799" spans="2:14" x14ac:dyDescent="0.25">
      <c r="B5799">
        <f t="shared" si="649"/>
        <v>2</v>
      </c>
      <c r="C5799" s="16">
        <v>5765</v>
      </c>
      <c r="D5799" cm="1">
        <f t="array" ref="D5799">IFERROR(INDEX(Jesper!AH$2:AH$366,ROUNDDOWN($C5799/24,0)+1,1)*INDEX($D$3:$AA$30,INDEX(Jesper!$R$2:$R$366,ROW(INDEX(Jesper!AH$2:AH$366,ROUNDDOWN($C5799/24,0)+1,1))-1)+IF('Standard Profiles'!$G$18=$B$10,7,0)+IF('Standard Profiles'!$G$18=$B$17,14,0)+IF('Standard Profiles'!$G$18=$B$24,21,0),MOD($C5799,24)+1)/SUM(INDEX($D$3:$AA$30,INDEX(Jesper!$R$2:$R$366,ROW(INDEX(Jesper!AH$2:AH$366,ROUNDDOWN($C5799/24,0)+1,1))-1)+IF('Standard Profiles'!$G$18=$B$10,7,0)+IF('Standard Profiles'!$G$18=$B$17,14,0)+IF('Standard Profiles'!$G$18=$B$24,21,0),0)),0)</f>
        <v>5.3605148216094696</v>
      </c>
      <c r="E5799" cm="1">
        <f t="array" ref="E5799">IFERROR(INDEX(Jesper!AI$2:AI$366,ROUNDDOWN($C5799/24,0)+1,1)*INDEX($D$3:$AA$30,INDEX(Jesper!$R$2:$R$366,ROW(INDEX(Jesper!AI$2:AI$366,ROUNDDOWN($C5799/24,0)+1,1))-1)+IF('Standard Profiles'!$G$19=$B$10,7,0)+IF('Standard Profiles'!$G$19=$B$17,14,0)+IF('Standard Profiles'!$G$19=$B$24,21,0),MOD($C5799,24)+1)/SUM(INDEX($D$3:$AA$30,INDEX(Jesper!$R$2:$R$366,ROW(INDEX(Jesper!AI$2:AI$366,ROUNDDOWN($C5799/24,0)+1,1))-1)+IF('Standard Profiles'!$G$19=$B$10,7,0)+IF('Standard Profiles'!$G$19=$B$17,14,0)+IF('Standard Profiles'!$G$19=$B$24,21,0),0)),0)</f>
        <v>2.4650405340747286</v>
      </c>
      <c r="F5799" cm="1">
        <f t="array" ref="F5799">IFERROR(INDEX(Jesper!AJ$2:AJ$366,ROUNDDOWN($C5799/24,0)+1,1)*INDEX($D$3:$AA$30,INDEX(Jesper!$R$2:$R$366,ROW(INDEX(Jesper!AJ$2:AJ$366,ROUNDDOWN($C5799/24,0)+1,1))-1)+IF('Standard Profiles'!$G$20=$B$10,7,0)+IF('Standard Profiles'!$G$20=$B$17,14,0)+IF('Standard Profiles'!$G$20=$B$24,21,0),MOD($C5799,24)+1)/SUM(INDEX($D$3:$AA$30,INDEX(Jesper!$R$2:$R$366,ROW(INDEX(Jesper!AJ$2:AJ$366,ROUNDDOWN($C5799/24,0)+1,1))-1)+IF('Standard Profiles'!$G$20=$B$10,7,0)+IF('Standard Profiles'!$G$20=$B$17,14,0)+IF('Standard Profiles'!$G$20=$B$24,21,0),0)),0)</f>
        <v>0</v>
      </c>
      <c r="G5799" cm="1">
        <f t="array" ref="G5799">IFERROR(INDEX(Jesper!AK$2:AK$366,ROUNDDOWN($C5799/24,0)+1,1)*INDEX($D$3:$AA$30,INDEX(Jesper!$R$2:$R$366,ROW(INDEX(Jesper!AK$2:AK$366,ROUNDDOWN($C5799/24,0)+1,1))-1)+IF('Standard Profiles'!$G$21=$B$10,7,0)+IF('Standard Profiles'!$G$21=$B$17,14,0)+IF('Standard Profiles'!$G$21=$B$24,21,0),MOD($C5799,24)+1)/SUM(INDEX($D$3:$AA$30,INDEX(Jesper!$R$2:$R$366,ROW(INDEX(Jesper!AK$2:AK$366,ROUNDDOWN($C5799/24,0)+1,1))-1)+IF('Standard Profiles'!$G$21=$B$10,7,0)+IF('Standard Profiles'!$G$21=$B$17,14,0)+IF('Standard Profiles'!$G$21=$B$24,21,0),0)),0)</f>
        <v>0.55243224679198832</v>
      </c>
      <c r="H5799" cm="1">
        <f t="array" ref="H5799">IFERROR(INDEX(Jesper!AL$2:AL$366,ROUNDDOWN($C5799/24,0)+1,1)*INDEX($D$3:$AA$30,INDEX(Jesper!$R$2:$R$366,ROW(INDEX(Jesper!AL$2:AL$366,ROUNDDOWN($C5799/24,0)+1,1))-1)+IF('Standard Profiles'!$G$22=$B$10,7,0)+IF('Standard Profiles'!$G$22=$B$17,14,0)+IF('Standard Profiles'!$G$22=$B$24,21,0),MOD($C5799,24)+1)/SUM(INDEX($D$3:$AA$30,INDEX(Jesper!$R$2:$R$366,ROW(INDEX(Jesper!AL$2:AL$366,ROUNDDOWN($C5799/24,0)+1,1))-1)+IF('Standard Profiles'!$G$22=$B$10,7,0)+IF('Standard Profiles'!$G$22=$B$17,14,0)+IF('Standard Profiles'!$G$22=$B$24,21,0),0)),0)</f>
        <v>0</v>
      </c>
      <c r="I5799">
        <f t="shared" si="650"/>
        <v>0.26516747846015426</v>
      </c>
      <c r="J5799">
        <f t="shared" si="651"/>
        <v>7.2551377525585172</v>
      </c>
      <c r="K5799">
        <f t="shared" si="652"/>
        <v>0.57178824763834346</v>
      </c>
      <c r="L5799">
        <f t="shared" si="653"/>
        <v>0.28589412381917173</v>
      </c>
      <c r="M5799">
        <f t="shared" si="654"/>
        <v>0</v>
      </c>
      <c r="N5799" s="45">
        <f t="shared" si="655"/>
        <v>45167.208333319351</v>
      </c>
    </row>
    <row r="5800" spans="2:14" x14ac:dyDescent="0.25">
      <c r="B5800">
        <f t="shared" si="649"/>
        <v>2</v>
      </c>
      <c r="C5800" s="16">
        <v>5766</v>
      </c>
      <c r="D5800" cm="1">
        <f t="array" ref="D5800">IFERROR(INDEX(Jesper!AH$2:AH$366,ROUNDDOWN($C5800/24,0)+1,1)*INDEX($D$3:$AA$30,INDEX(Jesper!$R$2:$R$366,ROW(INDEX(Jesper!AH$2:AH$366,ROUNDDOWN($C5800/24,0)+1,1))-1)+IF('Standard Profiles'!$G$18=$B$10,7,0)+IF('Standard Profiles'!$G$18=$B$17,14,0)+IF('Standard Profiles'!$G$18=$B$24,21,0),MOD($C5800,24)+1)/SUM(INDEX($D$3:$AA$30,INDEX(Jesper!$R$2:$R$366,ROW(INDEX(Jesper!AH$2:AH$366,ROUNDDOWN($C5800/24,0)+1,1))-1)+IF('Standard Profiles'!$G$18=$B$10,7,0)+IF('Standard Profiles'!$G$18=$B$17,14,0)+IF('Standard Profiles'!$G$18=$B$24,21,0),0)),0)</f>
        <v>5.3605148216094696</v>
      </c>
      <c r="E5800" cm="1">
        <f t="array" ref="E5800">IFERROR(INDEX(Jesper!AI$2:AI$366,ROUNDDOWN($C5800/24,0)+1,1)*INDEX($D$3:$AA$30,INDEX(Jesper!$R$2:$R$366,ROW(INDEX(Jesper!AI$2:AI$366,ROUNDDOWN($C5800/24,0)+1,1))-1)+IF('Standard Profiles'!$G$19=$B$10,7,0)+IF('Standard Profiles'!$G$19=$B$17,14,0)+IF('Standard Profiles'!$G$19=$B$24,21,0),MOD($C5800,24)+1)/SUM(INDEX($D$3:$AA$30,INDEX(Jesper!$R$2:$R$366,ROW(INDEX(Jesper!AI$2:AI$366,ROUNDDOWN($C5800/24,0)+1,1))-1)+IF('Standard Profiles'!$G$19=$B$10,7,0)+IF('Standard Profiles'!$G$19=$B$17,14,0)+IF('Standard Profiles'!$G$19=$B$24,21,0),0)),0)</f>
        <v>2.4650405340747286</v>
      </c>
      <c r="F5800" cm="1">
        <f t="array" ref="F5800">IFERROR(INDEX(Jesper!AJ$2:AJ$366,ROUNDDOWN($C5800/24,0)+1,1)*INDEX($D$3:$AA$30,INDEX(Jesper!$R$2:$R$366,ROW(INDEX(Jesper!AJ$2:AJ$366,ROUNDDOWN($C5800/24,0)+1,1))-1)+IF('Standard Profiles'!$G$20=$B$10,7,0)+IF('Standard Profiles'!$G$20=$B$17,14,0)+IF('Standard Profiles'!$G$20=$B$24,21,0),MOD($C5800,24)+1)/SUM(INDEX($D$3:$AA$30,INDEX(Jesper!$R$2:$R$366,ROW(INDEX(Jesper!AJ$2:AJ$366,ROUNDDOWN($C5800/24,0)+1,1))-1)+IF('Standard Profiles'!$G$20=$B$10,7,0)+IF('Standard Profiles'!$G$20=$B$17,14,0)+IF('Standard Profiles'!$G$20=$B$24,21,0),0)),0)</f>
        <v>0</v>
      </c>
      <c r="G5800" cm="1">
        <f t="array" ref="G5800">IFERROR(INDEX(Jesper!AK$2:AK$366,ROUNDDOWN($C5800/24,0)+1,1)*INDEX($D$3:$AA$30,INDEX(Jesper!$R$2:$R$366,ROW(INDEX(Jesper!AK$2:AK$366,ROUNDDOWN($C5800/24,0)+1,1))-1)+IF('Standard Profiles'!$G$21=$B$10,7,0)+IF('Standard Profiles'!$G$21=$B$17,14,0)+IF('Standard Profiles'!$G$21=$B$24,21,0),MOD($C5800,24)+1)/SUM(INDEX($D$3:$AA$30,INDEX(Jesper!$R$2:$R$366,ROW(INDEX(Jesper!AK$2:AK$366,ROUNDDOWN($C5800/24,0)+1,1))-1)+IF('Standard Profiles'!$G$21=$B$10,7,0)+IF('Standard Profiles'!$G$21=$B$17,14,0)+IF('Standard Profiles'!$G$21=$B$24,21,0),0)),0)</f>
        <v>0.55243224679198832</v>
      </c>
      <c r="H5800" cm="1">
        <f t="array" ref="H5800">IFERROR(INDEX(Jesper!AL$2:AL$366,ROUNDDOWN($C5800/24,0)+1,1)*INDEX($D$3:$AA$30,INDEX(Jesper!$R$2:$R$366,ROW(INDEX(Jesper!AL$2:AL$366,ROUNDDOWN($C5800/24,0)+1,1))-1)+IF('Standard Profiles'!$G$22=$B$10,7,0)+IF('Standard Profiles'!$G$22=$B$17,14,0)+IF('Standard Profiles'!$G$22=$B$24,21,0),MOD($C5800,24)+1)/SUM(INDEX($D$3:$AA$30,INDEX(Jesper!$R$2:$R$366,ROW(INDEX(Jesper!AL$2:AL$366,ROUNDDOWN($C5800/24,0)+1,1))-1)+IF('Standard Profiles'!$G$22=$B$10,7,0)+IF('Standard Profiles'!$G$22=$B$17,14,0)+IF('Standard Profiles'!$G$22=$B$24,21,0),0)),0)</f>
        <v>0</v>
      </c>
      <c r="I5800">
        <f t="shared" si="650"/>
        <v>0.26516747846015426</v>
      </c>
      <c r="J5800">
        <f t="shared" si="651"/>
        <v>7.2551377525585172</v>
      </c>
      <c r="K5800">
        <f t="shared" si="652"/>
        <v>0.57178824763834346</v>
      </c>
      <c r="L5800">
        <f t="shared" si="653"/>
        <v>0.28589412381917173</v>
      </c>
      <c r="M5800">
        <f t="shared" si="654"/>
        <v>0</v>
      </c>
      <c r="N5800" s="45">
        <f t="shared" si="655"/>
        <v>45167.249999986016</v>
      </c>
    </row>
    <row r="5801" spans="2:14" x14ac:dyDescent="0.25">
      <c r="B5801">
        <f t="shared" si="649"/>
        <v>2</v>
      </c>
      <c r="C5801" s="16">
        <v>5767</v>
      </c>
      <c r="D5801" cm="1">
        <f t="array" ref="D5801">IFERROR(INDEX(Jesper!AH$2:AH$366,ROUNDDOWN($C5801/24,0)+1,1)*INDEX($D$3:$AA$30,INDEX(Jesper!$R$2:$R$366,ROW(INDEX(Jesper!AH$2:AH$366,ROUNDDOWN($C5801/24,0)+1,1))-1)+IF('Standard Profiles'!$G$18=$B$10,7,0)+IF('Standard Profiles'!$G$18=$B$17,14,0)+IF('Standard Profiles'!$G$18=$B$24,21,0),MOD($C5801,24)+1)/SUM(INDEX($D$3:$AA$30,INDEX(Jesper!$R$2:$R$366,ROW(INDEX(Jesper!AH$2:AH$366,ROUNDDOWN($C5801/24,0)+1,1))-1)+IF('Standard Profiles'!$G$18=$B$10,7,0)+IF('Standard Profiles'!$G$18=$B$17,14,0)+IF('Standard Profiles'!$G$18=$B$24,21,0),0)),0)</f>
        <v>22.597920294847416</v>
      </c>
      <c r="E5801" cm="1">
        <f t="array" ref="E5801">IFERROR(INDEX(Jesper!AI$2:AI$366,ROUNDDOWN($C5801/24,0)+1,1)*INDEX($D$3:$AA$30,INDEX(Jesper!$R$2:$R$366,ROW(INDEX(Jesper!AI$2:AI$366,ROUNDDOWN($C5801/24,0)+1,1))-1)+IF('Standard Profiles'!$G$19=$B$10,7,0)+IF('Standard Profiles'!$G$19=$B$17,14,0)+IF('Standard Profiles'!$G$19=$B$24,21,0),MOD($C5801,24)+1)/SUM(INDEX($D$3:$AA$30,INDEX(Jesper!$R$2:$R$366,ROW(INDEX(Jesper!AI$2:AI$366,ROUNDDOWN($C5801/24,0)+1,1))-1)+IF('Standard Profiles'!$G$19=$B$10,7,0)+IF('Standard Profiles'!$G$19=$B$17,14,0)+IF('Standard Profiles'!$G$19=$B$24,21,0),0)),0)</f>
        <v>10.391686501458777</v>
      </c>
      <c r="F5801" cm="1">
        <f t="array" ref="F5801">IFERROR(INDEX(Jesper!AJ$2:AJ$366,ROUNDDOWN($C5801/24,0)+1,1)*INDEX($D$3:$AA$30,INDEX(Jesper!$R$2:$R$366,ROW(INDEX(Jesper!AJ$2:AJ$366,ROUNDDOWN($C5801/24,0)+1,1))-1)+IF('Standard Profiles'!$G$20=$B$10,7,0)+IF('Standard Profiles'!$G$20=$B$17,14,0)+IF('Standard Profiles'!$G$20=$B$24,21,0),MOD($C5801,24)+1)/SUM(INDEX($D$3:$AA$30,INDEX(Jesper!$R$2:$R$366,ROW(INDEX(Jesper!AJ$2:AJ$366,ROUNDDOWN($C5801/24,0)+1,1))-1)+IF('Standard Profiles'!$G$20=$B$10,7,0)+IF('Standard Profiles'!$G$20=$B$17,14,0)+IF('Standard Profiles'!$G$20=$B$24,21,0),0)),0)</f>
        <v>0</v>
      </c>
      <c r="G5801" cm="1">
        <f t="array" ref="G5801">IFERROR(INDEX(Jesper!AK$2:AK$366,ROUNDDOWN($C5801/24,0)+1,1)*INDEX($D$3:$AA$30,INDEX(Jesper!$R$2:$R$366,ROW(INDEX(Jesper!AK$2:AK$366,ROUNDDOWN($C5801/24,0)+1,1))-1)+IF('Standard Profiles'!$G$21=$B$10,7,0)+IF('Standard Profiles'!$G$21=$B$17,14,0)+IF('Standard Profiles'!$G$21=$B$24,21,0),MOD($C5801,24)+1)/SUM(INDEX($D$3:$AA$30,INDEX(Jesper!$R$2:$R$366,ROW(INDEX(Jesper!AK$2:AK$366,ROUNDDOWN($C5801/24,0)+1,1))-1)+IF('Standard Profiles'!$G$21=$B$10,7,0)+IF('Standard Profiles'!$G$21=$B$17,14,0)+IF('Standard Profiles'!$G$21=$B$24,21,0),0)),0)</f>
        <v>1.5913612786620823</v>
      </c>
      <c r="H5801" cm="1">
        <f t="array" ref="H5801">IFERROR(INDEX(Jesper!AL$2:AL$366,ROUNDDOWN($C5801/24,0)+1,1)*INDEX($D$3:$AA$30,INDEX(Jesper!$R$2:$R$366,ROW(INDEX(Jesper!AL$2:AL$366,ROUNDDOWN($C5801/24,0)+1,1))-1)+IF('Standard Profiles'!$G$22=$B$10,7,0)+IF('Standard Profiles'!$G$22=$B$17,14,0)+IF('Standard Profiles'!$G$22=$B$24,21,0),MOD($C5801,24)+1)/SUM(INDEX($D$3:$AA$30,INDEX(Jesper!$R$2:$R$366,ROW(INDEX(Jesper!AL$2:AL$366,ROUNDDOWN($C5801/24,0)+1,1))-1)+IF('Standard Profiles'!$G$22=$B$10,7,0)+IF('Standard Profiles'!$G$22=$B$17,14,0)+IF('Standard Profiles'!$G$22=$B$24,21,0),0)),0)</f>
        <v>0</v>
      </c>
      <c r="I5801">
        <f t="shared" si="650"/>
        <v>0.76385341375779914</v>
      </c>
      <c r="J5801">
        <f t="shared" si="651"/>
        <v>30.201447414034888</v>
      </c>
      <c r="K5801">
        <f t="shared" si="652"/>
        <v>2.4104448314503912</v>
      </c>
      <c r="L5801">
        <f t="shared" si="653"/>
        <v>1.2052224157251956</v>
      </c>
      <c r="M5801">
        <f t="shared" si="654"/>
        <v>0</v>
      </c>
      <c r="N5801" s="45">
        <f t="shared" si="655"/>
        <v>45167.29166665268</v>
      </c>
    </row>
    <row r="5802" spans="2:14" x14ac:dyDescent="0.25">
      <c r="B5802">
        <f t="shared" si="649"/>
        <v>2</v>
      </c>
      <c r="C5802" s="16">
        <v>5768</v>
      </c>
      <c r="D5802" cm="1">
        <f t="array" ref="D5802">IFERROR(INDEX(Jesper!AH$2:AH$366,ROUNDDOWN($C5802/24,0)+1,1)*INDEX($D$3:$AA$30,INDEX(Jesper!$R$2:$R$366,ROW(INDEX(Jesper!AH$2:AH$366,ROUNDDOWN($C5802/24,0)+1,1))-1)+IF('Standard Profiles'!$G$18=$B$10,7,0)+IF('Standard Profiles'!$G$18=$B$17,14,0)+IF('Standard Profiles'!$G$18=$B$24,21,0),MOD($C5802,24)+1)/SUM(INDEX($D$3:$AA$30,INDEX(Jesper!$R$2:$R$366,ROW(INDEX(Jesper!AH$2:AH$366,ROUNDDOWN($C5802/24,0)+1,1))-1)+IF('Standard Profiles'!$G$18=$B$10,7,0)+IF('Standard Profiles'!$G$18=$B$17,14,0)+IF('Standard Profiles'!$G$18=$B$24,21,0),0)),0)</f>
        <v>25.214521592145541</v>
      </c>
      <c r="E5802" cm="1">
        <f t="array" ref="E5802">IFERROR(INDEX(Jesper!AI$2:AI$366,ROUNDDOWN($C5802/24,0)+1,1)*INDEX($D$3:$AA$30,INDEX(Jesper!$R$2:$R$366,ROW(INDEX(Jesper!AI$2:AI$366,ROUNDDOWN($C5802/24,0)+1,1))-1)+IF('Standard Profiles'!$G$19=$B$10,7,0)+IF('Standard Profiles'!$G$19=$B$17,14,0)+IF('Standard Profiles'!$G$19=$B$24,21,0),MOD($C5802,24)+1)/SUM(INDEX($D$3:$AA$30,INDEX(Jesper!$R$2:$R$366,ROW(INDEX(Jesper!AI$2:AI$366,ROUNDDOWN($C5802/24,0)+1,1))-1)+IF('Standard Profiles'!$G$19=$B$10,7,0)+IF('Standard Profiles'!$G$19=$B$17,14,0)+IF('Standard Profiles'!$G$19=$B$24,21,0),0)),0)</f>
        <v>11.594934412154004</v>
      </c>
      <c r="F5802" cm="1">
        <f t="array" ref="F5802">IFERROR(INDEX(Jesper!AJ$2:AJ$366,ROUNDDOWN($C5802/24,0)+1,1)*INDEX($D$3:$AA$30,INDEX(Jesper!$R$2:$R$366,ROW(INDEX(Jesper!AJ$2:AJ$366,ROUNDDOWN($C5802/24,0)+1,1))-1)+IF('Standard Profiles'!$G$20=$B$10,7,0)+IF('Standard Profiles'!$G$20=$B$17,14,0)+IF('Standard Profiles'!$G$20=$B$24,21,0),MOD($C5802,24)+1)/SUM(INDEX($D$3:$AA$30,INDEX(Jesper!$R$2:$R$366,ROW(INDEX(Jesper!AJ$2:AJ$366,ROUNDDOWN($C5802/24,0)+1,1))-1)+IF('Standard Profiles'!$G$20=$B$10,7,0)+IF('Standard Profiles'!$G$20=$B$17,14,0)+IF('Standard Profiles'!$G$20=$B$24,21,0),0)),0)</f>
        <v>0</v>
      </c>
      <c r="G5802" cm="1">
        <f t="array" ref="G5802">IFERROR(INDEX(Jesper!AK$2:AK$366,ROUNDDOWN($C5802/24,0)+1,1)*INDEX($D$3:$AA$30,INDEX(Jesper!$R$2:$R$366,ROW(INDEX(Jesper!AK$2:AK$366,ROUNDDOWN($C5802/24,0)+1,1))-1)+IF('Standard Profiles'!$G$21=$B$10,7,0)+IF('Standard Profiles'!$G$21=$B$17,14,0)+IF('Standard Profiles'!$G$21=$B$24,21,0),MOD($C5802,24)+1)/SUM(INDEX($D$3:$AA$30,INDEX(Jesper!$R$2:$R$366,ROW(INDEX(Jesper!AK$2:AK$366,ROUNDDOWN($C5802/24,0)+1,1))-1)+IF('Standard Profiles'!$G$21=$B$10,7,0)+IF('Standard Profiles'!$G$21=$B$17,14,0)+IF('Standard Profiles'!$G$21=$B$24,21,0),0)),0)</f>
        <v>1.7756241635597969</v>
      </c>
      <c r="H5802" cm="1">
        <f t="array" ref="H5802">IFERROR(INDEX(Jesper!AL$2:AL$366,ROUNDDOWN($C5802/24,0)+1,1)*INDEX($D$3:$AA$30,INDEX(Jesper!$R$2:$R$366,ROW(INDEX(Jesper!AL$2:AL$366,ROUNDDOWN($C5802/24,0)+1,1))-1)+IF('Standard Profiles'!$G$22=$B$10,7,0)+IF('Standard Profiles'!$G$22=$B$17,14,0)+IF('Standard Profiles'!$G$22=$B$24,21,0),MOD($C5802,24)+1)/SUM(INDEX($D$3:$AA$30,INDEX(Jesper!$R$2:$R$366,ROW(INDEX(Jesper!AL$2:AL$366,ROUNDDOWN($C5802/24,0)+1,1))-1)+IF('Standard Profiles'!$G$22=$B$10,7,0)+IF('Standard Profiles'!$G$22=$B$17,14,0)+IF('Standard Profiles'!$G$22=$B$24,21,0),0)),0)</f>
        <v>0</v>
      </c>
      <c r="I5802">
        <f t="shared" si="650"/>
        <v>0.85229959850870207</v>
      </c>
      <c r="J5802">
        <f t="shared" si="651"/>
        <v>33.698457114607358</v>
      </c>
      <c r="K5802">
        <f t="shared" si="652"/>
        <v>2.6895489698288579</v>
      </c>
      <c r="L5802">
        <f t="shared" si="653"/>
        <v>1.344774484914429</v>
      </c>
      <c r="M5802">
        <f t="shared" si="654"/>
        <v>0</v>
      </c>
      <c r="N5802" s="45">
        <f t="shared" si="655"/>
        <v>45167.333333319344</v>
      </c>
    </row>
    <row r="5803" spans="2:14" x14ac:dyDescent="0.25">
      <c r="B5803">
        <f t="shared" si="649"/>
        <v>2</v>
      </c>
      <c r="C5803" s="16">
        <v>5769</v>
      </c>
      <c r="D5803" cm="1">
        <f t="array" ref="D5803">IFERROR(INDEX(Jesper!AH$2:AH$366,ROUNDDOWN($C5803/24,0)+1,1)*INDEX($D$3:$AA$30,INDEX(Jesper!$R$2:$R$366,ROW(INDEX(Jesper!AH$2:AH$366,ROUNDDOWN($C5803/24,0)+1,1))-1)+IF('Standard Profiles'!$G$18=$B$10,7,0)+IF('Standard Profiles'!$G$18=$B$17,14,0)+IF('Standard Profiles'!$G$18=$B$24,21,0),MOD($C5803,24)+1)/SUM(INDEX($D$3:$AA$30,INDEX(Jesper!$R$2:$R$366,ROW(INDEX(Jesper!AH$2:AH$366,ROUNDDOWN($C5803/24,0)+1,1))-1)+IF('Standard Profiles'!$G$18=$B$10,7,0)+IF('Standard Profiles'!$G$18=$B$17,14,0)+IF('Standard Profiles'!$G$18=$B$24,21,0),0)),0)</f>
        <v>27.831122889443662</v>
      </c>
      <c r="E5803" cm="1">
        <f t="array" ref="E5803">IFERROR(INDEX(Jesper!AI$2:AI$366,ROUNDDOWN($C5803/24,0)+1,1)*INDEX($D$3:$AA$30,INDEX(Jesper!$R$2:$R$366,ROW(INDEX(Jesper!AI$2:AI$366,ROUNDDOWN($C5803/24,0)+1,1))-1)+IF('Standard Profiles'!$G$19=$B$10,7,0)+IF('Standard Profiles'!$G$19=$B$17,14,0)+IF('Standard Profiles'!$G$19=$B$24,21,0),MOD($C5803,24)+1)/SUM(INDEX($D$3:$AA$30,INDEX(Jesper!$R$2:$R$366,ROW(INDEX(Jesper!AI$2:AI$366,ROUNDDOWN($C5803/24,0)+1,1))-1)+IF('Standard Profiles'!$G$19=$B$10,7,0)+IF('Standard Profiles'!$G$19=$B$17,14,0)+IF('Standard Profiles'!$G$19=$B$24,21,0),0)),0)</f>
        <v>12.798182322849231</v>
      </c>
      <c r="F5803" cm="1">
        <f t="array" ref="F5803">IFERROR(INDEX(Jesper!AJ$2:AJ$366,ROUNDDOWN($C5803/24,0)+1,1)*INDEX($D$3:$AA$30,INDEX(Jesper!$R$2:$R$366,ROW(INDEX(Jesper!AJ$2:AJ$366,ROUNDDOWN($C5803/24,0)+1,1))-1)+IF('Standard Profiles'!$G$20=$B$10,7,0)+IF('Standard Profiles'!$G$20=$B$17,14,0)+IF('Standard Profiles'!$G$20=$B$24,21,0),MOD($C5803,24)+1)/SUM(INDEX($D$3:$AA$30,INDEX(Jesper!$R$2:$R$366,ROW(INDEX(Jesper!AJ$2:AJ$366,ROUNDDOWN($C5803/24,0)+1,1))-1)+IF('Standard Profiles'!$G$20=$B$10,7,0)+IF('Standard Profiles'!$G$20=$B$17,14,0)+IF('Standard Profiles'!$G$20=$B$24,21,0),0)),0)</f>
        <v>0</v>
      </c>
      <c r="G5803" cm="1">
        <f t="array" ref="G5803">IFERROR(INDEX(Jesper!AK$2:AK$366,ROUNDDOWN($C5803/24,0)+1,1)*INDEX($D$3:$AA$30,INDEX(Jesper!$R$2:$R$366,ROW(INDEX(Jesper!AK$2:AK$366,ROUNDDOWN($C5803/24,0)+1,1))-1)+IF('Standard Profiles'!$G$21=$B$10,7,0)+IF('Standard Profiles'!$G$21=$B$17,14,0)+IF('Standard Profiles'!$G$21=$B$24,21,0),MOD($C5803,24)+1)/SUM(INDEX($D$3:$AA$30,INDEX(Jesper!$R$2:$R$366,ROW(INDEX(Jesper!AK$2:AK$366,ROUNDDOWN($C5803/24,0)+1,1))-1)+IF('Standard Profiles'!$G$21=$B$10,7,0)+IF('Standard Profiles'!$G$21=$B$17,14,0)+IF('Standard Profiles'!$G$21=$B$24,21,0),0)),0)</f>
        <v>1.9598870484575119</v>
      </c>
      <c r="H5803" cm="1">
        <f t="array" ref="H5803">IFERROR(INDEX(Jesper!AL$2:AL$366,ROUNDDOWN($C5803/24,0)+1,1)*INDEX($D$3:$AA$30,INDEX(Jesper!$R$2:$R$366,ROW(INDEX(Jesper!AL$2:AL$366,ROUNDDOWN($C5803/24,0)+1,1))-1)+IF('Standard Profiles'!$G$22=$B$10,7,0)+IF('Standard Profiles'!$G$22=$B$17,14,0)+IF('Standard Profiles'!$G$22=$B$24,21,0),MOD($C5803,24)+1)/SUM(INDEX($D$3:$AA$30,INDEX(Jesper!$R$2:$R$366,ROW(INDEX(Jesper!AL$2:AL$366,ROUNDDOWN($C5803/24,0)+1,1))-1)+IF('Standard Profiles'!$G$22=$B$10,7,0)+IF('Standard Profiles'!$G$22=$B$17,14,0)+IF('Standard Profiles'!$G$22=$B$24,21,0),0)),0)</f>
        <v>0</v>
      </c>
      <c r="I5803">
        <f t="shared" si="650"/>
        <v>0.94074578325960523</v>
      </c>
      <c r="J5803">
        <f t="shared" si="651"/>
        <v>37.195466815179813</v>
      </c>
      <c r="K5803">
        <f t="shared" si="652"/>
        <v>2.9686531082073242</v>
      </c>
      <c r="L5803">
        <f t="shared" si="653"/>
        <v>1.4843265541036621</v>
      </c>
      <c r="M5803">
        <f t="shared" si="654"/>
        <v>0</v>
      </c>
      <c r="N5803" s="45">
        <f t="shared" si="655"/>
        <v>45167.374999986008</v>
      </c>
    </row>
    <row r="5804" spans="2:14" x14ac:dyDescent="0.25">
      <c r="B5804">
        <f t="shared" si="649"/>
        <v>2</v>
      </c>
      <c r="C5804" s="16">
        <v>5770</v>
      </c>
      <c r="D5804" cm="1">
        <f t="array" ref="D5804">IFERROR(INDEX(Jesper!AH$2:AH$366,ROUNDDOWN($C5804/24,0)+1,1)*INDEX($D$3:$AA$30,INDEX(Jesper!$R$2:$R$366,ROW(INDEX(Jesper!AH$2:AH$366,ROUNDDOWN($C5804/24,0)+1,1))-1)+IF('Standard Profiles'!$G$18=$B$10,7,0)+IF('Standard Profiles'!$G$18=$B$17,14,0)+IF('Standard Profiles'!$G$18=$B$24,21,0),MOD($C5804,24)+1)/SUM(INDEX($D$3:$AA$30,INDEX(Jesper!$R$2:$R$366,ROW(INDEX(Jesper!AH$2:AH$366,ROUNDDOWN($C5804/24,0)+1,1))-1)+IF('Standard Profiles'!$G$18=$B$10,7,0)+IF('Standard Profiles'!$G$18=$B$17,14,0)+IF('Standard Profiles'!$G$18=$B$24,21,0),0)),0)</f>
        <v>27.831122889443662</v>
      </c>
      <c r="E5804" cm="1">
        <f t="array" ref="E5804">IFERROR(INDEX(Jesper!AI$2:AI$366,ROUNDDOWN($C5804/24,0)+1,1)*INDEX($D$3:$AA$30,INDEX(Jesper!$R$2:$R$366,ROW(INDEX(Jesper!AI$2:AI$366,ROUNDDOWN($C5804/24,0)+1,1))-1)+IF('Standard Profiles'!$G$19=$B$10,7,0)+IF('Standard Profiles'!$G$19=$B$17,14,0)+IF('Standard Profiles'!$G$19=$B$24,21,0),MOD($C5804,24)+1)/SUM(INDEX($D$3:$AA$30,INDEX(Jesper!$R$2:$R$366,ROW(INDEX(Jesper!AI$2:AI$366,ROUNDDOWN($C5804/24,0)+1,1))-1)+IF('Standard Profiles'!$G$19=$B$10,7,0)+IF('Standard Profiles'!$G$19=$B$17,14,0)+IF('Standard Profiles'!$G$19=$B$24,21,0),0)),0)</f>
        <v>12.798182322849231</v>
      </c>
      <c r="F5804" cm="1">
        <f t="array" ref="F5804">IFERROR(INDEX(Jesper!AJ$2:AJ$366,ROUNDDOWN($C5804/24,0)+1,1)*INDEX($D$3:$AA$30,INDEX(Jesper!$R$2:$R$366,ROW(INDEX(Jesper!AJ$2:AJ$366,ROUNDDOWN($C5804/24,0)+1,1))-1)+IF('Standard Profiles'!$G$20=$B$10,7,0)+IF('Standard Profiles'!$G$20=$B$17,14,0)+IF('Standard Profiles'!$G$20=$B$24,21,0),MOD($C5804,24)+1)/SUM(INDEX($D$3:$AA$30,INDEX(Jesper!$R$2:$R$366,ROW(INDEX(Jesper!AJ$2:AJ$366,ROUNDDOWN($C5804/24,0)+1,1))-1)+IF('Standard Profiles'!$G$20=$B$10,7,0)+IF('Standard Profiles'!$G$20=$B$17,14,0)+IF('Standard Profiles'!$G$20=$B$24,21,0),0)),0)</f>
        <v>0</v>
      </c>
      <c r="G5804" cm="1">
        <f t="array" ref="G5804">IFERROR(INDEX(Jesper!AK$2:AK$366,ROUNDDOWN($C5804/24,0)+1,1)*INDEX($D$3:$AA$30,INDEX(Jesper!$R$2:$R$366,ROW(INDEX(Jesper!AK$2:AK$366,ROUNDDOWN($C5804/24,0)+1,1))-1)+IF('Standard Profiles'!$G$21=$B$10,7,0)+IF('Standard Profiles'!$G$21=$B$17,14,0)+IF('Standard Profiles'!$G$21=$B$24,21,0),MOD($C5804,24)+1)/SUM(INDEX($D$3:$AA$30,INDEX(Jesper!$R$2:$R$366,ROW(INDEX(Jesper!AK$2:AK$366,ROUNDDOWN($C5804/24,0)+1,1))-1)+IF('Standard Profiles'!$G$21=$B$10,7,0)+IF('Standard Profiles'!$G$21=$B$17,14,0)+IF('Standard Profiles'!$G$21=$B$24,21,0),0)),0)</f>
        <v>1.9598870484575119</v>
      </c>
      <c r="H5804" cm="1">
        <f t="array" ref="H5804">IFERROR(INDEX(Jesper!AL$2:AL$366,ROUNDDOWN($C5804/24,0)+1,1)*INDEX($D$3:$AA$30,INDEX(Jesper!$R$2:$R$366,ROW(INDEX(Jesper!AL$2:AL$366,ROUNDDOWN($C5804/24,0)+1,1))-1)+IF('Standard Profiles'!$G$22=$B$10,7,0)+IF('Standard Profiles'!$G$22=$B$17,14,0)+IF('Standard Profiles'!$G$22=$B$24,21,0),MOD($C5804,24)+1)/SUM(INDEX($D$3:$AA$30,INDEX(Jesper!$R$2:$R$366,ROW(INDEX(Jesper!AL$2:AL$366,ROUNDDOWN($C5804/24,0)+1,1))-1)+IF('Standard Profiles'!$G$22=$B$10,7,0)+IF('Standard Profiles'!$G$22=$B$17,14,0)+IF('Standard Profiles'!$G$22=$B$24,21,0),0)),0)</f>
        <v>0</v>
      </c>
      <c r="I5804">
        <f t="shared" si="650"/>
        <v>0.94074578325960523</v>
      </c>
      <c r="J5804">
        <f t="shared" si="651"/>
        <v>37.195466815179813</v>
      </c>
      <c r="K5804">
        <f t="shared" si="652"/>
        <v>2.9686531082073242</v>
      </c>
      <c r="L5804">
        <f t="shared" si="653"/>
        <v>1.4843265541036621</v>
      </c>
      <c r="M5804">
        <f t="shared" si="654"/>
        <v>0</v>
      </c>
      <c r="N5804" s="45">
        <f t="shared" si="655"/>
        <v>45167.416666652673</v>
      </c>
    </row>
    <row r="5805" spans="2:14" x14ac:dyDescent="0.25">
      <c r="B5805">
        <f t="shared" si="649"/>
        <v>2</v>
      </c>
      <c r="C5805" s="16">
        <v>5771</v>
      </c>
      <c r="D5805" cm="1">
        <f t="array" ref="D5805">IFERROR(INDEX(Jesper!AH$2:AH$366,ROUNDDOWN($C5805/24,0)+1,1)*INDEX($D$3:$AA$30,INDEX(Jesper!$R$2:$R$366,ROW(INDEX(Jesper!AH$2:AH$366,ROUNDDOWN($C5805/24,0)+1,1))-1)+IF('Standard Profiles'!$G$18=$B$10,7,0)+IF('Standard Profiles'!$G$18=$B$17,14,0)+IF('Standard Profiles'!$G$18=$B$24,21,0),MOD($C5805,24)+1)/SUM(INDEX($D$3:$AA$30,INDEX(Jesper!$R$2:$R$366,ROW(INDEX(Jesper!AH$2:AH$366,ROUNDDOWN($C5805/24,0)+1,1))-1)+IF('Standard Profiles'!$G$18=$B$10,7,0)+IF('Standard Profiles'!$G$18=$B$17,14,0)+IF('Standard Profiles'!$G$18=$B$24,21,0),0)),0)</f>
        <v>33.302198329248824</v>
      </c>
      <c r="E5805" cm="1">
        <f t="array" ref="E5805">IFERROR(INDEX(Jesper!AI$2:AI$366,ROUNDDOWN($C5805/24,0)+1,1)*INDEX($D$3:$AA$30,INDEX(Jesper!$R$2:$R$366,ROW(INDEX(Jesper!AI$2:AI$366,ROUNDDOWN($C5805/24,0)+1,1))-1)+IF('Standard Profiles'!$G$19=$B$10,7,0)+IF('Standard Profiles'!$G$19=$B$17,14,0)+IF('Standard Profiles'!$G$19=$B$24,21,0),MOD($C5805,24)+1)/SUM(INDEX($D$3:$AA$30,INDEX(Jesper!$R$2:$R$366,ROW(INDEX(Jesper!AI$2:AI$366,ROUNDDOWN($C5805/24,0)+1,1))-1)+IF('Standard Profiles'!$G$19=$B$10,7,0)+IF('Standard Profiles'!$G$19=$B$17,14,0)+IF('Standard Profiles'!$G$19=$B$24,21,0),0)),0)</f>
        <v>15.314064317939248</v>
      </c>
      <c r="F5805" cm="1">
        <f t="array" ref="F5805">IFERROR(INDEX(Jesper!AJ$2:AJ$366,ROUNDDOWN($C5805/24,0)+1,1)*INDEX($D$3:$AA$30,INDEX(Jesper!$R$2:$R$366,ROW(INDEX(Jesper!AJ$2:AJ$366,ROUNDDOWN($C5805/24,0)+1,1))-1)+IF('Standard Profiles'!$G$20=$B$10,7,0)+IF('Standard Profiles'!$G$20=$B$17,14,0)+IF('Standard Profiles'!$G$20=$B$24,21,0),MOD($C5805,24)+1)/SUM(INDEX($D$3:$AA$30,INDEX(Jesper!$R$2:$R$366,ROW(INDEX(Jesper!AJ$2:AJ$366,ROUNDDOWN($C5805/24,0)+1,1))-1)+IF('Standard Profiles'!$G$20=$B$10,7,0)+IF('Standard Profiles'!$G$20=$B$17,14,0)+IF('Standard Profiles'!$G$20=$B$24,21,0),0)),0)</f>
        <v>0</v>
      </c>
      <c r="G5805" cm="1">
        <f t="array" ref="G5805">IFERROR(INDEX(Jesper!AK$2:AK$366,ROUNDDOWN($C5805/24,0)+1,1)*INDEX($D$3:$AA$30,INDEX(Jesper!$R$2:$R$366,ROW(INDEX(Jesper!AK$2:AK$366,ROUNDDOWN($C5805/24,0)+1,1))-1)+IF('Standard Profiles'!$G$21=$B$10,7,0)+IF('Standard Profiles'!$G$21=$B$17,14,0)+IF('Standard Profiles'!$G$21=$B$24,21,0),MOD($C5805,24)+1)/SUM(INDEX($D$3:$AA$30,INDEX(Jesper!$R$2:$R$366,ROW(INDEX(Jesper!AK$2:AK$366,ROUNDDOWN($C5805/24,0)+1,1))-1)+IF('Standard Profiles'!$G$21=$B$10,7,0)+IF('Standard Profiles'!$G$21=$B$17,14,0)+IF('Standard Profiles'!$G$21=$B$24,21,0),0)),0)</f>
        <v>2.3451639896072791</v>
      </c>
      <c r="H5805" cm="1">
        <f t="array" ref="H5805">IFERROR(INDEX(Jesper!AL$2:AL$366,ROUNDDOWN($C5805/24,0)+1,1)*INDEX($D$3:$AA$30,INDEX(Jesper!$R$2:$R$366,ROW(INDEX(Jesper!AL$2:AL$366,ROUNDDOWN($C5805/24,0)+1,1))-1)+IF('Standard Profiles'!$G$22=$B$10,7,0)+IF('Standard Profiles'!$G$22=$B$17,14,0)+IF('Standard Profiles'!$G$22=$B$24,21,0),MOD($C5805,24)+1)/SUM(INDEX($D$3:$AA$30,INDEX(Jesper!$R$2:$R$366,ROW(INDEX(Jesper!AL$2:AL$366,ROUNDDOWN($C5805/24,0)+1,1))-1)+IF('Standard Profiles'!$G$22=$B$10,7,0)+IF('Standard Profiles'!$G$22=$B$17,14,0)+IF('Standard Profiles'!$G$22=$B$24,21,0),0)),0)</f>
        <v>0</v>
      </c>
      <c r="I5805">
        <f t="shared" si="650"/>
        <v>1.1256787150114935</v>
      </c>
      <c r="J5805">
        <f t="shared" si="651"/>
        <v>44.507396189104043</v>
      </c>
      <c r="K5805">
        <f t="shared" si="652"/>
        <v>3.552234488453208</v>
      </c>
      <c r="L5805">
        <f t="shared" si="653"/>
        <v>1.776117244226604</v>
      </c>
      <c r="M5805">
        <f t="shared" si="654"/>
        <v>0</v>
      </c>
      <c r="N5805" s="45">
        <f t="shared" si="655"/>
        <v>45167.458333319337</v>
      </c>
    </row>
    <row r="5806" spans="2:14" x14ac:dyDescent="0.25">
      <c r="B5806">
        <f t="shared" si="649"/>
        <v>2</v>
      </c>
      <c r="C5806" s="16">
        <v>5772</v>
      </c>
      <c r="D5806" cm="1">
        <f t="array" ref="D5806">IFERROR(INDEX(Jesper!AH$2:AH$366,ROUNDDOWN($C5806/24,0)+1,1)*INDEX($D$3:$AA$30,INDEX(Jesper!$R$2:$R$366,ROW(INDEX(Jesper!AH$2:AH$366,ROUNDDOWN($C5806/24,0)+1,1))-1)+IF('Standard Profiles'!$G$18=$B$10,7,0)+IF('Standard Profiles'!$G$18=$B$17,14,0)+IF('Standard Profiles'!$G$18=$B$24,21,0),MOD($C5806,24)+1)/SUM(INDEX($D$3:$AA$30,INDEX(Jesper!$R$2:$R$366,ROW(INDEX(Jesper!AH$2:AH$366,ROUNDDOWN($C5806/24,0)+1,1))-1)+IF('Standard Profiles'!$G$18=$B$10,7,0)+IF('Standard Profiles'!$G$18=$B$17,14,0)+IF('Standard Profiles'!$G$18=$B$24,21,0),0)),0)</f>
        <v>33.302198329248824</v>
      </c>
      <c r="E5806" cm="1">
        <f t="array" ref="E5806">IFERROR(INDEX(Jesper!AI$2:AI$366,ROUNDDOWN($C5806/24,0)+1,1)*INDEX($D$3:$AA$30,INDEX(Jesper!$R$2:$R$366,ROW(INDEX(Jesper!AI$2:AI$366,ROUNDDOWN($C5806/24,0)+1,1))-1)+IF('Standard Profiles'!$G$19=$B$10,7,0)+IF('Standard Profiles'!$G$19=$B$17,14,0)+IF('Standard Profiles'!$G$19=$B$24,21,0),MOD($C5806,24)+1)/SUM(INDEX($D$3:$AA$30,INDEX(Jesper!$R$2:$R$366,ROW(INDEX(Jesper!AI$2:AI$366,ROUNDDOWN($C5806/24,0)+1,1))-1)+IF('Standard Profiles'!$G$19=$B$10,7,0)+IF('Standard Profiles'!$G$19=$B$17,14,0)+IF('Standard Profiles'!$G$19=$B$24,21,0),0)),0)</f>
        <v>15.314064317939248</v>
      </c>
      <c r="F5806" cm="1">
        <f t="array" ref="F5806">IFERROR(INDEX(Jesper!AJ$2:AJ$366,ROUNDDOWN($C5806/24,0)+1,1)*INDEX($D$3:$AA$30,INDEX(Jesper!$R$2:$R$366,ROW(INDEX(Jesper!AJ$2:AJ$366,ROUNDDOWN($C5806/24,0)+1,1))-1)+IF('Standard Profiles'!$G$20=$B$10,7,0)+IF('Standard Profiles'!$G$20=$B$17,14,0)+IF('Standard Profiles'!$G$20=$B$24,21,0),MOD($C5806,24)+1)/SUM(INDEX($D$3:$AA$30,INDEX(Jesper!$R$2:$R$366,ROW(INDEX(Jesper!AJ$2:AJ$366,ROUNDDOWN($C5806/24,0)+1,1))-1)+IF('Standard Profiles'!$G$20=$B$10,7,0)+IF('Standard Profiles'!$G$20=$B$17,14,0)+IF('Standard Profiles'!$G$20=$B$24,21,0),0)),0)</f>
        <v>0</v>
      </c>
      <c r="G5806" cm="1">
        <f t="array" ref="G5806">IFERROR(INDEX(Jesper!AK$2:AK$366,ROUNDDOWN($C5806/24,0)+1,1)*INDEX($D$3:$AA$30,INDEX(Jesper!$R$2:$R$366,ROW(INDEX(Jesper!AK$2:AK$366,ROUNDDOWN($C5806/24,0)+1,1))-1)+IF('Standard Profiles'!$G$21=$B$10,7,0)+IF('Standard Profiles'!$G$21=$B$17,14,0)+IF('Standard Profiles'!$G$21=$B$24,21,0),MOD($C5806,24)+1)/SUM(INDEX($D$3:$AA$30,INDEX(Jesper!$R$2:$R$366,ROW(INDEX(Jesper!AK$2:AK$366,ROUNDDOWN($C5806/24,0)+1,1))-1)+IF('Standard Profiles'!$G$21=$B$10,7,0)+IF('Standard Profiles'!$G$21=$B$17,14,0)+IF('Standard Profiles'!$G$21=$B$24,21,0),0)),0)</f>
        <v>2.3451639896072791</v>
      </c>
      <c r="H5806" cm="1">
        <f t="array" ref="H5806">IFERROR(INDEX(Jesper!AL$2:AL$366,ROUNDDOWN($C5806/24,0)+1,1)*INDEX($D$3:$AA$30,INDEX(Jesper!$R$2:$R$366,ROW(INDEX(Jesper!AL$2:AL$366,ROUNDDOWN($C5806/24,0)+1,1))-1)+IF('Standard Profiles'!$G$22=$B$10,7,0)+IF('Standard Profiles'!$G$22=$B$17,14,0)+IF('Standard Profiles'!$G$22=$B$24,21,0),MOD($C5806,24)+1)/SUM(INDEX($D$3:$AA$30,INDEX(Jesper!$R$2:$R$366,ROW(INDEX(Jesper!AL$2:AL$366,ROUNDDOWN($C5806/24,0)+1,1))-1)+IF('Standard Profiles'!$G$22=$B$10,7,0)+IF('Standard Profiles'!$G$22=$B$17,14,0)+IF('Standard Profiles'!$G$22=$B$24,21,0),0)),0)</f>
        <v>0</v>
      </c>
      <c r="I5806">
        <f t="shared" si="650"/>
        <v>1.1256787150114935</v>
      </c>
      <c r="J5806">
        <f t="shared" si="651"/>
        <v>44.507396189104043</v>
      </c>
      <c r="K5806">
        <f t="shared" si="652"/>
        <v>3.552234488453208</v>
      </c>
      <c r="L5806">
        <f t="shared" si="653"/>
        <v>1.776117244226604</v>
      </c>
      <c r="M5806">
        <f t="shared" si="654"/>
        <v>0</v>
      </c>
      <c r="N5806" s="45">
        <f t="shared" si="655"/>
        <v>45167.499999986001</v>
      </c>
    </row>
    <row r="5807" spans="2:14" x14ac:dyDescent="0.25">
      <c r="B5807">
        <f t="shared" si="649"/>
        <v>2</v>
      </c>
      <c r="C5807" s="16">
        <v>5773</v>
      </c>
      <c r="D5807" cm="1">
        <f t="array" ref="D5807">IFERROR(INDEX(Jesper!AH$2:AH$366,ROUNDDOWN($C5807/24,0)+1,1)*INDEX($D$3:$AA$30,INDEX(Jesper!$R$2:$R$366,ROW(INDEX(Jesper!AH$2:AH$366,ROUNDDOWN($C5807/24,0)+1,1))-1)+IF('Standard Profiles'!$G$18=$B$10,7,0)+IF('Standard Profiles'!$G$18=$B$17,14,0)+IF('Standard Profiles'!$G$18=$B$24,21,0),MOD($C5807,24)+1)/SUM(INDEX($D$3:$AA$30,INDEX(Jesper!$R$2:$R$366,ROW(INDEX(Jesper!AH$2:AH$366,ROUNDDOWN($C5807/24,0)+1,1))-1)+IF('Standard Profiles'!$G$18=$B$10,7,0)+IF('Standard Profiles'!$G$18=$B$17,14,0)+IF('Standard Profiles'!$G$18=$B$24,21,0),0)),0)</f>
        <v>22.122174604429578</v>
      </c>
      <c r="E5807" cm="1">
        <f t="array" ref="E5807">IFERROR(INDEX(Jesper!AI$2:AI$366,ROUNDDOWN($C5807/24,0)+1,1)*INDEX($D$3:$AA$30,INDEX(Jesper!$R$2:$R$366,ROW(INDEX(Jesper!AI$2:AI$366,ROUNDDOWN($C5807/24,0)+1,1))-1)+IF('Standard Profiles'!$G$19=$B$10,7,0)+IF('Standard Profiles'!$G$19=$B$17,14,0)+IF('Standard Profiles'!$G$19=$B$24,21,0),MOD($C5807,24)+1)/SUM(INDEX($D$3:$AA$30,INDEX(Jesper!$R$2:$R$366,ROW(INDEX(Jesper!AI$2:AI$366,ROUNDDOWN($C5807/24,0)+1,1))-1)+IF('Standard Profiles'!$G$19=$B$10,7,0)+IF('Standard Profiles'!$G$19=$B$17,14,0)+IF('Standard Profiles'!$G$19=$B$24,21,0),0)),0)</f>
        <v>10.172914154059645</v>
      </c>
      <c r="F5807" cm="1">
        <f t="array" ref="F5807">IFERROR(INDEX(Jesper!AJ$2:AJ$366,ROUNDDOWN($C5807/24,0)+1,1)*INDEX($D$3:$AA$30,INDEX(Jesper!$R$2:$R$366,ROW(INDEX(Jesper!AJ$2:AJ$366,ROUNDDOWN($C5807/24,0)+1,1))-1)+IF('Standard Profiles'!$G$20=$B$10,7,0)+IF('Standard Profiles'!$G$20=$B$17,14,0)+IF('Standard Profiles'!$G$20=$B$24,21,0),MOD($C5807,24)+1)/SUM(INDEX($D$3:$AA$30,INDEX(Jesper!$R$2:$R$366,ROW(INDEX(Jesper!AJ$2:AJ$366,ROUNDDOWN($C5807/24,0)+1,1))-1)+IF('Standard Profiles'!$G$20=$B$10,7,0)+IF('Standard Profiles'!$G$20=$B$17,14,0)+IF('Standard Profiles'!$G$20=$B$24,21,0),0)),0)</f>
        <v>0</v>
      </c>
      <c r="G5807" cm="1">
        <f t="array" ref="G5807">IFERROR(INDEX(Jesper!AK$2:AK$366,ROUNDDOWN($C5807/24,0)+1,1)*INDEX($D$3:$AA$30,INDEX(Jesper!$R$2:$R$366,ROW(INDEX(Jesper!AK$2:AK$366,ROUNDDOWN($C5807/24,0)+1,1))-1)+IF('Standard Profiles'!$G$21=$B$10,7,0)+IF('Standard Profiles'!$G$21=$B$17,14,0)+IF('Standard Profiles'!$G$21=$B$24,21,0),MOD($C5807,24)+1)/SUM(INDEX($D$3:$AA$30,INDEX(Jesper!$R$2:$R$366,ROW(INDEX(Jesper!AK$2:AK$366,ROUNDDOWN($C5807/24,0)+1,1))-1)+IF('Standard Profiles'!$G$21=$B$10,7,0)+IF('Standard Profiles'!$G$21=$B$17,14,0)+IF('Standard Profiles'!$G$21=$B$24,21,0),0)),0)</f>
        <v>1.5578589359534067</v>
      </c>
      <c r="H5807" cm="1">
        <f t="array" ref="H5807">IFERROR(INDEX(Jesper!AL$2:AL$366,ROUNDDOWN($C5807/24,0)+1,1)*INDEX($D$3:$AA$30,INDEX(Jesper!$R$2:$R$366,ROW(INDEX(Jesper!AL$2:AL$366,ROUNDDOWN($C5807/24,0)+1,1))-1)+IF('Standard Profiles'!$G$22=$B$10,7,0)+IF('Standard Profiles'!$G$22=$B$17,14,0)+IF('Standard Profiles'!$G$22=$B$24,21,0),MOD($C5807,24)+1)/SUM(INDEX($D$3:$AA$30,INDEX(Jesper!$R$2:$R$366,ROW(INDEX(Jesper!AL$2:AL$366,ROUNDDOWN($C5807/24,0)+1,1))-1)+IF('Standard Profiles'!$G$22=$B$10,7,0)+IF('Standard Profiles'!$G$22=$B$17,14,0)+IF('Standard Profiles'!$G$22=$B$24,21,0),0)),0)</f>
        <v>0</v>
      </c>
      <c r="I5807">
        <f t="shared" si="650"/>
        <v>0.74777228925763484</v>
      </c>
      <c r="J5807">
        <f t="shared" si="651"/>
        <v>29.565627468476265</v>
      </c>
      <c r="K5807">
        <f t="shared" si="652"/>
        <v>2.3596986244724882</v>
      </c>
      <c r="L5807">
        <f t="shared" si="653"/>
        <v>1.1798493122362441</v>
      </c>
      <c r="M5807">
        <f t="shared" si="654"/>
        <v>0</v>
      </c>
      <c r="N5807" s="45">
        <f t="shared" si="655"/>
        <v>45167.541666652665</v>
      </c>
    </row>
    <row r="5808" spans="2:14" x14ac:dyDescent="0.25">
      <c r="B5808">
        <f t="shared" si="649"/>
        <v>2</v>
      </c>
      <c r="C5808" s="16">
        <v>5774</v>
      </c>
      <c r="D5808" cm="1">
        <f t="array" ref="D5808">IFERROR(INDEX(Jesper!AH$2:AH$366,ROUNDDOWN($C5808/24,0)+1,1)*INDEX($D$3:$AA$30,INDEX(Jesper!$R$2:$R$366,ROW(INDEX(Jesper!AH$2:AH$366,ROUNDDOWN($C5808/24,0)+1,1))-1)+IF('Standard Profiles'!$G$18=$B$10,7,0)+IF('Standard Profiles'!$G$18=$B$17,14,0)+IF('Standard Profiles'!$G$18=$B$24,21,0),MOD($C5808,24)+1)/SUM(INDEX($D$3:$AA$30,INDEX(Jesper!$R$2:$R$366,ROW(INDEX(Jesper!AH$2:AH$366,ROUNDDOWN($C5808/24,0)+1,1))-1)+IF('Standard Profiles'!$G$18=$B$10,7,0)+IF('Standard Profiles'!$G$18=$B$17,14,0)+IF('Standard Profiles'!$G$18=$B$24,21,0),0)),0)</f>
        <v>33.302198329248824</v>
      </c>
      <c r="E5808" cm="1">
        <f t="array" ref="E5808">IFERROR(INDEX(Jesper!AI$2:AI$366,ROUNDDOWN($C5808/24,0)+1,1)*INDEX($D$3:$AA$30,INDEX(Jesper!$R$2:$R$366,ROW(INDEX(Jesper!AI$2:AI$366,ROUNDDOWN($C5808/24,0)+1,1))-1)+IF('Standard Profiles'!$G$19=$B$10,7,0)+IF('Standard Profiles'!$G$19=$B$17,14,0)+IF('Standard Profiles'!$G$19=$B$24,21,0),MOD($C5808,24)+1)/SUM(INDEX($D$3:$AA$30,INDEX(Jesper!$R$2:$R$366,ROW(INDEX(Jesper!AI$2:AI$366,ROUNDDOWN($C5808/24,0)+1,1))-1)+IF('Standard Profiles'!$G$19=$B$10,7,0)+IF('Standard Profiles'!$G$19=$B$17,14,0)+IF('Standard Profiles'!$G$19=$B$24,21,0),0)),0)</f>
        <v>15.314064317939248</v>
      </c>
      <c r="F5808" cm="1">
        <f t="array" ref="F5808">IFERROR(INDEX(Jesper!AJ$2:AJ$366,ROUNDDOWN($C5808/24,0)+1,1)*INDEX($D$3:$AA$30,INDEX(Jesper!$R$2:$R$366,ROW(INDEX(Jesper!AJ$2:AJ$366,ROUNDDOWN($C5808/24,0)+1,1))-1)+IF('Standard Profiles'!$G$20=$B$10,7,0)+IF('Standard Profiles'!$G$20=$B$17,14,0)+IF('Standard Profiles'!$G$20=$B$24,21,0),MOD($C5808,24)+1)/SUM(INDEX($D$3:$AA$30,INDEX(Jesper!$R$2:$R$366,ROW(INDEX(Jesper!AJ$2:AJ$366,ROUNDDOWN($C5808/24,0)+1,1))-1)+IF('Standard Profiles'!$G$20=$B$10,7,0)+IF('Standard Profiles'!$G$20=$B$17,14,0)+IF('Standard Profiles'!$G$20=$B$24,21,0),0)),0)</f>
        <v>0</v>
      </c>
      <c r="G5808" cm="1">
        <f t="array" ref="G5808">IFERROR(INDEX(Jesper!AK$2:AK$366,ROUNDDOWN($C5808/24,0)+1,1)*INDEX($D$3:$AA$30,INDEX(Jesper!$R$2:$R$366,ROW(INDEX(Jesper!AK$2:AK$366,ROUNDDOWN($C5808/24,0)+1,1))-1)+IF('Standard Profiles'!$G$21=$B$10,7,0)+IF('Standard Profiles'!$G$21=$B$17,14,0)+IF('Standard Profiles'!$G$21=$B$24,21,0),MOD($C5808,24)+1)/SUM(INDEX($D$3:$AA$30,INDEX(Jesper!$R$2:$R$366,ROW(INDEX(Jesper!AK$2:AK$366,ROUNDDOWN($C5808/24,0)+1,1))-1)+IF('Standard Profiles'!$G$21=$B$10,7,0)+IF('Standard Profiles'!$G$21=$B$17,14,0)+IF('Standard Profiles'!$G$21=$B$24,21,0),0)),0)</f>
        <v>2.3451639896072791</v>
      </c>
      <c r="H5808" cm="1">
        <f t="array" ref="H5808">IFERROR(INDEX(Jesper!AL$2:AL$366,ROUNDDOWN($C5808/24,0)+1,1)*INDEX($D$3:$AA$30,INDEX(Jesper!$R$2:$R$366,ROW(INDEX(Jesper!AL$2:AL$366,ROUNDDOWN($C5808/24,0)+1,1))-1)+IF('Standard Profiles'!$G$22=$B$10,7,0)+IF('Standard Profiles'!$G$22=$B$17,14,0)+IF('Standard Profiles'!$G$22=$B$24,21,0),MOD($C5808,24)+1)/SUM(INDEX($D$3:$AA$30,INDEX(Jesper!$R$2:$R$366,ROW(INDEX(Jesper!AL$2:AL$366,ROUNDDOWN($C5808/24,0)+1,1))-1)+IF('Standard Profiles'!$G$22=$B$10,7,0)+IF('Standard Profiles'!$G$22=$B$17,14,0)+IF('Standard Profiles'!$G$22=$B$24,21,0),0)),0)</f>
        <v>0</v>
      </c>
      <c r="I5808">
        <f t="shared" si="650"/>
        <v>1.1256787150114935</v>
      </c>
      <c r="J5808">
        <f t="shared" si="651"/>
        <v>44.507396189104043</v>
      </c>
      <c r="K5808">
        <f t="shared" si="652"/>
        <v>3.552234488453208</v>
      </c>
      <c r="L5808">
        <f t="shared" si="653"/>
        <v>1.776117244226604</v>
      </c>
      <c r="M5808">
        <f t="shared" si="654"/>
        <v>0</v>
      </c>
      <c r="N5808" s="45">
        <f t="shared" si="655"/>
        <v>45167.58333331933</v>
      </c>
    </row>
    <row r="5809" spans="2:14" x14ac:dyDescent="0.25">
      <c r="B5809">
        <f t="shared" si="649"/>
        <v>2</v>
      </c>
      <c r="C5809" s="16">
        <v>5775</v>
      </c>
      <c r="D5809" cm="1">
        <f t="array" ref="D5809">IFERROR(INDEX(Jesper!AH$2:AH$366,ROUNDDOWN($C5809/24,0)+1,1)*INDEX($D$3:$AA$30,INDEX(Jesper!$R$2:$R$366,ROW(INDEX(Jesper!AH$2:AH$366,ROUNDDOWN($C5809/24,0)+1,1))-1)+IF('Standard Profiles'!$G$18=$B$10,7,0)+IF('Standard Profiles'!$G$18=$B$17,14,0)+IF('Standard Profiles'!$G$18=$B$24,21,0),MOD($C5809,24)+1)/SUM(INDEX($D$3:$AA$30,INDEX(Jesper!$R$2:$R$366,ROW(INDEX(Jesper!AH$2:AH$366,ROUNDDOWN($C5809/24,0)+1,1))-1)+IF('Standard Profiles'!$G$18=$B$10,7,0)+IF('Standard Profiles'!$G$18=$B$17,14,0)+IF('Standard Profiles'!$G$18=$B$24,21,0),0)),0)</f>
        <v>33.302198329248824</v>
      </c>
      <c r="E5809" cm="1">
        <f t="array" ref="E5809">IFERROR(INDEX(Jesper!AI$2:AI$366,ROUNDDOWN($C5809/24,0)+1,1)*INDEX($D$3:$AA$30,INDEX(Jesper!$R$2:$R$366,ROW(INDEX(Jesper!AI$2:AI$366,ROUNDDOWN($C5809/24,0)+1,1))-1)+IF('Standard Profiles'!$G$19=$B$10,7,0)+IF('Standard Profiles'!$G$19=$B$17,14,0)+IF('Standard Profiles'!$G$19=$B$24,21,0),MOD($C5809,24)+1)/SUM(INDEX($D$3:$AA$30,INDEX(Jesper!$R$2:$R$366,ROW(INDEX(Jesper!AI$2:AI$366,ROUNDDOWN($C5809/24,0)+1,1))-1)+IF('Standard Profiles'!$G$19=$B$10,7,0)+IF('Standard Profiles'!$G$19=$B$17,14,0)+IF('Standard Profiles'!$G$19=$B$24,21,0),0)),0)</f>
        <v>15.314064317939248</v>
      </c>
      <c r="F5809" cm="1">
        <f t="array" ref="F5809">IFERROR(INDEX(Jesper!AJ$2:AJ$366,ROUNDDOWN($C5809/24,0)+1,1)*INDEX($D$3:$AA$30,INDEX(Jesper!$R$2:$R$366,ROW(INDEX(Jesper!AJ$2:AJ$366,ROUNDDOWN($C5809/24,0)+1,1))-1)+IF('Standard Profiles'!$G$20=$B$10,7,0)+IF('Standard Profiles'!$G$20=$B$17,14,0)+IF('Standard Profiles'!$G$20=$B$24,21,0),MOD($C5809,24)+1)/SUM(INDEX($D$3:$AA$30,INDEX(Jesper!$R$2:$R$366,ROW(INDEX(Jesper!AJ$2:AJ$366,ROUNDDOWN($C5809/24,0)+1,1))-1)+IF('Standard Profiles'!$G$20=$B$10,7,0)+IF('Standard Profiles'!$G$20=$B$17,14,0)+IF('Standard Profiles'!$G$20=$B$24,21,0),0)),0)</f>
        <v>0</v>
      </c>
      <c r="G5809" cm="1">
        <f t="array" ref="G5809">IFERROR(INDEX(Jesper!AK$2:AK$366,ROUNDDOWN($C5809/24,0)+1,1)*INDEX($D$3:$AA$30,INDEX(Jesper!$R$2:$R$366,ROW(INDEX(Jesper!AK$2:AK$366,ROUNDDOWN($C5809/24,0)+1,1))-1)+IF('Standard Profiles'!$G$21=$B$10,7,0)+IF('Standard Profiles'!$G$21=$B$17,14,0)+IF('Standard Profiles'!$G$21=$B$24,21,0),MOD($C5809,24)+1)/SUM(INDEX($D$3:$AA$30,INDEX(Jesper!$R$2:$R$366,ROW(INDEX(Jesper!AK$2:AK$366,ROUNDDOWN($C5809/24,0)+1,1))-1)+IF('Standard Profiles'!$G$21=$B$10,7,0)+IF('Standard Profiles'!$G$21=$B$17,14,0)+IF('Standard Profiles'!$G$21=$B$24,21,0),0)),0)</f>
        <v>2.3451639896072791</v>
      </c>
      <c r="H5809" cm="1">
        <f t="array" ref="H5809">IFERROR(INDEX(Jesper!AL$2:AL$366,ROUNDDOWN($C5809/24,0)+1,1)*INDEX($D$3:$AA$30,INDEX(Jesper!$R$2:$R$366,ROW(INDEX(Jesper!AL$2:AL$366,ROUNDDOWN($C5809/24,0)+1,1))-1)+IF('Standard Profiles'!$G$22=$B$10,7,0)+IF('Standard Profiles'!$G$22=$B$17,14,0)+IF('Standard Profiles'!$G$22=$B$24,21,0),MOD($C5809,24)+1)/SUM(INDEX($D$3:$AA$30,INDEX(Jesper!$R$2:$R$366,ROW(INDEX(Jesper!AL$2:AL$366,ROUNDDOWN($C5809/24,0)+1,1))-1)+IF('Standard Profiles'!$G$22=$B$10,7,0)+IF('Standard Profiles'!$G$22=$B$17,14,0)+IF('Standard Profiles'!$G$22=$B$24,21,0),0)),0)</f>
        <v>0</v>
      </c>
      <c r="I5809">
        <f t="shared" si="650"/>
        <v>1.1256787150114935</v>
      </c>
      <c r="J5809">
        <f t="shared" si="651"/>
        <v>44.507396189104043</v>
      </c>
      <c r="K5809">
        <f t="shared" si="652"/>
        <v>3.552234488453208</v>
      </c>
      <c r="L5809">
        <f t="shared" si="653"/>
        <v>1.776117244226604</v>
      </c>
      <c r="M5809">
        <f t="shared" si="654"/>
        <v>0</v>
      </c>
      <c r="N5809" s="45">
        <f t="shared" si="655"/>
        <v>45167.624999985994</v>
      </c>
    </row>
    <row r="5810" spans="2:14" x14ac:dyDescent="0.25">
      <c r="B5810">
        <f t="shared" si="649"/>
        <v>2</v>
      </c>
      <c r="C5810" s="16">
        <v>5776</v>
      </c>
      <c r="D5810" cm="1">
        <f t="array" ref="D5810">IFERROR(INDEX(Jesper!AH$2:AH$366,ROUNDDOWN($C5810/24,0)+1,1)*INDEX($D$3:$AA$30,INDEX(Jesper!$R$2:$R$366,ROW(INDEX(Jesper!AH$2:AH$366,ROUNDDOWN($C5810/24,0)+1,1))-1)+IF('Standard Profiles'!$G$18=$B$10,7,0)+IF('Standard Profiles'!$G$18=$B$17,14,0)+IF('Standard Profiles'!$G$18=$B$24,21,0),MOD($C5810,24)+1)/SUM(INDEX($D$3:$AA$30,INDEX(Jesper!$R$2:$R$366,ROW(INDEX(Jesper!AH$2:AH$366,ROUNDDOWN($C5810/24,0)+1,1))-1)+IF('Standard Profiles'!$G$18=$B$10,7,0)+IF('Standard Profiles'!$G$18=$B$17,14,0)+IF('Standard Profiles'!$G$18=$B$24,21,0),0)),0)</f>
        <v>19.624509729735916</v>
      </c>
      <c r="E5810" cm="1">
        <f t="array" ref="E5810">IFERROR(INDEX(Jesper!AI$2:AI$366,ROUNDDOWN($C5810/24,0)+1,1)*INDEX($D$3:$AA$30,INDEX(Jesper!$R$2:$R$366,ROW(INDEX(Jesper!AI$2:AI$366,ROUNDDOWN($C5810/24,0)+1,1))-1)+IF('Standard Profiles'!$G$19=$B$10,7,0)+IF('Standard Profiles'!$G$19=$B$17,14,0)+IF('Standard Profiles'!$G$19=$B$24,21,0),MOD($C5810,24)+1)/SUM(INDEX($D$3:$AA$30,INDEX(Jesper!$R$2:$R$366,ROW(INDEX(Jesper!AI$2:AI$366,ROUNDDOWN($C5810/24,0)+1,1))-1)+IF('Standard Profiles'!$G$19=$B$10,7,0)+IF('Standard Profiles'!$G$19=$B$17,14,0)+IF('Standard Profiles'!$G$19=$B$24,21,0),0)),0)</f>
        <v>9.0243593302142013</v>
      </c>
      <c r="F5810" cm="1">
        <f t="array" ref="F5810">IFERROR(INDEX(Jesper!AJ$2:AJ$366,ROUNDDOWN($C5810/24,0)+1,1)*INDEX($D$3:$AA$30,INDEX(Jesper!$R$2:$R$366,ROW(INDEX(Jesper!AJ$2:AJ$366,ROUNDDOWN($C5810/24,0)+1,1))-1)+IF('Standard Profiles'!$G$20=$B$10,7,0)+IF('Standard Profiles'!$G$20=$B$17,14,0)+IF('Standard Profiles'!$G$20=$B$24,21,0),MOD($C5810,24)+1)/SUM(INDEX($D$3:$AA$30,INDEX(Jesper!$R$2:$R$366,ROW(INDEX(Jesper!AJ$2:AJ$366,ROUNDDOWN($C5810/24,0)+1,1))-1)+IF('Standard Profiles'!$G$20=$B$10,7,0)+IF('Standard Profiles'!$G$20=$B$17,14,0)+IF('Standard Profiles'!$G$20=$B$24,21,0),0)),0)</f>
        <v>0</v>
      </c>
      <c r="G5810" cm="1">
        <f t="array" ref="G5810">IFERROR(INDEX(Jesper!AK$2:AK$366,ROUNDDOWN($C5810/24,0)+1,1)*INDEX($D$3:$AA$30,INDEX(Jesper!$R$2:$R$366,ROW(INDEX(Jesper!AK$2:AK$366,ROUNDDOWN($C5810/24,0)+1,1))-1)+IF('Standard Profiles'!$G$21=$B$10,7,0)+IF('Standard Profiles'!$G$21=$B$17,14,0)+IF('Standard Profiles'!$G$21=$B$24,21,0),MOD($C5810,24)+1)/SUM(INDEX($D$3:$AA$30,INDEX(Jesper!$R$2:$R$366,ROW(INDEX(Jesper!AK$2:AK$366,ROUNDDOWN($C5810/24,0)+1,1))-1)+IF('Standard Profiles'!$G$21=$B$10,7,0)+IF('Standard Profiles'!$G$21=$B$17,14,0)+IF('Standard Profiles'!$G$21=$B$24,21,0),0)),0)</f>
        <v>1.9602434563586681</v>
      </c>
      <c r="H5810" cm="1">
        <f t="array" ref="H5810">IFERROR(INDEX(Jesper!AL$2:AL$366,ROUNDDOWN($C5810/24,0)+1,1)*INDEX($D$3:$AA$30,INDEX(Jesper!$R$2:$R$366,ROW(INDEX(Jesper!AL$2:AL$366,ROUNDDOWN($C5810/24,0)+1,1))-1)+IF('Standard Profiles'!$G$22=$B$10,7,0)+IF('Standard Profiles'!$G$22=$B$17,14,0)+IF('Standard Profiles'!$G$22=$B$24,21,0),MOD($C5810,24)+1)/SUM(INDEX($D$3:$AA$30,INDEX(Jesper!$R$2:$R$366,ROW(INDEX(Jesper!AL$2:AL$366,ROUNDDOWN($C5810/24,0)+1,1))-1)+IF('Standard Profiles'!$G$22=$B$10,7,0)+IF('Standard Profiles'!$G$22=$B$17,14,0)+IF('Standard Profiles'!$G$22=$B$24,21,0),0)),0)</f>
        <v>0</v>
      </c>
      <c r="I5810">
        <f t="shared" si="650"/>
        <v>0.94091685905216027</v>
      </c>
      <c r="J5810">
        <f t="shared" si="651"/>
        <v>26.528274100498876</v>
      </c>
      <c r="K5810">
        <f t="shared" si="652"/>
        <v>2.0932810378384978</v>
      </c>
      <c r="L5810">
        <f t="shared" si="653"/>
        <v>1.0466405189192489</v>
      </c>
      <c r="M5810">
        <f t="shared" si="654"/>
        <v>0</v>
      </c>
      <c r="N5810" s="45">
        <f t="shared" si="655"/>
        <v>45167.666666652658</v>
      </c>
    </row>
    <row r="5811" spans="2:14" x14ac:dyDescent="0.25">
      <c r="B5811">
        <f t="shared" si="649"/>
        <v>2</v>
      </c>
      <c r="C5811" s="16">
        <v>5777</v>
      </c>
      <c r="D5811" cm="1">
        <f t="array" ref="D5811">IFERROR(INDEX(Jesper!AH$2:AH$366,ROUNDDOWN($C5811/24,0)+1,1)*INDEX($D$3:$AA$30,INDEX(Jesper!$R$2:$R$366,ROW(INDEX(Jesper!AH$2:AH$366,ROUNDDOWN($C5811/24,0)+1,1))-1)+IF('Standard Profiles'!$G$18=$B$10,7,0)+IF('Standard Profiles'!$G$18=$B$17,14,0)+IF('Standard Profiles'!$G$18=$B$24,21,0),MOD($C5811,24)+1)/SUM(INDEX($D$3:$AA$30,INDEX(Jesper!$R$2:$R$366,ROW(INDEX(Jesper!AH$2:AH$366,ROUNDDOWN($C5811/24,0)+1,1))-1)+IF('Standard Profiles'!$G$18=$B$10,7,0)+IF('Standard Profiles'!$G$18=$B$17,14,0)+IF('Standard Profiles'!$G$18=$B$24,21,0),0)),0)</f>
        <v>8.3758044087647967</v>
      </c>
      <c r="E5811" cm="1">
        <f t="array" ref="E5811">IFERROR(INDEX(Jesper!AI$2:AI$366,ROUNDDOWN($C5811/24,0)+1,1)*INDEX($D$3:$AA$30,INDEX(Jesper!$R$2:$R$366,ROW(INDEX(Jesper!AI$2:AI$366,ROUNDDOWN($C5811/24,0)+1,1))-1)+IF('Standard Profiles'!$G$19=$B$10,7,0)+IF('Standard Profiles'!$G$19=$B$17,14,0)+IF('Standard Profiles'!$G$19=$B$24,21,0),MOD($C5811,24)+1)/SUM(INDEX($D$3:$AA$30,INDEX(Jesper!$R$2:$R$366,ROW(INDEX(Jesper!AI$2:AI$366,ROUNDDOWN($C5811/24,0)+1,1))-1)+IF('Standard Profiles'!$G$19=$B$10,7,0)+IF('Standard Profiles'!$G$19=$B$17,14,0)+IF('Standard Profiles'!$G$19=$B$24,21,0),0)),0)</f>
        <v>3.8516258344917631</v>
      </c>
      <c r="F5811" cm="1">
        <f t="array" ref="F5811">IFERROR(INDEX(Jesper!AJ$2:AJ$366,ROUNDDOWN($C5811/24,0)+1,1)*INDEX($D$3:$AA$30,INDEX(Jesper!$R$2:$R$366,ROW(INDEX(Jesper!AJ$2:AJ$366,ROUNDDOWN($C5811/24,0)+1,1))-1)+IF('Standard Profiles'!$G$20=$B$10,7,0)+IF('Standard Profiles'!$G$20=$B$17,14,0)+IF('Standard Profiles'!$G$20=$B$24,21,0),MOD($C5811,24)+1)/SUM(INDEX($D$3:$AA$30,INDEX(Jesper!$R$2:$R$366,ROW(INDEX(Jesper!AJ$2:AJ$366,ROUNDDOWN($C5811/24,0)+1,1))-1)+IF('Standard Profiles'!$G$20=$B$10,7,0)+IF('Standard Profiles'!$G$20=$B$17,14,0)+IF('Standard Profiles'!$G$20=$B$24,21,0),0)),0)</f>
        <v>0</v>
      </c>
      <c r="G5811" cm="1">
        <f t="array" ref="G5811">IFERROR(INDEX(Jesper!AK$2:AK$366,ROUNDDOWN($C5811/24,0)+1,1)*INDEX($D$3:$AA$30,INDEX(Jesper!$R$2:$R$366,ROW(INDEX(Jesper!AK$2:AK$366,ROUNDDOWN($C5811/24,0)+1,1))-1)+IF('Standard Profiles'!$G$21=$B$10,7,0)+IF('Standard Profiles'!$G$21=$B$17,14,0)+IF('Standard Profiles'!$G$21=$B$24,21,0),MOD($C5811,24)+1)/SUM(INDEX($D$3:$AA$30,INDEX(Jesper!$R$2:$R$366,ROW(INDEX(Jesper!AK$2:AK$366,ROUNDDOWN($C5811/24,0)+1,1))-1)+IF('Standard Profiles'!$G$21=$B$10,7,0)+IF('Standard Profiles'!$G$21=$B$17,14,0)+IF('Standard Profiles'!$G$21=$B$24,21,0),0)),0)</f>
        <v>1.557502528052251</v>
      </c>
      <c r="H5811" cm="1">
        <f t="array" ref="H5811">IFERROR(INDEX(Jesper!AL$2:AL$366,ROUNDDOWN($C5811/24,0)+1,1)*INDEX($D$3:$AA$30,INDEX(Jesper!$R$2:$R$366,ROW(INDEX(Jesper!AL$2:AL$366,ROUNDDOWN($C5811/24,0)+1,1))-1)+IF('Standard Profiles'!$G$22=$B$10,7,0)+IF('Standard Profiles'!$G$22=$B$17,14,0)+IF('Standard Profiles'!$G$22=$B$24,21,0),MOD($C5811,24)+1)/SUM(INDEX($D$3:$AA$30,INDEX(Jesper!$R$2:$R$366,ROW(INDEX(Jesper!AL$2:AL$366,ROUNDDOWN($C5811/24,0)+1,1))-1)+IF('Standard Profiles'!$G$22=$B$10,7,0)+IF('Standard Profiles'!$G$22=$B$17,14,0)+IF('Standard Profiles'!$G$22=$B$24,21,0),0)),0)</f>
        <v>0</v>
      </c>
      <c r="I5811">
        <f t="shared" si="650"/>
        <v>0.74760121346508013</v>
      </c>
      <c r="J5811">
        <f t="shared" si="651"/>
        <v>11.697202852441363</v>
      </c>
      <c r="K5811">
        <f t="shared" si="652"/>
        <v>0.89341913693491171</v>
      </c>
      <c r="L5811">
        <f t="shared" si="653"/>
        <v>0.44670956846745585</v>
      </c>
      <c r="M5811">
        <f t="shared" si="654"/>
        <v>0</v>
      </c>
      <c r="N5811" s="45">
        <f t="shared" si="655"/>
        <v>45167.708333319322</v>
      </c>
    </row>
    <row r="5812" spans="2:14" x14ac:dyDescent="0.25">
      <c r="B5812">
        <f t="shared" si="649"/>
        <v>2</v>
      </c>
      <c r="C5812" s="16">
        <v>5778</v>
      </c>
      <c r="D5812" cm="1">
        <f t="array" ref="D5812">IFERROR(INDEX(Jesper!AH$2:AH$366,ROUNDDOWN($C5812/24,0)+1,1)*INDEX($D$3:$AA$30,INDEX(Jesper!$R$2:$R$366,ROW(INDEX(Jesper!AH$2:AH$366,ROUNDDOWN($C5812/24,0)+1,1))-1)+IF('Standard Profiles'!$G$18=$B$10,7,0)+IF('Standard Profiles'!$G$18=$B$17,14,0)+IF('Standard Profiles'!$G$18=$B$24,21,0),MOD($C5812,24)+1)/SUM(INDEX($D$3:$AA$30,INDEX(Jesper!$R$2:$R$366,ROW(INDEX(Jesper!AH$2:AH$366,ROUNDDOWN($C5812/24,0)+1,1))-1)+IF('Standard Profiles'!$G$18=$B$10,7,0)+IF('Standard Profiles'!$G$18=$B$17,14,0)+IF('Standard Profiles'!$G$18=$B$24,21,0),0)),0)</f>
        <v>5.5280309097847651</v>
      </c>
      <c r="E5812" cm="1">
        <f t="array" ref="E5812">IFERROR(INDEX(Jesper!AI$2:AI$366,ROUNDDOWN($C5812/24,0)+1,1)*INDEX($D$3:$AA$30,INDEX(Jesper!$R$2:$R$366,ROW(INDEX(Jesper!AI$2:AI$366,ROUNDDOWN($C5812/24,0)+1,1))-1)+IF('Standard Profiles'!$G$19=$B$10,7,0)+IF('Standard Profiles'!$G$19=$B$17,14,0)+IF('Standard Profiles'!$G$19=$B$24,21,0),MOD($C5812,24)+1)/SUM(INDEX($D$3:$AA$30,INDEX(Jesper!$R$2:$R$366,ROW(INDEX(Jesper!AI$2:AI$366,ROUNDDOWN($C5812/24,0)+1,1))-1)+IF('Standard Profiles'!$G$19=$B$10,7,0)+IF('Standard Profiles'!$G$19=$B$17,14,0)+IF('Standard Profiles'!$G$19=$B$24,21,0),0)),0)</f>
        <v>2.5420730507645635</v>
      </c>
      <c r="F5812" cm="1">
        <f t="array" ref="F5812">IFERROR(INDEX(Jesper!AJ$2:AJ$366,ROUNDDOWN($C5812/24,0)+1,1)*INDEX($D$3:$AA$30,INDEX(Jesper!$R$2:$R$366,ROW(INDEX(Jesper!AJ$2:AJ$366,ROUNDDOWN($C5812/24,0)+1,1))-1)+IF('Standard Profiles'!$G$20=$B$10,7,0)+IF('Standard Profiles'!$G$20=$B$17,14,0)+IF('Standard Profiles'!$G$20=$B$24,21,0),MOD($C5812,24)+1)/SUM(INDEX($D$3:$AA$30,INDEX(Jesper!$R$2:$R$366,ROW(INDEX(Jesper!AJ$2:AJ$366,ROUNDDOWN($C5812/24,0)+1,1))-1)+IF('Standard Profiles'!$G$20=$B$10,7,0)+IF('Standard Profiles'!$G$20=$B$17,14,0)+IF('Standard Profiles'!$G$20=$B$24,21,0),0)),0)</f>
        <v>0</v>
      </c>
      <c r="G5812" cm="1">
        <f t="array" ref="G5812">IFERROR(INDEX(Jesper!AK$2:AK$366,ROUNDDOWN($C5812/24,0)+1,1)*INDEX($D$3:$AA$30,INDEX(Jesper!$R$2:$R$366,ROW(INDEX(Jesper!AK$2:AK$366,ROUNDDOWN($C5812/24,0)+1,1))-1)+IF('Standard Profiles'!$G$21=$B$10,7,0)+IF('Standard Profiles'!$G$21=$B$17,14,0)+IF('Standard Profiles'!$G$21=$B$24,21,0),MOD($C5812,24)+1)/SUM(INDEX($D$3:$AA$30,INDEX(Jesper!$R$2:$R$366,ROW(INDEX(Jesper!AK$2:AK$366,ROUNDDOWN($C5812/24,0)+1,1))-1)+IF('Standard Profiles'!$G$21=$B$10,7,0)+IF('Standard Profiles'!$G$21=$B$17,14,0)+IF('Standard Profiles'!$G$21=$B$24,21,0),0)),0)</f>
        <v>0.55243224679198832</v>
      </c>
      <c r="H5812" cm="1">
        <f t="array" ref="H5812">IFERROR(INDEX(Jesper!AL$2:AL$366,ROUNDDOWN($C5812/24,0)+1,1)*INDEX($D$3:$AA$30,INDEX(Jesper!$R$2:$R$366,ROW(INDEX(Jesper!AL$2:AL$366,ROUNDDOWN($C5812/24,0)+1,1))-1)+IF('Standard Profiles'!$G$22=$B$10,7,0)+IF('Standard Profiles'!$G$22=$B$17,14,0)+IF('Standard Profiles'!$G$22=$B$24,21,0),MOD($C5812,24)+1)/SUM(INDEX($D$3:$AA$30,INDEX(Jesper!$R$2:$R$366,ROW(INDEX(Jesper!AL$2:AL$366,ROUNDDOWN($C5812/24,0)+1,1))-1)+IF('Standard Profiles'!$G$22=$B$10,7,0)+IF('Standard Profiles'!$G$22=$B$17,14,0)+IF('Standard Profiles'!$G$22=$B$24,21,0),0)),0)</f>
        <v>0</v>
      </c>
      <c r="I5812">
        <f t="shared" si="650"/>
        <v>0.26516747846015426</v>
      </c>
      <c r="J5812">
        <f t="shared" si="651"/>
        <v>7.4728837833156003</v>
      </c>
      <c r="K5812">
        <f t="shared" si="652"/>
        <v>0.58965663037704164</v>
      </c>
      <c r="L5812">
        <f t="shared" si="653"/>
        <v>0.29482831518852082</v>
      </c>
      <c r="M5812">
        <f t="shared" si="654"/>
        <v>0</v>
      </c>
      <c r="N5812" s="45">
        <f t="shared" si="655"/>
        <v>45167.749999985987</v>
      </c>
    </row>
    <row r="5813" spans="2:14" x14ac:dyDescent="0.25">
      <c r="B5813">
        <f t="shared" si="649"/>
        <v>2</v>
      </c>
      <c r="C5813" s="16">
        <v>5779</v>
      </c>
      <c r="D5813" cm="1">
        <f t="array" ref="D5813">IFERROR(INDEX(Jesper!AH$2:AH$366,ROUNDDOWN($C5813/24,0)+1,1)*INDEX($D$3:$AA$30,INDEX(Jesper!$R$2:$R$366,ROW(INDEX(Jesper!AH$2:AH$366,ROUNDDOWN($C5813/24,0)+1,1))-1)+IF('Standard Profiles'!$G$18=$B$10,7,0)+IF('Standard Profiles'!$G$18=$B$17,14,0)+IF('Standard Profiles'!$G$18=$B$24,21,0),MOD($C5813,24)+1)/SUM(INDEX($D$3:$AA$30,INDEX(Jesper!$R$2:$R$366,ROW(INDEX(Jesper!AH$2:AH$366,ROUNDDOWN($C5813/24,0)+1,1))-1)+IF('Standard Profiles'!$G$18=$B$10,7,0)+IF('Standard Profiles'!$G$18=$B$17,14,0)+IF('Standard Profiles'!$G$18=$B$24,21,0),0)),0)</f>
        <v>5.5280309097847651</v>
      </c>
      <c r="E5813" cm="1">
        <f t="array" ref="E5813">IFERROR(INDEX(Jesper!AI$2:AI$366,ROUNDDOWN($C5813/24,0)+1,1)*INDEX($D$3:$AA$30,INDEX(Jesper!$R$2:$R$366,ROW(INDEX(Jesper!AI$2:AI$366,ROUNDDOWN($C5813/24,0)+1,1))-1)+IF('Standard Profiles'!$G$19=$B$10,7,0)+IF('Standard Profiles'!$G$19=$B$17,14,0)+IF('Standard Profiles'!$G$19=$B$24,21,0),MOD($C5813,24)+1)/SUM(INDEX($D$3:$AA$30,INDEX(Jesper!$R$2:$R$366,ROW(INDEX(Jesper!AI$2:AI$366,ROUNDDOWN($C5813/24,0)+1,1))-1)+IF('Standard Profiles'!$G$19=$B$10,7,0)+IF('Standard Profiles'!$G$19=$B$17,14,0)+IF('Standard Profiles'!$G$19=$B$24,21,0),0)),0)</f>
        <v>2.5420730507645635</v>
      </c>
      <c r="F5813" cm="1">
        <f t="array" ref="F5813">IFERROR(INDEX(Jesper!AJ$2:AJ$366,ROUNDDOWN($C5813/24,0)+1,1)*INDEX($D$3:$AA$30,INDEX(Jesper!$R$2:$R$366,ROW(INDEX(Jesper!AJ$2:AJ$366,ROUNDDOWN($C5813/24,0)+1,1))-1)+IF('Standard Profiles'!$G$20=$B$10,7,0)+IF('Standard Profiles'!$G$20=$B$17,14,0)+IF('Standard Profiles'!$G$20=$B$24,21,0),MOD($C5813,24)+1)/SUM(INDEX($D$3:$AA$30,INDEX(Jesper!$R$2:$R$366,ROW(INDEX(Jesper!AJ$2:AJ$366,ROUNDDOWN($C5813/24,0)+1,1))-1)+IF('Standard Profiles'!$G$20=$B$10,7,0)+IF('Standard Profiles'!$G$20=$B$17,14,0)+IF('Standard Profiles'!$G$20=$B$24,21,0),0)),0)</f>
        <v>0</v>
      </c>
      <c r="G5813" cm="1">
        <f t="array" ref="G5813">IFERROR(INDEX(Jesper!AK$2:AK$366,ROUNDDOWN($C5813/24,0)+1,1)*INDEX($D$3:$AA$30,INDEX(Jesper!$R$2:$R$366,ROW(INDEX(Jesper!AK$2:AK$366,ROUNDDOWN($C5813/24,0)+1,1))-1)+IF('Standard Profiles'!$G$21=$B$10,7,0)+IF('Standard Profiles'!$G$21=$B$17,14,0)+IF('Standard Profiles'!$G$21=$B$24,21,0),MOD($C5813,24)+1)/SUM(INDEX($D$3:$AA$30,INDEX(Jesper!$R$2:$R$366,ROW(INDEX(Jesper!AK$2:AK$366,ROUNDDOWN($C5813/24,0)+1,1))-1)+IF('Standard Profiles'!$G$21=$B$10,7,0)+IF('Standard Profiles'!$G$21=$B$17,14,0)+IF('Standard Profiles'!$G$21=$B$24,21,0),0)),0)</f>
        <v>0.55243224679198832</v>
      </c>
      <c r="H5813" cm="1">
        <f t="array" ref="H5813">IFERROR(INDEX(Jesper!AL$2:AL$366,ROUNDDOWN($C5813/24,0)+1,1)*INDEX($D$3:$AA$30,INDEX(Jesper!$R$2:$R$366,ROW(INDEX(Jesper!AL$2:AL$366,ROUNDDOWN($C5813/24,0)+1,1))-1)+IF('Standard Profiles'!$G$22=$B$10,7,0)+IF('Standard Profiles'!$G$22=$B$17,14,0)+IF('Standard Profiles'!$G$22=$B$24,21,0),MOD($C5813,24)+1)/SUM(INDEX($D$3:$AA$30,INDEX(Jesper!$R$2:$R$366,ROW(INDEX(Jesper!AL$2:AL$366,ROUNDDOWN($C5813/24,0)+1,1))-1)+IF('Standard Profiles'!$G$22=$B$10,7,0)+IF('Standard Profiles'!$G$22=$B$17,14,0)+IF('Standard Profiles'!$G$22=$B$24,21,0),0)),0)</f>
        <v>0</v>
      </c>
      <c r="I5813">
        <f t="shared" si="650"/>
        <v>0.26516747846015426</v>
      </c>
      <c r="J5813">
        <f t="shared" si="651"/>
        <v>7.4728837833156003</v>
      </c>
      <c r="K5813">
        <f t="shared" si="652"/>
        <v>0.58965663037704164</v>
      </c>
      <c r="L5813">
        <f t="shared" si="653"/>
        <v>0.29482831518852082</v>
      </c>
      <c r="M5813">
        <f t="shared" si="654"/>
        <v>0</v>
      </c>
      <c r="N5813" s="45">
        <f t="shared" si="655"/>
        <v>45167.791666652651</v>
      </c>
    </row>
    <row r="5814" spans="2:14" x14ac:dyDescent="0.25">
      <c r="B5814">
        <f t="shared" si="649"/>
        <v>2</v>
      </c>
      <c r="C5814" s="16">
        <v>5780</v>
      </c>
      <c r="D5814" cm="1">
        <f t="array" ref="D5814">IFERROR(INDEX(Jesper!AH$2:AH$366,ROUNDDOWN($C5814/24,0)+1,1)*INDEX($D$3:$AA$30,INDEX(Jesper!$R$2:$R$366,ROW(INDEX(Jesper!AH$2:AH$366,ROUNDDOWN($C5814/24,0)+1,1))-1)+IF('Standard Profiles'!$G$18=$B$10,7,0)+IF('Standard Profiles'!$G$18=$B$17,14,0)+IF('Standard Profiles'!$G$18=$B$24,21,0),MOD($C5814,24)+1)/SUM(INDEX($D$3:$AA$30,INDEX(Jesper!$R$2:$R$366,ROW(INDEX(Jesper!AH$2:AH$366,ROUNDDOWN($C5814/24,0)+1,1))-1)+IF('Standard Profiles'!$G$18=$B$10,7,0)+IF('Standard Profiles'!$G$18=$B$17,14,0)+IF('Standard Profiles'!$G$18=$B$24,21,0),0)),0)</f>
        <v>5.5280309097847651</v>
      </c>
      <c r="E5814" cm="1">
        <f t="array" ref="E5814">IFERROR(INDEX(Jesper!AI$2:AI$366,ROUNDDOWN($C5814/24,0)+1,1)*INDEX($D$3:$AA$30,INDEX(Jesper!$R$2:$R$366,ROW(INDEX(Jesper!AI$2:AI$366,ROUNDDOWN($C5814/24,0)+1,1))-1)+IF('Standard Profiles'!$G$19=$B$10,7,0)+IF('Standard Profiles'!$G$19=$B$17,14,0)+IF('Standard Profiles'!$G$19=$B$24,21,0),MOD($C5814,24)+1)/SUM(INDEX($D$3:$AA$30,INDEX(Jesper!$R$2:$R$366,ROW(INDEX(Jesper!AI$2:AI$366,ROUNDDOWN($C5814/24,0)+1,1))-1)+IF('Standard Profiles'!$G$19=$B$10,7,0)+IF('Standard Profiles'!$G$19=$B$17,14,0)+IF('Standard Profiles'!$G$19=$B$24,21,0),0)),0)</f>
        <v>2.5420730507645635</v>
      </c>
      <c r="F5814" cm="1">
        <f t="array" ref="F5814">IFERROR(INDEX(Jesper!AJ$2:AJ$366,ROUNDDOWN($C5814/24,0)+1,1)*INDEX($D$3:$AA$30,INDEX(Jesper!$R$2:$R$366,ROW(INDEX(Jesper!AJ$2:AJ$366,ROUNDDOWN($C5814/24,0)+1,1))-1)+IF('Standard Profiles'!$G$20=$B$10,7,0)+IF('Standard Profiles'!$G$20=$B$17,14,0)+IF('Standard Profiles'!$G$20=$B$24,21,0),MOD($C5814,24)+1)/SUM(INDEX($D$3:$AA$30,INDEX(Jesper!$R$2:$R$366,ROW(INDEX(Jesper!AJ$2:AJ$366,ROUNDDOWN($C5814/24,0)+1,1))-1)+IF('Standard Profiles'!$G$20=$B$10,7,0)+IF('Standard Profiles'!$G$20=$B$17,14,0)+IF('Standard Profiles'!$G$20=$B$24,21,0),0)),0)</f>
        <v>0</v>
      </c>
      <c r="G5814" cm="1">
        <f t="array" ref="G5814">IFERROR(INDEX(Jesper!AK$2:AK$366,ROUNDDOWN($C5814/24,0)+1,1)*INDEX($D$3:$AA$30,INDEX(Jesper!$R$2:$R$366,ROW(INDEX(Jesper!AK$2:AK$366,ROUNDDOWN($C5814/24,0)+1,1))-1)+IF('Standard Profiles'!$G$21=$B$10,7,0)+IF('Standard Profiles'!$G$21=$B$17,14,0)+IF('Standard Profiles'!$G$21=$B$24,21,0),MOD($C5814,24)+1)/SUM(INDEX($D$3:$AA$30,INDEX(Jesper!$R$2:$R$366,ROW(INDEX(Jesper!AK$2:AK$366,ROUNDDOWN($C5814/24,0)+1,1))-1)+IF('Standard Profiles'!$G$21=$B$10,7,0)+IF('Standard Profiles'!$G$21=$B$17,14,0)+IF('Standard Profiles'!$G$21=$B$24,21,0),0)),0)</f>
        <v>0.55243224679198832</v>
      </c>
      <c r="H5814" cm="1">
        <f t="array" ref="H5814">IFERROR(INDEX(Jesper!AL$2:AL$366,ROUNDDOWN($C5814/24,0)+1,1)*INDEX($D$3:$AA$30,INDEX(Jesper!$R$2:$R$366,ROW(INDEX(Jesper!AL$2:AL$366,ROUNDDOWN($C5814/24,0)+1,1))-1)+IF('Standard Profiles'!$G$22=$B$10,7,0)+IF('Standard Profiles'!$G$22=$B$17,14,0)+IF('Standard Profiles'!$G$22=$B$24,21,0),MOD($C5814,24)+1)/SUM(INDEX($D$3:$AA$30,INDEX(Jesper!$R$2:$R$366,ROW(INDEX(Jesper!AL$2:AL$366,ROUNDDOWN($C5814/24,0)+1,1))-1)+IF('Standard Profiles'!$G$22=$B$10,7,0)+IF('Standard Profiles'!$G$22=$B$17,14,0)+IF('Standard Profiles'!$G$22=$B$24,21,0),0)),0)</f>
        <v>0</v>
      </c>
      <c r="I5814">
        <f t="shared" si="650"/>
        <v>0.26516747846015426</v>
      </c>
      <c r="J5814">
        <f t="shared" si="651"/>
        <v>7.4728837833156003</v>
      </c>
      <c r="K5814">
        <f t="shared" si="652"/>
        <v>0.58965663037704164</v>
      </c>
      <c r="L5814">
        <f t="shared" si="653"/>
        <v>0.29482831518852082</v>
      </c>
      <c r="M5814">
        <f t="shared" si="654"/>
        <v>0</v>
      </c>
      <c r="N5814" s="45">
        <f t="shared" si="655"/>
        <v>45167.833333319315</v>
      </c>
    </row>
    <row r="5815" spans="2:14" x14ac:dyDescent="0.25">
      <c r="B5815">
        <f t="shared" si="649"/>
        <v>2</v>
      </c>
      <c r="C5815" s="16">
        <v>5781</v>
      </c>
      <c r="D5815" cm="1">
        <f t="array" ref="D5815">IFERROR(INDEX(Jesper!AH$2:AH$366,ROUNDDOWN($C5815/24,0)+1,1)*INDEX($D$3:$AA$30,INDEX(Jesper!$R$2:$R$366,ROW(INDEX(Jesper!AH$2:AH$366,ROUNDDOWN($C5815/24,0)+1,1))-1)+IF('Standard Profiles'!$G$18=$B$10,7,0)+IF('Standard Profiles'!$G$18=$B$17,14,0)+IF('Standard Profiles'!$G$18=$B$24,21,0),MOD($C5815,24)+1)/SUM(INDEX($D$3:$AA$30,INDEX(Jesper!$R$2:$R$366,ROW(INDEX(Jesper!AH$2:AH$366,ROUNDDOWN($C5815/24,0)+1,1))-1)+IF('Standard Profiles'!$G$18=$B$10,7,0)+IF('Standard Profiles'!$G$18=$B$17,14,0)+IF('Standard Profiles'!$G$18=$B$24,21,0),0)),0)</f>
        <v>5.5280309097847651</v>
      </c>
      <c r="E5815" cm="1">
        <f t="array" ref="E5815">IFERROR(INDEX(Jesper!AI$2:AI$366,ROUNDDOWN($C5815/24,0)+1,1)*INDEX($D$3:$AA$30,INDEX(Jesper!$R$2:$R$366,ROW(INDEX(Jesper!AI$2:AI$366,ROUNDDOWN($C5815/24,0)+1,1))-1)+IF('Standard Profiles'!$G$19=$B$10,7,0)+IF('Standard Profiles'!$G$19=$B$17,14,0)+IF('Standard Profiles'!$G$19=$B$24,21,0),MOD($C5815,24)+1)/SUM(INDEX($D$3:$AA$30,INDEX(Jesper!$R$2:$R$366,ROW(INDEX(Jesper!AI$2:AI$366,ROUNDDOWN($C5815/24,0)+1,1))-1)+IF('Standard Profiles'!$G$19=$B$10,7,0)+IF('Standard Profiles'!$G$19=$B$17,14,0)+IF('Standard Profiles'!$G$19=$B$24,21,0),0)),0)</f>
        <v>2.5420730507645635</v>
      </c>
      <c r="F5815" cm="1">
        <f t="array" ref="F5815">IFERROR(INDEX(Jesper!AJ$2:AJ$366,ROUNDDOWN($C5815/24,0)+1,1)*INDEX($D$3:$AA$30,INDEX(Jesper!$R$2:$R$366,ROW(INDEX(Jesper!AJ$2:AJ$366,ROUNDDOWN($C5815/24,0)+1,1))-1)+IF('Standard Profiles'!$G$20=$B$10,7,0)+IF('Standard Profiles'!$G$20=$B$17,14,0)+IF('Standard Profiles'!$G$20=$B$24,21,0),MOD($C5815,24)+1)/SUM(INDEX($D$3:$AA$30,INDEX(Jesper!$R$2:$R$366,ROW(INDEX(Jesper!AJ$2:AJ$366,ROUNDDOWN($C5815/24,0)+1,1))-1)+IF('Standard Profiles'!$G$20=$B$10,7,0)+IF('Standard Profiles'!$G$20=$B$17,14,0)+IF('Standard Profiles'!$G$20=$B$24,21,0),0)),0)</f>
        <v>0</v>
      </c>
      <c r="G5815" cm="1">
        <f t="array" ref="G5815">IFERROR(INDEX(Jesper!AK$2:AK$366,ROUNDDOWN($C5815/24,0)+1,1)*INDEX($D$3:$AA$30,INDEX(Jesper!$R$2:$R$366,ROW(INDEX(Jesper!AK$2:AK$366,ROUNDDOWN($C5815/24,0)+1,1))-1)+IF('Standard Profiles'!$G$21=$B$10,7,0)+IF('Standard Profiles'!$G$21=$B$17,14,0)+IF('Standard Profiles'!$G$21=$B$24,21,0),MOD($C5815,24)+1)/SUM(INDEX($D$3:$AA$30,INDEX(Jesper!$R$2:$R$366,ROW(INDEX(Jesper!AK$2:AK$366,ROUNDDOWN($C5815/24,0)+1,1))-1)+IF('Standard Profiles'!$G$21=$B$10,7,0)+IF('Standard Profiles'!$G$21=$B$17,14,0)+IF('Standard Profiles'!$G$21=$B$24,21,0),0)),0)</f>
        <v>0.55243224679198832</v>
      </c>
      <c r="H5815" cm="1">
        <f t="array" ref="H5815">IFERROR(INDEX(Jesper!AL$2:AL$366,ROUNDDOWN($C5815/24,0)+1,1)*INDEX($D$3:$AA$30,INDEX(Jesper!$R$2:$R$366,ROW(INDEX(Jesper!AL$2:AL$366,ROUNDDOWN($C5815/24,0)+1,1))-1)+IF('Standard Profiles'!$G$22=$B$10,7,0)+IF('Standard Profiles'!$G$22=$B$17,14,0)+IF('Standard Profiles'!$G$22=$B$24,21,0),MOD($C5815,24)+1)/SUM(INDEX($D$3:$AA$30,INDEX(Jesper!$R$2:$R$366,ROW(INDEX(Jesper!AL$2:AL$366,ROUNDDOWN($C5815/24,0)+1,1))-1)+IF('Standard Profiles'!$G$22=$B$10,7,0)+IF('Standard Profiles'!$G$22=$B$17,14,0)+IF('Standard Profiles'!$G$22=$B$24,21,0),0)),0)</f>
        <v>0</v>
      </c>
      <c r="I5815">
        <f t="shared" si="650"/>
        <v>0.26516747846015426</v>
      </c>
      <c r="J5815">
        <f t="shared" si="651"/>
        <v>7.4728837833156003</v>
      </c>
      <c r="K5815">
        <f t="shared" si="652"/>
        <v>0.58965663037704164</v>
      </c>
      <c r="L5815">
        <f t="shared" si="653"/>
        <v>0.29482831518852082</v>
      </c>
      <c r="M5815">
        <f t="shared" si="654"/>
        <v>0</v>
      </c>
      <c r="N5815" s="45">
        <f t="shared" si="655"/>
        <v>45167.874999985979</v>
      </c>
    </row>
    <row r="5816" spans="2:14" x14ac:dyDescent="0.25">
      <c r="B5816">
        <f t="shared" si="649"/>
        <v>2</v>
      </c>
      <c r="C5816" s="16">
        <v>5782</v>
      </c>
      <c r="D5816" cm="1">
        <f t="array" ref="D5816">IFERROR(INDEX(Jesper!AH$2:AH$366,ROUNDDOWN($C5816/24,0)+1,1)*INDEX($D$3:$AA$30,INDEX(Jesper!$R$2:$R$366,ROW(INDEX(Jesper!AH$2:AH$366,ROUNDDOWN($C5816/24,0)+1,1))-1)+IF('Standard Profiles'!$G$18=$B$10,7,0)+IF('Standard Profiles'!$G$18=$B$17,14,0)+IF('Standard Profiles'!$G$18=$B$24,21,0),MOD($C5816,24)+1)/SUM(INDEX($D$3:$AA$30,INDEX(Jesper!$R$2:$R$366,ROW(INDEX(Jesper!AH$2:AH$366,ROUNDDOWN($C5816/24,0)+1,1))-1)+IF('Standard Profiles'!$G$18=$B$10,7,0)+IF('Standard Profiles'!$G$18=$B$17,14,0)+IF('Standard Profiles'!$G$18=$B$24,21,0),0)),0)</f>
        <v>5.5280309097847651</v>
      </c>
      <c r="E5816" cm="1">
        <f t="array" ref="E5816">IFERROR(INDEX(Jesper!AI$2:AI$366,ROUNDDOWN($C5816/24,0)+1,1)*INDEX($D$3:$AA$30,INDEX(Jesper!$R$2:$R$366,ROW(INDEX(Jesper!AI$2:AI$366,ROUNDDOWN($C5816/24,0)+1,1))-1)+IF('Standard Profiles'!$G$19=$B$10,7,0)+IF('Standard Profiles'!$G$19=$B$17,14,0)+IF('Standard Profiles'!$G$19=$B$24,21,0),MOD($C5816,24)+1)/SUM(INDEX($D$3:$AA$30,INDEX(Jesper!$R$2:$R$366,ROW(INDEX(Jesper!AI$2:AI$366,ROUNDDOWN($C5816/24,0)+1,1))-1)+IF('Standard Profiles'!$G$19=$B$10,7,0)+IF('Standard Profiles'!$G$19=$B$17,14,0)+IF('Standard Profiles'!$G$19=$B$24,21,0),0)),0)</f>
        <v>2.5420730507645635</v>
      </c>
      <c r="F5816" cm="1">
        <f t="array" ref="F5816">IFERROR(INDEX(Jesper!AJ$2:AJ$366,ROUNDDOWN($C5816/24,0)+1,1)*INDEX($D$3:$AA$30,INDEX(Jesper!$R$2:$R$366,ROW(INDEX(Jesper!AJ$2:AJ$366,ROUNDDOWN($C5816/24,0)+1,1))-1)+IF('Standard Profiles'!$G$20=$B$10,7,0)+IF('Standard Profiles'!$G$20=$B$17,14,0)+IF('Standard Profiles'!$G$20=$B$24,21,0),MOD($C5816,24)+1)/SUM(INDEX($D$3:$AA$30,INDEX(Jesper!$R$2:$R$366,ROW(INDEX(Jesper!AJ$2:AJ$366,ROUNDDOWN($C5816/24,0)+1,1))-1)+IF('Standard Profiles'!$G$20=$B$10,7,0)+IF('Standard Profiles'!$G$20=$B$17,14,0)+IF('Standard Profiles'!$G$20=$B$24,21,0),0)),0)</f>
        <v>0</v>
      </c>
      <c r="G5816" cm="1">
        <f t="array" ref="G5816">IFERROR(INDEX(Jesper!AK$2:AK$366,ROUNDDOWN($C5816/24,0)+1,1)*INDEX($D$3:$AA$30,INDEX(Jesper!$R$2:$R$366,ROW(INDEX(Jesper!AK$2:AK$366,ROUNDDOWN($C5816/24,0)+1,1))-1)+IF('Standard Profiles'!$G$21=$B$10,7,0)+IF('Standard Profiles'!$G$21=$B$17,14,0)+IF('Standard Profiles'!$G$21=$B$24,21,0),MOD($C5816,24)+1)/SUM(INDEX($D$3:$AA$30,INDEX(Jesper!$R$2:$R$366,ROW(INDEX(Jesper!AK$2:AK$366,ROUNDDOWN($C5816/24,0)+1,1))-1)+IF('Standard Profiles'!$G$21=$B$10,7,0)+IF('Standard Profiles'!$G$21=$B$17,14,0)+IF('Standard Profiles'!$G$21=$B$24,21,0),0)),0)</f>
        <v>0.55243224679198832</v>
      </c>
      <c r="H5816" cm="1">
        <f t="array" ref="H5816">IFERROR(INDEX(Jesper!AL$2:AL$366,ROUNDDOWN($C5816/24,0)+1,1)*INDEX($D$3:$AA$30,INDEX(Jesper!$R$2:$R$366,ROW(INDEX(Jesper!AL$2:AL$366,ROUNDDOWN($C5816/24,0)+1,1))-1)+IF('Standard Profiles'!$G$22=$B$10,7,0)+IF('Standard Profiles'!$G$22=$B$17,14,0)+IF('Standard Profiles'!$G$22=$B$24,21,0),MOD($C5816,24)+1)/SUM(INDEX($D$3:$AA$30,INDEX(Jesper!$R$2:$R$366,ROW(INDEX(Jesper!AL$2:AL$366,ROUNDDOWN($C5816/24,0)+1,1))-1)+IF('Standard Profiles'!$G$22=$B$10,7,0)+IF('Standard Profiles'!$G$22=$B$17,14,0)+IF('Standard Profiles'!$G$22=$B$24,21,0),0)),0)</f>
        <v>0</v>
      </c>
      <c r="I5816">
        <f t="shared" si="650"/>
        <v>0.26516747846015426</v>
      </c>
      <c r="J5816">
        <f t="shared" si="651"/>
        <v>7.4728837833156003</v>
      </c>
      <c r="K5816">
        <f t="shared" si="652"/>
        <v>0.58965663037704164</v>
      </c>
      <c r="L5816">
        <f t="shared" si="653"/>
        <v>0.29482831518852082</v>
      </c>
      <c r="M5816">
        <f t="shared" si="654"/>
        <v>0</v>
      </c>
      <c r="N5816" s="45">
        <f t="shared" si="655"/>
        <v>45167.916666652643</v>
      </c>
    </row>
    <row r="5817" spans="2:14" x14ac:dyDescent="0.25">
      <c r="B5817">
        <f t="shared" si="649"/>
        <v>2</v>
      </c>
      <c r="C5817" s="16">
        <v>5783</v>
      </c>
      <c r="D5817" cm="1">
        <f t="array" ref="D5817">IFERROR(INDEX(Jesper!AH$2:AH$366,ROUNDDOWN($C5817/24,0)+1,1)*INDEX($D$3:$AA$30,INDEX(Jesper!$R$2:$R$366,ROW(INDEX(Jesper!AH$2:AH$366,ROUNDDOWN($C5817/24,0)+1,1))-1)+IF('Standard Profiles'!$G$18=$B$10,7,0)+IF('Standard Profiles'!$G$18=$B$17,14,0)+IF('Standard Profiles'!$G$18=$B$24,21,0),MOD($C5817,24)+1)/SUM(INDEX($D$3:$AA$30,INDEX(Jesper!$R$2:$R$366,ROW(INDEX(Jesper!AH$2:AH$366,ROUNDDOWN($C5817/24,0)+1,1))-1)+IF('Standard Profiles'!$G$18=$B$10,7,0)+IF('Standard Profiles'!$G$18=$B$17,14,0)+IF('Standard Profiles'!$G$18=$B$24,21,0),0)),0)</f>
        <v>5.5280309097847651</v>
      </c>
      <c r="E5817" cm="1">
        <f t="array" ref="E5817">IFERROR(INDEX(Jesper!AI$2:AI$366,ROUNDDOWN($C5817/24,0)+1,1)*INDEX($D$3:$AA$30,INDEX(Jesper!$R$2:$R$366,ROW(INDEX(Jesper!AI$2:AI$366,ROUNDDOWN($C5817/24,0)+1,1))-1)+IF('Standard Profiles'!$G$19=$B$10,7,0)+IF('Standard Profiles'!$G$19=$B$17,14,0)+IF('Standard Profiles'!$G$19=$B$24,21,0),MOD($C5817,24)+1)/SUM(INDEX($D$3:$AA$30,INDEX(Jesper!$R$2:$R$366,ROW(INDEX(Jesper!AI$2:AI$366,ROUNDDOWN($C5817/24,0)+1,1))-1)+IF('Standard Profiles'!$G$19=$B$10,7,0)+IF('Standard Profiles'!$G$19=$B$17,14,0)+IF('Standard Profiles'!$G$19=$B$24,21,0),0)),0)</f>
        <v>2.5420730507645635</v>
      </c>
      <c r="F5817" cm="1">
        <f t="array" ref="F5817">IFERROR(INDEX(Jesper!AJ$2:AJ$366,ROUNDDOWN($C5817/24,0)+1,1)*INDEX($D$3:$AA$30,INDEX(Jesper!$R$2:$R$366,ROW(INDEX(Jesper!AJ$2:AJ$366,ROUNDDOWN($C5817/24,0)+1,1))-1)+IF('Standard Profiles'!$G$20=$B$10,7,0)+IF('Standard Profiles'!$G$20=$B$17,14,0)+IF('Standard Profiles'!$G$20=$B$24,21,0),MOD($C5817,24)+1)/SUM(INDEX($D$3:$AA$30,INDEX(Jesper!$R$2:$R$366,ROW(INDEX(Jesper!AJ$2:AJ$366,ROUNDDOWN($C5817/24,0)+1,1))-1)+IF('Standard Profiles'!$G$20=$B$10,7,0)+IF('Standard Profiles'!$G$20=$B$17,14,0)+IF('Standard Profiles'!$G$20=$B$24,21,0),0)),0)</f>
        <v>0</v>
      </c>
      <c r="G5817" cm="1">
        <f t="array" ref="G5817">IFERROR(INDEX(Jesper!AK$2:AK$366,ROUNDDOWN($C5817/24,0)+1,1)*INDEX($D$3:$AA$30,INDEX(Jesper!$R$2:$R$366,ROW(INDEX(Jesper!AK$2:AK$366,ROUNDDOWN($C5817/24,0)+1,1))-1)+IF('Standard Profiles'!$G$21=$B$10,7,0)+IF('Standard Profiles'!$G$21=$B$17,14,0)+IF('Standard Profiles'!$G$21=$B$24,21,0),MOD($C5817,24)+1)/SUM(INDEX($D$3:$AA$30,INDEX(Jesper!$R$2:$R$366,ROW(INDEX(Jesper!AK$2:AK$366,ROUNDDOWN($C5817/24,0)+1,1))-1)+IF('Standard Profiles'!$G$21=$B$10,7,0)+IF('Standard Profiles'!$G$21=$B$17,14,0)+IF('Standard Profiles'!$G$21=$B$24,21,0),0)),0)</f>
        <v>0.55243224679198832</v>
      </c>
      <c r="H5817" cm="1">
        <f t="array" ref="H5817">IFERROR(INDEX(Jesper!AL$2:AL$366,ROUNDDOWN($C5817/24,0)+1,1)*INDEX($D$3:$AA$30,INDEX(Jesper!$R$2:$R$366,ROW(INDEX(Jesper!AL$2:AL$366,ROUNDDOWN($C5817/24,0)+1,1))-1)+IF('Standard Profiles'!$G$22=$B$10,7,0)+IF('Standard Profiles'!$G$22=$B$17,14,0)+IF('Standard Profiles'!$G$22=$B$24,21,0),MOD($C5817,24)+1)/SUM(INDEX($D$3:$AA$30,INDEX(Jesper!$R$2:$R$366,ROW(INDEX(Jesper!AL$2:AL$366,ROUNDDOWN($C5817/24,0)+1,1))-1)+IF('Standard Profiles'!$G$22=$B$10,7,0)+IF('Standard Profiles'!$G$22=$B$17,14,0)+IF('Standard Profiles'!$G$22=$B$24,21,0),0)),0)</f>
        <v>0</v>
      </c>
      <c r="I5817">
        <f t="shared" si="650"/>
        <v>0.26516747846015426</v>
      </c>
      <c r="J5817">
        <f t="shared" si="651"/>
        <v>7.4728837833156003</v>
      </c>
      <c r="K5817">
        <f t="shared" si="652"/>
        <v>0.58965663037704164</v>
      </c>
      <c r="L5817">
        <f t="shared" si="653"/>
        <v>0.29482831518852082</v>
      </c>
      <c r="M5817">
        <f t="shared" si="654"/>
        <v>0</v>
      </c>
      <c r="N5817" s="45">
        <f t="shared" si="655"/>
        <v>45167.958333319308</v>
      </c>
    </row>
    <row r="5818" spans="2:14" x14ac:dyDescent="0.25">
      <c r="B5818">
        <f t="shared" si="649"/>
        <v>3</v>
      </c>
      <c r="C5818" s="16">
        <v>5784</v>
      </c>
      <c r="D5818" cm="1">
        <f t="array" ref="D5818">IFERROR(INDEX(Jesper!AH$2:AH$366,ROUNDDOWN($C5818/24,0)+1,1)*INDEX($D$3:$AA$30,INDEX(Jesper!$R$2:$R$366,ROW(INDEX(Jesper!AH$2:AH$366,ROUNDDOWN($C5818/24,0)+1,1))-1)+IF('Standard Profiles'!$G$18=$B$10,7,0)+IF('Standard Profiles'!$G$18=$B$17,14,0)+IF('Standard Profiles'!$G$18=$B$24,21,0),MOD($C5818,24)+1)/SUM(INDEX($D$3:$AA$30,INDEX(Jesper!$R$2:$R$366,ROW(INDEX(Jesper!AH$2:AH$366,ROUNDDOWN($C5818/24,0)+1,1))-1)+IF('Standard Profiles'!$G$18=$B$10,7,0)+IF('Standard Profiles'!$G$18=$B$17,14,0)+IF('Standard Profiles'!$G$18=$B$24,21,0),0)),0)</f>
        <v>5.5445480350481908</v>
      </c>
      <c r="E5818" cm="1">
        <f t="array" ref="E5818">IFERROR(INDEX(Jesper!AI$2:AI$366,ROUNDDOWN($C5818/24,0)+1,1)*INDEX($D$3:$AA$30,INDEX(Jesper!$R$2:$R$366,ROW(INDEX(Jesper!AI$2:AI$366,ROUNDDOWN($C5818/24,0)+1,1))-1)+IF('Standard Profiles'!$G$19=$B$10,7,0)+IF('Standard Profiles'!$G$19=$B$17,14,0)+IF('Standard Profiles'!$G$19=$B$24,21,0),MOD($C5818,24)+1)/SUM(INDEX($D$3:$AA$30,INDEX(Jesper!$R$2:$R$366,ROW(INDEX(Jesper!AI$2:AI$366,ROUNDDOWN($C5818/24,0)+1,1))-1)+IF('Standard Profiles'!$G$19=$B$10,7,0)+IF('Standard Profiles'!$G$19=$B$17,14,0)+IF('Standard Profiles'!$G$19=$B$24,21,0),0)),0)</f>
        <v>2.6384513609761089</v>
      </c>
      <c r="F5818" cm="1">
        <f t="array" ref="F5818">IFERROR(INDEX(Jesper!AJ$2:AJ$366,ROUNDDOWN($C5818/24,0)+1,1)*INDEX($D$3:$AA$30,INDEX(Jesper!$R$2:$R$366,ROW(INDEX(Jesper!AJ$2:AJ$366,ROUNDDOWN($C5818/24,0)+1,1))-1)+IF('Standard Profiles'!$G$20=$B$10,7,0)+IF('Standard Profiles'!$G$20=$B$17,14,0)+IF('Standard Profiles'!$G$20=$B$24,21,0),MOD($C5818,24)+1)/SUM(INDEX($D$3:$AA$30,INDEX(Jesper!$R$2:$R$366,ROW(INDEX(Jesper!AJ$2:AJ$366,ROUNDDOWN($C5818/24,0)+1,1))-1)+IF('Standard Profiles'!$G$20=$B$10,7,0)+IF('Standard Profiles'!$G$20=$B$17,14,0)+IF('Standard Profiles'!$G$20=$B$24,21,0),0)),0)</f>
        <v>0</v>
      </c>
      <c r="G5818" cm="1">
        <f t="array" ref="G5818">IFERROR(INDEX(Jesper!AK$2:AK$366,ROUNDDOWN($C5818/24,0)+1,1)*INDEX($D$3:$AA$30,INDEX(Jesper!$R$2:$R$366,ROW(INDEX(Jesper!AK$2:AK$366,ROUNDDOWN($C5818/24,0)+1,1))-1)+IF('Standard Profiles'!$G$21=$B$10,7,0)+IF('Standard Profiles'!$G$21=$B$17,14,0)+IF('Standard Profiles'!$G$21=$B$24,21,0),MOD($C5818,24)+1)/SUM(INDEX($D$3:$AA$30,INDEX(Jesper!$R$2:$R$366,ROW(INDEX(Jesper!AK$2:AK$366,ROUNDDOWN($C5818/24,0)+1,1))-1)+IF('Standard Profiles'!$G$21=$B$10,7,0)+IF('Standard Profiles'!$G$21=$B$17,14,0)+IF('Standard Profiles'!$G$21=$B$24,21,0),0)),0)</f>
        <v>0.73401020837682907</v>
      </c>
      <c r="H5818" cm="1">
        <f t="array" ref="H5818">IFERROR(INDEX(Jesper!AL$2:AL$366,ROUNDDOWN($C5818/24,0)+1,1)*INDEX($D$3:$AA$30,INDEX(Jesper!$R$2:$R$366,ROW(INDEX(Jesper!AL$2:AL$366,ROUNDDOWN($C5818/24,0)+1,1))-1)+IF('Standard Profiles'!$G$22=$B$10,7,0)+IF('Standard Profiles'!$G$22=$B$17,14,0)+IF('Standard Profiles'!$G$22=$B$24,21,0),MOD($C5818,24)+1)/SUM(INDEX($D$3:$AA$30,INDEX(Jesper!$R$2:$R$366,ROW(INDEX(Jesper!AL$2:AL$366,ROUNDDOWN($C5818/24,0)+1,1))-1)+IF('Standard Profiles'!$G$22=$B$10,7,0)+IF('Standard Profiles'!$G$22=$B$17,14,0)+IF('Standard Profiles'!$G$22=$B$24,21,0),0)),0)</f>
        <v>0</v>
      </c>
      <c r="I5818">
        <f t="shared" si="650"/>
        <v>0.3523249000208778</v>
      </c>
      <c r="J5818">
        <f t="shared" si="651"/>
        <v>7.677557018772541</v>
      </c>
      <c r="K5818">
        <f t="shared" si="652"/>
        <v>0.59141845707180707</v>
      </c>
      <c r="L5818">
        <f t="shared" si="653"/>
        <v>0.29570922853590353</v>
      </c>
      <c r="M5818">
        <f t="shared" si="654"/>
        <v>0</v>
      </c>
      <c r="N5818" s="45">
        <f t="shared" si="655"/>
        <v>45167.999999985972</v>
      </c>
    </row>
    <row r="5819" spans="2:14" x14ac:dyDescent="0.25">
      <c r="B5819">
        <f t="shared" si="649"/>
        <v>3</v>
      </c>
      <c r="C5819" s="16">
        <v>5785</v>
      </c>
      <c r="D5819" cm="1">
        <f t="array" ref="D5819">IFERROR(INDEX(Jesper!AH$2:AH$366,ROUNDDOWN($C5819/24,0)+1,1)*INDEX($D$3:$AA$30,INDEX(Jesper!$R$2:$R$366,ROW(INDEX(Jesper!AH$2:AH$366,ROUNDDOWN($C5819/24,0)+1,1))-1)+IF('Standard Profiles'!$G$18=$B$10,7,0)+IF('Standard Profiles'!$G$18=$B$17,14,0)+IF('Standard Profiles'!$G$18=$B$24,21,0),MOD($C5819,24)+1)/SUM(INDEX($D$3:$AA$30,INDEX(Jesper!$R$2:$R$366,ROW(INDEX(Jesper!AH$2:AH$366,ROUNDDOWN($C5819/24,0)+1,1))-1)+IF('Standard Profiles'!$G$18=$B$10,7,0)+IF('Standard Profiles'!$G$18=$B$17,14,0)+IF('Standard Profiles'!$G$18=$B$24,21,0),0)),0)</f>
        <v>5.5445480350481908</v>
      </c>
      <c r="E5819" cm="1">
        <f t="array" ref="E5819">IFERROR(INDEX(Jesper!AI$2:AI$366,ROUNDDOWN($C5819/24,0)+1,1)*INDEX($D$3:$AA$30,INDEX(Jesper!$R$2:$R$366,ROW(INDEX(Jesper!AI$2:AI$366,ROUNDDOWN($C5819/24,0)+1,1))-1)+IF('Standard Profiles'!$G$19=$B$10,7,0)+IF('Standard Profiles'!$G$19=$B$17,14,0)+IF('Standard Profiles'!$G$19=$B$24,21,0),MOD($C5819,24)+1)/SUM(INDEX($D$3:$AA$30,INDEX(Jesper!$R$2:$R$366,ROW(INDEX(Jesper!AI$2:AI$366,ROUNDDOWN($C5819/24,0)+1,1))-1)+IF('Standard Profiles'!$G$19=$B$10,7,0)+IF('Standard Profiles'!$G$19=$B$17,14,0)+IF('Standard Profiles'!$G$19=$B$24,21,0),0)),0)</f>
        <v>2.6384513609761089</v>
      </c>
      <c r="F5819" cm="1">
        <f t="array" ref="F5819">IFERROR(INDEX(Jesper!AJ$2:AJ$366,ROUNDDOWN($C5819/24,0)+1,1)*INDEX($D$3:$AA$30,INDEX(Jesper!$R$2:$R$366,ROW(INDEX(Jesper!AJ$2:AJ$366,ROUNDDOWN($C5819/24,0)+1,1))-1)+IF('Standard Profiles'!$G$20=$B$10,7,0)+IF('Standard Profiles'!$G$20=$B$17,14,0)+IF('Standard Profiles'!$G$20=$B$24,21,0),MOD($C5819,24)+1)/SUM(INDEX($D$3:$AA$30,INDEX(Jesper!$R$2:$R$366,ROW(INDEX(Jesper!AJ$2:AJ$366,ROUNDDOWN($C5819/24,0)+1,1))-1)+IF('Standard Profiles'!$G$20=$B$10,7,0)+IF('Standard Profiles'!$G$20=$B$17,14,0)+IF('Standard Profiles'!$G$20=$B$24,21,0),0)),0)</f>
        <v>0</v>
      </c>
      <c r="G5819" cm="1">
        <f t="array" ref="G5819">IFERROR(INDEX(Jesper!AK$2:AK$366,ROUNDDOWN($C5819/24,0)+1,1)*INDEX($D$3:$AA$30,INDEX(Jesper!$R$2:$R$366,ROW(INDEX(Jesper!AK$2:AK$366,ROUNDDOWN($C5819/24,0)+1,1))-1)+IF('Standard Profiles'!$G$21=$B$10,7,0)+IF('Standard Profiles'!$G$21=$B$17,14,0)+IF('Standard Profiles'!$G$21=$B$24,21,0),MOD($C5819,24)+1)/SUM(INDEX($D$3:$AA$30,INDEX(Jesper!$R$2:$R$366,ROW(INDEX(Jesper!AK$2:AK$366,ROUNDDOWN($C5819/24,0)+1,1))-1)+IF('Standard Profiles'!$G$21=$B$10,7,0)+IF('Standard Profiles'!$G$21=$B$17,14,0)+IF('Standard Profiles'!$G$21=$B$24,21,0),0)),0)</f>
        <v>0.73401020837682907</v>
      </c>
      <c r="H5819" cm="1">
        <f t="array" ref="H5819">IFERROR(INDEX(Jesper!AL$2:AL$366,ROUNDDOWN($C5819/24,0)+1,1)*INDEX($D$3:$AA$30,INDEX(Jesper!$R$2:$R$366,ROW(INDEX(Jesper!AL$2:AL$366,ROUNDDOWN($C5819/24,0)+1,1))-1)+IF('Standard Profiles'!$G$22=$B$10,7,0)+IF('Standard Profiles'!$G$22=$B$17,14,0)+IF('Standard Profiles'!$G$22=$B$24,21,0),MOD($C5819,24)+1)/SUM(INDEX($D$3:$AA$30,INDEX(Jesper!$R$2:$R$366,ROW(INDEX(Jesper!AL$2:AL$366,ROUNDDOWN($C5819/24,0)+1,1))-1)+IF('Standard Profiles'!$G$22=$B$10,7,0)+IF('Standard Profiles'!$G$22=$B$17,14,0)+IF('Standard Profiles'!$G$22=$B$24,21,0),0)),0)</f>
        <v>0</v>
      </c>
      <c r="I5819">
        <f t="shared" si="650"/>
        <v>0.3523249000208778</v>
      </c>
      <c r="J5819">
        <f t="shared" si="651"/>
        <v>7.677557018772541</v>
      </c>
      <c r="K5819">
        <f t="shared" si="652"/>
        <v>0.59141845707180707</v>
      </c>
      <c r="L5819">
        <f t="shared" si="653"/>
        <v>0.29570922853590353</v>
      </c>
      <c r="M5819">
        <f t="shared" si="654"/>
        <v>0</v>
      </c>
      <c r="N5819" s="45">
        <f t="shared" si="655"/>
        <v>45168.041666652636</v>
      </c>
    </row>
    <row r="5820" spans="2:14" x14ac:dyDescent="0.25">
      <c r="B5820">
        <f t="shared" si="649"/>
        <v>3</v>
      </c>
      <c r="C5820" s="16">
        <v>5786</v>
      </c>
      <c r="D5820" cm="1">
        <f t="array" ref="D5820">IFERROR(INDEX(Jesper!AH$2:AH$366,ROUNDDOWN($C5820/24,0)+1,1)*INDEX($D$3:$AA$30,INDEX(Jesper!$R$2:$R$366,ROW(INDEX(Jesper!AH$2:AH$366,ROUNDDOWN($C5820/24,0)+1,1))-1)+IF('Standard Profiles'!$G$18=$B$10,7,0)+IF('Standard Profiles'!$G$18=$B$17,14,0)+IF('Standard Profiles'!$G$18=$B$24,21,0),MOD($C5820,24)+1)/SUM(INDEX($D$3:$AA$30,INDEX(Jesper!$R$2:$R$366,ROW(INDEX(Jesper!AH$2:AH$366,ROUNDDOWN($C5820/24,0)+1,1))-1)+IF('Standard Profiles'!$G$18=$B$10,7,0)+IF('Standard Profiles'!$G$18=$B$17,14,0)+IF('Standard Profiles'!$G$18=$B$24,21,0),0)),0)</f>
        <v>5.5445480350481908</v>
      </c>
      <c r="E5820" cm="1">
        <f t="array" ref="E5820">IFERROR(INDEX(Jesper!AI$2:AI$366,ROUNDDOWN($C5820/24,0)+1,1)*INDEX($D$3:$AA$30,INDEX(Jesper!$R$2:$R$366,ROW(INDEX(Jesper!AI$2:AI$366,ROUNDDOWN($C5820/24,0)+1,1))-1)+IF('Standard Profiles'!$G$19=$B$10,7,0)+IF('Standard Profiles'!$G$19=$B$17,14,0)+IF('Standard Profiles'!$G$19=$B$24,21,0),MOD($C5820,24)+1)/SUM(INDEX($D$3:$AA$30,INDEX(Jesper!$R$2:$R$366,ROW(INDEX(Jesper!AI$2:AI$366,ROUNDDOWN($C5820/24,0)+1,1))-1)+IF('Standard Profiles'!$G$19=$B$10,7,0)+IF('Standard Profiles'!$G$19=$B$17,14,0)+IF('Standard Profiles'!$G$19=$B$24,21,0),0)),0)</f>
        <v>2.6384513609761089</v>
      </c>
      <c r="F5820" cm="1">
        <f t="array" ref="F5820">IFERROR(INDEX(Jesper!AJ$2:AJ$366,ROUNDDOWN($C5820/24,0)+1,1)*INDEX($D$3:$AA$30,INDEX(Jesper!$R$2:$R$366,ROW(INDEX(Jesper!AJ$2:AJ$366,ROUNDDOWN($C5820/24,0)+1,1))-1)+IF('Standard Profiles'!$G$20=$B$10,7,0)+IF('Standard Profiles'!$G$20=$B$17,14,0)+IF('Standard Profiles'!$G$20=$B$24,21,0),MOD($C5820,24)+1)/SUM(INDEX($D$3:$AA$30,INDEX(Jesper!$R$2:$R$366,ROW(INDEX(Jesper!AJ$2:AJ$366,ROUNDDOWN($C5820/24,0)+1,1))-1)+IF('Standard Profiles'!$G$20=$B$10,7,0)+IF('Standard Profiles'!$G$20=$B$17,14,0)+IF('Standard Profiles'!$G$20=$B$24,21,0),0)),0)</f>
        <v>0</v>
      </c>
      <c r="G5820" cm="1">
        <f t="array" ref="G5820">IFERROR(INDEX(Jesper!AK$2:AK$366,ROUNDDOWN($C5820/24,0)+1,1)*INDEX($D$3:$AA$30,INDEX(Jesper!$R$2:$R$366,ROW(INDEX(Jesper!AK$2:AK$366,ROUNDDOWN($C5820/24,0)+1,1))-1)+IF('Standard Profiles'!$G$21=$B$10,7,0)+IF('Standard Profiles'!$G$21=$B$17,14,0)+IF('Standard Profiles'!$G$21=$B$24,21,0),MOD($C5820,24)+1)/SUM(INDEX($D$3:$AA$30,INDEX(Jesper!$R$2:$R$366,ROW(INDEX(Jesper!AK$2:AK$366,ROUNDDOWN($C5820/24,0)+1,1))-1)+IF('Standard Profiles'!$G$21=$B$10,7,0)+IF('Standard Profiles'!$G$21=$B$17,14,0)+IF('Standard Profiles'!$G$21=$B$24,21,0),0)),0)</f>
        <v>0.73401020837682907</v>
      </c>
      <c r="H5820" cm="1">
        <f t="array" ref="H5820">IFERROR(INDEX(Jesper!AL$2:AL$366,ROUNDDOWN($C5820/24,0)+1,1)*INDEX($D$3:$AA$30,INDEX(Jesper!$R$2:$R$366,ROW(INDEX(Jesper!AL$2:AL$366,ROUNDDOWN($C5820/24,0)+1,1))-1)+IF('Standard Profiles'!$G$22=$B$10,7,0)+IF('Standard Profiles'!$G$22=$B$17,14,0)+IF('Standard Profiles'!$G$22=$B$24,21,0),MOD($C5820,24)+1)/SUM(INDEX($D$3:$AA$30,INDEX(Jesper!$R$2:$R$366,ROW(INDEX(Jesper!AL$2:AL$366,ROUNDDOWN($C5820/24,0)+1,1))-1)+IF('Standard Profiles'!$G$22=$B$10,7,0)+IF('Standard Profiles'!$G$22=$B$17,14,0)+IF('Standard Profiles'!$G$22=$B$24,21,0),0)),0)</f>
        <v>0</v>
      </c>
      <c r="I5820">
        <f t="shared" si="650"/>
        <v>0.3523249000208778</v>
      </c>
      <c r="J5820">
        <f t="shared" si="651"/>
        <v>7.677557018772541</v>
      </c>
      <c r="K5820">
        <f t="shared" si="652"/>
        <v>0.59141845707180707</v>
      </c>
      <c r="L5820">
        <f t="shared" si="653"/>
        <v>0.29570922853590353</v>
      </c>
      <c r="M5820">
        <f t="shared" si="654"/>
        <v>0</v>
      </c>
      <c r="N5820" s="45">
        <f t="shared" si="655"/>
        <v>45168.0833333193</v>
      </c>
    </row>
    <row r="5821" spans="2:14" x14ac:dyDescent="0.25">
      <c r="B5821">
        <f t="shared" si="649"/>
        <v>3</v>
      </c>
      <c r="C5821" s="16">
        <v>5787</v>
      </c>
      <c r="D5821" cm="1">
        <f t="array" ref="D5821">IFERROR(INDEX(Jesper!AH$2:AH$366,ROUNDDOWN($C5821/24,0)+1,1)*INDEX($D$3:$AA$30,INDEX(Jesper!$R$2:$R$366,ROW(INDEX(Jesper!AH$2:AH$366,ROUNDDOWN($C5821/24,0)+1,1))-1)+IF('Standard Profiles'!$G$18=$B$10,7,0)+IF('Standard Profiles'!$G$18=$B$17,14,0)+IF('Standard Profiles'!$G$18=$B$24,21,0),MOD($C5821,24)+1)/SUM(INDEX($D$3:$AA$30,INDEX(Jesper!$R$2:$R$366,ROW(INDEX(Jesper!AH$2:AH$366,ROUNDDOWN($C5821/24,0)+1,1))-1)+IF('Standard Profiles'!$G$18=$B$10,7,0)+IF('Standard Profiles'!$G$18=$B$17,14,0)+IF('Standard Profiles'!$G$18=$B$24,21,0),0)),0)</f>
        <v>5.5445480350481908</v>
      </c>
      <c r="E5821" cm="1">
        <f t="array" ref="E5821">IFERROR(INDEX(Jesper!AI$2:AI$366,ROUNDDOWN($C5821/24,0)+1,1)*INDEX($D$3:$AA$30,INDEX(Jesper!$R$2:$R$366,ROW(INDEX(Jesper!AI$2:AI$366,ROUNDDOWN($C5821/24,0)+1,1))-1)+IF('Standard Profiles'!$G$19=$B$10,7,0)+IF('Standard Profiles'!$G$19=$B$17,14,0)+IF('Standard Profiles'!$G$19=$B$24,21,0),MOD($C5821,24)+1)/SUM(INDEX($D$3:$AA$30,INDEX(Jesper!$R$2:$R$366,ROW(INDEX(Jesper!AI$2:AI$366,ROUNDDOWN($C5821/24,0)+1,1))-1)+IF('Standard Profiles'!$G$19=$B$10,7,0)+IF('Standard Profiles'!$G$19=$B$17,14,0)+IF('Standard Profiles'!$G$19=$B$24,21,0),0)),0)</f>
        <v>2.6384513609761089</v>
      </c>
      <c r="F5821" cm="1">
        <f t="array" ref="F5821">IFERROR(INDEX(Jesper!AJ$2:AJ$366,ROUNDDOWN($C5821/24,0)+1,1)*INDEX($D$3:$AA$30,INDEX(Jesper!$R$2:$R$366,ROW(INDEX(Jesper!AJ$2:AJ$366,ROUNDDOWN($C5821/24,0)+1,1))-1)+IF('Standard Profiles'!$G$20=$B$10,7,0)+IF('Standard Profiles'!$G$20=$B$17,14,0)+IF('Standard Profiles'!$G$20=$B$24,21,0),MOD($C5821,24)+1)/SUM(INDEX($D$3:$AA$30,INDEX(Jesper!$R$2:$R$366,ROW(INDEX(Jesper!AJ$2:AJ$366,ROUNDDOWN($C5821/24,0)+1,1))-1)+IF('Standard Profiles'!$G$20=$B$10,7,0)+IF('Standard Profiles'!$G$20=$B$17,14,0)+IF('Standard Profiles'!$G$20=$B$24,21,0),0)),0)</f>
        <v>0</v>
      </c>
      <c r="G5821" cm="1">
        <f t="array" ref="G5821">IFERROR(INDEX(Jesper!AK$2:AK$366,ROUNDDOWN($C5821/24,0)+1,1)*INDEX($D$3:$AA$30,INDEX(Jesper!$R$2:$R$366,ROW(INDEX(Jesper!AK$2:AK$366,ROUNDDOWN($C5821/24,0)+1,1))-1)+IF('Standard Profiles'!$G$21=$B$10,7,0)+IF('Standard Profiles'!$G$21=$B$17,14,0)+IF('Standard Profiles'!$G$21=$B$24,21,0),MOD($C5821,24)+1)/SUM(INDEX($D$3:$AA$30,INDEX(Jesper!$R$2:$R$366,ROW(INDEX(Jesper!AK$2:AK$366,ROUNDDOWN($C5821/24,0)+1,1))-1)+IF('Standard Profiles'!$G$21=$B$10,7,0)+IF('Standard Profiles'!$G$21=$B$17,14,0)+IF('Standard Profiles'!$G$21=$B$24,21,0),0)),0)</f>
        <v>0.73401020837682907</v>
      </c>
      <c r="H5821" cm="1">
        <f t="array" ref="H5821">IFERROR(INDEX(Jesper!AL$2:AL$366,ROUNDDOWN($C5821/24,0)+1,1)*INDEX($D$3:$AA$30,INDEX(Jesper!$R$2:$R$366,ROW(INDEX(Jesper!AL$2:AL$366,ROUNDDOWN($C5821/24,0)+1,1))-1)+IF('Standard Profiles'!$G$22=$B$10,7,0)+IF('Standard Profiles'!$G$22=$B$17,14,0)+IF('Standard Profiles'!$G$22=$B$24,21,0),MOD($C5821,24)+1)/SUM(INDEX($D$3:$AA$30,INDEX(Jesper!$R$2:$R$366,ROW(INDEX(Jesper!AL$2:AL$366,ROUNDDOWN($C5821/24,0)+1,1))-1)+IF('Standard Profiles'!$G$22=$B$10,7,0)+IF('Standard Profiles'!$G$22=$B$17,14,0)+IF('Standard Profiles'!$G$22=$B$24,21,0),0)),0)</f>
        <v>0</v>
      </c>
      <c r="I5821">
        <f t="shared" si="650"/>
        <v>0.3523249000208778</v>
      </c>
      <c r="J5821">
        <f t="shared" si="651"/>
        <v>7.677557018772541</v>
      </c>
      <c r="K5821">
        <f t="shared" si="652"/>
        <v>0.59141845707180707</v>
      </c>
      <c r="L5821">
        <f t="shared" si="653"/>
        <v>0.29570922853590353</v>
      </c>
      <c r="M5821">
        <f t="shared" si="654"/>
        <v>0</v>
      </c>
      <c r="N5821" s="45">
        <f t="shared" si="655"/>
        <v>45168.124999985965</v>
      </c>
    </row>
    <row r="5822" spans="2:14" x14ac:dyDescent="0.25">
      <c r="B5822">
        <f t="shared" si="649"/>
        <v>3</v>
      </c>
      <c r="C5822" s="16">
        <v>5788</v>
      </c>
      <c r="D5822" cm="1">
        <f t="array" ref="D5822">IFERROR(INDEX(Jesper!AH$2:AH$366,ROUNDDOWN($C5822/24,0)+1,1)*INDEX($D$3:$AA$30,INDEX(Jesper!$R$2:$R$366,ROW(INDEX(Jesper!AH$2:AH$366,ROUNDDOWN($C5822/24,0)+1,1))-1)+IF('Standard Profiles'!$G$18=$B$10,7,0)+IF('Standard Profiles'!$G$18=$B$17,14,0)+IF('Standard Profiles'!$G$18=$B$24,21,0),MOD($C5822,24)+1)/SUM(INDEX($D$3:$AA$30,INDEX(Jesper!$R$2:$R$366,ROW(INDEX(Jesper!AH$2:AH$366,ROUNDDOWN($C5822/24,0)+1,1))-1)+IF('Standard Profiles'!$G$18=$B$10,7,0)+IF('Standard Profiles'!$G$18=$B$17,14,0)+IF('Standard Profiles'!$G$18=$B$24,21,0),0)),0)</f>
        <v>5.5445480350481908</v>
      </c>
      <c r="E5822" cm="1">
        <f t="array" ref="E5822">IFERROR(INDEX(Jesper!AI$2:AI$366,ROUNDDOWN($C5822/24,0)+1,1)*INDEX($D$3:$AA$30,INDEX(Jesper!$R$2:$R$366,ROW(INDEX(Jesper!AI$2:AI$366,ROUNDDOWN($C5822/24,0)+1,1))-1)+IF('Standard Profiles'!$G$19=$B$10,7,0)+IF('Standard Profiles'!$G$19=$B$17,14,0)+IF('Standard Profiles'!$G$19=$B$24,21,0),MOD($C5822,24)+1)/SUM(INDEX($D$3:$AA$30,INDEX(Jesper!$R$2:$R$366,ROW(INDEX(Jesper!AI$2:AI$366,ROUNDDOWN($C5822/24,0)+1,1))-1)+IF('Standard Profiles'!$G$19=$B$10,7,0)+IF('Standard Profiles'!$G$19=$B$17,14,0)+IF('Standard Profiles'!$G$19=$B$24,21,0),0)),0)</f>
        <v>2.6384513609761089</v>
      </c>
      <c r="F5822" cm="1">
        <f t="array" ref="F5822">IFERROR(INDEX(Jesper!AJ$2:AJ$366,ROUNDDOWN($C5822/24,0)+1,1)*INDEX($D$3:$AA$30,INDEX(Jesper!$R$2:$R$366,ROW(INDEX(Jesper!AJ$2:AJ$366,ROUNDDOWN($C5822/24,0)+1,1))-1)+IF('Standard Profiles'!$G$20=$B$10,7,0)+IF('Standard Profiles'!$G$20=$B$17,14,0)+IF('Standard Profiles'!$G$20=$B$24,21,0),MOD($C5822,24)+1)/SUM(INDEX($D$3:$AA$30,INDEX(Jesper!$R$2:$R$366,ROW(INDEX(Jesper!AJ$2:AJ$366,ROUNDDOWN($C5822/24,0)+1,1))-1)+IF('Standard Profiles'!$G$20=$B$10,7,0)+IF('Standard Profiles'!$G$20=$B$17,14,0)+IF('Standard Profiles'!$G$20=$B$24,21,0),0)),0)</f>
        <v>0</v>
      </c>
      <c r="G5822" cm="1">
        <f t="array" ref="G5822">IFERROR(INDEX(Jesper!AK$2:AK$366,ROUNDDOWN($C5822/24,0)+1,1)*INDEX($D$3:$AA$30,INDEX(Jesper!$R$2:$R$366,ROW(INDEX(Jesper!AK$2:AK$366,ROUNDDOWN($C5822/24,0)+1,1))-1)+IF('Standard Profiles'!$G$21=$B$10,7,0)+IF('Standard Profiles'!$G$21=$B$17,14,0)+IF('Standard Profiles'!$G$21=$B$24,21,0),MOD($C5822,24)+1)/SUM(INDEX($D$3:$AA$30,INDEX(Jesper!$R$2:$R$366,ROW(INDEX(Jesper!AK$2:AK$366,ROUNDDOWN($C5822/24,0)+1,1))-1)+IF('Standard Profiles'!$G$21=$B$10,7,0)+IF('Standard Profiles'!$G$21=$B$17,14,0)+IF('Standard Profiles'!$G$21=$B$24,21,0),0)),0)</f>
        <v>0.73401020837682907</v>
      </c>
      <c r="H5822" cm="1">
        <f t="array" ref="H5822">IFERROR(INDEX(Jesper!AL$2:AL$366,ROUNDDOWN($C5822/24,0)+1,1)*INDEX($D$3:$AA$30,INDEX(Jesper!$R$2:$R$366,ROW(INDEX(Jesper!AL$2:AL$366,ROUNDDOWN($C5822/24,0)+1,1))-1)+IF('Standard Profiles'!$G$22=$B$10,7,0)+IF('Standard Profiles'!$G$22=$B$17,14,0)+IF('Standard Profiles'!$G$22=$B$24,21,0),MOD($C5822,24)+1)/SUM(INDEX($D$3:$AA$30,INDEX(Jesper!$R$2:$R$366,ROW(INDEX(Jesper!AL$2:AL$366,ROUNDDOWN($C5822/24,0)+1,1))-1)+IF('Standard Profiles'!$G$22=$B$10,7,0)+IF('Standard Profiles'!$G$22=$B$17,14,0)+IF('Standard Profiles'!$G$22=$B$24,21,0),0)),0)</f>
        <v>0</v>
      </c>
      <c r="I5822">
        <f t="shared" si="650"/>
        <v>0.3523249000208778</v>
      </c>
      <c r="J5822">
        <f t="shared" si="651"/>
        <v>7.677557018772541</v>
      </c>
      <c r="K5822">
        <f t="shared" si="652"/>
        <v>0.59141845707180707</v>
      </c>
      <c r="L5822">
        <f t="shared" si="653"/>
        <v>0.29570922853590353</v>
      </c>
      <c r="M5822">
        <f t="shared" si="654"/>
        <v>0</v>
      </c>
      <c r="N5822" s="45">
        <f t="shared" si="655"/>
        <v>45168.166666652629</v>
      </c>
    </row>
    <row r="5823" spans="2:14" x14ac:dyDescent="0.25">
      <c r="B5823">
        <f t="shared" si="649"/>
        <v>3</v>
      </c>
      <c r="C5823" s="16">
        <v>5789</v>
      </c>
      <c r="D5823" cm="1">
        <f t="array" ref="D5823">IFERROR(INDEX(Jesper!AH$2:AH$366,ROUNDDOWN($C5823/24,0)+1,1)*INDEX($D$3:$AA$30,INDEX(Jesper!$R$2:$R$366,ROW(INDEX(Jesper!AH$2:AH$366,ROUNDDOWN($C5823/24,0)+1,1))-1)+IF('Standard Profiles'!$G$18=$B$10,7,0)+IF('Standard Profiles'!$G$18=$B$17,14,0)+IF('Standard Profiles'!$G$18=$B$24,21,0),MOD($C5823,24)+1)/SUM(INDEX($D$3:$AA$30,INDEX(Jesper!$R$2:$R$366,ROW(INDEX(Jesper!AH$2:AH$366,ROUNDDOWN($C5823/24,0)+1,1))-1)+IF('Standard Profiles'!$G$18=$B$10,7,0)+IF('Standard Profiles'!$G$18=$B$17,14,0)+IF('Standard Profiles'!$G$18=$B$24,21,0),0)),0)</f>
        <v>5.5445480350481908</v>
      </c>
      <c r="E5823" cm="1">
        <f t="array" ref="E5823">IFERROR(INDEX(Jesper!AI$2:AI$366,ROUNDDOWN($C5823/24,0)+1,1)*INDEX($D$3:$AA$30,INDEX(Jesper!$R$2:$R$366,ROW(INDEX(Jesper!AI$2:AI$366,ROUNDDOWN($C5823/24,0)+1,1))-1)+IF('Standard Profiles'!$G$19=$B$10,7,0)+IF('Standard Profiles'!$G$19=$B$17,14,0)+IF('Standard Profiles'!$G$19=$B$24,21,0),MOD($C5823,24)+1)/SUM(INDEX($D$3:$AA$30,INDEX(Jesper!$R$2:$R$366,ROW(INDEX(Jesper!AI$2:AI$366,ROUNDDOWN($C5823/24,0)+1,1))-1)+IF('Standard Profiles'!$G$19=$B$10,7,0)+IF('Standard Profiles'!$G$19=$B$17,14,0)+IF('Standard Profiles'!$G$19=$B$24,21,0),0)),0)</f>
        <v>2.6384513609761089</v>
      </c>
      <c r="F5823" cm="1">
        <f t="array" ref="F5823">IFERROR(INDEX(Jesper!AJ$2:AJ$366,ROUNDDOWN($C5823/24,0)+1,1)*INDEX($D$3:$AA$30,INDEX(Jesper!$R$2:$R$366,ROW(INDEX(Jesper!AJ$2:AJ$366,ROUNDDOWN($C5823/24,0)+1,1))-1)+IF('Standard Profiles'!$G$20=$B$10,7,0)+IF('Standard Profiles'!$G$20=$B$17,14,0)+IF('Standard Profiles'!$G$20=$B$24,21,0),MOD($C5823,24)+1)/SUM(INDEX($D$3:$AA$30,INDEX(Jesper!$R$2:$R$366,ROW(INDEX(Jesper!AJ$2:AJ$366,ROUNDDOWN($C5823/24,0)+1,1))-1)+IF('Standard Profiles'!$G$20=$B$10,7,0)+IF('Standard Profiles'!$G$20=$B$17,14,0)+IF('Standard Profiles'!$G$20=$B$24,21,0),0)),0)</f>
        <v>0</v>
      </c>
      <c r="G5823" cm="1">
        <f t="array" ref="G5823">IFERROR(INDEX(Jesper!AK$2:AK$366,ROUNDDOWN($C5823/24,0)+1,1)*INDEX($D$3:$AA$30,INDEX(Jesper!$R$2:$R$366,ROW(INDEX(Jesper!AK$2:AK$366,ROUNDDOWN($C5823/24,0)+1,1))-1)+IF('Standard Profiles'!$G$21=$B$10,7,0)+IF('Standard Profiles'!$G$21=$B$17,14,0)+IF('Standard Profiles'!$G$21=$B$24,21,0),MOD($C5823,24)+1)/SUM(INDEX($D$3:$AA$30,INDEX(Jesper!$R$2:$R$366,ROW(INDEX(Jesper!AK$2:AK$366,ROUNDDOWN($C5823/24,0)+1,1))-1)+IF('Standard Profiles'!$G$21=$B$10,7,0)+IF('Standard Profiles'!$G$21=$B$17,14,0)+IF('Standard Profiles'!$G$21=$B$24,21,0),0)),0)</f>
        <v>0.73401020837682907</v>
      </c>
      <c r="H5823" cm="1">
        <f t="array" ref="H5823">IFERROR(INDEX(Jesper!AL$2:AL$366,ROUNDDOWN($C5823/24,0)+1,1)*INDEX($D$3:$AA$30,INDEX(Jesper!$R$2:$R$366,ROW(INDEX(Jesper!AL$2:AL$366,ROUNDDOWN($C5823/24,0)+1,1))-1)+IF('Standard Profiles'!$G$22=$B$10,7,0)+IF('Standard Profiles'!$G$22=$B$17,14,0)+IF('Standard Profiles'!$G$22=$B$24,21,0),MOD($C5823,24)+1)/SUM(INDEX($D$3:$AA$30,INDEX(Jesper!$R$2:$R$366,ROW(INDEX(Jesper!AL$2:AL$366,ROUNDDOWN($C5823/24,0)+1,1))-1)+IF('Standard Profiles'!$G$22=$B$10,7,0)+IF('Standard Profiles'!$G$22=$B$17,14,0)+IF('Standard Profiles'!$G$22=$B$24,21,0),0)),0)</f>
        <v>0</v>
      </c>
      <c r="I5823">
        <f t="shared" si="650"/>
        <v>0.3523249000208778</v>
      </c>
      <c r="J5823">
        <f t="shared" si="651"/>
        <v>7.677557018772541</v>
      </c>
      <c r="K5823">
        <f t="shared" si="652"/>
        <v>0.59141845707180707</v>
      </c>
      <c r="L5823">
        <f t="shared" si="653"/>
        <v>0.29570922853590353</v>
      </c>
      <c r="M5823">
        <f t="shared" si="654"/>
        <v>0</v>
      </c>
      <c r="N5823" s="45">
        <f t="shared" si="655"/>
        <v>45168.208333319293</v>
      </c>
    </row>
    <row r="5824" spans="2:14" x14ac:dyDescent="0.25">
      <c r="B5824">
        <f t="shared" si="649"/>
        <v>3</v>
      </c>
      <c r="C5824" s="16">
        <v>5790</v>
      </c>
      <c r="D5824" cm="1">
        <f t="array" ref="D5824">IFERROR(INDEX(Jesper!AH$2:AH$366,ROUNDDOWN($C5824/24,0)+1,1)*INDEX($D$3:$AA$30,INDEX(Jesper!$R$2:$R$366,ROW(INDEX(Jesper!AH$2:AH$366,ROUNDDOWN($C5824/24,0)+1,1))-1)+IF('Standard Profiles'!$G$18=$B$10,7,0)+IF('Standard Profiles'!$G$18=$B$17,14,0)+IF('Standard Profiles'!$G$18=$B$24,21,0),MOD($C5824,24)+1)/SUM(INDEX($D$3:$AA$30,INDEX(Jesper!$R$2:$R$366,ROW(INDEX(Jesper!AH$2:AH$366,ROUNDDOWN($C5824/24,0)+1,1))-1)+IF('Standard Profiles'!$G$18=$B$10,7,0)+IF('Standard Profiles'!$G$18=$B$17,14,0)+IF('Standard Profiles'!$G$18=$B$24,21,0),0)),0)</f>
        <v>5.5445480350481908</v>
      </c>
      <c r="E5824" cm="1">
        <f t="array" ref="E5824">IFERROR(INDEX(Jesper!AI$2:AI$366,ROUNDDOWN($C5824/24,0)+1,1)*INDEX($D$3:$AA$30,INDEX(Jesper!$R$2:$R$366,ROW(INDEX(Jesper!AI$2:AI$366,ROUNDDOWN($C5824/24,0)+1,1))-1)+IF('Standard Profiles'!$G$19=$B$10,7,0)+IF('Standard Profiles'!$G$19=$B$17,14,0)+IF('Standard Profiles'!$G$19=$B$24,21,0),MOD($C5824,24)+1)/SUM(INDEX($D$3:$AA$30,INDEX(Jesper!$R$2:$R$366,ROW(INDEX(Jesper!AI$2:AI$366,ROUNDDOWN($C5824/24,0)+1,1))-1)+IF('Standard Profiles'!$G$19=$B$10,7,0)+IF('Standard Profiles'!$G$19=$B$17,14,0)+IF('Standard Profiles'!$G$19=$B$24,21,0),0)),0)</f>
        <v>2.6384513609761089</v>
      </c>
      <c r="F5824" cm="1">
        <f t="array" ref="F5824">IFERROR(INDEX(Jesper!AJ$2:AJ$366,ROUNDDOWN($C5824/24,0)+1,1)*INDEX($D$3:$AA$30,INDEX(Jesper!$R$2:$R$366,ROW(INDEX(Jesper!AJ$2:AJ$366,ROUNDDOWN($C5824/24,0)+1,1))-1)+IF('Standard Profiles'!$G$20=$B$10,7,0)+IF('Standard Profiles'!$G$20=$B$17,14,0)+IF('Standard Profiles'!$G$20=$B$24,21,0),MOD($C5824,24)+1)/SUM(INDEX($D$3:$AA$30,INDEX(Jesper!$R$2:$R$366,ROW(INDEX(Jesper!AJ$2:AJ$366,ROUNDDOWN($C5824/24,0)+1,1))-1)+IF('Standard Profiles'!$G$20=$B$10,7,0)+IF('Standard Profiles'!$G$20=$B$17,14,0)+IF('Standard Profiles'!$G$20=$B$24,21,0),0)),0)</f>
        <v>0</v>
      </c>
      <c r="G5824" cm="1">
        <f t="array" ref="G5824">IFERROR(INDEX(Jesper!AK$2:AK$366,ROUNDDOWN($C5824/24,0)+1,1)*INDEX($D$3:$AA$30,INDEX(Jesper!$R$2:$R$366,ROW(INDEX(Jesper!AK$2:AK$366,ROUNDDOWN($C5824/24,0)+1,1))-1)+IF('Standard Profiles'!$G$21=$B$10,7,0)+IF('Standard Profiles'!$G$21=$B$17,14,0)+IF('Standard Profiles'!$G$21=$B$24,21,0),MOD($C5824,24)+1)/SUM(INDEX($D$3:$AA$30,INDEX(Jesper!$R$2:$R$366,ROW(INDEX(Jesper!AK$2:AK$366,ROUNDDOWN($C5824/24,0)+1,1))-1)+IF('Standard Profiles'!$G$21=$B$10,7,0)+IF('Standard Profiles'!$G$21=$B$17,14,0)+IF('Standard Profiles'!$G$21=$B$24,21,0),0)),0)</f>
        <v>0.73401020837682907</v>
      </c>
      <c r="H5824" cm="1">
        <f t="array" ref="H5824">IFERROR(INDEX(Jesper!AL$2:AL$366,ROUNDDOWN($C5824/24,0)+1,1)*INDEX($D$3:$AA$30,INDEX(Jesper!$R$2:$R$366,ROW(INDEX(Jesper!AL$2:AL$366,ROUNDDOWN($C5824/24,0)+1,1))-1)+IF('Standard Profiles'!$G$22=$B$10,7,0)+IF('Standard Profiles'!$G$22=$B$17,14,0)+IF('Standard Profiles'!$G$22=$B$24,21,0),MOD($C5824,24)+1)/SUM(INDEX($D$3:$AA$30,INDEX(Jesper!$R$2:$R$366,ROW(INDEX(Jesper!AL$2:AL$366,ROUNDDOWN($C5824/24,0)+1,1))-1)+IF('Standard Profiles'!$G$22=$B$10,7,0)+IF('Standard Profiles'!$G$22=$B$17,14,0)+IF('Standard Profiles'!$G$22=$B$24,21,0),0)),0)</f>
        <v>0</v>
      </c>
      <c r="I5824">
        <f t="shared" si="650"/>
        <v>0.3523249000208778</v>
      </c>
      <c r="J5824">
        <f t="shared" si="651"/>
        <v>7.677557018772541</v>
      </c>
      <c r="K5824">
        <f t="shared" si="652"/>
        <v>0.59141845707180707</v>
      </c>
      <c r="L5824">
        <f t="shared" si="653"/>
        <v>0.29570922853590353</v>
      </c>
      <c r="M5824">
        <f t="shared" si="654"/>
        <v>0</v>
      </c>
      <c r="N5824" s="45">
        <f t="shared" si="655"/>
        <v>45168.249999985957</v>
      </c>
    </row>
    <row r="5825" spans="2:14" x14ac:dyDescent="0.25">
      <c r="B5825">
        <f t="shared" si="649"/>
        <v>3</v>
      </c>
      <c r="C5825" s="16">
        <v>5791</v>
      </c>
      <c r="D5825" cm="1">
        <f t="array" ref="D5825">IFERROR(INDEX(Jesper!AH$2:AH$366,ROUNDDOWN($C5825/24,0)+1,1)*INDEX($D$3:$AA$30,INDEX(Jesper!$R$2:$R$366,ROW(INDEX(Jesper!AH$2:AH$366,ROUNDDOWN($C5825/24,0)+1,1))-1)+IF('Standard Profiles'!$G$18=$B$10,7,0)+IF('Standard Profiles'!$G$18=$B$17,14,0)+IF('Standard Profiles'!$G$18=$B$24,21,0),MOD($C5825,24)+1)/SUM(INDEX($D$3:$AA$30,INDEX(Jesper!$R$2:$R$366,ROW(INDEX(Jesper!AH$2:AH$366,ROUNDDOWN($C5825/24,0)+1,1))-1)+IF('Standard Profiles'!$G$18=$B$10,7,0)+IF('Standard Profiles'!$G$18=$B$17,14,0)+IF('Standard Profiles'!$G$18=$B$24,21,0),0)),0)</f>
        <v>22.665440300848509</v>
      </c>
      <c r="E5825" cm="1">
        <f t="array" ref="E5825">IFERROR(INDEX(Jesper!AI$2:AI$366,ROUNDDOWN($C5825/24,0)+1,1)*INDEX($D$3:$AA$30,INDEX(Jesper!$R$2:$R$366,ROW(INDEX(Jesper!AI$2:AI$366,ROUNDDOWN($C5825/24,0)+1,1))-1)+IF('Standard Profiles'!$G$19=$B$10,7,0)+IF('Standard Profiles'!$G$19=$B$17,14,0)+IF('Standard Profiles'!$G$19=$B$24,21,0),MOD($C5825,24)+1)/SUM(INDEX($D$3:$AA$30,INDEX(Jesper!$R$2:$R$366,ROW(INDEX(Jesper!AI$2:AI$366,ROUNDDOWN($C5825/24,0)+1,1))-1)+IF('Standard Profiles'!$G$19=$B$10,7,0)+IF('Standard Profiles'!$G$19=$B$17,14,0)+IF('Standard Profiles'!$G$19=$B$24,21,0),0)),0)</f>
        <v>10.785669351384154</v>
      </c>
      <c r="F5825" cm="1">
        <f t="array" ref="F5825">IFERROR(INDEX(Jesper!AJ$2:AJ$366,ROUNDDOWN($C5825/24,0)+1,1)*INDEX($D$3:$AA$30,INDEX(Jesper!$R$2:$R$366,ROW(INDEX(Jesper!AJ$2:AJ$366,ROUNDDOWN($C5825/24,0)+1,1))-1)+IF('Standard Profiles'!$G$20=$B$10,7,0)+IF('Standard Profiles'!$G$20=$B$17,14,0)+IF('Standard Profiles'!$G$20=$B$24,21,0),MOD($C5825,24)+1)/SUM(INDEX($D$3:$AA$30,INDEX(Jesper!$R$2:$R$366,ROW(INDEX(Jesper!AJ$2:AJ$366,ROUNDDOWN($C5825/24,0)+1,1))-1)+IF('Standard Profiles'!$G$20=$B$10,7,0)+IF('Standard Profiles'!$G$20=$B$17,14,0)+IF('Standard Profiles'!$G$20=$B$24,21,0),0)),0)</f>
        <v>0</v>
      </c>
      <c r="G5825" cm="1">
        <f t="array" ref="G5825">IFERROR(INDEX(Jesper!AK$2:AK$366,ROUNDDOWN($C5825/24,0)+1,1)*INDEX($D$3:$AA$30,INDEX(Jesper!$R$2:$R$366,ROW(INDEX(Jesper!AK$2:AK$366,ROUNDDOWN($C5825/24,0)+1,1))-1)+IF('Standard Profiles'!$G$21=$B$10,7,0)+IF('Standard Profiles'!$G$21=$B$17,14,0)+IF('Standard Profiles'!$G$21=$B$24,21,0),MOD($C5825,24)+1)/SUM(INDEX($D$3:$AA$30,INDEX(Jesper!$R$2:$R$366,ROW(INDEX(Jesper!AK$2:AK$366,ROUNDDOWN($C5825/24,0)+1,1))-1)+IF('Standard Profiles'!$G$21=$B$10,7,0)+IF('Standard Profiles'!$G$21=$B$17,14,0)+IF('Standard Profiles'!$G$21=$B$24,21,0),0)),0)</f>
        <v>2.0221981240781637</v>
      </c>
      <c r="H5825" cm="1">
        <f t="array" ref="H5825">IFERROR(INDEX(Jesper!AL$2:AL$366,ROUNDDOWN($C5825/24,0)+1,1)*INDEX($D$3:$AA$30,INDEX(Jesper!$R$2:$R$366,ROW(INDEX(Jesper!AL$2:AL$366,ROUNDDOWN($C5825/24,0)+1,1))-1)+IF('Standard Profiles'!$G$22=$B$10,7,0)+IF('Standard Profiles'!$G$22=$B$17,14,0)+IF('Standard Profiles'!$G$22=$B$24,21,0),MOD($C5825,24)+1)/SUM(INDEX($D$3:$AA$30,INDEX(Jesper!$R$2:$R$366,ROW(INDEX(Jesper!AL$2:AL$366,ROUNDDOWN($C5825/24,0)+1,1))-1)+IF('Standard Profiles'!$G$22=$B$10,7,0)+IF('Standard Profiles'!$G$22=$B$17,14,0)+IF('Standard Profiles'!$G$22=$B$24,21,0),0)),0)</f>
        <v>0</v>
      </c>
      <c r="I5825">
        <f t="shared" si="650"/>
        <v>0.97065509955751805</v>
      </c>
      <c r="J5825">
        <f t="shared" si="651"/>
        <v>30.876182228617544</v>
      </c>
      <c r="K5825">
        <f t="shared" si="652"/>
        <v>2.4176469654238413</v>
      </c>
      <c r="L5825">
        <f t="shared" si="653"/>
        <v>1.2088234827119206</v>
      </c>
      <c r="M5825">
        <f t="shared" si="654"/>
        <v>0</v>
      </c>
      <c r="N5825" s="45">
        <f t="shared" si="655"/>
        <v>45168.291666652622</v>
      </c>
    </row>
    <row r="5826" spans="2:14" x14ac:dyDescent="0.25">
      <c r="B5826">
        <f t="shared" si="649"/>
        <v>3</v>
      </c>
      <c r="C5826" s="16">
        <v>5792</v>
      </c>
      <c r="D5826" cm="1">
        <f t="array" ref="D5826">IFERROR(INDEX(Jesper!AH$2:AH$366,ROUNDDOWN($C5826/24,0)+1,1)*INDEX($D$3:$AA$30,INDEX(Jesper!$R$2:$R$366,ROW(INDEX(Jesper!AH$2:AH$366,ROUNDDOWN($C5826/24,0)+1,1))-1)+IF('Standard Profiles'!$G$18=$B$10,7,0)+IF('Standard Profiles'!$G$18=$B$17,14,0)+IF('Standard Profiles'!$G$18=$B$24,21,0),MOD($C5826,24)+1)/SUM(INDEX($D$3:$AA$30,INDEX(Jesper!$R$2:$R$366,ROW(INDEX(Jesper!AH$2:AH$366,ROUNDDOWN($C5826/24,0)+1,1))-1)+IF('Standard Profiles'!$G$18=$B$10,7,0)+IF('Standard Profiles'!$G$18=$B$17,14,0)+IF('Standard Profiles'!$G$18=$B$24,21,0),0)),0)</f>
        <v>25.289859704104654</v>
      </c>
      <c r="E5826" cm="1">
        <f t="array" ref="E5826">IFERROR(INDEX(Jesper!AI$2:AI$366,ROUNDDOWN($C5826/24,0)+1,1)*INDEX($D$3:$AA$30,INDEX(Jesper!$R$2:$R$366,ROW(INDEX(Jesper!AI$2:AI$366,ROUNDDOWN($C5826/24,0)+1,1))-1)+IF('Standard Profiles'!$G$19=$B$10,7,0)+IF('Standard Profiles'!$G$19=$B$17,14,0)+IF('Standard Profiles'!$G$19=$B$24,21,0),MOD($C5826,24)+1)/SUM(INDEX($D$3:$AA$30,INDEX(Jesper!$R$2:$R$366,ROW(INDEX(Jesper!AI$2:AI$366,ROUNDDOWN($C5826/24,0)+1,1))-1)+IF('Standard Profiles'!$G$19=$B$10,7,0)+IF('Standard Profiles'!$G$19=$B$17,14,0)+IF('Standard Profiles'!$G$19=$B$24,21,0),0)),0)</f>
        <v>12.034536328912846</v>
      </c>
      <c r="F5826" cm="1">
        <f t="array" ref="F5826">IFERROR(INDEX(Jesper!AJ$2:AJ$366,ROUNDDOWN($C5826/24,0)+1,1)*INDEX($D$3:$AA$30,INDEX(Jesper!$R$2:$R$366,ROW(INDEX(Jesper!AJ$2:AJ$366,ROUNDDOWN($C5826/24,0)+1,1))-1)+IF('Standard Profiles'!$G$20=$B$10,7,0)+IF('Standard Profiles'!$G$20=$B$17,14,0)+IF('Standard Profiles'!$G$20=$B$24,21,0),MOD($C5826,24)+1)/SUM(INDEX($D$3:$AA$30,INDEX(Jesper!$R$2:$R$366,ROW(INDEX(Jesper!AJ$2:AJ$366,ROUNDDOWN($C5826/24,0)+1,1))-1)+IF('Standard Profiles'!$G$20=$B$10,7,0)+IF('Standard Profiles'!$G$20=$B$17,14,0)+IF('Standard Profiles'!$G$20=$B$24,21,0),0)),0)</f>
        <v>0</v>
      </c>
      <c r="G5826" cm="1">
        <f t="array" ref="G5826">IFERROR(INDEX(Jesper!AK$2:AK$366,ROUNDDOWN($C5826/24,0)+1,1)*INDEX($D$3:$AA$30,INDEX(Jesper!$R$2:$R$366,ROW(INDEX(Jesper!AK$2:AK$366,ROUNDDOWN($C5826/24,0)+1,1))-1)+IF('Standard Profiles'!$G$21=$B$10,7,0)+IF('Standard Profiles'!$G$21=$B$17,14,0)+IF('Standard Profiles'!$G$21=$B$24,21,0),MOD($C5826,24)+1)/SUM(INDEX($D$3:$AA$30,INDEX(Jesper!$R$2:$R$366,ROW(INDEX(Jesper!AK$2:AK$366,ROUNDDOWN($C5826/24,0)+1,1))-1)+IF('Standard Profiles'!$G$21=$B$10,7,0)+IF('Standard Profiles'!$G$21=$B$17,14,0)+IF('Standard Profiles'!$G$21=$B$24,21,0),0)),0)</f>
        <v>2.2563473805503724</v>
      </c>
      <c r="H5826" cm="1">
        <f t="array" ref="H5826">IFERROR(INDEX(Jesper!AL$2:AL$366,ROUNDDOWN($C5826/24,0)+1,1)*INDEX($D$3:$AA$30,INDEX(Jesper!$R$2:$R$366,ROW(INDEX(Jesper!AL$2:AL$366,ROUNDDOWN($C5826/24,0)+1,1))-1)+IF('Standard Profiles'!$G$22=$B$10,7,0)+IF('Standard Profiles'!$G$22=$B$17,14,0)+IF('Standard Profiles'!$G$22=$B$24,21,0),MOD($C5826,24)+1)/SUM(INDEX($D$3:$AA$30,INDEX(Jesper!$R$2:$R$366,ROW(INDEX(Jesper!AL$2:AL$366,ROUNDDOWN($C5826/24,0)+1,1))-1)+IF('Standard Profiles'!$G$22=$B$10,7,0)+IF('Standard Profiles'!$G$22=$B$17,14,0)+IF('Standard Profiles'!$G$22=$B$24,21,0),0)),0)</f>
        <v>0</v>
      </c>
      <c r="I5826">
        <f t="shared" si="650"/>
        <v>1.0830467426641783</v>
      </c>
      <c r="J5826">
        <f t="shared" si="651"/>
        <v>34.45131911824695</v>
      </c>
      <c r="K5826">
        <f t="shared" si="652"/>
        <v>2.6975850351044968</v>
      </c>
      <c r="L5826">
        <f t="shared" si="653"/>
        <v>1.3487925175522484</v>
      </c>
      <c r="M5826">
        <f t="shared" si="654"/>
        <v>0</v>
      </c>
      <c r="N5826" s="45">
        <f t="shared" si="655"/>
        <v>45168.333333319286</v>
      </c>
    </row>
    <row r="5827" spans="2:14" x14ac:dyDescent="0.25">
      <c r="B5827">
        <f t="shared" si="649"/>
        <v>3</v>
      </c>
      <c r="C5827" s="16">
        <v>5793</v>
      </c>
      <c r="D5827" cm="1">
        <f t="array" ref="D5827">IFERROR(INDEX(Jesper!AH$2:AH$366,ROUNDDOWN($C5827/24,0)+1,1)*INDEX($D$3:$AA$30,INDEX(Jesper!$R$2:$R$366,ROW(INDEX(Jesper!AH$2:AH$366,ROUNDDOWN($C5827/24,0)+1,1))-1)+IF('Standard Profiles'!$G$18=$B$10,7,0)+IF('Standard Profiles'!$G$18=$B$17,14,0)+IF('Standard Profiles'!$G$18=$B$24,21,0),MOD($C5827,24)+1)/SUM(INDEX($D$3:$AA$30,INDEX(Jesper!$R$2:$R$366,ROW(INDEX(Jesper!AH$2:AH$366,ROUNDDOWN($C5827/24,0)+1,1))-1)+IF('Standard Profiles'!$G$18=$B$10,7,0)+IF('Standard Profiles'!$G$18=$B$17,14,0)+IF('Standard Profiles'!$G$18=$B$24,21,0),0)),0)</f>
        <v>27.914279107360798</v>
      </c>
      <c r="E5827" cm="1">
        <f t="array" ref="E5827">IFERROR(INDEX(Jesper!AI$2:AI$366,ROUNDDOWN($C5827/24,0)+1,1)*INDEX($D$3:$AA$30,INDEX(Jesper!$R$2:$R$366,ROW(INDEX(Jesper!AI$2:AI$366,ROUNDDOWN($C5827/24,0)+1,1))-1)+IF('Standard Profiles'!$G$19=$B$10,7,0)+IF('Standard Profiles'!$G$19=$B$17,14,0)+IF('Standard Profiles'!$G$19=$B$24,21,0),MOD($C5827,24)+1)/SUM(INDEX($D$3:$AA$30,INDEX(Jesper!$R$2:$R$366,ROW(INDEX(Jesper!AI$2:AI$366,ROUNDDOWN($C5827/24,0)+1,1))-1)+IF('Standard Profiles'!$G$19=$B$10,7,0)+IF('Standard Profiles'!$G$19=$B$17,14,0)+IF('Standard Profiles'!$G$19=$B$24,21,0),0)),0)</f>
        <v>13.283403306441539</v>
      </c>
      <c r="F5827" cm="1">
        <f t="array" ref="F5827">IFERROR(INDEX(Jesper!AJ$2:AJ$366,ROUNDDOWN($C5827/24,0)+1,1)*INDEX($D$3:$AA$30,INDEX(Jesper!$R$2:$R$366,ROW(INDEX(Jesper!AJ$2:AJ$366,ROUNDDOWN($C5827/24,0)+1,1))-1)+IF('Standard Profiles'!$G$20=$B$10,7,0)+IF('Standard Profiles'!$G$20=$B$17,14,0)+IF('Standard Profiles'!$G$20=$B$24,21,0),MOD($C5827,24)+1)/SUM(INDEX($D$3:$AA$30,INDEX(Jesper!$R$2:$R$366,ROW(INDEX(Jesper!AJ$2:AJ$366,ROUNDDOWN($C5827/24,0)+1,1))-1)+IF('Standard Profiles'!$G$20=$B$10,7,0)+IF('Standard Profiles'!$G$20=$B$17,14,0)+IF('Standard Profiles'!$G$20=$B$24,21,0),0)),0)</f>
        <v>0</v>
      </c>
      <c r="G5827" cm="1">
        <f t="array" ref="G5827">IFERROR(INDEX(Jesper!AK$2:AK$366,ROUNDDOWN($C5827/24,0)+1,1)*INDEX($D$3:$AA$30,INDEX(Jesper!$R$2:$R$366,ROW(INDEX(Jesper!AK$2:AK$366,ROUNDDOWN($C5827/24,0)+1,1))-1)+IF('Standard Profiles'!$G$21=$B$10,7,0)+IF('Standard Profiles'!$G$21=$B$17,14,0)+IF('Standard Profiles'!$G$21=$B$24,21,0),MOD($C5827,24)+1)/SUM(INDEX($D$3:$AA$30,INDEX(Jesper!$R$2:$R$366,ROW(INDEX(Jesper!AK$2:AK$366,ROUNDDOWN($C5827/24,0)+1,1))-1)+IF('Standard Profiles'!$G$21=$B$10,7,0)+IF('Standard Profiles'!$G$21=$B$17,14,0)+IF('Standard Profiles'!$G$21=$B$24,21,0),0)),0)</f>
        <v>2.4904966370225803</v>
      </c>
      <c r="H5827" cm="1">
        <f t="array" ref="H5827">IFERROR(INDEX(Jesper!AL$2:AL$366,ROUNDDOWN($C5827/24,0)+1,1)*INDEX($D$3:$AA$30,INDEX(Jesper!$R$2:$R$366,ROW(INDEX(Jesper!AL$2:AL$366,ROUNDDOWN($C5827/24,0)+1,1))-1)+IF('Standard Profiles'!$G$22=$B$10,7,0)+IF('Standard Profiles'!$G$22=$B$17,14,0)+IF('Standard Profiles'!$G$22=$B$24,21,0),MOD($C5827,24)+1)/SUM(INDEX($D$3:$AA$30,INDEX(Jesper!$R$2:$R$366,ROW(INDEX(Jesper!AL$2:AL$366,ROUNDDOWN($C5827/24,0)+1,1))-1)+IF('Standard Profiles'!$G$22=$B$10,7,0)+IF('Standard Profiles'!$G$22=$B$17,14,0)+IF('Standard Profiles'!$G$22=$B$24,21,0),0)),0)</f>
        <v>0</v>
      </c>
      <c r="I5827">
        <f t="shared" si="650"/>
        <v>1.1954383857708379</v>
      </c>
      <c r="J5827">
        <f t="shared" si="651"/>
        <v>38.026456007876355</v>
      </c>
      <c r="K5827">
        <f t="shared" si="652"/>
        <v>2.9775231047851518</v>
      </c>
      <c r="L5827">
        <f t="shared" si="653"/>
        <v>1.4887615523925759</v>
      </c>
      <c r="M5827">
        <f t="shared" si="654"/>
        <v>0</v>
      </c>
      <c r="N5827" s="45">
        <f t="shared" si="655"/>
        <v>45168.37499998595</v>
      </c>
    </row>
    <row r="5828" spans="2:14" x14ac:dyDescent="0.25">
      <c r="B5828">
        <f t="shared" si="649"/>
        <v>3</v>
      </c>
      <c r="C5828" s="16">
        <v>5794</v>
      </c>
      <c r="D5828" cm="1">
        <f t="array" ref="D5828">IFERROR(INDEX(Jesper!AH$2:AH$366,ROUNDDOWN($C5828/24,0)+1,1)*INDEX($D$3:$AA$30,INDEX(Jesper!$R$2:$R$366,ROW(INDEX(Jesper!AH$2:AH$366,ROUNDDOWN($C5828/24,0)+1,1))-1)+IF('Standard Profiles'!$G$18=$B$10,7,0)+IF('Standard Profiles'!$G$18=$B$17,14,0)+IF('Standard Profiles'!$G$18=$B$24,21,0),MOD($C5828,24)+1)/SUM(INDEX($D$3:$AA$30,INDEX(Jesper!$R$2:$R$366,ROW(INDEX(Jesper!AH$2:AH$366,ROUNDDOWN($C5828/24,0)+1,1))-1)+IF('Standard Profiles'!$G$18=$B$10,7,0)+IF('Standard Profiles'!$G$18=$B$17,14,0)+IF('Standard Profiles'!$G$18=$B$24,21,0),0)),0)</f>
        <v>27.914279107360798</v>
      </c>
      <c r="E5828" cm="1">
        <f t="array" ref="E5828">IFERROR(INDEX(Jesper!AI$2:AI$366,ROUNDDOWN($C5828/24,0)+1,1)*INDEX($D$3:$AA$30,INDEX(Jesper!$R$2:$R$366,ROW(INDEX(Jesper!AI$2:AI$366,ROUNDDOWN($C5828/24,0)+1,1))-1)+IF('Standard Profiles'!$G$19=$B$10,7,0)+IF('Standard Profiles'!$G$19=$B$17,14,0)+IF('Standard Profiles'!$G$19=$B$24,21,0),MOD($C5828,24)+1)/SUM(INDEX($D$3:$AA$30,INDEX(Jesper!$R$2:$R$366,ROW(INDEX(Jesper!AI$2:AI$366,ROUNDDOWN($C5828/24,0)+1,1))-1)+IF('Standard Profiles'!$G$19=$B$10,7,0)+IF('Standard Profiles'!$G$19=$B$17,14,0)+IF('Standard Profiles'!$G$19=$B$24,21,0),0)),0)</f>
        <v>13.283403306441539</v>
      </c>
      <c r="F5828" cm="1">
        <f t="array" ref="F5828">IFERROR(INDEX(Jesper!AJ$2:AJ$366,ROUNDDOWN($C5828/24,0)+1,1)*INDEX($D$3:$AA$30,INDEX(Jesper!$R$2:$R$366,ROW(INDEX(Jesper!AJ$2:AJ$366,ROUNDDOWN($C5828/24,0)+1,1))-1)+IF('Standard Profiles'!$G$20=$B$10,7,0)+IF('Standard Profiles'!$G$20=$B$17,14,0)+IF('Standard Profiles'!$G$20=$B$24,21,0),MOD($C5828,24)+1)/SUM(INDEX($D$3:$AA$30,INDEX(Jesper!$R$2:$R$366,ROW(INDEX(Jesper!AJ$2:AJ$366,ROUNDDOWN($C5828/24,0)+1,1))-1)+IF('Standard Profiles'!$G$20=$B$10,7,0)+IF('Standard Profiles'!$G$20=$B$17,14,0)+IF('Standard Profiles'!$G$20=$B$24,21,0),0)),0)</f>
        <v>0</v>
      </c>
      <c r="G5828" cm="1">
        <f t="array" ref="G5828">IFERROR(INDEX(Jesper!AK$2:AK$366,ROUNDDOWN($C5828/24,0)+1,1)*INDEX($D$3:$AA$30,INDEX(Jesper!$R$2:$R$366,ROW(INDEX(Jesper!AK$2:AK$366,ROUNDDOWN($C5828/24,0)+1,1))-1)+IF('Standard Profiles'!$G$21=$B$10,7,0)+IF('Standard Profiles'!$G$21=$B$17,14,0)+IF('Standard Profiles'!$G$21=$B$24,21,0),MOD($C5828,24)+1)/SUM(INDEX($D$3:$AA$30,INDEX(Jesper!$R$2:$R$366,ROW(INDEX(Jesper!AK$2:AK$366,ROUNDDOWN($C5828/24,0)+1,1))-1)+IF('Standard Profiles'!$G$21=$B$10,7,0)+IF('Standard Profiles'!$G$21=$B$17,14,0)+IF('Standard Profiles'!$G$21=$B$24,21,0),0)),0)</f>
        <v>2.4904966370225803</v>
      </c>
      <c r="H5828" cm="1">
        <f t="array" ref="H5828">IFERROR(INDEX(Jesper!AL$2:AL$366,ROUNDDOWN($C5828/24,0)+1,1)*INDEX($D$3:$AA$30,INDEX(Jesper!$R$2:$R$366,ROW(INDEX(Jesper!AL$2:AL$366,ROUNDDOWN($C5828/24,0)+1,1))-1)+IF('Standard Profiles'!$G$22=$B$10,7,0)+IF('Standard Profiles'!$G$22=$B$17,14,0)+IF('Standard Profiles'!$G$22=$B$24,21,0),MOD($C5828,24)+1)/SUM(INDEX($D$3:$AA$30,INDEX(Jesper!$R$2:$R$366,ROW(INDEX(Jesper!AL$2:AL$366,ROUNDDOWN($C5828/24,0)+1,1))-1)+IF('Standard Profiles'!$G$22=$B$10,7,0)+IF('Standard Profiles'!$G$22=$B$17,14,0)+IF('Standard Profiles'!$G$22=$B$24,21,0),0)),0)</f>
        <v>0</v>
      </c>
      <c r="I5828">
        <f t="shared" si="650"/>
        <v>1.1954383857708379</v>
      </c>
      <c r="J5828">
        <f t="shared" si="651"/>
        <v>38.026456007876355</v>
      </c>
      <c r="K5828">
        <f t="shared" si="652"/>
        <v>2.9775231047851518</v>
      </c>
      <c r="L5828">
        <f t="shared" si="653"/>
        <v>1.4887615523925759</v>
      </c>
      <c r="M5828">
        <f t="shared" si="654"/>
        <v>0</v>
      </c>
      <c r="N5828" s="45">
        <f t="shared" si="655"/>
        <v>45168.416666652614</v>
      </c>
    </row>
    <row r="5829" spans="2:14" x14ac:dyDescent="0.25">
      <c r="B5829">
        <f t="shared" si="649"/>
        <v>3</v>
      </c>
      <c r="C5829" s="16">
        <v>5795</v>
      </c>
      <c r="D5829" cm="1">
        <f t="array" ref="D5829">IFERROR(INDEX(Jesper!AH$2:AH$366,ROUNDDOWN($C5829/24,0)+1,1)*INDEX($D$3:$AA$30,INDEX(Jesper!$R$2:$R$366,ROW(INDEX(Jesper!AH$2:AH$366,ROUNDDOWN($C5829/24,0)+1,1))-1)+IF('Standard Profiles'!$G$18=$B$10,7,0)+IF('Standard Profiles'!$G$18=$B$17,14,0)+IF('Standard Profiles'!$G$18=$B$24,21,0),MOD($C5829,24)+1)/SUM(INDEX($D$3:$AA$30,INDEX(Jesper!$R$2:$R$366,ROW(INDEX(Jesper!AH$2:AH$366,ROUNDDOWN($C5829/24,0)+1,1))-1)+IF('Standard Profiles'!$G$18=$B$10,7,0)+IF('Standard Profiles'!$G$18=$B$17,14,0)+IF('Standard Profiles'!$G$18=$B$24,21,0),0)),0)</f>
        <v>33.401701495987282</v>
      </c>
      <c r="E5829" cm="1">
        <f t="array" ref="E5829">IFERROR(INDEX(Jesper!AI$2:AI$366,ROUNDDOWN($C5829/24,0)+1,1)*INDEX($D$3:$AA$30,INDEX(Jesper!$R$2:$R$366,ROW(INDEX(Jesper!AI$2:AI$366,ROUNDDOWN($C5829/24,0)+1,1))-1)+IF('Standard Profiles'!$G$19=$B$10,7,0)+IF('Standard Profiles'!$G$19=$B$17,14,0)+IF('Standard Profiles'!$G$19=$B$24,21,0),MOD($C5829,24)+1)/SUM(INDEX($D$3:$AA$30,INDEX(Jesper!$R$2:$R$366,ROW(INDEX(Jesper!AI$2:AI$366,ROUNDDOWN($C5829/24,0)+1,1))-1)+IF('Standard Profiles'!$G$19=$B$10,7,0)+IF('Standard Profiles'!$G$19=$B$17,14,0)+IF('Standard Profiles'!$G$19=$B$24,21,0),0)),0)</f>
        <v>15.894670623092438</v>
      </c>
      <c r="F5829" cm="1">
        <f t="array" ref="F5829">IFERROR(INDEX(Jesper!AJ$2:AJ$366,ROUNDDOWN($C5829/24,0)+1,1)*INDEX($D$3:$AA$30,INDEX(Jesper!$R$2:$R$366,ROW(INDEX(Jesper!AJ$2:AJ$366,ROUNDDOWN($C5829/24,0)+1,1))-1)+IF('Standard Profiles'!$G$20=$B$10,7,0)+IF('Standard Profiles'!$G$20=$B$17,14,0)+IF('Standard Profiles'!$G$20=$B$24,21,0),MOD($C5829,24)+1)/SUM(INDEX($D$3:$AA$30,INDEX(Jesper!$R$2:$R$366,ROW(INDEX(Jesper!AJ$2:AJ$366,ROUNDDOWN($C5829/24,0)+1,1))-1)+IF('Standard Profiles'!$G$20=$B$10,7,0)+IF('Standard Profiles'!$G$20=$B$17,14,0)+IF('Standard Profiles'!$G$20=$B$24,21,0),0)),0)</f>
        <v>0</v>
      </c>
      <c r="G5829" cm="1">
        <f t="array" ref="G5829">IFERROR(INDEX(Jesper!AK$2:AK$366,ROUNDDOWN($C5829/24,0)+1,1)*INDEX($D$3:$AA$30,INDEX(Jesper!$R$2:$R$366,ROW(INDEX(Jesper!AK$2:AK$366,ROUNDDOWN($C5829/24,0)+1,1))-1)+IF('Standard Profiles'!$G$21=$B$10,7,0)+IF('Standard Profiles'!$G$21=$B$17,14,0)+IF('Standard Profiles'!$G$21=$B$24,21,0),MOD($C5829,24)+1)/SUM(INDEX($D$3:$AA$30,INDEX(Jesper!$R$2:$R$366,ROW(INDEX(Jesper!AK$2:AK$366,ROUNDDOWN($C5829/24,0)+1,1))-1)+IF('Standard Profiles'!$G$21=$B$10,7,0)+IF('Standard Profiles'!$G$21=$B$17,14,0)+IF('Standard Profiles'!$G$21=$B$24,21,0),0)),0)</f>
        <v>2.9800814460099252</v>
      </c>
      <c r="H5829" cm="1">
        <f t="array" ref="H5829">IFERROR(INDEX(Jesper!AL$2:AL$366,ROUNDDOWN($C5829/24,0)+1,1)*INDEX($D$3:$AA$30,INDEX(Jesper!$R$2:$R$366,ROW(INDEX(Jesper!AL$2:AL$366,ROUNDDOWN($C5829/24,0)+1,1))-1)+IF('Standard Profiles'!$G$22=$B$10,7,0)+IF('Standard Profiles'!$G$22=$B$17,14,0)+IF('Standard Profiles'!$G$22=$B$24,21,0),MOD($C5829,24)+1)/SUM(INDEX($D$3:$AA$30,INDEX(Jesper!$R$2:$R$366,ROW(INDEX(Jesper!AL$2:AL$366,ROUNDDOWN($C5829/24,0)+1,1))-1)+IF('Standard Profiles'!$G$22=$B$10,7,0)+IF('Standard Profiles'!$G$22=$B$17,14,0)+IF('Standard Profiles'!$G$22=$B$24,21,0),0)),0)</f>
        <v>0</v>
      </c>
      <c r="I5829">
        <f t="shared" si="650"/>
        <v>1.4304390940847633</v>
      </c>
      <c r="J5829">
        <f t="shared" si="651"/>
        <v>45.501742231646922</v>
      </c>
      <c r="K5829">
        <f t="shared" si="652"/>
        <v>3.5628481595719772</v>
      </c>
      <c r="L5829">
        <f t="shared" si="653"/>
        <v>1.7814240797859886</v>
      </c>
      <c r="M5829">
        <f t="shared" si="654"/>
        <v>0</v>
      </c>
      <c r="N5829" s="45">
        <f t="shared" si="655"/>
        <v>45168.458333319279</v>
      </c>
    </row>
    <row r="5830" spans="2:14" x14ac:dyDescent="0.25">
      <c r="B5830">
        <f t="shared" si="649"/>
        <v>3</v>
      </c>
      <c r="C5830" s="16">
        <v>5796</v>
      </c>
      <c r="D5830" cm="1">
        <f t="array" ref="D5830">IFERROR(INDEX(Jesper!AH$2:AH$366,ROUNDDOWN($C5830/24,0)+1,1)*INDEX($D$3:$AA$30,INDEX(Jesper!$R$2:$R$366,ROW(INDEX(Jesper!AH$2:AH$366,ROUNDDOWN($C5830/24,0)+1,1))-1)+IF('Standard Profiles'!$G$18=$B$10,7,0)+IF('Standard Profiles'!$G$18=$B$17,14,0)+IF('Standard Profiles'!$G$18=$B$24,21,0),MOD($C5830,24)+1)/SUM(INDEX($D$3:$AA$30,INDEX(Jesper!$R$2:$R$366,ROW(INDEX(Jesper!AH$2:AH$366,ROUNDDOWN($C5830/24,0)+1,1))-1)+IF('Standard Profiles'!$G$18=$B$10,7,0)+IF('Standard Profiles'!$G$18=$B$17,14,0)+IF('Standard Profiles'!$G$18=$B$24,21,0),0)),0)</f>
        <v>33.401701495987282</v>
      </c>
      <c r="E5830" cm="1">
        <f t="array" ref="E5830">IFERROR(INDEX(Jesper!AI$2:AI$366,ROUNDDOWN($C5830/24,0)+1,1)*INDEX($D$3:$AA$30,INDEX(Jesper!$R$2:$R$366,ROW(INDEX(Jesper!AI$2:AI$366,ROUNDDOWN($C5830/24,0)+1,1))-1)+IF('Standard Profiles'!$G$19=$B$10,7,0)+IF('Standard Profiles'!$G$19=$B$17,14,0)+IF('Standard Profiles'!$G$19=$B$24,21,0),MOD($C5830,24)+1)/SUM(INDEX($D$3:$AA$30,INDEX(Jesper!$R$2:$R$366,ROW(INDEX(Jesper!AI$2:AI$366,ROUNDDOWN($C5830/24,0)+1,1))-1)+IF('Standard Profiles'!$G$19=$B$10,7,0)+IF('Standard Profiles'!$G$19=$B$17,14,0)+IF('Standard Profiles'!$G$19=$B$24,21,0),0)),0)</f>
        <v>15.894670623092438</v>
      </c>
      <c r="F5830" cm="1">
        <f t="array" ref="F5830">IFERROR(INDEX(Jesper!AJ$2:AJ$366,ROUNDDOWN($C5830/24,0)+1,1)*INDEX($D$3:$AA$30,INDEX(Jesper!$R$2:$R$366,ROW(INDEX(Jesper!AJ$2:AJ$366,ROUNDDOWN($C5830/24,0)+1,1))-1)+IF('Standard Profiles'!$G$20=$B$10,7,0)+IF('Standard Profiles'!$G$20=$B$17,14,0)+IF('Standard Profiles'!$G$20=$B$24,21,0),MOD($C5830,24)+1)/SUM(INDEX($D$3:$AA$30,INDEX(Jesper!$R$2:$R$366,ROW(INDEX(Jesper!AJ$2:AJ$366,ROUNDDOWN($C5830/24,0)+1,1))-1)+IF('Standard Profiles'!$G$20=$B$10,7,0)+IF('Standard Profiles'!$G$20=$B$17,14,0)+IF('Standard Profiles'!$G$20=$B$24,21,0),0)),0)</f>
        <v>0</v>
      </c>
      <c r="G5830" cm="1">
        <f t="array" ref="G5830">IFERROR(INDEX(Jesper!AK$2:AK$366,ROUNDDOWN($C5830/24,0)+1,1)*INDEX($D$3:$AA$30,INDEX(Jesper!$R$2:$R$366,ROW(INDEX(Jesper!AK$2:AK$366,ROUNDDOWN($C5830/24,0)+1,1))-1)+IF('Standard Profiles'!$G$21=$B$10,7,0)+IF('Standard Profiles'!$G$21=$B$17,14,0)+IF('Standard Profiles'!$G$21=$B$24,21,0),MOD($C5830,24)+1)/SUM(INDEX($D$3:$AA$30,INDEX(Jesper!$R$2:$R$366,ROW(INDEX(Jesper!AK$2:AK$366,ROUNDDOWN($C5830/24,0)+1,1))-1)+IF('Standard Profiles'!$G$21=$B$10,7,0)+IF('Standard Profiles'!$G$21=$B$17,14,0)+IF('Standard Profiles'!$G$21=$B$24,21,0),0)),0)</f>
        <v>2.9800814460099252</v>
      </c>
      <c r="H5830" cm="1">
        <f t="array" ref="H5830">IFERROR(INDEX(Jesper!AL$2:AL$366,ROUNDDOWN($C5830/24,0)+1,1)*INDEX($D$3:$AA$30,INDEX(Jesper!$R$2:$R$366,ROW(INDEX(Jesper!AL$2:AL$366,ROUNDDOWN($C5830/24,0)+1,1))-1)+IF('Standard Profiles'!$G$22=$B$10,7,0)+IF('Standard Profiles'!$G$22=$B$17,14,0)+IF('Standard Profiles'!$G$22=$B$24,21,0),MOD($C5830,24)+1)/SUM(INDEX($D$3:$AA$30,INDEX(Jesper!$R$2:$R$366,ROW(INDEX(Jesper!AL$2:AL$366,ROUNDDOWN($C5830/24,0)+1,1))-1)+IF('Standard Profiles'!$G$22=$B$10,7,0)+IF('Standard Profiles'!$G$22=$B$17,14,0)+IF('Standard Profiles'!$G$22=$B$24,21,0),0)),0)</f>
        <v>0</v>
      </c>
      <c r="I5830">
        <f t="shared" si="650"/>
        <v>1.4304390940847633</v>
      </c>
      <c r="J5830">
        <f t="shared" si="651"/>
        <v>45.501742231646922</v>
      </c>
      <c r="K5830">
        <f t="shared" si="652"/>
        <v>3.5628481595719772</v>
      </c>
      <c r="L5830">
        <f t="shared" si="653"/>
        <v>1.7814240797859886</v>
      </c>
      <c r="M5830">
        <f t="shared" si="654"/>
        <v>0</v>
      </c>
      <c r="N5830" s="45">
        <f t="shared" si="655"/>
        <v>45168.499999985943</v>
      </c>
    </row>
    <row r="5831" spans="2:14" x14ac:dyDescent="0.25">
      <c r="B5831">
        <f t="shared" si="649"/>
        <v>3</v>
      </c>
      <c r="C5831" s="16">
        <v>5797</v>
      </c>
      <c r="D5831" cm="1">
        <f t="array" ref="D5831">IFERROR(INDEX(Jesper!AH$2:AH$366,ROUNDDOWN($C5831/24,0)+1,1)*INDEX($D$3:$AA$30,INDEX(Jesper!$R$2:$R$366,ROW(INDEX(Jesper!AH$2:AH$366,ROUNDDOWN($C5831/24,0)+1,1))-1)+IF('Standard Profiles'!$G$18=$B$10,7,0)+IF('Standard Profiles'!$G$18=$B$17,14,0)+IF('Standard Profiles'!$G$18=$B$24,21,0),MOD($C5831,24)+1)/SUM(INDEX($D$3:$AA$30,INDEX(Jesper!$R$2:$R$366,ROW(INDEX(Jesper!AH$2:AH$366,ROUNDDOWN($C5831/24,0)+1,1))-1)+IF('Standard Profiles'!$G$18=$B$10,7,0)+IF('Standard Profiles'!$G$18=$B$17,14,0)+IF('Standard Profiles'!$G$18=$B$24,21,0),0)),0)</f>
        <v>22.188273136620122</v>
      </c>
      <c r="E5831" cm="1">
        <f t="array" ref="E5831">IFERROR(INDEX(Jesper!AI$2:AI$366,ROUNDDOWN($C5831/24,0)+1,1)*INDEX($D$3:$AA$30,INDEX(Jesper!$R$2:$R$366,ROW(INDEX(Jesper!AI$2:AI$366,ROUNDDOWN($C5831/24,0)+1,1))-1)+IF('Standard Profiles'!$G$19=$B$10,7,0)+IF('Standard Profiles'!$G$19=$B$17,14,0)+IF('Standard Profiles'!$G$19=$B$24,21,0),MOD($C5831,24)+1)/SUM(INDEX($D$3:$AA$30,INDEX(Jesper!$R$2:$R$366,ROW(INDEX(Jesper!AI$2:AI$366,ROUNDDOWN($C5831/24,0)+1,1))-1)+IF('Standard Profiles'!$G$19=$B$10,7,0)+IF('Standard Profiles'!$G$19=$B$17,14,0)+IF('Standard Profiles'!$G$19=$B$24,21,0),0)),0)</f>
        <v>10.55860262819712</v>
      </c>
      <c r="F5831" cm="1">
        <f t="array" ref="F5831">IFERROR(INDEX(Jesper!AJ$2:AJ$366,ROUNDDOWN($C5831/24,0)+1,1)*INDEX($D$3:$AA$30,INDEX(Jesper!$R$2:$R$366,ROW(INDEX(Jesper!AJ$2:AJ$366,ROUNDDOWN($C5831/24,0)+1,1))-1)+IF('Standard Profiles'!$G$20=$B$10,7,0)+IF('Standard Profiles'!$G$20=$B$17,14,0)+IF('Standard Profiles'!$G$20=$B$24,21,0),MOD($C5831,24)+1)/SUM(INDEX($D$3:$AA$30,INDEX(Jesper!$R$2:$R$366,ROW(INDEX(Jesper!AJ$2:AJ$366,ROUNDDOWN($C5831/24,0)+1,1))-1)+IF('Standard Profiles'!$G$20=$B$10,7,0)+IF('Standard Profiles'!$G$20=$B$17,14,0)+IF('Standard Profiles'!$G$20=$B$24,21,0),0)),0)</f>
        <v>0</v>
      </c>
      <c r="G5831" cm="1">
        <f t="array" ref="G5831">IFERROR(INDEX(Jesper!AK$2:AK$366,ROUNDDOWN($C5831/24,0)+1,1)*INDEX($D$3:$AA$30,INDEX(Jesper!$R$2:$R$366,ROW(INDEX(Jesper!AK$2:AK$366,ROUNDDOWN($C5831/24,0)+1,1))-1)+IF('Standard Profiles'!$G$21=$B$10,7,0)+IF('Standard Profiles'!$G$21=$B$17,14,0)+IF('Standard Profiles'!$G$21=$B$24,21,0),MOD($C5831,24)+1)/SUM(INDEX($D$3:$AA$30,INDEX(Jesper!$R$2:$R$366,ROW(INDEX(Jesper!AK$2:AK$366,ROUNDDOWN($C5831/24,0)+1,1))-1)+IF('Standard Profiles'!$G$21=$B$10,7,0)+IF('Standard Profiles'!$G$21=$B$17,14,0)+IF('Standard Profiles'!$G$21=$B$24,21,0),0)),0)</f>
        <v>1.9796255319923075</v>
      </c>
      <c r="H5831" cm="1">
        <f t="array" ref="H5831">IFERROR(INDEX(Jesper!AL$2:AL$366,ROUNDDOWN($C5831/24,0)+1,1)*INDEX($D$3:$AA$30,INDEX(Jesper!$R$2:$R$366,ROW(INDEX(Jesper!AL$2:AL$366,ROUNDDOWN($C5831/24,0)+1,1))-1)+IF('Standard Profiles'!$G$22=$B$10,7,0)+IF('Standard Profiles'!$G$22=$B$17,14,0)+IF('Standard Profiles'!$G$22=$B$24,21,0),MOD($C5831,24)+1)/SUM(INDEX($D$3:$AA$30,INDEX(Jesper!$R$2:$R$366,ROW(INDEX(Jesper!AL$2:AL$366,ROUNDDOWN($C5831/24,0)+1,1))-1)+IF('Standard Profiles'!$G$22=$B$10,7,0)+IF('Standard Profiles'!$G$22=$B$17,14,0)+IF('Standard Profiles'!$G$22=$B$24,21,0),0)),0)</f>
        <v>0</v>
      </c>
      <c r="I5831">
        <f t="shared" si="650"/>
        <v>0.95022025535630716</v>
      </c>
      <c r="J5831">
        <f t="shared" si="651"/>
        <v>30.226157339594021</v>
      </c>
      <c r="K5831">
        <f t="shared" si="652"/>
        <v>2.3667491345728133</v>
      </c>
      <c r="L5831">
        <f t="shared" si="653"/>
        <v>1.1833745672864067</v>
      </c>
      <c r="M5831">
        <f t="shared" si="654"/>
        <v>0</v>
      </c>
      <c r="N5831" s="45">
        <f t="shared" si="655"/>
        <v>45168.541666652607</v>
      </c>
    </row>
    <row r="5832" spans="2:14" x14ac:dyDescent="0.25">
      <c r="B5832">
        <f t="shared" si="649"/>
        <v>3</v>
      </c>
      <c r="C5832" s="16">
        <v>5798</v>
      </c>
      <c r="D5832" cm="1">
        <f t="array" ref="D5832">IFERROR(INDEX(Jesper!AH$2:AH$366,ROUNDDOWN($C5832/24,0)+1,1)*INDEX($D$3:$AA$30,INDEX(Jesper!$R$2:$R$366,ROW(INDEX(Jesper!AH$2:AH$366,ROUNDDOWN($C5832/24,0)+1,1))-1)+IF('Standard Profiles'!$G$18=$B$10,7,0)+IF('Standard Profiles'!$G$18=$B$17,14,0)+IF('Standard Profiles'!$G$18=$B$24,21,0),MOD($C5832,24)+1)/SUM(INDEX($D$3:$AA$30,INDEX(Jesper!$R$2:$R$366,ROW(INDEX(Jesper!AH$2:AH$366,ROUNDDOWN($C5832/24,0)+1,1))-1)+IF('Standard Profiles'!$G$18=$B$10,7,0)+IF('Standard Profiles'!$G$18=$B$17,14,0)+IF('Standard Profiles'!$G$18=$B$24,21,0),0)),0)</f>
        <v>33.401701495987282</v>
      </c>
      <c r="E5832" cm="1">
        <f t="array" ref="E5832">IFERROR(INDEX(Jesper!AI$2:AI$366,ROUNDDOWN($C5832/24,0)+1,1)*INDEX($D$3:$AA$30,INDEX(Jesper!$R$2:$R$366,ROW(INDEX(Jesper!AI$2:AI$366,ROUNDDOWN($C5832/24,0)+1,1))-1)+IF('Standard Profiles'!$G$19=$B$10,7,0)+IF('Standard Profiles'!$G$19=$B$17,14,0)+IF('Standard Profiles'!$G$19=$B$24,21,0),MOD($C5832,24)+1)/SUM(INDEX($D$3:$AA$30,INDEX(Jesper!$R$2:$R$366,ROW(INDEX(Jesper!AI$2:AI$366,ROUNDDOWN($C5832/24,0)+1,1))-1)+IF('Standard Profiles'!$G$19=$B$10,7,0)+IF('Standard Profiles'!$G$19=$B$17,14,0)+IF('Standard Profiles'!$G$19=$B$24,21,0),0)),0)</f>
        <v>15.894670623092438</v>
      </c>
      <c r="F5832" cm="1">
        <f t="array" ref="F5832">IFERROR(INDEX(Jesper!AJ$2:AJ$366,ROUNDDOWN($C5832/24,0)+1,1)*INDEX($D$3:$AA$30,INDEX(Jesper!$R$2:$R$366,ROW(INDEX(Jesper!AJ$2:AJ$366,ROUNDDOWN($C5832/24,0)+1,1))-1)+IF('Standard Profiles'!$G$20=$B$10,7,0)+IF('Standard Profiles'!$G$20=$B$17,14,0)+IF('Standard Profiles'!$G$20=$B$24,21,0),MOD($C5832,24)+1)/SUM(INDEX($D$3:$AA$30,INDEX(Jesper!$R$2:$R$366,ROW(INDEX(Jesper!AJ$2:AJ$366,ROUNDDOWN($C5832/24,0)+1,1))-1)+IF('Standard Profiles'!$G$20=$B$10,7,0)+IF('Standard Profiles'!$G$20=$B$17,14,0)+IF('Standard Profiles'!$G$20=$B$24,21,0),0)),0)</f>
        <v>0</v>
      </c>
      <c r="G5832" cm="1">
        <f t="array" ref="G5832">IFERROR(INDEX(Jesper!AK$2:AK$366,ROUNDDOWN($C5832/24,0)+1,1)*INDEX($D$3:$AA$30,INDEX(Jesper!$R$2:$R$366,ROW(INDEX(Jesper!AK$2:AK$366,ROUNDDOWN($C5832/24,0)+1,1))-1)+IF('Standard Profiles'!$G$21=$B$10,7,0)+IF('Standard Profiles'!$G$21=$B$17,14,0)+IF('Standard Profiles'!$G$21=$B$24,21,0),MOD($C5832,24)+1)/SUM(INDEX($D$3:$AA$30,INDEX(Jesper!$R$2:$R$366,ROW(INDEX(Jesper!AK$2:AK$366,ROUNDDOWN($C5832/24,0)+1,1))-1)+IF('Standard Profiles'!$G$21=$B$10,7,0)+IF('Standard Profiles'!$G$21=$B$17,14,0)+IF('Standard Profiles'!$G$21=$B$24,21,0),0)),0)</f>
        <v>2.9800814460099252</v>
      </c>
      <c r="H5832" cm="1">
        <f t="array" ref="H5832">IFERROR(INDEX(Jesper!AL$2:AL$366,ROUNDDOWN($C5832/24,0)+1,1)*INDEX($D$3:$AA$30,INDEX(Jesper!$R$2:$R$366,ROW(INDEX(Jesper!AL$2:AL$366,ROUNDDOWN($C5832/24,0)+1,1))-1)+IF('Standard Profiles'!$G$22=$B$10,7,0)+IF('Standard Profiles'!$G$22=$B$17,14,0)+IF('Standard Profiles'!$G$22=$B$24,21,0),MOD($C5832,24)+1)/SUM(INDEX($D$3:$AA$30,INDEX(Jesper!$R$2:$R$366,ROW(INDEX(Jesper!AL$2:AL$366,ROUNDDOWN($C5832/24,0)+1,1))-1)+IF('Standard Profiles'!$G$22=$B$10,7,0)+IF('Standard Profiles'!$G$22=$B$17,14,0)+IF('Standard Profiles'!$G$22=$B$24,21,0),0)),0)</f>
        <v>0</v>
      </c>
      <c r="I5832">
        <f t="shared" si="650"/>
        <v>1.4304390940847633</v>
      </c>
      <c r="J5832">
        <f t="shared" si="651"/>
        <v>45.501742231646922</v>
      </c>
      <c r="K5832">
        <f t="shared" si="652"/>
        <v>3.5628481595719772</v>
      </c>
      <c r="L5832">
        <f t="shared" si="653"/>
        <v>1.7814240797859886</v>
      </c>
      <c r="M5832">
        <f t="shared" si="654"/>
        <v>0</v>
      </c>
      <c r="N5832" s="45">
        <f t="shared" si="655"/>
        <v>45168.583333319271</v>
      </c>
    </row>
    <row r="5833" spans="2:14" x14ac:dyDescent="0.25">
      <c r="B5833">
        <f t="shared" si="649"/>
        <v>3</v>
      </c>
      <c r="C5833" s="16">
        <v>5799</v>
      </c>
      <c r="D5833" cm="1">
        <f t="array" ref="D5833">IFERROR(INDEX(Jesper!AH$2:AH$366,ROUNDDOWN($C5833/24,0)+1,1)*INDEX($D$3:$AA$30,INDEX(Jesper!$R$2:$R$366,ROW(INDEX(Jesper!AH$2:AH$366,ROUNDDOWN($C5833/24,0)+1,1))-1)+IF('Standard Profiles'!$G$18=$B$10,7,0)+IF('Standard Profiles'!$G$18=$B$17,14,0)+IF('Standard Profiles'!$G$18=$B$24,21,0),MOD($C5833,24)+1)/SUM(INDEX($D$3:$AA$30,INDEX(Jesper!$R$2:$R$366,ROW(INDEX(Jesper!AH$2:AH$366,ROUNDDOWN($C5833/24,0)+1,1))-1)+IF('Standard Profiles'!$G$18=$B$10,7,0)+IF('Standard Profiles'!$G$18=$B$17,14,0)+IF('Standard Profiles'!$G$18=$B$24,21,0),0)),0)</f>
        <v>33.401701495987282</v>
      </c>
      <c r="E5833" cm="1">
        <f t="array" ref="E5833">IFERROR(INDEX(Jesper!AI$2:AI$366,ROUNDDOWN($C5833/24,0)+1,1)*INDEX($D$3:$AA$30,INDEX(Jesper!$R$2:$R$366,ROW(INDEX(Jesper!AI$2:AI$366,ROUNDDOWN($C5833/24,0)+1,1))-1)+IF('Standard Profiles'!$G$19=$B$10,7,0)+IF('Standard Profiles'!$G$19=$B$17,14,0)+IF('Standard Profiles'!$G$19=$B$24,21,0),MOD($C5833,24)+1)/SUM(INDEX($D$3:$AA$30,INDEX(Jesper!$R$2:$R$366,ROW(INDEX(Jesper!AI$2:AI$366,ROUNDDOWN($C5833/24,0)+1,1))-1)+IF('Standard Profiles'!$G$19=$B$10,7,0)+IF('Standard Profiles'!$G$19=$B$17,14,0)+IF('Standard Profiles'!$G$19=$B$24,21,0),0)),0)</f>
        <v>15.894670623092438</v>
      </c>
      <c r="F5833" cm="1">
        <f t="array" ref="F5833">IFERROR(INDEX(Jesper!AJ$2:AJ$366,ROUNDDOWN($C5833/24,0)+1,1)*INDEX($D$3:$AA$30,INDEX(Jesper!$R$2:$R$366,ROW(INDEX(Jesper!AJ$2:AJ$366,ROUNDDOWN($C5833/24,0)+1,1))-1)+IF('Standard Profiles'!$G$20=$B$10,7,0)+IF('Standard Profiles'!$G$20=$B$17,14,0)+IF('Standard Profiles'!$G$20=$B$24,21,0),MOD($C5833,24)+1)/SUM(INDEX($D$3:$AA$30,INDEX(Jesper!$R$2:$R$366,ROW(INDEX(Jesper!AJ$2:AJ$366,ROUNDDOWN($C5833/24,0)+1,1))-1)+IF('Standard Profiles'!$G$20=$B$10,7,0)+IF('Standard Profiles'!$G$20=$B$17,14,0)+IF('Standard Profiles'!$G$20=$B$24,21,0),0)),0)</f>
        <v>0</v>
      </c>
      <c r="G5833" cm="1">
        <f t="array" ref="G5833">IFERROR(INDEX(Jesper!AK$2:AK$366,ROUNDDOWN($C5833/24,0)+1,1)*INDEX($D$3:$AA$30,INDEX(Jesper!$R$2:$R$366,ROW(INDEX(Jesper!AK$2:AK$366,ROUNDDOWN($C5833/24,0)+1,1))-1)+IF('Standard Profiles'!$G$21=$B$10,7,0)+IF('Standard Profiles'!$G$21=$B$17,14,0)+IF('Standard Profiles'!$G$21=$B$24,21,0),MOD($C5833,24)+1)/SUM(INDEX($D$3:$AA$30,INDEX(Jesper!$R$2:$R$366,ROW(INDEX(Jesper!AK$2:AK$366,ROUNDDOWN($C5833/24,0)+1,1))-1)+IF('Standard Profiles'!$G$21=$B$10,7,0)+IF('Standard Profiles'!$G$21=$B$17,14,0)+IF('Standard Profiles'!$G$21=$B$24,21,0),0)),0)</f>
        <v>2.9800814460099252</v>
      </c>
      <c r="H5833" cm="1">
        <f t="array" ref="H5833">IFERROR(INDEX(Jesper!AL$2:AL$366,ROUNDDOWN($C5833/24,0)+1,1)*INDEX($D$3:$AA$30,INDEX(Jesper!$R$2:$R$366,ROW(INDEX(Jesper!AL$2:AL$366,ROUNDDOWN($C5833/24,0)+1,1))-1)+IF('Standard Profiles'!$G$22=$B$10,7,0)+IF('Standard Profiles'!$G$22=$B$17,14,0)+IF('Standard Profiles'!$G$22=$B$24,21,0),MOD($C5833,24)+1)/SUM(INDEX($D$3:$AA$30,INDEX(Jesper!$R$2:$R$366,ROW(INDEX(Jesper!AL$2:AL$366,ROUNDDOWN($C5833/24,0)+1,1))-1)+IF('Standard Profiles'!$G$22=$B$10,7,0)+IF('Standard Profiles'!$G$22=$B$17,14,0)+IF('Standard Profiles'!$G$22=$B$24,21,0),0)),0)</f>
        <v>0</v>
      </c>
      <c r="I5833">
        <f t="shared" si="650"/>
        <v>1.4304390940847633</v>
      </c>
      <c r="J5833">
        <f t="shared" si="651"/>
        <v>45.501742231646922</v>
      </c>
      <c r="K5833">
        <f t="shared" si="652"/>
        <v>3.5628481595719772</v>
      </c>
      <c r="L5833">
        <f t="shared" si="653"/>
        <v>1.7814240797859886</v>
      </c>
      <c r="M5833">
        <f t="shared" si="654"/>
        <v>0</v>
      </c>
      <c r="N5833" s="45">
        <f t="shared" si="655"/>
        <v>45168.624999985936</v>
      </c>
    </row>
    <row r="5834" spans="2:14" x14ac:dyDescent="0.25">
      <c r="B5834">
        <f t="shared" si="649"/>
        <v>3</v>
      </c>
      <c r="C5834" s="16">
        <v>5800</v>
      </c>
      <c r="D5834" cm="1">
        <f t="array" ref="D5834">IFERROR(INDEX(Jesper!AH$2:AH$366,ROUNDDOWN($C5834/24,0)+1,1)*INDEX($D$3:$AA$30,INDEX(Jesper!$R$2:$R$366,ROW(INDEX(Jesper!AH$2:AH$366,ROUNDDOWN($C5834/24,0)+1,1))-1)+IF('Standard Profiles'!$G$18=$B$10,7,0)+IF('Standard Profiles'!$G$18=$B$17,14,0)+IF('Standard Profiles'!$G$18=$B$24,21,0),MOD($C5834,24)+1)/SUM(INDEX($D$3:$AA$30,INDEX(Jesper!$R$2:$R$366,ROW(INDEX(Jesper!AH$2:AH$366,ROUNDDOWN($C5834/24,0)+1,1))-1)+IF('Standard Profiles'!$G$18=$B$10,7,0)+IF('Standard Profiles'!$G$18=$B$17,14,0)+IF('Standard Profiles'!$G$18=$B$24,21,0),0)),0)</f>
        <v>19.683145524421075</v>
      </c>
      <c r="E5834" cm="1">
        <f t="array" ref="E5834">IFERROR(INDEX(Jesper!AI$2:AI$366,ROUNDDOWN($C5834/24,0)+1,1)*INDEX($D$3:$AA$30,INDEX(Jesper!$R$2:$R$366,ROW(INDEX(Jesper!AI$2:AI$366,ROUNDDOWN($C5834/24,0)+1,1))-1)+IF('Standard Profiles'!$G$19=$B$10,7,0)+IF('Standard Profiles'!$G$19=$B$17,14,0)+IF('Standard Profiles'!$G$19=$B$24,21,0),MOD($C5834,24)+1)/SUM(INDEX($D$3:$AA$30,INDEX(Jesper!$R$2:$R$366,ROW(INDEX(Jesper!AI$2:AI$366,ROUNDDOWN($C5834/24,0)+1,1))-1)+IF('Standard Profiles'!$G$19=$B$10,7,0)+IF('Standard Profiles'!$G$19=$B$17,14,0)+IF('Standard Profiles'!$G$19=$B$24,21,0),0)),0)</f>
        <v>9.3665023314651865</v>
      </c>
      <c r="F5834" cm="1">
        <f t="array" ref="F5834">IFERROR(INDEX(Jesper!AJ$2:AJ$366,ROUNDDOWN($C5834/24,0)+1,1)*INDEX($D$3:$AA$30,INDEX(Jesper!$R$2:$R$366,ROW(INDEX(Jesper!AJ$2:AJ$366,ROUNDDOWN($C5834/24,0)+1,1))-1)+IF('Standard Profiles'!$G$20=$B$10,7,0)+IF('Standard Profiles'!$G$20=$B$17,14,0)+IF('Standard Profiles'!$G$20=$B$24,21,0),MOD($C5834,24)+1)/SUM(INDEX($D$3:$AA$30,INDEX(Jesper!$R$2:$R$366,ROW(INDEX(Jesper!AJ$2:AJ$366,ROUNDDOWN($C5834/24,0)+1,1))-1)+IF('Standard Profiles'!$G$20=$B$10,7,0)+IF('Standard Profiles'!$G$20=$B$17,14,0)+IF('Standard Profiles'!$G$20=$B$24,21,0),0)),0)</f>
        <v>0</v>
      </c>
      <c r="G5834" cm="1">
        <f t="array" ref="G5834">IFERROR(INDEX(Jesper!AK$2:AK$366,ROUNDDOWN($C5834/24,0)+1,1)*INDEX($D$3:$AA$30,INDEX(Jesper!$R$2:$R$366,ROW(INDEX(Jesper!AK$2:AK$366,ROUNDDOWN($C5834/24,0)+1,1))-1)+IF('Standard Profiles'!$G$21=$B$10,7,0)+IF('Standard Profiles'!$G$21=$B$17,14,0)+IF('Standard Profiles'!$G$21=$B$24,21,0),MOD($C5834,24)+1)/SUM(INDEX($D$3:$AA$30,INDEX(Jesper!$R$2:$R$366,ROW(INDEX(Jesper!AK$2:AK$366,ROUNDDOWN($C5834/24,0)+1,1))-1)+IF('Standard Profiles'!$G$21=$B$10,7,0)+IF('Standard Profiles'!$G$21=$B$17,14,0)+IF('Standard Profiles'!$G$21=$B$24,21,0),0)),0)</f>
        <v>2.4901296319183923</v>
      </c>
      <c r="H5834" cm="1">
        <f t="array" ref="H5834">IFERROR(INDEX(Jesper!AL$2:AL$366,ROUNDDOWN($C5834/24,0)+1,1)*INDEX($D$3:$AA$30,INDEX(Jesper!$R$2:$R$366,ROW(INDEX(Jesper!AL$2:AL$366,ROUNDDOWN($C5834/24,0)+1,1))-1)+IF('Standard Profiles'!$G$22=$B$10,7,0)+IF('Standard Profiles'!$G$22=$B$17,14,0)+IF('Standard Profiles'!$G$22=$B$24,21,0),MOD($C5834,24)+1)/SUM(INDEX($D$3:$AA$30,INDEX(Jesper!$R$2:$R$366,ROW(INDEX(Jesper!AL$2:AL$366,ROUNDDOWN($C5834/24,0)+1,1))-1)+IF('Standard Profiles'!$G$22=$B$10,7,0)+IF('Standard Profiles'!$G$22=$B$17,14,0)+IF('Standard Profiles'!$G$22=$B$24,21,0),0)),0)</f>
        <v>0</v>
      </c>
      <c r="I5834">
        <f t="shared" si="650"/>
        <v>1.1952622233208277</v>
      </c>
      <c r="J5834">
        <f t="shared" si="651"/>
        <v>27.195211980576456</v>
      </c>
      <c r="K5834">
        <f t="shared" si="652"/>
        <v>2.0995355226049148</v>
      </c>
      <c r="L5834">
        <f t="shared" si="653"/>
        <v>1.0497677613024574</v>
      </c>
      <c r="M5834">
        <f t="shared" si="654"/>
        <v>0</v>
      </c>
      <c r="N5834" s="45">
        <f t="shared" si="655"/>
        <v>45168.6666666526</v>
      </c>
    </row>
    <row r="5835" spans="2:14" x14ac:dyDescent="0.25">
      <c r="B5835">
        <f t="shared" si="649"/>
        <v>3</v>
      </c>
      <c r="C5835" s="16">
        <v>5801</v>
      </c>
      <c r="D5835" cm="1">
        <f t="array" ref="D5835">IFERROR(INDEX(Jesper!AH$2:AH$366,ROUNDDOWN($C5835/24,0)+1,1)*INDEX($D$3:$AA$30,INDEX(Jesper!$R$2:$R$366,ROW(INDEX(Jesper!AH$2:AH$366,ROUNDDOWN($C5835/24,0)+1,1))-1)+IF('Standard Profiles'!$G$18=$B$10,7,0)+IF('Standard Profiles'!$G$18=$B$17,14,0)+IF('Standard Profiles'!$G$18=$B$24,21,0),MOD($C5835,24)+1)/SUM(INDEX($D$3:$AA$30,INDEX(Jesper!$R$2:$R$366,ROW(INDEX(Jesper!AH$2:AH$366,ROUNDDOWN($C5835/24,0)+1,1))-1)+IF('Standard Profiles'!$G$18=$B$10,7,0)+IF('Standard Profiles'!$G$18=$B$17,14,0)+IF('Standard Profiles'!$G$18=$B$24,21,0),0)),0)</f>
        <v>8.4008303561336213</v>
      </c>
      <c r="E5835" cm="1">
        <f t="array" ref="E5835">IFERROR(INDEX(Jesper!AI$2:AI$366,ROUNDDOWN($C5835/24,0)+1,1)*INDEX($D$3:$AA$30,INDEX(Jesper!$R$2:$R$366,ROW(INDEX(Jesper!AI$2:AI$366,ROUNDDOWN($C5835/24,0)+1,1))-1)+IF('Standard Profiles'!$G$19=$B$10,7,0)+IF('Standard Profiles'!$G$19=$B$17,14,0)+IF('Standard Profiles'!$G$19=$B$24,21,0),MOD($C5835,24)+1)/SUM(INDEX($D$3:$AA$30,INDEX(Jesper!$R$2:$R$366,ROW(INDEX(Jesper!AI$2:AI$366,ROUNDDOWN($C5835/24,0)+1,1))-1)+IF('Standard Profiles'!$G$19=$B$10,7,0)+IF('Standard Profiles'!$G$19=$B$17,14,0)+IF('Standard Profiles'!$G$19=$B$24,21,0),0)),0)</f>
        <v>3.9976535772365294</v>
      </c>
      <c r="F5835" cm="1">
        <f t="array" ref="F5835">IFERROR(INDEX(Jesper!AJ$2:AJ$366,ROUNDDOWN($C5835/24,0)+1,1)*INDEX($D$3:$AA$30,INDEX(Jesper!$R$2:$R$366,ROW(INDEX(Jesper!AJ$2:AJ$366,ROUNDDOWN($C5835/24,0)+1,1))-1)+IF('Standard Profiles'!$G$20=$B$10,7,0)+IF('Standard Profiles'!$G$20=$B$17,14,0)+IF('Standard Profiles'!$G$20=$B$24,21,0),MOD($C5835,24)+1)/SUM(INDEX($D$3:$AA$30,INDEX(Jesper!$R$2:$R$366,ROW(INDEX(Jesper!AJ$2:AJ$366,ROUNDDOWN($C5835/24,0)+1,1))-1)+IF('Standard Profiles'!$G$20=$B$10,7,0)+IF('Standard Profiles'!$G$20=$B$17,14,0)+IF('Standard Profiles'!$G$20=$B$24,21,0),0)),0)</f>
        <v>0</v>
      </c>
      <c r="G5835" cm="1">
        <f t="array" ref="G5835">IFERROR(INDEX(Jesper!AK$2:AK$366,ROUNDDOWN($C5835/24,0)+1,1)*INDEX($D$3:$AA$30,INDEX(Jesper!$R$2:$R$366,ROW(INDEX(Jesper!AK$2:AK$366,ROUNDDOWN($C5835/24,0)+1,1))-1)+IF('Standard Profiles'!$G$21=$B$10,7,0)+IF('Standard Profiles'!$G$21=$B$17,14,0)+IF('Standard Profiles'!$G$21=$B$24,21,0),MOD($C5835,24)+1)/SUM(INDEX($D$3:$AA$30,INDEX(Jesper!$R$2:$R$366,ROW(INDEX(Jesper!AK$2:AK$366,ROUNDDOWN($C5835/24,0)+1,1))-1)+IF('Standard Profiles'!$G$21=$B$10,7,0)+IF('Standard Profiles'!$G$21=$B$17,14,0)+IF('Standard Profiles'!$G$21=$B$24,21,0),0)),0)</f>
        <v>1.9799925370964959</v>
      </c>
      <c r="H5835" cm="1">
        <f t="array" ref="H5835">IFERROR(INDEX(Jesper!AL$2:AL$366,ROUNDDOWN($C5835/24,0)+1,1)*INDEX($D$3:$AA$30,INDEX(Jesper!$R$2:$R$366,ROW(INDEX(Jesper!AL$2:AL$366,ROUNDDOWN($C5835/24,0)+1,1))-1)+IF('Standard Profiles'!$G$22=$B$10,7,0)+IF('Standard Profiles'!$G$22=$B$17,14,0)+IF('Standard Profiles'!$G$22=$B$24,21,0),MOD($C5835,24)+1)/SUM(INDEX($D$3:$AA$30,INDEX(Jesper!$R$2:$R$366,ROW(INDEX(Jesper!AL$2:AL$366,ROUNDDOWN($C5835/24,0)+1,1))-1)+IF('Standard Profiles'!$G$22=$B$10,7,0)+IF('Standard Profiles'!$G$22=$B$17,14,0)+IF('Standard Profiles'!$G$22=$B$24,21,0),0)),0)</f>
        <v>0</v>
      </c>
      <c r="I5835">
        <f t="shared" si="650"/>
        <v>0.95039641780631756</v>
      </c>
      <c r="J5835">
        <f t="shared" si="651"/>
        <v>12.083947195678949</v>
      </c>
      <c r="K5835">
        <f t="shared" si="652"/>
        <v>0.89608857132091968</v>
      </c>
      <c r="L5835">
        <f t="shared" si="653"/>
        <v>0.44804428566045984</v>
      </c>
      <c r="M5835">
        <f t="shared" si="654"/>
        <v>0</v>
      </c>
      <c r="N5835" s="45">
        <f t="shared" si="655"/>
        <v>45168.708333319264</v>
      </c>
    </row>
    <row r="5836" spans="2:14" x14ac:dyDescent="0.25">
      <c r="B5836">
        <f t="shared" si="649"/>
        <v>3</v>
      </c>
      <c r="C5836" s="16">
        <v>5802</v>
      </c>
      <c r="D5836" cm="1">
        <f t="array" ref="D5836">IFERROR(INDEX(Jesper!AH$2:AH$366,ROUNDDOWN($C5836/24,0)+1,1)*INDEX($D$3:$AA$30,INDEX(Jesper!$R$2:$R$366,ROW(INDEX(Jesper!AH$2:AH$366,ROUNDDOWN($C5836/24,0)+1,1))-1)+IF('Standard Profiles'!$G$18=$B$10,7,0)+IF('Standard Profiles'!$G$18=$B$17,14,0)+IF('Standard Profiles'!$G$18=$B$24,21,0),MOD($C5836,24)+1)/SUM(INDEX($D$3:$AA$30,INDEX(Jesper!$R$2:$R$366,ROW(INDEX(Jesper!AH$2:AH$366,ROUNDDOWN($C5836/24,0)+1,1))-1)+IF('Standard Profiles'!$G$18=$B$10,7,0)+IF('Standard Profiles'!$G$18=$B$17,14,0)+IF('Standard Profiles'!$G$18=$B$24,21,0),0)),0)</f>
        <v>5.5445480350481908</v>
      </c>
      <c r="E5836" cm="1">
        <f t="array" ref="E5836">IFERROR(INDEX(Jesper!AI$2:AI$366,ROUNDDOWN($C5836/24,0)+1,1)*INDEX($D$3:$AA$30,INDEX(Jesper!$R$2:$R$366,ROW(INDEX(Jesper!AI$2:AI$366,ROUNDDOWN($C5836/24,0)+1,1))-1)+IF('Standard Profiles'!$G$19=$B$10,7,0)+IF('Standard Profiles'!$G$19=$B$17,14,0)+IF('Standard Profiles'!$G$19=$B$24,21,0),MOD($C5836,24)+1)/SUM(INDEX($D$3:$AA$30,INDEX(Jesper!$R$2:$R$366,ROW(INDEX(Jesper!AI$2:AI$366,ROUNDDOWN($C5836/24,0)+1,1))-1)+IF('Standard Profiles'!$G$19=$B$10,7,0)+IF('Standard Profiles'!$G$19=$B$17,14,0)+IF('Standard Profiles'!$G$19=$B$24,21,0),0)),0)</f>
        <v>2.6384513609761089</v>
      </c>
      <c r="F5836" cm="1">
        <f t="array" ref="F5836">IFERROR(INDEX(Jesper!AJ$2:AJ$366,ROUNDDOWN($C5836/24,0)+1,1)*INDEX($D$3:$AA$30,INDEX(Jesper!$R$2:$R$366,ROW(INDEX(Jesper!AJ$2:AJ$366,ROUNDDOWN($C5836/24,0)+1,1))-1)+IF('Standard Profiles'!$G$20=$B$10,7,0)+IF('Standard Profiles'!$G$20=$B$17,14,0)+IF('Standard Profiles'!$G$20=$B$24,21,0),MOD($C5836,24)+1)/SUM(INDEX($D$3:$AA$30,INDEX(Jesper!$R$2:$R$366,ROW(INDEX(Jesper!AJ$2:AJ$366,ROUNDDOWN($C5836/24,0)+1,1))-1)+IF('Standard Profiles'!$G$20=$B$10,7,0)+IF('Standard Profiles'!$G$20=$B$17,14,0)+IF('Standard Profiles'!$G$20=$B$24,21,0),0)),0)</f>
        <v>0</v>
      </c>
      <c r="G5836" cm="1">
        <f t="array" ref="G5836">IFERROR(INDEX(Jesper!AK$2:AK$366,ROUNDDOWN($C5836/24,0)+1,1)*INDEX($D$3:$AA$30,INDEX(Jesper!$R$2:$R$366,ROW(INDEX(Jesper!AK$2:AK$366,ROUNDDOWN($C5836/24,0)+1,1))-1)+IF('Standard Profiles'!$G$21=$B$10,7,0)+IF('Standard Profiles'!$G$21=$B$17,14,0)+IF('Standard Profiles'!$G$21=$B$24,21,0),MOD($C5836,24)+1)/SUM(INDEX($D$3:$AA$30,INDEX(Jesper!$R$2:$R$366,ROW(INDEX(Jesper!AK$2:AK$366,ROUNDDOWN($C5836/24,0)+1,1))-1)+IF('Standard Profiles'!$G$21=$B$10,7,0)+IF('Standard Profiles'!$G$21=$B$17,14,0)+IF('Standard Profiles'!$G$21=$B$24,21,0),0)),0)</f>
        <v>0.73401020837682907</v>
      </c>
      <c r="H5836" cm="1">
        <f t="array" ref="H5836">IFERROR(INDEX(Jesper!AL$2:AL$366,ROUNDDOWN($C5836/24,0)+1,1)*INDEX($D$3:$AA$30,INDEX(Jesper!$R$2:$R$366,ROW(INDEX(Jesper!AL$2:AL$366,ROUNDDOWN($C5836/24,0)+1,1))-1)+IF('Standard Profiles'!$G$22=$B$10,7,0)+IF('Standard Profiles'!$G$22=$B$17,14,0)+IF('Standard Profiles'!$G$22=$B$24,21,0),MOD($C5836,24)+1)/SUM(INDEX($D$3:$AA$30,INDEX(Jesper!$R$2:$R$366,ROW(INDEX(Jesper!AL$2:AL$366,ROUNDDOWN($C5836/24,0)+1,1))-1)+IF('Standard Profiles'!$G$22=$B$10,7,0)+IF('Standard Profiles'!$G$22=$B$17,14,0)+IF('Standard Profiles'!$G$22=$B$24,21,0),0)),0)</f>
        <v>0</v>
      </c>
      <c r="I5836">
        <f t="shared" si="650"/>
        <v>0.3523249000208778</v>
      </c>
      <c r="J5836">
        <f t="shared" si="651"/>
        <v>7.677557018772541</v>
      </c>
      <c r="K5836">
        <f t="shared" si="652"/>
        <v>0.59141845707180707</v>
      </c>
      <c r="L5836">
        <f t="shared" si="653"/>
        <v>0.29570922853590353</v>
      </c>
      <c r="M5836">
        <f t="shared" si="654"/>
        <v>0</v>
      </c>
      <c r="N5836" s="45">
        <f t="shared" si="655"/>
        <v>45168.749999985928</v>
      </c>
    </row>
    <row r="5837" spans="2:14" x14ac:dyDescent="0.25">
      <c r="B5837">
        <f t="shared" si="649"/>
        <v>3</v>
      </c>
      <c r="C5837" s="16">
        <v>5803</v>
      </c>
      <c r="D5837" cm="1">
        <f t="array" ref="D5837">IFERROR(INDEX(Jesper!AH$2:AH$366,ROUNDDOWN($C5837/24,0)+1,1)*INDEX($D$3:$AA$30,INDEX(Jesper!$R$2:$R$366,ROW(INDEX(Jesper!AH$2:AH$366,ROUNDDOWN($C5837/24,0)+1,1))-1)+IF('Standard Profiles'!$G$18=$B$10,7,0)+IF('Standard Profiles'!$G$18=$B$17,14,0)+IF('Standard Profiles'!$G$18=$B$24,21,0),MOD($C5837,24)+1)/SUM(INDEX($D$3:$AA$30,INDEX(Jesper!$R$2:$R$366,ROW(INDEX(Jesper!AH$2:AH$366,ROUNDDOWN($C5837/24,0)+1,1))-1)+IF('Standard Profiles'!$G$18=$B$10,7,0)+IF('Standard Profiles'!$G$18=$B$17,14,0)+IF('Standard Profiles'!$G$18=$B$24,21,0),0)),0)</f>
        <v>5.5445480350481908</v>
      </c>
      <c r="E5837" cm="1">
        <f t="array" ref="E5837">IFERROR(INDEX(Jesper!AI$2:AI$366,ROUNDDOWN($C5837/24,0)+1,1)*INDEX($D$3:$AA$30,INDEX(Jesper!$R$2:$R$366,ROW(INDEX(Jesper!AI$2:AI$366,ROUNDDOWN($C5837/24,0)+1,1))-1)+IF('Standard Profiles'!$G$19=$B$10,7,0)+IF('Standard Profiles'!$G$19=$B$17,14,0)+IF('Standard Profiles'!$G$19=$B$24,21,0),MOD($C5837,24)+1)/SUM(INDEX($D$3:$AA$30,INDEX(Jesper!$R$2:$R$366,ROW(INDEX(Jesper!AI$2:AI$366,ROUNDDOWN($C5837/24,0)+1,1))-1)+IF('Standard Profiles'!$G$19=$B$10,7,0)+IF('Standard Profiles'!$G$19=$B$17,14,0)+IF('Standard Profiles'!$G$19=$B$24,21,0),0)),0)</f>
        <v>2.6384513609761089</v>
      </c>
      <c r="F5837" cm="1">
        <f t="array" ref="F5837">IFERROR(INDEX(Jesper!AJ$2:AJ$366,ROUNDDOWN($C5837/24,0)+1,1)*INDEX($D$3:$AA$30,INDEX(Jesper!$R$2:$R$366,ROW(INDEX(Jesper!AJ$2:AJ$366,ROUNDDOWN($C5837/24,0)+1,1))-1)+IF('Standard Profiles'!$G$20=$B$10,7,0)+IF('Standard Profiles'!$G$20=$B$17,14,0)+IF('Standard Profiles'!$G$20=$B$24,21,0),MOD($C5837,24)+1)/SUM(INDEX($D$3:$AA$30,INDEX(Jesper!$R$2:$R$366,ROW(INDEX(Jesper!AJ$2:AJ$366,ROUNDDOWN($C5837/24,0)+1,1))-1)+IF('Standard Profiles'!$G$20=$B$10,7,0)+IF('Standard Profiles'!$G$20=$B$17,14,0)+IF('Standard Profiles'!$G$20=$B$24,21,0),0)),0)</f>
        <v>0</v>
      </c>
      <c r="G5837" cm="1">
        <f t="array" ref="G5837">IFERROR(INDEX(Jesper!AK$2:AK$366,ROUNDDOWN($C5837/24,0)+1,1)*INDEX($D$3:$AA$30,INDEX(Jesper!$R$2:$R$366,ROW(INDEX(Jesper!AK$2:AK$366,ROUNDDOWN($C5837/24,0)+1,1))-1)+IF('Standard Profiles'!$G$21=$B$10,7,0)+IF('Standard Profiles'!$G$21=$B$17,14,0)+IF('Standard Profiles'!$G$21=$B$24,21,0),MOD($C5837,24)+1)/SUM(INDEX($D$3:$AA$30,INDEX(Jesper!$R$2:$R$366,ROW(INDEX(Jesper!AK$2:AK$366,ROUNDDOWN($C5837/24,0)+1,1))-1)+IF('Standard Profiles'!$G$21=$B$10,7,0)+IF('Standard Profiles'!$G$21=$B$17,14,0)+IF('Standard Profiles'!$G$21=$B$24,21,0),0)),0)</f>
        <v>0.73401020837682907</v>
      </c>
      <c r="H5837" cm="1">
        <f t="array" ref="H5837">IFERROR(INDEX(Jesper!AL$2:AL$366,ROUNDDOWN($C5837/24,0)+1,1)*INDEX($D$3:$AA$30,INDEX(Jesper!$R$2:$R$366,ROW(INDEX(Jesper!AL$2:AL$366,ROUNDDOWN($C5837/24,0)+1,1))-1)+IF('Standard Profiles'!$G$22=$B$10,7,0)+IF('Standard Profiles'!$G$22=$B$17,14,0)+IF('Standard Profiles'!$G$22=$B$24,21,0),MOD($C5837,24)+1)/SUM(INDEX($D$3:$AA$30,INDEX(Jesper!$R$2:$R$366,ROW(INDEX(Jesper!AL$2:AL$366,ROUNDDOWN($C5837/24,0)+1,1))-1)+IF('Standard Profiles'!$G$22=$B$10,7,0)+IF('Standard Profiles'!$G$22=$B$17,14,0)+IF('Standard Profiles'!$G$22=$B$24,21,0),0)),0)</f>
        <v>0</v>
      </c>
      <c r="I5837">
        <f t="shared" si="650"/>
        <v>0.3523249000208778</v>
      </c>
      <c r="J5837">
        <f t="shared" si="651"/>
        <v>7.677557018772541</v>
      </c>
      <c r="K5837">
        <f t="shared" si="652"/>
        <v>0.59141845707180707</v>
      </c>
      <c r="L5837">
        <f t="shared" si="653"/>
        <v>0.29570922853590353</v>
      </c>
      <c r="M5837">
        <f t="shared" si="654"/>
        <v>0</v>
      </c>
      <c r="N5837" s="45">
        <f t="shared" si="655"/>
        <v>45168.791666652593</v>
      </c>
    </row>
    <row r="5838" spans="2:14" x14ac:dyDescent="0.25">
      <c r="B5838">
        <f t="shared" si="649"/>
        <v>3</v>
      </c>
      <c r="C5838" s="16">
        <v>5804</v>
      </c>
      <c r="D5838" cm="1">
        <f t="array" ref="D5838">IFERROR(INDEX(Jesper!AH$2:AH$366,ROUNDDOWN($C5838/24,0)+1,1)*INDEX($D$3:$AA$30,INDEX(Jesper!$R$2:$R$366,ROW(INDEX(Jesper!AH$2:AH$366,ROUNDDOWN($C5838/24,0)+1,1))-1)+IF('Standard Profiles'!$G$18=$B$10,7,0)+IF('Standard Profiles'!$G$18=$B$17,14,0)+IF('Standard Profiles'!$G$18=$B$24,21,0),MOD($C5838,24)+1)/SUM(INDEX($D$3:$AA$30,INDEX(Jesper!$R$2:$R$366,ROW(INDEX(Jesper!AH$2:AH$366,ROUNDDOWN($C5838/24,0)+1,1))-1)+IF('Standard Profiles'!$G$18=$B$10,7,0)+IF('Standard Profiles'!$G$18=$B$17,14,0)+IF('Standard Profiles'!$G$18=$B$24,21,0),0)),0)</f>
        <v>5.5445480350481908</v>
      </c>
      <c r="E5838" cm="1">
        <f t="array" ref="E5838">IFERROR(INDEX(Jesper!AI$2:AI$366,ROUNDDOWN($C5838/24,0)+1,1)*INDEX($D$3:$AA$30,INDEX(Jesper!$R$2:$R$366,ROW(INDEX(Jesper!AI$2:AI$366,ROUNDDOWN($C5838/24,0)+1,1))-1)+IF('Standard Profiles'!$G$19=$B$10,7,0)+IF('Standard Profiles'!$G$19=$B$17,14,0)+IF('Standard Profiles'!$G$19=$B$24,21,0),MOD($C5838,24)+1)/SUM(INDEX($D$3:$AA$30,INDEX(Jesper!$R$2:$R$366,ROW(INDEX(Jesper!AI$2:AI$366,ROUNDDOWN($C5838/24,0)+1,1))-1)+IF('Standard Profiles'!$G$19=$B$10,7,0)+IF('Standard Profiles'!$G$19=$B$17,14,0)+IF('Standard Profiles'!$G$19=$B$24,21,0),0)),0)</f>
        <v>2.6384513609761089</v>
      </c>
      <c r="F5838" cm="1">
        <f t="array" ref="F5838">IFERROR(INDEX(Jesper!AJ$2:AJ$366,ROUNDDOWN($C5838/24,0)+1,1)*INDEX($D$3:$AA$30,INDEX(Jesper!$R$2:$R$366,ROW(INDEX(Jesper!AJ$2:AJ$366,ROUNDDOWN($C5838/24,0)+1,1))-1)+IF('Standard Profiles'!$G$20=$B$10,7,0)+IF('Standard Profiles'!$G$20=$B$17,14,0)+IF('Standard Profiles'!$G$20=$B$24,21,0),MOD($C5838,24)+1)/SUM(INDEX($D$3:$AA$30,INDEX(Jesper!$R$2:$R$366,ROW(INDEX(Jesper!AJ$2:AJ$366,ROUNDDOWN($C5838/24,0)+1,1))-1)+IF('Standard Profiles'!$G$20=$B$10,7,0)+IF('Standard Profiles'!$G$20=$B$17,14,0)+IF('Standard Profiles'!$G$20=$B$24,21,0),0)),0)</f>
        <v>0</v>
      </c>
      <c r="G5838" cm="1">
        <f t="array" ref="G5838">IFERROR(INDEX(Jesper!AK$2:AK$366,ROUNDDOWN($C5838/24,0)+1,1)*INDEX($D$3:$AA$30,INDEX(Jesper!$R$2:$R$366,ROW(INDEX(Jesper!AK$2:AK$366,ROUNDDOWN($C5838/24,0)+1,1))-1)+IF('Standard Profiles'!$G$21=$B$10,7,0)+IF('Standard Profiles'!$G$21=$B$17,14,0)+IF('Standard Profiles'!$G$21=$B$24,21,0),MOD($C5838,24)+1)/SUM(INDEX($D$3:$AA$30,INDEX(Jesper!$R$2:$R$366,ROW(INDEX(Jesper!AK$2:AK$366,ROUNDDOWN($C5838/24,0)+1,1))-1)+IF('Standard Profiles'!$G$21=$B$10,7,0)+IF('Standard Profiles'!$G$21=$B$17,14,0)+IF('Standard Profiles'!$G$21=$B$24,21,0),0)),0)</f>
        <v>0.73401020837682907</v>
      </c>
      <c r="H5838" cm="1">
        <f t="array" ref="H5838">IFERROR(INDEX(Jesper!AL$2:AL$366,ROUNDDOWN($C5838/24,0)+1,1)*INDEX($D$3:$AA$30,INDEX(Jesper!$R$2:$R$366,ROW(INDEX(Jesper!AL$2:AL$366,ROUNDDOWN($C5838/24,0)+1,1))-1)+IF('Standard Profiles'!$G$22=$B$10,7,0)+IF('Standard Profiles'!$G$22=$B$17,14,0)+IF('Standard Profiles'!$G$22=$B$24,21,0),MOD($C5838,24)+1)/SUM(INDEX($D$3:$AA$30,INDEX(Jesper!$R$2:$R$366,ROW(INDEX(Jesper!AL$2:AL$366,ROUNDDOWN($C5838/24,0)+1,1))-1)+IF('Standard Profiles'!$G$22=$B$10,7,0)+IF('Standard Profiles'!$G$22=$B$17,14,0)+IF('Standard Profiles'!$G$22=$B$24,21,0),0)),0)</f>
        <v>0</v>
      </c>
      <c r="I5838">
        <f t="shared" si="650"/>
        <v>0.3523249000208778</v>
      </c>
      <c r="J5838">
        <f t="shared" si="651"/>
        <v>7.677557018772541</v>
      </c>
      <c r="K5838">
        <f t="shared" si="652"/>
        <v>0.59141845707180707</v>
      </c>
      <c r="L5838">
        <f t="shared" si="653"/>
        <v>0.29570922853590353</v>
      </c>
      <c r="M5838">
        <f t="shared" si="654"/>
        <v>0</v>
      </c>
      <c r="N5838" s="45">
        <f t="shared" si="655"/>
        <v>45168.833333319257</v>
      </c>
    </row>
    <row r="5839" spans="2:14" x14ac:dyDescent="0.25">
      <c r="B5839">
        <f t="shared" si="649"/>
        <v>3</v>
      </c>
      <c r="C5839" s="16">
        <v>5805</v>
      </c>
      <c r="D5839" cm="1">
        <f t="array" ref="D5839">IFERROR(INDEX(Jesper!AH$2:AH$366,ROUNDDOWN($C5839/24,0)+1,1)*INDEX($D$3:$AA$30,INDEX(Jesper!$R$2:$R$366,ROW(INDEX(Jesper!AH$2:AH$366,ROUNDDOWN($C5839/24,0)+1,1))-1)+IF('Standard Profiles'!$G$18=$B$10,7,0)+IF('Standard Profiles'!$G$18=$B$17,14,0)+IF('Standard Profiles'!$G$18=$B$24,21,0),MOD($C5839,24)+1)/SUM(INDEX($D$3:$AA$30,INDEX(Jesper!$R$2:$R$366,ROW(INDEX(Jesper!AH$2:AH$366,ROUNDDOWN($C5839/24,0)+1,1))-1)+IF('Standard Profiles'!$G$18=$B$10,7,0)+IF('Standard Profiles'!$G$18=$B$17,14,0)+IF('Standard Profiles'!$G$18=$B$24,21,0),0)),0)</f>
        <v>5.5445480350481908</v>
      </c>
      <c r="E5839" cm="1">
        <f t="array" ref="E5839">IFERROR(INDEX(Jesper!AI$2:AI$366,ROUNDDOWN($C5839/24,0)+1,1)*INDEX($D$3:$AA$30,INDEX(Jesper!$R$2:$R$366,ROW(INDEX(Jesper!AI$2:AI$366,ROUNDDOWN($C5839/24,0)+1,1))-1)+IF('Standard Profiles'!$G$19=$B$10,7,0)+IF('Standard Profiles'!$G$19=$B$17,14,0)+IF('Standard Profiles'!$G$19=$B$24,21,0),MOD($C5839,24)+1)/SUM(INDEX($D$3:$AA$30,INDEX(Jesper!$R$2:$R$366,ROW(INDEX(Jesper!AI$2:AI$366,ROUNDDOWN($C5839/24,0)+1,1))-1)+IF('Standard Profiles'!$G$19=$B$10,7,0)+IF('Standard Profiles'!$G$19=$B$17,14,0)+IF('Standard Profiles'!$G$19=$B$24,21,0),0)),0)</f>
        <v>2.6384513609761089</v>
      </c>
      <c r="F5839" cm="1">
        <f t="array" ref="F5839">IFERROR(INDEX(Jesper!AJ$2:AJ$366,ROUNDDOWN($C5839/24,0)+1,1)*INDEX($D$3:$AA$30,INDEX(Jesper!$R$2:$R$366,ROW(INDEX(Jesper!AJ$2:AJ$366,ROUNDDOWN($C5839/24,0)+1,1))-1)+IF('Standard Profiles'!$G$20=$B$10,7,0)+IF('Standard Profiles'!$G$20=$B$17,14,0)+IF('Standard Profiles'!$G$20=$B$24,21,0),MOD($C5839,24)+1)/SUM(INDEX($D$3:$AA$30,INDEX(Jesper!$R$2:$R$366,ROW(INDEX(Jesper!AJ$2:AJ$366,ROUNDDOWN($C5839/24,0)+1,1))-1)+IF('Standard Profiles'!$G$20=$B$10,7,0)+IF('Standard Profiles'!$G$20=$B$17,14,0)+IF('Standard Profiles'!$G$20=$B$24,21,0),0)),0)</f>
        <v>0</v>
      </c>
      <c r="G5839" cm="1">
        <f t="array" ref="G5839">IFERROR(INDEX(Jesper!AK$2:AK$366,ROUNDDOWN($C5839/24,0)+1,1)*INDEX($D$3:$AA$30,INDEX(Jesper!$R$2:$R$366,ROW(INDEX(Jesper!AK$2:AK$366,ROUNDDOWN($C5839/24,0)+1,1))-1)+IF('Standard Profiles'!$G$21=$B$10,7,0)+IF('Standard Profiles'!$G$21=$B$17,14,0)+IF('Standard Profiles'!$G$21=$B$24,21,0),MOD($C5839,24)+1)/SUM(INDEX($D$3:$AA$30,INDEX(Jesper!$R$2:$R$366,ROW(INDEX(Jesper!AK$2:AK$366,ROUNDDOWN($C5839/24,0)+1,1))-1)+IF('Standard Profiles'!$G$21=$B$10,7,0)+IF('Standard Profiles'!$G$21=$B$17,14,0)+IF('Standard Profiles'!$G$21=$B$24,21,0),0)),0)</f>
        <v>0.73401020837682907</v>
      </c>
      <c r="H5839" cm="1">
        <f t="array" ref="H5839">IFERROR(INDEX(Jesper!AL$2:AL$366,ROUNDDOWN($C5839/24,0)+1,1)*INDEX($D$3:$AA$30,INDEX(Jesper!$R$2:$R$366,ROW(INDEX(Jesper!AL$2:AL$366,ROUNDDOWN($C5839/24,0)+1,1))-1)+IF('Standard Profiles'!$G$22=$B$10,7,0)+IF('Standard Profiles'!$G$22=$B$17,14,0)+IF('Standard Profiles'!$G$22=$B$24,21,0),MOD($C5839,24)+1)/SUM(INDEX($D$3:$AA$30,INDEX(Jesper!$R$2:$R$366,ROW(INDEX(Jesper!AL$2:AL$366,ROUNDDOWN($C5839/24,0)+1,1))-1)+IF('Standard Profiles'!$G$22=$B$10,7,0)+IF('Standard Profiles'!$G$22=$B$17,14,0)+IF('Standard Profiles'!$G$22=$B$24,21,0),0)),0)</f>
        <v>0</v>
      </c>
      <c r="I5839">
        <f t="shared" si="650"/>
        <v>0.3523249000208778</v>
      </c>
      <c r="J5839">
        <f t="shared" si="651"/>
        <v>7.677557018772541</v>
      </c>
      <c r="K5839">
        <f t="shared" si="652"/>
        <v>0.59141845707180707</v>
      </c>
      <c r="L5839">
        <f t="shared" si="653"/>
        <v>0.29570922853590353</v>
      </c>
      <c r="M5839">
        <f t="shared" si="654"/>
        <v>0</v>
      </c>
      <c r="N5839" s="45">
        <f t="shared" si="655"/>
        <v>45168.874999985921</v>
      </c>
    </row>
    <row r="5840" spans="2:14" x14ac:dyDescent="0.25">
      <c r="B5840">
        <f t="shared" si="649"/>
        <v>3</v>
      </c>
      <c r="C5840" s="16">
        <v>5806</v>
      </c>
      <c r="D5840" cm="1">
        <f t="array" ref="D5840">IFERROR(INDEX(Jesper!AH$2:AH$366,ROUNDDOWN($C5840/24,0)+1,1)*INDEX($D$3:$AA$30,INDEX(Jesper!$R$2:$R$366,ROW(INDEX(Jesper!AH$2:AH$366,ROUNDDOWN($C5840/24,0)+1,1))-1)+IF('Standard Profiles'!$G$18=$B$10,7,0)+IF('Standard Profiles'!$G$18=$B$17,14,0)+IF('Standard Profiles'!$G$18=$B$24,21,0),MOD($C5840,24)+1)/SUM(INDEX($D$3:$AA$30,INDEX(Jesper!$R$2:$R$366,ROW(INDEX(Jesper!AH$2:AH$366,ROUNDDOWN($C5840/24,0)+1,1))-1)+IF('Standard Profiles'!$G$18=$B$10,7,0)+IF('Standard Profiles'!$G$18=$B$17,14,0)+IF('Standard Profiles'!$G$18=$B$24,21,0),0)),0)</f>
        <v>5.5445480350481908</v>
      </c>
      <c r="E5840" cm="1">
        <f t="array" ref="E5840">IFERROR(INDEX(Jesper!AI$2:AI$366,ROUNDDOWN($C5840/24,0)+1,1)*INDEX($D$3:$AA$30,INDEX(Jesper!$R$2:$R$366,ROW(INDEX(Jesper!AI$2:AI$366,ROUNDDOWN($C5840/24,0)+1,1))-1)+IF('Standard Profiles'!$G$19=$B$10,7,0)+IF('Standard Profiles'!$G$19=$B$17,14,0)+IF('Standard Profiles'!$G$19=$B$24,21,0),MOD($C5840,24)+1)/SUM(INDEX($D$3:$AA$30,INDEX(Jesper!$R$2:$R$366,ROW(INDEX(Jesper!AI$2:AI$366,ROUNDDOWN($C5840/24,0)+1,1))-1)+IF('Standard Profiles'!$G$19=$B$10,7,0)+IF('Standard Profiles'!$G$19=$B$17,14,0)+IF('Standard Profiles'!$G$19=$B$24,21,0),0)),0)</f>
        <v>2.6384513609761089</v>
      </c>
      <c r="F5840" cm="1">
        <f t="array" ref="F5840">IFERROR(INDEX(Jesper!AJ$2:AJ$366,ROUNDDOWN($C5840/24,0)+1,1)*INDEX($D$3:$AA$30,INDEX(Jesper!$R$2:$R$366,ROW(INDEX(Jesper!AJ$2:AJ$366,ROUNDDOWN($C5840/24,0)+1,1))-1)+IF('Standard Profiles'!$G$20=$B$10,7,0)+IF('Standard Profiles'!$G$20=$B$17,14,0)+IF('Standard Profiles'!$G$20=$B$24,21,0),MOD($C5840,24)+1)/SUM(INDEX($D$3:$AA$30,INDEX(Jesper!$R$2:$R$366,ROW(INDEX(Jesper!AJ$2:AJ$366,ROUNDDOWN($C5840/24,0)+1,1))-1)+IF('Standard Profiles'!$G$20=$B$10,7,0)+IF('Standard Profiles'!$G$20=$B$17,14,0)+IF('Standard Profiles'!$G$20=$B$24,21,0),0)),0)</f>
        <v>0</v>
      </c>
      <c r="G5840" cm="1">
        <f t="array" ref="G5840">IFERROR(INDEX(Jesper!AK$2:AK$366,ROUNDDOWN($C5840/24,0)+1,1)*INDEX($D$3:$AA$30,INDEX(Jesper!$R$2:$R$366,ROW(INDEX(Jesper!AK$2:AK$366,ROUNDDOWN($C5840/24,0)+1,1))-1)+IF('Standard Profiles'!$G$21=$B$10,7,0)+IF('Standard Profiles'!$G$21=$B$17,14,0)+IF('Standard Profiles'!$G$21=$B$24,21,0),MOD($C5840,24)+1)/SUM(INDEX($D$3:$AA$30,INDEX(Jesper!$R$2:$R$366,ROW(INDEX(Jesper!AK$2:AK$366,ROUNDDOWN($C5840/24,0)+1,1))-1)+IF('Standard Profiles'!$G$21=$B$10,7,0)+IF('Standard Profiles'!$G$21=$B$17,14,0)+IF('Standard Profiles'!$G$21=$B$24,21,0),0)),0)</f>
        <v>0.73401020837682907</v>
      </c>
      <c r="H5840" cm="1">
        <f t="array" ref="H5840">IFERROR(INDEX(Jesper!AL$2:AL$366,ROUNDDOWN($C5840/24,0)+1,1)*INDEX($D$3:$AA$30,INDEX(Jesper!$R$2:$R$366,ROW(INDEX(Jesper!AL$2:AL$366,ROUNDDOWN($C5840/24,0)+1,1))-1)+IF('Standard Profiles'!$G$22=$B$10,7,0)+IF('Standard Profiles'!$G$22=$B$17,14,0)+IF('Standard Profiles'!$G$22=$B$24,21,0),MOD($C5840,24)+1)/SUM(INDEX($D$3:$AA$30,INDEX(Jesper!$R$2:$R$366,ROW(INDEX(Jesper!AL$2:AL$366,ROUNDDOWN($C5840/24,0)+1,1))-1)+IF('Standard Profiles'!$G$22=$B$10,7,0)+IF('Standard Profiles'!$G$22=$B$17,14,0)+IF('Standard Profiles'!$G$22=$B$24,21,0),0)),0)</f>
        <v>0</v>
      </c>
      <c r="I5840">
        <f t="shared" si="650"/>
        <v>0.3523249000208778</v>
      </c>
      <c r="J5840">
        <f t="shared" si="651"/>
        <v>7.677557018772541</v>
      </c>
      <c r="K5840">
        <f t="shared" si="652"/>
        <v>0.59141845707180707</v>
      </c>
      <c r="L5840">
        <f t="shared" si="653"/>
        <v>0.29570922853590353</v>
      </c>
      <c r="M5840">
        <f t="shared" si="654"/>
        <v>0</v>
      </c>
      <c r="N5840" s="45">
        <f t="shared" si="655"/>
        <v>45168.916666652585</v>
      </c>
    </row>
    <row r="5841" spans="2:14" x14ac:dyDescent="0.25">
      <c r="B5841">
        <f t="shared" si="649"/>
        <v>3</v>
      </c>
      <c r="C5841" s="16">
        <v>5807</v>
      </c>
      <c r="D5841" cm="1">
        <f t="array" ref="D5841">IFERROR(INDEX(Jesper!AH$2:AH$366,ROUNDDOWN($C5841/24,0)+1,1)*INDEX($D$3:$AA$30,INDEX(Jesper!$R$2:$R$366,ROW(INDEX(Jesper!AH$2:AH$366,ROUNDDOWN($C5841/24,0)+1,1))-1)+IF('Standard Profiles'!$G$18=$B$10,7,0)+IF('Standard Profiles'!$G$18=$B$17,14,0)+IF('Standard Profiles'!$G$18=$B$24,21,0),MOD($C5841,24)+1)/SUM(INDEX($D$3:$AA$30,INDEX(Jesper!$R$2:$R$366,ROW(INDEX(Jesper!AH$2:AH$366,ROUNDDOWN($C5841/24,0)+1,1))-1)+IF('Standard Profiles'!$G$18=$B$10,7,0)+IF('Standard Profiles'!$G$18=$B$17,14,0)+IF('Standard Profiles'!$G$18=$B$24,21,0),0)),0)</f>
        <v>5.5445480350481908</v>
      </c>
      <c r="E5841" cm="1">
        <f t="array" ref="E5841">IFERROR(INDEX(Jesper!AI$2:AI$366,ROUNDDOWN($C5841/24,0)+1,1)*INDEX($D$3:$AA$30,INDEX(Jesper!$R$2:$R$366,ROW(INDEX(Jesper!AI$2:AI$366,ROUNDDOWN($C5841/24,0)+1,1))-1)+IF('Standard Profiles'!$G$19=$B$10,7,0)+IF('Standard Profiles'!$G$19=$B$17,14,0)+IF('Standard Profiles'!$G$19=$B$24,21,0),MOD($C5841,24)+1)/SUM(INDEX($D$3:$AA$30,INDEX(Jesper!$R$2:$R$366,ROW(INDEX(Jesper!AI$2:AI$366,ROUNDDOWN($C5841/24,0)+1,1))-1)+IF('Standard Profiles'!$G$19=$B$10,7,0)+IF('Standard Profiles'!$G$19=$B$17,14,0)+IF('Standard Profiles'!$G$19=$B$24,21,0),0)),0)</f>
        <v>2.6384513609761089</v>
      </c>
      <c r="F5841" cm="1">
        <f t="array" ref="F5841">IFERROR(INDEX(Jesper!AJ$2:AJ$366,ROUNDDOWN($C5841/24,0)+1,1)*INDEX($D$3:$AA$30,INDEX(Jesper!$R$2:$R$366,ROW(INDEX(Jesper!AJ$2:AJ$366,ROUNDDOWN($C5841/24,0)+1,1))-1)+IF('Standard Profiles'!$G$20=$B$10,7,0)+IF('Standard Profiles'!$G$20=$B$17,14,0)+IF('Standard Profiles'!$G$20=$B$24,21,0),MOD($C5841,24)+1)/SUM(INDEX($D$3:$AA$30,INDEX(Jesper!$R$2:$R$366,ROW(INDEX(Jesper!AJ$2:AJ$366,ROUNDDOWN($C5841/24,0)+1,1))-1)+IF('Standard Profiles'!$G$20=$B$10,7,0)+IF('Standard Profiles'!$G$20=$B$17,14,0)+IF('Standard Profiles'!$G$20=$B$24,21,0),0)),0)</f>
        <v>0</v>
      </c>
      <c r="G5841" cm="1">
        <f t="array" ref="G5841">IFERROR(INDEX(Jesper!AK$2:AK$366,ROUNDDOWN($C5841/24,0)+1,1)*INDEX($D$3:$AA$30,INDEX(Jesper!$R$2:$R$366,ROW(INDEX(Jesper!AK$2:AK$366,ROUNDDOWN($C5841/24,0)+1,1))-1)+IF('Standard Profiles'!$G$21=$B$10,7,0)+IF('Standard Profiles'!$G$21=$B$17,14,0)+IF('Standard Profiles'!$G$21=$B$24,21,0),MOD($C5841,24)+1)/SUM(INDEX($D$3:$AA$30,INDEX(Jesper!$R$2:$R$366,ROW(INDEX(Jesper!AK$2:AK$366,ROUNDDOWN($C5841/24,0)+1,1))-1)+IF('Standard Profiles'!$G$21=$B$10,7,0)+IF('Standard Profiles'!$G$21=$B$17,14,0)+IF('Standard Profiles'!$G$21=$B$24,21,0),0)),0)</f>
        <v>0.73401020837682907</v>
      </c>
      <c r="H5841" cm="1">
        <f t="array" ref="H5841">IFERROR(INDEX(Jesper!AL$2:AL$366,ROUNDDOWN($C5841/24,0)+1,1)*INDEX($D$3:$AA$30,INDEX(Jesper!$R$2:$R$366,ROW(INDEX(Jesper!AL$2:AL$366,ROUNDDOWN($C5841/24,0)+1,1))-1)+IF('Standard Profiles'!$G$22=$B$10,7,0)+IF('Standard Profiles'!$G$22=$B$17,14,0)+IF('Standard Profiles'!$G$22=$B$24,21,0),MOD($C5841,24)+1)/SUM(INDEX($D$3:$AA$30,INDEX(Jesper!$R$2:$R$366,ROW(INDEX(Jesper!AL$2:AL$366,ROUNDDOWN($C5841/24,0)+1,1))-1)+IF('Standard Profiles'!$G$22=$B$10,7,0)+IF('Standard Profiles'!$G$22=$B$17,14,0)+IF('Standard Profiles'!$G$22=$B$24,21,0),0)),0)</f>
        <v>0</v>
      </c>
      <c r="I5841">
        <f t="shared" si="650"/>
        <v>0.3523249000208778</v>
      </c>
      <c r="J5841">
        <f t="shared" si="651"/>
        <v>7.677557018772541</v>
      </c>
      <c r="K5841">
        <f t="shared" si="652"/>
        <v>0.59141845707180707</v>
      </c>
      <c r="L5841">
        <f t="shared" si="653"/>
        <v>0.29570922853590353</v>
      </c>
      <c r="M5841">
        <f t="shared" si="654"/>
        <v>0</v>
      </c>
      <c r="N5841" s="45">
        <f t="shared" si="655"/>
        <v>45168.95833331925</v>
      </c>
    </row>
    <row r="5842" spans="2:14" x14ac:dyDescent="0.25">
      <c r="B5842">
        <f t="shared" si="649"/>
        <v>4</v>
      </c>
      <c r="C5842" s="16">
        <v>5808</v>
      </c>
      <c r="D5842" cm="1">
        <f t="array" ref="D5842">IFERROR(INDEX(Jesper!AH$2:AH$366,ROUNDDOWN($C5842/24,0)+1,1)*INDEX($D$3:$AA$30,INDEX(Jesper!$R$2:$R$366,ROW(INDEX(Jesper!AH$2:AH$366,ROUNDDOWN($C5842/24,0)+1,1))-1)+IF('Standard Profiles'!$G$18=$B$10,7,0)+IF('Standard Profiles'!$G$18=$B$17,14,0)+IF('Standard Profiles'!$G$18=$B$24,21,0),MOD($C5842,24)+1)/SUM(INDEX($D$3:$AA$30,INDEX(Jesper!$R$2:$R$366,ROW(INDEX(Jesper!AH$2:AH$366,ROUNDDOWN($C5842/24,0)+1,1))-1)+IF('Standard Profiles'!$G$18=$B$10,7,0)+IF('Standard Profiles'!$G$18=$B$17,14,0)+IF('Standard Profiles'!$G$18=$B$24,21,0),0)),0)</f>
        <v>5.4521620033208533</v>
      </c>
      <c r="E5842" cm="1">
        <f t="array" ref="E5842">IFERROR(INDEX(Jesper!AI$2:AI$366,ROUNDDOWN($C5842/24,0)+1,1)*INDEX($D$3:$AA$30,INDEX(Jesper!$R$2:$R$366,ROW(INDEX(Jesper!AI$2:AI$366,ROUNDDOWN($C5842/24,0)+1,1))-1)+IF('Standard Profiles'!$G$19=$B$10,7,0)+IF('Standard Profiles'!$G$19=$B$17,14,0)+IF('Standard Profiles'!$G$19=$B$24,21,0),MOD($C5842,24)+1)/SUM(INDEX($D$3:$AA$30,INDEX(Jesper!$R$2:$R$366,ROW(INDEX(Jesper!AI$2:AI$366,ROUNDDOWN($C5842/24,0)+1,1))-1)+IF('Standard Profiles'!$G$19=$B$10,7,0)+IF('Standard Profiles'!$G$19=$B$17,14,0)+IF('Standard Profiles'!$G$19=$B$24,21,0),0)),0)</f>
        <v>2.4657526102907883</v>
      </c>
      <c r="F5842" cm="1">
        <f t="array" ref="F5842">IFERROR(INDEX(Jesper!AJ$2:AJ$366,ROUNDDOWN($C5842/24,0)+1,1)*INDEX($D$3:$AA$30,INDEX(Jesper!$R$2:$R$366,ROW(INDEX(Jesper!AJ$2:AJ$366,ROUNDDOWN($C5842/24,0)+1,1))-1)+IF('Standard Profiles'!$G$20=$B$10,7,0)+IF('Standard Profiles'!$G$20=$B$17,14,0)+IF('Standard Profiles'!$G$20=$B$24,21,0),MOD($C5842,24)+1)/SUM(INDEX($D$3:$AA$30,INDEX(Jesper!$R$2:$R$366,ROW(INDEX(Jesper!AJ$2:AJ$366,ROUNDDOWN($C5842/24,0)+1,1))-1)+IF('Standard Profiles'!$G$20=$B$10,7,0)+IF('Standard Profiles'!$G$20=$B$17,14,0)+IF('Standard Profiles'!$G$20=$B$24,21,0),0)),0)</f>
        <v>0</v>
      </c>
      <c r="G5842" cm="1">
        <f t="array" ref="G5842">IFERROR(INDEX(Jesper!AK$2:AK$366,ROUNDDOWN($C5842/24,0)+1,1)*INDEX($D$3:$AA$30,INDEX(Jesper!$R$2:$R$366,ROW(INDEX(Jesper!AK$2:AK$366,ROUNDDOWN($C5842/24,0)+1,1))-1)+IF('Standard Profiles'!$G$21=$B$10,7,0)+IF('Standard Profiles'!$G$21=$B$17,14,0)+IF('Standard Profiles'!$G$21=$B$24,21,0),MOD($C5842,24)+1)/SUM(INDEX($D$3:$AA$30,INDEX(Jesper!$R$2:$R$366,ROW(INDEX(Jesper!AK$2:AK$366,ROUNDDOWN($C5842/24,0)+1,1))-1)+IF('Standard Profiles'!$G$21=$B$10,7,0)+IF('Standard Profiles'!$G$21=$B$17,14,0)+IF('Standard Profiles'!$G$21=$B$24,21,0),0)),0)</f>
        <v>0.49516193010892223</v>
      </c>
      <c r="H5842" cm="1">
        <f t="array" ref="H5842">IFERROR(INDEX(Jesper!AL$2:AL$366,ROUNDDOWN($C5842/24,0)+1,1)*INDEX($D$3:$AA$30,INDEX(Jesper!$R$2:$R$366,ROW(INDEX(Jesper!AL$2:AL$366,ROUNDDOWN($C5842/24,0)+1,1))-1)+IF('Standard Profiles'!$G$22=$B$10,7,0)+IF('Standard Profiles'!$G$22=$B$17,14,0)+IF('Standard Profiles'!$G$22=$B$24,21,0),MOD($C5842,24)+1)/SUM(INDEX($D$3:$AA$30,INDEX(Jesper!$R$2:$R$366,ROW(INDEX(Jesper!AL$2:AL$366,ROUNDDOWN($C5842/24,0)+1,1))-1)+IF('Standard Profiles'!$G$22=$B$10,7,0)+IF('Standard Profiles'!$G$22=$B$17,14,0)+IF('Standard Profiles'!$G$22=$B$24,21,0),0)),0)</f>
        <v>0</v>
      </c>
      <c r="I5842">
        <f t="shared" si="650"/>
        <v>0.23767772645228255</v>
      </c>
      <c r="J5842">
        <f t="shared" si="651"/>
        <v>7.3030528967369452</v>
      </c>
      <c r="K5842">
        <f t="shared" si="652"/>
        <v>0.58156394702089109</v>
      </c>
      <c r="L5842">
        <f t="shared" si="653"/>
        <v>0.29078197351044555</v>
      </c>
      <c r="M5842">
        <f t="shared" si="654"/>
        <v>0</v>
      </c>
      <c r="N5842" s="45">
        <f t="shared" si="655"/>
        <v>45168.999999985914</v>
      </c>
    </row>
    <row r="5843" spans="2:14" x14ac:dyDescent="0.25">
      <c r="B5843">
        <f t="shared" si="649"/>
        <v>4</v>
      </c>
      <c r="C5843" s="16">
        <v>5809</v>
      </c>
      <c r="D5843" cm="1">
        <f t="array" ref="D5843">IFERROR(INDEX(Jesper!AH$2:AH$366,ROUNDDOWN($C5843/24,0)+1,1)*INDEX($D$3:$AA$30,INDEX(Jesper!$R$2:$R$366,ROW(INDEX(Jesper!AH$2:AH$366,ROUNDDOWN($C5843/24,0)+1,1))-1)+IF('Standard Profiles'!$G$18=$B$10,7,0)+IF('Standard Profiles'!$G$18=$B$17,14,0)+IF('Standard Profiles'!$G$18=$B$24,21,0),MOD($C5843,24)+1)/SUM(INDEX($D$3:$AA$30,INDEX(Jesper!$R$2:$R$366,ROW(INDEX(Jesper!AH$2:AH$366,ROUNDDOWN($C5843/24,0)+1,1))-1)+IF('Standard Profiles'!$G$18=$B$10,7,0)+IF('Standard Profiles'!$G$18=$B$17,14,0)+IF('Standard Profiles'!$G$18=$B$24,21,0),0)),0)</f>
        <v>5.4521620033208533</v>
      </c>
      <c r="E5843" cm="1">
        <f t="array" ref="E5843">IFERROR(INDEX(Jesper!AI$2:AI$366,ROUNDDOWN($C5843/24,0)+1,1)*INDEX($D$3:$AA$30,INDEX(Jesper!$R$2:$R$366,ROW(INDEX(Jesper!AI$2:AI$366,ROUNDDOWN($C5843/24,0)+1,1))-1)+IF('Standard Profiles'!$G$19=$B$10,7,0)+IF('Standard Profiles'!$G$19=$B$17,14,0)+IF('Standard Profiles'!$G$19=$B$24,21,0),MOD($C5843,24)+1)/SUM(INDEX($D$3:$AA$30,INDEX(Jesper!$R$2:$R$366,ROW(INDEX(Jesper!AI$2:AI$366,ROUNDDOWN($C5843/24,0)+1,1))-1)+IF('Standard Profiles'!$G$19=$B$10,7,0)+IF('Standard Profiles'!$G$19=$B$17,14,0)+IF('Standard Profiles'!$G$19=$B$24,21,0),0)),0)</f>
        <v>2.4657526102907883</v>
      </c>
      <c r="F5843" cm="1">
        <f t="array" ref="F5843">IFERROR(INDEX(Jesper!AJ$2:AJ$366,ROUNDDOWN($C5843/24,0)+1,1)*INDEX($D$3:$AA$30,INDEX(Jesper!$R$2:$R$366,ROW(INDEX(Jesper!AJ$2:AJ$366,ROUNDDOWN($C5843/24,0)+1,1))-1)+IF('Standard Profiles'!$G$20=$B$10,7,0)+IF('Standard Profiles'!$G$20=$B$17,14,0)+IF('Standard Profiles'!$G$20=$B$24,21,0),MOD($C5843,24)+1)/SUM(INDEX($D$3:$AA$30,INDEX(Jesper!$R$2:$R$366,ROW(INDEX(Jesper!AJ$2:AJ$366,ROUNDDOWN($C5843/24,0)+1,1))-1)+IF('Standard Profiles'!$G$20=$B$10,7,0)+IF('Standard Profiles'!$G$20=$B$17,14,0)+IF('Standard Profiles'!$G$20=$B$24,21,0),0)),0)</f>
        <v>0</v>
      </c>
      <c r="G5843" cm="1">
        <f t="array" ref="G5843">IFERROR(INDEX(Jesper!AK$2:AK$366,ROUNDDOWN($C5843/24,0)+1,1)*INDEX($D$3:$AA$30,INDEX(Jesper!$R$2:$R$366,ROW(INDEX(Jesper!AK$2:AK$366,ROUNDDOWN($C5843/24,0)+1,1))-1)+IF('Standard Profiles'!$G$21=$B$10,7,0)+IF('Standard Profiles'!$G$21=$B$17,14,0)+IF('Standard Profiles'!$G$21=$B$24,21,0),MOD($C5843,24)+1)/SUM(INDEX($D$3:$AA$30,INDEX(Jesper!$R$2:$R$366,ROW(INDEX(Jesper!AK$2:AK$366,ROUNDDOWN($C5843/24,0)+1,1))-1)+IF('Standard Profiles'!$G$21=$B$10,7,0)+IF('Standard Profiles'!$G$21=$B$17,14,0)+IF('Standard Profiles'!$G$21=$B$24,21,0),0)),0)</f>
        <v>0.49516193010892223</v>
      </c>
      <c r="H5843" cm="1">
        <f t="array" ref="H5843">IFERROR(INDEX(Jesper!AL$2:AL$366,ROUNDDOWN($C5843/24,0)+1,1)*INDEX($D$3:$AA$30,INDEX(Jesper!$R$2:$R$366,ROW(INDEX(Jesper!AL$2:AL$366,ROUNDDOWN($C5843/24,0)+1,1))-1)+IF('Standard Profiles'!$G$22=$B$10,7,0)+IF('Standard Profiles'!$G$22=$B$17,14,0)+IF('Standard Profiles'!$G$22=$B$24,21,0),MOD($C5843,24)+1)/SUM(INDEX($D$3:$AA$30,INDEX(Jesper!$R$2:$R$366,ROW(INDEX(Jesper!AL$2:AL$366,ROUNDDOWN($C5843/24,0)+1,1))-1)+IF('Standard Profiles'!$G$22=$B$10,7,0)+IF('Standard Profiles'!$G$22=$B$17,14,0)+IF('Standard Profiles'!$G$22=$B$24,21,0),0)),0)</f>
        <v>0</v>
      </c>
      <c r="I5843">
        <f t="shared" si="650"/>
        <v>0.23767772645228255</v>
      </c>
      <c r="J5843">
        <f t="shared" si="651"/>
        <v>7.3030528967369452</v>
      </c>
      <c r="K5843">
        <f t="shared" si="652"/>
        <v>0.58156394702089109</v>
      </c>
      <c r="L5843">
        <f t="shared" si="653"/>
        <v>0.29078197351044555</v>
      </c>
      <c r="M5843">
        <f t="shared" si="654"/>
        <v>0</v>
      </c>
      <c r="N5843" s="45">
        <f t="shared" si="655"/>
        <v>45169.041666652578</v>
      </c>
    </row>
    <row r="5844" spans="2:14" x14ac:dyDescent="0.25">
      <c r="B5844">
        <f t="shared" si="649"/>
        <v>4</v>
      </c>
      <c r="C5844" s="16">
        <v>5810</v>
      </c>
      <c r="D5844" cm="1">
        <f t="array" ref="D5844">IFERROR(INDEX(Jesper!AH$2:AH$366,ROUNDDOWN($C5844/24,0)+1,1)*INDEX($D$3:$AA$30,INDEX(Jesper!$R$2:$R$366,ROW(INDEX(Jesper!AH$2:AH$366,ROUNDDOWN($C5844/24,0)+1,1))-1)+IF('Standard Profiles'!$G$18=$B$10,7,0)+IF('Standard Profiles'!$G$18=$B$17,14,0)+IF('Standard Profiles'!$G$18=$B$24,21,0),MOD($C5844,24)+1)/SUM(INDEX($D$3:$AA$30,INDEX(Jesper!$R$2:$R$366,ROW(INDEX(Jesper!AH$2:AH$366,ROUNDDOWN($C5844/24,0)+1,1))-1)+IF('Standard Profiles'!$G$18=$B$10,7,0)+IF('Standard Profiles'!$G$18=$B$17,14,0)+IF('Standard Profiles'!$G$18=$B$24,21,0),0)),0)</f>
        <v>5.4521620033208533</v>
      </c>
      <c r="E5844" cm="1">
        <f t="array" ref="E5844">IFERROR(INDEX(Jesper!AI$2:AI$366,ROUNDDOWN($C5844/24,0)+1,1)*INDEX($D$3:$AA$30,INDEX(Jesper!$R$2:$R$366,ROW(INDEX(Jesper!AI$2:AI$366,ROUNDDOWN($C5844/24,0)+1,1))-1)+IF('Standard Profiles'!$G$19=$B$10,7,0)+IF('Standard Profiles'!$G$19=$B$17,14,0)+IF('Standard Profiles'!$G$19=$B$24,21,0),MOD($C5844,24)+1)/SUM(INDEX($D$3:$AA$30,INDEX(Jesper!$R$2:$R$366,ROW(INDEX(Jesper!AI$2:AI$366,ROUNDDOWN($C5844/24,0)+1,1))-1)+IF('Standard Profiles'!$G$19=$B$10,7,0)+IF('Standard Profiles'!$G$19=$B$17,14,0)+IF('Standard Profiles'!$G$19=$B$24,21,0),0)),0)</f>
        <v>2.4657526102907883</v>
      </c>
      <c r="F5844" cm="1">
        <f t="array" ref="F5844">IFERROR(INDEX(Jesper!AJ$2:AJ$366,ROUNDDOWN($C5844/24,0)+1,1)*INDEX($D$3:$AA$30,INDEX(Jesper!$R$2:$R$366,ROW(INDEX(Jesper!AJ$2:AJ$366,ROUNDDOWN($C5844/24,0)+1,1))-1)+IF('Standard Profiles'!$G$20=$B$10,7,0)+IF('Standard Profiles'!$G$20=$B$17,14,0)+IF('Standard Profiles'!$G$20=$B$24,21,0),MOD($C5844,24)+1)/SUM(INDEX($D$3:$AA$30,INDEX(Jesper!$R$2:$R$366,ROW(INDEX(Jesper!AJ$2:AJ$366,ROUNDDOWN($C5844/24,0)+1,1))-1)+IF('Standard Profiles'!$G$20=$B$10,7,0)+IF('Standard Profiles'!$G$20=$B$17,14,0)+IF('Standard Profiles'!$G$20=$B$24,21,0),0)),0)</f>
        <v>0</v>
      </c>
      <c r="G5844" cm="1">
        <f t="array" ref="G5844">IFERROR(INDEX(Jesper!AK$2:AK$366,ROUNDDOWN($C5844/24,0)+1,1)*INDEX($D$3:$AA$30,INDEX(Jesper!$R$2:$R$366,ROW(INDEX(Jesper!AK$2:AK$366,ROUNDDOWN($C5844/24,0)+1,1))-1)+IF('Standard Profiles'!$G$21=$B$10,7,0)+IF('Standard Profiles'!$G$21=$B$17,14,0)+IF('Standard Profiles'!$G$21=$B$24,21,0),MOD($C5844,24)+1)/SUM(INDEX($D$3:$AA$30,INDEX(Jesper!$R$2:$R$366,ROW(INDEX(Jesper!AK$2:AK$366,ROUNDDOWN($C5844/24,0)+1,1))-1)+IF('Standard Profiles'!$G$21=$B$10,7,0)+IF('Standard Profiles'!$G$21=$B$17,14,0)+IF('Standard Profiles'!$G$21=$B$24,21,0),0)),0)</f>
        <v>0.49516193010892223</v>
      </c>
      <c r="H5844" cm="1">
        <f t="array" ref="H5844">IFERROR(INDEX(Jesper!AL$2:AL$366,ROUNDDOWN($C5844/24,0)+1,1)*INDEX($D$3:$AA$30,INDEX(Jesper!$R$2:$R$366,ROW(INDEX(Jesper!AL$2:AL$366,ROUNDDOWN($C5844/24,0)+1,1))-1)+IF('Standard Profiles'!$G$22=$B$10,7,0)+IF('Standard Profiles'!$G$22=$B$17,14,0)+IF('Standard Profiles'!$G$22=$B$24,21,0),MOD($C5844,24)+1)/SUM(INDEX($D$3:$AA$30,INDEX(Jesper!$R$2:$R$366,ROW(INDEX(Jesper!AL$2:AL$366,ROUNDDOWN($C5844/24,0)+1,1))-1)+IF('Standard Profiles'!$G$22=$B$10,7,0)+IF('Standard Profiles'!$G$22=$B$17,14,0)+IF('Standard Profiles'!$G$22=$B$24,21,0),0)),0)</f>
        <v>0</v>
      </c>
      <c r="I5844">
        <f t="shared" si="650"/>
        <v>0.23767772645228255</v>
      </c>
      <c r="J5844">
        <f t="shared" si="651"/>
        <v>7.3030528967369452</v>
      </c>
      <c r="K5844">
        <f t="shared" si="652"/>
        <v>0.58156394702089109</v>
      </c>
      <c r="L5844">
        <f t="shared" si="653"/>
        <v>0.29078197351044555</v>
      </c>
      <c r="M5844">
        <f t="shared" si="654"/>
        <v>0</v>
      </c>
      <c r="N5844" s="45">
        <f t="shared" si="655"/>
        <v>45169.083333319242</v>
      </c>
    </row>
    <row r="5845" spans="2:14" x14ac:dyDescent="0.25">
      <c r="B5845">
        <f t="shared" si="649"/>
        <v>4</v>
      </c>
      <c r="C5845" s="16">
        <v>5811</v>
      </c>
      <c r="D5845" cm="1">
        <f t="array" ref="D5845">IFERROR(INDEX(Jesper!AH$2:AH$366,ROUNDDOWN($C5845/24,0)+1,1)*INDEX($D$3:$AA$30,INDEX(Jesper!$R$2:$R$366,ROW(INDEX(Jesper!AH$2:AH$366,ROUNDDOWN($C5845/24,0)+1,1))-1)+IF('Standard Profiles'!$G$18=$B$10,7,0)+IF('Standard Profiles'!$G$18=$B$17,14,0)+IF('Standard Profiles'!$G$18=$B$24,21,0),MOD($C5845,24)+1)/SUM(INDEX($D$3:$AA$30,INDEX(Jesper!$R$2:$R$366,ROW(INDEX(Jesper!AH$2:AH$366,ROUNDDOWN($C5845/24,0)+1,1))-1)+IF('Standard Profiles'!$G$18=$B$10,7,0)+IF('Standard Profiles'!$G$18=$B$17,14,0)+IF('Standard Profiles'!$G$18=$B$24,21,0),0)),0)</f>
        <v>5.4521620033208533</v>
      </c>
      <c r="E5845" cm="1">
        <f t="array" ref="E5845">IFERROR(INDEX(Jesper!AI$2:AI$366,ROUNDDOWN($C5845/24,0)+1,1)*INDEX($D$3:$AA$30,INDEX(Jesper!$R$2:$R$366,ROW(INDEX(Jesper!AI$2:AI$366,ROUNDDOWN($C5845/24,0)+1,1))-1)+IF('Standard Profiles'!$G$19=$B$10,7,0)+IF('Standard Profiles'!$G$19=$B$17,14,0)+IF('Standard Profiles'!$G$19=$B$24,21,0),MOD($C5845,24)+1)/SUM(INDEX($D$3:$AA$30,INDEX(Jesper!$R$2:$R$366,ROW(INDEX(Jesper!AI$2:AI$366,ROUNDDOWN($C5845/24,0)+1,1))-1)+IF('Standard Profiles'!$G$19=$B$10,7,0)+IF('Standard Profiles'!$G$19=$B$17,14,0)+IF('Standard Profiles'!$G$19=$B$24,21,0),0)),0)</f>
        <v>2.4657526102907883</v>
      </c>
      <c r="F5845" cm="1">
        <f t="array" ref="F5845">IFERROR(INDEX(Jesper!AJ$2:AJ$366,ROUNDDOWN($C5845/24,0)+1,1)*INDEX($D$3:$AA$30,INDEX(Jesper!$R$2:$R$366,ROW(INDEX(Jesper!AJ$2:AJ$366,ROUNDDOWN($C5845/24,0)+1,1))-1)+IF('Standard Profiles'!$G$20=$B$10,7,0)+IF('Standard Profiles'!$G$20=$B$17,14,0)+IF('Standard Profiles'!$G$20=$B$24,21,0),MOD($C5845,24)+1)/SUM(INDEX($D$3:$AA$30,INDEX(Jesper!$R$2:$R$366,ROW(INDEX(Jesper!AJ$2:AJ$366,ROUNDDOWN($C5845/24,0)+1,1))-1)+IF('Standard Profiles'!$G$20=$B$10,7,0)+IF('Standard Profiles'!$G$20=$B$17,14,0)+IF('Standard Profiles'!$G$20=$B$24,21,0),0)),0)</f>
        <v>0</v>
      </c>
      <c r="G5845" cm="1">
        <f t="array" ref="G5845">IFERROR(INDEX(Jesper!AK$2:AK$366,ROUNDDOWN($C5845/24,0)+1,1)*INDEX($D$3:$AA$30,INDEX(Jesper!$R$2:$R$366,ROW(INDEX(Jesper!AK$2:AK$366,ROUNDDOWN($C5845/24,0)+1,1))-1)+IF('Standard Profiles'!$G$21=$B$10,7,0)+IF('Standard Profiles'!$G$21=$B$17,14,0)+IF('Standard Profiles'!$G$21=$B$24,21,0),MOD($C5845,24)+1)/SUM(INDEX($D$3:$AA$30,INDEX(Jesper!$R$2:$R$366,ROW(INDEX(Jesper!AK$2:AK$366,ROUNDDOWN($C5845/24,0)+1,1))-1)+IF('Standard Profiles'!$G$21=$B$10,7,0)+IF('Standard Profiles'!$G$21=$B$17,14,0)+IF('Standard Profiles'!$G$21=$B$24,21,0),0)),0)</f>
        <v>0.49516193010892223</v>
      </c>
      <c r="H5845" cm="1">
        <f t="array" ref="H5845">IFERROR(INDEX(Jesper!AL$2:AL$366,ROUNDDOWN($C5845/24,0)+1,1)*INDEX($D$3:$AA$30,INDEX(Jesper!$R$2:$R$366,ROW(INDEX(Jesper!AL$2:AL$366,ROUNDDOWN($C5845/24,0)+1,1))-1)+IF('Standard Profiles'!$G$22=$B$10,7,0)+IF('Standard Profiles'!$G$22=$B$17,14,0)+IF('Standard Profiles'!$G$22=$B$24,21,0),MOD($C5845,24)+1)/SUM(INDEX($D$3:$AA$30,INDEX(Jesper!$R$2:$R$366,ROW(INDEX(Jesper!AL$2:AL$366,ROUNDDOWN($C5845/24,0)+1,1))-1)+IF('Standard Profiles'!$G$22=$B$10,7,0)+IF('Standard Profiles'!$G$22=$B$17,14,0)+IF('Standard Profiles'!$G$22=$B$24,21,0),0)),0)</f>
        <v>0</v>
      </c>
      <c r="I5845">
        <f t="shared" si="650"/>
        <v>0.23767772645228255</v>
      </c>
      <c r="J5845">
        <f t="shared" si="651"/>
        <v>7.3030528967369452</v>
      </c>
      <c r="K5845">
        <f t="shared" si="652"/>
        <v>0.58156394702089109</v>
      </c>
      <c r="L5845">
        <f t="shared" si="653"/>
        <v>0.29078197351044555</v>
      </c>
      <c r="M5845">
        <f t="shared" si="654"/>
        <v>0</v>
      </c>
      <c r="N5845" s="45">
        <f t="shared" si="655"/>
        <v>45169.124999985906</v>
      </c>
    </row>
    <row r="5846" spans="2:14" x14ac:dyDescent="0.25">
      <c r="B5846">
        <f t="shared" si="649"/>
        <v>4</v>
      </c>
      <c r="C5846" s="16">
        <v>5812</v>
      </c>
      <c r="D5846" cm="1">
        <f t="array" ref="D5846">IFERROR(INDEX(Jesper!AH$2:AH$366,ROUNDDOWN($C5846/24,0)+1,1)*INDEX($D$3:$AA$30,INDEX(Jesper!$R$2:$R$366,ROW(INDEX(Jesper!AH$2:AH$366,ROUNDDOWN($C5846/24,0)+1,1))-1)+IF('Standard Profiles'!$G$18=$B$10,7,0)+IF('Standard Profiles'!$G$18=$B$17,14,0)+IF('Standard Profiles'!$G$18=$B$24,21,0),MOD($C5846,24)+1)/SUM(INDEX($D$3:$AA$30,INDEX(Jesper!$R$2:$R$366,ROW(INDEX(Jesper!AH$2:AH$366,ROUNDDOWN($C5846/24,0)+1,1))-1)+IF('Standard Profiles'!$G$18=$B$10,7,0)+IF('Standard Profiles'!$G$18=$B$17,14,0)+IF('Standard Profiles'!$G$18=$B$24,21,0),0)),0)</f>
        <v>5.4521620033208533</v>
      </c>
      <c r="E5846" cm="1">
        <f t="array" ref="E5846">IFERROR(INDEX(Jesper!AI$2:AI$366,ROUNDDOWN($C5846/24,0)+1,1)*INDEX($D$3:$AA$30,INDEX(Jesper!$R$2:$R$366,ROW(INDEX(Jesper!AI$2:AI$366,ROUNDDOWN($C5846/24,0)+1,1))-1)+IF('Standard Profiles'!$G$19=$B$10,7,0)+IF('Standard Profiles'!$G$19=$B$17,14,0)+IF('Standard Profiles'!$G$19=$B$24,21,0),MOD($C5846,24)+1)/SUM(INDEX($D$3:$AA$30,INDEX(Jesper!$R$2:$R$366,ROW(INDEX(Jesper!AI$2:AI$366,ROUNDDOWN($C5846/24,0)+1,1))-1)+IF('Standard Profiles'!$G$19=$B$10,7,0)+IF('Standard Profiles'!$G$19=$B$17,14,0)+IF('Standard Profiles'!$G$19=$B$24,21,0),0)),0)</f>
        <v>2.4657526102907883</v>
      </c>
      <c r="F5846" cm="1">
        <f t="array" ref="F5846">IFERROR(INDEX(Jesper!AJ$2:AJ$366,ROUNDDOWN($C5846/24,0)+1,1)*INDEX($D$3:$AA$30,INDEX(Jesper!$R$2:$R$366,ROW(INDEX(Jesper!AJ$2:AJ$366,ROUNDDOWN($C5846/24,0)+1,1))-1)+IF('Standard Profiles'!$G$20=$B$10,7,0)+IF('Standard Profiles'!$G$20=$B$17,14,0)+IF('Standard Profiles'!$G$20=$B$24,21,0),MOD($C5846,24)+1)/SUM(INDEX($D$3:$AA$30,INDEX(Jesper!$R$2:$R$366,ROW(INDEX(Jesper!AJ$2:AJ$366,ROUNDDOWN($C5846/24,0)+1,1))-1)+IF('Standard Profiles'!$G$20=$B$10,7,0)+IF('Standard Profiles'!$G$20=$B$17,14,0)+IF('Standard Profiles'!$G$20=$B$24,21,0),0)),0)</f>
        <v>0</v>
      </c>
      <c r="G5846" cm="1">
        <f t="array" ref="G5846">IFERROR(INDEX(Jesper!AK$2:AK$366,ROUNDDOWN($C5846/24,0)+1,1)*INDEX($D$3:$AA$30,INDEX(Jesper!$R$2:$R$366,ROW(INDEX(Jesper!AK$2:AK$366,ROUNDDOWN($C5846/24,0)+1,1))-1)+IF('Standard Profiles'!$G$21=$B$10,7,0)+IF('Standard Profiles'!$G$21=$B$17,14,0)+IF('Standard Profiles'!$G$21=$B$24,21,0),MOD($C5846,24)+1)/SUM(INDEX($D$3:$AA$30,INDEX(Jesper!$R$2:$R$366,ROW(INDEX(Jesper!AK$2:AK$366,ROUNDDOWN($C5846/24,0)+1,1))-1)+IF('Standard Profiles'!$G$21=$B$10,7,0)+IF('Standard Profiles'!$G$21=$B$17,14,0)+IF('Standard Profiles'!$G$21=$B$24,21,0),0)),0)</f>
        <v>0.49516193010892223</v>
      </c>
      <c r="H5846" cm="1">
        <f t="array" ref="H5846">IFERROR(INDEX(Jesper!AL$2:AL$366,ROUNDDOWN($C5846/24,0)+1,1)*INDEX($D$3:$AA$30,INDEX(Jesper!$R$2:$R$366,ROW(INDEX(Jesper!AL$2:AL$366,ROUNDDOWN($C5846/24,0)+1,1))-1)+IF('Standard Profiles'!$G$22=$B$10,7,0)+IF('Standard Profiles'!$G$22=$B$17,14,0)+IF('Standard Profiles'!$G$22=$B$24,21,0),MOD($C5846,24)+1)/SUM(INDEX($D$3:$AA$30,INDEX(Jesper!$R$2:$R$366,ROW(INDEX(Jesper!AL$2:AL$366,ROUNDDOWN($C5846/24,0)+1,1))-1)+IF('Standard Profiles'!$G$22=$B$10,7,0)+IF('Standard Profiles'!$G$22=$B$17,14,0)+IF('Standard Profiles'!$G$22=$B$24,21,0),0)),0)</f>
        <v>0</v>
      </c>
      <c r="I5846">
        <f t="shared" si="650"/>
        <v>0.23767772645228255</v>
      </c>
      <c r="J5846">
        <f t="shared" si="651"/>
        <v>7.3030528967369452</v>
      </c>
      <c r="K5846">
        <f t="shared" si="652"/>
        <v>0.58156394702089109</v>
      </c>
      <c r="L5846">
        <f t="shared" si="653"/>
        <v>0.29078197351044555</v>
      </c>
      <c r="M5846">
        <f t="shared" si="654"/>
        <v>0</v>
      </c>
      <c r="N5846" s="45">
        <f t="shared" si="655"/>
        <v>45169.166666652571</v>
      </c>
    </row>
    <row r="5847" spans="2:14" x14ac:dyDescent="0.25">
      <c r="B5847">
        <f t="shared" si="649"/>
        <v>4</v>
      </c>
      <c r="C5847" s="16">
        <v>5813</v>
      </c>
      <c r="D5847" cm="1">
        <f t="array" ref="D5847">IFERROR(INDEX(Jesper!AH$2:AH$366,ROUNDDOWN($C5847/24,0)+1,1)*INDEX($D$3:$AA$30,INDEX(Jesper!$R$2:$R$366,ROW(INDEX(Jesper!AH$2:AH$366,ROUNDDOWN($C5847/24,0)+1,1))-1)+IF('Standard Profiles'!$G$18=$B$10,7,0)+IF('Standard Profiles'!$G$18=$B$17,14,0)+IF('Standard Profiles'!$G$18=$B$24,21,0),MOD($C5847,24)+1)/SUM(INDEX($D$3:$AA$30,INDEX(Jesper!$R$2:$R$366,ROW(INDEX(Jesper!AH$2:AH$366,ROUNDDOWN($C5847/24,0)+1,1))-1)+IF('Standard Profiles'!$G$18=$B$10,7,0)+IF('Standard Profiles'!$G$18=$B$17,14,0)+IF('Standard Profiles'!$G$18=$B$24,21,0),0)),0)</f>
        <v>5.4521620033208533</v>
      </c>
      <c r="E5847" cm="1">
        <f t="array" ref="E5847">IFERROR(INDEX(Jesper!AI$2:AI$366,ROUNDDOWN($C5847/24,0)+1,1)*INDEX($D$3:$AA$30,INDEX(Jesper!$R$2:$R$366,ROW(INDEX(Jesper!AI$2:AI$366,ROUNDDOWN($C5847/24,0)+1,1))-1)+IF('Standard Profiles'!$G$19=$B$10,7,0)+IF('Standard Profiles'!$G$19=$B$17,14,0)+IF('Standard Profiles'!$G$19=$B$24,21,0),MOD($C5847,24)+1)/SUM(INDEX($D$3:$AA$30,INDEX(Jesper!$R$2:$R$366,ROW(INDEX(Jesper!AI$2:AI$366,ROUNDDOWN($C5847/24,0)+1,1))-1)+IF('Standard Profiles'!$G$19=$B$10,7,0)+IF('Standard Profiles'!$G$19=$B$17,14,0)+IF('Standard Profiles'!$G$19=$B$24,21,0),0)),0)</f>
        <v>2.4657526102907883</v>
      </c>
      <c r="F5847" cm="1">
        <f t="array" ref="F5847">IFERROR(INDEX(Jesper!AJ$2:AJ$366,ROUNDDOWN($C5847/24,0)+1,1)*INDEX($D$3:$AA$30,INDEX(Jesper!$R$2:$R$366,ROW(INDEX(Jesper!AJ$2:AJ$366,ROUNDDOWN($C5847/24,0)+1,1))-1)+IF('Standard Profiles'!$G$20=$B$10,7,0)+IF('Standard Profiles'!$G$20=$B$17,14,0)+IF('Standard Profiles'!$G$20=$B$24,21,0),MOD($C5847,24)+1)/SUM(INDEX($D$3:$AA$30,INDEX(Jesper!$R$2:$R$366,ROW(INDEX(Jesper!AJ$2:AJ$366,ROUNDDOWN($C5847/24,0)+1,1))-1)+IF('Standard Profiles'!$G$20=$B$10,7,0)+IF('Standard Profiles'!$G$20=$B$17,14,0)+IF('Standard Profiles'!$G$20=$B$24,21,0),0)),0)</f>
        <v>0</v>
      </c>
      <c r="G5847" cm="1">
        <f t="array" ref="G5847">IFERROR(INDEX(Jesper!AK$2:AK$366,ROUNDDOWN($C5847/24,0)+1,1)*INDEX($D$3:$AA$30,INDEX(Jesper!$R$2:$R$366,ROW(INDEX(Jesper!AK$2:AK$366,ROUNDDOWN($C5847/24,0)+1,1))-1)+IF('Standard Profiles'!$G$21=$B$10,7,0)+IF('Standard Profiles'!$G$21=$B$17,14,0)+IF('Standard Profiles'!$G$21=$B$24,21,0),MOD($C5847,24)+1)/SUM(INDEX($D$3:$AA$30,INDEX(Jesper!$R$2:$R$366,ROW(INDEX(Jesper!AK$2:AK$366,ROUNDDOWN($C5847/24,0)+1,1))-1)+IF('Standard Profiles'!$G$21=$B$10,7,0)+IF('Standard Profiles'!$G$21=$B$17,14,0)+IF('Standard Profiles'!$G$21=$B$24,21,0),0)),0)</f>
        <v>0.49516193010892223</v>
      </c>
      <c r="H5847" cm="1">
        <f t="array" ref="H5847">IFERROR(INDEX(Jesper!AL$2:AL$366,ROUNDDOWN($C5847/24,0)+1,1)*INDEX($D$3:$AA$30,INDEX(Jesper!$R$2:$R$366,ROW(INDEX(Jesper!AL$2:AL$366,ROUNDDOWN($C5847/24,0)+1,1))-1)+IF('Standard Profiles'!$G$22=$B$10,7,0)+IF('Standard Profiles'!$G$22=$B$17,14,0)+IF('Standard Profiles'!$G$22=$B$24,21,0),MOD($C5847,24)+1)/SUM(INDEX($D$3:$AA$30,INDEX(Jesper!$R$2:$R$366,ROW(INDEX(Jesper!AL$2:AL$366,ROUNDDOWN($C5847/24,0)+1,1))-1)+IF('Standard Profiles'!$G$22=$B$10,7,0)+IF('Standard Profiles'!$G$22=$B$17,14,0)+IF('Standard Profiles'!$G$22=$B$24,21,0),0)),0)</f>
        <v>0</v>
      </c>
      <c r="I5847">
        <f t="shared" si="650"/>
        <v>0.23767772645228255</v>
      </c>
      <c r="J5847">
        <f t="shared" si="651"/>
        <v>7.3030528967369452</v>
      </c>
      <c r="K5847">
        <f t="shared" si="652"/>
        <v>0.58156394702089109</v>
      </c>
      <c r="L5847">
        <f t="shared" si="653"/>
        <v>0.29078197351044555</v>
      </c>
      <c r="M5847">
        <f t="shared" si="654"/>
        <v>0</v>
      </c>
      <c r="N5847" s="45">
        <f t="shared" si="655"/>
        <v>45169.208333319235</v>
      </c>
    </row>
    <row r="5848" spans="2:14" x14ac:dyDescent="0.25">
      <c r="B5848">
        <f t="shared" si="649"/>
        <v>4</v>
      </c>
      <c r="C5848" s="16">
        <v>5814</v>
      </c>
      <c r="D5848" cm="1">
        <f t="array" ref="D5848">IFERROR(INDEX(Jesper!AH$2:AH$366,ROUNDDOWN($C5848/24,0)+1,1)*INDEX($D$3:$AA$30,INDEX(Jesper!$R$2:$R$366,ROW(INDEX(Jesper!AH$2:AH$366,ROUNDDOWN($C5848/24,0)+1,1))-1)+IF('Standard Profiles'!$G$18=$B$10,7,0)+IF('Standard Profiles'!$G$18=$B$17,14,0)+IF('Standard Profiles'!$G$18=$B$24,21,0),MOD($C5848,24)+1)/SUM(INDEX($D$3:$AA$30,INDEX(Jesper!$R$2:$R$366,ROW(INDEX(Jesper!AH$2:AH$366,ROUNDDOWN($C5848/24,0)+1,1))-1)+IF('Standard Profiles'!$G$18=$B$10,7,0)+IF('Standard Profiles'!$G$18=$B$17,14,0)+IF('Standard Profiles'!$G$18=$B$24,21,0),0)),0)</f>
        <v>5.4521620033208533</v>
      </c>
      <c r="E5848" cm="1">
        <f t="array" ref="E5848">IFERROR(INDEX(Jesper!AI$2:AI$366,ROUNDDOWN($C5848/24,0)+1,1)*INDEX($D$3:$AA$30,INDEX(Jesper!$R$2:$R$366,ROW(INDEX(Jesper!AI$2:AI$366,ROUNDDOWN($C5848/24,0)+1,1))-1)+IF('Standard Profiles'!$G$19=$B$10,7,0)+IF('Standard Profiles'!$G$19=$B$17,14,0)+IF('Standard Profiles'!$G$19=$B$24,21,0),MOD($C5848,24)+1)/SUM(INDEX($D$3:$AA$30,INDEX(Jesper!$R$2:$R$366,ROW(INDEX(Jesper!AI$2:AI$366,ROUNDDOWN($C5848/24,0)+1,1))-1)+IF('Standard Profiles'!$G$19=$B$10,7,0)+IF('Standard Profiles'!$G$19=$B$17,14,0)+IF('Standard Profiles'!$G$19=$B$24,21,0),0)),0)</f>
        <v>2.4657526102907883</v>
      </c>
      <c r="F5848" cm="1">
        <f t="array" ref="F5848">IFERROR(INDEX(Jesper!AJ$2:AJ$366,ROUNDDOWN($C5848/24,0)+1,1)*INDEX($D$3:$AA$30,INDEX(Jesper!$R$2:$R$366,ROW(INDEX(Jesper!AJ$2:AJ$366,ROUNDDOWN($C5848/24,0)+1,1))-1)+IF('Standard Profiles'!$G$20=$B$10,7,0)+IF('Standard Profiles'!$G$20=$B$17,14,0)+IF('Standard Profiles'!$G$20=$B$24,21,0),MOD($C5848,24)+1)/SUM(INDEX($D$3:$AA$30,INDEX(Jesper!$R$2:$R$366,ROW(INDEX(Jesper!AJ$2:AJ$366,ROUNDDOWN($C5848/24,0)+1,1))-1)+IF('Standard Profiles'!$G$20=$B$10,7,0)+IF('Standard Profiles'!$G$20=$B$17,14,0)+IF('Standard Profiles'!$G$20=$B$24,21,0),0)),0)</f>
        <v>0</v>
      </c>
      <c r="G5848" cm="1">
        <f t="array" ref="G5848">IFERROR(INDEX(Jesper!AK$2:AK$366,ROUNDDOWN($C5848/24,0)+1,1)*INDEX($D$3:$AA$30,INDEX(Jesper!$R$2:$R$366,ROW(INDEX(Jesper!AK$2:AK$366,ROUNDDOWN($C5848/24,0)+1,1))-1)+IF('Standard Profiles'!$G$21=$B$10,7,0)+IF('Standard Profiles'!$G$21=$B$17,14,0)+IF('Standard Profiles'!$G$21=$B$24,21,0),MOD($C5848,24)+1)/SUM(INDEX($D$3:$AA$30,INDEX(Jesper!$R$2:$R$366,ROW(INDEX(Jesper!AK$2:AK$366,ROUNDDOWN($C5848/24,0)+1,1))-1)+IF('Standard Profiles'!$G$21=$B$10,7,0)+IF('Standard Profiles'!$G$21=$B$17,14,0)+IF('Standard Profiles'!$G$21=$B$24,21,0),0)),0)</f>
        <v>0.49516193010892223</v>
      </c>
      <c r="H5848" cm="1">
        <f t="array" ref="H5848">IFERROR(INDEX(Jesper!AL$2:AL$366,ROUNDDOWN($C5848/24,0)+1,1)*INDEX($D$3:$AA$30,INDEX(Jesper!$R$2:$R$366,ROW(INDEX(Jesper!AL$2:AL$366,ROUNDDOWN($C5848/24,0)+1,1))-1)+IF('Standard Profiles'!$G$22=$B$10,7,0)+IF('Standard Profiles'!$G$22=$B$17,14,0)+IF('Standard Profiles'!$G$22=$B$24,21,0),MOD($C5848,24)+1)/SUM(INDEX($D$3:$AA$30,INDEX(Jesper!$R$2:$R$366,ROW(INDEX(Jesper!AL$2:AL$366,ROUNDDOWN($C5848/24,0)+1,1))-1)+IF('Standard Profiles'!$G$22=$B$10,7,0)+IF('Standard Profiles'!$G$22=$B$17,14,0)+IF('Standard Profiles'!$G$22=$B$24,21,0),0)),0)</f>
        <v>0</v>
      </c>
      <c r="I5848">
        <f t="shared" si="650"/>
        <v>0.23767772645228255</v>
      </c>
      <c r="J5848">
        <f t="shared" si="651"/>
        <v>7.3030528967369452</v>
      </c>
      <c r="K5848">
        <f t="shared" si="652"/>
        <v>0.58156394702089109</v>
      </c>
      <c r="L5848">
        <f t="shared" si="653"/>
        <v>0.29078197351044555</v>
      </c>
      <c r="M5848">
        <f t="shared" si="654"/>
        <v>0</v>
      </c>
      <c r="N5848" s="45">
        <f t="shared" si="655"/>
        <v>45169.249999985899</v>
      </c>
    </row>
    <row r="5849" spans="2:14" x14ac:dyDescent="0.25">
      <c r="B5849">
        <f t="shared" si="649"/>
        <v>4</v>
      </c>
      <c r="C5849" s="16">
        <v>5815</v>
      </c>
      <c r="D5849" cm="1">
        <f t="array" ref="D5849">IFERROR(INDEX(Jesper!AH$2:AH$366,ROUNDDOWN($C5849/24,0)+1,1)*INDEX($D$3:$AA$30,INDEX(Jesper!$R$2:$R$366,ROW(INDEX(Jesper!AH$2:AH$366,ROUNDDOWN($C5849/24,0)+1,1))-1)+IF('Standard Profiles'!$G$18=$B$10,7,0)+IF('Standard Profiles'!$G$18=$B$17,14,0)+IF('Standard Profiles'!$G$18=$B$24,21,0),MOD($C5849,24)+1)/SUM(INDEX($D$3:$AA$30,INDEX(Jesper!$R$2:$R$366,ROW(INDEX(Jesper!AH$2:AH$366,ROUNDDOWN($C5849/24,0)+1,1))-1)+IF('Standard Profiles'!$G$18=$B$10,7,0)+IF('Standard Profiles'!$G$18=$B$17,14,0)+IF('Standard Profiles'!$G$18=$B$24,21,0),0)),0)</f>
        <v>22.287777401454033</v>
      </c>
      <c r="E5849" cm="1">
        <f t="array" ref="E5849">IFERROR(INDEX(Jesper!AI$2:AI$366,ROUNDDOWN($C5849/24,0)+1,1)*INDEX($D$3:$AA$30,INDEX(Jesper!$R$2:$R$366,ROW(INDEX(Jesper!AI$2:AI$366,ROUNDDOWN($C5849/24,0)+1,1))-1)+IF('Standard Profiles'!$G$19=$B$10,7,0)+IF('Standard Profiles'!$G$19=$B$17,14,0)+IF('Standard Profiles'!$G$19=$B$24,21,0),MOD($C5849,24)+1)/SUM(INDEX($D$3:$AA$30,INDEX(Jesper!$R$2:$R$366,ROW(INDEX(Jesper!AI$2:AI$366,ROUNDDOWN($C5849/24,0)+1,1))-1)+IF('Standard Profiles'!$G$19=$B$10,7,0)+IF('Standard Profiles'!$G$19=$B$17,14,0)+IF('Standard Profiles'!$G$19=$B$24,21,0),0)),0)</f>
        <v>10.079697791764463</v>
      </c>
      <c r="F5849" cm="1">
        <f t="array" ref="F5849">IFERROR(INDEX(Jesper!AJ$2:AJ$366,ROUNDDOWN($C5849/24,0)+1,1)*INDEX($D$3:$AA$30,INDEX(Jesper!$R$2:$R$366,ROW(INDEX(Jesper!AJ$2:AJ$366,ROUNDDOWN($C5849/24,0)+1,1))-1)+IF('Standard Profiles'!$G$20=$B$10,7,0)+IF('Standard Profiles'!$G$20=$B$17,14,0)+IF('Standard Profiles'!$G$20=$B$24,21,0),MOD($C5849,24)+1)/SUM(INDEX($D$3:$AA$30,INDEX(Jesper!$R$2:$R$366,ROW(INDEX(Jesper!AJ$2:AJ$366,ROUNDDOWN($C5849/24,0)+1,1))-1)+IF('Standard Profiles'!$G$20=$B$10,7,0)+IF('Standard Profiles'!$G$20=$B$17,14,0)+IF('Standard Profiles'!$G$20=$B$24,21,0),0)),0)</f>
        <v>0</v>
      </c>
      <c r="G5849" cm="1">
        <f t="array" ref="G5849">IFERROR(INDEX(Jesper!AK$2:AK$366,ROUNDDOWN($C5849/24,0)+1,1)*INDEX($D$3:$AA$30,INDEX(Jesper!$R$2:$R$366,ROW(INDEX(Jesper!AK$2:AK$366,ROUNDDOWN($C5849/24,0)+1,1))-1)+IF('Standard Profiles'!$G$21=$B$10,7,0)+IF('Standard Profiles'!$G$21=$B$17,14,0)+IF('Standard Profiles'!$G$21=$B$24,21,0),MOD($C5849,24)+1)/SUM(INDEX($D$3:$AA$30,INDEX(Jesper!$R$2:$R$366,ROW(INDEX(Jesper!AK$2:AK$366,ROUNDDOWN($C5849/24,0)+1,1))-1)+IF('Standard Profiles'!$G$21=$B$10,7,0)+IF('Standard Profiles'!$G$21=$B$17,14,0)+IF('Standard Profiles'!$G$21=$B$24,21,0),0)),0)</f>
        <v>1.3641711174500808</v>
      </c>
      <c r="H5849" cm="1">
        <f t="array" ref="H5849">IFERROR(INDEX(Jesper!AL$2:AL$366,ROUNDDOWN($C5849/24,0)+1,1)*INDEX($D$3:$AA$30,INDEX(Jesper!$R$2:$R$366,ROW(INDEX(Jesper!AL$2:AL$366,ROUNDDOWN($C5849/24,0)+1,1))-1)+IF('Standard Profiles'!$G$22=$B$10,7,0)+IF('Standard Profiles'!$G$22=$B$17,14,0)+IF('Standard Profiles'!$G$22=$B$24,21,0),MOD($C5849,24)+1)/SUM(INDEX($D$3:$AA$30,INDEX(Jesper!$R$2:$R$366,ROW(INDEX(Jesper!AL$2:AL$366,ROUNDDOWN($C5849/24,0)+1,1))-1)+IF('Standard Profiles'!$G$22=$B$10,7,0)+IF('Standard Profiles'!$G$22=$B$17,14,0)+IF('Standard Profiles'!$G$22=$B$24,21,0),0)),0)</f>
        <v>0</v>
      </c>
      <c r="I5849">
        <f t="shared" si="650"/>
        <v>0.65480213637603846</v>
      </c>
      <c r="J5849">
        <f t="shared" si="651"/>
        <v>29.510799790059892</v>
      </c>
      <c r="K5849">
        <f t="shared" si="652"/>
        <v>2.3773629228217636</v>
      </c>
      <c r="L5849">
        <f t="shared" si="653"/>
        <v>1.1886814614108818</v>
      </c>
      <c r="M5849">
        <f t="shared" si="654"/>
        <v>0</v>
      </c>
      <c r="N5849" s="45">
        <f t="shared" si="655"/>
        <v>45169.291666652563</v>
      </c>
    </row>
    <row r="5850" spans="2:14" x14ac:dyDescent="0.25">
      <c r="B5850">
        <f t="shared" si="649"/>
        <v>4</v>
      </c>
      <c r="C5850" s="16">
        <v>5816</v>
      </c>
      <c r="D5850" cm="1">
        <f t="array" ref="D5850">IFERROR(INDEX(Jesper!AH$2:AH$366,ROUNDDOWN($C5850/24,0)+1,1)*INDEX($D$3:$AA$30,INDEX(Jesper!$R$2:$R$366,ROW(INDEX(Jesper!AH$2:AH$366,ROUNDDOWN($C5850/24,0)+1,1))-1)+IF('Standard Profiles'!$G$18=$B$10,7,0)+IF('Standard Profiles'!$G$18=$B$17,14,0)+IF('Standard Profiles'!$G$18=$B$24,21,0),MOD($C5850,24)+1)/SUM(INDEX($D$3:$AA$30,INDEX(Jesper!$R$2:$R$366,ROW(INDEX(Jesper!AH$2:AH$366,ROUNDDOWN($C5850/24,0)+1,1))-1)+IF('Standard Profiles'!$G$18=$B$10,7,0)+IF('Standard Profiles'!$G$18=$B$17,14,0)+IF('Standard Profiles'!$G$18=$B$24,21,0),0)),0)</f>
        <v>24.868467416359238</v>
      </c>
      <c r="E5850" cm="1">
        <f t="array" ref="E5850">IFERROR(INDEX(Jesper!AI$2:AI$366,ROUNDDOWN($C5850/24,0)+1,1)*INDEX($D$3:$AA$30,INDEX(Jesper!$R$2:$R$366,ROW(INDEX(Jesper!AI$2:AI$366,ROUNDDOWN($C5850/24,0)+1,1))-1)+IF('Standard Profiles'!$G$19=$B$10,7,0)+IF('Standard Profiles'!$G$19=$B$17,14,0)+IF('Standard Profiles'!$G$19=$B$24,21,0),MOD($C5850,24)+1)/SUM(INDEX($D$3:$AA$30,INDEX(Jesper!$R$2:$R$366,ROW(INDEX(Jesper!AI$2:AI$366,ROUNDDOWN($C5850/24,0)+1,1))-1)+IF('Standard Profiles'!$G$19=$B$10,7,0)+IF('Standard Profiles'!$G$19=$B$17,14,0)+IF('Standard Profiles'!$G$19=$B$24,21,0),0)),0)</f>
        <v>11.246820693968772</v>
      </c>
      <c r="F5850" cm="1">
        <f t="array" ref="F5850">IFERROR(INDEX(Jesper!AJ$2:AJ$366,ROUNDDOWN($C5850/24,0)+1,1)*INDEX($D$3:$AA$30,INDEX(Jesper!$R$2:$R$366,ROW(INDEX(Jesper!AJ$2:AJ$366,ROUNDDOWN($C5850/24,0)+1,1))-1)+IF('Standard Profiles'!$G$20=$B$10,7,0)+IF('Standard Profiles'!$G$20=$B$17,14,0)+IF('Standard Profiles'!$G$20=$B$24,21,0),MOD($C5850,24)+1)/SUM(INDEX($D$3:$AA$30,INDEX(Jesper!$R$2:$R$366,ROW(INDEX(Jesper!AJ$2:AJ$366,ROUNDDOWN($C5850/24,0)+1,1))-1)+IF('Standard Profiles'!$G$20=$B$10,7,0)+IF('Standard Profiles'!$G$20=$B$17,14,0)+IF('Standard Profiles'!$G$20=$B$24,21,0),0)),0)</f>
        <v>0</v>
      </c>
      <c r="G5850" cm="1">
        <f t="array" ref="G5850">IFERROR(INDEX(Jesper!AK$2:AK$366,ROUNDDOWN($C5850/24,0)+1,1)*INDEX($D$3:$AA$30,INDEX(Jesper!$R$2:$R$366,ROW(INDEX(Jesper!AK$2:AK$366,ROUNDDOWN($C5850/24,0)+1,1))-1)+IF('Standard Profiles'!$G$21=$B$10,7,0)+IF('Standard Profiles'!$G$21=$B$17,14,0)+IF('Standard Profiles'!$G$21=$B$24,21,0),MOD($C5850,24)+1)/SUM(INDEX($D$3:$AA$30,INDEX(Jesper!$R$2:$R$366,ROW(INDEX(Jesper!AK$2:AK$366,ROUNDDOWN($C5850/24,0)+1,1))-1)+IF('Standard Profiles'!$G$21=$B$10,7,0)+IF('Standard Profiles'!$G$21=$B$17,14,0)+IF('Standard Profiles'!$G$21=$B$24,21,0),0)),0)</f>
        <v>1.5221277731548271</v>
      </c>
      <c r="H5850" cm="1">
        <f t="array" ref="H5850">IFERROR(INDEX(Jesper!AL$2:AL$366,ROUNDDOWN($C5850/24,0)+1,1)*INDEX($D$3:$AA$30,INDEX(Jesper!$R$2:$R$366,ROW(INDEX(Jesper!AL$2:AL$366,ROUNDDOWN($C5850/24,0)+1,1))-1)+IF('Standard Profiles'!$G$22=$B$10,7,0)+IF('Standard Profiles'!$G$22=$B$17,14,0)+IF('Standard Profiles'!$G$22=$B$24,21,0),MOD($C5850,24)+1)/SUM(INDEX($D$3:$AA$30,INDEX(Jesper!$R$2:$R$366,ROW(INDEX(Jesper!AL$2:AL$366,ROUNDDOWN($C5850/24,0)+1,1))-1)+IF('Standard Profiles'!$G$22=$B$10,7,0)+IF('Standard Profiles'!$G$22=$B$17,14,0)+IF('Standard Profiles'!$G$22=$B$24,21,0),0)),0)</f>
        <v>0</v>
      </c>
      <c r="I5850">
        <f t="shared" si="650"/>
        <v>0.7306213311143166</v>
      </c>
      <c r="J5850">
        <f t="shared" si="651"/>
        <v>32.927839765751038</v>
      </c>
      <c r="K5850">
        <f t="shared" si="652"/>
        <v>2.6526365244116521</v>
      </c>
      <c r="L5850">
        <f t="shared" si="653"/>
        <v>1.326318262205826</v>
      </c>
      <c r="M5850">
        <f t="shared" si="654"/>
        <v>0</v>
      </c>
      <c r="N5850" s="45">
        <f t="shared" si="655"/>
        <v>45169.333333319228</v>
      </c>
    </row>
    <row r="5851" spans="2:14" x14ac:dyDescent="0.25">
      <c r="B5851">
        <f t="shared" si="649"/>
        <v>4</v>
      </c>
      <c r="C5851" s="16">
        <v>5817</v>
      </c>
      <c r="D5851" cm="1">
        <f t="array" ref="D5851">IFERROR(INDEX(Jesper!AH$2:AH$366,ROUNDDOWN($C5851/24,0)+1,1)*INDEX($D$3:$AA$30,INDEX(Jesper!$R$2:$R$366,ROW(INDEX(Jesper!AH$2:AH$366,ROUNDDOWN($C5851/24,0)+1,1))-1)+IF('Standard Profiles'!$G$18=$B$10,7,0)+IF('Standard Profiles'!$G$18=$B$17,14,0)+IF('Standard Profiles'!$G$18=$B$24,21,0),MOD($C5851,24)+1)/SUM(INDEX($D$3:$AA$30,INDEX(Jesper!$R$2:$R$366,ROW(INDEX(Jesper!AH$2:AH$366,ROUNDDOWN($C5851/24,0)+1,1))-1)+IF('Standard Profiles'!$G$18=$B$10,7,0)+IF('Standard Profiles'!$G$18=$B$17,14,0)+IF('Standard Profiles'!$G$18=$B$24,21,0),0)),0)</f>
        <v>27.449157431264442</v>
      </c>
      <c r="E5851" cm="1">
        <f t="array" ref="E5851">IFERROR(INDEX(Jesper!AI$2:AI$366,ROUNDDOWN($C5851/24,0)+1,1)*INDEX($D$3:$AA$30,INDEX(Jesper!$R$2:$R$366,ROW(INDEX(Jesper!AI$2:AI$366,ROUNDDOWN($C5851/24,0)+1,1))-1)+IF('Standard Profiles'!$G$19=$B$10,7,0)+IF('Standard Profiles'!$G$19=$B$17,14,0)+IF('Standard Profiles'!$G$19=$B$24,21,0),MOD($C5851,24)+1)/SUM(INDEX($D$3:$AA$30,INDEX(Jesper!$R$2:$R$366,ROW(INDEX(Jesper!AI$2:AI$366,ROUNDDOWN($C5851/24,0)+1,1))-1)+IF('Standard Profiles'!$G$19=$B$10,7,0)+IF('Standard Profiles'!$G$19=$B$17,14,0)+IF('Standard Profiles'!$G$19=$B$24,21,0),0)),0)</f>
        <v>12.413943596173079</v>
      </c>
      <c r="F5851" cm="1">
        <f t="array" ref="F5851">IFERROR(INDEX(Jesper!AJ$2:AJ$366,ROUNDDOWN($C5851/24,0)+1,1)*INDEX($D$3:$AA$30,INDEX(Jesper!$R$2:$R$366,ROW(INDEX(Jesper!AJ$2:AJ$366,ROUNDDOWN($C5851/24,0)+1,1))-1)+IF('Standard Profiles'!$G$20=$B$10,7,0)+IF('Standard Profiles'!$G$20=$B$17,14,0)+IF('Standard Profiles'!$G$20=$B$24,21,0),MOD($C5851,24)+1)/SUM(INDEX($D$3:$AA$30,INDEX(Jesper!$R$2:$R$366,ROW(INDEX(Jesper!AJ$2:AJ$366,ROUNDDOWN($C5851/24,0)+1,1))-1)+IF('Standard Profiles'!$G$20=$B$10,7,0)+IF('Standard Profiles'!$G$20=$B$17,14,0)+IF('Standard Profiles'!$G$20=$B$24,21,0),0)),0)</f>
        <v>0</v>
      </c>
      <c r="G5851" cm="1">
        <f t="array" ref="G5851">IFERROR(INDEX(Jesper!AK$2:AK$366,ROUNDDOWN($C5851/24,0)+1,1)*INDEX($D$3:$AA$30,INDEX(Jesper!$R$2:$R$366,ROW(INDEX(Jesper!AK$2:AK$366,ROUNDDOWN($C5851/24,0)+1,1))-1)+IF('Standard Profiles'!$G$21=$B$10,7,0)+IF('Standard Profiles'!$G$21=$B$17,14,0)+IF('Standard Profiles'!$G$21=$B$24,21,0),MOD($C5851,24)+1)/SUM(INDEX($D$3:$AA$30,INDEX(Jesper!$R$2:$R$366,ROW(INDEX(Jesper!AK$2:AK$366,ROUNDDOWN($C5851/24,0)+1,1))-1)+IF('Standard Profiles'!$G$21=$B$10,7,0)+IF('Standard Profiles'!$G$21=$B$17,14,0)+IF('Standard Profiles'!$G$21=$B$24,21,0),0)),0)</f>
        <v>1.6800844288595733</v>
      </c>
      <c r="H5851" cm="1">
        <f t="array" ref="H5851">IFERROR(INDEX(Jesper!AL$2:AL$366,ROUNDDOWN($C5851/24,0)+1,1)*INDEX($D$3:$AA$30,INDEX(Jesper!$R$2:$R$366,ROW(INDEX(Jesper!AL$2:AL$366,ROUNDDOWN($C5851/24,0)+1,1))-1)+IF('Standard Profiles'!$G$22=$B$10,7,0)+IF('Standard Profiles'!$G$22=$B$17,14,0)+IF('Standard Profiles'!$G$22=$B$24,21,0),MOD($C5851,24)+1)/SUM(INDEX($D$3:$AA$30,INDEX(Jesper!$R$2:$R$366,ROW(INDEX(Jesper!AL$2:AL$366,ROUNDDOWN($C5851/24,0)+1,1))-1)+IF('Standard Profiles'!$G$22=$B$10,7,0)+IF('Standard Profiles'!$G$22=$B$17,14,0)+IF('Standard Profiles'!$G$22=$B$24,21,0),0)),0)</f>
        <v>0</v>
      </c>
      <c r="I5851">
        <f t="shared" si="650"/>
        <v>0.80644052585259474</v>
      </c>
      <c r="J5851">
        <f t="shared" si="651"/>
        <v>36.344879741442192</v>
      </c>
      <c r="K5851">
        <f t="shared" si="652"/>
        <v>2.9279101260015405</v>
      </c>
      <c r="L5851">
        <f t="shared" si="653"/>
        <v>1.4639550630007703</v>
      </c>
      <c r="M5851">
        <f t="shared" si="654"/>
        <v>0</v>
      </c>
      <c r="N5851" s="45">
        <f t="shared" si="655"/>
        <v>45169.374999985892</v>
      </c>
    </row>
    <row r="5852" spans="2:14" x14ac:dyDescent="0.25">
      <c r="B5852">
        <f t="shared" si="649"/>
        <v>4</v>
      </c>
      <c r="C5852" s="16">
        <v>5818</v>
      </c>
      <c r="D5852" cm="1">
        <f t="array" ref="D5852">IFERROR(INDEX(Jesper!AH$2:AH$366,ROUNDDOWN($C5852/24,0)+1,1)*INDEX($D$3:$AA$30,INDEX(Jesper!$R$2:$R$366,ROW(INDEX(Jesper!AH$2:AH$366,ROUNDDOWN($C5852/24,0)+1,1))-1)+IF('Standard Profiles'!$G$18=$B$10,7,0)+IF('Standard Profiles'!$G$18=$B$17,14,0)+IF('Standard Profiles'!$G$18=$B$24,21,0),MOD($C5852,24)+1)/SUM(INDEX($D$3:$AA$30,INDEX(Jesper!$R$2:$R$366,ROW(INDEX(Jesper!AH$2:AH$366,ROUNDDOWN($C5852/24,0)+1,1))-1)+IF('Standard Profiles'!$G$18=$B$10,7,0)+IF('Standard Profiles'!$G$18=$B$17,14,0)+IF('Standard Profiles'!$G$18=$B$24,21,0),0)),0)</f>
        <v>27.449157431264442</v>
      </c>
      <c r="E5852" cm="1">
        <f t="array" ref="E5852">IFERROR(INDEX(Jesper!AI$2:AI$366,ROUNDDOWN($C5852/24,0)+1,1)*INDEX($D$3:$AA$30,INDEX(Jesper!$R$2:$R$366,ROW(INDEX(Jesper!AI$2:AI$366,ROUNDDOWN($C5852/24,0)+1,1))-1)+IF('Standard Profiles'!$G$19=$B$10,7,0)+IF('Standard Profiles'!$G$19=$B$17,14,0)+IF('Standard Profiles'!$G$19=$B$24,21,0),MOD($C5852,24)+1)/SUM(INDEX($D$3:$AA$30,INDEX(Jesper!$R$2:$R$366,ROW(INDEX(Jesper!AI$2:AI$366,ROUNDDOWN($C5852/24,0)+1,1))-1)+IF('Standard Profiles'!$G$19=$B$10,7,0)+IF('Standard Profiles'!$G$19=$B$17,14,0)+IF('Standard Profiles'!$G$19=$B$24,21,0),0)),0)</f>
        <v>12.413943596173079</v>
      </c>
      <c r="F5852" cm="1">
        <f t="array" ref="F5852">IFERROR(INDEX(Jesper!AJ$2:AJ$366,ROUNDDOWN($C5852/24,0)+1,1)*INDEX($D$3:$AA$30,INDEX(Jesper!$R$2:$R$366,ROW(INDEX(Jesper!AJ$2:AJ$366,ROUNDDOWN($C5852/24,0)+1,1))-1)+IF('Standard Profiles'!$G$20=$B$10,7,0)+IF('Standard Profiles'!$G$20=$B$17,14,0)+IF('Standard Profiles'!$G$20=$B$24,21,0),MOD($C5852,24)+1)/SUM(INDEX($D$3:$AA$30,INDEX(Jesper!$R$2:$R$366,ROW(INDEX(Jesper!AJ$2:AJ$366,ROUNDDOWN($C5852/24,0)+1,1))-1)+IF('Standard Profiles'!$G$20=$B$10,7,0)+IF('Standard Profiles'!$G$20=$B$17,14,0)+IF('Standard Profiles'!$G$20=$B$24,21,0),0)),0)</f>
        <v>0</v>
      </c>
      <c r="G5852" cm="1">
        <f t="array" ref="G5852">IFERROR(INDEX(Jesper!AK$2:AK$366,ROUNDDOWN($C5852/24,0)+1,1)*INDEX($D$3:$AA$30,INDEX(Jesper!$R$2:$R$366,ROW(INDEX(Jesper!AK$2:AK$366,ROUNDDOWN($C5852/24,0)+1,1))-1)+IF('Standard Profiles'!$G$21=$B$10,7,0)+IF('Standard Profiles'!$G$21=$B$17,14,0)+IF('Standard Profiles'!$G$21=$B$24,21,0),MOD($C5852,24)+1)/SUM(INDEX($D$3:$AA$30,INDEX(Jesper!$R$2:$R$366,ROW(INDEX(Jesper!AK$2:AK$366,ROUNDDOWN($C5852/24,0)+1,1))-1)+IF('Standard Profiles'!$G$21=$B$10,7,0)+IF('Standard Profiles'!$G$21=$B$17,14,0)+IF('Standard Profiles'!$G$21=$B$24,21,0),0)),0)</f>
        <v>1.6800844288595733</v>
      </c>
      <c r="H5852" cm="1">
        <f t="array" ref="H5852">IFERROR(INDEX(Jesper!AL$2:AL$366,ROUNDDOWN($C5852/24,0)+1,1)*INDEX($D$3:$AA$30,INDEX(Jesper!$R$2:$R$366,ROW(INDEX(Jesper!AL$2:AL$366,ROUNDDOWN($C5852/24,0)+1,1))-1)+IF('Standard Profiles'!$G$22=$B$10,7,0)+IF('Standard Profiles'!$G$22=$B$17,14,0)+IF('Standard Profiles'!$G$22=$B$24,21,0),MOD($C5852,24)+1)/SUM(INDEX($D$3:$AA$30,INDEX(Jesper!$R$2:$R$366,ROW(INDEX(Jesper!AL$2:AL$366,ROUNDDOWN($C5852/24,0)+1,1))-1)+IF('Standard Profiles'!$G$22=$B$10,7,0)+IF('Standard Profiles'!$G$22=$B$17,14,0)+IF('Standard Profiles'!$G$22=$B$24,21,0),0)),0)</f>
        <v>0</v>
      </c>
      <c r="I5852">
        <f t="shared" si="650"/>
        <v>0.80644052585259474</v>
      </c>
      <c r="J5852">
        <f t="shared" si="651"/>
        <v>36.344879741442192</v>
      </c>
      <c r="K5852">
        <f t="shared" si="652"/>
        <v>2.9279101260015405</v>
      </c>
      <c r="L5852">
        <f t="shared" si="653"/>
        <v>1.4639550630007703</v>
      </c>
      <c r="M5852">
        <f t="shared" si="654"/>
        <v>0</v>
      </c>
      <c r="N5852" s="45">
        <f t="shared" si="655"/>
        <v>45169.416666652556</v>
      </c>
    </row>
    <row r="5853" spans="2:14" x14ac:dyDescent="0.25">
      <c r="B5853">
        <f t="shared" si="649"/>
        <v>4</v>
      </c>
      <c r="C5853" s="16">
        <v>5819</v>
      </c>
      <c r="D5853" cm="1">
        <f t="array" ref="D5853">IFERROR(INDEX(Jesper!AH$2:AH$366,ROUNDDOWN($C5853/24,0)+1,1)*INDEX($D$3:$AA$30,INDEX(Jesper!$R$2:$R$366,ROW(INDEX(Jesper!AH$2:AH$366,ROUNDDOWN($C5853/24,0)+1,1))-1)+IF('Standard Profiles'!$G$18=$B$10,7,0)+IF('Standard Profiles'!$G$18=$B$17,14,0)+IF('Standard Profiles'!$G$18=$B$24,21,0),MOD($C5853,24)+1)/SUM(INDEX($D$3:$AA$30,INDEX(Jesper!$R$2:$R$366,ROW(INDEX(Jesper!AH$2:AH$366,ROUNDDOWN($C5853/24,0)+1,1))-1)+IF('Standard Profiles'!$G$18=$B$10,7,0)+IF('Standard Profiles'!$G$18=$B$17,14,0)+IF('Standard Profiles'!$G$18=$B$24,21,0),0)),0)</f>
        <v>32.845145644248049</v>
      </c>
      <c r="E5853" cm="1">
        <f t="array" ref="E5853">IFERROR(INDEX(Jesper!AI$2:AI$366,ROUNDDOWN($C5853/24,0)+1,1)*INDEX($D$3:$AA$30,INDEX(Jesper!$R$2:$R$366,ROW(INDEX(Jesper!AI$2:AI$366,ROUNDDOWN($C5853/24,0)+1,1))-1)+IF('Standard Profiles'!$G$19=$B$10,7,0)+IF('Standard Profiles'!$G$19=$B$17,14,0)+IF('Standard Profiles'!$G$19=$B$24,21,0),MOD($C5853,24)+1)/SUM(INDEX($D$3:$AA$30,INDEX(Jesper!$R$2:$R$366,ROW(INDEX(Jesper!AI$2:AI$366,ROUNDDOWN($C5853/24,0)+1,1))-1)+IF('Standard Profiles'!$G$19=$B$10,7,0)+IF('Standard Profiles'!$G$19=$B$17,14,0)+IF('Standard Profiles'!$G$19=$B$24,21,0),0)),0)</f>
        <v>14.854291482600264</v>
      </c>
      <c r="F5853" cm="1">
        <f t="array" ref="F5853">IFERROR(INDEX(Jesper!AJ$2:AJ$366,ROUNDDOWN($C5853/24,0)+1,1)*INDEX($D$3:$AA$30,INDEX(Jesper!$R$2:$R$366,ROW(INDEX(Jesper!AJ$2:AJ$366,ROUNDDOWN($C5853/24,0)+1,1))-1)+IF('Standard Profiles'!$G$20=$B$10,7,0)+IF('Standard Profiles'!$G$20=$B$17,14,0)+IF('Standard Profiles'!$G$20=$B$24,21,0),MOD($C5853,24)+1)/SUM(INDEX($D$3:$AA$30,INDEX(Jesper!$R$2:$R$366,ROW(INDEX(Jesper!AJ$2:AJ$366,ROUNDDOWN($C5853/24,0)+1,1))-1)+IF('Standard Profiles'!$G$20=$B$10,7,0)+IF('Standard Profiles'!$G$20=$B$17,14,0)+IF('Standard Profiles'!$G$20=$B$24,21,0),0)),0)</f>
        <v>0</v>
      </c>
      <c r="G5853" cm="1">
        <f t="array" ref="G5853">IFERROR(INDEX(Jesper!AK$2:AK$366,ROUNDDOWN($C5853/24,0)+1,1)*INDEX($D$3:$AA$30,INDEX(Jesper!$R$2:$R$366,ROW(INDEX(Jesper!AK$2:AK$366,ROUNDDOWN($C5853/24,0)+1,1))-1)+IF('Standard Profiles'!$G$21=$B$10,7,0)+IF('Standard Profiles'!$G$21=$B$17,14,0)+IF('Standard Profiles'!$G$21=$B$24,21,0),MOD($C5853,24)+1)/SUM(INDEX($D$3:$AA$30,INDEX(Jesper!$R$2:$R$366,ROW(INDEX(Jesper!AK$2:AK$366,ROUNDDOWN($C5853/24,0)+1,1))-1)+IF('Standard Profiles'!$G$21=$B$10,7,0)+IF('Standard Profiles'!$G$21=$B$17,14,0)+IF('Standard Profiles'!$G$21=$B$24,21,0),0)),0)</f>
        <v>2.0103574362422241</v>
      </c>
      <c r="H5853" cm="1">
        <f t="array" ref="H5853">IFERROR(INDEX(Jesper!AL$2:AL$366,ROUNDDOWN($C5853/24,0)+1,1)*INDEX($D$3:$AA$30,INDEX(Jesper!$R$2:$R$366,ROW(INDEX(Jesper!AL$2:AL$366,ROUNDDOWN($C5853/24,0)+1,1))-1)+IF('Standard Profiles'!$G$22=$B$10,7,0)+IF('Standard Profiles'!$G$22=$B$17,14,0)+IF('Standard Profiles'!$G$22=$B$24,21,0),MOD($C5853,24)+1)/SUM(INDEX($D$3:$AA$30,INDEX(Jesper!$R$2:$R$366,ROW(INDEX(Jesper!AL$2:AL$366,ROUNDDOWN($C5853/24,0)+1,1))-1)+IF('Standard Profiles'!$G$22=$B$10,7,0)+IF('Standard Profiles'!$G$22=$B$17,14,0)+IF('Standard Profiles'!$G$22=$B$24,21,0),0)),0)</f>
        <v>0</v>
      </c>
      <c r="I5853">
        <f t="shared" si="650"/>
        <v>0.96497156939626705</v>
      </c>
      <c r="J5853">
        <f t="shared" si="651"/>
        <v>43.489599690614575</v>
      </c>
      <c r="K5853">
        <f t="shared" si="652"/>
        <v>3.5034822020531253</v>
      </c>
      <c r="L5853">
        <f t="shared" si="653"/>
        <v>1.7517411010265627</v>
      </c>
      <c r="M5853">
        <f t="shared" si="654"/>
        <v>0</v>
      </c>
      <c r="N5853" s="45">
        <f t="shared" si="655"/>
        <v>45169.45833331922</v>
      </c>
    </row>
    <row r="5854" spans="2:14" x14ac:dyDescent="0.25">
      <c r="B5854">
        <f t="shared" si="649"/>
        <v>4</v>
      </c>
      <c r="C5854" s="16">
        <v>5820</v>
      </c>
      <c r="D5854" cm="1">
        <f t="array" ref="D5854">IFERROR(INDEX(Jesper!AH$2:AH$366,ROUNDDOWN($C5854/24,0)+1,1)*INDEX($D$3:$AA$30,INDEX(Jesper!$R$2:$R$366,ROW(INDEX(Jesper!AH$2:AH$366,ROUNDDOWN($C5854/24,0)+1,1))-1)+IF('Standard Profiles'!$G$18=$B$10,7,0)+IF('Standard Profiles'!$G$18=$B$17,14,0)+IF('Standard Profiles'!$G$18=$B$24,21,0),MOD($C5854,24)+1)/SUM(INDEX($D$3:$AA$30,INDEX(Jesper!$R$2:$R$366,ROW(INDEX(Jesper!AH$2:AH$366,ROUNDDOWN($C5854/24,0)+1,1))-1)+IF('Standard Profiles'!$G$18=$B$10,7,0)+IF('Standard Profiles'!$G$18=$B$17,14,0)+IF('Standard Profiles'!$G$18=$B$24,21,0),0)),0)</f>
        <v>32.845145644248049</v>
      </c>
      <c r="E5854" cm="1">
        <f t="array" ref="E5854">IFERROR(INDEX(Jesper!AI$2:AI$366,ROUNDDOWN($C5854/24,0)+1,1)*INDEX($D$3:$AA$30,INDEX(Jesper!$R$2:$R$366,ROW(INDEX(Jesper!AI$2:AI$366,ROUNDDOWN($C5854/24,0)+1,1))-1)+IF('Standard Profiles'!$G$19=$B$10,7,0)+IF('Standard Profiles'!$G$19=$B$17,14,0)+IF('Standard Profiles'!$G$19=$B$24,21,0),MOD($C5854,24)+1)/SUM(INDEX($D$3:$AA$30,INDEX(Jesper!$R$2:$R$366,ROW(INDEX(Jesper!AI$2:AI$366,ROUNDDOWN($C5854/24,0)+1,1))-1)+IF('Standard Profiles'!$G$19=$B$10,7,0)+IF('Standard Profiles'!$G$19=$B$17,14,0)+IF('Standard Profiles'!$G$19=$B$24,21,0),0)),0)</f>
        <v>14.854291482600264</v>
      </c>
      <c r="F5854" cm="1">
        <f t="array" ref="F5854">IFERROR(INDEX(Jesper!AJ$2:AJ$366,ROUNDDOWN($C5854/24,0)+1,1)*INDEX($D$3:$AA$30,INDEX(Jesper!$R$2:$R$366,ROW(INDEX(Jesper!AJ$2:AJ$366,ROUNDDOWN($C5854/24,0)+1,1))-1)+IF('Standard Profiles'!$G$20=$B$10,7,0)+IF('Standard Profiles'!$G$20=$B$17,14,0)+IF('Standard Profiles'!$G$20=$B$24,21,0),MOD($C5854,24)+1)/SUM(INDEX($D$3:$AA$30,INDEX(Jesper!$R$2:$R$366,ROW(INDEX(Jesper!AJ$2:AJ$366,ROUNDDOWN($C5854/24,0)+1,1))-1)+IF('Standard Profiles'!$G$20=$B$10,7,0)+IF('Standard Profiles'!$G$20=$B$17,14,0)+IF('Standard Profiles'!$G$20=$B$24,21,0),0)),0)</f>
        <v>0</v>
      </c>
      <c r="G5854" cm="1">
        <f t="array" ref="G5854">IFERROR(INDEX(Jesper!AK$2:AK$366,ROUNDDOWN($C5854/24,0)+1,1)*INDEX($D$3:$AA$30,INDEX(Jesper!$R$2:$R$366,ROW(INDEX(Jesper!AK$2:AK$366,ROUNDDOWN($C5854/24,0)+1,1))-1)+IF('Standard Profiles'!$G$21=$B$10,7,0)+IF('Standard Profiles'!$G$21=$B$17,14,0)+IF('Standard Profiles'!$G$21=$B$24,21,0),MOD($C5854,24)+1)/SUM(INDEX($D$3:$AA$30,INDEX(Jesper!$R$2:$R$366,ROW(INDEX(Jesper!AK$2:AK$366,ROUNDDOWN($C5854/24,0)+1,1))-1)+IF('Standard Profiles'!$G$21=$B$10,7,0)+IF('Standard Profiles'!$G$21=$B$17,14,0)+IF('Standard Profiles'!$G$21=$B$24,21,0),0)),0)</f>
        <v>2.0103574362422241</v>
      </c>
      <c r="H5854" cm="1">
        <f t="array" ref="H5854">IFERROR(INDEX(Jesper!AL$2:AL$366,ROUNDDOWN($C5854/24,0)+1,1)*INDEX($D$3:$AA$30,INDEX(Jesper!$R$2:$R$366,ROW(INDEX(Jesper!AL$2:AL$366,ROUNDDOWN($C5854/24,0)+1,1))-1)+IF('Standard Profiles'!$G$22=$B$10,7,0)+IF('Standard Profiles'!$G$22=$B$17,14,0)+IF('Standard Profiles'!$G$22=$B$24,21,0),MOD($C5854,24)+1)/SUM(INDEX($D$3:$AA$30,INDEX(Jesper!$R$2:$R$366,ROW(INDEX(Jesper!AL$2:AL$366,ROUNDDOWN($C5854/24,0)+1,1))-1)+IF('Standard Profiles'!$G$22=$B$10,7,0)+IF('Standard Profiles'!$G$22=$B$17,14,0)+IF('Standard Profiles'!$G$22=$B$24,21,0),0)),0)</f>
        <v>0</v>
      </c>
      <c r="I5854">
        <f t="shared" si="650"/>
        <v>0.96497156939626705</v>
      </c>
      <c r="J5854">
        <f t="shared" si="651"/>
        <v>43.489599690614575</v>
      </c>
      <c r="K5854">
        <f t="shared" si="652"/>
        <v>3.5034822020531253</v>
      </c>
      <c r="L5854">
        <f t="shared" si="653"/>
        <v>1.7517411010265627</v>
      </c>
      <c r="M5854">
        <f t="shared" si="654"/>
        <v>0</v>
      </c>
      <c r="N5854" s="45">
        <f t="shared" si="655"/>
        <v>45169.499999985885</v>
      </c>
    </row>
    <row r="5855" spans="2:14" x14ac:dyDescent="0.25">
      <c r="B5855">
        <f t="shared" si="649"/>
        <v>4</v>
      </c>
      <c r="C5855" s="16">
        <v>5821</v>
      </c>
      <c r="D5855" cm="1">
        <f t="array" ref="D5855">IFERROR(INDEX(Jesper!AH$2:AH$366,ROUNDDOWN($C5855/24,0)+1,1)*INDEX($D$3:$AA$30,INDEX(Jesper!$R$2:$R$366,ROW(INDEX(Jesper!AH$2:AH$366,ROUNDDOWN($C5855/24,0)+1,1))-1)+IF('Standard Profiles'!$G$18=$B$10,7,0)+IF('Standard Profiles'!$G$18=$B$17,14,0)+IF('Standard Profiles'!$G$18=$B$24,21,0),MOD($C5855,24)+1)/SUM(INDEX($D$3:$AA$30,INDEX(Jesper!$R$2:$R$366,ROW(INDEX(Jesper!AH$2:AH$366,ROUNDDOWN($C5855/24,0)+1,1))-1)+IF('Standard Profiles'!$G$18=$B$10,7,0)+IF('Standard Profiles'!$G$18=$B$17,14,0)+IF('Standard Profiles'!$G$18=$B$24,21,0),0)),0)</f>
        <v>21.818561035107631</v>
      </c>
      <c r="E5855" cm="1">
        <f t="array" ref="E5855">IFERROR(INDEX(Jesper!AI$2:AI$366,ROUNDDOWN($C5855/24,0)+1,1)*INDEX($D$3:$AA$30,INDEX(Jesper!$R$2:$R$366,ROW(INDEX(Jesper!AI$2:AI$366,ROUNDDOWN($C5855/24,0)+1,1))-1)+IF('Standard Profiles'!$G$19=$B$10,7,0)+IF('Standard Profiles'!$G$19=$B$17,14,0)+IF('Standard Profiles'!$G$19=$B$24,21,0),MOD($C5855,24)+1)/SUM(INDEX($D$3:$AA$30,INDEX(Jesper!$R$2:$R$366,ROW(INDEX(Jesper!AI$2:AI$366,ROUNDDOWN($C5855/24,0)+1,1))-1)+IF('Standard Profiles'!$G$19=$B$10,7,0)+IF('Standard Profiles'!$G$19=$B$17,14,0)+IF('Standard Profiles'!$G$19=$B$24,21,0),0)),0)</f>
        <v>9.8674936277273169</v>
      </c>
      <c r="F5855" cm="1">
        <f t="array" ref="F5855">IFERROR(INDEX(Jesper!AJ$2:AJ$366,ROUNDDOWN($C5855/24,0)+1,1)*INDEX($D$3:$AA$30,INDEX(Jesper!$R$2:$R$366,ROW(INDEX(Jesper!AJ$2:AJ$366,ROUNDDOWN($C5855/24,0)+1,1))-1)+IF('Standard Profiles'!$G$20=$B$10,7,0)+IF('Standard Profiles'!$G$20=$B$17,14,0)+IF('Standard Profiles'!$G$20=$B$24,21,0),MOD($C5855,24)+1)/SUM(INDEX($D$3:$AA$30,INDEX(Jesper!$R$2:$R$366,ROW(INDEX(Jesper!AJ$2:AJ$366,ROUNDDOWN($C5855/24,0)+1,1))-1)+IF('Standard Profiles'!$G$20=$B$10,7,0)+IF('Standard Profiles'!$G$20=$B$17,14,0)+IF('Standard Profiles'!$G$20=$B$24,21,0),0)),0)</f>
        <v>0</v>
      </c>
      <c r="G5855" cm="1">
        <f t="array" ref="G5855">IFERROR(INDEX(Jesper!AK$2:AK$366,ROUNDDOWN($C5855/24,0)+1,1)*INDEX($D$3:$AA$30,INDEX(Jesper!$R$2:$R$366,ROW(INDEX(Jesper!AK$2:AK$366,ROUNDDOWN($C5855/24,0)+1,1))-1)+IF('Standard Profiles'!$G$21=$B$10,7,0)+IF('Standard Profiles'!$G$21=$B$17,14,0)+IF('Standard Profiles'!$G$21=$B$24,21,0),MOD($C5855,24)+1)/SUM(INDEX($D$3:$AA$30,INDEX(Jesper!$R$2:$R$366,ROW(INDEX(Jesper!AK$2:AK$366,ROUNDDOWN($C5855/24,0)+1,1))-1)+IF('Standard Profiles'!$G$21=$B$10,7,0)+IF('Standard Profiles'!$G$21=$B$17,14,0)+IF('Standard Profiles'!$G$21=$B$24,21,0),0)),0)</f>
        <v>1.3354517255037632</v>
      </c>
      <c r="H5855" cm="1">
        <f t="array" ref="H5855">IFERROR(INDEX(Jesper!AL$2:AL$366,ROUNDDOWN($C5855/24,0)+1,1)*INDEX($D$3:$AA$30,INDEX(Jesper!$R$2:$R$366,ROW(INDEX(Jesper!AL$2:AL$366,ROUNDDOWN($C5855/24,0)+1,1))-1)+IF('Standard Profiles'!$G$22=$B$10,7,0)+IF('Standard Profiles'!$G$22=$B$17,14,0)+IF('Standard Profiles'!$G$22=$B$24,21,0),MOD($C5855,24)+1)/SUM(INDEX($D$3:$AA$30,INDEX(Jesper!$R$2:$R$366,ROW(INDEX(Jesper!AL$2:AL$366,ROUNDDOWN($C5855/24,0)+1,1))-1)+IF('Standard Profiles'!$G$22=$B$10,7,0)+IF('Standard Profiles'!$G$22=$B$17,14,0)+IF('Standard Profiles'!$G$22=$B$24,21,0),0)),0)</f>
        <v>0</v>
      </c>
      <c r="I5855">
        <f t="shared" si="650"/>
        <v>0.64101682824180606</v>
      </c>
      <c r="J5855">
        <f t="shared" si="651"/>
        <v>28.889519794479682</v>
      </c>
      <c r="K5855">
        <f t="shared" si="652"/>
        <v>2.3273131770781474</v>
      </c>
      <c r="L5855">
        <f t="shared" si="653"/>
        <v>1.1636565885390737</v>
      </c>
      <c r="M5855">
        <f t="shared" si="654"/>
        <v>0</v>
      </c>
      <c r="N5855" s="45">
        <f t="shared" si="655"/>
        <v>45169.541666652549</v>
      </c>
    </row>
    <row r="5856" spans="2:14" x14ac:dyDescent="0.25">
      <c r="B5856">
        <f t="shared" si="649"/>
        <v>4</v>
      </c>
      <c r="C5856" s="16">
        <v>5822</v>
      </c>
      <c r="D5856" cm="1">
        <f t="array" ref="D5856">IFERROR(INDEX(Jesper!AH$2:AH$366,ROUNDDOWN($C5856/24,0)+1,1)*INDEX($D$3:$AA$30,INDEX(Jesper!$R$2:$R$366,ROW(INDEX(Jesper!AH$2:AH$366,ROUNDDOWN($C5856/24,0)+1,1))-1)+IF('Standard Profiles'!$G$18=$B$10,7,0)+IF('Standard Profiles'!$G$18=$B$17,14,0)+IF('Standard Profiles'!$G$18=$B$24,21,0),MOD($C5856,24)+1)/SUM(INDEX($D$3:$AA$30,INDEX(Jesper!$R$2:$R$366,ROW(INDEX(Jesper!AH$2:AH$366,ROUNDDOWN($C5856/24,0)+1,1))-1)+IF('Standard Profiles'!$G$18=$B$10,7,0)+IF('Standard Profiles'!$G$18=$B$17,14,0)+IF('Standard Profiles'!$G$18=$B$24,21,0),0)),0)</f>
        <v>32.845145644248049</v>
      </c>
      <c r="E5856" cm="1">
        <f t="array" ref="E5856">IFERROR(INDEX(Jesper!AI$2:AI$366,ROUNDDOWN($C5856/24,0)+1,1)*INDEX($D$3:$AA$30,INDEX(Jesper!$R$2:$R$366,ROW(INDEX(Jesper!AI$2:AI$366,ROUNDDOWN($C5856/24,0)+1,1))-1)+IF('Standard Profiles'!$G$19=$B$10,7,0)+IF('Standard Profiles'!$G$19=$B$17,14,0)+IF('Standard Profiles'!$G$19=$B$24,21,0),MOD($C5856,24)+1)/SUM(INDEX($D$3:$AA$30,INDEX(Jesper!$R$2:$R$366,ROW(INDEX(Jesper!AI$2:AI$366,ROUNDDOWN($C5856/24,0)+1,1))-1)+IF('Standard Profiles'!$G$19=$B$10,7,0)+IF('Standard Profiles'!$G$19=$B$17,14,0)+IF('Standard Profiles'!$G$19=$B$24,21,0),0)),0)</f>
        <v>14.854291482600264</v>
      </c>
      <c r="F5856" cm="1">
        <f t="array" ref="F5856">IFERROR(INDEX(Jesper!AJ$2:AJ$366,ROUNDDOWN($C5856/24,0)+1,1)*INDEX($D$3:$AA$30,INDEX(Jesper!$R$2:$R$366,ROW(INDEX(Jesper!AJ$2:AJ$366,ROUNDDOWN($C5856/24,0)+1,1))-1)+IF('Standard Profiles'!$G$20=$B$10,7,0)+IF('Standard Profiles'!$G$20=$B$17,14,0)+IF('Standard Profiles'!$G$20=$B$24,21,0),MOD($C5856,24)+1)/SUM(INDEX($D$3:$AA$30,INDEX(Jesper!$R$2:$R$366,ROW(INDEX(Jesper!AJ$2:AJ$366,ROUNDDOWN($C5856/24,0)+1,1))-1)+IF('Standard Profiles'!$G$20=$B$10,7,0)+IF('Standard Profiles'!$G$20=$B$17,14,0)+IF('Standard Profiles'!$G$20=$B$24,21,0),0)),0)</f>
        <v>0</v>
      </c>
      <c r="G5856" cm="1">
        <f t="array" ref="G5856">IFERROR(INDEX(Jesper!AK$2:AK$366,ROUNDDOWN($C5856/24,0)+1,1)*INDEX($D$3:$AA$30,INDEX(Jesper!$R$2:$R$366,ROW(INDEX(Jesper!AK$2:AK$366,ROUNDDOWN($C5856/24,0)+1,1))-1)+IF('Standard Profiles'!$G$21=$B$10,7,0)+IF('Standard Profiles'!$G$21=$B$17,14,0)+IF('Standard Profiles'!$G$21=$B$24,21,0),MOD($C5856,24)+1)/SUM(INDEX($D$3:$AA$30,INDEX(Jesper!$R$2:$R$366,ROW(INDEX(Jesper!AK$2:AK$366,ROUNDDOWN($C5856/24,0)+1,1))-1)+IF('Standard Profiles'!$G$21=$B$10,7,0)+IF('Standard Profiles'!$G$21=$B$17,14,0)+IF('Standard Profiles'!$G$21=$B$24,21,0),0)),0)</f>
        <v>2.0103574362422241</v>
      </c>
      <c r="H5856" cm="1">
        <f t="array" ref="H5856">IFERROR(INDEX(Jesper!AL$2:AL$366,ROUNDDOWN($C5856/24,0)+1,1)*INDEX($D$3:$AA$30,INDEX(Jesper!$R$2:$R$366,ROW(INDEX(Jesper!AL$2:AL$366,ROUNDDOWN($C5856/24,0)+1,1))-1)+IF('Standard Profiles'!$G$22=$B$10,7,0)+IF('Standard Profiles'!$G$22=$B$17,14,0)+IF('Standard Profiles'!$G$22=$B$24,21,0),MOD($C5856,24)+1)/SUM(INDEX($D$3:$AA$30,INDEX(Jesper!$R$2:$R$366,ROW(INDEX(Jesper!AL$2:AL$366,ROUNDDOWN($C5856/24,0)+1,1))-1)+IF('Standard Profiles'!$G$22=$B$10,7,0)+IF('Standard Profiles'!$G$22=$B$17,14,0)+IF('Standard Profiles'!$G$22=$B$24,21,0),0)),0)</f>
        <v>0</v>
      </c>
      <c r="I5856">
        <f t="shared" si="650"/>
        <v>0.96497156939626705</v>
      </c>
      <c r="J5856">
        <f t="shared" si="651"/>
        <v>43.489599690614575</v>
      </c>
      <c r="K5856">
        <f t="shared" si="652"/>
        <v>3.5034822020531253</v>
      </c>
      <c r="L5856">
        <f t="shared" si="653"/>
        <v>1.7517411010265627</v>
      </c>
      <c r="M5856">
        <f t="shared" si="654"/>
        <v>0</v>
      </c>
      <c r="N5856" s="45">
        <f t="shared" si="655"/>
        <v>45169.583333319213</v>
      </c>
    </row>
    <row r="5857" spans="2:14" x14ac:dyDescent="0.25">
      <c r="B5857">
        <f t="shared" si="649"/>
        <v>4</v>
      </c>
      <c r="C5857" s="16">
        <v>5823</v>
      </c>
      <c r="D5857" cm="1">
        <f t="array" ref="D5857">IFERROR(INDEX(Jesper!AH$2:AH$366,ROUNDDOWN($C5857/24,0)+1,1)*INDEX($D$3:$AA$30,INDEX(Jesper!$R$2:$R$366,ROW(INDEX(Jesper!AH$2:AH$366,ROUNDDOWN($C5857/24,0)+1,1))-1)+IF('Standard Profiles'!$G$18=$B$10,7,0)+IF('Standard Profiles'!$G$18=$B$17,14,0)+IF('Standard Profiles'!$G$18=$B$24,21,0),MOD($C5857,24)+1)/SUM(INDEX($D$3:$AA$30,INDEX(Jesper!$R$2:$R$366,ROW(INDEX(Jesper!AH$2:AH$366,ROUNDDOWN($C5857/24,0)+1,1))-1)+IF('Standard Profiles'!$G$18=$B$10,7,0)+IF('Standard Profiles'!$G$18=$B$17,14,0)+IF('Standard Profiles'!$G$18=$B$24,21,0),0)),0)</f>
        <v>32.845145644248049</v>
      </c>
      <c r="E5857" cm="1">
        <f t="array" ref="E5857">IFERROR(INDEX(Jesper!AI$2:AI$366,ROUNDDOWN($C5857/24,0)+1,1)*INDEX($D$3:$AA$30,INDEX(Jesper!$R$2:$R$366,ROW(INDEX(Jesper!AI$2:AI$366,ROUNDDOWN($C5857/24,0)+1,1))-1)+IF('Standard Profiles'!$G$19=$B$10,7,0)+IF('Standard Profiles'!$G$19=$B$17,14,0)+IF('Standard Profiles'!$G$19=$B$24,21,0),MOD($C5857,24)+1)/SUM(INDEX($D$3:$AA$30,INDEX(Jesper!$R$2:$R$366,ROW(INDEX(Jesper!AI$2:AI$366,ROUNDDOWN($C5857/24,0)+1,1))-1)+IF('Standard Profiles'!$G$19=$B$10,7,0)+IF('Standard Profiles'!$G$19=$B$17,14,0)+IF('Standard Profiles'!$G$19=$B$24,21,0),0)),0)</f>
        <v>14.854291482600264</v>
      </c>
      <c r="F5857" cm="1">
        <f t="array" ref="F5857">IFERROR(INDEX(Jesper!AJ$2:AJ$366,ROUNDDOWN($C5857/24,0)+1,1)*INDEX($D$3:$AA$30,INDEX(Jesper!$R$2:$R$366,ROW(INDEX(Jesper!AJ$2:AJ$366,ROUNDDOWN($C5857/24,0)+1,1))-1)+IF('Standard Profiles'!$G$20=$B$10,7,0)+IF('Standard Profiles'!$G$20=$B$17,14,0)+IF('Standard Profiles'!$G$20=$B$24,21,0),MOD($C5857,24)+1)/SUM(INDEX($D$3:$AA$30,INDEX(Jesper!$R$2:$R$366,ROW(INDEX(Jesper!AJ$2:AJ$366,ROUNDDOWN($C5857/24,0)+1,1))-1)+IF('Standard Profiles'!$G$20=$B$10,7,0)+IF('Standard Profiles'!$G$20=$B$17,14,0)+IF('Standard Profiles'!$G$20=$B$24,21,0),0)),0)</f>
        <v>0</v>
      </c>
      <c r="G5857" cm="1">
        <f t="array" ref="G5857">IFERROR(INDEX(Jesper!AK$2:AK$366,ROUNDDOWN($C5857/24,0)+1,1)*INDEX($D$3:$AA$30,INDEX(Jesper!$R$2:$R$366,ROW(INDEX(Jesper!AK$2:AK$366,ROUNDDOWN($C5857/24,0)+1,1))-1)+IF('Standard Profiles'!$G$21=$B$10,7,0)+IF('Standard Profiles'!$G$21=$B$17,14,0)+IF('Standard Profiles'!$G$21=$B$24,21,0),MOD($C5857,24)+1)/SUM(INDEX($D$3:$AA$30,INDEX(Jesper!$R$2:$R$366,ROW(INDEX(Jesper!AK$2:AK$366,ROUNDDOWN($C5857/24,0)+1,1))-1)+IF('Standard Profiles'!$G$21=$B$10,7,0)+IF('Standard Profiles'!$G$21=$B$17,14,0)+IF('Standard Profiles'!$G$21=$B$24,21,0),0)),0)</f>
        <v>2.0103574362422241</v>
      </c>
      <c r="H5857" cm="1">
        <f t="array" ref="H5857">IFERROR(INDEX(Jesper!AL$2:AL$366,ROUNDDOWN($C5857/24,0)+1,1)*INDEX($D$3:$AA$30,INDEX(Jesper!$R$2:$R$366,ROW(INDEX(Jesper!AL$2:AL$366,ROUNDDOWN($C5857/24,0)+1,1))-1)+IF('Standard Profiles'!$G$22=$B$10,7,0)+IF('Standard Profiles'!$G$22=$B$17,14,0)+IF('Standard Profiles'!$G$22=$B$24,21,0),MOD($C5857,24)+1)/SUM(INDEX($D$3:$AA$30,INDEX(Jesper!$R$2:$R$366,ROW(INDEX(Jesper!AL$2:AL$366,ROUNDDOWN($C5857/24,0)+1,1))-1)+IF('Standard Profiles'!$G$22=$B$10,7,0)+IF('Standard Profiles'!$G$22=$B$17,14,0)+IF('Standard Profiles'!$G$22=$B$24,21,0),0)),0)</f>
        <v>0</v>
      </c>
      <c r="I5857">
        <f t="shared" si="650"/>
        <v>0.96497156939626705</v>
      </c>
      <c r="J5857">
        <f t="shared" si="651"/>
        <v>43.489599690614575</v>
      </c>
      <c r="K5857">
        <f t="shared" si="652"/>
        <v>3.5034822020531253</v>
      </c>
      <c r="L5857">
        <f t="shared" si="653"/>
        <v>1.7517411010265627</v>
      </c>
      <c r="M5857">
        <f t="shared" si="654"/>
        <v>0</v>
      </c>
      <c r="N5857" s="45">
        <f t="shared" si="655"/>
        <v>45169.624999985877</v>
      </c>
    </row>
    <row r="5858" spans="2:14" x14ac:dyDescent="0.25">
      <c r="B5858">
        <f t="shared" si="649"/>
        <v>4</v>
      </c>
      <c r="C5858" s="16">
        <v>5824</v>
      </c>
      <c r="D5858" cm="1">
        <f t="array" ref="D5858">IFERROR(INDEX(Jesper!AH$2:AH$366,ROUNDDOWN($C5858/24,0)+1,1)*INDEX($D$3:$AA$30,INDEX(Jesper!$R$2:$R$366,ROW(INDEX(Jesper!AH$2:AH$366,ROUNDDOWN($C5858/24,0)+1,1))-1)+IF('Standard Profiles'!$G$18=$B$10,7,0)+IF('Standard Profiles'!$G$18=$B$17,14,0)+IF('Standard Profiles'!$G$18=$B$24,21,0),MOD($C5858,24)+1)/SUM(INDEX($D$3:$AA$30,INDEX(Jesper!$R$2:$R$366,ROW(INDEX(Jesper!AH$2:AH$366,ROUNDDOWN($C5858/24,0)+1,1))-1)+IF('Standard Profiles'!$G$18=$B$10,7,0)+IF('Standard Profiles'!$G$18=$B$17,14,0)+IF('Standard Profiles'!$G$18=$B$24,21,0),0)),0)</f>
        <v>19.355175111789027</v>
      </c>
      <c r="E5858" cm="1">
        <f t="array" ref="E5858">IFERROR(INDEX(Jesper!AI$2:AI$366,ROUNDDOWN($C5858/24,0)+1,1)*INDEX($D$3:$AA$30,INDEX(Jesper!$R$2:$R$366,ROW(INDEX(Jesper!AI$2:AI$366,ROUNDDOWN($C5858/24,0)+1,1))-1)+IF('Standard Profiles'!$G$19=$B$10,7,0)+IF('Standard Profiles'!$G$19=$B$17,14,0)+IF('Standard Profiles'!$G$19=$B$24,21,0),MOD($C5858,24)+1)/SUM(INDEX($D$3:$AA$30,INDEX(Jesper!$R$2:$R$366,ROW(INDEX(Jesper!AI$2:AI$366,ROUNDDOWN($C5858/24,0)+1,1))-1)+IF('Standard Profiles'!$G$19=$B$10,7,0)+IF('Standard Profiles'!$G$19=$B$17,14,0)+IF('Standard Profiles'!$G$19=$B$24,21,0),0)),0)</f>
        <v>8.7534217665322984</v>
      </c>
      <c r="F5858" cm="1">
        <f t="array" ref="F5858">IFERROR(INDEX(Jesper!AJ$2:AJ$366,ROUNDDOWN($C5858/24,0)+1,1)*INDEX($D$3:$AA$30,INDEX(Jesper!$R$2:$R$366,ROW(INDEX(Jesper!AJ$2:AJ$366,ROUNDDOWN($C5858/24,0)+1,1))-1)+IF('Standard Profiles'!$G$20=$B$10,7,0)+IF('Standard Profiles'!$G$20=$B$17,14,0)+IF('Standard Profiles'!$G$20=$B$24,21,0),MOD($C5858,24)+1)/SUM(INDEX($D$3:$AA$30,INDEX(Jesper!$R$2:$R$366,ROW(INDEX(Jesper!AJ$2:AJ$366,ROUNDDOWN($C5858/24,0)+1,1))-1)+IF('Standard Profiles'!$G$20=$B$10,7,0)+IF('Standard Profiles'!$G$20=$B$17,14,0)+IF('Standard Profiles'!$G$20=$B$24,21,0),0)),0)</f>
        <v>0</v>
      </c>
      <c r="G5858" cm="1">
        <f t="array" ref="G5858">IFERROR(INDEX(Jesper!AK$2:AK$366,ROUNDDOWN($C5858/24,0)+1,1)*INDEX($D$3:$AA$30,INDEX(Jesper!$R$2:$R$366,ROW(INDEX(Jesper!AK$2:AK$366,ROUNDDOWN($C5858/24,0)+1,1))-1)+IF('Standard Profiles'!$G$21=$B$10,7,0)+IF('Standard Profiles'!$G$21=$B$17,14,0)+IF('Standard Profiles'!$G$21=$B$24,21,0),MOD($C5858,24)+1)/SUM(INDEX($D$3:$AA$30,INDEX(Jesper!$R$2:$R$366,ROW(INDEX(Jesper!AK$2:AK$366,ROUNDDOWN($C5858/24,0)+1,1))-1)+IF('Standard Profiles'!$G$21=$B$10,7,0)+IF('Standard Profiles'!$G$21=$B$17,14,0)+IF('Standard Profiles'!$G$21=$B$24,21,0),0)),0)</f>
        <v>1.6798368478945189</v>
      </c>
      <c r="H5858" cm="1">
        <f t="array" ref="H5858">IFERROR(INDEX(Jesper!AL$2:AL$366,ROUNDDOWN($C5858/24,0)+1,1)*INDEX($D$3:$AA$30,INDEX(Jesper!$R$2:$R$366,ROW(INDEX(Jesper!AL$2:AL$366,ROUNDDOWN($C5858/24,0)+1,1))-1)+IF('Standard Profiles'!$G$22=$B$10,7,0)+IF('Standard Profiles'!$G$22=$B$17,14,0)+IF('Standard Profiles'!$G$22=$B$24,21,0),MOD($C5858,24)+1)/SUM(INDEX($D$3:$AA$30,INDEX(Jesper!$R$2:$R$366,ROW(INDEX(Jesper!AL$2:AL$366,ROUNDDOWN($C5858/24,0)+1,1))-1)+IF('Standard Profiles'!$G$22=$B$10,7,0)+IF('Standard Profiles'!$G$22=$B$17,14,0)+IF('Standard Profiles'!$G$22=$B$24,21,0),0)),0)</f>
        <v>0</v>
      </c>
      <c r="I5858">
        <f t="shared" si="650"/>
        <v>0.80632168698936868</v>
      </c>
      <c r="J5858">
        <f t="shared" si="651"/>
        <v>25.88528402134023</v>
      </c>
      <c r="K5858">
        <f t="shared" si="652"/>
        <v>2.0645520119241629</v>
      </c>
      <c r="L5858">
        <f t="shared" si="653"/>
        <v>1.0322760059620815</v>
      </c>
      <c r="M5858">
        <f t="shared" si="654"/>
        <v>0</v>
      </c>
      <c r="N5858" s="45">
        <f t="shared" si="655"/>
        <v>45169.666666652542</v>
      </c>
    </row>
    <row r="5859" spans="2:14" x14ac:dyDescent="0.25">
      <c r="B5859">
        <f t="shared" ref="B5859:B5922" si="656">WEEKDAY(N5859,2)</f>
        <v>4</v>
      </c>
      <c r="C5859" s="16">
        <v>5825</v>
      </c>
      <c r="D5859" cm="1">
        <f t="array" ref="D5859">IFERROR(INDEX(Jesper!AH$2:AH$366,ROUNDDOWN($C5859/24,0)+1,1)*INDEX($D$3:$AA$30,INDEX(Jesper!$R$2:$R$366,ROW(INDEX(Jesper!AH$2:AH$366,ROUNDDOWN($C5859/24,0)+1,1))-1)+IF('Standard Profiles'!$G$18=$B$10,7,0)+IF('Standard Profiles'!$G$18=$B$17,14,0)+IF('Standard Profiles'!$G$18=$B$24,21,0),MOD($C5859,24)+1)/SUM(INDEX($D$3:$AA$30,INDEX(Jesper!$R$2:$R$366,ROW(INDEX(Jesper!AH$2:AH$366,ROUNDDOWN($C5859/24,0)+1,1))-1)+IF('Standard Profiles'!$G$18=$B$10,7,0)+IF('Standard Profiles'!$G$18=$B$17,14,0)+IF('Standard Profiles'!$G$18=$B$24,21,0),0)),0)</f>
        <v>8.2608515201831114</v>
      </c>
      <c r="E5859" cm="1">
        <f t="array" ref="E5859">IFERROR(INDEX(Jesper!AI$2:AI$366,ROUNDDOWN($C5859/24,0)+1,1)*INDEX($D$3:$AA$30,INDEX(Jesper!$R$2:$R$366,ROW(INDEX(Jesper!AI$2:AI$366,ROUNDDOWN($C5859/24,0)+1,1))-1)+IF('Standard Profiles'!$G$19=$B$10,7,0)+IF('Standard Profiles'!$G$19=$B$17,14,0)+IF('Standard Profiles'!$G$19=$B$24,21,0),MOD($C5859,24)+1)/SUM(INDEX($D$3:$AA$30,INDEX(Jesper!$R$2:$R$366,ROW(INDEX(Jesper!AI$2:AI$366,ROUNDDOWN($C5859/24,0)+1,1))-1)+IF('Standard Profiles'!$G$19=$B$10,7,0)+IF('Standard Profiles'!$G$19=$B$17,14,0)+IF('Standard Profiles'!$G$19=$B$24,21,0),0)),0)</f>
        <v>3.7359888034708915</v>
      </c>
      <c r="F5859" cm="1">
        <f t="array" ref="F5859">IFERROR(INDEX(Jesper!AJ$2:AJ$366,ROUNDDOWN($C5859/24,0)+1,1)*INDEX($D$3:$AA$30,INDEX(Jesper!$R$2:$R$366,ROW(INDEX(Jesper!AJ$2:AJ$366,ROUNDDOWN($C5859/24,0)+1,1))-1)+IF('Standard Profiles'!$G$20=$B$10,7,0)+IF('Standard Profiles'!$G$20=$B$17,14,0)+IF('Standard Profiles'!$G$20=$B$24,21,0),MOD($C5859,24)+1)/SUM(INDEX($D$3:$AA$30,INDEX(Jesper!$R$2:$R$366,ROW(INDEX(Jesper!AJ$2:AJ$366,ROUNDDOWN($C5859/24,0)+1,1))-1)+IF('Standard Profiles'!$G$20=$B$10,7,0)+IF('Standard Profiles'!$G$20=$B$17,14,0)+IF('Standard Profiles'!$G$20=$B$24,21,0),0)),0)</f>
        <v>0</v>
      </c>
      <c r="G5859" cm="1">
        <f t="array" ref="G5859">IFERROR(INDEX(Jesper!AK$2:AK$366,ROUNDDOWN($C5859/24,0)+1,1)*INDEX($D$3:$AA$30,INDEX(Jesper!$R$2:$R$366,ROW(INDEX(Jesper!AK$2:AK$366,ROUNDDOWN($C5859/24,0)+1,1))-1)+IF('Standard Profiles'!$G$21=$B$10,7,0)+IF('Standard Profiles'!$G$21=$B$17,14,0)+IF('Standard Profiles'!$G$21=$B$24,21,0),MOD($C5859,24)+1)/SUM(INDEX($D$3:$AA$30,INDEX(Jesper!$R$2:$R$366,ROW(INDEX(Jesper!AK$2:AK$366,ROUNDDOWN($C5859/24,0)+1,1))-1)+IF('Standard Profiles'!$G$21=$B$10,7,0)+IF('Standard Profiles'!$G$21=$B$17,14,0)+IF('Standard Profiles'!$G$21=$B$24,21,0),0)),0)</f>
        <v>1.3356993064688176</v>
      </c>
      <c r="H5859" cm="1">
        <f t="array" ref="H5859">IFERROR(INDEX(Jesper!AL$2:AL$366,ROUNDDOWN($C5859/24,0)+1,1)*INDEX($D$3:$AA$30,INDEX(Jesper!$R$2:$R$366,ROW(INDEX(Jesper!AL$2:AL$366,ROUNDDOWN($C5859/24,0)+1,1))-1)+IF('Standard Profiles'!$G$22=$B$10,7,0)+IF('Standard Profiles'!$G$22=$B$17,14,0)+IF('Standard Profiles'!$G$22=$B$24,21,0),MOD($C5859,24)+1)/SUM(INDEX($D$3:$AA$30,INDEX(Jesper!$R$2:$R$366,ROW(INDEX(Jesper!AL$2:AL$366,ROUNDDOWN($C5859/24,0)+1,1))-1)+IF('Standard Profiles'!$G$22=$B$10,7,0)+IF('Standard Profiles'!$G$22=$B$17,14,0)+IF('Standard Profiles'!$G$22=$B$24,21,0),0)),0)</f>
        <v>0</v>
      </c>
      <c r="I5859">
        <f t="shared" ref="I5859:I5922" si="657">IF($B5859&lt;6,AC$37*$D5859+AC$38*$E5859+AC$39*$F5859+AC$40*$G5859,AC$46*$D5859+AC$47*$E5859+AC$48*$F5859+AC$49*$G5859+AC$50*$H5859)</f>
        <v>0.64113566710503211</v>
      </c>
      <c r="J5859">
        <f t="shared" ref="J5859:J5922" si="658">IF($B5859&lt;6,AD$37*$D5859+AD$38*$E5859+AD$39*$F5859+AD$40*$G5859,AD$46*$D5859+AD$47*$E5859+AD$48*$F5859+AD$49*$G5859+AD$50*$H5859)</f>
        <v>11.36966771978849</v>
      </c>
      <c r="K5859">
        <f t="shared" ref="K5859:K5922" si="659">IF($B5859&lt;6,AE$37*$D5859+AE$38*$E5859+AE$39*$F5859+AE$40*$G5859,AE$46*$D5859+AE$47*$E5859+AE$48*$F5859+AE$49*$G5859+AE$50*$H5859)</f>
        <v>0.88115749548619859</v>
      </c>
      <c r="L5859">
        <f t="shared" ref="L5859:L5922" si="660">IF($B5859&lt;6,AF$37*$D5859+AF$38*$E5859+AF$39*$F5859+AF$40*$G5859,AF$46*$D5859+AF$47*$E5859+AF$48*$F5859+AF$49*$G5859+AF$50*$H5859)</f>
        <v>0.4405787477430993</v>
      </c>
      <c r="M5859">
        <f t="shared" ref="M5859:M5922" si="661">IF($B5859&lt;6,AG$37*$D5859+AG$38*$E5859+AG$39*$F5859+AG$40*$G5859,AG$46*$D5859+AG$47*$E5859+AG$48*$F5859+AG$49*$G5859+AG$50*$H5859)</f>
        <v>0</v>
      </c>
      <c r="N5859" s="45">
        <f t="shared" si="655"/>
        <v>45169.708333319206</v>
      </c>
    </row>
    <row r="5860" spans="2:14" x14ac:dyDescent="0.25">
      <c r="B5860">
        <f t="shared" si="656"/>
        <v>4</v>
      </c>
      <c r="C5860" s="16">
        <v>5826</v>
      </c>
      <c r="D5860" cm="1">
        <f t="array" ref="D5860">IFERROR(INDEX(Jesper!AH$2:AH$366,ROUNDDOWN($C5860/24,0)+1,1)*INDEX($D$3:$AA$30,INDEX(Jesper!$R$2:$R$366,ROW(INDEX(Jesper!AH$2:AH$366,ROUNDDOWN($C5860/24,0)+1,1))-1)+IF('Standard Profiles'!$G$18=$B$10,7,0)+IF('Standard Profiles'!$G$18=$B$17,14,0)+IF('Standard Profiles'!$G$18=$B$24,21,0),MOD($C5860,24)+1)/SUM(INDEX($D$3:$AA$30,INDEX(Jesper!$R$2:$R$366,ROW(INDEX(Jesper!AH$2:AH$366,ROUNDDOWN($C5860/24,0)+1,1))-1)+IF('Standard Profiles'!$G$18=$B$10,7,0)+IF('Standard Profiles'!$G$18=$B$17,14,0)+IF('Standard Profiles'!$G$18=$B$24,21,0),0)),0)</f>
        <v>5.4521620033208533</v>
      </c>
      <c r="E5860" cm="1">
        <f t="array" ref="E5860">IFERROR(INDEX(Jesper!AI$2:AI$366,ROUNDDOWN($C5860/24,0)+1,1)*INDEX($D$3:$AA$30,INDEX(Jesper!$R$2:$R$366,ROW(INDEX(Jesper!AI$2:AI$366,ROUNDDOWN($C5860/24,0)+1,1))-1)+IF('Standard Profiles'!$G$19=$B$10,7,0)+IF('Standard Profiles'!$G$19=$B$17,14,0)+IF('Standard Profiles'!$G$19=$B$24,21,0),MOD($C5860,24)+1)/SUM(INDEX($D$3:$AA$30,INDEX(Jesper!$R$2:$R$366,ROW(INDEX(Jesper!AI$2:AI$366,ROUNDDOWN($C5860/24,0)+1,1))-1)+IF('Standard Profiles'!$G$19=$B$10,7,0)+IF('Standard Profiles'!$G$19=$B$17,14,0)+IF('Standard Profiles'!$G$19=$B$24,21,0),0)),0)</f>
        <v>2.4657526102907883</v>
      </c>
      <c r="F5860" cm="1">
        <f t="array" ref="F5860">IFERROR(INDEX(Jesper!AJ$2:AJ$366,ROUNDDOWN($C5860/24,0)+1,1)*INDEX($D$3:$AA$30,INDEX(Jesper!$R$2:$R$366,ROW(INDEX(Jesper!AJ$2:AJ$366,ROUNDDOWN($C5860/24,0)+1,1))-1)+IF('Standard Profiles'!$G$20=$B$10,7,0)+IF('Standard Profiles'!$G$20=$B$17,14,0)+IF('Standard Profiles'!$G$20=$B$24,21,0),MOD($C5860,24)+1)/SUM(INDEX($D$3:$AA$30,INDEX(Jesper!$R$2:$R$366,ROW(INDEX(Jesper!AJ$2:AJ$366,ROUNDDOWN($C5860/24,0)+1,1))-1)+IF('Standard Profiles'!$G$20=$B$10,7,0)+IF('Standard Profiles'!$G$20=$B$17,14,0)+IF('Standard Profiles'!$G$20=$B$24,21,0),0)),0)</f>
        <v>0</v>
      </c>
      <c r="G5860" cm="1">
        <f t="array" ref="G5860">IFERROR(INDEX(Jesper!AK$2:AK$366,ROUNDDOWN($C5860/24,0)+1,1)*INDEX($D$3:$AA$30,INDEX(Jesper!$R$2:$R$366,ROW(INDEX(Jesper!AK$2:AK$366,ROUNDDOWN($C5860/24,0)+1,1))-1)+IF('Standard Profiles'!$G$21=$B$10,7,0)+IF('Standard Profiles'!$G$21=$B$17,14,0)+IF('Standard Profiles'!$G$21=$B$24,21,0),MOD($C5860,24)+1)/SUM(INDEX($D$3:$AA$30,INDEX(Jesper!$R$2:$R$366,ROW(INDEX(Jesper!AK$2:AK$366,ROUNDDOWN($C5860/24,0)+1,1))-1)+IF('Standard Profiles'!$G$21=$B$10,7,0)+IF('Standard Profiles'!$G$21=$B$17,14,0)+IF('Standard Profiles'!$G$21=$B$24,21,0),0)),0)</f>
        <v>0.49516193010892223</v>
      </c>
      <c r="H5860" cm="1">
        <f t="array" ref="H5860">IFERROR(INDEX(Jesper!AL$2:AL$366,ROUNDDOWN($C5860/24,0)+1,1)*INDEX($D$3:$AA$30,INDEX(Jesper!$R$2:$R$366,ROW(INDEX(Jesper!AL$2:AL$366,ROUNDDOWN($C5860/24,0)+1,1))-1)+IF('Standard Profiles'!$G$22=$B$10,7,0)+IF('Standard Profiles'!$G$22=$B$17,14,0)+IF('Standard Profiles'!$G$22=$B$24,21,0),MOD($C5860,24)+1)/SUM(INDEX($D$3:$AA$30,INDEX(Jesper!$R$2:$R$366,ROW(INDEX(Jesper!AL$2:AL$366,ROUNDDOWN($C5860/24,0)+1,1))-1)+IF('Standard Profiles'!$G$22=$B$10,7,0)+IF('Standard Profiles'!$G$22=$B$17,14,0)+IF('Standard Profiles'!$G$22=$B$24,21,0),0)),0)</f>
        <v>0</v>
      </c>
      <c r="I5860">
        <f t="shared" si="657"/>
        <v>0.23767772645228255</v>
      </c>
      <c r="J5860">
        <f t="shared" si="658"/>
        <v>7.3030528967369452</v>
      </c>
      <c r="K5860">
        <f t="shared" si="659"/>
        <v>0.58156394702089109</v>
      </c>
      <c r="L5860">
        <f t="shared" si="660"/>
        <v>0.29078197351044555</v>
      </c>
      <c r="M5860">
        <f t="shared" si="661"/>
        <v>0</v>
      </c>
      <c r="N5860" s="45">
        <f t="shared" ref="N5860:N5923" si="662">N5859+1/24</f>
        <v>45169.74999998587</v>
      </c>
    </row>
    <row r="5861" spans="2:14" x14ac:dyDescent="0.25">
      <c r="B5861">
        <f t="shared" si="656"/>
        <v>4</v>
      </c>
      <c r="C5861" s="16">
        <v>5827</v>
      </c>
      <c r="D5861" cm="1">
        <f t="array" ref="D5861">IFERROR(INDEX(Jesper!AH$2:AH$366,ROUNDDOWN($C5861/24,0)+1,1)*INDEX($D$3:$AA$30,INDEX(Jesper!$R$2:$R$366,ROW(INDEX(Jesper!AH$2:AH$366,ROUNDDOWN($C5861/24,0)+1,1))-1)+IF('Standard Profiles'!$G$18=$B$10,7,0)+IF('Standard Profiles'!$G$18=$B$17,14,0)+IF('Standard Profiles'!$G$18=$B$24,21,0),MOD($C5861,24)+1)/SUM(INDEX($D$3:$AA$30,INDEX(Jesper!$R$2:$R$366,ROW(INDEX(Jesper!AH$2:AH$366,ROUNDDOWN($C5861/24,0)+1,1))-1)+IF('Standard Profiles'!$G$18=$B$10,7,0)+IF('Standard Profiles'!$G$18=$B$17,14,0)+IF('Standard Profiles'!$G$18=$B$24,21,0),0)),0)</f>
        <v>5.4521620033208533</v>
      </c>
      <c r="E5861" cm="1">
        <f t="array" ref="E5861">IFERROR(INDEX(Jesper!AI$2:AI$366,ROUNDDOWN($C5861/24,0)+1,1)*INDEX($D$3:$AA$30,INDEX(Jesper!$R$2:$R$366,ROW(INDEX(Jesper!AI$2:AI$366,ROUNDDOWN($C5861/24,0)+1,1))-1)+IF('Standard Profiles'!$G$19=$B$10,7,0)+IF('Standard Profiles'!$G$19=$B$17,14,0)+IF('Standard Profiles'!$G$19=$B$24,21,0),MOD($C5861,24)+1)/SUM(INDEX($D$3:$AA$30,INDEX(Jesper!$R$2:$R$366,ROW(INDEX(Jesper!AI$2:AI$366,ROUNDDOWN($C5861/24,0)+1,1))-1)+IF('Standard Profiles'!$G$19=$B$10,7,0)+IF('Standard Profiles'!$G$19=$B$17,14,0)+IF('Standard Profiles'!$G$19=$B$24,21,0),0)),0)</f>
        <v>2.4657526102907883</v>
      </c>
      <c r="F5861" cm="1">
        <f t="array" ref="F5861">IFERROR(INDEX(Jesper!AJ$2:AJ$366,ROUNDDOWN($C5861/24,0)+1,1)*INDEX($D$3:$AA$30,INDEX(Jesper!$R$2:$R$366,ROW(INDEX(Jesper!AJ$2:AJ$366,ROUNDDOWN($C5861/24,0)+1,1))-1)+IF('Standard Profiles'!$G$20=$B$10,7,0)+IF('Standard Profiles'!$G$20=$B$17,14,0)+IF('Standard Profiles'!$G$20=$B$24,21,0),MOD($C5861,24)+1)/SUM(INDEX($D$3:$AA$30,INDEX(Jesper!$R$2:$R$366,ROW(INDEX(Jesper!AJ$2:AJ$366,ROUNDDOWN($C5861/24,0)+1,1))-1)+IF('Standard Profiles'!$G$20=$B$10,7,0)+IF('Standard Profiles'!$G$20=$B$17,14,0)+IF('Standard Profiles'!$G$20=$B$24,21,0),0)),0)</f>
        <v>0</v>
      </c>
      <c r="G5861" cm="1">
        <f t="array" ref="G5861">IFERROR(INDEX(Jesper!AK$2:AK$366,ROUNDDOWN($C5861/24,0)+1,1)*INDEX($D$3:$AA$30,INDEX(Jesper!$R$2:$R$366,ROW(INDEX(Jesper!AK$2:AK$366,ROUNDDOWN($C5861/24,0)+1,1))-1)+IF('Standard Profiles'!$G$21=$B$10,7,0)+IF('Standard Profiles'!$G$21=$B$17,14,0)+IF('Standard Profiles'!$G$21=$B$24,21,0),MOD($C5861,24)+1)/SUM(INDEX($D$3:$AA$30,INDEX(Jesper!$R$2:$R$366,ROW(INDEX(Jesper!AK$2:AK$366,ROUNDDOWN($C5861/24,0)+1,1))-1)+IF('Standard Profiles'!$G$21=$B$10,7,0)+IF('Standard Profiles'!$G$21=$B$17,14,0)+IF('Standard Profiles'!$G$21=$B$24,21,0),0)),0)</f>
        <v>0.49516193010892223</v>
      </c>
      <c r="H5861" cm="1">
        <f t="array" ref="H5861">IFERROR(INDEX(Jesper!AL$2:AL$366,ROUNDDOWN($C5861/24,0)+1,1)*INDEX($D$3:$AA$30,INDEX(Jesper!$R$2:$R$366,ROW(INDEX(Jesper!AL$2:AL$366,ROUNDDOWN($C5861/24,0)+1,1))-1)+IF('Standard Profiles'!$G$22=$B$10,7,0)+IF('Standard Profiles'!$G$22=$B$17,14,0)+IF('Standard Profiles'!$G$22=$B$24,21,0),MOD($C5861,24)+1)/SUM(INDEX($D$3:$AA$30,INDEX(Jesper!$R$2:$R$366,ROW(INDEX(Jesper!AL$2:AL$366,ROUNDDOWN($C5861/24,0)+1,1))-1)+IF('Standard Profiles'!$G$22=$B$10,7,0)+IF('Standard Profiles'!$G$22=$B$17,14,0)+IF('Standard Profiles'!$G$22=$B$24,21,0),0)),0)</f>
        <v>0</v>
      </c>
      <c r="I5861">
        <f t="shared" si="657"/>
        <v>0.23767772645228255</v>
      </c>
      <c r="J5861">
        <f t="shared" si="658"/>
        <v>7.3030528967369452</v>
      </c>
      <c r="K5861">
        <f t="shared" si="659"/>
        <v>0.58156394702089109</v>
      </c>
      <c r="L5861">
        <f t="shared" si="660"/>
        <v>0.29078197351044555</v>
      </c>
      <c r="M5861">
        <f t="shared" si="661"/>
        <v>0</v>
      </c>
      <c r="N5861" s="45">
        <f t="shared" si="662"/>
        <v>45169.791666652534</v>
      </c>
    </row>
    <row r="5862" spans="2:14" x14ac:dyDescent="0.25">
      <c r="B5862">
        <f t="shared" si="656"/>
        <v>4</v>
      </c>
      <c r="C5862" s="16">
        <v>5828</v>
      </c>
      <c r="D5862" cm="1">
        <f t="array" ref="D5862">IFERROR(INDEX(Jesper!AH$2:AH$366,ROUNDDOWN($C5862/24,0)+1,1)*INDEX($D$3:$AA$30,INDEX(Jesper!$R$2:$R$366,ROW(INDEX(Jesper!AH$2:AH$366,ROUNDDOWN($C5862/24,0)+1,1))-1)+IF('Standard Profiles'!$G$18=$B$10,7,0)+IF('Standard Profiles'!$G$18=$B$17,14,0)+IF('Standard Profiles'!$G$18=$B$24,21,0),MOD($C5862,24)+1)/SUM(INDEX($D$3:$AA$30,INDEX(Jesper!$R$2:$R$366,ROW(INDEX(Jesper!AH$2:AH$366,ROUNDDOWN($C5862/24,0)+1,1))-1)+IF('Standard Profiles'!$G$18=$B$10,7,0)+IF('Standard Profiles'!$G$18=$B$17,14,0)+IF('Standard Profiles'!$G$18=$B$24,21,0),0)),0)</f>
        <v>5.4521620033208533</v>
      </c>
      <c r="E5862" cm="1">
        <f t="array" ref="E5862">IFERROR(INDEX(Jesper!AI$2:AI$366,ROUNDDOWN($C5862/24,0)+1,1)*INDEX($D$3:$AA$30,INDEX(Jesper!$R$2:$R$366,ROW(INDEX(Jesper!AI$2:AI$366,ROUNDDOWN($C5862/24,0)+1,1))-1)+IF('Standard Profiles'!$G$19=$B$10,7,0)+IF('Standard Profiles'!$G$19=$B$17,14,0)+IF('Standard Profiles'!$G$19=$B$24,21,0),MOD($C5862,24)+1)/SUM(INDEX($D$3:$AA$30,INDEX(Jesper!$R$2:$R$366,ROW(INDEX(Jesper!AI$2:AI$366,ROUNDDOWN($C5862/24,0)+1,1))-1)+IF('Standard Profiles'!$G$19=$B$10,7,0)+IF('Standard Profiles'!$G$19=$B$17,14,0)+IF('Standard Profiles'!$G$19=$B$24,21,0),0)),0)</f>
        <v>2.4657526102907883</v>
      </c>
      <c r="F5862" cm="1">
        <f t="array" ref="F5862">IFERROR(INDEX(Jesper!AJ$2:AJ$366,ROUNDDOWN($C5862/24,0)+1,1)*INDEX($D$3:$AA$30,INDEX(Jesper!$R$2:$R$366,ROW(INDEX(Jesper!AJ$2:AJ$366,ROUNDDOWN($C5862/24,0)+1,1))-1)+IF('Standard Profiles'!$G$20=$B$10,7,0)+IF('Standard Profiles'!$G$20=$B$17,14,0)+IF('Standard Profiles'!$G$20=$B$24,21,0),MOD($C5862,24)+1)/SUM(INDEX($D$3:$AA$30,INDEX(Jesper!$R$2:$R$366,ROW(INDEX(Jesper!AJ$2:AJ$366,ROUNDDOWN($C5862/24,0)+1,1))-1)+IF('Standard Profiles'!$G$20=$B$10,7,0)+IF('Standard Profiles'!$G$20=$B$17,14,0)+IF('Standard Profiles'!$G$20=$B$24,21,0),0)),0)</f>
        <v>0</v>
      </c>
      <c r="G5862" cm="1">
        <f t="array" ref="G5862">IFERROR(INDEX(Jesper!AK$2:AK$366,ROUNDDOWN($C5862/24,0)+1,1)*INDEX($D$3:$AA$30,INDEX(Jesper!$R$2:$R$366,ROW(INDEX(Jesper!AK$2:AK$366,ROUNDDOWN($C5862/24,0)+1,1))-1)+IF('Standard Profiles'!$G$21=$B$10,7,0)+IF('Standard Profiles'!$G$21=$B$17,14,0)+IF('Standard Profiles'!$G$21=$B$24,21,0),MOD($C5862,24)+1)/SUM(INDEX($D$3:$AA$30,INDEX(Jesper!$R$2:$R$366,ROW(INDEX(Jesper!AK$2:AK$366,ROUNDDOWN($C5862/24,0)+1,1))-1)+IF('Standard Profiles'!$G$21=$B$10,7,0)+IF('Standard Profiles'!$G$21=$B$17,14,0)+IF('Standard Profiles'!$G$21=$B$24,21,0),0)),0)</f>
        <v>0.49516193010892223</v>
      </c>
      <c r="H5862" cm="1">
        <f t="array" ref="H5862">IFERROR(INDEX(Jesper!AL$2:AL$366,ROUNDDOWN($C5862/24,0)+1,1)*INDEX($D$3:$AA$30,INDEX(Jesper!$R$2:$R$366,ROW(INDEX(Jesper!AL$2:AL$366,ROUNDDOWN($C5862/24,0)+1,1))-1)+IF('Standard Profiles'!$G$22=$B$10,7,0)+IF('Standard Profiles'!$G$22=$B$17,14,0)+IF('Standard Profiles'!$G$22=$B$24,21,0),MOD($C5862,24)+1)/SUM(INDEX($D$3:$AA$30,INDEX(Jesper!$R$2:$R$366,ROW(INDEX(Jesper!AL$2:AL$366,ROUNDDOWN($C5862/24,0)+1,1))-1)+IF('Standard Profiles'!$G$22=$B$10,7,0)+IF('Standard Profiles'!$G$22=$B$17,14,0)+IF('Standard Profiles'!$G$22=$B$24,21,0),0)),0)</f>
        <v>0</v>
      </c>
      <c r="I5862">
        <f t="shared" si="657"/>
        <v>0.23767772645228255</v>
      </c>
      <c r="J5862">
        <f t="shared" si="658"/>
        <v>7.3030528967369452</v>
      </c>
      <c r="K5862">
        <f t="shared" si="659"/>
        <v>0.58156394702089109</v>
      </c>
      <c r="L5862">
        <f t="shared" si="660"/>
        <v>0.29078197351044555</v>
      </c>
      <c r="M5862">
        <f t="shared" si="661"/>
        <v>0</v>
      </c>
      <c r="N5862" s="45">
        <f t="shared" si="662"/>
        <v>45169.833333319199</v>
      </c>
    </row>
    <row r="5863" spans="2:14" x14ac:dyDescent="0.25">
      <c r="B5863">
        <f t="shared" si="656"/>
        <v>4</v>
      </c>
      <c r="C5863" s="16">
        <v>5829</v>
      </c>
      <c r="D5863" cm="1">
        <f t="array" ref="D5863">IFERROR(INDEX(Jesper!AH$2:AH$366,ROUNDDOWN($C5863/24,0)+1,1)*INDEX($D$3:$AA$30,INDEX(Jesper!$R$2:$R$366,ROW(INDEX(Jesper!AH$2:AH$366,ROUNDDOWN($C5863/24,0)+1,1))-1)+IF('Standard Profiles'!$G$18=$B$10,7,0)+IF('Standard Profiles'!$G$18=$B$17,14,0)+IF('Standard Profiles'!$G$18=$B$24,21,0),MOD($C5863,24)+1)/SUM(INDEX($D$3:$AA$30,INDEX(Jesper!$R$2:$R$366,ROW(INDEX(Jesper!AH$2:AH$366,ROUNDDOWN($C5863/24,0)+1,1))-1)+IF('Standard Profiles'!$G$18=$B$10,7,0)+IF('Standard Profiles'!$G$18=$B$17,14,0)+IF('Standard Profiles'!$G$18=$B$24,21,0),0)),0)</f>
        <v>5.4521620033208533</v>
      </c>
      <c r="E5863" cm="1">
        <f t="array" ref="E5863">IFERROR(INDEX(Jesper!AI$2:AI$366,ROUNDDOWN($C5863/24,0)+1,1)*INDEX($D$3:$AA$30,INDEX(Jesper!$R$2:$R$366,ROW(INDEX(Jesper!AI$2:AI$366,ROUNDDOWN($C5863/24,0)+1,1))-1)+IF('Standard Profiles'!$G$19=$B$10,7,0)+IF('Standard Profiles'!$G$19=$B$17,14,0)+IF('Standard Profiles'!$G$19=$B$24,21,0),MOD($C5863,24)+1)/SUM(INDEX($D$3:$AA$30,INDEX(Jesper!$R$2:$R$366,ROW(INDEX(Jesper!AI$2:AI$366,ROUNDDOWN($C5863/24,0)+1,1))-1)+IF('Standard Profiles'!$G$19=$B$10,7,0)+IF('Standard Profiles'!$G$19=$B$17,14,0)+IF('Standard Profiles'!$G$19=$B$24,21,0),0)),0)</f>
        <v>2.4657526102907883</v>
      </c>
      <c r="F5863" cm="1">
        <f t="array" ref="F5863">IFERROR(INDEX(Jesper!AJ$2:AJ$366,ROUNDDOWN($C5863/24,0)+1,1)*INDEX($D$3:$AA$30,INDEX(Jesper!$R$2:$R$366,ROW(INDEX(Jesper!AJ$2:AJ$366,ROUNDDOWN($C5863/24,0)+1,1))-1)+IF('Standard Profiles'!$G$20=$B$10,7,0)+IF('Standard Profiles'!$G$20=$B$17,14,0)+IF('Standard Profiles'!$G$20=$B$24,21,0),MOD($C5863,24)+1)/SUM(INDEX($D$3:$AA$30,INDEX(Jesper!$R$2:$R$366,ROW(INDEX(Jesper!AJ$2:AJ$366,ROUNDDOWN($C5863/24,0)+1,1))-1)+IF('Standard Profiles'!$G$20=$B$10,7,0)+IF('Standard Profiles'!$G$20=$B$17,14,0)+IF('Standard Profiles'!$G$20=$B$24,21,0),0)),0)</f>
        <v>0</v>
      </c>
      <c r="G5863" cm="1">
        <f t="array" ref="G5863">IFERROR(INDEX(Jesper!AK$2:AK$366,ROUNDDOWN($C5863/24,0)+1,1)*INDEX($D$3:$AA$30,INDEX(Jesper!$R$2:$R$366,ROW(INDEX(Jesper!AK$2:AK$366,ROUNDDOWN($C5863/24,0)+1,1))-1)+IF('Standard Profiles'!$G$21=$B$10,7,0)+IF('Standard Profiles'!$G$21=$B$17,14,0)+IF('Standard Profiles'!$G$21=$B$24,21,0),MOD($C5863,24)+1)/SUM(INDEX($D$3:$AA$30,INDEX(Jesper!$R$2:$R$366,ROW(INDEX(Jesper!AK$2:AK$366,ROUNDDOWN($C5863/24,0)+1,1))-1)+IF('Standard Profiles'!$G$21=$B$10,7,0)+IF('Standard Profiles'!$G$21=$B$17,14,0)+IF('Standard Profiles'!$G$21=$B$24,21,0),0)),0)</f>
        <v>0.49516193010892223</v>
      </c>
      <c r="H5863" cm="1">
        <f t="array" ref="H5863">IFERROR(INDEX(Jesper!AL$2:AL$366,ROUNDDOWN($C5863/24,0)+1,1)*INDEX($D$3:$AA$30,INDEX(Jesper!$R$2:$R$366,ROW(INDEX(Jesper!AL$2:AL$366,ROUNDDOWN($C5863/24,0)+1,1))-1)+IF('Standard Profiles'!$G$22=$B$10,7,0)+IF('Standard Profiles'!$G$22=$B$17,14,0)+IF('Standard Profiles'!$G$22=$B$24,21,0),MOD($C5863,24)+1)/SUM(INDEX($D$3:$AA$30,INDEX(Jesper!$R$2:$R$366,ROW(INDEX(Jesper!AL$2:AL$366,ROUNDDOWN($C5863/24,0)+1,1))-1)+IF('Standard Profiles'!$G$22=$B$10,7,0)+IF('Standard Profiles'!$G$22=$B$17,14,0)+IF('Standard Profiles'!$G$22=$B$24,21,0),0)),0)</f>
        <v>0</v>
      </c>
      <c r="I5863">
        <f t="shared" si="657"/>
        <v>0.23767772645228255</v>
      </c>
      <c r="J5863">
        <f t="shared" si="658"/>
        <v>7.3030528967369452</v>
      </c>
      <c r="K5863">
        <f t="shared" si="659"/>
        <v>0.58156394702089109</v>
      </c>
      <c r="L5863">
        <f t="shared" si="660"/>
        <v>0.29078197351044555</v>
      </c>
      <c r="M5863">
        <f t="shared" si="661"/>
        <v>0</v>
      </c>
      <c r="N5863" s="45">
        <f t="shared" si="662"/>
        <v>45169.874999985863</v>
      </c>
    </row>
    <row r="5864" spans="2:14" x14ac:dyDescent="0.25">
      <c r="B5864">
        <f t="shared" si="656"/>
        <v>4</v>
      </c>
      <c r="C5864" s="16">
        <v>5830</v>
      </c>
      <c r="D5864" cm="1">
        <f t="array" ref="D5864">IFERROR(INDEX(Jesper!AH$2:AH$366,ROUNDDOWN($C5864/24,0)+1,1)*INDEX($D$3:$AA$30,INDEX(Jesper!$R$2:$R$366,ROW(INDEX(Jesper!AH$2:AH$366,ROUNDDOWN($C5864/24,0)+1,1))-1)+IF('Standard Profiles'!$G$18=$B$10,7,0)+IF('Standard Profiles'!$G$18=$B$17,14,0)+IF('Standard Profiles'!$G$18=$B$24,21,0),MOD($C5864,24)+1)/SUM(INDEX($D$3:$AA$30,INDEX(Jesper!$R$2:$R$366,ROW(INDEX(Jesper!AH$2:AH$366,ROUNDDOWN($C5864/24,0)+1,1))-1)+IF('Standard Profiles'!$G$18=$B$10,7,0)+IF('Standard Profiles'!$G$18=$B$17,14,0)+IF('Standard Profiles'!$G$18=$B$24,21,0),0)),0)</f>
        <v>5.4521620033208533</v>
      </c>
      <c r="E5864" cm="1">
        <f t="array" ref="E5864">IFERROR(INDEX(Jesper!AI$2:AI$366,ROUNDDOWN($C5864/24,0)+1,1)*INDEX($D$3:$AA$30,INDEX(Jesper!$R$2:$R$366,ROW(INDEX(Jesper!AI$2:AI$366,ROUNDDOWN($C5864/24,0)+1,1))-1)+IF('Standard Profiles'!$G$19=$B$10,7,0)+IF('Standard Profiles'!$G$19=$B$17,14,0)+IF('Standard Profiles'!$G$19=$B$24,21,0),MOD($C5864,24)+1)/SUM(INDEX($D$3:$AA$30,INDEX(Jesper!$R$2:$R$366,ROW(INDEX(Jesper!AI$2:AI$366,ROUNDDOWN($C5864/24,0)+1,1))-1)+IF('Standard Profiles'!$G$19=$B$10,7,0)+IF('Standard Profiles'!$G$19=$B$17,14,0)+IF('Standard Profiles'!$G$19=$B$24,21,0),0)),0)</f>
        <v>2.4657526102907883</v>
      </c>
      <c r="F5864" cm="1">
        <f t="array" ref="F5864">IFERROR(INDEX(Jesper!AJ$2:AJ$366,ROUNDDOWN($C5864/24,0)+1,1)*INDEX($D$3:$AA$30,INDEX(Jesper!$R$2:$R$366,ROW(INDEX(Jesper!AJ$2:AJ$366,ROUNDDOWN($C5864/24,0)+1,1))-1)+IF('Standard Profiles'!$G$20=$B$10,7,0)+IF('Standard Profiles'!$G$20=$B$17,14,0)+IF('Standard Profiles'!$G$20=$B$24,21,0),MOD($C5864,24)+1)/SUM(INDEX($D$3:$AA$30,INDEX(Jesper!$R$2:$R$366,ROW(INDEX(Jesper!AJ$2:AJ$366,ROUNDDOWN($C5864/24,0)+1,1))-1)+IF('Standard Profiles'!$G$20=$B$10,7,0)+IF('Standard Profiles'!$G$20=$B$17,14,0)+IF('Standard Profiles'!$G$20=$B$24,21,0),0)),0)</f>
        <v>0</v>
      </c>
      <c r="G5864" cm="1">
        <f t="array" ref="G5864">IFERROR(INDEX(Jesper!AK$2:AK$366,ROUNDDOWN($C5864/24,0)+1,1)*INDEX($D$3:$AA$30,INDEX(Jesper!$R$2:$R$366,ROW(INDEX(Jesper!AK$2:AK$366,ROUNDDOWN($C5864/24,0)+1,1))-1)+IF('Standard Profiles'!$G$21=$B$10,7,0)+IF('Standard Profiles'!$G$21=$B$17,14,0)+IF('Standard Profiles'!$G$21=$B$24,21,0),MOD($C5864,24)+1)/SUM(INDEX($D$3:$AA$30,INDEX(Jesper!$R$2:$R$366,ROW(INDEX(Jesper!AK$2:AK$366,ROUNDDOWN($C5864/24,0)+1,1))-1)+IF('Standard Profiles'!$G$21=$B$10,7,0)+IF('Standard Profiles'!$G$21=$B$17,14,0)+IF('Standard Profiles'!$G$21=$B$24,21,0),0)),0)</f>
        <v>0.49516193010892223</v>
      </c>
      <c r="H5864" cm="1">
        <f t="array" ref="H5864">IFERROR(INDEX(Jesper!AL$2:AL$366,ROUNDDOWN($C5864/24,0)+1,1)*INDEX($D$3:$AA$30,INDEX(Jesper!$R$2:$R$366,ROW(INDEX(Jesper!AL$2:AL$366,ROUNDDOWN($C5864/24,0)+1,1))-1)+IF('Standard Profiles'!$G$22=$B$10,7,0)+IF('Standard Profiles'!$G$22=$B$17,14,0)+IF('Standard Profiles'!$G$22=$B$24,21,0),MOD($C5864,24)+1)/SUM(INDEX($D$3:$AA$30,INDEX(Jesper!$R$2:$R$366,ROW(INDEX(Jesper!AL$2:AL$366,ROUNDDOWN($C5864/24,0)+1,1))-1)+IF('Standard Profiles'!$G$22=$B$10,7,0)+IF('Standard Profiles'!$G$22=$B$17,14,0)+IF('Standard Profiles'!$G$22=$B$24,21,0),0)),0)</f>
        <v>0</v>
      </c>
      <c r="I5864">
        <f t="shared" si="657"/>
        <v>0.23767772645228255</v>
      </c>
      <c r="J5864">
        <f t="shared" si="658"/>
        <v>7.3030528967369452</v>
      </c>
      <c r="K5864">
        <f t="shared" si="659"/>
        <v>0.58156394702089109</v>
      </c>
      <c r="L5864">
        <f t="shared" si="660"/>
        <v>0.29078197351044555</v>
      </c>
      <c r="M5864">
        <f t="shared" si="661"/>
        <v>0</v>
      </c>
      <c r="N5864" s="45">
        <f t="shared" si="662"/>
        <v>45169.916666652527</v>
      </c>
    </row>
    <row r="5865" spans="2:14" x14ac:dyDescent="0.25">
      <c r="B5865">
        <f t="shared" si="656"/>
        <v>4</v>
      </c>
      <c r="C5865" s="16">
        <v>5831</v>
      </c>
      <c r="D5865" cm="1">
        <f t="array" ref="D5865">IFERROR(INDEX(Jesper!AH$2:AH$366,ROUNDDOWN($C5865/24,0)+1,1)*INDEX($D$3:$AA$30,INDEX(Jesper!$R$2:$R$366,ROW(INDEX(Jesper!AH$2:AH$366,ROUNDDOWN($C5865/24,0)+1,1))-1)+IF('Standard Profiles'!$G$18=$B$10,7,0)+IF('Standard Profiles'!$G$18=$B$17,14,0)+IF('Standard Profiles'!$G$18=$B$24,21,0),MOD($C5865,24)+1)/SUM(INDEX($D$3:$AA$30,INDEX(Jesper!$R$2:$R$366,ROW(INDEX(Jesper!AH$2:AH$366,ROUNDDOWN($C5865/24,0)+1,1))-1)+IF('Standard Profiles'!$G$18=$B$10,7,0)+IF('Standard Profiles'!$G$18=$B$17,14,0)+IF('Standard Profiles'!$G$18=$B$24,21,0),0)),0)</f>
        <v>5.4521620033208533</v>
      </c>
      <c r="E5865" cm="1">
        <f t="array" ref="E5865">IFERROR(INDEX(Jesper!AI$2:AI$366,ROUNDDOWN($C5865/24,0)+1,1)*INDEX($D$3:$AA$30,INDEX(Jesper!$R$2:$R$366,ROW(INDEX(Jesper!AI$2:AI$366,ROUNDDOWN($C5865/24,0)+1,1))-1)+IF('Standard Profiles'!$G$19=$B$10,7,0)+IF('Standard Profiles'!$G$19=$B$17,14,0)+IF('Standard Profiles'!$G$19=$B$24,21,0),MOD($C5865,24)+1)/SUM(INDEX($D$3:$AA$30,INDEX(Jesper!$R$2:$R$366,ROW(INDEX(Jesper!AI$2:AI$366,ROUNDDOWN($C5865/24,0)+1,1))-1)+IF('Standard Profiles'!$G$19=$B$10,7,0)+IF('Standard Profiles'!$G$19=$B$17,14,0)+IF('Standard Profiles'!$G$19=$B$24,21,0),0)),0)</f>
        <v>2.4657526102907883</v>
      </c>
      <c r="F5865" cm="1">
        <f t="array" ref="F5865">IFERROR(INDEX(Jesper!AJ$2:AJ$366,ROUNDDOWN($C5865/24,0)+1,1)*INDEX($D$3:$AA$30,INDEX(Jesper!$R$2:$R$366,ROW(INDEX(Jesper!AJ$2:AJ$366,ROUNDDOWN($C5865/24,0)+1,1))-1)+IF('Standard Profiles'!$G$20=$B$10,7,0)+IF('Standard Profiles'!$G$20=$B$17,14,0)+IF('Standard Profiles'!$G$20=$B$24,21,0),MOD($C5865,24)+1)/SUM(INDEX($D$3:$AA$30,INDEX(Jesper!$R$2:$R$366,ROW(INDEX(Jesper!AJ$2:AJ$366,ROUNDDOWN($C5865/24,0)+1,1))-1)+IF('Standard Profiles'!$G$20=$B$10,7,0)+IF('Standard Profiles'!$G$20=$B$17,14,0)+IF('Standard Profiles'!$G$20=$B$24,21,0),0)),0)</f>
        <v>0</v>
      </c>
      <c r="G5865" cm="1">
        <f t="array" ref="G5865">IFERROR(INDEX(Jesper!AK$2:AK$366,ROUNDDOWN($C5865/24,0)+1,1)*INDEX($D$3:$AA$30,INDEX(Jesper!$R$2:$R$366,ROW(INDEX(Jesper!AK$2:AK$366,ROUNDDOWN($C5865/24,0)+1,1))-1)+IF('Standard Profiles'!$G$21=$B$10,7,0)+IF('Standard Profiles'!$G$21=$B$17,14,0)+IF('Standard Profiles'!$G$21=$B$24,21,0),MOD($C5865,24)+1)/SUM(INDEX($D$3:$AA$30,INDEX(Jesper!$R$2:$R$366,ROW(INDEX(Jesper!AK$2:AK$366,ROUNDDOWN($C5865/24,0)+1,1))-1)+IF('Standard Profiles'!$G$21=$B$10,7,0)+IF('Standard Profiles'!$G$21=$B$17,14,0)+IF('Standard Profiles'!$G$21=$B$24,21,0),0)),0)</f>
        <v>0.49516193010892223</v>
      </c>
      <c r="H5865" cm="1">
        <f t="array" ref="H5865">IFERROR(INDEX(Jesper!AL$2:AL$366,ROUNDDOWN($C5865/24,0)+1,1)*INDEX($D$3:$AA$30,INDEX(Jesper!$R$2:$R$366,ROW(INDEX(Jesper!AL$2:AL$366,ROUNDDOWN($C5865/24,0)+1,1))-1)+IF('Standard Profiles'!$G$22=$B$10,7,0)+IF('Standard Profiles'!$G$22=$B$17,14,0)+IF('Standard Profiles'!$G$22=$B$24,21,0),MOD($C5865,24)+1)/SUM(INDEX($D$3:$AA$30,INDEX(Jesper!$R$2:$R$366,ROW(INDEX(Jesper!AL$2:AL$366,ROUNDDOWN($C5865/24,0)+1,1))-1)+IF('Standard Profiles'!$G$22=$B$10,7,0)+IF('Standard Profiles'!$G$22=$B$17,14,0)+IF('Standard Profiles'!$G$22=$B$24,21,0),0)),0)</f>
        <v>0</v>
      </c>
      <c r="I5865">
        <f t="shared" si="657"/>
        <v>0.23767772645228255</v>
      </c>
      <c r="J5865">
        <f t="shared" si="658"/>
        <v>7.3030528967369452</v>
      </c>
      <c r="K5865">
        <f t="shared" si="659"/>
        <v>0.58156394702089109</v>
      </c>
      <c r="L5865">
        <f t="shared" si="660"/>
        <v>0.29078197351044555</v>
      </c>
      <c r="M5865">
        <f t="shared" si="661"/>
        <v>0</v>
      </c>
      <c r="N5865" s="45">
        <f t="shared" si="662"/>
        <v>45169.958333319191</v>
      </c>
    </row>
    <row r="5866" spans="2:14" x14ac:dyDescent="0.25">
      <c r="B5866">
        <f t="shared" si="656"/>
        <v>5</v>
      </c>
      <c r="C5866" s="16">
        <v>5832</v>
      </c>
      <c r="D5866" cm="1">
        <f t="array" ref="D5866">IFERROR(INDEX(Jesper!AH$2:AH$366,ROUNDDOWN($C5866/24,0)+1,1)*INDEX($D$3:$AA$30,INDEX(Jesper!$R$2:$R$366,ROW(INDEX(Jesper!AH$2:AH$366,ROUNDDOWN($C5866/24,0)+1,1))-1)+IF('Standard Profiles'!$G$18=$B$10,7,0)+IF('Standard Profiles'!$G$18=$B$17,14,0)+IF('Standard Profiles'!$G$18=$B$24,21,0),MOD($C5866,24)+1)/SUM(INDEX($D$3:$AA$30,INDEX(Jesper!$R$2:$R$366,ROW(INDEX(Jesper!AH$2:AH$366,ROUNDDOWN($C5866/24,0)+1,1))-1)+IF('Standard Profiles'!$G$18=$B$10,7,0)+IF('Standard Profiles'!$G$18=$B$17,14,0)+IF('Standard Profiles'!$G$18=$B$24,21,0),0)),0)</f>
        <v>8.1801151748497691</v>
      </c>
      <c r="E5866" cm="1">
        <f t="array" ref="E5866">IFERROR(INDEX(Jesper!AI$2:AI$366,ROUNDDOWN($C5866/24,0)+1,1)*INDEX($D$3:$AA$30,INDEX(Jesper!$R$2:$R$366,ROW(INDEX(Jesper!AI$2:AI$366,ROUNDDOWN($C5866/24,0)+1,1))-1)+IF('Standard Profiles'!$G$19=$B$10,7,0)+IF('Standard Profiles'!$G$19=$B$17,14,0)+IF('Standard Profiles'!$G$19=$B$24,21,0),MOD($C5866,24)+1)/SUM(INDEX($D$3:$AA$30,INDEX(Jesper!$R$2:$R$366,ROW(INDEX(Jesper!AI$2:AI$366,ROUNDDOWN($C5866/24,0)+1,1))-1)+IF('Standard Profiles'!$G$19=$B$10,7,0)+IF('Standard Profiles'!$G$19=$B$17,14,0)+IF('Standard Profiles'!$G$19=$B$24,21,0),0)),0)</f>
        <v>3.4811632508848604</v>
      </c>
      <c r="F5866" cm="1">
        <f t="array" ref="F5866">IFERROR(INDEX(Jesper!AJ$2:AJ$366,ROUNDDOWN($C5866/24,0)+1,1)*INDEX($D$3:$AA$30,INDEX(Jesper!$R$2:$R$366,ROW(INDEX(Jesper!AJ$2:AJ$366,ROUNDDOWN($C5866/24,0)+1,1))-1)+IF('Standard Profiles'!$G$20=$B$10,7,0)+IF('Standard Profiles'!$G$20=$B$17,14,0)+IF('Standard Profiles'!$G$20=$B$24,21,0),MOD($C5866,24)+1)/SUM(INDEX($D$3:$AA$30,INDEX(Jesper!$R$2:$R$366,ROW(INDEX(Jesper!AJ$2:AJ$366,ROUNDDOWN($C5866/24,0)+1,1))-1)+IF('Standard Profiles'!$G$20=$B$10,7,0)+IF('Standard Profiles'!$G$20=$B$17,14,0)+IF('Standard Profiles'!$G$20=$B$24,21,0),0)),0)</f>
        <v>0</v>
      </c>
      <c r="G5866" cm="1">
        <f t="array" ref="G5866">IFERROR(INDEX(Jesper!AK$2:AK$366,ROUNDDOWN($C5866/24,0)+1,1)*INDEX($D$3:$AA$30,INDEX(Jesper!$R$2:$R$366,ROW(INDEX(Jesper!AK$2:AK$366,ROUNDDOWN($C5866/24,0)+1,1))-1)+IF('Standard Profiles'!$G$21=$B$10,7,0)+IF('Standard Profiles'!$G$21=$B$17,14,0)+IF('Standard Profiles'!$G$21=$B$24,21,0),MOD($C5866,24)+1)/SUM(INDEX($D$3:$AA$30,INDEX(Jesper!$R$2:$R$366,ROW(INDEX(Jesper!AK$2:AK$366,ROUNDDOWN($C5866/24,0)+1,1))-1)+IF('Standard Profiles'!$G$21=$B$10,7,0)+IF('Standard Profiles'!$G$21=$B$17,14,0)+IF('Standard Profiles'!$G$21=$B$24,21,0),0)),0)</f>
        <v>0.22643669180495274</v>
      </c>
      <c r="H5866" cm="1">
        <f t="array" ref="H5866">IFERROR(INDEX(Jesper!AL$2:AL$366,ROUNDDOWN($C5866/24,0)+1,1)*INDEX($D$3:$AA$30,INDEX(Jesper!$R$2:$R$366,ROW(INDEX(Jesper!AL$2:AL$366,ROUNDDOWN($C5866/24,0)+1,1))-1)+IF('Standard Profiles'!$G$22=$B$10,7,0)+IF('Standard Profiles'!$G$22=$B$17,14,0)+IF('Standard Profiles'!$G$22=$B$24,21,0),MOD($C5866,24)+1)/SUM(INDEX($D$3:$AA$30,INDEX(Jesper!$R$2:$R$366,ROW(INDEX(Jesper!AL$2:AL$366,ROUNDDOWN($C5866/24,0)+1,1))-1)+IF('Standard Profiles'!$G$22=$B$10,7,0)+IF('Standard Profiles'!$G$22=$B$17,14,0)+IF('Standard Profiles'!$G$22=$B$24,21,0),0)),0)</f>
        <v>0</v>
      </c>
      <c r="I5866">
        <f t="shared" si="657"/>
        <v>0.10868961206637726</v>
      </c>
      <c r="J5866">
        <f t="shared" si="658"/>
        <v>10.470207077497243</v>
      </c>
      <c r="K5866">
        <f t="shared" si="659"/>
        <v>0.87254561865064206</v>
      </c>
      <c r="L5866">
        <f t="shared" si="660"/>
        <v>0.43627280932532103</v>
      </c>
      <c r="M5866">
        <f t="shared" si="661"/>
        <v>0</v>
      </c>
      <c r="N5866" s="45">
        <f t="shared" si="662"/>
        <v>45169.999999985856</v>
      </c>
    </row>
    <row r="5867" spans="2:14" x14ac:dyDescent="0.25">
      <c r="B5867">
        <f t="shared" si="656"/>
        <v>5</v>
      </c>
      <c r="C5867" s="16">
        <v>5833</v>
      </c>
      <c r="D5867" cm="1">
        <f t="array" ref="D5867">IFERROR(INDEX(Jesper!AH$2:AH$366,ROUNDDOWN($C5867/24,0)+1,1)*INDEX($D$3:$AA$30,INDEX(Jesper!$R$2:$R$366,ROW(INDEX(Jesper!AH$2:AH$366,ROUNDDOWN($C5867/24,0)+1,1))-1)+IF('Standard Profiles'!$G$18=$B$10,7,0)+IF('Standard Profiles'!$G$18=$B$17,14,0)+IF('Standard Profiles'!$G$18=$B$24,21,0),MOD($C5867,24)+1)/SUM(INDEX($D$3:$AA$30,INDEX(Jesper!$R$2:$R$366,ROW(INDEX(Jesper!AH$2:AH$366,ROUNDDOWN($C5867/24,0)+1,1))-1)+IF('Standard Profiles'!$G$18=$B$10,7,0)+IF('Standard Profiles'!$G$18=$B$17,14,0)+IF('Standard Profiles'!$G$18=$B$24,21,0),0)),0)</f>
        <v>4.9576455605150116</v>
      </c>
      <c r="E5867" cm="1">
        <f t="array" ref="E5867">IFERROR(INDEX(Jesper!AI$2:AI$366,ROUNDDOWN($C5867/24,0)+1,1)*INDEX($D$3:$AA$30,INDEX(Jesper!$R$2:$R$366,ROW(INDEX(Jesper!AI$2:AI$366,ROUNDDOWN($C5867/24,0)+1,1))-1)+IF('Standard Profiles'!$G$19=$B$10,7,0)+IF('Standard Profiles'!$G$19=$B$17,14,0)+IF('Standard Profiles'!$G$19=$B$24,21,0),MOD($C5867,24)+1)/SUM(INDEX($D$3:$AA$30,INDEX(Jesper!$R$2:$R$366,ROW(INDEX(Jesper!AI$2:AI$366,ROUNDDOWN($C5867/24,0)+1,1))-1)+IF('Standard Profiles'!$G$19=$B$10,7,0)+IF('Standard Profiles'!$G$19=$B$17,14,0)+IF('Standard Profiles'!$G$19=$B$24,21,0),0)),0)</f>
        <v>2.1097959096271883</v>
      </c>
      <c r="F5867" cm="1">
        <f t="array" ref="F5867">IFERROR(INDEX(Jesper!AJ$2:AJ$366,ROUNDDOWN($C5867/24,0)+1,1)*INDEX($D$3:$AA$30,INDEX(Jesper!$R$2:$R$366,ROW(INDEX(Jesper!AJ$2:AJ$366,ROUNDDOWN($C5867/24,0)+1,1))-1)+IF('Standard Profiles'!$G$20=$B$10,7,0)+IF('Standard Profiles'!$G$20=$B$17,14,0)+IF('Standard Profiles'!$G$20=$B$24,21,0),MOD($C5867,24)+1)/SUM(INDEX($D$3:$AA$30,INDEX(Jesper!$R$2:$R$366,ROW(INDEX(Jesper!AJ$2:AJ$366,ROUNDDOWN($C5867/24,0)+1,1))-1)+IF('Standard Profiles'!$G$20=$B$10,7,0)+IF('Standard Profiles'!$G$20=$B$17,14,0)+IF('Standard Profiles'!$G$20=$B$24,21,0),0)),0)</f>
        <v>0</v>
      </c>
      <c r="G5867" cm="1">
        <f t="array" ref="G5867">IFERROR(INDEX(Jesper!AK$2:AK$366,ROUNDDOWN($C5867/24,0)+1,1)*INDEX($D$3:$AA$30,INDEX(Jesper!$R$2:$R$366,ROW(INDEX(Jesper!AK$2:AK$366,ROUNDDOWN($C5867/24,0)+1,1))-1)+IF('Standard Profiles'!$G$21=$B$10,7,0)+IF('Standard Profiles'!$G$21=$B$17,14,0)+IF('Standard Profiles'!$G$21=$B$24,21,0),MOD($C5867,24)+1)/SUM(INDEX($D$3:$AA$30,INDEX(Jesper!$R$2:$R$366,ROW(INDEX(Jesper!AK$2:AK$366,ROUNDDOWN($C5867/24,0)+1,1))-1)+IF('Standard Profiles'!$G$21=$B$10,7,0)+IF('Standard Profiles'!$G$21=$B$17,14,0)+IF('Standard Profiles'!$G$21=$B$24,21,0),0)),0)</f>
        <v>0.22643669180495274</v>
      </c>
      <c r="H5867" cm="1">
        <f t="array" ref="H5867">IFERROR(INDEX(Jesper!AL$2:AL$366,ROUNDDOWN($C5867/24,0)+1,1)*INDEX($D$3:$AA$30,INDEX(Jesper!$R$2:$R$366,ROW(INDEX(Jesper!AL$2:AL$366,ROUNDDOWN($C5867/24,0)+1,1))-1)+IF('Standard Profiles'!$G$22=$B$10,7,0)+IF('Standard Profiles'!$G$22=$B$17,14,0)+IF('Standard Profiles'!$G$22=$B$24,21,0),MOD($C5867,24)+1)/SUM(INDEX($D$3:$AA$30,INDEX(Jesper!$R$2:$R$366,ROW(INDEX(Jesper!AL$2:AL$366,ROUNDDOWN($C5867/24,0)+1,1))-1)+IF('Standard Profiles'!$G$22=$B$10,7,0)+IF('Standard Profiles'!$G$22=$B$17,14,0)+IF('Standard Profiles'!$G$22=$B$24,21,0),0)),0)</f>
        <v>0</v>
      </c>
      <c r="I5867">
        <f t="shared" si="657"/>
        <v>0.10868961206637726</v>
      </c>
      <c r="J5867">
        <f t="shared" si="658"/>
        <v>6.391965260198373</v>
      </c>
      <c r="K5867">
        <f t="shared" si="659"/>
        <v>0.52881552645493457</v>
      </c>
      <c r="L5867">
        <f t="shared" si="660"/>
        <v>0.26440776322746729</v>
      </c>
      <c r="M5867">
        <f t="shared" si="661"/>
        <v>0</v>
      </c>
      <c r="N5867" s="45">
        <f t="shared" si="662"/>
        <v>45170.04166665252</v>
      </c>
    </row>
    <row r="5868" spans="2:14" x14ac:dyDescent="0.25">
      <c r="B5868">
        <f t="shared" si="656"/>
        <v>5</v>
      </c>
      <c r="C5868" s="16">
        <v>5834</v>
      </c>
      <c r="D5868" cm="1">
        <f t="array" ref="D5868">IFERROR(INDEX(Jesper!AH$2:AH$366,ROUNDDOWN($C5868/24,0)+1,1)*INDEX($D$3:$AA$30,INDEX(Jesper!$R$2:$R$366,ROW(INDEX(Jesper!AH$2:AH$366,ROUNDDOWN($C5868/24,0)+1,1))-1)+IF('Standard Profiles'!$G$18=$B$10,7,0)+IF('Standard Profiles'!$G$18=$B$17,14,0)+IF('Standard Profiles'!$G$18=$B$24,21,0),MOD($C5868,24)+1)/SUM(INDEX($D$3:$AA$30,INDEX(Jesper!$R$2:$R$366,ROW(INDEX(Jesper!AH$2:AH$366,ROUNDDOWN($C5868/24,0)+1,1))-1)+IF('Standard Profiles'!$G$18=$B$10,7,0)+IF('Standard Profiles'!$G$18=$B$17,14,0)+IF('Standard Profiles'!$G$18=$B$24,21,0),0)),0)</f>
        <v>4.9576455605150116</v>
      </c>
      <c r="E5868" cm="1">
        <f t="array" ref="E5868">IFERROR(INDEX(Jesper!AI$2:AI$366,ROUNDDOWN($C5868/24,0)+1,1)*INDEX($D$3:$AA$30,INDEX(Jesper!$R$2:$R$366,ROW(INDEX(Jesper!AI$2:AI$366,ROUNDDOWN($C5868/24,0)+1,1))-1)+IF('Standard Profiles'!$G$19=$B$10,7,0)+IF('Standard Profiles'!$G$19=$B$17,14,0)+IF('Standard Profiles'!$G$19=$B$24,21,0),MOD($C5868,24)+1)/SUM(INDEX($D$3:$AA$30,INDEX(Jesper!$R$2:$R$366,ROW(INDEX(Jesper!AI$2:AI$366,ROUNDDOWN($C5868/24,0)+1,1))-1)+IF('Standard Profiles'!$G$19=$B$10,7,0)+IF('Standard Profiles'!$G$19=$B$17,14,0)+IF('Standard Profiles'!$G$19=$B$24,21,0),0)),0)</f>
        <v>2.1097959096271883</v>
      </c>
      <c r="F5868" cm="1">
        <f t="array" ref="F5868">IFERROR(INDEX(Jesper!AJ$2:AJ$366,ROUNDDOWN($C5868/24,0)+1,1)*INDEX($D$3:$AA$30,INDEX(Jesper!$R$2:$R$366,ROW(INDEX(Jesper!AJ$2:AJ$366,ROUNDDOWN($C5868/24,0)+1,1))-1)+IF('Standard Profiles'!$G$20=$B$10,7,0)+IF('Standard Profiles'!$G$20=$B$17,14,0)+IF('Standard Profiles'!$G$20=$B$24,21,0),MOD($C5868,24)+1)/SUM(INDEX($D$3:$AA$30,INDEX(Jesper!$R$2:$R$366,ROW(INDEX(Jesper!AJ$2:AJ$366,ROUNDDOWN($C5868/24,0)+1,1))-1)+IF('Standard Profiles'!$G$20=$B$10,7,0)+IF('Standard Profiles'!$G$20=$B$17,14,0)+IF('Standard Profiles'!$G$20=$B$24,21,0),0)),0)</f>
        <v>0</v>
      </c>
      <c r="G5868" cm="1">
        <f t="array" ref="G5868">IFERROR(INDEX(Jesper!AK$2:AK$366,ROUNDDOWN($C5868/24,0)+1,1)*INDEX($D$3:$AA$30,INDEX(Jesper!$R$2:$R$366,ROW(INDEX(Jesper!AK$2:AK$366,ROUNDDOWN($C5868/24,0)+1,1))-1)+IF('Standard Profiles'!$G$21=$B$10,7,0)+IF('Standard Profiles'!$G$21=$B$17,14,0)+IF('Standard Profiles'!$G$21=$B$24,21,0),MOD($C5868,24)+1)/SUM(INDEX($D$3:$AA$30,INDEX(Jesper!$R$2:$R$366,ROW(INDEX(Jesper!AK$2:AK$366,ROUNDDOWN($C5868/24,0)+1,1))-1)+IF('Standard Profiles'!$G$21=$B$10,7,0)+IF('Standard Profiles'!$G$21=$B$17,14,0)+IF('Standard Profiles'!$G$21=$B$24,21,0),0)),0)</f>
        <v>0.22643669180495274</v>
      </c>
      <c r="H5868" cm="1">
        <f t="array" ref="H5868">IFERROR(INDEX(Jesper!AL$2:AL$366,ROUNDDOWN($C5868/24,0)+1,1)*INDEX($D$3:$AA$30,INDEX(Jesper!$R$2:$R$366,ROW(INDEX(Jesper!AL$2:AL$366,ROUNDDOWN($C5868/24,0)+1,1))-1)+IF('Standard Profiles'!$G$22=$B$10,7,0)+IF('Standard Profiles'!$G$22=$B$17,14,0)+IF('Standard Profiles'!$G$22=$B$24,21,0),MOD($C5868,24)+1)/SUM(INDEX($D$3:$AA$30,INDEX(Jesper!$R$2:$R$366,ROW(INDEX(Jesper!AL$2:AL$366,ROUNDDOWN($C5868/24,0)+1,1))-1)+IF('Standard Profiles'!$G$22=$B$10,7,0)+IF('Standard Profiles'!$G$22=$B$17,14,0)+IF('Standard Profiles'!$G$22=$B$24,21,0),0)),0)</f>
        <v>0</v>
      </c>
      <c r="I5868">
        <f t="shared" si="657"/>
        <v>0.10868961206637726</v>
      </c>
      <c r="J5868">
        <f t="shared" si="658"/>
        <v>6.391965260198373</v>
      </c>
      <c r="K5868">
        <f t="shared" si="659"/>
        <v>0.52881552645493457</v>
      </c>
      <c r="L5868">
        <f t="shared" si="660"/>
        <v>0.26440776322746729</v>
      </c>
      <c r="M5868">
        <f t="shared" si="661"/>
        <v>0</v>
      </c>
      <c r="N5868" s="45">
        <f t="shared" si="662"/>
        <v>45170.083333319184</v>
      </c>
    </row>
    <row r="5869" spans="2:14" x14ac:dyDescent="0.25">
      <c r="B5869">
        <f t="shared" si="656"/>
        <v>5</v>
      </c>
      <c r="C5869" s="16">
        <v>5835</v>
      </c>
      <c r="D5869" cm="1">
        <f t="array" ref="D5869">IFERROR(INDEX(Jesper!AH$2:AH$366,ROUNDDOWN($C5869/24,0)+1,1)*INDEX($D$3:$AA$30,INDEX(Jesper!$R$2:$R$366,ROW(INDEX(Jesper!AH$2:AH$366,ROUNDDOWN($C5869/24,0)+1,1))-1)+IF('Standard Profiles'!$G$18=$B$10,7,0)+IF('Standard Profiles'!$G$18=$B$17,14,0)+IF('Standard Profiles'!$G$18=$B$24,21,0),MOD($C5869,24)+1)/SUM(INDEX($D$3:$AA$30,INDEX(Jesper!$R$2:$R$366,ROW(INDEX(Jesper!AH$2:AH$366,ROUNDDOWN($C5869/24,0)+1,1))-1)+IF('Standard Profiles'!$G$18=$B$10,7,0)+IF('Standard Profiles'!$G$18=$B$17,14,0)+IF('Standard Profiles'!$G$18=$B$24,21,0),0)),0)</f>
        <v>4.9576455605150116</v>
      </c>
      <c r="E5869" cm="1">
        <f t="array" ref="E5869">IFERROR(INDEX(Jesper!AI$2:AI$366,ROUNDDOWN($C5869/24,0)+1,1)*INDEX($D$3:$AA$30,INDEX(Jesper!$R$2:$R$366,ROW(INDEX(Jesper!AI$2:AI$366,ROUNDDOWN($C5869/24,0)+1,1))-1)+IF('Standard Profiles'!$G$19=$B$10,7,0)+IF('Standard Profiles'!$G$19=$B$17,14,0)+IF('Standard Profiles'!$G$19=$B$24,21,0),MOD($C5869,24)+1)/SUM(INDEX($D$3:$AA$30,INDEX(Jesper!$R$2:$R$366,ROW(INDEX(Jesper!AI$2:AI$366,ROUNDDOWN($C5869/24,0)+1,1))-1)+IF('Standard Profiles'!$G$19=$B$10,7,0)+IF('Standard Profiles'!$G$19=$B$17,14,0)+IF('Standard Profiles'!$G$19=$B$24,21,0),0)),0)</f>
        <v>2.1097959096271883</v>
      </c>
      <c r="F5869" cm="1">
        <f t="array" ref="F5869">IFERROR(INDEX(Jesper!AJ$2:AJ$366,ROUNDDOWN($C5869/24,0)+1,1)*INDEX($D$3:$AA$30,INDEX(Jesper!$R$2:$R$366,ROW(INDEX(Jesper!AJ$2:AJ$366,ROUNDDOWN($C5869/24,0)+1,1))-1)+IF('Standard Profiles'!$G$20=$B$10,7,0)+IF('Standard Profiles'!$G$20=$B$17,14,0)+IF('Standard Profiles'!$G$20=$B$24,21,0),MOD($C5869,24)+1)/SUM(INDEX($D$3:$AA$30,INDEX(Jesper!$R$2:$R$366,ROW(INDEX(Jesper!AJ$2:AJ$366,ROUNDDOWN($C5869/24,0)+1,1))-1)+IF('Standard Profiles'!$G$20=$B$10,7,0)+IF('Standard Profiles'!$G$20=$B$17,14,0)+IF('Standard Profiles'!$G$20=$B$24,21,0),0)),0)</f>
        <v>0</v>
      </c>
      <c r="G5869" cm="1">
        <f t="array" ref="G5869">IFERROR(INDEX(Jesper!AK$2:AK$366,ROUNDDOWN($C5869/24,0)+1,1)*INDEX($D$3:$AA$30,INDEX(Jesper!$R$2:$R$366,ROW(INDEX(Jesper!AK$2:AK$366,ROUNDDOWN($C5869/24,0)+1,1))-1)+IF('Standard Profiles'!$G$21=$B$10,7,0)+IF('Standard Profiles'!$G$21=$B$17,14,0)+IF('Standard Profiles'!$G$21=$B$24,21,0),MOD($C5869,24)+1)/SUM(INDEX($D$3:$AA$30,INDEX(Jesper!$R$2:$R$366,ROW(INDEX(Jesper!AK$2:AK$366,ROUNDDOWN($C5869/24,0)+1,1))-1)+IF('Standard Profiles'!$G$21=$B$10,7,0)+IF('Standard Profiles'!$G$21=$B$17,14,0)+IF('Standard Profiles'!$G$21=$B$24,21,0),0)),0)</f>
        <v>0.22643669180495274</v>
      </c>
      <c r="H5869" cm="1">
        <f t="array" ref="H5869">IFERROR(INDEX(Jesper!AL$2:AL$366,ROUNDDOWN($C5869/24,0)+1,1)*INDEX($D$3:$AA$30,INDEX(Jesper!$R$2:$R$366,ROW(INDEX(Jesper!AL$2:AL$366,ROUNDDOWN($C5869/24,0)+1,1))-1)+IF('Standard Profiles'!$G$22=$B$10,7,0)+IF('Standard Profiles'!$G$22=$B$17,14,0)+IF('Standard Profiles'!$G$22=$B$24,21,0),MOD($C5869,24)+1)/SUM(INDEX($D$3:$AA$30,INDEX(Jesper!$R$2:$R$366,ROW(INDEX(Jesper!AL$2:AL$366,ROUNDDOWN($C5869/24,0)+1,1))-1)+IF('Standard Profiles'!$G$22=$B$10,7,0)+IF('Standard Profiles'!$G$22=$B$17,14,0)+IF('Standard Profiles'!$G$22=$B$24,21,0),0)),0)</f>
        <v>0</v>
      </c>
      <c r="I5869">
        <f t="shared" si="657"/>
        <v>0.10868961206637726</v>
      </c>
      <c r="J5869">
        <f t="shared" si="658"/>
        <v>6.391965260198373</v>
      </c>
      <c r="K5869">
        <f t="shared" si="659"/>
        <v>0.52881552645493457</v>
      </c>
      <c r="L5869">
        <f t="shared" si="660"/>
        <v>0.26440776322746729</v>
      </c>
      <c r="M5869">
        <f t="shared" si="661"/>
        <v>0</v>
      </c>
      <c r="N5869" s="45">
        <f t="shared" si="662"/>
        <v>45170.124999985848</v>
      </c>
    </row>
    <row r="5870" spans="2:14" x14ac:dyDescent="0.25">
      <c r="B5870">
        <f t="shared" si="656"/>
        <v>5</v>
      </c>
      <c r="C5870" s="16">
        <v>5836</v>
      </c>
      <c r="D5870" cm="1">
        <f t="array" ref="D5870">IFERROR(INDEX(Jesper!AH$2:AH$366,ROUNDDOWN($C5870/24,0)+1,1)*INDEX($D$3:$AA$30,INDEX(Jesper!$R$2:$R$366,ROW(INDEX(Jesper!AH$2:AH$366,ROUNDDOWN($C5870/24,0)+1,1))-1)+IF('Standard Profiles'!$G$18=$B$10,7,0)+IF('Standard Profiles'!$G$18=$B$17,14,0)+IF('Standard Profiles'!$G$18=$B$24,21,0),MOD($C5870,24)+1)/SUM(INDEX($D$3:$AA$30,INDEX(Jesper!$R$2:$R$366,ROW(INDEX(Jesper!AH$2:AH$366,ROUNDDOWN($C5870/24,0)+1,1))-1)+IF('Standard Profiles'!$G$18=$B$10,7,0)+IF('Standard Profiles'!$G$18=$B$17,14,0)+IF('Standard Profiles'!$G$18=$B$24,21,0),0)),0)</f>
        <v>4.9576455605150116</v>
      </c>
      <c r="E5870" cm="1">
        <f t="array" ref="E5870">IFERROR(INDEX(Jesper!AI$2:AI$366,ROUNDDOWN($C5870/24,0)+1,1)*INDEX($D$3:$AA$30,INDEX(Jesper!$R$2:$R$366,ROW(INDEX(Jesper!AI$2:AI$366,ROUNDDOWN($C5870/24,0)+1,1))-1)+IF('Standard Profiles'!$G$19=$B$10,7,0)+IF('Standard Profiles'!$G$19=$B$17,14,0)+IF('Standard Profiles'!$G$19=$B$24,21,0),MOD($C5870,24)+1)/SUM(INDEX($D$3:$AA$30,INDEX(Jesper!$R$2:$R$366,ROW(INDEX(Jesper!AI$2:AI$366,ROUNDDOWN($C5870/24,0)+1,1))-1)+IF('Standard Profiles'!$G$19=$B$10,7,0)+IF('Standard Profiles'!$G$19=$B$17,14,0)+IF('Standard Profiles'!$G$19=$B$24,21,0),0)),0)</f>
        <v>2.1097959096271883</v>
      </c>
      <c r="F5870" cm="1">
        <f t="array" ref="F5870">IFERROR(INDEX(Jesper!AJ$2:AJ$366,ROUNDDOWN($C5870/24,0)+1,1)*INDEX($D$3:$AA$30,INDEX(Jesper!$R$2:$R$366,ROW(INDEX(Jesper!AJ$2:AJ$366,ROUNDDOWN($C5870/24,0)+1,1))-1)+IF('Standard Profiles'!$G$20=$B$10,7,0)+IF('Standard Profiles'!$G$20=$B$17,14,0)+IF('Standard Profiles'!$G$20=$B$24,21,0),MOD($C5870,24)+1)/SUM(INDEX($D$3:$AA$30,INDEX(Jesper!$R$2:$R$366,ROW(INDEX(Jesper!AJ$2:AJ$366,ROUNDDOWN($C5870/24,0)+1,1))-1)+IF('Standard Profiles'!$G$20=$B$10,7,0)+IF('Standard Profiles'!$G$20=$B$17,14,0)+IF('Standard Profiles'!$G$20=$B$24,21,0),0)),0)</f>
        <v>0</v>
      </c>
      <c r="G5870" cm="1">
        <f t="array" ref="G5870">IFERROR(INDEX(Jesper!AK$2:AK$366,ROUNDDOWN($C5870/24,0)+1,1)*INDEX($D$3:$AA$30,INDEX(Jesper!$R$2:$R$366,ROW(INDEX(Jesper!AK$2:AK$366,ROUNDDOWN($C5870/24,0)+1,1))-1)+IF('Standard Profiles'!$G$21=$B$10,7,0)+IF('Standard Profiles'!$G$21=$B$17,14,0)+IF('Standard Profiles'!$G$21=$B$24,21,0),MOD($C5870,24)+1)/SUM(INDEX($D$3:$AA$30,INDEX(Jesper!$R$2:$R$366,ROW(INDEX(Jesper!AK$2:AK$366,ROUNDDOWN($C5870/24,0)+1,1))-1)+IF('Standard Profiles'!$G$21=$B$10,7,0)+IF('Standard Profiles'!$G$21=$B$17,14,0)+IF('Standard Profiles'!$G$21=$B$24,21,0),0)),0)</f>
        <v>0.22643669180495274</v>
      </c>
      <c r="H5870" cm="1">
        <f t="array" ref="H5870">IFERROR(INDEX(Jesper!AL$2:AL$366,ROUNDDOWN($C5870/24,0)+1,1)*INDEX($D$3:$AA$30,INDEX(Jesper!$R$2:$R$366,ROW(INDEX(Jesper!AL$2:AL$366,ROUNDDOWN($C5870/24,0)+1,1))-1)+IF('Standard Profiles'!$G$22=$B$10,7,0)+IF('Standard Profiles'!$G$22=$B$17,14,0)+IF('Standard Profiles'!$G$22=$B$24,21,0),MOD($C5870,24)+1)/SUM(INDEX($D$3:$AA$30,INDEX(Jesper!$R$2:$R$366,ROW(INDEX(Jesper!AL$2:AL$366,ROUNDDOWN($C5870/24,0)+1,1))-1)+IF('Standard Profiles'!$G$22=$B$10,7,0)+IF('Standard Profiles'!$G$22=$B$17,14,0)+IF('Standard Profiles'!$G$22=$B$24,21,0),0)),0)</f>
        <v>0</v>
      </c>
      <c r="I5870">
        <f t="shared" si="657"/>
        <v>0.10868961206637726</v>
      </c>
      <c r="J5870">
        <f t="shared" si="658"/>
        <v>6.391965260198373</v>
      </c>
      <c r="K5870">
        <f t="shared" si="659"/>
        <v>0.52881552645493457</v>
      </c>
      <c r="L5870">
        <f t="shared" si="660"/>
        <v>0.26440776322746729</v>
      </c>
      <c r="M5870">
        <f t="shared" si="661"/>
        <v>0</v>
      </c>
      <c r="N5870" s="45">
        <f t="shared" si="662"/>
        <v>45170.166666652513</v>
      </c>
    </row>
    <row r="5871" spans="2:14" x14ac:dyDescent="0.25">
      <c r="B5871">
        <f t="shared" si="656"/>
        <v>5</v>
      </c>
      <c r="C5871" s="16">
        <v>5837</v>
      </c>
      <c r="D5871" cm="1">
        <f t="array" ref="D5871">IFERROR(INDEX(Jesper!AH$2:AH$366,ROUNDDOWN($C5871/24,0)+1,1)*INDEX($D$3:$AA$30,INDEX(Jesper!$R$2:$R$366,ROW(INDEX(Jesper!AH$2:AH$366,ROUNDDOWN($C5871/24,0)+1,1))-1)+IF('Standard Profiles'!$G$18=$B$10,7,0)+IF('Standard Profiles'!$G$18=$B$17,14,0)+IF('Standard Profiles'!$G$18=$B$24,21,0),MOD($C5871,24)+1)/SUM(INDEX($D$3:$AA$30,INDEX(Jesper!$R$2:$R$366,ROW(INDEX(Jesper!AH$2:AH$366,ROUNDDOWN($C5871/24,0)+1,1))-1)+IF('Standard Profiles'!$G$18=$B$10,7,0)+IF('Standard Profiles'!$G$18=$B$17,14,0)+IF('Standard Profiles'!$G$18=$B$24,21,0),0)),0)</f>
        <v>4.9576455605150116</v>
      </c>
      <c r="E5871" cm="1">
        <f t="array" ref="E5871">IFERROR(INDEX(Jesper!AI$2:AI$366,ROUNDDOWN($C5871/24,0)+1,1)*INDEX($D$3:$AA$30,INDEX(Jesper!$R$2:$R$366,ROW(INDEX(Jesper!AI$2:AI$366,ROUNDDOWN($C5871/24,0)+1,1))-1)+IF('Standard Profiles'!$G$19=$B$10,7,0)+IF('Standard Profiles'!$G$19=$B$17,14,0)+IF('Standard Profiles'!$G$19=$B$24,21,0),MOD($C5871,24)+1)/SUM(INDEX($D$3:$AA$30,INDEX(Jesper!$R$2:$R$366,ROW(INDEX(Jesper!AI$2:AI$366,ROUNDDOWN($C5871/24,0)+1,1))-1)+IF('Standard Profiles'!$G$19=$B$10,7,0)+IF('Standard Profiles'!$G$19=$B$17,14,0)+IF('Standard Profiles'!$G$19=$B$24,21,0),0)),0)</f>
        <v>2.1097959096271883</v>
      </c>
      <c r="F5871" cm="1">
        <f t="array" ref="F5871">IFERROR(INDEX(Jesper!AJ$2:AJ$366,ROUNDDOWN($C5871/24,0)+1,1)*INDEX($D$3:$AA$30,INDEX(Jesper!$R$2:$R$366,ROW(INDEX(Jesper!AJ$2:AJ$366,ROUNDDOWN($C5871/24,0)+1,1))-1)+IF('Standard Profiles'!$G$20=$B$10,7,0)+IF('Standard Profiles'!$G$20=$B$17,14,0)+IF('Standard Profiles'!$G$20=$B$24,21,0),MOD($C5871,24)+1)/SUM(INDEX($D$3:$AA$30,INDEX(Jesper!$R$2:$R$366,ROW(INDEX(Jesper!AJ$2:AJ$366,ROUNDDOWN($C5871/24,0)+1,1))-1)+IF('Standard Profiles'!$G$20=$B$10,7,0)+IF('Standard Profiles'!$G$20=$B$17,14,0)+IF('Standard Profiles'!$G$20=$B$24,21,0),0)),0)</f>
        <v>0</v>
      </c>
      <c r="G5871" cm="1">
        <f t="array" ref="G5871">IFERROR(INDEX(Jesper!AK$2:AK$366,ROUNDDOWN($C5871/24,0)+1,1)*INDEX($D$3:$AA$30,INDEX(Jesper!$R$2:$R$366,ROW(INDEX(Jesper!AK$2:AK$366,ROUNDDOWN($C5871/24,0)+1,1))-1)+IF('Standard Profiles'!$G$21=$B$10,7,0)+IF('Standard Profiles'!$G$21=$B$17,14,0)+IF('Standard Profiles'!$G$21=$B$24,21,0),MOD($C5871,24)+1)/SUM(INDEX($D$3:$AA$30,INDEX(Jesper!$R$2:$R$366,ROW(INDEX(Jesper!AK$2:AK$366,ROUNDDOWN($C5871/24,0)+1,1))-1)+IF('Standard Profiles'!$G$21=$B$10,7,0)+IF('Standard Profiles'!$G$21=$B$17,14,0)+IF('Standard Profiles'!$G$21=$B$24,21,0),0)),0)</f>
        <v>0.22643669180495274</v>
      </c>
      <c r="H5871" cm="1">
        <f t="array" ref="H5871">IFERROR(INDEX(Jesper!AL$2:AL$366,ROUNDDOWN($C5871/24,0)+1,1)*INDEX($D$3:$AA$30,INDEX(Jesper!$R$2:$R$366,ROW(INDEX(Jesper!AL$2:AL$366,ROUNDDOWN($C5871/24,0)+1,1))-1)+IF('Standard Profiles'!$G$22=$B$10,7,0)+IF('Standard Profiles'!$G$22=$B$17,14,0)+IF('Standard Profiles'!$G$22=$B$24,21,0),MOD($C5871,24)+1)/SUM(INDEX($D$3:$AA$30,INDEX(Jesper!$R$2:$R$366,ROW(INDEX(Jesper!AL$2:AL$366,ROUNDDOWN($C5871/24,0)+1,1))-1)+IF('Standard Profiles'!$G$22=$B$10,7,0)+IF('Standard Profiles'!$G$22=$B$17,14,0)+IF('Standard Profiles'!$G$22=$B$24,21,0),0)),0)</f>
        <v>0</v>
      </c>
      <c r="I5871">
        <f t="shared" si="657"/>
        <v>0.10868961206637726</v>
      </c>
      <c r="J5871">
        <f t="shared" si="658"/>
        <v>6.391965260198373</v>
      </c>
      <c r="K5871">
        <f t="shared" si="659"/>
        <v>0.52881552645493457</v>
      </c>
      <c r="L5871">
        <f t="shared" si="660"/>
        <v>0.26440776322746729</v>
      </c>
      <c r="M5871">
        <f t="shared" si="661"/>
        <v>0</v>
      </c>
      <c r="N5871" s="45">
        <f t="shared" si="662"/>
        <v>45170.208333319177</v>
      </c>
    </row>
    <row r="5872" spans="2:14" x14ac:dyDescent="0.25">
      <c r="B5872">
        <f t="shared" si="656"/>
        <v>5</v>
      </c>
      <c r="C5872" s="16">
        <v>5838</v>
      </c>
      <c r="D5872" cm="1">
        <f t="array" ref="D5872">IFERROR(INDEX(Jesper!AH$2:AH$366,ROUNDDOWN($C5872/24,0)+1,1)*INDEX($D$3:$AA$30,INDEX(Jesper!$R$2:$R$366,ROW(INDEX(Jesper!AH$2:AH$366,ROUNDDOWN($C5872/24,0)+1,1))-1)+IF('Standard Profiles'!$G$18=$B$10,7,0)+IF('Standard Profiles'!$G$18=$B$17,14,0)+IF('Standard Profiles'!$G$18=$B$24,21,0),MOD($C5872,24)+1)/SUM(INDEX($D$3:$AA$30,INDEX(Jesper!$R$2:$R$366,ROW(INDEX(Jesper!AH$2:AH$366,ROUNDDOWN($C5872/24,0)+1,1))-1)+IF('Standard Profiles'!$G$18=$B$10,7,0)+IF('Standard Profiles'!$G$18=$B$17,14,0)+IF('Standard Profiles'!$G$18=$B$24,21,0),0)),0)</f>
        <v>4.9576455605150116</v>
      </c>
      <c r="E5872" cm="1">
        <f t="array" ref="E5872">IFERROR(INDEX(Jesper!AI$2:AI$366,ROUNDDOWN($C5872/24,0)+1,1)*INDEX($D$3:$AA$30,INDEX(Jesper!$R$2:$R$366,ROW(INDEX(Jesper!AI$2:AI$366,ROUNDDOWN($C5872/24,0)+1,1))-1)+IF('Standard Profiles'!$G$19=$B$10,7,0)+IF('Standard Profiles'!$G$19=$B$17,14,0)+IF('Standard Profiles'!$G$19=$B$24,21,0),MOD($C5872,24)+1)/SUM(INDEX($D$3:$AA$30,INDEX(Jesper!$R$2:$R$366,ROW(INDEX(Jesper!AI$2:AI$366,ROUNDDOWN($C5872/24,0)+1,1))-1)+IF('Standard Profiles'!$G$19=$B$10,7,0)+IF('Standard Profiles'!$G$19=$B$17,14,0)+IF('Standard Profiles'!$G$19=$B$24,21,0),0)),0)</f>
        <v>2.1097959096271883</v>
      </c>
      <c r="F5872" cm="1">
        <f t="array" ref="F5872">IFERROR(INDEX(Jesper!AJ$2:AJ$366,ROUNDDOWN($C5872/24,0)+1,1)*INDEX($D$3:$AA$30,INDEX(Jesper!$R$2:$R$366,ROW(INDEX(Jesper!AJ$2:AJ$366,ROUNDDOWN($C5872/24,0)+1,1))-1)+IF('Standard Profiles'!$G$20=$B$10,7,0)+IF('Standard Profiles'!$G$20=$B$17,14,0)+IF('Standard Profiles'!$G$20=$B$24,21,0),MOD($C5872,24)+1)/SUM(INDEX($D$3:$AA$30,INDEX(Jesper!$R$2:$R$366,ROW(INDEX(Jesper!AJ$2:AJ$366,ROUNDDOWN($C5872/24,0)+1,1))-1)+IF('Standard Profiles'!$G$20=$B$10,7,0)+IF('Standard Profiles'!$G$20=$B$17,14,0)+IF('Standard Profiles'!$G$20=$B$24,21,0),0)),0)</f>
        <v>0</v>
      </c>
      <c r="G5872" cm="1">
        <f t="array" ref="G5872">IFERROR(INDEX(Jesper!AK$2:AK$366,ROUNDDOWN($C5872/24,0)+1,1)*INDEX($D$3:$AA$30,INDEX(Jesper!$R$2:$R$366,ROW(INDEX(Jesper!AK$2:AK$366,ROUNDDOWN($C5872/24,0)+1,1))-1)+IF('Standard Profiles'!$G$21=$B$10,7,0)+IF('Standard Profiles'!$G$21=$B$17,14,0)+IF('Standard Profiles'!$G$21=$B$24,21,0),MOD($C5872,24)+1)/SUM(INDEX($D$3:$AA$30,INDEX(Jesper!$R$2:$R$366,ROW(INDEX(Jesper!AK$2:AK$366,ROUNDDOWN($C5872/24,0)+1,1))-1)+IF('Standard Profiles'!$G$21=$B$10,7,0)+IF('Standard Profiles'!$G$21=$B$17,14,0)+IF('Standard Profiles'!$G$21=$B$24,21,0),0)),0)</f>
        <v>0.22643669180495274</v>
      </c>
      <c r="H5872" cm="1">
        <f t="array" ref="H5872">IFERROR(INDEX(Jesper!AL$2:AL$366,ROUNDDOWN($C5872/24,0)+1,1)*INDEX($D$3:$AA$30,INDEX(Jesper!$R$2:$R$366,ROW(INDEX(Jesper!AL$2:AL$366,ROUNDDOWN($C5872/24,0)+1,1))-1)+IF('Standard Profiles'!$G$22=$B$10,7,0)+IF('Standard Profiles'!$G$22=$B$17,14,0)+IF('Standard Profiles'!$G$22=$B$24,21,0),MOD($C5872,24)+1)/SUM(INDEX($D$3:$AA$30,INDEX(Jesper!$R$2:$R$366,ROW(INDEX(Jesper!AL$2:AL$366,ROUNDDOWN($C5872/24,0)+1,1))-1)+IF('Standard Profiles'!$G$22=$B$10,7,0)+IF('Standard Profiles'!$G$22=$B$17,14,0)+IF('Standard Profiles'!$G$22=$B$24,21,0),0)),0)</f>
        <v>0</v>
      </c>
      <c r="I5872">
        <f t="shared" si="657"/>
        <v>0.10868961206637726</v>
      </c>
      <c r="J5872">
        <f t="shared" si="658"/>
        <v>6.391965260198373</v>
      </c>
      <c r="K5872">
        <f t="shared" si="659"/>
        <v>0.52881552645493457</v>
      </c>
      <c r="L5872">
        <f t="shared" si="660"/>
        <v>0.26440776322746729</v>
      </c>
      <c r="M5872">
        <f t="shared" si="661"/>
        <v>0</v>
      </c>
      <c r="N5872" s="45">
        <f t="shared" si="662"/>
        <v>45170.249999985841</v>
      </c>
    </row>
    <row r="5873" spans="2:14" x14ac:dyDescent="0.25">
      <c r="B5873">
        <f t="shared" si="656"/>
        <v>5</v>
      </c>
      <c r="C5873" s="16">
        <v>5839</v>
      </c>
      <c r="D5873" cm="1">
        <f t="array" ref="D5873">IFERROR(INDEX(Jesper!AH$2:AH$366,ROUNDDOWN($C5873/24,0)+1,1)*INDEX($D$3:$AA$30,INDEX(Jesper!$R$2:$R$366,ROW(INDEX(Jesper!AH$2:AH$366,ROUNDDOWN($C5873/24,0)+1,1))-1)+IF('Standard Profiles'!$G$18=$B$10,7,0)+IF('Standard Profiles'!$G$18=$B$17,14,0)+IF('Standard Profiles'!$G$18=$B$24,21,0),MOD($C5873,24)+1)/SUM(INDEX($D$3:$AA$30,INDEX(Jesper!$R$2:$R$366,ROW(INDEX(Jesper!AH$2:AH$366,ROUNDDOWN($C5873/24,0)+1,1))-1)+IF('Standard Profiles'!$G$18=$B$10,7,0)+IF('Standard Profiles'!$G$18=$B$17,14,0)+IF('Standard Profiles'!$G$18=$B$24,21,0),0)),0)</f>
        <v>21.119570087793949</v>
      </c>
      <c r="E5873" cm="1">
        <f t="array" ref="E5873">IFERROR(INDEX(Jesper!AI$2:AI$366,ROUNDDOWN($C5873/24,0)+1,1)*INDEX($D$3:$AA$30,INDEX(Jesper!$R$2:$R$366,ROW(INDEX(Jesper!AI$2:AI$366,ROUNDDOWN($C5873/24,0)+1,1))-1)+IF('Standard Profiles'!$G$19=$B$10,7,0)+IF('Standard Profiles'!$G$19=$B$17,14,0)+IF('Standard Profiles'!$G$19=$B$24,21,0),MOD($C5873,24)+1)/SUM(INDEX($D$3:$AA$30,INDEX(Jesper!$R$2:$R$366,ROW(INDEX(Jesper!AI$2:AI$366,ROUNDDOWN($C5873/24,0)+1,1))-1)+IF('Standard Profiles'!$G$19=$B$10,7,0)+IF('Standard Profiles'!$G$19=$B$17,14,0)+IF('Standard Profiles'!$G$19=$B$24,21,0),0)),0)</f>
        <v>8.9877305750118222</v>
      </c>
      <c r="F5873" cm="1">
        <f t="array" ref="F5873">IFERROR(INDEX(Jesper!AJ$2:AJ$366,ROUNDDOWN($C5873/24,0)+1,1)*INDEX($D$3:$AA$30,INDEX(Jesper!$R$2:$R$366,ROW(INDEX(Jesper!AJ$2:AJ$366,ROUNDDOWN($C5873/24,0)+1,1))-1)+IF('Standard Profiles'!$G$20=$B$10,7,0)+IF('Standard Profiles'!$G$20=$B$17,14,0)+IF('Standard Profiles'!$G$20=$B$24,21,0),MOD($C5873,24)+1)/SUM(INDEX($D$3:$AA$30,INDEX(Jesper!$R$2:$R$366,ROW(INDEX(Jesper!AJ$2:AJ$366,ROUNDDOWN($C5873/24,0)+1,1))-1)+IF('Standard Profiles'!$G$20=$B$10,7,0)+IF('Standard Profiles'!$G$20=$B$17,14,0)+IF('Standard Profiles'!$G$20=$B$24,21,0),0)),0)</f>
        <v>0</v>
      </c>
      <c r="G5873" cm="1">
        <f t="array" ref="G5873">IFERROR(INDEX(Jesper!AK$2:AK$366,ROUNDDOWN($C5873/24,0)+1,1)*INDEX($D$3:$AA$30,INDEX(Jesper!$R$2:$R$366,ROW(INDEX(Jesper!AK$2:AK$366,ROUNDDOWN($C5873/24,0)+1,1))-1)+IF('Standard Profiles'!$G$21=$B$10,7,0)+IF('Standard Profiles'!$G$21=$B$17,14,0)+IF('Standard Profiles'!$G$21=$B$24,21,0),MOD($C5873,24)+1)/SUM(INDEX($D$3:$AA$30,INDEX(Jesper!$R$2:$R$366,ROW(INDEX(Jesper!AK$2:AK$366,ROUNDDOWN($C5873/24,0)+1,1))-1)+IF('Standard Profiles'!$G$21=$B$10,7,0)+IF('Standard Profiles'!$G$21=$B$17,14,0)+IF('Standard Profiles'!$G$21=$B$24,21,0),0)),0)</f>
        <v>0.61357039069729125</v>
      </c>
      <c r="H5873" cm="1">
        <f t="array" ref="H5873">IFERROR(INDEX(Jesper!AL$2:AL$366,ROUNDDOWN($C5873/24,0)+1,1)*INDEX($D$3:$AA$30,INDEX(Jesper!$R$2:$R$366,ROW(INDEX(Jesper!AL$2:AL$366,ROUNDDOWN($C5873/24,0)+1,1))-1)+IF('Standard Profiles'!$G$22=$B$10,7,0)+IF('Standard Profiles'!$G$22=$B$17,14,0)+IF('Standard Profiles'!$G$22=$B$24,21,0),MOD($C5873,24)+1)/SUM(INDEX($D$3:$AA$30,INDEX(Jesper!$R$2:$R$366,ROW(INDEX(Jesper!AL$2:AL$366,ROUNDDOWN($C5873/24,0)+1,1))-1)+IF('Standard Profiles'!$G$22=$B$10,7,0)+IF('Standard Profiles'!$G$22=$B$17,14,0)+IF('Standard Profiles'!$G$22=$B$24,21,0),0)),0)</f>
        <v>0</v>
      </c>
      <c r="I5873">
        <f t="shared" si="657"/>
        <v>0.29451378753469964</v>
      </c>
      <c r="J5873">
        <f t="shared" si="658"/>
        <v>27.047226051921331</v>
      </c>
      <c r="K5873">
        <f t="shared" si="659"/>
        <v>2.2527541426980213</v>
      </c>
      <c r="L5873">
        <f t="shared" si="660"/>
        <v>1.1263770713490107</v>
      </c>
      <c r="M5873">
        <f t="shared" si="661"/>
        <v>0</v>
      </c>
      <c r="N5873" s="45">
        <f t="shared" si="662"/>
        <v>45170.291666652505</v>
      </c>
    </row>
    <row r="5874" spans="2:14" x14ac:dyDescent="0.25">
      <c r="B5874">
        <f t="shared" si="656"/>
        <v>5</v>
      </c>
      <c r="C5874" s="16">
        <v>5840</v>
      </c>
      <c r="D5874" cm="1">
        <f t="array" ref="D5874">IFERROR(INDEX(Jesper!AH$2:AH$366,ROUNDDOWN($C5874/24,0)+1,1)*INDEX($D$3:$AA$30,INDEX(Jesper!$R$2:$R$366,ROW(INDEX(Jesper!AH$2:AH$366,ROUNDDOWN($C5874/24,0)+1,1))-1)+IF('Standard Profiles'!$G$18=$B$10,7,0)+IF('Standard Profiles'!$G$18=$B$17,14,0)+IF('Standard Profiles'!$G$18=$B$24,21,0),MOD($C5874,24)+1)/SUM(INDEX($D$3:$AA$30,INDEX(Jesper!$R$2:$R$366,ROW(INDEX(Jesper!AH$2:AH$366,ROUNDDOWN($C5874/24,0)+1,1))-1)+IF('Standard Profiles'!$G$18=$B$10,7,0)+IF('Standard Profiles'!$G$18=$B$17,14,0)+IF('Standard Profiles'!$G$18=$B$24,21,0),0)),0)</f>
        <v>26.399462609742439</v>
      </c>
      <c r="E5874" cm="1">
        <f t="array" ref="E5874">IFERROR(INDEX(Jesper!AI$2:AI$366,ROUNDDOWN($C5874/24,0)+1,1)*INDEX($D$3:$AA$30,INDEX(Jesper!$R$2:$R$366,ROW(INDEX(Jesper!AI$2:AI$366,ROUNDDOWN($C5874/24,0)+1,1))-1)+IF('Standard Profiles'!$G$19=$B$10,7,0)+IF('Standard Profiles'!$G$19=$B$17,14,0)+IF('Standard Profiles'!$G$19=$B$24,21,0),MOD($C5874,24)+1)/SUM(INDEX($D$3:$AA$30,INDEX(Jesper!$R$2:$R$366,ROW(INDEX(Jesper!AI$2:AI$366,ROUNDDOWN($C5874/24,0)+1,1))-1)+IF('Standard Profiles'!$G$19=$B$10,7,0)+IF('Standard Profiles'!$G$19=$B$17,14,0)+IF('Standard Profiles'!$G$19=$B$24,21,0),0)),0)</f>
        <v>11.234663218764778</v>
      </c>
      <c r="F5874" cm="1">
        <f t="array" ref="F5874">IFERROR(INDEX(Jesper!AJ$2:AJ$366,ROUNDDOWN($C5874/24,0)+1,1)*INDEX($D$3:$AA$30,INDEX(Jesper!$R$2:$R$366,ROW(INDEX(Jesper!AJ$2:AJ$366,ROUNDDOWN($C5874/24,0)+1,1))-1)+IF('Standard Profiles'!$G$20=$B$10,7,0)+IF('Standard Profiles'!$G$20=$B$17,14,0)+IF('Standard Profiles'!$G$20=$B$24,21,0),MOD($C5874,24)+1)/SUM(INDEX($D$3:$AA$30,INDEX(Jesper!$R$2:$R$366,ROW(INDEX(Jesper!AJ$2:AJ$366,ROUNDDOWN($C5874/24,0)+1,1))-1)+IF('Standard Profiles'!$G$20=$B$10,7,0)+IF('Standard Profiles'!$G$20=$B$17,14,0)+IF('Standard Profiles'!$G$20=$B$24,21,0),0)),0)</f>
        <v>0</v>
      </c>
      <c r="G5874" cm="1">
        <f t="array" ref="G5874">IFERROR(INDEX(Jesper!AK$2:AK$366,ROUNDDOWN($C5874/24,0)+1,1)*INDEX($D$3:$AA$30,INDEX(Jesper!$R$2:$R$366,ROW(INDEX(Jesper!AK$2:AK$366,ROUNDDOWN($C5874/24,0)+1,1))-1)+IF('Standard Profiles'!$G$21=$B$10,7,0)+IF('Standard Profiles'!$G$21=$B$17,14,0)+IF('Standard Profiles'!$G$21=$B$24,21,0),MOD($C5874,24)+1)/SUM(INDEX($D$3:$AA$30,INDEX(Jesper!$R$2:$R$366,ROW(INDEX(Jesper!AK$2:AK$366,ROUNDDOWN($C5874/24,0)+1,1))-1)+IF('Standard Profiles'!$G$21=$B$10,7,0)+IF('Standard Profiles'!$G$21=$B$17,14,0)+IF('Standard Profiles'!$G$21=$B$24,21,0),0)),0)</f>
        <v>0.76696298837161403</v>
      </c>
      <c r="H5874" cm="1">
        <f t="array" ref="H5874">IFERROR(INDEX(Jesper!AL$2:AL$366,ROUNDDOWN($C5874/24,0)+1,1)*INDEX($D$3:$AA$30,INDEX(Jesper!$R$2:$R$366,ROW(INDEX(Jesper!AL$2:AL$366,ROUNDDOWN($C5874/24,0)+1,1))-1)+IF('Standard Profiles'!$G$22=$B$10,7,0)+IF('Standard Profiles'!$G$22=$B$17,14,0)+IF('Standard Profiles'!$G$22=$B$24,21,0),MOD($C5874,24)+1)/SUM(INDEX($D$3:$AA$30,INDEX(Jesper!$R$2:$R$366,ROW(INDEX(Jesper!AL$2:AL$366,ROUNDDOWN($C5874/24,0)+1,1))-1)+IF('Standard Profiles'!$G$22=$B$10,7,0)+IF('Standard Profiles'!$G$22=$B$17,14,0)+IF('Standard Profiles'!$G$22=$B$24,21,0),0)),0)</f>
        <v>0</v>
      </c>
      <c r="I5874">
        <f t="shared" si="657"/>
        <v>0.36814223441837457</v>
      </c>
      <c r="J5874">
        <f t="shared" si="658"/>
        <v>33.809032564901663</v>
      </c>
      <c r="K5874">
        <f t="shared" si="659"/>
        <v>2.8159426783725272</v>
      </c>
      <c r="L5874">
        <f t="shared" si="660"/>
        <v>1.4079713391862636</v>
      </c>
      <c r="M5874">
        <f t="shared" si="661"/>
        <v>0</v>
      </c>
      <c r="N5874" s="45">
        <f t="shared" si="662"/>
        <v>45170.333333319169</v>
      </c>
    </row>
    <row r="5875" spans="2:14" x14ac:dyDescent="0.25">
      <c r="B5875">
        <f t="shared" si="656"/>
        <v>5</v>
      </c>
      <c r="C5875" s="16">
        <v>5841</v>
      </c>
      <c r="D5875" cm="1">
        <f t="array" ref="D5875">IFERROR(INDEX(Jesper!AH$2:AH$366,ROUNDDOWN($C5875/24,0)+1,1)*INDEX($D$3:$AA$30,INDEX(Jesper!$R$2:$R$366,ROW(INDEX(Jesper!AH$2:AH$366,ROUNDDOWN($C5875/24,0)+1,1))-1)+IF('Standard Profiles'!$G$18=$B$10,7,0)+IF('Standard Profiles'!$G$18=$B$17,14,0)+IF('Standard Profiles'!$G$18=$B$24,21,0),MOD($C5875,24)+1)/SUM(INDEX($D$3:$AA$30,INDEX(Jesper!$R$2:$R$366,ROW(INDEX(Jesper!AH$2:AH$366,ROUNDDOWN($C5875/24,0)+1,1))-1)+IF('Standard Profiles'!$G$18=$B$10,7,0)+IF('Standard Profiles'!$G$18=$B$17,14,0)+IF('Standard Profiles'!$G$18=$B$24,21,0),0)),0)</f>
        <v>29.039408870716684</v>
      </c>
      <c r="E5875" cm="1">
        <f t="array" ref="E5875">IFERROR(INDEX(Jesper!AI$2:AI$366,ROUNDDOWN($C5875/24,0)+1,1)*INDEX($D$3:$AA$30,INDEX(Jesper!$R$2:$R$366,ROW(INDEX(Jesper!AI$2:AI$366,ROUNDDOWN($C5875/24,0)+1,1))-1)+IF('Standard Profiles'!$G$19=$B$10,7,0)+IF('Standard Profiles'!$G$19=$B$17,14,0)+IF('Standard Profiles'!$G$19=$B$24,21,0),MOD($C5875,24)+1)/SUM(INDEX($D$3:$AA$30,INDEX(Jesper!$R$2:$R$366,ROW(INDEX(Jesper!AI$2:AI$366,ROUNDDOWN($C5875/24,0)+1,1))-1)+IF('Standard Profiles'!$G$19=$B$10,7,0)+IF('Standard Profiles'!$G$19=$B$17,14,0)+IF('Standard Profiles'!$G$19=$B$24,21,0),0)),0)</f>
        <v>12.358129540641254</v>
      </c>
      <c r="F5875" cm="1">
        <f t="array" ref="F5875">IFERROR(INDEX(Jesper!AJ$2:AJ$366,ROUNDDOWN($C5875/24,0)+1,1)*INDEX($D$3:$AA$30,INDEX(Jesper!$R$2:$R$366,ROW(INDEX(Jesper!AJ$2:AJ$366,ROUNDDOWN($C5875/24,0)+1,1))-1)+IF('Standard Profiles'!$G$20=$B$10,7,0)+IF('Standard Profiles'!$G$20=$B$17,14,0)+IF('Standard Profiles'!$G$20=$B$24,21,0),MOD($C5875,24)+1)/SUM(INDEX($D$3:$AA$30,INDEX(Jesper!$R$2:$R$366,ROW(INDEX(Jesper!AJ$2:AJ$366,ROUNDDOWN($C5875/24,0)+1,1))-1)+IF('Standard Profiles'!$G$20=$B$10,7,0)+IF('Standard Profiles'!$G$20=$B$17,14,0)+IF('Standard Profiles'!$G$20=$B$24,21,0),0)),0)</f>
        <v>0</v>
      </c>
      <c r="G5875" cm="1">
        <f t="array" ref="G5875">IFERROR(INDEX(Jesper!AK$2:AK$366,ROUNDDOWN($C5875/24,0)+1,1)*INDEX($D$3:$AA$30,INDEX(Jesper!$R$2:$R$366,ROW(INDEX(Jesper!AK$2:AK$366,ROUNDDOWN($C5875/24,0)+1,1))-1)+IF('Standard Profiles'!$G$21=$B$10,7,0)+IF('Standard Profiles'!$G$21=$B$17,14,0)+IF('Standard Profiles'!$G$21=$B$24,21,0),MOD($C5875,24)+1)/SUM(INDEX($D$3:$AA$30,INDEX(Jesper!$R$2:$R$366,ROW(INDEX(Jesper!AK$2:AK$366,ROUNDDOWN($C5875/24,0)+1,1))-1)+IF('Standard Profiles'!$G$21=$B$10,7,0)+IF('Standard Profiles'!$G$21=$B$17,14,0)+IF('Standard Profiles'!$G$21=$B$24,21,0),0)),0)</f>
        <v>0.84365928720877559</v>
      </c>
      <c r="H5875" cm="1">
        <f t="array" ref="H5875">IFERROR(INDEX(Jesper!AL$2:AL$366,ROUNDDOWN($C5875/24,0)+1,1)*INDEX($D$3:$AA$30,INDEX(Jesper!$R$2:$R$366,ROW(INDEX(Jesper!AL$2:AL$366,ROUNDDOWN($C5875/24,0)+1,1))-1)+IF('Standard Profiles'!$G$22=$B$10,7,0)+IF('Standard Profiles'!$G$22=$B$17,14,0)+IF('Standard Profiles'!$G$22=$B$24,21,0),MOD($C5875,24)+1)/SUM(INDEX($D$3:$AA$30,INDEX(Jesper!$R$2:$R$366,ROW(INDEX(Jesper!AL$2:AL$366,ROUNDDOWN($C5875/24,0)+1,1))-1)+IF('Standard Profiles'!$G$22=$B$10,7,0)+IF('Standard Profiles'!$G$22=$B$17,14,0)+IF('Standard Profiles'!$G$22=$B$24,21,0),0)),0)</f>
        <v>0</v>
      </c>
      <c r="I5875">
        <f t="shared" si="657"/>
        <v>0.40495645786021206</v>
      </c>
      <c r="J5875">
        <f t="shared" si="658"/>
        <v>37.189935821391835</v>
      </c>
      <c r="K5875">
        <f t="shared" si="659"/>
        <v>3.0975369462097797</v>
      </c>
      <c r="L5875">
        <f t="shared" si="660"/>
        <v>1.5487684731048899</v>
      </c>
      <c r="M5875">
        <f t="shared" si="661"/>
        <v>0</v>
      </c>
      <c r="N5875" s="45">
        <f t="shared" si="662"/>
        <v>45170.374999985834</v>
      </c>
    </row>
    <row r="5876" spans="2:14" x14ac:dyDescent="0.25">
      <c r="B5876">
        <f t="shared" si="656"/>
        <v>5</v>
      </c>
      <c r="C5876" s="16">
        <v>5842</v>
      </c>
      <c r="D5876" cm="1">
        <f t="array" ref="D5876">IFERROR(INDEX(Jesper!AH$2:AH$366,ROUNDDOWN($C5876/24,0)+1,1)*INDEX($D$3:$AA$30,INDEX(Jesper!$R$2:$R$366,ROW(INDEX(Jesper!AH$2:AH$366,ROUNDDOWN($C5876/24,0)+1,1))-1)+IF('Standard Profiles'!$G$18=$B$10,7,0)+IF('Standard Profiles'!$G$18=$B$17,14,0)+IF('Standard Profiles'!$G$18=$B$24,21,0),MOD($C5876,24)+1)/SUM(INDEX($D$3:$AA$30,INDEX(Jesper!$R$2:$R$366,ROW(INDEX(Jesper!AH$2:AH$366,ROUNDDOWN($C5876/24,0)+1,1))-1)+IF('Standard Profiles'!$G$18=$B$10,7,0)+IF('Standard Profiles'!$G$18=$B$17,14,0)+IF('Standard Profiles'!$G$18=$B$24,21,0),0)),0)</f>
        <v>29.039408870716684</v>
      </c>
      <c r="E5876" cm="1">
        <f t="array" ref="E5876">IFERROR(INDEX(Jesper!AI$2:AI$366,ROUNDDOWN($C5876/24,0)+1,1)*INDEX($D$3:$AA$30,INDEX(Jesper!$R$2:$R$366,ROW(INDEX(Jesper!AI$2:AI$366,ROUNDDOWN($C5876/24,0)+1,1))-1)+IF('Standard Profiles'!$G$19=$B$10,7,0)+IF('Standard Profiles'!$G$19=$B$17,14,0)+IF('Standard Profiles'!$G$19=$B$24,21,0),MOD($C5876,24)+1)/SUM(INDEX($D$3:$AA$30,INDEX(Jesper!$R$2:$R$366,ROW(INDEX(Jesper!AI$2:AI$366,ROUNDDOWN($C5876/24,0)+1,1))-1)+IF('Standard Profiles'!$G$19=$B$10,7,0)+IF('Standard Profiles'!$G$19=$B$17,14,0)+IF('Standard Profiles'!$G$19=$B$24,21,0),0)),0)</f>
        <v>12.358129540641254</v>
      </c>
      <c r="F5876" cm="1">
        <f t="array" ref="F5876">IFERROR(INDEX(Jesper!AJ$2:AJ$366,ROUNDDOWN($C5876/24,0)+1,1)*INDEX($D$3:$AA$30,INDEX(Jesper!$R$2:$R$366,ROW(INDEX(Jesper!AJ$2:AJ$366,ROUNDDOWN($C5876/24,0)+1,1))-1)+IF('Standard Profiles'!$G$20=$B$10,7,0)+IF('Standard Profiles'!$G$20=$B$17,14,0)+IF('Standard Profiles'!$G$20=$B$24,21,0),MOD($C5876,24)+1)/SUM(INDEX($D$3:$AA$30,INDEX(Jesper!$R$2:$R$366,ROW(INDEX(Jesper!AJ$2:AJ$366,ROUNDDOWN($C5876/24,0)+1,1))-1)+IF('Standard Profiles'!$G$20=$B$10,7,0)+IF('Standard Profiles'!$G$20=$B$17,14,0)+IF('Standard Profiles'!$G$20=$B$24,21,0),0)),0)</f>
        <v>0</v>
      </c>
      <c r="G5876" cm="1">
        <f t="array" ref="G5876">IFERROR(INDEX(Jesper!AK$2:AK$366,ROUNDDOWN($C5876/24,0)+1,1)*INDEX($D$3:$AA$30,INDEX(Jesper!$R$2:$R$366,ROW(INDEX(Jesper!AK$2:AK$366,ROUNDDOWN($C5876/24,0)+1,1))-1)+IF('Standard Profiles'!$G$21=$B$10,7,0)+IF('Standard Profiles'!$G$21=$B$17,14,0)+IF('Standard Profiles'!$G$21=$B$24,21,0),MOD($C5876,24)+1)/SUM(INDEX($D$3:$AA$30,INDEX(Jesper!$R$2:$R$366,ROW(INDEX(Jesper!AK$2:AK$366,ROUNDDOWN($C5876/24,0)+1,1))-1)+IF('Standard Profiles'!$G$21=$B$10,7,0)+IF('Standard Profiles'!$G$21=$B$17,14,0)+IF('Standard Profiles'!$G$21=$B$24,21,0),0)),0)</f>
        <v>0.84365928720877559</v>
      </c>
      <c r="H5876" cm="1">
        <f t="array" ref="H5876">IFERROR(INDEX(Jesper!AL$2:AL$366,ROUNDDOWN($C5876/24,0)+1,1)*INDEX($D$3:$AA$30,INDEX(Jesper!$R$2:$R$366,ROW(INDEX(Jesper!AL$2:AL$366,ROUNDDOWN($C5876/24,0)+1,1))-1)+IF('Standard Profiles'!$G$22=$B$10,7,0)+IF('Standard Profiles'!$G$22=$B$17,14,0)+IF('Standard Profiles'!$G$22=$B$24,21,0),MOD($C5876,24)+1)/SUM(INDEX($D$3:$AA$30,INDEX(Jesper!$R$2:$R$366,ROW(INDEX(Jesper!AL$2:AL$366,ROUNDDOWN($C5876/24,0)+1,1))-1)+IF('Standard Profiles'!$G$22=$B$10,7,0)+IF('Standard Profiles'!$G$22=$B$17,14,0)+IF('Standard Profiles'!$G$22=$B$24,21,0),0)),0)</f>
        <v>0</v>
      </c>
      <c r="I5876">
        <f t="shared" si="657"/>
        <v>0.40495645786021206</v>
      </c>
      <c r="J5876">
        <f t="shared" si="658"/>
        <v>37.189935821391835</v>
      </c>
      <c r="K5876">
        <f t="shared" si="659"/>
        <v>3.0975369462097797</v>
      </c>
      <c r="L5876">
        <f t="shared" si="660"/>
        <v>1.5487684731048899</v>
      </c>
      <c r="M5876">
        <f t="shared" si="661"/>
        <v>0</v>
      </c>
      <c r="N5876" s="45">
        <f t="shared" si="662"/>
        <v>45170.416666652498</v>
      </c>
    </row>
    <row r="5877" spans="2:14" x14ac:dyDescent="0.25">
      <c r="B5877">
        <f t="shared" si="656"/>
        <v>5</v>
      </c>
      <c r="C5877" s="16">
        <v>5843</v>
      </c>
      <c r="D5877" cm="1">
        <f t="array" ref="D5877">IFERROR(INDEX(Jesper!AH$2:AH$366,ROUNDDOWN($C5877/24,0)+1,1)*INDEX($D$3:$AA$30,INDEX(Jesper!$R$2:$R$366,ROW(INDEX(Jesper!AH$2:AH$366,ROUNDDOWN($C5877/24,0)+1,1))-1)+IF('Standard Profiles'!$G$18=$B$10,7,0)+IF('Standard Profiles'!$G$18=$B$17,14,0)+IF('Standard Profiles'!$G$18=$B$24,21,0),MOD($C5877,24)+1)/SUM(INDEX($D$3:$AA$30,INDEX(Jesper!$R$2:$R$366,ROW(INDEX(Jesper!AH$2:AH$366,ROUNDDOWN($C5877/24,0)+1,1))-1)+IF('Standard Profiles'!$G$18=$B$10,7,0)+IF('Standard Profiles'!$G$18=$B$17,14,0)+IF('Standard Profiles'!$G$18=$B$24,21,0),0)),0)</f>
        <v>34.319301392665167</v>
      </c>
      <c r="E5877" cm="1">
        <f t="array" ref="E5877">IFERROR(INDEX(Jesper!AI$2:AI$366,ROUNDDOWN($C5877/24,0)+1,1)*INDEX($D$3:$AA$30,INDEX(Jesper!$R$2:$R$366,ROW(INDEX(Jesper!AI$2:AI$366,ROUNDDOWN($C5877/24,0)+1,1))-1)+IF('Standard Profiles'!$G$19=$B$10,7,0)+IF('Standard Profiles'!$G$19=$B$17,14,0)+IF('Standard Profiles'!$G$19=$B$24,21,0),MOD($C5877,24)+1)/SUM(INDEX($D$3:$AA$30,INDEX(Jesper!$R$2:$R$366,ROW(INDEX(Jesper!AI$2:AI$366,ROUNDDOWN($C5877/24,0)+1,1))-1)+IF('Standard Profiles'!$G$19=$B$10,7,0)+IF('Standard Profiles'!$G$19=$B$17,14,0)+IF('Standard Profiles'!$G$19=$B$24,21,0),0)),0)</f>
        <v>14.60506218439421</v>
      </c>
      <c r="F5877" cm="1">
        <f t="array" ref="F5877">IFERROR(INDEX(Jesper!AJ$2:AJ$366,ROUNDDOWN($C5877/24,0)+1,1)*INDEX($D$3:$AA$30,INDEX(Jesper!$R$2:$R$366,ROW(INDEX(Jesper!AJ$2:AJ$366,ROUNDDOWN($C5877/24,0)+1,1))-1)+IF('Standard Profiles'!$G$20=$B$10,7,0)+IF('Standard Profiles'!$G$20=$B$17,14,0)+IF('Standard Profiles'!$G$20=$B$24,21,0),MOD($C5877,24)+1)/SUM(INDEX($D$3:$AA$30,INDEX(Jesper!$R$2:$R$366,ROW(INDEX(Jesper!AJ$2:AJ$366,ROUNDDOWN($C5877/24,0)+1,1))-1)+IF('Standard Profiles'!$G$20=$B$10,7,0)+IF('Standard Profiles'!$G$20=$B$17,14,0)+IF('Standard Profiles'!$G$20=$B$24,21,0),0)),0)</f>
        <v>0</v>
      </c>
      <c r="G5877" cm="1">
        <f t="array" ref="G5877">IFERROR(INDEX(Jesper!AK$2:AK$366,ROUNDDOWN($C5877/24,0)+1,1)*INDEX($D$3:$AA$30,INDEX(Jesper!$R$2:$R$366,ROW(INDEX(Jesper!AK$2:AK$366,ROUNDDOWN($C5877/24,0)+1,1))-1)+IF('Standard Profiles'!$G$21=$B$10,7,0)+IF('Standard Profiles'!$G$21=$B$17,14,0)+IF('Standard Profiles'!$G$21=$B$24,21,0),MOD($C5877,24)+1)/SUM(INDEX($D$3:$AA$30,INDEX(Jesper!$R$2:$R$366,ROW(INDEX(Jesper!AK$2:AK$366,ROUNDDOWN($C5877/24,0)+1,1))-1)+IF('Standard Profiles'!$G$21=$B$10,7,0)+IF('Standard Profiles'!$G$21=$B$17,14,0)+IF('Standard Profiles'!$G$21=$B$24,21,0),0)),0)</f>
        <v>0.99705188488309837</v>
      </c>
      <c r="H5877" cm="1">
        <f t="array" ref="H5877">IFERROR(INDEX(Jesper!AL$2:AL$366,ROUNDDOWN($C5877/24,0)+1,1)*INDEX($D$3:$AA$30,INDEX(Jesper!$R$2:$R$366,ROW(INDEX(Jesper!AL$2:AL$366,ROUNDDOWN($C5877/24,0)+1,1))-1)+IF('Standard Profiles'!$G$22=$B$10,7,0)+IF('Standard Profiles'!$G$22=$B$17,14,0)+IF('Standard Profiles'!$G$22=$B$24,21,0),MOD($C5877,24)+1)/SUM(INDEX($D$3:$AA$30,INDEX(Jesper!$R$2:$R$366,ROW(INDEX(Jesper!AL$2:AL$366,ROUNDDOWN($C5877/24,0)+1,1))-1)+IF('Standard Profiles'!$G$22=$B$10,7,0)+IF('Standard Profiles'!$G$22=$B$17,14,0)+IF('Standard Profiles'!$G$22=$B$24,21,0),0)),0)</f>
        <v>0</v>
      </c>
      <c r="I5877">
        <f t="shared" si="657"/>
        <v>0.47858490474388699</v>
      </c>
      <c r="J5877">
        <f t="shared" si="658"/>
        <v>43.951742334372156</v>
      </c>
      <c r="K5877">
        <f t="shared" si="659"/>
        <v>3.6607254818842847</v>
      </c>
      <c r="L5877">
        <f t="shared" si="660"/>
        <v>1.8303627409421424</v>
      </c>
      <c r="M5877">
        <f t="shared" si="661"/>
        <v>0</v>
      </c>
      <c r="N5877" s="45">
        <f t="shared" si="662"/>
        <v>45170.458333319162</v>
      </c>
    </row>
    <row r="5878" spans="2:14" x14ac:dyDescent="0.25">
      <c r="B5878">
        <f t="shared" si="656"/>
        <v>5</v>
      </c>
      <c r="C5878" s="16">
        <v>5844</v>
      </c>
      <c r="D5878" cm="1">
        <f t="array" ref="D5878">IFERROR(INDEX(Jesper!AH$2:AH$366,ROUNDDOWN($C5878/24,0)+1,1)*INDEX($D$3:$AA$30,INDEX(Jesper!$R$2:$R$366,ROW(INDEX(Jesper!AH$2:AH$366,ROUNDDOWN($C5878/24,0)+1,1))-1)+IF('Standard Profiles'!$G$18=$B$10,7,0)+IF('Standard Profiles'!$G$18=$B$17,14,0)+IF('Standard Profiles'!$G$18=$B$24,21,0),MOD($C5878,24)+1)/SUM(INDEX($D$3:$AA$30,INDEX(Jesper!$R$2:$R$366,ROW(INDEX(Jesper!AH$2:AH$366,ROUNDDOWN($C5878/24,0)+1,1))-1)+IF('Standard Profiles'!$G$18=$B$10,7,0)+IF('Standard Profiles'!$G$18=$B$17,14,0)+IF('Standard Profiles'!$G$18=$B$24,21,0),0)),0)</f>
        <v>34.319301392665167</v>
      </c>
      <c r="E5878" cm="1">
        <f t="array" ref="E5878">IFERROR(INDEX(Jesper!AI$2:AI$366,ROUNDDOWN($C5878/24,0)+1,1)*INDEX($D$3:$AA$30,INDEX(Jesper!$R$2:$R$366,ROW(INDEX(Jesper!AI$2:AI$366,ROUNDDOWN($C5878/24,0)+1,1))-1)+IF('Standard Profiles'!$G$19=$B$10,7,0)+IF('Standard Profiles'!$G$19=$B$17,14,0)+IF('Standard Profiles'!$G$19=$B$24,21,0),MOD($C5878,24)+1)/SUM(INDEX($D$3:$AA$30,INDEX(Jesper!$R$2:$R$366,ROW(INDEX(Jesper!AI$2:AI$366,ROUNDDOWN($C5878/24,0)+1,1))-1)+IF('Standard Profiles'!$G$19=$B$10,7,0)+IF('Standard Profiles'!$G$19=$B$17,14,0)+IF('Standard Profiles'!$G$19=$B$24,21,0),0)),0)</f>
        <v>14.60506218439421</v>
      </c>
      <c r="F5878" cm="1">
        <f t="array" ref="F5878">IFERROR(INDEX(Jesper!AJ$2:AJ$366,ROUNDDOWN($C5878/24,0)+1,1)*INDEX($D$3:$AA$30,INDEX(Jesper!$R$2:$R$366,ROW(INDEX(Jesper!AJ$2:AJ$366,ROUNDDOWN($C5878/24,0)+1,1))-1)+IF('Standard Profiles'!$G$20=$B$10,7,0)+IF('Standard Profiles'!$G$20=$B$17,14,0)+IF('Standard Profiles'!$G$20=$B$24,21,0),MOD($C5878,24)+1)/SUM(INDEX($D$3:$AA$30,INDEX(Jesper!$R$2:$R$366,ROW(INDEX(Jesper!AJ$2:AJ$366,ROUNDDOWN($C5878/24,0)+1,1))-1)+IF('Standard Profiles'!$G$20=$B$10,7,0)+IF('Standard Profiles'!$G$20=$B$17,14,0)+IF('Standard Profiles'!$G$20=$B$24,21,0),0)),0)</f>
        <v>0</v>
      </c>
      <c r="G5878" cm="1">
        <f t="array" ref="G5878">IFERROR(INDEX(Jesper!AK$2:AK$366,ROUNDDOWN($C5878/24,0)+1,1)*INDEX($D$3:$AA$30,INDEX(Jesper!$R$2:$R$366,ROW(INDEX(Jesper!AK$2:AK$366,ROUNDDOWN($C5878/24,0)+1,1))-1)+IF('Standard Profiles'!$G$21=$B$10,7,0)+IF('Standard Profiles'!$G$21=$B$17,14,0)+IF('Standard Profiles'!$G$21=$B$24,21,0),MOD($C5878,24)+1)/SUM(INDEX($D$3:$AA$30,INDEX(Jesper!$R$2:$R$366,ROW(INDEX(Jesper!AK$2:AK$366,ROUNDDOWN($C5878/24,0)+1,1))-1)+IF('Standard Profiles'!$G$21=$B$10,7,0)+IF('Standard Profiles'!$G$21=$B$17,14,0)+IF('Standard Profiles'!$G$21=$B$24,21,0),0)),0)</f>
        <v>0.99705188488309837</v>
      </c>
      <c r="H5878" cm="1">
        <f t="array" ref="H5878">IFERROR(INDEX(Jesper!AL$2:AL$366,ROUNDDOWN($C5878/24,0)+1,1)*INDEX($D$3:$AA$30,INDEX(Jesper!$R$2:$R$366,ROW(INDEX(Jesper!AL$2:AL$366,ROUNDDOWN($C5878/24,0)+1,1))-1)+IF('Standard Profiles'!$G$22=$B$10,7,0)+IF('Standard Profiles'!$G$22=$B$17,14,0)+IF('Standard Profiles'!$G$22=$B$24,21,0),MOD($C5878,24)+1)/SUM(INDEX($D$3:$AA$30,INDEX(Jesper!$R$2:$R$366,ROW(INDEX(Jesper!AL$2:AL$366,ROUNDDOWN($C5878/24,0)+1,1))-1)+IF('Standard Profiles'!$G$22=$B$10,7,0)+IF('Standard Profiles'!$G$22=$B$17,14,0)+IF('Standard Profiles'!$G$22=$B$24,21,0),0)),0)</f>
        <v>0</v>
      </c>
      <c r="I5878">
        <f t="shared" si="657"/>
        <v>0.47858490474388699</v>
      </c>
      <c r="J5878">
        <f t="shared" si="658"/>
        <v>43.951742334372156</v>
      </c>
      <c r="K5878">
        <f t="shared" si="659"/>
        <v>3.6607254818842847</v>
      </c>
      <c r="L5878">
        <f t="shared" si="660"/>
        <v>1.8303627409421424</v>
      </c>
      <c r="M5878">
        <f t="shared" si="661"/>
        <v>0</v>
      </c>
      <c r="N5878" s="45">
        <f t="shared" si="662"/>
        <v>45170.499999985826</v>
      </c>
    </row>
    <row r="5879" spans="2:14" x14ac:dyDescent="0.25">
      <c r="B5879">
        <f t="shared" si="656"/>
        <v>5</v>
      </c>
      <c r="C5879" s="16">
        <v>5845</v>
      </c>
      <c r="D5879" cm="1">
        <f t="array" ref="D5879">IFERROR(INDEX(Jesper!AH$2:AH$366,ROUNDDOWN($C5879/24,0)+1,1)*INDEX($D$3:$AA$30,INDEX(Jesper!$R$2:$R$366,ROW(INDEX(Jesper!AH$2:AH$366,ROUNDDOWN($C5879/24,0)+1,1))-1)+IF('Standard Profiles'!$G$18=$B$10,7,0)+IF('Standard Profiles'!$G$18=$B$17,14,0)+IF('Standard Profiles'!$G$18=$B$24,21,0),MOD($C5879,24)+1)/SUM(INDEX($D$3:$AA$30,INDEX(Jesper!$R$2:$R$366,ROW(INDEX(Jesper!AH$2:AH$366,ROUNDDOWN($C5879/24,0)+1,1))-1)+IF('Standard Profiles'!$G$18=$B$10,7,0)+IF('Standard Profiles'!$G$18=$B$17,14,0)+IF('Standard Profiles'!$G$18=$B$24,21,0),0)),0)</f>
        <v>23.759516348768194</v>
      </c>
      <c r="E5879" cm="1">
        <f t="array" ref="E5879">IFERROR(INDEX(Jesper!AI$2:AI$366,ROUNDDOWN($C5879/24,0)+1,1)*INDEX($D$3:$AA$30,INDEX(Jesper!$R$2:$R$366,ROW(INDEX(Jesper!AI$2:AI$366,ROUNDDOWN($C5879/24,0)+1,1))-1)+IF('Standard Profiles'!$G$19=$B$10,7,0)+IF('Standard Profiles'!$G$19=$B$17,14,0)+IF('Standard Profiles'!$G$19=$B$24,21,0),MOD($C5879,24)+1)/SUM(INDEX($D$3:$AA$30,INDEX(Jesper!$R$2:$R$366,ROW(INDEX(Jesper!AI$2:AI$366,ROUNDDOWN($C5879/24,0)+1,1))-1)+IF('Standard Profiles'!$G$19=$B$10,7,0)+IF('Standard Profiles'!$G$19=$B$17,14,0)+IF('Standard Profiles'!$G$19=$B$24,21,0),0)),0)</f>
        <v>10.111196896888298</v>
      </c>
      <c r="F5879" cm="1">
        <f t="array" ref="F5879">IFERROR(INDEX(Jesper!AJ$2:AJ$366,ROUNDDOWN($C5879/24,0)+1,1)*INDEX($D$3:$AA$30,INDEX(Jesper!$R$2:$R$366,ROW(INDEX(Jesper!AJ$2:AJ$366,ROUNDDOWN($C5879/24,0)+1,1))-1)+IF('Standard Profiles'!$G$20=$B$10,7,0)+IF('Standard Profiles'!$G$20=$B$17,14,0)+IF('Standard Profiles'!$G$20=$B$24,21,0),MOD($C5879,24)+1)/SUM(INDEX($D$3:$AA$30,INDEX(Jesper!$R$2:$R$366,ROW(INDEX(Jesper!AJ$2:AJ$366,ROUNDDOWN($C5879/24,0)+1,1))-1)+IF('Standard Profiles'!$G$20=$B$10,7,0)+IF('Standard Profiles'!$G$20=$B$17,14,0)+IF('Standard Profiles'!$G$20=$B$24,21,0),0)),0)</f>
        <v>0</v>
      </c>
      <c r="G5879" cm="1">
        <f t="array" ref="G5879">IFERROR(INDEX(Jesper!AK$2:AK$366,ROUNDDOWN($C5879/24,0)+1,1)*INDEX($D$3:$AA$30,INDEX(Jesper!$R$2:$R$366,ROW(INDEX(Jesper!AK$2:AK$366,ROUNDDOWN($C5879/24,0)+1,1))-1)+IF('Standard Profiles'!$G$21=$B$10,7,0)+IF('Standard Profiles'!$G$21=$B$17,14,0)+IF('Standard Profiles'!$G$21=$B$24,21,0),MOD($C5879,24)+1)/SUM(INDEX($D$3:$AA$30,INDEX(Jesper!$R$2:$R$366,ROW(INDEX(Jesper!AK$2:AK$366,ROUNDDOWN($C5879/24,0)+1,1))-1)+IF('Standard Profiles'!$G$21=$B$10,7,0)+IF('Standard Profiles'!$G$21=$B$17,14,0)+IF('Standard Profiles'!$G$21=$B$24,21,0),0)),0)</f>
        <v>0.69026668953445269</v>
      </c>
      <c r="H5879" cm="1">
        <f t="array" ref="H5879">IFERROR(INDEX(Jesper!AL$2:AL$366,ROUNDDOWN($C5879/24,0)+1,1)*INDEX($D$3:$AA$30,INDEX(Jesper!$R$2:$R$366,ROW(INDEX(Jesper!AL$2:AL$366,ROUNDDOWN($C5879/24,0)+1,1))-1)+IF('Standard Profiles'!$G$22=$B$10,7,0)+IF('Standard Profiles'!$G$22=$B$17,14,0)+IF('Standard Profiles'!$G$22=$B$24,21,0),MOD($C5879,24)+1)/SUM(INDEX($D$3:$AA$30,INDEX(Jesper!$R$2:$R$366,ROW(INDEX(Jesper!AL$2:AL$366,ROUNDDOWN($C5879/24,0)+1,1))-1)+IF('Standard Profiles'!$G$22=$B$10,7,0)+IF('Standard Profiles'!$G$22=$B$17,14,0)+IF('Standard Profiles'!$G$22=$B$24,21,0),0)),0)</f>
        <v>0</v>
      </c>
      <c r="I5879">
        <f t="shared" si="657"/>
        <v>0.33132801097653714</v>
      </c>
      <c r="J5879">
        <f t="shared" si="658"/>
        <v>30.428129308411496</v>
      </c>
      <c r="K5879">
        <f t="shared" si="659"/>
        <v>2.5343484105352743</v>
      </c>
      <c r="L5879">
        <f t="shared" si="660"/>
        <v>1.2671742052676371</v>
      </c>
      <c r="M5879">
        <f t="shared" si="661"/>
        <v>0</v>
      </c>
      <c r="N5879" s="45">
        <f t="shared" si="662"/>
        <v>45170.541666652491</v>
      </c>
    </row>
    <row r="5880" spans="2:14" x14ac:dyDescent="0.25">
      <c r="B5880">
        <f t="shared" si="656"/>
        <v>5</v>
      </c>
      <c r="C5880" s="16">
        <v>5846</v>
      </c>
      <c r="D5880" cm="1">
        <f t="array" ref="D5880">IFERROR(INDEX(Jesper!AH$2:AH$366,ROUNDDOWN($C5880/24,0)+1,1)*INDEX($D$3:$AA$30,INDEX(Jesper!$R$2:$R$366,ROW(INDEX(Jesper!AH$2:AH$366,ROUNDDOWN($C5880/24,0)+1,1))-1)+IF('Standard Profiles'!$G$18=$B$10,7,0)+IF('Standard Profiles'!$G$18=$B$17,14,0)+IF('Standard Profiles'!$G$18=$B$24,21,0),MOD($C5880,24)+1)/SUM(INDEX($D$3:$AA$30,INDEX(Jesper!$R$2:$R$366,ROW(INDEX(Jesper!AH$2:AH$366,ROUNDDOWN($C5880/24,0)+1,1))-1)+IF('Standard Profiles'!$G$18=$B$10,7,0)+IF('Standard Profiles'!$G$18=$B$17,14,0)+IF('Standard Profiles'!$G$18=$B$24,21,0),0)),0)</f>
        <v>34.319301392665167</v>
      </c>
      <c r="E5880" cm="1">
        <f t="array" ref="E5880">IFERROR(INDEX(Jesper!AI$2:AI$366,ROUNDDOWN($C5880/24,0)+1,1)*INDEX($D$3:$AA$30,INDEX(Jesper!$R$2:$R$366,ROW(INDEX(Jesper!AI$2:AI$366,ROUNDDOWN($C5880/24,0)+1,1))-1)+IF('Standard Profiles'!$G$19=$B$10,7,0)+IF('Standard Profiles'!$G$19=$B$17,14,0)+IF('Standard Profiles'!$G$19=$B$24,21,0),MOD($C5880,24)+1)/SUM(INDEX($D$3:$AA$30,INDEX(Jesper!$R$2:$R$366,ROW(INDEX(Jesper!AI$2:AI$366,ROUNDDOWN($C5880/24,0)+1,1))-1)+IF('Standard Profiles'!$G$19=$B$10,7,0)+IF('Standard Profiles'!$G$19=$B$17,14,0)+IF('Standard Profiles'!$G$19=$B$24,21,0),0)),0)</f>
        <v>14.60506218439421</v>
      </c>
      <c r="F5880" cm="1">
        <f t="array" ref="F5880">IFERROR(INDEX(Jesper!AJ$2:AJ$366,ROUNDDOWN($C5880/24,0)+1,1)*INDEX($D$3:$AA$30,INDEX(Jesper!$R$2:$R$366,ROW(INDEX(Jesper!AJ$2:AJ$366,ROUNDDOWN($C5880/24,0)+1,1))-1)+IF('Standard Profiles'!$G$20=$B$10,7,0)+IF('Standard Profiles'!$G$20=$B$17,14,0)+IF('Standard Profiles'!$G$20=$B$24,21,0),MOD($C5880,24)+1)/SUM(INDEX($D$3:$AA$30,INDEX(Jesper!$R$2:$R$366,ROW(INDEX(Jesper!AJ$2:AJ$366,ROUNDDOWN($C5880/24,0)+1,1))-1)+IF('Standard Profiles'!$G$20=$B$10,7,0)+IF('Standard Profiles'!$G$20=$B$17,14,0)+IF('Standard Profiles'!$G$20=$B$24,21,0),0)),0)</f>
        <v>0</v>
      </c>
      <c r="G5880" cm="1">
        <f t="array" ref="G5880">IFERROR(INDEX(Jesper!AK$2:AK$366,ROUNDDOWN($C5880/24,0)+1,1)*INDEX($D$3:$AA$30,INDEX(Jesper!$R$2:$R$366,ROW(INDEX(Jesper!AK$2:AK$366,ROUNDDOWN($C5880/24,0)+1,1))-1)+IF('Standard Profiles'!$G$21=$B$10,7,0)+IF('Standard Profiles'!$G$21=$B$17,14,0)+IF('Standard Profiles'!$G$21=$B$24,21,0),MOD($C5880,24)+1)/SUM(INDEX($D$3:$AA$30,INDEX(Jesper!$R$2:$R$366,ROW(INDEX(Jesper!AK$2:AK$366,ROUNDDOWN($C5880/24,0)+1,1))-1)+IF('Standard Profiles'!$G$21=$B$10,7,0)+IF('Standard Profiles'!$G$21=$B$17,14,0)+IF('Standard Profiles'!$G$21=$B$24,21,0),0)),0)</f>
        <v>0.99705188488309837</v>
      </c>
      <c r="H5880" cm="1">
        <f t="array" ref="H5880">IFERROR(INDEX(Jesper!AL$2:AL$366,ROUNDDOWN($C5880/24,0)+1,1)*INDEX($D$3:$AA$30,INDEX(Jesper!$R$2:$R$366,ROW(INDEX(Jesper!AL$2:AL$366,ROUNDDOWN($C5880/24,0)+1,1))-1)+IF('Standard Profiles'!$G$22=$B$10,7,0)+IF('Standard Profiles'!$G$22=$B$17,14,0)+IF('Standard Profiles'!$G$22=$B$24,21,0),MOD($C5880,24)+1)/SUM(INDEX($D$3:$AA$30,INDEX(Jesper!$R$2:$R$366,ROW(INDEX(Jesper!AL$2:AL$366,ROUNDDOWN($C5880/24,0)+1,1))-1)+IF('Standard Profiles'!$G$22=$B$10,7,0)+IF('Standard Profiles'!$G$22=$B$17,14,0)+IF('Standard Profiles'!$G$22=$B$24,21,0),0)),0)</f>
        <v>0</v>
      </c>
      <c r="I5880">
        <f t="shared" si="657"/>
        <v>0.47858490474388699</v>
      </c>
      <c r="J5880">
        <f t="shared" si="658"/>
        <v>43.951742334372156</v>
      </c>
      <c r="K5880">
        <f t="shared" si="659"/>
        <v>3.6607254818842847</v>
      </c>
      <c r="L5880">
        <f t="shared" si="660"/>
        <v>1.8303627409421424</v>
      </c>
      <c r="M5880">
        <f t="shared" si="661"/>
        <v>0</v>
      </c>
      <c r="N5880" s="45">
        <f t="shared" si="662"/>
        <v>45170.583333319155</v>
      </c>
    </row>
    <row r="5881" spans="2:14" x14ac:dyDescent="0.25">
      <c r="B5881">
        <f t="shared" si="656"/>
        <v>5</v>
      </c>
      <c r="C5881" s="16">
        <v>5847</v>
      </c>
      <c r="D5881" cm="1">
        <f t="array" ref="D5881">IFERROR(INDEX(Jesper!AH$2:AH$366,ROUNDDOWN($C5881/24,0)+1,1)*INDEX($D$3:$AA$30,INDEX(Jesper!$R$2:$R$366,ROW(INDEX(Jesper!AH$2:AH$366,ROUNDDOWN($C5881/24,0)+1,1))-1)+IF('Standard Profiles'!$G$18=$B$10,7,0)+IF('Standard Profiles'!$G$18=$B$17,14,0)+IF('Standard Profiles'!$G$18=$B$24,21,0),MOD($C5881,24)+1)/SUM(INDEX($D$3:$AA$30,INDEX(Jesper!$R$2:$R$366,ROW(INDEX(Jesper!AH$2:AH$366,ROUNDDOWN($C5881/24,0)+1,1))-1)+IF('Standard Profiles'!$G$18=$B$10,7,0)+IF('Standard Profiles'!$G$18=$B$17,14,0)+IF('Standard Profiles'!$G$18=$B$24,21,0),0)),0)</f>
        <v>26.399462609742439</v>
      </c>
      <c r="E5881" cm="1">
        <f t="array" ref="E5881">IFERROR(INDEX(Jesper!AI$2:AI$366,ROUNDDOWN($C5881/24,0)+1,1)*INDEX($D$3:$AA$30,INDEX(Jesper!$R$2:$R$366,ROW(INDEX(Jesper!AI$2:AI$366,ROUNDDOWN($C5881/24,0)+1,1))-1)+IF('Standard Profiles'!$G$19=$B$10,7,0)+IF('Standard Profiles'!$G$19=$B$17,14,0)+IF('Standard Profiles'!$G$19=$B$24,21,0),MOD($C5881,24)+1)/SUM(INDEX($D$3:$AA$30,INDEX(Jesper!$R$2:$R$366,ROW(INDEX(Jesper!AI$2:AI$366,ROUNDDOWN($C5881/24,0)+1,1))-1)+IF('Standard Profiles'!$G$19=$B$10,7,0)+IF('Standard Profiles'!$G$19=$B$17,14,0)+IF('Standard Profiles'!$G$19=$B$24,21,0),0)),0)</f>
        <v>11.234663218764778</v>
      </c>
      <c r="F5881" cm="1">
        <f t="array" ref="F5881">IFERROR(INDEX(Jesper!AJ$2:AJ$366,ROUNDDOWN($C5881/24,0)+1,1)*INDEX($D$3:$AA$30,INDEX(Jesper!$R$2:$R$366,ROW(INDEX(Jesper!AJ$2:AJ$366,ROUNDDOWN($C5881/24,0)+1,1))-1)+IF('Standard Profiles'!$G$20=$B$10,7,0)+IF('Standard Profiles'!$G$20=$B$17,14,0)+IF('Standard Profiles'!$G$20=$B$24,21,0),MOD($C5881,24)+1)/SUM(INDEX($D$3:$AA$30,INDEX(Jesper!$R$2:$R$366,ROW(INDEX(Jesper!AJ$2:AJ$366,ROUNDDOWN($C5881/24,0)+1,1))-1)+IF('Standard Profiles'!$G$20=$B$10,7,0)+IF('Standard Profiles'!$G$20=$B$17,14,0)+IF('Standard Profiles'!$G$20=$B$24,21,0),0)),0)</f>
        <v>0</v>
      </c>
      <c r="G5881" cm="1">
        <f t="array" ref="G5881">IFERROR(INDEX(Jesper!AK$2:AK$366,ROUNDDOWN($C5881/24,0)+1,1)*INDEX($D$3:$AA$30,INDEX(Jesper!$R$2:$R$366,ROW(INDEX(Jesper!AK$2:AK$366,ROUNDDOWN($C5881/24,0)+1,1))-1)+IF('Standard Profiles'!$G$21=$B$10,7,0)+IF('Standard Profiles'!$G$21=$B$17,14,0)+IF('Standard Profiles'!$G$21=$B$24,21,0),MOD($C5881,24)+1)/SUM(INDEX($D$3:$AA$30,INDEX(Jesper!$R$2:$R$366,ROW(INDEX(Jesper!AK$2:AK$366,ROUNDDOWN($C5881/24,0)+1,1))-1)+IF('Standard Profiles'!$G$21=$B$10,7,0)+IF('Standard Profiles'!$G$21=$B$17,14,0)+IF('Standard Profiles'!$G$21=$B$24,21,0),0)),0)</f>
        <v>0.84365928720877559</v>
      </c>
      <c r="H5881" cm="1">
        <f t="array" ref="H5881">IFERROR(INDEX(Jesper!AL$2:AL$366,ROUNDDOWN($C5881/24,0)+1,1)*INDEX($D$3:$AA$30,INDEX(Jesper!$R$2:$R$366,ROW(INDEX(Jesper!AL$2:AL$366,ROUNDDOWN($C5881/24,0)+1,1))-1)+IF('Standard Profiles'!$G$22=$B$10,7,0)+IF('Standard Profiles'!$G$22=$B$17,14,0)+IF('Standard Profiles'!$G$22=$B$24,21,0),MOD($C5881,24)+1)/SUM(INDEX($D$3:$AA$30,INDEX(Jesper!$R$2:$R$366,ROW(INDEX(Jesper!AL$2:AL$366,ROUNDDOWN($C5881/24,0)+1,1))-1)+IF('Standard Profiles'!$G$22=$B$10,7,0)+IF('Standard Profiles'!$G$22=$B$17,14,0)+IF('Standard Profiles'!$G$22=$B$24,21,0),0)),0)</f>
        <v>0</v>
      </c>
      <c r="I5881">
        <f t="shared" si="657"/>
        <v>0.40495645786021206</v>
      </c>
      <c r="J5881">
        <f t="shared" si="658"/>
        <v>33.848914640296989</v>
      </c>
      <c r="K5881">
        <f t="shared" si="659"/>
        <v>2.8159426783725272</v>
      </c>
      <c r="L5881">
        <f t="shared" si="660"/>
        <v>1.4079713391862636</v>
      </c>
      <c r="M5881">
        <f t="shared" si="661"/>
        <v>0</v>
      </c>
      <c r="N5881" s="45">
        <f t="shared" si="662"/>
        <v>45170.624999985819</v>
      </c>
    </row>
    <row r="5882" spans="2:14" x14ac:dyDescent="0.25">
      <c r="B5882">
        <f t="shared" si="656"/>
        <v>5</v>
      </c>
      <c r="C5882" s="16">
        <v>5848</v>
      </c>
      <c r="D5882" cm="1">
        <f t="array" ref="D5882">IFERROR(INDEX(Jesper!AH$2:AH$366,ROUNDDOWN($C5882/24,0)+1,1)*INDEX($D$3:$AA$30,INDEX(Jesper!$R$2:$R$366,ROW(INDEX(Jesper!AH$2:AH$366,ROUNDDOWN($C5882/24,0)+1,1))-1)+IF('Standard Profiles'!$G$18=$B$10,7,0)+IF('Standard Profiles'!$G$18=$B$17,14,0)+IF('Standard Profiles'!$G$18=$B$24,21,0),MOD($C5882,24)+1)/SUM(INDEX($D$3:$AA$30,INDEX(Jesper!$R$2:$R$366,ROW(INDEX(Jesper!AH$2:AH$366,ROUNDDOWN($C5882/24,0)+1,1))-1)+IF('Standard Profiles'!$G$18=$B$10,7,0)+IF('Standard Profiles'!$G$18=$B$17,14,0)+IF('Standard Profiles'!$G$18=$B$24,21,0),0)),0)</f>
        <v>12.394113901287529</v>
      </c>
      <c r="E5882" cm="1">
        <f t="array" ref="E5882">IFERROR(INDEX(Jesper!AI$2:AI$366,ROUNDDOWN($C5882/24,0)+1,1)*INDEX($D$3:$AA$30,INDEX(Jesper!$R$2:$R$366,ROW(INDEX(Jesper!AI$2:AI$366,ROUNDDOWN($C5882/24,0)+1,1))-1)+IF('Standard Profiles'!$G$19=$B$10,7,0)+IF('Standard Profiles'!$G$19=$B$17,14,0)+IF('Standard Profiles'!$G$19=$B$24,21,0),MOD($C5882,24)+1)/SUM(INDEX($D$3:$AA$30,INDEX(Jesper!$R$2:$R$366,ROW(INDEX(Jesper!AI$2:AI$366,ROUNDDOWN($C5882/24,0)+1,1))-1)+IF('Standard Profiles'!$G$19=$B$10,7,0)+IF('Standard Profiles'!$G$19=$B$17,14,0)+IF('Standard Profiles'!$G$19=$B$24,21,0),0)),0)</f>
        <v>5.2744897740679706</v>
      </c>
      <c r="F5882" cm="1">
        <f t="array" ref="F5882">IFERROR(INDEX(Jesper!AJ$2:AJ$366,ROUNDDOWN($C5882/24,0)+1,1)*INDEX($D$3:$AA$30,INDEX(Jesper!$R$2:$R$366,ROW(INDEX(Jesper!AJ$2:AJ$366,ROUNDDOWN($C5882/24,0)+1,1))-1)+IF('Standard Profiles'!$G$20=$B$10,7,0)+IF('Standard Profiles'!$G$20=$B$17,14,0)+IF('Standard Profiles'!$G$20=$B$24,21,0),MOD($C5882,24)+1)/SUM(INDEX($D$3:$AA$30,INDEX(Jesper!$R$2:$R$366,ROW(INDEX(Jesper!AJ$2:AJ$366,ROUNDDOWN($C5882/24,0)+1,1))-1)+IF('Standard Profiles'!$G$20=$B$10,7,0)+IF('Standard Profiles'!$G$20=$B$17,14,0)+IF('Standard Profiles'!$G$20=$B$24,21,0),0)),0)</f>
        <v>0</v>
      </c>
      <c r="G5882" cm="1">
        <f t="array" ref="G5882">IFERROR(INDEX(Jesper!AK$2:AK$366,ROUNDDOWN($C5882/24,0)+1,1)*INDEX($D$3:$AA$30,INDEX(Jesper!$R$2:$R$366,ROW(INDEX(Jesper!AK$2:AK$366,ROUNDDOWN($C5882/24,0)+1,1))-1)+IF('Standard Profiles'!$G$21=$B$10,7,0)+IF('Standard Profiles'!$G$21=$B$17,14,0)+IF('Standard Profiles'!$G$21=$B$24,21,0),MOD($C5882,24)+1)/SUM(INDEX($D$3:$AA$30,INDEX(Jesper!$R$2:$R$366,ROW(INDEX(Jesper!AK$2:AK$366,ROUNDDOWN($C5882/24,0)+1,1))-1)+IF('Standard Profiles'!$G$21=$B$10,7,0)+IF('Standard Profiles'!$G$21=$B$17,14,0)+IF('Standard Profiles'!$G$21=$B$24,21,0),0)),0)</f>
        <v>0.73044094130629922</v>
      </c>
      <c r="H5882" cm="1">
        <f t="array" ref="H5882">IFERROR(INDEX(Jesper!AL$2:AL$366,ROUNDDOWN($C5882/24,0)+1,1)*INDEX($D$3:$AA$30,INDEX(Jesper!$R$2:$R$366,ROW(INDEX(Jesper!AL$2:AL$366,ROUNDDOWN($C5882/24,0)+1,1))-1)+IF('Standard Profiles'!$G$22=$B$10,7,0)+IF('Standard Profiles'!$G$22=$B$17,14,0)+IF('Standard Profiles'!$G$22=$B$24,21,0),MOD($C5882,24)+1)/SUM(INDEX($D$3:$AA$30,INDEX(Jesper!$R$2:$R$366,ROW(INDEX(Jesper!AL$2:AL$366,ROUNDDOWN($C5882/24,0)+1,1))-1)+IF('Standard Profiles'!$G$22=$B$10,7,0)+IF('Standard Profiles'!$G$22=$B$17,14,0)+IF('Standard Profiles'!$G$22=$B$24,21,0),0)),0)</f>
        <v>0</v>
      </c>
      <c r="I5882">
        <f t="shared" si="657"/>
        <v>0.35061165182702347</v>
      </c>
      <c r="J5882">
        <f t="shared" si="658"/>
        <v>16.065374740628769</v>
      </c>
      <c r="K5882">
        <f t="shared" si="659"/>
        <v>1.3220388161373364</v>
      </c>
      <c r="L5882">
        <f t="shared" si="660"/>
        <v>0.66101940806866821</v>
      </c>
      <c r="M5882">
        <f t="shared" si="661"/>
        <v>0</v>
      </c>
      <c r="N5882" s="45">
        <f t="shared" si="662"/>
        <v>45170.666666652483</v>
      </c>
    </row>
    <row r="5883" spans="2:14" x14ac:dyDescent="0.25">
      <c r="B5883">
        <f t="shared" si="656"/>
        <v>5</v>
      </c>
      <c r="C5883" s="16">
        <v>5849</v>
      </c>
      <c r="D5883" cm="1">
        <f t="array" ref="D5883">IFERROR(INDEX(Jesper!AH$2:AH$366,ROUNDDOWN($C5883/24,0)+1,1)*INDEX($D$3:$AA$30,INDEX(Jesper!$R$2:$R$366,ROW(INDEX(Jesper!AH$2:AH$366,ROUNDDOWN($C5883/24,0)+1,1))-1)+IF('Standard Profiles'!$G$18=$B$10,7,0)+IF('Standard Profiles'!$G$18=$B$17,14,0)+IF('Standard Profiles'!$G$18=$B$24,21,0),MOD($C5883,24)+1)/SUM(INDEX($D$3:$AA$30,INDEX(Jesper!$R$2:$R$366,ROW(INDEX(Jesper!AH$2:AH$366,ROUNDDOWN($C5883/24,0)+1,1))-1)+IF('Standard Profiles'!$G$18=$B$10,7,0)+IF('Standard Profiles'!$G$18=$B$17,14,0)+IF('Standard Profiles'!$G$18=$B$24,21,0),0)),0)</f>
        <v>8.1801151748497691</v>
      </c>
      <c r="E5883" cm="1">
        <f t="array" ref="E5883">IFERROR(INDEX(Jesper!AI$2:AI$366,ROUNDDOWN($C5883/24,0)+1,1)*INDEX($D$3:$AA$30,INDEX(Jesper!$R$2:$R$366,ROW(INDEX(Jesper!AI$2:AI$366,ROUNDDOWN($C5883/24,0)+1,1))-1)+IF('Standard Profiles'!$G$19=$B$10,7,0)+IF('Standard Profiles'!$G$19=$B$17,14,0)+IF('Standard Profiles'!$G$19=$B$24,21,0),MOD($C5883,24)+1)/SUM(INDEX($D$3:$AA$30,INDEX(Jesper!$R$2:$R$366,ROW(INDEX(Jesper!AI$2:AI$366,ROUNDDOWN($C5883/24,0)+1,1))-1)+IF('Standard Profiles'!$G$19=$B$10,7,0)+IF('Standard Profiles'!$G$19=$B$17,14,0)+IF('Standard Profiles'!$G$19=$B$24,21,0),0)),0)</f>
        <v>3.4811632508848604</v>
      </c>
      <c r="F5883" cm="1">
        <f t="array" ref="F5883">IFERROR(INDEX(Jesper!AJ$2:AJ$366,ROUNDDOWN($C5883/24,0)+1,1)*INDEX($D$3:$AA$30,INDEX(Jesper!$R$2:$R$366,ROW(INDEX(Jesper!AJ$2:AJ$366,ROUNDDOWN($C5883/24,0)+1,1))-1)+IF('Standard Profiles'!$G$20=$B$10,7,0)+IF('Standard Profiles'!$G$20=$B$17,14,0)+IF('Standard Profiles'!$G$20=$B$24,21,0),MOD($C5883,24)+1)/SUM(INDEX($D$3:$AA$30,INDEX(Jesper!$R$2:$R$366,ROW(INDEX(Jesper!AJ$2:AJ$366,ROUNDDOWN($C5883/24,0)+1,1))-1)+IF('Standard Profiles'!$G$20=$B$10,7,0)+IF('Standard Profiles'!$G$20=$B$17,14,0)+IF('Standard Profiles'!$G$20=$B$24,21,0),0)),0)</f>
        <v>0</v>
      </c>
      <c r="G5883" cm="1">
        <f t="array" ref="G5883">IFERROR(INDEX(Jesper!AK$2:AK$366,ROUNDDOWN($C5883/24,0)+1,1)*INDEX($D$3:$AA$30,INDEX(Jesper!$R$2:$R$366,ROW(INDEX(Jesper!AK$2:AK$366,ROUNDDOWN($C5883/24,0)+1,1))-1)+IF('Standard Profiles'!$G$21=$B$10,7,0)+IF('Standard Profiles'!$G$21=$B$17,14,0)+IF('Standard Profiles'!$G$21=$B$24,21,0),MOD($C5883,24)+1)/SUM(INDEX($D$3:$AA$30,INDEX(Jesper!$R$2:$R$366,ROW(INDEX(Jesper!AK$2:AK$366,ROUNDDOWN($C5883/24,0)+1,1))-1)+IF('Standard Profiles'!$G$21=$B$10,7,0)+IF('Standard Profiles'!$G$21=$B$17,14,0)+IF('Standard Profiles'!$G$21=$B$24,21,0),0)),0)</f>
        <v>0.61357039069729125</v>
      </c>
      <c r="H5883" cm="1">
        <f t="array" ref="H5883">IFERROR(INDEX(Jesper!AL$2:AL$366,ROUNDDOWN($C5883/24,0)+1,1)*INDEX($D$3:$AA$30,INDEX(Jesper!$R$2:$R$366,ROW(INDEX(Jesper!AL$2:AL$366,ROUNDDOWN($C5883/24,0)+1,1))-1)+IF('Standard Profiles'!$G$22=$B$10,7,0)+IF('Standard Profiles'!$G$22=$B$17,14,0)+IF('Standard Profiles'!$G$22=$B$24,21,0),MOD($C5883,24)+1)/SUM(INDEX($D$3:$AA$30,INDEX(Jesper!$R$2:$R$366,ROW(INDEX(Jesper!AL$2:AL$366,ROUNDDOWN($C5883/24,0)+1,1))-1)+IF('Standard Profiles'!$G$22=$B$10,7,0)+IF('Standard Profiles'!$G$22=$B$17,14,0)+IF('Standard Profiles'!$G$22=$B$24,21,0),0)),0)</f>
        <v>0</v>
      </c>
      <c r="I5883">
        <f t="shared" si="657"/>
        <v>0.29451378753469964</v>
      </c>
      <c r="J5883">
        <f t="shared" si="658"/>
        <v>10.671516600921258</v>
      </c>
      <c r="K5883">
        <f t="shared" si="659"/>
        <v>0.87254561865064206</v>
      </c>
      <c r="L5883">
        <f t="shared" si="660"/>
        <v>0.43627280932532103</v>
      </c>
      <c r="M5883">
        <f t="shared" si="661"/>
        <v>0</v>
      </c>
      <c r="N5883" s="45">
        <f t="shared" si="662"/>
        <v>45170.708333319148</v>
      </c>
    </row>
    <row r="5884" spans="2:14" x14ac:dyDescent="0.25">
      <c r="B5884">
        <f t="shared" si="656"/>
        <v>5</v>
      </c>
      <c r="C5884" s="16">
        <v>5850</v>
      </c>
      <c r="D5884" cm="1">
        <f t="array" ref="D5884">IFERROR(INDEX(Jesper!AH$2:AH$366,ROUNDDOWN($C5884/24,0)+1,1)*INDEX($D$3:$AA$30,INDEX(Jesper!$R$2:$R$366,ROW(INDEX(Jesper!AH$2:AH$366,ROUNDDOWN($C5884/24,0)+1,1))-1)+IF('Standard Profiles'!$G$18=$B$10,7,0)+IF('Standard Profiles'!$G$18=$B$17,14,0)+IF('Standard Profiles'!$G$18=$B$24,21,0),MOD($C5884,24)+1)/SUM(INDEX($D$3:$AA$30,INDEX(Jesper!$R$2:$R$366,ROW(INDEX(Jesper!AH$2:AH$366,ROUNDDOWN($C5884/24,0)+1,1))-1)+IF('Standard Profiles'!$G$18=$B$10,7,0)+IF('Standard Profiles'!$G$18=$B$17,14,0)+IF('Standard Profiles'!$G$18=$B$24,21,0),0)),0)</f>
        <v>5.2055278385407622</v>
      </c>
      <c r="E5884" cm="1">
        <f t="array" ref="E5884">IFERROR(INDEX(Jesper!AI$2:AI$366,ROUNDDOWN($C5884/24,0)+1,1)*INDEX($D$3:$AA$30,INDEX(Jesper!$R$2:$R$366,ROW(INDEX(Jesper!AI$2:AI$366,ROUNDDOWN($C5884/24,0)+1,1))-1)+IF('Standard Profiles'!$G$19=$B$10,7,0)+IF('Standard Profiles'!$G$19=$B$17,14,0)+IF('Standard Profiles'!$G$19=$B$24,21,0),MOD($C5884,24)+1)/SUM(INDEX($D$3:$AA$30,INDEX(Jesper!$R$2:$R$366,ROW(INDEX(Jesper!AI$2:AI$366,ROUNDDOWN($C5884/24,0)+1,1))-1)+IF('Standard Profiles'!$G$19=$B$10,7,0)+IF('Standard Profiles'!$G$19=$B$17,14,0)+IF('Standard Profiles'!$G$19=$B$24,21,0),0)),0)</f>
        <v>2.2152857051085477</v>
      </c>
      <c r="F5884" cm="1">
        <f t="array" ref="F5884">IFERROR(INDEX(Jesper!AJ$2:AJ$366,ROUNDDOWN($C5884/24,0)+1,1)*INDEX($D$3:$AA$30,INDEX(Jesper!$R$2:$R$366,ROW(INDEX(Jesper!AJ$2:AJ$366,ROUNDDOWN($C5884/24,0)+1,1))-1)+IF('Standard Profiles'!$G$20=$B$10,7,0)+IF('Standard Profiles'!$G$20=$B$17,14,0)+IF('Standard Profiles'!$G$20=$B$24,21,0),MOD($C5884,24)+1)/SUM(INDEX($D$3:$AA$30,INDEX(Jesper!$R$2:$R$366,ROW(INDEX(Jesper!AJ$2:AJ$366,ROUNDDOWN($C5884/24,0)+1,1))-1)+IF('Standard Profiles'!$G$20=$B$10,7,0)+IF('Standard Profiles'!$G$20=$B$17,14,0)+IF('Standard Profiles'!$G$20=$B$24,21,0),0)),0)</f>
        <v>0</v>
      </c>
      <c r="G5884" cm="1">
        <f t="array" ref="G5884">IFERROR(INDEX(Jesper!AK$2:AK$366,ROUNDDOWN($C5884/24,0)+1,1)*INDEX($D$3:$AA$30,INDEX(Jesper!$R$2:$R$366,ROW(INDEX(Jesper!AK$2:AK$366,ROUNDDOWN($C5884/24,0)+1,1))-1)+IF('Standard Profiles'!$G$21=$B$10,7,0)+IF('Standard Profiles'!$G$21=$B$17,14,0)+IF('Standard Profiles'!$G$21=$B$24,21,0),MOD($C5884,24)+1)/SUM(INDEX($D$3:$AA$30,INDEX(Jesper!$R$2:$R$366,ROW(INDEX(Jesper!AK$2:AK$366,ROUNDDOWN($C5884/24,0)+1,1))-1)+IF('Standard Profiles'!$G$21=$B$10,7,0)+IF('Standard Profiles'!$G$21=$B$17,14,0)+IF('Standard Profiles'!$G$21=$B$24,21,0),0)),0)</f>
        <v>0.22643669180495274</v>
      </c>
      <c r="H5884" cm="1">
        <f t="array" ref="H5884">IFERROR(INDEX(Jesper!AL$2:AL$366,ROUNDDOWN($C5884/24,0)+1,1)*INDEX($D$3:$AA$30,INDEX(Jesper!$R$2:$R$366,ROW(INDEX(Jesper!AL$2:AL$366,ROUNDDOWN($C5884/24,0)+1,1))-1)+IF('Standard Profiles'!$G$22=$B$10,7,0)+IF('Standard Profiles'!$G$22=$B$17,14,0)+IF('Standard Profiles'!$G$22=$B$24,21,0),MOD($C5884,24)+1)/SUM(INDEX($D$3:$AA$30,INDEX(Jesper!$R$2:$R$366,ROW(INDEX(Jesper!AL$2:AL$366,ROUNDDOWN($C5884/24,0)+1,1))-1)+IF('Standard Profiles'!$G$22=$B$10,7,0)+IF('Standard Profiles'!$G$22=$B$17,14,0)+IF('Standard Profiles'!$G$22=$B$24,21,0),0)),0)</f>
        <v>0</v>
      </c>
      <c r="I5884">
        <f t="shared" si="657"/>
        <v>0.10868961206637726</v>
      </c>
      <c r="J5884">
        <f t="shared" si="658"/>
        <v>6.7056761692213636</v>
      </c>
      <c r="K5884">
        <f t="shared" si="659"/>
        <v>0.55525630277768134</v>
      </c>
      <c r="L5884">
        <f t="shared" si="660"/>
        <v>0.27762815138884067</v>
      </c>
      <c r="M5884">
        <f t="shared" si="661"/>
        <v>0</v>
      </c>
      <c r="N5884" s="45">
        <f t="shared" si="662"/>
        <v>45170.749999985812</v>
      </c>
    </row>
    <row r="5885" spans="2:14" x14ac:dyDescent="0.25">
      <c r="B5885">
        <f t="shared" si="656"/>
        <v>5</v>
      </c>
      <c r="C5885" s="16">
        <v>5851</v>
      </c>
      <c r="D5885" cm="1">
        <f t="array" ref="D5885">IFERROR(INDEX(Jesper!AH$2:AH$366,ROUNDDOWN($C5885/24,0)+1,1)*INDEX($D$3:$AA$30,INDEX(Jesper!$R$2:$R$366,ROW(INDEX(Jesper!AH$2:AH$366,ROUNDDOWN($C5885/24,0)+1,1))-1)+IF('Standard Profiles'!$G$18=$B$10,7,0)+IF('Standard Profiles'!$G$18=$B$17,14,0)+IF('Standard Profiles'!$G$18=$B$24,21,0),MOD($C5885,24)+1)/SUM(INDEX($D$3:$AA$30,INDEX(Jesper!$R$2:$R$366,ROW(INDEX(Jesper!AH$2:AH$366,ROUNDDOWN($C5885/24,0)+1,1))-1)+IF('Standard Profiles'!$G$18=$B$10,7,0)+IF('Standard Profiles'!$G$18=$B$17,14,0)+IF('Standard Profiles'!$G$18=$B$24,21,0),0)),0)</f>
        <v>4.9576455605150116</v>
      </c>
      <c r="E5885" cm="1">
        <f t="array" ref="E5885">IFERROR(INDEX(Jesper!AI$2:AI$366,ROUNDDOWN($C5885/24,0)+1,1)*INDEX($D$3:$AA$30,INDEX(Jesper!$R$2:$R$366,ROW(INDEX(Jesper!AI$2:AI$366,ROUNDDOWN($C5885/24,0)+1,1))-1)+IF('Standard Profiles'!$G$19=$B$10,7,0)+IF('Standard Profiles'!$G$19=$B$17,14,0)+IF('Standard Profiles'!$G$19=$B$24,21,0),MOD($C5885,24)+1)/SUM(INDEX($D$3:$AA$30,INDEX(Jesper!$R$2:$R$366,ROW(INDEX(Jesper!AI$2:AI$366,ROUNDDOWN($C5885/24,0)+1,1))-1)+IF('Standard Profiles'!$G$19=$B$10,7,0)+IF('Standard Profiles'!$G$19=$B$17,14,0)+IF('Standard Profiles'!$G$19=$B$24,21,0),0)),0)</f>
        <v>2.1097959096271883</v>
      </c>
      <c r="F5885" cm="1">
        <f t="array" ref="F5885">IFERROR(INDEX(Jesper!AJ$2:AJ$366,ROUNDDOWN($C5885/24,0)+1,1)*INDEX($D$3:$AA$30,INDEX(Jesper!$R$2:$R$366,ROW(INDEX(Jesper!AJ$2:AJ$366,ROUNDDOWN($C5885/24,0)+1,1))-1)+IF('Standard Profiles'!$G$20=$B$10,7,0)+IF('Standard Profiles'!$G$20=$B$17,14,0)+IF('Standard Profiles'!$G$20=$B$24,21,0),MOD($C5885,24)+1)/SUM(INDEX($D$3:$AA$30,INDEX(Jesper!$R$2:$R$366,ROW(INDEX(Jesper!AJ$2:AJ$366,ROUNDDOWN($C5885/24,0)+1,1))-1)+IF('Standard Profiles'!$G$20=$B$10,7,0)+IF('Standard Profiles'!$G$20=$B$17,14,0)+IF('Standard Profiles'!$G$20=$B$24,21,0),0)),0)</f>
        <v>0</v>
      </c>
      <c r="G5885" cm="1">
        <f t="array" ref="G5885">IFERROR(INDEX(Jesper!AK$2:AK$366,ROUNDDOWN($C5885/24,0)+1,1)*INDEX($D$3:$AA$30,INDEX(Jesper!$R$2:$R$366,ROW(INDEX(Jesper!AK$2:AK$366,ROUNDDOWN($C5885/24,0)+1,1))-1)+IF('Standard Profiles'!$G$21=$B$10,7,0)+IF('Standard Profiles'!$G$21=$B$17,14,0)+IF('Standard Profiles'!$G$21=$B$24,21,0),MOD($C5885,24)+1)/SUM(INDEX($D$3:$AA$30,INDEX(Jesper!$R$2:$R$366,ROW(INDEX(Jesper!AK$2:AK$366,ROUNDDOWN($C5885/24,0)+1,1))-1)+IF('Standard Profiles'!$G$21=$B$10,7,0)+IF('Standard Profiles'!$G$21=$B$17,14,0)+IF('Standard Profiles'!$G$21=$B$24,21,0),0)),0)</f>
        <v>0.22643669180495274</v>
      </c>
      <c r="H5885" cm="1">
        <f t="array" ref="H5885">IFERROR(INDEX(Jesper!AL$2:AL$366,ROUNDDOWN($C5885/24,0)+1,1)*INDEX($D$3:$AA$30,INDEX(Jesper!$R$2:$R$366,ROW(INDEX(Jesper!AL$2:AL$366,ROUNDDOWN($C5885/24,0)+1,1))-1)+IF('Standard Profiles'!$G$22=$B$10,7,0)+IF('Standard Profiles'!$G$22=$B$17,14,0)+IF('Standard Profiles'!$G$22=$B$24,21,0),MOD($C5885,24)+1)/SUM(INDEX($D$3:$AA$30,INDEX(Jesper!$R$2:$R$366,ROW(INDEX(Jesper!AL$2:AL$366,ROUNDDOWN($C5885/24,0)+1,1))-1)+IF('Standard Profiles'!$G$22=$B$10,7,0)+IF('Standard Profiles'!$G$22=$B$17,14,0)+IF('Standard Profiles'!$G$22=$B$24,21,0),0)),0)</f>
        <v>0</v>
      </c>
      <c r="I5885">
        <f t="shared" si="657"/>
        <v>0.10868961206637726</v>
      </c>
      <c r="J5885">
        <f t="shared" si="658"/>
        <v>6.391965260198373</v>
      </c>
      <c r="K5885">
        <f t="shared" si="659"/>
        <v>0.52881552645493457</v>
      </c>
      <c r="L5885">
        <f t="shared" si="660"/>
        <v>0.26440776322746729</v>
      </c>
      <c r="M5885">
        <f t="shared" si="661"/>
        <v>0</v>
      </c>
      <c r="N5885" s="45">
        <f t="shared" si="662"/>
        <v>45170.791666652476</v>
      </c>
    </row>
    <row r="5886" spans="2:14" x14ac:dyDescent="0.25">
      <c r="B5886">
        <f t="shared" si="656"/>
        <v>5</v>
      </c>
      <c r="C5886" s="16">
        <v>5852</v>
      </c>
      <c r="D5886" cm="1">
        <f t="array" ref="D5886">IFERROR(INDEX(Jesper!AH$2:AH$366,ROUNDDOWN($C5886/24,0)+1,1)*INDEX($D$3:$AA$30,INDEX(Jesper!$R$2:$R$366,ROW(INDEX(Jesper!AH$2:AH$366,ROUNDDOWN($C5886/24,0)+1,1))-1)+IF('Standard Profiles'!$G$18=$B$10,7,0)+IF('Standard Profiles'!$G$18=$B$17,14,0)+IF('Standard Profiles'!$G$18=$B$24,21,0),MOD($C5886,24)+1)/SUM(INDEX($D$3:$AA$30,INDEX(Jesper!$R$2:$R$366,ROW(INDEX(Jesper!AH$2:AH$366,ROUNDDOWN($C5886/24,0)+1,1))-1)+IF('Standard Profiles'!$G$18=$B$10,7,0)+IF('Standard Profiles'!$G$18=$B$17,14,0)+IF('Standard Profiles'!$G$18=$B$24,21,0),0)),0)</f>
        <v>4.9576455605150116</v>
      </c>
      <c r="E5886" cm="1">
        <f t="array" ref="E5886">IFERROR(INDEX(Jesper!AI$2:AI$366,ROUNDDOWN($C5886/24,0)+1,1)*INDEX($D$3:$AA$30,INDEX(Jesper!$R$2:$R$366,ROW(INDEX(Jesper!AI$2:AI$366,ROUNDDOWN($C5886/24,0)+1,1))-1)+IF('Standard Profiles'!$G$19=$B$10,7,0)+IF('Standard Profiles'!$G$19=$B$17,14,0)+IF('Standard Profiles'!$G$19=$B$24,21,0),MOD($C5886,24)+1)/SUM(INDEX($D$3:$AA$30,INDEX(Jesper!$R$2:$R$366,ROW(INDEX(Jesper!AI$2:AI$366,ROUNDDOWN($C5886/24,0)+1,1))-1)+IF('Standard Profiles'!$G$19=$B$10,7,0)+IF('Standard Profiles'!$G$19=$B$17,14,0)+IF('Standard Profiles'!$G$19=$B$24,21,0),0)),0)</f>
        <v>2.1097959096271883</v>
      </c>
      <c r="F5886" cm="1">
        <f t="array" ref="F5886">IFERROR(INDEX(Jesper!AJ$2:AJ$366,ROUNDDOWN($C5886/24,0)+1,1)*INDEX($D$3:$AA$30,INDEX(Jesper!$R$2:$R$366,ROW(INDEX(Jesper!AJ$2:AJ$366,ROUNDDOWN($C5886/24,0)+1,1))-1)+IF('Standard Profiles'!$G$20=$B$10,7,0)+IF('Standard Profiles'!$G$20=$B$17,14,0)+IF('Standard Profiles'!$G$20=$B$24,21,0),MOD($C5886,24)+1)/SUM(INDEX($D$3:$AA$30,INDEX(Jesper!$R$2:$R$366,ROW(INDEX(Jesper!AJ$2:AJ$366,ROUNDDOWN($C5886/24,0)+1,1))-1)+IF('Standard Profiles'!$G$20=$B$10,7,0)+IF('Standard Profiles'!$G$20=$B$17,14,0)+IF('Standard Profiles'!$G$20=$B$24,21,0),0)),0)</f>
        <v>0</v>
      </c>
      <c r="G5886" cm="1">
        <f t="array" ref="G5886">IFERROR(INDEX(Jesper!AK$2:AK$366,ROUNDDOWN($C5886/24,0)+1,1)*INDEX($D$3:$AA$30,INDEX(Jesper!$R$2:$R$366,ROW(INDEX(Jesper!AK$2:AK$366,ROUNDDOWN($C5886/24,0)+1,1))-1)+IF('Standard Profiles'!$G$21=$B$10,7,0)+IF('Standard Profiles'!$G$21=$B$17,14,0)+IF('Standard Profiles'!$G$21=$B$24,21,0),MOD($C5886,24)+1)/SUM(INDEX($D$3:$AA$30,INDEX(Jesper!$R$2:$R$366,ROW(INDEX(Jesper!AK$2:AK$366,ROUNDDOWN($C5886/24,0)+1,1))-1)+IF('Standard Profiles'!$G$21=$B$10,7,0)+IF('Standard Profiles'!$G$21=$B$17,14,0)+IF('Standard Profiles'!$G$21=$B$24,21,0),0)),0)</f>
        <v>0.22643669180495274</v>
      </c>
      <c r="H5886" cm="1">
        <f t="array" ref="H5886">IFERROR(INDEX(Jesper!AL$2:AL$366,ROUNDDOWN($C5886/24,0)+1,1)*INDEX($D$3:$AA$30,INDEX(Jesper!$R$2:$R$366,ROW(INDEX(Jesper!AL$2:AL$366,ROUNDDOWN($C5886/24,0)+1,1))-1)+IF('Standard Profiles'!$G$22=$B$10,7,0)+IF('Standard Profiles'!$G$22=$B$17,14,0)+IF('Standard Profiles'!$G$22=$B$24,21,0),MOD($C5886,24)+1)/SUM(INDEX($D$3:$AA$30,INDEX(Jesper!$R$2:$R$366,ROW(INDEX(Jesper!AL$2:AL$366,ROUNDDOWN($C5886/24,0)+1,1))-1)+IF('Standard Profiles'!$G$22=$B$10,7,0)+IF('Standard Profiles'!$G$22=$B$17,14,0)+IF('Standard Profiles'!$G$22=$B$24,21,0),0)),0)</f>
        <v>0</v>
      </c>
      <c r="I5886">
        <f t="shared" si="657"/>
        <v>0.10868961206637726</v>
      </c>
      <c r="J5886">
        <f t="shared" si="658"/>
        <v>6.391965260198373</v>
      </c>
      <c r="K5886">
        <f t="shared" si="659"/>
        <v>0.52881552645493457</v>
      </c>
      <c r="L5886">
        <f t="shared" si="660"/>
        <v>0.26440776322746729</v>
      </c>
      <c r="M5886">
        <f t="shared" si="661"/>
        <v>0</v>
      </c>
      <c r="N5886" s="45">
        <f t="shared" si="662"/>
        <v>45170.83333331914</v>
      </c>
    </row>
    <row r="5887" spans="2:14" x14ac:dyDescent="0.25">
      <c r="B5887">
        <f t="shared" si="656"/>
        <v>5</v>
      </c>
      <c r="C5887" s="16">
        <v>5853</v>
      </c>
      <c r="D5887" cm="1">
        <f t="array" ref="D5887">IFERROR(INDEX(Jesper!AH$2:AH$366,ROUNDDOWN($C5887/24,0)+1,1)*INDEX($D$3:$AA$30,INDEX(Jesper!$R$2:$R$366,ROW(INDEX(Jesper!AH$2:AH$366,ROUNDDOWN($C5887/24,0)+1,1))-1)+IF('Standard Profiles'!$G$18=$B$10,7,0)+IF('Standard Profiles'!$G$18=$B$17,14,0)+IF('Standard Profiles'!$G$18=$B$24,21,0),MOD($C5887,24)+1)/SUM(INDEX($D$3:$AA$30,INDEX(Jesper!$R$2:$R$366,ROW(INDEX(Jesper!AH$2:AH$366,ROUNDDOWN($C5887/24,0)+1,1))-1)+IF('Standard Profiles'!$G$18=$B$10,7,0)+IF('Standard Profiles'!$G$18=$B$17,14,0)+IF('Standard Profiles'!$G$18=$B$24,21,0),0)),0)</f>
        <v>4.9576455605150116</v>
      </c>
      <c r="E5887" cm="1">
        <f t="array" ref="E5887">IFERROR(INDEX(Jesper!AI$2:AI$366,ROUNDDOWN($C5887/24,0)+1,1)*INDEX($D$3:$AA$30,INDEX(Jesper!$R$2:$R$366,ROW(INDEX(Jesper!AI$2:AI$366,ROUNDDOWN($C5887/24,0)+1,1))-1)+IF('Standard Profiles'!$G$19=$B$10,7,0)+IF('Standard Profiles'!$G$19=$B$17,14,0)+IF('Standard Profiles'!$G$19=$B$24,21,0),MOD($C5887,24)+1)/SUM(INDEX($D$3:$AA$30,INDEX(Jesper!$R$2:$R$366,ROW(INDEX(Jesper!AI$2:AI$366,ROUNDDOWN($C5887/24,0)+1,1))-1)+IF('Standard Profiles'!$G$19=$B$10,7,0)+IF('Standard Profiles'!$G$19=$B$17,14,0)+IF('Standard Profiles'!$G$19=$B$24,21,0),0)),0)</f>
        <v>2.1097959096271883</v>
      </c>
      <c r="F5887" cm="1">
        <f t="array" ref="F5887">IFERROR(INDEX(Jesper!AJ$2:AJ$366,ROUNDDOWN($C5887/24,0)+1,1)*INDEX($D$3:$AA$30,INDEX(Jesper!$R$2:$R$366,ROW(INDEX(Jesper!AJ$2:AJ$366,ROUNDDOWN($C5887/24,0)+1,1))-1)+IF('Standard Profiles'!$G$20=$B$10,7,0)+IF('Standard Profiles'!$G$20=$B$17,14,0)+IF('Standard Profiles'!$G$20=$B$24,21,0),MOD($C5887,24)+1)/SUM(INDEX($D$3:$AA$30,INDEX(Jesper!$R$2:$R$366,ROW(INDEX(Jesper!AJ$2:AJ$366,ROUNDDOWN($C5887/24,0)+1,1))-1)+IF('Standard Profiles'!$G$20=$B$10,7,0)+IF('Standard Profiles'!$G$20=$B$17,14,0)+IF('Standard Profiles'!$G$20=$B$24,21,0),0)),0)</f>
        <v>0</v>
      </c>
      <c r="G5887" cm="1">
        <f t="array" ref="G5887">IFERROR(INDEX(Jesper!AK$2:AK$366,ROUNDDOWN($C5887/24,0)+1,1)*INDEX($D$3:$AA$30,INDEX(Jesper!$R$2:$R$366,ROW(INDEX(Jesper!AK$2:AK$366,ROUNDDOWN($C5887/24,0)+1,1))-1)+IF('Standard Profiles'!$G$21=$B$10,7,0)+IF('Standard Profiles'!$G$21=$B$17,14,0)+IF('Standard Profiles'!$G$21=$B$24,21,0),MOD($C5887,24)+1)/SUM(INDEX($D$3:$AA$30,INDEX(Jesper!$R$2:$R$366,ROW(INDEX(Jesper!AK$2:AK$366,ROUNDDOWN($C5887/24,0)+1,1))-1)+IF('Standard Profiles'!$G$21=$B$10,7,0)+IF('Standard Profiles'!$G$21=$B$17,14,0)+IF('Standard Profiles'!$G$21=$B$24,21,0),0)),0)</f>
        <v>0.22643669180495274</v>
      </c>
      <c r="H5887" cm="1">
        <f t="array" ref="H5887">IFERROR(INDEX(Jesper!AL$2:AL$366,ROUNDDOWN($C5887/24,0)+1,1)*INDEX($D$3:$AA$30,INDEX(Jesper!$R$2:$R$366,ROW(INDEX(Jesper!AL$2:AL$366,ROUNDDOWN($C5887/24,0)+1,1))-1)+IF('Standard Profiles'!$G$22=$B$10,7,0)+IF('Standard Profiles'!$G$22=$B$17,14,0)+IF('Standard Profiles'!$G$22=$B$24,21,0),MOD($C5887,24)+1)/SUM(INDEX($D$3:$AA$30,INDEX(Jesper!$R$2:$R$366,ROW(INDEX(Jesper!AL$2:AL$366,ROUNDDOWN($C5887/24,0)+1,1))-1)+IF('Standard Profiles'!$G$22=$B$10,7,0)+IF('Standard Profiles'!$G$22=$B$17,14,0)+IF('Standard Profiles'!$G$22=$B$24,21,0),0)),0)</f>
        <v>0</v>
      </c>
      <c r="I5887">
        <f t="shared" si="657"/>
        <v>0.10868961206637726</v>
      </c>
      <c r="J5887">
        <f t="shared" si="658"/>
        <v>6.391965260198373</v>
      </c>
      <c r="K5887">
        <f t="shared" si="659"/>
        <v>0.52881552645493457</v>
      </c>
      <c r="L5887">
        <f t="shared" si="660"/>
        <v>0.26440776322746729</v>
      </c>
      <c r="M5887">
        <f t="shared" si="661"/>
        <v>0</v>
      </c>
      <c r="N5887" s="45">
        <f t="shared" si="662"/>
        <v>45170.874999985805</v>
      </c>
    </row>
    <row r="5888" spans="2:14" x14ac:dyDescent="0.25">
      <c r="B5888">
        <f t="shared" si="656"/>
        <v>5</v>
      </c>
      <c r="C5888" s="16">
        <v>5854</v>
      </c>
      <c r="D5888" cm="1">
        <f t="array" ref="D5888">IFERROR(INDEX(Jesper!AH$2:AH$366,ROUNDDOWN($C5888/24,0)+1,1)*INDEX($D$3:$AA$30,INDEX(Jesper!$R$2:$R$366,ROW(INDEX(Jesper!AH$2:AH$366,ROUNDDOWN($C5888/24,0)+1,1))-1)+IF('Standard Profiles'!$G$18=$B$10,7,0)+IF('Standard Profiles'!$G$18=$B$17,14,0)+IF('Standard Profiles'!$G$18=$B$24,21,0),MOD($C5888,24)+1)/SUM(INDEX($D$3:$AA$30,INDEX(Jesper!$R$2:$R$366,ROW(INDEX(Jesper!AH$2:AH$366,ROUNDDOWN($C5888/24,0)+1,1))-1)+IF('Standard Profiles'!$G$18=$B$10,7,0)+IF('Standard Profiles'!$G$18=$B$17,14,0)+IF('Standard Profiles'!$G$18=$B$24,21,0),0)),0)</f>
        <v>4.9576455605150116</v>
      </c>
      <c r="E5888" cm="1">
        <f t="array" ref="E5888">IFERROR(INDEX(Jesper!AI$2:AI$366,ROUNDDOWN($C5888/24,0)+1,1)*INDEX($D$3:$AA$30,INDEX(Jesper!$R$2:$R$366,ROW(INDEX(Jesper!AI$2:AI$366,ROUNDDOWN($C5888/24,0)+1,1))-1)+IF('Standard Profiles'!$G$19=$B$10,7,0)+IF('Standard Profiles'!$G$19=$B$17,14,0)+IF('Standard Profiles'!$G$19=$B$24,21,0),MOD($C5888,24)+1)/SUM(INDEX($D$3:$AA$30,INDEX(Jesper!$R$2:$R$366,ROW(INDEX(Jesper!AI$2:AI$366,ROUNDDOWN($C5888/24,0)+1,1))-1)+IF('Standard Profiles'!$G$19=$B$10,7,0)+IF('Standard Profiles'!$G$19=$B$17,14,0)+IF('Standard Profiles'!$G$19=$B$24,21,0),0)),0)</f>
        <v>2.1097959096271883</v>
      </c>
      <c r="F5888" cm="1">
        <f t="array" ref="F5888">IFERROR(INDEX(Jesper!AJ$2:AJ$366,ROUNDDOWN($C5888/24,0)+1,1)*INDEX($D$3:$AA$30,INDEX(Jesper!$R$2:$R$366,ROW(INDEX(Jesper!AJ$2:AJ$366,ROUNDDOWN($C5888/24,0)+1,1))-1)+IF('Standard Profiles'!$G$20=$B$10,7,0)+IF('Standard Profiles'!$G$20=$B$17,14,0)+IF('Standard Profiles'!$G$20=$B$24,21,0),MOD($C5888,24)+1)/SUM(INDEX($D$3:$AA$30,INDEX(Jesper!$R$2:$R$366,ROW(INDEX(Jesper!AJ$2:AJ$366,ROUNDDOWN($C5888/24,0)+1,1))-1)+IF('Standard Profiles'!$G$20=$B$10,7,0)+IF('Standard Profiles'!$G$20=$B$17,14,0)+IF('Standard Profiles'!$G$20=$B$24,21,0),0)),0)</f>
        <v>0</v>
      </c>
      <c r="G5888" cm="1">
        <f t="array" ref="G5888">IFERROR(INDEX(Jesper!AK$2:AK$366,ROUNDDOWN($C5888/24,0)+1,1)*INDEX($D$3:$AA$30,INDEX(Jesper!$R$2:$R$366,ROW(INDEX(Jesper!AK$2:AK$366,ROUNDDOWN($C5888/24,0)+1,1))-1)+IF('Standard Profiles'!$G$21=$B$10,7,0)+IF('Standard Profiles'!$G$21=$B$17,14,0)+IF('Standard Profiles'!$G$21=$B$24,21,0),MOD($C5888,24)+1)/SUM(INDEX($D$3:$AA$30,INDEX(Jesper!$R$2:$R$366,ROW(INDEX(Jesper!AK$2:AK$366,ROUNDDOWN($C5888/24,0)+1,1))-1)+IF('Standard Profiles'!$G$21=$B$10,7,0)+IF('Standard Profiles'!$G$21=$B$17,14,0)+IF('Standard Profiles'!$G$21=$B$24,21,0),0)),0)</f>
        <v>0.22643669180495274</v>
      </c>
      <c r="H5888" cm="1">
        <f t="array" ref="H5888">IFERROR(INDEX(Jesper!AL$2:AL$366,ROUNDDOWN($C5888/24,0)+1,1)*INDEX($D$3:$AA$30,INDEX(Jesper!$R$2:$R$366,ROW(INDEX(Jesper!AL$2:AL$366,ROUNDDOWN($C5888/24,0)+1,1))-1)+IF('Standard Profiles'!$G$22=$B$10,7,0)+IF('Standard Profiles'!$G$22=$B$17,14,0)+IF('Standard Profiles'!$G$22=$B$24,21,0),MOD($C5888,24)+1)/SUM(INDEX($D$3:$AA$30,INDEX(Jesper!$R$2:$R$366,ROW(INDEX(Jesper!AL$2:AL$366,ROUNDDOWN($C5888/24,0)+1,1))-1)+IF('Standard Profiles'!$G$22=$B$10,7,0)+IF('Standard Profiles'!$G$22=$B$17,14,0)+IF('Standard Profiles'!$G$22=$B$24,21,0),0)),0)</f>
        <v>0</v>
      </c>
      <c r="I5888">
        <f t="shared" si="657"/>
        <v>0.10868961206637726</v>
      </c>
      <c r="J5888">
        <f t="shared" si="658"/>
        <v>6.391965260198373</v>
      </c>
      <c r="K5888">
        <f t="shared" si="659"/>
        <v>0.52881552645493457</v>
      </c>
      <c r="L5888">
        <f t="shared" si="660"/>
        <v>0.26440776322746729</v>
      </c>
      <c r="M5888">
        <f t="shared" si="661"/>
        <v>0</v>
      </c>
      <c r="N5888" s="45">
        <f t="shared" si="662"/>
        <v>45170.916666652469</v>
      </c>
    </row>
    <row r="5889" spans="2:14" x14ac:dyDescent="0.25">
      <c r="B5889">
        <f t="shared" si="656"/>
        <v>5</v>
      </c>
      <c r="C5889" s="16">
        <v>5855</v>
      </c>
      <c r="D5889" cm="1">
        <f t="array" ref="D5889">IFERROR(INDEX(Jesper!AH$2:AH$366,ROUNDDOWN($C5889/24,0)+1,1)*INDEX($D$3:$AA$30,INDEX(Jesper!$R$2:$R$366,ROW(INDEX(Jesper!AH$2:AH$366,ROUNDDOWN($C5889/24,0)+1,1))-1)+IF('Standard Profiles'!$G$18=$B$10,7,0)+IF('Standard Profiles'!$G$18=$B$17,14,0)+IF('Standard Profiles'!$G$18=$B$24,21,0),MOD($C5889,24)+1)/SUM(INDEX($D$3:$AA$30,INDEX(Jesper!$R$2:$R$366,ROW(INDEX(Jesper!AH$2:AH$366,ROUNDDOWN($C5889/24,0)+1,1))-1)+IF('Standard Profiles'!$G$18=$B$10,7,0)+IF('Standard Profiles'!$G$18=$B$17,14,0)+IF('Standard Profiles'!$G$18=$B$24,21,0),0)),0)</f>
        <v>4.9576455605150116</v>
      </c>
      <c r="E5889" cm="1">
        <f t="array" ref="E5889">IFERROR(INDEX(Jesper!AI$2:AI$366,ROUNDDOWN($C5889/24,0)+1,1)*INDEX($D$3:$AA$30,INDEX(Jesper!$R$2:$R$366,ROW(INDEX(Jesper!AI$2:AI$366,ROUNDDOWN($C5889/24,0)+1,1))-1)+IF('Standard Profiles'!$G$19=$B$10,7,0)+IF('Standard Profiles'!$G$19=$B$17,14,0)+IF('Standard Profiles'!$G$19=$B$24,21,0),MOD($C5889,24)+1)/SUM(INDEX($D$3:$AA$30,INDEX(Jesper!$R$2:$R$366,ROW(INDEX(Jesper!AI$2:AI$366,ROUNDDOWN($C5889/24,0)+1,1))-1)+IF('Standard Profiles'!$G$19=$B$10,7,0)+IF('Standard Profiles'!$G$19=$B$17,14,0)+IF('Standard Profiles'!$G$19=$B$24,21,0),0)),0)</f>
        <v>2.1097959096271883</v>
      </c>
      <c r="F5889" cm="1">
        <f t="array" ref="F5889">IFERROR(INDEX(Jesper!AJ$2:AJ$366,ROUNDDOWN($C5889/24,0)+1,1)*INDEX($D$3:$AA$30,INDEX(Jesper!$R$2:$R$366,ROW(INDEX(Jesper!AJ$2:AJ$366,ROUNDDOWN($C5889/24,0)+1,1))-1)+IF('Standard Profiles'!$G$20=$B$10,7,0)+IF('Standard Profiles'!$G$20=$B$17,14,0)+IF('Standard Profiles'!$G$20=$B$24,21,0),MOD($C5889,24)+1)/SUM(INDEX($D$3:$AA$30,INDEX(Jesper!$R$2:$R$366,ROW(INDEX(Jesper!AJ$2:AJ$366,ROUNDDOWN($C5889/24,0)+1,1))-1)+IF('Standard Profiles'!$G$20=$B$10,7,0)+IF('Standard Profiles'!$G$20=$B$17,14,0)+IF('Standard Profiles'!$G$20=$B$24,21,0),0)),0)</f>
        <v>0</v>
      </c>
      <c r="G5889" cm="1">
        <f t="array" ref="G5889">IFERROR(INDEX(Jesper!AK$2:AK$366,ROUNDDOWN($C5889/24,0)+1,1)*INDEX($D$3:$AA$30,INDEX(Jesper!$R$2:$R$366,ROW(INDEX(Jesper!AK$2:AK$366,ROUNDDOWN($C5889/24,0)+1,1))-1)+IF('Standard Profiles'!$G$21=$B$10,7,0)+IF('Standard Profiles'!$G$21=$B$17,14,0)+IF('Standard Profiles'!$G$21=$B$24,21,0),MOD($C5889,24)+1)/SUM(INDEX($D$3:$AA$30,INDEX(Jesper!$R$2:$R$366,ROW(INDEX(Jesper!AK$2:AK$366,ROUNDDOWN($C5889/24,0)+1,1))-1)+IF('Standard Profiles'!$G$21=$B$10,7,0)+IF('Standard Profiles'!$G$21=$B$17,14,0)+IF('Standard Profiles'!$G$21=$B$24,21,0),0)),0)</f>
        <v>0.22643669180495274</v>
      </c>
      <c r="H5889" cm="1">
        <f t="array" ref="H5889">IFERROR(INDEX(Jesper!AL$2:AL$366,ROUNDDOWN($C5889/24,0)+1,1)*INDEX($D$3:$AA$30,INDEX(Jesper!$R$2:$R$366,ROW(INDEX(Jesper!AL$2:AL$366,ROUNDDOWN($C5889/24,0)+1,1))-1)+IF('Standard Profiles'!$G$22=$B$10,7,0)+IF('Standard Profiles'!$G$22=$B$17,14,0)+IF('Standard Profiles'!$G$22=$B$24,21,0),MOD($C5889,24)+1)/SUM(INDEX($D$3:$AA$30,INDEX(Jesper!$R$2:$R$366,ROW(INDEX(Jesper!AL$2:AL$366,ROUNDDOWN($C5889/24,0)+1,1))-1)+IF('Standard Profiles'!$G$22=$B$10,7,0)+IF('Standard Profiles'!$G$22=$B$17,14,0)+IF('Standard Profiles'!$G$22=$B$24,21,0),0)),0)</f>
        <v>0</v>
      </c>
      <c r="I5889">
        <f t="shared" si="657"/>
        <v>0.10868961206637726</v>
      </c>
      <c r="J5889">
        <f t="shared" si="658"/>
        <v>6.391965260198373</v>
      </c>
      <c r="K5889">
        <f t="shared" si="659"/>
        <v>0.52881552645493457</v>
      </c>
      <c r="L5889">
        <f t="shared" si="660"/>
        <v>0.26440776322746729</v>
      </c>
      <c r="M5889">
        <f t="shared" si="661"/>
        <v>0</v>
      </c>
      <c r="N5889" s="45">
        <f t="shared" si="662"/>
        <v>45170.958333319133</v>
      </c>
    </row>
    <row r="5890" spans="2:14" x14ac:dyDescent="0.25">
      <c r="B5890">
        <f t="shared" si="656"/>
        <v>6</v>
      </c>
      <c r="C5890" s="16">
        <v>5856</v>
      </c>
      <c r="D5890" cm="1">
        <f t="array" ref="D5890">IFERROR(INDEX(Jesper!AH$2:AH$366,ROUNDDOWN($C5890/24,0)+1,1)*INDEX($D$3:$AA$30,INDEX(Jesper!$R$2:$R$366,ROW(INDEX(Jesper!AH$2:AH$366,ROUNDDOWN($C5890/24,0)+1,1))-1)+IF('Standard Profiles'!$G$18=$B$10,7,0)+IF('Standard Profiles'!$G$18=$B$17,14,0)+IF('Standard Profiles'!$G$18=$B$24,21,0),MOD($C5890,24)+1)/SUM(INDEX($D$3:$AA$30,INDEX(Jesper!$R$2:$R$366,ROW(INDEX(Jesper!AH$2:AH$366,ROUNDDOWN($C5890/24,0)+1,1))-1)+IF('Standard Profiles'!$G$18=$B$10,7,0)+IF('Standard Profiles'!$G$18=$B$17,14,0)+IF('Standard Profiles'!$G$18=$B$24,21,0),0)),0)</f>
        <v>0</v>
      </c>
      <c r="E5890" cm="1">
        <f t="array" ref="E5890">IFERROR(INDEX(Jesper!AI$2:AI$366,ROUNDDOWN($C5890/24,0)+1,1)*INDEX($D$3:$AA$30,INDEX(Jesper!$R$2:$R$366,ROW(INDEX(Jesper!AI$2:AI$366,ROUNDDOWN($C5890/24,0)+1,1))-1)+IF('Standard Profiles'!$G$19=$B$10,7,0)+IF('Standard Profiles'!$G$19=$B$17,14,0)+IF('Standard Profiles'!$G$19=$B$24,21,0),MOD($C5890,24)+1)/SUM(INDEX($D$3:$AA$30,INDEX(Jesper!$R$2:$R$366,ROW(INDEX(Jesper!AI$2:AI$366,ROUNDDOWN($C5890/24,0)+1,1))-1)+IF('Standard Profiles'!$G$19=$B$10,7,0)+IF('Standard Profiles'!$G$19=$B$17,14,0)+IF('Standard Profiles'!$G$19=$B$24,21,0),0)),0)</f>
        <v>3.0028396255928076</v>
      </c>
      <c r="F5890" cm="1">
        <f t="array" ref="F5890">IFERROR(INDEX(Jesper!AJ$2:AJ$366,ROUNDDOWN($C5890/24,0)+1,1)*INDEX($D$3:$AA$30,INDEX(Jesper!$R$2:$R$366,ROW(INDEX(Jesper!AJ$2:AJ$366,ROUNDDOWN($C5890/24,0)+1,1))-1)+IF('Standard Profiles'!$G$20=$B$10,7,0)+IF('Standard Profiles'!$G$20=$B$17,14,0)+IF('Standard Profiles'!$G$20=$B$24,21,0),MOD($C5890,24)+1)/SUM(INDEX($D$3:$AA$30,INDEX(Jesper!$R$2:$R$366,ROW(INDEX(Jesper!AJ$2:AJ$366,ROUNDDOWN($C5890/24,0)+1,1))-1)+IF('Standard Profiles'!$G$20=$B$10,7,0)+IF('Standard Profiles'!$G$20=$B$17,14,0)+IF('Standard Profiles'!$G$20=$B$24,21,0),0)),0)</f>
        <v>1.1790942814529255</v>
      </c>
      <c r="G5890" cm="1">
        <f t="array" ref="G5890">IFERROR(INDEX(Jesper!AK$2:AK$366,ROUNDDOWN($C5890/24,0)+1,1)*INDEX($D$3:$AA$30,INDEX(Jesper!$R$2:$R$366,ROW(INDEX(Jesper!AK$2:AK$366,ROUNDDOWN($C5890/24,0)+1,1))-1)+IF('Standard Profiles'!$G$21=$B$10,7,0)+IF('Standard Profiles'!$G$21=$B$17,14,0)+IF('Standard Profiles'!$G$21=$B$24,21,0),MOD($C5890,24)+1)/SUM(INDEX($D$3:$AA$30,INDEX(Jesper!$R$2:$R$366,ROW(INDEX(Jesper!AK$2:AK$366,ROUNDDOWN($C5890/24,0)+1,1))-1)+IF('Standard Profiles'!$G$21=$B$10,7,0)+IF('Standard Profiles'!$G$21=$B$17,14,0)+IF('Standard Profiles'!$G$21=$B$24,21,0),0)),0)</f>
        <v>0.53529404275279335</v>
      </c>
      <c r="H5890" cm="1">
        <f t="array" ref="H5890">IFERROR(INDEX(Jesper!AL$2:AL$366,ROUNDDOWN($C5890/24,0)+1,1)*INDEX($D$3:$AA$30,INDEX(Jesper!$R$2:$R$366,ROW(INDEX(Jesper!AL$2:AL$366,ROUNDDOWN($C5890/24,0)+1,1))-1)+IF('Standard Profiles'!$G$22=$B$10,7,0)+IF('Standard Profiles'!$G$22=$B$17,14,0)+IF('Standard Profiles'!$G$22=$B$24,21,0),MOD($C5890,24)+1)/SUM(INDEX($D$3:$AA$30,INDEX(Jesper!$R$2:$R$366,ROW(INDEX(Jesper!AL$2:AL$366,ROUNDDOWN($C5890/24,0)+1,1))-1)+IF('Standard Profiles'!$G$22=$B$10,7,0)+IF('Standard Profiles'!$G$22=$B$17,14,0)+IF('Standard Profiles'!$G$22=$B$24,21,0),0)),0)</f>
        <v>6.533836409475488E-2</v>
      </c>
      <c r="I5890">
        <f t="shared" si="657"/>
        <v>6.2724829530964712E-2</v>
      </c>
      <c r="J5890">
        <f t="shared" si="658"/>
        <v>4.3595007292911792</v>
      </c>
      <c r="K5890">
        <f t="shared" si="659"/>
        <v>0.24022717004742461</v>
      </c>
      <c r="L5890">
        <f t="shared" si="660"/>
        <v>0.1201135850237123</v>
      </c>
      <c r="M5890">
        <f t="shared" si="661"/>
        <v>0</v>
      </c>
      <c r="N5890" s="45">
        <f t="shared" si="662"/>
        <v>45170.999999985797</v>
      </c>
    </row>
    <row r="5891" spans="2:14" x14ac:dyDescent="0.25">
      <c r="B5891">
        <f t="shared" si="656"/>
        <v>6</v>
      </c>
      <c r="C5891" s="16">
        <v>5857</v>
      </c>
      <c r="D5891" cm="1">
        <f t="array" ref="D5891">IFERROR(INDEX(Jesper!AH$2:AH$366,ROUNDDOWN($C5891/24,0)+1,1)*INDEX($D$3:$AA$30,INDEX(Jesper!$R$2:$R$366,ROW(INDEX(Jesper!AH$2:AH$366,ROUNDDOWN($C5891/24,0)+1,1))-1)+IF('Standard Profiles'!$G$18=$B$10,7,0)+IF('Standard Profiles'!$G$18=$B$17,14,0)+IF('Standard Profiles'!$G$18=$B$24,21,0),MOD($C5891,24)+1)/SUM(INDEX($D$3:$AA$30,INDEX(Jesper!$R$2:$R$366,ROW(INDEX(Jesper!AH$2:AH$366,ROUNDDOWN($C5891/24,0)+1,1))-1)+IF('Standard Profiles'!$G$18=$B$10,7,0)+IF('Standard Profiles'!$G$18=$B$17,14,0)+IF('Standard Profiles'!$G$18=$B$24,21,0),0)),0)</f>
        <v>0</v>
      </c>
      <c r="E5891" cm="1">
        <f t="array" ref="E5891">IFERROR(INDEX(Jesper!AI$2:AI$366,ROUNDDOWN($C5891/24,0)+1,1)*INDEX($D$3:$AA$30,INDEX(Jesper!$R$2:$R$366,ROW(INDEX(Jesper!AI$2:AI$366,ROUNDDOWN($C5891/24,0)+1,1))-1)+IF('Standard Profiles'!$G$19=$B$10,7,0)+IF('Standard Profiles'!$G$19=$B$17,14,0)+IF('Standard Profiles'!$G$19=$B$24,21,0),MOD($C5891,24)+1)/SUM(INDEX($D$3:$AA$30,INDEX(Jesper!$R$2:$R$366,ROW(INDEX(Jesper!AI$2:AI$366,ROUNDDOWN($C5891/24,0)+1,1))-1)+IF('Standard Profiles'!$G$19=$B$10,7,0)+IF('Standard Profiles'!$G$19=$B$17,14,0)+IF('Standard Profiles'!$G$19=$B$24,21,0),0)),0)</f>
        <v>2.702555663033527</v>
      </c>
      <c r="F5891" cm="1">
        <f t="array" ref="F5891">IFERROR(INDEX(Jesper!AJ$2:AJ$366,ROUNDDOWN($C5891/24,0)+1,1)*INDEX($D$3:$AA$30,INDEX(Jesper!$R$2:$R$366,ROW(INDEX(Jesper!AJ$2:AJ$366,ROUNDDOWN($C5891/24,0)+1,1))-1)+IF('Standard Profiles'!$G$20=$B$10,7,0)+IF('Standard Profiles'!$G$20=$B$17,14,0)+IF('Standard Profiles'!$G$20=$B$24,21,0),MOD($C5891,24)+1)/SUM(INDEX($D$3:$AA$30,INDEX(Jesper!$R$2:$R$366,ROW(INDEX(Jesper!AJ$2:AJ$366,ROUNDDOWN($C5891/24,0)+1,1))-1)+IF('Standard Profiles'!$G$20=$B$10,7,0)+IF('Standard Profiles'!$G$20=$B$17,14,0)+IF('Standard Profiles'!$G$20=$B$24,21,0),0)),0)</f>
        <v>1.0611848533076329</v>
      </c>
      <c r="G5891" cm="1">
        <f t="array" ref="G5891">IFERROR(INDEX(Jesper!AK$2:AK$366,ROUNDDOWN($C5891/24,0)+1,1)*INDEX($D$3:$AA$30,INDEX(Jesper!$R$2:$R$366,ROW(INDEX(Jesper!AK$2:AK$366,ROUNDDOWN($C5891/24,0)+1,1))-1)+IF('Standard Profiles'!$G$21=$B$10,7,0)+IF('Standard Profiles'!$G$21=$B$17,14,0)+IF('Standard Profiles'!$G$21=$B$24,21,0),MOD($C5891,24)+1)/SUM(INDEX($D$3:$AA$30,INDEX(Jesper!$R$2:$R$366,ROW(INDEX(Jesper!AK$2:AK$366,ROUNDDOWN($C5891/24,0)+1,1))-1)+IF('Standard Profiles'!$G$21=$B$10,7,0)+IF('Standard Profiles'!$G$21=$B$17,14,0)+IF('Standard Profiles'!$G$21=$B$24,21,0),0)),0)</f>
        <v>0.53529404275279335</v>
      </c>
      <c r="H5891" cm="1">
        <f t="array" ref="H5891">IFERROR(INDEX(Jesper!AL$2:AL$366,ROUNDDOWN($C5891/24,0)+1,1)*INDEX($D$3:$AA$30,INDEX(Jesper!$R$2:$R$366,ROW(INDEX(Jesper!AL$2:AL$366,ROUNDDOWN($C5891/24,0)+1,1))-1)+IF('Standard Profiles'!$G$22=$B$10,7,0)+IF('Standard Profiles'!$G$22=$B$17,14,0)+IF('Standard Profiles'!$G$22=$B$24,21,0),MOD($C5891,24)+1)/SUM(INDEX($D$3:$AA$30,INDEX(Jesper!$R$2:$R$366,ROW(INDEX(Jesper!AL$2:AL$366,ROUNDDOWN($C5891/24,0)+1,1))-1)+IF('Standard Profiles'!$G$22=$B$10,7,0)+IF('Standard Profiles'!$G$22=$B$17,14,0)+IF('Standard Profiles'!$G$22=$B$24,21,0),0)),0)</f>
        <v>0.127565377518331</v>
      </c>
      <c r="I5891">
        <f t="shared" si="657"/>
        <v>0.12246276241759782</v>
      </c>
      <c r="J5891">
        <f t="shared" si="658"/>
        <v>3.9798304946306629</v>
      </c>
      <c r="K5891">
        <f t="shared" si="659"/>
        <v>0.21620445304268215</v>
      </c>
      <c r="L5891">
        <f t="shared" si="660"/>
        <v>0.10810222652134108</v>
      </c>
      <c r="M5891">
        <f t="shared" si="661"/>
        <v>0</v>
      </c>
      <c r="N5891" s="45">
        <f t="shared" si="662"/>
        <v>45171.041666652462</v>
      </c>
    </row>
    <row r="5892" spans="2:14" x14ac:dyDescent="0.25">
      <c r="B5892">
        <f t="shared" si="656"/>
        <v>6</v>
      </c>
      <c r="C5892" s="16">
        <v>5858</v>
      </c>
      <c r="D5892" cm="1">
        <f t="array" ref="D5892">IFERROR(INDEX(Jesper!AH$2:AH$366,ROUNDDOWN($C5892/24,0)+1,1)*INDEX($D$3:$AA$30,INDEX(Jesper!$R$2:$R$366,ROW(INDEX(Jesper!AH$2:AH$366,ROUNDDOWN($C5892/24,0)+1,1))-1)+IF('Standard Profiles'!$G$18=$B$10,7,0)+IF('Standard Profiles'!$G$18=$B$17,14,0)+IF('Standard Profiles'!$G$18=$B$24,21,0),MOD($C5892,24)+1)/SUM(INDEX($D$3:$AA$30,INDEX(Jesper!$R$2:$R$366,ROW(INDEX(Jesper!AH$2:AH$366,ROUNDDOWN($C5892/24,0)+1,1))-1)+IF('Standard Profiles'!$G$18=$B$10,7,0)+IF('Standard Profiles'!$G$18=$B$17,14,0)+IF('Standard Profiles'!$G$18=$B$24,21,0),0)),0)</f>
        <v>0</v>
      </c>
      <c r="E5892" cm="1">
        <f t="array" ref="E5892">IFERROR(INDEX(Jesper!AI$2:AI$366,ROUNDDOWN($C5892/24,0)+1,1)*INDEX($D$3:$AA$30,INDEX(Jesper!$R$2:$R$366,ROW(INDEX(Jesper!AI$2:AI$366,ROUNDDOWN($C5892/24,0)+1,1))-1)+IF('Standard Profiles'!$G$19=$B$10,7,0)+IF('Standard Profiles'!$G$19=$B$17,14,0)+IF('Standard Profiles'!$G$19=$B$24,21,0),MOD($C5892,24)+1)/SUM(INDEX($D$3:$AA$30,INDEX(Jesper!$R$2:$R$366,ROW(INDEX(Jesper!AI$2:AI$366,ROUNDDOWN($C5892/24,0)+1,1))-1)+IF('Standard Profiles'!$G$19=$B$10,7,0)+IF('Standard Profiles'!$G$19=$B$17,14,0)+IF('Standard Profiles'!$G$19=$B$24,21,0),0)),0)</f>
        <v>2.702555663033527</v>
      </c>
      <c r="F5892" cm="1">
        <f t="array" ref="F5892">IFERROR(INDEX(Jesper!AJ$2:AJ$366,ROUNDDOWN($C5892/24,0)+1,1)*INDEX($D$3:$AA$30,INDEX(Jesper!$R$2:$R$366,ROW(INDEX(Jesper!AJ$2:AJ$366,ROUNDDOWN($C5892/24,0)+1,1))-1)+IF('Standard Profiles'!$G$20=$B$10,7,0)+IF('Standard Profiles'!$G$20=$B$17,14,0)+IF('Standard Profiles'!$G$20=$B$24,21,0),MOD($C5892,24)+1)/SUM(INDEX($D$3:$AA$30,INDEX(Jesper!$R$2:$R$366,ROW(INDEX(Jesper!AJ$2:AJ$366,ROUNDDOWN($C5892/24,0)+1,1))-1)+IF('Standard Profiles'!$G$20=$B$10,7,0)+IF('Standard Profiles'!$G$20=$B$17,14,0)+IF('Standard Profiles'!$G$20=$B$24,21,0),0)),0)</f>
        <v>1.0611848533076329</v>
      </c>
      <c r="G5892" cm="1">
        <f t="array" ref="G5892">IFERROR(INDEX(Jesper!AK$2:AK$366,ROUNDDOWN($C5892/24,0)+1,1)*INDEX($D$3:$AA$30,INDEX(Jesper!$R$2:$R$366,ROW(INDEX(Jesper!AK$2:AK$366,ROUNDDOWN($C5892/24,0)+1,1))-1)+IF('Standard Profiles'!$G$21=$B$10,7,0)+IF('Standard Profiles'!$G$21=$B$17,14,0)+IF('Standard Profiles'!$G$21=$B$24,21,0),MOD($C5892,24)+1)/SUM(INDEX($D$3:$AA$30,INDEX(Jesper!$R$2:$R$366,ROW(INDEX(Jesper!AK$2:AK$366,ROUNDDOWN($C5892/24,0)+1,1))-1)+IF('Standard Profiles'!$G$21=$B$10,7,0)+IF('Standard Profiles'!$G$21=$B$17,14,0)+IF('Standard Profiles'!$G$21=$B$24,21,0),0)),0)</f>
        <v>0.53529404275279335</v>
      </c>
      <c r="H5892" cm="1">
        <f t="array" ref="H5892">IFERROR(INDEX(Jesper!AL$2:AL$366,ROUNDDOWN($C5892/24,0)+1,1)*INDEX($D$3:$AA$30,INDEX(Jesper!$R$2:$R$366,ROW(INDEX(Jesper!AL$2:AL$366,ROUNDDOWN($C5892/24,0)+1,1))-1)+IF('Standard Profiles'!$G$22=$B$10,7,0)+IF('Standard Profiles'!$G$22=$B$17,14,0)+IF('Standard Profiles'!$G$22=$B$24,21,0),MOD($C5892,24)+1)/SUM(INDEX($D$3:$AA$30,INDEX(Jesper!$R$2:$R$366,ROW(INDEX(Jesper!AL$2:AL$366,ROUNDDOWN($C5892/24,0)+1,1))-1)+IF('Standard Profiles'!$G$22=$B$10,7,0)+IF('Standard Profiles'!$G$22=$B$17,14,0)+IF('Standard Profiles'!$G$22=$B$24,21,0),0)),0)</f>
        <v>0.127565377518331</v>
      </c>
      <c r="I5892">
        <f t="shared" si="657"/>
        <v>0.12246276241759782</v>
      </c>
      <c r="J5892">
        <f t="shared" si="658"/>
        <v>3.9798304946306629</v>
      </c>
      <c r="K5892">
        <f t="shared" si="659"/>
        <v>0.21620445304268215</v>
      </c>
      <c r="L5892">
        <f t="shared" si="660"/>
        <v>0.10810222652134108</v>
      </c>
      <c r="M5892">
        <f t="shared" si="661"/>
        <v>0</v>
      </c>
      <c r="N5892" s="45">
        <f t="shared" si="662"/>
        <v>45171.083333319126</v>
      </c>
    </row>
    <row r="5893" spans="2:14" x14ac:dyDescent="0.25">
      <c r="B5893">
        <f t="shared" si="656"/>
        <v>6</v>
      </c>
      <c r="C5893" s="16">
        <v>5859</v>
      </c>
      <c r="D5893" cm="1">
        <f t="array" ref="D5893">IFERROR(INDEX(Jesper!AH$2:AH$366,ROUNDDOWN($C5893/24,0)+1,1)*INDEX($D$3:$AA$30,INDEX(Jesper!$R$2:$R$366,ROW(INDEX(Jesper!AH$2:AH$366,ROUNDDOWN($C5893/24,0)+1,1))-1)+IF('Standard Profiles'!$G$18=$B$10,7,0)+IF('Standard Profiles'!$G$18=$B$17,14,0)+IF('Standard Profiles'!$G$18=$B$24,21,0),MOD($C5893,24)+1)/SUM(INDEX($D$3:$AA$30,INDEX(Jesper!$R$2:$R$366,ROW(INDEX(Jesper!AH$2:AH$366,ROUNDDOWN($C5893/24,0)+1,1))-1)+IF('Standard Profiles'!$G$18=$B$10,7,0)+IF('Standard Profiles'!$G$18=$B$17,14,0)+IF('Standard Profiles'!$G$18=$B$24,21,0),0)),0)</f>
        <v>0</v>
      </c>
      <c r="E5893" cm="1">
        <f t="array" ref="E5893">IFERROR(INDEX(Jesper!AI$2:AI$366,ROUNDDOWN($C5893/24,0)+1,1)*INDEX($D$3:$AA$30,INDEX(Jesper!$R$2:$R$366,ROW(INDEX(Jesper!AI$2:AI$366,ROUNDDOWN($C5893/24,0)+1,1))-1)+IF('Standard Profiles'!$G$19=$B$10,7,0)+IF('Standard Profiles'!$G$19=$B$17,14,0)+IF('Standard Profiles'!$G$19=$B$24,21,0),MOD($C5893,24)+1)/SUM(INDEX($D$3:$AA$30,INDEX(Jesper!$R$2:$R$366,ROW(INDEX(Jesper!AI$2:AI$366,ROUNDDOWN($C5893/24,0)+1,1))-1)+IF('Standard Profiles'!$G$19=$B$10,7,0)+IF('Standard Profiles'!$G$19=$B$17,14,0)+IF('Standard Profiles'!$G$19=$B$24,21,0),0)),0)</f>
        <v>2.702555663033527</v>
      </c>
      <c r="F5893" cm="1">
        <f t="array" ref="F5893">IFERROR(INDEX(Jesper!AJ$2:AJ$366,ROUNDDOWN($C5893/24,0)+1,1)*INDEX($D$3:$AA$30,INDEX(Jesper!$R$2:$R$366,ROW(INDEX(Jesper!AJ$2:AJ$366,ROUNDDOWN($C5893/24,0)+1,1))-1)+IF('Standard Profiles'!$G$20=$B$10,7,0)+IF('Standard Profiles'!$G$20=$B$17,14,0)+IF('Standard Profiles'!$G$20=$B$24,21,0),MOD($C5893,24)+1)/SUM(INDEX($D$3:$AA$30,INDEX(Jesper!$R$2:$R$366,ROW(INDEX(Jesper!AJ$2:AJ$366,ROUNDDOWN($C5893/24,0)+1,1))-1)+IF('Standard Profiles'!$G$20=$B$10,7,0)+IF('Standard Profiles'!$G$20=$B$17,14,0)+IF('Standard Profiles'!$G$20=$B$24,21,0),0)),0)</f>
        <v>1.0611848533076329</v>
      </c>
      <c r="G5893" cm="1">
        <f t="array" ref="G5893">IFERROR(INDEX(Jesper!AK$2:AK$366,ROUNDDOWN($C5893/24,0)+1,1)*INDEX($D$3:$AA$30,INDEX(Jesper!$R$2:$R$366,ROW(INDEX(Jesper!AK$2:AK$366,ROUNDDOWN($C5893/24,0)+1,1))-1)+IF('Standard Profiles'!$G$21=$B$10,7,0)+IF('Standard Profiles'!$G$21=$B$17,14,0)+IF('Standard Profiles'!$G$21=$B$24,21,0),MOD($C5893,24)+1)/SUM(INDEX($D$3:$AA$30,INDEX(Jesper!$R$2:$R$366,ROW(INDEX(Jesper!AK$2:AK$366,ROUNDDOWN($C5893/24,0)+1,1))-1)+IF('Standard Profiles'!$G$21=$B$10,7,0)+IF('Standard Profiles'!$G$21=$B$17,14,0)+IF('Standard Profiles'!$G$21=$B$24,21,0),0)),0)</f>
        <v>0.53529404275279335</v>
      </c>
      <c r="H5893" cm="1">
        <f t="array" ref="H5893">IFERROR(INDEX(Jesper!AL$2:AL$366,ROUNDDOWN($C5893/24,0)+1,1)*INDEX($D$3:$AA$30,INDEX(Jesper!$R$2:$R$366,ROW(INDEX(Jesper!AL$2:AL$366,ROUNDDOWN($C5893/24,0)+1,1))-1)+IF('Standard Profiles'!$G$22=$B$10,7,0)+IF('Standard Profiles'!$G$22=$B$17,14,0)+IF('Standard Profiles'!$G$22=$B$24,21,0),MOD($C5893,24)+1)/SUM(INDEX($D$3:$AA$30,INDEX(Jesper!$R$2:$R$366,ROW(INDEX(Jesper!AL$2:AL$366,ROUNDDOWN($C5893/24,0)+1,1))-1)+IF('Standard Profiles'!$G$22=$B$10,7,0)+IF('Standard Profiles'!$G$22=$B$17,14,0)+IF('Standard Profiles'!$G$22=$B$24,21,0),0)),0)</f>
        <v>0.127565377518331</v>
      </c>
      <c r="I5893">
        <f t="shared" si="657"/>
        <v>0.12246276241759782</v>
      </c>
      <c r="J5893">
        <f t="shared" si="658"/>
        <v>3.9798304946306629</v>
      </c>
      <c r="K5893">
        <f t="shared" si="659"/>
        <v>0.21620445304268215</v>
      </c>
      <c r="L5893">
        <f t="shared" si="660"/>
        <v>0.10810222652134108</v>
      </c>
      <c r="M5893">
        <f t="shared" si="661"/>
        <v>0</v>
      </c>
      <c r="N5893" s="45">
        <f t="shared" si="662"/>
        <v>45171.12499998579</v>
      </c>
    </row>
    <row r="5894" spans="2:14" x14ac:dyDescent="0.25">
      <c r="B5894">
        <f t="shared" si="656"/>
        <v>6</v>
      </c>
      <c r="C5894" s="16">
        <v>5860</v>
      </c>
      <c r="D5894" cm="1">
        <f t="array" ref="D5894">IFERROR(INDEX(Jesper!AH$2:AH$366,ROUNDDOWN($C5894/24,0)+1,1)*INDEX($D$3:$AA$30,INDEX(Jesper!$R$2:$R$366,ROW(INDEX(Jesper!AH$2:AH$366,ROUNDDOWN($C5894/24,0)+1,1))-1)+IF('Standard Profiles'!$G$18=$B$10,7,0)+IF('Standard Profiles'!$G$18=$B$17,14,0)+IF('Standard Profiles'!$G$18=$B$24,21,0),MOD($C5894,24)+1)/SUM(INDEX($D$3:$AA$30,INDEX(Jesper!$R$2:$R$366,ROW(INDEX(Jesper!AH$2:AH$366,ROUNDDOWN($C5894/24,0)+1,1))-1)+IF('Standard Profiles'!$G$18=$B$10,7,0)+IF('Standard Profiles'!$G$18=$B$17,14,0)+IF('Standard Profiles'!$G$18=$B$24,21,0),0)),0)</f>
        <v>0</v>
      </c>
      <c r="E5894" cm="1">
        <f t="array" ref="E5894">IFERROR(INDEX(Jesper!AI$2:AI$366,ROUNDDOWN($C5894/24,0)+1,1)*INDEX($D$3:$AA$30,INDEX(Jesper!$R$2:$R$366,ROW(INDEX(Jesper!AI$2:AI$366,ROUNDDOWN($C5894/24,0)+1,1))-1)+IF('Standard Profiles'!$G$19=$B$10,7,0)+IF('Standard Profiles'!$G$19=$B$17,14,0)+IF('Standard Profiles'!$G$19=$B$24,21,0),MOD($C5894,24)+1)/SUM(INDEX($D$3:$AA$30,INDEX(Jesper!$R$2:$R$366,ROW(INDEX(Jesper!AI$2:AI$366,ROUNDDOWN($C5894/24,0)+1,1))-1)+IF('Standard Profiles'!$G$19=$B$10,7,0)+IF('Standard Profiles'!$G$19=$B$17,14,0)+IF('Standard Profiles'!$G$19=$B$24,21,0),0)),0)</f>
        <v>2.702555663033527</v>
      </c>
      <c r="F5894" cm="1">
        <f t="array" ref="F5894">IFERROR(INDEX(Jesper!AJ$2:AJ$366,ROUNDDOWN($C5894/24,0)+1,1)*INDEX($D$3:$AA$30,INDEX(Jesper!$R$2:$R$366,ROW(INDEX(Jesper!AJ$2:AJ$366,ROUNDDOWN($C5894/24,0)+1,1))-1)+IF('Standard Profiles'!$G$20=$B$10,7,0)+IF('Standard Profiles'!$G$20=$B$17,14,0)+IF('Standard Profiles'!$G$20=$B$24,21,0),MOD($C5894,24)+1)/SUM(INDEX($D$3:$AA$30,INDEX(Jesper!$R$2:$R$366,ROW(INDEX(Jesper!AJ$2:AJ$366,ROUNDDOWN($C5894/24,0)+1,1))-1)+IF('Standard Profiles'!$G$20=$B$10,7,0)+IF('Standard Profiles'!$G$20=$B$17,14,0)+IF('Standard Profiles'!$G$20=$B$24,21,0),0)),0)</f>
        <v>1.0611848533076329</v>
      </c>
      <c r="G5894" cm="1">
        <f t="array" ref="G5894">IFERROR(INDEX(Jesper!AK$2:AK$366,ROUNDDOWN($C5894/24,0)+1,1)*INDEX($D$3:$AA$30,INDEX(Jesper!$R$2:$R$366,ROW(INDEX(Jesper!AK$2:AK$366,ROUNDDOWN($C5894/24,0)+1,1))-1)+IF('Standard Profiles'!$G$21=$B$10,7,0)+IF('Standard Profiles'!$G$21=$B$17,14,0)+IF('Standard Profiles'!$G$21=$B$24,21,0),MOD($C5894,24)+1)/SUM(INDEX($D$3:$AA$30,INDEX(Jesper!$R$2:$R$366,ROW(INDEX(Jesper!AK$2:AK$366,ROUNDDOWN($C5894/24,0)+1,1))-1)+IF('Standard Profiles'!$G$21=$B$10,7,0)+IF('Standard Profiles'!$G$21=$B$17,14,0)+IF('Standard Profiles'!$G$21=$B$24,21,0),0)),0)</f>
        <v>0.53529404275279335</v>
      </c>
      <c r="H5894" cm="1">
        <f t="array" ref="H5894">IFERROR(INDEX(Jesper!AL$2:AL$366,ROUNDDOWN($C5894/24,0)+1,1)*INDEX($D$3:$AA$30,INDEX(Jesper!$R$2:$R$366,ROW(INDEX(Jesper!AL$2:AL$366,ROUNDDOWN($C5894/24,0)+1,1))-1)+IF('Standard Profiles'!$G$22=$B$10,7,0)+IF('Standard Profiles'!$G$22=$B$17,14,0)+IF('Standard Profiles'!$G$22=$B$24,21,0),MOD($C5894,24)+1)/SUM(INDEX($D$3:$AA$30,INDEX(Jesper!$R$2:$R$366,ROW(INDEX(Jesper!AL$2:AL$366,ROUNDDOWN($C5894/24,0)+1,1))-1)+IF('Standard Profiles'!$G$22=$B$10,7,0)+IF('Standard Profiles'!$G$22=$B$17,14,0)+IF('Standard Profiles'!$G$22=$B$24,21,0),0)),0)</f>
        <v>0.127565377518331</v>
      </c>
      <c r="I5894">
        <f t="shared" si="657"/>
        <v>0.12246276241759782</v>
      </c>
      <c r="J5894">
        <f t="shared" si="658"/>
        <v>3.9798304946306629</v>
      </c>
      <c r="K5894">
        <f t="shared" si="659"/>
        <v>0.21620445304268215</v>
      </c>
      <c r="L5894">
        <f t="shared" si="660"/>
        <v>0.10810222652134108</v>
      </c>
      <c r="M5894">
        <f t="shared" si="661"/>
        <v>0</v>
      </c>
      <c r="N5894" s="45">
        <f t="shared" si="662"/>
        <v>45171.166666652454</v>
      </c>
    </row>
    <row r="5895" spans="2:14" x14ac:dyDescent="0.25">
      <c r="B5895">
        <f t="shared" si="656"/>
        <v>6</v>
      </c>
      <c r="C5895" s="16">
        <v>5861</v>
      </c>
      <c r="D5895" cm="1">
        <f t="array" ref="D5895">IFERROR(INDEX(Jesper!AH$2:AH$366,ROUNDDOWN($C5895/24,0)+1,1)*INDEX($D$3:$AA$30,INDEX(Jesper!$R$2:$R$366,ROW(INDEX(Jesper!AH$2:AH$366,ROUNDDOWN($C5895/24,0)+1,1))-1)+IF('Standard Profiles'!$G$18=$B$10,7,0)+IF('Standard Profiles'!$G$18=$B$17,14,0)+IF('Standard Profiles'!$G$18=$B$24,21,0),MOD($C5895,24)+1)/SUM(INDEX($D$3:$AA$30,INDEX(Jesper!$R$2:$R$366,ROW(INDEX(Jesper!AH$2:AH$366,ROUNDDOWN($C5895/24,0)+1,1))-1)+IF('Standard Profiles'!$G$18=$B$10,7,0)+IF('Standard Profiles'!$G$18=$B$17,14,0)+IF('Standard Profiles'!$G$18=$B$24,21,0),0)),0)</f>
        <v>0</v>
      </c>
      <c r="E5895" cm="1">
        <f t="array" ref="E5895">IFERROR(INDEX(Jesper!AI$2:AI$366,ROUNDDOWN($C5895/24,0)+1,1)*INDEX($D$3:$AA$30,INDEX(Jesper!$R$2:$R$366,ROW(INDEX(Jesper!AI$2:AI$366,ROUNDDOWN($C5895/24,0)+1,1))-1)+IF('Standard Profiles'!$G$19=$B$10,7,0)+IF('Standard Profiles'!$G$19=$B$17,14,0)+IF('Standard Profiles'!$G$19=$B$24,21,0),MOD($C5895,24)+1)/SUM(INDEX($D$3:$AA$30,INDEX(Jesper!$R$2:$R$366,ROW(INDEX(Jesper!AI$2:AI$366,ROUNDDOWN($C5895/24,0)+1,1))-1)+IF('Standard Profiles'!$G$19=$B$10,7,0)+IF('Standard Profiles'!$G$19=$B$17,14,0)+IF('Standard Profiles'!$G$19=$B$24,21,0),0)),0)</f>
        <v>2.702555663033527</v>
      </c>
      <c r="F5895" cm="1">
        <f t="array" ref="F5895">IFERROR(INDEX(Jesper!AJ$2:AJ$366,ROUNDDOWN($C5895/24,0)+1,1)*INDEX($D$3:$AA$30,INDEX(Jesper!$R$2:$R$366,ROW(INDEX(Jesper!AJ$2:AJ$366,ROUNDDOWN($C5895/24,0)+1,1))-1)+IF('Standard Profiles'!$G$20=$B$10,7,0)+IF('Standard Profiles'!$G$20=$B$17,14,0)+IF('Standard Profiles'!$G$20=$B$24,21,0),MOD($C5895,24)+1)/SUM(INDEX($D$3:$AA$30,INDEX(Jesper!$R$2:$R$366,ROW(INDEX(Jesper!AJ$2:AJ$366,ROUNDDOWN($C5895/24,0)+1,1))-1)+IF('Standard Profiles'!$G$20=$B$10,7,0)+IF('Standard Profiles'!$G$20=$B$17,14,0)+IF('Standard Profiles'!$G$20=$B$24,21,0),0)),0)</f>
        <v>1.0611848533076329</v>
      </c>
      <c r="G5895" cm="1">
        <f t="array" ref="G5895">IFERROR(INDEX(Jesper!AK$2:AK$366,ROUNDDOWN($C5895/24,0)+1,1)*INDEX($D$3:$AA$30,INDEX(Jesper!$R$2:$R$366,ROW(INDEX(Jesper!AK$2:AK$366,ROUNDDOWN($C5895/24,0)+1,1))-1)+IF('Standard Profiles'!$G$21=$B$10,7,0)+IF('Standard Profiles'!$G$21=$B$17,14,0)+IF('Standard Profiles'!$G$21=$B$24,21,0),MOD($C5895,24)+1)/SUM(INDEX($D$3:$AA$30,INDEX(Jesper!$R$2:$R$366,ROW(INDEX(Jesper!AK$2:AK$366,ROUNDDOWN($C5895/24,0)+1,1))-1)+IF('Standard Profiles'!$G$21=$B$10,7,0)+IF('Standard Profiles'!$G$21=$B$17,14,0)+IF('Standard Profiles'!$G$21=$B$24,21,0),0)),0)</f>
        <v>0.53529404275279335</v>
      </c>
      <c r="H5895" cm="1">
        <f t="array" ref="H5895">IFERROR(INDEX(Jesper!AL$2:AL$366,ROUNDDOWN($C5895/24,0)+1,1)*INDEX($D$3:$AA$30,INDEX(Jesper!$R$2:$R$366,ROW(INDEX(Jesper!AL$2:AL$366,ROUNDDOWN($C5895/24,0)+1,1))-1)+IF('Standard Profiles'!$G$22=$B$10,7,0)+IF('Standard Profiles'!$G$22=$B$17,14,0)+IF('Standard Profiles'!$G$22=$B$24,21,0),MOD($C5895,24)+1)/SUM(INDEX($D$3:$AA$30,INDEX(Jesper!$R$2:$R$366,ROW(INDEX(Jesper!AL$2:AL$366,ROUNDDOWN($C5895/24,0)+1,1))-1)+IF('Standard Profiles'!$G$22=$B$10,7,0)+IF('Standard Profiles'!$G$22=$B$17,14,0)+IF('Standard Profiles'!$G$22=$B$24,21,0),0)),0)</f>
        <v>0.15867888423011903</v>
      </c>
      <c r="I5895">
        <f t="shared" si="657"/>
        <v>0.15233172886091434</v>
      </c>
      <c r="J5895">
        <f t="shared" si="658"/>
        <v>3.9810750348991344</v>
      </c>
      <c r="K5895">
        <f t="shared" si="659"/>
        <v>0.21620445304268215</v>
      </c>
      <c r="L5895">
        <f t="shared" si="660"/>
        <v>0.10810222652134108</v>
      </c>
      <c r="M5895">
        <f t="shared" si="661"/>
        <v>0</v>
      </c>
      <c r="N5895" s="45">
        <f t="shared" si="662"/>
        <v>45171.208333319119</v>
      </c>
    </row>
    <row r="5896" spans="2:14" x14ac:dyDescent="0.25">
      <c r="B5896">
        <f t="shared" si="656"/>
        <v>6</v>
      </c>
      <c r="C5896" s="16">
        <v>5862</v>
      </c>
      <c r="D5896" cm="1">
        <f t="array" ref="D5896">IFERROR(INDEX(Jesper!AH$2:AH$366,ROUNDDOWN($C5896/24,0)+1,1)*INDEX($D$3:$AA$30,INDEX(Jesper!$R$2:$R$366,ROW(INDEX(Jesper!AH$2:AH$366,ROUNDDOWN($C5896/24,0)+1,1))-1)+IF('Standard Profiles'!$G$18=$B$10,7,0)+IF('Standard Profiles'!$G$18=$B$17,14,0)+IF('Standard Profiles'!$G$18=$B$24,21,0),MOD($C5896,24)+1)/SUM(INDEX($D$3:$AA$30,INDEX(Jesper!$R$2:$R$366,ROW(INDEX(Jesper!AH$2:AH$366,ROUNDDOWN($C5896/24,0)+1,1))-1)+IF('Standard Profiles'!$G$18=$B$10,7,0)+IF('Standard Profiles'!$G$18=$B$17,14,0)+IF('Standard Profiles'!$G$18=$B$24,21,0),0)),0)</f>
        <v>0</v>
      </c>
      <c r="E5896" cm="1">
        <f t="array" ref="E5896">IFERROR(INDEX(Jesper!AI$2:AI$366,ROUNDDOWN($C5896/24,0)+1,1)*INDEX($D$3:$AA$30,INDEX(Jesper!$R$2:$R$366,ROW(INDEX(Jesper!AI$2:AI$366,ROUNDDOWN($C5896/24,0)+1,1))-1)+IF('Standard Profiles'!$G$19=$B$10,7,0)+IF('Standard Profiles'!$G$19=$B$17,14,0)+IF('Standard Profiles'!$G$19=$B$24,21,0),MOD($C5896,24)+1)/SUM(INDEX($D$3:$AA$30,INDEX(Jesper!$R$2:$R$366,ROW(INDEX(Jesper!AI$2:AI$366,ROUNDDOWN($C5896/24,0)+1,1))-1)+IF('Standard Profiles'!$G$19=$B$10,7,0)+IF('Standard Profiles'!$G$19=$B$17,14,0)+IF('Standard Profiles'!$G$19=$B$24,21,0),0)),0)</f>
        <v>2.702555663033527</v>
      </c>
      <c r="F5896" cm="1">
        <f t="array" ref="F5896">IFERROR(INDEX(Jesper!AJ$2:AJ$366,ROUNDDOWN($C5896/24,0)+1,1)*INDEX($D$3:$AA$30,INDEX(Jesper!$R$2:$R$366,ROW(INDEX(Jesper!AJ$2:AJ$366,ROUNDDOWN($C5896/24,0)+1,1))-1)+IF('Standard Profiles'!$G$20=$B$10,7,0)+IF('Standard Profiles'!$G$20=$B$17,14,0)+IF('Standard Profiles'!$G$20=$B$24,21,0),MOD($C5896,24)+1)/SUM(INDEX($D$3:$AA$30,INDEX(Jesper!$R$2:$R$366,ROW(INDEX(Jesper!AJ$2:AJ$366,ROUNDDOWN($C5896/24,0)+1,1))-1)+IF('Standard Profiles'!$G$20=$B$10,7,0)+IF('Standard Profiles'!$G$20=$B$17,14,0)+IF('Standard Profiles'!$G$20=$B$24,21,0),0)),0)</f>
        <v>1.0611848533076329</v>
      </c>
      <c r="G5896" cm="1">
        <f t="array" ref="G5896">IFERROR(INDEX(Jesper!AK$2:AK$366,ROUNDDOWN($C5896/24,0)+1,1)*INDEX($D$3:$AA$30,INDEX(Jesper!$R$2:$R$366,ROW(INDEX(Jesper!AK$2:AK$366,ROUNDDOWN($C5896/24,0)+1,1))-1)+IF('Standard Profiles'!$G$21=$B$10,7,0)+IF('Standard Profiles'!$G$21=$B$17,14,0)+IF('Standard Profiles'!$G$21=$B$24,21,0),MOD($C5896,24)+1)/SUM(INDEX($D$3:$AA$30,INDEX(Jesper!$R$2:$R$366,ROW(INDEX(Jesper!AK$2:AK$366,ROUNDDOWN($C5896/24,0)+1,1))-1)+IF('Standard Profiles'!$G$21=$B$10,7,0)+IF('Standard Profiles'!$G$21=$B$17,14,0)+IF('Standard Profiles'!$G$21=$B$24,21,0),0)),0)</f>
        <v>0.53529404275279335</v>
      </c>
      <c r="H5896" cm="1">
        <f t="array" ref="H5896">IFERROR(INDEX(Jesper!AL$2:AL$366,ROUNDDOWN($C5896/24,0)+1,1)*INDEX($D$3:$AA$30,INDEX(Jesper!$R$2:$R$366,ROW(INDEX(Jesper!AL$2:AL$366,ROUNDDOWN($C5896/24,0)+1,1))-1)+IF('Standard Profiles'!$G$22=$B$10,7,0)+IF('Standard Profiles'!$G$22=$B$17,14,0)+IF('Standard Profiles'!$G$22=$B$24,21,0),MOD($C5896,24)+1)/SUM(INDEX($D$3:$AA$30,INDEX(Jesper!$R$2:$R$366,ROW(INDEX(Jesper!AL$2:AL$366,ROUNDDOWN($C5896/24,0)+1,1))-1)+IF('Standard Profiles'!$G$22=$B$10,7,0)+IF('Standard Profiles'!$G$22=$B$17,14,0)+IF('Standard Profiles'!$G$22=$B$24,21,0),0)),0)</f>
        <v>0.19912644295544349</v>
      </c>
      <c r="I5896">
        <f t="shared" si="657"/>
        <v>0.19116138523722584</v>
      </c>
      <c r="J5896">
        <f t="shared" si="658"/>
        <v>3.9826929372481477</v>
      </c>
      <c r="K5896">
        <f t="shared" si="659"/>
        <v>0.21620445304268215</v>
      </c>
      <c r="L5896">
        <f t="shared" si="660"/>
        <v>0.10810222652134108</v>
      </c>
      <c r="M5896">
        <f t="shared" si="661"/>
        <v>0</v>
      </c>
      <c r="N5896" s="45">
        <f t="shared" si="662"/>
        <v>45171.249999985783</v>
      </c>
    </row>
    <row r="5897" spans="2:14" x14ac:dyDescent="0.25">
      <c r="B5897">
        <f t="shared" si="656"/>
        <v>6</v>
      </c>
      <c r="C5897" s="16">
        <v>5863</v>
      </c>
      <c r="D5897" cm="1">
        <f t="array" ref="D5897">IFERROR(INDEX(Jesper!AH$2:AH$366,ROUNDDOWN($C5897/24,0)+1,1)*INDEX($D$3:$AA$30,INDEX(Jesper!$R$2:$R$366,ROW(INDEX(Jesper!AH$2:AH$366,ROUNDDOWN($C5897/24,0)+1,1))-1)+IF('Standard Profiles'!$G$18=$B$10,7,0)+IF('Standard Profiles'!$G$18=$B$17,14,0)+IF('Standard Profiles'!$G$18=$B$24,21,0),MOD($C5897,24)+1)/SUM(INDEX($D$3:$AA$30,INDEX(Jesper!$R$2:$R$366,ROW(INDEX(Jesper!AH$2:AH$366,ROUNDDOWN($C5897/24,0)+1,1))-1)+IF('Standard Profiles'!$G$18=$B$10,7,0)+IF('Standard Profiles'!$G$18=$B$17,14,0)+IF('Standard Profiles'!$G$18=$B$24,21,0),0)),0)</f>
        <v>0</v>
      </c>
      <c r="E5897" cm="1">
        <f t="array" ref="E5897">IFERROR(INDEX(Jesper!AI$2:AI$366,ROUNDDOWN($C5897/24,0)+1,1)*INDEX($D$3:$AA$30,INDEX(Jesper!$R$2:$R$366,ROW(INDEX(Jesper!AI$2:AI$366,ROUNDDOWN($C5897/24,0)+1,1))-1)+IF('Standard Profiles'!$G$19=$B$10,7,0)+IF('Standard Profiles'!$G$19=$B$17,14,0)+IF('Standard Profiles'!$G$19=$B$24,21,0),MOD($C5897,24)+1)/SUM(INDEX($D$3:$AA$30,INDEX(Jesper!$R$2:$R$366,ROW(INDEX(Jesper!AI$2:AI$366,ROUNDDOWN($C5897/24,0)+1,1))-1)+IF('Standard Profiles'!$G$19=$B$10,7,0)+IF('Standard Profiles'!$G$19=$B$17,14,0)+IF('Standard Profiles'!$G$19=$B$24,21,0),0)),0)</f>
        <v>2.702555663033527</v>
      </c>
      <c r="F5897" cm="1">
        <f t="array" ref="F5897">IFERROR(INDEX(Jesper!AJ$2:AJ$366,ROUNDDOWN($C5897/24,0)+1,1)*INDEX($D$3:$AA$30,INDEX(Jesper!$R$2:$R$366,ROW(INDEX(Jesper!AJ$2:AJ$366,ROUNDDOWN($C5897/24,0)+1,1))-1)+IF('Standard Profiles'!$G$20=$B$10,7,0)+IF('Standard Profiles'!$G$20=$B$17,14,0)+IF('Standard Profiles'!$G$20=$B$24,21,0),MOD($C5897,24)+1)/SUM(INDEX($D$3:$AA$30,INDEX(Jesper!$R$2:$R$366,ROW(INDEX(Jesper!AJ$2:AJ$366,ROUNDDOWN($C5897/24,0)+1,1))-1)+IF('Standard Profiles'!$G$20=$B$10,7,0)+IF('Standard Profiles'!$G$20=$B$17,14,0)+IF('Standard Profiles'!$G$20=$B$24,21,0),0)),0)</f>
        <v>1.0611848533076329</v>
      </c>
      <c r="G5897" cm="1">
        <f t="array" ref="G5897">IFERROR(INDEX(Jesper!AK$2:AK$366,ROUNDDOWN($C5897/24,0)+1,1)*INDEX($D$3:$AA$30,INDEX(Jesper!$R$2:$R$366,ROW(INDEX(Jesper!AK$2:AK$366,ROUNDDOWN($C5897/24,0)+1,1))-1)+IF('Standard Profiles'!$G$21=$B$10,7,0)+IF('Standard Profiles'!$G$21=$B$17,14,0)+IF('Standard Profiles'!$G$21=$B$24,21,0),MOD($C5897,24)+1)/SUM(INDEX($D$3:$AA$30,INDEX(Jesper!$R$2:$R$366,ROW(INDEX(Jesper!AK$2:AK$366,ROUNDDOWN($C5897/24,0)+1,1))-1)+IF('Standard Profiles'!$G$21=$B$10,7,0)+IF('Standard Profiles'!$G$21=$B$17,14,0)+IF('Standard Profiles'!$G$21=$B$24,21,0),0)),0)</f>
        <v>0.53529404275279335</v>
      </c>
      <c r="H5897" cm="1">
        <f t="array" ref="H5897">IFERROR(INDEX(Jesper!AL$2:AL$366,ROUNDDOWN($C5897/24,0)+1,1)*INDEX($D$3:$AA$30,INDEX(Jesper!$R$2:$R$366,ROW(INDEX(Jesper!AL$2:AL$366,ROUNDDOWN($C5897/24,0)+1,1))-1)+IF('Standard Profiles'!$G$22=$B$10,7,0)+IF('Standard Profiles'!$G$22=$B$17,14,0)+IF('Standard Profiles'!$G$22=$B$24,21,0),MOD($C5897,24)+1)/SUM(INDEX($D$3:$AA$30,INDEX(Jesper!$R$2:$R$366,ROW(INDEX(Jesper!AL$2:AL$366,ROUNDDOWN($C5897/24,0)+1,1))-1)+IF('Standard Profiles'!$G$22=$B$10,7,0)+IF('Standard Profiles'!$G$22=$B$17,14,0)+IF('Standard Profiles'!$G$22=$B$24,21,0),0)),0)</f>
        <v>0.22712859899605273</v>
      </c>
      <c r="I5897">
        <f t="shared" si="657"/>
        <v>0.21804345503621073</v>
      </c>
      <c r="J5897">
        <f t="shared" si="658"/>
        <v>3.983813023489772</v>
      </c>
      <c r="K5897">
        <f t="shared" si="659"/>
        <v>0.21620445304268215</v>
      </c>
      <c r="L5897">
        <f t="shared" si="660"/>
        <v>0.10810222652134108</v>
      </c>
      <c r="M5897">
        <f t="shared" si="661"/>
        <v>0</v>
      </c>
      <c r="N5897" s="45">
        <f t="shared" si="662"/>
        <v>45171.291666652447</v>
      </c>
    </row>
    <row r="5898" spans="2:14" x14ac:dyDescent="0.25">
      <c r="B5898">
        <f t="shared" si="656"/>
        <v>6</v>
      </c>
      <c r="C5898" s="16">
        <v>5864</v>
      </c>
      <c r="D5898" cm="1">
        <f t="array" ref="D5898">IFERROR(INDEX(Jesper!AH$2:AH$366,ROUNDDOWN($C5898/24,0)+1,1)*INDEX($D$3:$AA$30,INDEX(Jesper!$R$2:$R$366,ROW(INDEX(Jesper!AH$2:AH$366,ROUNDDOWN($C5898/24,0)+1,1))-1)+IF('Standard Profiles'!$G$18=$B$10,7,0)+IF('Standard Profiles'!$G$18=$B$17,14,0)+IF('Standard Profiles'!$G$18=$B$24,21,0),MOD($C5898,24)+1)/SUM(INDEX($D$3:$AA$30,INDEX(Jesper!$R$2:$R$366,ROW(INDEX(Jesper!AH$2:AH$366,ROUNDDOWN($C5898/24,0)+1,1))-1)+IF('Standard Profiles'!$G$18=$B$10,7,0)+IF('Standard Profiles'!$G$18=$B$17,14,0)+IF('Standard Profiles'!$G$18=$B$24,21,0),0)),0)</f>
        <v>0</v>
      </c>
      <c r="E5898" cm="1">
        <f t="array" ref="E5898">IFERROR(INDEX(Jesper!AI$2:AI$366,ROUNDDOWN($C5898/24,0)+1,1)*INDEX($D$3:$AA$30,INDEX(Jesper!$R$2:$R$366,ROW(INDEX(Jesper!AI$2:AI$366,ROUNDDOWN($C5898/24,0)+1,1))-1)+IF('Standard Profiles'!$G$19=$B$10,7,0)+IF('Standard Profiles'!$G$19=$B$17,14,0)+IF('Standard Profiles'!$G$19=$B$24,21,0),MOD($C5898,24)+1)/SUM(INDEX($D$3:$AA$30,INDEX(Jesper!$R$2:$R$366,ROW(INDEX(Jesper!AI$2:AI$366,ROUNDDOWN($C5898/24,0)+1,1))-1)+IF('Standard Profiles'!$G$19=$B$10,7,0)+IF('Standard Profiles'!$G$19=$B$17,14,0)+IF('Standard Profiles'!$G$19=$B$24,21,0),0)),0)</f>
        <v>2.702555663033527</v>
      </c>
      <c r="F5898" cm="1">
        <f t="array" ref="F5898">IFERROR(INDEX(Jesper!AJ$2:AJ$366,ROUNDDOWN($C5898/24,0)+1,1)*INDEX($D$3:$AA$30,INDEX(Jesper!$R$2:$R$366,ROW(INDEX(Jesper!AJ$2:AJ$366,ROUNDDOWN($C5898/24,0)+1,1))-1)+IF('Standard Profiles'!$G$20=$B$10,7,0)+IF('Standard Profiles'!$G$20=$B$17,14,0)+IF('Standard Profiles'!$G$20=$B$24,21,0),MOD($C5898,24)+1)/SUM(INDEX($D$3:$AA$30,INDEX(Jesper!$R$2:$R$366,ROW(INDEX(Jesper!AJ$2:AJ$366,ROUNDDOWN($C5898/24,0)+1,1))-1)+IF('Standard Profiles'!$G$20=$B$10,7,0)+IF('Standard Profiles'!$G$20=$B$17,14,0)+IF('Standard Profiles'!$G$20=$B$24,21,0),0)),0)</f>
        <v>1.0611848533076329</v>
      </c>
      <c r="G5898" cm="1">
        <f t="array" ref="G5898">IFERROR(INDEX(Jesper!AK$2:AK$366,ROUNDDOWN($C5898/24,0)+1,1)*INDEX($D$3:$AA$30,INDEX(Jesper!$R$2:$R$366,ROW(INDEX(Jesper!AK$2:AK$366,ROUNDDOWN($C5898/24,0)+1,1))-1)+IF('Standard Profiles'!$G$21=$B$10,7,0)+IF('Standard Profiles'!$G$21=$B$17,14,0)+IF('Standard Profiles'!$G$21=$B$24,21,0),MOD($C5898,24)+1)/SUM(INDEX($D$3:$AA$30,INDEX(Jesper!$R$2:$R$366,ROW(INDEX(Jesper!AK$2:AK$366,ROUNDDOWN($C5898/24,0)+1,1))-1)+IF('Standard Profiles'!$G$21=$B$10,7,0)+IF('Standard Profiles'!$G$21=$B$17,14,0)+IF('Standard Profiles'!$G$21=$B$24,21,0),0)),0)</f>
        <v>0.53529404275279335</v>
      </c>
      <c r="H5898" cm="1">
        <f t="array" ref="H5898">IFERROR(INDEX(Jesper!AL$2:AL$366,ROUNDDOWN($C5898/24,0)+1,1)*INDEX($D$3:$AA$30,INDEX(Jesper!$R$2:$R$366,ROW(INDEX(Jesper!AL$2:AL$366,ROUNDDOWN($C5898/24,0)+1,1))-1)+IF('Standard Profiles'!$G$22=$B$10,7,0)+IF('Standard Profiles'!$G$22=$B$17,14,0)+IF('Standard Profiles'!$G$22=$B$24,21,0),MOD($C5898,24)+1)/SUM(INDEX($D$3:$AA$30,INDEX(Jesper!$R$2:$R$366,ROW(INDEX(Jesper!AL$2:AL$366,ROUNDDOWN($C5898/24,0)+1,1))-1)+IF('Standard Profiles'!$G$22=$B$10,7,0)+IF('Standard Profiles'!$G$22=$B$17,14,0)+IF('Standard Profiles'!$G$22=$B$24,21,0),0)),0)</f>
        <v>0.22712859899605273</v>
      </c>
      <c r="I5898">
        <f t="shared" si="657"/>
        <v>0.21804345503621073</v>
      </c>
      <c r="J5898">
        <f t="shared" si="658"/>
        <v>3.983813023489772</v>
      </c>
      <c r="K5898">
        <f t="shared" si="659"/>
        <v>0.21620445304268215</v>
      </c>
      <c r="L5898">
        <f t="shared" si="660"/>
        <v>0.10810222652134108</v>
      </c>
      <c r="M5898">
        <f t="shared" si="661"/>
        <v>0</v>
      </c>
      <c r="N5898" s="45">
        <f t="shared" si="662"/>
        <v>45171.333333319111</v>
      </c>
    </row>
    <row r="5899" spans="2:14" x14ac:dyDescent="0.25">
      <c r="B5899">
        <f t="shared" si="656"/>
        <v>6</v>
      </c>
      <c r="C5899" s="16">
        <v>5865</v>
      </c>
      <c r="D5899" cm="1">
        <f t="array" ref="D5899">IFERROR(INDEX(Jesper!AH$2:AH$366,ROUNDDOWN($C5899/24,0)+1,1)*INDEX($D$3:$AA$30,INDEX(Jesper!$R$2:$R$366,ROW(INDEX(Jesper!AH$2:AH$366,ROUNDDOWN($C5899/24,0)+1,1))-1)+IF('Standard Profiles'!$G$18=$B$10,7,0)+IF('Standard Profiles'!$G$18=$B$17,14,0)+IF('Standard Profiles'!$G$18=$B$24,21,0),MOD($C5899,24)+1)/SUM(INDEX($D$3:$AA$30,INDEX(Jesper!$R$2:$R$366,ROW(INDEX(Jesper!AH$2:AH$366,ROUNDDOWN($C5899/24,0)+1,1))-1)+IF('Standard Profiles'!$G$18=$B$10,7,0)+IF('Standard Profiles'!$G$18=$B$17,14,0)+IF('Standard Profiles'!$G$18=$B$24,21,0),0)),0)</f>
        <v>0</v>
      </c>
      <c r="E5899" cm="1">
        <f t="array" ref="E5899">IFERROR(INDEX(Jesper!AI$2:AI$366,ROUNDDOWN($C5899/24,0)+1,1)*INDEX($D$3:$AA$30,INDEX(Jesper!$R$2:$R$366,ROW(INDEX(Jesper!AI$2:AI$366,ROUNDDOWN($C5899/24,0)+1,1))-1)+IF('Standard Profiles'!$G$19=$B$10,7,0)+IF('Standard Profiles'!$G$19=$B$17,14,0)+IF('Standard Profiles'!$G$19=$B$24,21,0),MOD($C5899,24)+1)/SUM(INDEX($D$3:$AA$30,INDEX(Jesper!$R$2:$R$366,ROW(INDEX(Jesper!AI$2:AI$366,ROUNDDOWN($C5899/24,0)+1,1))-1)+IF('Standard Profiles'!$G$19=$B$10,7,0)+IF('Standard Profiles'!$G$19=$B$17,14,0)+IF('Standard Profiles'!$G$19=$B$24,21,0),0)),0)</f>
        <v>2.702555663033527</v>
      </c>
      <c r="F5899" cm="1">
        <f t="array" ref="F5899">IFERROR(INDEX(Jesper!AJ$2:AJ$366,ROUNDDOWN($C5899/24,0)+1,1)*INDEX($D$3:$AA$30,INDEX(Jesper!$R$2:$R$366,ROW(INDEX(Jesper!AJ$2:AJ$366,ROUNDDOWN($C5899/24,0)+1,1))-1)+IF('Standard Profiles'!$G$20=$B$10,7,0)+IF('Standard Profiles'!$G$20=$B$17,14,0)+IF('Standard Profiles'!$G$20=$B$24,21,0),MOD($C5899,24)+1)/SUM(INDEX($D$3:$AA$30,INDEX(Jesper!$R$2:$R$366,ROW(INDEX(Jesper!AJ$2:AJ$366,ROUNDDOWN($C5899/24,0)+1,1))-1)+IF('Standard Profiles'!$G$20=$B$10,7,0)+IF('Standard Profiles'!$G$20=$B$17,14,0)+IF('Standard Profiles'!$G$20=$B$24,21,0),0)),0)</f>
        <v>1.0611848533076329</v>
      </c>
      <c r="G5899" cm="1">
        <f t="array" ref="G5899">IFERROR(INDEX(Jesper!AK$2:AK$366,ROUNDDOWN($C5899/24,0)+1,1)*INDEX($D$3:$AA$30,INDEX(Jesper!$R$2:$R$366,ROW(INDEX(Jesper!AK$2:AK$366,ROUNDDOWN($C5899/24,0)+1,1))-1)+IF('Standard Profiles'!$G$21=$B$10,7,0)+IF('Standard Profiles'!$G$21=$B$17,14,0)+IF('Standard Profiles'!$G$21=$B$24,21,0),MOD($C5899,24)+1)/SUM(INDEX($D$3:$AA$30,INDEX(Jesper!$R$2:$R$366,ROW(INDEX(Jesper!AK$2:AK$366,ROUNDDOWN($C5899/24,0)+1,1))-1)+IF('Standard Profiles'!$G$21=$B$10,7,0)+IF('Standard Profiles'!$G$21=$B$17,14,0)+IF('Standard Profiles'!$G$21=$B$24,21,0),0)),0)</f>
        <v>0.53529404275279335</v>
      </c>
      <c r="H5899" cm="1">
        <f t="array" ref="H5899">IFERROR(INDEX(Jesper!AL$2:AL$366,ROUNDDOWN($C5899/24,0)+1,1)*INDEX($D$3:$AA$30,INDEX(Jesper!$R$2:$R$366,ROW(INDEX(Jesper!AL$2:AL$366,ROUNDDOWN($C5899/24,0)+1,1))-1)+IF('Standard Profiles'!$G$22=$B$10,7,0)+IF('Standard Profiles'!$G$22=$B$17,14,0)+IF('Standard Profiles'!$G$22=$B$24,21,0),MOD($C5899,24)+1)/SUM(INDEX($D$3:$AA$30,INDEX(Jesper!$R$2:$R$366,ROW(INDEX(Jesper!AL$2:AL$366,ROUNDDOWN($C5899/24,0)+1,1))-1)+IF('Standard Profiles'!$G$22=$B$10,7,0)+IF('Standard Profiles'!$G$22=$B$17,14,0)+IF('Standard Profiles'!$G$22=$B$24,21,0),0)),0)</f>
        <v>0.22712859899605273</v>
      </c>
      <c r="I5899">
        <f t="shared" si="657"/>
        <v>0.21804345503621073</v>
      </c>
      <c r="J5899">
        <f t="shared" si="658"/>
        <v>3.983813023489772</v>
      </c>
      <c r="K5899">
        <f t="shared" si="659"/>
        <v>0.21620445304268215</v>
      </c>
      <c r="L5899">
        <f t="shared" si="660"/>
        <v>0.10810222652134108</v>
      </c>
      <c r="M5899">
        <f t="shared" si="661"/>
        <v>0</v>
      </c>
      <c r="N5899" s="45">
        <f t="shared" si="662"/>
        <v>45171.374999985776</v>
      </c>
    </row>
    <row r="5900" spans="2:14" x14ac:dyDescent="0.25">
      <c r="B5900">
        <f t="shared" si="656"/>
        <v>6</v>
      </c>
      <c r="C5900" s="16">
        <v>5866</v>
      </c>
      <c r="D5900" cm="1">
        <f t="array" ref="D5900">IFERROR(INDEX(Jesper!AH$2:AH$366,ROUNDDOWN($C5900/24,0)+1,1)*INDEX($D$3:$AA$30,INDEX(Jesper!$R$2:$R$366,ROW(INDEX(Jesper!AH$2:AH$366,ROUNDDOWN($C5900/24,0)+1,1))-1)+IF('Standard Profiles'!$G$18=$B$10,7,0)+IF('Standard Profiles'!$G$18=$B$17,14,0)+IF('Standard Profiles'!$G$18=$B$24,21,0),MOD($C5900,24)+1)/SUM(INDEX($D$3:$AA$30,INDEX(Jesper!$R$2:$R$366,ROW(INDEX(Jesper!AH$2:AH$366,ROUNDDOWN($C5900/24,0)+1,1))-1)+IF('Standard Profiles'!$G$18=$B$10,7,0)+IF('Standard Profiles'!$G$18=$B$17,14,0)+IF('Standard Profiles'!$G$18=$B$24,21,0),0)),0)</f>
        <v>0</v>
      </c>
      <c r="E5900" cm="1">
        <f t="array" ref="E5900">IFERROR(INDEX(Jesper!AI$2:AI$366,ROUNDDOWN($C5900/24,0)+1,1)*INDEX($D$3:$AA$30,INDEX(Jesper!$R$2:$R$366,ROW(INDEX(Jesper!AI$2:AI$366,ROUNDDOWN($C5900/24,0)+1,1))-1)+IF('Standard Profiles'!$G$19=$B$10,7,0)+IF('Standard Profiles'!$G$19=$B$17,14,0)+IF('Standard Profiles'!$G$19=$B$24,21,0),MOD($C5900,24)+1)/SUM(INDEX($D$3:$AA$30,INDEX(Jesper!$R$2:$R$366,ROW(INDEX(Jesper!AI$2:AI$366,ROUNDDOWN($C5900/24,0)+1,1))-1)+IF('Standard Profiles'!$G$19=$B$10,7,0)+IF('Standard Profiles'!$G$19=$B$17,14,0)+IF('Standard Profiles'!$G$19=$B$24,21,0),0)),0)</f>
        <v>2.702555663033527</v>
      </c>
      <c r="F5900" cm="1">
        <f t="array" ref="F5900">IFERROR(INDEX(Jesper!AJ$2:AJ$366,ROUNDDOWN($C5900/24,0)+1,1)*INDEX($D$3:$AA$30,INDEX(Jesper!$R$2:$R$366,ROW(INDEX(Jesper!AJ$2:AJ$366,ROUNDDOWN($C5900/24,0)+1,1))-1)+IF('Standard Profiles'!$G$20=$B$10,7,0)+IF('Standard Profiles'!$G$20=$B$17,14,0)+IF('Standard Profiles'!$G$20=$B$24,21,0),MOD($C5900,24)+1)/SUM(INDEX($D$3:$AA$30,INDEX(Jesper!$R$2:$R$366,ROW(INDEX(Jesper!AJ$2:AJ$366,ROUNDDOWN($C5900/24,0)+1,1))-1)+IF('Standard Profiles'!$G$20=$B$10,7,0)+IF('Standard Profiles'!$G$20=$B$17,14,0)+IF('Standard Profiles'!$G$20=$B$24,21,0),0)),0)</f>
        <v>1.0611848533076329</v>
      </c>
      <c r="G5900" cm="1">
        <f t="array" ref="G5900">IFERROR(INDEX(Jesper!AK$2:AK$366,ROUNDDOWN($C5900/24,0)+1,1)*INDEX($D$3:$AA$30,INDEX(Jesper!$R$2:$R$366,ROW(INDEX(Jesper!AK$2:AK$366,ROUNDDOWN($C5900/24,0)+1,1))-1)+IF('Standard Profiles'!$G$21=$B$10,7,0)+IF('Standard Profiles'!$G$21=$B$17,14,0)+IF('Standard Profiles'!$G$21=$B$24,21,0),MOD($C5900,24)+1)/SUM(INDEX($D$3:$AA$30,INDEX(Jesper!$R$2:$R$366,ROW(INDEX(Jesper!AK$2:AK$366,ROUNDDOWN($C5900/24,0)+1,1))-1)+IF('Standard Profiles'!$G$21=$B$10,7,0)+IF('Standard Profiles'!$G$21=$B$17,14,0)+IF('Standard Profiles'!$G$21=$B$24,21,0),0)),0)</f>
        <v>0.53529404275279335</v>
      </c>
      <c r="H5900" cm="1">
        <f t="array" ref="H5900">IFERROR(INDEX(Jesper!AL$2:AL$366,ROUNDDOWN($C5900/24,0)+1,1)*INDEX($D$3:$AA$30,INDEX(Jesper!$R$2:$R$366,ROW(INDEX(Jesper!AL$2:AL$366,ROUNDDOWN($C5900/24,0)+1,1))-1)+IF('Standard Profiles'!$G$22=$B$10,7,0)+IF('Standard Profiles'!$G$22=$B$17,14,0)+IF('Standard Profiles'!$G$22=$B$24,21,0),MOD($C5900,24)+1)/SUM(INDEX($D$3:$AA$30,INDEX(Jesper!$R$2:$R$366,ROW(INDEX(Jesper!AL$2:AL$366,ROUNDDOWN($C5900/24,0)+1,1))-1)+IF('Standard Profiles'!$G$22=$B$10,7,0)+IF('Standard Profiles'!$G$22=$B$17,14,0)+IF('Standard Profiles'!$G$22=$B$24,21,0),0)),0)</f>
        <v>0.22712859899605273</v>
      </c>
      <c r="I5900">
        <f t="shared" si="657"/>
        <v>0.21804345503621073</v>
      </c>
      <c r="J5900">
        <f t="shared" si="658"/>
        <v>3.983813023489772</v>
      </c>
      <c r="K5900">
        <f t="shared" si="659"/>
        <v>0.21620445304268215</v>
      </c>
      <c r="L5900">
        <f t="shared" si="660"/>
        <v>0.10810222652134108</v>
      </c>
      <c r="M5900">
        <f t="shared" si="661"/>
        <v>0</v>
      </c>
      <c r="N5900" s="45">
        <f t="shared" si="662"/>
        <v>45171.41666665244</v>
      </c>
    </row>
    <row r="5901" spans="2:14" x14ac:dyDescent="0.25">
      <c r="B5901">
        <f t="shared" si="656"/>
        <v>6</v>
      </c>
      <c r="C5901" s="16">
        <v>5867</v>
      </c>
      <c r="D5901" cm="1">
        <f t="array" ref="D5901">IFERROR(INDEX(Jesper!AH$2:AH$366,ROUNDDOWN($C5901/24,0)+1,1)*INDEX($D$3:$AA$30,INDEX(Jesper!$R$2:$R$366,ROW(INDEX(Jesper!AH$2:AH$366,ROUNDDOWN($C5901/24,0)+1,1))-1)+IF('Standard Profiles'!$G$18=$B$10,7,0)+IF('Standard Profiles'!$G$18=$B$17,14,0)+IF('Standard Profiles'!$G$18=$B$24,21,0),MOD($C5901,24)+1)/SUM(INDEX($D$3:$AA$30,INDEX(Jesper!$R$2:$R$366,ROW(INDEX(Jesper!AH$2:AH$366,ROUNDDOWN($C5901/24,0)+1,1))-1)+IF('Standard Profiles'!$G$18=$B$10,7,0)+IF('Standard Profiles'!$G$18=$B$17,14,0)+IF('Standard Profiles'!$G$18=$B$24,21,0),0)),0)</f>
        <v>0</v>
      </c>
      <c r="E5901" cm="1">
        <f t="array" ref="E5901">IFERROR(INDEX(Jesper!AI$2:AI$366,ROUNDDOWN($C5901/24,0)+1,1)*INDEX($D$3:$AA$30,INDEX(Jesper!$R$2:$R$366,ROW(INDEX(Jesper!AI$2:AI$366,ROUNDDOWN($C5901/24,0)+1,1))-1)+IF('Standard Profiles'!$G$19=$B$10,7,0)+IF('Standard Profiles'!$G$19=$B$17,14,0)+IF('Standard Profiles'!$G$19=$B$24,21,0),MOD($C5901,24)+1)/SUM(INDEX($D$3:$AA$30,INDEX(Jesper!$R$2:$R$366,ROW(INDEX(Jesper!AI$2:AI$366,ROUNDDOWN($C5901/24,0)+1,1))-1)+IF('Standard Profiles'!$G$19=$B$10,7,0)+IF('Standard Profiles'!$G$19=$B$17,14,0)+IF('Standard Profiles'!$G$19=$B$24,21,0),0)),0)</f>
        <v>2.702555663033527</v>
      </c>
      <c r="F5901" cm="1">
        <f t="array" ref="F5901">IFERROR(INDEX(Jesper!AJ$2:AJ$366,ROUNDDOWN($C5901/24,0)+1,1)*INDEX($D$3:$AA$30,INDEX(Jesper!$R$2:$R$366,ROW(INDEX(Jesper!AJ$2:AJ$366,ROUNDDOWN($C5901/24,0)+1,1))-1)+IF('Standard Profiles'!$G$20=$B$10,7,0)+IF('Standard Profiles'!$G$20=$B$17,14,0)+IF('Standard Profiles'!$G$20=$B$24,21,0),MOD($C5901,24)+1)/SUM(INDEX($D$3:$AA$30,INDEX(Jesper!$R$2:$R$366,ROW(INDEX(Jesper!AJ$2:AJ$366,ROUNDDOWN($C5901/24,0)+1,1))-1)+IF('Standard Profiles'!$G$20=$B$10,7,0)+IF('Standard Profiles'!$G$20=$B$17,14,0)+IF('Standard Profiles'!$G$20=$B$24,21,0),0)),0)</f>
        <v>1.0611848533076329</v>
      </c>
      <c r="G5901" cm="1">
        <f t="array" ref="G5901">IFERROR(INDEX(Jesper!AK$2:AK$366,ROUNDDOWN($C5901/24,0)+1,1)*INDEX($D$3:$AA$30,INDEX(Jesper!$R$2:$R$366,ROW(INDEX(Jesper!AK$2:AK$366,ROUNDDOWN($C5901/24,0)+1,1))-1)+IF('Standard Profiles'!$G$21=$B$10,7,0)+IF('Standard Profiles'!$G$21=$B$17,14,0)+IF('Standard Profiles'!$G$21=$B$24,21,0),MOD($C5901,24)+1)/SUM(INDEX($D$3:$AA$30,INDEX(Jesper!$R$2:$R$366,ROW(INDEX(Jesper!AK$2:AK$366,ROUNDDOWN($C5901/24,0)+1,1))-1)+IF('Standard Profiles'!$G$21=$B$10,7,0)+IF('Standard Profiles'!$G$21=$B$17,14,0)+IF('Standard Profiles'!$G$21=$B$24,21,0),0)),0)</f>
        <v>0.53529404275279335</v>
      </c>
      <c r="H5901" cm="1">
        <f t="array" ref="H5901">IFERROR(INDEX(Jesper!AL$2:AL$366,ROUNDDOWN($C5901/24,0)+1,1)*INDEX($D$3:$AA$30,INDEX(Jesper!$R$2:$R$366,ROW(INDEX(Jesper!AL$2:AL$366,ROUNDDOWN($C5901/24,0)+1,1))-1)+IF('Standard Profiles'!$G$22=$B$10,7,0)+IF('Standard Profiles'!$G$22=$B$17,14,0)+IF('Standard Profiles'!$G$22=$B$24,21,0),MOD($C5901,24)+1)/SUM(INDEX($D$3:$AA$30,INDEX(Jesper!$R$2:$R$366,ROW(INDEX(Jesper!AL$2:AL$366,ROUNDDOWN($C5901/24,0)+1,1))-1)+IF('Standard Profiles'!$G$22=$B$10,7,0)+IF('Standard Profiles'!$G$22=$B$17,14,0)+IF('Standard Profiles'!$G$22=$B$24,21,0),0)),0)</f>
        <v>0.22712859899605273</v>
      </c>
      <c r="I5901">
        <f t="shared" si="657"/>
        <v>0.21804345503621073</v>
      </c>
      <c r="J5901">
        <f t="shared" si="658"/>
        <v>3.983813023489772</v>
      </c>
      <c r="K5901">
        <f t="shared" si="659"/>
        <v>0.21620445304268215</v>
      </c>
      <c r="L5901">
        <f t="shared" si="660"/>
        <v>0.10810222652134108</v>
      </c>
      <c r="M5901">
        <f t="shared" si="661"/>
        <v>0</v>
      </c>
      <c r="N5901" s="45">
        <f t="shared" si="662"/>
        <v>45171.458333319104</v>
      </c>
    </row>
    <row r="5902" spans="2:14" x14ac:dyDescent="0.25">
      <c r="B5902">
        <f t="shared" si="656"/>
        <v>6</v>
      </c>
      <c r="C5902" s="16">
        <v>5868</v>
      </c>
      <c r="D5902" cm="1">
        <f t="array" ref="D5902">IFERROR(INDEX(Jesper!AH$2:AH$366,ROUNDDOWN($C5902/24,0)+1,1)*INDEX($D$3:$AA$30,INDEX(Jesper!$R$2:$R$366,ROW(INDEX(Jesper!AH$2:AH$366,ROUNDDOWN($C5902/24,0)+1,1))-1)+IF('Standard Profiles'!$G$18=$B$10,7,0)+IF('Standard Profiles'!$G$18=$B$17,14,0)+IF('Standard Profiles'!$G$18=$B$24,21,0),MOD($C5902,24)+1)/SUM(INDEX($D$3:$AA$30,INDEX(Jesper!$R$2:$R$366,ROW(INDEX(Jesper!AH$2:AH$366,ROUNDDOWN($C5902/24,0)+1,1))-1)+IF('Standard Profiles'!$G$18=$B$10,7,0)+IF('Standard Profiles'!$G$18=$B$17,14,0)+IF('Standard Profiles'!$G$18=$B$24,21,0),0)),0)</f>
        <v>0</v>
      </c>
      <c r="E5902" cm="1">
        <f t="array" ref="E5902">IFERROR(INDEX(Jesper!AI$2:AI$366,ROUNDDOWN($C5902/24,0)+1,1)*INDEX($D$3:$AA$30,INDEX(Jesper!$R$2:$R$366,ROW(INDEX(Jesper!AI$2:AI$366,ROUNDDOWN($C5902/24,0)+1,1))-1)+IF('Standard Profiles'!$G$19=$B$10,7,0)+IF('Standard Profiles'!$G$19=$B$17,14,0)+IF('Standard Profiles'!$G$19=$B$24,21,0),MOD($C5902,24)+1)/SUM(INDEX($D$3:$AA$30,INDEX(Jesper!$R$2:$R$366,ROW(INDEX(Jesper!AI$2:AI$366,ROUNDDOWN($C5902/24,0)+1,1))-1)+IF('Standard Profiles'!$G$19=$B$10,7,0)+IF('Standard Profiles'!$G$19=$B$17,14,0)+IF('Standard Profiles'!$G$19=$B$24,21,0),0)),0)</f>
        <v>2.702555663033527</v>
      </c>
      <c r="F5902" cm="1">
        <f t="array" ref="F5902">IFERROR(INDEX(Jesper!AJ$2:AJ$366,ROUNDDOWN($C5902/24,0)+1,1)*INDEX($D$3:$AA$30,INDEX(Jesper!$R$2:$R$366,ROW(INDEX(Jesper!AJ$2:AJ$366,ROUNDDOWN($C5902/24,0)+1,1))-1)+IF('Standard Profiles'!$G$20=$B$10,7,0)+IF('Standard Profiles'!$G$20=$B$17,14,0)+IF('Standard Profiles'!$G$20=$B$24,21,0),MOD($C5902,24)+1)/SUM(INDEX($D$3:$AA$30,INDEX(Jesper!$R$2:$R$366,ROW(INDEX(Jesper!AJ$2:AJ$366,ROUNDDOWN($C5902/24,0)+1,1))-1)+IF('Standard Profiles'!$G$20=$B$10,7,0)+IF('Standard Profiles'!$G$20=$B$17,14,0)+IF('Standard Profiles'!$G$20=$B$24,21,0),0)),0)</f>
        <v>1.0611848533076329</v>
      </c>
      <c r="G5902" cm="1">
        <f t="array" ref="G5902">IFERROR(INDEX(Jesper!AK$2:AK$366,ROUNDDOWN($C5902/24,0)+1,1)*INDEX($D$3:$AA$30,INDEX(Jesper!$R$2:$R$366,ROW(INDEX(Jesper!AK$2:AK$366,ROUNDDOWN($C5902/24,0)+1,1))-1)+IF('Standard Profiles'!$G$21=$B$10,7,0)+IF('Standard Profiles'!$G$21=$B$17,14,0)+IF('Standard Profiles'!$G$21=$B$24,21,0),MOD($C5902,24)+1)/SUM(INDEX($D$3:$AA$30,INDEX(Jesper!$R$2:$R$366,ROW(INDEX(Jesper!AK$2:AK$366,ROUNDDOWN($C5902/24,0)+1,1))-1)+IF('Standard Profiles'!$G$21=$B$10,7,0)+IF('Standard Profiles'!$G$21=$B$17,14,0)+IF('Standard Profiles'!$G$21=$B$24,21,0),0)),0)</f>
        <v>0.53529404275279335</v>
      </c>
      <c r="H5902" cm="1">
        <f t="array" ref="H5902">IFERROR(INDEX(Jesper!AL$2:AL$366,ROUNDDOWN($C5902/24,0)+1,1)*INDEX($D$3:$AA$30,INDEX(Jesper!$R$2:$R$366,ROW(INDEX(Jesper!AL$2:AL$366,ROUNDDOWN($C5902/24,0)+1,1))-1)+IF('Standard Profiles'!$G$22=$B$10,7,0)+IF('Standard Profiles'!$G$22=$B$17,14,0)+IF('Standard Profiles'!$G$22=$B$24,21,0),MOD($C5902,24)+1)/SUM(INDEX($D$3:$AA$30,INDEX(Jesper!$R$2:$R$366,ROW(INDEX(Jesper!AL$2:AL$366,ROUNDDOWN($C5902/24,0)+1,1))-1)+IF('Standard Profiles'!$G$22=$B$10,7,0)+IF('Standard Profiles'!$G$22=$B$17,14,0)+IF('Standard Profiles'!$G$22=$B$24,21,0),0)),0)</f>
        <v>0.22712859899605273</v>
      </c>
      <c r="I5902">
        <f t="shared" si="657"/>
        <v>0.21804345503621073</v>
      </c>
      <c r="J5902">
        <f t="shared" si="658"/>
        <v>3.983813023489772</v>
      </c>
      <c r="K5902">
        <f t="shared" si="659"/>
        <v>0.21620445304268215</v>
      </c>
      <c r="L5902">
        <f t="shared" si="660"/>
        <v>0.10810222652134108</v>
      </c>
      <c r="M5902">
        <f t="shared" si="661"/>
        <v>0</v>
      </c>
      <c r="N5902" s="45">
        <f t="shared" si="662"/>
        <v>45171.499999985768</v>
      </c>
    </row>
    <row r="5903" spans="2:14" x14ac:dyDescent="0.25">
      <c r="B5903">
        <f t="shared" si="656"/>
        <v>6</v>
      </c>
      <c r="C5903" s="16">
        <v>5869</v>
      </c>
      <c r="D5903" cm="1">
        <f t="array" ref="D5903">IFERROR(INDEX(Jesper!AH$2:AH$366,ROUNDDOWN($C5903/24,0)+1,1)*INDEX($D$3:$AA$30,INDEX(Jesper!$R$2:$R$366,ROW(INDEX(Jesper!AH$2:AH$366,ROUNDDOWN($C5903/24,0)+1,1))-1)+IF('Standard Profiles'!$G$18=$B$10,7,0)+IF('Standard Profiles'!$G$18=$B$17,14,0)+IF('Standard Profiles'!$G$18=$B$24,21,0),MOD($C5903,24)+1)/SUM(INDEX($D$3:$AA$30,INDEX(Jesper!$R$2:$R$366,ROW(INDEX(Jesper!AH$2:AH$366,ROUNDDOWN($C5903/24,0)+1,1))-1)+IF('Standard Profiles'!$G$18=$B$10,7,0)+IF('Standard Profiles'!$G$18=$B$17,14,0)+IF('Standard Profiles'!$G$18=$B$24,21,0),0)),0)</f>
        <v>0</v>
      </c>
      <c r="E5903" cm="1">
        <f t="array" ref="E5903">IFERROR(INDEX(Jesper!AI$2:AI$366,ROUNDDOWN($C5903/24,0)+1,1)*INDEX($D$3:$AA$30,INDEX(Jesper!$R$2:$R$366,ROW(INDEX(Jesper!AI$2:AI$366,ROUNDDOWN($C5903/24,0)+1,1))-1)+IF('Standard Profiles'!$G$19=$B$10,7,0)+IF('Standard Profiles'!$G$19=$B$17,14,0)+IF('Standard Profiles'!$G$19=$B$24,21,0),MOD($C5903,24)+1)/SUM(INDEX($D$3:$AA$30,INDEX(Jesper!$R$2:$R$366,ROW(INDEX(Jesper!AI$2:AI$366,ROUNDDOWN($C5903/24,0)+1,1))-1)+IF('Standard Profiles'!$G$19=$B$10,7,0)+IF('Standard Profiles'!$G$19=$B$17,14,0)+IF('Standard Profiles'!$G$19=$B$24,21,0),0)),0)</f>
        <v>2.702555663033527</v>
      </c>
      <c r="F5903" cm="1">
        <f t="array" ref="F5903">IFERROR(INDEX(Jesper!AJ$2:AJ$366,ROUNDDOWN($C5903/24,0)+1,1)*INDEX($D$3:$AA$30,INDEX(Jesper!$R$2:$R$366,ROW(INDEX(Jesper!AJ$2:AJ$366,ROUNDDOWN($C5903/24,0)+1,1))-1)+IF('Standard Profiles'!$G$20=$B$10,7,0)+IF('Standard Profiles'!$G$20=$B$17,14,0)+IF('Standard Profiles'!$G$20=$B$24,21,0),MOD($C5903,24)+1)/SUM(INDEX($D$3:$AA$30,INDEX(Jesper!$R$2:$R$366,ROW(INDEX(Jesper!AJ$2:AJ$366,ROUNDDOWN($C5903/24,0)+1,1))-1)+IF('Standard Profiles'!$G$20=$B$10,7,0)+IF('Standard Profiles'!$G$20=$B$17,14,0)+IF('Standard Profiles'!$G$20=$B$24,21,0),0)),0)</f>
        <v>1.0611848533076329</v>
      </c>
      <c r="G5903" cm="1">
        <f t="array" ref="G5903">IFERROR(INDEX(Jesper!AK$2:AK$366,ROUNDDOWN($C5903/24,0)+1,1)*INDEX($D$3:$AA$30,INDEX(Jesper!$R$2:$R$366,ROW(INDEX(Jesper!AK$2:AK$366,ROUNDDOWN($C5903/24,0)+1,1))-1)+IF('Standard Profiles'!$G$21=$B$10,7,0)+IF('Standard Profiles'!$G$21=$B$17,14,0)+IF('Standard Profiles'!$G$21=$B$24,21,0),MOD($C5903,24)+1)/SUM(INDEX($D$3:$AA$30,INDEX(Jesper!$R$2:$R$366,ROW(INDEX(Jesper!AK$2:AK$366,ROUNDDOWN($C5903/24,0)+1,1))-1)+IF('Standard Profiles'!$G$21=$B$10,7,0)+IF('Standard Profiles'!$G$21=$B$17,14,0)+IF('Standard Profiles'!$G$21=$B$24,21,0),0)),0)</f>
        <v>0.53529404275279335</v>
      </c>
      <c r="H5903" cm="1">
        <f t="array" ref="H5903">IFERROR(INDEX(Jesper!AL$2:AL$366,ROUNDDOWN($C5903/24,0)+1,1)*INDEX($D$3:$AA$30,INDEX(Jesper!$R$2:$R$366,ROW(INDEX(Jesper!AL$2:AL$366,ROUNDDOWN($C5903/24,0)+1,1))-1)+IF('Standard Profiles'!$G$22=$B$10,7,0)+IF('Standard Profiles'!$G$22=$B$17,14,0)+IF('Standard Profiles'!$G$22=$B$24,21,0),MOD($C5903,24)+1)/SUM(INDEX($D$3:$AA$30,INDEX(Jesper!$R$2:$R$366,ROW(INDEX(Jesper!AL$2:AL$366,ROUNDDOWN($C5903/24,0)+1,1))-1)+IF('Standard Profiles'!$G$22=$B$10,7,0)+IF('Standard Profiles'!$G$22=$B$17,14,0)+IF('Standard Profiles'!$G$22=$B$24,21,0),0)),0)</f>
        <v>0.22712859899605273</v>
      </c>
      <c r="I5903">
        <f t="shared" si="657"/>
        <v>0.21804345503621073</v>
      </c>
      <c r="J5903">
        <f t="shared" si="658"/>
        <v>3.983813023489772</v>
      </c>
      <c r="K5903">
        <f t="shared" si="659"/>
        <v>0.21620445304268215</v>
      </c>
      <c r="L5903">
        <f t="shared" si="660"/>
        <v>0.10810222652134108</v>
      </c>
      <c r="M5903">
        <f t="shared" si="661"/>
        <v>0</v>
      </c>
      <c r="N5903" s="45">
        <f t="shared" si="662"/>
        <v>45171.541666652432</v>
      </c>
    </row>
    <row r="5904" spans="2:14" x14ac:dyDescent="0.25">
      <c r="B5904">
        <f t="shared" si="656"/>
        <v>6</v>
      </c>
      <c r="C5904" s="16">
        <v>5870</v>
      </c>
      <c r="D5904" cm="1">
        <f t="array" ref="D5904">IFERROR(INDEX(Jesper!AH$2:AH$366,ROUNDDOWN($C5904/24,0)+1,1)*INDEX($D$3:$AA$30,INDEX(Jesper!$R$2:$R$366,ROW(INDEX(Jesper!AH$2:AH$366,ROUNDDOWN($C5904/24,0)+1,1))-1)+IF('Standard Profiles'!$G$18=$B$10,7,0)+IF('Standard Profiles'!$G$18=$B$17,14,0)+IF('Standard Profiles'!$G$18=$B$24,21,0),MOD($C5904,24)+1)/SUM(INDEX($D$3:$AA$30,INDEX(Jesper!$R$2:$R$366,ROW(INDEX(Jesper!AH$2:AH$366,ROUNDDOWN($C5904/24,0)+1,1))-1)+IF('Standard Profiles'!$G$18=$B$10,7,0)+IF('Standard Profiles'!$G$18=$B$17,14,0)+IF('Standard Profiles'!$G$18=$B$24,21,0),0)),0)</f>
        <v>0</v>
      </c>
      <c r="E5904" cm="1">
        <f t="array" ref="E5904">IFERROR(INDEX(Jesper!AI$2:AI$366,ROUNDDOWN($C5904/24,0)+1,1)*INDEX($D$3:$AA$30,INDEX(Jesper!$R$2:$R$366,ROW(INDEX(Jesper!AI$2:AI$366,ROUNDDOWN($C5904/24,0)+1,1))-1)+IF('Standard Profiles'!$G$19=$B$10,7,0)+IF('Standard Profiles'!$G$19=$B$17,14,0)+IF('Standard Profiles'!$G$19=$B$24,21,0),MOD($C5904,24)+1)/SUM(INDEX($D$3:$AA$30,INDEX(Jesper!$R$2:$R$366,ROW(INDEX(Jesper!AI$2:AI$366,ROUNDDOWN($C5904/24,0)+1,1))-1)+IF('Standard Profiles'!$G$19=$B$10,7,0)+IF('Standard Profiles'!$G$19=$B$17,14,0)+IF('Standard Profiles'!$G$19=$B$24,21,0),0)),0)</f>
        <v>2.702555663033527</v>
      </c>
      <c r="F5904" cm="1">
        <f t="array" ref="F5904">IFERROR(INDEX(Jesper!AJ$2:AJ$366,ROUNDDOWN($C5904/24,0)+1,1)*INDEX($D$3:$AA$30,INDEX(Jesper!$R$2:$R$366,ROW(INDEX(Jesper!AJ$2:AJ$366,ROUNDDOWN($C5904/24,0)+1,1))-1)+IF('Standard Profiles'!$G$20=$B$10,7,0)+IF('Standard Profiles'!$G$20=$B$17,14,0)+IF('Standard Profiles'!$G$20=$B$24,21,0),MOD($C5904,24)+1)/SUM(INDEX($D$3:$AA$30,INDEX(Jesper!$R$2:$R$366,ROW(INDEX(Jesper!AJ$2:AJ$366,ROUNDDOWN($C5904/24,0)+1,1))-1)+IF('Standard Profiles'!$G$20=$B$10,7,0)+IF('Standard Profiles'!$G$20=$B$17,14,0)+IF('Standard Profiles'!$G$20=$B$24,21,0),0)),0)</f>
        <v>1.0611848533076329</v>
      </c>
      <c r="G5904" cm="1">
        <f t="array" ref="G5904">IFERROR(INDEX(Jesper!AK$2:AK$366,ROUNDDOWN($C5904/24,0)+1,1)*INDEX($D$3:$AA$30,INDEX(Jesper!$R$2:$R$366,ROW(INDEX(Jesper!AK$2:AK$366,ROUNDDOWN($C5904/24,0)+1,1))-1)+IF('Standard Profiles'!$G$21=$B$10,7,0)+IF('Standard Profiles'!$G$21=$B$17,14,0)+IF('Standard Profiles'!$G$21=$B$24,21,0),MOD($C5904,24)+1)/SUM(INDEX($D$3:$AA$30,INDEX(Jesper!$R$2:$R$366,ROW(INDEX(Jesper!AK$2:AK$366,ROUNDDOWN($C5904/24,0)+1,1))-1)+IF('Standard Profiles'!$G$21=$B$10,7,0)+IF('Standard Profiles'!$G$21=$B$17,14,0)+IF('Standard Profiles'!$G$21=$B$24,21,0),0)),0)</f>
        <v>0.53529404275279335</v>
      </c>
      <c r="H5904" cm="1">
        <f t="array" ref="H5904">IFERROR(INDEX(Jesper!AL$2:AL$366,ROUNDDOWN($C5904/24,0)+1,1)*INDEX($D$3:$AA$30,INDEX(Jesper!$R$2:$R$366,ROW(INDEX(Jesper!AL$2:AL$366,ROUNDDOWN($C5904/24,0)+1,1))-1)+IF('Standard Profiles'!$G$22=$B$10,7,0)+IF('Standard Profiles'!$G$22=$B$17,14,0)+IF('Standard Profiles'!$G$22=$B$24,21,0),MOD($C5904,24)+1)/SUM(INDEX($D$3:$AA$30,INDEX(Jesper!$R$2:$R$366,ROW(INDEX(Jesper!AL$2:AL$366,ROUNDDOWN($C5904/24,0)+1,1))-1)+IF('Standard Profiles'!$G$22=$B$10,7,0)+IF('Standard Profiles'!$G$22=$B$17,14,0)+IF('Standard Profiles'!$G$22=$B$24,21,0),0)),0)</f>
        <v>0.22712859899605273</v>
      </c>
      <c r="I5904">
        <f t="shared" si="657"/>
        <v>0.21804345503621073</v>
      </c>
      <c r="J5904">
        <f t="shared" si="658"/>
        <v>3.983813023489772</v>
      </c>
      <c r="K5904">
        <f t="shared" si="659"/>
        <v>0.21620445304268215</v>
      </c>
      <c r="L5904">
        <f t="shared" si="660"/>
        <v>0.10810222652134108</v>
      </c>
      <c r="M5904">
        <f t="shared" si="661"/>
        <v>0</v>
      </c>
      <c r="N5904" s="45">
        <f t="shared" si="662"/>
        <v>45171.583333319097</v>
      </c>
    </row>
    <row r="5905" spans="2:14" x14ac:dyDescent="0.25">
      <c r="B5905">
        <f t="shared" si="656"/>
        <v>6</v>
      </c>
      <c r="C5905" s="16">
        <v>5871</v>
      </c>
      <c r="D5905" cm="1">
        <f t="array" ref="D5905">IFERROR(INDEX(Jesper!AH$2:AH$366,ROUNDDOWN($C5905/24,0)+1,1)*INDEX($D$3:$AA$30,INDEX(Jesper!$R$2:$R$366,ROW(INDEX(Jesper!AH$2:AH$366,ROUNDDOWN($C5905/24,0)+1,1))-1)+IF('Standard Profiles'!$G$18=$B$10,7,0)+IF('Standard Profiles'!$G$18=$B$17,14,0)+IF('Standard Profiles'!$G$18=$B$24,21,0),MOD($C5905,24)+1)/SUM(INDEX($D$3:$AA$30,INDEX(Jesper!$R$2:$R$366,ROW(INDEX(Jesper!AH$2:AH$366,ROUNDDOWN($C5905/24,0)+1,1))-1)+IF('Standard Profiles'!$G$18=$B$10,7,0)+IF('Standard Profiles'!$G$18=$B$17,14,0)+IF('Standard Profiles'!$G$18=$B$24,21,0),0)),0)</f>
        <v>0</v>
      </c>
      <c r="E5905" cm="1">
        <f t="array" ref="E5905">IFERROR(INDEX(Jesper!AI$2:AI$366,ROUNDDOWN($C5905/24,0)+1,1)*INDEX($D$3:$AA$30,INDEX(Jesper!$R$2:$R$366,ROW(INDEX(Jesper!AI$2:AI$366,ROUNDDOWN($C5905/24,0)+1,1))-1)+IF('Standard Profiles'!$G$19=$B$10,7,0)+IF('Standard Profiles'!$G$19=$B$17,14,0)+IF('Standard Profiles'!$G$19=$B$24,21,0),MOD($C5905,24)+1)/SUM(INDEX($D$3:$AA$30,INDEX(Jesper!$R$2:$R$366,ROW(INDEX(Jesper!AI$2:AI$366,ROUNDDOWN($C5905/24,0)+1,1))-1)+IF('Standard Profiles'!$G$19=$B$10,7,0)+IF('Standard Profiles'!$G$19=$B$17,14,0)+IF('Standard Profiles'!$G$19=$B$24,21,0),0)),0)</f>
        <v>2.702555663033527</v>
      </c>
      <c r="F5905" cm="1">
        <f t="array" ref="F5905">IFERROR(INDEX(Jesper!AJ$2:AJ$366,ROUNDDOWN($C5905/24,0)+1,1)*INDEX($D$3:$AA$30,INDEX(Jesper!$R$2:$R$366,ROW(INDEX(Jesper!AJ$2:AJ$366,ROUNDDOWN($C5905/24,0)+1,1))-1)+IF('Standard Profiles'!$G$20=$B$10,7,0)+IF('Standard Profiles'!$G$20=$B$17,14,0)+IF('Standard Profiles'!$G$20=$B$24,21,0),MOD($C5905,24)+1)/SUM(INDEX($D$3:$AA$30,INDEX(Jesper!$R$2:$R$366,ROW(INDEX(Jesper!AJ$2:AJ$366,ROUNDDOWN($C5905/24,0)+1,1))-1)+IF('Standard Profiles'!$G$20=$B$10,7,0)+IF('Standard Profiles'!$G$20=$B$17,14,0)+IF('Standard Profiles'!$G$20=$B$24,21,0),0)),0)</f>
        <v>1.0611848533076329</v>
      </c>
      <c r="G5905" cm="1">
        <f t="array" ref="G5905">IFERROR(INDEX(Jesper!AK$2:AK$366,ROUNDDOWN($C5905/24,0)+1,1)*INDEX($D$3:$AA$30,INDEX(Jesper!$R$2:$R$366,ROW(INDEX(Jesper!AK$2:AK$366,ROUNDDOWN($C5905/24,0)+1,1))-1)+IF('Standard Profiles'!$G$21=$B$10,7,0)+IF('Standard Profiles'!$G$21=$B$17,14,0)+IF('Standard Profiles'!$G$21=$B$24,21,0),MOD($C5905,24)+1)/SUM(INDEX($D$3:$AA$30,INDEX(Jesper!$R$2:$R$366,ROW(INDEX(Jesper!AK$2:AK$366,ROUNDDOWN($C5905/24,0)+1,1))-1)+IF('Standard Profiles'!$G$21=$B$10,7,0)+IF('Standard Profiles'!$G$21=$B$17,14,0)+IF('Standard Profiles'!$G$21=$B$24,21,0),0)),0)</f>
        <v>0.53529404275279335</v>
      </c>
      <c r="H5905" cm="1">
        <f t="array" ref="H5905">IFERROR(INDEX(Jesper!AL$2:AL$366,ROUNDDOWN($C5905/24,0)+1,1)*INDEX($D$3:$AA$30,INDEX(Jesper!$R$2:$R$366,ROW(INDEX(Jesper!AL$2:AL$366,ROUNDDOWN($C5905/24,0)+1,1))-1)+IF('Standard Profiles'!$G$22=$B$10,7,0)+IF('Standard Profiles'!$G$22=$B$17,14,0)+IF('Standard Profiles'!$G$22=$B$24,21,0),MOD($C5905,24)+1)/SUM(INDEX($D$3:$AA$30,INDEX(Jesper!$R$2:$R$366,ROW(INDEX(Jesper!AL$2:AL$366,ROUNDDOWN($C5905/24,0)+1,1))-1)+IF('Standard Profiles'!$G$22=$B$10,7,0)+IF('Standard Profiles'!$G$22=$B$17,14,0)+IF('Standard Profiles'!$G$22=$B$24,21,0),0)),0)</f>
        <v>0.20534914429780107</v>
      </c>
      <c r="I5905">
        <f t="shared" si="657"/>
        <v>0.19713517852588913</v>
      </c>
      <c r="J5905">
        <f t="shared" si="658"/>
        <v>3.9829418453018417</v>
      </c>
      <c r="K5905">
        <f t="shared" si="659"/>
        <v>0.21620445304268215</v>
      </c>
      <c r="L5905">
        <f t="shared" si="660"/>
        <v>0.10810222652134108</v>
      </c>
      <c r="M5905">
        <f t="shared" si="661"/>
        <v>0</v>
      </c>
      <c r="N5905" s="45">
        <f t="shared" si="662"/>
        <v>45171.624999985761</v>
      </c>
    </row>
    <row r="5906" spans="2:14" x14ac:dyDescent="0.25">
      <c r="B5906">
        <f t="shared" si="656"/>
        <v>6</v>
      </c>
      <c r="C5906" s="16">
        <v>5872</v>
      </c>
      <c r="D5906" cm="1">
        <f t="array" ref="D5906">IFERROR(INDEX(Jesper!AH$2:AH$366,ROUNDDOWN($C5906/24,0)+1,1)*INDEX($D$3:$AA$30,INDEX(Jesper!$R$2:$R$366,ROW(INDEX(Jesper!AH$2:AH$366,ROUNDDOWN($C5906/24,0)+1,1))-1)+IF('Standard Profiles'!$G$18=$B$10,7,0)+IF('Standard Profiles'!$G$18=$B$17,14,0)+IF('Standard Profiles'!$G$18=$B$24,21,0),MOD($C5906,24)+1)/SUM(INDEX($D$3:$AA$30,INDEX(Jesper!$R$2:$R$366,ROW(INDEX(Jesper!AH$2:AH$366,ROUNDDOWN($C5906/24,0)+1,1))-1)+IF('Standard Profiles'!$G$18=$B$10,7,0)+IF('Standard Profiles'!$G$18=$B$17,14,0)+IF('Standard Profiles'!$G$18=$B$24,21,0),0)),0)</f>
        <v>0</v>
      </c>
      <c r="E5906" cm="1">
        <f t="array" ref="E5906">IFERROR(INDEX(Jesper!AI$2:AI$366,ROUNDDOWN($C5906/24,0)+1,1)*INDEX($D$3:$AA$30,INDEX(Jesper!$R$2:$R$366,ROW(INDEX(Jesper!AI$2:AI$366,ROUNDDOWN($C5906/24,0)+1,1))-1)+IF('Standard Profiles'!$G$19=$B$10,7,0)+IF('Standard Profiles'!$G$19=$B$17,14,0)+IF('Standard Profiles'!$G$19=$B$24,21,0),MOD($C5906,24)+1)/SUM(INDEX($D$3:$AA$30,INDEX(Jesper!$R$2:$R$366,ROW(INDEX(Jesper!AI$2:AI$366,ROUNDDOWN($C5906/24,0)+1,1))-1)+IF('Standard Profiles'!$G$19=$B$10,7,0)+IF('Standard Profiles'!$G$19=$B$17,14,0)+IF('Standard Profiles'!$G$19=$B$24,21,0),0)),0)</f>
        <v>2.702555663033527</v>
      </c>
      <c r="F5906" cm="1">
        <f t="array" ref="F5906">IFERROR(INDEX(Jesper!AJ$2:AJ$366,ROUNDDOWN($C5906/24,0)+1,1)*INDEX($D$3:$AA$30,INDEX(Jesper!$R$2:$R$366,ROW(INDEX(Jesper!AJ$2:AJ$366,ROUNDDOWN($C5906/24,0)+1,1))-1)+IF('Standard Profiles'!$G$20=$B$10,7,0)+IF('Standard Profiles'!$G$20=$B$17,14,0)+IF('Standard Profiles'!$G$20=$B$24,21,0),MOD($C5906,24)+1)/SUM(INDEX($D$3:$AA$30,INDEX(Jesper!$R$2:$R$366,ROW(INDEX(Jesper!AJ$2:AJ$366,ROUNDDOWN($C5906/24,0)+1,1))-1)+IF('Standard Profiles'!$G$20=$B$10,7,0)+IF('Standard Profiles'!$G$20=$B$17,14,0)+IF('Standard Profiles'!$G$20=$B$24,21,0),0)),0)</f>
        <v>1.0611848533076329</v>
      </c>
      <c r="G5906" cm="1">
        <f t="array" ref="G5906">IFERROR(INDEX(Jesper!AK$2:AK$366,ROUNDDOWN($C5906/24,0)+1,1)*INDEX($D$3:$AA$30,INDEX(Jesper!$R$2:$R$366,ROW(INDEX(Jesper!AK$2:AK$366,ROUNDDOWN($C5906/24,0)+1,1))-1)+IF('Standard Profiles'!$G$21=$B$10,7,0)+IF('Standard Profiles'!$G$21=$B$17,14,0)+IF('Standard Profiles'!$G$21=$B$24,21,0),MOD($C5906,24)+1)/SUM(INDEX($D$3:$AA$30,INDEX(Jesper!$R$2:$R$366,ROW(INDEX(Jesper!AK$2:AK$366,ROUNDDOWN($C5906/24,0)+1,1))-1)+IF('Standard Profiles'!$G$21=$B$10,7,0)+IF('Standard Profiles'!$G$21=$B$17,14,0)+IF('Standard Profiles'!$G$21=$B$24,21,0),0)),0)</f>
        <v>0.53529404275279335</v>
      </c>
      <c r="H5906" cm="1">
        <f t="array" ref="H5906">IFERROR(INDEX(Jesper!AL$2:AL$366,ROUNDDOWN($C5906/24,0)+1,1)*INDEX($D$3:$AA$30,INDEX(Jesper!$R$2:$R$366,ROW(INDEX(Jesper!AL$2:AL$366,ROUNDDOWN($C5906/24,0)+1,1))-1)+IF('Standard Profiles'!$G$22=$B$10,7,0)+IF('Standard Profiles'!$G$22=$B$17,14,0)+IF('Standard Profiles'!$G$22=$B$24,21,0),MOD($C5906,24)+1)/SUM(INDEX($D$3:$AA$30,INDEX(Jesper!$R$2:$R$366,ROW(INDEX(Jesper!AL$2:AL$366,ROUNDDOWN($C5906/24,0)+1,1))-1)+IF('Standard Profiles'!$G$22=$B$10,7,0)+IF('Standard Profiles'!$G$22=$B$17,14,0)+IF('Standard Profiles'!$G$22=$B$24,21,0),0)),0)</f>
        <v>0.18668104027072827</v>
      </c>
      <c r="I5906">
        <f t="shared" si="657"/>
        <v>0.17921379865989923</v>
      </c>
      <c r="J5906">
        <f t="shared" si="658"/>
        <v>3.9821951211407591</v>
      </c>
      <c r="K5906">
        <f t="shared" si="659"/>
        <v>0.21620445304268215</v>
      </c>
      <c r="L5906">
        <f t="shared" si="660"/>
        <v>0.10810222652134108</v>
      </c>
      <c r="M5906">
        <f t="shared" si="661"/>
        <v>0</v>
      </c>
      <c r="N5906" s="45">
        <f t="shared" si="662"/>
        <v>45171.666666652425</v>
      </c>
    </row>
    <row r="5907" spans="2:14" x14ac:dyDescent="0.25">
      <c r="B5907">
        <f t="shared" si="656"/>
        <v>6</v>
      </c>
      <c r="C5907" s="16">
        <v>5873</v>
      </c>
      <c r="D5907" cm="1">
        <f t="array" ref="D5907">IFERROR(INDEX(Jesper!AH$2:AH$366,ROUNDDOWN($C5907/24,0)+1,1)*INDEX($D$3:$AA$30,INDEX(Jesper!$R$2:$R$366,ROW(INDEX(Jesper!AH$2:AH$366,ROUNDDOWN($C5907/24,0)+1,1))-1)+IF('Standard Profiles'!$G$18=$B$10,7,0)+IF('Standard Profiles'!$G$18=$B$17,14,0)+IF('Standard Profiles'!$G$18=$B$24,21,0),MOD($C5907,24)+1)/SUM(INDEX($D$3:$AA$30,INDEX(Jesper!$R$2:$R$366,ROW(INDEX(Jesper!AH$2:AH$366,ROUNDDOWN($C5907/24,0)+1,1))-1)+IF('Standard Profiles'!$G$18=$B$10,7,0)+IF('Standard Profiles'!$G$18=$B$17,14,0)+IF('Standard Profiles'!$G$18=$B$24,21,0),0)),0)</f>
        <v>0</v>
      </c>
      <c r="E5907" cm="1">
        <f t="array" ref="E5907">IFERROR(INDEX(Jesper!AI$2:AI$366,ROUNDDOWN($C5907/24,0)+1,1)*INDEX($D$3:$AA$30,INDEX(Jesper!$R$2:$R$366,ROW(INDEX(Jesper!AI$2:AI$366,ROUNDDOWN($C5907/24,0)+1,1))-1)+IF('Standard Profiles'!$G$19=$B$10,7,0)+IF('Standard Profiles'!$G$19=$B$17,14,0)+IF('Standard Profiles'!$G$19=$B$24,21,0),MOD($C5907,24)+1)/SUM(INDEX($D$3:$AA$30,INDEX(Jesper!$R$2:$R$366,ROW(INDEX(Jesper!AI$2:AI$366,ROUNDDOWN($C5907/24,0)+1,1))-1)+IF('Standard Profiles'!$G$19=$B$10,7,0)+IF('Standard Profiles'!$G$19=$B$17,14,0)+IF('Standard Profiles'!$G$19=$B$24,21,0),0)),0)</f>
        <v>2.702555663033527</v>
      </c>
      <c r="F5907" cm="1">
        <f t="array" ref="F5907">IFERROR(INDEX(Jesper!AJ$2:AJ$366,ROUNDDOWN($C5907/24,0)+1,1)*INDEX($D$3:$AA$30,INDEX(Jesper!$R$2:$R$366,ROW(INDEX(Jesper!AJ$2:AJ$366,ROUNDDOWN($C5907/24,0)+1,1))-1)+IF('Standard Profiles'!$G$20=$B$10,7,0)+IF('Standard Profiles'!$G$20=$B$17,14,0)+IF('Standard Profiles'!$G$20=$B$24,21,0),MOD($C5907,24)+1)/SUM(INDEX($D$3:$AA$30,INDEX(Jesper!$R$2:$R$366,ROW(INDEX(Jesper!AJ$2:AJ$366,ROUNDDOWN($C5907/24,0)+1,1))-1)+IF('Standard Profiles'!$G$20=$B$10,7,0)+IF('Standard Profiles'!$G$20=$B$17,14,0)+IF('Standard Profiles'!$G$20=$B$24,21,0),0)),0)</f>
        <v>1.0611848533076329</v>
      </c>
      <c r="G5907" cm="1">
        <f t="array" ref="G5907">IFERROR(INDEX(Jesper!AK$2:AK$366,ROUNDDOWN($C5907/24,0)+1,1)*INDEX($D$3:$AA$30,INDEX(Jesper!$R$2:$R$366,ROW(INDEX(Jesper!AK$2:AK$366,ROUNDDOWN($C5907/24,0)+1,1))-1)+IF('Standard Profiles'!$G$21=$B$10,7,0)+IF('Standard Profiles'!$G$21=$B$17,14,0)+IF('Standard Profiles'!$G$21=$B$24,21,0),MOD($C5907,24)+1)/SUM(INDEX($D$3:$AA$30,INDEX(Jesper!$R$2:$R$366,ROW(INDEX(Jesper!AK$2:AK$366,ROUNDDOWN($C5907/24,0)+1,1))-1)+IF('Standard Profiles'!$G$21=$B$10,7,0)+IF('Standard Profiles'!$G$21=$B$17,14,0)+IF('Standard Profiles'!$G$21=$B$24,21,0),0)),0)</f>
        <v>0.53529404275279335</v>
      </c>
      <c r="H5907" cm="1">
        <f t="array" ref="H5907">IFERROR(INDEX(Jesper!AL$2:AL$366,ROUNDDOWN($C5907/24,0)+1,1)*INDEX($D$3:$AA$30,INDEX(Jesper!$R$2:$R$366,ROW(INDEX(Jesper!AL$2:AL$366,ROUNDDOWN($C5907/24,0)+1,1))-1)+IF('Standard Profiles'!$G$22=$B$10,7,0)+IF('Standard Profiles'!$G$22=$B$17,14,0)+IF('Standard Profiles'!$G$22=$B$24,21,0),MOD($C5907,24)+1)/SUM(INDEX($D$3:$AA$30,INDEX(Jesper!$R$2:$R$366,ROW(INDEX(Jesper!AL$2:AL$366,ROUNDDOWN($C5907/24,0)+1,1))-1)+IF('Standard Profiles'!$G$22=$B$10,7,0)+IF('Standard Profiles'!$G$22=$B$17,14,0)+IF('Standard Profiles'!$G$22=$B$24,21,0),0)),0)</f>
        <v>0.16801293624365543</v>
      </c>
      <c r="I5907">
        <f t="shared" si="657"/>
        <v>0.16129241879390929</v>
      </c>
      <c r="J5907">
        <f t="shared" si="658"/>
        <v>3.9814483969796761</v>
      </c>
      <c r="K5907">
        <f t="shared" si="659"/>
        <v>0.21620445304268215</v>
      </c>
      <c r="L5907">
        <f t="shared" si="660"/>
        <v>0.10810222652134108</v>
      </c>
      <c r="M5907">
        <f t="shared" si="661"/>
        <v>0</v>
      </c>
      <c r="N5907" s="45">
        <f t="shared" si="662"/>
        <v>45171.708333319089</v>
      </c>
    </row>
    <row r="5908" spans="2:14" x14ac:dyDescent="0.25">
      <c r="B5908">
        <f t="shared" si="656"/>
        <v>6</v>
      </c>
      <c r="C5908" s="16">
        <v>5874</v>
      </c>
      <c r="D5908" cm="1">
        <f t="array" ref="D5908">IFERROR(INDEX(Jesper!AH$2:AH$366,ROUNDDOWN($C5908/24,0)+1,1)*INDEX($D$3:$AA$30,INDEX(Jesper!$R$2:$R$366,ROW(INDEX(Jesper!AH$2:AH$366,ROUNDDOWN($C5908/24,0)+1,1))-1)+IF('Standard Profiles'!$G$18=$B$10,7,0)+IF('Standard Profiles'!$G$18=$B$17,14,0)+IF('Standard Profiles'!$G$18=$B$24,21,0),MOD($C5908,24)+1)/SUM(INDEX($D$3:$AA$30,INDEX(Jesper!$R$2:$R$366,ROW(INDEX(Jesper!AH$2:AH$366,ROUNDDOWN($C5908/24,0)+1,1))-1)+IF('Standard Profiles'!$G$18=$B$10,7,0)+IF('Standard Profiles'!$G$18=$B$17,14,0)+IF('Standard Profiles'!$G$18=$B$24,21,0),0)),0)</f>
        <v>0</v>
      </c>
      <c r="E5908" cm="1">
        <f t="array" ref="E5908">IFERROR(INDEX(Jesper!AI$2:AI$366,ROUNDDOWN($C5908/24,0)+1,1)*INDEX($D$3:$AA$30,INDEX(Jesper!$R$2:$R$366,ROW(INDEX(Jesper!AI$2:AI$366,ROUNDDOWN($C5908/24,0)+1,1))-1)+IF('Standard Profiles'!$G$19=$B$10,7,0)+IF('Standard Profiles'!$G$19=$B$17,14,0)+IF('Standard Profiles'!$G$19=$B$24,21,0),MOD($C5908,24)+1)/SUM(INDEX($D$3:$AA$30,INDEX(Jesper!$R$2:$R$366,ROW(INDEX(Jesper!AI$2:AI$366,ROUNDDOWN($C5908/24,0)+1,1))-1)+IF('Standard Profiles'!$G$19=$B$10,7,0)+IF('Standard Profiles'!$G$19=$B$17,14,0)+IF('Standard Profiles'!$G$19=$B$24,21,0),0)),0)</f>
        <v>2.702555663033527</v>
      </c>
      <c r="F5908" cm="1">
        <f t="array" ref="F5908">IFERROR(INDEX(Jesper!AJ$2:AJ$366,ROUNDDOWN($C5908/24,0)+1,1)*INDEX($D$3:$AA$30,INDEX(Jesper!$R$2:$R$366,ROW(INDEX(Jesper!AJ$2:AJ$366,ROUNDDOWN($C5908/24,0)+1,1))-1)+IF('Standard Profiles'!$G$20=$B$10,7,0)+IF('Standard Profiles'!$G$20=$B$17,14,0)+IF('Standard Profiles'!$G$20=$B$24,21,0),MOD($C5908,24)+1)/SUM(INDEX($D$3:$AA$30,INDEX(Jesper!$R$2:$R$366,ROW(INDEX(Jesper!AJ$2:AJ$366,ROUNDDOWN($C5908/24,0)+1,1))-1)+IF('Standard Profiles'!$G$20=$B$10,7,0)+IF('Standard Profiles'!$G$20=$B$17,14,0)+IF('Standard Profiles'!$G$20=$B$24,21,0),0)),0)</f>
        <v>1.0611848533076329</v>
      </c>
      <c r="G5908" cm="1">
        <f t="array" ref="G5908">IFERROR(INDEX(Jesper!AK$2:AK$366,ROUNDDOWN($C5908/24,0)+1,1)*INDEX($D$3:$AA$30,INDEX(Jesper!$R$2:$R$366,ROW(INDEX(Jesper!AK$2:AK$366,ROUNDDOWN($C5908/24,0)+1,1))-1)+IF('Standard Profiles'!$G$21=$B$10,7,0)+IF('Standard Profiles'!$G$21=$B$17,14,0)+IF('Standard Profiles'!$G$21=$B$24,21,0),MOD($C5908,24)+1)/SUM(INDEX($D$3:$AA$30,INDEX(Jesper!$R$2:$R$366,ROW(INDEX(Jesper!AK$2:AK$366,ROUNDDOWN($C5908/24,0)+1,1))-1)+IF('Standard Profiles'!$G$21=$B$10,7,0)+IF('Standard Profiles'!$G$21=$B$17,14,0)+IF('Standard Profiles'!$G$21=$B$24,21,0),0)),0)</f>
        <v>0.53529404275279335</v>
      </c>
      <c r="H5908" cm="1">
        <f t="array" ref="H5908">IFERROR(INDEX(Jesper!AL$2:AL$366,ROUNDDOWN($C5908/24,0)+1,1)*INDEX($D$3:$AA$30,INDEX(Jesper!$R$2:$R$366,ROW(INDEX(Jesper!AL$2:AL$366,ROUNDDOWN($C5908/24,0)+1,1))-1)+IF('Standard Profiles'!$G$22=$B$10,7,0)+IF('Standard Profiles'!$G$22=$B$17,14,0)+IF('Standard Profiles'!$G$22=$B$24,21,0),MOD($C5908,24)+1)/SUM(INDEX($D$3:$AA$30,INDEX(Jesper!$R$2:$R$366,ROW(INDEX(Jesper!AL$2:AL$366,ROUNDDOWN($C5908/24,0)+1,1))-1)+IF('Standard Profiles'!$G$22=$B$10,7,0)+IF('Standard Profiles'!$G$22=$B$17,14,0)+IF('Standard Profiles'!$G$22=$B$24,21,0),0)),0)</f>
        <v>0.16179023490129782</v>
      </c>
      <c r="I5908">
        <f t="shared" si="657"/>
        <v>0.155318625505246</v>
      </c>
      <c r="J5908">
        <f t="shared" si="658"/>
        <v>3.9811994889259816</v>
      </c>
      <c r="K5908">
        <f t="shared" si="659"/>
        <v>0.21620445304268215</v>
      </c>
      <c r="L5908">
        <f t="shared" si="660"/>
        <v>0.10810222652134108</v>
      </c>
      <c r="M5908">
        <f t="shared" si="661"/>
        <v>0</v>
      </c>
      <c r="N5908" s="45">
        <f t="shared" si="662"/>
        <v>45171.749999985754</v>
      </c>
    </row>
    <row r="5909" spans="2:14" x14ac:dyDescent="0.25">
      <c r="B5909">
        <f t="shared" si="656"/>
        <v>6</v>
      </c>
      <c r="C5909" s="16">
        <v>5875</v>
      </c>
      <c r="D5909" cm="1">
        <f t="array" ref="D5909">IFERROR(INDEX(Jesper!AH$2:AH$366,ROUNDDOWN($C5909/24,0)+1,1)*INDEX($D$3:$AA$30,INDEX(Jesper!$R$2:$R$366,ROW(INDEX(Jesper!AH$2:AH$366,ROUNDDOWN($C5909/24,0)+1,1))-1)+IF('Standard Profiles'!$G$18=$B$10,7,0)+IF('Standard Profiles'!$G$18=$B$17,14,0)+IF('Standard Profiles'!$G$18=$B$24,21,0),MOD($C5909,24)+1)/SUM(INDEX($D$3:$AA$30,INDEX(Jesper!$R$2:$R$366,ROW(INDEX(Jesper!AH$2:AH$366,ROUNDDOWN($C5909/24,0)+1,1))-1)+IF('Standard Profiles'!$G$18=$B$10,7,0)+IF('Standard Profiles'!$G$18=$B$17,14,0)+IF('Standard Profiles'!$G$18=$B$24,21,0),0)),0)</f>
        <v>0</v>
      </c>
      <c r="E5909" cm="1">
        <f t="array" ref="E5909">IFERROR(INDEX(Jesper!AI$2:AI$366,ROUNDDOWN($C5909/24,0)+1,1)*INDEX($D$3:$AA$30,INDEX(Jesper!$R$2:$R$366,ROW(INDEX(Jesper!AI$2:AI$366,ROUNDDOWN($C5909/24,0)+1,1))-1)+IF('Standard Profiles'!$G$19=$B$10,7,0)+IF('Standard Profiles'!$G$19=$B$17,14,0)+IF('Standard Profiles'!$G$19=$B$24,21,0),MOD($C5909,24)+1)/SUM(INDEX($D$3:$AA$30,INDEX(Jesper!$R$2:$R$366,ROW(INDEX(Jesper!AI$2:AI$366,ROUNDDOWN($C5909/24,0)+1,1))-1)+IF('Standard Profiles'!$G$19=$B$10,7,0)+IF('Standard Profiles'!$G$19=$B$17,14,0)+IF('Standard Profiles'!$G$19=$B$24,21,0),0)),0)</f>
        <v>2.702555663033527</v>
      </c>
      <c r="F5909" cm="1">
        <f t="array" ref="F5909">IFERROR(INDEX(Jesper!AJ$2:AJ$366,ROUNDDOWN($C5909/24,0)+1,1)*INDEX($D$3:$AA$30,INDEX(Jesper!$R$2:$R$366,ROW(INDEX(Jesper!AJ$2:AJ$366,ROUNDDOWN($C5909/24,0)+1,1))-1)+IF('Standard Profiles'!$G$20=$B$10,7,0)+IF('Standard Profiles'!$G$20=$B$17,14,0)+IF('Standard Profiles'!$G$20=$B$24,21,0),MOD($C5909,24)+1)/SUM(INDEX($D$3:$AA$30,INDEX(Jesper!$R$2:$R$366,ROW(INDEX(Jesper!AJ$2:AJ$366,ROUNDDOWN($C5909/24,0)+1,1))-1)+IF('Standard Profiles'!$G$20=$B$10,7,0)+IF('Standard Profiles'!$G$20=$B$17,14,0)+IF('Standard Profiles'!$G$20=$B$24,21,0),0)),0)</f>
        <v>1.0611848533076329</v>
      </c>
      <c r="G5909" cm="1">
        <f t="array" ref="G5909">IFERROR(INDEX(Jesper!AK$2:AK$366,ROUNDDOWN($C5909/24,0)+1,1)*INDEX($D$3:$AA$30,INDEX(Jesper!$R$2:$R$366,ROW(INDEX(Jesper!AK$2:AK$366,ROUNDDOWN($C5909/24,0)+1,1))-1)+IF('Standard Profiles'!$G$21=$B$10,7,0)+IF('Standard Profiles'!$G$21=$B$17,14,0)+IF('Standard Profiles'!$G$21=$B$24,21,0),MOD($C5909,24)+1)/SUM(INDEX($D$3:$AA$30,INDEX(Jesper!$R$2:$R$366,ROW(INDEX(Jesper!AK$2:AK$366,ROUNDDOWN($C5909/24,0)+1,1))-1)+IF('Standard Profiles'!$G$21=$B$10,7,0)+IF('Standard Profiles'!$G$21=$B$17,14,0)+IF('Standard Profiles'!$G$21=$B$24,21,0),0)),0)</f>
        <v>0.53529404275279335</v>
      </c>
      <c r="H5909" cm="1">
        <f t="array" ref="H5909">IFERROR(INDEX(Jesper!AL$2:AL$366,ROUNDDOWN($C5909/24,0)+1,1)*INDEX($D$3:$AA$30,INDEX(Jesper!$R$2:$R$366,ROW(INDEX(Jesper!AL$2:AL$366,ROUNDDOWN($C5909/24,0)+1,1))-1)+IF('Standard Profiles'!$G$22=$B$10,7,0)+IF('Standard Profiles'!$G$22=$B$17,14,0)+IF('Standard Profiles'!$G$22=$B$24,21,0),MOD($C5909,24)+1)/SUM(INDEX($D$3:$AA$30,INDEX(Jesper!$R$2:$R$366,ROW(INDEX(Jesper!AL$2:AL$366,ROUNDDOWN($C5909/24,0)+1,1))-1)+IF('Standard Profiles'!$G$22=$B$10,7,0)+IF('Standard Profiles'!$G$22=$B$17,14,0)+IF('Standard Profiles'!$G$22=$B$24,21,0),0)),0)</f>
        <v>0.13067672818950976</v>
      </c>
      <c r="I5909">
        <f t="shared" si="657"/>
        <v>0.12544965906192942</v>
      </c>
      <c r="J5909">
        <f t="shared" si="658"/>
        <v>3.9799549486575101</v>
      </c>
      <c r="K5909">
        <f t="shared" si="659"/>
        <v>0.21620445304268215</v>
      </c>
      <c r="L5909">
        <f t="shared" si="660"/>
        <v>0.10810222652134108</v>
      </c>
      <c r="M5909">
        <f t="shared" si="661"/>
        <v>0</v>
      </c>
      <c r="N5909" s="45">
        <f t="shared" si="662"/>
        <v>45171.791666652418</v>
      </c>
    </row>
    <row r="5910" spans="2:14" x14ac:dyDescent="0.25">
      <c r="B5910">
        <f t="shared" si="656"/>
        <v>6</v>
      </c>
      <c r="C5910" s="16">
        <v>5876</v>
      </c>
      <c r="D5910" cm="1">
        <f t="array" ref="D5910">IFERROR(INDEX(Jesper!AH$2:AH$366,ROUNDDOWN($C5910/24,0)+1,1)*INDEX($D$3:$AA$30,INDEX(Jesper!$R$2:$R$366,ROW(INDEX(Jesper!AH$2:AH$366,ROUNDDOWN($C5910/24,0)+1,1))-1)+IF('Standard Profiles'!$G$18=$B$10,7,0)+IF('Standard Profiles'!$G$18=$B$17,14,0)+IF('Standard Profiles'!$G$18=$B$24,21,0),MOD($C5910,24)+1)/SUM(INDEX($D$3:$AA$30,INDEX(Jesper!$R$2:$R$366,ROW(INDEX(Jesper!AH$2:AH$366,ROUNDDOWN($C5910/24,0)+1,1))-1)+IF('Standard Profiles'!$G$18=$B$10,7,0)+IF('Standard Profiles'!$G$18=$B$17,14,0)+IF('Standard Profiles'!$G$18=$B$24,21,0),0)),0)</f>
        <v>0</v>
      </c>
      <c r="E5910" cm="1">
        <f t="array" ref="E5910">IFERROR(INDEX(Jesper!AI$2:AI$366,ROUNDDOWN($C5910/24,0)+1,1)*INDEX($D$3:$AA$30,INDEX(Jesper!$R$2:$R$366,ROW(INDEX(Jesper!AI$2:AI$366,ROUNDDOWN($C5910/24,0)+1,1))-1)+IF('Standard Profiles'!$G$19=$B$10,7,0)+IF('Standard Profiles'!$G$19=$B$17,14,0)+IF('Standard Profiles'!$G$19=$B$24,21,0),MOD($C5910,24)+1)/SUM(INDEX($D$3:$AA$30,INDEX(Jesper!$R$2:$R$366,ROW(INDEX(Jesper!AI$2:AI$366,ROUNDDOWN($C5910/24,0)+1,1))-1)+IF('Standard Profiles'!$G$19=$B$10,7,0)+IF('Standard Profiles'!$G$19=$B$17,14,0)+IF('Standard Profiles'!$G$19=$B$24,21,0),0)),0)</f>
        <v>2.702555663033527</v>
      </c>
      <c r="F5910" cm="1">
        <f t="array" ref="F5910">IFERROR(INDEX(Jesper!AJ$2:AJ$366,ROUNDDOWN($C5910/24,0)+1,1)*INDEX($D$3:$AA$30,INDEX(Jesper!$R$2:$R$366,ROW(INDEX(Jesper!AJ$2:AJ$366,ROUNDDOWN($C5910/24,0)+1,1))-1)+IF('Standard Profiles'!$G$20=$B$10,7,0)+IF('Standard Profiles'!$G$20=$B$17,14,0)+IF('Standard Profiles'!$G$20=$B$24,21,0),MOD($C5910,24)+1)/SUM(INDEX($D$3:$AA$30,INDEX(Jesper!$R$2:$R$366,ROW(INDEX(Jesper!AJ$2:AJ$366,ROUNDDOWN($C5910/24,0)+1,1))-1)+IF('Standard Profiles'!$G$20=$B$10,7,0)+IF('Standard Profiles'!$G$20=$B$17,14,0)+IF('Standard Profiles'!$G$20=$B$24,21,0),0)),0)</f>
        <v>1.0611848533076329</v>
      </c>
      <c r="G5910" cm="1">
        <f t="array" ref="G5910">IFERROR(INDEX(Jesper!AK$2:AK$366,ROUNDDOWN($C5910/24,0)+1,1)*INDEX($D$3:$AA$30,INDEX(Jesper!$R$2:$R$366,ROW(INDEX(Jesper!AK$2:AK$366,ROUNDDOWN($C5910/24,0)+1,1))-1)+IF('Standard Profiles'!$G$21=$B$10,7,0)+IF('Standard Profiles'!$G$21=$B$17,14,0)+IF('Standard Profiles'!$G$21=$B$24,21,0),MOD($C5910,24)+1)/SUM(INDEX($D$3:$AA$30,INDEX(Jesper!$R$2:$R$366,ROW(INDEX(Jesper!AK$2:AK$366,ROUNDDOWN($C5910/24,0)+1,1))-1)+IF('Standard Profiles'!$G$21=$B$10,7,0)+IF('Standard Profiles'!$G$21=$B$17,14,0)+IF('Standard Profiles'!$G$21=$B$24,21,0),0)),0)</f>
        <v>0.53529404275279335</v>
      </c>
      <c r="H5910" cm="1">
        <f t="array" ref="H5910">IFERROR(INDEX(Jesper!AL$2:AL$366,ROUNDDOWN($C5910/24,0)+1,1)*INDEX($D$3:$AA$30,INDEX(Jesper!$R$2:$R$366,ROW(INDEX(Jesper!AL$2:AL$366,ROUNDDOWN($C5910/24,0)+1,1))-1)+IF('Standard Profiles'!$G$22=$B$10,7,0)+IF('Standard Profiles'!$G$22=$B$17,14,0)+IF('Standard Profiles'!$G$22=$B$24,21,0),MOD($C5910,24)+1)/SUM(INDEX($D$3:$AA$30,INDEX(Jesper!$R$2:$R$366,ROW(INDEX(Jesper!AL$2:AL$366,ROUNDDOWN($C5910/24,0)+1,1))-1)+IF('Standard Profiles'!$G$22=$B$10,7,0)+IF('Standard Profiles'!$G$22=$B$17,14,0)+IF('Standard Profiles'!$G$22=$B$24,21,0),0)),0)</f>
        <v>9.6451870806542925E-2</v>
      </c>
      <c r="I5910">
        <f t="shared" si="657"/>
        <v>9.2593795974281259E-2</v>
      </c>
      <c r="J5910">
        <f t="shared" si="658"/>
        <v>3.9785859543621918</v>
      </c>
      <c r="K5910">
        <f t="shared" si="659"/>
        <v>0.21620445304268215</v>
      </c>
      <c r="L5910">
        <f t="shared" si="660"/>
        <v>0.10810222652134108</v>
      </c>
      <c r="M5910">
        <f t="shared" si="661"/>
        <v>0</v>
      </c>
      <c r="N5910" s="45">
        <f t="shared" si="662"/>
        <v>45171.833333319082</v>
      </c>
    </row>
    <row r="5911" spans="2:14" x14ac:dyDescent="0.25">
      <c r="B5911">
        <f t="shared" si="656"/>
        <v>6</v>
      </c>
      <c r="C5911" s="16">
        <v>5877</v>
      </c>
      <c r="D5911" cm="1">
        <f t="array" ref="D5911">IFERROR(INDEX(Jesper!AH$2:AH$366,ROUNDDOWN($C5911/24,0)+1,1)*INDEX($D$3:$AA$30,INDEX(Jesper!$R$2:$R$366,ROW(INDEX(Jesper!AH$2:AH$366,ROUNDDOWN($C5911/24,0)+1,1))-1)+IF('Standard Profiles'!$G$18=$B$10,7,0)+IF('Standard Profiles'!$G$18=$B$17,14,0)+IF('Standard Profiles'!$G$18=$B$24,21,0),MOD($C5911,24)+1)/SUM(INDEX($D$3:$AA$30,INDEX(Jesper!$R$2:$R$366,ROW(INDEX(Jesper!AH$2:AH$366,ROUNDDOWN($C5911/24,0)+1,1))-1)+IF('Standard Profiles'!$G$18=$B$10,7,0)+IF('Standard Profiles'!$G$18=$B$17,14,0)+IF('Standard Profiles'!$G$18=$B$24,21,0),0)),0)</f>
        <v>0</v>
      </c>
      <c r="E5911" cm="1">
        <f t="array" ref="E5911">IFERROR(INDEX(Jesper!AI$2:AI$366,ROUNDDOWN($C5911/24,0)+1,1)*INDEX($D$3:$AA$30,INDEX(Jesper!$R$2:$R$366,ROW(INDEX(Jesper!AI$2:AI$366,ROUNDDOWN($C5911/24,0)+1,1))-1)+IF('Standard Profiles'!$G$19=$B$10,7,0)+IF('Standard Profiles'!$G$19=$B$17,14,0)+IF('Standard Profiles'!$G$19=$B$24,21,0),MOD($C5911,24)+1)/SUM(INDEX($D$3:$AA$30,INDEX(Jesper!$R$2:$R$366,ROW(INDEX(Jesper!AI$2:AI$366,ROUNDDOWN($C5911/24,0)+1,1))-1)+IF('Standard Profiles'!$G$19=$B$10,7,0)+IF('Standard Profiles'!$G$19=$B$17,14,0)+IF('Standard Profiles'!$G$19=$B$24,21,0),0)),0)</f>
        <v>2.702555663033527</v>
      </c>
      <c r="F5911" cm="1">
        <f t="array" ref="F5911">IFERROR(INDEX(Jesper!AJ$2:AJ$366,ROUNDDOWN($C5911/24,0)+1,1)*INDEX($D$3:$AA$30,INDEX(Jesper!$R$2:$R$366,ROW(INDEX(Jesper!AJ$2:AJ$366,ROUNDDOWN($C5911/24,0)+1,1))-1)+IF('Standard Profiles'!$G$20=$B$10,7,0)+IF('Standard Profiles'!$G$20=$B$17,14,0)+IF('Standard Profiles'!$G$20=$B$24,21,0),MOD($C5911,24)+1)/SUM(INDEX($D$3:$AA$30,INDEX(Jesper!$R$2:$R$366,ROW(INDEX(Jesper!AJ$2:AJ$366,ROUNDDOWN($C5911/24,0)+1,1))-1)+IF('Standard Profiles'!$G$20=$B$10,7,0)+IF('Standard Profiles'!$G$20=$B$17,14,0)+IF('Standard Profiles'!$G$20=$B$24,21,0),0)),0)</f>
        <v>1.0611848533076329</v>
      </c>
      <c r="G5911" cm="1">
        <f t="array" ref="G5911">IFERROR(INDEX(Jesper!AK$2:AK$366,ROUNDDOWN($C5911/24,0)+1,1)*INDEX($D$3:$AA$30,INDEX(Jesper!$R$2:$R$366,ROW(INDEX(Jesper!AK$2:AK$366,ROUNDDOWN($C5911/24,0)+1,1))-1)+IF('Standard Profiles'!$G$21=$B$10,7,0)+IF('Standard Profiles'!$G$21=$B$17,14,0)+IF('Standard Profiles'!$G$21=$B$24,21,0),MOD($C5911,24)+1)/SUM(INDEX($D$3:$AA$30,INDEX(Jesper!$R$2:$R$366,ROW(INDEX(Jesper!AK$2:AK$366,ROUNDDOWN($C5911/24,0)+1,1))-1)+IF('Standard Profiles'!$G$21=$B$10,7,0)+IF('Standard Profiles'!$G$21=$B$17,14,0)+IF('Standard Profiles'!$G$21=$B$24,21,0),0)),0)</f>
        <v>0.53529404275279335</v>
      </c>
      <c r="H5911" cm="1">
        <f t="array" ref="H5911">IFERROR(INDEX(Jesper!AL$2:AL$366,ROUNDDOWN($C5911/24,0)+1,1)*INDEX($D$3:$AA$30,INDEX(Jesper!$R$2:$R$366,ROW(INDEX(Jesper!AL$2:AL$366,ROUNDDOWN($C5911/24,0)+1,1))-1)+IF('Standard Profiles'!$G$22=$B$10,7,0)+IF('Standard Profiles'!$G$22=$B$17,14,0)+IF('Standard Profiles'!$G$22=$B$24,21,0),MOD($C5911,24)+1)/SUM(INDEX($D$3:$AA$30,INDEX(Jesper!$R$2:$R$366,ROW(INDEX(Jesper!AL$2:AL$366,ROUNDDOWN($C5911/24,0)+1,1))-1)+IF('Standard Profiles'!$G$22=$B$10,7,0)+IF('Standard Profiles'!$G$22=$B$17,14,0)+IF('Standard Profiles'!$G$22=$B$24,21,0),0)),0)</f>
        <v>9.6451870806542925E-2</v>
      </c>
      <c r="I5911">
        <f t="shared" si="657"/>
        <v>9.2593795974281259E-2</v>
      </c>
      <c r="J5911">
        <f t="shared" si="658"/>
        <v>3.9785859543621918</v>
      </c>
      <c r="K5911">
        <f t="shared" si="659"/>
        <v>0.21620445304268215</v>
      </c>
      <c r="L5911">
        <f t="shared" si="660"/>
        <v>0.10810222652134108</v>
      </c>
      <c r="M5911">
        <f t="shared" si="661"/>
        <v>0</v>
      </c>
      <c r="N5911" s="45">
        <f t="shared" si="662"/>
        <v>45171.874999985746</v>
      </c>
    </row>
    <row r="5912" spans="2:14" x14ac:dyDescent="0.25">
      <c r="B5912">
        <f t="shared" si="656"/>
        <v>6</v>
      </c>
      <c r="C5912" s="16">
        <v>5878</v>
      </c>
      <c r="D5912" cm="1">
        <f t="array" ref="D5912">IFERROR(INDEX(Jesper!AH$2:AH$366,ROUNDDOWN($C5912/24,0)+1,1)*INDEX($D$3:$AA$30,INDEX(Jesper!$R$2:$R$366,ROW(INDEX(Jesper!AH$2:AH$366,ROUNDDOWN($C5912/24,0)+1,1))-1)+IF('Standard Profiles'!$G$18=$B$10,7,0)+IF('Standard Profiles'!$G$18=$B$17,14,0)+IF('Standard Profiles'!$G$18=$B$24,21,0),MOD($C5912,24)+1)/SUM(INDEX($D$3:$AA$30,INDEX(Jesper!$R$2:$R$366,ROW(INDEX(Jesper!AH$2:AH$366,ROUNDDOWN($C5912/24,0)+1,1))-1)+IF('Standard Profiles'!$G$18=$B$10,7,0)+IF('Standard Profiles'!$G$18=$B$17,14,0)+IF('Standard Profiles'!$G$18=$B$24,21,0),0)),0)</f>
        <v>0</v>
      </c>
      <c r="E5912" cm="1">
        <f t="array" ref="E5912">IFERROR(INDEX(Jesper!AI$2:AI$366,ROUNDDOWN($C5912/24,0)+1,1)*INDEX($D$3:$AA$30,INDEX(Jesper!$R$2:$R$366,ROW(INDEX(Jesper!AI$2:AI$366,ROUNDDOWN($C5912/24,0)+1,1))-1)+IF('Standard Profiles'!$G$19=$B$10,7,0)+IF('Standard Profiles'!$G$19=$B$17,14,0)+IF('Standard Profiles'!$G$19=$B$24,21,0),MOD($C5912,24)+1)/SUM(INDEX($D$3:$AA$30,INDEX(Jesper!$R$2:$R$366,ROW(INDEX(Jesper!AI$2:AI$366,ROUNDDOWN($C5912/24,0)+1,1))-1)+IF('Standard Profiles'!$G$19=$B$10,7,0)+IF('Standard Profiles'!$G$19=$B$17,14,0)+IF('Standard Profiles'!$G$19=$B$24,21,0),0)),0)</f>
        <v>2.702555663033527</v>
      </c>
      <c r="F5912" cm="1">
        <f t="array" ref="F5912">IFERROR(INDEX(Jesper!AJ$2:AJ$366,ROUNDDOWN($C5912/24,0)+1,1)*INDEX($D$3:$AA$30,INDEX(Jesper!$R$2:$R$366,ROW(INDEX(Jesper!AJ$2:AJ$366,ROUNDDOWN($C5912/24,0)+1,1))-1)+IF('Standard Profiles'!$G$20=$B$10,7,0)+IF('Standard Profiles'!$G$20=$B$17,14,0)+IF('Standard Profiles'!$G$20=$B$24,21,0),MOD($C5912,24)+1)/SUM(INDEX($D$3:$AA$30,INDEX(Jesper!$R$2:$R$366,ROW(INDEX(Jesper!AJ$2:AJ$366,ROUNDDOWN($C5912/24,0)+1,1))-1)+IF('Standard Profiles'!$G$20=$B$10,7,0)+IF('Standard Profiles'!$G$20=$B$17,14,0)+IF('Standard Profiles'!$G$20=$B$24,21,0),0)),0)</f>
        <v>1.0611848533076329</v>
      </c>
      <c r="G5912" cm="1">
        <f t="array" ref="G5912">IFERROR(INDEX(Jesper!AK$2:AK$366,ROUNDDOWN($C5912/24,0)+1,1)*INDEX($D$3:$AA$30,INDEX(Jesper!$R$2:$R$366,ROW(INDEX(Jesper!AK$2:AK$366,ROUNDDOWN($C5912/24,0)+1,1))-1)+IF('Standard Profiles'!$G$21=$B$10,7,0)+IF('Standard Profiles'!$G$21=$B$17,14,0)+IF('Standard Profiles'!$G$21=$B$24,21,0),MOD($C5912,24)+1)/SUM(INDEX($D$3:$AA$30,INDEX(Jesper!$R$2:$R$366,ROW(INDEX(Jesper!AK$2:AK$366,ROUNDDOWN($C5912/24,0)+1,1))-1)+IF('Standard Profiles'!$G$21=$B$10,7,0)+IF('Standard Profiles'!$G$21=$B$17,14,0)+IF('Standard Profiles'!$G$21=$B$24,21,0),0)),0)</f>
        <v>0.53529404275279335</v>
      </c>
      <c r="H5912" cm="1">
        <f t="array" ref="H5912">IFERROR(INDEX(Jesper!AL$2:AL$366,ROUNDDOWN($C5912/24,0)+1,1)*INDEX($D$3:$AA$30,INDEX(Jesper!$R$2:$R$366,ROW(INDEX(Jesper!AL$2:AL$366,ROUNDDOWN($C5912/24,0)+1,1))-1)+IF('Standard Profiles'!$G$22=$B$10,7,0)+IF('Standard Profiles'!$G$22=$B$17,14,0)+IF('Standard Profiles'!$G$22=$B$24,21,0),MOD($C5912,24)+1)/SUM(INDEX($D$3:$AA$30,INDEX(Jesper!$R$2:$R$366,ROW(INDEX(Jesper!AL$2:AL$366,ROUNDDOWN($C5912/24,0)+1,1))-1)+IF('Standard Profiles'!$G$22=$B$10,7,0)+IF('Standard Profiles'!$G$22=$B$17,14,0)+IF('Standard Profiles'!$G$22=$B$24,21,0),0)),0)</f>
        <v>9.6451870806542925E-2</v>
      </c>
      <c r="I5912">
        <f t="shared" si="657"/>
        <v>9.2593795974281259E-2</v>
      </c>
      <c r="J5912">
        <f t="shared" si="658"/>
        <v>3.9785859543621918</v>
      </c>
      <c r="K5912">
        <f t="shared" si="659"/>
        <v>0.21620445304268215</v>
      </c>
      <c r="L5912">
        <f t="shared" si="660"/>
        <v>0.10810222652134108</v>
      </c>
      <c r="M5912">
        <f t="shared" si="661"/>
        <v>0</v>
      </c>
      <c r="N5912" s="45">
        <f t="shared" si="662"/>
        <v>45171.916666652411</v>
      </c>
    </row>
    <row r="5913" spans="2:14" x14ac:dyDescent="0.25">
      <c r="B5913">
        <f t="shared" si="656"/>
        <v>6</v>
      </c>
      <c r="C5913" s="16">
        <v>5879</v>
      </c>
      <c r="D5913" cm="1">
        <f t="array" ref="D5913">IFERROR(INDEX(Jesper!AH$2:AH$366,ROUNDDOWN($C5913/24,0)+1,1)*INDEX($D$3:$AA$30,INDEX(Jesper!$R$2:$R$366,ROW(INDEX(Jesper!AH$2:AH$366,ROUNDDOWN($C5913/24,0)+1,1))-1)+IF('Standard Profiles'!$G$18=$B$10,7,0)+IF('Standard Profiles'!$G$18=$B$17,14,0)+IF('Standard Profiles'!$G$18=$B$24,21,0),MOD($C5913,24)+1)/SUM(INDEX($D$3:$AA$30,INDEX(Jesper!$R$2:$R$366,ROW(INDEX(Jesper!AH$2:AH$366,ROUNDDOWN($C5913/24,0)+1,1))-1)+IF('Standard Profiles'!$G$18=$B$10,7,0)+IF('Standard Profiles'!$G$18=$B$17,14,0)+IF('Standard Profiles'!$G$18=$B$24,21,0),0)),0)</f>
        <v>0</v>
      </c>
      <c r="E5913" cm="1">
        <f t="array" ref="E5913">IFERROR(INDEX(Jesper!AI$2:AI$366,ROUNDDOWN($C5913/24,0)+1,1)*INDEX($D$3:$AA$30,INDEX(Jesper!$R$2:$R$366,ROW(INDEX(Jesper!AI$2:AI$366,ROUNDDOWN($C5913/24,0)+1,1))-1)+IF('Standard Profiles'!$G$19=$B$10,7,0)+IF('Standard Profiles'!$G$19=$B$17,14,0)+IF('Standard Profiles'!$G$19=$B$24,21,0),MOD($C5913,24)+1)/SUM(INDEX($D$3:$AA$30,INDEX(Jesper!$R$2:$R$366,ROW(INDEX(Jesper!AI$2:AI$366,ROUNDDOWN($C5913/24,0)+1,1))-1)+IF('Standard Profiles'!$G$19=$B$10,7,0)+IF('Standard Profiles'!$G$19=$B$17,14,0)+IF('Standard Profiles'!$G$19=$B$24,21,0),0)),0)</f>
        <v>2.702555663033527</v>
      </c>
      <c r="F5913" cm="1">
        <f t="array" ref="F5913">IFERROR(INDEX(Jesper!AJ$2:AJ$366,ROUNDDOWN($C5913/24,0)+1,1)*INDEX($D$3:$AA$30,INDEX(Jesper!$R$2:$R$366,ROW(INDEX(Jesper!AJ$2:AJ$366,ROUNDDOWN($C5913/24,0)+1,1))-1)+IF('Standard Profiles'!$G$20=$B$10,7,0)+IF('Standard Profiles'!$G$20=$B$17,14,0)+IF('Standard Profiles'!$G$20=$B$24,21,0),MOD($C5913,24)+1)/SUM(INDEX($D$3:$AA$30,INDEX(Jesper!$R$2:$R$366,ROW(INDEX(Jesper!AJ$2:AJ$366,ROUNDDOWN($C5913/24,0)+1,1))-1)+IF('Standard Profiles'!$G$20=$B$10,7,0)+IF('Standard Profiles'!$G$20=$B$17,14,0)+IF('Standard Profiles'!$G$20=$B$24,21,0),0)),0)</f>
        <v>1.0611848533076329</v>
      </c>
      <c r="G5913" cm="1">
        <f t="array" ref="G5913">IFERROR(INDEX(Jesper!AK$2:AK$366,ROUNDDOWN($C5913/24,0)+1,1)*INDEX($D$3:$AA$30,INDEX(Jesper!$R$2:$R$366,ROW(INDEX(Jesper!AK$2:AK$366,ROUNDDOWN($C5913/24,0)+1,1))-1)+IF('Standard Profiles'!$G$21=$B$10,7,0)+IF('Standard Profiles'!$G$21=$B$17,14,0)+IF('Standard Profiles'!$G$21=$B$24,21,0),MOD($C5913,24)+1)/SUM(INDEX($D$3:$AA$30,INDEX(Jesper!$R$2:$R$366,ROW(INDEX(Jesper!AK$2:AK$366,ROUNDDOWN($C5913/24,0)+1,1))-1)+IF('Standard Profiles'!$G$21=$B$10,7,0)+IF('Standard Profiles'!$G$21=$B$17,14,0)+IF('Standard Profiles'!$G$21=$B$24,21,0),0)),0)</f>
        <v>0.53529404275279335</v>
      </c>
      <c r="H5913" cm="1">
        <f t="array" ref="H5913">IFERROR(INDEX(Jesper!AL$2:AL$366,ROUNDDOWN($C5913/24,0)+1,1)*INDEX($D$3:$AA$30,INDEX(Jesper!$R$2:$R$366,ROW(INDEX(Jesper!AL$2:AL$366,ROUNDDOWN($C5913/24,0)+1,1))-1)+IF('Standard Profiles'!$G$22=$B$10,7,0)+IF('Standard Profiles'!$G$22=$B$17,14,0)+IF('Standard Profiles'!$G$22=$B$24,21,0),MOD($C5913,24)+1)/SUM(INDEX($D$3:$AA$30,INDEX(Jesper!$R$2:$R$366,ROW(INDEX(Jesper!AL$2:AL$366,ROUNDDOWN($C5913/24,0)+1,1))-1)+IF('Standard Profiles'!$G$22=$B$10,7,0)+IF('Standard Profiles'!$G$22=$B$17,14,0)+IF('Standard Profiles'!$G$22=$B$24,21,0),0)),0)</f>
        <v>9.6451870806542925E-2</v>
      </c>
      <c r="I5913">
        <f t="shared" si="657"/>
        <v>9.2593795974281259E-2</v>
      </c>
      <c r="J5913">
        <f t="shared" si="658"/>
        <v>3.9785859543621918</v>
      </c>
      <c r="K5913">
        <f t="shared" si="659"/>
        <v>0.21620445304268215</v>
      </c>
      <c r="L5913">
        <f t="shared" si="660"/>
        <v>0.10810222652134108</v>
      </c>
      <c r="M5913">
        <f t="shared" si="661"/>
        <v>0</v>
      </c>
      <c r="N5913" s="45">
        <f t="shared" si="662"/>
        <v>45171.958333319075</v>
      </c>
    </row>
    <row r="5914" spans="2:14" x14ac:dyDescent="0.25">
      <c r="B5914">
        <f t="shared" si="656"/>
        <v>7</v>
      </c>
      <c r="C5914" s="16">
        <v>5880</v>
      </c>
      <c r="D5914" cm="1">
        <f t="array" ref="D5914">IFERROR(INDEX(Jesper!AH$2:AH$366,ROUNDDOWN($C5914/24,0)+1,1)*INDEX($D$3:$AA$30,INDEX(Jesper!$R$2:$R$366,ROW(INDEX(Jesper!AH$2:AH$366,ROUNDDOWN($C5914/24,0)+1,1))-1)+IF('Standard Profiles'!$G$18=$B$10,7,0)+IF('Standard Profiles'!$G$18=$B$17,14,0)+IF('Standard Profiles'!$G$18=$B$24,21,0),MOD($C5914,24)+1)/SUM(INDEX($D$3:$AA$30,INDEX(Jesper!$R$2:$R$366,ROW(INDEX(Jesper!AH$2:AH$366,ROUNDDOWN($C5914/24,0)+1,1))-1)+IF('Standard Profiles'!$G$18=$B$10,7,0)+IF('Standard Profiles'!$G$18=$B$17,14,0)+IF('Standard Profiles'!$G$18=$B$24,21,0),0)),0)</f>
        <v>0</v>
      </c>
      <c r="E5914" cm="1">
        <f t="array" ref="E5914">IFERROR(INDEX(Jesper!AI$2:AI$366,ROUNDDOWN($C5914/24,0)+1,1)*INDEX($D$3:$AA$30,INDEX(Jesper!$R$2:$R$366,ROW(INDEX(Jesper!AI$2:AI$366,ROUNDDOWN($C5914/24,0)+1,1))-1)+IF('Standard Profiles'!$G$19=$B$10,7,0)+IF('Standard Profiles'!$G$19=$B$17,14,0)+IF('Standard Profiles'!$G$19=$B$24,21,0),MOD($C5914,24)+1)/SUM(INDEX($D$3:$AA$30,INDEX(Jesper!$R$2:$R$366,ROW(INDEX(Jesper!AI$2:AI$366,ROUNDDOWN($C5914/24,0)+1,1))-1)+IF('Standard Profiles'!$G$19=$B$10,7,0)+IF('Standard Profiles'!$G$19=$B$17,14,0)+IF('Standard Profiles'!$G$19=$B$24,21,0),0)),0)</f>
        <v>2.7225078984683164</v>
      </c>
      <c r="F5914" cm="1">
        <f t="array" ref="F5914">IFERROR(INDEX(Jesper!AJ$2:AJ$366,ROUNDDOWN($C5914/24,0)+1,1)*INDEX($D$3:$AA$30,INDEX(Jesper!$R$2:$R$366,ROW(INDEX(Jesper!AJ$2:AJ$366,ROUNDDOWN($C5914/24,0)+1,1))-1)+IF('Standard Profiles'!$G$20=$B$10,7,0)+IF('Standard Profiles'!$G$20=$B$17,14,0)+IF('Standard Profiles'!$G$20=$B$24,21,0),MOD($C5914,24)+1)/SUM(INDEX($D$3:$AA$30,INDEX(Jesper!$R$2:$R$366,ROW(INDEX(Jesper!AJ$2:AJ$366,ROUNDDOWN($C5914/24,0)+1,1))-1)+IF('Standard Profiles'!$G$20=$B$10,7,0)+IF('Standard Profiles'!$G$20=$B$17,14,0)+IF('Standard Profiles'!$G$20=$B$24,21,0),0)),0)</f>
        <v>1.1139873856622264</v>
      </c>
      <c r="G5914" cm="1">
        <f t="array" ref="G5914">IFERROR(INDEX(Jesper!AK$2:AK$366,ROUNDDOWN($C5914/24,0)+1,1)*INDEX($D$3:$AA$30,INDEX(Jesper!$R$2:$R$366,ROW(INDEX(Jesper!AK$2:AK$366,ROUNDDOWN($C5914/24,0)+1,1))-1)+IF('Standard Profiles'!$G$21=$B$10,7,0)+IF('Standard Profiles'!$G$21=$B$17,14,0)+IF('Standard Profiles'!$G$21=$B$24,21,0),MOD($C5914,24)+1)/SUM(INDEX($D$3:$AA$30,INDEX(Jesper!$R$2:$R$366,ROW(INDEX(Jesper!AK$2:AK$366,ROUNDDOWN($C5914/24,0)+1,1))-1)+IF('Standard Profiles'!$G$21=$B$10,7,0)+IF('Standard Profiles'!$G$21=$B$17,14,0)+IF('Standard Profiles'!$G$21=$B$24,21,0),0)),0)</f>
        <v>0.59360755516764441</v>
      </c>
      <c r="H5914" cm="1">
        <f t="array" ref="H5914">IFERROR(INDEX(Jesper!AL$2:AL$366,ROUNDDOWN($C5914/24,0)+1,1)*INDEX($D$3:$AA$30,INDEX(Jesper!$R$2:$R$366,ROW(INDEX(Jesper!AL$2:AL$366,ROUNDDOWN($C5914/24,0)+1,1))-1)+IF('Standard Profiles'!$G$22=$B$10,7,0)+IF('Standard Profiles'!$G$22=$B$17,14,0)+IF('Standard Profiles'!$G$22=$B$24,21,0),MOD($C5914,24)+1)/SUM(INDEX($D$3:$AA$30,INDEX(Jesper!$R$2:$R$366,ROW(INDEX(Jesper!AL$2:AL$366,ROUNDDOWN($C5914/24,0)+1,1))-1)+IF('Standard Profiles'!$G$22=$B$10,7,0)+IF('Standard Profiles'!$G$22=$B$17,14,0)+IF('Standard Profiles'!$G$22=$B$24,21,0),0)),0)</f>
        <v>0.14406052980381107</v>
      </c>
      <c r="I5914">
        <f t="shared" si="657"/>
        <v>0.1382981086116587</v>
      </c>
      <c r="J5914">
        <f t="shared" si="658"/>
        <v>4.1091643126741415</v>
      </c>
      <c r="K5914">
        <f t="shared" si="659"/>
        <v>0.21780063187746532</v>
      </c>
      <c r="L5914">
        <f t="shared" si="660"/>
        <v>0.10890031593873266</v>
      </c>
      <c r="M5914">
        <f t="shared" si="661"/>
        <v>0</v>
      </c>
      <c r="N5914" s="45">
        <f t="shared" si="662"/>
        <v>45171.999999985739</v>
      </c>
    </row>
    <row r="5915" spans="2:14" x14ac:dyDescent="0.25">
      <c r="B5915">
        <f t="shared" si="656"/>
        <v>7</v>
      </c>
      <c r="C5915" s="16">
        <v>5881</v>
      </c>
      <c r="D5915" cm="1">
        <f t="array" ref="D5915">IFERROR(INDEX(Jesper!AH$2:AH$366,ROUNDDOWN($C5915/24,0)+1,1)*INDEX($D$3:$AA$30,INDEX(Jesper!$R$2:$R$366,ROW(INDEX(Jesper!AH$2:AH$366,ROUNDDOWN($C5915/24,0)+1,1))-1)+IF('Standard Profiles'!$G$18=$B$10,7,0)+IF('Standard Profiles'!$G$18=$B$17,14,0)+IF('Standard Profiles'!$G$18=$B$24,21,0),MOD($C5915,24)+1)/SUM(INDEX($D$3:$AA$30,INDEX(Jesper!$R$2:$R$366,ROW(INDEX(Jesper!AH$2:AH$366,ROUNDDOWN($C5915/24,0)+1,1))-1)+IF('Standard Profiles'!$G$18=$B$10,7,0)+IF('Standard Profiles'!$G$18=$B$17,14,0)+IF('Standard Profiles'!$G$18=$B$24,21,0),0)),0)</f>
        <v>0</v>
      </c>
      <c r="E5915" cm="1">
        <f t="array" ref="E5915">IFERROR(INDEX(Jesper!AI$2:AI$366,ROUNDDOWN($C5915/24,0)+1,1)*INDEX($D$3:$AA$30,INDEX(Jesper!$R$2:$R$366,ROW(INDEX(Jesper!AI$2:AI$366,ROUNDDOWN($C5915/24,0)+1,1))-1)+IF('Standard Profiles'!$G$19=$B$10,7,0)+IF('Standard Profiles'!$G$19=$B$17,14,0)+IF('Standard Profiles'!$G$19=$B$24,21,0),MOD($C5915,24)+1)/SUM(INDEX($D$3:$AA$30,INDEX(Jesper!$R$2:$R$366,ROW(INDEX(Jesper!AI$2:AI$366,ROUNDDOWN($C5915/24,0)+1,1))-1)+IF('Standard Profiles'!$G$19=$B$10,7,0)+IF('Standard Profiles'!$G$19=$B$17,14,0)+IF('Standard Profiles'!$G$19=$B$24,21,0),0)),0)</f>
        <v>2.7225078984683164</v>
      </c>
      <c r="F5915" cm="1">
        <f t="array" ref="F5915">IFERROR(INDEX(Jesper!AJ$2:AJ$366,ROUNDDOWN($C5915/24,0)+1,1)*INDEX($D$3:$AA$30,INDEX(Jesper!$R$2:$R$366,ROW(INDEX(Jesper!AJ$2:AJ$366,ROUNDDOWN($C5915/24,0)+1,1))-1)+IF('Standard Profiles'!$G$20=$B$10,7,0)+IF('Standard Profiles'!$G$20=$B$17,14,0)+IF('Standard Profiles'!$G$20=$B$24,21,0),MOD($C5915,24)+1)/SUM(INDEX($D$3:$AA$30,INDEX(Jesper!$R$2:$R$366,ROW(INDEX(Jesper!AJ$2:AJ$366,ROUNDDOWN($C5915/24,0)+1,1))-1)+IF('Standard Profiles'!$G$20=$B$10,7,0)+IF('Standard Profiles'!$G$20=$B$17,14,0)+IF('Standard Profiles'!$G$20=$B$24,21,0),0)),0)</f>
        <v>1.1139873856622264</v>
      </c>
      <c r="G5915" cm="1">
        <f t="array" ref="G5915">IFERROR(INDEX(Jesper!AK$2:AK$366,ROUNDDOWN($C5915/24,0)+1,1)*INDEX($D$3:$AA$30,INDEX(Jesper!$R$2:$R$366,ROW(INDEX(Jesper!AK$2:AK$366,ROUNDDOWN($C5915/24,0)+1,1))-1)+IF('Standard Profiles'!$G$21=$B$10,7,0)+IF('Standard Profiles'!$G$21=$B$17,14,0)+IF('Standard Profiles'!$G$21=$B$24,21,0),MOD($C5915,24)+1)/SUM(INDEX($D$3:$AA$30,INDEX(Jesper!$R$2:$R$366,ROW(INDEX(Jesper!AK$2:AK$366,ROUNDDOWN($C5915/24,0)+1,1))-1)+IF('Standard Profiles'!$G$21=$B$10,7,0)+IF('Standard Profiles'!$G$21=$B$17,14,0)+IF('Standard Profiles'!$G$21=$B$24,21,0),0)),0)</f>
        <v>0.59360755516764441</v>
      </c>
      <c r="H5915" cm="1">
        <f t="array" ref="H5915">IFERROR(INDEX(Jesper!AL$2:AL$366,ROUNDDOWN($C5915/24,0)+1,1)*INDEX($D$3:$AA$30,INDEX(Jesper!$R$2:$R$366,ROW(INDEX(Jesper!AL$2:AL$366,ROUNDDOWN($C5915/24,0)+1,1))-1)+IF('Standard Profiles'!$G$22=$B$10,7,0)+IF('Standard Profiles'!$G$22=$B$17,14,0)+IF('Standard Profiles'!$G$22=$B$24,21,0),MOD($C5915,24)+1)/SUM(INDEX($D$3:$AA$30,INDEX(Jesper!$R$2:$R$366,ROW(INDEX(Jesper!AL$2:AL$366,ROUNDDOWN($C5915/24,0)+1,1))-1)+IF('Standard Profiles'!$G$22=$B$10,7,0)+IF('Standard Profiles'!$G$22=$B$17,14,0)+IF('Standard Profiles'!$G$22=$B$24,21,0),0)),0)</f>
        <v>0.16729609912700638</v>
      </c>
      <c r="I5915">
        <f t="shared" si="657"/>
        <v>0.16060425516192622</v>
      </c>
      <c r="J5915">
        <f t="shared" si="658"/>
        <v>4.1100937354470695</v>
      </c>
      <c r="K5915">
        <f t="shared" si="659"/>
        <v>0.21780063187746532</v>
      </c>
      <c r="L5915">
        <f t="shared" si="660"/>
        <v>0.10890031593873266</v>
      </c>
      <c r="M5915">
        <f t="shared" si="661"/>
        <v>0</v>
      </c>
      <c r="N5915" s="45">
        <f t="shared" si="662"/>
        <v>45172.041666652403</v>
      </c>
    </row>
    <row r="5916" spans="2:14" x14ac:dyDescent="0.25">
      <c r="B5916">
        <f t="shared" si="656"/>
        <v>7</v>
      </c>
      <c r="C5916" s="16">
        <v>5882</v>
      </c>
      <c r="D5916" cm="1">
        <f t="array" ref="D5916">IFERROR(INDEX(Jesper!AH$2:AH$366,ROUNDDOWN($C5916/24,0)+1,1)*INDEX($D$3:$AA$30,INDEX(Jesper!$R$2:$R$366,ROW(INDEX(Jesper!AH$2:AH$366,ROUNDDOWN($C5916/24,0)+1,1))-1)+IF('Standard Profiles'!$G$18=$B$10,7,0)+IF('Standard Profiles'!$G$18=$B$17,14,0)+IF('Standard Profiles'!$G$18=$B$24,21,0),MOD($C5916,24)+1)/SUM(INDEX($D$3:$AA$30,INDEX(Jesper!$R$2:$R$366,ROW(INDEX(Jesper!AH$2:AH$366,ROUNDDOWN($C5916/24,0)+1,1))-1)+IF('Standard Profiles'!$G$18=$B$10,7,0)+IF('Standard Profiles'!$G$18=$B$17,14,0)+IF('Standard Profiles'!$G$18=$B$24,21,0),0)),0)</f>
        <v>0</v>
      </c>
      <c r="E5916" cm="1">
        <f t="array" ref="E5916">IFERROR(INDEX(Jesper!AI$2:AI$366,ROUNDDOWN($C5916/24,0)+1,1)*INDEX($D$3:$AA$30,INDEX(Jesper!$R$2:$R$366,ROW(INDEX(Jesper!AI$2:AI$366,ROUNDDOWN($C5916/24,0)+1,1))-1)+IF('Standard Profiles'!$G$19=$B$10,7,0)+IF('Standard Profiles'!$G$19=$B$17,14,0)+IF('Standard Profiles'!$G$19=$B$24,21,0),MOD($C5916,24)+1)/SUM(INDEX($D$3:$AA$30,INDEX(Jesper!$R$2:$R$366,ROW(INDEX(Jesper!AI$2:AI$366,ROUNDDOWN($C5916/24,0)+1,1))-1)+IF('Standard Profiles'!$G$19=$B$10,7,0)+IF('Standard Profiles'!$G$19=$B$17,14,0)+IF('Standard Profiles'!$G$19=$B$24,21,0),0)),0)</f>
        <v>2.7225078984683164</v>
      </c>
      <c r="F5916" cm="1">
        <f t="array" ref="F5916">IFERROR(INDEX(Jesper!AJ$2:AJ$366,ROUNDDOWN($C5916/24,0)+1,1)*INDEX($D$3:$AA$30,INDEX(Jesper!$R$2:$R$366,ROW(INDEX(Jesper!AJ$2:AJ$366,ROUNDDOWN($C5916/24,0)+1,1))-1)+IF('Standard Profiles'!$G$20=$B$10,7,0)+IF('Standard Profiles'!$G$20=$B$17,14,0)+IF('Standard Profiles'!$G$20=$B$24,21,0),MOD($C5916,24)+1)/SUM(INDEX($D$3:$AA$30,INDEX(Jesper!$R$2:$R$366,ROW(INDEX(Jesper!AJ$2:AJ$366,ROUNDDOWN($C5916/24,0)+1,1))-1)+IF('Standard Profiles'!$G$20=$B$10,7,0)+IF('Standard Profiles'!$G$20=$B$17,14,0)+IF('Standard Profiles'!$G$20=$B$24,21,0),0)),0)</f>
        <v>1.1139873856622264</v>
      </c>
      <c r="G5916" cm="1">
        <f t="array" ref="G5916">IFERROR(INDEX(Jesper!AK$2:AK$366,ROUNDDOWN($C5916/24,0)+1,1)*INDEX($D$3:$AA$30,INDEX(Jesper!$R$2:$R$366,ROW(INDEX(Jesper!AK$2:AK$366,ROUNDDOWN($C5916/24,0)+1,1))-1)+IF('Standard Profiles'!$G$21=$B$10,7,0)+IF('Standard Profiles'!$G$21=$B$17,14,0)+IF('Standard Profiles'!$G$21=$B$24,21,0),MOD($C5916,24)+1)/SUM(INDEX($D$3:$AA$30,INDEX(Jesper!$R$2:$R$366,ROW(INDEX(Jesper!AK$2:AK$366,ROUNDDOWN($C5916/24,0)+1,1))-1)+IF('Standard Profiles'!$G$21=$B$10,7,0)+IF('Standard Profiles'!$G$21=$B$17,14,0)+IF('Standard Profiles'!$G$21=$B$24,21,0),0)),0)</f>
        <v>0.59360755516764441</v>
      </c>
      <c r="H5916" cm="1">
        <f t="array" ref="H5916">IFERROR(INDEX(Jesper!AL$2:AL$366,ROUNDDOWN($C5916/24,0)+1,1)*INDEX($D$3:$AA$30,INDEX(Jesper!$R$2:$R$366,ROW(INDEX(Jesper!AL$2:AL$366,ROUNDDOWN($C5916/24,0)+1,1))-1)+IF('Standard Profiles'!$G$22=$B$10,7,0)+IF('Standard Profiles'!$G$22=$B$17,14,0)+IF('Standard Profiles'!$G$22=$B$24,21,0),MOD($C5916,24)+1)/SUM(INDEX($D$3:$AA$30,INDEX(Jesper!$R$2:$R$366,ROW(INDEX(Jesper!AL$2:AL$366,ROUNDDOWN($C5916/24,0)+1,1))-1)+IF('Standard Profiles'!$G$22=$B$10,7,0)+IF('Standard Profiles'!$G$22=$B$17,14,0)+IF('Standard Profiles'!$G$22=$B$24,21,0),0)),0)</f>
        <v>0.16729609912700638</v>
      </c>
      <c r="I5916">
        <f t="shared" si="657"/>
        <v>0.16060425516192622</v>
      </c>
      <c r="J5916">
        <f t="shared" si="658"/>
        <v>4.1100937354470695</v>
      </c>
      <c r="K5916">
        <f t="shared" si="659"/>
        <v>0.21780063187746532</v>
      </c>
      <c r="L5916">
        <f t="shared" si="660"/>
        <v>0.10890031593873266</v>
      </c>
      <c r="M5916">
        <f t="shared" si="661"/>
        <v>0</v>
      </c>
      <c r="N5916" s="45">
        <f t="shared" si="662"/>
        <v>45172.083333319068</v>
      </c>
    </row>
    <row r="5917" spans="2:14" x14ac:dyDescent="0.25">
      <c r="B5917">
        <f t="shared" si="656"/>
        <v>7</v>
      </c>
      <c r="C5917" s="16">
        <v>5883</v>
      </c>
      <c r="D5917" cm="1">
        <f t="array" ref="D5917">IFERROR(INDEX(Jesper!AH$2:AH$366,ROUNDDOWN($C5917/24,0)+1,1)*INDEX($D$3:$AA$30,INDEX(Jesper!$R$2:$R$366,ROW(INDEX(Jesper!AH$2:AH$366,ROUNDDOWN($C5917/24,0)+1,1))-1)+IF('Standard Profiles'!$G$18=$B$10,7,0)+IF('Standard Profiles'!$G$18=$B$17,14,0)+IF('Standard Profiles'!$G$18=$B$24,21,0),MOD($C5917,24)+1)/SUM(INDEX($D$3:$AA$30,INDEX(Jesper!$R$2:$R$366,ROW(INDEX(Jesper!AH$2:AH$366,ROUNDDOWN($C5917/24,0)+1,1))-1)+IF('Standard Profiles'!$G$18=$B$10,7,0)+IF('Standard Profiles'!$G$18=$B$17,14,0)+IF('Standard Profiles'!$G$18=$B$24,21,0),0)),0)</f>
        <v>0</v>
      </c>
      <c r="E5917" cm="1">
        <f t="array" ref="E5917">IFERROR(INDEX(Jesper!AI$2:AI$366,ROUNDDOWN($C5917/24,0)+1,1)*INDEX($D$3:$AA$30,INDEX(Jesper!$R$2:$R$366,ROW(INDEX(Jesper!AI$2:AI$366,ROUNDDOWN($C5917/24,0)+1,1))-1)+IF('Standard Profiles'!$G$19=$B$10,7,0)+IF('Standard Profiles'!$G$19=$B$17,14,0)+IF('Standard Profiles'!$G$19=$B$24,21,0),MOD($C5917,24)+1)/SUM(INDEX($D$3:$AA$30,INDEX(Jesper!$R$2:$R$366,ROW(INDEX(Jesper!AI$2:AI$366,ROUNDDOWN($C5917/24,0)+1,1))-1)+IF('Standard Profiles'!$G$19=$B$10,7,0)+IF('Standard Profiles'!$G$19=$B$17,14,0)+IF('Standard Profiles'!$G$19=$B$24,21,0),0)),0)</f>
        <v>2.7225078984683164</v>
      </c>
      <c r="F5917" cm="1">
        <f t="array" ref="F5917">IFERROR(INDEX(Jesper!AJ$2:AJ$366,ROUNDDOWN($C5917/24,0)+1,1)*INDEX($D$3:$AA$30,INDEX(Jesper!$R$2:$R$366,ROW(INDEX(Jesper!AJ$2:AJ$366,ROUNDDOWN($C5917/24,0)+1,1))-1)+IF('Standard Profiles'!$G$20=$B$10,7,0)+IF('Standard Profiles'!$G$20=$B$17,14,0)+IF('Standard Profiles'!$G$20=$B$24,21,0),MOD($C5917,24)+1)/SUM(INDEX($D$3:$AA$30,INDEX(Jesper!$R$2:$R$366,ROW(INDEX(Jesper!AJ$2:AJ$366,ROUNDDOWN($C5917/24,0)+1,1))-1)+IF('Standard Profiles'!$G$20=$B$10,7,0)+IF('Standard Profiles'!$G$20=$B$17,14,0)+IF('Standard Profiles'!$G$20=$B$24,21,0),0)),0)</f>
        <v>1.1139873856622264</v>
      </c>
      <c r="G5917" cm="1">
        <f t="array" ref="G5917">IFERROR(INDEX(Jesper!AK$2:AK$366,ROUNDDOWN($C5917/24,0)+1,1)*INDEX($D$3:$AA$30,INDEX(Jesper!$R$2:$R$366,ROW(INDEX(Jesper!AK$2:AK$366,ROUNDDOWN($C5917/24,0)+1,1))-1)+IF('Standard Profiles'!$G$21=$B$10,7,0)+IF('Standard Profiles'!$G$21=$B$17,14,0)+IF('Standard Profiles'!$G$21=$B$24,21,0),MOD($C5917,24)+1)/SUM(INDEX($D$3:$AA$30,INDEX(Jesper!$R$2:$R$366,ROW(INDEX(Jesper!AK$2:AK$366,ROUNDDOWN($C5917/24,0)+1,1))-1)+IF('Standard Profiles'!$G$21=$B$10,7,0)+IF('Standard Profiles'!$G$21=$B$17,14,0)+IF('Standard Profiles'!$G$21=$B$24,21,0),0)),0)</f>
        <v>0.59360755516764441</v>
      </c>
      <c r="H5917" cm="1">
        <f t="array" ref="H5917">IFERROR(INDEX(Jesper!AL$2:AL$366,ROUNDDOWN($C5917/24,0)+1,1)*INDEX($D$3:$AA$30,INDEX(Jesper!$R$2:$R$366,ROW(INDEX(Jesper!AL$2:AL$366,ROUNDDOWN($C5917/24,0)+1,1))-1)+IF('Standard Profiles'!$G$22=$B$10,7,0)+IF('Standard Profiles'!$G$22=$B$17,14,0)+IF('Standard Profiles'!$G$22=$B$24,21,0),MOD($C5917,24)+1)/SUM(INDEX($D$3:$AA$30,INDEX(Jesper!$R$2:$R$366,ROW(INDEX(Jesper!AL$2:AL$366,ROUNDDOWN($C5917/24,0)+1,1))-1)+IF('Standard Profiles'!$G$22=$B$10,7,0)+IF('Standard Profiles'!$G$22=$B$17,14,0)+IF('Standard Profiles'!$G$22=$B$24,21,0),0)),0)</f>
        <v>0.16729609912700638</v>
      </c>
      <c r="I5917">
        <f t="shared" si="657"/>
        <v>0.16060425516192622</v>
      </c>
      <c r="J5917">
        <f t="shared" si="658"/>
        <v>4.1100937354470695</v>
      </c>
      <c r="K5917">
        <f t="shared" si="659"/>
        <v>0.21780063187746532</v>
      </c>
      <c r="L5917">
        <f t="shared" si="660"/>
        <v>0.10890031593873266</v>
      </c>
      <c r="M5917">
        <f t="shared" si="661"/>
        <v>0</v>
      </c>
      <c r="N5917" s="45">
        <f t="shared" si="662"/>
        <v>45172.124999985732</v>
      </c>
    </row>
    <row r="5918" spans="2:14" x14ac:dyDescent="0.25">
      <c r="B5918">
        <f t="shared" si="656"/>
        <v>7</v>
      </c>
      <c r="C5918" s="16">
        <v>5884</v>
      </c>
      <c r="D5918" cm="1">
        <f t="array" ref="D5918">IFERROR(INDEX(Jesper!AH$2:AH$366,ROUNDDOWN($C5918/24,0)+1,1)*INDEX($D$3:$AA$30,INDEX(Jesper!$R$2:$R$366,ROW(INDEX(Jesper!AH$2:AH$366,ROUNDDOWN($C5918/24,0)+1,1))-1)+IF('Standard Profiles'!$G$18=$B$10,7,0)+IF('Standard Profiles'!$G$18=$B$17,14,0)+IF('Standard Profiles'!$G$18=$B$24,21,0),MOD($C5918,24)+1)/SUM(INDEX($D$3:$AA$30,INDEX(Jesper!$R$2:$R$366,ROW(INDEX(Jesper!AH$2:AH$366,ROUNDDOWN($C5918/24,0)+1,1))-1)+IF('Standard Profiles'!$G$18=$B$10,7,0)+IF('Standard Profiles'!$G$18=$B$17,14,0)+IF('Standard Profiles'!$G$18=$B$24,21,0),0)),0)</f>
        <v>0</v>
      </c>
      <c r="E5918" cm="1">
        <f t="array" ref="E5918">IFERROR(INDEX(Jesper!AI$2:AI$366,ROUNDDOWN($C5918/24,0)+1,1)*INDEX($D$3:$AA$30,INDEX(Jesper!$R$2:$R$366,ROW(INDEX(Jesper!AI$2:AI$366,ROUNDDOWN($C5918/24,0)+1,1))-1)+IF('Standard Profiles'!$G$19=$B$10,7,0)+IF('Standard Profiles'!$G$19=$B$17,14,0)+IF('Standard Profiles'!$G$19=$B$24,21,0),MOD($C5918,24)+1)/SUM(INDEX($D$3:$AA$30,INDEX(Jesper!$R$2:$R$366,ROW(INDEX(Jesper!AI$2:AI$366,ROUNDDOWN($C5918/24,0)+1,1))-1)+IF('Standard Profiles'!$G$19=$B$10,7,0)+IF('Standard Profiles'!$G$19=$B$17,14,0)+IF('Standard Profiles'!$G$19=$B$24,21,0),0)),0)</f>
        <v>2.7225078984683164</v>
      </c>
      <c r="F5918" cm="1">
        <f t="array" ref="F5918">IFERROR(INDEX(Jesper!AJ$2:AJ$366,ROUNDDOWN($C5918/24,0)+1,1)*INDEX($D$3:$AA$30,INDEX(Jesper!$R$2:$R$366,ROW(INDEX(Jesper!AJ$2:AJ$366,ROUNDDOWN($C5918/24,0)+1,1))-1)+IF('Standard Profiles'!$G$20=$B$10,7,0)+IF('Standard Profiles'!$G$20=$B$17,14,0)+IF('Standard Profiles'!$G$20=$B$24,21,0),MOD($C5918,24)+1)/SUM(INDEX($D$3:$AA$30,INDEX(Jesper!$R$2:$R$366,ROW(INDEX(Jesper!AJ$2:AJ$366,ROUNDDOWN($C5918/24,0)+1,1))-1)+IF('Standard Profiles'!$G$20=$B$10,7,0)+IF('Standard Profiles'!$G$20=$B$17,14,0)+IF('Standard Profiles'!$G$20=$B$24,21,0),0)),0)</f>
        <v>1.1139873856622264</v>
      </c>
      <c r="G5918" cm="1">
        <f t="array" ref="G5918">IFERROR(INDEX(Jesper!AK$2:AK$366,ROUNDDOWN($C5918/24,0)+1,1)*INDEX($D$3:$AA$30,INDEX(Jesper!$R$2:$R$366,ROW(INDEX(Jesper!AK$2:AK$366,ROUNDDOWN($C5918/24,0)+1,1))-1)+IF('Standard Profiles'!$G$21=$B$10,7,0)+IF('Standard Profiles'!$G$21=$B$17,14,0)+IF('Standard Profiles'!$G$21=$B$24,21,0),MOD($C5918,24)+1)/SUM(INDEX($D$3:$AA$30,INDEX(Jesper!$R$2:$R$366,ROW(INDEX(Jesper!AK$2:AK$366,ROUNDDOWN($C5918/24,0)+1,1))-1)+IF('Standard Profiles'!$G$21=$B$10,7,0)+IF('Standard Profiles'!$G$21=$B$17,14,0)+IF('Standard Profiles'!$G$21=$B$24,21,0),0)),0)</f>
        <v>0.59360755516764441</v>
      </c>
      <c r="H5918" cm="1">
        <f t="array" ref="H5918">IFERROR(INDEX(Jesper!AL$2:AL$366,ROUNDDOWN($C5918/24,0)+1,1)*INDEX($D$3:$AA$30,INDEX(Jesper!$R$2:$R$366,ROW(INDEX(Jesper!AL$2:AL$366,ROUNDDOWN($C5918/24,0)+1,1))-1)+IF('Standard Profiles'!$G$22=$B$10,7,0)+IF('Standard Profiles'!$G$22=$B$17,14,0)+IF('Standard Profiles'!$G$22=$B$24,21,0),MOD($C5918,24)+1)/SUM(INDEX($D$3:$AA$30,INDEX(Jesper!$R$2:$R$366,ROW(INDEX(Jesper!AL$2:AL$366,ROUNDDOWN($C5918/24,0)+1,1))-1)+IF('Standard Profiles'!$G$22=$B$10,7,0)+IF('Standard Profiles'!$G$22=$B$17,14,0)+IF('Standard Profiles'!$G$22=$B$24,21,0),0)),0)</f>
        <v>0.16729609912700638</v>
      </c>
      <c r="I5918">
        <f t="shared" si="657"/>
        <v>0.16060425516192622</v>
      </c>
      <c r="J5918">
        <f t="shared" si="658"/>
        <v>4.1100937354470695</v>
      </c>
      <c r="K5918">
        <f t="shared" si="659"/>
        <v>0.21780063187746532</v>
      </c>
      <c r="L5918">
        <f t="shared" si="660"/>
        <v>0.10890031593873266</v>
      </c>
      <c r="M5918">
        <f t="shared" si="661"/>
        <v>0</v>
      </c>
      <c r="N5918" s="45">
        <f t="shared" si="662"/>
        <v>45172.166666652396</v>
      </c>
    </row>
    <row r="5919" spans="2:14" x14ac:dyDescent="0.25">
      <c r="B5919">
        <f t="shared" si="656"/>
        <v>7</v>
      </c>
      <c r="C5919" s="16">
        <v>5885</v>
      </c>
      <c r="D5919" cm="1">
        <f t="array" ref="D5919">IFERROR(INDEX(Jesper!AH$2:AH$366,ROUNDDOWN($C5919/24,0)+1,1)*INDEX($D$3:$AA$30,INDEX(Jesper!$R$2:$R$366,ROW(INDEX(Jesper!AH$2:AH$366,ROUNDDOWN($C5919/24,0)+1,1))-1)+IF('Standard Profiles'!$G$18=$B$10,7,0)+IF('Standard Profiles'!$G$18=$B$17,14,0)+IF('Standard Profiles'!$G$18=$B$24,21,0),MOD($C5919,24)+1)/SUM(INDEX($D$3:$AA$30,INDEX(Jesper!$R$2:$R$366,ROW(INDEX(Jesper!AH$2:AH$366,ROUNDDOWN($C5919/24,0)+1,1))-1)+IF('Standard Profiles'!$G$18=$B$10,7,0)+IF('Standard Profiles'!$G$18=$B$17,14,0)+IF('Standard Profiles'!$G$18=$B$24,21,0),0)),0)</f>
        <v>0</v>
      </c>
      <c r="E5919" cm="1">
        <f t="array" ref="E5919">IFERROR(INDEX(Jesper!AI$2:AI$366,ROUNDDOWN($C5919/24,0)+1,1)*INDEX($D$3:$AA$30,INDEX(Jesper!$R$2:$R$366,ROW(INDEX(Jesper!AI$2:AI$366,ROUNDDOWN($C5919/24,0)+1,1))-1)+IF('Standard Profiles'!$G$19=$B$10,7,0)+IF('Standard Profiles'!$G$19=$B$17,14,0)+IF('Standard Profiles'!$G$19=$B$24,21,0),MOD($C5919,24)+1)/SUM(INDEX($D$3:$AA$30,INDEX(Jesper!$R$2:$R$366,ROW(INDEX(Jesper!AI$2:AI$366,ROUNDDOWN($C5919/24,0)+1,1))-1)+IF('Standard Profiles'!$G$19=$B$10,7,0)+IF('Standard Profiles'!$G$19=$B$17,14,0)+IF('Standard Profiles'!$G$19=$B$24,21,0),0)),0)</f>
        <v>2.7225078984683164</v>
      </c>
      <c r="F5919" cm="1">
        <f t="array" ref="F5919">IFERROR(INDEX(Jesper!AJ$2:AJ$366,ROUNDDOWN($C5919/24,0)+1,1)*INDEX($D$3:$AA$30,INDEX(Jesper!$R$2:$R$366,ROW(INDEX(Jesper!AJ$2:AJ$366,ROUNDDOWN($C5919/24,0)+1,1))-1)+IF('Standard Profiles'!$G$20=$B$10,7,0)+IF('Standard Profiles'!$G$20=$B$17,14,0)+IF('Standard Profiles'!$G$20=$B$24,21,0),MOD($C5919,24)+1)/SUM(INDEX($D$3:$AA$30,INDEX(Jesper!$R$2:$R$366,ROW(INDEX(Jesper!AJ$2:AJ$366,ROUNDDOWN($C5919/24,0)+1,1))-1)+IF('Standard Profiles'!$G$20=$B$10,7,0)+IF('Standard Profiles'!$G$20=$B$17,14,0)+IF('Standard Profiles'!$G$20=$B$24,21,0),0)),0)</f>
        <v>1.1139873856622264</v>
      </c>
      <c r="G5919" cm="1">
        <f t="array" ref="G5919">IFERROR(INDEX(Jesper!AK$2:AK$366,ROUNDDOWN($C5919/24,0)+1,1)*INDEX($D$3:$AA$30,INDEX(Jesper!$R$2:$R$366,ROW(INDEX(Jesper!AK$2:AK$366,ROUNDDOWN($C5919/24,0)+1,1))-1)+IF('Standard Profiles'!$G$21=$B$10,7,0)+IF('Standard Profiles'!$G$21=$B$17,14,0)+IF('Standard Profiles'!$G$21=$B$24,21,0),MOD($C5919,24)+1)/SUM(INDEX($D$3:$AA$30,INDEX(Jesper!$R$2:$R$366,ROW(INDEX(Jesper!AK$2:AK$366,ROUNDDOWN($C5919/24,0)+1,1))-1)+IF('Standard Profiles'!$G$21=$B$10,7,0)+IF('Standard Profiles'!$G$21=$B$17,14,0)+IF('Standard Profiles'!$G$21=$B$24,21,0),0)),0)</f>
        <v>0.59360755516764441</v>
      </c>
      <c r="H5919" cm="1">
        <f t="array" ref="H5919">IFERROR(INDEX(Jesper!AL$2:AL$366,ROUNDDOWN($C5919/24,0)+1,1)*INDEX($D$3:$AA$30,INDEX(Jesper!$R$2:$R$366,ROW(INDEX(Jesper!AL$2:AL$366,ROUNDDOWN($C5919/24,0)+1,1))-1)+IF('Standard Profiles'!$G$22=$B$10,7,0)+IF('Standard Profiles'!$G$22=$B$17,14,0)+IF('Standard Profiles'!$G$22=$B$24,21,0),MOD($C5919,24)+1)/SUM(INDEX($D$3:$AA$30,INDEX(Jesper!$R$2:$R$366,ROW(INDEX(Jesper!AL$2:AL$366,ROUNDDOWN($C5919/24,0)+1,1))-1)+IF('Standard Profiles'!$G$22=$B$10,7,0)+IF('Standard Profiles'!$G$22=$B$17,14,0)+IF('Standard Profiles'!$G$22=$B$24,21,0),0)),0)</f>
        <v>0.20912012390875798</v>
      </c>
      <c r="I5919">
        <f t="shared" si="657"/>
        <v>0.20075531895240778</v>
      </c>
      <c r="J5919">
        <f t="shared" si="658"/>
        <v>4.1117666964383393</v>
      </c>
      <c r="K5919">
        <f t="shared" si="659"/>
        <v>0.21780063187746532</v>
      </c>
      <c r="L5919">
        <f t="shared" si="660"/>
        <v>0.10890031593873266</v>
      </c>
      <c r="M5919">
        <f t="shared" si="661"/>
        <v>0</v>
      </c>
      <c r="N5919" s="45">
        <f t="shared" si="662"/>
        <v>45172.20833331906</v>
      </c>
    </row>
    <row r="5920" spans="2:14" x14ac:dyDescent="0.25">
      <c r="B5920">
        <f t="shared" si="656"/>
        <v>7</v>
      </c>
      <c r="C5920" s="16">
        <v>5886</v>
      </c>
      <c r="D5920" cm="1">
        <f t="array" ref="D5920">IFERROR(INDEX(Jesper!AH$2:AH$366,ROUNDDOWN($C5920/24,0)+1,1)*INDEX($D$3:$AA$30,INDEX(Jesper!$R$2:$R$366,ROW(INDEX(Jesper!AH$2:AH$366,ROUNDDOWN($C5920/24,0)+1,1))-1)+IF('Standard Profiles'!$G$18=$B$10,7,0)+IF('Standard Profiles'!$G$18=$B$17,14,0)+IF('Standard Profiles'!$G$18=$B$24,21,0),MOD($C5920,24)+1)/SUM(INDEX($D$3:$AA$30,INDEX(Jesper!$R$2:$R$366,ROW(INDEX(Jesper!AH$2:AH$366,ROUNDDOWN($C5920/24,0)+1,1))-1)+IF('Standard Profiles'!$G$18=$B$10,7,0)+IF('Standard Profiles'!$G$18=$B$17,14,0)+IF('Standard Profiles'!$G$18=$B$24,21,0),0)),0)</f>
        <v>0</v>
      </c>
      <c r="E5920" cm="1">
        <f t="array" ref="E5920">IFERROR(INDEX(Jesper!AI$2:AI$366,ROUNDDOWN($C5920/24,0)+1,1)*INDEX($D$3:$AA$30,INDEX(Jesper!$R$2:$R$366,ROW(INDEX(Jesper!AI$2:AI$366,ROUNDDOWN($C5920/24,0)+1,1))-1)+IF('Standard Profiles'!$G$19=$B$10,7,0)+IF('Standard Profiles'!$G$19=$B$17,14,0)+IF('Standard Profiles'!$G$19=$B$24,21,0),MOD($C5920,24)+1)/SUM(INDEX($D$3:$AA$30,INDEX(Jesper!$R$2:$R$366,ROW(INDEX(Jesper!AI$2:AI$366,ROUNDDOWN($C5920/24,0)+1,1))-1)+IF('Standard Profiles'!$G$19=$B$10,7,0)+IF('Standard Profiles'!$G$19=$B$17,14,0)+IF('Standard Profiles'!$G$19=$B$24,21,0),0)),0)</f>
        <v>2.7225078984683164</v>
      </c>
      <c r="F5920" cm="1">
        <f t="array" ref="F5920">IFERROR(INDEX(Jesper!AJ$2:AJ$366,ROUNDDOWN($C5920/24,0)+1,1)*INDEX($D$3:$AA$30,INDEX(Jesper!$R$2:$R$366,ROW(INDEX(Jesper!AJ$2:AJ$366,ROUNDDOWN($C5920/24,0)+1,1))-1)+IF('Standard Profiles'!$G$20=$B$10,7,0)+IF('Standard Profiles'!$G$20=$B$17,14,0)+IF('Standard Profiles'!$G$20=$B$24,21,0),MOD($C5920,24)+1)/SUM(INDEX($D$3:$AA$30,INDEX(Jesper!$R$2:$R$366,ROW(INDEX(Jesper!AJ$2:AJ$366,ROUNDDOWN($C5920/24,0)+1,1))-1)+IF('Standard Profiles'!$G$20=$B$10,7,0)+IF('Standard Profiles'!$G$20=$B$17,14,0)+IF('Standard Profiles'!$G$20=$B$24,21,0),0)),0)</f>
        <v>1.1139873856622264</v>
      </c>
      <c r="G5920" cm="1">
        <f t="array" ref="G5920">IFERROR(INDEX(Jesper!AK$2:AK$366,ROUNDDOWN($C5920/24,0)+1,1)*INDEX($D$3:$AA$30,INDEX(Jesper!$R$2:$R$366,ROW(INDEX(Jesper!AK$2:AK$366,ROUNDDOWN($C5920/24,0)+1,1))-1)+IF('Standard Profiles'!$G$21=$B$10,7,0)+IF('Standard Profiles'!$G$21=$B$17,14,0)+IF('Standard Profiles'!$G$21=$B$24,21,0),MOD($C5920,24)+1)/SUM(INDEX($D$3:$AA$30,INDEX(Jesper!$R$2:$R$366,ROW(INDEX(Jesper!AK$2:AK$366,ROUNDDOWN($C5920/24,0)+1,1))-1)+IF('Standard Profiles'!$G$21=$B$10,7,0)+IF('Standard Profiles'!$G$21=$B$17,14,0)+IF('Standard Profiles'!$G$21=$B$24,21,0),0)),0)</f>
        <v>0.59360755516764441</v>
      </c>
      <c r="H5920" cm="1">
        <f t="array" ref="H5920">IFERROR(INDEX(Jesper!AL$2:AL$366,ROUNDDOWN($C5920/24,0)+1,1)*INDEX($D$3:$AA$30,INDEX(Jesper!$R$2:$R$366,ROW(INDEX(Jesper!AL$2:AL$366,ROUNDDOWN($C5920/24,0)+1,1))-1)+IF('Standard Profiles'!$G$22=$B$10,7,0)+IF('Standard Profiles'!$G$22=$B$17,14,0)+IF('Standard Profiles'!$G$22=$B$24,21,0),MOD($C5920,24)+1)/SUM(INDEX($D$3:$AA$30,INDEX(Jesper!$R$2:$R$366,ROW(INDEX(Jesper!AL$2:AL$366,ROUNDDOWN($C5920/24,0)+1,1))-1)+IF('Standard Profiles'!$G$22=$B$10,7,0)+IF('Standard Profiles'!$G$22=$B$17,14,0)+IF('Standard Profiles'!$G$22=$B$24,21,0),0)),0)</f>
        <v>0.24629703482587051</v>
      </c>
      <c r="I5920">
        <f t="shared" si="657"/>
        <v>0.23644515343283581</v>
      </c>
      <c r="J5920">
        <f t="shared" si="658"/>
        <v>4.1132537728750238</v>
      </c>
      <c r="K5920">
        <f t="shared" si="659"/>
        <v>0.21780063187746532</v>
      </c>
      <c r="L5920">
        <f t="shared" si="660"/>
        <v>0.10890031593873266</v>
      </c>
      <c r="M5920">
        <f t="shared" si="661"/>
        <v>0</v>
      </c>
      <c r="N5920" s="45">
        <f t="shared" si="662"/>
        <v>45172.249999985725</v>
      </c>
    </row>
    <row r="5921" spans="2:14" x14ac:dyDescent="0.25">
      <c r="B5921">
        <f t="shared" si="656"/>
        <v>7</v>
      </c>
      <c r="C5921" s="16">
        <v>5887</v>
      </c>
      <c r="D5921" cm="1">
        <f t="array" ref="D5921">IFERROR(INDEX(Jesper!AH$2:AH$366,ROUNDDOWN($C5921/24,0)+1,1)*INDEX($D$3:$AA$30,INDEX(Jesper!$R$2:$R$366,ROW(INDEX(Jesper!AH$2:AH$366,ROUNDDOWN($C5921/24,0)+1,1))-1)+IF('Standard Profiles'!$G$18=$B$10,7,0)+IF('Standard Profiles'!$G$18=$B$17,14,0)+IF('Standard Profiles'!$G$18=$B$24,21,0),MOD($C5921,24)+1)/SUM(INDEX($D$3:$AA$30,INDEX(Jesper!$R$2:$R$366,ROW(INDEX(Jesper!AH$2:AH$366,ROUNDDOWN($C5921/24,0)+1,1))-1)+IF('Standard Profiles'!$G$18=$B$10,7,0)+IF('Standard Profiles'!$G$18=$B$17,14,0)+IF('Standard Profiles'!$G$18=$B$24,21,0),0)),0)</f>
        <v>0</v>
      </c>
      <c r="E5921" cm="1">
        <f t="array" ref="E5921">IFERROR(INDEX(Jesper!AI$2:AI$366,ROUNDDOWN($C5921/24,0)+1,1)*INDEX($D$3:$AA$30,INDEX(Jesper!$R$2:$R$366,ROW(INDEX(Jesper!AI$2:AI$366,ROUNDDOWN($C5921/24,0)+1,1))-1)+IF('Standard Profiles'!$G$19=$B$10,7,0)+IF('Standard Profiles'!$G$19=$B$17,14,0)+IF('Standard Profiles'!$G$19=$B$24,21,0),MOD($C5921,24)+1)/SUM(INDEX($D$3:$AA$30,INDEX(Jesper!$R$2:$R$366,ROW(INDEX(Jesper!AI$2:AI$366,ROUNDDOWN($C5921/24,0)+1,1))-1)+IF('Standard Profiles'!$G$19=$B$10,7,0)+IF('Standard Profiles'!$G$19=$B$17,14,0)+IF('Standard Profiles'!$G$19=$B$24,21,0),0)),0)</f>
        <v>2.7225078984683164</v>
      </c>
      <c r="F5921" cm="1">
        <f t="array" ref="F5921">IFERROR(INDEX(Jesper!AJ$2:AJ$366,ROUNDDOWN($C5921/24,0)+1,1)*INDEX($D$3:$AA$30,INDEX(Jesper!$R$2:$R$366,ROW(INDEX(Jesper!AJ$2:AJ$366,ROUNDDOWN($C5921/24,0)+1,1))-1)+IF('Standard Profiles'!$G$20=$B$10,7,0)+IF('Standard Profiles'!$G$20=$B$17,14,0)+IF('Standard Profiles'!$G$20=$B$24,21,0),MOD($C5921,24)+1)/SUM(INDEX($D$3:$AA$30,INDEX(Jesper!$R$2:$R$366,ROW(INDEX(Jesper!AJ$2:AJ$366,ROUNDDOWN($C5921/24,0)+1,1))-1)+IF('Standard Profiles'!$G$20=$B$10,7,0)+IF('Standard Profiles'!$G$20=$B$17,14,0)+IF('Standard Profiles'!$G$20=$B$24,21,0),0)),0)</f>
        <v>1.1139873856622264</v>
      </c>
      <c r="G5921" cm="1">
        <f t="array" ref="G5921">IFERROR(INDEX(Jesper!AK$2:AK$366,ROUNDDOWN($C5921/24,0)+1,1)*INDEX($D$3:$AA$30,INDEX(Jesper!$R$2:$R$366,ROW(INDEX(Jesper!AK$2:AK$366,ROUNDDOWN($C5921/24,0)+1,1))-1)+IF('Standard Profiles'!$G$21=$B$10,7,0)+IF('Standard Profiles'!$G$21=$B$17,14,0)+IF('Standard Profiles'!$G$21=$B$24,21,0),MOD($C5921,24)+1)/SUM(INDEX($D$3:$AA$30,INDEX(Jesper!$R$2:$R$366,ROW(INDEX(Jesper!AK$2:AK$366,ROUNDDOWN($C5921/24,0)+1,1))-1)+IF('Standard Profiles'!$G$21=$B$10,7,0)+IF('Standard Profiles'!$G$21=$B$17,14,0)+IF('Standard Profiles'!$G$21=$B$24,21,0),0)),0)</f>
        <v>0.59360755516764441</v>
      </c>
      <c r="H5921" cm="1">
        <f t="array" ref="H5921">IFERROR(INDEX(Jesper!AL$2:AL$366,ROUNDDOWN($C5921/24,0)+1,1)*INDEX($D$3:$AA$30,INDEX(Jesper!$R$2:$R$366,ROW(INDEX(Jesper!AL$2:AL$366,ROUNDDOWN($C5921/24,0)+1,1))-1)+IF('Standard Profiles'!$G$22=$B$10,7,0)+IF('Standard Profiles'!$G$22=$B$17,14,0)+IF('Standard Profiles'!$G$22=$B$24,21,0),MOD($C5921,24)+1)/SUM(INDEX($D$3:$AA$30,INDEX(Jesper!$R$2:$R$366,ROW(INDEX(Jesper!AL$2:AL$366,ROUNDDOWN($C5921/24,0)+1,1))-1)+IF('Standard Profiles'!$G$22=$B$10,7,0)+IF('Standard Profiles'!$G$22=$B$17,14,0)+IF('Standard Profiles'!$G$22=$B$24,21,0),0)),0)</f>
        <v>0.2927681734722612</v>
      </c>
      <c r="I5921">
        <f t="shared" si="657"/>
        <v>0.28105744653337089</v>
      </c>
      <c r="J5921">
        <f t="shared" si="658"/>
        <v>4.1151126184208797</v>
      </c>
      <c r="K5921">
        <f t="shared" si="659"/>
        <v>0.21780063187746532</v>
      </c>
      <c r="L5921">
        <f t="shared" si="660"/>
        <v>0.10890031593873266</v>
      </c>
      <c r="M5921">
        <f t="shared" si="661"/>
        <v>0</v>
      </c>
      <c r="N5921" s="45">
        <f t="shared" si="662"/>
        <v>45172.291666652389</v>
      </c>
    </row>
    <row r="5922" spans="2:14" x14ac:dyDescent="0.25">
      <c r="B5922">
        <f t="shared" si="656"/>
        <v>7</v>
      </c>
      <c r="C5922" s="16">
        <v>5888</v>
      </c>
      <c r="D5922" cm="1">
        <f t="array" ref="D5922">IFERROR(INDEX(Jesper!AH$2:AH$366,ROUNDDOWN($C5922/24,0)+1,1)*INDEX($D$3:$AA$30,INDEX(Jesper!$R$2:$R$366,ROW(INDEX(Jesper!AH$2:AH$366,ROUNDDOWN($C5922/24,0)+1,1))-1)+IF('Standard Profiles'!$G$18=$B$10,7,0)+IF('Standard Profiles'!$G$18=$B$17,14,0)+IF('Standard Profiles'!$G$18=$B$24,21,0),MOD($C5922,24)+1)/SUM(INDEX($D$3:$AA$30,INDEX(Jesper!$R$2:$R$366,ROW(INDEX(Jesper!AH$2:AH$366,ROUNDDOWN($C5922/24,0)+1,1))-1)+IF('Standard Profiles'!$G$18=$B$10,7,0)+IF('Standard Profiles'!$G$18=$B$17,14,0)+IF('Standard Profiles'!$G$18=$B$24,21,0),0)),0)</f>
        <v>0</v>
      </c>
      <c r="E5922" cm="1">
        <f t="array" ref="E5922">IFERROR(INDEX(Jesper!AI$2:AI$366,ROUNDDOWN($C5922/24,0)+1,1)*INDEX($D$3:$AA$30,INDEX(Jesper!$R$2:$R$366,ROW(INDEX(Jesper!AI$2:AI$366,ROUNDDOWN($C5922/24,0)+1,1))-1)+IF('Standard Profiles'!$G$19=$B$10,7,0)+IF('Standard Profiles'!$G$19=$B$17,14,0)+IF('Standard Profiles'!$G$19=$B$24,21,0),MOD($C5922,24)+1)/SUM(INDEX($D$3:$AA$30,INDEX(Jesper!$R$2:$R$366,ROW(INDEX(Jesper!AI$2:AI$366,ROUNDDOWN($C5922/24,0)+1,1))-1)+IF('Standard Profiles'!$G$19=$B$10,7,0)+IF('Standard Profiles'!$G$19=$B$17,14,0)+IF('Standard Profiles'!$G$19=$B$24,21,0),0)),0)</f>
        <v>2.7225078984683164</v>
      </c>
      <c r="F5922" cm="1">
        <f t="array" ref="F5922">IFERROR(INDEX(Jesper!AJ$2:AJ$366,ROUNDDOWN($C5922/24,0)+1,1)*INDEX($D$3:$AA$30,INDEX(Jesper!$R$2:$R$366,ROW(INDEX(Jesper!AJ$2:AJ$366,ROUNDDOWN($C5922/24,0)+1,1))-1)+IF('Standard Profiles'!$G$20=$B$10,7,0)+IF('Standard Profiles'!$G$20=$B$17,14,0)+IF('Standard Profiles'!$G$20=$B$24,21,0),MOD($C5922,24)+1)/SUM(INDEX($D$3:$AA$30,INDEX(Jesper!$R$2:$R$366,ROW(INDEX(Jesper!AJ$2:AJ$366,ROUNDDOWN($C5922/24,0)+1,1))-1)+IF('Standard Profiles'!$G$20=$B$10,7,0)+IF('Standard Profiles'!$G$20=$B$17,14,0)+IF('Standard Profiles'!$G$20=$B$24,21,0),0)),0)</f>
        <v>1.1139873856622264</v>
      </c>
      <c r="G5922" cm="1">
        <f t="array" ref="G5922">IFERROR(INDEX(Jesper!AK$2:AK$366,ROUNDDOWN($C5922/24,0)+1,1)*INDEX($D$3:$AA$30,INDEX(Jesper!$R$2:$R$366,ROW(INDEX(Jesper!AK$2:AK$366,ROUNDDOWN($C5922/24,0)+1,1))-1)+IF('Standard Profiles'!$G$21=$B$10,7,0)+IF('Standard Profiles'!$G$21=$B$17,14,0)+IF('Standard Profiles'!$G$21=$B$24,21,0),MOD($C5922,24)+1)/SUM(INDEX($D$3:$AA$30,INDEX(Jesper!$R$2:$R$366,ROW(INDEX(Jesper!AK$2:AK$366,ROUNDDOWN($C5922/24,0)+1,1))-1)+IF('Standard Profiles'!$G$21=$B$10,7,0)+IF('Standard Profiles'!$G$21=$B$17,14,0)+IF('Standard Profiles'!$G$21=$B$24,21,0),0)),0)</f>
        <v>0.59360755516764441</v>
      </c>
      <c r="H5922" cm="1">
        <f t="array" ref="H5922">IFERROR(INDEX(Jesper!AL$2:AL$366,ROUNDDOWN($C5922/24,0)+1,1)*INDEX($D$3:$AA$30,INDEX(Jesper!$R$2:$R$366,ROW(INDEX(Jesper!AL$2:AL$366,ROUNDDOWN($C5922/24,0)+1,1))-1)+IF('Standard Profiles'!$G$22=$B$10,7,0)+IF('Standard Profiles'!$G$22=$B$17,14,0)+IF('Standard Profiles'!$G$22=$B$24,21,0),MOD($C5922,24)+1)/SUM(INDEX($D$3:$AA$30,INDEX(Jesper!$R$2:$R$366,ROW(INDEX(Jesper!AL$2:AL$366,ROUNDDOWN($C5922/24,0)+1,1))-1)+IF('Standard Profiles'!$G$22=$B$10,7,0)+IF('Standard Profiles'!$G$22=$B$17,14,0)+IF('Standard Profiles'!$G$22=$B$24,21,0),0)),0)</f>
        <v>0.2927681734722612</v>
      </c>
      <c r="I5922">
        <f t="shared" si="657"/>
        <v>0.28105744653337089</v>
      </c>
      <c r="J5922">
        <f t="shared" si="658"/>
        <v>4.1151126184208797</v>
      </c>
      <c r="K5922">
        <f t="shared" si="659"/>
        <v>0.21780063187746532</v>
      </c>
      <c r="L5922">
        <f t="shared" si="660"/>
        <v>0.10890031593873266</v>
      </c>
      <c r="M5922">
        <f t="shared" si="661"/>
        <v>0</v>
      </c>
      <c r="N5922" s="45">
        <f t="shared" si="662"/>
        <v>45172.333333319053</v>
      </c>
    </row>
    <row r="5923" spans="2:14" x14ac:dyDescent="0.25">
      <c r="B5923">
        <f t="shared" ref="B5923:B5986" si="663">WEEKDAY(N5923,2)</f>
        <v>7</v>
      </c>
      <c r="C5923" s="16">
        <v>5889</v>
      </c>
      <c r="D5923" cm="1">
        <f t="array" ref="D5923">IFERROR(INDEX(Jesper!AH$2:AH$366,ROUNDDOWN($C5923/24,0)+1,1)*INDEX($D$3:$AA$30,INDEX(Jesper!$R$2:$R$366,ROW(INDEX(Jesper!AH$2:AH$366,ROUNDDOWN($C5923/24,0)+1,1))-1)+IF('Standard Profiles'!$G$18=$B$10,7,0)+IF('Standard Profiles'!$G$18=$B$17,14,0)+IF('Standard Profiles'!$G$18=$B$24,21,0),MOD($C5923,24)+1)/SUM(INDEX($D$3:$AA$30,INDEX(Jesper!$R$2:$R$366,ROW(INDEX(Jesper!AH$2:AH$366,ROUNDDOWN($C5923/24,0)+1,1))-1)+IF('Standard Profiles'!$G$18=$B$10,7,0)+IF('Standard Profiles'!$G$18=$B$17,14,0)+IF('Standard Profiles'!$G$18=$B$24,21,0),0)),0)</f>
        <v>0</v>
      </c>
      <c r="E5923" cm="1">
        <f t="array" ref="E5923">IFERROR(INDEX(Jesper!AI$2:AI$366,ROUNDDOWN($C5923/24,0)+1,1)*INDEX($D$3:$AA$30,INDEX(Jesper!$R$2:$R$366,ROW(INDEX(Jesper!AI$2:AI$366,ROUNDDOWN($C5923/24,0)+1,1))-1)+IF('Standard Profiles'!$G$19=$B$10,7,0)+IF('Standard Profiles'!$G$19=$B$17,14,0)+IF('Standard Profiles'!$G$19=$B$24,21,0),MOD($C5923,24)+1)/SUM(INDEX($D$3:$AA$30,INDEX(Jesper!$R$2:$R$366,ROW(INDEX(Jesper!AI$2:AI$366,ROUNDDOWN($C5923/24,0)+1,1))-1)+IF('Standard Profiles'!$G$19=$B$10,7,0)+IF('Standard Profiles'!$G$19=$B$17,14,0)+IF('Standard Profiles'!$G$19=$B$24,21,0),0)),0)</f>
        <v>2.7225078984683164</v>
      </c>
      <c r="F5923" cm="1">
        <f t="array" ref="F5923">IFERROR(INDEX(Jesper!AJ$2:AJ$366,ROUNDDOWN($C5923/24,0)+1,1)*INDEX($D$3:$AA$30,INDEX(Jesper!$R$2:$R$366,ROW(INDEX(Jesper!AJ$2:AJ$366,ROUNDDOWN($C5923/24,0)+1,1))-1)+IF('Standard Profiles'!$G$20=$B$10,7,0)+IF('Standard Profiles'!$G$20=$B$17,14,0)+IF('Standard Profiles'!$G$20=$B$24,21,0),MOD($C5923,24)+1)/SUM(INDEX($D$3:$AA$30,INDEX(Jesper!$R$2:$R$366,ROW(INDEX(Jesper!AJ$2:AJ$366,ROUNDDOWN($C5923/24,0)+1,1))-1)+IF('Standard Profiles'!$G$20=$B$10,7,0)+IF('Standard Profiles'!$G$20=$B$17,14,0)+IF('Standard Profiles'!$G$20=$B$24,21,0),0)),0)</f>
        <v>1.1139873856622264</v>
      </c>
      <c r="G5923" cm="1">
        <f t="array" ref="G5923">IFERROR(INDEX(Jesper!AK$2:AK$366,ROUNDDOWN($C5923/24,0)+1,1)*INDEX($D$3:$AA$30,INDEX(Jesper!$R$2:$R$366,ROW(INDEX(Jesper!AK$2:AK$366,ROUNDDOWN($C5923/24,0)+1,1))-1)+IF('Standard Profiles'!$G$21=$B$10,7,0)+IF('Standard Profiles'!$G$21=$B$17,14,0)+IF('Standard Profiles'!$G$21=$B$24,21,0),MOD($C5923,24)+1)/SUM(INDEX($D$3:$AA$30,INDEX(Jesper!$R$2:$R$366,ROW(INDEX(Jesper!AK$2:AK$366,ROUNDDOWN($C5923/24,0)+1,1))-1)+IF('Standard Profiles'!$G$21=$B$10,7,0)+IF('Standard Profiles'!$G$21=$B$17,14,0)+IF('Standard Profiles'!$G$21=$B$24,21,0),0)),0)</f>
        <v>0.59360755516764441</v>
      </c>
      <c r="H5923" cm="1">
        <f t="array" ref="H5923">IFERROR(INDEX(Jesper!AL$2:AL$366,ROUNDDOWN($C5923/24,0)+1,1)*INDEX($D$3:$AA$30,INDEX(Jesper!$R$2:$R$366,ROW(INDEX(Jesper!AL$2:AL$366,ROUNDDOWN($C5923/24,0)+1,1))-1)+IF('Standard Profiles'!$G$22=$B$10,7,0)+IF('Standard Profiles'!$G$22=$B$17,14,0)+IF('Standard Profiles'!$G$22=$B$24,21,0),MOD($C5923,24)+1)/SUM(INDEX($D$3:$AA$30,INDEX(Jesper!$R$2:$R$366,ROW(INDEX(Jesper!AL$2:AL$366,ROUNDDOWN($C5923/24,0)+1,1))-1)+IF('Standard Profiles'!$G$22=$B$10,7,0)+IF('Standard Profiles'!$G$22=$B$17,14,0)+IF('Standard Profiles'!$G$22=$B$24,21,0),0)),0)</f>
        <v>0.2927681734722612</v>
      </c>
      <c r="I5923">
        <f t="shared" ref="I5923:I5986" si="664">IF($B5923&lt;6,AC$37*$D5923+AC$38*$E5923+AC$39*$F5923+AC$40*$G5923,AC$46*$D5923+AC$47*$E5923+AC$48*$F5923+AC$49*$G5923+AC$50*$H5923)</f>
        <v>0.28105744653337089</v>
      </c>
      <c r="J5923">
        <f t="shared" ref="J5923:J5986" si="665">IF($B5923&lt;6,AD$37*$D5923+AD$38*$E5923+AD$39*$F5923+AD$40*$G5923,AD$46*$D5923+AD$47*$E5923+AD$48*$F5923+AD$49*$G5923+AD$50*$H5923)</f>
        <v>4.1151126184208797</v>
      </c>
      <c r="K5923">
        <f t="shared" ref="K5923:K5986" si="666">IF($B5923&lt;6,AE$37*$D5923+AE$38*$E5923+AE$39*$F5923+AE$40*$G5923,AE$46*$D5923+AE$47*$E5923+AE$48*$F5923+AE$49*$G5923+AE$50*$H5923)</f>
        <v>0.21780063187746532</v>
      </c>
      <c r="L5923">
        <f t="shared" ref="L5923:L5986" si="667">IF($B5923&lt;6,AF$37*$D5923+AF$38*$E5923+AF$39*$F5923+AF$40*$G5923,AF$46*$D5923+AF$47*$E5923+AF$48*$F5923+AF$49*$G5923+AF$50*$H5923)</f>
        <v>0.10890031593873266</v>
      </c>
      <c r="M5923">
        <f t="shared" ref="M5923:M5986" si="668">IF($B5923&lt;6,AG$37*$D5923+AG$38*$E5923+AG$39*$F5923+AG$40*$G5923,AG$46*$D5923+AG$47*$E5923+AG$48*$F5923+AG$49*$G5923+AG$50*$H5923)</f>
        <v>0</v>
      </c>
      <c r="N5923" s="45">
        <f t="shared" si="662"/>
        <v>45172.374999985717</v>
      </c>
    </row>
    <row r="5924" spans="2:14" x14ac:dyDescent="0.25">
      <c r="B5924">
        <f t="shared" si="663"/>
        <v>7</v>
      </c>
      <c r="C5924" s="16">
        <v>5890</v>
      </c>
      <c r="D5924" cm="1">
        <f t="array" ref="D5924">IFERROR(INDEX(Jesper!AH$2:AH$366,ROUNDDOWN($C5924/24,0)+1,1)*INDEX($D$3:$AA$30,INDEX(Jesper!$R$2:$R$366,ROW(INDEX(Jesper!AH$2:AH$366,ROUNDDOWN($C5924/24,0)+1,1))-1)+IF('Standard Profiles'!$G$18=$B$10,7,0)+IF('Standard Profiles'!$G$18=$B$17,14,0)+IF('Standard Profiles'!$G$18=$B$24,21,0),MOD($C5924,24)+1)/SUM(INDEX($D$3:$AA$30,INDEX(Jesper!$R$2:$R$366,ROW(INDEX(Jesper!AH$2:AH$366,ROUNDDOWN($C5924/24,0)+1,1))-1)+IF('Standard Profiles'!$G$18=$B$10,7,0)+IF('Standard Profiles'!$G$18=$B$17,14,0)+IF('Standard Profiles'!$G$18=$B$24,21,0),0)),0)</f>
        <v>0</v>
      </c>
      <c r="E5924" cm="1">
        <f t="array" ref="E5924">IFERROR(INDEX(Jesper!AI$2:AI$366,ROUNDDOWN($C5924/24,0)+1,1)*INDEX($D$3:$AA$30,INDEX(Jesper!$R$2:$R$366,ROW(INDEX(Jesper!AI$2:AI$366,ROUNDDOWN($C5924/24,0)+1,1))-1)+IF('Standard Profiles'!$G$19=$B$10,7,0)+IF('Standard Profiles'!$G$19=$B$17,14,0)+IF('Standard Profiles'!$G$19=$B$24,21,0),MOD($C5924,24)+1)/SUM(INDEX($D$3:$AA$30,INDEX(Jesper!$R$2:$R$366,ROW(INDEX(Jesper!AI$2:AI$366,ROUNDDOWN($C5924/24,0)+1,1))-1)+IF('Standard Profiles'!$G$19=$B$10,7,0)+IF('Standard Profiles'!$G$19=$B$17,14,0)+IF('Standard Profiles'!$G$19=$B$24,21,0),0)),0)</f>
        <v>2.7225078984683164</v>
      </c>
      <c r="F5924" cm="1">
        <f t="array" ref="F5924">IFERROR(INDEX(Jesper!AJ$2:AJ$366,ROUNDDOWN($C5924/24,0)+1,1)*INDEX($D$3:$AA$30,INDEX(Jesper!$R$2:$R$366,ROW(INDEX(Jesper!AJ$2:AJ$366,ROUNDDOWN($C5924/24,0)+1,1))-1)+IF('Standard Profiles'!$G$20=$B$10,7,0)+IF('Standard Profiles'!$G$20=$B$17,14,0)+IF('Standard Profiles'!$G$20=$B$24,21,0),MOD($C5924,24)+1)/SUM(INDEX($D$3:$AA$30,INDEX(Jesper!$R$2:$R$366,ROW(INDEX(Jesper!AJ$2:AJ$366,ROUNDDOWN($C5924/24,0)+1,1))-1)+IF('Standard Profiles'!$G$20=$B$10,7,0)+IF('Standard Profiles'!$G$20=$B$17,14,0)+IF('Standard Profiles'!$G$20=$B$24,21,0),0)),0)</f>
        <v>1.1139873856622264</v>
      </c>
      <c r="G5924" cm="1">
        <f t="array" ref="G5924">IFERROR(INDEX(Jesper!AK$2:AK$366,ROUNDDOWN($C5924/24,0)+1,1)*INDEX($D$3:$AA$30,INDEX(Jesper!$R$2:$R$366,ROW(INDEX(Jesper!AK$2:AK$366,ROUNDDOWN($C5924/24,0)+1,1))-1)+IF('Standard Profiles'!$G$21=$B$10,7,0)+IF('Standard Profiles'!$G$21=$B$17,14,0)+IF('Standard Profiles'!$G$21=$B$24,21,0),MOD($C5924,24)+1)/SUM(INDEX($D$3:$AA$30,INDEX(Jesper!$R$2:$R$366,ROW(INDEX(Jesper!AK$2:AK$366,ROUNDDOWN($C5924/24,0)+1,1))-1)+IF('Standard Profiles'!$G$21=$B$10,7,0)+IF('Standard Profiles'!$G$21=$B$17,14,0)+IF('Standard Profiles'!$G$21=$B$24,21,0),0)),0)</f>
        <v>0.59360755516764441</v>
      </c>
      <c r="H5924" cm="1">
        <f t="array" ref="H5924">IFERROR(INDEX(Jesper!AL$2:AL$366,ROUNDDOWN($C5924/24,0)+1,1)*INDEX($D$3:$AA$30,INDEX(Jesper!$R$2:$R$366,ROW(INDEX(Jesper!AL$2:AL$366,ROUNDDOWN($C5924/24,0)+1,1))-1)+IF('Standard Profiles'!$G$22=$B$10,7,0)+IF('Standard Profiles'!$G$22=$B$17,14,0)+IF('Standard Profiles'!$G$22=$B$24,21,0),MOD($C5924,24)+1)/SUM(INDEX($D$3:$AA$30,INDEX(Jesper!$R$2:$R$366,ROW(INDEX(Jesper!AL$2:AL$366,ROUNDDOWN($C5924/24,0)+1,1))-1)+IF('Standard Profiles'!$G$22=$B$10,7,0)+IF('Standard Profiles'!$G$22=$B$17,14,0)+IF('Standard Profiles'!$G$22=$B$24,21,0),0)),0)</f>
        <v>0.2927681734722612</v>
      </c>
      <c r="I5924">
        <f t="shared" si="664"/>
        <v>0.28105744653337089</v>
      </c>
      <c r="J5924">
        <f t="shared" si="665"/>
        <v>4.1151126184208797</v>
      </c>
      <c r="K5924">
        <f t="shared" si="666"/>
        <v>0.21780063187746532</v>
      </c>
      <c r="L5924">
        <f t="shared" si="667"/>
        <v>0.10890031593873266</v>
      </c>
      <c r="M5924">
        <f t="shared" si="668"/>
        <v>0</v>
      </c>
      <c r="N5924" s="45">
        <f t="shared" ref="N5924:N5987" si="669">N5923+1/24</f>
        <v>45172.416666652382</v>
      </c>
    </row>
    <row r="5925" spans="2:14" x14ac:dyDescent="0.25">
      <c r="B5925">
        <f t="shared" si="663"/>
        <v>7</v>
      </c>
      <c r="C5925" s="16">
        <v>5891</v>
      </c>
      <c r="D5925" cm="1">
        <f t="array" ref="D5925">IFERROR(INDEX(Jesper!AH$2:AH$366,ROUNDDOWN($C5925/24,0)+1,1)*INDEX($D$3:$AA$30,INDEX(Jesper!$R$2:$R$366,ROW(INDEX(Jesper!AH$2:AH$366,ROUNDDOWN($C5925/24,0)+1,1))-1)+IF('Standard Profiles'!$G$18=$B$10,7,0)+IF('Standard Profiles'!$G$18=$B$17,14,0)+IF('Standard Profiles'!$G$18=$B$24,21,0),MOD($C5925,24)+1)/SUM(INDEX($D$3:$AA$30,INDEX(Jesper!$R$2:$R$366,ROW(INDEX(Jesper!AH$2:AH$366,ROUNDDOWN($C5925/24,0)+1,1))-1)+IF('Standard Profiles'!$G$18=$B$10,7,0)+IF('Standard Profiles'!$G$18=$B$17,14,0)+IF('Standard Profiles'!$G$18=$B$24,21,0),0)),0)</f>
        <v>0</v>
      </c>
      <c r="E5925" cm="1">
        <f t="array" ref="E5925">IFERROR(INDEX(Jesper!AI$2:AI$366,ROUNDDOWN($C5925/24,0)+1,1)*INDEX($D$3:$AA$30,INDEX(Jesper!$R$2:$R$366,ROW(INDEX(Jesper!AI$2:AI$366,ROUNDDOWN($C5925/24,0)+1,1))-1)+IF('Standard Profiles'!$G$19=$B$10,7,0)+IF('Standard Profiles'!$G$19=$B$17,14,0)+IF('Standard Profiles'!$G$19=$B$24,21,0),MOD($C5925,24)+1)/SUM(INDEX($D$3:$AA$30,INDEX(Jesper!$R$2:$R$366,ROW(INDEX(Jesper!AI$2:AI$366,ROUNDDOWN($C5925/24,0)+1,1))-1)+IF('Standard Profiles'!$G$19=$B$10,7,0)+IF('Standard Profiles'!$G$19=$B$17,14,0)+IF('Standard Profiles'!$G$19=$B$24,21,0),0)),0)</f>
        <v>2.7225078984683164</v>
      </c>
      <c r="F5925" cm="1">
        <f t="array" ref="F5925">IFERROR(INDEX(Jesper!AJ$2:AJ$366,ROUNDDOWN($C5925/24,0)+1,1)*INDEX($D$3:$AA$30,INDEX(Jesper!$R$2:$R$366,ROW(INDEX(Jesper!AJ$2:AJ$366,ROUNDDOWN($C5925/24,0)+1,1))-1)+IF('Standard Profiles'!$G$20=$B$10,7,0)+IF('Standard Profiles'!$G$20=$B$17,14,0)+IF('Standard Profiles'!$G$20=$B$24,21,0),MOD($C5925,24)+1)/SUM(INDEX($D$3:$AA$30,INDEX(Jesper!$R$2:$R$366,ROW(INDEX(Jesper!AJ$2:AJ$366,ROUNDDOWN($C5925/24,0)+1,1))-1)+IF('Standard Profiles'!$G$20=$B$10,7,0)+IF('Standard Profiles'!$G$20=$B$17,14,0)+IF('Standard Profiles'!$G$20=$B$24,21,0),0)),0)</f>
        <v>1.1139873856622264</v>
      </c>
      <c r="G5925" cm="1">
        <f t="array" ref="G5925">IFERROR(INDEX(Jesper!AK$2:AK$366,ROUNDDOWN($C5925/24,0)+1,1)*INDEX($D$3:$AA$30,INDEX(Jesper!$R$2:$R$366,ROW(INDEX(Jesper!AK$2:AK$366,ROUNDDOWN($C5925/24,0)+1,1))-1)+IF('Standard Profiles'!$G$21=$B$10,7,0)+IF('Standard Profiles'!$G$21=$B$17,14,0)+IF('Standard Profiles'!$G$21=$B$24,21,0),MOD($C5925,24)+1)/SUM(INDEX($D$3:$AA$30,INDEX(Jesper!$R$2:$R$366,ROW(INDEX(Jesper!AK$2:AK$366,ROUNDDOWN($C5925/24,0)+1,1))-1)+IF('Standard Profiles'!$G$21=$B$10,7,0)+IF('Standard Profiles'!$G$21=$B$17,14,0)+IF('Standard Profiles'!$G$21=$B$24,21,0),0)),0)</f>
        <v>0.59360755516764441</v>
      </c>
      <c r="H5925" cm="1">
        <f t="array" ref="H5925">IFERROR(INDEX(Jesper!AL$2:AL$366,ROUNDDOWN($C5925/24,0)+1,1)*INDEX($D$3:$AA$30,INDEX(Jesper!$R$2:$R$366,ROW(INDEX(Jesper!AL$2:AL$366,ROUNDDOWN($C5925/24,0)+1,1))-1)+IF('Standard Profiles'!$G$22=$B$10,7,0)+IF('Standard Profiles'!$G$22=$B$17,14,0)+IF('Standard Profiles'!$G$22=$B$24,21,0),MOD($C5925,24)+1)/SUM(INDEX($D$3:$AA$30,INDEX(Jesper!$R$2:$R$366,ROW(INDEX(Jesper!AL$2:AL$366,ROUNDDOWN($C5925/24,0)+1,1))-1)+IF('Standard Profiles'!$G$22=$B$10,7,0)+IF('Standard Profiles'!$G$22=$B$17,14,0)+IF('Standard Profiles'!$G$22=$B$24,21,0),0)),0)</f>
        <v>0.2927681734722612</v>
      </c>
      <c r="I5925">
        <f t="shared" si="664"/>
        <v>0.28105744653337089</v>
      </c>
      <c r="J5925">
        <f t="shared" si="665"/>
        <v>4.1151126184208797</v>
      </c>
      <c r="K5925">
        <f t="shared" si="666"/>
        <v>0.21780063187746532</v>
      </c>
      <c r="L5925">
        <f t="shared" si="667"/>
        <v>0.10890031593873266</v>
      </c>
      <c r="M5925">
        <f t="shared" si="668"/>
        <v>0</v>
      </c>
      <c r="N5925" s="45">
        <f t="shared" si="669"/>
        <v>45172.458333319046</v>
      </c>
    </row>
    <row r="5926" spans="2:14" x14ac:dyDescent="0.25">
      <c r="B5926">
        <f t="shared" si="663"/>
        <v>7</v>
      </c>
      <c r="C5926" s="16">
        <v>5892</v>
      </c>
      <c r="D5926" cm="1">
        <f t="array" ref="D5926">IFERROR(INDEX(Jesper!AH$2:AH$366,ROUNDDOWN($C5926/24,0)+1,1)*INDEX($D$3:$AA$30,INDEX(Jesper!$R$2:$R$366,ROW(INDEX(Jesper!AH$2:AH$366,ROUNDDOWN($C5926/24,0)+1,1))-1)+IF('Standard Profiles'!$G$18=$B$10,7,0)+IF('Standard Profiles'!$G$18=$B$17,14,0)+IF('Standard Profiles'!$G$18=$B$24,21,0),MOD($C5926,24)+1)/SUM(INDEX($D$3:$AA$30,INDEX(Jesper!$R$2:$R$366,ROW(INDEX(Jesper!AH$2:AH$366,ROUNDDOWN($C5926/24,0)+1,1))-1)+IF('Standard Profiles'!$G$18=$B$10,7,0)+IF('Standard Profiles'!$G$18=$B$17,14,0)+IF('Standard Profiles'!$G$18=$B$24,21,0),0)),0)</f>
        <v>0</v>
      </c>
      <c r="E5926" cm="1">
        <f t="array" ref="E5926">IFERROR(INDEX(Jesper!AI$2:AI$366,ROUNDDOWN($C5926/24,0)+1,1)*INDEX($D$3:$AA$30,INDEX(Jesper!$R$2:$R$366,ROW(INDEX(Jesper!AI$2:AI$366,ROUNDDOWN($C5926/24,0)+1,1))-1)+IF('Standard Profiles'!$G$19=$B$10,7,0)+IF('Standard Profiles'!$G$19=$B$17,14,0)+IF('Standard Profiles'!$G$19=$B$24,21,0),MOD($C5926,24)+1)/SUM(INDEX($D$3:$AA$30,INDEX(Jesper!$R$2:$R$366,ROW(INDEX(Jesper!AI$2:AI$366,ROUNDDOWN($C5926/24,0)+1,1))-1)+IF('Standard Profiles'!$G$19=$B$10,7,0)+IF('Standard Profiles'!$G$19=$B$17,14,0)+IF('Standard Profiles'!$G$19=$B$24,21,0),0)),0)</f>
        <v>2.7225078984683164</v>
      </c>
      <c r="F5926" cm="1">
        <f t="array" ref="F5926">IFERROR(INDEX(Jesper!AJ$2:AJ$366,ROUNDDOWN($C5926/24,0)+1,1)*INDEX($D$3:$AA$30,INDEX(Jesper!$R$2:$R$366,ROW(INDEX(Jesper!AJ$2:AJ$366,ROUNDDOWN($C5926/24,0)+1,1))-1)+IF('Standard Profiles'!$G$20=$B$10,7,0)+IF('Standard Profiles'!$G$20=$B$17,14,0)+IF('Standard Profiles'!$G$20=$B$24,21,0),MOD($C5926,24)+1)/SUM(INDEX($D$3:$AA$30,INDEX(Jesper!$R$2:$R$366,ROW(INDEX(Jesper!AJ$2:AJ$366,ROUNDDOWN($C5926/24,0)+1,1))-1)+IF('Standard Profiles'!$G$20=$B$10,7,0)+IF('Standard Profiles'!$G$20=$B$17,14,0)+IF('Standard Profiles'!$G$20=$B$24,21,0),0)),0)</f>
        <v>1.1139873856622264</v>
      </c>
      <c r="G5926" cm="1">
        <f t="array" ref="G5926">IFERROR(INDEX(Jesper!AK$2:AK$366,ROUNDDOWN($C5926/24,0)+1,1)*INDEX($D$3:$AA$30,INDEX(Jesper!$R$2:$R$366,ROW(INDEX(Jesper!AK$2:AK$366,ROUNDDOWN($C5926/24,0)+1,1))-1)+IF('Standard Profiles'!$G$21=$B$10,7,0)+IF('Standard Profiles'!$G$21=$B$17,14,0)+IF('Standard Profiles'!$G$21=$B$24,21,0),MOD($C5926,24)+1)/SUM(INDEX($D$3:$AA$30,INDEX(Jesper!$R$2:$R$366,ROW(INDEX(Jesper!AK$2:AK$366,ROUNDDOWN($C5926/24,0)+1,1))-1)+IF('Standard Profiles'!$G$21=$B$10,7,0)+IF('Standard Profiles'!$G$21=$B$17,14,0)+IF('Standard Profiles'!$G$21=$B$24,21,0),0)),0)</f>
        <v>0.59360755516764441</v>
      </c>
      <c r="H5926" cm="1">
        <f t="array" ref="H5926">IFERROR(INDEX(Jesper!AL$2:AL$366,ROUNDDOWN($C5926/24,0)+1,1)*INDEX($D$3:$AA$30,INDEX(Jesper!$R$2:$R$366,ROW(INDEX(Jesper!AL$2:AL$366,ROUNDDOWN($C5926/24,0)+1,1))-1)+IF('Standard Profiles'!$G$22=$B$10,7,0)+IF('Standard Profiles'!$G$22=$B$17,14,0)+IF('Standard Profiles'!$G$22=$B$24,21,0),MOD($C5926,24)+1)/SUM(INDEX($D$3:$AA$30,INDEX(Jesper!$R$2:$R$366,ROW(INDEX(Jesper!AL$2:AL$366,ROUNDDOWN($C5926/24,0)+1,1))-1)+IF('Standard Profiles'!$G$22=$B$10,7,0)+IF('Standard Profiles'!$G$22=$B$17,14,0)+IF('Standard Profiles'!$G$22=$B$24,21,0),0)),0)</f>
        <v>0.2927681734722612</v>
      </c>
      <c r="I5926">
        <f t="shared" si="664"/>
        <v>0.28105744653337089</v>
      </c>
      <c r="J5926">
        <f t="shared" si="665"/>
        <v>4.1151126184208797</v>
      </c>
      <c r="K5926">
        <f t="shared" si="666"/>
        <v>0.21780063187746532</v>
      </c>
      <c r="L5926">
        <f t="shared" si="667"/>
        <v>0.10890031593873266</v>
      </c>
      <c r="M5926">
        <f t="shared" si="668"/>
        <v>0</v>
      </c>
      <c r="N5926" s="45">
        <f t="shared" si="669"/>
        <v>45172.49999998571</v>
      </c>
    </row>
    <row r="5927" spans="2:14" x14ac:dyDescent="0.25">
      <c r="B5927">
        <f t="shared" si="663"/>
        <v>7</v>
      </c>
      <c r="C5927" s="16">
        <v>5893</v>
      </c>
      <c r="D5927" cm="1">
        <f t="array" ref="D5927">IFERROR(INDEX(Jesper!AH$2:AH$366,ROUNDDOWN($C5927/24,0)+1,1)*INDEX($D$3:$AA$30,INDEX(Jesper!$R$2:$R$366,ROW(INDEX(Jesper!AH$2:AH$366,ROUNDDOWN($C5927/24,0)+1,1))-1)+IF('Standard Profiles'!$G$18=$B$10,7,0)+IF('Standard Profiles'!$G$18=$B$17,14,0)+IF('Standard Profiles'!$G$18=$B$24,21,0),MOD($C5927,24)+1)/SUM(INDEX($D$3:$AA$30,INDEX(Jesper!$R$2:$R$366,ROW(INDEX(Jesper!AH$2:AH$366,ROUNDDOWN($C5927/24,0)+1,1))-1)+IF('Standard Profiles'!$G$18=$B$10,7,0)+IF('Standard Profiles'!$G$18=$B$17,14,0)+IF('Standard Profiles'!$G$18=$B$24,21,0),0)),0)</f>
        <v>0</v>
      </c>
      <c r="E5927" cm="1">
        <f t="array" ref="E5927">IFERROR(INDEX(Jesper!AI$2:AI$366,ROUNDDOWN($C5927/24,0)+1,1)*INDEX($D$3:$AA$30,INDEX(Jesper!$R$2:$R$366,ROW(INDEX(Jesper!AI$2:AI$366,ROUNDDOWN($C5927/24,0)+1,1))-1)+IF('Standard Profiles'!$G$19=$B$10,7,0)+IF('Standard Profiles'!$G$19=$B$17,14,0)+IF('Standard Profiles'!$G$19=$B$24,21,0),MOD($C5927,24)+1)/SUM(INDEX($D$3:$AA$30,INDEX(Jesper!$R$2:$R$366,ROW(INDEX(Jesper!AI$2:AI$366,ROUNDDOWN($C5927/24,0)+1,1))-1)+IF('Standard Profiles'!$G$19=$B$10,7,0)+IF('Standard Profiles'!$G$19=$B$17,14,0)+IF('Standard Profiles'!$G$19=$B$24,21,0),0)),0)</f>
        <v>2.7225078984683164</v>
      </c>
      <c r="F5927" cm="1">
        <f t="array" ref="F5927">IFERROR(INDEX(Jesper!AJ$2:AJ$366,ROUNDDOWN($C5927/24,0)+1,1)*INDEX($D$3:$AA$30,INDEX(Jesper!$R$2:$R$366,ROW(INDEX(Jesper!AJ$2:AJ$366,ROUNDDOWN($C5927/24,0)+1,1))-1)+IF('Standard Profiles'!$G$20=$B$10,7,0)+IF('Standard Profiles'!$G$20=$B$17,14,0)+IF('Standard Profiles'!$G$20=$B$24,21,0),MOD($C5927,24)+1)/SUM(INDEX($D$3:$AA$30,INDEX(Jesper!$R$2:$R$366,ROW(INDEX(Jesper!AJ$2:AJ$366,ROUNDDOWN($C5927/24,0)+1,1))-1)+IF('Standard Profiles'!$G$20=$B$10,7,0)+IF('Standard Profiles'!$G$20=$B$17,14,0)+IF('Standard Profiles'!$G$20=$B$24,21,0),0)),0)</f>
        <v>1.1139873856622264</v>
      </c>
      <c r="G5927" cm="1">
        <f t="array" ref="G5927">IFERROR(INDEX(Jesper!AK$2:AK$366,ROUNDDOWN($C5927/24,0)+1,1)*INDEX($D$3:$AA$30,INDEX(Jesper!$R$2:$R$366,ROW(INDEX(Jesper!AK$2:AK$366,ROUNDDOWN($C5927/24,0)+1,1))-1)+IF('Standard Profiles'!$G$21=$B$10,7,0)+IF('Standard Profiles'!$G$21=$B$17,14,0)+IF('Standard Profiles'!$G$21=$B$24,21,0),MOD($C5927,24)+1)/SUM(INDEX($D$3:$AA$30,INDEX(Jesper!$R$2:$R$366,ROW(INDEX(Jesper!AK$2:AK$366,ROUNDDOWN($C5927/24,0)+1,1))-1)+IF('Standard Profiles'!$G$21=$B$10,7,0)+IF('Standard Profiles'!$G$21=$B$17,14,0)+IF('Standard Profiles'!$G$21=$B$24,21,0),0)),0)</f>
        <v>0.59360755516764441</v>
      </c>
      <c r="H5927" cm="1">
        <f t="array" ref="H5927">IFERROR(INDEX(Jesper!AL$2:AL$366,ROUNDDOWN($C5927/24,0)+1,1)*INDEX($D$3:$AA$30,INDEX(Jesper!$R$2:$R$366,ROW(INDEX(Jesper!AL$2:AL$366,ROUNDDOWN($C5927/24,0)+1,1))-1)+IF('Standard Profiles'!$G$22=$B$10,7,0)+IF('Standard Profiles'!$G$22=$B$17,14,0)+IF('Standard Profiles'!$G$22=$B$24,21,0),MOD($C5927,24)+1)/SUM(INDEX($D$3:$AA$30,INDEX(Jesper!$R$2:$R$366,ROW(INDEX(Jesper!AL$2:AL$366,ROUNDDOWN($C5927/24,0)+1,1))-1)+IF('Standard Profiles'!$G$22=$B$10,7,0)+IF('Standard Profiles'!$G$22=$B$17,14,0)+IF('Standard Profiles'!$G$22=$B$24,21,0),0)),0)</f>
        <v>0.2927681734722612</v>
      </c>
      <c r="I5927">
        <f t="shared" si="664"/>
        <v>0.28105744653337089</v>
      </c>
      <c r="J5927">
        <f t="shared" si="665"/>
        <v>4.1151126184208797</v>
      </c>
      <c r="K5927">
        <f t="shared" si="666"/>
        <v>0.21780063187746532</v>
      </c>
      <c r="L5927">
        <f t="shared" si="667"/>
        <v>0.10890031593873266</v>
      </c>
      <c r="M5927">
        <f t="shared" si="668"/>
        <v>0</v>
      </c>
      <c r="N5927" s="45">
        <f t="shared" si="669"/>
        <v>45172.541666652374</v>
      </c>
    </row>
    <row r="5928" spans="2:14" x14ac:dyDescent="0.25">
      <c r="B5928">
        <f t="shared" si="663"/>
        <v>7</v>
      </c>
      <c r="C5928" s="16">
        <v>5894</v>
      </c>
      <c r="D5928" cm="1">
        <f t="array" ref="D5928">IFERROR(INDEX(Jesper!AH$2:AH$366,ROUNDDOWN($C5928/24,0)+1,1)*INDEX($D$3:$AA$30,INDEX(Jesper!$R$2:$R$366,ROW(INDEX(Jesper!AH$2:AH$366,ROUNDDOWN($C5928/24,0)+1,1))-1)+IF('Standard Profiles'!$G$18=$B$10,7,0)+IF('Standard Profiles'!$G$18=$B$17,14,0)+IF('Standard Profiles'!$G$18=$B$24,21,0),MOD($C5928,24)+1)/SUM(INDEX($D$3:$AA$30,INDEX(Jesper!$R$2:$R$366,ROW(INDEX(Jesper!AH$2:AH$366,ROUNDDOWN($C5928/24,0)+1,1))-1)+IF('Standard Profiles'!$G$18=$B$10,7,0)+IF('Standard Profiles'!$G$18=$B$17,14,0)+IF('Standard Profiles'!$G$18=$B$24,21,0),0)),0)</f>
        <v>0</v>
      </c>
      <c r="E5928" cm="1">
        <f t="array" ref="E5928">IFERROR(INDEX(Jesper!AI$2:AI$366,ROUNDDOWN($C5928/24,0)+1,1)*INDEX($D$3:$AA$30,INDEX(Jesper!$R$2:$R$366,ROW(INDEX(Jesper!AI$2:AI$366,ROUNDDOWN($C5928/24,0)+1,1))-1)+IF('Standard Profiles'!$G$19=$B$10,7,0)+IF('Standard Profiles'!$G$19=$B$17,14,0)+IF('Standard Profiles'!$G$19=$B$24,21,0),MOD($C5928,24)+1)/SUM(INDEX($D$3:$AA$30,INDEX(Jesper!$R$2:$R$366,ROW(INDEX(Jesper!AI$2:AI$366,ROUNDDOWN($C5928/24,0)+1,1))-1)+IF('Standard Profiles'!$G$19=$B$10,7,0)+IF('Standard Profiles'!$G$19=$B$17,14,0)+IF('Standard Profiles'!$G$19=$B$24,21,0),0)),0)</f>
        <v>2.7225078984683164</v>
      </c>
      <c r="F5928" cm="1">
        <f t="array" ref="F5928">IFERROR(INDEX(Jesper!AJ$2:AJ$366,ROUNDDOWN($C5928/24,0)+1,1)*INDEX($D$3:$AA$30,INDEX(Jesper!$R$2:$R$366,ROW(INDEX(Jesper!AJ$2:AJ$366,ROUNDDOWN($C5928/24,0)+1,1))-1)+IF('Standard Profiles'!$G$20=$B$10,7,0)+IF('Standard Profiles'!$G$20=$B$17,14,0)+IF('Standard Profiles'!$G$20=$B$24,21,0),MOD($C5928,24)+1)/SUM(INDEX($D$3:$AA$30,INDEX(Jesper!$R$2:$R$366,ROW(INDEX(Jesper!AJ$2:AJ$366,ROUNDDOWN($C5928/24,0)+1,1))-1)+IF('Standard Profiles'!$G$20=$B$10,7,0)+IF('Standard Profiles'!$G$20=$B$17,14,0)+IF('Standard Profiles'!$G$20=$B$24,21,0),0)),0)</f>
        <v>1.1139873856622264</v>
      </c>
      <c r="G5928" cm="1">
        <f t="array" ref="G5928">IFERROR(INDEX(Jesper!AK$2:AK$366,ROUNDDOWN($C5928/24,0)+1,1)*INDEX($D$3:$AA$30,INDEX(Jesper!$R$2:$R$366,ROW(INDEX(Jesper!AK$2:AK$366,ROUNDDOWN($C5928/24,0)+1,1))-1)+IF('Standard Profiles'!$G$21=$B$10,7,0)+IF('Standard Profiles'!$G$21=$B$17,14,0)+IF('Standard Profiles'!$G$21=$B$24,21,0),MOD($C5928,24)+1)/SUM(INDEX($D$3:$AA$30,INDEX(Jesper!$R$2:$R$366,ROW(INDEX(Jesper!AK$2:AK$366,ROUNDDOWN($C5928/24,0)+1,1))-1)+IF('Standard Profiles'!$G$21=$B$10,7,0)+IF('Standard Profiles'!$G$21=$B$17,14,0)+IF('Standard Profiles'!$G$21=$B$24,21,0),0)),0)</f>
        <v>0.59360755516764441</v>
      </c>
      <c r="H5928" cm="1">
        <f t="array" ref="H5928">IFERROR(INDEX(Jesper!AL$2:AL$366,ROUNDDOWN($C5928/24,0)+1,1)*INDEX($D$3:$AA$30,INDEX(Jesper!$R$2:$R$366,ROW(INDEX(Jesper!AL$2:AL$366,ROUNDDOWN($C5928/24,0)+1,1))-1)+IF('Standard Profiles'!$G$22=$B$10,7,0)+IF('Standard Profiles'!$G$22=$B$17,14,0)+IF('Standard Profiles'!$G$22=$B$24,21,0),MOD($C5928,24)+1)/SUM(INDEX($D$3:$AA$30,INDEX(Jesper!$R$2:$R$366,ROW(INDEX(Jesper!AL$2:AL$366,ROUNDDOWN($C5928/24,0)+1,1))-1)+IF('Standard Profiles'!$G$22=$B$10,7,0)+IF('Standard Profiles'!$G$22=$B$17,14,0)+IF('Standard Profiles'!$G$22=$B$24,21,0),0)),0)</f>
        <v>0.2927681734722612</v>
      </c>
      <c r="I5928">
        <f t="shared" si="664"/>
        <v>0.28105744653337089</v>
      </c>
      <c r="J5928">
        <f t="shared" si="665"/>
        <v>4.1151126184208797</v>
      </c>
      <c r="K5928">
        <f t="shared" si="666"/>
        <v>0.21780063187746532</v>
      </c>
      <c r="L5928">
        <f t="shared" si="667"/>
        <v>0.10890031593873266</v>
      </c>
      <c r="M5928">
        <f t="shared" si="668"/>
        <v>0</v>
      </c>
      <c r="N5928" s="45">
        <f t="shared" si="669"/>
        <v>45172.583333319039</v>
      </c>
    </row>
    <row r="5929" spans="2:14" x14ac:dyDescent="0.25">
      <c r="B5929">
        <f t="shared" si="663"/>
        <v>7</v>
      </c>
      <c r="C5929" s="16">
        <v>5895</v>
      </c>
      <c r="D5929" cm="1">
        <f t="array" ref="D5929">IFERROR(INDEX(Jesper!AH$2:AH$366,ROUNDDOWN($C5929/24,0)+1,1)*INDEX($D$3:$AA$30,INDEX(Jesper!$R$2:$R$366,ROW(INDEX(Jesper!AH$2:AH$366,ROUNDDOWN($C5929/24,0)+1,1))-1)+IF('Standard Profiles'!$G$18=$B$10,7,0)+IF('Standard Profiles'!$G$18=$B$17,14,0)+IF('Standard Profiles'!$G$18=$B$24,21,0),MOD($C5929,24)+1)/SUM(INDEX($D$3:$AA$30,INDEX(Jesper!$R$2:$R$366,ROW(INDEX(Jesper!AH$2:AH$366,ROUNDDOWN($C5929/24,0)+1,1))-1)+IF('Standard Profiles'!$G$18=$B$10,7,0)+IF('Standard Profiles'!$G$18=$B$17,14,0)+IF('Standard Profiles'!$G$18=$B$24,21,0),0)),0)</f>
        <v>0</v>
      </c>
      <c r="E5929" cm="1">
        <f t="array" ref="E5929">IFERROR(INDEX(Jesper!AI$2:AI$366,ROUNDDOWN($C5929/24,0)+1,1)*INDEX($D$3:$AA$30,INDEX(Jesper!$R$2:$R$366,ROW(INDEX(Jesper!AI$2:AI$366,ROUNDDOWN($C5929/24,0)+1,1))-1)+IF('Standard Profiles'!$G$19=$B$10,7,0)+IF('Standard Profiles'!$G$19=$B$17,14,0)+IF('Standard Profiles'!$G$19=$B$24,21,0),MOD($C5929,24)+1)/SUM(INDEX($D$3:$AA$30,INDEX(Jesper!$R$2:$R$366,ROW(INDEX(Jesper!AI$2:AI$366,ROUNDDOWN($C5929/24,0)+1,1))-1)+IF('Standard Profiles'!$G$19=$B$10,7,0)+IF('Standard Profiles'!$G$19=$B$17,14,0)+IF('Standard Profiles'!$G$19=$B$24,21,0),0)),0)</f>
        <v>2.7225078984683164</v>
      </c>
      <c r="F5929" cm="1">
        <f t="array" ref="F5929">IFERROR(INDEX(Jesper!AJ$2:AJ$366,ROUNDDOWN($C5929/24,0)+1,1)*INDEX($D$3:$AA$30,INDEX(Jesper!$R$2:$R$366,ROW(INDEX(Jesper!AJ$2:AJ$366,ROUNDDOWN($C5929/24,0)+1,1))-1)+IF('Standard Profiles'!$G$20=$B$10,7,0)+IF('Standard Profiles'!$G$20=$B$17,14,0)+IF('Standard Profiles'!$G$20=$B$24,21,0),MOD($C5929,24)+1)/SUM(INDEX($D$3:$AA$30,INDEX(Jesper!$R$2:$R$366,ROW(INDEX(Jesper!AJ$2:AJ$366,ROUNDDOWN($C5929/24,0)+1,1))-1)+IF('Standard Profiles'!$G$20=$B$10,7,0)+IF('Standard Profiles'!$G$20=$B$17,14,0)+IF('Standard Profiles'!$G$20=$B$24,21,0),0)),0)</f>
        <v>1.1139873856622264</v>
      </c>
      <c r="G5929" cm="1">
        <f t="array" ref="G5929">IFERROR(INDEX(Jesper!AK$2:AK$366,ROUNDDOWN($C5929/24,0)+1,1)*INDEX($D$3:$AA$30,INDEX(Jesper!$R$2:$R$366,ROW(INDEX(Jesper!AK$2:AK$366,ROUNDDOWN($C5929/24,0)+1,1))-1)+IF('Standard Profiles'!$G$21=$B$10,7,0)+IF('Standard Profiles'!$G$21=$B$17,14,0)+IF('Standard Profiles'!$G$21=$B$24,21,0),MOD($C5929,24)+1)/SUM(INDEX($D$3:$AA$30,INDEX(Jesper!$R$2:$R$366,ROW(INDEX(Jesper!AK$2:AK$366,ROUNDDOWN($C5929/24,0)+1,1))-1)+IF('Standard Profiles'!$G$21=$B$10,7,0)+IF('Standard Profiles'!$G$21=$B$17,14,0)+IF('Standard Profiles'!$G$21=$B$24,21,0),0)),0)</f>
        <v>0.59360755516764441</v>
      </c>
      <c r="H5929" cm="1">
        <f t="array" ref="H5929">IFERROR(INDEX(Jesper!AL$2:AL$366,ROUNDDOWN($C5929/24,0)+1,1)*INDEX($D$3:$AA$30,INDEX(Jesper!$R$2:$R$366,ROW(INDEX(Jesper!AL$2:AL$366,ROUNDDOWN($C5929/24,0)+1,1))-1)+IF('Standard Profiles'!$G$22=$B$10,7,0)+IF('Standard Profiles'!$G$22=$B$17,14,0)+IF('Standard Profiles'!$G$22=$B$24,21,0),MOD($C5929,24)+1)/SUM(INDEX($D$3:$AA$30,INDEX(Jesper!$R$2:$R$366,ROW(INDEX(Jesper!AL$2:AL$366,ROUNDDOWN($C5929/24,0)+1,1))-1)+IF('Standard Profiles'!$G$22=$B$10,7,0)+IF('Standard Profiles'!$G$22=$B$17,14,0)+IF('Standard Profiles'!$G$22=$B$24,21,0),0)),0)</f>
        <v>0.2602383764197877</v>
      </c>
      <c r="I5929">
        <f t="shared" si="664"/>
        <v>0.24982884136299632</v>
      </c>
      <c r="J5929">
        <f t="shared" si="665"/>
        <v>4.1138114265387804</v>
      </c>
      <c r="K5929">
        <f t="shared" si="666"/>
        <v>0.21780063187746532</v>
      </c>
      <c r="L5929">
        <f t="shared" si="667"/>
        <v>0.10890031593873266</v>
      </c>
      <c r="M5929">
        <f t="shared" si="668"/>
        <v>0</v>
      </c>
      <c r="N5929" s="45">
        <f t="shared" si="669"/>
        <v>45172.624999985703</v>
      </c>
    </row>
    <row r="5930" spans="2:14" x14ac:dyDescent="0.25">
      <c r="B5930">
        <f t="shared" si="663"/>
        <v>7</v>
      </c>
      <c r="C5930" s="16">
        <v>5896</v>
      </c>
      <c r="D5930" cm="1">
        <f t="array" ref="D5930">IFERROR(INDEX(Jesper!AH$2:AH$366,ROUNDDOWN($C5930/24,0)+1,1)*INDEX($D$3:$AA$30,INDEX(Jesper!$R$2:$R$366,ROW(INDEX(Jesper!AH$2:AH$366,ROUNDDOWN($C5930/24,0)+1,1))-1)+IF('Standard Profiles'!$G$18=$B$10,7,0)+IF('Standard Profiles'!$G$18=$B$17,14,0)+IF('Standard Profiles'!$G$18=$B$24,21,0),MOD($C5930,24)+1)/SUM(INDEX($D$3:$AA$30,INDEX(Jesper!$R$2:$R$366,ROW(INDEX(Jesper!AH$2:AH$366,ROUNDDOWN($C5930/24,0)+1,1))-1)+IF('Standard Profiles'!$G$18=$B$10,7,0)+IF('Standard Profiles'!$G$18=$B$17,14,0)+IF('Standard Profiles'!$G$18=$B$24,21,0),0)),0)</f>
        <v>0</v>
      </c>
      <c r="E5930" cm="1">
        <f t="array" ref="E5930">IFERROR(INDEX(Jesper!AI$2:AI$366,ROUNDDOWN($C5930/24,0)+1,1)*INDEX($D$3:$AA$30,INDEX(Jesper!$R$2:$R$366,ROW(INDEX(Jesper!AI$2:AI$366,ROUNDDOWN($C5930/24,0)+1,1))-1)+IF('Standard Profiles'!$G$19=$B$10,7,0)+IF('Standard Profiles'!$G$19=$B$17,14,0)+IF('Standard Profiles'!$G$19=$B$24,21,0),MOD($C5930,24)+1)/SUM(INDEX($D$3:$AA$30,INDEX(Jesper!$R$2:$R$366,ROW(INDEX(Jesper!AI$2:AI$366,ROUNDDOWN($C5930/24,0)+1,1))-1)+IF('Standard Profiles'!$G$19=$B$10,7,0)+IF('Standard Profiles'!$G$19=$B$17,14,0)+IF('Standard Profiles'!$G$19=$B$24,21,0),0)),0)</f>
        <v>2.7225078984683164</v>
      </c>
      <c r="F5930" cm="1">
        <f t="array" ref="F5930">IFERROR(INDEX(Jesper!AJ$2:AJ$366,ROUNDDOWN($C5930/24,0)+1,1)*INDEX($D$3:$AA$30,INDEX(Jesper!$R$2:$R$366,ROW(INDEX(Jesper!AJ$2:AJ$366,ROUNDDOWN($C5930/24,0)+1,1))-1)+IF('Standard Profiles'!$G$20=$B$10,7,0)+IF('Standard Profiles'!$G$20=$B$17,14,0)+IF('Standard Profiles'!$G$20=$B$24,21,0),MOD($C5930,24)+1)/SUM(INDEX($D$3:$AA$30,INDEX(Jesper!$R$2:$R$366,ROW(INDEX(Jesper!AJ$2:AJ$366,ROUNDDOWN($C5930/24,0)+1,1))-1)+IF('Standard Profiles'!$G$20=$B$10,7,0)+IF('Standard Profiles'!$G$20=$B$17,14,0)+IF('Standard Profiles'!$G$20=$B$24,21,0),0)),0)</f>
        <v>1.1139873856622264</v>
      </c>
      <c r="G5930" cm="1">
        <f t="array" ref="G5930">IFERROR(INDEX(Jesper!AK$2:AK$366,ROUNDDOWN($C5930/24,0)+1,1)*INDEX($D$3:$AA$30,INDEX(Jesper!$R$2:$R$366,ROW(INDEX(Jesper!AK$2:AK$366,ROUNDDOWN($C5930/24,0)+1,1))-1)+IF('Standard Profiles'!$G$21=$B$10,7,0)+IF('Standard Profiles'!$G$21=$B$17,14,0)+IF('Standard Profiles'!$G$21=$B$24,21,0),MOD($C5930,24)+1)/SUM(INDEX($D$3:$AA$30,INDEX(Jesper!$R$2:$R$366,ROW(INDEX(Jesper!AK$2:AK$366,ROUNDDOWN($C5930/24,0)+1,1))-1)+IF('Standard Profiles'!$G$21=$B$10,7,0)+IF('Standard Profiles'!$G$21=$B$17,14,0)+IF('Standard Profiles'!$G$21=$B$24,21,0),0)),0)</f>
        <v>0.59360755516764441</v>
      </c>
      <c r="H5930" cm="1">
        <f t="array" ref="H5930">IFERROR(INDEX(Jesper!AL$2:AL$366,ROUNDDOWN($C5930/24,0)+1,1)*INDEX($D$3:$AA$30,INDEX(Jesper!$R$2:$R$366,ROW(INDEX(Jesper!AL$2:AL$366,ROUNDDOWN($C5930/24,0)+1,1))-1)+IF('Standard Profiles'!$G$22=$B$10,7,0)+IF('Standard Profiles'!$G$22=$B$17,14,0)+IF('Standard Profiles'!$G$22=$B$24,21,0),MOD($C5930,24)+1)/SUM(INDEX($D$3:$AA$30,INDEX(Jesper!$R$2:$R$366,ROW(INDEX(Jesper!AL$2:AL$366,ROUNDDOWN($C5930/24,0)+1,1))-1)+IF('Standard Profiles'!$G$22=$B$10,7,0)+IF('Standard Profiles'!$G$22=$B$17,14,0)+IF('Standard Profiles'!$G$22=$B$24,21,0),0)),0)</f>
        <v>0.25559126255514864</v>
      </c>
      <c r="I5930">
        <f t="shared" si="664"/>
        <v>0.24536761205294283</v>
      </c>
      <c r="J5930">
        <f t="shared" si="665"/>
        <v>4.1136255419841952</v>
      </c>
      <c r="K5930">
        <f t="shared" si="666"/>
        <v>0.21780063187746532</v>
      </c>
      <c r="L5930">
        <f t="shared" si="667"/>
        <v>0.10890031593873266</v>
      </c>
      <c r="M5930">
        <f t="shared" si="668"/>
        <v>0</v>
      </c>
      <c r="N5930" s="45">
        <f t="shared" si="669"/>
        <v>45172.666666652367</v>
      </c>
    </row>
    <row r="5931" spans="2:14" x14ac:dyDescent="0.25">
      <c r="B5931">
        <f t="shared" si="663"/>
        <v>7</v>
      </c>
      <c r="C5931" s="16">
        <v>5897</v>
      </c>
      <c r="D5931" cm="1">
        <f t="array" ref="D5931">IFERROR(INDEX(Jesper!AH$2:AH$366,ROUNDDOWN($C5931/24,0)+1,1)*INDEX($D$3:$AA$30,INDEX(Jesper!$R$2:$R$366,ROW(INDEX(Jesper!AH$2:AH$366,ROUNDDOWN($C5931/24,0)+1,1))-1)+IF('Standard Profiles'!$G$18=$B$10,7,0)+IF('Standard Profiles'!$G$18=$B$17,14,0)+IF('Standard Profiles'!$G$18=$B$24,21,0),MOD($C5931,24)+1)/SUM(INDEX($D$3:$AA$30,INDEX(Jesper!$R$2:$R$366,ROW(INDEX(Jesper!AH$2:AH$366,ROUNDDOWN($C5931/24,0)+1,1))-1)+IF('Standard Profiles'!$G$18=$B$10,7,0)+IF('Standard Profiles'!$G$18=$B$17,14,0)+IF('Standard Profiles'!$G$18=$B$24,21,0),0)),0)</f>
        <v>0</v>
      </c>
      <c r="E5931" cm="1">
        <f t="array" ref="E5931">IFERROR(INDEX(Jesper!AI$2:AI$366,ROUNDDOWN($C5931/24,0)+1,1)*INDEX($D$3:$AA$30,INDEX(Jesper!$R$2:$R$366,ROW(INDEX(Jesper!AI$2:AI$366,ROUNDDOWN($C5931/24,0)+1,1))-1)+IF('Standard Profiles'!$G$19=$B$10,7,0)+IF('Standard Profiles'!$G$19=$B$17,14,0)+IF('Standard Profiles'!$G$19=$B$24,21,0),MOD($C5931,24)+1)/SUM(INDEX($D$3:$AA$30,INDEX(Jesper!$R$2:$R$366,ROW(INDEX(Jesper!AI$2:AI$366,ROUNDDOWN($C5931/24,0)+1,1))-1)+IF('Standard Profiles'!$G$19=$B$10,7,0)+IF('Standard Profiles'!$G$19=$B$17,14,0)+IF('Standard Profiles'!$G$19=$B$24,21,0),0)),0)</f>
        <v>2.7225078984683164</v>
      </c>
      <c r="F5931" cm="1">
        <f t="array" ref="F5931">IFERROR(INDEX(Jesper!AJ$2:AJ$366,ROUNDDOWN($C5931/24,0)+1,1)*INDEX($D$3:$AA$30,INDEX(Jesper!$R$2:$R$366,ROW(INDEX(Jesper!AJ$2:AJ$366,ROUNDDOWN($C5931/24,0)+1,1))-1)+IF('Standard Profiles'!$G$20=$B$10,7,0)+IF('Standard Profiles'!$G$20=$B$17,14,0)+IF('Standard Profiles'!$G$20=$B$24,21,0),MOD($C5931,24)+1)/SUM(INDEX($D$3:$AA$30,INDEX(Jesper!$R$2:$R$366,ROW(INDEX(Jesper!AJ$2:AJ$366,ROUNDDOWN($C5931/24,0)+1,1))-1)+IF('Standard Profiles'!$G$20=$B$10,7,0)+IF('Standard Profiles'!$G$20=$B$17,14,0)+IF('Standard Profiles'!$G$20=$B$24,21,0),0)),0)</f>
        <v>1.1139873856622264</v>
      </c>
      <c r="G5931" cm="1">
        <f t="array" ref="G5931">IFERROR(INDEX(Jesper!AK$2:AK$366,ROUNDDOWN($C5931/24,0)+1,1)*INDEX($D$3:$AA$30,INDEX(Jesper!$R$2:$R$366,ROW(INDEX(Jesper!AK$2:AK$366,ROUNDDOWN($C5931/24,0)+1,1))-1)+IF('Standard Profiles'!$G$21=$B$10,7,0)+IF('Standard Profiles'!$G$21=$B$17,14,0)+IF('Standard Profiles'!$G$21=$B$24,21,0),MOD($C5931,24)+1)/SUM(INDEX($D$3:$AA$30,INDEX(Jesper!$R$2:$R$366,ROW(INDEX(Jesper!AK$2:AK$366,ROUNDDOWN($C5931/24,0)+1,1))-1)+IF('Standard Profiles'!$G$21=$B$10,7,0)+IF('Standard Profiles'!$G$21=$B$17,14,0)+IF('Standard Profiles'!$G$21=$B$24,21,0),0)),0)</f>
        <v>0.59360755516764441</v>
      </c>
      <c r="H5931" cm="1">
        <f t="array" ref="H5931">IFERROR(INDEX(Jesper!AL$2:AL$366,ROUNDDOWN($C5931/24,0)+1,1)*INDEX($D$3:$AA$30,INDEX(Jesper!$R$2:$R$366,ROW(INDEX(Jesper!AL$2:AL$366,ROUNDDOWN($C5931/24,0)+1,1))-1)+IF('Standard Profiles'!$G$22=$B$10,7,0)+IF('Standard Profiles'!$G$22=$B$17,14,0)+IF('Standard Profiles'!$G$22=$B$24,21,0),MOD($C5931,24)+1)/SUM(INDEX($D$3:$AA$30,INDEX(Jesper!$R$2:$R$366,ROW(INDEX(Jesper!AL$2:AL$366,ROUNDDOWN($C5931/24,0)+1,1))-1)+IF('Standard Profiles'!$G$22=$B$10,7,0)+IF('Standard Profiles'!$G$22=$B$17,14,0)+IF('Standard Profiles'!$G$22=$B$24,21,0),0)),0)</f>
        <v>0.2184143516380361</v>
      </c>
      <c r="I5931">
        <f t="shared" si="664"/>
        <v>0.20967777757251477</v>
      </c>
      <c r="J5931">
        <f t="shared" si="665"/>
        <v>4.1121384655475106</v>
      </c>
      <c r="K5931">
        <f t="shared" si="666"/>
        <v>0.21780063187746532</v>
      </c>
      <c r="L5931">
        <f t="shared" si="667"/>
        <v>0.10890031593873266</v>
      </c>
      <c r="M5931">
        <f t="shared" si="668"/>
        <v>0</v>
      </c>
      <c r="N5931" s="45">
        <f t="shared" si="669"/>
        <v>45172.708333319031</v>
      </c>
    </row>
    <row r="5932" spans="2:14" x14ac:dyDescent="0.25">
      <c r="B5932">
        <f t="shared" si="663"/>
        <v>7</v>
      </c>
      <c r="C5932" s="16">
        <v>5898</v>
      </c>
      <c r="D5932" cm="1">
        <f t="array" ref="D5932">IFERROR(INDEX(Jesper!AH$2:AH$366,ROUNDDOWN($C5932/24,0)+1,1)*INDEX($D$3:$AA$30,INDEX(Jesper!$R$2:$R$366,ROW(INDEX(Jesper!AH$2:AH$366,ROUNDDOWN($C5932/24,0)+1,1))-1)+IF('Standard Profiles'!$G$18=$B$10,7,0)+IF('Standard Profiles'!$G$18=$B$17,14,0)+IF('Standard Profiles'!$G$18=$B$24,21,0),MOD($C5932,24)+1)/SUM(INDEX($D$3:$AA$30,INDEX(Jesper!$R$2:$R$366,ROW(INDEX(Jesper!AH$2:AH$366,ROUNDDOWN($C5932/24,0)+1,1))-1)+IF('Standard Profiles'!$G$18=$B$10,7,0)+IF('Standard Profiles'!$G$18=$B$17,14,0)+IF('Standard Profiles'!$G$18=$B$24,21,0),0)),0)</f>
        <v>0</v>
      </c>
      <c r="E5932" cm="1">
        <f t="array" ref="E5932">IFERROR(INDEX(Jesper!AI$2:AI$366,ROUNDDOWN($C5932/24,0)+1,1)*INDEX($D$3:$AA$30,INDEX(Jesper!$R$2:$R$366,ROW(INDEX(Jesper!AI$2:AI$366,ROUNDDOWN($C5932/24,0)+1,1))-1)+IF('Standard Profiles'!$G$19=$B$10,7,0)+IF('Standard Profiles'!$G$19=$B$17,14,0)+IF('Standard Profiles'!$G$19=$B$24,21,0),MOD($C5932,24)+1)/SUM(INDEX($D$3:$AA$30,INDEX(Jesper!$R$2:$R$366,ROW(INDEX(Jesper!AI$2:AI$366,ROUNDDOWN($C5932/24,0)+1,1))-1)+IF('Standard Profiles'!$G$19=$B$10,7,0)+IF('Standard Profiles'!$G$19=$B$17,14,0)+IF('Standard Profiles'!$G$19=$B$24,21,0),0)),0)</f>
        <v>2.7225078984683164</v>
      </c>
      <c r="F5932" cm="1">
        <f t="array" ref="F5932">IFERROR(INDEX(Jesper!AJ$2:AJ$366,ROUNDDOWN($C5932/24,0)+1,1)*INDEX($D$3:$AA$30,INDEX(Jesper!$R$2:$R$366,ROW(INDEX(Jesper!AJ$2:AJ$366,ROUNDDOWN($C5932/24,0)+1,1))-1)+IF('Standard Profiles'!$G$20=$B$10,7,0)+IF('Standard Profiles'!$G$20=$B$17,14,0)+IF('Standard Profiles'!$G$20=$B$24,21,0),MOD($C5932,24)+1)/SUM(INDEX($D$3:$AA$30,INDEX(Jesper!$R$2:$R$366,ROW(INDEX(Jesper!AJ$2:AJ$366,ROUNDDOWN($C5932/24,0)+1,1))-1)+IF('Standard Profiles'!$G$20=$B$10,7,0)+IF('Standard Profiles'!$G$20=$B$17,14,0)+IF('Standard Profiles'!$G$20=$B$24,21,0),0)),0)</f>
        <v>1.1139873856622264</v>
      </c>
      <c r="G5932" cm="1">
        <f t="array" ref="G5932">IFERROR(INDEX(Jesper!AK$2:AK$366,ROUNDDOWN($C5932/24,0)+1,1)*INDEX($D$3:$AA$30,INDEX(Jesper!$R$2:$R$366,ROW(INDEX(Jesper!AK$2:AK$366,ROUNDDOWN($C5932/24,0)+1,1))-1)+IF('Standard Profiles'!$G$21=$B$10,7,0)+IF('Standard Profiles'!$G$21=$B$17,14,0)+IF('Standard Profiles'!$G$21=$B$24,21,0),MOD($C5932,24)+1)/SUM(INDEX($D$3:$AA$30,INDEX(Jesper!$R$2:$R$366,ROW(INDEX(Jesper!AK$2:AK$366,ROUNDDOWN($C5932/24,0)+1,1))-1)+IF('Standard Profiles'!$G$21=$B$10,7,0)+IF('Standard Profiles'!$G$21=$B$17,14,0)+IF('Standard Profiles'!$G$21=$B$24,21,0),0)),0)</f>
        <v>0.59360755516764441</v>
      </c>
      <c r="H5932" cm="1">
        <f t="array" ref="H5932">IFERROR(INDEX(Jesper!AL$2:AL$366,ROUNDDOWN($C5932/24,0)+1,1)*INDEX($D$3:$AA$30,INDEX(Jesper!$R$2:$R$366,ROW(INDEX(Jesper!AL$2:AL$366,ROUNDDOWN($C5932/24,0)+1,1))-1)+IF('Standard Profiles'!$G$22=$B$10,7,0)+IF('Standard Profiles'!$G$22=$B$17,14,0)+IF('Standard Profiles'!$G$22=$B$24,21,0),MOD($C5932,24)+1)/SUM(INDEX($D$3:$AA$30,INDEX(Jesper!$R$2:$R$366,ROW(INDEX(Jesper!AL$2:AL$366,ROUNDDOWN($C5932/24,0)+1,1))-1)+IF('Standard Profiles'!$G$22=$B$10,7,0)+IF('Standard Profiles'!$G$22=$B$17,14,0)+IF('Standard Profiles'!$G$22=$B$24,21,0),0)),0)</f>
        <v>0.20447301004411891</v>
      </c>
      <c r="I5932">
        <f t="shared" si="664"/>
        <v>0.19629408964235426</v>
      </c>
      <c r="J5932">
        <f t="shared" si="665"/>
        <v>4.111580811883754</v>
      </c>
      <c r="K5932">
        <f t="shared" si="666"/>
        <v>0.21780063187746532</v>
      </c>
      <c r="L5932">
        <f t="shared" si="667"/>
        <v>0.10890031593873266</v>
      </c>
      <c r="M5932">
        <f t="shared" si="668"/>
        <v>0</v>
      </c>
      <c r="N5932" s="45">
        <f t="shared" si="669"/>
        <v>45172.749999985695</v>
      </c>
    </row>
    <row r="5933" spans="2:14" x14ac:dyDescent="0.25">
      <c r="B5933">
        <f t="shared" si="663"/>
        <v>7</v>
      </c>
      <c r="C5933" s="16">
        <v>5899</v>
      </c>
      <c r="D5933" cm="1">
        <f t="array" ref="D5933">IFERROR(INDEX(Jesper!AH$2:AH$366,ROUNDDOWN($C5933/24,0)+1,1)*INDEX($D$3:$AA$30,INDEX(Jesper!$R$2:$R$366,ROW(INDEX(Jesper!AH$2:AH$366,ROUNDDOWN($C5933/24,0)+1,1))-1)+IF('Standard Profiles'!$G$18=$B$10,7,0)+IF('Standard Profiles'!$G$18=$B$17,14,0)+IF('Standard Profiles'!$G$18=$B$24,21,0),MOD($C5933,24)+1)/SUM(INDEX($D$3:$AA$30,INDEX(Jesper!$R$2:$R$366,ROW(INDEX(Jesper!AH$2:AH$366,ROUNDDOWN($C5933/24,0)+1,1))-1)+IF('Standard Profiles'!$G$18=$B$10,7,0)+IF('Standard Profiles'!$G$18=$B$17,14,0)+IF('Standard Profiles'!$G$18=$B$24,21,0),0)),0)</f>
        <v>0</v>
      </c>
      <c r="E5933" cm="1">
        <f t="array" ref="E5933">IFERROR(INDEX(Jesper!AI$2:AI$366,ROUNDDOWN($C5933/24,0)+1,1)*INDEX($D$3:$AA$30,INDEX(Jesper!$R$2:$R$366,ROW(INDEX(Jesper!AI$2:AI$366,ROUNDDOWN($C5933/24,0)+1,1))-1)+IF('Standard Profiles'!$G$19=$B$10,7,0)+IF('Standard Profiles'!$G$19=$B$17,14,0)+IF('Standard Profiles'!$G$19=$B$24,21,0),MOD($C5933,24)+1)/SUM(INDEX($D$3:$AA$30,INDEX(Jesper!$R$2:$R$366,ROW(INDEX(Jesper!AI$2:AI$366,ROUNDDOWN($C5933/24,0)+1,1))-1)+IF('Standard Profiles'!$G$19=$B$10,7,0)+IF('Standard Profiles'!$G$19=$B$17,14,0)+IF('Standard Profiles'!$G$19=$B$24,21,0),0)),0)</f>
        <v>2.7225078984683164</v>
      </c>
      <c r="F5933" cm="1">
        <f t="array" ref="F5933">IFERROR(INDEX(Jesper!AJ$2:AJ$366,ROUNDDOWN($C5933/24,0)+1,1)*INDEX($D$3:$AA$30,INDEX(Jesper!$R$2:$R$366,ROW(INDEX(Jesper!AJ$2:AJ$366,ROUNDDOWN($C5933/24,0)+1,1))-1)+IF('Standard Profiles'!$G$20=$B$10,7,0)+IF('Standard Profiles'!$G$20=$B$17,14,0)+IF('Standard Profiles'!$G$20=$B$24,21,0),MOD($C5933,24)+1)/SUM(INDEX($D$3:$AA$30,INDEX(Jesper!$R$2:$R$366,ROW(INDEX(Jesper!AJ$2:AJ$366,ROUNDDOWN($C5933/24,0)+1,1))-1)+IF('Standard Profiles'!$G$20=$B$10,7,0)+IF('Standard Profiles'!$G$20=$B$17,14,0)+IF('Standard Profiles'!$G$20=$B$24,21,0),0)),0)</f>
        <v>1.1139873856622264</v>
      </c>
      <c r="G5933" cm="1">
        <f t="array" ref="G5933">IFERROR(INDEX(Jesper!AK$2:AK$366,ROUNDDOWN($C5933/24,0)+1,1)*INDEX($D$3:$AA$30,INDEX(Jesper!$R$2:$R$366,ROW(INDEX(Jesper!AK$2:AK$366,ROUNDDOWN($C5933/24,0)+1,1))-1)+IF('Standard Profiles'!$G$21=$B$10,7,0)+IF('Standard Profiles'!$G$21=$B$17,14,0)+IF('Standard Profiles'!$G$21=$B$24,21,0),MOD($C5933,24)+1)/SUM(INDEX($D$3:$AA$30,INDEX(Jesper!$R$2:$R$366,ROW(INDEX(Jesper!AK$2:AK$366,ROUNDDOWN($C5933/24,0)+1,1))-1)+IF('Standard Profiles'!$G$21=$B$10,7,0)+IF('Standard Profiles'!$G$21=$B$17,14,0)+IF('Standard Profiles'!$G$21=$B$24,21,0),0)),0)</f>
        <v>0.59360755516764441</v>
      </c>
      <c r="H5933" cm="1">
        <f t="array" ref="H5933">IFERROR(INDEX(Jesper!AL$2:AL$366,ROUNDDOWN($C5933/24,0)+1,1)*INDEX($D$3:$AA$30,INDEX(Jesper!$R$2:$R$366,ROW(INDEX(Jesper!AL$2:AL$366,ROUNDDOWN($C5933/24,0)+1,1))-1)+IF('Standard Profiles'!$G$22=$B$10,7,0)+IF('Standard Profiles'!$G$22=$B$17,14,0)+IF('Standard Profiles'!$G$22=$B$24,21,0),MOD($C5933,24)+1)/SUM(INDEX($D$3:$AA$30,INDEX(Jesper!$R$2:$R$366,ROW(INDEX(Jesper!AL$2:AL$366,ROUNDDOWN($C5933/24,0)+1,1))-1)+IF('Standard Profiles'!$G$22=$B$10,7,0)+IF('Standard Profiles'!$G$22=$B$17,14,0)+IF('Standard Profiles'!$G$22=$B$24,21,0),0)),0)</f>
        <v>0.17194321299164547</v>
      </c>
      <c r="I5933">
        <f t="shared" si="664"/>
        <v>0.16506548447197975</v>
      </c>
      <c r="J5933">
        <f t="shared" si="665"/>
        <v>4.1102796200016547</v>
      </c>
      <c r="K5933">
        <f t="shared" si="666"/>
        <v>0.21780063187746532</v>
      </c>
      <c r="L5933">
        <f t="shared" si="667"/>
        <v>0.10890031593873266</v>
      </c>
      <c r="M5933">
        <f t="shared" si="668"/>
        <v>0</v>
      </c>
      <c r="N5933" s="45">
        <f t="shared" si="669"/>
        <v>45172.79166665236</v>
      </c>
    </row>
    <row r="5934" spans="2:14" x14ac:dyDescent="0.25">
      <c r="B5934">
        <f t="shared" si="663"/>
        <v>7</v>
      </c>
      <c r="C5934" s="16">
        <v>5900</v>
      </c>
      <c r="D5934" cm="1">
        <f t="array" ref="D5934">IFERROR(INDEX(Jesper!AH$2:AH$366,ROUNDDOWN($C5934/24,0)+1,1)*INDEX($D$3:$AA$30,INDEX(Jesper!$R$2:$R$366,ROW(INDEX(Jesper!AH$2:AH$366,ROUNDDOWN($C5934/24,0)+1,1))-1)+IF('Standard Profiles'!$G$18=$B$10,7,0)+IF('Standard Profiles'!$G$18=$B$17,14,0)+IF('Standard Profiles'!$G$18=$B$24,21,0),MOD($C5934,24)+1)/SUM(INDEX($D$3:$AA$30,INDEX(Jesper!$R$2:$R$366,ROW(INDEX(Jesper!AH$2:AH$366,ROUNDDOWN($C5934/24,0)+1,1))-1)+IF('Standard Profiles'!$G$18=$B$10,7,0)+IF('Standard Profiles'!$G$18=$B$17,14,0)+IF('Standard Profiles'!$G$18=$B$24,21,0),0)),0)</f>
        <v>0</v>
      </c>
      <c r="E5934" cm="1">
        <f t="array" ref="E5934">IFERROR(INDEX(Jesper!AI$2:AI$366,ROUNDDOWN($C5934/24,0)+1,1)*INDEX($D$3:$AA$30,INDEX(Jesper!$R$2:$R$366,ROW(INDEX(Jesper!AI$2:AI$366,ROUNDDOWN($C5934/24,0)+1,1))-1)+IF('Standard Profiles'!$G$19=$B$10,7,0)+IF('Standard Profiles'!$G$19=$B$17,14,0)+IF('Standard Profiles'!$G$19=$B$24,21,0),MOD($C5934,24)+1)/SUM(INDEX($D$3:$AA$30,INDEX(Jesper!$R$2:$R$366,ROW(INDEX(Jesper!AI$2:AI$366,ROUNDDOWN($C5934/24,0)+1,1))-1)+IF('Standard Profiles'!$G$19=$B$10,7,0)+IF('Standard Profiles'!$G$19=$B$17,14,0)+IF('Standard Profiles'!$G$19=$B$24,21,0),0)),0)</f>
        <v>2.7225078984683164</v>
      </c>
      <c r="F5934" cm="1">
        <f t="array" ref="F5934">IFERROR(INDEX(Jesper!AJ$2:AJ$366,ROUNDDOWN($C5934/24,0)+1,1)*INDEX($D$3:$AA$30,INDEX(Jesper!$R$2:$R$366,ROW(INDEX(Jesper!AJ$2:AJ$366,ROUNDDOWN($C5934/24,0)+1,1))-1)+IF('Standard Profiles'!$G$20=$B$10,7,0)+IF('Standard Profiles'!$G$20=$B$17,14,0)+IF('Standard Profiles'!$G$20=$B$24,21,0),MOD($C5934,24)+1)/SUM(INDEX($D$3:$AA$30,INDEX(Jesper!$R$2:$R$366,ROW(INDEX(Jesper!AJ$2:AJ$366,ROUNDDOWN($C5934/24,0)+1,1))-1)+IF('Standard Profiles'!$G$20=$B$10,7,0)+IF('Standard Profiles'!$G$20=$B$17,14,0)+IF('Standard Profiles'!$G$20=$B$24,21,0),0)),0)</f>
        <v>1.1139873856622264</v>
      </c>
      <c r="G5934" cm="1">
        <f t="array" ref="G5934">IFERROR(INDEX(Jesper!AK$2:AK$366,ROUNDDOWN($C5934/24,0)+1,1)*INDEX($D$3:$AA$30,INDEX(Jesper!$R$2:$R$366,ROW(INDEX(Jesper!AK$2:AK$366,ROUNDDOWN($C5934/24,0)+1,1))-1)+IF('Standard Profiles'!$G$21=$B$10,7,0)+IF('Standard Profiles'!$G$21=$B$17,14,0)+IF('Standard Profiles'!$G$21=$B$24,21,0),MOD($C5934,24)+1)/SUM(INDEX($D$3:$AA$30,INDEX(Jesper!$R$2:$R$366,ROW(INDEX(Jesper!AK$2:AK$366,ROUNDDOWN($C5934/24,0)+1,1))-1)+IF('Standard Profiles'!$G$21=$B$10,7,0)+IF('Standard Profiles'!$G$21=$B$17,14,0)+IF('Standard Profiles'!$G$21=$B$24,21,0),0)),0)</f>
        <v>0.59360755516764441</v>
      </c>
      <c r="H5934" cm="1">
        <f t="array" ref="H5934">IFERROR(INDEX(Jesper!AL$2:AL$366,ROUNDDOWN($C5934/24,0)+1,1)*INDEX($D$3:$AA$30,INDEX(Jesper!$R$2:$R$366,ROW(INDEX(Jesper!AL$2:AL$366,ROUNDDOWN($C5934/24,0)+1,1))-1)+IF('Standard Profiles'!$G$22=$B$10,7,0)+IF('Standard Profiles'!$G$22=$B$17,14,0)+IF('Standard Profiles'!$G$22=$B$24,21,0),MOD($C5934,24)+1)/SUM(INDEX($D$3:$AA$30,INDEX(Jesper!$R$2:$R$366,ROW(INDEX(Jesper!AL$2:AL$366,ROUNDDOWN($C5934/24,0)+1,1))-1)+IF('Standard Profiles'!$G$22=$B$10,7,0)+IF('Standard Profiles'!$G$22=$B$17,14,0)+IF('Standard Profiles'!$G$22=$B$24,21,0),0)),0)</f>
        <v>0.14406052980381107</v>
      </c>
      <c r="I5934">
        <f t="shared" si="664"/>
        <v>0.1382981086116587</v>
      </c>
      <c r="J5934">
        <f t="shared" si="665"/>
        <v>4.1091643126741415</v>
      </c>
      <c r="K5934">
        <f t="shared" si="666"/>
        <v>0.21780063187746532</v>
      </c>
      <c r="L5934">
        <f t="shared" si="667"/>
        <v>0.10890031593873266</v>
      </c>
      <c r="M5934">
        <f t="shared" si="668"/>
        <v>0</v>
      </c>
      <c r="N5934" s="45">
        <f t="shared" si="669"/>
        <v>45172.833333319024</v>
      </c>
    </row>
    <row r="5935" spans="2:14" x14ac:dyDescent="0.25">
      <c r="B5935">
        <f t="shared" si="663"/>
        <v>7</v>
      </c>
      <c r="C5935" s="16">
        <v>5901</v>
      </c>
      <c r="D5935" cm="1">
        <f t="array" ref="D5935">IFERROR(INDEX(Jesper!AH$2:AH$366,ROUNDDOWN($C5935/24,0)+1,1)*INDEX($D$3:$AA$30,INDEX(Jesper!$R$2:$R$366,ROW(INDEX(Jesper!AH$2:AH$366,ROUNDDOWN($C5935/24,0)+1,1))-1)+IF('Standard Profiles'!$G$18=$B$10,7,0)+IF('Standard Profiles'!$G$18=$B$17,14,0)+IF('Standard Profiles'!$G$18=$B$24,21,0),MOD($C5935,24)+1)/SUM(INDEX($D$3:$AA$30,INDEX(Jesper!$R$2:$R$366,ROW(INDEX(Jesper!AH$2:AH$366,ROUNDDOWN($C5935/24,0)+1,1))-1)+IF('Standard Profiles'!$G$18=$B$10,7,0)+IF('Standard Profiles'!$G$18=$B$17,14,0)+IF('Standard Profiles'!$G$18=$B$24,21,0),0)),0)</f>
        <v>0</v>
      </c>
      <c r="E5935" cm="1">
        <f t="array" ref="E5935">IFERROR(INDEX(Jesper!AI$2:AI$366,ROUNDDOWN($C5935/24,0)+1,1)*INDEX($D$3:$AA$30,INDEX(Jesper!$R$2:$R$366,ROW(INDEX(Jesper!AI$2:AI$366,ROUNDDOWN($C5935/24,0)+1,1))-1)+IF('Standard Profiles'!$G$19=$B$10,7,0)+IF('Standard Profiles'!$G$19=$B$17,14,0)+IF('Standard Profiles'!$G$19=$B$24,21,0),MOD($C5935,24)+1)/SUM(INDEX($D$3:$AA$30,INDEX(Jesper!$R$2:$R$366,ROW(INDEX(Jesper!AI$2:AI$366,ROUNDDOWN($C5935/24,0)+1,1))-1)+IF('Standard Profiles'!$G$19=$B$10,7,0)+IF('Standard Profiles'!$G$19=$B$17,14,0)+IF('Standard Profiles'!$G$19=$B$24,21,0),0)),0)</f>
        <v>2.7225078984683164</v>
      </c>
      <c r="F5935" cm="1">
        <f t="array" ref="F5935">IFERROR(INDEX(Jesper!AJ$2:AJ$366,ROUNDDOWN($C5935/24,0)+1,1)*INDEX($D$3:$AA$30,INDEX(Jesper!$R$2:$R$366,ROW(INDEX(Jesper!AJ$2:AJ$366,ROUNDDOWN($C5935/24,0)+1,1))-1)+IF('Standard Profiles'!$G$20=$B$10,7,0)+IF('Standard Profiles'!$G$20=$B$17,14,0)+IF('Standard Profiles'!$G$20=$B$24,21,0),MOD($C5935,24)+1)/SUM(INDEX($D$3:$AA$30,INDEX(Jesper!$R$2:$R$366,ROW(INDEX(Jesper!AJ$2:AJ$366,ROUNDDOWN($C5935/24,0)+1,1))-1)+IF('Standard Profiles'!$G$20=$B$10,7,0)+IF('Standard Profiles'!$G$20=$B$17,14,0)+IF('Standard Profiles'!$G$20=$B$24,21,0),0)),0)</f>
        <v>1.1139873856622264</v>
      </c>
      <c r="G5935" cm="1">
        <f t="array" ref="G5935">IFERROR(INDEX(Jesper!AK$2:AK$366,ROUNDDOWN($C5935/24,0)+1,1)*INDEX($D$3:$AA$30,INDEX(Jesper!$R$2:$R$366,ROW(INDEX(Jesper!AK$2:AK$366,ROUNDDOWN($C5935/24,0)+1,1))-1)+IF('Standard Profiles'!$G$21=$B$10,7,0)+IF('Standard Profiles'!$G$21=$B$17,14,0)+IF('Standard Profiles'!$G$21=$B$24,21,0),MOD($C5935,24)+1)/SUM(INDEX($D$3:$AA$30,INDEX(Jesper!$R$2:$R$366,ROW(INDEX(Jesper!AK$2:AK$366,ROUNDDOWN($C5935/24,0)+1,1))-1)+IF('Standard Profiles'!$G$21=$B$10,7,0)+IF('Standard Profiles'!$G$21=$B$17,14,0)+IF('Standard Profiles'!$G$21=$B$24,21,0),0)),0)</f>
        <v>0.59360755516764441</v>
      </c>
      <c r="H5935" cm="1">
        <f t="array" ref="H5935">IFERROR(INDEX(Jesper!AL$2:AL$366,ROUNDDOWN($C5935/24,0)+1,1)*INDEX($D$3:$AA$30,INDEX(Jesper!$R$2:$R$366,ROW(INDEX(Jesper!AL$2:AL$366,ROUNDDOWN($C5935/24,0)+1,1))-1)+IF('Standard Profiles'!$G$22=$B$10,7,0)+IF('Standard Profiles'!$G$22=$B$17,14,0)+IF('Standard Profiles'!$G$22=$B$24,21,0),MOD($C5935,24)+1)/SUM(INDEX($D$3:$AA$30,INDEX(Jesper!$R$2:$R$366,ROW(INDEX(Jesper!AL$2:AL$366,ROUNDDOWN($C5935/24,0)+1,1))-1)+IF('Standard Profiles'!$G$22=$B$10,7,0)+IF('Standard Profiles'!$G$22=$B$17,14,0)+IF('Standard Profiles'!$G$22=$B$24,21,0),0)),0)</f>
        <v>0.12547207434525479</v>
      </c>
      <c r="I5935">
        <f t="shared" si="664"/>
        <v>0.12045319137144465</v>
      </c>
      <c r="J5935">
        <f t="shared" si="665"/>
        <v>4.1084207744557997</v>
      </c>
      <c r="K5935">
        <f t="shared" si="666"/>
        <v>0.21780063187746532</v>
      </c>
      <c r="L5935">
        <f t="shared" si="667"/>
        <v>0.10890031593873266</v>
      </c>
      <c r="M5935">
        <f t="shared" si="668"/>
        <v>0</v>
      </c>
      <c r="N5935" s="45">
        <f t="shared" si="669"/>
        <v>45172.874999985688</v>
      </c>
    </row>
    <row r="5936" spans="2:14" x14ac:dyDescent="0.25">
      <c r="B5936">
        <f t="shared" si="663"/>
        <v>7</v>
      </c>
      <c r="C5936" s="16">
        <v>5902</v>
      </c>
      <c r="D5936" cm="1">
        <f t="array" ref="D5936">IFERROR(INDEX(Jesper!AH$2:AH$366,ROUNDDOWN($C5936/24,0)+1,1)*INDEX($D$3:$AA$30,INDEX(Jesper!$R$2:$R$366,ROW(INDEX(Jesper!AH$2:AH$366,ROUNDDOWN($C5936/24,0)+1,1))-1)+IF('Standard Profiles'!$G$18=$B$10,7,0)+IF('Standard Profiles'!$G$18=$B$17,14,0)+IF('Standard Profiles'!$G$18=$B$24,21,0),MOD($C5936,24)+1)/SUM(INDEX($D$3:$AA$30,INDEX(Jesper!$R$2:$R$366,ROW(INDEX(Jesper!AH$2:AH$366,ROUNDDOWN($C5936/24,0)+1,1))-1)+IF('Standard Profiles'!$G$18=$B$10,7,0)+IF('Standard Profiles'!$G$18=$B$17,14,0)+IF('Standard Profiles'!$G$18=$B$24,21,0),0)),0)</f>
        <v>0</v>
      </c>
      <c r="E5936" cm="1">
        <f t="array" ref="E5936">IFERROR(INDEX(Jesper!AI$2:AI$366,ROUNDDOWN($C5936/24,0)+1,1)*INDEX($D$3:$AA$30,INDEX(Jesper!$R$2:$R$366,ROW(INDEX(Jesper!AI$2:AI$366,ROUNDDOWN($C5936/24,0)+1,1))-1)+IF('Standard Profiles'!$G$19=$B$10,7,0)+IF('Standard Profiles'!$G$19=$B$17,14,0)+IF('Standard Profiles'!$G$19=$B$24,21,0),MOD($C5936,24)+1)/SUM(INDEX($D$3:$AA$30,INDEX(Jesper!$R$2:$R$366,ROW(INDEX(Jesper!AI$2:AI$366,ROUNDDOWN($C5936/24,0)+1,1))-1)+IF('Standard Profiles'!$G$19=$B$10,7,0)+IF('Standard Profiles'!$G$19=$B$17,14,0)+IF('Standard Profiles'!$G$19=$B$24,21,0),0)),0)</f>
        <v>2.7225078984683164</v>
      </c>
      <c r="F5936" cm="1">
        <f t="array" ref="F5936">IFERROR(INDEX(Jesper!AJ$2:AJ$366,ROUNDDOWN($C5936/24,0)+1,1)*INDEX($D$3:$AA$30,INDEX(Jesper!$R$2:$R$366,ROW(INDEX(Jesper!AJ$2:AJ$366,ROUNDDOWN($C5936/24,0)+1,1))-1)+IF('Standard Profiles'!$G$20=$B$10,7,0)+IF('Standard Profiles'!$G$20=$B$17,14,0)+IF('Standard Profiles'!$G$20=$B$24,21,0),MOD($C5936,24)+1)/SUM(INDEX($D$3:$AA$30,INDEX(Jesper!$R$2:$R$366,ROW(INDEX(Jesper!AJ$2:AJ$366,ROUNDDOWN($C5936/24,0)+1,1))-1)+IF('Standard Profiles'!$G$20=$B$10,7,0)+IF('Standard Profiles'!$G$20=$B$17,14,0)+IF('Standard Profiles'!$G$20=$B$24,21,0),0)),0)</f>
        <v>1.1139873856622264</v>
      </c>
      <c r="G5936" cm="1">
        <f t="array" ref="G5936">IFERROR(INDEX(Jesper!AK$2:AK$366,ROUNDDOWN($C5936/24,0)+1,1)*INDEX($D$3:$AA$30,INDEX(Jesper!$R$2:$R$366,ROW(INDEX(Jesper!AK$2:AK$366,ROUNDDOWN($C5936/24,0)+1,1))-1)+IF('Standard Profiles'!$G$21=$B$10,7,0)+IF('Standard Profiles'!$G$21=$B$17,14,0)+IF('Standard Profiles'!$G$21=$B$24,21,0),MOD($C5936,24)+1)/SUM(INDEX($D$3:$AA$30,INDEX(Jesper!$R$2:$R$366,ROW(INDEX(Jesper!AK$2:AK$366,ROUNDDOWN($C5936/24,0)+1,1))-1)+IF('Standard Profiles'!$G$21=$B$10,7,0)+IF('Standard Profiles'!$G$21=$B$17,14,0)+IF('Standard Profiles'!$G$21=$B$24,21,0),0)),0)</f>
        <v>0.59360755516764441</v>
      </c>
      <c r="H5936" cm="1">
        <f t="array" ref="H5936">IFERROR(INDEX(Jesper!AL$2:AL$366,ROUNDDOWN($C5936/24,0)+1,1)*INDEX($D$3:$AA$30,INDEX(Jesper!$R$2:$R$366,ROW(INDEX(Jesper!AL$2:AL$366,ROUNDDOWN($C5936/24,0)+1,1))-1)+IF('Standard Profiles'!$G$22=$B$10,7,0)+IF('Standard Profiles'!$G$22=$B$17,14,0)+IF('Standard Profiles'!$G$22=$B$24,21,0),MOD($C5936,24)+1)/SUM(INDEX($D$3:$AA$30,INDEX(Jesper!$R$2:$R$366,ROW(INDEX(Jesper!AL$2:AL$366,ROUNDDOWN($C5936/24,0)+1,1))-1)+IF('Standard Profiles'!$G$22=$B$10,7,0)+IF('Standard Profiles'!$G$22=$B$17,14,0)+IF('Standard Profiles'!$G$22=$B$24,21,0),0)),0)</f>
        <v>0.12547207434525479</v>
      </c>
      <c r="I5936">
        <f t="shared" si="664"/>
        <v>0.12045319137144465</v>
      </c>
      <c r="J5936">
        <f t="shared" si="665"/>
        <v>4.1084207744557997</v>
      </c>
      <c r="K5936">
        <f t="shared" si="666"/>
        <v>0.21780063187746532</v>
      </c>
      <c r="L5936">
        <f t="shared" si="667"/>
        <v>0.10890031593873266</v>
      </c>
      <c r="M5936">
        <f t="shared" si="668"/>
        <v>0</v>
      </c>
      <c r="N5936" s="45">
        <f t="shared" si="669"/>
        <v>45172.916666652352</v>
      </c>
    </row>
    <row r="5937" spans="2:14" x14ac:dyDescent="0.25">
      <c r="B5937">
        <f t="shared" si="663"/>
        <v>7</v>
      </c>
      <c r="C5937" s="16">
        <v>5903</v>
      </c>
      <c r="D5937" cm="1">
        <f t="array" ref="D5937">IFERROR(INDEX(Jesper!AH$2:AH$366,ROUNDDOWN($C5937/24,0)+1,1)*INDEX($D$3:$AA$30,INDEX(Jesper!$R$2:$R$366,ROW(INDEX(Jesper!AH$2:AH$366,ROUNDDOWN($C5937/24,0)+1,1))-1)+IF('Standard Profiles'!$G$18=$B$10,7,0)+IF('Standard Profiles'!$G$18=$B$17,14,0)+IF('Standard Profiles'!$G$18=$B$24,21,0),MOD($C5937,24)+1)/SUM(INDEX($D$3:$AA$30,INDEX(Jesper!$R$2:$R$366,ROW(INDEX(Jesper!AH$2:AH$366,ROUNDDOWN($C5937/24,0)+1,1))-1)+IF('Standard Profiles'!$G$18=$B$10,7,0)+IF('Standard Profiles'!$G$18=$B$17,14,0)+IF('Standard Profiles'!$G$18=$B$24,21,0),0)),0)</f>
        <v>0</v>
      </c>
      <c r="E5937" cm="1">
        <f t="array" ref="E5937">IFERROR(INDEX(Jesper!AI$2:AI$366,ROUNDDOWN($C5937/24,0)+1,1)*INDEX($D$3:$AA$30,INDEX(Jesper!$R$2:$R$366,ROW(INDEX(Jesper!AI$2:AI$366,ROUNDDOWN($C5937/24,0)+1,1))-1)+IF('Standard Profiles'!$G$19=$B$10,7,0)+IF('Standard Profiles'!$G$19=$B$17,14,0)+IF('Standard Profiles'!$G$19=$B$24,21,0),MOD($C5937,24)+1)/SUM(INDEX($D$3:$AA$30,INDEX(Jesper!$R$2:$R$366,ROW(INDEX(Jesper!AI$2:AI$366,ROUNDDOWN($C5937/24,0)+1,1))-1)+IF('Standard Profiles'!$G$19=$B$10,7,0)+IF('Standard Profiles'!$G$19=$B$17,14,0)+IF('Standard Profiles'!$G$19=$B$24,21,0),0)),0)</f>
        <v>2.7225078984683164</v>
      </c>
      <c r="F5937" cm="1">
        <f t="array" ref="F5937">IFERROR(INDEX(Jesper!AJ$2:AJ$366,ROUNDDOWN($C5937/24,0)+1,1)*INDEX($D$3:$AA$30,INDEX(Jesper!$R$2:$R$366,ROW(INDEX(Jesper!AJ$2:AJ$366,ROUNDDOWN($C5937/24,0)+1,1))-1)+IF('Standard Profiles'!$G$20=$B$10,7,0)+IF('Standard Profiles'!$G$20=$B$17,14,0)+IF('Standard Profiles'!$G$20=$B$24,21,0),MOD($C5937,24)+1)/SUM(INDEX($D$3:$AA$30,INDEX(Jesper!$R$2:$R$366,ROW(INDEX(Jesper!AJ$2:AJ$366,ROUNDDOWN($C5937/24,0)+1,1))-1)+IF('Standard Profiles'!$G$20=$B$10,7,0)+IF('Standard Profiles'!$G$20=$B$17,14,0)+IF('Standard Profiles'!$G$20=$B$24,21,0),0)),0)</f>
        <v>1.1139873856622264</v>
      </c>
      <c r="G5937" cm="1">
        <f t="array" ref="G5937">IFERROR(INDEX(Jesper!AK$2:AK$366,ROUNDDOWN($C5937/24,0)+1,1)*INDEX($D$3:$AA$30,INDEX(Jesper!$R$2:$R$366,ROW(INDEX(Jesper!AK$2:AK$366,ROUNDDOWN($C5937/24,0)+1,1))-1)+IF('Standard Profiles'!$G$21=$B$10,7,0)+IF('Standard Profiles'!$G$21=$B$17,14,0)+IF('Standard Profiles'!$G$21=$B$24,21,0),MOD($C5937,24)+1)/SUM(INDEX($D$3:$AA$30,INDEX(Jesper!$R$2:$R$366,ROW(INDEX(Jesper!AK$2:AK$366,ROUNDDOWN($C5937/24,0)+1,1))-1)+IF('Standard Profiles'!$G$21=$B$10,7,0)+IF('Standard Profiles'!$G$21=$B$17,14,0)+IF('Standard Profiles'!$G$21=$B$24,21,0),0)),0)</f>
        <v>0.59360755516764441</v>
      </c>
      <c r="H5937" cm="1">
        <f t="array" ref="H5937">IFERROR(INDEX(Jesper!AL$2:AL$366,ROUNDDOWN($C5937/24,0)+1,1)*INDEX($D$3:$AA$30,INDEX(Jesper!$R$2:$R$366,ROW(INDEX(Jesper!AL$2:AL$366,ROUNDDOWN($C5937/24,0)+1,1))-1)+IF('Standard Profiles'!$G$22=$B$10,7,0)+IF('Standard Profiles'!$G$22=$B$17,14,0)+IF('Standard Profiles'!$G$22=$B$24,21,0),MOD($C5937,24)+1)/SUM(INDEX($D$3:$AA$30,INDEX(Jesper!$R$2:$R$366,ROW(INDEX(Jesper!AL$2:AL$366,ROUNDDOWN($C5937/24,0)+1,1))-1)+IF('Standard Profiles'!$G$22=$B$10,7,0)+IF('Standard Profiles'!$G$22=$B$17,14,0)+IF('Standard Profiles'!$G$22=$B$24,21,0),0)),0)</f>
        <v>0.12547207434525479</v>
      </c>
      <c r="I5937">
        <f t="shared" si="664"/>
        <v>0.12045319137144465</v>
      </c>
      <c r="J5937">
        <f t="shared" si="665"/>
        <v>4.1084207744557997</v>
      </c>
      <c r="K5937">
        <f t="shared" si="666"/>
        <v>0.21780063187746532</v>
      </c>
      <c r="L5937">
        <f t="shared" si="667"/>
        <v>0.10890031593873266</v>
      </c>
      <c r="M5937">
        <f t="shared" si="668"/>
        <v>0</v>
      </c>
      <c r="N5937" s="45">
        <f t="shared" si="669"/>
        <v>45172.958333319017</v>
      </c>
    </row>
    <row r="5938" spans="2:14" x14ac:dyDescent="0.25">
      <c r="B5938">
        <f t="shared" si="663"/>
        <v>1</v>
      </c>
      <c r="C5938" s="16">
        <v>5904</v>
      </c>
      <c r="D5938" cm="1">
        <f t="array" ref="D5938">IFERROR(INDEX(Jesper!AH$2:AH$366,ROUNDDOWN($C5938/24,0)+1,1)*INDEX($D$3:$AA$30,INDEX(Jesper!$R$2:$R$366,ROW(INDEX(Jesper!AH$2:AH$366,ROUNDDOWN($C5938/24,0)+1,1))-1)+IF('Standard Profiles'!$G$18=$B$10,7,0)+IF('Standard Profiles'!$G$18=$B$17,14,0)+IF('Standard Profiles'!$G$18=$B$24,21,0),MOD($C5938,24)+1)/SUM(INDEX($D$3:$AA$30,INDEX(Jesper!$R$2:$R$366,ROW(INDEX(Jesper!AH$2:AH$366,ROUNDDOWN($C5938/24,0)+1,1))-1)+IF('Standard Profiles'!$G$18=$B$10,7,0)+IF('Standard Profiles'!$G$18=$B$17,14,0)+IF('Standard Profiles'!$G$18=$B$24,21,0),0)),0)</f>
        <v>5.2197063495595764</v>
      </c>
      <c r="E5938" cm="1">
        <f t="array" ref="E5938">IFERROR(INDEX(Jesper!AI$2:AI$366,ROUNDDOWN($C5938/24,0)+1,1)*INDEX($D$3:$AA$30,INDEX(Jesper!$R$2:$R$366,ROW(INDEX(Jesper!AI$2:AI$366,ROUNDDOWN($C5938/24,0)+1,1))-1)+IF('Standard Profiles'!$G$19=$B$10,7,0)+IF('Standard Profiles'!$G$19=$B$17,14,0)+IF('Standard Profiles'!$G$19=$B$24,21,0),MOD($C5938,24)+1)/SUM(INDEX($D$3:$AA$30,INDEX(Jesper!$R$2:$R$366,ROW(INDEX(Jesper!AI$2:AI$366,ROUNDDOWN($C5938/24,0)+1,1))-1)+IF('Standard Profiles'!$G$19=$B$10,7,0)+IF('Standard Profiles'!$G$19=$B$17,14,0)+IF('Standard Profiles'!$G$19=$B$24,21,0),0)),0)</f>
        <v>2.3434932609455732</v>
      </c>
      <c r="F5938" cm="1">
        <f t="array" ref="F5938">IFERROR(INDEX(Jesper!AJ$2:AJ$366,ROUNDDOWN($C5938/24,0)+1,1)*INDEX($D$3:$AA$30,INDEX(Jesper!$R$2:$R$366,ROW(INDEX(Jesper!AJ$2:AJ$366,ROUNDDOWN($C5938/24,0)+1,1))-1)+IF('Standard Profiles'!$G$20=$B$10,7,0)+IF('Standard Profiles'!$G$20=$B$17,14,0)+IF('Standard Profiles'!$G$20=$B$24,21,0),MOD($C5938,24)+1)/SUM(INDEX($D$3:$AA$30,INDEX(Jesper!$R$2:$R$366,ROW(INDEX(Jesper!AJ$2:AJ$366,ROUNDDOWN($C5938/24,0)+1,1))-1)+IF('Standard Profiles'!$G$20=$B$10,7,0)+IF('Standard Profiles'!$G$20=$B$17,14,0)+IF('Standard Profiles'!$G$20=$B$24,21,0),0)),0)</f>
        <v>0</v>
      </c>
      <c r="G5938" cm="1">
        <f t="array" ref="G5938">IFERROR(INDEX(Jesper!AK$2:AK$366,ROUNDDOWN($C5938/24,0)+1,1)*INDEX($D$3:$AA$30,INDEX(Jesper!$R$2:$R$366,ROW(INDEX(Jesper!AK$2:AK$366,ROUNDDOWN($C5938/24,0)+1,1))-1)+IF('Standard Profiles'!$G$21=$B$10,7,0)+IF('Standard Profiles'!$G$21=$B$17,14,0)+IF('Standard Profiles'!$G$21=$B$24,21,0),MOD($C5938,24)+1)/SUM(INDEX($D$3:$AA$30,INDEX(Jesper!$R$2:$R$366,ROW(INDEX(Jesper!AK$2:AK$366,ROUNDDOWN($C5938/24,0)+1,1))-1)+IF('Standard Profiles'!$G$21=$B$10,7,0)+IF('Standard Profiles'!$G$21=$B$17,14,0)+IF('Standard Profiles'!$G$21=$B$24,21,0),0)),0)</f>
        <v>0.3052073205152338</v>
      </c>
      <c r="H5938" cm="1">
        <f t="array" ref="H5938">IFERROR(INDEX(Jesper!AL$2:AL$366,ROUNDDOWN($C5938/24,0)+1,1)*INDEX($D$3:$AA$30,INDEX(Jesper!$R$2:$R$366,ROW(INDEX(Jesper!AL$2:AL$366,ROUNDDOWN($C5938/24,0)+1,1))-1)+IF('Standard Profiles'!$G$22=$B$10,7,0)+IF('Standard Profiles'!$G$22=$B$17,14,0)+IF('Standard Profiles'!$G$22=$B$24,21,0),MOD($C5938,24)+1)/SUM(INDEX($D$3:$AA$30,INDEX(Jesper!$R$2:$R$366,ROW(INDEX(Jesper!AL$2:AL$366,ROUNDDOWN($C5938/24,0)+1,1))-1)+IF('Standard Profiles'!$G$22=$B$10,7,0)+IF('Standard Profiles'!$G$22=$B$17,14,0)+IF('Standard Profiles'!$G$22=$B$24,21,0),0)),0)</f>
        <v>0</v>
      </c>
      <c r="I5938">
        <f t="shared" si="664"/>
        <v>0.14649951384731216</v>
      </c>
      <c r="J5938">
        <f t="shared" si="665"/>
        <v>6.8867544012435387</v>
      </c>
      <c r="K5938">
        <f t="shared" si="666"/>
        <v>0.55676867728635482</v>
      </c>
      <c r="L5938">
        <f t="shared" si="667"/>
        <v>0.27838433864317741</v>
      </c>
      <c r="M5938">
        <f t="shared" si="668"/>
        <v>0</v>
      </c>
      <c r="N5938" s="45">
        <f t="shared" si="669"/>
        <v>45172.999999985681</v>
      </c>
    </row>
    <row r="5939" spans="2:14" x14ac:dyDescent="0.25">
      <c r="B5939">
        <f t="shared" si="663"/>
        <v>1</v>
      </c>
      <c r="C5939" s="16">
        <v>5905</v>
      </c>
      <c r="D5939" cm="1">
        <f t="array" ref="D5939">IFERROR(INDEX(Jesper!AH$2:AH$366,ROUNDDOWN($C5939/24,0)+1,1)*INDEX($D$3:$AA$30,INDEX(Jesper!$R$2:$R$366,ROW(INDEX(Jesper!AH$2:AH$366,ROUNDDOWN($C5939/24,0)+1,1))-1)+IF('Standard Profiles'!$G$18=$B$10,7,0)+IF('Standard Profiles'!$G$18=$B$17,14,0)+IF('Standard Profiles'!$G$18=$B$24,21,0),MOD($C5939,24)+1)/SUM(INDEX($D$3:$AA$30,INDEX(Jesper!$R$2:$R$366,ROW(INDEX(Jesper!AH$2:AH$366,ROUNDDOWN($C5939/24,0)+1,1))-1)+IF('Standard Profiles'!$G$18=$B$10,7,0)+IF('Standard Profiles'!$G$18=$B$17,14,0)+IF('Standard Profiles'!$G$18=$B$24,21,0),0)),0)</f>
        <v>5.2197063495595764</v>
      </c>
      <c r="E5939" cm="1">
        <f t="array" ref="E5939">IFERROR(INDEX(Jesper!AI$2:AI$366,ROUNDDOWN($C5939/24,0)+1,1)*INDEX($D$3:$AA$30,INDEX(Jesper!$R$2:$R$366,ROW(INDEX(Jesper!AI$2:AI$366,ROUNDDOWN($C5939/24,0)+1,1))-1)+IF('Standard Profiles'!$G$19=$B$10,7,0)+IF('Standard Profiles'!$G$19=$B$17,14,0)+IF('Standard Profiles'!$G$19=$B$24,21,0),MOD($C5939,24)+1)/SUM(INDEX($D$3:$AA$30,INDEX(Jesper!$R$2:$R$366,ROW(INDEX(Jesper!AI$2:AI$366,ROUNDDOWN($C5939/24,0)+1,1))-1)+IF('Standard Profiles'!$G$19=$B$10,7,0)+IF('Standard Profiles'!$G$19=$B$17,14,0)+IF('Standard Profiles'!$G$19=$B$24,21,0),0)),0)</f>
        <v>2.3434932609455732</v>
      </c>
      <c r="F5939" cm="1">
        <f t="array" ref="F5939">IFERROR(INDEX(Jesper!AJ$2:AJ$366,ROUNDDOWN($C5939/24,0)+1,1)*INDEX($D$3:$AA$30,INDEX(Jesper!$R$2:$R$366,ROW(INDEX(Jesper!AJ$2:AJ$366,ROUNDDOWN($C5939/24,0)+1,1))-1)+IF('Standard Profiles'!$G$20=$B$10,7,0)+IF('Standard Profiles'!$G$20=$B$17,14,0)+IF('Standard Profiles'!$G$20=$B$24,21,0),MOD($C5939,24)+1)/SUM(INDEX($D$3:$AA$30,INDEX(Jesper!$R$2:$R$366,ROW(INDEX(Jesper!AJ$2:AJ$366,ROUNDDOWN($C5939/24,0)+1,1))-1)+IF('Standard Profiles'!$G$20=$B$10,7,0)+IF('Standard Profiles'!$G$20=$B$17,14,0)+IF('Standard Profiles'!$G$20=$B$24,21,0),0)),0)</f>
        <v>0</v>
      </c>
      <c r="G5939" cm="1">
        <f t="array" ref="G5939">IFERROR(INDEX(Jesper!AK$2:AK$366,ROUNDDOWN($C5939/24,0)+1,1)*INDEX($D$3:$AA$30,INDEX(Jesper!$R$2:$R$366,ROW(INDEX(Jesper!AK$2:AK$366,ROUNDDOWN($C5939/24,0)+1,1))-1)+IF('Standard Profiles'!$G$21=$B$10,7,0)+IF('Standard Profiles'!$G$21=$B$17,14,0)+IF('Standard Profiles'!$G$21=$B$24,21,0),MOD($C5939,24)+1)/SUM(INDEX($D$3:$AA$30,INDEX(Jesper!$R$2:$R$366,ROW(INDEX(Jesper!AK$2:AK$366,ROUNDDOWN($C5939/24,0)+1,1))-1)+IF('Standard Profiles'!$G$21=$B$10,7,0)+IF('Standard Profiles'!$G$21=$B$17,14,0)+IF('Standard Profiles'!$G$21=$B$24,21,0),0)),0)</f>
        <v>0.3052073205152338</v>
      </c>
      <c r="H5939" cm="1">
        <f t="array" ref="H5939">IFERROR(INDEX(Jesper!AL$2:AL$366,ROUNDDOWN($C5939/24,0)+1,1)*INDEX($D$3:$AA$30,INDEX(Jesper!$R$2:$R$366,ROW(INDEX(Jesper!AL$2:AL$366,ROUNDDOWN($C5939/24,0)+1,1))-1)+IF('Standard Profiles'!$G$22=$B$10,7,0)+IF('Standard Profiles'!$G$22=$B$17,14,0)+IF('Standard Profiles'!$G$22=$B$24,21,0),MOD($C5939,24)+1)/SUM(INDEX($D$3:$AA$30,INDEX(Jesper!$R$2:$R$366,ROW(INDEX(Jesper!AL$2:AL$366,ROUNDDOWN($C5939/24,0)+1,1))-1)+IF('Standard Profiles'!$G$22=$B$10,7,0)+IF('Standard Profiles'!$G$22=$B$17,14,0)+IF('Standard Profiles'!$G$22=$B$24,21,0),0)),0)</f>
        <v>0</v>
      </c>
      <c r="I5939">
        <f t="shared" si="664"/>
        <v>0.14649951384731216</v>
      </c>
      <c r="J5939">
        <f t="shared" si="665"/>
        <v>6.8867544012435387</v>
      </c>
      <c r="K5939">
        <f t="shared" si="666"/>
        <v>0.55676867728635482</v>
      </c>
      <c r="L5939">
        <f t="shared" si="667"/>
        <v>0.27838433864317741</v>
      </c>
      <c r="M5939">
        <f t="shared" si="668"/>
        <v>0</v>
      </c>
      <c r="N5939" s="45">
        <f t="shared" si="669"/>
        <v>45173.041666652345</v>
      </c>
    </row>
    <row r="5940" spans="2:14" x14ac:dyDescent="0.25">
      <c r="B5940">
        <f t="shared" si="663"/>
        <v>1</v>
      </c>
      <c r="C5940" s="16">
        <v>5906</v>
      </c>
      <c r="D5940" cm="1">
        <f t="array" ref="D5940">IFERROR(INDEX(Jesper!AH$2:AH$366,ROUNDDOWN($C5940/24,0)+1,1)*INDEX($D$3:$AA$30,INDEX(Jesper!$R$2:$R$366,ROW(INDEX(Jesper!AH$2:AH$366,ROUNDDOWN($C5940/24,0)+1,1))-1)+IF('Standard Profiles'!$G$18=$B$10,7,0)+IF('Standard Profiles'!$G$18=$B$17,14,0)+IF('Standard Profiles'!$G$18=$B$24,21,0),MOD($C5940,24)+1)/SUM(INDEX($D$3:$AA$30,INDEX(Jesper!$R$2:$R$366,ROW(INDEX(Jesper!AH$2:AH$366,ROUNDDOWN($C5940/24,0)+1,1))-1)+IF('Standard Profiles'!$G$18=$B$10,7,0)+IF('Standard Profiles'!$G$18=$B$17,14,0)+IF('Standard Profiles'!$G$18=$B$24,21,0),0)),0)</f>
        <v>5.2197063495595764</v>
      </c>
      <c r="E5940" cm="1">
        <f t="array" ref="E5940">IFERROR(INDEX(Jesper!AI$2:AI$366,ROUNDDOWN($C5940/24,0)+1,1)*INDEX($D$3:$AA$30,INDEX(Jesper!$R$2:$R$366,ROW(INDEX(Jesper!AI$2:AI$366,ROUNDDOWN($C5940/24,0)+1,1))-1)+IF('Standard Profiles'!$G$19=$B$10,7,0)+IF('Standard Profiles'!$G$19=$B$17,14,0)+IF('Standard Profiles'!$G$19=$B$24,21,0),MOD($C5940,24)+1)/SUM(INDEX($D$3:$AA$30,INDEX(Jesper!$R$2:$R$366,ROW(INDEX(Jesper!AI$2:AI$366,ROUNDDOWN($C5940/24,0)+1,1))-1)+IF('Standard Profiles'!$G$19=$B$10,7,0)+IF('Standard Profiles'!$G$19=$B$17,14,0)+IF('Standard Profiles'!$G$19=$B$24,21,0),0)),0)</f>
        <v>2.3434932609455732</v>
      </c>
      <c r="F5940" cm="1">
        <f t="array" ref="F5940">IFERROR(INDEX(Jesper!AJ$2:AJ$366,ROUNDDOWN($C5940/24,0)+1,1)*INDEX($D$3:$AA$30,INDEX(Jesper!$R$2:$R$366,ROW(INDEX(Jesper!AJ$2:AJ$366,ROUNDDOWN($C5940/24,0)+1,1))-1)+IF('Standard Profiles'!$G$20=$B$10,7,0)+IF('Standard Profiles'!$G$20=$B$17,14,0)+IF('Standard Profiles'!$G$20=$B$24,21,0),MOD($C5940,24)+1)/SUM(INDEX($D$3:$AA$30,INDEX(Jesper!$R$2:$R$366,ROW(INDEX(Jesper!AJ$2:AJ$366,ROUNDDOWN($C5940/24,0)+1,1))-1)+IF('Standard Profiles'!$G$20=$B$10,7,0)+IF('Standard Profiles'!$G$20=$B$17,14,0)+IF('Standard Profiles'!$G$20=$B$24,21,0),0)),0)</f>
        <v>0</v>
      </c>
      <c r="G5940" cm="1">
        <f t="array" ref="G5940">IFERROR(INDEX(Jesper!AK$2:AK$366,ROUNDDOWN($C5940/24,0)+1,1)*INDEX($D$3:$AA$30,INDEX(Jesper!$R$2:$R$366,ROW(INDEX(Jesper!AK$2:AK$366,ROUNDDOWN($C5940/24,0)+1,1))-1)+IF('Standard Profiles'!$G$21=$B$10,7,0)+IF('Standard Profiles'!$G$21=$B$17,14,0)+IF('Standard Profiles'!$G$21=$B$24,21,0),MOD($C5940,24)+1)/SUM(INDEX($D$3:$AA$30,INDEX(Jesper!$R$2:$R$366,ROW(INDEX(Jesper!AK$2:AK$366,ROUNDDOWN($C5940/24,0)+1,1))-1)+IF('Standard Profiles'!$G$21=$B$10,7,0)+IF('Standard Profiles'!$G$21=$B$17,14,0)+IF('Standard Profiles'!$G$21=$B$24,21,0),0)),0)</f>
        <v>0.3052073205152338</v>
      </c>
      <c r="H5940" cm="1">
        <f t="array" ref="H5940">IFERROR(INDEX(Jesper!AL$2:AL$366,ROUNDDOWN($C5940/24,0)+1,1)*INDEX($D$3:$AA$30,INDEX(Jesper!$R$2:$R$366,ROW(INDEX(Jesper!AL$2:AL$366,ROUNDDOWN($C5940/24,0)+1,1))-1)+IF('Standard Profiles'!$G$22=$B$10,7,0)+IF('Standard Profiles'!$G$22=$B$17,14,0)+IF('Standard Profiles'!$G$22=$B$24,21,0),MOD($C5940,24)+1)/SUM(INDEX($D$3:$AA$30,INDEX(Jesper!$R$2:$R$366,ROW(INDEX(Jesper!AL$2:AL$366,ROUNDDOWN($C5940/24,0)+1,1))-1)+IF('Standard Profiles'!$G$22=$B$10,7,0)+IF('Standard Profiles'!$G$22=$B$17,14,0)+IF('Standard Profiles'!$G$22=$B$24,21,0),0)),0)</f>
        <v>0</v>
      </c>
      <c r="I5940">
        <f t="shared" si="664"/>
        <v>0.14649951384731216</v>
      </c>
      <c r="J5940">
        <f t="shared" si="665"/>
        <v>6.8867544012435387</v>
      </c>
      <c r="K5940">
        <f t="shared" si="666"/>
        <v>0.55676867728635482</v>
      </c>
      <c r="L5940">
        <f t="shared" si="667"/>
        <v>0.27838433864317741</v>
      </c>
      <c r="M5940">
        <f t="shared" si="668"/>
        <v>0</v>
      </c>
      <c r="N5940" s="45">
        <f t="shared" si="669"/>
        <v>45173.083333319009</v>
      </c>
    </row>
    <row r="5941" spans="2:14" x14ac:dyDescent="0.25">
      <c r="B5941">
        <f t="shared" si="663"/>
        <v>1</v>
      </c>
      <c r="C5941" s="16">
        <v>5907</v>
      </c>
      <c r="D5941" cm="1">
        <f t="array" ref="D5941">IFERROR(INDEX(Jesper!AH$2:AH$366,ROUNDDOWN($C5941/24,0)+1,1)*INDEX($D$3:$AA$30,INDEX(Jesper!$R$2:$R$366,ROW(INDEX(Jesper!AH$2:AH$366,ROUNDDOWN($C5941/24,0)+1,1))-1)+IF('Standard Profiles'!$G$18=$B$10,7,0)+IF('Standard Profiles'!$G$18=$B$17,14,0)+IF('Standard Profiles'!$G$18=$B$24,21,0),MOD($C5941,24)+1)/SUM(INDEX($D$3:$AA$30,INDEX(Jesper!$R$2:$R$366,ROW(INDEX(Jesper!AH$2:AH$366,ROUNDDOWN($C5941/24,0)+1,1))-1)+IF('Standard Profiles'!$G$18=$B$10,7,0)+IF('Standard Profiles'!$G$18=$B$17,14,0)+IF('Standard Profiles'!$G$18=$B$24,21,0),0)),0)</f>
        <v>5.2197063495595764</v>
      </c>
      <c r="E5941" cm="1">
        <f t="array" ref="E5941">IFERROR(INDEX(Jesper!AI$2:AI$366,ROUNDDOWN($C5941/24,0)+1,1)*INDEX($D$3:$AA$30,INDEX(Jesper!$R$2:$R$366,ROW(INDEX(Jesper!AI$2:AI$366,ROUNDDOWN($C5941/24,0)+1,1))-1)+IF('Standard Profiles'!$G$19=$B$10,7,0)+IF('Standard Profiles'!$G$19=$B$17,14,0)+IF('Standard Profiles'!$G$19=$B$24,21,0),MOD($C5941,24)+1)/SUM(INDEX($D$3:$AA$30,INDEX(Jesper!$R$2:$R$366,ROW(INDEX(Jesper!AI$2:AI$366,ROUNDDOWN($C5941/24,0)+1,1))-1)+IF('Standard Profiles'!$G$19=$B$10,7,0)+IF('Standard Profiles'!$G$19=$B$17,14,0)+IF('Standard Profiles'!$G$19=$B$24,21,0),0)),0)</f>
        <v>2.3434932609455732</v>
      </c>
      <c r="F5941" cm="1">
        <f t="array" ref="F5941">IFERROR(INDEX(Jesper!AJ$2:AJ$366,ROUNDDOWN($C5941/24,0)+1,1)*INDEX($D$3:$AA$30,INDEX(Jesper!$R$2:$R$366,ROW(INDEX(Jesper!AJ$2:AJ$366,ROUNDDOWN($C5941/24,0)+1,1))-1)+IF('Standard Profiles'!$G$20=$B$10,7,0)+IF('Standard Profiles'!$G$20=$B$17,14,0)+IF('Standard Profiles'!$G$20=$B$24,21,0),MOD($C5941,24)+1)/SUM(INDEX($D$3:$AA$30,INDEX(Jesper!$R$2:$R$366,ROW(INDEX(Jesper!AJ$2:AJ$366,ROUNDDOWN($C5941/24,0)+1,1))-1)+IF('Standard Profiles'!$G$20=$B$10,7,0)+IF('Standard Profiles'!$G$20=$B$17,14,0)+IF('Standard Profiles'!$G$20=$B$24,21,0),0)),0)</f>
        <v>0</v>
      </c>
      <c r="G5941" cm="1">
        <f t="array" ref="G5941">IFERROR(INDEX(Jesper!AK$2:AK$366,ROUNDDOWN($C5941/24,0)+1,1)*INDEX($D$3:$AA$30,INDEX(Jesper!$R$2:$R$366,ROW(INDEX(Jesper!AK$2:AK$366,ROUNDDOWN($C5941/24,0)+1,1))-1)+IF('Standard Profiles'!$G$21=$B$10,7,0)+IF('Standard Profiles'!$G$21=$B$17,14,0)+IF('Standard Profiles'!$G$21=$B$24,21,0),MOD($C5941,24)+1)/SUM(INDEX($D$3:$AA$30,INDEX(Jesper!$R$2:$R$366,ROW(INDEX(Jesper!AK$2:AK$366,ROUNDDOWN($C5941/24,0)+1,1))-1)+IF('Standard Profiles'!$G$21=$B$10,7,0)+IF('Standard Profiles'!$G$21=$B$17,14,0)+IF('Standard Profiles'!$G$21=$B$24,21,0),0)),0)</f>
        <v>0.3052073205152338</v>
      </c>
      <c r="H5941" cm="1">
        <f t="array" ref="H5941">IFERROR(INDEX(Jesper!AL$2:AL$366,ROUNDDOWN($C5941/24,0)+1,1)*INDEX($D$3:$AA$30,INDEX(Jesper!$R$2:$R$366,ROW(INDEX(Jesper!AL$2:AL$366,ROUNDDOWN($C5941/24,0)+1,1))-1)+IF('Standard Profiles'!$G$22=$B$10,7,0)+IF('Standard Profiles'!$G$22=$B$17,14,0)+IF('Standard Profiles'!$G$22=$B$24,21,0),MOD($C5941,24)+1)/SUM(INDEX($D$3:$AA$30,INDEX(Jesper!$R$2:$R$366,ROW(INDEX(Jesper!AL$2:AL$366,ROUNDDOWN($C5941/24,0)+1,1))-1)+IF('Standard Profiles'!$G$22=$B$10,7,0)+IF('Standard Profiles'!$G$22=$B$17,14,0)+IF('Standard Profiles'!$G$22=$B$24,21,0),0)),0)</f>
        <v>0</v>
      </c>
      <c r="I5941">
        <f t="shared" si="664"/>
        <v>0.14649951384731216</v>
      </c>
      <c r="J5941">
        <f t="shared" si="665"/>
        <v>6.8867544012435387</v>
      </c>
      <c r="K5941">
        <f t="shared" si="666"/>
        <v>0.55676867728635482</v>
      </c>
      <c r="L5941">
        <f t="shared" si="667"/>
        <v>0.27838433864317741</v>
      </c>
      <c r="M5941">
        <f t="shared" si="668"/>
        <v>0</v>
      </c>
      <c r="N5941" s="45">
        <f t="shared" si="669"/>
        <v>45173.124999985674</v>
      </c>
    </row>
    <row r="5942" spans="2:14" x14ac:dyDescent="0.25">
      <c r="B5942">
        <f t="shared" si="663"/>
        <v>1</v>
      </c>
      <c r="C5942" s="16">
        <v>5908</v>
      </c>
      <c r="D5942" cm="1">
        <f t="array" ref="D5942">IFERROR(INDEX(Jesper!AH$2:AH$366,ROUNDDOWN($C5942/24,0)+1,1)*INDEX($D$3:$AA$30,INDEX(Jesper!$R$2:$R$366,ROW(INDEX(Jesper!AH$2:AH$366,ROUNDDOWN($C5942/24,0)+1,1))-1)+IF('Standard Profiles'!$G$18=$B$10,7,0)+IF('Standard Profiles'!$G$18=$B$17,14,0)+IF('Standard Profiles'!$G$18=$B$24,21,0),MOD($C5942,24)+1)/SUM(INDEX($D$3:$AA$30,INDEX(Jesper!$R$2:$R$366,ROW(INDEX(Jesper!AH$2:AH$366,ROUNDDOWN($C5942/24,0)+1,1))-1)+IF('Standard Profiles'!$G$18=$B$10,7,0)+IF('Standard Profiles'!$G$18=$B$17,14,0)+IF('Standard Profiles'!$G$18=$B$24,21,0),0)),0)</f>
        <v>5.2197063495595764</v>
      </c>
      <c r="E5942" cm="1">
        <f t="array" ref="E5942">IFERROR(INDEX(Jesper!AI$2:AI$366,ROUNDDOWN($C5942/24,0)+1,1)*INDEX($D$3:$AA$30,INDEX(Jesper!$R$2:$R$366,ROW(INDEX(Jesper!AI$2:AI$366,ROUNDDOWN($C5942/24,0)+1,1))-1)+IF('Standard Profiles'!$G$19=$B$10,7,0)+IF('Standard Profiles'!$G$19=$B$17,14,0)+IF('Standard Profiles'!$G$19=$B$24,21,0),MOD($C5942,24)+1)/SUM(INDEX($D$3:$AA$30,INDEX(Jesper!$R$2:$R$366,ROW(INDEX(Jesper!AI$2:AI$366,ROUNDDOWN($C5942/24,0)+1,1))-1)+IF('Standard Profiles'!$G$19=$B$10,7,0)+IF('Standard Profiles'!$G$19=$B$17,14,0)+IF('Standard Profiles'!$G$19=$B$24,21,0),0)),0)</f>
        <v>2.3434932609455732</v>
      </c>
      <c r="F5942" cm="1">
        <f t="array" ref="F5942">IFERROR(INDEX(Jesper!AJ$2:AJ$366,ROUNDDOWN($C5942/24,0)+1,1)*INDEX($D$3:$AA$30,INDEX(Jesper!$R$2:$R$366,ROW(INDEX(Jesper!AJ$2:AJ$366,ROUNDDOWN($C5942/24,0)+1,1))-1)+IF('Standard Profiles'!$G$20=$B$10,7,0)+IF('Standard Profiles'!$G$20=$B$17,14,0)+IF('Standard Profiles'!$G$20=$B$24,21,0),MOD($C5942,24)+1)/SUM(INDEX($D$3:$AA$30,INDEX(Jesper!$R$2:$R$366,ROW(INDEX(Jesper!AJ$2:AJ$366,ROUNDDOWN($C5942/24,0)+1,1))-1)+IF('Standard Profiles'!$G$20=$B$10,7,0)+IF('Standard Profiles'!$G$20=$B$17,14,0)+IF('Standard Profiles'!$G$20=$B$24,21,0),0)),0)</f>
        <v>0</v>
      </c>
      <c r="G5942" cm="1">
        <f t="array" ref="G5942">IFERROR(INDEX(Jesper!AK$2:AK$366,ROUNDDOWN($C5942/24,0)+1,1)*INDEX($D$3:$AA$30,INDEX(Jesper!$R$2:$R$366,ROW(INDEX(Jesper!AK$2:AK$366,ROUNDDOWN($C5942/24,0)+1,1))-1)+IF('Standard Profiles'!$G$21=$B$10,7,0)+IF('Standard Profiles'!$G$21=$B$17,14,0)+IF('Standard Profiles'!$G$21=$B$24,21,0),MOD($C5942,24)+1)/SUM(INDEX($D$3:$AA$30,INDEX(Jesper!$R$2:$R$366,ROW(INDEX(Jesper!AK$2:AK$366,ROUNDDOWN($C5942/24,0)+1,1))-1)+IF('Standard Profiles'!$G$21=$B$10,7,0)+IF('Standard Profiles'!$G$21=$B$17,14,0)+IF('Standard Profiles'!$G$21=$B$24,21,0),0)),0)</f>
        <v>0.3052073205152338</v>
      </c>
      <c r="H5942" cm="1">
        <f t="array" ref="H5942">IFERROR(INDEX(Jesper!AL$2:AL$366,ROUNDDOWN($C5942/24,0)+1,1)*INDEX($D$3:$AA$30,INDEX(Jesper!$R$2:$R$366,ROW(INDEX(Jesper!AL$2:AL$366,ROUNDDOWN($C5942/24,0)+1,1))-1)+IF('Standard Profiles'!$G$22=$B$10,7,0)+IF('Standard Profiles'!$G$22=$B$17,14,0)+IF('Standard Profiles'!$G$22=$B$24,21,0),MOD($C5942,24)+1)/SUM(INDEX($D$3:$AA$30,INDEX(Jesper!$R$2:$R$366,ROW(INDEX(Jesper!AL$2:AL$366,ROUNDDOWN($C5942/24,0)+1,1))-1)+IF('Standard Profiles'!$G$22=$B$10,7,0)+IF('Standard Profiles'!$G$22=$B$17,14,0)+IF('Standard Profiles'!$G$22=$B$24,21,0),0)),0)</f>
        <v>0</v>
      </c>
      <c r="I5942">
        <f t="shared" si="664"/>
        <v>0.14649951384731216</v>
      </c>
      <c r="J5942">
        <f t="shared" si="665"/>
        <v>6.8867544012435387</v>
      </c>
      <c r="K5942">
        <f t="shared" si="666"/>
        <v>0.55676867728635482</v>
      </c>
      <c r="L5942">
        <f t="shared" si="667"/>
        <v>0.27838433864317741</v>
      </c>
      <c r="M5942">
        <f t="shared" si="668"/>
        <v>0</v>
      </c>
      <c r="N5942" s="45">
        <f t="shared" si="669"/>
        <v>45173.166666652338</v>
      </c>
    </row>
    <row r="5943" spans="2:14" x14ac:dyDescent="0.25">
      <c r="B5943">
        <f t="shared" si="663"/>
        <v>1</v>
      </c>
      <c r="C5943" s="16">
        <v>5909</v>
      </c>
      <c r="D5943" cm="1">
        <f t="array" ref="D5943">IFERROR(INDEX(Jesper!AH$2:AH$366,ROUNDDOWN($C5943/24,0)+1,1)*INDEX($D$3:$AA$30,INDEX(Jesper!$R$2:$R$366,ROW(INDEX(Jesper!AH$2:AH$366,ROUNDDOWN($C5943/24,0)+1,1))-1)+IF('Standard Profiles'!$G$18=$B$10,7,0)+IF('Standard Profiles'!$G$18=$B$17,14,0)+IF('Standard Profiles'!$G$18=$B$24,21,0),MOD($C5943,24)+1)/SUM(INDEX($D$3:$AA$30,INDEX(Jesper!$R$2:$R$366,ROW(INDEX(Jesper!AH$2:AH$366,ROUNDDOWN($C5943/24,0)+1,1))-1)+IF('Standard Profiles'!$G$18=$B$10,7,0)+IF('Standard Profiles'!$G$18=$B$17,14,0)+IF('Standard Profiles'!$G$18=$B$24,21,0),0)),0)</f>
        <v>5.2197063495595764</v>
      </c>
      <c r="E5943" cm="1">
        <f t="array" ref="E5943">IFERROR(INDEX(Jesper!AI$2:AI$366,ROUNDDOWN($C5943/24,0)+1,1)*INDEX($D$3:$AA$30,INDEX(Jesper!$R$2:$R$366,ROW(INDEX(Jesper!AI$2:AI$366,ROUNDDOWN($C5943/24,0)+1,1))-1)+IF('Standard Profiles'!$G$19=$B$10,7,0)+IF('Standard Profiles'!$G$19=$B$17,14,0)+IF('Standard Profiles'!$G$19=$B$24,21,0),MOD($C5943,24)+1)/SUM(INDEX($D$3:$AA$30,INDEX(Jesper!$R$2:$R$366,ROW(INDEX(Jesper!AI$2:AI$366,ROUNDDOWN($C5943/24,0)+1,1))-1)+IF('Standard Profiles'!$G$19=$B$10,7,0)+IF('Standard Profiles'!$G$19=$B$17,14,0)+IF('Standard Profiles'!$G$19=$B$24,21,0),0)),0)</f>
        <v>2.3434932609455732</v>
      </c>
      <c r="F5943" cm="1">
        <f t="array" ref="F5943">IFERROR(INDEX(Jesper!AJ$2:AJ$366,ROUNDDOWN($C5943/24,0)+1,1)*INDEX($D$3:$AA$30,INDEX(Jesper!$R$2:$R$366,ROW(INDEX(Jesper!AJ$2:AJ$366,ROUNDDOWN($C5943/24,0)+1,1))-1)+IF('Standard Profiles'!$G$20=$B$10,7,0)+IF('Standard Profiles'!$G$20=$B$17,14,0)+IF('Standard Profiles'!$G$20=$B$24,21,0),MOD($C5943,24)+1)/SUM(INDEX($D$3:$AA$30,INDEX(Jesper!$R$2:$R$366,ROW(INDEX(Jesper!AJ$2:AJ$366,ROUNDDOWN($C5943/24,0)+1,1))-1)+IF('Standard Profiles'!$G$20=$B$10,7,0)+IF('Standard Profiles'!$G$20=$B$17,14,0)+IF('Standard Profiles'!$G$20=$B$24,21,0),0)),0)</f>
        <v>0</v>
      </c>
      <c r="G5943" cm="1">
        <f t="array" ref="G5943">IFERROR(INDEX(Jesper!AK$2:AK$366,ROUNDDOWN($C5943/24,0)+1,1)*INDEX($D$3:$AA$30,INDEX(Jesper!$R$2:$R$366,ROW(INDEX(Jesper!AK$2:AK$366,ROUNDDOWN($C5943/24,0)+1,1))-1)+IF('Standard Profiles'!$G$21=$B$10,7,0)+IF('Standard Profiles'!$G$21=$B$17,14,0)+IF('Standard Profiles'!$G$21=$B$24,21,0),MOD($C5943,24)+1)/SUM(INDEX($D$3:$AA$30,INDEX(Jesper!$R$2:$R$366,ROW(INDEX(Jesper!AK$2:AK$366,ROUNDDOWN($C5943/24,0)+1,1))-1)+IF('Standard Profiles'!$G$21=$B$10,7,0)+IF('Standard Profiles'!$G$21=$B$17,14,0)+IF('Standard Profiles'!$G$21=$B$24,21,0),0)),0)</f>
        <v>0.3052073205152338</v>
      </c>
      <c r="H5943" cm="1">
        <f t="array" ref="H5943">IFERROR(INDEX(Jesper!AL$2:AL$366,ROUNDDOWN($C5943/24,0)+1,1)*INDEX($D$3:$AA$30,INDEX(Jesper!$R$2:$R$366,ROW(INDEX(Jesper!AL$2:AL$366,ROUNDDOWN($C5943/24,0)+1,1))-1)+IF('Standard Profiles'!$G$22=$B$10,7,0)+IF('Standard Profiles'!$G$22=$B$17,14,0)+IF('Standard Profiles'!$G$22=$B$24,21,0),MOD($C5943,24)+1)/SUM(INDEX($D$3:$AA$30,INDEX(Jesper!$R$2:$R$366,ROW(INDEX(Jesper!AL$2:AL$366,ROUNDDOWN($C5943/24,0)+1,1))-1)+IF('Standard Profiles'!$G$22=$B$10,7,0)+IF('Standard Profiles'!$G$22=$B$17,14,0)+IF('Standard Profiles'!$G$22=$B$24,21,0),0)),0)</f>
        <v>0</v>
      </c>
      <c r="I5943">
        <f t="shared" si="664"/>
        <v>0.14649951384731216</v>
      </c>
      <c r="J5943">
        <f t="shared" si="665"/>
        <v>6.8867544012435387</v>
      </c>
      <c r="K5943">
        <f t="shared" si="666"/>
        <v>0.55676867728635482</v>
      </c>
      <c r="L5943">
        <f t="shared" si="667"/>
        <v>0.27838433864317741</v>
      </c>
      <c r="M5943">
        <f t="shared" si="668"/>
        <v>0</v>
      </c>
      <c r="N5943" s="45">
        <f t="shared" si="669"/>
        <v>45173.208333319002</v>
      </c>
    </row>
    <row r="5944" spans="2:14" x14ac:dyDescent="0.25">
      <c r="B5944">
        <f t="shared" si="663"/>
        <v>1</v>
      </c>
      <c r="C5944" s="16">
        <v>5910</v>
      </c>
      <c r="D5944" cm="1">
        <f t="array" ref="D5944">IFERROR(INDEX(Jesper!AH$2:AH$366,ROUNDDOWN($C5944/24,0)+1,1)*INDEX($D$3:$AA$30,INDEX(Jesper!$R$2:$R$366,ROW(INDEX(Jesper!AH$2:AH$366,ROUNDDOWN($C5944/24,0)+1,1))-1)+IF('Standard Profiles'!$G$18=$B$10,7,0)+IF('Standard Profiles'!$G$18=$B$17,14,0)+IF('Standard Profiles'!$G$18=$B$24,21,0),MOD($C5944,24)+1)/SUM(INDEX($D$3:$AA$30,INDEX(Jesper!$R$2:$R$366,ROW(INDEX(Jesper!AH$2:AH$366,ROUNDDOWN($C5944/24,0)+1,1))-1)+IF('Standard Profiles'!$G$18=$B$10,7,0)+IF('Standard Profiles'!$G$18=$B$17,14,0)+IF('Standard Profiles'!$G$18=$B$24,21,0),0)),0)</f>
        <v>5.2197063495595764</v>
      </c>
      <c r="E5944" cm="1">
        <f t="array" ref="E5944">IFERROR(INDEX(Jesper!AI$2:AI$366,ROUNDDOWN($C5944/24,0)+1,1)*INDEX($D$3:$AA$30,INDEX(Jesper!$R$2:$R$366,ROW(INDEX(Jesper!AI$2:AI$366,ROUNDDOWN($C5944/24,0)+1,1))-1)+IF('Standard Profiles'!$G$19=$B$10,7,0)+IF('Standard Profiles'!$G$19=$B$17,14,0)+IF('Standard Profiles'!$G$19=$B$24,21,0),MOD($C5944,24)+1)/SUM(INDEX($D$3:$AA$30,INDEX(Jesper!$R$2:$R$366,ROW(INDEX(Jesper!AI$2:AI$366,ROUNDDOWN($C5944/24,0)+1,1))-1)+IF('Standard Profiles'!$G$19=$B$10,7,0)+IF('Standard Profiles'!$G$19=$B$17,14,0)+IF('Standard Profiles'!$G$19=$B$24,21,0),0)),0)</f>
        <v>2.3434932609455732</v>
      </c>
      <c r="F5944" cm="1">
        <f t="array" ref="F5944">IFERROR(INDEX(Jesper!AJ$2:AJ$366,ROUNDDOWN($C5944/24,0)+1,1)*INDEX($D$3:$AA$30,INDEX(Jesper!$R$2:$R$366,ROW(INDEX(Jesper!AJ$2:AJ$366,ROUNDDOWN($C5944/24,0)+1,1))-1)+IF('Standard Profiles'!$G$20=$B$10,7,0)+IF('Standard Profiles'!$G$20=$B$17,14,0)+IF('Standard Profiles'!$G$20=$B$24,21,0),MOD($C5944,24)+1)/SUM(INDEX($D$3:$AA$30,INDEX(Jesper!$R$2:$R$366,ROW(INDEX(Jesper!AJ$2:AJ$366,ROUNDDOWN($C5944/24,0)+1,1))-1)+IF('Standard Profiles'!$G$20=$B$10,7,0)+IF('Standard Profiles'!$G$20=$B$17,14,0)+IF('Standard Profiles'!$G$20=$B$24,21,0),0)),0)</f>
        <v>0</v>
      </c>
      <c r="G5944" cm="1">
        <f t="array" ref="G5944">IFERROR(INDEX(Jesper!AK$2:AK$366,ROUNDDOWN($C5944/24,0)+1,1)*INDEX($D$3:$AA$30,INDEX(Jesper!$R$2:$R$366,ROW(INDEX(Jesper!AK$2:AK$366,ROUNDDOWN($C5944/24,0)+1,1))-1)+IF('Standard Profiles'!$G$21=$B$10,7,0)+IF('Standard Profiles'!$G$21=$B$17,14,0)+IF('Standard Profiles'!$G$21=$B$24,21,0),MOD($C5944,24)+1)/SUM(INDEX($D$3:$AA$30,INDEX(Jesper!$R$2:$R$366,ROW(INDEX(Jesper!AK$2:AK$366,ROUNDDOWN($C5944/24,0)+1,1))-1)+IF('Standard Profiles'!$G$21=$B$10,7,0)+IF('Standard Profiles'!$G$21=$B$17,14,0)+IF('Standard Profiles'!$G$21=$B$24,21,0),0)),0)</f>
        <v>0.3052073205152338</v>
      </c>
      <c r="H5944" cm="1">
        <f t="array" ref="H5944">IFERROR(INDEX(Jesper!AL$2:AL$366,ROUNDDOWN($C5944/24,0)+1,1)*INDEX($D$3:$AA$30,INDEX(Jesper!$R$2:$R$366,ROW(INDEX(Jesper!AL$2:AL$366,ROUNDDOWN($C5944/24,0)+1,1))-1)+IF('Standard Profiles'!$G$22=$B$10,7,0)+IF('Standard Profiles'!$G$22=$B$17,14,0)+IF('Standard Profiles'!$G$22=$B$24,21,0),MOD($C5944,24)+1)/SUM(INDEX($D$3:$AA$30,INDEX(Jesper!$R$2:$R$366,ROW(INDEX(Jesper!AL$2:AL$366,ROUNDDOWN($C5944/24,0)+1,1))-1)+IF('Standard Profiles'!$G$22=$B$10,7,0)+IF('Standard Profiles'!$G$22=$B$17,14,0)+IF('Standard Profiles'!$G$22=$B$24,21,0),0)),0)</f>
        <v>0</v>
      </c>
      <c r="I5944">
        <f t="shared" si="664"/>
        <v>0.14649951384731216</v>
      </c>
      <c r="J5944">
        <f t="shared" si="665"/>
        <v>6.8867544012435387</v>
      </c>
      <c r="K5944">
        <f t="shared" si="666"/>
        <v>0.55676867728635482</v>
      </c>
      <c r="L5944">
        <f t="shared" si="667"/>
        <v>0.27838433864317741</v>
      </c>
      <c r="M5944">
        <f t="shared" si="668"/>
        <v>0</v>
      </c>
      <c r="N5944" s="45">
        <f t="shared" si="669"/>
        <v>45173.249999985666</v>
      </c>
    </row>
    <row r="5945" spans="2:14" x14ac:dyDescent="0.25">
      <c r="B5945">
        <f t="shared" si="663"/>
        <v>1</v>
      </c>
      <c r="C5945" s="16">
        <v>5911</v>
      </c>
      <c r="D5945" cm="1">
        <f t="array" ref="D5945">IFERROR(INDEX(Jesper!AH$2:AH$366,ROUNDDOWN($C5945/24,0)+1,1)*INDEX($D$3:$AA$30,INDEX(Jesper!$R$2:$R$366,ROW(INDEX(Jesper!AH$2:AH$366,ROUNDDOWN($C5945/24,0)+1,1))-1)+IF('Standard Profiles'!$G$18=$B$10,7,0)+IF('Standard Profiles'!$G$18=$B$17,14,0)+IF('Standard Profiles'!$G$18=$B$24,21,0),MOD($C5945,24)+1)/SUM(INDEX($D$3:$AA$30,INDEX(Jesper!$R$2:$R$366,ROW(INDEX(Jesper!AH$2:AH$366,ROUNDDOWN($C5945/24,0)+1,1))-1)+IF('Standard Profiles'!$G$18=$B$10,7,0)+IF('Standard Profiles'!$G$18=$B$17,14,0)+IF('Standard Profiles'!$G$18=$B$24,21,0),0)),0)</f>
        <v>22.235949049123793</v>
      </c>
      <c r="E5945" cm="1">
        <f t="array" ref="E5945">IFERROR(INDEX(Jesper!AI$2:AI$366,ROUNDDOWN($C5945/24,0)+1,1)*INDEX($D$3:$AA$30,INDEX(Jesper!$R$2:$R$366,ROW(INDEX(Jesper!AI$2:AI$366,ROUNDDOWN($C5945/24,0)+1,1))-1)+IF('Standard Profiles'!$G$19=$B$10,7,0)+IF('Standard Profiles'!$G$19=$B$17,14,0)+IF('Standard Profiles'!$G$19=$B$24,21,0),MOD($C5945,24)+1)/SUM(INDEX($D$3:$AA$30,INDEX(Jesper!$R$2:$R$366,ROW(INDEX(Jesper!AI$2:AI$366,ROUNDDOWN($C5945/24,0)+1,1))-1)+IF('Standard Profiles'!$G$19=$B$10,7,0)+IF('Standard Profiles'!$G$19=$B$17,14,0)+IF('Standard Profiles'!$G$19=$B$24,21,0),0)),0)</f>
        <v>9.9832812916281402</v>
      </c>
      <c r="F5945" cm="1">
        <f t="array" ref="F5945">IFERROR(INDEX(Jesper!AJ$2:AJ$366,ROUNDDOWN($C5945/24,0)+1,1)*INDEX($D$3:$AA$30,INDEX(Jesper!$R$2:$R$366,ROW(INDEX(Jesper!AJ$2:AJ$366,ROUNDDOWN($C5945/24,0)+1,1))-1)+IF('Standard Profiles'!$G$20=$B$10,7,0)+IF('Standard Profiles'!$G$20=$B$17,14,0)+IF('Standard Profiles'!$G$20=$B$24,21,0),MOD($C5945,24)+1)/SUM(INDEX($D$3:$AA$30,INDEX(Jesper!$R$2:$R$366,ROW(INDEX(Jesper!AJ$2:AJ$366,ROUNDDOWN($C5945/24,0)+1,1))-1)+IF('Standard Profiles'!$G$20=$B$10,7,0)+IF('Standard Profiles'!$G$20=$B$17,14,0)+IF('Standard Profiles'!$G$20=$B$24,21,0),0)),0)</f>
        <v>0</v>
      </c>
      <c r="G5945" cm="1">
        <f t="array" ref="G5945">IFERROR(INDEX(Jesper!AK$2:AK$366,ROUNDDOWN($C5945/24,0)+1,1)*INDEX($D$3:$AA$30,INDEX(Jesper!$R$2:$R$366,ROW(INDEX(Jesper!AK$2:AK$366,ROUNDDOWN($C5945/24,0)+1,1))-1)+IF('Standard Profiles'!$G$21=$B$10,7,0)+IF('Standard Profiles'!$G$21=$B$17,14,0)+IF('Standard Profiles'!$G$21=$B$24,21,0),MOD($C5945,24)+1)/SUM(INDEX($D$3:$AA$30,INDEX(Jesper!$R$2:$R$366,ROW(INDEX(Jesper!AK$2:AK$366,ROUNDDOWN($C5945/24,0)+1,1))-1)+IF('Standard Profiles'!$G$21=$B$10,7,0)+IF('Standard Profiles'!$G$21=$B$17,14,0)+IF('Standard Profiles'!$G$21=$B$24,21,0),0)),0)</f>
        <v>1.3276518442412668</v>
      </c>
      <c r="H5945" cm="1">
        <f t="array" ref="H5945">IFERROR(INDEX(Jesper!AL$2:AL$366,ROUNDDOWN($C5945/24,0)+1,1)*INDEX($D$3:$AA$30,INDEX(Jesper!$R$2:$R$366,ROW(INDEX(Jesper!AL$2:AL$366,ROUNDDOWN($C5945/24,0)+1,1))-1)+IF('Standard Profiles'!$G$22=$B$10,7,0)+IF('Standard Profiles'!$G$22=$B$17,14,0)+IF('Standard Profiles'!$G$22=$B$24,21,0),MOD($C5945,24)+1)/SUM(INDEX($D$3:$AA$30,INDEX(Jesper!$R$2:$R$366,ROW(INDEX(Jesper!AL$2:AL$366,ROUNDDOWN($C5945/24,0)+1,1))-1)+IF('Standard Profiles'!$G$22=$B$10,7,0)+IF('Standard Profiles'!$G$22=$B$17,14,0)+IF('Standard Profiles'!$G$22=$B$24,21,0),0)),0)</f>
        <v>0</v>
      </c>
      <c r="I5945">
        <f t="shared" si="664"/>
        <v>0.63727288523580772</v>
      </c>
      <c r="J5945">
        <f t="shared" si="665"/>
        <v>29.351857451897583</v>
      </c>
      <c r="K5945">
        <f t="shared" si="666"/>
        <v>2.3718345652398716</v>
      </c>
      <c r="L5945">
        <f t="shared" si="667"/>
        <v>1.1859172826199358</v>
      </c>
      <c r="M5945">
        <f t="shared" si="668"/>
        <v>0</v>
      </c>
      <c r="N5945" s="45">
        <f t="shared" si="669"/>
        <v>45173.291666652331</v>
      </c>
    </row>
    <row r="5946" spans="2:14" x14ac:dyDescent="0.25">
      <c r="B5946">
        <f t="shared" si="663"/>
        <v>1</v>
      </c>
      <c r="C5946" s="16">
        <v>5912</v>
      </c>
      <c r="D5946" cm="1">
        <f t="array" ref="D5946">IFERROR(INDEX(Jesper!AH$2:AH$366,ROUNDDOWN($C5946/24,0)+1,1)*INDEX($D$3:$AA$30,INDEX(Jesper!$R$2:$R$366,ROW(INDEX(Jesper!AH$2:AH$366,ROUNDDOWN($C5946/24,0)+1,1))-1)+IF('Standard Profiles'!$G$18=$B$10,7,0)+IF('Standard Profiles'!$G$18=$B$17,14,0)+IF('Standard Profiles'!$G$18=$B$24,21,0),MOD($C5946,24)+1)/SUM(INDEX($D$3:$AA$30,INDEX(Jesper!$R$2:$R$366,ROW(INDEX(Jesper!AH$2:AH$366,ROUNDDOWN($C5946/24,0)+1,1))-1)+IF('Standard Profiles'!$G$18=$B$10,7,0)+IF('Standard Profiles'!$G$18=$B$17,14,0)+IF('Standard Profiles'!$G$18=$B$24,21,0),0)),0)</f>
        <v>25.015442680264272</v>
      </c>
      <c r="E5946" cm="1">
        <f t="array" ref="E5946">IFERROR(INDEX(Jesper!AI$2:AI$366,ROUNDDOWN($C5946/24,0)+1,1)*INDEX($D$3:$AA$30,INDEX(Jesper!$R$2:$R$366,ROW(INDEX(Jesper!AI$2:AI$366,ROUNDDOWN($C5946/24,0)+1,1))-1)+IF('Standard Profiles'!$G$19=$B$10,7,0)+IF('Standard Profiles'!$G$19=$B$17,14,0)+IF('Standard Profiles'!$G$19=$B$24,21,0),MOD($C5946,24)+1)/SUM(INDEX($D$3:$AA$30,INDEX(Jesper!$R$2:$R$366,ROW(INDEX(Jesper!AI$2:AI$366,ROUNDDOWN($C5946/24,0)+1,1))-1)+IF('Standard Profiles'!$G$19=$B$10,7,0)+IF('Standard Profiles'!$G$19=$B$17,14,0)+IF('Standard Profiles'!$G$19=$B$24,21,0),0)),0)</f>
        <v>11.231191453081658</v>
      </c>
      <c r="F5946" cm="1">
        <f t="array" ref="F5946">IFERROR(INDEX(Jesper!AJ$2:AJ$366,ROUNDDOWN($C5946/24,0)+1,1)*INDEX($D$3:$AA$30,INDEX(Jesper!$R$2:$R$366,ROW(INDEX(Jesper!AJ$2:AJ$366,ROUNDDOWN($C5946/24,0)+1,1))-1)+IF('Standard Profiles'!$G$20=$B$10,7,0)+IF('Standard Profiles'!$G$20=$B$17,14,0)+IF('Standard Profiles'!$G$20=$B$24,21,0),MOD($C5946,24)+1)/SUM(INDEX($D$3:$AA$30,INDEX(Jesper!$R$2:$R$366,ROW(INDEX(Jesper!AJ$2:AJ$366,ROUNDDOWN($C5946/24,0)+1,1))-1)+IF('Standard Profiles'!$G$20=$B$10,7,0)+IF('Standard Profiles'!$G$20=$B$17,14,0)+IF('Standard Profiles'!$G$20=$B$24,21,0),0)),0)</f>
        <v>0</v>
      </c>
      <c r="G5946" cm="1">
        <f t="array" ref="G5946">IFERROR(INDEX(Jesper!AK$2:AK$366,ROUNDDOWN($C5946/24,0)+1,1)*INDEX($D$3:$AA$30,INDEX(Jesper!$R$2:$R$366,ROW(INDEX(Jesper!AK$2:AK$366,ROUNDDOWN($C5946/24,0)+1,1))-1)+IF('Standard Profiles'!$G$21=$B$10,7,0)+IF('Standard Profiles'!$G$21=$B$17,14,0)+IF('Standard Profiles'!$G$21=$B$24,21,0),MOD($C5946,24)+1)/SUM(INDEX($D$3:$AA$30,INDEX(Jesper!$R$2:$R$366,ROW(INDEX(Jesper!AK$2:AK$366,ROUNDDOWN($C5946/24,0)+1,1))-1)+IF('Standard Profiles'!$G$21=$B$10,7,0)+IF('Standard Profiles'!$G$21=$B$17,14,0)+IF('Standard Profiles'!$G$21=$B$24,21,0),0)),0)</f>
        <v>1.4936083247714251</v>
      </c>
      <c r="H5946" cm="1">
        <f t="array" ref="H5946">IFERROR(INDEX(Jesper!AL$2:AL$366,ROUNDDOWN($C5946/24,0)+1,1)*INDEX($D$3:$AA$30,INDEX(Jesper!$R$2:$R$366,ROW(INDEX(Jesper!AL$2:AL$366,ROUNDDOWN($C5946/24,0)+1,1))-1)+IF('Standard Profiles'!$G$22=$B$10,7,0)+IF('Standard Profiles'!$G$22=$B$17,14,0)+IF('Standard Profiles'!$G$22=$B$24,21,0),MOD($C5946,24)+1)/SUM(INDEX($D$3:$AA$30,INDEX(Jesper!$R$2:$R$366,ROW(INDEX(Jesper!AL$2:AL$366,ROUNDDOWN($C5946/24,0)+1,1))-1)+IF('Standard Profiles'!$G$22=$B$10,7,0)+IF('Standard Profiles'!$G$22=$B$17,14,0)+IF('Standard Profiles'!$G$22=$B$24,21,0),0)),0)</f>
        <v>0</v>
      </c>
      <c r="I5946">
        <f t="shared" si="664"/>
        <v>0.71693199589028367</v>
      </c>
      <c r="J5946">
        <f t="shared" si="665"/>
        <v>33.020839633384789</v>
      </c>
      <c r="K5946">
        <f t="shared" si="666"/>
        <v>2.6683138858948556</v>
      </c>
      <c r="L5946">
        <f t="shared" si="667"/>
        <v>1.3341569429474278</v>
      </c>
      <c r="M5946">
        <f t="shared" si="668"/>
        <v>0</v>
      </c>
      <c r="N5946" s="45">
        <f t="shared" si="669"/>
        <v>45173.333333318995</v>
      </c>
    </row>
    <row r="5947" spans="2:14" x14ac:dyDescent="0.25">
      <c r="B5947">
        <f t="shared" si="663"/>
        <v>1</v>
      </c>
      <c r="C5947" s="16">
        <v>5913</v>
      </c>
      <c r="D5947" cm="1">
        <f t="array" ref="D5947">IFERROR(INDEX(Jesper!AH$2:AH$366,ROUNDDOWN($C5947/24,0)+1,1)*INDEX($D$3:$AA$30,INDEX(Jesper!$R$2:$R$366,ROW(INDEX(Jesper!AH$2:AH$366,ROUNDDOWN($C5947/24,0)+1,1))-1)+IF('Standard Profiles'!$G$18=$B$10,7,0)+IF('Standard Profiles'!$G$18=$B$17,14,0)+IF('Standard Profiles'!$G$18=$B$24,21,0),MOD($C5947,24)+1)/SUM(INDEX($D$3:$AA$30,INDEX(Jesper!$R$2:$R$366,ROW(INDEX(Jesper!AH$2:AH$366,ROUNDDOWN($C5947/24,0)+1,1))-1)+IF('Standard Profiles'!$G$18=$B$10,7,0)+IF('Standard Profiles'!$G$18=$B$17,14,0)+IF('Standard Profiles'!$G$18=$B$24,21,0),0)),0)</f>
        <v>27.794936311404744</v>
      </c>
      <c r="E5947" cm="1">
        <f t="array" ref="E5947">IFERROR(INDEX(Jesper!AI$2:AI$366,ROUNDDOWN($C5947/24,0)+1,1)*INDEX($D$3:$AA$30,INDEX(Jesper!$R$2:$R$366,ROW(INDEX(Jesper!AI$2:AI$366,ROUNDDOWN($C5947/24,0)+1,1))-1)+IF('Standard Profiles'!$G$19=$B$10,7,0)+IF('Standard Profiles'!$G$19=$B$17,14,0)+IF('Standard Profiles'!$G$19=$B$24,21,0),MOD($C5947,24)+1)/SUM(INDEX($D$3:$AA$30,INDEX(Jesper!$R$2:$R$366,ROW(INDEX(Jesper!AI$2:AI$366,ROUNDDOWN($C5947/24,0)+1,1))-1)+IF('Standard Profiles'!$G$19=$B$10,7,0)+IF('Standard Profiles'!$G$19=$B$17,14,0)+IF('Standard Profiles'!$G$19=$B$24,21,0),0)),0)</f>
        <v>12.479101614535175</v>
      </c>
      <c r="F5947" cm="1">
        <f t="array" ref="F5947">IFERROR(INDEX(Jesper!AJ$2:AJ$366,ROUNDDOWN($C5947/24,0)+1,1)*INDEX($D$3:$AA$30,INDEX(Jesper!$R$2:$R$366,ROW(INDEX(Jesper!AJ$2:AJ$366,ROUNDDOWN($C5947/24,0)+1,1))-1)+IF('Standard Profiles'!$G$20=$B$10,7,0)+IF('Standard Profiles'!$G$20=$B$17,14,0)+IF('Standard Profiles'!$G$20=$B$24,21,0),MOD($C5947,24)+1)/SUM(INDEX($D$3:$AA$30,INDEX(Jesper!$R$2:$R$366,ROW(INDEX(Jesper!AJ$2:AJ$366,ROUNDDOWN($C5947/24,0)+1,1))-1)+IF('Standard Profiles'!$G$20=$B$10,7,0)+IF('Standard Profiles'!$G$20=$B$17,14,0)+IF('Standard Profiles'!$G$20=$B$24,21,0),0)),0)</f>
        <v>0</v>
      </c>
      <c r="G5947" cm="1">
        <f t="array" ref="G5947">IFERROR(INDEX(Jesper!AK$2:AK$366,ROUNDDOWN($C5947/24,0)+1,1)*INDEX($D$3:$AA$30,INDEX(Jesper!$R$2:$R$366,ROW(INDEX(Jesper!AK$2:AK$366,ROUNDDOWN($C5947/24,0)+1,1))-1)+IF('Standard Profiles'!$G$21=$B$10,7,0)+IF('Standard Profiles'!$G$21=$B$17,14,0)+IF('Standard Profiles'!$G$21=$B$24,21,0),MOD($C5947,24)+1)/SUM(INDEX($D$3:$AA$30,INDEX(Jesper!$R$2:$R$366,ROW(INDEX(Jesper!AK$2:AK$366,ROUNDDOWN($C5947/24,0)+1,1))-1)+IF('Standard Profiles'!$G$21=$B$10,7,0)+IF('Standard Profiles'!$G$21=$B$17,14,0)+IF('Standard Profiles'!$G$21=$B$24,21,0),0)),0)</f>
        <v>1.6595648053015835</v>
      </c>
      <c r="H5947" cm="1">
        <f t="array" ref="H5947">IFERROR(INDEX(Jesper!AL$2:AL$366,ROUNDDOWN($C5947/24,0)+1,1)*INDEX($D$3:$AA$30,INDEX(Jesper!$R$2:$R$366,ROW(INDEX(Jesper!AL$2:AL$366,ROUNDDOWN($C5947/24,0)+1,1))-1)+IF('Standard Profiles'!$G$22=$B$10,7,0)+IF('Standard Profiles'!$G$22=$B$17,14,0)+IF('Standard Profiles'!$G$22=$B$24,21,0),MOD($C5947,24)+1)/SUM(INDEX($D$3:$AA$30,INDEX(Jesper!$R$2:$R$366,ROW(INDEX(Jesper!AL$2:AL$366,ROUNDDOWN($C5947/24,0)+1,1))-1)+IF('Standard Profiles'!$G$22=$B$10,7,0)+IF('Standard Profiles'!$G$22=$B$17,14,0)+IF('Standard Profiles'!$G$22=$B$24,21,0),0)),0)</f>
        <v>0</v>
      </c>
      <c r="I5947">
        <f t="shared" si="664"/>
        <v>0.79659110654475962</v>
      </c>
      <c r="J5947">
        <f t="shared" si="665"/>
        <v>36.689821814871983</v>
      </c>
      <c r="K5947">
        <f t="shared" si="666"/>
        <v>2.9647932065498397</v>
      </c>
      <c r="L5947">
        <f t="shared" si="667"/>
        <v>1.4823966032749198</v>
      </c>
      <c r="M5947">
        <f t="shared" si="668"/>
        <v>0</v>
      </c>
      <c r="N5947" s="45">
        <f t="shared" si="669"/>
        <v>45173.374999985659</v>
      </c>
    </row>
    <row r="5948" spans="2:14" x14ac:dyDescent="0.25">
      <c r="B5948">
        <f t="shared" si="663"/>
        <v>1</v>
      </c>
      <c r="C5948" s="16">
        <v>5914</v>
      </c>
      <c r="D5948" cm="1">
        <f t="array" ref="D5948">IFERROR(INDEX(Jesper!AH$2:AH$366,ROUNDDOWN($C5948/24,0)+1,1)*INDEX($D$3:$AA$30,INDEX(Jesper!$R$2:$R$366,ROW(INDEX(Jesper!AH$2:AH$366,ROUNDDOWN($C5948/24,0)+1,1))-1)+IF('Standard Profiles'!$G$18=$B$10,7,0)+IF('Standard Profiles'!$G$18=$B$17,14,0)+IF('Standard Profiles'!$G$18=$B$24,21,0),MOD($C5948,24)+1)/SUM(INDEX($D$3:$AA$30,INDEX(Jesper!$R$2:$R$366,ROW(INDEX(Jesper!AH$2:AH$366,ROUNDDOWN($C5948/24,0)+1,1))-1)+IF('Standard Profiles'!$G$18=$B$10,7,0)+IF('Standard Profiles'!$G$18=$B$17,14,0)+IF('Standard Profiles'!$G$18=$B$24,21,0),0)),0)</f>
        <v>27.794936311404744</v>
      </c>
      <c r="E5948" cm="1">
        <f t="array" ref="E5948">IFERROR(INDEX(Jesper!AI$2:AI$366,ROUNDDOWN($C5948/24,0)+1,1)*INDEX($D$3:$AA$30,INDEX(Jesper!$R$2:$R$366,ROW(INDEX(Jesper!AI$2:AI$366,ROUNDDOWN($C5948/24,0)+1,1))-1)+IF('Standard Profiles'!$G$19=$B$10,7,0)+IF('Standard Profiles'!$G$19=$B$17,14,0)+IF('Standard Profiles'!$G$19=$B$24,21,0),MOD($C5948,24)+1)/SUM(INDEX($D$3:$AA$30,INDEX(Jesper!$R$2:$R$366,ROW(INDEX(Jesper!AI$2:AI$366,ROUNDDOWN($C5948/24,0)+1,1))-1)+IF('Standard Profiles'!$G$19=$B$10,7,0)+IF('Standard Profiles'!$G$19=$B$17,14,0)+IF('Standard Profiles'!$G$19=$B$24,21,0),0)),0)</f>
        <v>12.479101614535175</v>
      </c>
      <c r="F5948" cm="1">
        <f t="array" ref="F5948">IFERROR(INDEX(Jesper!AJ$2:AJ$366,ROUNDDOWN($C5948/24,0)+1,1)*INDEX($D$3:$AA$30,INDEX(Jesper!$R$2:$R$366,ROW(INDEX(Jesper!AJ$2:AJ$366,ROUNDDOWN($C5948/24,0)+1,1))-1)+IF('Standard Profiles'!$G$20=$B$10,7,0)+IF('Standard Profiles'!$G$20=$B$17,14,0)+IF('Standard Profiles'!$G$20=$B$24,21,0),MOD($C5948,24)+1)/SUM(INDEX($D$3:$AA$30,INDEX(Jesper!$R$2:$R$366,ROW(INDEX(Jesper!AJ$2:AJ$366,ROUNDDOWN($C5948/24,0)+1,1))-1)+IF('Standard Profiles'!$G$20=$B$10,7,0)+IF('Standard Profiles'!$G$20=$B$17,14,0)+IF('Standard Profiles'!$G$20=$B$24,21,0),0)),0)</f>
        <v>0</v>
      </c>
      <c r="G5948" cm="1">
        <f t="array" ref="G5948">IFERROR(INDEX(Jesper!AK$2:AK$366,ROUNDDOWN($C5948/24,0)+1,1)*INDEX($D$3:$AA$30,INDEX(Jesper!$R$2:$R$366,ROW(INDEX(Jesper!AK$2:AK$366,ROUNDDOWN($C5948/24,0)+1,1))-1)+IF('Standard Profiles'!$G$21=$B$10,7,0)+IF('Standard Profiles'!$G$21=$B$17,14,0)+IF('Standard Profiles'!$G$21=$B$24,21,0),MOD($C5948,24)+1)/SUM(INDEX($D$3:$AA$30,INDEX(Jesper!$R$2:$R$366,ROW(INDEX(Jesper!AK$2:AK$366,ROUNDDOWN($C5948/24,0)+1,1))-1)+IF('Standard Profiles'!$G$21=$B$10,7,0)+IF('Standard Profiles'!$G$21=$B$17,14,0)+IF('Standard Profiles'!$G$21=$B$24,21,0),0)),0)</f>
        <v>1.6595648053015835</v>
      </c>
      <c r="H5948" cm="1">
        <f t="array" ref="H5948">IFERROR(INDEX(Jesper!AL$2:AL$366,ROUNDDOWN($C5948/24,0)+1,1)*INDEX($D$3:$AA$30,INDEX(Jesper!$R$2:$R$366,ROW(INDEX(Jesper!AL$2:AL$366,ROUNDDOWN($C5948/24,0)+1,1))-1)+IF('Standard Profiles'!$G$22=$B$10,7,0)+IF('Standard Profiles'!$G$22=$B$17,14,0)+IF('Standard Profiles'!$G$22=$B$24,21,0),MOD($C5948,24)+1)/SUM(INDEX($D$3:$AA$30,INDEX(Jesper!$R$2:$R$366,ROW(INDEX(Jesper!AL$2:AL$366,ROUNDDOWN($C5948/24,0)+1,1))-1)+IF('Standard Profiles'!$G$22=$B$10,7,0)+IF('Standard Profiles'!$G$22=$B$17,14,0)+IF('Standard Profiles'!$G$22=$B$24,21,0),0)),0)</f>
        <v>0</v>
      </c>
      <c r="I5948">
        <f t="shared" si="664"/>
        <v>0.79659110654475962</v>
      </c>
      <c r="J5948">
        <f t="shared" si="665"/>
        <v>36.689821814871983</v>
      </c>
      <c r="K5948">
        <f t="shared" si="666"/>
        <v>2.9647932065498397</v>
      </c>
      <c r="L5948">
        <f t="shared" si="667"/>
        <v>1.4823966032749198</v>
      </c>
      <c r="M5948">
        <f t="shared" si="668"/>
        <v>0</v>
      </c>
      <c r="N5948" s="45">
        <f t="shared" si="669"/>
        <v>45173.416666652323</v>
      </c>
    </row>
    <row r="5949" spans="2:14" x14ac:dyDescent="0.25">
      <c r="B5949">
        <f t="shared" si="663"/>
        <v>1</v>
      </c>
      <c r="C5949" s="16">
        <v>5915</v>
      </c>
      <c r="D5949" cm="1">
        <f t="array" ref="D5949">IFERROR(INDEX(Jesper!AH$2:AH$366,ROUNDDOWN($C5949/24,0)+1,1)*INDEX($D$3:$AA$30,INDEX(Jesper!$R$2:$R$366,ROW(INDEX(Jesper!AH$2:AH$366,ROUNDDOWN($C5949/24,0)+1,1))-1)+IF('Standard Profiles'!$G$18=$B$10,7,0)+IF('Standard Profiles'!$G$18=$B$17,14,0)+IF('Standard Profiles'!$G$18=$B$24,21,0),MOD($C5949,24)+1)/SUM(INDEX($D$3:$AA$30,INDEX(Jesper!$R$2:$R$366,ROW(INDEX(Jesper!AH$2:AH$366,ROUNDDOWN($C5949/24,0)+1,1))-1)+IF('Standard Profiles'!$G$18=$B$10,7,0)+IF('Standard Profiles'!$G$18=$B$17,14,0)+IF('Standard Profiles'!$G$18=$B$24,21,0),0)),0)</f>
        <v>33.353923573685691</v>
      </c>
      <c r="E5949" cm="1">
        <f t="array" ref="E5949">IFERROR(INDEX(Jesper!AI$2:AI$366,ROUNDDOWN($C5949/24,0)+1,1)*INDEX($D$3:$AA$30,INDEX(Jesper!$R$2:$R$366,ROW(INDEX(Jesper!AI$2:AI$366,ROUNDDOWN($C5949/24,0)+1,1))-1)+IF('Standard Profiles'!$G$19=$B$10,7,0)+IF('Standard Profiles'!$G$19=$B$17,14,0)+IF('Standard Profiles'!$G$19=$B$24,21,0),MOD($C5949,24)+1)/SUM(INDEX($D$3:$AA$30,INDEX(Jesper!$R$2:$R$366,ROW(INDEX(Jesper!AI$2:AI$366,ROUNDDOWN($C5949/24,0)+1,1))-1)+IF('Standard Profiles'!$G$19=$B$10,7,0)+IF('Standard Profiles'!$G$19=$B$17,14,0)+IF('Standard Profiles'!$G$19=$B$24,21,0),0)),0)</f>
        <v>14.974921937442208</v>
      </c>
      <c r="F5949" cm="1">
        <f t="array" ref="F5949">IFERROR(INDEX(Jesper!AJ$2:AJ$366,ROUNDDOWN($C5949/24,0)+1,1)*INDEX($D$3:$AA$30,INDEX(Jesper!$R$2:$R$366,ROW(INDEX(Jesper!AJ$2:AJ$366,ROUNDDOWN($C5949/24,0)+1,1))-1)+IF('Standard Profiles'!$G$20=$B$10,7,0)+IF('Standard Profiles'!$G$20=$B$17,14,0)+IF('Standard Profiles'!$G$20=$B$24,21,0),MOD($C5949,24)+1)/SUM(INDEX($D$3:$AA$30,INDEX(Jesper!$R$2:$R$366,ROW(INDEX(Jesper!AJ$2:AJ$366,ROUNDDOWN($C5949/24,0)+1,1))-1)+IF('Standard Profiles'!$G$20=$B$10,7,0)+IF('Standard Profiles'!$G$20=$B$17,14,0)+IF('Standard Profiles'!$G$20=$B$24,21,0),0)),0)</f>
        <v>0</v>
      </c>
      <c r="G5949" cm="1">
        <f t="array" ref="G5949">IFERROR(INDEX(Jesper!AK$2:AK$366,ROUNDDOWN($C5949/24,0)+1,1)*INDEX($D$3:$AA$30,INDEX(Jesper!$R$2:$R$366,ROW(INDEX(Jesper!AK$2:AK$366,ROUNDDOWN($C5949/24,0)+1,1))-1)+IF('Standard Profiles'!$G$21=$B$10,7,0)+IF('Standard Profiles'!$G$21=$B$17,14,0)+IF('Standard Profiles'!$G$21=$B$24,21,0),MOD($C5949,24)+1)/SUM(INDEX($D$3:$AA$30,INDEX(Jesper!$R$2:$R$366,ROW(INDEX(Jesper!AK$2:AK$366,ROUNDDOWN($C5949/24,0)+1,1))-1)+IF('Standard Profiles'!$G$21=$B$10,7,0)+IF('Standard Profiles'!$G$21=$B$17,14,0)+IF('Standard Profiles'!$G$21=$B$24,21,0),0)),0)</f>
        <v>1.9914777663618997</v>
      </c>
      <c r="H5949" cm="1">
        <f t="array" ref="H5949">IFERROR(INDEX(Jesper!AL$2:AL$366,ROUNDDOWN($C5949/24,0)+1,1)*INDEX($D$3:$AA$30,INDEX(Jesper!$R$2:$R$366,ROW(INDEX(Jesper!AL$2:AL$366,ROUNDDOWN($C5949/24,0)+1,1))-1)+IF('Standard Profiles'!$G$22=$B$10,7,0)+IF('Standard Profiles'!$G$22=$B$17,14,0)+IF('Standard Profiles'!$G$22=$B$24,21,0),MOD($C5949,24)+1)/SUM(INDEX($D$3:$AA$30,INDEX(Jesper!$R$2:$R$366,ROW(INDEX(Jesper!AL$2:AL$366,ROUNDDOWN($C5949/24,0)+1,1))-1)+IF('Standard Profiles'!$G$22=$B$10,7,0)+IF('Standard Profiles'!$G$22=$B$17,14,0)+IF('Standard Profiles'!$G$22=$B$24,21,0),0)),0)</f>
        <v>0</v>
      </c>
      <c r="I5949">
        <f t="shared" si="664"/>
        <v>0.95590932785371141</v>
      </c>
      <c r="J5949">
        <f t="shared" si="665"/>
        <v>44.027786177846373</v>
      </c>
      <c r="K5949">
        <f t="shared" si="666"/>
        <v>3.5577518478598074</v>
      </c>
      <c r="L5949">
        <f t="shared" si="667"/>
        <v>1.7788759239299037</v>
      </c>
      <c r="M5949">
        <f t="shared" si="668"/>
        <v>0</v>
      </c>
      <c r="N5949" s="45">
        <f t="shared" si="669"/>
        <v>45173.458333318988</v>
      </c>
    </row>
    <row r="5950" spans="2:14" x14ac:dyDescent="0.25">
      <c r="B5950">
        <f t="shared" si="663"/>
        <v>1</v>
      </c>
      <c r="C5950" s="16">
        <v>5916</v>
      </c>
      <c r="D5950" cm="1">
        <f t="array" ref="D5950">IFERROR(INDEX(Jesper!AH$2:AH$366,ROUNDDOWN($C5950/24,0)+1,1)*INDEX($D$3:$AA$30,INDEX(Jesper!$R$2:$R$366,ROW(INDEX(Jesper!AH$2:AH$366,ROUNDDOWN($C5950/24,0)+1,1))-1)+IF('Standard Profiles'!$G$18=$B$10,7,0)+IF('Standard Profiles'!$G$18=$B$17,14,0)+IF('Standard Profiles'!$G$18=$B$24,21,0),MOD($C5950,24)+1)/SUM(INDEX($D$3:$AA$30,INDEX(Jesper!$R$2:$R$366,ROW(INDEX(Jesper!AH$2:AH$366,ROUNDDOWN($C5950/24,0)+1,1))-1)+IF('Standard Profiles'!$G$18=$B$10,7,0)+IF('Standard Profiles'!$G$18=$B$17,14,0)+IF('Standard Profiles'!$G$18=$B$24,21,0),0)),0)</f>
        <v>33.353923573685691</v>
      </c>
      <c r="E5950" cm="1">
        <f t="array" ref="E5950">IFERROR(INDEX(Jesper!AI$2:AI$366,ROUNDDOWN($C5950/24,0)+1,1)*INDEX($D$3:$AA$30,INDEX(Jesper!$R$2:$R$366,ROW(INDEX(Jesper!AI$2:AI$366,ROUNDDOWN($C5950/24,0)+1,1))-1)+IF('Standard Profiles'!$G$19=$B$10,7,0)+IF('Standard Profiles'!$G$19=$B$17,14,0)+IF('Standard Profiles'!$G$19=$B$24,21,0),MOD($C5950,24)+1)/SUM(INDEX($D$3:$AA$30,INDEX(Jesper!$R$2:$R$366,ROW(INDEX(Jesper!AI$2:AI$366,ROUNDDOWN($C5950/24,0)+1,1))-1)+IF('Standard Profiles'!$G$19=$B$10,7,0)+IF('Standard Profiles'!$G$19=$B$17,14,0)+IF('Standard Profiles'!$G$19=$B$24,21,0),0)),0)</f>
        <v>14.974921937442208</v>
      </c>
      <c r="F5950" cm="1">
        <f t="array" ref="F5950">IFERROR(INDEX(Jesper!AJ$2:AJ$366,ROUNDDOWN($C5950/24,0)+1,1)*INDEX($D$3:$AA$30,INDEX(Jesper!$R$2:$R$366,ROW(INDEX(Jesper!AJ$2:AJ$366,ROUNDDOWN($C5950/24,0)+1,1))-1)+IF('Standard Profiles'!$G$20=$B$10,7,0)+IF('Standard Profiles'!$G$20=$B$17,14,0)+IF('Standard Profiles'!$G$20=$B$24,21,0),MOD($C5950,24)+1)/SUM(INDEX($D$3:$AA$30,INDEX(Jesper!$R$2:$R$366,ROW(INDEX(Jesper!AJ$2:AJ$366,ROUNDDOWN($C5950/24,0)+1,1))-1)+IF('Standard Profiles'!$G$20=$B$10,7,0)+IF('Standard Profiles'!$G$20=$B$17,14,0)+IF('Standard Profiles'!$G$20=$B$24,21,0),0)),0)</f>
        <v>0</v>
      </c>
      <c r="G5950" cm="1">
        <f t="array" ref="G5950">IFERROR(INDEX(Jesper!AK$2:AK$366,ROUNDDOWN($C5950/24,0)+1,1)*INDEX($D$3:$AA$30,INDEX(Jesper!$R$2:$R$366,ROW(INDEX(Jesper!AK$2:AK$366,ROUNDDOWN($C5950/24,0)+1,1))-1)+IF('Standard Profiles'!$G$21=$B$10,7,0)+IF('Standard Profiles'!$G$21=$B$17,14,0)+IF('Standard Profiles'!$G$21=$B$24,21,0),MOD($C5950,24)+1)/SUM(INDEX($D$3:$AA$30,INDEX(Jesper!$R$2:$R$366,ROW(INDEX(Jesper!AK$2:AK$366,ROUNDDOWN($C5950/24,0)+1,1))-1)+IF('Standard Profiles'!$G$21=$B$10,7,0)+IF('Standard Profiles'!$G$21=$B$17,14,0)+IF('Standard Profiles'!$G$21=$B$24,21,0),0)),0)</f>
        <v>1.9914777663618997</v>
      </c>
      <c r="H5950" cm="1">
        <f t="array" ref="H5950">IFERROR(INDEX(Jesper!AL$2:AL$366,ROUNDDOWN($C5950/24,0)+1,1)*INDEX($D$3:$AA$30,INDEX(Jesper!$R$2:$R$366,ROW(INDEX(Jesper!AL$2:AL$366,ROUNDDOWN($C5950/24,0)+1,1))-1)+IF('Standard Profiles'!$G$22=$B$10,7,0)+IF('Standard Profiles'!$G$22=$B$17,14,0)+IF('Standard Profiles'!$G$22=$B$24,21,0),MOD($C5950,24)+1)/SUM(INDEX($D$3:$AA$30,INDEX(Jesper!$R$2:$R$366,ROW(INDEX(Jesper!AL$2:AL$366,ROUNDDOWN($C5950/24,0)+1,1))-1)+IF('Standard Profiles'!$G$22=$B$10,7,0)+IF('Standard Profiles'!$G$22=$B$17,14,0)+IF('Standard Profiles'!$G$22=$B$24,21,0),0)),0)</f>
        <v>0</v>
      </c>
      <c r="I5950">
        <f t="shared" si="664"/>
        <v>0.95590932785371141</v>
      </c>
      <c r="J5950">
        <f t="shared" si="665"/>
        <v>44.027786177846373</v>
      </c>
      <c r="K5950">
        <f t="shared" si="666"/>
        <v>3.5577518478598074</v>
      </c>
      <c r="L5950">
        <f t="shared" si="667"/>
        <v>1.7788759239299037</v>
      </c>
      <c r="M5950">
        <f t="shared" si="668"/>
        <v>0</v>
      </c>
      <c r="N5950" s="45">
        <f t="shared" si="669"/>
        <v>45173.499999985652</v>
      </c>
    </row>
    <row r="5951" spans="2:14" x14ac:dyDescent="0.25">
      <c r="B5951">
        <f t="shared" si="663"/>
        <v>1</v>
      </c>
      <c r="C5951" s="16">
        <v>5917</v>
      </c>
      <c r="D5951" cm="1">
        <f t="array" ref="D5951">IFERROR(INDEX(Jesper!AH$2:AH$366,ROUNDDOWN($C5951/24,0)+1,1)*INDEX($D$3:$AA$30,INDEX(Jesper!$R$2:$R$366,ROW(INDEX(Jesper!AH$2:AH$366,ROUNDDOWN($C5951/24,0)+1,1))-1)+IF('Standard Profiles'!$G$18=$B$10,7,0)+IF('Standard Profiles'!$G$18=$B$17,14,0)+IF('Standard Profiles'!$G$18=$B$24,21,0),MOD($C5951,24)+1)/SUM(INDEX($D$3:$AA$30,INDEX(Jesper!$R$2:$R$366,ROW(INDEX(Jesper!AH$2:AH$366,ROUNDDOWN($C5951/24,0)+1,1))-1)+IF('Standard Profiles'!$G$18=$B$10,7,0)+IF('Standard Profiles'!$G$18=$B$17,14,0)+IF('Standard Profiles'!$G$18=$B$24,21,0),0)),0)</f>
        <v>22.235949049123793</v>
      </c>
      <c r="E5951" cm="1">
        <f t="array" ref="E5951">IFERROR(INDEX(Jesper!AI$2:AI$366,ROUNDDOWN($C5951/24,0)+1,1)*INDEX($D$3:$AA$30,INDEX(Jesper!$R$2:$R$366,ROW(INDEX(Jesper!AI$2:AI$366,ROUNDDOWN($C5951/24,0)+1,1))-1)+IF('Standard Profiles'!$G$19=$B$10,7,0)+IF('Standard Profiles'!$G$19=$B$17,14,0)+IF('Standard Profiles'!$G$19=$B$24,21,0),MOD($C5951,24)+1)/SUM(INDEX($D$3:$AA$30,INDEX(Jesper!$R$2:$R$366,ROW(INDEX(Jesper!AI$2:AI$366,ROUNDDOWN($C5951/24,0)+1,1))-1)+IF('Standard Profiles'!$G$19=$B$10,7,0)+IF('Standard Profiles'!$G$19=$B$17,14,0)+IF('Standard Profiles'!$G$19=$B$24,21,0),0)),0)</f>
        <v>9.9832812916281402</v>
      </c>
      <c r="F5951" cm="1">
        <f t="array" ref="F5951">IFERROR(INDEX(Jesper!AJ$2:AJ$366,ROUNDDOWN($C5951/24,0)+1,1)*INDEX($D$3:$AA$30,INDEX(Jesper!$R$2:$R$366,ROW(INDEX(Jesper!AJ$2:AJ$366,ROUNDDOWN($C5951/24,0)+1,1))-1)+IF('Standard Profiles'!$G$20=$B$10,7,0)+IF('Standard Profiles'!$G$20=$B$17,14,0)+IF('Standard Profiles'!$G$20=$B$24,21,0),MOD($C5951,24)+1)/SUM(INDEX($D$3:$AA$30,INDEX(Jesper!$R$2:$R$366,ROW(INDEX(Jesper!AJ$2:AJ$366,ROUNDDOWN($C5951/24,0)+1,1))-1)+IF('Standard Profiles'!$G$20=$B$10,7,0)+IF('Standard Profiles'!$G$20=$B$17,14,0)+IF('Standard Profiles'!$G$20=$B$24,21,0),0)),0)</f>
        <v>0</v>
      </c>
      <c r="G5951" cm="1">
        <f t="array" ref="G5951">IFERROR(INDEX(Jesper!AK$2:AK$366,ROUNDDOWN($C5951/24,0)+1,1)*INDEX($D$3:$AA$30,INDEX(Jesper!$R$2:$R$366,ROW(INDEX(Jesper!AK$2:AK$366,ROUNDDOWN($C5951/24,0)+1,1))-1)+IF('Standard Profiles'!$G$21=$B$10,7,0)+IF('Standard Profiles'!$G$21=$B$17,14,0)+IF('Standard Profiles'!$G$21=$B$24,21,0),MOD($C5951,24)+1)/SUM(INDEX($D$3:$AA$30,INDEX(Jesper!$R$2:$R$366,ROW(INDEX(Jesper!AK$2:AK$366,ROUNDDOWN($C5951/24,0)+1,1))-1)+IF('Standard Profiles'!$G$21=$B$10,7,0)+IF('Standard Profiles'!$G$21=$B$17,14,0)+IF('Standard Profiles'!$G$21=$B$24,21,0),0)),0)</f>
        <v>1.3276518442412668</v>
      </c>
      <c r="H5951" cm="1">
        <f t="array" ref="H5951">IFERROR(INDEX(Jesper!AL$2:AL$366,ROUNDDOWN($C5951/24,0)+1,1)*INDEX($D$3:$AA$30,INDEX(Jesper!$R$2:$R$366,ROW(INDEX(Jesper!AL$2:AL$366,ROUNDDOWN($C5951/24,0)+1,1))-1)+IF('Standard Profiles'!$G$22=$B$10,7,0)+IF('Standard Profiles'!$G$22=$B$17,14,0)+IF('Standard Profiles'!$G$22=$B$24,21,0),MOD($C5951,24)+1)/SUM(INDEX($D$3:$AA$30,INDEX(Jesper!$R$2:$R$366,ROW(INDEX(Jesper!AL$2:AL$366,ROUNDDOWN($C5951/24,0)+1,1))-1)+IF('Standard Profiles'!$G$22=$B$10,7,0)+IF('Standard Profiles'!$G$22=$B$17,14,0)+IF('Standard Profiles'!$G$22=$B$24,21,0),0)),0)</f>
        <v>0</v>
      </c>
      <c r="I5951">
        <f t="shared" si="664"/>
        <v>0.63727288523580772</v>
      </c>
      <c r="J5951">
        <f t="shared" si="665"/>
        <v>29.351857451897583</v>
      </c>
      <c r="K5951">
        <f t="shared" si="666"/>
        <v>2.3718345652398716</v>
      </c>
      <c r="L5951">
        <f t="shared" si="667"/>
        <v>1.1859172826199358</v>
      </c>
      <c r="M5951">
        <f t="shared" si="668"/>
        <v>0</v>
      </c>
      <c r="N5951" s="45">
        <f t="shared" si="669"/>
        <v>45173.541666652316</v>
      </c>
    </row>
    <row r="5952" spans="2:14" x14ac:dyDescent="0.25">
      <c r="B5952">
        <f t="shared" si="663"/>
        <v>1</v>
      </c>
      <c r="C5952" s="16">
        <v>5918</v>
      </c>
      <c r="D5952" cm="1">
        <f t="array" ref="D5952">IFERROR(INDEX(Jesper!AH$2:AH$366,ROUNDDOWN($C5952/24,0)+1,1)*INDEX($D$3:$AA$30,INDEX(Jesper!$R$2:$R$366,ROW(INDEX(Jesper!AH$2:AH$366,ROUNDDOWN($C5952/24,0)+1,1))-1)+IF('Standard Profiles'!$G$18=$B$10,7,0)+IF('Standard Profiles'!$G$18=$B$17,14,0)+IF('Standard Profiles'!$G$18=$B$24,21,0),MOD($C5952,24)+1)/SUM(INDEX($D$3:$AA$30,INDEX(Jesper!$R$2:$R$366,ROW(INDEX(Jesper!AH$2:AH$366,ROUNDDOWN($C5952/24,0)+1,1))-1)+IF('Standard Profiles'!$G$18=$B$10,7,0)+IF('Standard Profiles'!$G$18=$B$17,14,0)+IF('Standard Profiles'!$G$18=$B$24,21,0),0)),0)</f>
        <v>33.353923573685691</v>
      </c>
      <c r="E5952" cm="1">
        <f t="array" ref="E5952">IFERROR(INDEX(Jesper!AI$2:AI$366,ROUNDDOWN($C5952/24,0)+1,1)*INDEX($D$3:$AA$30,INDEX(Jesper!$R$2:$R$366,ROW(INDEX(Jesper!AI$2:AI$366,ROUNDDOWN($C5952/24,0)+1,1))-1)+IF('Standard Profiles'!$G$19=$B$10,7,0)+IF('Standard Profiles'!$G$19=$B$17,14,0)+IF('Standard Profiles'!$G$19=$B$24,21,0),MOD($C5952,24)+1)/SUM(INDEX($D$3:$AA$30,INDEX(Jesper!$R$2:$R$366,ROW(INDEX(Jesper!AI$2:AI$366,ROUNDDOWN($C5952/24,0)+1,1))-1)+IF('Standard Profiles'!$G$19=$B$10,7,0)+IF('Standard Profiles'!$G$19=$B$17,14,0)+IF('Standard Profiles'!$G$19=$B$24,21,0),0)),0)</f>
        <v>14.974921937442208</v>
      </c>
      <c r="F5952" cm="1">
        <f t="array" ref="F5952">IFERROR(INDEX(Jesper!AJ$2:AJ$366,ROUNDDOWN($C5952/24,0)+1,1)*INDEX($D$3:$AA$30,INDEX(Jesper!$R$2:$R$366,ROW(INDEX(Jesper!AJ$2:AJ$366,ROUNDDOWN($C5952/24,0)+1,1))-1)+IF('Standard Profiles'!$G$20=$B$10,7,0)+IF('Standard Profiles'!$G$20=$B$17,14,0)+IF('Standard Profiles'!$G$20=$B$24,21,0),MOD($C5952,24)+1)/SUM(INDEX($D$3:$AA$30,INDEX(Jesper!$R$2:$R$366,ROW(INDEX(Jesper!AJ$2:AJ$366,ROUNDDOWN($C5952/24,0)+1,1))-1)+IF('Standard Profiles'!$G$20=$B$10,7,0)+IF('Standard Profiles'!$G$20=$B$17,14,0)+IF('Standard Profiles'!$G$20=$B$24,21,0),0)),0)</f>
        <v>0</v>
      </c>
      <c r="G5952" cm="1">
        <f t="array" ref="G5952">IFERROR(INDEX(Jesper!AK$2:AK$366,ROUNDDOWN($C5952/24,0)+1,1)*INDEX($D$3:$AA$30,INDEX(Jesper!$R$2:$R$366,ROW(INDEX(Jesper!AK$2:AK$366,ROUNDDOWN($C5952/24,0)+1,1))-1)+IF('Standard Profiles'!$G$21=$B$10,7,0)+IF('Standard Profiles'!$G$21=$B$17,14,0)+IF('Standard Profiles'!$G$21=$B$24,21,0),MOD($C5952,24)+1)/SUM(INDEX($D$3:$AA$30,INDEX(Jesper!$R$2:$R$366,ROW(INDEX(Jesper!AK$2:AK$366,ROUNDDOWN($C5952/24,0)+1,1))-1)+IF('Standard Profiles'!$G$21=$B$10,7,0)+IF('Standard Profiles'!$G$21=$B$17,14,0)+IF('Standard Profiles'!$G$21=$B$24,21,0),0)),0)</f>
        <v>1.9914777663618997</v>
      </c>
      <c r="H5952" cm="1">
        <f t="array" ref="H5952">IFERROR(INDEX(Jesper!AL$2:AL$366,ROUNDDOWN($C5952/24,0)+1,1)*INDEX($D$3:$AA$30,INDEX(Jesper!$R$2:$R$366,ROW(INDEX(Jesper!AL$2:AL$366,ROUNDDOWN($C5952/24,0)+1,1))-1)+IF('Standard Profiles'!$G$22=$B$10,7,0)+IF('Standard Profiles'!$G$22=$B$17,14,0)+IF('Standard Profiles'!$G$22=$B$24,21,0),MOD($C5952,24)+1)/SUM(INDEX($D$3:$AA$30,INDEX(Jesper!$R$2:$R$366,ROW(INDEX(Jesper!AL$2:AL$366,ROUNDDOWN($C5952/24,0)+1,1))-1)+IF('Standard Profiles'!$G$22=$B$10,7,0)+IF('Standard Profiles'!$G$22=$B$17,14,0)+IF('Standard Profiles'!$G$22=$B$24,21,0),0)),0)</f>
        <v>0</v>
      </c>
      <c r="I5952">
        <f t="shared" si="664"/>
        <v>0.95590932785371141</v>
      </c>
      <c r="J5952">
        <f t="shared" si="665"/>
        <v>44.027786177846373</v>
      </c>
      <c r="K5952">
        <f t="shared" si="666"/>
        <v>3.5577518478598074</v>
      </c>
      <c r="L5952">
        <f t="shared" si="667"/>
        <v>1.7788759239299037</v>
      </c>
      <c r="M5952">
        <f t="shared" si="668"/>
        <v>0</v>
      </c>
      <c r="N5952" s="45">
        <f t="shared" si="669"/>
        <v>45173.58333331898</v>
      </c>
    </row>
    <row r="5953" spans="2:14" x14ac:dyDescent="0.25">
      <c r="B5953">
        <f t="shared" si="663"/>
        <v>1</v>
      </c>
      <c r="C5953" s="16">
        <v>5919</v>
      </c>
      <c r="D5953" cm="1">
        <f t="array" ref="D5953">IFERROR(INDEX(Jesper!AH$2:AH$366,ROUNDDOWN($C5953/24,0)+1,1)*INDEX($D$3:$AA$30,INDEX(Jesper!$R$2:$R$366,ROW(INDEX(Jesper!AH$2:AH$366,ROUNDDOWN($C5953/24,0)+1,1))-1)+IF('Standard Profiles'!$G$18=$B$10,7,0)+IF('Standard Profiles'!$G$18=$B$17,14,0)+IF('Standard Profiles'!$G$18=$B$24,21,0),MOD($C5953,24)+1)/SUM(INDEX($D$3:$AA$30,INDEX(Jesper!$R$2:$R$366,ROW(INDEX(Jesper!AH$2:AH$366,ROUNDDOWN($C5953/24,0)+1,1))-1)+IF('Standard Profiles'!$G$18=$B$10,7,0)+IF('Standard Profiles'!$G$18=$B$17,14,0)+IF('Standard Profiles'!$G$18=$B$24,21,0),0)),0)</f>
        <v>33.353923573685691</v>
      </c>
      <c r="E5953" cm="1">
        <f t="array" ref="E5953">IFERROR(INDEX(Jesper!AI$2:AI$366,ROUNDDOWN($C5953/24,0)+1,1)*INDEX($D$3:$AA$30,INDEX(Jesper!$R$2:$R$366,ROW(INDEX(Jesper!AI$2:AI$366,ROUNDDOWN($C5953/24,0)+1,1))-1)+IF('Standard Profiles'!$G$19=$B$10,7,0)+IF('Standard Profiles'!$G$19=$B$17,14,0)+IF('Standard Profiles'!$G$19=$B$24,21,0),MOD($C5953,24)+1)/SUM(INDEX($D$3:$AA$30,INDEX(Jesper!$R$2:$R$366,ROW(INDEX(Jesper!AI$2:AI$366,ROUNDDOWN($C5953/24,0)+1,1))-1)+IF('Standard Profiles'!$G$19=$B$10,7,0)+IF('Standard Profiles'!$G$19=$B$17,14,0)+IF('Standard Profiles'!$G$19=$B$24,21,0),0)),0)</f>
        <v>14.974921937442208</v>
      </c>
      <c r="F5953" cm="1">
        <f t="array" ref="F5953">IFERROR(INDEX(Jesper!AJ$2:AJ$366,ROUNDDOWN($C5953/24,0)+1,1)*INDEX($D$3:$AA$30,INDEX(Jesper!$R$2:$R$366,ROW(INDEX(Jesper!AJ$2:AJ$366,ROUNDDOWN($C5953/24,0)+1,1))-1)+IF('Standard Profiles'!$G$20=$B$10,7,0)+IF('Standard Profiles'!$G$20=$B$17,14,0)+IF('Standard Profiles'!$G$20=$B$24,21,0),MOD($C5953,24)+1)/SUM(INDEX($D$3:$AA$30,INDEX(Jesper!$R$2:$R$366,ROW(INDEX(Jesper!AJ$2:AJ$366,ROUNDDOWN($C5953/24,0)+1,1))-1)+IF('Standard Profiles'!$G$20=$B$10,7,0)+IF('Standard Profiles'!$G$20=$B$17,14,0)+IF('Standard Profiles'!$G$20=$B$24,21,0),0)),0)</f>
        <v>0</v>
      </c>
      <c r="G5953" cm="1">
        <f t="array" ref="G5953">IFERROR(INDEX(Jesper!AK$2:AK$366,ROUNDDOWN($C5953/24,0)+1,1)*INDEX($D$3:$AA$30,INDEX(Jesper!$R$2:$R$366,ROW(INDEX(Jesper!AK$2:AK$366,ROUNDDOWN($C5953/24,0)+1,1))-1)+IF('Standard Profiles'!$G$21=$B$10,7,0)+IF('Standard Profiles'!$G$21=$B$17,14,0)+IF('Standard Profiles'!$G$21=$B$24,21,0),MOD($C5953,24)+1)/SUM(INDEX($D$3:$AA$30,INDEX(Jesper!$R$2:$R$366,ROW(INDEX(Jesper!AK$2:AK$366,ROUNDDOWN($C5953/24,0)+1,1))-1)+IF('Standard Profiles'!$G$21=$B$10,7,0)+IF('Standard Profiles'!$G$21=$B$17,14,0)+IF('Standard Profiles'!$G$21=$B$24,21,0),0)),0)</f>
        <v>1.9914777663618997</v>
      </c>
      <c r="H5953" cm="1">
        <f t="array" ref="H5953">IFERROR(INDEX(Jesper!AL$2:AL$366,ROUNDDOWN($C5953/24,0)+1,1)*INDEX($D$3:$AA$30,INDEX(Jesper!$R$2:$R$366,ROW(INDEX(Jesper!AL$2:AL$366,ROUNDDOWN($C5953/24,0)+1,1))-1)+IF('Standard Profiles'!$G$22=$B$10,7,0)+IF('Standard Profiles'!$G$22=$B$17,14,0)+IF('Standard Profiles'!$G$22=$B$24,21,0),MOD($C5953,24)+1)/SUM(INDEX($D$3:$AA$30,INDEX(Jesper!$R$2:$R$366,ROW(INDEX(Jesper!AL$2:AL$366,ROUNDDOWN($C5953/24,0)+1,1))-1)+IF('Standard Profiles'!$G$22=$B$10,7,0)+IF('Standard Profiles'!$G$22=$B$17,14,0)+IF('Standard Profiles'!$G$22=$B$24,21,0),0)),0)</f>
        <v>0</v>
      </c>
      <c r="I5953">
        <f t="shared" si="664"/>
        <v>0.95590932785371141</v>
      </c>
      <c r="J5953">
        <f t="shared" si="665"/>
        <v>44.027786177846373</v>
      </c>
      <c r="K5953">
        <f t="shared" si="666"/>
        <v>3.5577518478598074</v>
      </c>
      <c r="L5953">
        <f t="shared" si="667"/>
        <v>1.7788759239299037</v>
      </c>
      <c r="M5953">
        <f t="shared" si="668"/>
        <v>0</v>
      </c>
      <c r="N5953" s="45">
        <f t="shared" si="669"/>
        <v>45173.624999985645</v>
      </c>
    </row>
    <row r="5954" spans="2:14" x14ac:dyDescent="0.25">
      <c r="B5954">
        <f t="shared" si="663"/>
        <v>1</v>
      </c>
      <c r="C5954" s="16">
        <v>5920</v>
      </c>
      <c r="D5954" cm="1">
        <f t="array" ref="D5954">IFERROR(INDEX(Jesper!AH$2:AH$366,ROUNDDOWN($C5954/24,0)+1,1)*INDEX($D$3:$AA$30,INDEX(Jesper!$R$2:$R$366,ROW(INDEX(Jesper!AH$2:AH$366,ROUNDDOWN($C5954/24,0)+1,1))-1)+IF('Standard Profiles'!$G$18=$B$10,7,0)+IF('Standard Profiles'!$G$18=$B$17,14,0)+IF('Standard Profiles'!$G$18=$B$24,21,0),MOD($C5954,24)+1)/SUM(INDEX($D$3:$AA$30,INDEX(Jesper!$R$2:$R$366,ROW(INDEX(Jesper!AH$2:AH$366,ROUNDDOWN($C5954/24,0)+1,1))-1)+IF('Standard Profiles'!$G$18=$B$10,7,0)+IF('Standard Profiles'!$G$18=$B$17,14,0)+IF('Standard Profiles'!$G$18=$B$24,21,0),0)),0)</f>
        <v>19.456455417983317</v>
      </c>
      <c r="E5954" cm="1">
        <f t="array" ref="E5954">IFERROR(INDEX(Jesper!AI$2:AI$366,ROUNDDOWN($C5954/24,0)+1,1)*INDEX($D$3:$AA$30,INDEX(Jesper!$R$2:$R$366,ROW(INDEX(Jesper!AI$2:AI$366,ROUNDDOWN($C5954/24,0)+1,1))-1)+IF('Standard Profiles'!$G$19=$B$10,7,0)+IF('Standard Profiles'!$G$19=$B$17,14,0)+IF('Standard Profiles'!$G$19=$B$24,21,0),MOD($C5954,24)+1)/SUM(INDEX($D$3:$AA$30,INDEX(Jesper!$R$2:$R$366,ROW(INDEX(Jesper!AI$2:AI$366,ROUNDDOWN($C5954/24,0)+1,1))-1)+IF('Standard Profiles'!$G$19=$B$10,7,0)+IF('Standard Profiles'!$G$19=$B$17,14,0)+IF('Standard Profiles'!$G$19=$B$24,21,0),0)),0)</f>
        <v>8.735371130174622</v>
      </c>
      <c r="F5954" cm="1">
        <f t="array" ref="F5954">IFERROR(INDEX(Jesper!AJ$2:AJ$366,ROUNDDOWN($C5954/24,0)+1,1)*INDEX($D$3:$AA$30,INDEX(Jesper!$R$2:$R$366,ROW(INDEX(Jesper!AJ$2:AJ$366,ROUNDDOWN($C5954/24,0)+1,1))-1)+IF('Standard Profiles'!$G$20=$B$10,7,0)+IF('Standard Profiles'!$G$20=$B$17,14,0)+IF('Standard Profiles'!$G$20=$B$24,21,0),MOD($C5954,24)+1)/SUM(INDEX($D$3:$AA$30,INDEX(Jesper!$R$2:$R$366,ROW(INDEX(Jesper!AJ$2:AJ$366,ROUNDDOWN($C5954/24,0)+1,1))-1)+IF('Standard Profiles'!$G$20=$B$10,7,0)+IF('Standard Profiles'!$G$20=$B$17,14,0)+IF('Standard Profiles'!$G$20=$B$24,21,0),0)),0)</f>
        <v>0</v>
      </c>
      <c r="G5954" cm="1">
        <f t="array" ref="G5954">IFERROR(INDEX(Jesper!AK$2:AK$366,ROUNDDOWN($C5954/24,0)+1,1)*INDEX($D$3:$AA$30,INDEX(Jesper!$R$2:$R$366,ROW(INDEX(Jesper!AK$2:AK$366,ROUNDDOWN($C5954/24,0)+1,1))-1)+IF('Standard Profiles'!$G$21=$B$10,7,0)+IF('Standard Profiles'!$G$21=$B$17,14,0)+IF('Standard Profiles'!$G$21=$B$24,21,0),MOD($C5954,24)+1)/SUM(INDEX($D$3:$AA$30,INDEX(Jesper!$R$2:$R$366,ROW(INDEX(Jesper!AK$2:AK$366,ROUNDDOWN($C5954/24,0)+1,1))-1)+IF('Standard Profiles'!$G$21=$B$10,7,0)+IF('Standard Profiles'!$G$21=$B$17,14,0)+IF('Standard Profiles'!$G$21=$B$24,21,0),0)),0)</f>
        <v>1.6595648053015835</v>
      </c>
      <c r="H5954" cm="1">
        <f t="array" ref="H5954">IFERROR(INDEX(Jesper!AL$2:AL$366,ROUNDDOWN($C5954/24,0)+1,1)*INDEX($D$3:$AA$30,INDEX(Jesper!$R$2:$R$366,ROW(INDEX(Jesper!AL$2:AL$366,ROUNDDOWN($C5954/24,0)+1,1))-1)+IF('Standard Profiles'!$G$22=$B$10,7,0)+IF('Standard Profiles'!$G$22=$B$17,14,0)+IF('Standard Profiles'!$G$22=$B$24,21,0),MOD($C5954,24)+1)/SUM(INDEX($D$3:$AA$30,INDEX(Jesper!$R$2:$R$366,ROW(INDEX(Jesper!AL$2:AL$366,ROUNDDOWN($C5954/24,0)+1,1))-1)+IF('Standard Profiles'!$G$22=$B$10,7,0)+IF('Standard Profiles'!$G$22=$B$17,14,0)+IF('Standard Profiles'!$G$22=$B$24,21,0),0)),0)</f>
        <v>0</v>
      </c>
      <c r="I5954">
        <f t="shared" si="664"/>
        <v>0.79659110654475962</v>
      </c>
      <c r="J5954">
        <f t="shared" si="665"/>
        <v>25.941767380037433</v>
      </c>
      <c r="K5954">
        <f t="shared" si="666"/>
        <v>2.0753552445848875</v>
      </c>
      <c r="L5954">
        <f t="shared" si="667"/>
        <v>1.0376776222924438</v>
      </c>
      <c r="M5954">
        <f t="shared" si="668"/>
        <v>0</v>
      </c>
      <c r="N5954" s="45">
        <f t="shared" si="669"/>
        <v>45173.666666652309</v>
      </c>
    </row>
    <row r="5955" spans="2:14" x14ac:dyDescent="0.25">
      <c r="B5955">
        <f t="shared" si="663"/>
        <v>1</v>
      </c>
      <c r="C5955" s="16">
        <v>5921</v>
      </c>
      <c r="D5955" cm="1">
        <f t="array" ref="D5955">IFERROR(INDEX(Jesper!AH$2:AH$366,ROUNDDOWN($C5955/24,0)+1,1)*INDEX($D$3:$AA$30,INDEX(Jesper!$R$2:$R$366,ROW(INDEX(Jesper!AH$2:AH$366,ROUNDDOWN($C5955/24,0)+1,1))-1)+IF('Standard Profiles'!$G$18=$B$10,7,0)+IF('Standard Profiles'!$G$18=$B$17,14,0)+IF('Standard Profiles'!$G$18=$B$24,21,0),MOD($C5955,24)+1)/SUM(INDEX($D$3:$AA$30,INDEX(Jesper!$R$2:$R$366,ROW(INDEX(Jesper!AH$2:AH$366,ROUNDDOWN($C5955/24,0)+1,1))-1)+IF('Standard Profiles'!$G$18=$B$10,7,0)+IF('Standard Profiles'!$G$18=$B$17,14,0)+IF('Standard Profiles'!$G$18=$B$24,21,0),0)),0)</f>
        <v>5.5589872622809482</v>
      </c>
      <c r="E5955" cm="1">
        <f t="array" ref="E5955">IFERROR(INDEX(Jesper!AI$2:AI$366,ROUNDDOWN($C5955/24,0)+1,1)*INDEX($D$3:$AA$30,INDEX(Jesper!$R$2:$R$366,ROW(INDEX(Jesper!AI$2:AI$366,ROUNDDOWN($C5955/24,0)+1,1))-1)+IF('Standard Profiles'!$G$19=$B$10,7,0)+IF('Standard Profiles'!$G$19=$B$17,14,0)+IF('Standard Profiles'!$G$19=$B$24,21,0),MOD($C5955,24)+1)/SUM(INDEX($D$3:$AA$30,INDEX(Jesper!$R$2:$R$366,ROW(INDEX(Jesper!AI$2:AI$366,ROUNDDOWN($C5955/24,0)+1,1))-1)+IF('Standard Profiles'!$G$19=$B$10,7,0)+IF('Standard Profiles'!$G$19=$B$17,14,0)+IF('Standard Profiles'!$G$19=$B$24,21,0),0)),0)</f>
        <v>2.495820322907035</v>
      </c>
      <c r="F5955" cm="1">
        <f t="array" ref="F5955">IFERROR(INDEX(Jesper!AJ$2:AJ$366,ROUNDDOWN($C5955/24,0)+1,1)*INDEX($D$3:$AA$30,INDEX(Jesper!$R$2:$R$366,ROW(INDEX(Jesper!AJ$2:AJ$366,ROUNDDOWN($C5955/24,0)+1,1))-1)+IF('Standard Profiles'!$G$20=$B$10,7,0)+IF('Standard Profiles'!$G$20=$B$17,14,0)+IF('Standard Profiles'!$G$20=$B$24,21,0),MOD($C5955,24)+1)/SUM(INDEX($D$3:$AA$30,INDEX(Jesper!$R$2:$R$366,ROW(INDEX(Jesper!AJ$2:AJ$366,ROUNDDOWN($C5955/24,0)+1,1))-1)+IF('Standard Profiles'!$G$20=$B$10,7,0)+IF('Standard Profiles'!$G$20=$B$17,14,0)+IF('Standard Profiles'!$G$20=$B$24,21,0),0)),0)</f>
        <v>0</v>
      </c>
      <c r="G5955" cm="1">
        <f t="array" ref="G5955">IFERROR(INDEX(Jesper!AK$2:AK$366,ROUNDDOWN($C5955/24,0)+1,1)*INDEX($D$3:$AA$30,INDEX(Jesper!$R$2:$R$366,ROW(INDEX(Jesper!AK$2:AK$366,ROUNDDOWN($C5955/24,0)+1,1))-1)+IF('Standard Profiles'!$G$21=$B$10,7,0)+IF('Standard Profiles'!$G$21=$B$17,14,0)+IF('Standard Profiles'!$G$21=$B$24,21,0),MOD($C5955,24)+1)/SUM(INDEX($D$3:$AA$30,INDEX(Jesper!$R$2:$R$366,ROW(INDEX(Jesper!AK$2:AK$366,ROUNDDOWN($C5955/24,0)+1,1))-1)+IF('Standard Profiles'!$G$21=$B$10,7,0)+IF('Standard Profiles'!$G$21=$B$17,14,0)+IF('Standard Profiles'!$G$21=$B$24,21,0),0)),0)</f>
        <v>1.3352820272541477</v>
      </c>
      <c r="H5955" cm="1">
        <f t="array" ref="H5955">IFERROR(INDEX(Jesper!AL$2:AL$366,ROUNDDOWN($C5955/24,0)+1,1)*INDEX($D$3:$AA$30,INDEX(Jesper!$R$2:$R$366,ROW(INDEX(Jesper!AL$2:AL$366,ROUNDDOWN($C5955/24,0)+1,1))-1)+IF('Standard Profiles'!$G$22=$B$10,7,0)+IF('Standard Profiles'!$G$22=$B$17,14,0)+IF('Standard Profiles'!$G$22=$B$24,21,0),MOD($C5955,24)+1)/SUM(INDEX($D$3:$AA$30,INDEX(Jesper!$R$2:$R$366,ROW(INDEX(Jesper!AL$2:AL$366,ROUNDDOWN($C5955/24,0)+1,1))-1)+IF('Standard Profiles'!$G$22=$B$10,7,0)+IF('Standard Profiles'!$G$22=$B$17,14,0)+IF('Standard Profiles'!$G$22=$B$24,21,0),0)),0)</f>
        <v>0</v>
      </c>
      <c r="I5955">
        <f t="shared" si="664"/>
        <v>0.64093537308199056</v>
      </c>
      <c r="J5955">
        <f t="shared" si="665"/>
        <v>7.8597162773951874</v>
      </c>
      <c r="K5955">
        <f t="shared" si="666"/>
        <v>0.59295864130996789</v>
      </c>
      <c r="L5955">
        <f t="shared" si="667"/>
        <v>0.29647932065498395</v>
      </c>
      <c r="M5955">
        <f t="shared" si="668"/>
        <v>0</v>
      </c>
      <c r="N5955" s="45">
        <f t="shared" si="669"/>
        <v>45173.708333318973</v>
      </c>
    </row>
    <row r="5956" spans="2:14" x14ac:dyDescent="0.25">
      <c r="B5956">
        <f t="shared" si="663"/>
        <v>1</v>
      </c>
      <c r="C5956" s="16">
        <v>5922</v>
      </c>
      <c r="D5956" cm="1">
        <f t="array" ref="D5956">IFERROR(INDEX(Jesper!AH$2:AH$366,ROUNDDOWN($C5956/24,0)+1,1)*INDEX($D$3:$AA$30,INDEX(Jesper!$R$2:$R$366,ROW(INDEX(Jesper!AH$2:AH$366,ROUNDDOWN($C5956/24,0)+1,1))-1)+IF('Standard Profiles'!$G$18=$B$10,7,0)+IF('Standard Profiles'!$G$18=$B$17,14,0)+IF('Standard Profiles'!$G$18=$B$24,21,0),MOD($C5956,24)+1)/SUM(INDEX($D$3:$AA$30,INDEX(Jesper!$R$2:$R$366,ROW(INDEX(Jesper!AH$2:AH$366,ROUNDDOWN($C5956/24,0)+1,1))-1)+IF('Standard Profiles'!$G$18=$B$10,7,0)+IF('Standard Profiles'!$G$18=$B$17,14,0)+IF('Standard Profiles'!$G$18=$B$24,21,0),0)),0)</f>
        <v>5.4806916670375543</v>
      </c>
      <c r="E5956" cm="1">
        <f t="array" ref="E5956">IFERROR(INDEX(Jesper!AI$2:AI$366,ROUNDDOWN($C5956/24,0)+1,1)*INDEX($D$3:$AA$30,INDEX(Jesper!$R$2:$R$366,ROW(INDEX(Jesper!AI$2:AI$366,ROUNDDOWN($C5956/24,0)+1,1))-1)+IF('Standard Profiles'!$G$19=$B$10,7,0)+IF('Standard Profiles'!$G$19=$B$17,14,0)+IF('Standard Profiles'!$G$19=$B$24,21,0),MOD($C5956,24)+1)/SUM(INDEX($D$3:$AA$30,INDEX(Jesper!$R$2:$R$366,ROW(INDEX(Jesper!AI$2:AI$366,ROUNDDOWN($C5956/24,0)+1,1))-1)+IF('Standard Profiles'!$G$19=$B$10,7,0)+IF('Standard Profiles'!$G$19=$B$17,14,0)+IF('Standard Profiles'!$G$19=$B$24,21,0),0)),0)</f>
        <v>2.4606679239928515</v>
      </c>
      <c r="F5956" cm="1">
        <f t="array" ref="F5956">IFERROR(INDEX(Jesper!AJ$2:AJ$366,ROUNDDOWN($C5956/24,0)+1,1)*INDEX($D$3:$AA$30,INDEX(Jesper!$R$2:$R$366,ROW(INDEX(Jesper!AJ$2:AJ$366,ROUNDDOWN($C5956/24,0)+1,1))-1)+IF('Standard Profiles'!$G$20=$B$10,7,0)+IF('Standard Profiles'!$G$20=$B$17,14,0)+IF('Standard Profiles'!$G$20=$B$24,21,0),MOD($C5956,24)+1)/SUM(INDEX($D$3:$AA$30,INDEX(Jesper!$R$2:$R$366,ROW(INDEX(Jesper!AJ$2:AJ$366,ROUNDDOWN($C5956/24,0)+1,1))-1)+IF('Standard Profiles'!$G$20=$B$10,7,0)+IF('Standard Profiles'!$G$20=$B$17,14,0)+IF('Standard Profiles'!$G$20=$B$24,21,0),0)),0)</f>
        <v>0</v>
      </c>
      <c r="G5956" cm="1">
        <f t="array" ref="G5956">IFERROR(INDEX(Jesper!AK$2:AK$366,ROUNDDOWN($C5956/24,0)+1,1)*INDEX($D$3:$AA$30,INDEX(Jesper!$R$2:$R$366,ROW(INDEX(Jesper!AK$2:AK$366,ROUNDDOWN($C5956/24,0)+1,1))-1)+IF('Standard Profiles'!$G$21=$B$10,7,0)+IF('Standard Profiles'!$G$21=$B$17,14,0)+IF('Standard Profiles'!$G$21=$B$24,21,0),MOD($C5956,24)+1)/SUM(INDEX($D$3:$AA$30,INDEX(Jesper!$R$2:$R$366,ROW(INDEX(Jesper!AK$2:AK$366,ROUNDDOWN($C5956/24,0)+1,1))-1)+IF('Standard Profiles'!$G$21=$B$10,7,0)+IF('Standard Profiles'!$G$21=$B$17,14,0)+IF('Standard Profiles'!$G$21=$B$24,21,0),0)),0)</f>
        <v>0.47688643830505273</v>
      </c>
      <c r="H5956" cm="1">
        <f t="array" ref="H5956">IFERROR(INDEX(Jesper!AL$2:AL$366,ROUNDDOWN($C5956/24,0)+1,1)*INDEX($D$3:$AA$30,INDEX(Jesper!$R$2:$R$366,ROW(INDEX(Jesper!AL$2:AL$366,ROUNDDOWN($C5956/24,0)+1,1))-1)+IF('Standard Profiles'!$G$22=$B$10,7,0)+IF('Standard Profiles'!$G$22=$B$17,14,0)+IF('Standard Profiles'!$G$22=$B$24,21,0),MOD($C5956,24)+1)/SUM(INDEX($D$3:$AA$30,INDEX(Jesper!$R$2:$R$366,ROW(INDEX(Jesper!AL$2:AL$366,ROUNDDOWN($C5956/24,0)+1,1))-1)+IF('Standard Profiles'!$G$22=$B$10,7,0)+IF('Standard Profiles'!$G$22=$B$17,14,0)+IF('Standard Profiles'!$G$22=$B$24,21,0),0)),0)</f>
        <v>0</v>
      </c>
      <c r="I5956">
        <f t="shared" si="664"/>
        <v>0.22890549038642519</v>
      </c>
      <c r="J5956">
        <f t="shared" si="665"/>
        <v>7.3124298722230243</v>
      </c>
      <c r="K5956">
        <f t="shared" si="666"/>
        <v>0.58460711115067254</v>
      </c>
      <c r="L5956">
        <f t="shared" si="667"/>
        <v>0.29230355557533627</v>
      </c>
      <c r="M5956">
        <f t="shared" si="668"/>
        <v>0</v>
      </c>
      <c r="N5956" s="45">
        <f t="shared" si="669"/>
        <v>45173.749999985637</v>
      </c>
    </row>
    <row r="5957" spans="2:14" x14ac:dyDescent="0.25">
      <c r="B5957">
        <f t="shared" si="663"/>
        <v>1</v>
      </c>
      <c r="C5957" s="16">
        <v>5923</v>
      </c>
      <c r="D5957" cm="1">
        <f t="array" ref="D5957">IFERROR(INDEX(Jesper!AH$2:AH$366,ROUNDDOWN($C5957/24,0)+1,1)*INDEX($D$3:$AA$30,INDEX(Jesper!$R$2:$R$366,ROW(INDEX(Jesper!AH$2:AH$366,ROUNDDOWN($C5957/24,0)+1,1))-1)+IF('Standard Profiles'!$G$18=$B$10,7,0)+IF('Standard Profiles'!$G$18=$B$17,14,0)+IF('Standard Profiles'!$G$18=$B$24,21,0),MOD($C5957,24)+1)/SUM(INDEX($D$3:$AA$30,INDEX(Jesper!$R$2:$R$366,ROW(INDEX(Jesper!AH$2:AH$366,ROUNDDOWN($C5957/24,0)+1,1))-1)+IF('Standard Profiles'!$G$18=$B$10,7,0)+IF('Standard Profiles'!$G$18=$B$17,14,0)+IF('Standard Profiles'!$G$18=$B$24,21,0),0)),0)</f>
        <v>5.4806916670375543</v>
      </c>
      <c r="E5957" cm="1">
        <f t="array" ref="E5957">IFERROR(INDEX(Jesper!AI$2:AI$366,ROUNDDOWN($C5957/24,0)+1,1)*INDEX($D$3:$AA$30,INDEX(Jesper!$R$2:$R$366,ROW(INDEX(Jesper!AI$2:AI$366,ROUNDDOWN($C5957/24,0)+1,1))-1)+IF('Standard Profiles'!$G$19=$B$10,7,0)+IF('Standard Profiles'!$G$19=$B$17,14,0)+IF('Standard Profiles'!$G$19=$B$24,21,0),MOD($C5957,24)+1)/SUM(INDEX($D$3:$AA$30,INDEX(Jesper!$R$2:$R$366,ROW(INDEX(Jesper!AI$2:AI$366,ROUNDDOWN($C5957/24,0)+1,1))-1)+IF('Standard Profiles'!$G$19=$B$10,7,0)+IF('Standard Profiles'!$G$19=$B$17,14,0)+IF('Standard Profiles'!$G$19=$B$24,21,0),0)),0)</f>
        <v>2.4606679239928515</v>
      </c>
      <c r="F5957" cm="1">
        <f t="array" ref="F5957">IFERROR(INDEX(Jesper!AJ$2:AJ$366,ROUNDDOWN($C5957/24,0)+1,1)*INDEX($D$3:$AA$30,INDEX(Jesper!$R$2:$R$366,ROW(INDEX(Jesper!AJ$2:AJ$366,ROUNDDOWN($C5957/24,0)+1,1))-1)+IF('Standard Profiles'!$G$20=$B$10,7,0)+IF('Standard Profiles'!$G$20=$B$17,14,0)+IF('Standard Profiles'!$G$20=$B$24,21,0),MOD($C5957,24)+1)/SUM(INDEX($D$3:$AA$30,INDEX(Jesper!$R$2:$R$366,ROW(INDEX(Jesper!AJ$2:AJ$366,ROUNDDOWN($C5957/24,0)+1,1))-1)+IF('Standard Profiles'!$G$20=$B$10,7,0)+IF('Standard Profiles'!$G$20=$B$17,14,0)+IF('Standard Profiles'!$G$20=$B$24,21,0),0)),0)</f>
        <v>0</v>
      </c>
      <c r="G5957" cm="1">
        <f t="array" ref="G5957">IFERROR(INDEX(Jesper!AK$2:AK$366,ROUNDDOWN($C5957/24,0)+1,1)*INDEX($D$3:$AA$30,INDEX(Jesper!$R$2:$R$366,ROW(INDEX(Jesper!AK$2:AK$366,ROUNDDOWN($C5957/24,0)+1,1))-1)+IF('Standard Profiles'!$G$21=$B$10,7,0)+IF('Standard Profiles'!$G$21=$B$17,14,0)+IF('Standard Profiles'!$G$21=$B$24,21,0),MOD($C5957,24)+1)/SUM(INDEX($D$3:$AA$30,INDEX(Jesper!$R$2:$R$366,ROW(INDEX(Jesper!AK$2:AK$366,ROUNDDOWN($C5957/24,0)+1,1))-1)+IF('Standard Profiles'!$G$21=$B$10,7,0)+IF('Standard Profiles'!$G$21=$B$17,14,0)+IF('Standard Profiles'!$G$21=$B$24,21,0),0)),0)</f>
        <v>0.47688643830505273</v>
      </c>
      <c r="H5957" cm="1">
        <f t="array" ref="H5957">IFERROR(INDEX(Jesper!AL$2:AL$366,ROUNDDOWN($C5957/24,0)+1,1)*INDEX($D$3:$AA$30,INDEX(Jesper!$R$2:$R$366,ROW(INDEX(Jesper!AL$2:AL$366,ROUNDDOWN($C5957/24,0)+1,1))-1)+IF('Standard Profiles'!$G$22=$B$10,7,0)+IF('Standard Profiles'!$G$22=$B$17,14,0)+IF('Standard Profiles'!$G$22=$B$24,21,0),MOD($C5957,24)+1)/SUM(INDEX($D$3:$AA$30,INDEX(Jesper!$R$2:$R$366,ROW(INDEX(Jesper!AL$2:AL$366,ROUNDDOWN($C5957/24,0)+1,1))-1)+IF('Standard Profiles'!$G$22=$B$10,7,0)+IF('Standard Profiles'!$G$22=$B$17,14,0)+IF('Standard Profiles'!$G$22=$B$24,21,0),0)),0)</f>
        <v>0</v>
      </c>
      <c r="I5957">
        <f t="shared" si="664"/>
        <v>0.22890549038642519</v>
      </c>
      <c r="J5957">
        <f t="shared" si="665"/>
        <v>7.3124298722230243</v>
      </c>
      <c r="K5957">
        <f t="shared" si="666"/>
        <v>0.58460711115067254</v>
      </c>
      <c r="L5957">
        <f t="shared" si="667"/>
        <v>0.29230355557533627</v>
      </c>
      <c r="M5957">
        <f t="shared" si="668"/>
        <v>0</v>
      </c>
      <c r="N5957" s="45">
        <f t="shared" si="669"/>
        <v>45173.791666652302</v>
      </c>
    </row>
    <row r="5958" spans="2:14" x14ac:dyDescent="0.25">
      <c r="B5958">
        <f t="shared" si="663"/>
        <v>1</v>
      </c>
      <c r="C5958" s="16">
        <v>5924</v>
      </c>
      <c r="D5958" cm="1">
        <f t="array" ref="D5958">IFERROR(INDEX(Jesper!AH$2:AH$366,ROUNDDOWN($C5958/24,0)+1,1)*INDEX($D$3:$AA$30,INDEX(Jesper!$R$2:$R$366,ROW(INDEX(Jesper!AH$2:AH$366,ROUNDDOWN($C5958/24,0)+1,1))-1)+IF('Standard Profiles'!$G$18=$B$10,7,0)+IF('Standard Profiles'!$G$18=$B$17,14,0)+IF('Standard Profiles'!$G$18=$B$24,21,0),MOD($C5958,24)+1)/SUM(INDEX($D$3:$AA$30,INDEX(Jesper!$R$2:$R$366,ROW(INDEX(Jesper!AH$2:AH$366,ROUNDDOWN($C5958/24,0)+1,1))-1)+IF('Standard Profiles'!$G$18=$B$10,7,0)+IF('Standard Profiles'!$G$18=$B$17,14,0)+IF('Standard Profiles'!$G$18=$B$24,21,0),0)),0)</f>
        <v>5.4806916670375543</v>
      </c>
      <c r="E5958" cm="1">
        <f t="array" ref="E5958">IFERROR(INDEX(Jesper!AI$2:AI$366,ROUNDDOWN($C5958/24,0)+1,1)*INDEX($D$3:$AA$30,INDEX(Jesper!$R$2:$R$366,ROW(INDEX(Jesper!AI$2:AI$366,ROUNDDOWN($C5958/24,0)+1,1))-1)+IF('Standard Profiles'!$G$19=$B$10,7,0)+IF('Standard Profiles'!$G$19=$B$17,14,0)+IF('Standard Profiles'!$G$19=$B$24,21,0),MOD($C5958,24)+1)/SUM(INDEX($D$3:$AA$30,INDEX(Jesper!$R$2:$R$366,ROW(INDEX(Jesper!AI$2:AI$366,ROUNDDOWN($C5958/24,0)+1,1))-1)+IF('Standard Profiles'!$G$19=$B$10,7,0)+IF('Standard Profiles'!$G$19=$B$17,14,0)+IF('Standard Profiles'!$G$19=$B$24,21,0),0)),0)</f>
        <v>2.4606679239928515</v>
      </c>
      <c r="F5958" cm="1">
        <f t="array" ref="F5958">IFERROR(INDEX(Jesper!AJ$2:AJ$366,ROUNDDOWN($C5958/24,0)+1,1)*INDEX($D$3:$AA$30,INDEX(Jesper!$R$2:$R$366,ROW(INDEX(Jesper!AJ$2:AJ$366,ROUNDDOWN($C5958/24,0)+1,1))-1)+IF('Standard Profiles'!$G$20=$B$10,7,0)+IF('Standard Profiles'!$G$20=$B$17,14,0)+IF('Standard Profiles'!$G$20=$B$24,21,0),MOD($C5958,24)+1)/SUM(INDEX($D$3:$AA$30,INDEX(Jesper!$R$2:$R$366,ROW(INDEX(Jesper!AJ$2:AJ$366,ROUNDDOWN($C5958/24,0)+1,1))-1)+IF('Standard Profiles'!$G$20=$B$10,7,0)+IF('Standard Profiles'!$G$20=$B$17,14,0)+IF('Standard Profiles'!$G$20=$B$24,21,0),0)),0)</f>
        <v>0</v>
      </c>
      <c r="G5958" cm="1">
        <f t="array" ref="G5958">IFERROR(INDEX(Jesper!AK$2:AK$366,ROUNDDOWN($C5958/24,0)+1,1)*INDEX($D$3:$AA$30,INDEX(Jesper!$R$2:$R$366,ROW(INDEX(Jesper!AK$2:AK$366,ROUNDDOWN($C5958/24,0)+1,1))-1)+IF('Standard Profiles'!$G$21=$B$10,7,0)+IF('Standard Profiles'!$G$21=$B$17,14,0)+IF('Standard Profiles'!$G$21=$B$24,21,0),MOD($C5958,24)+1)/SUM(INDEX($D$3:$AA$30,INDEX(Jesper!$R$2:$R$366,ROW(INDEX(Jesper!AK$2:AK$366,ROUNDDOWN($C5958/24,0)+1,1))-1)+IF('Standard Profiles'!$G$21=$B$10,7,0)+IF('Standard Profiles'!$G$21=$B$17,14,0)+IF('Standard Profiles'!$G$21=$B$24,21,0),0)),0)</f>
        <v>0.47688643830505273</v>
      </c>
      <c r="H5958" cm="1">
        <f t="array" ref="H5958">IFERROR(INDEX(Jesper!AL$2:AL$366,ROUNDDOWN($C5958/24,0)+1,1)*INDEX($D$3:$AA$30,INDEX(Jesper!$R$2:$R$366,ROW(INDEX(Jesper!AL$2:AL$366,ROUNDDOWN($C5958/24,0)+1,1))-1)+IF('Standard Profiles'!$G$22=$B$10,7,0)+IF('Standard Profiles'!$G$22=$B$17,14,0)+IF('Standard Profiles'!$G$22=$B$24,21,0),MOD($C5958,24)+1)/SUM(INDEX($D$3:$AA$30,INDEX(Jesper!$R$2:$R$366,ROW(INDEX(Jesper!AL$2:AL$366,ROUNDDOWN($C5958/24,0)+1,1))-1)+IF('Standard Profiles'!$G$22=$B$10,7,0)+IF('Standard Profiles'!$G$22=$B$17,14,0)+IF('Standard Profiles'!$G$22=$B$24,21,0),0)),0)</f>
        <v>0</v>
      </c>
      <c r="I5958">
        <f t="shared" si="664"/>
        <v>0.22890549038642519</v>
      </c>
      <c r="J5958">
        <f t="shared" si="665"/>
        <v>7.3124298722230243</v>
      </c>
      <c r="K5958">
        <f t="shared" si="666"/>
        <v>0.58460711115067254</v>
      </c>
      <c r="L5958">
        <f t="shared" si="667"/>
        <v>0.29230355557533627</v>
      </c>
      <c r="M5958">
        <f t="shared" si="668"/>
        <v>0</v>
      </c>
      <c r="N5958" s="45">
        <f t="shared" si="669"/>
        <v>45173.833333318966</v>
      </c>
    </row>
    <row r="5959" spans="2:14" x14ac:dyDescent="0.25">
      <c r="B5959">
        <f t="shared" si="663"/>
        <v>1</v>
      </c>
      <c r="C5959" s="16">
        <v>5925</v>
      </c>
      <c r="D5959" cm="1">
        <f t="array" ref="D5959">IFERROR(INDEX(Jesper!AH$2:AH$366,ROUNDDOWN($C5959/24,0)+1,1)*INDEX($D$3:$AA$30,INDEX(Jesper!$R$2:$R$366,ROW(INDEX(Jesper!AH$2:AH$366,ROUNDDOWN($C5959/24,0)+1,1))-1)+IF('Standard Profiles'!$G$18=$B$10,7,0)+IF('Standard Profiles'!$G$18=$B$17,14,0)+IF('Standard Profiles'!$G$18=$B$24,21,0),MOD($C5959,24)+1)/SUM(INDEX($D$3:$AA$30,INDEX(Jesper!$R$2:$R$366,ROW(INDEX(Jesper!AH$2:AH$366,ROUNDDOWN($C5959/24,0)+1,1))-1)+IF('Standard Profiles'!$G$18=$B$10,7,0)+IF('Standard Profiles'!$G$18=$B$17,14,0)+IF('Standard Profiles'!$G$18=$B$24,21,0),0)),0)</f>
        <v>5.4806916670375543</v>
      </c>
      <c r="E5959" cm="1">
        <f t="array" ref="E5959">IFERROR(INDEX(Jesper!AI$2:AI$366,ROUNDDOWN($C5959/24,0)+1,1)*INDEX($D$3:$AA$30,INDEX(Jesper!$R$2:$R$366,ROW(INDEX(Jesper!AI$2:AI$366,ROUNDDOWN($C5959/24,0)+1,1))-1)+IF('Standard Profiles'!$G$19=$B$10,7,0)+IF('Standard Profiles'!$G$19=$B$17,14,0)+IF('Standard Profiles'!$G$19=$B$24,21,0),MOD($C5959,24)+1)/SUM(INDEX($D$3:$AA$30,INDEX(Jesper!$R$2:$R$366,ROW(INDEX(Jesper!AI$2:AI$366,ROUNDDOWN($C5959/24,0)+1,1))-1)+IF('Standard Profiles'!$G$19=$B$10,7,0)+IF('Standard Profiles'!$G$19=$B$17,14,0)+IF('Standard Profiles'!$G$19=$B$24,21,0),0)),0)</f>
        <v>2.4606679239928515</v>
      </c>
      <c r="F5959" cm="1">
        <f t="array" ref="F5959">IFERROR(INDEX(Jesper!AJ$2:AJ$366,ROUNDDOWN($C5959/24,0)+1,1)*INDEX($D$3:$AA$30,INDEX(Jesper!$R$2:$R$366,ROW(INDEX(Jesper!AJ$2:AJ$366,ROUNDDOWN($C5959/24,0)+1,1))-1)+IF('Standard Profiles'!$G$20=$B$10,7,0)+IF('Standard Profiles'!$G$20=$B$17,14,0)+IF('Standard Profiles'!$G$20=$B$24,21,0),MOD($C5959,24)+1)/SUM(INDEX($D$3:$AA$30,INDEX(Jesper!$R$2:$R$366,ROW(INDEX(Jesper!AJ$2:AJ$366,ROUNDDOWN($C5959/24,0)+1,1))-1)+IF('Standard Profiles'!$G$20=$B$10,7,0)+IF('Standard Profiles'!$G$20=$B$17,14,0)+IF('Standard Profiles'!$G$20=$B$24,21,0),0)),0)</f>
        <v>0</v>
      </c>
      <c r="G5959" cm="1">
        <f t="array" ref="G5959">IFERROR(INDEX(Jesper!AK$2:AK$366,ROUNDDOWN($C5959/24,0)+1,1)*INDEX($D$3:$AA$30,INDEX(Jesper!$R$2:$R$366,ROW(INDEX(Jesper!AK$2:AK$366,ROUNDDOWN($C5959/24,0)+1,1))-1)+IF('Standard Profiles'!$G$21=$B$10,7,0)+IF('Standard Profiles'!$G$21=$B$17,14,0)+IF('Standard Profiles'!$G$21=$B$24,21,0),MOD($C5959,24)+1)/SUM(INDEX($D$3:$AA$30,INDEX(Jesper!$R$2:$R$366,ROW(INDEX(Jesper!AK$2:AK$366,ROUNDDOWN($C5959/24,0)+1,1))-1)+IF('Standard Profiles'!$G$21=$B$10,7,0)+IF('Standard Profiles'!$G$21=$B$17,14,0)+IF('Standard Profiles'!$G$21=$B$24,21,0),0)),0)</f>
        <v>0.47688643830505273</v>
      </c>
      <c r="H5959" cm="1">
        <f t="array" ref="H5959">IFERROR(INDEX(Jesper!AL$2:AL$366,ROUNDDOWN($C5959/24,0)+1,1)*INDEX($D$3:$AA$30,INDEX(Jesper!$R$2:$R$366,ROW(INDEX(Jesper!AL$2:AL$366,ROUNDDOWN($C5959/24,0)+1,1))-1)+IF('Standard Profiles'!$G$22=$B$10,7,0)+IF('Standard Profiles'!$G$22=$B$17,14,0)+IF('Standard Profiles'!$G$22=$B$24,21,0),MOD($C5959,24)+1)/SUM(INDEX($D$3:$AA$30,INDEX(Jesper!$R$2:$R$366,ROW(INDEX(Jesper!AL$2:AL$366,ROUNDDOWN($C5959/24,0)+1,1))-1)+IF('Standard Profiles'!$G$22=$B$10,7,0)+IF('Standard Profiles'!$G$22=$B$17,14,0)+IF('Standard Profiles'!$G$22=$B$24,21,0),0)),0)</f>
        <v>0</v>
      </c>
      <c r="I5959">
        <f t="shared" si="664"/>
        <v>0.22890549038642519</v>
      </c>
      <c r="J5959">
        <f t="shared" si="665"/>
        <v>7.3124298722230243</v>
      </c>
      <c r="K5959">
        <f t="shared" si="666"/>
        <v>0.58460711115067254</v>
      </c>
      <c r="L5959">
        <f t="shared" si="667"/>
        <v>0.29230355557533627</v>
      </c>
      <c r="M5959">
        <f t="shared" si="668"/>
        <v>0</v>
      </c>
      <c r="N5959" s="45">
        <f t="shared" si="669"/>
        <v>45173.87499998563</v>
      </c>
    </row>
    <row r="5960" spans="2:14" x14ac:dyDescent="0.25">
      <c r="B5960">
        <f t="shared" si="663"/>
        <v>1</v>
      </c>
      <c r="C5960" s="16">
        <v>5926</v>
      </c>
      <c r="D5960" cm="1">
        <f t="array" ref="D5960">IFERROR(INDEX(Jesper!AH$2:AH$366,ROUNDDOWN($C5960/24,0)+1,1)*INDEX($D$3:$AA$30,INDEX(Jesper!$R$2:$R$366,ROW(INDEX(Jesper!AH$2:AH$366,ROUNDDOWN($C5960/24,0)+1,1))-1)+IF('Standard Profiles'!$G$18=$B$10,7,0)+IF('Standard Profiles'!$G$18=$B$17,14,0)+IF('Standard Profiles'!$G$18=$B$24,21,0),MOD($C5960,24)+1)/SUM(INDEX($D$3:$AA$30,INDEX(Jesper!$R$2:$R$366,ROW(INDEX(Jesper!AH$2:AH$366,ROUNDDOWN($C5960/24,0)+1,1))-1)+IF('Standard Profiles'!$G$18=$B$10,7,0)+IF('Standard Profiles'!$G$18=$B$17,14,0)+IF('Standard Profiles'!$G$18=$B$24,21,0),0)),0)</f>
        <v>5.4806916670375543</v>
      </c>
      <c r="E5960" cm="1">
        <f t="array" ref="E5960">IFERROR(INDEX(Jesper!AI$2:AI$366,ROUNDDOWN($C5960/24,0)+1,1)*INDEX($D$3:$AA$30,INDEX(Jesper!$R$2:$R$366,ROW(INDEX(Jesper!AI$2:AI$366,ROUNDDOWN($C5960/24,0)+1,1))-1)+IF('Standard Profiles'!$G$19=$B$10,7,0)+IF('Standard Profiles'!$G$19=$B$17,14,0)+IF('Standard Profiles'!$G$19=$B$24,21,0),MOD($C5960,24)+1)/SUM(INDEX($D$3:$AA$30,INDEX(Jesper!$R$2:$R$366,ROW(INDEX(Jesper!AI$2:AI$366,ROUNDDOWN($C5960/24,0)+1,1))-1)+IF('Standard Profiles'!$G$19=$B$10,7,0)+IF('Standard Profiles'!$G$19=$B$17,14,0)+IF('Standard Profiles'!$G$19=$B$24,21,0),0)),0)</f>
        <v>2.4606679239928515</v>
      </c>
      <c r="F5960" cm="1">
        <f t="array" ref="F5960">IFERROR(INDEX(Jesper!AJ$2:AJ$366,ROUNDDOWN($C5960/24,0)+1,1)*INDEX($D$3:$AA$30,INDEX(Jesper!$R$2:$R$366,ROW(INDEX(Jesper!AJ$2:AJ$366,ROUNDDOWN($C5960/24,0)+1,1))-1)+IF('Standard Profiles'!$G$20=$B$10,7,0)+IF('Standard Profiles'!$G$20=$B$17,14,0)+IF('Standard Profiles'!$G$20=$B$24,21,0),MOD($C5960,24)+1)/SUM(INDEX($D$3:$AA$30,INDEX(Jesper!$R$2:$R$366,ROW(INDEX(Jesper!AJ$2:AJ$366,ROUNDDOWN($C5960/24,0)+1,1))-1)+IF('Standard Profiles'!$G$20=$B$10,7,0)+IF('Standard Profiles'!$G$20=$B$17,14,0)+IF('Standard Profiles'!$G$20=$B$24,21,0),0)),0)</f>
        <v>0</v>
      </c>
      <c r="G5960" cm="1">
        <f t="array" ref="G5960">IFERROR(INDEX(Jesper!AK$2:AK$366,ROUNDDOWN($C5960/24,0)+1,1)*INDEX($D$3:$AA$30,INDEX(Jesper!$R$2:$R$366,ROW(INDEX(Jesper!AK$2:AK$366,ROUNDDOWN($C5960/24,0)+1,1))-1)+IF('Standard Profiles'!$G$21=$B$10,7,0)+IF('Standard Profiles'!$G$21=$B$17,14,0)+IF('Standard Profiles'!$G$21=$B$24,21,0),MOD($C5960,24)+1)/SUM(INDEX($D$3:$AA$30,INDEX(Jesper!$R$2:$R$366,ROW(INDEX(Jesper!AK$2:AK$366,ROUNDDOWN($C5960/24,0)+1,1))-1)+IF('Standard Profiles'!$G$21=$B$10,7,0)+IF('Standard Profiles'!$G$21=$B$17,14,0)+IF('Standard Profiles'!$G$21=$B$24,21,0),0)),0)</f>
        <v>0.47688643830505273</v>
      </c>
      <c r="H5960" cm="1">
        <f t="array" ref="H5960">IFERROR(INDEX(Jesper!AL$2:AL$366,ROUNDDOWN($C5960/24,0)+1,1)*INDEX($D$3:$AA$30,INDEX(Jesper!$R$2:$R$366,ROW(INDEX(Jesper!AL$2:AL$366,ROUNDDOWN($C5960/24,0)+1,1))-1)+IF('Standard Profiles'!$G$22=$B$10,7,0)+IF('Standard Profiles'!$G$22=$B$17,14,0)+IF('Standard Profiles'!$G$22=$B$24,21,0),MOD($C5960,24)+1)/SUM(INDEX($D$3:$AA$30,INDEX(Jesper!$R$2:$R$366,ROW(INDEX(Jesper!AL$2:AL$366,ROUNDDOWN($C5960/24,0)+1,1))-1)+IF('Standard Profiles'!$G$22=$B$10,7,0)+IF('Standard Profiles'!$G$22=$B$17,14,0)+IF('Standard Profiles'!$G$22=$B$24,21,0),0)),0)</f>
        <v>0</v>
      </c>
      <c r="I5960">
        <f t="shared" si="664"/>
        <v>0.22890549038642519</v>
      </c>
      <c r="J5960">
        <f t="shared" si="665"/>
        <v>7.3124298722230243</v>
      </c>
      <c r="K5960">
        <f t="shared" si="666"/>
        <v>0.58460711115067254</v>
      </c>
      <c r="L5960">
        <f t="shared" si="667"/>
        <v>0.29230355557533627</v>
      </c>
      <c r="M5960">
        <f t="shared" si="668"/>
        <v>0</v>
      </c>
      <c r="N5960" s="45">
        <f t="shared" si="669"/>
        <v>45173.916666652294</v>
      </c>
    </row>
    <row r="5961" spans="2:14" x14ac:dyDescent="0.25">
      <c r="B5961">
        <f t="shared" si="663"/>
        <v>1</v>
      </c>
      <c r="C5961" s="16">
        <v>5927</v>
      </c>
      <c r="D5961" cm="1">
        <f t="array" ref="D5961">IFERROR(INDEX(Jesper!AH$2:AH$366,ROUNDDOWN($C5961/24,0)+1,1)*INDEX($D$3:$AA$30,INDEX(Jesper!$R$2:$R$366,ROW(INDEX(Jesper!AH$2:AH$366,ROUNDDOWN($C5961/24,0)+1,1))-1)+IF('Standard Profiles'!$G$18=$B$10,7,0)+IF('Standard Profiles'!$G$18=$B$17,14,0)+IF('Standard Profiles'!$G$18=$B$24,21,0),MOD($C5961,24)+1)/SUM(INDEX($D$3:$AA$30,INDEX(Jesper!$R$2:$R$366,ROW(INDEX(Jesper!AH$2:AH$366,ROUNDDOWN($C5961/24,0)+1,1))-1)+IF('Standard Profiles'!$G$18=$B$10,7,0)+IF('Standard Profiles'!$G$18=$B$17,14,0)+IF('Standard Profiles'!$G$18=$B$24,21,0),0)),0)</f>
        <v>5.4806916670375543</v>
      </c>
      <c r="E5961" cm="1">
        <f t="array" ref="E5961">IFERROR(INDEX(Jesper!AI$2:AI$366,ROUNDDOWN($C5961/24,0)+1,1)*INDEX($D$3:$AA$30,INDEX(Jesper!$R$2:$R$366,ROW(INDEX(Jesper!AI$2:AI$366,ROUNDDOWN($C5961/24,0)+1,1))-1)+IF('Standard Profiles'!$G$19=$B$10,7,0)+IF('Standard Profiles'!$G$19=$B$17,14,0)+IF('Standard Profiles'!$G$19=$B$24,21,0),MOD($C5961,24)+1)/SUM(INDEX($D$3:$AA$30,INDEX(Jesper!$R$2:$R$366,ROW(INDEX(Jesper!AI$2:AI$366,ROUNDDOWN($C5961/24,0)+1,1))-1)+IF('Standard Profiles'!$G$19=$B$10,7,0)+IF('Standard Profiles'!$G$19=$B$17,14,0)+IF('Standard Profiles'!$G$19=$B$24,21,0),0)),0)</f>
        <v>2.4606679239928515</v>
      </c>
      <c r="F5961" cm="1">
        <f t="array" ref="F5961">IFERROR(INDEX(Jesper!AJ$2:AJ$366,ROUNDDOWN($C5961/24,0)+1,1)*INDEX($D$3:$AA$30,INDEX(Jesper!$R$2:$R$366,ROW(INDEX(Jesper!AJ$2:AJ$366,ROUNDDOWN($C5961/24,0)+1,1))-1)+IF('Standard Profiles'!$G$20=$B$10,7,0)+IF('Standard Profiles'!$G$20=$B$17,14,0)+IF('Standard Profiles'!$G$20=$B$24,21,0),MOD($C5961,24)+1)/SUM(INDEX($D$3:$AA$30,INDEX(Jesper!$R$2:$R$366,ROW(INDEX(Jesper!AJ$2:AJ$366,ROUNDDOWN($C5961/24,0)+1,1))-1)+IF('Standard Profiles'!$G$20=$B$10,7,0)+IF('Standard Profiles'!$G$20=$B$17,14,0)+IF('Standard Profiles'!$G$20=$B$24,21,0),0)),0)</f>
        <v>0</v>
      </c>
      <c r="G5961" cm="1">
        <f t="array" ref="G5961">IFERROR(INDEX(Jesper!AK$2:AK$366,ROUNDDOWN($C5961/24,0)+1,1)*INDEX($D$3:$AA$30,INDEX(Jesper!$R$2:$R$366,ROW(INDEX(Jesper!AK$2:AK$366,ROUNDDOWN($C5961/24,0)+1,1))-1)+IF('Standard Profiles'!$G$21=$B$10,7,0)+IF('Standard Profiles'!$G$21=$B$17,14,0)+IF('Standard Profiles'!$G$21=$B$24,21,0),MOD($C5961,24)+1)/SUM(INDEX($D$3:$AA$30,INDEX(Jesper!$R$2:$R$366,ROW(INDEX(Jesper!AK$2:AK$366,ROUNDDOWN($C5961/24,0)+1,1))-1)+IF('Standard Profiles'!$G$21=$B$10,7,0)+IF('Standard Profiles'!$G$21=$B$17,14,0)+IF('Standard Profiles'!$G$21=$B$24,21,0),0)),0)</f>
        <v>0.47688643830505273</v>
      </c>
      <c r="H5961" cm="1">
        <f t="array" ref="H5961">IFERROR(INDEX(Jesper!AL$2:AL$366,ROUNDDOWN($C5961/24,0)+1,1)*INDEX($D$3:$AA$30,INDEX(Jesper!$R$2:$R$366,ROW(INDEX(Jesper!AL$2:AL$366,ROUNDDOWN($C5961/24,0)+1,1))-1)+IF('Standard Profiles'!$G$22=$B$10,7,0)+IF('Standard Profiles'!$G$22=$B$17,14,0)+IF('Standard Profiles'!$G$22=$B$24,21,0),MOD($C5961,24)+1)/SUM(INDEX($D$3:$AA$30,INDEX(Jesper!$R$2:$R$366,ROW(INDEX(Jesper!AL$2:AL$366,ROUNDDOWN($C5961/24,0)+1,1))-1)+IF('Standard Profiles'!$G$22=$B$10,7,0)+IF('Standard Profiles'!$G$22=$B$17,14,0)+IF('Standard Profiles'!$G$22=$B$24,21,0),0)),0)</f>
        <v>0</v>
      </c>
      <c r="I5961">
        <f t="shared" si="664"/>
        <v>0.22890549038642519</v>
      </c>
      <c r="J5961">
        <f t="shared" si="665"/>
        <v>7.3124298722230243</v>
      </c>
      <c r="K5961">
        <f t="shared" si="666"/>
        <v>0.58460711115067254</v>
      </c>
      <c r="L5961">
        <f t="shared" si="667"/>
        <v>0.29230355557533627</v>
      </c>
      <c r="M5961">
        <f t="shared" si="668"/>
        <v>0</v>
      </c>
      <c r="N5961" s="45">
        <f t="shared" si="669"/>
        <v>45173.958333318958</v>
      </c>
    </row>
    <row r="5962" spans="2:14" x14ac:dyDescent="0.25">
      <c r="B5962">
        <f t="shared" si="663"/>
        <v>2</v>
      </c>
      <c r="C5962" s="16">
        <v>5928</v>
      </c>
      <c r="D5962" cm="1">
        <f t="array" ref="D5962">IFERROR(INDEX(Jesper!AH$2:AH$366,ROUNDDOWN($C5962/24,0)+1,1)*INDEX($D$3:$AA$30,INDEX(Jesper!$R$2:$R$366,ROW(INDEX(Jesper!AH$2:AH$366,ROUNDDOWN($C5962/24,0)+1,1))-1)+IF('Standard Profiles'!$G$18=$B$10,7,0)+IF('Standard Profiles'!$G$18=$B$17,14,0)+IF('Standard Profiles'!$G$18=$B$24,21,0),MOD($C5962,24)+1)/SUM(INDEX($D$3:$AA$30,INDEX(Jesper!$R$2:$R$366,ROW(INDEX(Jesper!AH$2:AH$366,ROUNDDOWN($C5962/24,0)+1,1))-1)+IF('Standard Profiles'!$G$18=$B$10,7,0)+IF('Standard Profiles'!$G$18=$B$17,14,0)+IF('Standard Profiles'!$G$18=$B$24,21,0),0)),0)</f>
        <v>3.4774131586968524</v>
      </c>
      <c r="E5962" cm="1">
        <f t="array" ref="E5962">IFERROR(INDEX(Jesper!AI$2:AI$366,ROUNDDOWN($C5962/24,0)+1,1)*INDEX($D$3:$AA$30,INDEX(Jesper!$R$2:$R$366,ROW(INDEX(Jesper!AI$2:AI$366,ROUNDDOWN($C5962/24,0)+1,1))-1)+IF('Standard Profiles'!$G$19=$B$10,7,0)+IF('Standard Profiles'!$G$19=$B$17,14,0)+IF('Standard Profiles'!$G$19=$B$24,21,0),MOD($C5962,24)+1)/SUM(INDEX($D$3:$AA$30,INDEX(Jesper!$R$2:$R$366,ROW(INDEX(Jesper!AI$2:AI$366,ROUNDDOWN($C5962/24,0)+1,1))-1)+IF('Standard Profiles'!$G$19=$B$10,7,0)+IF('Standard Profiles'!$G$19=$B$17,14,0)+IF('Standard Profiles'!$G$19=$B$24,21,0),0)),0)</f>
        <v>1.5421162973539095</v>
      </c>
      <c r="F5962" cm="1">
        <f t="array" ref="F5962">IFERROR(INDEX(Jesper!AJ$2:AJ$366,ROUNDDOWN($C5962/24,0)+1,1)*INDEX($D$3:$AA$30,INDEX(Jesper!$R$2:$R$366,ROW(INDEX(Jesper!AJ$2:AJ$366,ROUNDDOWN($C5962/24,0)+1,1))-1)+IF('Standard Profiles'!$G$20=$B$10,7,0)+IF('Standard Profiles'!$G$20=$B$17,14,0)+IF('Standard Profiles'!$G$20=$B$24,21,0),MOD($C5962,24)+1)/SUM(INDEX($D$3:$AA$30,INDEX(Jesper!$R$2:$R$366,ROW(INDEX(Jesper!AJ$2:AJ$366,ROUNDDOWN($C5962/24,0)+1,1))-1)+IF('Standard Profiles'!$G$20=$B$10,7,0)+IF('Standard Profiles'!$G$20=$B$17,14,0)+IF('Standard Profiles'!$G$20=$B$24,21,0),0)),0)</f>
        <v>0</v>
      </c>
      <c r="G5962" cm="1">
        <f t="array" ref="G5962">IFERROR(INDEX(Jesper!AK$2:AK$366,ROUNDDOWN($C5962/24,0)+1,1)*INDEX($D$3:$AA$30,INDEX(Jesper!$R$2:$R$366,ROW(INDEX(Jesper!AK$2:AK$366,ROUNDDOWN($C5962/24,0)+1,1))-1)+IF('Standard Profiles'!$G$21=$B$10,7,0)+IF('Standard Profiles'!$G$21=$B$17,14,0)+IF('Standard Profiles'!$G$21=$B$24,21,0),MOD($C5962,24)+1)/SUM(INDEX($D$3:$AA$30,INDEX(Jesper!$R$2:$R$366,ROW(INDEX(Jesper!AK$2:AK$366,ROUNDDOWN($C5962/24,0)+1,1))-1)+IF('Standard Profiles'!$G$21=$B$10,7,0)+IF('Standard Profiles'!$G$21=$B$17,14,0)+IF('Standard Profiles'!$G$21=$B$24,21,0),0)),0)</f>
        <v>0.39492062365987962</v>
      </c>
      <c r="H5962" cm="1">
        <f t="array" ref="H5962">IFERROR(INDEX(Jesper!AL$2:AL$366,ROUNDDOWN($C5962/24,0)+1,1)*INDEX($D$3:$AA$30,INDEX(Jesper!$R$2:$R$366,ROW(INDEX(Jesper!AL$2:AL$366,ROUNDDOWN($C5962/24,0)+1,1))-1)+IF('Standard Profiles'!$G$22=$B$10,7,0)+IF('Standard Profiles'!$G$22=$B$17,14,0)+IF('Standard Profiles'!$G$22=$B$24,21,0),MOD($C5962,24)+1)/SUM(INDEX($D$3:$AA$30,INDEX(Jesper!$R$2:$R$366,ROW(INDEX(Jesper!AL$2:AL$366,ROUNDDOWN($C5962/24,0)+1,1))-1)+IF('Standard Profiles'!$G$22=$B$10,7,0)+IF('Standard Profiles'!$G$22=$B$17,14,0)+IF('Standard Profiles'!$G$22=$B$24,21,0),0)),0)</f>
        <v>0</v>
      </c>
      <c r="I5962">
        <f t="shared" si="664"/>
        <v>0.18956189935674211</v>
      </c>
      <c r="J5962">
        <f t="shared" si="665"/>
        <v>4.6685020749624035</v>
      </c>
      <c r="K5962">
        <f t="shared" si="666"/>
        <v>0.37092407026099761</v>
      </c>
      <c r="L5962">
        <f t="shared" si="667"/>
        <v>0.1854620351304988</v>
      </c>
      <c r="M5962">
        <f t="shared" si="668"/>
        <v>0</v>
      </c>
      <c r="N5962" s="45">
        <f t="shared" si="669"/>
        <v>45173.999999985623</v>
      </c>
    </row>
    <row r="5963" spans="2:14" x14ac:dyDescent="0.25">
      <c r="B5963">
        <f t="shared" si="663"/>
        <v>2</v>
      </c>
      <c r="C5963" s="16">
        <v>5929</v>
      </c>
      <c r="D5963" cm="1">
        <f t="array" ref="D5963">IFERROR(INDEX(Jesper!AH$2:AH$366,ROUNDDOWN($C5963/24,0)+1,1)*INDEX($D$3:$AA$30,INDEX(Jesper!$R$2:$R$366,ROW(INDEX(Jesper!AH$2:AH$366,ROUNDDOWN($C5963/24,0)+1,1))-1)+IF('Standard Profiles'!$G$18=$B$10,7,0)+IF('Standard Profiles'!$G$18=$B$17,14,0)+IF('Standard Profiles'!$G$18=$B$24,21,0),MOD($C5963,24)+1)/SUM(INDEX($D$3:$AA$30,INDEX(Jesper!$R$2:$R$366,ROW(INDEX(Jesper!AH$2:AH$366,ROUNDDOWN($C5963/24,0)+1,1))-1)+IF('Standard Profiles'!$G$18=$B$10,7,0)+IF('Standard Profiles'!$G$18=$B$17,14,0)+IF('Standard Profiles'!$G$18=$B$24,21,0),0)),0)</f>
        <v>5.2989152894428226</v>
      </c>
      <c r="E5963" cm="1">
        <f t="array" ref="E5963">IFERROR(INDEX(Jesper!AI$2:AI$366,ROUNDDOWN($C5963/24,0)+1,1)*INDEX($D$3:$AA$30,INDEX(Jesper!$R$2:$R$366,ROW(INDEX(Jesper!AI$2:AI$366,ROUNDDOWN($C5963/24,0)+1,1))-1)+IF('Standard Profiles'!$G$19=$B$10,7,0)+IF('Standard Profiles'!$G$19=$B$17,14,0)+IF('Standard Profiles'!$G$19=$B$24,21,0),MOD($C5963,24)+1)/SUM(INDEX($D$3:$AA$30,INDEX(Jesper!$R$2:$R$366,ROW(INDEX(Jesper!AI$2:AI$366,ROUNDDOWN($C5963/24,0)+1,1))-1)+IF('Standard Profiles'!$G$19=$B$10,7,0)+IF('Standard Profiles'!$G$19=$B$17,14,0)+IF('Standard Profiles'!$G$19=$B$24,21,0),0)),0)</f>
        <v>2.3498915007297669</v>
      </c>
      <c r="F5963" cm="1">
        <f t="array" ref="F5963">IFERROR(INDEX(Jesper!AJ$2:AJ$366,ROUNDDOWN($C5963/24,0)+1,1)*INDEX($D$3:$AA$30,INDEX(Jesper!$R$2:$R$366,ROW(INDEX(Jesper!AJ$2:AJ$366,ROUNDDOWN($C5963/24,0)+1,1))-1)+IF('Standard Profiles'!$G$20=$B$10,7,0)+IF('Standard Profiles'!$G$20=$B$17,14,0)+IF('Standard Profiles'!$G$20=$B$24,21,0),MOD($C5963,24)+1)/SUM(INDEX($D$3:$AA$30,INDEX(Jesper!$R$2:$R$366,ROW(INDEX(Jesper!AJ$2:AJ$366,ROUNDDOWN($C5963/24,0)+1,1))-1)+IF('Standard Profiles'!$G$20=$B$10,7,0)+IF('Standard Profiles'!$G$20=$B$17,14,0)+IF('Standard Profiles'!$G$20=$B$24,21,0),0)),0)</f>
        <v>0</v>
      </c>
      <c r="G5963" cm="1">
        <f t="array" ref="G5963">IFERROR(INDEX(Jesper!AK$2:AK$366,ROUNDDOWN($C5963/24,0)+1,1)*INDEX($D$3:$AA$30,INDEX(Jesper!$R$2:$R$366,ROW(INDEX(Jesper!AK$2:AK$366,ROUNDDOWN($C5963/24,0)+1,1))-1)+IF('Standard Profiles'!$G$21=$B$10,7,0)+IF('Standard Profiles'!$G$21=$B$17,14,0)+IF('Standard Profiles'!$G$21=$B$24,21,0),MOD($C5963,24)+1)/SUM(INDEX($D$3:$AA$30,INDEX(Jesper!$R$2:$R$366,ROW(INDEX(Jesper!AK$2:AK$366,ROUNDDOWN($C5963/24,0)+1,1))-1)+IF('Standard Profiles'!$G$21=$B$10,7,0)+IF('Standard Profiles'!$G$21=$B$17,14,0)+IF('Standard Profiles'!$G$21=$B$24,21,0),0)),0)</f>
        <v>0.39492062365987962</v>
      </c>
      <c r="H5963" cm="1">
        <f t="array" ref="H5963">IFERROR(INDEX(Jesper!AL$2:AL$366,ROUNDDOWN($C5963/24,0)+1,1)*INDEX($D$3:$AA$30,INDEX(Jesper!$R$2:$R$366,ROW(INDEX(Jesper!AL$2:AL$366,ROUNDDOWN($C5963/24,0)+1,1))-1)+IF('Standard Profiles'!$G$22=$B$10,7,0)+IF('Standard Profiles'!$G$22=$B$17,14,0)+IF('Standard Profiles'!$G$22=$B$24,21,0),MOD($C5963,24)+1)/SUM(INDEX($D$3:$AA$30,INDEX(Jesper!$R$2:$R$366,ROW(INDEX(Jesper!AL$2:AL$366,ROUNDDOWN($C5963/24,0)+1,1))-1)+IF('Standard Profiles'!$G$22=$B$10,7,0)+IF('Standard Profiles'!$G$22=$B$17,14,0)+IF('Standard Profiles'!$G$22=$B$24,21,0),0)),0)</f>
        <v>0</v>
      </c>
      <c r="I5963">
        <f t="shared" si="664"/>
        <v>0.18956189935674211</v>
      </c>
      <c r="J5963">
        <f t="shared" si="665"/>
        <v>7.0063390681648761</v>
      </c>
      <c r="K5963">
        <f t="shared" si="666"/>
        <v>0.56521763087390109</v>
      </c>
      <c r="L5963">
        <f t="shared" si="667"/>
        <v>0.28260881543695054</v>
      </c>
      <c r="M5963">
        <f t="shared" si="668"/>
        <v>0</v>
      </c>
      <c r="N5963" s="45">
        <f t="shared" si="669"/>
        <v>45174.041666652287</v>
      </c>
    </row>
    <row r="5964" spans="2:14" x14ac:dyDescent="0.25">
      <c r="B5964">
        <f t="shared" si="663"/>
        <v>2</v>
      </c>
      <c r="C5964" s="16">
        <v>5930</v>
      </c>
      <c r="D5964" cm="1">
        <f t="array" ref="D5964">IFERROR(INDEX(Jesper!AH$2:AH$366,ROUNDDOWN($C5964/24,0)+1,1)*INDEX($D$3:$AA$30,INDEX(Jesper!$R$2:$R$366,ROW(INDEX(Jesper!AH$2:AH$366,ROUNDDOWN($C5964/24,0)+1,1))-1)+IF('Standard Profiles'!$G$18=$B$10,7,0)+IF('Standard Profiles'!$G$18=$B$17,14,0)+IF('Standard Profiles'!$G$18=$B$24,21,0),MOD($C5964,24)+1)/SUM(INDEX($D$3:$AA$30,INDEX(Jesper!$R$2:$R$366,ROW(INDEX(Jesper!AH$2:AH$366,ROUNDDOWN($C5964/24,0)+1,1))-1)+IF('Standard Profiles'!$G$18=$B$10,7,0)+IF('Standard Profiles'!$G$18=$B$17,14,0)+IF('Standard Profiles'!$G$18=$B$24,21,0),0)),0)</f>
        <v>5.2989152894428226</v>
      </c>
      <c r="E5964" cm="1">
        <f t="array" ref="E5964">IFERROR(INDEX(Jesper!AI$2:AI$366,ROUNDDOWN($C5964/24,0)+1,1)*INDEX($D$3:$AA$30,INDEX(Jesper!$R$2:$R$366,ROW(INDEX(Jesper!AI$2:AI$366,ROUNDDOWN($C5964/24,0)+1,1))-1)+IF('Standard Profiles'!$G$19=$B$10,7,0)+IF('Standard Profiles'!$G$19=$B$17,14,0)+IF('Standard Profiles'!$G$19=$B$24,21,0),MOD($C5964,24)+1)/SUM(INDEX($D$3:$AA$30,INDEX(Jesper!$R$2:$R$366,ROW(INDEX(Jesper!AI$2:AI$366,ROUNDDOWN($C5964/24,0)+1,1))-1)+IF('Standard Profiles'!$G$19=$B$10,7,0)+IF('Standard Profiles'!$G$19=$B$17,14,0)+IF('Standard Profiles'!$G$19=$B$24,21,0),0)),0)</f>
        <v>2.3498915007297669</v>
      </c>
      <c r="F5964" cm="1">
        <f t="array" ref="F5964">IFERROR(INDEX(Jesper!AJ$2:AJ$366,ROUNDDOWN($C5964/24,0)+1,1)*INDEX($D$3:$AA$30,INDEX(Jesper!$R$2:$R$366,ROW(INDEX(Jesper!AJ$2:AJ$366,ROUNDDOWN($C5964/24,0)+1,1))-1)+IF('Standard Profiles'!$G$20=$B$10,7,0)+IF('Standard Profiles'!$G$20=$B$17,14,0)+IF('Standard Profiles'!$G$20=$B$24,21,0),MOD($C5964,24)+1)/SUM(INDEX($D$3:$AA$30,INDEX(Jesper!$R$2:$R$366,ROW(INDEX(Jesper!AJ$2:AJ$366,ROUNDDOWN($C5964/24,0)+1,1))-1)+IF('Standard Profiles'!$G$20=$B$10,7,0)+IF('Standard Profiles'!$G$20=$B$17,14,0)+IF('Standard Profiles'!$G$20=$B$24,21,0),0)),0)</f>
        <v>0</v>
      </c>
      <c r="G5964" cm="1">
        <f t="array" ref="G5964">IFERROR(INDEX(Jesper!AK$2:AK$366,ROUNDDOWN($C5964/24,0)+1,1)*INDEX($D$3:$AA$30,INDEX(Jesper!$R$2:$R$366,ROW(INDEX(Jesper!AK$2:AK$366,ROUNDDOWN($C5964/24,0)+1,1))-1)+IF('Standard Profiles'!$G$21=$B$10,7,0)+IF('Standard Profiles'!$G$21=$B$17,14,0)+IF('Standard Profiles'!$G$21=$B$24,21,0),MOD($C5964,24)+1)/SUM(INDEX($D$3:$AA$30,INDEX(Jesper!$R$2:$R$366,ROW(INDEX(Jesper!AK$2:AK$366,ROUNDDOWN($C5964/24,0)+1,1))-1)+IF('Standard Profiles'!$G$21=$B$10,7,0)+IF('Standard Profiles'!$G$21=$B$17,14,0)+IF('Standard Profiles'!$G$21=$B$24,21,0),0)),0)</f>
        <v>0.39492062365987962</v>
      </c>
      <c r="H5964" cm="1">
        <f t="array" ref="H5964">IFERROR(INDEX(Jesper!AL$2:AL$366,ROUNDDOWN($C5964/24,0)+1,1)*INDEX($D$3:$AA$30,INDEX(Jesper!$R$2:$R$366,ROW(INDEX(Jesper!AL$2:AL$366,ROUNDDOWN($C5964/24,0)+1,1))-1)+IF('Standard Profiles'!$G$22=$B$10,7,0)+IF('Standard Profiles'!$G$22=$B$17,14,0)+IF('Standard Profiles'!$G$22=$B$24,21,0),MOD($C5964,24)+1)/SUM(INDEX($D$3:$AA$30,INDEX(Jesper!$R$2:$R$366,ROW(INDEX(Jesper!AL$2:AL$366,ROUNDDOWN($C5964/24,0)+1,1))-1)+IF('Standard Profiles'!$G$22=$B$10,7,0)+IF('Standard Profiles'!$G$22=$B$17,14,0)+IF('Standard Profiles'!$G$22=$B$24,21,0),0)),0)</f>
        <v>0</v>
      </c>
      <c r="I5964">
        <f t="shared" si="664"/>
        <v>0.18956189935674211</v>
      </c>
      <c r="J5964">
        <f t="shared" si="665"/>
        <v>7.0063390681648761</v>
      </c>
      <c r="K5964">
        <f t="shared" si="666"/>
        <v>0.56521763087390109</v>
      </c>
      <c r="L5964">
        <f t="shared" si="667"/>
        <v>0.28260881543695054</v>
      </c>
      <c r="M5964">
        <f t="shared" si="668"/>
        <v>0</v>
      </c>
      <c r="N5964" s="45">
        <f t="shared" si="669"/>
        <v>45174.083333318951</v>
      </c>
    </row>
    <row r="5965" spans="2:14" x14ac:dyDescent="0.25">
      <c r="B5965">
        <f t="shared" si="663"/>
        <v>2</v>
      </c>
      <c r="C5965" s="16">
        <v>5931</v>
      </c>
      <c r="D5965" cm="1">
        <f t="array" ref="D5965">IFERROR(INDEX(Jesper!AH$2:AH$366,ROUNDDOWN($C5965/24,0)+1,1)*INDEX($D$3:$AA$30,INDEX(Jesper!$R$2:$R$366,ROW(INDEX(Jesper!AH$2:AH$366,ROUNDDOWN($C5965/24,0)+1,1))-1)+IF('Standard Profiles'!$G$18=$B$10,7,0)+IF('Standard Profiles'!$G$18=$B$17,14,0)+IF('Standard Profiles'!$G$18=$B$24,21,0),MOD($C5965,24)+1)/SUM(INDEX($D$3:$AA$30,INDEX(Jesper!$R$2:$R$366,ROW(INDEX(Jesper!AH$2:AH$366,ROUNDDOWN($C5965/24,0)+1,1))-1)+IF('Standard Profiles'!$G$18=$B$10,7,0)+IF('Standard Profiles'!$G$18=$B$17,14,0)+IF('Standard Profiles'!$G$18=$B$24,21,0),0)),0)</f>
        <v>5.2989152894428226</v>
      </c>
      <c r="E5965" cm="1">
        <f t="array" ref="E5965">IFERROR(INDEX(Jesper!AI$2:AI$366,ROUNDDOWN($C5965/24,0)+1,1)*INDEX($D$3:$AA$30,INDEX(Jesper!$R$2:$R$366,ROW(INDEX(Jesper!AI$2:AI$366,ROUNDDOWN($C5965/24,0)+1,1))-1)+IF('Standard Profiles'!$G$19=$B$10,7,0)+IF('Standard Profiles'!$G$19=$B$17,14,0)+IF('Standard Profiles'!$G$19=$B$24,21,0),MOD($C5965,24)+1)/SUM(INDEX($D$3:$AA$30,INDEX(Jesper!$R$2:$R$366,ROW(INDEX(Jesper!AI$2:AI$366,ROUNDDOWN($C5965/24,0)+1,1))-1)+IF('Standard Profiles'!$G$19=$B$10,7,0)+IF('Standard Profiles'!$G$19=$B$17,14,0)+IF('Standard Profiles'!$G$19=$B$24,21,0),0)),0)</f>
        <v>2.3498915007297669</v>
      </c>
      <c r="F5965" cm="1">
        <f t="array" ref="F5965">IFERROR(INDEX(Jesper!AJ$2:AJ$366,ROUNDDOWN($C5965/24,0)+1,1)*INDEX($D$3:$AA$30,INDEX(Jesper!$R$2:$R$366,ROW(INDEX(Jesper!AJ$2:AJ$366,ROUNDDOWN($C5965/24,0)+1,1))-1)+IF('Standard Profiles'!$G$20=$B$10,7,0)+IF('Standard Profiles'!$G$20=$B$17,14,0)+IF('Standard Profiles'!$G$20=$B$24,21,0),MOD($C5965,24)+1)/SUM(INDEX($D$3:$AA$30,INDEX(Jesper!$R$2:$R$366,ROW(INDEX(Jesper!AJ$2:AJ$366,ROUNDDOWN($C5965/24,0)+1,1))-1)+IF('Standard Profiles'!$G$20=$B$10,7,0)+IF('Standard Profiles'!$G$20=$B$17,14,0)+IF('Standard Profiles'!$G$20=$B$24,21,0),0)),0)</f>
        <v>0</v>
      </c>
      <c r="G5965" cm="1">
        <f t="array" ref="G5965">IFERROR(INDEX(Jesper!AK$2:AK$366,ROUNDDOWN($C5965/24,0)+1,1)*INDEX($D$3:$AA$30,INDEX(Jesper!$R$2:$R$366,ROW(INDEX(Jesper!AK$2:AK$366,ROUNDDOWN($C5965/24,0)+1,1))-1)+IF('Standard Profiles'!$G$21=$B$10,7,0)+IF('Standard Profiles'!$G$21=$B$17,14,0)+IF('Standard Profiles'!$G$21=$B$24,21,0),MOD($C5965,24)+1)/SUM(INDEX($D$3:$AA$30,INDEX(Jesper!$R$2:$R$366,ROW(INDEX(Jesper!AK$2:AK$366,ROUNDDOWN($C5965/24,0)+1,1))-1)+IF('Standard Profiles'!$G$21=$B$10,7,0)+IF('Standard Profiles'!$G$21=$B$17,14,0)+IF('Standard Profiles'!$G$21=$B$24,21,0),0)),0)</f>
        <v>0.39492062365987962</v>
      </c>
      <c r="H5965" cm="1">
        <f t="array" ref="H5965">IFERROR(INDEX(Jesper!AL$2:AL$366,ROUNDDOWN($C5965/24,0)+1,1)*INDEX($D$3:$AA$30,INDEX(Jesper!$R$2:$R$366,ROW(INDEX(Jesper!AL$2:AL$366,ROUNDDOWN($C5965/24,0)+1,1))-1)+IF('Standard Profiles'!$G$22=$B$10,7,0)+IF('Standard Profiles'!$G$22=$B$17,14,0)+IF('Standard Profiles'!$G$22=$B$24,21,0),MOD($C5965,24)+1)/SUM(INDEX($D$3:$AA$30,INDEX(Jesper!$R$2:$R$366,ROW(INDEX(Jesper!AL$2:AL$366,ROUNDDOWN($C5965/24,0)+1,1))-1)+IF('Standard Profiles'!$G$22=$B$10,7,0)+IF('Standard Profiles'!$G$22=$B$17,14,0)+IF('Standard Profiles'!$G$22=$B$24,21,0),0)),0)</f>
        <v>0</v>
      </c>
      <c r="I5965">
        <f t="shared" si="664"/>
        <v>0.18956189935674211</v>
      </c>
      <c r="J5965">
        <f t="shared" si="665"/>
        <v>7.0063390681648761</v>
      </c>
      <c r="K5965">
        <f t="shared" si="666"/>
        <v>0.56521763087390109</v>
      </c>
      <c r="L5965">
        <f t="shared" si="667"/>
        <v>0.28260881543695054</v>
      </c>
      <c r="M5965">
        <f t="shared" si="668"/>
        <v>0</v>
      </c>
      <c r="N5965" s="45">
        <f t="shared" si="669"/>
        <v>45174.124999985615</v>
      </c>
    </row>
    <row r="5966" spans="2:14" x14ac:dyDescent="0.25">
      <c r="B5966">
        <f t="shared" si="663"/>
        <v>2</v>
      </c>
      <c r="C5966" s="16">
        <v>5932</v>
      </c>
      <c r="D5966" cm="1">
        <f t="array" ref="D5966">IFERROR(INDEX(Jesper!AH$2:AH$366,ROUNDDOWN($C5966/24,0)+1,1)*INDEX($D$3:$AA$30,INDEX(Jesper!$R$2:$R$366,ROW(INDEX(Jesper!AH$2:AH$366,ROUNDDOWN($C5966/24,0)+1,1))-1)+IF('Standard Profiles'!$G$18=$B$10,7,0)+IF('Standard Profiles'!$G$18=$B$17,14,0)+IF('Standard Profiles'!$G$18=$B$24,21,0),MOD($C5966,24)+1)/SUM(INDEX($D$3:$AA$30,INDEX(Jesper!$R$2:$R$366,ROW(INDEX(Jesper!AH$2:AH$366,ROUNDDOWN($C5966/24,0)+1,1))-1)+IF('Standard Profiles'!$G$18=$B$10,7,0)+IF('Standard Profiles'!$G$18=$B$17,14,0)+IF('Standard Profiles'!$G$18=$B$24,21,0),0)),0)</f>
        <v>5.2989152894428226</v>
      </c>
      <c r="E5966" cm="1">
        <f t="array" ref="E5966">IFERROR(INDEX(Jesper!AI$2:AI$366,ROUNDDOWN($C5966/24,0)+1,1)*INDEX($D$3:$AA$30,INDEX(Jesper!$R$2:$R$366,ROW(INDEX(Jesper!AI$2:AI$366,ROUNDDOWN($C5966/24,0)+1,1))-1)+IF('Standard Profiles'!$G$19=$B$10,7,0)+IF('Standard Profiles'!$G$19=$B$17,14,0)+IF('Standard Profiles'!$G$19=$B$24,21,0),MOD($C5966,24)+1)/SUM(INDEX($D$3:$AA$30,INDEX(Jesper!$R$2:$R$366,ROW(INDEX(Jesper!AI$2:AI$366,ROUNDDOWN($C5966/24,0)+1,1))-1)+IF('Standard Profiles'!$G$19=$B$10,7,0)+IF('Standard Profiles'!$G$19=$B$17,14,0)+IF('Standard Profiles'!$G$19=$B$24,21,0),0)),0)</f>
        <v>2.3498915007297669</v>
      </c>
      <c r="F5966" cm="1">
        <f t="array" ref="F5966">IFERROR(INDEX(Jesper!AJ$2:AJ$366,ROUNDDOWN($C5966/24,0)+1,1)*INDEX($D$3:$AA$30,INDEX(Jesper!$R$2:$R$366,ROW(INDEX(Jesper!AJ$2:AJ$366,ROUNDDOWN($C5966/24,0)+1,1))-1)+IF('Standard Profiles'!$G$20=$B$10,7,0)+IF('Standard Profiles'!$G$20=$B$17,14,0)+IF('Standard Profiles'!$G$20=$B$24,21,0),MOD($C5966,24)+1)/SUM(INDEX($D$3:$AA$30,INDEX(Jesper!$R$2:$R$366,ROW(INDEX(Jesper!AJ$2:AJ$366,ROUNDDOWN($C5966/24,0)+1,1))-1)+IF('Standard Profiles'!$G$20=$B$10,7,0)+IF('Standard Profiles'!$G$20=$B$17,14,0)+IF('Standard Profiles'!$G$20=$B$24,21,0),0)),0)</f>
        <v>0</v>
      </c>
      <c r="G5966" cm="1">
        <f t="array" ref="G5966">IFERROR(INDEX(Jesper!AK$2:AK$366,ROUNDDOWN($C5966/24,0)+1,1)*INDEX($D$3:$AA$30,INDEX(Jesper!$R$2:$R$366,ROW(INDEX(Jesper!AK$2:AK$366,ROUNDDOWN($C5966/24,0)+1,1))-1)+IF('Standard Profiles'!$G$21=$B$10,7,0)+IF('Standard Profiles'!$G$21=$B$17,14,0)+IF('Standard Profiles'!$G$21=$B$24,21,0),MOD($C5966,24)+1)/SUM(INDEX($D$3:$AA$30,INDEX(Jesper!$R$2:$R$366,ROW(INDEX(Jesper!AK$2:AK$366,ROUNDDOWN($C5966/24,0)+1,1))-1)+IF('Standard Profiles'!$G$21=$B$10,7,0)+IF('Standard Profiles'!$G$21=$B$17,14,0)+IF('Standard Profiles'!$G$21=$B$24,21,0),0)),0)</f>
        <v>0.39492062365987962</v>
      </c>
      <c r="H5966" cm="1">
        <f t="array" ref="H5966">IFERROR(INDEX(Jesper!AL$2:AL$366,ROUNDDOWN($C5966/24,0)+1,1)*INDEX($D$3:$AA$30,INDEX(Jesper!$R$2:$R$366,ROW(INDEX(Jesper!AL$2:AL$366,ROUNDDOWN($C5966/24,0)+1,1))-1)+IF('Standard Profiles'!$G$22=$B$10,7,0)+IF('Standard Profiles'!$G$22=$B$17,14,0)+IF('Standard Profiles'!$G$22=$B$24,21,0),MOD($C5966,24)+1)/SUM(INDEX($D$3:$AA$30,INDEX(Jesper!$R$2:$R$366,ROW(INDEX(Jesper!AL$2:AL$366,ROUNDDOWN($C5966/24,0)+1,1))-1)+IF('Standard Profiles'!$G$22=$B$10,7,0)+IF('Standard Profiles'!$G$22=$B$17,14,0)+IF('Standard Profiles'!$G$22=$B$24,21,0),0)),0)</f>
        <v>0</v>
      </c>
      <c r="I5966">
        <f t="shared" si="664"/>
        <v>0.18956189935674211</v>
      </c>
      <c r="J5966">
        <f t="shared" si="665"/>
        <v>7.0063390681648761</v>
      </c>
      <c r="K5966">
        <f t="shared" si="666"/>
        <v>0.56521763087390109</v>
      </c>
      <c r="L5966">
        <f t="shared" si="667"/>
        <v>0.28260881543695054</v>
      </c>
      <c r="M5966">
        <f t="shared" si="668"/>
        <v>0</v>
      </c>
      <c r="N5966" s="45">
        <f t="shared" si="669"/>
        <v>45174.16666665228</v>
      </c>
    </row>
    <row r="5967" spans="2:14" x14ac:dyDescent="0.25">
      <c r="B5967">
        <f t="shared" si="663"/>
        <v>2</v>
      </c>
      <c r="C5967" s="16">
        <v>5933</v>
      </c>
      <c r="D5967" cm="1">
        <f t="array" ref="D5967">IFERROR(INDEX(Jesper!AH$2:AH$366,ROUNDDOWN($C5967/24,0)+1,1)*INDEX($D$3:$AA$30,INDEX(Jesper!$R$2:$R$366,ROW(INDEX(Jesper!AH$2:AH$366,ROUNDDOWN($C5967/24,0)+1,1))-1)+IF('Standard Profiles'!$G$18=$B$10,7,0)+IF('Standard Profiles'!$G$18=$B$17,14,0)+IF('Standard Profiles'!$G$18=$B$24,21,0),MOD($C5967,24)+1)/SUM(INDEX($D$3:$AA$30,INDEX(Jesper!$R$2:$R$366,ROW(INDEX(Jesper!AH$2:AH$366,ROUNDDOWN($C5967/24,0)+1,1))-1)+IF('Standard Profiles'!$G$18=$B$10,7,0)+IF('Standard Profiles'!$G$18=$B$17,14,0)+IF('Standard Profiles'!$G$18=$B$24,21,0),0)),0)</f>
        <v>5.2989152894428226</v>
      </c>
      <c r="E5967" cm="1">
        <f t="array" ref="E5967">IFERROR(INDEX(Jesper!AI$2:AI$366,ROUNDDOWN($C5967/24,0)+1,1)*INDEX($D$3:$AA$30,INDEX(Jesper!$R$2:$R$366,ROW(INDEX(Jesper!AI$2:AI$366,ROUNDDOWN($C5967/24,0)+1,1))-1)+IF('Standard Profiles'!$G$19=$B$10,7,0)+IF('Standard Profiles'!$G$19=$B$17,14,0)+IF('Standard Profiles'!$G$19=$B$24,21,0),MOD($C5967,24)+1)/SUM(INDEX($D$3:$AA$30,INDEX(Jesper!$R$2:$R$366,ROW(INDEX(Jesper!AI$2:AI$366,ROUNDDOWN($C5967/24,0)+1,1))-1)+IF('Standard Profiles'!$G$19=$B$10,7,0)+IF('Standard Profiles'!$G$19=$B$17,14,0)+IF('Standard Profiles'!$G$19=$B$24,21,0),0)),0)</f>
        <v>2.3498915007297669</v>
      </c>
      <c r="F5967" cm="1">
        <f t="array" ref="F5967">IFERROR(INDEX(Jesper!AJ$2:AJ$366,ROUNDDOWN($C5967/24,0)+1,1)*INDEX($D$3:$AA$30,INDEX(Jesper!$R$2:$R$366,ROW(INDEX(Jesper!AJ$2:AJ$366,ROUNDDOWN($C5967/24,0)+1,1))-1)+IF('Standard Profiles'!$G$20=$B$10,7,0)+IF('Standard Profiles'!$G$20=$B$17,14,0)+IF('Standard Profiles'!$G$20=$B$24,21,0),MOD($C5967,24)+1)/SUM(INDEX($D$3:$AA$30,INDEX(Jesper!$R$2:$R$366,ROW(INDEX(Jesper!AJ$2:AJ$366,ROUNDDOWN($C5967/24,0)+1,1))-1)+IF('Standard Profiles'!$G$20=$B$10,7,0)+IF('Standard Profiles'!$G$20=$B$17,14,0)+IF('Standard Profiles'!$G$20=$B$24,21,0),0)),0)</f>
        <v>0</v>
      </c>
      <c r="G5967" cm="1">
        <f t="array" ref="G5967">IFERROR(INDEX(Jesper!AK$2:AK$366,ROUNDDOWN($C5967/24,0)+1,1)*INDEX($D$3:$AA$30,INDEX(Jesper!$R$2:$R$366,ROW(INDEX(Jesper!AK$2:AK$366,ROUNDDOWN($C5967/24,0)+1,1))-1)+IF('Standard Profiles'!$G$21=$B$10,7,0)+IF('Standard Profiles'!$G$21=$B$17,14,0)+IF('Standard Profiles'!$G$21=$B$24,21,0),MOD($C5967,24)+1)/SUM(INDEX($D$3:$AA$30,INDEX(Jesper!$R$2:$R$366,ROW(INDEX(Jesper!AK$2:AK$366,ROUNDDOWN($C5967/24,0)+1,1))-1)+IF('Standard Profiles'!$G$21=$B$10,7,0)+IF('Standard Profiles'!$G$21=$B$17,14,0)+IF('Standard Profiles'!$G$21=$B$24,21,0),0)),0)</f>
        <v>0.39492062365987962</v>
      </c>
      <c r="H5967" cm="1">
        <f t="array" ref="H5967">IFERROR(INDEX(Jesper!AL$2:AL$366,ROUNDDOWN($C5967/24,0)+1,1)*INDEX($D$3:$AA$30,INDEX(Jesper!$R$2:$R$366,ROW(INDEX(Jesper!AL$2:AL$366,ROUNDDOWN($C5967/24,0)+1,1))-1)+IF('Standard Profiles'!$G$22=$B$10,7,0)+IF('Standard Profiles'!$G$22=$B$17,14,0)+IF('Standard Profiles'!$G$22=$B$24,21,0),MOD($C5967,24)+1)/SUM(INDEX($D$3:$AA$30,INDEX(Jesper!$R$2:$R$366,ROW(INDEX(Jesper!AL$2:AL$366,ROUNDDOWN($C5967/24,0)+1,1))-1)+IF('Standard Profiles'!$G$22=$B$10,7,0)+IF('Standard Profiles'!$G$22=$B$17,14,0)+IF('Standard Profiles'!$G$22=$B$24,21,0),0)),0)</f>
        <v>0</v>
      </c>
      <c r="I5967">
        <f t="shared" si="664"/>
        <v>0.18956189935674211</v>
      </c>
      <c r="J5967">
        <f t="shared" si="665"/>
        <v>7.0063390681648761</v>
      </c>
      <c r="K5967">
        <f t="shared" si="666"/>
        <v>0.56521763087390109</v>
      </c>
      <c r="L5967">
        <f t="shared" si="667"/>
        <v>0.28260881543695054</v>
      </c>
      <c r="M5967">
        <f t="shared" si="668"/>
        <v>0</v>
      </c>
      <c r="N5967" s="45">
        <f t="shared" si="669"/>
        <v>45174.208333318944</v>
      </c>
    </row>
    <row r="5968" spans="2:14" x14ac:dyDescent="0.25">
      <c r="B5968">
        <f t="shared" si="663"/>
        <v>2</v>
      </c>
      <c r="C5968" s="16">
        <v>5934</v>
      </c>
      <c r="D5968" cm="1">
        <f t="array" ref="D5968">IFERROR(INDEX(Jesper!AH$2:AH$366,ROUNDDOWN($C5968/24,0)+1,1)*INDEX($D$3:$AA$30,INDEX(Jesper!$R$2:$R$366,ROW(INDEX(Jesper!AH$2:AH$366,ROUNDDOWN($C5968/24,0)+1,1))-1)+IF('Standard Profiles'!$G$18=$B$10,7,0)+IF('Standard Profiles'!$G$18=$B$17,14,0)+IF('Standard Profiles'!$G$18=$B$24,21,0),MOD($C5968,24)+1)/SUM(INDEX($D$3:$AA$30,INDEX(Jesper!$R$2:$R$366,ROW(INDEX(Jesper!AH$2:AH$366,ROUNDDOWN($C5968/24,0)+1,1))-1)+IF('Standard Profiles'!$G$18=$B$10,7,0)+IF('Standard Profiles'!$G$18=$B$17,14,0)+IF('Standard Profiles'!$G$18=$B$24,21,0),0)),0)</f>
        <v>5.2989152894428226</v>
      </c>
      <c r="E5968" cm="1">
        <f t="array" ref="E5968">IFERROR(INDEX(Jesper!AI$2:AI$366,ROUNDDOWN($C5968/24,0)+1,1)*INDEX($D$3:$AA$30,INDEX(Jesper!$R$2:$R$366,ROW(INDEX(Jesper!AI$2:AI$366,ROUNDDOWN($C5968/24,0)+1,1))-1)+IF('Standard Profiles'!$G$19=$B$10,7,0)+IF('Standard Profiles'!$G$19=$B$17,14,0)+IF('Standard Profiles'!$G$19=$B$24,21,0),MOD($C5968,24)+1)/SUM(INDEX($D$3:$AA$30,INDEX(Jesper!$R$2:$R$366,ROW(INDEX(Jesper!AI$2:AI$366,ROUNDDOWN($C5968/24,0)+1,1))-1)+IF('Standard Profiles'!$G$19=$B$10,7,0)+IF('Standard Profiles'!$G$19=$B$17,14,0)+IF('Standard Profiles'!$G$19=$B$24,21,0),0)),0)</f>
        <v>2.3498915007297669</v>
      </c>
      <c r="F5968" cm="1">
        <f t="array" ref="F5968">IFERROR(INDEX(Jesper!AJ$2:AJ$366,ROUNDDOWN($C5968/24,0)+1,1)*INDEX($D$3:$AA$30,INDEX(Jesper!$R$2:$R$366,ROW(INDEX(Jesper!AJ$2:AJ$366,ROUNDDOWN($C5968/24,0)+1,1))-1)+IF('Standard Profiles'!$G$20=$B$10,7,0)+IF('Standard Profiles'!$G$20=$B$17,14,0)+IF('Standard Profiles'!$G$20=$B$24,21,0),MOD($C5968,24)+1)/SUM(INDEX($D$3:$AA$30,INDEX(Jesper!$R$2:$R$366,ROW(INDEX(Jesper!AJ$2:AJ$366,ROUNDDOWN($C5968/24,0)+1,1))-1)+IF('Standard Profiles'!$G$20=$B$10,7,0)+IF('Standard Profiles'!$G$20=$B$17,14,0)+IF('Standard Profiles'!$G$20=$B$24,21,0),0)),0)</f>
        <v>0</v>
      </c>
      <c r="G5968" cm="1">
        <f t="array" ref="G5968">IFERROR(INDEX(Jesper!AK$2:AK$366,ROUNDDOWN($C5968/24,0)+1,1)*INDEX($D$3:$AA$30,INDEX(Jesper!$R$2:$R$366,ROW(INDEX(Jesper!AK$2:AK$366,ROUNDDOWN($C5968/24,0)+1,1))-1)+IF('Standard Profiles'!$G$21=$B$10,7,0)+IF('Standard Profiles'!$G$21=$B$17,14,0)+IF('Standard Profiles'!$G$21=$B$24,21,0),MOD($C5968,24)+1)/SUM(INDEX($D$3:$AA$30,INDEX(Jesper!$R$2:$R$366,ROW(INDEX(Jesper!AK$2:AK$366,ROUNDDOWN($C5968/24,0)+1,1))-1)+IF('Standard Profiles'!$G$21=$B$10,7,0)+IF('Standard Profiles'!$G$21=$B$17,14,0)+IF('Standard Profiles'!$G$21=$B$24,21,0),0)),0)</f>
        <v>0.39492062365987962</v>
      </c>
      <c r="H5968" cm="1">
        <f t="array" ref="H5968">IFERROR(INDEX(Jesper!AL$2:AL$366,ROUNDDOWN($C5968/24,0)+1,1)*INDEX($D$3:$AA$30,INDEX(Jesper!$R$2:$R$366,ROW(INDEX(Jesper!AL$2:AL$366,ROUNDDOWN($C5968/24,0)+1,1))-1)+IF('Standard Profiles'!$G$22=$B$10,7,0)+IF('Standard Profiles'!$G$22=$B$17,14,0)+IF('Standard Profiles'!$G$22=$B$24,21,0),MOD($C5968,24)+1)/SUM(INDEX($D$3:$AA$30,INDEX(Jesper!$R$2:$R$366,ROW(INDEX(Jesper!AL$2:AL$366,ROUNDDOWN($C5968/24,0)+1,1))-1)+IF('Standard Profiles'!$G$22=$B$10,7,0)+IF('Standard Profiles'!$G$22=$B$17,14,0)+IF('Standard Profiles'!$G$22=$B$24,21,0),0)),0)</f>
        <v>0</v>
      </c>
      <c r="I5968">
        <f t="shared" si="664"/>
        <v>0.18956189935674211</v>
      </c>
      <c r="J5968">
        <f t="shared" si="665"/>
        <v>7.0063390681648761</v>
      </c>
      <c r="K5968">
        <f t="shared" si="666"/>
        <v>0.56521763087390109</v>
      </c>
      <c r="L5968">
        <f t="shared" si="667"/>
        <v>0.28260881543695054</v>
      </c>
      <c r="M5968">
        <f t="shared" si="668"/>
        <v>0</v>
      </c>
      <c r="N5968" s="45">
        <f t="shared" si="669"/>
        <v>45174.249999985608</v>
      </c>
    </row>
    <row r="5969" spans="2:14" x14ac:dyDescent="0.25">
      <c r="B5969">
        <f t="shared" si="663"/>
        <v>2</v>
      </c>
      <c r="C5969" s="16">
        <v>5935</v>
      </c>
      <c r="D5969" cm="1">
        <f t="array" ref="D5969">IFERROR(INDEX(Jesper!AH$2:AH$366,ROUNDDOWN($C5969/24,0)+1,1)*INDEX($D$3:$AA$30,INDEX(Jesper!$R$2:$R$366,ROW(INDEX(Jesper!AH$2:AH$366,ROUNDDOWN($C5969/24,0)+1,1))-1)+IF('Standard Profiles'!$G$18=$B$10,7,0)+IF('Standard Profiles'!$G$18=$B$17,14,0)+IF('Standard Profiles'!$G$18=$B$24,21,0),MOD($C5969,24)+1)/SUM(INDEX($D$3:$AA$30,INDEX(Jesper!$R$2:$R$366,ROW(INDEX(Jesper!AH$2:AH$366,ROUNDDOWN($C5969/24,0)+1,1))-1)+IF('Standard Profiles'!$G$18=$B$10,7,0)+IF('Standard Profiles'!$G$18=$B$17,14,0)+IF('Standard Profiles'!$G$18=$B$24,21,0),0)),0)</f>
        <v>22.338239767057395</v>
      </c>
      <c r="E5969" cm="1">
        <f t="array" ref="E5969">IFERROR(INDEX(Jesper!AI$2:AI$366,ROUNDDOWN($C5969/24,0)+1,1)*INDEX($D$3:$AA$30,INDEX(Jesper!$R$2:$R$366,ROW(INDEX(Jesper!AI$2:AI$366,ROUNDDOWN($C5969/24,0)+1,1))-1)+IF('Standard Profiles'!$G$19=$B$10,7,0)+IF('Standard Profiles'!$G$19=$B$17,14,0)+IF('Standard Profiles'!$G$19=$B$24,21,0),MOD($C5969,24)+1)/SUM(INDEX($D$3:$AA$30,INDEX(Jesper!$R$2:$R$366,ROW(INDEX(Jesper!AI$2:AI$366,ROUNDDOWN($C5969/24,0)+1,1))-1)+IF('Standard Profiles'!$G$19=$B$10,7,0)+IF('Standard Profiles'!$G$19=$B$17,14,0)+IF('Standard Profiles'!$G$19=$B$24,21,0),0)),0)</f>
        <v>9.906261357763924</v>
      </c>
      <c r="F5969" cm="1">
        <f t="array" ref="F5969">IFERROR(INDEX(Jesper!AJ$2:AJ$366,ROUNDDOWN($C5969/24,0)+1,1)*INDEX($D$3:$AA$30,INDEX(Jesper!$R$2:$R$366,ROW(INDEX(Jesper!AJ$2:AJ$366,ROUNDDOWN($C5969/24,0)+1,1))-1)+IF('Standard Profiles'!$G$20=$B$10,7,0)+IF('Standard Profiles'!$G$20=$B$17,14,0)+IF('Standard Profiles'!$G$20=$B$24,21,0),MOD($C5969,24)+1)/SUM(INDEX($D$3:$AA$30,INDEX(Jesper!$R$2:$R$366,ROW(INDEX(Jesper!AJ$2:AJ$366,ROUNDDOWN($C5969/24,0)+1,1))-1)+IF('Standard Profiles'!$G$20=$B$10,7,0)+IF('Standard Profiles'!$G$20=$B$17,14,0)+IF('Standard Profiles'!$G$20=$B$24,21,0),0)),0)</f>
        <v>0</v>
      </c>
      <c r="G5969" cm="1">
        <f t="array" ref="G5969">IFERROR(INDEX(Jesper!AK$2:AK$366,ROUNDDOWN($C5969/24,0)+1,1)*INDEX($D$3:$AA$30,INDEX(Jesper!$R$2:$R$366,ROW(INDEX(Jesper!AK$2:AK$366,ROUNDDOWN($C5969/24,0)+1,1))-1)+IF('Standard Profiles'!$G$21=$B$10,7,0)+IF('Standard Profiles'!$G$21=$B$17,14,0)+IF('Standard Profiles'!$G$21=$B$24,21,0),MOD($C5969,24)+1)/SUM(INDEX($D$3:$AA$30,INDEX(Jesper!$R$2:$R$366,ROW(INDEX(Jesper!AK$2:AK$366,ROUNDDOWN($C5969/24,0)+1,1))-1)+IF('Standard Profiles'!$G$21=$B$10,7,0)+IF('Standard Profiles'!$G$21=$B$17,14,0)+IF('Standard Profiles'!$G$21=$B$24,21,0),0)),0)</f>
        <v>1.1376261836395887</v>
      </c>
      <c r="H5969" cm="1">
        <f t="array" ref="H5969">IFERROR(INDEX(Jesper!AL$2:AL$366,ROUNDDOWN($C5969/24,0)+1,1)*INDEX($D$3:$AA$30,INDEX(Jesper!$R$2:$R$366,ROW(INDEX(Jesper!AL$2:AL$366,ROUNDDOWN($C5969/24,0)+1,1))-1)+IF('Standard Profiles'!$G$22=$B$10,7,0)+IF('Standard Profiles'!$G$22=$B$17,14,0)+IF('Standard Profiles'!$G$22=$B$24,21,0),MOD($C5969,24)+1)/SUM(INDEX($D$3:$AA$30,INDEX(Jesper!$R$2:$R$366,ROW(INDEX(Jesper!AL$2:AL$366,ROUNDDOWN($C5969/24,0)+1,1))-1)+IF('Standard Profiles'!$G$22=$B$10,7,0)+IF('Standard Profiles'!$G$22=$B$17,14,0)+IF('Standard Profiles'!$G$22=$B$24,21,0),0)),0)</f>
        <v>0</v>
      </c>
      <c r="I5969">
        <f t="shared" si="664"/>
        <v>0.54606056814700232</v>
      </c>
      <c r="J5969">
        <f t="shared" si="665"/>
        <v>29.261948377584723</v>
      </c>
      <c r="K5969">
        <f t="shared" si="666"/>
        <v>2.3827455751527888</v>
      </c>
      <c r="L5969">
        <f t="shared" si="667"/>
        <v>1.1913727875763944</v>
      </c>
      <c r="M5969">
        <f t="shared" si="668"/>
        <v>0</v>
      </c>
      <c r="N5969" s="45">
        <f t="shared" si="669"/>
        <v>45174.291666652272</v>
      </c>
    </row>
    <row r="5970" spans="2:14" x14ac:dyDescent="0.25">
      <c r="B5970">
        <f t="shared" si="663"/>
        <v>2</v>
      </c>
      <c r="C5970" s="16">
        <v>5936</v>
      </c>
      <c r="D5970" cm="1">
        <f t="array" ref="D5970">IFERROR(INDEX(Jesper!AH$2:AH$366,ROUNDDOWN($C5970/24,0)+1,1)*INDEX($D$3:$AA$30,INDEX(Jesper!$R$2:$R$366,ROW(INDEX(Jesper!AH$2:AH$366,ROUNDDOWN($C5970/24,0)+1,1))-1)+IF('Standard Profiles'!$G$18=$B$10,7,0)+IF('Standard Profiles'!$G$18=$B$17,14,0)+IF('Standard Profiles'!$G$18=$B$24,21,0),MOD($C5970,24)+1)/SUM(INDEX($D$3:$AA$30,INDEX(Jesper!$R$2:$R$366,ROW(INDEX(Jesper!AH$2:AH$366,ROUNDDOWN($C5970/24,0)+1,1))-1)+IF('Standard Profiles'!$G$18=$B$10,7,0)+IF('Standard Profiles'!$G$18=$B$17,14,0)+IF('Standard Profiles'!$G$18=$B$24,21,0),0)),0)</f>
        <v>24.924772792716674</v>
      </c>
      <c r="E5970" cm="1">
        <f t="array" ref="E5970">IFERROR(INDEX(Jesper!AI$2:AI$366,ROUNDDOWN($C5970/24,0)+1,1)*INDEX($D$3:$AA$30,INDEX(Jesper!$R$2:$R$366,ROW(INDEX(Jesper!AI$2:AI$366,ROUNDDOWN($C5970/24,0)+1,1))-1)+IF('Standard Profiles'!$G$19=$B$10,7,0)+IF('Standard Profiles'!$G$19=$B$17,14,0)+IF('Standard Profiles'!$G$19=$B$24,21,0),MOD($C5970,24)+1)/SUM(INDEX($D$3:$AA$30,INDEX(Jesper!$R$2:$R$366,ROW(INDEX(Jesper!AI$2:AI$366,ROUNDDOWN($C5970/24,0)+1,1))-1)+IF('Standard Profiles'!$G$19=$B$10,7,0)+IF('Standard Profiles'!$G$19=$B$17,14,0)+IF('Standard Profiles'!$G$19=$B$24,21,0),0)),0)</f>
        <v>11.053302146557639</v>
      </c>
      <c r="F5970" cm="1">
        <f t="array" ref="F5970">IFERROR(INDEX(Jesper!AJ$2:AJ$366,ROUNDDOWN($C5970/24,0)+1,1)*INDEX($D$3:$AA$30,INDEX(Jesper!$R$2:$R$366,ROW(INDEX(Jesper!AJ$2:AJ$366,ROUNDDOWN($C5970/24,0)+1,1))-1)+IF('Standard Profiles'!$G$20=$B$10,7,0)+IF('Standard Profiles'!$G$20=$B$17,14,0)+IF('Standard Profiles'!$G$20=$B$24,21,0),MOD($C5970,24)+1)/SUM(INDEX($D$3:$AA$30,INDEX(Jesper!$R$2:$R$366,ROW(INDEX(Jesper!AJ$2:AJ$366,ROUNDDOWN($C5970/24,0)+1,1))-1)+IF('Standard Profiles'!$G$20=$B$10,7,0)+IF('Standard Profiles'!$G$20=$B$17,14,0)+IF('Standard Profiles'!$G$20=$B$24,21,0),0)),0)</f>
        <v>0</v>
      </c>
      <c r="G5970" cm="1">
        <f t="array" ref="G5970">IFERROR(INDEX(Jesper!AK$2:AK$366,ROUNDDOWN($C5970/24,0)+1,1)*INDEX($D$3:$AA$30,INDEX(Jesper!$R$2:$R$366,ROW(INDEX(Jesper!AK$2:AK$366,ROUNDDOWN($C5970/24,0)+1,1))-1)+IF('Standard Profiles'!$G$21=$B$10,7,0)+IF('Standard Profiles'!$G$21=$B$17,14,0)+IF('Standard Profiles'!$G$21=$B$24,21,0),MOD($C5970,24)+1)/SUM(INDEX($D$3:$AA$30,INDEX(Jesper!$R$2:$R$366,ROW(INDEX(Jesper!AK$2:AK$366,ROUNDDOWN($C5970/24,0)+1,1))-1)+IF('Standard Profiles'!$G$21=$B$10,7,0)+IF('Standard Profiles'!$G$21=$B$17,14,0)+IF('Standard Profiles'!$G$21=$B$24,21,0),0)),0)</f>
        <v>1.2693513206925937</v>
      </c>
      <c r="H5970" cm="1">
        <f t="array" ref="H5970">IFERROR(INDEX(Jesper!AL$2:AL$366,ROUNDDOWN($C5970/24,0)+1,1)*INDEX($D$3:$AA$30,INDEX(Jesper!$R$2:$R$366,ROW(INDEX(Jesper!AL$2:AL$366,ROUNDDOWN($C5970/24,0)+1,1))-1)+IF('Standard Profiles'!$G$22=$B$10,7,0)+IF('Standard Profiles'!$G$22=$B$17,14,0)+IF('Standard Profiles'!$G$22=$B$24,21,0),MOD($C5970,24)+1)/SUM(INDEX($D$3:$AA$30,INDEX(Jesper!$R$2:$R$366,ROW(INDEX(Jesper!AL$2:AL$366,ROUNDDOWN($C5970/24,0)+1,1))-1)+IF('Standard Profiles'!$G$22=$B$10,7,0)+IF('Standard Profiles'!$G$22=$B$17,14,0)+IF('Standard Profiles'!$G$22=$B$24,21,0),0)),0)</f>
        <v>0</v>
      </c>
      <c r="I5970">
        <f t="shared" si="664"/>
        <v>0.6092886339324447</v>
      </c>
      <c r="J5970">
        <f t="shared" si="665"/>
        <v>32.650173979199792</v>
      </c>
      <c r="K5970">
        <f t="shared" si="666"/>
        <v>2.6586424312231118</v>
      </c>
      <c r="L5970">
        <f t="shared" si="667"/>
        <v>1.3293212156115559</v>
      </c>
      <c r="M5970">
        <f t="shared" si="668"/>
        <v>0</v>
      </c>
      <c r="N5970" s="45">
        <f t="shared" si="669"/>
        <v>45174.333333318937</v>
      </c>
    </row>
    <row r="5971" spans="2:14" x14ac:dyDescent="0.25">
      <c r="B5971">
        <f t="shared" si="663"/>
        <v>2</v>
      </c>
      <c r="C5971" s="16">
        <v>5937</v>
      </c>
      <c r="D5971" cm="1">
        <f t="array" ref="D5971">IFERROR(INDEX(Jesper!AH$2:AH$366,ROUNDDOWN($C5971/24,0)+1,1)*INDEX($D$3:$AA$30,INDEX(Jesper!$R$2:$R$366,ROW(INDEX(Jesper!AH$2:AH$366,ROUNDDOWN($C5971/24,0)+1,1))-1)+IF('Standard Profiles'!$G$18=$B$10,7,0)+IF('Standard Profiles'!$G$18=$B$17,14,0)+IF('Standard Profiles'!$G$18=$B$24,21,0),MOD($C5971,24)+1)/SUM(INDEX($D$3:$AA$30,INDEX(Jesper!$R$2:$R$366,ROW(INDEX(Jesper!AH$2:AH$366,ROUNDDOWN($C5971/24,0)+1,1))-1)+IF('Standard Profiles'!$G$18=$B$10,7,0)+IF('Standard Profiles'!$G$18=$B$17,14,0)+IF('Standard Profiles'!$G$18=$B$24,21,0),0)),0)</f>
        <v>27.511305818375952</v>
      </c>
      <c r="E5971" cm="1">
        <f t="array" ref="E5971">IFERROR(INDEX(Jesper!AI$2:AI$366,ROUNDDOWN($C5971/24,0)+1,1)*INDEX($D$3:$AA$30,INDEX(Jesper!$R$2:$R$366,ROW(INDEX(Jesper!AI$2:AI$366,ROUNDDOWN($C5971/24,0)+1,1))-1)+IF('Standard Profiles'!$G$19=$B$10,7,0)+IF('Standard Profiles'!$G$19=$B$17,14,0)+IF('Standard Profiles'!$G$19=$B$24,21,0),MOD($C5971,24)+1)/SUM(INDEX($D$3:$AA$30,INDEX(Jesper!$R$2:$R$366,ROW(INDEX(Jesper!AI$2:AI$366,ROUNDDOWN($C5971/24,0)+1,1))-1)+IF('Standard Profiles'!$G$19=$B$10,7,0)+IF('Standard Profiles'!$G$19=$B$17,14,0)+IF('Standard Profiles'!$G$19=$B$24,21,0),0)),0)</f>
        <v>12.200342935351358</v>
      </c>
      <c r="F5971" cm="1">
        <f t="array" ref="F5971">IFERROR(INDEX(Jesper!AJ$2:AJ$366,ROUNDDOWN($C5971/24,0)+1,1)*INDEX($D$3:$AA$30,INDEX(Jesper!$R$2:$R$366,ROW(INDEX(Jesper!AJ$2:AJ$366,ROUNDDOWN($C5971/24,0)+1,1))-1)+IF('Standard Profiles'!$G$20=$B$10,7,0)+IF('Standard Profiles'!$G$20=$B$17,14,0)+IF('Standard Profiles'!$G$20=$B$24,21,0),MOD($C5971,24)+1)/SUM(INDEX($D$3:$AA$30,INDEX(Jesper!$R$2:$R$366,ROW(INDEX(Jesper!AJ$2:AJ$366,ROUNDDOWN($C5971/24,0)+1,1))-1)+IF('Standard Profiles'!$G$20=$B$10,7,0)+IF('Standard Profiles'!$G$20=$B$17,14,0)+IF('Standard Profiles'!$G$20=$B$24,21,0),0)),0)</f>
        <v>0</v>
      </c>
      <c r="G5971" cm="1">
        <f t="array" ref="G5971">IFERROR(INDEX(Jesper!AK$2:AK$366,ROUNDDOWN($C5971/24,0)+1,1)*INDEX($D$3:$AA$30,INDEX(Jesper!$R$2:$R$366,ROW(INDEX(Jesper!AK$2:AK$366,ROUNDDOWN($C5971/24,0)+1,1))-1)+IF('Standard Profiles'!$G$21=$B$10,7,0)+IF('Standard Profiles'!$G$21=$B$17,14,0)+IF('Standard Profiles'!$G$21=$B$24,21,0),MOD($C5971,24)+1)/SUM(INDEX($D$3:$AA$30,INDEX(Jesper!$R$2:$R$366,ROW(INDEX(Jesper!AK$2:AK$366,ROUNDDOWN($C5971/24,0)+1,1))-1)+IF('Standard Profiles'!$G$21=$B$10,7,0)+IF('Standard Profiles'!$G$21=$B$17,14,0)+IF('Standard Profiles'!$G$21=$B$24,21,0),0)),0)</f>
        <v>1.4010764577455987</v>
      </c>
      <c r="H5971" cm="1">
        <f t="array" ref="H5971">IFERROR(INDEX(Jesper!AL$2:AL$366,ROUNDDOWN($C5971/24,0)+1,1)*INDEX($D$3:$AA$30,INDEX(Jesper!$R$2:$R$366,ROW(INDEX(Jesper!AL$2:AL$366,ROUNDDOWN($C5971/24,0)+1,1))-1)+IF('Standard Profiles'!$G$22=$B$10,7,0)+IF('Standard Profiles'!$G$22=$B$17,14,0)+IF('Standard Profiles'!$G$22=$B$24,21,0),MOD($C5971,24)+1)/SUM(INDEX($D$3:$AA$30,INDEX(Jesper!$R$2:$R$366,ROW(INDEX(Jesper!AL$2:AL$366,ROUNDDOWN($C5971/24,0)+1,1))-1)+IF('Standard Profiles'!$G$22=$B$10,7,0)+IF('Standard Profiles'!$G$22=$B$17,14,0)+IF('Standard Profiles'!$G$22=$B$24,21,0),0)),0)</f>
        <v>0</v>
      </c>
      <c r="I5971">
        <f t="shared" si="664"/>
        <v>0.67251669971788708</v>
      </c>
      <c r="J5971">
        <f t="shared" si="665"/>
        <v>36.038399580814868</v>
      </c>
      <c r="K5971">
        <f t="shared" si="666"/>
        <v>2.9345392872934353</v>
      </c>
      <c r="L5971">
        <f t="shared" si="667"/>
        <v>1.4672696436467176</v>
      </c>
      <c r="M5971">
        <f t="shared" si="668"/>
        <v>0</v>
      </c>
      <c r="N5971" s="45">
        <f t="shared" si="669"/>
        <v>45174.374999985601</v>
      </c>
    </row>
    <row r="5972" spans="2:14" x14ac:dyDescent="0.25">
      <c r="B5972">
        <f t="shared" si="663"/>
        <v>2</v>
      </c>
      <c r="C5972" s="16">
        <v>5938</v>
      </c>
      <c r="D5972" cm="1">
        <f t="array" ref="D5972">IFERROR(INDEX(Jesper!AH$2:AH$366,ROUNDDOWN($C5972/24,0)+1,1)*INDEX($D$3:$AA$30,INDEX(Jesper!$R$2:$R$366,ROW(INDEX(Jesper!AH$2:AH$366,ROUNDDOWN($C5972/24,0)+1,1))-1)+IF('Standard Profiles'!$G$18=$B$10,7,0)+IF('Standard Profiles'!$G$18=$B$17,14,0)+IF('Standard Profiles'!$G$18=$B$24,21,0),MOD($C5972,24)+1)/SUM(INDEX($D$3:$AA$30,INDEX(Jesper!$R$2:$R$366,ROW(INDEX(Jesper!AH$2:AH$366,ROUNDDOWN($C5972/24,0)+1,1))-1)+IF('Standard Profiles'!$G$18=$B$10,7,0)+IF('Standard Profiles'!$G$18=$B$17,14,0)+IF('Standard Profiles'!$G$18=$B$24,21,0),0)),0)</f>
        <v>27.511305818375952</v>
      </c>
      <c r="E5972" cm="1">
        <f t="array" ref="E5972">IFERROR(INDEX(Jesper!AI$2:AI$366,ROUNDDOWN($C5972/24,0)+1,1)*INDEX($D$3:$AA$30,INDEX(Jesper!$R$2:$R$366,ROW(INDEX(Jesper!AI$2:AI$366,ROUNDDOWN($C5972/24,0)+1,1))-1)+IF('Standard Profiles'!$G$19=$B$10,7,0)+IF('Standard Profiles'!$G$19=$B$17,14,0)+IF('Standard Profiles'!$G$19=$B$24,21,0),MOD($C5972,24)+1)/SUM(INDEX($D$3:$AA$30,INDEX(Jesper!$R$2:$R$366,ROW(INDEX(Jesper!AI$2:AI$366,ROUNDDOWN($C5972/24,0)+1,1))-1)+IF('Standard Profiles'!$G$19=$B$10,7,0)+IF('Standard Profiles'!$G$19=$B$17,14,0)+IF('Standard Profiles'!$G$19=$B$24,21,0),0)),0)</f>
        <v>12.200342935351358</v>
      </c>
      <c r="F5972" cm="1">
        <f t="array" ref="F5972">IFERROR(INDEX(Jesper!AJ$2:AJ$366,ROUNDDOWN($C5972/24,0)+1,1)*INDEX($D$3:$AA$30,INDEX(Jesper!$R$2:$R$366,ROW(INDEX(Jesper!AJ$2:AJ$366,ROUNDDOWN($C5972/24,0)+1,1))-1)+IF('Standard Profiles'!$G$20=$B$10,7,0)+IF('Standard Profiles'!$G$20=$B$17,14,0)+IF('Standard Profiles'!$G$20=$B$24,21,0),MOD($C5972,24)+1)/SUM(INDEX($D$3:$AA$30,INDEX(Jesper!$R$2:$R$366,ROW(INDEX(Jesper!AJ$2:AJ$366,ROUNDDOWN($C5972/24,0)+1,1))-1)+IF('Standard Profiles'!$G$20=$B$10,7,0)+IF('Standard Profiles'!$G$20=$B$17,14,0)+IF('Standard Profiles'!$G$20=$B$24,21,0),0)),0)</f>
        <v>0</v>
      </c>
      <c r="G5972" cm="1">
        <f t="array" ref="G5972">IFERROR(INDEX(Jesper!AK$2:AK$366,ROUNDDOWN($C5972/24,0)+1,1)*INDEX($D$3:$AA$30,INDEX(Jesper!$R$2:$R$366,ROW(INDEX(Jesper!AK$2:AK$366,ROUNDDOWN($C5972/24,0)+1,1))-1)+IF('Standard Profiles'!$G$21=$B$10,7,0)+IF('Standard Profiles'!$G$21=$B$17,14,0)+IF('Standard Profiles'!$G$21=$B$24,21,0),MOD($C5972,24)+1)/SUM(INDEX($D$3:$AA$30,INDEX(Jesper!$R$2:$R$366,ROW(INDEX(Jesper!AK$2:AK$366,ROUNDDOWN($C5972/24,0)+1,1))-1)+IF('Standard Profiles'!$G$21=$B$10,7,0)+IF('Standard Profiles'!$G$21=$B$17,14,0)+IF('Standard Profiles'!$G$21=$B$24,21,0),0)),0)</f>
        <v>1.4010764577455987</v>
      </c>
      <c r="H5972" cm="1">
        <f t="array" ref="H5972">IFERROR(INDEX(Jesper!AL$2:AL$366,ROUNDDOWN($C5972/24,0)+1,1)*INDEX($D$3:$AA$30,INDEX(Jesper!$R$2:$R$366,ROW(INDEX(Jesper!AL$2:AL$366,ROUNDDOWN($C5972/24,0)+1,1))-1)+IF('Standard Profiles'!$G$22=$B$10,7,0)+IF('Standard Profiles'!$G$22=$B$17,14,0)+IF('Standard Profiles'!$G$22=$B$24,21,0),MOD($C5972,24)+1)/SUM(INDEX($D$3:$AA$30,INDEX(Jesper!$R$2:$R$366,ROW(INDEX(Jesper!AL$2:AL$366,ROUNDDOWN($C5972/24,0)+1,1))-1)+IF('Standard Profiles'!$G$22=$B$10,7,0)+IF('Standard Profiles'!$G$22=$B$17,14,0)+IF('Standard Profiles'!$G$22=$B$24,21,0),0)),0)</f>
        <v>0</v>
      </c>
      <c r="I5972">
        <f t="shared" si="664"/>
        <v>0.67251669971788708</v>
      </c>
      <c r="J5972">
        <f t="shared" si="665"/>
        <v>36.038399580814868</v>
      </c>
      <c r="K5972">
        <f t="shared" si="666"/>
        <v>2.9345392872934353</v>
      </c>
      <c r="L5972">
        <f t="shared" si="667"/>
        <v>1.4672696436467176</v>
      </c>
      <c r="M5972">
        <f t="shared" si="668"/>
        <v>0</v>
      </c>
      <c r="N5972" s="45">
        <f t="shared" si="669"/>
        <v>45174.416666652265</v>
      </c>
    </row>
    <row r="5973" spans="2:14" x14ac:dyDescent="0.25">
      <c r="B5973">
        <f t="shared" si="663"/>
        <v>2</v>
      </c>
      <c r="C5973" s="16">
        <v>5939</v>
      </c>
      <c r="D5973" cm="1">
        <f t="array" ref="D5973">IFERROR(INDEX(Jesper!AH$2:AH$366,ROUNDDOWN($C5973/24,0)+1,1)*INDEX($D$3:$AA$30,INDEX(Jesper!$R$2:$R$366,ROW(INDEX(Jesper!AH$2:AH$366,ROUNDDOWN($C5973/24,0)+1,1))-1)+IF('Standard Profiles'!$G$18=$B$10,7,0)+IF('Standard Profiles'!$G$18=$B$17,14,0)+IF('Standard Profiles'!$G$18=$B$24,21,0),MOD($C5973,24)+1)/SUM(INDEX($D$3:$AA$30,INDEX(Jesper!$R$2:$R$366,ROW(INDEX(Jesper!AH$2:AH$366,ROUNDDOWN($C5973/24,0)+1,1))-1)+IF('Standard Profiles'!$G$18=$B$10,7,0)+IF('Standard Profiles'!$G$18=$B$17,14,0)+IF('Standard Profiles'!$G$18=$B$24,21,0),0)),0)</f>
        <v>32.919511235663535</v>
      </c>
      <c r="E5973" cm="1">
        <f t="array" ref="E5973">IFERROR(INDEX(Jesper!AI$2:AI$366,ROUNDDOWN($C5973/24,0)+1,1)*INDEX($D$3:$AA$30,INDEX(Jesper!$R$2:$R$366,ROW(INDEX(Jesper!AI$2:AI$366,ROUNDDOWN($C5973/24,0)+1,1))-1)+IF('Standard Profiles'!$G$19=$B$10,7,0)+IF('Standard Profiles'!$G$19=$B$17,14,0)+IF('Standard Profiles'!$G$19=$B$24,21,0),MOD($C5973,24)+1)/SUM(INDEX($D$3:$AA$30,INDEX(Jesper!$R$2:$R$366,ROW(INDEX(Jesper!AI$2:AI$366,ROUNDDOWN($C5973/24,0)+1,1))-1)+IF('Standard Profiles'!$G$19=$B$10,7,0)+IF('Standard Profiles'!$G$19=$B$17,14,0)+IF('Standard Profiles'!$G$19=$B$24,21,0),0)),0)</f>
        <v>14.598700948283676</v>
      </c>
      <c r="F5973" cm="1">
        <f t="array" ref="F5973">IFERROR(INDEX(Jesper!AJ$2:AJ$366,ROUNDDOWN($C5973/24,0)+1,1)*INDEX($D$3:$AA$30,INDEX(Jesper!$R$2:$R$366,ROW(INDEX(Jesper!AJ$2:AJ$366,ROUNDDOWN($C5973/24,0)+1,1))-1)+IF('Standard Profiles'!$G$20=$B$10,7,0)+IF('Standard Profiles'!$G$20=$B$17,14,0)+IF('Standard Profiles'!$G$20=$B$24,21,0),MOD($C5973,24)+1)/SUM(INDEX($D$3:$AA$30,INDEX(Jesper!$R$2:$R$366,ROW(INDEX(Jesper!AJ$2:AJ$366,ROUNDDOWN($C5973/24,0)+1,1))-1)+IF('Standard Profiles'!$G$20=$B$10,7,0)+IF('Standard Profiles'!$G$20=$B$17,14,0)+IF('Standard Profiles'!$G$20=$B$24,21,0),0)),0)</f>
        <v>0</v>
      </c>
      <c r="G5973" cm="1">
        <f t="array" ref="G5973">IFERROR(INDEX(Jesper!AK$2:AK$366,ROUNDDOWN($C5973/24,0)+1,1)*INDEX($D$3:$AA$30,INDEX(Jesper!$R$2:$R$366,ROW(INDEX(Jesper!AK$2:AK$366,ROUNDDOWN($C5973/24,0)+1,1))-1)+IF('Standard Profiles'!$G$21=$B$10,7,0)+IF('Standard Profiles'!$G$21=$B$17,14,0)+IF('Standard Profiles'!$G$21=$B$24,21,0),MOD($C5973,24)+1)/SUM(INDEX($D$3:$AA$30,INDEX(Jesper!$R$2:$R$366,ROW(INDEX(Jesper!AK$2:AK$366,ROUNDDOWN($C5973/24,0)+1,1))-1)+IF('Standard Profiles'!$G$21=$B$10,7,0)+IF('Standard Profiles'!$G$21=$B$17,14,0)+IF('Standard Profiles'!$G$21=$B$24,21,0),0)),0)</f>
        <v>1.6765017443109729</v>
      </c>
      <c r="H5973" cm="1">
        <f t="array" ref="H5973">IFERROR(INDEX(Jesper!AL$2:AL$366,ROUNDDOWN($C5973/24,0)+1,1)*INDEX($D$3:$AA$30,INDEX(Jesper!$R$2:$R$366,ROW(INDEX(Jesper!AL$2:AL$366,ROUNDDOWN($C5973/24,0)+1,1))-1)+IF('Standard Profiles'!$G$22=$B$10,7,0)+IF('Standard Profiles'!$G$22=$B$17,14,0)+IF('Standard Profiles'!$G$22=$B$24,21,0),MOD($C5973,24)+1)/SUM(INDEX($D$3:$AA$30,INDEX(Jesper!$R$2:$R$366,ROW(INDEX(Jesper!AL$2:AL$366,ROUNDDOWN($C5973/24,0)+1,1))-1)+IF('Standard Profiles'!$G$22=$B$10,7,0)+IF('Standard Profiles'!$G$22=$B$17,14,0)+IF('Standard Profiles'!$G$22=$B$24,21,0),0)),0)</f>
        <v>0</v>
      </c>
      <c r="I5973">
        <f t="shared" si="664"/>
        <v>0.80472083726926658</v>
      </c>
      <c r="J5973">
        <f t="shared" si="665"/>
        <v>43.122871293282749</v>
      </c>
      <c r="K5973">
        <f t="shared" si="666"/>
        <v>3.5114145318041108</v>
      </c>
      <c r="L5973">
        <f t="shared" si="667"/>
        <v>1.7557072659020554</v>
      </c>
      <c r="M5973">
        <f t="shared" si="668"/>
        <v>0</v>
      </c>
      <c r="N5973" s="45">
        <f t="shared" si="669"/>
        <v>45174.458333318929</v>
      </c>
    </row>
    <row r="5974" spans="2:14" x14ac:dyDescent="0.25">
      <c r="B5974">
        <f t="shared" si="663"/>
        <v>2</v>
      </c>
      <c r="C5974" s="16">
        <v>5940</v>
      </c>
      <c r="D5974" cm="1">
        <f t="array" ref="D5974">IFERROR(INDEX(Jesper!AH$2:AH$366,ROUNDDOWN($C5974/24,0)+1,1)*INDEX($D$3:$AA$30,INDEX(Jesper!$R$2:$R$366,ROW(INDEX(Jesper!AH$2:AH$366,ROUNDDOWN($C5974/24,0)+1,1))-1)+IF('Standard Profiles'!$G$18=$B$10,7,0)+IF('Standard Profiles'!$G$18=$B$17,14,0)+IF('Standard Profiles'!$G$18=$B$24,21,0),MOD($C5974,24)+1)/SUM(INDEX($D$3:$AA$30,INDEX(Jesper!$R$2:$R$366,ROW(INDEX(Jesper!AH$2:AH$366,ROUNDDOWN($C5974/24,0)+1,1))-1)+IF('Standard Profiles'!$G$18=$B$10,7,0)+IF('Standard Profiles'!$G$18=$B$17,14,0)+IF('Standard Profiles'!$G$18=$B$24,21,0),0)),0)</f>
        <v>32.919511235663535</v>
      </c>
      <c r="E5974" cm="1">
        <f t="array" ref="E5974">IFERROR(INDEX(Jesper!AI$2:AI$366,ROUNDDOWN($C5974/24,0)+1,1)*INDEX($D$3:$AA$30,INDEX(Jesper!$R$2:$R$366,ROW(INDEX(Jesper!AI$2:AI$366,ROUNDDOWN($C5974/24,0)+1,1))-1)+IF('Standard Profiles'!$G$19=$B$10,7,0)+IF('Standard Profiles'!$G$19=$B$17,14,0)+IF('Standard Profiles'!$G$19=$B$24,21,0),MOD($C5974,24)+1)/SUM(INDEX($D$3:$AA$30,INDEX(Jesper!$R$2:$R$366,ROW(INDEX(Jesper!AI$2:AI$366,ROUNDDOWN($C5974/24,0)+1,1))-1)+IF('Standard Profiles'!$G$19=$B$10,7,0)+IF('Standard Profiles'!$G$19=$B$17,14,0)+IF('Standard Profiles'!$G$19=$B$24,21,0),0)),0)</f>
        <v>14.598700948283676</v>
      </c>
      <c r="F5974" cm="1">
        <f t="array" ref="F5974">IFERROR(INDEX(Jesper!AJ$2:AJ$366,ROUNDDOWN($C5974/24,0)+1,1)*INDEX($D$3:$AA$30,INDEX(Jesper!$R$2:$R$366,ROW(INDEX(Jesper!AJ$2:AJ$366,ROUNDDOWN($C5974/24,0)+1,1))-1)+IF('Standard Profiles'!$G$20=$B$10,7,0)+IF('Standard Profiles'!$G$20=$B$17,14,0)+IF('Standard Profiles'!$G$20=$B$24,21,0),MOD($C5974,24)+1)/SUM(INDEX($D$3:$AA$30,INDEX(Jesper!$R$2:$R$366,ROW(INDEX(Jesper!AJ$2:AJ$366,ROUNDDOWN($C5974/24,0)+1,1))-1)+IF('Standard Profiles'!$G$20=$B$10,7,0)+IF('Standard Profiles'!$G$20=$B$17,14,0)+IF('Standard Profiles'!$G$20=$B$24,21,0),0)),0)</f>
        <v>0</v>
      </c>
      <c r="G5974" cm="1">
        <f t="array" ref="G5974">IFERROR(INDEX(Jesper!AK$2:AK$366,ROUNDDOWN($C5974/24,0)+1,1)*INDEX($D$3:$AA$30,INDEX(Jesper!$R$2:$R$366,ROW(INDEX(Jesper!AK$2:AK$366,ROUNDDOWN($C5974/24,0)+1,1))-1)+IF('Standard Profiles'!$G$21=$B$10,7,0)+IF('Standard Profiles'!$G$21=$B$17,14,0)+IF('Standard Profiles'!$G$21=$B$24,21,0),MOD($C5974,24)+1)/SUM(INDEX($D$3:$AA$30,INDEX(Jesper!$R$2:$R$366,ROW(INDEX(Jesper!AK$2:AK$366,ROUNDDOWN($C5974/24,0)+1,1))-1)+IF('Standard Profiles'!$G$21=$B$10,7,0)+IF('Standard Profiles'!$G$21=$B$17,14,0)+IF('Standard Profiles'!$G$21=$B$24,21,0),0)),0)</f>
        <v>1.6765017443109729</v>
      </c>
      <c r="H5974" cm="1">
        <f t="array" ref="H5974">IFERROR(INDEX(Jesper!AL$2:AL$366,ROUNDDOWN($C5974/24,0)+1,1)*INDEX($D$3:$AA$30,INDEX(Jesper!$R$2:$R$366,ROW(INDEX(Jesper!AL$2:AL$366,ROUNDDOWN($C5974/24,0)+1,1))-1)+IF('Standard Profiles'!$G$22=$B$10,7,0)+IF('Standard Profiles'!$G$22=$B$17,14,0)+IF('Standard Profiles'!$G$22=$B$24,21,0),MOD($C5974,24)+1)/SUM(INDEX($D$3:$AA$30,INDEX(Jesper!$R$2:$R$366,ROW(INDEX(Jesper!AL$2:AL$366,ROUNDDOWN($C5974/24,0)+1,1))-1)+IF('Standard Profiles'!$G$22=$B$10,7,0)+IF('Standard Profiles'!$G$22=$B$17,14,0)+IF('Standard Profiles'!$G$22=$B$24,21,0),0)),0)</f>
        <v>0</v>
      </c>
      <c r="I5974">
        <f t="shared" si="664"/>
        <v>0.80472083726926658</v>
      </c>
      <c r="J5974">
        <f t="shared" si="665"/>
        <v>43.122871293282749</v>
      </c>
      <c r="K5974">
        <f t="shared" si="666"/>
        <v>3.5114145318041108</v>
      </c>
      <c r="L5974">
        <f t="shared" si="667"/>
        <v>1.7557072659020554</v>
      </c>
      <c r="M5974">
        <f t="shared" si="668"/>
        <v>0</v>
      </c>
      <c r="N5974" s="45">
        <f t="shared" si="669"/>
        <v>45174.499999985594</v>
      </c>
    </row>
    <row r="5975" spans="2:14" x14ac:dyDescent="0.25">
      <c r="B5975">
        <f t="shared" si="663"/>
        <v>2</v>
      </c>
      <c r="C5975" s="16">
        <v>5941</v>
      </c>
      <c r="D5975" cm="1">
        <f t="array" ref="D5975">IFERROR(INDEX(Jesper!AH$2:AH$366,ROUNDDOWN($C5975/24,0)+1,1)*INDEX($D$3:$AA$30,INDEX(Jesper!$R$2:$R$366,ROW(INDEX(Jesper!AH$2:AH$366,ROUNDDOWN($C5975/24,0)+1,1))-1)+IF('Standard Profiles'!$G$18=$B$10,7,0)+IF('Standard Profiles'!$G$18=$B$17,14,0)+IF('Standard Profiles'!$G$18=$B$24,21,0),MOD($C5975,24)+1)/SUM(INDEX($D$3:$AA$30,INDEX(Jesper!$R$2:$R$366,ROW(INDEX(Jesper!AH$2:AH$366,ROUNDDOWN($C5975/24,0)+1,1))-1)+IF('Standard Profiles'!$G$18=$B$10,7,0)+IF('Standard Profiles'!$G$18=$B$17,14,0)+IF('Standard Profiles'!$G$18=$B$24,21,0),0)),0)</f>
        <v>21.867961035119343</v>
      </c>
      <c r="E5975" cm="1">
        <f t="array" ref="E5975">IFERROR(INDEX(Jesper!AI$2:AI$366,ROUNDDOWN($C5975/24,0)+1,1)*INDEX($D$3:$AA$30,INDEX(Jesper!$R$2:$R$366,ROW(INDEX(Jesper!AI$2:AI$366,ROUNDDOWN($C5975/24,0)+1,1))-1)+IF('Standard Profiles'!$G$19=$B$10,7,0)+IF('Standard Profiles'!$G$19=$B$17,14,0)+IF('Standard Profiles'!$G$19=$B$24,21,0),MOD($C5975,24)+1)/SUM(INDEX($D$3:$AA$30,INDEX(Jesper!$R$2:$R$366,ROW(INDEX(Jesper!AI$2:AI$366,ROUNDDOWN($C5975/24,0)+1,1))-1)+IF('Standard Profiles'!$G$19=$B$10,7,0)+IF('Standard Profiles'!$G$19=$B$17,14,0)+IF('Standard Profiles'!$G$19=$B$24,21,0),0)),0)</f>
        <v>9.6977084870741557</v>
      </c>
      <c r="F5975" cm="1">
        <f t="array" ref="F5975">IFERROR(INDEX(Jesper!AJ$2:AJ$366,ROUNDDOWN($C5975/24,0)+1,1)*INDEX($D$3:$AA$30,INDEX(Jesper!$R$2:$R$366,ROW(INDEX(Jesper!AJ$2:AJ$366,ROUNDDOWN($C5975/24,0)+1,1))-1)+IF('Standard Profiles'!$G$20=$B$10,7,0)+IF('Standard Profiles'!$G$20=$B$17,14,0)+IF('Standard Profiles'!$G$20=$B$24,21,0),MOD($C5975,24)+1)/SUM(INDEX($D$3:$AA$30,INDEX(Jesper!$R$2:$R$366,ROW(INDEX(Jesper!AJ$2:AJ$366,ROUNDDOWN($C5975/24,0)+1,1))-1)+IF('Standard Profiles'!$G$20=$B$10,7,0)+IF('Standard Profiles'!$G$20=$B$17,14,0)+IF('Standard Profiles'!$G$20=$B$24,21,0),0)),0)</f>
        <v>0</v>
      </c>
      <c r="G5975" cm="1">
        <f t="array" ref="G5975">IFERROR(INDEX(Jesper!AK$2:AK$366,ROUNDDOWN($C5975/24,0)+1,1)*INDEX($D$3:$AA$30,INDEX(Jesper!$R$2:$R$366,ROW(INDEX(Jesper!AK$2:AK$366,ROUNDDOWN($C5975/24,0)+1,1))-1)+IF('Standard Profiles'!$G$21=$B$10,7,0)+IF('Standard Profiles'!$G$21=$B$17,14,0)+IF('Standard Profiles'!$G$21=$B$24,21,0),MOD($C5975,24)+1)/SUM(INDEX($D$3:$AA$30,INDEX(Jesper!$R$2:$R$366,ROW(INDEX(Jesper!AK$2:AK$366,ROUNDDOWN($C5975/24,0)+1,1))-1)+IF('Standard Profiles'!$G$21=$B$10,7,0)+IF('Standard Profiles'!$G$21=$B$17,14,0)+IF('Standard Profiles'!$G$21=$B$24,21,0),0)),0)</f>
        <v>1.1136761587208603</v>
      </c>
      <c r="H5975" cm="1">
        <f t="array" ref="H5975">IFERROR(INDEX(Jesper!AL$2:AL$366,ROUNDDOWN($C5975/24,0)+1,1)*INDEX($D$3:$AA$30,INDEX(Jesper!$R$2:$R$366,ROW(INDEX(Jesper!AL$2:AL$366,ROUNDDOWN($C5975/24,0)+1,1))-1)+IF('Standard Profiles'!$G$22=$B$10,7,0)+IF('Standard Profiles'!$G$22=$B$17,14,0)+IF('Standard Profiles'!$G$22=$B$24,21,0),MOD($C5975,24)+1)/SUM(INDEX($D$3:$AA$30,INDEX(Jesper!$R$2:$R$366,ROW(INDEX(Jesper!AL$2:AL$366,ROUNDDOWN($C5975/24,0)+1,1))-1)+IF('Standard Profiles'!$G$22=$B$10,7,0)+IF('Standard Profiles'!$G$22=$B$17,14,0)+IF('Standard Profiles'!$G$22=$B$24,21,0),0)),0)</f>
        <v>0</v>
      </c>
      <c r="I5975">
        <f t="shared" si="664"/>
        <v>0.53456455618601273</v>
      </c>
      <c r="J5975">
        <f t="shared" si="665"/>
        <v>28.645907359109252</v>
      </c>
      <c r="K5975">
        <f t="shared" si="666"/>
        <v>2.3325825104127302</v>
      </c>
      <c r="L5975">
        <f t="shared" si="667"/>
        <v>1.1662912552063651</v>
      </c>
      <c r="M5975">
        <f t="shared" si="668"/>
        <v>0</v>
      </c>
      <c r="N5975" s="45">
        <f t="shared" si="669"/>
        <v>45174.541666652258</v>
      </c>
    </row>
    <row r="5976" spans="2:14" x14ac:dyDescent="0.25">
      <c r="B5976">
        <f t="shared" si="663"/>
        <v>2</v>
      </c>
      <c r="C5976" s="16">
        <v>5942</v>
      </c>
      <c r="D5976" cm="1">
        <f t="array" ref="D5976">IFERROR(INDEX(Jesper!AH$2:AH$366,ROUNDDOWN($C5976/24,0)+1,1)*INDEX($D$3:$AA$30,INDEX(Jesper!$R$2:$R$366,ROW(INDEX(Jesper!AH$2:AH$366,ROUNDDOWN($C5976/24,0)+1,1))-1)+IF('Standard Profiles'!$G$18=$B$10,7,0)+IF('Standard Profiles'!$G$18=$B$17,14,0)+IF('Standard Profiles'!$G$18=$B$24,21,0),MOD($C5976,24)+1)/SUM(INDEX($D$3:$AA$30,INDEX(Jesper!$R$2:$R$366,ROW(INDEX(Jesper!AH$2:AH$366,ROUNDDOWN($C5976/24,0)+1,1))-1)+IF('Standard Profiles'!$G$18=$B$10,7,0)+IF('Standard Profiles'!$G$18=$B$17,14,0)+IF('Standard Profiles'!$G$18=$B$24,21,0),0)),0)</f>
        <v>32.919511235663535</v>
      </c>
      <c r="E5976" cm="1">
        <f t="array" ref="E5976">IFERROR(INDEX(Jesper!AI$2:AI$366,ROUNDDOWN($C5976/24,0)+1,1)*INDEX($D$3:$AA$30,INDEX(Jesper!$R$2:$R$366,ROW(INDEX(Jesper!AI$2:AI$366,ROUNDDOWN($C5976/24,0)+1,1))-1)+IF('Standard Profiles'!$G$19=$B$10,7,0)+IF('Standard Profiles'!$G$19=$B$17,14,0)+IF('Standard Profiles'!$G$19=$B$24,21,0),MOD($C5976,24)+1)/SUM(INDEX($D$3:$AA$30,INDEX(Jesper!$R$2:$R$366,ROW(INDEX(Jesper!AI$2:AI$366,ROUNDDOWN($C5976/24,0)+1,1))-1)+IF('Standard Profiles'!$G$19=$B$10,7,0)+IF('Standard Profiles'!$G$19=$B$17,14,0)+IF('Standard Profiles'!$G$19=$B$24,21,0),0)),0)</f>
        <v>14.598700948283676</v>
      </c>
      <c r="F5976" cm="1">
        <f t="array" ref="F5976">IFERROR(INDEX(Jesper!AJ$2:AJ$366,ROUNDDOWN($C5976/24,0)+1,1)*INDEX($D$3:$AA$30,INDEX(Jesper!$R$2:$R$366,ROW(INDEX(Jesper!AJ$2:AJ$366,ROUNDDOWN($C5976/24,0)+1,1))-1)+IF('Standard Profiles'!$G$20=$B$10,7,0)+IF('Standard Profiles'!$G$20=$B$17,14,0)+IF('Standard Profiles'!$G$20=$B$24,21,0),MOD($C5976,24)+1)/SUM(INDEX($D$3:$AA$30,INDEX(Jesper!$R$2:$R$366,ROW(INDEX(Jesper!AJ$2:AJ$366,ROUNDDOWN($C5976/24,0)+1,1))-1)+IF('Standard Profiles'!$G$20=$B$10,7,0)+IF('Standard Profiles'!$G$20=$B$17,14,0)+IF('Standard Profiles'!$G$20=$B$24,21,0),0)),0)</f>
        <v>0</v>
      </c>
      <c r="G5976" cm="1">
        <f t="array" ref="G5976">IFERROR(INDEX(Jesper!AK$2:AK$366,ROUNDDOWN($C5976/24,0)+1,1)*INDEX($D$3:$AA$30,INDEX(Jesper!$R$2:$R$366,ROW(INDEX(Jesper!AK$2:AK$366,ROUNDDOWN($C5976/24,0)+1,1))-1)+IF('Standard Profiles'!$G$21=$B$10,7,0)+IF('Standard Profiles'!$G$21=$B$17,14,0)+IF('Standard Profiles'!$G$21=$B$24,21,0),MOD($C5976,24)+1)/SUM(INDEX($D$3:$AA$30,INDEX(Jesper!$R$2:$R$366,ROW(INDEX(Jesper!AK$2:AK$366,ROUNDDOWN($C5976/24,0)+1,1))-1)+IF('Standard Profiles'!$G$21=$B$10,7,0)+IF('Standard Profiles'!$G$21=$B$17,14,0)+IF('Standard Profiles'!$G$21=$B$24,21,0),0)),0)</f>
        <v>1.6765017443109729</v>
      </c>
      <c r="H5976" cm="1">
        <f t="array" ref="H5976">IFERROR(INDEX(Jesper!AL$2:AL$366,ROUNDDOWN($C5976/24,0)+1,1)*INDEX($D$3:$AA$30,INDEX(Jesper!$R$2:$R$366,ROW(INDEX(Jesper!AL$2:AL$366,ROUNDDOWN($C5976/24,0)+1,1))-1)+IF('Standard Profiles'!$G$22=$B$10,7,0)+IF('Standard Profiles'!$G$22=$B$17,14,0)+IF('Standard Profiles'!$G$22=$B$24,21,0),MOD($C5976,24)+1)/SUM(INDEX($D$3:$AA$30,INDEX(Jesper!$R$2:$R$366,ROW(INDEX(Jesper!AL$2:AL$366,ROUNDDOWN($C5976/24,0)+1,1))-1)+IF('Standard Profiles'!$G$22=$B$10,7,0)+IF('Standard Profiles'!$G$22=$B$17,14,0)+IF('Standard Profiles'!$G$22=$B$24,21,0),0)),0)</f>
        <v>0</v>
      </c>
      <c r="I5976">
        <f t="shared" si="664"/>
        <v>0.80472083726926658</v>
      </c>
      <c r="J5976">
        <f t="shared" si="665"/>
        <v>43.122871293282749</v>
      </c>
      <c r="K5976">
        <f t="shared" si="666"/>
        <v>3.5114145318041108</v>
      </c>
      <c r="L5976">
        <f t="shared" si="667"/>
        <v>1.7557072659020554</v>
      </c>
      <c r="M5976">
        <f t="shared" si="668"/>
        <v>0</v>
      </c>
      <c r="N5976" s="45">
        <f t="shared" si="669"/>
        <v>45174.583333318922</v>
      </c>
    </row>
    <row r="5977" spans="2:14" x14ac:dyDescent="0.25">
      <c r="B5977">
        <f t="shared" si="663"/>
        <v>2</v>
      </c>
      <c r="C5977" s="16">
        <v>5943</v>
      </c>
      <c r="D5977" cm="1">
        <f t="array" ref="D5977">IFERROR(INDEX(Jesper!AH$2:AH$366,ROUNDDOWN($C5977/24,0)+1,1)*INDEX($D$3:$AA$30,INDEX(Jesper!$R$2:$R$366,ROW(INDEX(Jesper!AH$2:AH$366,ROUNDDOWN($C5977/24,0)+1,1))-1)+IF('Standard Profiles'!$G$18=$B$10,7,0)+IF('Standard Profiles'!$G$18=$B$17,14,0)+IF('Standard Profiles'!$G$18=$B$24,21,0),MOD($C5977,24)+1)/SUM(INDEX($D$3:$AA$30,INDEX(Jesper!$R$2:$R$366,ROW(INDEX(Jesper!AH$2:AH$366,ROUNDDOWN($C5977/24,0)+1,1))-1)+IF('Standard Profiles'!$G$18=$B$10,7,0)+IF('Standard Profiles'!$G$18=$B$17,14,0)+IF('Standard Profiles'!$G$18=$B$24,21,0),0)),0)</f>
        <v>32.919511235663535</v>
      </c>
      <c r="E5977" cm="1">
        <f t="array" ref="E5977">IFERROR(INDEX(Jesper!AI$2:AI$366,ROUNDDOWN($C5977/24,0)+1,1)*INDEX($D$3:$AA$30,INDEX(Jesper!$R$2:$R$366,ROW(INDEX(Jesper!AI$2:AI$366,ROUNDDOWN($C5977/24,0)+1,1))-1)+IF('Standard Profiles'!$G$19=$B$10,7,0)+IF('Standard Profiles'!$G$19=$B$17,14,0)+IF('Standard Profiles'!$G$19=$B$24,21,0),MOD($C5977,24)+1)/SUM(INDEX($D$3:$AA$30,INDEX(Jesper!$R$2:$R$366,ROW(INDEX(Jesper!AI$2:AI$366,ROUNDDOWN($C5977/24,0)+1,1))-1)+IF('Standard Profiles'!$G$19=$B$10,7,0)+IF('Standard Profiles'!$G$19=$B$17,14,0)+IF('Standard Profiles'!$G$19=$B$24,21,0),0)),0)</f>
        <v>14.598700948283676</v>
      </c>
      <c r="F5977" cm="1">
        <f t="array" ref="F5977">IFERROR(INDEX(Jesper!AJ$2:AJ$366,ROUNDDOWN($C5977/24,0)+1,1)*INDEX($D$3:$AA$30,INDEX(Jesper!$R$2:$R$366,ROW(INDEX(Jesper!AJ$2:AJ$366,ROUNDDOWN($C5977/24,0)+1,1))-1)+IF('Standard Profiles'!$G$20=$B$10,7,0)+IF('Standard Profiles'!$G$20=$B$17,14,0)+IF('Standard Profiles'!$G$20=$B$24,21,0),MOD($C5977,24)+1)/SUM(INDEX($D$3:$AA$30,INDEX(Jesper!$R$2:$R$366,ROW(INDEX(Jesper!AJ$2:AJ$366,ROUNDDOWN($C5977/24,0)+1,1))-1)+IF('Standard Profiles'!$G$20=$B$10,7,0)+IF('Standard Profiles'!$G$20=$B$17,14,0)+IF('Standard Profiles'!$G$20=$B$24,21,0),0)),0)</f>
        <v>0</v>
      </c>
      <c r="G5977" cm="1">
        <f t="array" ref="G5977">IFERROR(INDEX(Jesper!AK$2:AK$366,ROUNDDOWN($C5977/24,0)+1,1)*INDEX($D$3:$AA$30,INDEX(Jesper!$R$2:$R$366,ROW(INDEX(Jesper!AK$2:AK$366,ROUNDDOWN($C5977/24,0)+1,1))-1)+IF('Standard Profiles'!$G$21=$B$10,7,0)+IF('Standard Profiles'!$G$21=$B$17,14,0)+IF('Standard Profiles'!$G$21=$B$24,21,0),MOD($C5977,24)+1)/SUM(INDEX($D$3:$AA$30,INDEX(Jesper!$R$2:$R$366,ROW(INDEX(Jesper!AK$2:AK$366,ROUNDDOWN($C5977/24,0)+1,1))-1)+IF('Standard Profiles'!$G$21=$B$10,7,0)+IF('Standard Profiles'!$G$21=$B$17,14,0)+IF('Standard Profiles'!$G$21=$B$24,21,0),0)),0)</f>
        <v>1.6765017443109729</v>
      </c>
      <c r="H5977" cm="1">
        <f t="array" ref="H5977">IFERROR(INDEX(Jesper!AL$2:AL$366,ROUNDDOWN($C5977/24,0)+1,1)*INDEX($D$3:$AA$30,INDEX(Jesper!$R$2:$R$366,ROW(INDEX(Jesper!AL$2:AL$366,ROUNDDOWN($C5977/24,0)+1,1))-1)+IF('Standard Profiles'!$G$22=$B$10,7,0)+IF('Standard Profiles'!$G$22=$B$17,14,0)+IF('Standard Profiles'!$G$22=$B$24,21,0),MOD($C5977,24)+1)/SUM(INDEX($D$3:$AA$30,INDEX(Jesper!$R$2:$R$366,ROW(INDEX(Jesper!AL$2:AL$366,ROUNDDOWN($C5977/24,0)+1,1))-1)+IF('Standard Profiles'!$G$22=$B$10,7,0)+IF('Standard Profiles'!$G$22=$B$17,14,0)+IF('Standard Profiles'!$G$22=$B$24,21,0),0)),0)</f>
        <v>0</v>
      </c>
      <c r="I5977">
        <f t="shared" si="664"/>
        <v>0.80472083726926658</v>
      </c>
      <c r="J5977">
        <f t="shared" si="665"/>
        <v>43.122871293282749</v>
      </c>
      <c r="K5977">
        <f t="shared" si="666"/>
        <v>3.5114145318041108</v>
      </c>
      <c r="L5977">
        <f t="shared" si="667"/>
        <v>1.7557072659020554</v>
      </c>
      <c r="M5977">
        <f t="shared" si="668"/>
        <v>0</v>
      </c>
      <c r="N5977" s="45">
        <f t="shared" si="669"/>
        <v>45174.624999985586</v>
      </c>
    </row>
    <row r="5978" spans="2:14" x14ac:dyDescent="0.25">
      <c r="B5978">
        <f t="shared" si="663"/>
        <v>2</v>
      </c>
      <c r="C5978" s="16">
        <v>5944</v>
      </c>
      <c r="D5978" cm="1">
        <f t="array" ref="D5978">IFERROR(INDEX(Jesper!AH$2:AH$366,ROUNDDOWN($C5978/24,0)+1,1)*INDEX($D$3:$AA$30,INDEX(Jesper!$R$2:$R$366,ROW(INDEX(Jesper!AH$2:AH$366,ROUNDDOWN($C5978/24,0)+1,1))-1)+IF('Standard Profiles'!$G$18=$B$10,7,0)+IF('Standard Profiles'!$G$18=$B$17,14,0)+IF('Standard Profiles'!$G$18=$B$24,21,0),MOD($C5978,24)+1)/SUM(INDEX($D$3:$AA$30,INDEX(Jesper!$R$2:$R$366,ROW(INDEX(Jesper!AH$2:AH$366,ROUNDDOWN($C5978/24,0)+1,1))-1)+IF('Standard Profiles'!$G$18=$B$10,7,0)+IF('Standard Profiles'!$G$18=$B$17,14,0)+IF('Standard Profiles'!$G$18=$B$24,21,0),0)),0)</f>
        <v>19.398997692444585</v>
      </c>
      <c r="E5978" cm="1">
        <f t="array" ref="E5978">IFERROR(INDEX(Jesper!AI$2:AI$366,ROUNDDOWN($C5978/24,0)+1,1)*INDEX($D$3:$AA$30,INDEX(Jesper!$R$2:$R$366,ROW(INDEX(Jesper!AI$2:AI$366,ROUNDDOWN($C5978/24,0)+1,1))-1)+IF('Standard Profiles'!$G$19=$B$10,7,0)+IF('Standard Profiles'!$G$19=$B$17,14,0)+IF('Standard Profiles'!$G$19=$B$24,21,0),MOD($C5978,24)+1)/SUM(INDEX($D$3:$AA$30,INDEX(Jesper!$R$2:$R$366,ROW(INDEX(Jesper!AI$2:AI$366,ROUNDDOWN($C5978/24,0)+1,1))-1)+IF('Standard Profiles'!$G$19=$B$10,7,0)+IF('Standard Profiles'!$G$19=$B$17,14,0)+IF('Standard Profiles'!$G$19=$B$24,21,0),0)),0)</f>
        <v>8.6028059159528798</v>
      </c>
      <c r="F5978" cm="1">
        <f t="array" ref="F5978">IFERROR(INDEX(Jesper!AJ$2:AJ$366,ROUNDDOWN($C5978/24,0)+1,1)*INDEX($D$3:$AA$30,INDEX(Jesper!$R$2:$R$366,ROW(INDEX(Jesper!AJ$2:AJ$366,ROUNDDOWN($C5978/24,0)+1,1))-1)+IF('Standard Profiles'!$G$20=$B$10,7,0)+IF('Standard Profiles'!$G$20=$B$17,14,0)+IF('Standard Profiles'!$G$20=$B$24,21,0),MOD($C5978,24)+1)/SUM(INDEX($D$3:$AA$30,INDEX(Jesper!$R$2:$R$366,ROW(INDEX(Jesper!AJ$2:AJ$366,ROUNDDOWN($C5978/24,0)+1,1))-1)+IF('Standard Profiles'!$G$20=$B$10,7,0)+IF('Standard Profiles'!$G$20=$B$17,14,0)+IF('Standard Profiles'!$G$20=$B$24,21,0),0)),0)</f>
        <v>0</v>
      </c>
      <c r="G5978" cm="1">
        <f t="array" ref="G5978">IFERROR(INDEX(Jesper!AK$2:AK$366,ROUNDDOWN($C5978/24,0)+1,1)*INDEX($D$3:$AA$30,INDEX(Jesper!$R$2:$R$366,ROW(INDEX(Jesper!AK$2:AK$366,ROUNDDOWN($C5978/24,0)+1,1))-1)+IF('Standard Profiles'!$G$21=$B$10,7,0)+IF('Standard Profiles'!$G$21=$B$17,14,0)+IF('Standard Profiles'!$G$21=$B$24,21,0),MOD($C5978,24)+1)/SUM(INDEX($D$3:$AA$30,INDEX(Jesper!$R$2:$R$366,ROW(INDEX(Jesper!AK$2:AK$366,ROUNDDOWN($C5978/24,0)+1,1))-1)+IF('Standard Profiles'!$G$21=$B$10,7,0)+IF('Standard Profiles'!$G$21=$B$17,14,0)+IF('Standard Profiles'!$G$21=$B$24,21,0),0)),0)</f>
        <v>1.4013312452447342</v>
      </c>
      <c r="H5978" cm="1">
        <f t="array" ref="H5978">IFERROR(INDEX(Jesper!AL$2:AL$366,ROUNDDOWN($C5978/24,0)+1,1)*INDEX($D$3:$AA$30,INDEX(Jesper!$R$2:$R$366,ROW(INDEX(Jesper!AL$2:AL$366,ROUNDDOWN($C5978/24,0)+1,1))-1)+IF('Standard Profiles'!$G$22=$B$10,7,0)+IF('Standard Profiles'!$G$22=$B$17,14,0)+IF('Standard Profiles'!$G$22=$B$24,21,0),MOD($C5978,24)+1)/SUM(INDEX($D$3:$AA$30,INDEX(Jesper!$R$2:$R$366,ROW(INDEX(Jesper!AL$2:AL$366,ROUNDDOWN($C5978/24,0)+1,1))-1)+IF('Standard Profiles'!$G$22=$B$10,7,0)+IF('Standard Profiles'!$G$22=$B$17,14,0)+IF('Standard Profiles'!$G$22=$B$24,21,0),0)),0)</f>
        <v>0</v>
      </c>
      <c r="I5978">
        <f t="shared" si="664"/>
        <v>0.67263899771747204</v>
      </c>
      <c r="J5978">
        <f t="shared" si="665"/>
        <v>25.626656225133594</v>
      </c>
      <c r="K5978">
        <f t="shared" si="666"/>
        <v>2.0692264205274227</v>
      </c>
      <c r="L5978">
        <f t="shared" si="667"/>
        <v>1.0346132102637113</v>
      </c>
      <c r="M5978">
        <f t="shared" si="668"/>
        <v>0</v>
      </c>
      <c r="N5978" s="45">
        <f t="shared" si="669"/>
        <v>45174.666666652251</v>
      </c>
    </row>
    <row r="5979" spans="2:14" x14ac:dyDescent="0.25">
      <c r="B5979">
        <f t="shared" si="663"/>
        <v>2</v>
      </c>
      <c r="C5979" s="16">
        <v>5945</v>
      </c>
      <c r="D5979" cm="1">
        <f t="array" ref="D5979">IFERROR(INDEX(Jesper!AH$2:AH$366,ROUNDDOWN($C5979/24,0)+1,1)*INDEX($D$3:$AA$30,INDEX(Jesper!$R$2:$R$366,ROW(INDEX(Jesper!AH$2:AH$366,ROUNDDOWN($C5979/24,0)+1,1))-1)+IF('Standard Profiles'!$G$18=$B$10,7,0)+IF('Standard Profiles'!$G$18=$B$17,14,0)+IF('Standard Profiles'!$G$18=$B$24,21,0),MOD($C5979,24)+1)/SUM(INDEX($D$3:$AA$30,INDEX(Jesper!$R$2:$R$366,ROW(INDEX(Jesper!AH$2:AH$366,ROUNDDOWN($C5979/24,0)+1,1))-1)+IF('Standard Profiles'!$G$18=$B$10,7,0)+IF('Standard Profiles'!$G$18=$B$17,14,0)+IF('Standard Profiles'!$G$18=$B$24,21,0),0)),0)</f>
        <v>8.2795551397544109</v>
      </c>
      <c r="E5979" cm="1">
        <f t="array" ref="E5979">IFERROR(INDEX(Jesper!AI$2:AI$366,ROUNDDOWN($C5979/24,0)+1,1)*INDEX($D$3:$AA$30,INDEX(Jesper!$R$2:$R$366,ROW(INDEX(Jesper!AI$2:AI$366,ROUNDDOWN($C5979/24,0)+1,1))-1)+IF('Standard Profiles'!$G$19=$B$10,7,0)+IF('Standard Profiles'!$G$19=$B$17,14,0)+IF('Standard Profiles'!$G$19=$B$24,21,0),MOD($C5979,24)+1)/SUM(INDEX($D$3:$AA$30,INDEX(Jesper!$R$2:$R$366,ROW(INDEX(Jesper!AI$2:AI$366,ROUNDDOWN($C5979/24,0)+1,1))-1)+IF('Standard Profiles'!$G$19=$B$10,7,0)+IF('Standard Profiles'!$G$19=$B$17,14,0)+IF('Standard Profiles'!$G$19=$B$24,21,0),0)),0)</f>
        <v>3.6717054698902611</v>
      </c>
      <c r="F5979" cm="1">
        <f t="array" ref="F5979">IFERROR(INDEX(Jesper!AJ$2:AJ$366,ROUNDDOWN($C5979/24,0)+1,1)*INDEX($D$3:$AA$30,INDEX(Jesper!$R$2:$R$366,ROW(INDEX(Jesper!AJ$2:AJ$366,ROUNDDOWN($C5979/24,0)+1,1))-1)+IF('Standard Profiles'!$G$20=$B$10,7,0)+IF('Standard Profiles'!$G$20=$B$17,14,0)+IF('Standard Profiles'!$G$20=$B$24,21,0),MOD($C5979,24)+1)/SUM(INDEX($D$3:$AA$30,INDEX(Jesper!$R$2:$R$366,ROW(INDEX(Jesper!AJ$2:AJ$366,ROUNDDOWN($C5979/24,0)+1,1))-1)+IF('Standard Profiles'!$G$20=$B$10,7,0)+IF('Standard Profiles'!$G$20=$B$17,14,0)+IF('Standard Profiles'!$G$20=$B$24,21,0),0)),0)</f>
        <v>0</v>
      </c>
      <c r="G5979" cm="1">
        <f t="array" ref="G5979">IFERROR(INDEX(Jesper!AK$2:AK$366,ROUNDDOWN($C5979/24,0)+1,1)*INDEX($D$3:$AA$30,INDEX(Jesper!$R$2:$R$366,ROW(INDEX(Jesper!AK$2:AK$366,ROUNDDOWN($C5979/24,0)+1,1))-1)+IF('Standard Profiles'!$G$21=$B$10,7,0)+IF('Standard Profiles'!$G$21=$B$17,14,0)+IF('Standard Profiles'!$G$21=$B$24,21,0),MOD($C5979,24)+1)/SUM(INDEX($D$3:$AA$30,INDEX(Jesper!$R$2:$R$366,ROW(INDEX(Jesper!AK$2:AK$366,ROUNDDOWN($C5979/24,0)+1,1))-1)+IF('Standard Profiles'!$G$21=$B$10,7,0)+IF('Standard Profiles'!$G$21=$B$17,14,0)+IF('Standard Profiles'!$G$21=$B$24,21,0),0)),0)</f>
        <v>1.1134213712217251</v>
      </c>
      <c r="H5979" cm="1">
        <f t="array" ref="H5979">IFERROR(INDEX(Jesper!AL$2:AL$366,ROUNDDOWN($C5979/24,0)+1,1)*INDEX($D$3:$AA$30,INDEX(Jesper!$R$2:$R$366,ROW(INDEX(Jesper!AL$2:AL$366,ROUNDDOWN($C5979/24,0)+1,1))-1)+IF('Standard Profiles'!$G$22=$B$10,7,0)+IF('Standard Profiles'!$G$22=$B$17,14,0)+IF('Standard Profiles'!$G$22=$B$24,21,0),MOD($C5979,24)+1)/SUM(INDEX($D$3:$AA$30,INDEX(Jesper!$R$2:$R$366,ROW(INDEX(Jesper!AL$2:AL$366,ROUNDDOWN($C5979/24,0)+1,1))-1)+IF('Standard Profiles'!$G$22=$B$10,7,0)+IF('Standard Profiles'!$G$22=$B$17,14,0)+IF('Standard Profiles'!$G$22=$B$24,21,0),0)),0)</f>
        <v>0</v>
      </c>
      <c r="I5979">
        <f t="shared" si="664"/>
        <v>0.53444225818642777</v>
      </c>
      <c r="J5979">
        <f t="shared" si="665"/>
        <v>11.205510900319263</v>
      </c>
      <c r="K5979">
        <f t="shared" si="666"/>
        <v>0.88315254824047051</v>
      </c>
      <c r="L5979">
        <f t="shared" si="667"/>
        <v>0.44157627412023526</v>
      </c>
      <c r="M5979">
        <f t="shared" si="668"/>
        <v>0</v>
      </c>
      <c r="N5979" s="45">
        <f t="shared" si="669"/>
        <v>45174.708333318915</v>
      </c>
    </row>
    <row r="5980" spans="2:14" x14ac:dyDescent="0.25">
      <c r="B5980">
        <f t="shared" si="663"/>
        <v>2</v>
      </c>
      <c r="C5980" s="16">
        <v>5946</v>
      </c>
      <c r="D5980" cm="1">
        <f t="array" ref="D5980">IFERROR(INDEX(Jesper!AH$2:AH$366,ROUNDDOWN($C5980/24,0)+1,1)*INDEX($D$3:$AA$30,INDEX(Jesper!$R$2:$R$366,ROW(INDEX(Jesper!AH$2:AH$366,ROUNDDOWN($C5980/24,0)+1,1))-1)+IF('Standard Profiles'!$G$18=$B$10,7,0)+IF('Standard Profiles'!$G$18=$B$17,14,0)+IF('Standard Profiles'!$G$18=$B$24,21,0),MOD($C5980,24)+1)/SUM(INDEX($D$3:$AA$30,INDEX(Jesper!$R$2:$R$366,ROW(INDEX(Jesper!AH$2:AH$366,ROUNDDOWN($C5980/24,0)+1,1))-1)+IF('Standard Profiles'!$G$18=$B$10,7,0)+IF('Standard Profiles'!$G$18=$B$17,14,0)+IF('Standard Profiles'!$G$18=$B$24,21,0),0)),0)</f>
        <v>5.4645063922379107</v>
      </c>
      <c r="E5980" cm="1">
        <f t="array" ref="E5980">IFERROR(INDEX(Jesper!AI$2:AI$366,ROUNDDOWN($C5980/24,0)+1,1)*INDEX($D$3:$AA$30,INDEX(Jesper!$R$2:$R$366,ROW(INDEX(Jesper!AI$2:AI$366,ROUNDDOWN($C5980/24,0)+1,1))-1)+IF('Standard Profiles'!$G$19=$B$10,7,0)+IF('Standard Profiles'!$G$19=$B$17,14,0)+IF('Standard Profiles'!$G$19=$B$24,21,0),MOD($C5980,24)+1)/SUM(INDEX($D$3:$AA$30,INDEX(Jesper!$R$2:$R$366,ROW(INDEX(Jesper!AI$2:AI$366,ROUNDDOWN($C5980/24,0)+1,1))-1)+IF('Standard Profiles'!$G$19=$B$10,7,0)+IF('Standard Profiles'!$G$19=$B$17,14,0)+IF('Standard Profiles'!$G$19=$B$24,21,0),0)),0)</f>
        <v>2.4233256101275722</v>
      </c>
      <c r="F5980" cm="1">
        <f t="array" ref="F5980">IFERROR(INDEX(Jesper!AJ$2:AJ$366,ROUNDDOWN($C5980/24,0)+1,1)*INDEX($D$3:$AA$30,INDEX(Jesper!$R$2:$R$366,ROW(INDEX(Jesper!AJ$2:AJ$366,ROUNDDOWN($C5980/24,0)+1,1))-1)+IF('Standard Profiles'!$G$20=$B$10,7,0)+IF('Standard Profiles'!$G$20=$B$17,14,0)+IF('Standard Profiles'!$G$20=$B$24,21,0),MOD($C5980,24)+1)/SUM(INDEX($D$3:$AA$30,INDEX(Jesper!$R$2:$R$366,ROW(INDEX(Jesper!AJ$2:AJ$366,ROUNDDOWN($C5980/24,0)+1,1))-1)+IF('Standard Profiles'!$G$20=$B$10,7,0)+IF('Standard Profiles'!$G$20=$B$17,14,0)+IF('Standard Profiles'!$G$20=$B$24,21,0),0)),0)</f>
        <v>0</v>
      </c>
      <c r="G5980" cm="1">
        <f t="array" ref="G5980">IFERROR(INDEX(Jesper!AK$2:AK$366,ROUNDDOWN($C5980/24,0)+1,1)*INDEX($D$3:$AA$30,INDEX(Jesper!$R$2:$R$366,ROW(INDEX(Jesper!AK$2:AK$366,ROUNDDOWN($C5980/24,0)+1,1))-1)+IF('Standard Profiles'!$G$21=$B$10,7,0)+IF('Standard Profiles'!$G$21=$B$17,14,0)+IF('Standard Profiles'!$G$21=$B$24,21,0),MOD($C5980,24)+1)/SUM(INDEX($D$3:$AA$30,INDEX(Jesper!$R$2:$R$366,ROW(INDEX(Jesper!AK$2:AK$366,ROUNDDOWN($C5980/24,0)+1,1))-1)+IF('Standard Profiles'!$G$21=$B$10,7,0)+IF('Standard Profiles'!$G$21=$B$17,14,0)+IF('Standard Profiles'!$G$21=$B$24,21,0),0)),0)</f>
        <v>0.39492062365987962</v>
      </c>
      <c r="H5980" cm="1">
        <f t="array" ref="H5980">IFERROR(INDEX(Jesper!AL$2:AL$366,ROUNDDOWN($C5980/24,0)+1,1)*INDEX($D$3:$AA$30,INDEX(Jesper!$R$2:$R$366,ROW(INDEX(Jesper!AL$2:AL$366,ROUNDDOWN($C5980/24,0)+1,1))-1)+IF('Standard Profiles'!$G$22=$B$10,7,0)+IF('Standard Profiles'!$G$22=$B$17,14,0)+IF('Standard Profiles'!$G$22=$B$24,21,0),MOD($C5980,24)+1)/SUM(INDEX($D$3:$AA$30,INDEX(Jesper!$R$2:$R$366,ROW(INDEX(Jesper!AL$2:AL$366,ROUNDDOWN($C5980/24,0)+1,1))-1)+IF('Standard Profiles'!$G$22=$B$10,7,0)+IF('Standard Profiles'!$G$22=$B$17,14,0)+IF('Standard Profiles'!$G$22=$B$24,21,0),0)),0)</f>
        <v>0</v>
      </c>
      <c r="I5980">
        <f t="shared" si="664"/>
        <v>0.18956189935674211</v>
      </c>
      <c r="J5980">
        <f t="shared" si="665"/>
        <v>7.2188697039105554</v>
      </c>
      <c r="K5980">
        <f t="shared" si="666"/>
        <v>0.58288068183871056</v>
      </c>
      <c r="L5980">
        <f t="shared" si="667"/>
        <v>0.29144034091935528</v>
      </c>
      <c r="M5980">
        <f t="shared" si="668"/>
        <v>0</v>
      </c>
      <c r="N5980" s="45">
        <f t="shared" si="669"/>
        <v>45174.749999985579</v>
      </c>
    </row>
    <row r="5981" spans="2:14" x14ac:dyDescent="0.25">
      <c r="B5981">
        <f t="shared" si="663"/>
        <v>2</v>
      </c>
      <c r="C5981" s="16">
        <v>5947</v>
      </c>
      <c r="D5981" cm="1">
        <f t="array" ref="D5981">IFERROR(INDEX(Jesper!AH$2:AH$366,ROUNDDOWN($C5981/24,0)+1,1)*INDEX($D$3:$AA$30,INDEX(Jesper!$R$2:$R$366,ROW(INDEX(Jesper!AH$2:AH$366,ROUNDDOWN($C5981/24,0)+1,1))-1)+IF('Standard Profiles'!$G$18=$B$10,7,0)+IF('Standard Profiles'!$G$18=$B$17,14,0)+IF('Standard Profiles'!$G$18=$B$24,21,0),MOD($C5981,24)+1)/SUM(INDEX($D$3:$AA$30,INDEX(Jesper!$R$2:$R$366,ROW(INDEX(Jesper!AH$2:AH$366,ROUNDDOWN($C5981/24,0)+1,1))-1)+IF('Standard Profiles'!$G$18=$B$10,7,0)+IF('Standard Profiles'!$G$18=$B$17,14,0)+IF('Standard Profiles'!$G$18=$B$24,21,0),0)),0)</f>
        <v>5.4645063922379107</v>
      </c>
      <c r="E5981" cm="1">
        <f t="array" ref="E5981">IFERROR(INDEX(Jesper!AI$2:AI$366,ROUNDDOWN($C5981/24,0)+1,1)*INDEX($D$3:$AA$30,INDEX(Jesper!$R$2:$R$366,ROW(INDEX(Jesper!AI$2:AI$366,ROUNDDOWN($C5981/24,0)+1,1))-1)+IF('Standard Profiles'!$G$19=$B$10,7,0)+IF('Standard Profiles'!$G$19=$B$17,14,0)+IF('Standard Profiles'!$G$19=$B$24,21,0),MOD($C5981,24)+1)/SUM(INDEX($D$3:$AA$30,INDEX(Jesper!$R$2:$R$366,ROW(INDEX(Jesper!AI$2:AI$366,ROUNDDOWN($C5981/24,0)+1,1))-1)+IF('Standard Profiles'!$G$19=$B$10,7,0)+IF('Standard Profiles'!$G$19=$B$17,14,0)+IF('Standard Profiles'!$G$19=$B$24,21,0),0)),0)</f>
        <v>2.4233256101275722</v>
      </c>
      <c r="F5981" cm="1">
        <f t="array" ref="F5981">IFERROR(INDEX(Jesper!AJ$2:AJ$366,ROUNDDOWN($C5981/24,0)+1,1)*INDEX($D$3:$AA$30,INDEX(Jesper!$R$2:$R$366,ROW(INDEX(Jesper!AJ$2:AJ$366,ROUNDDOWN($C5981/24,0)+1,1))-1)+IF('Standard Profiles'!$G$20=$B$10,7,0)+IF('Standard Profiles'!$G$20=$B$17,14,0)+IF('Standard Profiles'!$G$20=$B$24,21,0),MOD($C5981,24)+1)/SUM(INDEX($D$3:$AA$30,INDEX(Jesper!$R$2:$R$366,ROW(INDEX(Jesper!AJ$2:AJ$366,ROUNDDOWN($C5981/24,0)+1,1))-1)+IF('Standard Profiles'!$G$20=$B$10,7,0)+IF('Standard Profiles'!$G$20=$B$17,14,0)+IF('Standard Profiles'!$G$20=$B$24,21,0),0)),0)</f>
        <v>0</v>
      </c>
      <c r="G5981" cm="1">
        <f t="array" ref="G5981">IFERROR(INDEX(Jesper!AK$2:AK$366,ROUNDDOWN($C5981/24,0)+1,1)*INDEX($D$3:$AA$30,INDEX(Jesper!$R$2:$R$366,ROW(INDEX(Jesper!AK$2:AK$366,ROUNDDOWN($C5981/24,0)+1,1))-1)+IF('Standard Profiles'!$G$21=$B$10,7,0)+IF('Standard Profiles'!$G$21=$B$17,14,0)+IF('Standard Profiles'!$G$21=$B$24,21,0),MOD($C5981,24)+1)/SUM(INDEX($D$3:$AA$30,INDEX(Jesper!$R$2:$R$366,ROW(INDEX(Jesper!AK$2:AK$366,ROUNDDOWN($C5981/24,0)+1,1))-1)+IF('Standard Profiles'!$G$21=$B$10,7,0)+IF('Standard Profiles'!$G$21=$B$17,14,0)+IF('Standard Profiles'!$G$21=$B$24,21,0),0)),0)</f>
        <v>0.39492062365987962</v>
      </c>
      <c r="H5981" cm="1">
        <f t="array" ref="H5981">IFERROR(INDEX(Jesper!AL$2:AL$366,ROUNDDOWN($C5981/24,0)+1,1)*INDEX($D$3:$AA$30,INDEX(Jesper!$R$2:$R$366,ROW(INDEX(Jesper!AL$2:AL$366,ROUNDDOWN($C5981/24,0)+1,1))-1)+IF('Standard Profiles'!$G$22=$B$10,7,0)+IF('Standard Profiles'!$G$22=$B$17,14,0)+IF('Standard Profiles'!$G$22=$B$24,21,0),MOD($C5981,24)+1)/SUM(INDEX($D$3:$AA$30,INDEX(Jesper!$R$2:$R$366,ROW(INDEX(Jesper!AL$2:AL$366,ROUNDDOWN($C5981/24,0)+1,1))-1)+IF('Standard Profiles'!$G$22=$B$10,7,0)+IF('Standard Profiles'!$G$22=$B$17,14,0)+IF('Standard Profiles'!$G$22=$B$24,21,0),0)),0)</f>
        <v>0</v>
      </c>
      <c r="I5981">
        <f t="shared" si="664"/>
        <v>0.18956189935674211</v>
      </c>
      <c r="J5981">
        <f t="shared" si="665"/>
        <v>7.2188697039105554</v>
      </c>
      <c r="K5981">
        <f t="shared" si="666"/>
        <v>0.58288068183871056</v>
      </c>
      <c r="L5981">
        <f t="shared" si="667"/>
        <v>0.29144034091935528</v>
      </c>
      <c r="M5981">
        <f t="shared" si="668"/>
        <v>0</v>
      </c>
      <c r="N5981" s="45">
        <f t="shared" si="669"/>
        <v>45174.791666652243</v>
      </c>
    </row>
    <row r="5982" spans="2:14" x14ac:dyDescent="0.25">
      <c r="B5982">
        <f t="shared" si="663"/>
        <v>2</v>
      </c>
      <c r="C5982" s="16">
        <v>5948</v>
      </c>
      <c r="D5982" cm="1">
        <f t="array" ref="D5982">IFERROR(INDEX(Jesper!AH$2:AH$366,ROUNDDOWN($C5982/24,0)+1,1)*INDEX($D$3:$AA$30,INDEX(Jesper!$R$2:$R$366,ROW(INDEX(Jesper!AH$2:AH$366,ROUNDDOWN($C5982/24,0)+1,1))-1)+IF('Standard Profiles'!$G$18=$B$10,7,0)+IF('Standard Profiles'!$G$18=$B$17,14,0)+IF('Standard Profiles'!$G$18=$B$24,21,0),MOD($C5982,24)+1)/SUM(INDEX($D$3:$AA$30,INDEX(Jesper!$R$2:$R$366,ROW(INDEX(Jesper!AH$2:AH$366,ROUNDDOWN($C5982/24,0)+1,1))-1)+IF('Standard Profiles'!$G$18=$B$10,7,0)+IF('Standard Profiles'!$G$18=$B$17,14,0)+IF('Standard Profiles'!$G$18=$B$24,21,0),0)),0)</f>
        <v>5.4645063922379107</v>
      </c>
      <c r="E5982" cm="1">
        <f t="array" ref="E5982">IFERROR(INDEX(Jesper!AI$2:AI$366,ROUNDDOWN($C5982/24,0)+1,1)*INDEX($D$3:$AA$30,INDEX(Jesper!$R$2:$R$366,ROW(INDEX(Jesper!AI$2:AI$366,ROUNDDOWN($C5982/24,0)+1,1))-1)+IF('Standard Profiles'!$G$19=$B$10,7,0)+IF('Standard Profiles'!$G$19=$B$17,14,0)+IF('Standard Profiles'!$G$19=$B$24,21,0),MOD($C5982,24)+1)/SUM(INDEX($D$3:$AA$30,INDEX(Jesper!$R$2:$R$366,ROW(INDEX(Jesper!AI$2:AI$366,ROUNDDOWN($C5982/24,0)+1,1))-1)+IF('Standard Profiles'!$G$19=$B$10,7,0)+IF('Standard Profiles'!$G$19=$B$17,14,0)+IF('Standard Profiles'!$G$19=$B$24,21,0),0)),0)</f>
        <v>2.4233256101275722</v>
      </c>
      <c r="F5982" cm="1">
        <f t="array" ref="F5982">IFERROR(INDEX(Jesper!AJ$2:AJ$366,ROUNDDOWN($C5982/24,0)+1,1)*INDEX($D$3:$AA$30,INDEX(Jesper!$R$2:$R$366,ROW(INDEX(Jesper!AJ$2:AJ$366,ROUNDDOWN($C5982/24,0)+1,1))-1)+IF('Standard Profiles'!$G$20=$B$10,7,0)+IF('Standard Profiles'!$G$20=$B$17,14,0)+IF('Standard Profiles'!$G$20=$B$24,21,0),MOD($C5982,24)+1)/SUM(INDEX($D$3:$AA$30,INDEX(Jesper!$R$2:$R$366,ROW(INDEX(Jesper!AJ$2:AJ$366,ROUNDDOWN($C5982/24,0)+1,1))-1)+IF('Standard Profiles'!$G$20=$B$10,7,0)+IF('Standard Profiles'!$G$20=$B$17,14,0)+IF('Standard Profiles'!$G$20=$B$24,21,0),0)),0)</f>
        <v>0</v>
      </c>
      <c r="G5982" cm="1">
        <f t="array" ref="G5982">IFERROR(INDEX(Jesper!AK$2:AK$366,ROUNDDOWN($C5982/24,0)+1,1)*INDEX($D$3:$AA$30,INDEX(Jesper!$R$2:$R$366,ROW(INDEX(Jesper!AK$2:AK$366,ROUNDDOWN($C5982/24,0)+1,1))-1)+IF('Standard Profiles'!$G$21=$B$10,7,0)+IF('Standard Profiles'!$G$21=$B$17,14,0)+IF('Standard Profiles'!$G$21=$B$24,21,0),MOD($C5982,24)+1)/SUM(INDEX($D$3:$AA$30,INDEX(Jesper!$R$2:$R$366,ROW(INDEX(Jesper!AK$2:AK$366,ROUNDDOWN($C5982/24,0)+1,1))-1)+IF('Standard Profiles'!$G$21=$B$10,7,0)+IF('Standard Profiles'!$G$21=$B$17,14,0)+IF('Standard Profiles'!$G$21=$B$24,21,0),0)),0)</f>
        <v>0.39492062365987962</v>
      </c>
      <c r="H5982" cm="1">
        <f t="array" ref="H5982">IFERROR(INDEX(Jesper!AL$2:AL$366,ROUNDDOWN($C5982/24,0)+1,1)*INDEX($D$3:$AA$30,INDEX(Jesper!$R$2:$R$366,ROW(INDEX(Jesper!AL$2:AL$366,ROUNDDOWN($C5982/24,0)+1,1))-1)+IF('Standard Profiles'!$G$22=$B$10,7,0)+IF('Standard Profiles'!$G$22=$B$17,14,0)+IF('Standard Profiles'!$G$22=$B$24,21,0),MOD($C5982,24)+1)/SUM(INDEX($D$3:$AA$30,INDEX(Jesper!$R$2:$R$366,ROW(INDEX(Jesper!AL$2:AL$366,ROUNDDOWN($C5982/24,0)+1,1))-1)+IF('Standard Profiles'!$G$22=$B$10,7,0)+IF('Standard Profiles'!$G$22=$B$17,14,0)+IF('Standard Profiles'!$G$22=$B$24,21,0),0)),0)</f>
        <v>0</v>
      </c>
      <c r="I5982">
        <f t="shared" si="664"/>
        <v>0.18956189935674211</v>
      </c>
      <c r="J5982">
        <f t="shared" si="665"/>
        <v>7.2188697039105554</v>
      </c>
      <c r="K5982">
        <f t="shared" si="666"/>
        <v>0.58288068183871056</v>
      </c>
      <c r="L5982">
        <f t="shared" si="667"/>
        <v>0.29144034091935528</v>
      </c>
      <c r="M5982">
        <f t="shared" si="668"/>
        <v>0</v>
      </c>
      <c r="N5982" s="45">
        <f t="shared" si="669"/>
        <v>45174.833333318908</v>
      </c>
    </row>
    <row r="5983" spans="2:14" x14ac:dyDescent="0.25">
      <c r="B5983">
        <f t="shared" si="663"/>
        <v>2</v>
      </c>
      <c r="C5983" s="16">
        <v>5949</v>
      </c>
      <c r="D5983" cm="1">
        <f t="array" ref="D5983">IFERROR(INDEX(Jesper!AH$2:AH$366,ROUNDDOWN($C5983/24,0)+1,1)*INDEX($D$3:$AA$30,INDEX(Jesper!$R$2:$R$366,ROW(INDEX(Jesper!AH$2:AH$366,ROUNDDOWN($C5983/24,0)+1,1))-1)+IF('Standard Profiles'!$G$18=$B$10,7,0)+IF('Standard Profiles'!$G$18=$B$17,14,0)+IF('Standard Profiles'!$G$18=$B$24,21,0),MOD($C5983,24)+1)/SUM(INDEX($D$3:$AA$30,INDEX(Jesper!$R$2:$R$366,ROW(INDEX(Jesper!AH$2:AH$366,ROUNDDOWN($C5983/24,0)+1,1))-1)+IF('Standard Profiles'!$G$18=$B$10,7,0)+IF('Standard Profiles'!$G$18=$B$17,14,0)+IF('Standard Profiles'!$G$18=$B$24,21,0),0)),0)</f>
        <v>5.4645063922379107</v>
      </c>
      <c r="E5983" cm="1">
        <f t="array" ref="E5983">IFERROR(INDEX(Jesper!AI$2:AI$366,ROUNDDOWN($C5983/24,0)+1,1)*INDEX($D$3:$AA$30,INDEX(Jesper!$R$2:$R$366,ROW(INDEX(Jesper!AI$2:AI$366,ROUNDDOWN($C5983/24,0)+1,1))-1)+IF('Standard Profiles'!$G$19=$B$10,7,0)+IF('Standard Profiles'!$G$19=$B$17,14,0)+IF('Standard Profiles'!$G$19=$B$24,21,0),MOD($C5983,24)+1)/SUM(INDEX($D$3:$AA$30,INDEX(Jesper!$R$2:$R$366,ROW(INDEX(Jesper!AI$2:AI$366,ROUNDDOWN($C5983/24,0)+1,1))-1)+IF('Standard Profiles'!$G$19=$B$10,7,0)+IF('Standard Profiles'!$G$19=$B$17,14,0)+IF('Standard Profiles'!$G$19=$B$24,21,0),0)),0)</f>
        <v>2.4233256101275722</v>
      </c>
      <c r="F5983" cm="1">
        <f t="array" ref="F5983">IFERROR(INDEX(Jesper!AJ$2:AJ$366,ROUNDDOWN($C5983/24,0)+1,1)*INDEX($D$3:$AA$30,INDEX(Jesper!$R$2:$R$366,ROW(INDEX(Jesper!AJ$2:AJ$366,ROUNDDOWN($C5983/24,0)+1,1))-1)+IF('Standard Profiles'!$G$20=$B$10,7,0)+IF('Standard Profiles'!$G$20=$B$17,14,0)+IF('Standard Profiles'!$G$20=$B$24,21,0),MOD($C5983,24)+1)/SUM(INDEX($D$3:$AA$30,INDEX(Jesper!$R$2:$R$366,ROW(INDEX(Jesper!AJ$2:AJ$366,ROUNDDOWN($C5983/24,0)+1,1))-1)+IF('Standard Profiles'!$G$20=$B$10,7,0)+IF('Standard Profiles'!$G$20=$B$17,14,0)+IF('Standard Profiles'!$G$20=$B$24,21,0),0)),0)</f>
        <v>0</v>
      </c>
      <c r="G5983" cm="1">
        <f t="array" ref="G5983">IFERROR(INDEX(Jesper!AK$2:AK$366,ROUNDDOWN($C5983/24,0)+1,1)*INDEX($D$3:$AA$30,INDEX(Jesper!$R$2:$R$366,ROW(INDEX(Jesper!AK$2:AK$366,ROUNDDOWN($C5983/24,0)+1,1))-1)+IF('Standard Profiles'!$G$21=$B$10,7,0)+IF('Standard Profiles'!$G$21=$B$17,14,0)+IF('Standard Profiles'!$G$21=$B$24,21,0),MOD($C5983,24)+1)/SUM(INDEX($D$3:$AA$30,INDEX(Jesper!$R$2:$R$366,ROW(INDEX(Jesper!AK$2:AK$366,ROUNDDOWN($C5983/24,0)+1,1))-1)+IF('Standard Profiles'!$G$21=$B$10,7,0)+IF('Standard Profiles'!$G$21=$B$17,14,0)+IF('Standard Profiles'!$G$21=$B$24,21,0),0)),0)</f>
        <v>0.39492062365987962</v>
      </c>
      <c r="H5983" cm="1">
        <f t="array" ref="H5983">IFERROR(INDEX(Jesper!AL$2:AL$366,ROUNDDOWN($C5983/24,0)+1,1)*INDEX($D$3:$AA$30,INDEX(Jesper!$R$2:$R$366,ROW(INDEX(Jesper!AL$2:AL$366,ROUNDDOWN($C5983/24,0)+1,1))-1)+IF('Standard Profiles'!$G$22=$B$10,7,0)+IF('Standard Profiles'!$G$22=$B$17,14,0)+IF('Standard Profiles'!$G$22=$B$24,21,0),MOD($C5983,24)+1)/SUM(INDEX($D$3:$AA$30,INDEX(Jesper!$R$2:$R$366,ROW(INDEX(Jesper!AL$2:AL$366,ROUNDDOWN($C5983/24,0)+1,1))-1)+IF('Standard Profiles'!$G$22=$B$10,7,0)+IF('Standard Profiles'!$G$22=$B$17,14,0)+IF('Standard Profiles'!$G$22=$B$24,21,0),0)),0)</f>
        <v>0</v>
      </c>
      <c r="I5983">
        <f t="shared" si="664"/>
        <v>0.18956189935674211</v>
      </c>
      <c r="J5983">
        <f t="shared" si="665"/>
        <v>7.2188697039105554</v>
      </c>
      <c r="K5983">
        <f t="shared" si="666"/>
        <v>0.58288068183871056</v>
      </c>
      <c r="L5983">
        <f t="shared" si="667"/>
        <v>0.29144034091935528</v>
      </c>
      <c r="M5983">
        <f t="shared" si="668"/>
        <v>0</v>
      </c>
      <c r="N5983" s="45">
        <f t="shared" si="669"/>
        <v>45174.874999985572</v>
      </c>
    </row>
    <row r="5984" spans="2:14" x14ac:dyDescent="0.25">
      <c r="B5984">
        <f t="shared" si="663"/>
        <v>2</v>
      </c>
      <c r="C5984" s="16">
        <v>5950</v>
      </c>
      <c r="D5984" cm="1">
        <f t="array" ref="D5984">IFERROR(INDEX(Jesper!AH$2:AH$366,ROUNDDOWN($C5984/24,0)+1,1)*INDEX($D$3:$AA$30,INDEX(Jesper!$R$2:$R$366,ROW(INDEX(Jesper!AH$2:AH$366,ROUNDDOWN($C5984/24,0)+1,1))-1)+IF('Standard Profiles'!$G$18=$B$10,7,0)+IF('Standard Profiles'!$G$18=$B$17,14,0)+IF('Standard Profiles'!$G$18=$B$24,21,0),MOD($C5984,24)+1)/SUM(INDEX($D$3:$AA$30,INDEX(Jesper!$R$2:$R$366,ROW(INDEX(Jesper!AH$2:AH$366,ROUNDDOWN($C5984/24,0)+1,1))-1)+IF('Standard Profiles'!$G$18=$B$10,7,0)+IF('Standard Profiles'!$G$18=$B$17,14,0)+IF('Standard Profiles'!$G$18=$B$24,21,0),0)),0)</f>
        <v>5.4645063922379107</v>
      </c>
      <c r="E5984" cm="1">
        <f t="array" ref="E5984">IFERROR(INDEX(Jesper!AI$2:AI$366,ROUNDDOWN($C5984/24,0)+1,1)*INDEX($D$3:$AA$30,INDEX(Jesper!$R$2:$R$366,ROW(INDEX(Jesper!AI$2:AI$366,ROUNDDOWN($C5984/24,0)+1,1))-1)+IF('Standard Profiles'!$G$19=$B$10,7,0)+IF('Standard Profiles'!$G$19=$B$17,14,0)+IF('Standard Profiles'!$G$19=$B$24,21,0),MOD($C5984,24)+1)/SUM(INDEX($D$3:$AA$30,INDEX(Jesper!$R$2:$R$366,ROW(INDEX(Jesper!AI$2:AI$366,ROUNDDOWN($C5984/24,0)+1,1))-1)+IF('Standard Profiles'!$G$19=$B$10,7,0)+IF('Standard Profiles'!$G$19=$B$17,14,0)+IF('Standard Profiles'!$G$19=$B$24,21,0),0)),0)</f>
        <v>2.4233256101275722</v>
      </c>
      <c r="F5984" cm="1">
        <f t="array" ref="F5984">IFERROR(INDEX(Jesper!AJ$2:AJ$366,ROUNDDOWN($C5984/24,0)+1,1)*INDEX($D$3:$AA$30,INDEX(Jesper!$R$2:$R$366,ROW(INDEX(Jesper!AJ$2:AJ$366,ROUNDDOWN($C5984/24,0)+1,1))-1)+IF('Standard Profiles'!$G$20=$B$10,7,0)+IF('Standard Profiles'!$G$20=$B$17,14,0)+IF('Standard Profiles'!$G$20=$B$24,21,0),MOD($C5984,24)+1)/SUM(INDEX($D$3:$AA$30,INDEX(Jesper!$R$2:$R$366,ROW(INDEX(Jesper!AJ$2:AJ$366,ROUNDDOWN($C5984/24,0)+1,1))-1)+IF('Standard Profiles'!$G$20=$B$10,7,0)+IF('Standard Profiles'!$G$20=$B$17,14,0)+IF('Standard Profiles'!$G$20=$B$24,21,0),0)),0)</f>
        <v>0</v>
      </c>
      <c r="G5984" cm="1">
        <f t="array" ref="G5984">IFERROR(INDEX(Jesper!AK$2:AK$366,ROUNDDOWN($C5984/24,0)+1,1)*INDEX($D$3:$AA$30,INDEX(Jesper!$R$2:$R$366,ROW(INDEX(Jesper!AK$2:AK$366,ROUNDDOWN($C5984/24,0)+1,1))-1)+IF('Standard Profiles'!$G$21=$B$10,7,0)+IF('Standard Profiles'!$G$21=$B$17,14,0)+IF('Standard Profiles'!$G$21=$B$24,21,0),MOD($C5984,24)+1)/SUM(INDEX($D$3:$AA$30,INDEX(Jesper!$R$2:$R$366,ROW(INDEX(Jesper!AK$2:AK$366,ROUNDDOWN($C5984/24,0)+1,1))-1)+IF('Standard Profiles'!$G$21=$B$10,7,0)+IF('Standard Profiles'!$G$21=$B$17,14,0)+IF('Standard Profiles'!$G$21=$B$24,21,0),0)),0)</f>
        <v>0.39492062365987962</v>
      </c>
      <c r="H5984" cm="1">
        <f t="array" ref="H5984">IFERROR(INDEX(Jesper!AL$2:AL$366,ROUNDDOWN($C5984/24,0)+1,1)*INDEX($D$3:$AA$30,INDEX(Jesper!$R$2:$R$366,ROW(INDEX(Jesper!AL$2:AL$366,ROUNDDOWN($C5984/24,0)+1,1))-1)+IF('Standard Profiles'!$G$22=$B$10,7,0)+IF('Standard Profiles'!$G$22=$B$17,14,0)+IF('Standard Profiles'!$G$22=$B$24,21,0),MOD($C5984,24)+1)/SUM(INDEX($D$3:$AA$30,INDEX(Jesper!$R$2:$R$366,ROW(INDEX(Jesper!AL$2:AL$366,ROUNDDOWN($C5984/24,0)+1,1))-1)+IF('Standard Profiles'!$G$22=$B$10,7,0)+IF('Standard Profiles'!$G$22=$B$17,14,0)+IF('Standard Profiles'!$G$22=$B$24,21,0),0)),0)</f>
        <v>0</v>
      </c>
      <c r="I5984">
        <f t="shared" si="664"/>
        <v>0.18956189935674211</v>
      </c>
      <c r="J5984">
        <f t="shared" si="665"/>
        <v>7.2188697039105554</v>
      </c>
      <c r="K5984">
        <f t="shared" si="666"/>
        <v>0.58288068183871056</v>
      </c>
      <c r="L5984">
        <f t="shared" si="667"/>
        <v>0.29144034091935528</v>
      </c>
      <c r="M5984">
        <f t="shared" si="668"/>
        <v>0</v>
      </c>
      <c r="N5984" s="45">
        <f t="shared" si="669"/>
        <v>45174.916666652236</v>
      </c>
    </row>
    <row r="5985" spans="2:14" x14ac:dyDescent="0.25">
      <c r="B5985">
        <f t="shared" si="663"/>
        <v>2</v>
      </c>
      <c r="C5985" s="16">
        <v>5951</v>
      </c>
      <c r="D5985" cm="1">
        <f t="array" ref="D5985">IFERROR(INDEX(Jesper!AH$2:AH$366,ROUNDDOWN($C5985/24,0)+1,1)*INDEX($D$3:$AA$30,INDEX(Jesper!$R$2:$R$366,ROW(INDEX(Jesper!AH$2:AH$366,ROUNDDOWN($C5985/24,0)+1,1))-1)+IF('Standard Profiles'!$G$18=$B$10,7,0)+IF('Standard Profiles'!$G$18=$B$17,14,0)+IF('Standard Profiles'!$G$18=$B$24,21,0),MOD($C5985,24)+1)/SUM(INDEX($D$3:$AA$30,INDEX(Jesper!$R$2:$R$366,ROW(INDEX(Jesper!AH$2:AH$366,ROUNDDOWN($C5985/24,0)+1,1))-1)+IF('Standard Profiles'!$G$18=$B$10,7,0)+IF('Standard Profiles'!$G$18=$B$17,14,0)+IF('Standard Profiles'!$G$18=$B$24,21,0),0)),0)</f>
        <v>5.4645063922379107</v>
      </c>
      <c r="E5985" cm="1">
        <f t="array" ref="E5985">IFERROR(INDEX(Jesper!AI$2:AI$366,ROUNDDOWN($C5985/24,0)+1,1)*INDEX($D$3:$AA$30,INDEX(Jesper!$R$2:$R$366,ROW(INDEX(Jesper!AI$2:AI$366,ROUNDDOWN($C5985/24,0)+1,1))-1)+IF('Standard Profiles'!$G$19=$B$10,7,0)+IF('Standard Profiles'!$G$19=$B$17,14,0)+IF('Standard Profiles'!$G$19=$B$24,21,0),MOD($C5985,24)+1)/SUM(INDEX($D$3:$AA$30,INDEX(Jesper!$R$2:$R$366,ROW(INDEX(Jesper!AI$2:AI$366,ROUNDDOWN($C5985/24,0)+1,1))-1)+IF('Standard Profiles'!$G$19=$B$10,7,0)+IF('Standard Profiles'!$G$19=$B$17,14,0)+IF('Standard Profiles'!$G$19=$B$24,21,0),0)),0)</f>
        <v>2.4233256101275722</v>
      </c>
      <c r="F5985" cm="1">
        <f t="array" ref="F5985">IFERROR(INDEX(Jesper!AJ$2:AJ$366,ROUNDDOWN($C5985/24,0)+1,1)*INDEX($D$3:$AA$30,INDEX(Jesper!$R$2:$R$366,ROW(INDEX(Jesper!AJ$2:AJ$366,ROUNDDOWN($C5985/24,0)+1,1))-1)+IF('Standard Profiles'!$G$20=$B$10,7,0)+IF('Standard Profiles'!$G$20=$B$17,14,0)+IF('Standard Profiles'!$G$20=$B$24,21,0),MOD($C5985,24)+1)/SUM(INDEX($D$3:$AA$30,INDEX(Jesper!$R$2:$R$366,ROW(INDEX(Jesper!AJ$2:AJ$366,ROUNDDOWN($C5985/24,0)+1,1))-1)+IF('Standard Profiles'!$G$20=$B$10,7,0)+IF('Standard Profiles'!$G$20=$B$17,14,0)+IF('Standard Profiles'!$G$20=$B$24,21,0),0)),0)</f>
        <v>0</v>
      </c>
      <c r="G5985" cm="1">
        <f t="array" ref="G5985">IFERROR(INDEX(Jesper!AK$2:AK$366,ROUNDDOWN($C5985/24,0)+1,1)*INDEX($D$3:$AA$30,INDEX(Jesper!$R$2:$R$366,ROW(INDEX(Jesper!AK$2:AK$366,ROUNDDOWN($C5985/24,0)+1,1))-1)+IF('Standard Profiles'!$G$21=$B$10,7,0)+IF('Standard Profiles'!$G$21=$B$17,14,0)+IF('Standard Profiles'!$G$21=$B$24,21,0),MOD($C5985,24)+1)/SUM(INDEX($D$3:$AA$30,INDEX(Jesper!$R$2:$R$366,ROW(INDEX(Jesper!AK$2:AK$366,ROUNDDOWN($C5985/24,0)+1,1))-1)+IF('Standard Profiles'!$G$21=$B$10,7,0)+IF('Standard Profiles'!$G$21=$B$17,14,0)+IF('Standard Profiles'!$G$21=$B$24,21,0),0)),0)</f>
        <v>0.39492062365987962</v>
      </c>
      <c r="H5985" cm="1">
        <f t="array" ref="H5985">IFERROR(INDEX(Jesper!AL$2:AL$366,ROUNDDOWN($C5985/24,0)+1,1)*INDEX($D$3:$AA$30,INDEX(Jesper!$R$2:$R$366,ROW(INDEX(Jesper!AL$2:AL$366,ROUNDDOWN($C5985/24,0)+1,1))-1)+IF('Standard Profiles'!$G$22=$B$10,7,0)+IF('Standard Profiles'!$G$22=$B$17,14,0)+IF('Standard Profiles'!$G$22=$B$24,21,0),MOD($C5985,24)+1)/SUM(INDEX($D$3:$AA$30,INDEX(Jesper!$R$2:$R$366,ROW(INDEX(Jesper!AL$2:AL$366,ROUNDDOWN($C5985/24,0)+1,1))-1)+IF('Standard Profiles'!$G$22=$B$10,7,0)+IF('Standard Profiles'!$G$22=$B$17,14,0)+IF('Standard Profiles'!$G$22=$B$24,21,0),0)),0)</f>
        <v>0</v>
      </c>
      <c r="I5985">
        <f t="shared" si="664"/>
        <v>0.18956189935674211</v>
      </c>
      <c r="J5985">
        <f t="shared" si="665"/>
        <v>7.2188697039105554</v>
      </c>
      <c r="K5985">
        <f t="shared" si="666"/>
        <v>0.58288068183871056</v>
      </c>
      <c r="L5985">
        <f t="shared" si="667"/>
        <v>0.29144034091935528</v>
      </c>
      <c r="M5985">
        <f t="shared" si="668"/>
        <v>0</v>
      </c>
      <c r="N5985" s="45">
        <f t="shared" si="669"/>
        <v>45174.9583333189</v>
      </c>
    </row>
    <row r="5986" spans="2:14" x14ac:dyDescent="0.25">
      <c r="B5986">
        <f t="shared" si="663"/>
        <v>3</v>
      </c>
      <c r="C5986" s="16">
        <v>5952</v>
      </c>
      <c r="D5986" cm="1">
        <f t="array" ref="D5986">IFERROR(INDEX(Jesper!AH$2:AH$366,ROUNDDOWN($C5986/24,0)+1,1)*INDEX($D$3:$AA$30,INDEX(Jesper!$R$2:$R$366,ROW(INDEX(Jesper!AH$2:AH$366,ROUNDDOWN($C5986/24,0)+1,1))-1)+IF('Standard Profiles'!$G$18=$B$10,7,0)+IF('Standard Profiles'!$G$18=$B$17,14,0)+IF('Standard Profiles'!$G$18=$B$24,21,0),MOD($C5986,24)+1)/SUM(INDEX($D$3:$AA$30,INDEX(Jesper!$R$2:$R$366,ROW(INDEX(Jesper!AH$2:AH$366,ROUNDDOWN($C5986/24,0)+1,1))-1)+IF('Standard Profiles'!$G$18=$B$10,7,0)+IF('Standard Profiles'!$G$18=$B$17,14,0)+IF('Standard Profiles'!$G$18=$B$24,21,0),0)),0)</f>
        <v>5.3555766065150001</v>
      </c>
      <c r="E5986" cm="1">
        <f t="array" ref="E5986">IFERROR(INDEX(Jesper!AI$2:AI$366,ROUNDDOWN($C5986/24,0)+1,1)*INDEX($D$3:$AA$30,INDEX(Jesper!$R$2:$R$366,ROW(INDEX(Jesper!AI$2:AI$366,ROUNDDOWN($C5986/24,0)+1,1))-1)+IF('Standard Profiles'!$G$19=$B$10,7,0)+IF('Standard Profiles'!$G$19=$B$17,14,0)+IF('Standard Profiles'!$G$19=$B$24,21,0),MOD($C5986,24)+1)/SUM(INDEX($D$3:$AA$30,INDEX(Jesper!$R$2:$R$366,ROW(INDEX(Jesper!AI$2:AI$366,ROUNDDOWN($C5986/24,0)+1,1))-1)+IF('Standard Profiles'!$G$19=$B$10,7,0)+IF('Standard Profiles'!$G$19=$B$17,14,0)+IF('Standard Profiles'!$G$19=$B$24,21,0),0)),0)</f>
        <v>2.2852039163925002</v>
      </c>
      <c r="F5986" cm="1">
        <f t="array" ref="F5986">IFERROR(INDEX(Jesper!AJ$2:AJ$366,ROUNDDOWN($C5986/24,0)+1,1)*INDEX($D$3:$AA$30,INDEX(Jesper!$R$2:$R$366,ROW(INDEX(Jesper!AJ$2:AJ$366,ROUNDDOWN($C5986/24,0)+1,1))-1)+IF('Standard Profiles'!$G$20=$B$10,7,0)+IF('Standard Profiles'!$G$20=$B$17,14,0)+IF('Standard Profiles'!$G$20=$B$24,21,0),MOD($C5986,24)+1)/SUM(INDEX($D$3:$AA$30,INDEX(Jesper!$R$2:$R$366,ROW(INDEX(Jesper!AJ$2:AJ$366,ROUNDDOWN($C5986/24,0)+1,1))-1)+IF('Standard Profiles'!$G$20=$B$10,7,0)+IF('Standard Profiles'!$G$20=$B$17,14,0)+IF('Standard Profiles'!$G$20=$B$24,21,0),0)),0)</f>
        <v>0</v>
      </c>
      <c r="G5986" cm="1">
        <f t="array" ref="G5986">IFERROR(INDEX(Jesper!AK$2:AK$366,ROUNDDOWN($C5986/24,0)+1,1)*INDEX($D$3:$AA$30,INDEX(Jesper!$R$2:$R$366,ROW(INDEX(Jesper!AK$2:AK$366,ROUNDDOWN($C5986/24,0)+1,1))-1)+IF('Standard Profiles'!$G$21=$B$10,7,0)+IF('Standard Profiles'!$G$21=$B$17,14,0)+IF('Standard Profiles'!$G$21=$B$24,21,0),MOD($C5986,24)+1)/SUM(INDEX($D$3:$AA$30,INDEX(Jesper!$R$2:$R$366,ROW(INDEX(Jesper!AK$2:AK$366,ROUNDDOWN($C5986/24,0)+1,1))-1)+IF('Standard Profiles'!$G$21=$B$10,7,0)+IF('Standard Profiles'!$G$21=$B$17,14,0)+IF('Standard Profiles'!$G$21=$B$24,21,0),0)),0)</f>
        <v>0.24545691191974706</v>
      </c>
      <c r="H5986" cm="1">
        <f t="array" ref="H5986">IFERROR(INDEX(Jesper!AL$2:AL$366,ROUNDDOWN($C5986/24,0)+1,1)*INDEX($D$3:$AA$30,INDEX(Jesper!$R$2:$R$366,ROW(INDEX(Jesper!AL$2:AL$366,ROUNDDOWN($C5986/24,0)+1,1))-1)+IF('Standard Profiles'!$G$22=$B$10,7,0)+IF('Standard Profiles'!$G$22=$B$17,14,0)+IF('Standard Profiles'!$G$22=$B$24,21,0),MOD($C5986,24)+1)/SUM(INDEX($D$3:$AA$30,INDEX(Jesper!$R$2:$R$366,ROW(INDEX(Jesper!AL$2:AL$366,ROUNDDOWN($C5986/24,0)+1,1))-1)+IF('Standard Profiles'!$G$22=$B$10,7,0)+IF('Standard Profiles'!$G$22=$B$17,14,0)+IF('Standard Profiles'!$G$22=$B$24,21,0),0)),0)</f>
        <v>0</v>
      </c>
      <c r="I5986">
        <f t="shared" si="664"/>
        <v>0.11781931772147852</v>
      </c>
      <c r="J5986">
        <f t="shared" si="665"/>
        <v>6.9115258600633682</v>
      </c>
      <c r="K5986">
        <f t="shared" si="666"/>
        <v>0.57126150469493342</v>
      </c>
      <c r="L5986">
        <f t="shared" si="667"/>
        <v>0.28563075234746671</v>
      </c>
      <c r="M5986">
        <f t="shared" si="668"/>
        <v>0</v>
      </c>
      <c r="N5986" s="45">
        <f t="shared" si="669"/>
        <v>45174.999999985565</v>
      </c>
    </row>
    <row r="5987" spans="2:14" x14ac:dyDescent="0.25">
      <c r="B5987">
        <f t="shared" ref="B5987:B6050" si="670">WEEKDAY(N5987,2)</f>
        <v>3</v>
      </c>
      <c r="C5987" s="16">
        <v>5953</v>
      </c>
      <c r="D5987" cm="1">
        <f t="array" ref="D5987">IFERROR(INDEX(Jesper!AH$2:AH$366,ROUNDDOWN($C5987/24,0)+1,1)*INDEX($D$3:$AA$30,INDEX(Jesper!$R$2:$R$366,ROW(INDEX(Jesper!AH$2:AH$366,ROUNDDOWN($C5987/24,0)+1,1))-1)+IF('Standard Profiles'!$G$18=$B$10,7,0)+IF('Standard Profiles'!$G$18=$B$17,14,0)+IF('Standard Profiles'!$G$18=$B$24,21,0),MOD($C5987,24)+1)/SUM(INDEX($D$3:$AA$30,INDEX(Jesper!$R$2:$R$366,ROW(INDEX(Jesper!AH$2:AH$366,ROUNDDOWN($C5987/24,0)+1,1))-1)+IF('Standard Profiles'!$G$18=$B$10,7,0)+IF('Standard Profiles'!$G$18=$B$17,14,0)+IF('Standard Profiles'!$G$18=$B$24,21,0),0)),0)</f>
        <v>5.3555766065150001</v>
      </c>
      <c r="E5987" cm="1">
        <f t="array" ref="E5987">IFERROR(INDEX(Jesper!AI$2:AI$366,ROUNDDOWN($C5987/24,0)+1,1)*INDEX($D$3:$AA$30,INDEX(Jesper!$R$2:$R$366,ROW(INDEX(Jesper!AI$2:AI$366,ROUNDDOWN($C5987/24,0)+1,1))-1)+IF('Standard Profiles'!$G$19=$B$10,7,0)+IF('Standard Profiles'!$G$19=$B$17,14,0)+IF('Standard Profiles'!$G$19=$B$24,21,0),MOD($C5987,24)+1)/SUM(INDEX($D$3:$AA$30,INDEX(Jesper!$R$2:$R$366,ROW(INDEX(Jesper!AI$2:AI$366,ROUNDDOWN($C5987/24,0)+1,1))-1)+IF('Standard Profiles'!$G$19=$B$10,7,0)+IF('Standard Profiles'!$G$19=$B$17,14,0)+IF('Standard Profiles'!$G$19=$B$24,21,0),0)),0)</f>
        <v>2.2852039163925002</v>
      </c>
      <c r="F5987" cm="1">
        <f t="array" ref="F5987">IFERROR(INDEX(Jesper!AJ$2:AJ$366,ROUNDDOWN($C5987/24,0)+1,1)*INDEX($D$3:$AA$30,INDEX(Jesper!$R$2:$R$366,ROW(INDEX(Jesper!AJ$2:AJ$366,ROUNDDOWN($C5987/24,0)+1,1))-1)+IF('Standard Profiles'!$G$20=$B$10,7,0)+IF('Standard Profiles'!$G$20=$B$17,14,0)+IF('Standard Profiles'!$G$20=$B$24,21,0),MOD($C5987,24)+1)/SUM(INDEX($D$3:$AA$30,INDEX(Jesper!$R$2:$R$366,ROW(INDEX(Jesper!AJ$2:AJ$366,ROUNDDOWN($C5987/24,0)+1,1))-1)+IF('Standard Profiles'!$G$20=$B$10,7,0)+IF('Standard Profiles'!$G$20=$B$17,14,0)+IF('Standard Profiles'!$G$20=$B$24,21,0),0)),0)</f>
        <v>0</v>
      </c>
      <c r="G5987" cm="1">
        <f t="array" ref="G5987">IFERROR(INDEX(Jesper!AK$2:AK$366,ROUNDDOWN($C5987/24,0)+1,1)*INDEX($D$3:$AA$30,INDEX(Jesper!$R$2:$R$366,ROW(INDEX(Jesper!AK$2:AK$366,ROUNDDOWN($C5987/24,0)+1,1))-1)+IF('Standard Profiles'!$G$21=$B$10,7,0)+IF('Standard Profiles'!$G$21=$B$17,14,0)+IF('Standard Profiles'!$G$21=$B$24,21,0),MOD($C5987,24)+1)/SUM(INDEX($D$3:$AA$30,INDEX(Jesper!$R$2:$R$366,ROW(INDEX(Jesper!AK$2:AK$366,ROUNDDOWN($C5987/24,0)+1,1))-1)+IF('Standard Profiles'!$G$21=$B$10,7,0)+IF('Standard Profiles'!$G$21=$B$17,14,0)+IF('Standard Profiles'!$G$21=$B$24,21,0),0)),0)</f>
        <v>0.24545691191974706</v>
      </c>
      <c r="H5987" cm="1">
        <f t="array" ref="H5987">IFERROR(INDEX(Jesper!AL$2:AL$366,ROUNDDOWN($C5987/24,0)+1,1)*INDEX($D$3:$AA$30,INDEX(Jesper!$R$2:$R$366,ROW(INDEX(Jesper!AL$2:AL$366,ROUNDDOWN($C5987/24,0)+1,1))-1)+IF('Standard Profiles'!$G$22=$B$10,7,0)+IF('Standard Profiles'!$G$22=$B$17,14,0)+IF('Standard Profiles'!$G$22=$B$24,21,0),MOD($C5987,24)+1)/SUM(INDEX($D$3:$AA$30,INDEX(Jesper!$R$2:$R$366,ROW(INDEX(Jesper!AL$2:AL$366,ROUNDDOWN($C5987/24,0)+1,1))-1)+IF('Standard Profiles'!$G$22=$B$10,7,0)+IF('Standard Profiles'!$G$22=$B$17,14,0)+IF('Standard Profiles'!$G$22=$B$24,21,0),0)),0)</f>
        <v>0</v>
      </c>
      <c r="I5987">
        <f t="shared" ref="I5987:I6050" si="671">IF($B5987&lt;6,AC$37*$D5987+AC$38*$E5987+AC$39*$F5987+AC$40*$G5987,AC$46*$D5987+AC$47*$E5987+AC$48*$F5987+AC$49*$G5987+AC$50*$H5987)</f>
        <v>0.11781931772147852</v>
      </c>
      <c r="J5987">
        <f t="shared" ref="J5987:J6050" si="672">IF($B5987&lt;6,AD$37*$D5987+AD$38*$E5987+AD$39*$F5987+AD$40*$G5987,AD$46*$D5987+AD$47*$E5987+AD$48*$F5987+AD$49*$G5987+AD$50*$H5987)</f>
        <v>6.9115258600633682</v>
      </c>
      <c r="K5987">
        <f t="shared" ref="K5987:K6050" si="673">IF($B5987&lt;6,AE$37*$D5987+AE$38*$E5987+AE$39*$F5987+AE$40*$G5987,AE$46*$D5987+AE$47*$E5987+AE$48*$F5987+AE$49*$G5987+AE$50*$H5987)</f>
        <v>0.57126150469493342</v>
      </c>
      <c r="L5987">
        <f t="shared" ref="L5987:L6050" si="674">IF($B5987&lt;6,AF$37*$D5987+AF$38*$E5987+AF$39*$F5987+AF$40*$G5987,AF$46*$D5987+AF$47*$E5987+AF$48*$F5987+AF$49*$G5987+AF$50*$H5987)</f>
        <v>0.28563075234746671</v>
      </c>
      <c r="M5987">
        <f t="shared" ref="M5987:M6050" si="675">IF($B5987&lt;6,AG$37*$D5987+AG$38*$E5987+AG$39*$F5987+AG$40*$G5987,AG$46*$D5987+AG$47*$E5987+AG$48*$F5987+AG$49*$G5987+AG$50*$H5987)</f>
        <v>0</v>
      </c>
      <c r="N5987" s="45">
        <f t="shared" si="669"/>
        <v>45175.041666652229</v>
      </c>
    </row>
    <row r="5988" spans="2:14" x14ac:dyDescent="0.25">
      <c r="B5988">
        <f t="shared" si="670"/>
        <v>3</v>
      </c>
      <c r="C5988" s="16">
        <v>5954</v>
      </c>
      <c r="D5988" cm="1">
        <f t="array" ref="D5988">IFERROR(INDEX(Jesper!AH$2:AH$366,ROUNDDOWN($C5988/24,0)+1,1)*INDEX($D$3:$AA$30,INDEX(Jesper!$R$2:$R$366,ROW(INDEX(Jesper!AH$2:AH$366,ROUNDDOWN($C5988/24,0)+1,1))-1)+IF('Standard Profiles'!$G$18=$B$10,7,0)+IF('Standard Profiles'!$G$18=$B$17,14,0)+IF('Standard Profiles'!$G$18=$B$24,21,0),MOD($C5988,24)+1)/SUM(INDEX($D$3:$AA$30,INDEX(Jesper!$R$2:$R$366,ROW(INDEX(Jesper!AH$2:AH$366,ROUNDDOWN($C5988/24,0)+1,1))-1)+IF('Standard Profiles'!$G$18=$B$10,7,0)+IF('Standard Profiles'!$G$18=$B$17,14,0)+IF('Standard Profiles'!$G$18=$B$24,21,0),0)),0)</f>
        <v>5.3555766065150001</v>
      </c>
      <c r="E5988" cm="1">
        <f t="array" ref="E5988">IFERROR(INDEX(Jesper!AI$2:AI$366,ROUNDDOWN($C5988/24,0)+1,1)*INDEX($D$3:$AA$30,INDEX(Jesper!$R$2:$R$366,ROW(INDEX(Jesper!AI$2:AI$366,ROUNDDOWN($C5988/24,0)+1,1))-1)+IF('Standard Profiles'!$G$19=$B$10,7,0)+IF('Standard Profiles'!$G$19=$B$17,14,0)+IF('Standard Profiles'!$G$19=$B$24,21,0),MOD($C5988,24)+1)/SUM(INDEX($D$3:$AA$30,INDEX(Jesper!$R$2:$R$366,ROW(INDEX(Jesper!AI$2:AI$366,ROUNDDOWN($C5988/24,0)+1,1))-1)+IF('Standard Profiles'!$G$19=$B$10,7,0)+IF('Standard Profiles'!$G$19=$B$17,14,0)+IF('Standard Profiles'!$G$19=$B$24,21,0),0)),0)</f>
        <v>2.2852039163925002</v>
      </c>
      <c r="F5988" cm="1">
        <f t="array" ref="F5988">IFERROR(INDEX(Jesper!AJ$2:AJ$366,ROUNDDOWN($C5988/24,0)+1,1)*INDEX($D$3:$AA$30,INDEX(Jesper!$R$2:$R$366,ROW(INDEX(Jesper!AJ$2:AJ$366,ROUNDDOWN($C5988/24,0)+1,1))-1)+IF('Standard Profiles'!$G$20=$B$10,7,0)+IF('Standard Profiles'!$G$20=$B$17,14,0)+IF('Standard Profiles'!$G$20=$B$24,21,0),MOD($C5988,24)+1)/SUM(INDEX($D$3:$AA$30,INDEX(Jesper!$R$2:$R$366,ROW(INDEX(Jesper!AJ$2:AJ$366,ROUNDDOWN($C5988/24,0)+1,1))-1)+IF('Standard Profiles'!$G$20=$B$10,7,0)+IF('Standard Profiles'!$G$20=$B$17,14,0)+IF('Standard Profiles'!$G$20=$B$24,21,0),0)),0)</f>
        <v>0</v>
      </c>
      <c r="G5988" cm="1">
        <f t="array" ref="G5988">IFERROR(INDEX(Jesper!AK$2:AK$366,ROUNDDOWN($C5988/24,0)+1,1)*INDEX($D$3:$AA$30,INDEX(Jesper!$R$2:$R$366,ROW(INDEX(Jesper!AK$2:AK$366,ROUNDDOWN($C5988/24,0)+1,1))-1)+IF('Standard Profiles'!$G$21=$B$10,7,0)+IF('Standard Profiles'!$G$21=$B$17,14,0)+IF('Standard Profiles'!$G$21=$B$24,21,0),MOD($C5988,24)+1)/SUM(INDEX($D$3:$AA$30,INDEX(Jesper!$R$2:$R$366,ROW(INDEX(Jesper!AK$2:AK$366,ROUNDDOWN($C5988/24,0)+1,1))-1)+IF('Standard Profiles'!$G$21=$B$10,7,0)+IF('Standard Profiles'!$G$21=$B$17,14,0)+IF('Standard Profiles'!$G$21=$B$24,21,0),0)),0)</f>
        <v>0.24545691191974706</v>
      </c>
      <c r="H5988" cm="1">
        <f t="array" ref="H5988">IFERROR(INDEX(Jesper!AL$2:AL$366,ROUNDDOWN($C5988/24,0)+1,1)*INDEX($D$3:$AA$30,INDEX(Jesper!$R$2:$R$366,ROW(INDEX(Jesper!AL$2:AL$366,ROUNDDOWN($C5988/24,0)+1,1))-1)+IF('Standard Profiles'!$G$22=$B$10,7,0)+IF('Standard Profiles'!$G$22=$B$17,14,0)+IF('Standard Profiles'!$G$22=$B$24,21,0),MOD($C5988,24)+1)/SUM(INDEX($D$3:$AA$30,INDEX(Jesper!$R$2:$R$366,ROW(INDEX(Jesper!AL$2:AL$366,ROUNDDOWN($C5988/24,0)+1,1))-1)+IF('Standard Profiles'!$G$22=$B$10,7,0)+IF('Standard Profiles'!$G$22=$B$17,14,0)+IF('Standard Profiles'!$G$22=$B$24,21,0),0)),0)</f>
        <v>0</v>
      </c>
      <c r="I5988">
        <f t="shared" si="671"/>
        <v>0.11781931772147852</v>
      </c>
      <c r="J5988">
        <f t="shared" si="672"/>
        <v>6.9115258600633682</v>
      </c>
      <c r="K5988">
        <f t="shared" si="673"/>
        <v>0.57126150469493342</v>
      </c>
      <c r="L5988">
        <f t="shared" si="674"/>
        <v>0.28563075234746671</v>
      </c>
      <c r="M5988">
        <f t="shared" si="675"/>
        <v>0</v>
      </c>
      <c r="N5988" s="45">
        <f t="shared" ref="N5988:N6051" si="676">N5987+1/24</f>
        <v>45175.083333318893</v>
      </c>
    </row>
    <row r="5989" spans="2:14" x14ac:dyDescent="0.25">
      <c r="B5989">
        <f t="shared" si="670"/>
        <v>3</v>
      </c>
      <c r="C5989" s="16">
        <v>5955</v>
      </c>
      <c r="D5989" cm="1">
        <f t="array" ref="D5989">IFERROR(INDEX(Jesper!AH$2:AH$366,ROUNDDOWN($C5989/24,0)+1,1)*INDEX($D$3:$AA$30,INDEX(Jesper!$R$2:$R$366,ROW(INDEX(Jesper!AH$2:AH$366,ROUNDDOWN($C5989/24,0)+1,1))-1)+IF('Standard Profiles'!$G$18=$B$10,7,0)+IF('Standard Profiles'!$G$18=$B$17,14,0)+IF('Standard Profiles'!$G$18=$B$24,21,0),MOD($C5989,24)+1)/SUM(INDEX($D$3:$AA$30,INDEX(Jesper!$R$2:$R$366,ROW(INDEX(Jesper!AH$2:AH$366,ROUNDDOWN($C5989/24,0)+1,1))-1)+IF('Standard Profiles'!$G$18=$B$10,7,0)+IF('Standard Profiles'!$G$18=$B$17,14,0)+IF('Standard Profiles'!$G$18=$B$24,21,0),0)),0)</f>
        <v>5.3555766065150001</v>
      </c>
      <c r="E5989" cm="1">
        <f t="array" ref="E5989">IFERROR(INDEX(Jesper!AI$2:AI$366,ROUNDDOWN($C5989/24,0)+1,1)*INDEX($D$3:$AA$30,INDEX(Jesper!$R$2:$R$366,ROW(INDEX(Jesper!AI$2:AI$366,ROUNDDOWN($C5989/24,0)+1,1))-1)+IF('Standard Profiles'!$G$19=$B$10,7,0)+IF('Standard Profiles'!$G$19=$B$17,14,0)+IF('Standard Profiles'!$G$19=$B$24,21,0),MOD($C5989,24)+1)/SUM(INDEX($D$3:$AA$30,INDEX(Jesper!$R$2:$R$366,ROW(INDEX(Jesper!AI$2:AI$366,ROUNDDOWN($C5989/24,0)+1,1))-1)+IF('Standard Profiles'!$G$19=$B$10,7,0)+IF('Standard Profiles'!$G$19=$B$17,14,0)+IF('Standard Profiles'!$G$19=$B$24,21,0),0)),0)</f>
        <v>2.2852039163925002</v>
      </c>
      <c r="F5989" cm="1">
        <f t="array" ref="F5989">IFERROR(INDEX(Jesper!AJ$2:AJ$366,ROUNDDOWN($C5989/24,0)+1,1)*INDEX($D$3:$AA$30,INDEX(Jesper!$R$2:$R$366,ROW(INDEX(Jesper!AJ$2:AJ$366,ROUNDDOWN($C5989/24,0)+1,1))-1)+IF('Standard Profiles'!$G$20=$B$10,7,0)+IF('Standard Profiles'!$G$20=$B$17,14,0)+IF('Standard Profiles'!$G$20=$B$24,21,0),MOD($C5989,24)+1)/SUM(INDEX($D$3:$AA$30,INDEX(Jesper!$R$2:$R$366,ROW(INDEX(Jesper!AJ$2:AJ$366,ROUNDDOWN($C5989/24,0)+1,1))-1)+IF('Standard Profiles'!$G$20=$B$10,7,0)+IF('Standard Profiles'!$G$20=$B$17,14,0)+IF('Standard Profiles'!$G$20=$B$24,21,0),0)),0)</f>
        <v>0</v>
      </c>
      <c r="G5989" cm="1">
        <f t="array" ref="G5989">IFERROR(INDEX(Jesper!AK$2:AK$366,ROUNDDOWN($C5989/24,0)+1,1)*INDEX($D$3:$AA$30,INDEX(Jesper!$R$2:$R$366,ROW(INDEX(Jesper!AK$2:AK$366,ROUNDDOWN($C5989/24,0)+1,1))-1)+IF('Standard Profiles'!$G$21=$B$10,7,0)+IF('Standard Profiles'!$G$21=$B$17,14,0)+IF('Standard Profiles'!$G$21=$B$24,21,0),MOD($C5989,24)+1)/SUM(INDEX($D$3:$AA$30,INDEX(Jesper!$R$2:$R$366,ROW(INDEX(Jesper!AK$2:AK$366,ROUNDDOWN($C5989/24,0)+1,1))-1)+IF('Standard Profiles'!$G$21=$B$10,7,0)+IF('Standard Profiles'!$G$21=$B$17,14,0)+IF('Standard Profiles'!$G$21=$B$24,21,0),0)),0)</f>
        <v>0.24545691191974706</v>
      </c>
      <c r="H5989" cm="1">
        <f t="array" ref="H5989">IFERROR(INDEX(Jesper!AL$2:AL$366,ROUNDDOWN($C5989/24,0)+1,1)*INDEX($D$3:$AA$30,INDEX(Jesper!$R$2:$R$366,ROW(INDEX(Jesper!AL$2:AL$366,ROUNDDOWN($C5989/24,0)+1,1))-1)+IF('Standard Profiles'!$G$22=$B$10,7,0)+IF('Standard Profiles'!$G$22=$B$17,14,0)+IF('Standard Profiles'!$G$22=$B$24,21,0),MOD($C5989,24)+1)/SUM(INDEX($D$3:$AA$30,INDEX(Jesper!$R$2:$R$366,ROW(INDEX(Jesper!AL$2:AL$366,ROUNDDOWN($C5989/24,0)+1,1))-1)+IF('Standard Profiles'!$G$22=$B$10,7,0)+IF('Standard Profiles'!$G$22=$B$17,14,0)+IF('Standard Profiles'!$G$22=$B$24,21,0),0)),0)</f>
        <v>0</v>
      </c>
      <c r="I5989">
        <f t="shared" si="671"/>
        <v>0.11781931772147852</v>
      </c>
      <c r="J5989">
        <f t="shared" si="672"/>
        <v>6.9115258600633682</v>
      </c>
      <c r="K5989">
        <f t="shared" si="673"/>
        <v>0.57126150469493342</v>
      </c>
      <c r="L5989">
        <f t="shared" si="674"/>
        <v>0.28563075234746671</v>
      </c>
      <c r="M5989">
        <f t="shared" si="675"/>
        <v>0</v>
      </c>
      <c r="N5989" s="45">
        <f t="shared" si="676"/>
        <v>45175.124999985557</v>
      </c>
    </row>
    <row r="5990" spans="2:14" x14ac:dyDescent="0.25">
      <c r="B5990">
        <f t="shared" si="670"/>
        <v>3</v>
      </c>
      <c r="C5990" s="16">
        <v>5956</v>
      </c>
      <c r="D5990" cm="1">
        <f t="array" ref="D5990">IFERROR(INDEX(Jesper!AH$2:AH$366,ROUNDDOWN($C5990/24,0)+1,1)*INDEX($D$3:$AA$30,INDEX(Jesper!$R$2:$R$366,ROW(INDEX(Jesper!AH$2:AH$366,ROUNDDOWN($C5990/24,0)+1,1))-1)+IF('Standard Profiles'!$G$18=$B$10,7,0)+IF('Standard Profiles'!$G$18=$B$17,14,0)+IF('Standard Profiles'!$G$18=$B$24,21,0),MOD($C5990,24)+1)/SUM(INDEX($D$3:$AA$30,INDEX(Jesper!$R$2:$R$366,ROW(INDEX(Jesper!AH$2:AH$366,ROUNDDOWN($C5990/24,0)+1,1))-1)+IF('Standard Profiles'!$G$18=$B$10,7,0)+IF('Standard Profiles'!$G$18=$B$17,14,0)+IF('Standard Profiles'!$G$18=$B$24,21,0),0)),0)</f>
        <v>5.3555766065150001</v>
      </c>
      <c r="E5990" cm="1">
        <f t="array" ref="E5990">IFERROR(INDEX(Jesper!AI$2:AI$366,ROUNDDOWN($C5990/24,0)+1,1)*INDEX($D$3:$AA$30,INDEX(Jesper!$R$2:$R$366,ROW(INDEX(Jesper!AI$2:AI$366,ROUNDDOWN($C5990/24,0)+1,1))-1)+IF('Standard Profiles'!$G$19=$B$10,7,0)+IF('Standard Profiles'!$G$19=$B$17,14,0)+IF('Standard Profiles'!$G$19=$B$24,21,0),MOD($C5990,24)+1)/SUM(INDEX($D$3:$AA$30,INDEX(Jesper!$R$2:$R$366,ROW(INDEX(Jesper!AI$2:AI$366,ROUNDDOWN($C5990/24,0)+1,1))-1)+IF('Standard Profiles'!$G$19=$B$10,7,0)+IF('Standard Profiles'!$G$19=$B$17,14,0)+IF('Standard Profiles'!$G$19=$B$24,21,0),0)),0)</f>
        <v>2.2852039163925002</v>
      </c>
      <c r="F5990" cm="1">
        <f t="array" ref="F5990">IFERROR(INDEX(Jesper!AJ$2:AJ$366,ROUNDDOWN($C5990/24,0)+1,1)*INDEX($D$3:$AA$30,INDEX(Jesper!$R$2:$R$366,ROW(INDEX(Jesper!AJ$2:AJ$366,ROUNDDOWN($C5990/24,0)+1,1))-1)+IF('Standard Profiles'!$G$20=$B$10,7,0)+IF('Standard Profiles'!$G$20=$B$17,14,0)+IF('Standard Profiles'!$G$20=$B$24,21,0),MOD($C5990,24)+1)/SUM(INDEX($D$3:$AA$30,INDEX(Jesper!$R$2:$R$366,ROW(INDEX(Jesper!AJ$2:AJ$366,ROUNDDOWN($C5990/24,0)+1,1))-1)+IF('Standard Profiles'!$G$20=$B$10,7,0)+IF('Standard Profiles'!$G$20=$B$17,14,0)+IF('Standard Profiles'!$G$20=$B$24,21,0),0)),0)</f>
        <v>0</v>
      </c>
      <c r="G5990" cm="1">
        <f t="array" ref="G5990">IFERROR(INDEX(Jesper!AK$2:AK$366,ROUNDDOWN($C5990/24,0)+1,1)*INDEX($D$3:$AA$30,INDEX(Jesper!$R$2:$R$366,ROW(INDEX(Jesper!AK$2:AK$366,ROUNDDOWN($C5990/24,0)+1,1))-1)+IF('Standard Profiles'!$G$21=$B$10,7,0)+IF('Standard Profiles'!$G$21=$B$17,14,0)+IF('Standard Profiles'!$G$21=$B$24,21,0),MOD($C5990,24)+1)/SUM(INDEX($D$3:$AA$30,INDEX(Jesper!$R$2:$R$366,ROW(INDEX(Jesper!AK$2:AK$366,ROUNDDOWN($C5990/24,0)+1,1))-1)+IF('Standard Profiles'!$G$21=$B$10,7,0)+IF('Standard Profiles'!$G$21=$B$17,14,0)+IF('Standard Profiles'!$G$21=$B$24,21,0),0)),0)</f>
        <v>0.24545691191974706</v>
      </c>
      <c r="H5990" cm="1">
        <f t="array" ref="H5990">IFERROR(INDEX(Jesper!AL$2:AL$366,ROUNDDOWN($C5990/24,0)+1,1)*INDEX($D$3:$AA$30,INDEX(Jesper!$R$2:$R$366,ROW(INDEX(Jesper!AL$2:AL$366,ROUNDDOWN($C5990/24,0)+1,1))-1)+IF('Standard Profiles'!$G$22=$B$10,7,0)+IF('Standard Profiles'!$G$22=$B$17,14,0)+IF('Standard Profiles'!$G$22=$B$24,21,0),MOD($C5990,24)+1)/SUM(INDEX($D$3:$AA$30,INDEX(Jesper!$R$2:$R$366,ROW(INDEX(Jesper!AL$2:AL$366,ROUNDDOWN($C5990/24,0)+1,1))-1)+IF('Standard Profiles'!$G$22=$B$10,7,0)+IF('Standard Profiles'!$G$22=$B$17,14,0)+IF('Standard Profiles'!$G$22=$B$24,21,0),0)),0)</f>
        <v>0</v>
      </c>
      <c r="I5990">
        <f t="shared" si="671"/>
        <v>0.11781931772147852</v>
      </c>
      <c r="J5990">
        <f t="shared" si="672"/>
        <v>6.9115258600633682</v>
      </c>
      <c r="K5990">
        <f t="shared" si="673"/>
        <v>0.57126150469493342</v>
      </c>
      <c r="L5990">
        <f t="shared" si="674"/>
        <v>0.28563075234746671</v>
      </c>
      <c r="M5990">
        <f t="shared" si="675"/>
        <v>0</v>
      </c>
      <c r="N5990" s="45">
        <f t="shared" si="676"/>
        <v>45175.166666652221</v>
      </c>
    </row>
    <row r="5991" spans="2:14" x14ac:dyDescent="0.25">
      <c r="B5991">
        <f t="shared" si="670"/>
        <v>3</v>
      </c>
      <c r="C5991" s="16">
        <v>5957</v>
      </c>
      <c r="D5991" cm="1">
        <f t="array" ref="D5991">IFERROR(INDEX(Jesper!AH$2:AH$366,ROUNDDOWN($C5991/24,0)+1,1)*INDEX($D$3:$AA$30,INDEX(Jesper!$R$2:$R$366,ROW(INDEX(Jesper!AH$2:AH$366,ROUNDDOWN($C5991/24,0)+1,1))-1)+IF('Standard Profiles'!$G$18=$B$10,7,0)+IF('Standard Profiles'!$G$18=$B$17,14,0)+IF('Standard Profiles'!$G$18=$B$24,21,0),MOD($C5991,24)+1)/SUM(INDEX($D$3:$AA$30,INDEX(Jesper!$R$2:$R$366,ROW(INDEX(Jesper!AH$2:AH$366,ROUNDDOWN($C5991/24,0)+1,1))-1)+IF('Standard Profiles'!$G$18=$B$10,7,0)+IF('Standard Profiles'!$G$18=$B$17,14,0)+IF('Standard Profiles'!$G$18=$B$24,21,0),0)),0)</f>
        <v>5.3555766065150001</v>
      </c>
      <c r="E5991" cm="1">
        <f t="array" ref="E5991">IFERROR(INDEX(Jesper!AI$2:AI$366,ROUNDDOWN($C5991/24,0)+1,1)*INDEX($D$3:$AA$30,INDEX(Jesper!$R$2:$R$366,ROW(INDEX(Jesper!AI$2:AI$366,ROUNDDOWN($C5991/24,0)+1,1))-1)+IF('Standard Profiles'!$G$19=$B$10,7,0)+IF('Standard Profiles'!$G$19=$B$17,14,0)+IF('Standard Profiles'!$G$19=$B$24,21,0),MOD($C5991,24)+1)/SUM(INDEX($D$3:$AA$30,INDEX(Jesper!$R$2:$R$366,ROW(INDEX(Jesper!AI$2:AI$366,ROUNDDOWN($C5991/24,0)+1,1))-1)+IF('Standard Profiles'!$G$19=$B$10,7,0)+IF('Standard Profiles'!$G$19=$B$17,14,0)+IF('Standard Profiles'!$G$19=$B$24,21,0),0)),0)</f>
        <v>2.2852039163925002</v>
      </c>
      <c r="F5991" cm="1">
        <f t="array" ref="F5991">IFERROR(INDEX(Jesper!AJ$2:AJ$366,ROUNDDOWN($C5991/24,0)+1,1)*INDEX($D$3:$AA$30,INDEX(Jesper!$R$2:$R$366,ROW(INDEX(Jesper!AJ$2:AJ$366,ROUNDDOWN($C5991/24,0)+1,1))-1)+IF('Standard Profiles'!$G$20=$B$10,7,0)+IF('Standard Profiles'!$G$20=$B$17,14,0)+IF('Standard Profiles'!$G$20=$B$24,21,0),MOD($C5991,24)+1)/SUM(INDEX($D$3:$AA$30,INDEX(Jesper!$R$2:$R$366,ROW(INDEX(Jesper!AJ$2:AJ$366,ROUNDDOWN($C5991/24,0)+1,1))-1)+IF('Standard Profiles'!$G$20=$B$10,7,0)+IF('Standard Profiles'!$G$20=$B$17,14,0)+IF('Standard Profiles'!$G$20=$B$24,21,0),0)),0)</f>
        <v>0</v>
      </c>
      <c r="G5991" cm="1">
        <f t="array" ref="G5991">IFERROR(INDEX(Jesper!AK$2:AK$366,ROUNDDOWN($C5991/24,0)+1,1)*INDEX($D$3:$AA$30,INDEX(Jesper!$R$2:$R$366,ROW(INDEX(Jesper!AK$2:AK$366,ROUNDDOWN($C5991/24,0)+1,1))-1)+IF('Standard Profiles'!$G$21=$B$10,7,0)+IF('Standard Profiles'!$G$21=$B$17,14,0)+IF('Standard Profiles'!$G$21=$B$24,21,0),MOD($C5991,24)+1)/SUM(INDEX($D$3:$AA$30,INDEX(Jesper!$R$2:$R$366,ROW(INDEX(Jesper!AK$2:AK$366,ROUNDDOWN($C5991/24,0)+1,1))-1)+IF('Standard Profiles'!$G$21=$B$10,7,0)+IF('Standard Profiles'!$G$21=$B$17,14,0)+IF('Standard Profiles'!$G$21=$B$24,21,0),0)),0)</f>
        <v>0.24545691191974706</v>
      </c>
      <c r="H5991" cm="1">
        <f t="array" ref="H5991">IFERROR(INDEX(Jesper!AL$2:AL$366,ROUNDDOWN($C5991/24,0)+1,1)*INDEX($D$3:$AA$30,INDEX(Jesper!$R$2:$R$366,ROW(INDEX(Jesper!AL$2:AL$366,ROUNDDOWN($C5991/24,0)+1,1))-1)+IF('Standard Profiles'!$G$22=$B$10,7,0)+IF('Standard Profiles'!$G$22=$B$17,14,0)+IF('Standard Profiles'!$G$22=$B$24,21,0),MOD($C5991,24)+1)/SUM(INDEX($D$3:$AA$30,INDEX(Jesper!$R$2:$R$366,ROW(INDEX(Jesper!AL$2:AL$366,ROUNDDOWN($C5991/24,0)+1,1))-1)+IF('Standard Profiles'!$G$22=$B$10,7,0)+IF('Standard Profiles'!$G$22=$B$17,14,0)+IF('Standard Profiles'!$G$22=$B$24,21,0),0)),0)</f>
        <v>0</v>
      </c>
      <c r="I5991">
        <f t="shared" si="671"/>
        <v>0.11781931772147852</v>
      </c>
      <c r="J5991">
        <f t="shared" si="672"/>
        <v>6.9115258600633682</v>
      </c>
      <c r="K5991">
        <f t="shared" si="673"/>
        <v>0.57126150469493342</v>
      </c>
      <c r="L5991">
        <f t="shared" si="674"/>
        <v>0.28563075234746671</v>
      </c>
      <c r="M5991">
        <f t="shared" si="675"/>
        <v>0</v>
      </c>
      <c r="N5991" s="45">
        <f t="shared" si="676"/>
        <v>45175.208333318886</v>
      </c>
    </row>
    <row r="5992" spans="2:14" x14ac:dyDescent="0.25">
      <c r="B5992">
        <f t="shared" si="670"/>
        <v>3</v>
      </c>
      <c r="C5992" s="16">
        <v>5958</v>
      </c>
      <c r="D5992" cm="1">
        <f t="array" ref="D5992">IFERROR(INDEX(Jesper!AH$2:AH$366,ROUNDDOWN($C5992/24,0)+1,1)*INDEX($D$3:$AA$30,INDEX(Jesper!$R$2:$R$366,ROW(INDEX(Jesper!AH$2:AH$366,ROUNDDOWN($C5992/24,0)+1,1))-1)+IF('Standard Profiles'!$G$18=$B$10,7,0)+IF('Standard Profiles'!$G$18=$B$17,14,0)+IF('Standard Profiles'!$G$18=$B$24,21,0),MOD($C5992,24)+1)/SUM(INDEX($D$3:$AA$30,INDEX(Jesper!$R$2:$R$366,ROW(INDEX(Jesper!AH$2:AH$366,ROUNDDOWN($C5992/24,0)+1,1))-1)+IF('Standard Profiles'!$G$18=$B$10,7,0)+IF('Standard Profiles'!$G$18=$B$17,14,0)+IF('Standard Profiles'!$G$18=$B$24,21,0),0)),0)</f>
        <v>5.3555766065150001</v>
      </c>
      <c r="E5992" cm="1">
        <f t="array" ref="E5992">IFERROR(INDEX(Jesper!AI$2:AI$366,ROUNDDOWN($C5992/24,0)+1,1)*INDEX($D$3:$AA$30,INDEX(Jesper!$R$2:$R$366,ROW(INDEX(Jesper!AI$2:AI$366,ROUNDDOWN($C5992/24,0)+1,1))-1)+IF('Standard Profiles'!$G$19=$B$10,7,0)+IF('Standard Profiles'!$G$19=$B$17,14,0)+IF('Standard Profiles'!$G$19=$B$24,21,0),MOD($C5992,24)+1)/SUM(INDEX($D$3:$AA$30,INDEX(Jesper!$R$2:$R$366,ROW(INDEX(Jesper!AI$2:AI$366,ROUNDDOWN($C5992/24,0)+1,1))-1)+IF('Standard Profiles'!$G$19=$B$10,7,0)+IF('Standard Profiles'!$G$19=$B$17,14,0)+IF('Standard Profiles'!$G$19=$B$24,21,0),0)),0)</f>
        <v>2.2852039163925002</v>
      </c>
      <c r="F5992" cm="1">
        <f t="array" ref="F5992">IFERROR(INDEX(Jesper!AJ$2:AJ$366,ROUNDDOWN($C5992/24,0)+1,1)*INDEX($D$3:$AA$30,INDEX(Jesper!$R$2:$R$366,ROW(INDEX(Jesper!AJ$2:AJ$366,ROUNDDOWN($C5992/24,0)+1,1))-1)+IF('Standard Profiles'!$G$20=$B$10,7,0)+IF('Standard Profiles'!$G$20=$B$17,14,0)+IF('Standard Profiles'!$G$20=$B$24,21,0),MOD($C5992,24)+1)/SUM(INDEX($D$3:$AA$30,INDEX(Jesper!$R$2:$R$366,ROW(INDEX(Jesper!AJ$2:AJ$366,ROUNDDOWN($C5992/24,0)+1,1))-1)+IF('Standard Profiles'!$G$20=$B$10,7,0)+IF('Standard Profiles'!$G$20=$B$17,14,0)+IF('Standard Profiles'!$G$20=$B$24,21,0),0)),0)</f>
        <v>0</v>
      </c>
      <c r="G5992" cm="1">
        <f t="array" ref="G5992">IFERROR(INDEX(Jesper!AK$2:AK$366,ROUNDDOWN($C5992/24,0)+1,1)*INDEX($D$3:$AA$30,INDEX(Jesper!$R$2:$R$366,ROW(INDEX(Jesper!AK$2:AK$366,ROUNDDOWN($C5992/24,0)+1,1))-1)+IF('Standard Profiles'!$G$21=$B$10,7,0)+IF('Standard Profiles'!$G$21=$B$17,14,0)+IF('Standard Profiles'!$G$21=$B$24,21,0),MOD($C5992,24)+1)/SUM(INDEX($D$3:$AA$30,INDEX(Jesper!$R$2:$R$366,ROW(INDEX(Jesper!AK$2:AK$366,ROUNDDOWN($C5992/24,0)+1,1))-1)+IF('Standard Profiles'!$G$21=$B$10,7,0)+IF('Standard Profiles'!$G$21=$B$17,14,0)+IF('Standard Profiles'!$G$21=$B$24,21,0),0)),0)</f>
        <v>0.24545691191974706</v>
      </c>
      <c r="H5992" cm="1">
        <f t="array" ref="H5992">IFERROR(INDEX(Jesper!AL$2:AL$366,ROUNDDOWN($C5992/24,0)+1,1)*INDEX($D$3:$AA$30,INDEX(Jesper!$R$2:$R$366,ROW(INDEX(Jesper!AL$2:AL$366,ROUNDDOWN($C5992/24,0)+1,1))-1)+IF('Standard Profiles'!$G$22=$B$10,7,0)+IF('Standard Profiles'!$G$22=$B$17,14,0)+IF('Standard Profiles'!$G$22=$B$24,21,0),MOD($C5992,24)+1)/SUM(INDEX($D$3:$AA$30,INDEX(Jesper!$R$2:$R$366,ROW(INDEX(Jesper!AL$2:AL$366,ROUNDDOWN($C5992/24,0)+1,1))-1)+IF('Standard Profiles'!$G$22=$B$10,7,0)+IF('Standard Profiles'!$G$22=$B$17,14,0)+IF('Standard Profiles'!$G$22=$B$24,21,0),0)),0)</f>
        <v>0</v>
      </c>
      <c r="I5992">
        <f t="shared" si="671"/>
        <v>0.11781931772147852</v>
      </c>
      <c r="J5992">
        <f t="shared" si="672"/>
        <v>6.9115258600633682</v>
      </c>
      <c r="K5992">
        <f t="shared" si="673"/>
        <v>0.57126150469493342</v>
      </c>
      <c r="L5992">
        <f t="shared" si="674"/>
        <v>0.28563075234746671</v>
      </c>
      <c r="M5992">
        <f t="shared" si="675"/>
        <v>0</v>
      </c>
      <c r="N5992" s="45">
        <f t="shared" si="676"/>
        <v>45175.24999998555</v>
      </c>
    </row>
    <row r="5993" spans="2:14" x14ac:dyDescent="0.25">
      <c r="B5993">
        <f t="shared" si="670"/>
        <v>3</v>
      </c>
      <c r="C5993" s="16">
        <v>5959</v>
      </c>
      <c r="D5993" cm="1">
        <f t="array" ref="D5993">IFERROR(INDEX(Jesper!AH$2:AH$366,ROUNDDOWN($C5993/24,0)+1,1)*INDEX($D$3:$AA$30,INDEX(Jesper!$R$2:$R$366,ROW(INDEX(Jesper!AH$2:AH$366,ROUNDDOWN($C5993/24,0)+1,1))-1)+IF('Standard Profiles'!$G$18=$B$10,7,0)+IF('Standard Profiles'!$G$18=$B$17,14,0)+IF('Standard Profiles'!$G$18=$B$24,21,0),MOD($C5993,24)+1)/SUM(INDEX($D$3:$AA$30,INDEX(Jesper!$R$2:$R$366,ROW(INDEX(Jesper!AH$2:AH$366,ROUNDDOWN($C5993/24,0)+1,1))-1)+IF('Standard Profiles'!$G$18=$B$10,7,0)+IF('Standard Profiles'!$G$18=$B$17,14,0)+IF('Standard Profiles'!$G$18=$B$24,21,0),0)),0)</f>
        <v>21.892948006632526</v>
      </c>
      <c r="E5993" cm="1">
        <f t="array" ref="E5993">IFERROR(INDEX(Jesper!AI$2:AI$366,ROUNDDOWN($C5993/24,0)+1,1)*INDEX($D$3:$AA$30,INDEX(Jesper!$R$2:$R$366,ROW(INDEX(Jesper!AI$2:AI$366,ROUNDDOWN($C5993/24,0)+1,1))-1)+IF('Standard Profiles'!$G$19=$B$10,7,0)+IF('Standard Profiles'!$G$19=$B$17,14,0)+IF('Standard Profiles'!$G$19=$B$24,21,0),MOD($C5993,24)+1)/SUM(INDEX($D$3:$AA$30,INDEX(Jesper!$R$2:$R$366,ROW(INDEX(Jesper!AI$2:AI$366,ROUNDDOWN($C5993/24,0)+1,1))-1)+IF('Standard Profiles'!$G$19=$B$10,7,0)+IF('Standard Profiles'!$G$19=$B$17,14,0)+IF('Standard Profiles'!$G$19=$B$24,21,0),0)),0)</f>
        <v>9.3416366157984321</v>
      </c>
      <c r="F5993" cm="1">
        <f t="array" ref="F5993">IFERROR(INDEX(Jesper!AJ$2:AJ$366,ROUNDDOWN($C5993/24,0)+1,1)*INDEX($D$3:$AA$30,INDEX(Jesper!$R$2:$R$366,ROW(INDEX(Jesper!AJ$2:AJ$366,ROUNDDOWN($C5993/24,0)+1,1))-1)+IF('Standard Profiles'!$G$20=$B$10,7,0)+IF('Standard Profiles'!$G$20=$B$17,14,0)+IF('Standard Profiles'!$G$20=$B$24,21,0),MOD($C5993,24)+1)/SUM(INDEX($D$3:$AA$30,INDEX(Jesper!$R$2:$R$366,ROW(INDEX(Jesper!AJ$2:AJ$366,ROUNDDOWN($C5993/24,0)+1,1))-1)+IF('Standard Profiles'!$G$20=$B$10,7,0)+IF('Standard Profiles'!$G$20=$B$17,14,0)+IF('Standard Profiles'!$G$20=$B$24,21,0),0)),0)</f>
        <v>0</v>
      </c>
      <c r="G5993" cm="1">
        <f t="array" ref="G5993">IFERROR(INDEX(Jesper!AK$2:AK$366,ROUNDDOWN($C5993/24,0)+1,1)*INDEX($D$3:$AA$30,INDEX(Jesper!$R$2:$R$366,ROW(INDEX(Jesper!AK$2:AK$366,ROUNDDOWN($C5993/24,0)+1,1))-1)+IF('Standard Profiles'!$G$21=$B$10,7,0)+IF('Standard Profiles'!$G$21=$B$17,14,0)+IF('Standard Profiles'!$G$21=$B$24,21,0),MOD($C5993,24)+1)/SUM(INDEX($D$3:$AA$30,INDEX(Jesper!$R$2:$R$366,ROW(INDEX(Jesper!AK$2:AK$366,ROUNDDOWN($C5993/24,0)+1,1))-1)+IF('Standard Profiles'!$G$21=$B$10,7,0)+IF('Standard Profiles'!$G$21=$B$17,14,0)+IF('Standard Profiles'!$G$21=$B$24,21,0),0)),0)</f>
        <v>0.67623379233890313</v>
      </c>
      <c r="H5993" cm="1">
        <f t="array" ref="H5993">IFERROR(INDEX(Jesper!AL$2:AL$366,ROUNDDOWN($C5993/24,0)+1,1)*INDEX($D$3:$AA$30,INDEX(Jesper!$R$2:$R$366,ROW(INDEX(Jesper!AL$2:AL$366,ROUNDDOWN($C5993/24,0)+1,1))-1)+IF('Standard Profiles'!$G$22=$B$10,7,0)+IF('Standard Profiles'!$G$22=$B$17,14,0)+IF('Standard Profiles'!$G$22=$B$24,21,0),MOD($C5993,24)+1)/SUM(INDEX($D$3:$AA$30,INDEX(Jesper!$R$2:$R$366,ROW(INDEX(Jesper!AL$2:AL$366,ROUNDDOWN($C5993/24,0)+1,1))-1)+IF('Standard Profiles'!$G$22=$B$10,7,0)+IF('Standard Profiles'!$G$22=$B$17,14,0)+IF('Standard Profiles'!$G$22=$B$24,21,0),0)),0)</f>
        <v>0</v>
      </c>
      <c r="I5993">
        <f t="shared" si="671"/>
        <v>0.32459222032267332</v>
      </c>
      <c r="J5993">
        <f t="shared" si="672"/>
        <v>28.083354513385984</v>
      </c>
      <c r="K5993">
        <f t="shared" si="673"/>
        <v>2.3352477873741364</v>
      </c>
      <c r="L5993">
        <f t="shared" si="674"/>
        <v>1.1676238936870682</v>
      </c>
      <c r="M5993">
        <f t="shared" si="675"/>
        <v>0</v>
      </c>
      <c r="N5993" s="45">
        <f t="shared" si="676"/>
        <v>45175.291666652214</v>
      </c>
    </row>
    <row r="5994" spans="2:14" x14ac:dyDescent="0.25">
      <c r="B5994">
        <f t="shared" si="670"/>
        <v>3</v>
      </c>
      <c r="C5994" s="16">
        <v>5960</v>
      </c>
      <c r="D5994" cm="1">
        <f t="array" ref="D5994">IFERROR(INDEX(Jesper!AH$2:AH$366,ROUNDDOWN($C5994/24,0)+1,1)*INDEX($D$3:$AA$30,INDEX(Jesper!$R$2:$R$366,ROW(INDEX(Jesper!AH$2:AH$366,ROUNDDOWN($C5994/24,0)+1,1))-1)+IF('Standard Profiles'!$G$18=$B$10,7,0)+IF('Standard Profiles'!$G$18=$B$17,14,0)+IF('Standard Profiles'!$G$18=$B$24,21,0),MOD($C5994,24)+1)/SUM(INDEX($D$3:$AA$30,INDEX(Jesper!$R$2:$R$366,ROW(INDEX(Jesper!AH$2:AH$366,ROUNDDOWN($C5994/24,0)+1,1))-1)+IF('Standard Profiles'!$G$18=$B$10,7,0)+IF('Standard Profiles'!$G$18=$B$17,14,0)+IF('Standard Profiles'!$G$18=$B$24,21,0),0)),0)</f>
        <v>24.427920933716297</v>
      </c>
      <c r="E5994" cm="1">
        <f t="array" ref="E5994">IFERROR(INDEX(Jesper!AI$2:AI$366,ROUNDDOWN($C5994/24,0)+1,1)*INDEX($D$3:$AA$30,INDEX(Jesper!$R$2:$R$366,ROW(INDEX(Jesper!AI$2:AI$366,ROUNDDOWN($C5994/24,0)+1,1))-1)+IF('Standard Profiles'!$G$19=$B$10,7,0)+IF('Standard Profiles'!$G$19=$B$17,14,0)+IF('Standard Profiles'!$G$19=$B$24,21,0),MOD($C5994,24)+1)/SUM(INDEX($D$3:$AA$30,INDEX(Jesper!$R$2:$R$366,ROW(INDEX(Jesper!AI$2:AI$366,ROUNDDOWN($C5994/24,0)+1,1))-1)+IF('Standard Profiles'!$G$19=$B$10,7,0)+IF('Standard Profiles'!$G$19=$B$17,14,0)+IF('Standard Profiles'!$G$19=$B$24,21,0),0)),0)</f>
        <v>10.423299802890881</v>
      </c>
      <c r="F5994" cm="1">
        <f t="array" ref="F5994">IFERROR(INDEX(Jesper!AJ$2:AJ$366,ROUNDDOWN($C5994/24,0)+1,1)*INDEX($D$3:$AA$30,INDEX(Jesper!$R$2:$R$366,ROW(INDEX(Jesper!AJ$2:AJ$366,ROUNDDOWN($C5994/24,0)+1,1))-1)+IF('Standard Profiles'!$G$20=$B$10,7,0)+IF('Standard Profiles'!$G$20=$B$17,14,0)+IF('Standard Profiles'!$G$20=$B$24,21,0),MOD($C5994,24)+1)/SUM(INDEX($D$3:$AA$30,INDEX(Jesper!$R$2:$R$366,ROW(INDEX(Jesper!AJ$2:AJ$366,ROUNDDOWN($C5994/24,0)+1,1))-1)+IF('Standard Profiles'!$G$20=$B$10,7,0)+IF('Standard Profiles'!$G$20=$B$17,14,0)+IF('Standard Profiles'!$G$20=$B$24,21,0),0)),0)</f>
        <v>0</v>
      </c>
      <c r="G5994" cm="1">
        <f t="array" ref="G5994">IFERROR(INDEX(Jesper!AK$2:AK$366,ROUNDDOWN($C5994/24,0)+1,1)*INDEX($D$3:$AA$30,INDEX(Jesper!$R$2:$R$366,ROW(INDEX(Jesper!AK$2:AK$366,ROUNDDOWN($C5994/24,0)+1,1))-1)+IF('Standard Profiles'!$G$21=$B$10,7,0)+IF('Standard Profiles'!$G$21=$B$17,14,0)+IF('Standard Profiles'!$G$21=$B$24,21,0),MOD($C5994,24)+1)/SUM(INDEX($D$3:$AA$30,INDEX(Jesper!$R$2:$R$366,ROW(INDEX(Jesper!AK$2:AK$366,ROUNDDOWN($C5994/24,0)+1,1))-1)+IF('Standard Profiles'!$G$21=$B$10,7,0)+IF('Standard Profiles'!$G$21=$B$17,14,0)+IF('Standard Profiles'!$G$21=$B$24,21,0),0)),0)</f>
        <v>0.75453454724130253</v>
      </c>
      <c r="H5994" cm="1">
        <f t="array" ref="H5994">IFERROR(INDEX(Jesper!AL$2:AL$366,ROUNDDOWN($C5994/24,0)+1,1)*INDEX($D$3:$AA$30,INDEX(Jesper!$R$2:$R$366,ROW(INDEX(Jesper!AL$2:AL$366,ROUNDDOWN($C5994/24,0)+1,1))-1)+IF('Standard Profiles'!$G$22=$B$10,7,0)+IF('Standard Profiles'!$G$22=$B$17,14,0)+IF('Standard Profiles'!$G$22=$B$24,21,0),MOD($C5994,24)+1)/SUM(INDEX($D$3:$AA$30,INDEX(Jesper!$R$2:$R$366,ROW(INDEX(Jesper!AL$2:AL$366,ROUNDDOWN($C5994/24,0)+1,1))-1)+IF('Standard Profiles'!$G$22=$B$10,7,0)+IF('Standard Profiles'!$G$22=$B$17,14,0)+IF('Standard Profiles'!$G$22=$B$24,21,0),0)),0)</f>
        <v>0</v>
      </c>
      <c r="I5994">
        <f t="shared" si="671"/>
        <v>0.36217658267582503</v>
      </c>
      <c r="J5994">
        <f t="shared" si="672"/>
        <v>31.335111351778046</v>
      </c>
      <c r="K5994">
        <f t="shared" si="673"/>
        <v>2.6056448995964052</v>
      </c>
      <c r="L5994">
        <f t="shared" si="674"/>
        <v>1.3028224497982026</v>
      </c>
      <c r="M5994">
        <f t="shared" si="675"/>
        <v>0</v>
      </c>
      <c r="N5994" s="45">
        <f t="shared" si="676"/>
        <v>45175.333333318878</v>
      </c>
    </row>
    <row r="5995" spans="2:14" x14ac:dyDescent="0.25">
      <c r="B5995">
        <f t="shared" si="670"/>
        <v>3</v>
      </c>
      <c r="C5995" s="16">
        <v>5961</v>
      </c>
      <c r="D5995" cm="1">
        <f t="array" ref="D5995">IFERROR(INDEX(Jesper!AH$2:AH$366,ROUNDDOWN($C5995/24,0)+1,1)*INDEX($D$3:$AA$30,INDEX(Jesper!$R$2:$R$366,ROW(INDEX(Jesper!AH$2:AH$366,ROUNDDOWN($C5995/24,0)+1,1))-1)+IF('Standard Profiles'!$G$18=$B$10,7,0)+IF('Standard Profiles'!$G$18=$B$17,14,0)+IF('Standard Profiles'!$G$18=$B$24,21,0),MOD($C5995,24)+1)/SUM(INDEX($D$3:$AA$30,INDEX(Jesper!$R$2:$R$366,ROW(INDEX(Jesper!AH$2:AH$366,ROUNDDOWN($C5995/24,0)+1,1))-1)+IF('Standard Profiles'!$G$18=$B$10,7,0)+IF('Standard Profiles'!$G$18=$B$17,14,0)+IF('Standard Profiles'!$G$18=$B$24,21,0),0)),0)</f>
        <v>26.962893860800065</v>
      </c>
      <c r="E5995" cm="1">
        <f t="array" ref="E5995">IFERROR(INDEX(Jesper!AI$2:AI$366,ROUNDDOWN($C5995/24,0)+1,1)*INDEX($D$3:$AA$30,INDEX(Jesper!$R$2:$R$366,ROW(INDEX(Jesper!AI$2:AI$366,ROUNDDOWN($C5995/24,0)+1,1))-1)+IF('Standard Profiles'!$G$19=$B$10,7,0)+IF('Standard Profiles'!$G$19=$B$17,14,0)+IF('Standard Profiles'!$G$19=$B$24,21,0),MOD($C5995,24)+1)/SUM(INDEX($D$3:$AA$30,INDEX(Jesper!$R$2:$R$366,ROW(INDEX(Jesper!AI$2:AI$366,ROUNDDOWN($C5995/24,0)+1,1))-1)+IF('Standard Profiles'!$G$19=$B$10,7,0)+IF('Standard Profiles'!$G$19=$B$17,14,0)+IF('Standard Profiles'!$G$19=$B$24,21,0),0)),0)</f>
        <v>11.504962989983332</v>
      </c>
      <c r="F5995" cm="1">
        <f t="array" ref="F5995">IFERROR(INDEX(Jesper!AJ$2:AJ$366,ROUNDDOWN($C5995/24,0)+1,1)*INDEX($D$3:$AA$30,INDEX(Jesper!$R$2:$R$366,ROW(INDEX(Jesper!AJ$2:AJ$366,ROUNDDOWN($C5995/24,0)+1,1))-1)+IF('Standard Profiles'!$G$20=$B$10,7,0)+IF('Standard Profiles'!$G$20=$B$17,14,0)+IF('Standard Profiles'!$G$20=$B$24,21,0),MOD($C5995,24)+1)/SUM(INDEX($D$3:$AA$30,INDEX(Jesper!$R$2:$R$366,ROW(INDEX(Jesper!AJ$2:AJ$366,ROUNDDOWN($C5995/24,0)+1,1))-1)+IF('Standard Profiles'!$G$20=$B$10,7,0)+IF('Standard Profiles'!$G$20=$B$17,14,0)+IF('Standard Profiles'!$G$20=$B$24,21,0),0)),0)</f>
        <v>0</v>
      </c>
      <c r="G5995" cm="1">
        <f t="array" ref="G5995">IFERROR(INDEX(Jesper!AK$2:AK$366,ROUNDDOWN($C5995/24,0)+1,1)*INDEX($D$3:$AA$30,INDEX(Jesper!$R$2:$R$366,ROW(INDEX(Jesper!AK$2:AK$366,ROUNDDOWN($C5995/24,0)+1,1))-1)+IF('Standard Profiles'!$G$21=$B$10,7,0)+IF('Standard Profiles'!$G$21=$B$17,14,0)+IF('Standard Profiles'!$G$21=$B$24,21,0),MOD($C5995,24)+1)/SUM(INDEX($D$3:$AA$30,INDEX(Jesper!$R$2:$R$366,ROW(INDEX(Jesper!AK$2:AK$366,ROUNDDOWN($C5995/24,0)+1,1))-1)+IF('Standard Profiles'!$G$21=$B$10,7,0)+IF('Standard Profiles'!$G$21=$B$17,14,0)+IF('Standard Profiles'!$G$21=$B$24,21,0),0)),0)</f>
        <v>0.83283530214370183</v>
      </c>
      <c r="H5995" cm="1">
        <f t="array" ref="H5995">IFERROR(INDEX(Jesper!AL$2:AL$366,ROUNDDOWN($C5995/24,0)+1,1)*INDEX($D$3:$AA$30,INDEX(Jesper!$R$2:$R$366,ROW(INDEX(Jesper!AL$2:AL$366,ROUNDDOWN($C5995/24,0)+1,1))-1)+IF('Standard Profiles'!$G$22=$B$10,7,0)+IF('Standard Profiles'!$G$22=$B$17,14,0)+IF('Standard Profiles'!$G$22=$B$24,21,0),MOD($C5995,24)+1)/SUM(INDEX($D$3:$AA$30,INDEX(Jesper!$R$2:$R$366,ROW(INDEX(Jesper!AL$2:AL$366,ROUNDDOWN($C5995/24,0)+1,1))-1)+IF('Standard Profiles'!$G$22=$B$10,7,0)+IF('Standard Profiles'!$G$22=$B$17,14,0)+IF('Standard Profiles'!$G$22=$B$24,21,0),0)),0)</f>
        <v>0</v>
      </c>
      <c r="I5995">
        <f t="shared" si="671"/>
        <v>0.39976094502897669</v>
      </c>
      <c r="J5995">
        <f t="shared" si="672"/>
        <v>34.586868190170115</v>
      </c>
      <c r="K5995">
        <f t="shared" si="673"/>
        <v>2.876042011818674</v>
      </c>
      <c r="L5995">
        <f t="shared" si="674"/>
        <v>1.438021005909337</v>
      </c>
      <c r="M5995">
        <f t="shared" si="675"/>
        <v>0</v>
      </c>
      <c r="N5995" s="45">
        <f t="shared" si="676"/>
        <v>45175.374999985543</v>
      </c>
    </row>
    <row r="5996" spans="2:14" x14ac:dyDescent="0.25">
      <c r="B5996">
        <f t="shared" si="670"/>
        <v>3</v>
      </c>
      <c r="C5996" s="16">
        <v>5962</v>
      </c>
      <c r="D5996" cm="1">
        <f t="array" ref="D5996">IFERROR(INDEX(Jesper!AH$2:AH$366,ROUNDDOWN($C5996/24,0)+1,1)*INDEX($D$3:$AA$30,INDEX(Jesper!$R$2:$R$366,ROW(INDEX(Jesper!AH$2:AH$366,ROUNDDOWN($C5996/24,0)+1,1))-1)+IF('Standard Profiles'!$G$18=$B$10,7,0)+IF('Standard Profiles'!$G$18=$B$17,14,0)+IF('Standard Profiles'!$G$18=$B$24,21,0),MOD($C5996,24)+1)/SUM(INDEX($D$3:$AA$30,INDEX(Jesper!$R$2:$R$366,ROW(INDEX(Jesper!AH$2:AH$366,ROUNDDOWN($C5996/24,0)+1,1))-1)+IF('Standard Profiles'!$G$18=$B$10,7,0)+IF('Standard Profiles'!$G$18=$B$17,14,0)+IF('Standard Profiles'!$G$18=$B$24,21,0),0)),0)</f>
        <v>26.962893860800065</v>
      </c>
      <c r="E5996" cm="1">
        <f t="array" ref="E5996">IFERROR(INDEX(Jesper!AI$2:AI$366,ROUNDDOWN($C5996/24,0)+1,1)*INDEX($D$3:$AA$30,INDEX(Jesper!$R$2:$R$366,ROW(INDEX(Jesper!AI$2:AI$366,ROUNDDOWN($C5996/24,0)+1,1))-1)+IF('Standard Profiles'!$G$19=$B$10,7,0)+IF('Standard Profiles'!$G$19=$B$17,14,0)+IF('Standard Profiles'!$G$19=$B$24,21,0),MOD($C5996,24)+1)/SUM(INDEX($D$3:$AA$30,INDEX(Jesper!$R$2:$R$366,ROW(INDEX(Jesper!AI$2:AI$366,ROUNDDOWN($C5996/24,0)+1,1))-1)+IF('Standard Profiles'!$G$19=$B$10,7,0)+IF('Standard Profiles'!$G$19=$B$17,14,0)+IF('Standard Profiles'!$G$19=$B$24,21,0),0)),0)</f>
        <v>11.504962989983332</v>
      </c>
      <c r="F5996" cm="1">
        <f t="array" ref="F5996">IFERROR(INDEX(Jesper!AJ$2:AJ$366,ROUNDDOWN($C5996/24,0)+1,1)*INDEX($D$3:$AA$30,INDEX(Jesper!$R$2:$R$366,ROW(INDEX(Jesper!AJ$2:AJ$366,ROUNDDOWN($C5996/24,0)+1,1))-1)+IF('Standard Profiles'!$G$20=$B$10,7,0)+IF('Standard Profiles'!$G$20=$B$17,14,0)+IF('Standard Profiles'!$G$20=$B$24,21,0),MOD($C5996,24)+1)/SUM(INDEX($D$3:$AA$30,INDEX(Jesper!$R$2:$R$366,ROW(INDEX(Jesper!AJ$2:AJ$366,ROUNDDOWN($C5996/24,0)+1,1))-1)+IF('Standard Profiles'!$G$20=$B$10,7,0)+IF('Standard Profiles'!$G$20=$B$17,14,0)+IF('Standard Profiles'!$G$20=$B$24,21,0),0)),0)</f>
        <v>0</v>
      </c>
      <c r="G5996" cm="1">
        <f t="array" ref="G5996">IFERROR(INDEX(Jesper!AK$2:AK$366,ROUNDDOWN($C5996/24,0)+1,1)*INDEX($D$3:$AA$30,INDEX(Jesper!$R$2:$R$366,ROW(INDEX(Jesper!AK$2:AK$366,ROUNDDOWN($C5996/24,0)+1,1))-1)+IF('Standard Profiles'!$G$21=$B$10,7,0)+IF('Standard Profiles'!$G$21=$B$17,14,0)+IF('Standard Profiles'!$G$21=$B$24,21,0),MOD($C5996,24)+1)/SUM(INDEX($D$3:$AA$30,INDEX(Jesper!$R$2:$R$366,ROW(INDEX(Jesper!AK$2:AK$366,ROUNDDOWN($C5996/24,0)+1,1))-1)+IF('Standard Profiles'!$G$21=$B$10,7,0)+IF('Standard Profiles'!$G$21=$B$17,14,0)+IF('Standard Profiles'!$G$21=$B$24,21,0),0)),0)</f>
        <v>0.83283530214370183</v>
      </c>
      <c r="H5996" cm="1">
        <f t="array" ref="H5996">IFERROR(INDEX(Jesper!AL$2:AL$366,ROUNDDOWN($C5996/24,0)+1,1)*INDEX($D$3:$AA$30,INDEX(Jesper!$R$2:$R$366,ROW(INDEX(Jesper!AL$2:AL$366,ROUNDDOWN($C5996/24,0)+1,1))-1)+IF('Standard Profiles'!$G$22=$B$10,7,0)+IF('Standard Profiles'!$G$22=$B$17,14,0)+IF('Standard Profiles'!$G$22=$B$24,21,0),MOD($C5996,24)+1)/SUM(INDEX($D$3:$AA$30,INDEX(Jesper!$R$2:$R$366,ROW(INDEX(Jesper!AL$2:AL$366,ROUNDDOWN($C5996/24,0)+1,1))-1)+IF('Standard Profiles'!$G$22=$B$10,7,0)+IF('Standard Profiles'!$G$22=$B$17,14,0)+IF('Standard Profiles'!$G$22=$B$24,21,0),0)),0)</f>
        <v>0</v>
      </c>
      <c r="I5996">
        <f t="shared" si="671"/>
        <v>0.39976094502897669</v>
      </c>
      <c r="J5996">
        <f t="shared" si="672"/>
        <v>34.586868190170115</v>
      </c>
      <c r="K5996">
        <f t="shared" si="673"/>
        <v>2.876042011818674</v>
      </c>
      <c r="L5996">
        <f t="shared" si="674"/>
        <v>1.438021005909337</v>
      </c>
      <c r="M5996">
        <f t="shared" si="675"/>
        <v>0</v>
      </c>
      <c r="N5996" s="45">
        <f t="shared" si="676"/>
        <v>45175.416666652207</v>
      </c>
    </row>
    <row r="5997" spans="2:14" x14ac:dyDescent="0.25">
      <c r="B5997">
        <f t="shared" si="670"/>
        <v>3</v>
      </c>
      <c r="C5997" s="16">
        <v>5963</v>
      </c>
      <c r="D5997" cm="1">
        <f t="array" ref="D5997">IFERROR(INDEX(Jesper!AH$2:AH$366,ROUNDDOWN($C5997/24,0)+1,1)*INDEX($D$3:$AA$30,INDEX(Jesper!$R$2:$R$366,ROW(INDEX(Jesper!AH$2:AH$366,ROUNDDOWN($C5997/24,0)+1,1))-1)+IF('Standard Profiles'!$G$18=$B$10,7,0)+IF('Standard Profiles'!$G$18=$B$17,14,0)+IF('Standard Profiles'!$G$18=$B$24,21,0),MOD($C5997,24)+1)/SUM(INDEX($D$3:$AA$30,INDEX(Jesper!$R$2:$R$366,ROW(INDEX(Jesper!AH$2:AH$366,ROUNDDOWN($C5997/24,0)+1,1))-1)+IF('Standard Profiles'!$G$18=$B$10,7,0)+IF('Standard Profiles'!$G$18=$B$17,14,0)+IF('Standard Profiles'!$G$18=$B$24,21,0),0)),0)</f>
        <v>32.263291799247938</v>
      </c>
      <c r="E5997" cm="1">
        <f t="array" ref="E5997">IFERROR(INDEX(Jesper!AI$2:AI$366,ROUNDDOWN($C5997/24,0)+1,1)*INDEX($D$3:$AA$30,INDEX(Jesper!$R$2:$R$366,ROW(INDEX(Jesper!AI$2:AI$366,ROUNDDOWN($C5997/24,0)+1,1))-1)+IF('Standard Profiles'!$G$19=$B$10,7,0)+IF('Standard Profiles'!$G$19=$B$17,14,0)+IF('Standard Profiles'!$G$19=$B$24,21,0),MOD($C5997,24)+1)/SUM(INDEX($D$3:$AA$30,INDEX(Jesper!$R$2:$R$366,ROW(INDEX(Jesper!AI$2:AI$366,ROUNDDOWN($C5997/24,0)+1,1))-1)+IF('Standard Profiles'!$G$19=$B$10,7,0)+IF('Standard Profiles'!$G$19=$B$17,14,0)+IF('Standard Profiles'!$G$19=$B$24,21,0),0)),0)</f>
        <v>13.766622381176635</v>
      </c>
      <c r="F5997" cm="1">
        <f t="array" ref="F5997">IFERROR(INDEX(Jesper!AJ$2:AJ$366,ROUNDDOWN($C5997/24,0)+1,1)*INDEX($D$3:$AA$30,INDEX(Jesper!$R$2:$R$366,ROW(INDEX(Jesper!AJ$2:AJ$366,ROUNDDOWN($C5997/24,0)+1,1))-1)+IF('Standard Profiles'!$G$20=$B$10,7,0)+IF('Standard Profiles'!$G$20=$B$17,14,0)+IF('Standard Profiles'!$G$20=$B$24,21,0),MOD($C5997,24)+1)/SUM(INDEX($D$3:$AA$30,INDEX(Jesper!$R$2:$R$366,ROW(INDEX(Jesper!AJ$2:AJ$366,ROUNDDOWN($C5997/24,0)+1,1))-1)+IF('Standard Profiles'!$G$20=$B$10,7,0)+IF('Standard Profiles'!$G$20=$B$17,14,0)+IF('Standard Profiles'!$G$20=$B$24,21,0),0)),0)</f>
        <v>0</v>
      </c>
      <c r="G5997" cm="1">
        <f t="array" ref="G5997">IFERROR(INDEX(Jesper!AK$2:AK$366,ROUNDDOWN($C5997/24,0)+1,1)*INDEX($D$3:$AA$30,INDEX(Jesper!$R$2:$R$366,ROW(INDEX(Jesper!AK$2:AK$366,ROUNDDOWN($C5997/24,0)+1,1))-1)+IF('Standard Profiles'!$G$21=$B$10,7,0)+IF('Standard Profiles'!$G$21=$B$17,14,0)+IF('Standard Profiles'!$G$21=$B$24,21,0),MOD($C5997,24)+1)/SUM(INDEX($D$3:$AA$30,INDEX(Jesper!$R$2:$R$366,ROW(INDEX(Jesper!AK$2:AK$366,ROUNDDOWN($C5997/24,0)+1,1))-1)+IF('Standard Profiles'!$G$21=$B$10,7,0)+IF('Standard Profiles'!$G$21=$B$17,14,0)+IF('Standard Profiles'!$G$21=$B$24,21,0),0)),0)</f>
        <v>0.99655506239417302</v>
      </c>
      <c r="H5997" cm="1">
        <f t="array" ref="H5997">IFERROR(INDEX(Jesper!AL$2:AL$366,ROUNDDOWN($C5997/24,0)+1,1)*INDEX($D$3:$AA$30,INDEX(Jesper!$R$2:$R$366,ROW(INDEX(Jesper!AL$2:AL$366,ROUNDDOWN($C5997/24,0)+1,1))-1)+IF('Standard Profiles'!$G$22=$B$10,7,0)+IF('Standard Profiles'!$G$22=$B$17,14,0)+IF('Standard Profiles'!$G$22=$B$24,21,0),MOD($C5997,24)+1)/SUM(INDEX($D$3:$AA$30,INDEX(Jesper!$R$2:$R$366,ROW(INDEX(Jesper!AL$2:AL$366,ROUNDDOWN($C5997/24,0)+1,1))-1)+IF('Standard Profiles'!$G$22=$B$10,7,0)+IF('Standard Profiles'!$G$22=$B$17,14,0)+IF('Standard Profiles'!$G$22=$B$24,21,0),0)),0)</f>
        <v>0</v>
      </c>
      <c r="I5997">
        <f t="shared" si="671"/>
        <v>0.47834642994920279</v>
      </c>
      <c r="J5997">
        <f t="shared" si="672"/>
        <v>41.385996124989873</v>
      </c>
      <c r="K5997">
        <f t="shared" si="673"/>
        <v>3.4414177919197804</v>
      </c>
      <c r="L5997">
        <f t="shared" si="674"/>
        <v>1.7207088959598902</v>
      </c>
      <c r="M5997">
        <f t="shared" si="675"/>
        <v>0</v>
      </c>
      <c r="N5997" s="45">
        <f t="shared" si="676"/>
        <v>45175.458333318871</v>
      </c>
    </row>
    <row r="5998" spans="2:14" x14ac:dyDescent="0.25">
      <c r="B5998">
        <f t="shared" si="670"/>
        <v>3</v>
      </c>
      <c r="C5998" s="16">
        <v>5964</v>
      </c>
      <c r="D5998" cm="1">
        <f t="array" ref="D5998">IFERROR(INDEX(Jesper!AH$2:AH$366,ROUNDDOWN($C5998/24,0)+1,1)*INDEX($D$3:$AA$30,INDEX(Jesper!$R$2:$R$366,ROW(INDEX(Jesper!AH$2:AH$366,ROUNDDOWN($C5998/24,0)+1,1))-1)+IF('Standard Profiles'!$G$18=$B$10,7,0)+IF('Standard Profiles'!$G$18=$B$17,14,0)+IF('Standard Profiles'!$G$18=$B$24,21,0),MOD($C5998,24)+1)/SUM(INDEX($D$3:$AA$30,INDEX(Jesper!$R$2:$R$366,ROW(INDEX(Jesper!AH$2:AH$366,ROUNDDOWN($C5998/24,0)+1,1))-1)+IF('Standard Profiles'!$G$18=$B$10,7,0)+IF('Standard Profiles'!$G$18=$B$17,14,0)+IF('Standard Profiles'!$G$18=$B$24,21,0),0)),0)</f>
        <v>32.263291799247938</v>
      </c>
      <c r="E5998" cm="1">
        <f t="array" ref="E5998">IFERROR(INDEX(Jesper!AI$2:AI$366,ROUNDDOWN($C5998/24,0)+1,1)*INDEX($D$3:$AA$30,INDEX(Jesper!$R$2:$R$366,ROW(INDEX(Jesper!AI$2:AI$366,ROUNDDOWN($C5998/24,0)+1,1))-1)+IF('Standard Profiles'!$G$19=$B$10,7,0)+IF('Standard Profiles'!$G$19=$B$17,14,0)+IF('Standard Profiles'!$G$19=$B$24,21,0),MOD($C5998,24)+1)/SUM(INDEX($D$3:$AA$30,INDEX(Jesper!$R$2:$R$366,ROW(INDEX(Jesper!AI$2:AI$366,ROUNDDOWN($C5998/24,0)+1,1))-1)+IF('Standard Profiles'!$G$19=$B$10,7,0)+IF('Standard Profiles'!$G$19=$B$17,14,0)+IF('Standard Profiles'!$G$19=$B$24,21,0),0)),0)</f>
        <v>13.766622381176635</v>
      </c>
      <c r="F5998" cm="1">
        <f t="array" ref="F5998">IFERROR(INDEX(Jesper!AJ$2:AJ$366,ROUNDDOWN($C5998/24,0)+1,1)*INDEX($D$3:$AA$30,INDEX(Jesper!$R$2:$R$366,ROW(INDEX(Jesper!AJ$2:AJ$366,ROUNDDOWN($C5998/24,0)+1,1))-1)+IF('Standard Profiles'!$G$20=$B$10,7,0)+IF('Standard Profiles'!$G$20=$B$17,14,0)+IF('Standard Profiles'!$G$20=$B$24,21,0),MOD($C5998,24)+1)/SUM(INDEX($D$3:$AA$30,INDEX(Jesper!$R$2:$R$366,ROW(INDEX(Jesper!AJ$2:AJ$366,ROUNDDOWN($C5998/24,0)+1,1))-1)+IF('Standard Profiles'!$G$20=$B$10,7,0)+IF('Standard Profiles'!$G$20=$B$17,14,0)+IF('Standard Profiles'!$G$20=$B$24,21,0),0)),0)</f>
        <v>0</v>
      </c>
      <c r="G5998" cm="1">
        <f t="array" ref="G5998">IFERROR(INDEX(Jesper!AK$2:AK$366,ROUNDDOWN($C5998/24,0)+1,1)*INDEX($D$3:$AA$30,INDEX(Jesper!$R$2:$R$366,ROW(INDEX(Jesper!AK$2:AK$366,ROUNDDOWN($C5998/24,0)+1,1))-1)+IF('Standard Profiles'!$G$21=$B$10,7,0)+IF('Standard Profiles'!$G$21=$B$17,14,0)+IF('Standard Profiles'!$G$21=$B$24,21,0),MOD($C5998,24)+1)/SUM(INDEX($D$3:$AA$30,INDEX(Jesper!$R$2:$R$366,ROW(INDEX(Jesper!AK$2:AK$366,ROUNDDOWN($C5998/24,0)+1,1))-1)+IF('Standard Profiles'!$G$21=$B$10,7,0)+IF('Standard Profiles'!$G$21=$B$17,14,0)+IF('Standard Profiles'!$G$21=$B$24,21,0),0)),0)</f>
        <v>0.99655506239417302</v>
      </c>
      <c r="H5998" cm="1">
        <f t="array" ref="H5998">IFERROR(INDEX(Jesper!AL$2:AL$366,ROUNDDOWN($C5998/24,0)+1,1)*INDEX($D$3:$AA$30,INDEX(Jesper!$R$2:$R$366,ROW(INDEX(Jesper!AL$2:AL$366,ROUNDDOWN($C5998/24,0)+1,1))-1)+IF('Standard Profiles'!$G$22=$B$10,7,0)+IF('Standard Profiles'!$G$22=$B$17,14,0)+IF('Standard Profiles'!$G$22=$B$24,21,0),MOD($C5998,24)+1)/SUM(INDEX($D$3:$AA$30,INDEX(Jesper!$R$2:$R$366,ROW(INDEX(Jesper!AL$2:AL$366,ROUNDDOWN($C5998/24,0)+1,1))-1)+IF('Standard Profiles'!$G$22=$B$10,7,0)+IF('Standard Profiles'!$G$22=$B$17,14,0)+IF('Standard Profiles'!$G$22=$B$24,21,0),0)),0)</f>
        <v>0</v>
      </c>
      <c r="I5998">
        <f t="shared" si="671"/>
        <v>0.47834642994920279</v>
      </c>
      <c r="J5998">
        <f t="shared" si="672"/>
        <v>41.385996124989873</v>
      </c>
      <c r="K5998">
        <f t="shared" si="673"/>
        <v>3.4414177919197804</v>
      </c>
      <c r="L5998">
        <f t="shared" si="674"/>
        <v>1.7207088959598902</v>
      </c>
      <c r="M5998">
        <f t="shared" si="675"/>
        <v>0</v>
      </c>
      <c r="N5998" s="45">
        <f t="shared" si="676"/>
        <v>45175.499999985535</v>
      </c>
    </row>
    <row r="5999" spans="2:14" x14ac:dyDescent="0.25">
      <c r="B5999">
        <f t="shared" si="670"/>
        <v>3</v>
      </c>
      <c r="C5999" s="16">
        <v>5965</v>
      </c>
      <c r="D5999" cm="1">
        <f t="array" ref="D5999">IFERROR(INDEX(Jesper!AH$2:AH$366,ROUNDDOWN($C5999/24,0)+1,1)*INDEX($D$3:$AA$30,INDEX(Jesper!$R$2:$R$366,ROW(INDEX(Jesper!AH$2:AH$366,ROUNDDOWN($C5999/24,0)+1,1))-1)+IF('Standard Profiles'!$G$18=$B$10,7,0)+IF('Standard Profiles'!$G$18=$B$17,14,0)+IF('Standard Profiles'!$G$18=$B$24,21,0),MOD($C5999,24)+1)/SUM(INDEX($D$3:$AA$30,INDEX(Jesper!$R$2:$R$366,ROW(INDEX(Jesper!AH$2:AH$366,ROUNDDOWN($C5999/24,0)+1,1))-1)+IF('Standard Profiles'!$G$18=$B$10,7,0)+IF('Standard Profiles'!$G$18=$B$17,14,0)+IF('Standard Profiles'!$G$18=$B$24,21,0),0)),0)</f>
        <v>21.432043838071845</v>
      </c>
      <c r="E5999" cm="1">
        <f t="array" ref="E5999">IFERROR(INDEX(Jesper!AI$2:AI$366,ROUNDDOWN($C5999/24,0)+1,1)*INDEX($D$3:$AA$30,INDEX(Jesper!$R$2:$R$366,ROW(INDEX(Jesper!AI$2:AI$366,ROUNDDOWN($C5999/24,0)+1,1))-1)+IF('Standard Profiles'!$G$19=$B$10,7,0)+IF('Standard Profiles'!$G$19=$B$17,14,0)+IF('Standard Profiles'!$G$19=$B$24,21,0),MOD($C5999,24)+1)/SUM(INDEX($D$3:$AA$30,INDEX(Jesper!$R$2:$R$366,ROW(INDEX(Jesper!AI$2:AI$366,ROUNDDOWN($C5999/24,0)+1,1))-1)+IF('Standard Profiles'!$G$19=$B$10,7,0)+IF('Standard Profiles'!$G$19=$B$17,14,0)+IF('Standard Profiles'!$G$19=$B$24,21,0),0)),0)</f>
        <v>9.1449705817816209</v>
      </c>
      <c r="F5999" cm="1">
        <f t="array" ref="F5999">IFERROR(INDEX(Jesper!AJ$2:AJ$366,ROUNDDOWN($C5999/24,0)+1,1)*INDEX($D$3:$AA$30,INDEX(Jesper!$R$2:$R$366,ROW(INDEX(Jesper!AJ$2:AJ$366,ROUNDDOWN($C5999/24,0)+1,1))-1)+IF('Standard Profiles'!$G$20=$B$10,7,0)+IF('Standard Profiles'!$G$20=$B$17,14,0)+IF('Standard Profiles'!$G$20=$B$24,21,0),MOD($C5999,24)+1)/SUM(INDEX($D$3:$AA$30,INDEX(Jesper!$R$2:$R$366,ROW(INDEX(Jesper!AJ$2:AJ$366,ROUNDDOWN($C5999/24,0)+1,1))-1)+IF('Standard Profiles'!$G$20=$B$10,7,0)+IF('Standard Profiles'!$G$20=$B$17,14,0)+IF('Standard Profiles'!$G$20=$B$24,21,0),0)),0)</f>
        <v>0</v>
      </c>
      <c r="G5999" cm="1">
        <f t="array" ref="G5999">IFERROR(INDEX(Jesper!AK$2:AK$366,ROUNDDOWN($C5999/24,0)+1,1)*INDEX($D$3:$AA$30,INDEX(Jesper!$R$2:$R$366,ROW(INDEX(Jesper!AK$2:AK$366,ROUNDDOWN($C5999/24,0)+1,1))-1)+IF('Standard Profiles'!$G$21=$B$10,7,0)+IF('Standard Profiles'!$G$21=$B$17,14,0)+IF('Standard Profiles'!$G$21=$B$24,21,0),MOD($C5999,24)+1)/SUM(INDEX($D$3:$AA$30,INDEX(Jesper!$R$2:$R$366,ROW(INDEX(Jesper!AK$2:AK$366,ROUNDDOWN($C5999/24,0)+1,1))-1)+IF('Standard Profiles'!$G$21=$B$10,7,0)+IF('Standard Profiles'!$G$21=$B$17,14,0)+IF('Standard Profiles'!$G$21=$B$24,21,0),0)),0)</f>
        <v>0.6619972914475577</v>
      </c>
      <c r="H5999" cm="1">
        <f t="array" ref="H5999">IFERROR(INDEX(Jesper!AL$2:AL$366,ROUNDDOWN($C5999/24,0)+1,1)*INDEX($D$3:$AA$30,INDEX(Jesper!$R$2:$R$366,ROW(INDEX(Jesper!AL$2:AL$366,ROUNDDOWN($C5999/24,0)+1,1))-1)+IF('Standard Profiles'!$G$22=$B$10,7,0)+IF('Standard Profiles'!$G$22=$B$17,14,0)+IF('Standard Profiles'!$G$22=$B$24,21,0),MOD($C5999,24)+1)/SUM(INDEX($D$3:$AA$30,INDEX(Jesper!$R$2:$R$366,ROW(INDEX(Jesper!AL$2:AL$366,ROUNDDOWN($C5999/24,0)+1,1))-1)+IF('Standard Profiles'!$G$22=$B$10,7,0)+IF('Standard Profiles'!$G$22=$B$17,14,0)+IF('Standard Profiles'!$G$22=$B$24,21,0),0)),0)</f>
        <v>0</v>
      </c>
      <c r="I5999">
        <f t="shared" si="671"/>
        <v>0.31775869989482752</v>
      </c>
      <c r="J5999">
        <f t="shared" si="672"/>
        <v>27.492125997314702</v>
      </c>
      <c r="K5999">
        <f t="shared" si="673"/>
        <v>2.2860846760609967</v>
      </c>
      <c r="L5999">
        <f t="shared" si="674"/>
        <v>1.1430423380304984</v>
      </c>
      <c r="M5999">
        <f t="shared" si="675"/>
        <v>0</v>
      </c>
      <c r="N5999" s="45">
        <f t="shared" si="676"/>
        <v>45175.5416666522</v>
      </c>
    </row>
    <row r="6000" spans="2:14" x14ac:dyDescent="0.25">
      <c r="B6000">
        <f t="shared" si="670"/>
        <v>3</v>
      </c>
      <c r="C6000" s="16">
        <v>5966</v>
      </c>
      <c r="D6000" cm="1">
        <f t="array" ref="D6000">IFERROR(INDEX(Jesper!AH$2:AH$366,ROUNDDOWN($C6000/24,0)+1,1)*INDEX($D$3:$AA$30,INDEX(Jesper!$R$2:$R$366,ROW(INDEX(Jesper!AH$2:AH$366,ROUNDDOWN($C6000/24,0)+1,1))-1)+IF('Standard Profiles'!$G$18=$B$10,7,0)+IF('Standard Profiles'!$G$18=$B$17,14,0)+IF('Standard Profiles'!$G$18=$B$24,21,0),MOD($C6000,24)+1)/SUM(INDEX($D$3:$AA$30,INDEX(Jesper!$R$2:$R$366,ROW(INDEX(Jesper!AH$2:AH$366,ROUNDDOWN($C6000/24,0)+1,1))-1)+IF('Standard Profiles'!$G$18=$B$10,7,0)+IF('Standard Profiles'!$G$18=$B$17,14,0)+IF('Standard Profiles'!$G$18=$B$24,21,0),0)),0)</f>
        <v>32.263291799247938</v>
      </c>
      <c r="E6000" cm="1">
        <f t="array" ref="E6000">IFERROR(INDEX(Jesper!AI$2:AI$366,ROUNDDOWN($C6000/24,0)+1,1)*INDEX($D$3:$AA$30,INDEX(Jesper!$R$2:$R$366,ROW(INDEX(Jesper!AI$2:AI$366,ROUNDDOWN($C6000/24,0)+1,1))-1)+IF('Standard Profiles'!$G$19=$B$10,7,0)+IF('Standard Profiles'!$G$19=$B$17,14,0)+IF('Standard Profiles'!$G$19=$B$24,21,0),MOD($C6000,24)+1)/SUM(INDEX($D$3:$AA$30,INDEX(Jesper!$R$2:$R$366,ROW(INDEX(Jesper!AI$2:AI$366,ROUNDDOWN($C6000/24,0)+1,1))-1)+IF('Standard Profiles'!$G$19=$B$10,7,0)+IF('Standard Profiles'!$G$19=$B$17,14,0)+IF('Standard Profiles'!$G$19=$B$24,21,0),0)),0)</f>
        <v>13.766622381176635</v>
      </c>
      <c r="F6000" cm="1">
        <f t="array" ref="F6000">IFERROR(INDEX(Jesper!AJ$2:AJ$366,ROUNDDOWN($C6000/24,0)+1,1)*INDEX($D$3:$AA$30,INDEX(Jesper!$R$2:$R$366,ROW(INDEX(Jesper!AJ$2:AJ$366,ROUNDDOWN($C6000/24,0)+1,1))-1)+IF('Standard Profiles'!$G$20=$B$10,7,0)+IF('Standard Profiles'!$G$20=$B$17,14,0)+IF('Standard Profiles'!$G$20=$B$24,21,0),MOD($C6000,24)+1)/SUM(INDEX($D$3:$AA$30,INDEX(Jesper!$R$2:$R$366,ROW(INDEX(Jesper!AJ$2:AJ$366,ROUNDDOWN($C6000/24,0)+1,1))-1)+IF('Standard Profiles'!$G$20=$B$10,7,0)+IF('Standard Profiles'!$G$20=$B$17,14,0)+IF('Standard Profiles'!$G$20=$B$24,21,0),0)),0)</f>
        <v>0</v>
      </c>
      <c r="G6000" cm="1">
        <f t="array" ref="G6000">IFERROR(INDEX(Jesper!AK$2:AK$366,ROUNDDOWN($C6000/24,0)+1,1)*INDEX($D$3:$AA$30,INDEX(Jesper!$R$2:$R$366,ROW(INDEX(Jesper!AK$2:AK$366,ROUNDDOWN($C6000/24,0)+1,1))-1)+IF('Standard Profiles'!$G$21=$B$10,7,0)+IF('Standard Profiles'!$G$21=$B$17,14,0)+IF('Standard Profiles'!$G$21=$B$24,21,0),MOD($C6000,24)+1)/SUM(INDEX($D$3:$AA$30,INDEX(Jesper!$R$2:$R$366,ROW(INDEX(Jesper!AK$2:AK$366,ROUNDDOWN($C6000/24,0)+1,1))-1)+IF('Standard Profiles'!$G$21=$B$10,7,0)+IF('Standard Profiles'!$G$21=$B$17,14,0)+IF('Standard Profiles'!$G$21=$B$24,21,0),0)),0)</f>
        <v>0.99655506239417302</v>
      </c>
      <c r="H6000" cm="1">
        <f t="array" ref="H6000">IFERROR(INDEX(Jesper!AL$2:AL$366,ROUNDDOWN($C6000/24,0)+1,1)*INDEX($D$3:$AA$30,INDEX(Jesper!$R$2:$R$366,ROW(INDEX(Jesper!AL$2:AL$366,ROUNDDOWN($C6000/24,0)+1,1))-1)+IF('Standard Profiles'!$G$22=$B$10,7,0)+IF('Standard Profiles'!$G$22=$B$17,14,0)+IF('Standard Profiles'!$G$22=$B$24,21,0),MOD($C6000,24)+1)/SUM(INDEX($D$3:$AA$30,INDEX(Jesper!$R$2:$R$366,ROW(INDEX(Jesper!AL$2:AL$366,ROUNDDOWN($C6000/24,0)+1,1))-1)+IF('Standard Profiles'!$G$22=$B$10,7,0)+IF('Standard Profiles'!$G$22=$B$17,14,0)+IF('Standard Profiles'!$G$22=$B$24,21,0),0)),0)</f>
        <v>0</v>
      </c>
      <c r="I6000">
        <f t="shared" si="671"/>
        <v>0.47834642994920279</v>
      </c>
      <c r="J6000">
        <f t="shared" si="672"/>
        <v>41.385996124989873</v>
      </c>
      <c r="K6000">
        <f t="shared" si="673"/>
        <v>3.4414177919197804</v>
      </c>
      <c r="L6000">
        <f t="shared" si="674"/>
        <v>1.7207088959598902</v>
      </c>
      <c r="M6000">
        <f t="shared" si="675"/>
        <v>0</v>
      </c>
      <c r="N6000" s="45">
        <f t="shared" si="676"/>
        <v>45175.583333318864</v>
      </c>
    </row>
    <row r="6001" spans="2:14" x14ac:dyDescent="0.25">
      <c r="B6001">
        <f t="shared" si="670"/>
        <v>3</v>
      </c>
      <c r="C6001" s="16">
        <v>5967</v>
      </c>
      <c r="D6001" cm="1">
        <f t="array" ref="D6001">IFERROR(INDEX(Jesper!AH$2:AH$366,ROUNDDOWN($C6001/24,0)+1,1)*INDEX($D$3:$AA$30,INDEX(Jesper!$R$2:$R$366,ROW(INDEX(Jesper!AH$2:AH$366,ROUNDDOWN($C6001/24,0)+1,1))-1)+IF('Standard Profiles'!$G$18=$B$10,7,0)+IF('Standard Profiles'!$G$18=$B$17,14,0)+IF('Standard Profiles'!$G$18=$B$24,21,0),MOD($C6001,24)+1)/SUM(INDEX($D$3:$AA$30,INDEX(Jesper!$R$2:$R$366,ROW(INDEX(Jesper!AH$2:AH$366,ROUNDDOWN($C6001/24,0)+1,1))-1)+IF('Standard Profiles'!$G$18=$B$10,7,0)+IF('Standard Profiles'!$G$18=$B$17,14,0)+IF('Standard Profiles'!$G$18=$B$24,21,0),0)),0)</f>
        <v>32.263291799247938</v>
      </c>
      <c r="E6001" cm="1">
        <f t="array" ref="E6001">IFERROR(INDEX(Jesper!AI$2:AI$366,ROUNDDOWN($C6001/24,0)+1,1)*INDEX($D$3:$AA$30,INDEX(Jesper!$R$2:$R$366,ROW(INDEX(Jesper!AI$2:AI$366,ROUNDDOWN($C6001/24,0)+1,1))-1)+IF('Standard Profiles'!$G$19=$B$10,7,0)+IF('Standard Profiles'!$G$19=$B$17,14,0)+IF('Standard Profiles'!$G$19=$B$24,21,0),MOD($C6001,24)+1)/SUM(INDEX($D$3:$AA$30,INDEX(Jesper!$R$2:$R$366,ROW(INDEX(Jesper!AI$2:AI$366,ROUNDDOWN($C6001/24,0)+1,1))-1)+IF('Standard Profiles'!$G$19=$B$10,7,0)+IF('Standard Profiles'!$G$19=$B$17,14,0)+IF('Standard Profiles'!$G$19=$B$24,21,0),0)),0)</f>
        <v>13.766622381176635</v>
      </c>
      <c r="F6001" cm="1">
        <f t="array" ref="F6001">IFERROR(INDEX(Jesper!AJ$2:AJ$366,ROUNDDOWN($C6001/24,0)+1,1)*INDEX($D$3:$AA$30,INDEX(Jesper!$R$2:$R$366,ROW(INDEX(Jesper!AJ$2:AJ$366,ROUNDDOWN($C6001/24,0)+1,1))-1)+IF('Standard Profiles'!$G$20=$B$10,7,0)+IF('Standard Profiles'!$G$20=$B$17,14,0)+IF('Standard Profiles'!$G$20=$B$24,21,0),MOD($C6001,24)+1)/SUM(INDEX($D$3:$AA$30,INDEX(Jesper!$R$2:$R$366,ROW(INDEX(Jesper!AJ$2:AJ$366,ROUNDDOWN($C6001/24,0)+1,1))-1)+IF('Standard Profiles'!$G$20=$B$10,7,0)+IF('Standard Profiles'!$G$20=$B$17,14,0)+IF('Standard Profiles'!$G$20=$B$24,21,0),0)),0)</f>
        <v>0</v>
      </c>
      <c r="G6001" cm="1">
        <f t="array" ref="G6001">IFERROR(INDEX(Jesper!AK$2:AK$366,ROUNDDOWN($C6001/24,0)+1,1)*INDEX($D$3:$AA$30,INDEX(Jesper!$R$2:$R$366,ROW(INDEX(Jesper!AK$2:AK$366,ROUNDDOWN($C6001/24,0)+1,1))-1)+IF('Standard Profiles'!$G$21=$B$10,7,0)+IF('Standard Profiles'!$G$21=$B$17,14,0)+IF('Standard Profiles'!$G$21=$B$24,21,0),MOD($C6001,24)+1)/SUM(INDEX($D$3:$AA$30,INDEX(Jesper!$R$2:$R$366,ROW(INDEX(Jesper!AK$2:AK$366,ROUNDDOWN($C6001/24,0)+1,1))-1)+IF('Standard Profiles'!$G$21=$B$10,7,0)+IF('Standard Profiles'!$G$21=$B$17,14,0)+IF('Standard Profiles'!$G$21=$B$24,21,0),0)),0)</f>
        <v>0.99655506239417302</v>
      </c>
      <c r="H6001" cm="1">
        <f t="array" ref="H6001">IFERROR(INDEX(Jesper!AL$2:AL$366,ROUNDDOWN($C6001/24,0)+1,1)*INDEX($D$3:$AA$30,INDEX(Jesper!$R$2:$R$366,ROW(INDEX(Jesper!AL$2:AL$366,ROUNDDOWN($C6001/24,0)+1,1))-1)+IF('Standard Profiles'!$G$22=$B$10,7,0)+IF('Standard Profiles'!$G$22=$B$17,14,0)+IF('Standard Profiles'!$G$22=$B$24,21,0),MOD($C6001,24)+1)/SUM(INDEX($D$3:$AA$30,INDEX(Jesper!$R$2:$R$366,ROW(INDEX(Jesper!AL$2:AL$366,ROUNDDOWN($C6001/24,0)+1,1))-1)+IF('Standard Profiles'!$G$22=$B$10,7,0)+IF('Standard Profiles'!$G$22=$B$17,14,0)+IF('Standard Profiles'!$G$22=$B$24,21,0),0)),0)</f>
        <v>0</v>
      </c>
      <c r="I6001">
        <f t="shared" si="671"/>
        <v>0.47834642994920279</v>
      </c>
      <c r="J6001">
        <f t="shared" si="672"/>
        <v>41.385996124989873</v>
      </c>
      <c r="K6001">
        <f t="shared" si="673"/>
        <v>3.4414177919197804</v>
      </c>
      <c r="L6001">
        <f t="shared" si="674"/>
        <v>1.7207088959598902</v>
      </c>
      <c r="M6001">
        <f t="shared" si="675"/>
        <v>0</v>
      </c>
      <c r="N6001" s="45">
        <f t="shared" si="676"/>
        <v>45175.624999985528</v>
      </c>
    </row>
    <row r="6002" spans="2:14" x14ac:dyDescent="0.25">
      <c r="B6002">
        <f t="shared" si="670"/>
        <v>3</v>
      </c>
      <c r="C6002" s="16">
        <v>5968</v>
      </c>
      <c r="D6002" cm="1">
        <f t="array" ref="D6002">IFERROR(INDEX(Jesper!AH$2:AH$366,ROUNDDOWN($C6002/24,0)+1,1)*INDEX($D$3:$AA$30,INDEX(Jesper!$R$2:$R$366,ROW(INDEX(Jesper!AH$2:AH$366,ROUNDDOWN($C6002/24,0)+1,1))-1)+IF('Standard Profiles'!$G$18=$B$10,7,0)+IF('Standard Profiles'!$G$18=$B$17,14,0)+IF('Standard Profiles'!$G$18=$B$24,21,0),MOD($C6002,24)+1)/SUM(INDEX($D$3:$AA$30,INDEX(Jesper!$R$2:$R$366,ROW(INDEX(Jesper!AH$2:AH$366,ROUNDDOWN($C6002/24,0)+1,1))-1)+IF('Standard Profiles'!$G$18=$B$10,7,0)+IF('Standard Profiles'!$G$18=$B$17,14,0)+IF('Standard Profiles'!$G$18=$B$24,21,0),0)),0)</f>
        <v>19.012296953128249</v>
      </c>
      <c r="E6002" cm="1">
        <f t="array" ref="E6002">IFERROR(INDEX(Jesper!AI$2:AI$366,ROUNDDOWN($C6002/24,0)+1,1)*INDEX($D$3:$AA$30,INDEX(Jesper!$R$2:$R$366,ROW(INDEX(Jesper!AI$2:AI$366,ROUNDDOWN($C6002/24,0)+1,1))-1)+IF('Standard Profiles'!$G$19=$B$10,7,0)+IF('Standard Profiles'!$G$19=$B$17,14,0)+IF('Standard Profiles'!$G$19=$B$24,21,0),MOD($C6002,24)+1)/SUM(INDEX($D$3:$AA$30,INDEX(Jesper!$R$2:$R$366,ROW(INDEX(Jesper!AI$2:AI$366,ROUNDDOWN($C6002/24,0)+1,1))-1)+IF('Standard Profiles'!$G$19=$B$10,7,0)+IF('Standard Profiles'!$G$19=$B$17,14,0)+IF('Standard Profiles'!$G$19=$B$24,21,0),0)),0)</f>
        <v>8.1124739031933739</v>
      </c>
      <c r="F6002" cm="1">
        <f t="array" ref="F6002">IFERROR(INDEX(Jesper!AJ$2:AJ$366,ROUNDDOWN($C6002/24,0)+1,1)*INDEX($D$3:$AA$30,INDEX(Jesper!$R$2:$R$366,ROW(INDEX(Jesper!AJ$2:AJ$366,ROUNDDOWN($C6002/24,0)+1,1))-1)+IF('Standard Profiles'!$G$20=$B$10,7,0)+IF('Standard Profiles'!$G$20=$B$17,14,0)+IF('Standard Profiles'!$G$20=$B$24,21,0),MOD($C6002,24)+1)/SUM(INDEX($D$3:$AA$30,INDEX(Jesper!$R$2:$R$366,ROW(INDEX(Jesper!AJ$2:AJ$366,ROUNDDOWN($C6002/24,0)+1,1))-1)+IF('Standard Profiles'!$G$20=$B$10,7,0)+IF('Standard Profiles'!$G$20=$B$17,14,0)+IF('Standard Profiles'!$G$20=$B$24,21,0),0)),0)</f>
        <v>0</v>
      </c>
      <c r="G6002" cm="1">
        <f t="array" ref="G6002">IFERROR(INDEX(Jesper!AK$2:AK$366,ROUNDDOWN($C6002/24,0)+1,1)*INDEX($D$3:$AA$30,INDEX(Jesper!$R$2:$R$366,ROW(INDEX(Jesper!AK$2:AK$366,ROUNDDOWN($C6002/24,0)+1,1))-1)+IF('Standard Profiles'!$G$21=$B$10,7,0)+IF('Standard Profiles'!$G$21=$B$17,14,0)+IF('Standard Profiles'!$G$21=$B$24,21,0),MOD($C6002,24)+1)/SUM(INDEX($D$3:$AA$30,INDEX(Jesper!$R$2:$R$366,ROW(INDEX(Jesper!AK$2:AK$366,ROUNDDOWN($C6002/24,0)+1,1))-1)+IF('Standard Profiles'!$G$21=$B$10,7,0)+IF('Standard Profiles'!$G$21=$B$17,14,0)+IF('Standard Profiles'!$G$21=$B$24,21,0),0)),0)</f>
        <v>0.83271257368774199</v>
      </c>
      <c r="H6002" cm="1">
        <f t="array" ref="H6002">IFERROR(INDEX(Jesper!AL$2:AL$366,ROUNDDOWN($C6002/24,0)+1,1)*INDEX($D$3:$AA$30,INDEX(Jesper!$R$2:$R$366,ROW(INDEX(Jesper!AL$2:AL$366,ROUNDDOWN($C6002/24,0)+1,1))-1)+IF('Standard Profiles'!$G$22=$B$10,7,0)+IF('Standard Profiles'!$G$22=$B$17,14,0)+IF('Standard Profiles'!$G$22=$B$24,21,0),MOD($C6002,24)+1)/SUM(INDEX($D$3:$AA$30,INDEX(Jesper!$R$2:$R$366,ROW(INDEX(Jesper!AL$2:AL$366,ROUNDDOWN($C6002/24,0)+1,1))-1)+IF('Standard Profiles'!$G$22=$B$10,7,0)+IF('Standard Profiles'!$G$22=$B$17,14,0)+IF('Standard Profiles'!$G$22=$B$24,21,0),0)),0)</f>
        <v>0</v>
      </c>
      <c r="I6002">
        <f t="shared" si="671"/>
        <v>0.39970203537011595</v>
      </c>
      <c r="J6002">
        <f t="shared" si="672"/>
        <v>24.51581388213873</v>
      </c>
      <c r="K6002">
        <f t="shared" si="673"/>
        <v>2.0279783416670134</v>
      </c>
      <c r="L6002">
        <f t="shared" si="674"/>
        <v>1.0139891708335067</v>
      </c>
      <c r="M6002">
        <f t="shared" si="675"/>
        <v>0</v>
      </c>
      <c r="N6002" s="45">
        <f t="shared" si="676"/>
        <v>45175.666666652192</v>
      </c>
    </row>
    <row r="6003" spans="2:14" x14ac:dyDescent="0.25">
      <c r="B6003">
        <f t="shared" si="670"/>
        <v>3</v>
      </c>
      <c r="C6003" s="16">
        <v>5969</v>
      </c>
      <c r="D6003" cm="1">
        <f t="array" ref="D6003">IFERROR(INDEX(Jesper!AH$2:AH$366,ROUNDDOWN($C6003/24,0)+1,1)*INDEX($D$3:$AA$30,INDEX(Jesper!$R$2:$R$366,ROW(INDEX(Jesper!AH$2:AH$366,ROUNDDOWN($C6003/24,0)+1,1))-1)+IF('Standard Profiles'!$G$18=$B$10,7,0)+IF('Standard Profiles'!$G$18=$B$17,14,0)+IF('Standard Profiles'!$G$18=$B$24,21,0),MOD($C6003,24)+1)/SUM(INDEX($D$3:$AA$30,INDEX(Jesper!$R$2:$R$366,ROW(INDEX(Jesper!AH$2:AH$366,ROUNDDOWN($C6003/24,0)+1,1))-1)+IF('Standard Profiles'!$G$18=$B$10,7,0)+IF('Standard Profiles'!$G$18=$B$17,14,0)+IF('Standard Profiles'!$G$18=$B$24,21,0),0)),0)</f>
        <v>8.1145100098712124</v>
      </c>
      <c r="E6003" cm="1">
        <f t="array" ref="E6003">IFERROR(INDEX(Jesper!AI$2:AI$366,ROUNDDOWN($C6003/24,0)+1,1)*INDEX($D$3:$AA$30,INDEX(Jesper!$R$2:$R$366,ROW(INDEX(Jesper!AI$2:AI$366,ROUNDDOWN($C6003/24,0)+1,1))-1)+IF('Standard Profiles'!$G$19=$B$10,7,0)+IF('Standard Profiles'!$G$19=$B$17,14,0)+IF('Standard Profiles'!$G$19=$B$24,21,0),MOD($C6003,24)+1)/SUM(INDEX($D$3:$AA$30,INDEX(Jesper!$R$2:$R$366,ROW(INDEX(Jesper!AI$2:AI$366,ROUNDDOWN($C6003/24,0)+1,1))-1)+IF('Standard Profiles'!$G$19=$B$10,7,0)+IF('Standard Profiles'!$G$19=$B$17,14,0)+IF('Standard Profiles'!$G$19=$B$24,21,0),0)),0)</f>
        <v>3.4624301763522727</v>
      </c>
      <c r="F6003" cm="1">
        <f t="array" ref="F6003">IFERROR(INDEX(Jesper!AJ$2:AJ$366,ROUNDDOWN($C6003/24,0)+1,1)*INDEX($D$3:$AA$30,INDEX(Jesper!$R$2:$R$366,ROW(INDEX(Jesper!AJ$2:AJ$366,ROUNDDOWN($C6003/24,0)+1,1))-1)+IF('Standard Profiles'!$G$20=$B$10,7,0)+IF('Standard Profiles'!$G$20=$B$17,14,0)+IF('Standard Profiles'!$G$20=$B$24,21,0),MOD($C6003,24)+1)/SUM(INDEX($D$3:$AA$30,INDEX(Jesper!$R$2:$R$366,ROW(INDEX(Jesper!AJ$2:AJ$366,ROUNDDOWN($C6003/24,0)+1,1))-1)+IF('Standard Profiles'!$G$20=$B$10,7,0)+IF('Standard Profiles'!$G$20=$B$17,14,0)+IF('Standard Profiles'!$G$20=$B$24,21,0),0)),0)</f>
        <v>0</v>
      </c>
      <c r="G6003" cm="1">
        <f t="array" ref="G6003">IFERROR(INDEX(Jesper!AK$2:AK$366,ROUNDDOWN($C6003/24,0)+1,1)*INDEX($D$3:$AA$30,INDEX(Jesper!$R$2:$R$366,ROW(INDEX(Jesper!AK$2:AK$366,ROUNDDOWN($C6003/24,0)+1,1))-1)+IF('Standard Profiles'!$G$21=$B$10,7,0)+IF('Standard Profiles'!$G$21=$B$17,14,0)+IF('Standard Profiles'!$G$21=$B$24,21,0),MOD($C6003,24)+1)/SUM(INDEX($D$3:$AA$30,INDEX(Jesper!$R$2:$R$366,ROW(INDEX(Jesper!AK$2:AK$366,ROUNDDOWN($C6003/24,0)+1,1))-1)+IF('Standard Profiles'!$G$21=$B$10,7,0)+IF('Standard Profiles'!$G$21=$B$17,14,0)+IF('Standard Profiles'!$G$21=$B$24,21,0),0)),0)</f>
        <v>0.66212001990351776</v>
      </c>
      <c r="H6003" cm="1">
        <f t="array" ref="H6003">IFERROR(INDEX(Jesper!AL$2:AL$366,ROUNDDOWN($C6003/24,0)+1,1)*INDEX($D$3:$AA$30,INDEX(Jesper!$R$2:$R$366,ROW(INDEX(Jesper!AL$2:AL$366,ROUNDDOWN($C6003/24,0)+1,1))-1)+IF('Standard Profiles'!$G$22=$B$10,7,0)+IF('Standard Profiles'!$G$22=$B$17,14,0)+IF('Standard Profiles'!$G$22=$B$24,21,0),MOD($C6003,24)+1)/SUM(INDEX($D$3:$AA$30,INDEX(Jesper!$R$2:$R$366,ROW(INDEX(Jesper!AL$2:AL$366,ROUNDDOWN($C6003/24,0)+1,1))-1)+IF('Standard Profiles'!$G$22=$B$10,7,0)+IF('Standard Profiles'!$G$22=$B$17,14,0)+IF('Standard Profiles'!$G$22=$B$24,21,0),0)),0)</f>
        <v>0</v>
      </c>
      <c r="I6003">
        <f t="shared" si="671"/>
        <v>0.31781760955368837</v>
      </c>
      <c r="J6003">
        <f t="shared" si="672"/>
        <v>10.622920994993921</v>
      </c>
      <c r="K6003">
        <f t="shared" si="673"/>
        <v>0.86554773438626276</v>
      </c>
      <c r="L6003">
        <f t="shared" si="674"/>
        <v>0.43277386719313138</v>
      </c>
      <c r="M6003">
        <f t="shared" si="675"/>
        <v>0</v>
      </c>
      <c r="N6003" s="45">
        <f t="shared" si="676"/>
        <v>45175.708333318857</v>
      </c>
    </row>
    <row r="6004" spans="2:14" x14ac:dyDescent="0.25">
      <c r="B6004">
        <f t="shared" si="670"/>
        <v>3</v>
      </c>
      <c r="C6004" s="16">
        <v>5970</v>
      </c>
      <c r="D6004" cm="1">
        <f t="array" ref="D6004">IFERROR(INDEX(Jesper!AH$2:AH$366,ROUNDDOWN($C6004/24,0)+1,1)*INDEX($D$3:$AA$30,INDEX(Jesper!$R$2:$R$366,ROW(INDEX(Jesper!AH$2:AH$366,ROUNDDOWN($C6004/24,0)+1,1))-1)+IF('Standard Profiles'!$G$18=$B$10,7,0)+IF('Standard Profiles'!$G$18=$B$17,14,0)+IF('Standard Profiles'!$G$18=$B$24,21,0),MOD($C6004,24)+1)/SUM(INDEX($D$3:$AA$30,INDEX(Jesper!$R$2:$R$366,ROW(INDEX(Jesper!AH$2:AH$366,ROUNDDOWN($C6004/24,0)+1,1))-1)+IF('Standard Profiles'!$G$18=$B$10,7,0)+IF('Standard Profiles'!$G$18=$B$17,14,0)+IF('Standard Profiles'!$G$18=$B$24,21,0),0)),0)</f>
        <v>5.3555766065150001</v>
      </c>
      <c r="E6004" cm="1">
        <f t="array" ref="E6004">IFERROR(INDEX(Jesper!AI$2:AI$366,ROUNDDOWN($C6004/24,0)+1,1)*INDEX($D$3:$AA$30,INDEX(Jesper!$R$2:$R$366,ROW(INDEX(Jesper!AI$2:AI$366,ROUNDDOWN($C6004/24,0)+1,1))-1)+IF('Standard Profiles'!$G$19=$B$10,7,0)+IF('Standard Profiles'!$G$19=$B$17,14,0)+IF('Standard Profiles'!$G$19=$B$24,21,0),MOD($C6004,24)+1)/SUM(INDEX($D$3:$AA$30,INDEX(Jesper!$R$2:$R$366,ROW(INDEX(Jesper!AI$2:AI$366,ROUNDDOWN($C6004/24,0)+1,1))-1)+IF('Standard Profiles'!$G$19=$B$10,7,0)+IF('Standard Profiles'!$G$19=$B$17,14,0)+IF('Standard Profiles'!$G$19=$B$24,21,0),0)),0)</f>
        <v>2.2852039163925002</v>
      </c>
      <c r="F6004" cm="1">
        <f t="array" ref="F6004">IFERROR(INDEX(Jesper!AJ$2:AJ$366,ROUNDDOWN($C6004/24,0)+1,1)*INDEX($D$3:$AA$30,INDEX(Jesper!$R$2:$R$366,ROW(INDEX(Jesper!AJ$2:AJ$366,ROUNDDOWN($C6004/24,0)+1,1))-1)+IF('Standard Profiles'!$G$20=$B$10,7,0)+IF('Standard Profiles'!$G$20=$B$17,14,0)+IF('Standard Profiles'!$G$20=$B$24,21,0),MOD($C6004,24)+1)/SUM(INDEX($D$3:$AA$30,INDEX(Jesper!$R$2:$R$366,ROW(INDEX(Jesper!AJ$2:AJ$366,ROUNDDOWN($C6004/24,0)+1,1))-1)+IF('Standard Profiles'!$G$20=$B$10,7,0)+IF('Standard Profiles'!$G$20=$B$17,14,0)+IF('Standard Profiles'!$G$20=$B$24,21,0),0)),0)</f>
        <v>0</v>
      </c>
      <c r="G6004" cm="1">
        <f t="array" ref="G6004">IFERROR(INDEX(Jesper!AK$2:AK$366,ROUNDDOWN($C6004/24,0)+1,1)*INDEX($D$3:$AA$30,INDEX(Jesper!$R$2:$R$366,ROW(INDEX(Jesper!AK$2:AK$366,ROUNDDOWN($C6004/24,0)+1,1))-1)+IF('Standard Profiles'!$G$21=$B$10,7,0)+IF('Standard Profiles'!$G$21=$B$17,14,0)+IF('Standard Profiles'!$G$21=$B$24,21,0),MOD($C6004,24)+1)/SUM(INDEX($D$3:$AA$30,INDEX(Jesper!$R$2:$R$366,ROW(INDEX(Jesper!AK$2:AK$366,ROUNDDOWN($C6004/24,0)+1,1))-1)+IF('Standard Profiles'!$G$21=$B$10,7,0)+IF('Standard Profiles'!$G$21=$B$17,14,0)+IF('Standard Profiles'!$G$21=$B$24,21,0),0)),0)</f>
        <v>0.24545691191974706</v>
      </c>
      <c r="H6004" cm="1">
        <f t="array" ref="H6004">IFERROR(INDEX(Jesper!AL$2:AL$366,ROUNDDOWN($C6004/24,0)+1,1)*INDEX($D$3:$AA$30,INDEX(Jesper!$R$2:$R$366,ROW(INDEX(Jesper!AL$2:AL$366,ROUNDDOWN($C6004/24,0)+1,1))-1)+IF('Standard Profiles'!$G$22=$B$10,7,0)+IF('Standard Profiles'!$G$22=$B$17,14,0)+IF('Standard Profiles'!$G$22=$B$24,21,0),MOD($C6004,24)+1)/SUM(INDEX($D$3:$AA$30,INDEX(Jesper!$R$2:$R$366,ROW(INDEX(Jesper!AL$2:AL$366,ROUNDDOWN($C6004/24,0)+1,1))-1)+IF('Standard Profiles'!$G$22=$B$10,7,0)+IF('Standard Profiles'!$G$22=$B$17,14,0)+IF('Standard Profiles'!$G$22=$B$24,21,0),0)),0)</f>
        <v>0</v>
      </c>
      <c r="I6004">
        <f t="shared" si="671"/>
        <v>0.11781931772147852</v>
      </c>
      <c r="J6004">
        <f t="shared" si="672"/>
        <v>6.9115258600633682</v>
      </c>
      <c r="K6004">
        <f t="shared" si="673"/>
        <v>0.57126150469493342</v>
      </c>
      <c r="L6004">
        <f t="shared" si="674"/>
        <v>0.28563075234746671</v>
      </c>
      <c r="M6004">
        <f t="shared" si="675"/>
        <v>0</v>
      </c>
      <c r="N6004" s="45">
        <f t="shared" si="676"/>
        <v>45175.749999985521</v>
      </c>
    </row>
    <row r="6005" spans="2:14" x14ac:dyDescent="0.25">
      <c r="B6005">
        <f t="shared" si="670"/>
        <v>3</v>
      </c>
      <c r="C6005" s="16">
        <v>5971</v>
      </c>
      <c r="D6005" cm="1">
        <f t="array" ref="D6005">IFERROR(INDEX(Jesper!AH$2:AH$366,ROUNDDOWN($C6005/24,0)+1,1)*INDEX($D$3:$AA$30,INDEX(Jesper!$R$2:$R$366,ROW(INDEX(Jesper!AH$2:AH$366,ROUNDDOWN($C6005/24,0)+1,1))-1)+IF('Standard Profiles'!$G$18=$B$10,7,0)+IF('Standard Profiles'!$G$18=$B$17,14,0)+IF('Standard Profiles'!$G$18=$B$24,21,0),MOD($C6005,24)+1)/SUM(INDEX($D$3:$AA$30,INDEX(Jesper!$R$2:$R$366,ROW(INDEX(Jesper!AH$2:AH$366,ROUNDDOWN($C6005/24,0)+1,1))-1)+IF('Standard Profiles'!$G$18=$B$10,7,0)+IF('Standard Profiles'!$G$18=$B$17,14,0)+IF('Standard Profiles'!$G$18=$B$24,21,0),0)),0)</f>
        <v>5.3555766065150001</v>
      </c>
      <c r="E6005" cm="1">
        <f t="array" ref="E6005">IFERROR(INDEX(Jesper!AI$2:AI$366,ROUNDDOWN($C6005/24,0)+1,1)*INDEX($D$3:$AA$30,INDEX(Jesper!$R$2:$R$366,ROW(INDEX(Jesper!AI$2:AI$366,ROUNDDOWN($C6005/24,0)+1,1))-1)+IF('Standard Profiles'!$G$19=$B$10,7,0)+IF('Standard Profiles'!$G$19=$B$17,14,0)+IF('Standard Profiles'!$G$19=$B$24,21,0),MOD($C6005,24)+1)/SUM(INDEX($D$3:$AA$30,INDEX(Jesper!$R$2:$R$366,ROW(INDEX(Jesper!AI$2:AI$366,ROUNDDOWN($C6005/24,0)+1,1))-1)+IF('Standard Profiles'!$G$19=$B$10,7,0)+IF('Standard Profiles'!$G$19=$B$17,14,0)+IF('Standard Profiles'!$G$19=$B$24,21,0),0)),0)</f>
        <v>2.2852039163925002</v>
      </c>
      <c r="F6005" cm="1">
        <f t="array" ref="F6005">IFERROR(INDEX(Jesper!AJ$2:AJ$366,ROUNDDOWN($C6005/24,0)+1,1)*INDEX($D$3:$AA$30,INDEX(Jesper!$R$2:$R$366,ROW(INDEX(Jesper!AJ$2:AJ$366,ROUNDDOWN($C6005/24,0)+1,1))-1)+IF('Standard Profiles'!$G$20=$B$10,7,0)+IF('Standard Profiles'!$G$20=$B$17,14,0)+IF('Standard Profiles'!$G$20=$B$24,21,0),MOD($C6005,24)+1)/SUM(INDEX($D$3:$AA$30,INDEX(Jesper!$R$2:$R$366,ROW(INDEX(Jesper!AJ$2:AJ$366,ROUNDDOWN($C6005/24,0)+1,1))-1)+IF('Standard Profiles'!$G$20=$B$10,7,0)+IF('Standard Profiles'!$G$20=$B$17,14,0)+IF('Standard Profiles'!$G$20=$B$24,21,0),0)),0)</f>
        <v>0</v>
      </c>
      <c r="G6005" cm="1">
        <f t="array" ref="G6005">IFERROR(INDEX(Jesper!AK$2:AK$366,ROUNDDOWN($C6005/24,0)+1,1)*INDEX($D$3:$AA$30,INDEX(Jesper!$R$2:$R$366,ROW(INDEX(Jesper!AK$2:AK$366,ROUNDDOWN($C6005/24,0)+1,1))-1)+IF('Standard Profiles'!$G$21=$B$10,7,0)+IF('Standard Profiles'!$G$21=$B$17,14,0)+IF('Standard Profiles'!$G$21=$B$24,21,0),MOD($C6005,24)+1)/SUM(INDEX($D$3:$AA$30,INDEX(Jesper!$R$2:$R$366,ROW(INDEX(Jesper!AK$2:AK$366,ROUNDDOWN($C6005/24,0)+1,1))-1)+IF('Standard Profiles'!$G$21=$B$10,7,0)+IF('Standard Profiles'!$G$21=$B$17,14,0)+IF('Standard Profiles'!$G$21=$B$24,21,0),0)),0)</f>
        <v>0.24545691191974706</v>
      </c>
      <c r="H6005" cm="1">
        <f t="array" ref="H6005">IFERROR(INDEX(Jesper!AL$2:AL$366,ROUNDDOWN($C6005/24,0)+1,1)*INDEX($D$3:$AA$30,INDEX(Jesper!$R$2:$R$366,ROW(INDEX(Jesper!AL$2:AL$366,ROUNDDOWN($C6005/24,0)+1,1))-1)+IF('Standard Profiles'!$G$22=$B$10,7,0)+IF('Standard Profiles'!$G$22=$B$17,14,0)+IF('Standard Profiles'!$G$22=$B$24,21,0),MOD($C6005,24)+1)/SUM(INDEX($D$3:$AA$30,INDEX(Jesper!$R$2:$R$366,ROW(INDEX(Jesper!AL$2:AL$366,ROUNDDOWN($C6005/24,0)+1,1))-1)+IF('Standard Profiles'!$G$22=$B$10,7,0)+IF('Standard Profiles'!$G$22=$B$17,14,0)+IF('Standard Profiles'!$G$22=$B$24,21,0),0)),0)</f>
        <v>0</v>
      </c>
      <c r="I6005">
        <f t="shared" si="671"/>
        <v>0.11781931772147852</v>
      </c>
      <c r="J6005">
        <f t="shared" si="672"/>
        <v>6.9115258600633682</v>
      </c>
      <c r="K6005">
        <f t="shared" si="673"/>
        <v>0.57126150469493342</v>
      </c>
      <c r="L6005">
        <f t="shared" si="674"/>
        <v>0.28563075234746671</v>
      </c>
      <c r="M6005">
        <f t="shared" si="675"/>
        <v>0</v>
      </c>
      <c r="N6005" s="45">
        <f t="shared" si="676"/>
        <v>45175.791666652185</v>
      </c>
    </row>
    <row r="6006" spans="2:14" x14ac:dyDescent="0.25">
      <c r="B6006">
        <f t="shared" si="670"/>
        <v>3</v>
      </c>
      <c r="C6006" s="16">
        <v>5972</v>
      </c>
      <c r="D6006" cm="1">
        <f t="array" ref="D6006">IFERROR(INDEX(Jesper!AH$2:AH$366,ROUNDDOWN($C6006/24,0)+1,1)*INDEX($D$3:$AA$30,INDEX(Jesper!$R$2:$R$366,ROW(INDEX(Jesper!AH$2:AH$366,ROUNDDOWN($C6006/24,0)+1,1))-1)+IF('Standard Profiles'!$G$18=$B$10,7,0)+IF('Standard Profiles'!$G$18=$B$17,14,0)+IF('Standard Profiles'!$G$18=$B$24,21,0),MOD($C6006,24)+1)/SUM(INDEX($D$3:$AA$30,INDEX(Jesper!$R$2:$R$366,ROW(INDEX(Jesper!AH$2:AH$366,ROUNDDOWN($C6006/24,0)+1,1))-1)+IF('Standard Profiles'!$G$18=$B$10,7,0)+IF('Standard Profiles'!$G$18=$B$17,14,0)+IF('Standard Profiles'!$G$18=$B$24,21,0),0)),0)</f>
        <v>5.3555766065150001</v>
      </c>
      <c r="E6006" cm="1">
        <f t="array" ref="E6006">IFERROR(INDEX(Jesper!AI$2:AI$366,ROUNDDOWN($C6006/24,0)+1,1)*INDEX($D$3:$AA$30,INDEX(Jesper!$R$2:$R$366,ROW(INDEX(Jesper!AI$2:AI$366,ROUNDDOWN($C6006/24,0)+1,1))-1)+IF('Standard Profiles'!$G$19=$B$10,7,0)+IF('Standard Profiles'!$G$19=$B$17,14,0)+IF('Standard Profiles'!$G$19=$B$24,21,0),MOD($C6006,24)+1)/SUM(INDEX($D$3:$AA$30,INDEX(Jesper!$R$2:$R$366,ROW(INDEX(Jesper!AI$2:AI$366,ROUNDDOWN($C6006/24,0)+1,1))-1)+IF('Standard Profiles'!$G$19=$B$10,7,0)+IF('Standard Profiles'!$G$19=$B$17,14,0)+IF('Standard Profiles'!$G$19=$B$24,21,0),0)),0)</f>
        <v>2.2852039163925002</v>
      </c>
      <c r="F6006" cm="1">
        <f t="array" ref="F6006">IFERROR(INDEX(Jesper!AJ$2:AJ$366,ROUNDDOWN($C6006/24,0)+1,1)*INDEX($D$3:$AA$30,INDEX(Jesper!$R$2:$R$366,ROW(INDEX(Jesper!AJ$2:AJ$366,ROUNDDOWN($C6006/24,0)+1,1))-1)+IF('Standard Profiles'!$G$20=$B$10,7,0)+IF('Standard Profiles'!$G$20=$B$17,14,0)+IF('Standard Profiles'!$G$20=$B$24,21,0),MOD($C6006,24)+1)/SUM(INDEX($D$3:$AA$30,INDEX(Jesper!$R$2:$R$366,ROW(INDEX(Jesper!AJ$2:AJ$366,ROUNDDOWN($C6006/24,0)+1,1))-1)+IF('Standard Profiles'!$G$20=$B$10,7,0)+IF('Standard Profiles'!$G$20=$B$17,14,0)+IF('Standard Profiles'!$G$20=$B$24,21,0),0)),0)</f>
        <v>0</v>
      </c>
      <c r="G6006" cm="1">
        <f t="array" ref="G6006">IFERROR(INDEX(Jesper!AK$2:AK$366,ROUNDDOWN($C6006/24,0)+1,1)*INDEX($D$3:$AA$30,INDEX(Jesper!$R$2:$R$366,ROW(INDEX(Jesper!AK$2:AK$366,ROUNDDOWN($C6006/24,0)+1,1))-1)+IF('Standard Profiles'!$G$21=$B$10,7,0)+IF('Standard Profiles'!$G$21=$B$17,14,0)+IF('Standard Profiles'!$G$21=$B$24,21,0),MOD($C6006,24)+1)/SUM(INDEX($D$3:$AA$30,INDEX(Jesper!$R$2:$R$366,ROW(INDEX(Jesper!AK$2:AK$366,ROUNDDOWN($C6006/24,0)+1,1))-1)+IF('Standard Profiles'!$G$21=$B$10,7,0)+IF('Standard Profiles'!$G$21=$B$17,14,0)+IF('Standard Profiles'!$G$21=$B$24,21,0),0)),0)</f>
        <v>0.24545691191974706</v>
      </c>
      <c r="H6006" cm="1">
        <f t="array" ref="H6006">IFERROR(INDEX(Jesper!AL$2:AL$366,ROUNDDOWN($C6006/24,0)+1,1)*INDEX($D$3:$AA$30,INDEX(Jesper!$R$2:$R$366,ROW(INDEX(Jesper!AL$2:AL$366,ROUNDDOWN($C6006/24,0)+1,1))-1)+IF('Standard Profiles'!$G$22=$B$10,7,0)+IF('Standard Profiles'!$G$22=$B$17,14,0)+IF('Standard Profiles'!$G$22=$B$24,21,0),MOD($C6006,24)+1)/SUM(INDEX($D$3:$AA$30,INDEX(Jesper!$R$2:$R$366,ROW(INDEX(Jesper!AL$2:AL$366,ROUNDDOWN($C6006/24,0)+1,1))-1)+IF('Standard Profiles'!$G$22=$B$10,7,0)+IF('Standard Profiles'!$G$22=$B$17,14,0)+IF('Standard Profiles'!$G$22=$B$24,21,0),0)),0)</f>
        <v>0</v>
      </c>
      <c r="I6006">
        <f t="shared" si="671"/>
        <v>0.11781931772147852</v>
      </c>
      <c r="J6006">
        <f t="shared" si="672"/>
        <v>6.9115258600633682</v>
      </c>
      <c r="K6006">
        <f t="shared" si="673"/>
        <v>0.57126150469493342</v>
      </c>
      <c r="L6006">
        <f t="shared" si="674"/>
        <v>0.28563075234746671</v>
      </c>
      <c r="M6006">
        <f t="shared" si="675"/>
        <v>0</v>
      </c>
      <c r="N6006" s="45">
        <f t="shared" si="676"/>
        <v>45175.833333318849</v>
      </c>
    </row>
    <row r="6007" spans="2:14" x14ac:dyDescent="0.25">
      <c r="B6007">
        <f t="shared" si="670"/>
        <v>3</v>
      </c>
      <c r="C6007" s="16">
        <v>5973</v>
      </c>
      <c r="D6007" cm="1">
        <f t="array" ref="D6007">IFERROR(INDEX(Jesper!AH$2:AH$366,ROUNDDOWN($C6007/24,0)+1,1)*INDEX($D$3:$AA$30,INDEX(Jesper!$R$2:$R$366,ROW(INDEX(Jesper!AH$2:AH$366,ROUNDDOWN($C6007/24,0)+1,1))-1)+IF('Standard Profiles'!$G$18=$B$10,7,0)+IF('Standard Profiles'!$G$18=$B$17,14,0)+IF('Standard Profiles'!$G$18=$B$24,21,0),MOD($C6007,24)+1)/SUM(INDEX($D$3:$AA$30,INDEX(Jesper!$R$2:$R$366,ROW(INDEX(Jesper!AH$2:AH$366,ROUNDDOWN($C6007/24,0)+1,1))-1)+IF('Standard Profiles'!$G$18=$B$10,7,0)+IF('Standard Profiles'!$G$18=$B$17,14,0)+IF('Standard Profiles'!$G$18=$B$24,21,0),0)),0)</f>
        <v>5.3555766065150001</v>
      </c>
      <c r="E6007" cm="1">
        <f t="array" ref="E6007">IFERROR(INDEX(Jesper!AI$2:AI$366,ROUNDDOWN($C6007/24,0)+1,1)*INDEX($D$3:$AA$30,INDEX(Jesper!$R$2:$R$366,ROW(INDEX(Jesper!AI$2:AI$366,ROUNDDOWN($C6007/24,0)+1,1))-1)+IF('Standard Profiles'!$G$19=$B$10,7,0)+IF('Standard Profiles'!$G$19=$B$17,14,0)+IF('Standard Profiles'!$G$19=$B$24,21,0),MOD($C6007,24)+1)/SUM(INDEX($D$3:$AA$30,INDEX(Jesper!$R$2:$R$366,ROW(INDEX(Jesper!AI$2:AI$366,ROUNDDOWN($C6007/24,0)+1,1))-1)+IF('Standard Profiles'!$G$19=$B$10,7,0)+IF('Standard Profiles'!$G$19=$B$17,14,0)+IF('Standard Profiles'!$G$19=$B$24,21,0),0)),0)</f>
        <v>2.2852039163925002</v>
      </c>
      <c r="F6007" cm="1">
        <f t="array" ref="F6007">IFERROR(INDEX(Jesper!AJ$2:AJ$366,ROUNDDOWN($C6007/24,0)+1,1)*INDEX($D$3:$AA$30,INDEX(Jesper!$R$2:$R$366,ROW(INDEX(Jesper!AJ$2:AJ$366,ROUNDDOWN($C6007/24,0)+1,1))-1)+IF('Standard Profiles'!$G$20=$B$10,7,0)+IF('Standard Profiles'!$G$20=$B$17,14,0)+IF('Standard Profiles'!$G$20=$B$24,21,0),MOD($C6007,24)+1)/SUM(INDEX($D$3:$AA$30,INDEX(Jesper!$R$2:$R$366,ROW(INDEX(Jesper!AJ$2:AJ$366,ROUNDDOWN($C6007/24,0)+1,1))-1)+IF('Standard Profiles'!$G$20=$B$10,7,0)+IF('Standard Profiles'!$G$20=$B$17,14,0)+IF('Standard Profiles'!$G$20=$B$24,21,0),0)),0)</f>
        <v>0</v>
      </c>
      <c r="G6007" cm="1">
        <f t="array" ref="G6007">IFERROR(INDEX(Jesper!AK$2:AK$366,ROUNDDOWN($C6007/24,0)+1,1)*INDEX($D$3:$AA$30,INDEX(Jesper!$R$2:$R$366,ROW(INDEX(Jesper!AK$2:AK$366,ROUNDDOWN($C6007/24,0)+1,1))-1)+IF('Standard Profiles'!$G$21=$B$10,7,0)+IF('Standard Profiles'!$G$21=$B$17,14,0)+IF('Standard Profiles'!$G$21=$B$24,21,0),MOD($C6007,24)+1)/SUM(INDEX($D$3:$AA$30,INDEX(Jesper!$R$2:$R$366,ROW(INDEX(Jesper!AK$2:AK$366,ROUNDDOWN($C6007/24,0)+1,1))-1)+IF('Standard Profiles'!$G$21=$B$10,7,0)+IF('Standard Profiles'!$G$21=$B$17,14,0)+IF('Standard Profiles'!$G$21=$B$24,21,0),0)),0)</f>
        <v>0.24545691191974706</v>
      </c>
      <c r="H6007" cm="1">
        <f t="array" ref="H6007">IFERROR(INDEX(Jesper!AL$2:AL$366,ROUNDDOWN($C6007/24,0)+1,1)*INDEX($D$3:$AA$30,INDEX(Jesper!$R$2:$R$366,ROW(INDEX(Jesper!AL$2:AL$366,ROUNDDOWN($C6007/24,0)+1,1))-1)+IF('Standard Profiles'!$G$22=$B$10,7,0)+IF('Standard Profiles'!$G$22=$B$17,14,0)+IF('Standard Profiles'!$G$22=$B$24,21,0),MOD($C6007,24)+1)/SUM(INDEX($D$3:$AA$30,INDEX(Jesper!$R$2:$R$366,ROW(INDEX(Jesper!AL$2:AL$366,ROUNDDOWN($C6007/24,0)+1,1))-1)+IF('Standard Profiles'!$G$22=$B$10,7,0)+IF('Standard Profiles'!$G$22=$B$17,14,0)+IF('Standard Profiles'!$G$22=$B$24,21,0),0)),0)</f>
        <v>0</v>
      </c>
      <c r="I6007">
        <f t="shared" si="671"/>
        <v>0.11781931772147852</v>
      </c>
      <c r="J6007">
        <f t="shared" si="672"/>
        <v>6.9115258600633682</v>
      </c>
      <c r="K6007">
        <f t="shared" si="673"/>
        <v>0.57126150469493342</v>
      </c>
      <c r="L6007">
        <f t="shared" si="674"/>
        <v>0.28563075234746671</v>
      </c>
      <c r="M6007">
        <f t="shared" si="675"/>
        <v>0</v>
      </c>
      <c r="N6007" s="45">
        <f t="shared" si="676"/>
        <v>45175.874999985514</v>
      </c>
    </row>
    <row r="6008" spans="2:14" x14ac:dyDescent="0.25">
      <c r="B6008">
        <f t="shared" si="670"/>
        <v>3</v>
      </c>
      <c r="C6008" s="16">
        <v>5974</v>
      </c>
      <c r="D6008" cm="1">
        <f t="array" ref="D6008">IFERROR(INDEX(Jesper!AH$2:AH$366,ROUNDDOWN($C6008/24,0)+1,1)*INDEX($D$3:$AA$30,INDEX(Jesper!$R$2:$R$366,ROW(INDEX(Jesper!AH$2:AH$366,ROUNDDOWN($C6008/24,0)+1,1))-1)+IF('Standard Profiles'!$G$18=$B$10,7,0)+IF('Standard Profiles'!$G$18=$B$17,14,0)+IF('Standard Profiles'!$G$18=$B$24,21,0),MOD($C6008,24)+1)/SUM(INDEX($D$3:$AA$30,INDEX(Jesper!$R$2:$R$366,ROW(INDEX(Jesper!AH$2:AH$366,ROUNDDOWN($C6008/24,0)+1,1))-1)+IF('Standard Profiles'!$G$18=$B$10,7,0)+IF('Standard Profiles'!$G$18=$B$17,14,0)+IF('Standard Profiles'!$G$18=$B$24,21,0),0)),0)</f>
        <v>5.3555766065150001</v>
      </c>
      <c r="E6008" cm="1">
        <f t="array" ref="E6008">IFERROR(INDEX(Jesper!AI$2:AI$366,ROUNDDOWN($C6008/24,0)+1,1)*INDEX($D$3:$AA$30,INDEX(Jesper!$R$2:$R$366,ROW(INDEX(Jesper!AI$2:AI$366,ROUNDDOWN($C6008/24,0)+1,1))-1)+IF('Standard Profiles'!$G$19=$B$10,7,0)+IF('Standard Profiles'!$G$19=$B$17,14,0)+IF('Standard Profiles'!$G$19=$B$24,21,0),MOD($C6008,24)+1)/SUM(INDEX($D$3:$AA$30,INDEX(Jesper!$R$2:$R$366,ROW(INDEX(Jesper!AI$2:AI$366,ROUNDDOWN($C6008/24,0)+1,1))-1)+IF('Standard Profiles'!$G$19=$B$10,7,0)+IF('Standard Profiles'!$G$19=$B$17,14,0)+IF('Standard Profiles'!$G$19=$B$24,21,0),0)),0)</f>
        <v>2.2852039163925002</v>
      </c>
      <c r="F6008" cm="1">
        <f t="array" ref="F6008">IFERROR(INDEX(Jesper!AJ$2:AJ$366,ROUNDDOWN($C6008/24,0)+1,1)*INDEX($D$3:$AA$30,INDEX(Jesper!$R$2:$R$366,ROW(INDEX(Jesper!AJ$2:AJ$366,ROUNDDOWN($C6008/24,0)+1,1))-1)+IF('Standard Profiles'!$G$20=$B$10,7,0)+IF('Standard Profiles'!$G$20=$B$17,14,0)+IF('Standard Profiles'!$G$20=$B$24,21,0),MOD($C6008,24)+1)/SUM(INDEX($D$3:$AA$30,INDEX(Jesper!$R$2:$R$366,ROW(INDEX(Jesper!AJ$2:AJ$366,ROUNDDOWN($C6008/24,0)+1,1))-1)+IF('Standard Profiles'!$G$20=$B$10,7,0)+IF('Standard Profiles'!$G$20=$B$17,14,0)+IF('Standard Profiles'!$G$20=$B$24,21,0),0)),0)</f>
        <v>0</v>
      </c>
      <c r="G6008" cm="1">
        <f t="array" ref="G6008">IFERROR(INDEX(Jesper!AK$2:AK$366,ROUNDDOWN($C6008/24,0)+1,1)*INDEX($D$3:$AA$30,INDEX(Jesper!$R$2:$R$366,ROW(INDEX(Jesper!AK$2:AK$366,ROUNDDOWN($C6008/24,0)+1,1))-1)+IF('Standard Profiles'!$G$21=$B$10,7,0)+IF('Standard Profiles'!$G$21=$B$17,14,0)+IF('Standard Profiles'!$G$21=$B$24,21,0),MOD($C6008,24)+1)/SUM(INDEX($D$3:$AA$30,INDEX(Jesper!$R$2:$R$366,ROW(INDEX(Jesper!AK$2:AK$366,ROUNDDOWN($C6008/24,0)+1,1))-1)+IF('Standard Profiles'!$G$21=$B$10,7,0)+IF('Standard Profiles'!$G$21=$B$17,14,0)+IF('Standard Profiles'!$G$21=$B$24,21,0),0)),0)</f>
        <v>0.24545691191974706</v>
      </c>
      <c r="H6008" cm="1">
        <f t="array" ref="H6008">IFERROR(INDEX(Jesper!AL$2:AL$366,ROUNDDOWN($C6008/24,0)+1,1)*INDEX($D$3:$AA$30,INDEX(Jesper!$R$2:$R$366,ROW(INDEX(Jesper!AL$2:AL$366,ROUNDDOWN($C6008/24,0)+1,1))-1)+IF('Standard Profiles'!$G$22=$B$10,7,0)+IF('Standard Profiles'!$G$22=$B$17,14,0)+IF('Standard Profiles'!$G$22=$B$24,21,0),MOD($C6008,24)+1)/SUM(INDEX($D$3:$AA$30,INDEX(Jesper!$R$2:$R$366,ROW(INDEX(Jesper!AL$2:AL$366,ROUNDDOWN($C6008/24,0)+1,1))-1)+IF('Standard Profiles'!$G$22=$B$10,7,0)+IF('Standard Profiles'!$G$22=$B$17,14,0)+IF('Standard Profiles'!$G$22=$B$24,21,0),0)),0)</f>
        <v>0</v>
      </c>
      <c r="I6008">
        <f t="shared" si="671"/>
        <v>0.11781931772147852</v>
      </c>
      <c r="J6008">
        <f t="shared" si="672"/>
        <v>6.9115258600633682</v>
      </c>
      <c r="K6008">
        <f t="shared" si="673"/>
        <v>0.57126150469493342</v>
      </c>
      <c r="L6008">
        <f t="shared" si="674"/>
        <v>0.28563075234746671</v>
      </c>
      <c r="M6008">
        <f t="shared" si="675"/>
        <v>0</v>
      </c>
      <c r="N6008" s="45">
        <f t="shared" si="676"/>
        <v>45175.916666652178</v>
      </c>
    </row>
    <row r="6009" spans="2:14" x14ac:dyDescent="0.25">
      <c r="B6009">
        <f t="shared" si="670"/>
        <v>3</v>
      </c>
      <c r="C6009" s="16">
        <v>5975</v>
      </c>
      <c r="D6009" cm="1">
        <f t="array" ref="D6009">IFERROR(INDEX(Jesper!AH$2:AH$366,ROUNDDOWN($C6009/24,0)+1,1)*INDEX($D$3:$AA$30,INDEX(Jesper!$R$2:$R$366,ROW(INDEX(Jesper!AH$2:AH$366,ROUNDDOWN($C6009/24,0)+1,1))-1)+IF('Standard Profiles'!$G$18=$B$10,7,0)+IF('Standard Profiles'!$G$18=$B$17,14,0)+IF('Standard Profiles'!$G$18=$B$24,21,0),MOD($C6009,24)+1)/SUM(INDEX($D$3:$AA$30,INDEX(Jesper!$R$2:$R$366,ROW(INDEX(Jesper!AH$2:AH$366,ROUNDDOWN($C6009/24,0)+1,1))-1)+IF('Standard Profiles'!$G$18=$B$10,7,0)+IF('Standard Profiles'!$G$18=$B$17,14,0)+IF('Standard Profiles'!$G$18=$B$24,21,0),0)),0)</f>
        <v>5.3555766065150001</v>
      </c>
      <c r="E6009" cm="1">
        <f t="array" ref="E6009">IFERROR(INDEX(Jesper!AI$2:AI$366,ROUNDDOWN($C6009/24,0)+1,1)*INDEX($D$3:$AA$30,INDEX(Jesper!$R$2:$R$366,ROW(INDEX(Jesper!AI$2:AI$366,ROUNDDOWN($C6009/24,0)+1,1))-1)+IF('Standard Profiles'!$G$19=$B$10,7,0)+IF('Standard Profiles'!$G$19=$B$17,14,0)+IF('Standard Profiles'!$G$19=$B$24,21,0),MOD($C6009,24)+1)/SUM(INDEX($D$3:$AA$30,INDEX(Jesper!$R$2:$R$366,ROW(INDEX(Jesper!AI$2:AI$366,ROUNDDOWN($C6009/24,0)+1,1))-1)+IF('Standard Profiles'!$G$19=$B$10,7,0)+IF('Standard Profiles'!$G$19=$B$17,14,0)+IF('Standard Profiles'!$G$19=$B$24,21,0),0)),0)</f>
        <v>2.2852039163925002</v>
      </c>
      <c r="F6009" cm="1">
        <f t="array" ref="F6009">IFERROR(INDEX(Jesper!AJ$2:AJ$366,ROUNDDOWN($C6009/24,0)+1,1)*INDEX($D$3:$AA$30,INDEX(Jesper!$R$2:$R$366,ROW(INDEX(Jesper!AJ$2:AJ$366,ROUNDDOWN($C6009/24,0)+1,1))-1)+IF('Standard Profiles'!$G$20=$B$10,7,0)+IF('Standard Profiles'!$G$20=$B$17,14,0)+IF('Standard Profiles'!$G$20=$B$24,21,0),MOD($C6009,24)+1)/SUM(INDEX($D$3:$AA$30,INDEX(Jesper!$R$2:$R$366,ROW(INDEX(Jesper!AJ$2:AJ$366,ROUNDDOWN($C6009/24,0)+1,1))-1)+IF('Standard Profiles'!$G$20=$B$10,7,0)+IF('Standard Profiles'!$G$20=$B$17,14,0)+IF('Standard Profiles'!$G$20=$B$24,21,0),0)),0)</f>
        <v>0</v>
      </c>
      <c r="G6009" cm="1">
        <f t="array" ref="G6009">IFERROR(INDEX(Jesper!AK$2:AK$366,ROUNDDOWN($C6009/24,0)+1,1)*INDEX($D$3:$AA$30,INDEX(Jesper!$R$2:$R$366,ROW(INDEX(Jesper!AK$2:AK$366,ROUNDDOWN($C6009/24,0)+1,1))-1)+IF('Standard Profiles'!$G$21=$B$10,7,0)+IF('Standard Profiles'!$G$21=$B$17,14,0)+IF('Standard Profiles'!$G$21=$B$24,21,0),MOD($C6009,24)+1)/SUM(INDEX($D$3:$AA$30,INDEX(Jesper!$R$2:$R$366,ROW(INDEX(Jesper!AK$2:AK$366,ROUNDDOWN($C6009/24,0)+1,1))-1)+IF('Standard Profiles'!$G$21=$B$10,7,0)+IF('Standard Profiles'!$G$21=$B$17,14,0)+IF('Standard Profiles'!$G$21=$B$24,21,0),0)),0)</f>
        <v>0.24545691191974706</v>
      </c>
      <c r="H6009" cm="1">
        <f t="array" ref="H6009">IFERROR(INDEX(Jesper!AL$2:AL$366,ROUNDDOWN($C6009/24,0)+1,1)*INDEX($D$3:$AA$30,INDEX(Jesper!$R$2:$R$366,ROW(INDEX(Jesper!AL$2:AL$366,ROUNDDOWN($C6009/24,0)+1,1))-1)+IF('Standard Profiles'!$G$22=$B$10,7,0)+IF('Standard Profiles'!$G$22=$B$17,14,0)+IF('Standard Profiles'!$G$22=$B$24,21,0),MOD($C6009,24)+1)/SUM(INDEX($D$3:$AA$30,INDEX(Jesper!$R$2:$R$366,ROW(INDEX(Jesper!AL$2:AL$366,ROUNDDOWN($C6009/24,0)+1,1))-1)+IF('Standard Profiles'!$G$22=$B$10,7,0)+IF('Standard Profiles'!$G$22=$B$17,14,0)+IF('Standard Profiles'!$G$22=$B$24,21,0),0)),0)</f>
        <v>0</v>
      </c>
      <c r="I6009">
        <f t="shared" si="671"/>
        <v>0.11781931772147852</v>
      </c>
      <c r="J6009">
        <f t="shared" si="672"/>
        <v>6.9115258600633682</v>
      </c>
      <c r="K6009">
        <f t="shared" si="673"/>
        <v>0.57126150469493342</v>
      </c>
      <c r="L6009">
        <f t="shared" si="674"/>
        <v>0.28563075234746671</v>
      </c>
      <c r="M6009">
        <f t="shared" si="675"/>
        <v>0</v>
      </c>
      <c r="N6009" s="45">
        <f t="shared" si="676"/>
        <v>45175.958333318842</v>
      </c>
    </row>
    <row r="6010" spans="2:14" x14ac:dyDescent="0.25">
      <c r="B6010">
        <f t="shared" si="670"/>
        <v>4</v>
      </c>
      <c r="C6010" s="16">
        <v>5976</v>
      </c>
      <c r="D6010" cm="1">
        <f t="array" ref="D6010">IFERROR(INDEX(Jesper!AH$2:AH$366,ROUNDDOWN($C6010/24,0)+1,1)*INDEX($D$3:$AA$30,INDEX(Jesper!$R$2:$R$366,ROW(INDEX(Jesper!AH$2:AH$366,ROUNDDOWN($C6010/24,0)+1,1))-1)+IF('Standard Profiles'!$G$18=$B$10,7,0)+IF('Standard Profiles'!$G$18=$B$17,14,0)+IF('Standard Profiles'!$G$18=$B$24,21,0),MOD($C6010,24)+1)/SUM(INDEX($D$3:$AA$30,INDEX(Jesper!$R$2:$R$366,ROW(INDEX(Jesper!AH$2:AH$366,ROUNDDOWN($C6010/24,0)+1,1))-1)+IF('Standard Profiles'!$G$18=$B$10,7,0)+IF('Standard Profiles'!$G$18=$B$17,14,0)+IF('Standard Profiles'!$G$18=$B$24,21,0),0)),0)</f>
        <v>5.342978511279453</v>
      </c>
      <c r="E6010" cm="1">
        <f t="array" ref="E6010">IFERROR(INDEX(Jesper!AI$2:AI$366,ROUNDDOWN($C6010/24,0)+1,1)*INDEX($D$3:$AA$30,INDEX(Jesper!$R$2:$R$366,ROW(INDEX(Jesper!AI$2:AI$366,ROUNDDOWN($C6010/24,0)+1,1))-1)+IF('Standard Profiles'!$G$19=$B$10,7,0)+IF('Standard Profiles'!$G$19=$B$17,14,0)+IF('Standard Profiles'!$G$19=$B$24,21,0),MOD($C6010,24)+1)/SUM(INDEX($D$3:$AA$30,INDEX(Jesper!$R$2:$R$366,ROW(INDEX(Jesper!AI$2:AI$366,ROUNDDOWN($C6010/24,0)+1,1))-1)+IF('Standard Profiles'!$G$19=$B$10,7,0)+IF('Standard Profiles'!$G$19=$B$17,14,0)+IF('Standard Profiles'!$G$19=$B$24,21,0),0)),0)</f>
        <v>2.2616540867535924</v>
      </c>
      <c r="F6010" cm="1">
        <f t="array" ref="F6010">IFERROR(INDEX(Jesper!AJ$2:AJ$366,ROUNDDOWN($C6010/24,0)+1,1)*INDEX($D$3:$AA$30,INDEX(Jesper!$R$2:$R$366,ROW(INDEX(Jesper!AJ$2:AJ$366,ROUNDDOWN($C6010/24,0)+1,1))-1)+IF('Standard Profiles'!$G$20=$B$10,7,0)+IF('Standard Profiles'!$G$20=$B$17,14,0)+IF('Standard Profiles'!$G$20=$B$24,21,0),MOD($C6010,24)+1)/SUM(INDEX($D$3:$AA$30,INDEX(Jesper!$R$2:$R$366,ROW(INDEX(Jesper!AJ$2:AJ$366,ROUNDDOWN($C6010/24,0)+1,1))-1)+IF('Standard Profiles'!$G$20=$B$10,7,0)+IF('Standard Profiles'!$G$20=$B$17,14,0)+IF('Standard Profiles'!$G$20=$B$24,21,0),0)),0)</f>
        <v>0</v>
      </c>
      <c r="G6010" cm="1">
        <f t="array" ref="G6010">IFERROR(INDEX(Jesper!AK$2:AK$366,ROUNDDOWN($C6010/24,0)+1,1)*INDEX($D$3:$AA$30,INDEX(Jesper!$R$2:$R$366,ROW(INDEX(Jesper!AK$2:AK$366,ROUNDDOWN($C6010/24,0)+1,1))-1)+IF('Standard Profiles'!$G$21=$B$10,7,0)+IF('Standard Profiles'!$G$21=$B$17,14,0)+IF('Standard Profiles'!$G$21=$B$24,21,0),MOD($C6010,24)+1)/SUM(INDEX($D$3:$AA$30,INDEX(Jesper!$R$2:$R$366,ROW(INDEX(Jesper!AK$2:AK$366,ROUNDDOWN($C6010/24,0)+1,1))-1)+IF('Standard Profiles'!$G$21=$B$10,7,0)+IF('Standard Profiles'!$G$21=$B$17,14,0)+IF('Standard Profiles'!$G$21=$B$24,21,0),0)),0)</f>
        <v>0.21288669215594172</v>
      </c>
      <c r="H6010" cm="1">
        <f t="array" ref="H6010">IFERROR(INDEX(Jesper!AL$2:AL$366,ROUNDDOWN($C6010/24,0)+1,1)*INDEX($D$3:$AA$30,INDEX(Jesper!$R$2:$R$366,ROW(INDEX(Jesper!AL$2:AL$366,ROUNDDOWN($C6010/24,0)+1,1))-1)+IF('Standard Profiles'!$G$22=$B$10,7,0)+IF('Standard Profiles'!$G$22=$B$17,14,0)+IF('Standard Profiles'!$G$22=$B$24,21,0),MOD($C6010,24)+1)/SUM(INDEX($D$3:$AA$30,INDEX(Jesper!$R$2:$R$366,ROW(INDEX(Jesper!AL$2:AL$366,ROUNDDOWN($C6010/24,0)+1,1))-1)+IF('Standard Profiles'!$G$22=$B$10,7,0)+IF('Standard Profiles'!$G$22=$B$17,14,0)+IF('Standard Profiles'!$G$22=$B$24,21,0),0)),0)</f>
        <v>0</v>
      </c>
      <c r="I6010">
        <f t="shared" si="671"/>
        <v>0.10218561223485198</v>
      </c>
      <c r="J6010">
        <f t="shared" si="672"/>
        <v>6.8604571161494219</v>
      </c>
      <c r="K6010">
        <f t="shared" si="673"/>
        <v>0.56991770786980833</v>
      </c>
      <c r="L6010">
        <f t="shared" si="674"/>
        <v>0.28495885393490417</v>
      </c>
      <c r="M6010">
        <f t="shared" si="675"/>
        <v>0</v>
      </c>
      <c r="N6010" s="45">
        <f t="shared" si="676"/>
        <v>45175.999999985506</v>
      </c>
    </row>
    <row r="6011" spans="2:14" x14ac:dyDescent="0.25">
      <c r="B6011">
        <f t="shared" si="670"/>
        <v>4</v>
      </c>
      <c r="C6011" s="16">
        <v>5977</v>
      </c>
      <c r="D6011" cm="1">
        <f t="array" ref="D6011">IFERROR(INDEX(Jesper!AH$2:AH$366,ROUNDDOWN($C6011/24,0)+1,1)*INDEX($D$3:$AA$30,INDEX(Jesper!$R$2:$R$366,ROW(INDEX(Jesper!AH$2:AH$366,ROUNDDOWN($C6011/24,0)+1,1))-1)+IF('Standard Profiles'!$G$18=$B$10,7,0)+IF('Standard Profiles'!$G$18=$B$17,14,0)+IF('Standard Profiles'!$G$18=$B$24,21,0),MOD($C6011,24)+1)/SUM(INDEX($D$3:$AA$30,INDEX(Jesper!$R$2:$R$366,ROW(INDEX(Jesper!AH$2:AH$366,ROUNDDOWN($C6011/24,0)+1,1))-1)+IF('Standard Profiles'!$G$18=$B$10,7,0)+IF('Standard Profiles'!$G$18=$B$17,14,0)+IF('Standard Profiles'!$G$18=$B$24,21,0),0)),0)</f>
        <v>5.342978511279453</v>
      </c>
      <c r="E6011" cm="1">
        <f t="array" ref="E6011">IFERROR(INDEX(Jesper!AI$2:AI$366,ROUNDDOWN($C6011/24,0)+1,1)*INDEX($D$3:$AA$30,INDEX(Jesper!$R$2:$R$366,ROW(INDEX(Jesper!AI$2:AI$366,ROUNDDOWN($C6011/24,0)+1,1))-1)+IF('Standard Profiles'!$G$19=$B$10,7,0)+IF('Standard Profiles'!$G$19=$B$17,14,0)+IF('Standard Profiles'!$G$19=$B$24,21,0),MOD($C6011,24)+1)/SUM(INDEX($D$3:$AA$30,INDEX(Jesper!$R$2:$R$366,ROW(INDEX(Jesper!AI$2:AI$366,ROUNDDOWN($C6011/24,0)+1,1))-1)+IF('Standard Profiles'!$G$19=$B$10,7,0)+IF('Standard Profiles'!$G$19=$B$17,14,0)+IF('Standard Profiles'!$G$19=$B$24,21,0),0)),0)</f>
        <v>2.2616540867535924</v>
      </c>
      <c r="F6011" cm="1">
        <f t="array" ref="F6011">IFERROR(INDEX(Jesper!AJ$2:AJ$366,ROUNDDOWN($C6011/24,0)+1,1)*INDEX($D$3:$AA$30,INDEX(Jesper!$R$2:$R$366,ROW(INDEX(Jesper!AJ$2:AJ$366,ROUNDDOWN($C6011/24,0)+1,1))-1)+IF('Standard Profiles'!$G$20=$B$10,7,0)+IF('Standard Profiles'!$G$20=$B$17,14,0)+IF('Standard Profiles'!$G$20=$B$24,21,0),MOD($C6011,24)+1)/SUM(INDEX($D$3:$AA$30,INDEX(Jesper!$R$2:$R$366,ROW(INDEX(Jesper!AJ$2:AJ$366,ROUNDDOWN($C6011/24,0)+1,1))-1)+IF('Standard Profiles'!$G$20=$B$10,7,0)+IF('Standard Profiles'!$G$20=$B$17,14,0)+IF('Standard Profiles'!$G$20=$B$24,21,0),0)),0)</f>
        <v>0</v>
      </c>
      <c r="G6011" cm="1">
        <f t="array" ref="G6011">IFERROR(INDEX(Jesper!AK$2:AK$366,ROUNDDOWN($C6011/24,0)+1,1)*INDEX($D$3:$AA$30,INDEX(Jesper!$R$2:$R$366,ROW(INDEX(Jesper!AK$2:AK$366,ROUNDDOWN($C6011/24,0)+1,1))-1)+IF('Standard Profiles'!$G$21=$B$10,7,0)+IF('Standard Profiles'!$G$21=$B$17,14,0)+IF('Standard Profiles'!$G$21=$B$24,21,0),MOD($C6011,24)+1)/SUM(INDEX($D$3:$AA$30,INDEX(Jesper!$R$2:$R$366,ROW(INDEX(Jesper!AK$2:AK$366,ROUNDDOWN($C6011/24,0)+1,1))-1)+IF('Standard Profiles'!$G$21=$B$10,7,0)+IF('Standard Profiles'!$G$21=$B$17,14,0)+IF('Standard Profiles'!$G$21=$B$24,21,0),0)),0)</f>
        <v>0.21288669215594172</v>
      </c>
      <c r="H6011" cm="1">
        <f t="array" ref="H6011">IFERROR(INDEX(Jesper!AL$2:AL$366,ROUNDDOWN($C6011/24,0)+1,1)*INDEX($D$3:$AA$30,INDEX(Jesper!$R$2:$R$366,ROW(INDEX(Jesper!AL$2:AL$366,ROUNDDOWN($C6011/24,0)+1,1))-1)+IF('Standard Profiles'!$G$22=$B$10,7,0)+IF('Standard Profiles'!$G$22=$B$17,14,0)+IF('Standard Profiles'!$G$22=$B$24,21,0),MOD($C6011,24)+1)/SUM(INDEX($D$3:$AA$30,INDEX(Jesper!$R$2:$R$366,ROW(INDEX(Jesper!AL$2:AL$366,ROUNDDOWN($C6011/24,0)+1,1))-1)+IF('Standard Profiles'!$G$22=$B$10,7,0)+IF('Standard Profiles'!$G$22=$B$17,14,0)+IF('Standard Profiles'!$G$22=$B$24,21,0),0)),0)</f>
        <v>0</v>
      </c>
      <c r="I6011">
        <f t="shared" si="671"/>
        <v>0.10218561223485198</v>
      </c>
      <c r="J6011">
        <f t="shared" si="672"/>
        <v>6.8604571161494219</v>
      </c>
      <c r="K6011">
        <f t="shared" si="673"/>
        <v>0.56991770786980833</v>
      </c>
      <c r="L6011">
        <f t="shared" si="674"/>
        <v>0.28495885393490417</v>
      </c>
      <c r="M6011">
        <f t="shared" si="675"/>
        <v>0</v>
      </c>
      <c r="N6011" s="45">
        <f t="shared" si="676"/>
        <v>45176.041666652171</v>
      </c>
    </row>
    <row r="6012" spans="2:14" x14ac:dyDescent="0.25">
      <c r="B6012">
        <f t="shared" si="670"/>
        <v>4</v>
      </c>
      <c r="C6012" s="16">
        <v>5978</v>
      </c>
      <c r="D6012" cm="1">
        <f t="array" ref="D6012">IFERROR(INDEX(Jesper!AH$2:AH$366,ROUNDDOWN($C6012/24,0)+1,1)*INDEX($D$3:$AA$30,INDEX(Jesper!$R$2:$R$366,ROW(INDEX(Jesper!AH$2:AH$366,ROUNDDOWN($C6012/24,0)+1,1))-1)+IF('Standard Profiles'!$G$18=$B$10,7,0)+IF('Standard Profiles'!$G$18=$B$17,14,0)+IF('Standard Profiles'!$G$18=$B$24,21,0),MOD($C6012,24)+1)/SUM(INDEX($D$3:$AA$30,INDEX(Jesper!$R$2:$R$366,ROW(INDEX(Jesper!AH$2:AH$366,ROUNDDOWN($C6012/24,0)+1,1))-1)+IF('Standard Profiles'!$G$18=$B$10,7,0)+IF('Standard Profiles'!$G$18=$B$17,14,0)+IF('Standard Profiles'!$G$18=$B$24,21,0),0)),0)</f>
        <v>5.342978511279453</v>
      </c>
      <c r="E6012" cm="1">
        <f t="array" ref="E6012">IFERROR(INDEX(Jesper!AI$2:AI$366,ROUNDDOWN($C6012/24,0)+1,1)*INDEX($D$3:$AA$30,INDEX(Jesper!$R$2:$R$366,ROW(INDEX(Jesper!AI$2:AI$366,ROUNDDOWN($C6012/24,0)+1,1))-1)+IF('Standard Profiles'!$G$19=$B$10,7,0)+IF('Standard Profiles'!$G$19=$B$17,14,0)+IF('Standard Profiles'!$G$19=$B$24,21,0),MOD($C6012,24)+1)/SUM(INDEX($D$3:$AA$30,INDEX(Jesper!$R$2:$R$366,ROW(INDEX(Jesper!AI$2:AI$366,ROUNDDOWN($C6012/24,0)+1,1))-1)+IF('Standard Profiles'!$G$19=$B$10,7,0)+IF('Standard Profiles'!$G$19=$B$17,14,0)+IF('Standard Profiles'!$G$19=$B$24,21,0),0)),0)</f>
        <v>2.2616540867535924</v>
      </c>
      <c r="F6012" cm="1">
        <f t="array" ref="F6012">IFERROR(INDEX(Jesper!AJ$2:AJ$366,ROUNDDOWN($C6012/24,0)+1,1)*INDEX($D$3:$AA$30,INDEX(Jesper!$R$2:$R$366,ROW(INDEX(Jesper!AJ$2:AJ$366,ROUNDDOWN($C6012/24,0)+1,1))-1)+IF('Standard Profiles'!$G$20=$B$10,7,0)+IF('Standard Profiles'!$G$20=$B$17,14,0)+IF('Standard Profiles'!$G$20=$B$24,21,0),MOD($C6012,24)+1)/SUM(INDEX($D$3:$AA$30,INDEX(Jesper!$R$2:$R$366,ROW(INDEX(Jesper!AJ$2:AJ$366,ROUNDDOWN($C6012/24,0)+1,1))-1)+IF('Standard Profiles'!$G$20=$B$10,7,0)+IF('Standard Profiles'!$G$20=$B$17,14,0)+IF('Standard Profiles'!$G$20=$B$24,21,0),0)),0)</f>
        <v>0</v>
      </c>
      <c r="G6012" cm="1">
        <f t="array" ref="G6012">IFERROR(INDEX(Jesper!AK$2:AK$366,ROUNDDOWN($C6012/24,0)+1,1)*INDEX($D$3:$AA$30,INDEX(Jesper!$R$2:$R$366,ROW(INDEX(Jesper!AK$2:AK$366,ROUNDDOWN($C6012/24,0)+1,1))-1)+IF('Standard Profiles'!$G$21=$B$10,7,0)+IF('Standard Profiles'!$G$21=$B$17,14,0)+IF('Standard Profiles'!$G$21=$B$24,21,0),MOD($C6012,24)+1)/SUM(INDEX($D$3:$AA$30,INDEX(Jesper!$R$2:$R$366,ROW(INDEX(Jesper!AK$2:AK$366,ROUNDDOWN($C6012/24,0)+1,1))-1)+IF('Standard Profiles'!$G$21=$B$10,7,0)+IF('Standard Profiles'!$G$21=$B$17,14,0)+IF('Standard Profiles'!$G$21=$B$24,21,0),0)),0)</f>
        <v>0.21288669215594172</v>
      </c>
      <c r="H6012" cm="1">
        <f t="array" ref="H6012">IFERROR(INDEX(Jesper!AL$2:AL$366,ROUNDDOWN($C6012/24,0)+1,1)*INDEX($D$3:$AA$30,INDEX(Jesper!$R$2:$R$366,ROW(INDEX(Jesper!AL$2:AL$366,ROUNDDOWN($C6012/24,0)+1,1))-1)+IF('Standard Profiles'!$G$22=$B$10,7,0)+IF('Standard Profiles'!$G$22=$B$17,14,0)+IF('Standard Profiles'!$G$22=$B$24,21,0),MOD($C6012,24)+1)/SUM(INDEX($D$3:$AA$30,INDEX(Jesper!$R$2:$R$366,ROW(INDEX(Jesper!AL$2:AL$366,ROUNDDOWN($C6012/24,0)+1,1))-1)+IF('Standard Profiles'!$G$22=$B$10,7,0)+IF('Standard Profiles'!$G$22=$B$17,14,0)+IF('Standard Profiles'!$G$22=$B$24,21,0),0)),0)</f>
        <v>0</v>
      </c>
      <c r="I6012">
        <f t="shared" si="671"/>
        <v>0.10218561223485198</v>
      </c>
      <c r="J6012">
        <f t="shared" si="672"/>
        <v>6.8604571161494219</v>
      </c>
      <c r="K6012">
        <f t="shared" si="673"/>
        <v>0.56991770786980833</v>
      </c>
      <c r="L6012">
        <f t="shared" si="674"/>
        <v>0.28495885393490417</v>
      </c>
      <c r="M6012">
        <f t="shared" si="675"/>
        <v>0</v>
      </c>
      <c r="N6012" s="45">
        <f t="shared" si="676"/>
        <v>45176.083333318835</v>
      </c>
    </row>
    <row r="6013" spans="2:14" x14ac:dyDescent="0.25">
      <c r="B6013">
        <f t="shared" si="670"/>
        <v>4</v>
      </c>
      <c r="C6013" s="16">
        <v>5979</v>
      </c>
      <c r="D6013" cm="1">
        <f t="array" ref="D6013">IFERROR(INDEX(Jesper!AH$2:AH$366,ROUNDDOWN($C6013/24,0)+1,1)*INDEX($D$3:$AA$30,INDEX(Jesper!$R$2:$R$366,ROW(INDEX(Jesper!AH$2:AH$366,ROUNDDOWN($C6013/24,0)+1,1))-1)+IF('Standard Profiles'!$G$18=$B$10,7,0)+IF('Standard Profiles'!$G$18=$B$17,14,0)+IF('Standard Profiles'!$G$18=$B$24,21,0),MOD($C6013,24)+1)/SUM(INDEX($D$3:$AA$30,INDEX(Jesper!$R$2:$R$366,ROW(INDEX(Jesper!AH$2:AH$366,ROUNDDOWN($C6013/24,0)+1,1))-1)+IF('Standard Profiles'!$G$18=$B$10,7,0)+IF('Standard Profiles'!$G$18=$B$17,14,0)+IF('Standard Profiles'!$G$18=$B$24,21,0),0)),0)</f>
        <v>5.342978511279453</v>
      </c>
      <c r="E6013" cm="1">
        <f t="array" ref="E6013">IFERROR(INDEX(Jesper!AI$2:AI$366,ROUNDDOWN($C6013/24,0)+1,1)*INDEX($D$3:$AA$30,INDEX(Jesper!$R$2:$R$366,ROW(INDEX(Jesper!AI$2:AI$366,ROUNDDOWN($C6013/24,0)+1,1))-1)+IF('Standard Profiles'!$G$19=$B$10,7,0)+IF('Standard Profiles'!$G$19=$B$17,14,0)+IF('Standard Profiles'!$G$19=$B$24,21,0),MOD($C6013,24)+1)/SUM(INDEX($D$3:$AA$30,INDEX(Jesper!$R$2:$R$366,ROW(INDEX(Jesper!AI$2:AI$366,ROUNDDOWN($C6013/24,0)+1,1))-1)+IF('Standard Profiles'!$G$19=$B$10,7,0)+IF('Standard Profiles'!$G$19=$B$17,14,0)+IF('Standard Profiles'!$G$19=$B$24,21,0),0)),0)</f>
        <v>2.2616540867535924</v>
      </c>
      <c r="F6013" cm="1">
        <f t="array" ref="F6013">IFERROR(INDEX(Jesper!AJ$2:AJ$366,ROUNDDOWN($C6013/24,0)+1,1)*INDEX($D$3:$AA$30,INDEX(Jesper!$R$2:$R$366,ROW(INDEX(Jesper!AJ$2:AJ$366,ROUNDDOWN($C6013/24,0)+1,1))-1)+IF('Standard Profiles'!$G$20=$B$10,7,0)+IF('Standard Profiles'!$G$20=$B$17,14,0)+IF('Standard Profiles'!$G$20=$B$24,21,0),MOD($C6013,24)+1)/SUM(INDEX($D$3:$AA$30,INDEX(Jesper!$R$2:$R$366,ROW(INDEX(Jesper!AJ$2:AJ$366,ROUNDDOWN($C6013/24,0)+1,1))-1)+IF('Standard Profiles'!$G$20=$B$10,7,0)+IF('Standard Profiles'!$G$20=$B$17,14,0)+IF('Standard Profiles'!$G$20=$B$24,21,0),0)),0)</f>
        <v>0</v>
      </c>
      <c r="G6013" cm="1">
        <f t="array" ref="G6013">IFERROR(INDEX(Jesper!AK$2:AK$366,ROUNDDOWN($C6013/24,0)+1,1)*INDEX($D$3:$AA$30,INDEX(Jesper!$R$2:$R$366,ROW(INDEX(Jesper!AK$2:AK$366,ROUNDDOWN($C6013/24,0)+1,1))-1)+IF('Standard Profiles'!$G$21=$B$10,7,0)+IF('Standard Profiles'!$G$21=$B$17,14,0)+IF('Standard Profiles'!$G$21=$B$24,21,0),MOD($C6013,24)+1)/SUM(INDEX($D$3:$AA$30,INDEX(Jesper!$R$2:$R$366,ROW(INDEX(Jesper!AK$2:AK$366,ROUNDDOWN($C6013/24,0)+1,1))-1)+IF('Standard Profiles'!$G$21=$B$10,7,0)+IF('Standard Profiles'!$G$21=$B$17,14,0)+IF('Standard Profiles'!$G$21=$B$24,21,0),0)),0)</f>
        <v>0.21288669215594172</v>
      </c>
      <c r="H6013" cm="1">
        <f t="array" ref="H6013">IFERROR(INDEX(Jesper!AL$2:AL$366,ROUNDDOWN($C6013/24,0)+1,1)*INDEX($D$3:$AA$30,INDEX(Jesper!$R$2:$R$366,ROW(INDEX(Jesper!AL$2:AL$366,ROUNDDOWN($C6013/24,0)+1,1))-1)+IF('Standard Profiles'!$G$22=$B$10,7,0)+IF('Standard Profiles'!$G$22=$B$17,14,0)+IF('Standard Profiles'!$G$22=$B$24,21,0),MOD($C6013,24)+1)/SUM(INDEX($D$3:$AA$30,INDEX(Jesper!$R$2:$R$366,ROW(INDEX(Jesper!AL$2:AL$366,ROUNDDOWN($C6013/24,0)+1,1))-1)+IF('Standard Profiles'!$G$22=$B$10,7,0)+IF('Standard Profiles'!$G$22=$B$17,14,0)+IF('Standard Profiles'!$G$22=$B$24,21,0),0)),0)</f>
        <v>0</v>
      </c>
      <c r="I6013">
        <f t="shared" si="671"/>
        <v>0.10218561223485198</v>
      </c>
      <c r="J6013">
        <f t="shared" si="672"/>
        <v>6.8604571161494219</v>
      </c>
      <c r="K6013">
        <f t="shared" si="673"/>
        <v>0.56991770786980833</v>
      </c>
      <c r="L6013">
        <f t="shared" si="674"/>
        <v>0.28495885393490417</v>
      </c>
      <c r="M6013">
        <f t="shared" si="675"/>
        <v>0</v>
      </c>
      <c r="N6013" s="45">
        <f t="shared" si="676"/>
        <v>45176.124999985499</v>
      </c>
    </row>
    <row r="6014" spans="2:14" x14ac:dyDescent="0.25">
      <c r="B6014">
        <f t="shared" si="670"/>
        <v>4</v>
      </c>
      <c r="C6014" s="16">
        <v>5980</v>
      </c>
      <c r="D6014" cm="1">
        <f t="array" ref="D6014">IFERROR(INDEX(Jesper!AH$2:AH$366,ROUNDDOWN($C6014/24,0)+1,1)*INDEX($D$3:$AA$30,INDEX(Jesper!$R$2:$R$366,ROW(INDEX(Jesper!AH$2:AH$366,ROUNDDOWN($C6014/24,0)+1,1))-1)+IF('Standard Profiles'!$G$18=$B$10,7,0)+IF('Standard Profiles'!$G$18=$B$17,14,0)+IF('Standard Profiles'!$G$18=$B$24,21,0),MOD($C6014,24)+1)/SUM(INDEX($D$3:$AA$30,INDEX(Jesper!$R$2:$R$366,ROW(INDEX(Jesper!AH$2:AH$366,ROUNDDOWN($C6014/24,0)+1,1))-1)+IF('Standard Profiles'!$G$18=$B$10,7,0)+IF('Standard Profiles'!$G$18=$B$17,14,0)+IF('Standard Profiles'!$G$18=$B$24,21,0),0)),0)</f>
        <v>5.342978511279453</v>
      </c>
      <c r="E6014" cm="1">
        <f t="array" ref="E6014">IFERROR(INDEX(Jesper!AI$2:AI$366,ROUNDDOWN($C6014/24,0)+1,1)*INDEX($D$3:$AA$30,INDEX(Jesper!$R$2:$R$366,ROW(INDEX(Jesper!AI$2:AI$366,ROUNDDOWN($C6014/24,0)+1,1))-1)+IF('Standard Profiles'!$G$19=$B$10,7,0)+IF('Standard Profiles'!$G$19=$B$17,14,0)+IF('Standard Profiles'!$G$19=$B$24,21,0),MOD($C6014,24)+1)/SUM(INDEX($D$3:$AA$30,INDEX(Jesper!$R$2:$R$366,ROW(INDEX(Jesper!AI$2:AI$366,ROUNDDOWN($C6014/24,0)+1,1))-1)+IF('Standard Profiles'!$G$19=$B$10,7,0)+IF('Standard Profiles'!$G$19=$B$17,14,0)+IF('Standard Profiles'!$G$19=$B$24,21,0),0)),0)</f>
        <v>2.2616540867535924</v>
      </c>
      <c r="F6014" cm="1">
        <f t="array" ref="F6014">IFERROR(INDEX(Jesper!AJ$2:AJ$366,ROUNDDOWN($C6014/24,0)+1,1)*INDEX($D$3:$AA$30,INDEX(Jesper!$R$2:$R$366,ROW(INDEX(Jesper!AJ$2:AJ$366,ROUNDDOWN($C6014/24,0)+1,1))-1)+IF('Standard Profiles'!$G$20=$B$10,7,0)+IF('Standard Profiles'!$G$20=$B$17,14,0)+IF('Standard Profiles'!$G$20=$B$24,21,0),MOD($C6014,24)+1)/SUM(INDEX($D$3:$AA$30,INDEX(Jesper!$R$2:$R$366,ROW(INDEX(Jesper!AJ$2:AJ$366,ROUNDDOWN($C6014/24,0)+1,1))-1)+IF('Standard Profiles'!$G$20=$B$10,7,0)+IF('Standard Profiles'!$G$20=$B$17,14,0)+IF('Standard Profiles'!$G$20=$B$24,21,0),0)),0)</f>
        <v>0</v>
      </c>
      <c r="G6014" cm="1">
        <f t="array" ref="G6014">IFERROR(INDEX(Jesper!AK$2:AK$366,ROUNDDOWN($C6014/24,0)+1,1)*INDEX($D$3:$AA$30,INDEX(Jesper!$R$2:$R$366,ROW(INDEX(Jesper!AK$2:AK$366,ROUNDDOWN($C6014/24,0)+1,1))-1)+IF('Standard Profiles'!$G$21=$B$10,7,0)+IF('Standard Profiles'!$G$21=$B$17,14,0)+IF('Standard Profiles'!$G$21=$B$24,21,0),MOD($C6014,24)+1)/SUM(INDEX($D$3:$AA$30,INDEX(Jesper!$R$2:$R$366,ROW(INDEX(Jesper!AK$2:AK$366,ROUNDDOWN($C6014/24,0)+1,1))-1)+IF('Standard Profiles'!$G$21=$B$10,7,0)+IF('Standard Profiles'!$G$21=$B$17,14,0)+IF('Standard Profiles'!$G$21=$B$24,21,0),0)),0)</f>
        <v>0.21288669215594172</v>
      </c>
      <c r="H6014" cm="1">
        <f t="array" ref="H6014">IFERROR(INDEX(Jesper!AL$2:AL$366,ROUNDDOWN($C6014/24,0)+1,1)*INDEX($D$3:$AA$30,INDEX(Jesper!$R$2:$R$366,ROW(INDEX(Jesper!AL$2:AL$366,ROUNDDOWN($C6014/24,0)+1,1))-1)+IF('Standard Profiles'!$G$22=$B$10,7,0)+IF('Standard Profiles'!$G$22=$B$17,14,0)+IF('Standard Profiles'!$G$22=$B$24,21,0),MOD($C6014,24)+1)/SUM(INDEX($D$3:$AA$30,INDEX(Jesper!$R$2:$R$366,ROW(INDEX(Jesper!AL$2:AL$366,ROUNDDOWN($C6014/24,0)+1,1))-1)+IF('Standard Profiles'!$G$22=$B$10,7,0)+IF('Standard Profiles'!$G$22=$B$17,14,0)+IF('Standard Profiles'!$G$22=$B$24,21,0),0)),0)</f>
        <v>0</v>
      </c>
      <c r="I6014">
        <f t="shared" si="671"/>
        <v>0.10218561223485198</v>
      </c>
      <c r="J6014">
        <f t="shared" si="672"/>
        <v>6.8604571161494219</v>
      </c>
      <c r="K6014">
        <f t="shared" si="673"/>
        <v>0.56991770786980833</v>
      </c>
      <c r="L6014">
        <f t="shared" si="674"/>
        <v>0.28495885393490417</v>
      </c>
      <c r="M6014">
        <f t="shared" si="675"/>
        <v>0</v>
      </c>
      <c r="N6014" s="45">
        <f t="shared" si="676"/>
        <v>45176.166666652163</v>
      </c>
    </row>
    <row r="6015" spans="2:14" x14ac:dyDescent="0.25">
      <c r="B6015">
        <f t="shared" si="670"/>
        <v>4</v>
      </c>
      <c r="C6015" s="16">
        <v>5981</v>
      </c>
      <c r="D6015" cm="1">
        <f t="array" ref="D6015">IFERROR(INDEX(Jesper!AH$2:AH$366,ROUNDDOWN($C6015/24,0)+1,1)*INDEX($D$3:$AA$30,INDEX(Jesper!$R$2:$R$366,ROW(INDEX(Jesper!AH$2:AH$366,ROUNDDOWN($C6015/24,0)+1,1))-1)+IF('Standard Profiles'!$G$18=$B$10,7,0)+IF('Standard Profiles'!$G$18=$B$17,14,0)+IF('Standard Profiles'!$G$18=$B$24,21,0),MOD($C6015,24)+1)/SUM(INDEX($D$3:$AA$30,INDEX(Jesper!$R$2:$R$366,ROW(INDEX(Jesper!AH$2:AH$366,ROUNDDOWN($C6015/24,0)+1,1))-1)+IF('Standard Profiles'!$G$18=$B$10,7,0)+IF('Standard Profiles'!$G$18=$B$17,14,0)+IF('Standard Profiles'!$G$18=$B$24,21,0),0)),0)</f>
        <v>5.342978511279453</v>
      </c>
      <c r="E6015" cm="1">
        <f t="array" ref="E6015">IFERROR(INDEX(Jesper!AI$2:AI$366,ROUNDDOWN($C6015/24,0)+1,1)*INDEX($D$3:$AA$30,INDEX(Jesper!$R$2:$R$366,ROW(INDEX(Jesper!AI$2:AI$366,ROUNDDOWN($C6015/24,0)+1,1))-1)+IF('Standard Profiles'!$G$19=$B$10,7,0)+IF('Standard Profiles'!$G$19=$B$17,14,0)+IF('Standard Profiles'!$G$19=$B$24,21,0),MOD($C6015,24)+1)/SUM(INDEX($D$3:$AA$30,INDEX(Jesper!$R$2:$R$366,ROW(INDEX(Jesper!AI$2:AI$366,ROUNDDOWN($C6015/24,0)+1,1))-1)+IF('Standard Profiles'!$G$19=$B$10,7,0)+IF('Standard Profiles'!$G$19=$B$17,14,0)+IF('Standard Profiles'!$G$19=$B$24,21,0),0)),0)</f>
        <v>2.2616540867535924</v>
      </c>
      <c r="F6015" cm="1">
        <f t="array" ref="F6015">IFERROR(INDEX(Jesper!AJ$2:AJ$366,ROUNDDOWN($C6015/24,0)+1,1)*INDEX($D$3:$AA$30,INDEX(Jesper!$R$2:$R$366,ROW(INDEX(Jesper!AJ$2:AJ$366,ROUNDDOWN($C6015/24,0)+1,1))-1)+IF('Standard Profiles'!$G$20=$B$10,7,0)+IF('Standard Profiles'!$G$20=$B$17,14,0)+IF('Standard Profiles'!$G$20=$B$24,21,0),MOD($C6015,24)+1)/SUM(INDEX($D$3:$AA$30,INDEX(Jesper!$R$2:$R$366,ROW(INDEX(Jesper!AJ$2:AJ$366,ROUNDDOWN($C6015/24,0)+1,1))-1)+IF('Standard Profiles'!$G$20=$B$10,7,0)+IF('Standard Profiles'!$G$20=$B$17,14,0)+IF('Standard Profiles'!$G$20=$B$24,21,0),0)),0)</f>
        <v>0</v>
      </c>
      <c r="G6015" cm="1">
        <f t="array" ref="G6015">IFERROR(INDEX(Jesper!AK$2:AK$366,ROUNDDOWN($C6015/24,0)+1,1)*INDEX($D$3:$AA$30,INDEX(Jesper!$R$2:$R$366,ROW(INDEX(Jesper!AK$2:AK$366,ROUNDDOWN($C6015/24,0)+1,1))-1)+IF('Standard Profiles'!$G$21=$B$10,7,0)+IF('Standard Profiles'!$G$21=$B$17,14,0)+IF('Standard Profiles'!$G$21=$B$24,21,0),MOD($C6015,24)+1)/SUM(INDEX($D$3:$AA$30,INDEX(Jesper!$R$2:$R$366,ROW(INDEX(Jesper!AK$2:AK$366,ROUNDDOWN($C6015/24,0)+1,1))-1)+IF('Standard Profiles'!$G$21=$B$10,7,0)+IF('Standard Profiles'!$G$21=$B$17,14,0)+IF('Standard Profiles'!$G$21=$B$24,21,0),0)),0)</f>
        <v>0.21288669215594172</v>
      </c>
      <c r="H6015" cm="1">
        <f t="array" ref="H6015">IFERROR(INDEX(Jesper!AL$2:AL$366,ROUNDDOWN($C6015/24,0)+1,1)*INDEX($D$3:$AA$30,INDEX(Jesper!$R$2:$R$366,ROW(INDEX(Jesper!AL$2:AL$366,ROUNDDOWN($C6015/24,0)+1,1))-1)+IF('Standard Profiles'!$G$22=$B$10,7,0)+IF('Standard Profiles'!$G$22=$B$17,14,0)+IF('Standard Profiles'!$G$22=$B$24,21,0),MOD($C6015,24)+1)/SUM(INDEX($D$3:$AA$30,INDEX(Jesper!$R$2:$R$366,ROW(INDEX(Jesper!AL$2:AL$366,ROUNDDOWN($C6015/24,0)+1,1))-1)+IF('Standard Profiles'!$G$22=$B$10,7,0)+IF('Standard Profiles'!$G$22=$B$17,14,0)+IF('Standard Profiles'!$G$22=$B$24,21,0),0)),0)</f>
        <v>0</v>
      </c>
      <c r="I6015">
        <f t="shared" si="671"/>
        <v>0.10218561223485198</v>
      </c>
      <c r="J6015">
        <f t="shared" si="672"/>
        <v>6.8604571161494219</v>
      </c>
      <c r="K6015">
        <f t="shared" si="673"/>
        <v>0.56991770786980833</v>
      </c>
      <c r="L6015">
        <f t="shared" si="674"/>
        <v>0.28495885393490417</v>
      </c>
      <c r="M6015">
        <f t="shared" si="675"/>
        <v>0</v>
      </c>
      <c r="N6015" s="45">
        <f t="shared" si="676"/>
        <v>45176.208333318827</v>
      </c>
    </row>
    <row r="6016" spans="2:14" x14ac:dyDescent="0.25">
      <c r="B6016">
        <f t="shared" si="670"/>
        <v>4</v>
      </c>
      <c r="C6016" s="16">
        <v>5982</v>
      </c>
      <c r="D6016" cm="1">
        <f t="array" ref="D6016">IFERROR(INDEX(Jesper!AH$2:AH$366,ROUNDDOWN($C6016/24,0)+1,1)*INDEX($D$3:$AA$30,INDEX(Jesper!$R$2:$R$366,ROW(INDEX(Jesper!AH$2:AH$366,ROUNDDOWN($C6016/24,0)+1,1))-1)+IF('Standard Profiles'!$G$18=$B$10,7,0)+IF('Standard Profiles'!$G$18=$B$17,14,0)+IF('Standard Profiles'!$G$18=$B$24,21,0),MOD($C6016,24)+1)/SUM(INDEX($D$3:$AA$30,INDEX(Jesper!$R$2:$R$366,ROW(INDEX(Jesper!AH$2:AH$366,ROUNDDOWN($C6016/24,0)+1,1))-1)+IF('Standard Profiles'!$G$18=$B$10,7,0)+IF('Standard Profiles'!$G$18=$B$17,14,0)+IF('Standard Profiles'!$G$18=$B$24,21,0),0)),0)</f>
        <v>5.342978511279453</v>
      </c>
      <c r="E6016" cm="1">
        <f t="array" ref="E6016">IFERROR(INDEX(Jesper!AI$2:AI$366,ROUNDDOWN($C6016/24,0)+1,1)*INDEX($D$3:$AA$30,INDEX(Jesper!$R$2:$R$366,ROW(INDEX(Jesper!AI$2:AI$366,ROUNDDOWN($C6016/24,0)+1,1))-1)+IF('Standard Profiles'!$G$19=$B$10,7,0)+IF('Standard Profiles'!$G$19=$B$17,14,0)+IF('Standard Profiles'!$G$19=$B$24,21,0),MOD($C6016,24)+1)/SUM(INDEX($D$3:$AA$30,INDEX(Jesper!$R$2:$R$366,ROW(INDEX(Jesper!AI$2:AI$366,ROUNDDOWN($C6016/24,0)+1,1))-1)+IF('Standard Profiles'!$G$19=$B$10,7,0)+IF('Standard Profiles'!$G$19=$B$17,14,0)+IF('Standard Profiles'!$G$19=$B$24,21,0),0)),0)</f>
        <v>2.2616540867535924</v>
      </c>
      <c r="F6016" cm="1">
        <f t="array" ref="F6016">IFERROR(INDEX(Jesper!AJ$2:AJ$366,ROUNDDOWN($C6016/24,0)+1,1)*INDEX($D$3:$AA$30,INDEX(Jesper!$R$2:$R$366,ROW(INDEX(Jesper!AJ$2:AJ$366,ROUNDDOWN($C6016/24,0)+1,1))-1)+IF('Standard Profiles'!$G$20=$B$10,7,0)+IF('Standard Profiles'!$G$20=$B$17,14,0)+IF('Standard Profiles'!$G$20=$B$24,21,0),MOD($C6016,24)+1)/SUM(INDEX($D$3:$AA$30,INDEX(Jesper!$R$2:$R$366,ROW(INDEX(Jesper!AJ$2:AJ$366,ROUNDDOWN($C6016/24,0)+1,1))-1)+IF('Standard Profiles'!$G$20=$B$10,7,0)+IF('Standard Profiles'!$G$20=$B$17,14,0)+IF('Standard Profiles'!$G$20=$B$24,21,0),0)),0)</f>
        <v>0</v>
      </c>
      <c r="G6016" cm="1">
        <f t="array" ref="G6016">IFERROR(INDEX(Jesper!AK$2:AK$366,ROUNDDOWN($C6016/24,0)+1,1)*INDEX($D$3:$AA$30,INDEX(Jesper!$R$2:$R$366,ROW(INDEX(Jesper!AK$2:AK$366,ROUNDDOWN($C6016/24,0)+1,1))-1)+IF('Standard Profiles'!$G$21=$B$10,7,0)+IF('Standard Profiles'!$G$21=$B$17,14,0)+IF('Standard Profiles'!$G$21=$B$24,21,0),MOD($C6016,24)+1)/SUM(INDEX($D$3:$AA$30,INDEX(Jesper!$R$2:$R$366,ROW(INDEX(Jesper!AK$2:AK$366,ROUNDDOWN($C6016/24,0)+1,1))-1)+IF('Standard Profiles'!$G$21=$B$10,7,0)+IF('Standard Profiles'!$G$21=$B$17,14,0)+IF('Standard Profiles'!$G$21=$B$24,21,0),0)),0)</f>
        <v>0.21288669215594172</v>
      </c>
      <c r="H6016" cm="1">
        <f t="array" ref="H6016">IFERROR(INDEX(Jesper!AL$2:AL$366,ROUNDDOWN($C6016/24,0)+1,1)*INDEX($D$3:$AA$30,INDEX(Jesper!$R$2:$R$366,ROW(INDEX(Jesper!AL$2:AL$366,ROUNDDOWN($C6016/24,0)+1,1))-1)+IF('Standard Profiles'!$G$22=$B$10,7,0)+IF('Standard Profiles'!$G$22=$B$17,14,0)+IF('Standard Profiles'!$G$22=$B$24,21,0),MOD($C6016,24)+1)/SUM(INDEX($D$3:$AA$30,INDEX(Jesper!$R$2:$R$366,ROW(INDEX(Jesper!AL$2:AL$366,ROUNDDOWN($C6016/24,0)+1,1))-1)+IF('Standard Profiles'!$G$22=$B$10,7,0)+IF('Standard Profiles'!$G$22=$B$17,14,0)+IF('Standard Profiles'!$G$22=$B$24,21,0),0)),0)</f>
        <v>0</v>
      </c>
      <c r="I6016">
        <f t="shared" si="671"/>
        <v>0.10218561223485198</v>
      </c>
      <c r="J6016">
        <f t="shared" si="672"/>
        <v>6.8604571161494219</v>
      </c>
      <c r="K6016">
        <f t="shared" si="673"/>
        <v>0.56991770786980833</v>
      </c>
      <c r="L6016">
        <f t="shared" si="674"/>
        <v>0.28495885393490417</v>
      </c>
      <c r="M6016">
        <f t="shared" si="675"/>
        <v>0</v>
      </c>
      <c r="N6016" s="45">
        <f t="shared" si="676"/>
        <v>45176.249999985492</v>
      </c>
    </row>
    <row r="6017" spans="2:14" x14ac:dyDescent="0.25">
      <c r="B6017">
        <f t="shared" si="670"/>
        <v>4</v>
      </c>
      <c r="C6017" s="16">
        <v>5983</v>
      </c>
      <c r="D6017" cm="1">
        <f t="array" ref="D6017">IFERROR(INDEX(Jesper!AH$2:AH$366,ROUNDDOWN($C6017/24,0)+1,1)*INDEX($D$3:$AA$30,INDEX(Jesper!$R$2:$R$366,ROW(INDEX(Jesper!AH$2:AH$366,ROUNDDOWN($C6017/24,0)+1,1))-1)+IF('Standard Profiles'!$G$18=$B$10,7,0)+IF('Standard Profiles'!$G$18=$B$17,14,0)+IF('Standard Profiles'!$G$18=$B$24,21,0),MOD($C6017,24)+1)/SUM(INDEX($D$3:$AA$30,INDEX(Jesper!$R$2:$R$366,ROW(INDEX(Jesper!AH$2:AH$366,ROUNDDOWN($C6017/24,0)+1,1))-1)+IF('Standard Profiles'!$G$18=$B$10,7,0)+IF('Standard Profiles'!$G$18=$B$17,14,0)+IF('Standard Profiles'!$G$18=$B$24,21,0),0)),0)</f>
        <v>21.841448520351459</v>
      </c>
      <c r="E6017" cm="1">
        <f t="array" ref="E6017">IFERROR(INDEX(Jesper!AI$2:AI$366,ROUNDDOWN($C6017/24,0)+1,1)*INDEX($D$3:$AA$30,INDEX(Jesper!$R$2:$R$366,ROW(INDEX(Jesper!AI$2:AI$366,ROUNDDOWN($C6017/24,0)+1,1))-1)+IF('Standard Profiles'!$G$19=$B$10,7,0)+IF('Standard Profiles'!$G$19=$B$17,14,0)+IF('Standard Profiles'!$G$19=$B$24,21,0),MOD($C6017,24)+1)/SUM(INDEX($D$3:$AA$30,INDEX(Jesper!$R$2:$R$366,ROW(INDEX(Jesper!AI$2:AI$366,ROUNDDOWN($C6017/24,0)+1,1))-1)+IF('Standard Profiles'!$G$19=$B$10,7,0)+IF('Standard Profiles'!$G$19=$B$17,14,0)+IF('Standard Profiles'!$G$19=$B$24,21,0),0)),0)</f>
        <v>9.2453677667593812</v>
      </c>
      <c r="F6017" cm="1">
        <f t="array" ref="F6017">IFERROR(INDEX(Jesper!AJ$2:AJ$366,ROUNDDOWN($C6017/24,0)+1,1)*INDEX($D$3:$AA$30,INDEX(Jesper!$R$2:$R$366,ROW(INDEX(Jesper!AJ$2:AJ$366,ROUNDDOWN($C6017/24,0)+1,1))-1)+IF('Standard Profiles'!$G$20=$B$10,7,0)+IF('Standard Profiles'!$G$20=$B$17,14,0)+IF('Standard Profiles'!$G$20=$B$24,21,0),MOD($C6017,24)+1)/SUM(INDEX($D$3:$AA$30,INDEX(Jesper!$R$2:$R$366,ROW(INDEX(Jesper!AJ$2:AJ$366,ROUNDDOWN($C6017/24,0)+1,1))-1)+IF('Standard Profiles'!$G$20=$B$10,7,0)+IF('Standard Profiles'!$G$20=$B$17,14,0)+IF('Standard Profiles'!$G$20=$B$24,21,0),0)),0)</f>
        <v>0</v>
      </c>
      <c r="G6017" cm="1">
        <f t="array" ref="G6017">IFERROR(INDEX(Jesper!AK$2:AK$366,ROUNDDOWN($C6017/24,0)+1,1)*INDEX($D$3:$AA$30,INDEX(Jesper!$R$2:$R$366,ROW(INDEX(Jesper!AK$2:AK$366,ROUNDDOWN($C6017/24,0)+1,1))-1)+IF('Standard Profiles'!$G$21=$B$10,7,0)+IF('Standard Profiles'!$G$21=$B$17,14,0)+IF('Standard Profiles'!$G$21=$B$24,21,0),MOD($C6017,24)+1)/SUM(INDEX($D$3:$AA$30,INDEX(Jesper!$R$2:$R$366,ROW(INDEX(Jesper!AK$2:AK$366,ROUNDDOWN($C6017/24,0)+1,1))-1)+IF('Standard Profiles'!$G$21=$B$10,7,0)+IF('Standard Profiles'!$G$21=$B$17,14,0)+IF('Standard Profiles'!$G$21=$B$24,21,0),0)),0)</f>
        <v>0.58650283688961935</v>
      </c>
      <c r="H6017" cm="1">
        <f t="array" ref="H6017">IFERROR(INDEX(Jesper!AL$2:AL$366,ROUNDDOWN($C6017/24,0)+1,1)*INDEX($D$3:$AA$30,INDEX(Jesper!$R$2:$R$366,ROW(INDEX(Jesper!AL$2:AL$366,ROUNDDOWN($C6017/24,0)+1,1))-1)+IF('Standard Profiles'!$G$22=$B$10,7,0)+IF('Standard Profiles'!$G$22=$B$17,14,0)+IF('Standard Profiles'!$G$22=$B$24,21,0),MOD($C6017,24)+1)/SUM(INDEX($D$3:$AA$30,INDEX(Jesper!$R$2:$R$366,ROW(INDEX(Jesper!AL$2:AL$366,ROUNDDOWN($C6017/24,0)+1,1))-1)+IF('Standard Profiles'!$G$22=$B$10,7,0)+IF('Standard Profiles'!$G$22=$B$17,14,0)+IF('Standard Profiles'!$G$22=$B$24,21,0),0)),0)</f>
        <v>0</v>
      </c>
      <c r="I6017">
        <f t="shared" si="671"/>
        <v>0.28152136170701714</v>
      </c>
      <c r="J6017">
        <f t="shared" si="672"/>
        <v>27.897165999037206</v>
      </c>
      <c r="K6017">
        <f t="shared" si="673"/>
        <v>2.3297545088374894</v>
      </c>
      <c r="L6017">
        <f t="shared" si="674"/>
        <v>1.1648772544187447</v>
      </c>
      <c r="M6017">
        <f t="shared" si="675"/>
        <v>0</v>
      </c>
      <c r="N6017" s="45">
        <f t="shared" si="676"/>
        <v>45176.291666652156</v>
      </c>
    </row>
    <row r="6018" spans="2:14" x14ac:dyDescent="0.25">
      <c r="B6018">
        <f t="shared" si="670"/>
        <v>4</v>
      </c>
      <c r="C6018" s="16">
        <v>5984</v>
      </c>
      <c r="D6018" cm="1">
        <f t="array" ref="D6018">IFERROR(INDEX(Jesper!AH$2:AH$366,ROUNDDOWN($C6018/24,0)+1,1)*INDEX($D$3:$AA$30,INDEX(Jesper!$R$2:$R$366,ROW(INDEX(Jesper!AH$2:AH$366,ROUNDDOWN($C6018/24,0)+1,1))-1)+IF('Standard Profiles'!$G$18=$B$10,7,0)+IF('Standard Profiles'!$G$18=$B$17,14,0)+IF('Standard Profiles'!$G$18=$B$24,21,0),MOD($C6018,24)+1)/SUM(INDEX($D$3:$AA$30,INDEX(Jesper!$R$2:$R$366,ROW(INDEX(Jesper!AH$2:AH$366,ROUNDDOWN($C6018/24,0)+1,1))-1)+IF('Standard Profiles'!$G$18=$B$10,7,0)+IF('Standard Profiles'!$G$18=$B$17,14,0)+IF('Standard Profiles'!$G$18=$B$24,21,0),0)),0)</f>
        <v>24.370458349023735</v>
      </c>
      <c r="E6018" cm="1">
        <f t="array" ref="E6018">IFERROR(INDEX(Jesper!AI$2:AI$366,ROUNDDOWN($C6018/24,0)+1,1)*INDEX($D$3:$AA$30,INDEX(Jesper!$R$2:$R$366,ROW(INDEX(Jesper!AI$2:AI$366,ROUNDDOWN($C6018/24,0)+1,1))-1)+IF('Standard Profiles'!$G$19=$B$10,7,0)+IF('Standard Profiles'!$G$19=$B$17,14,0)+IF('Standard Profiles'!$G$19=$B$24,21,0),MOD($C6018,24)+1)/SUM(INDEX($D$3:$AA$30,INDEX(Jesper!$R$2:$R$366,ROW(INDEX(Jesper!AI$2:AI$366,ROUNDDOWN($C6018/24,0)+1,1))-1)+IF('Standard Profiles'!$G$19=$B$10,7,0)+IF('Standard Profiles'!$G$19=$B$17,14,0)+IF('Standard Profiles'!$G$19=$B$24,21,0),0)),0)</f>
        <v>10.315884034489414</v>
      </c>
      <c r="F6018" cm="1">
        <f t="array" ref="F6018">IFERROR(INDEX(Jesper!AJ$2:AJ$366,ROUNDDOWN($C6018/24,0)+1,1)*INDEX($D$3:$AA$30,INDEX(Jesper!$R$2:$R$366,ROW(INDEX(Jesper!AJ$2:AJ$366,ROUNDDOWN($C6018/24,0)+1,1))-1)+IF('Standard Profiles'!$G$20=$B$10,7,0)+IF('Standard Profiles'!$G$20=$B$17,14,0)+IF('Standard Profiles'!$G$20=$B$24,21,0),MOD($C6018,24)+1)/SUM(INDEX($D$3:$AA$30,INDEX(Jesper!$R$2:$R$366,ROW(INDEX(Jesper!AJ$2:AJ$366,ROUNDDOWN($C6018/24,0)+1,1))-1)+IF('Standard Profiles'!$G$20=$B$10,7,0)+IF('Standard Profiles'!$G$20=$B$17,14,0)+IF('Standard Profiles'!$G$20=$B$24,21,0),0)),0)</f>
        <v>0</v>
      </c>
      <c r="G6018" cm="1">
        <f t="array" ref="G6018">IFERROR(INDEX(Jesper!AK$2:AK$366,ROUNDDOWN($C6018/24,0)+1,1)*INDEX($D$3:$AA$30,INDEX(Jesper!$R$2:$R$366,ROW(INDEX(Jesper!AK$2:AK$366,ROUNDDOWN($C6018/24,0)+1,1))-1)+IF('Standard Profiles'!$G$21=$B$10,7,0)+IF('Standard Profiles'!$G$21=$B$17,14,0)+IF('Standard Profiles'!$G$21=$B$24,21,0),MOD($C6018,24)+1)/SUM(INDEX($D$3:$AA$30,INDEX(Jesper!$R$2:$R$366,ROW(INDEX(Jesper!AK$2:AK$366,ROUNDDOWN($C6018/24,0)+1,1))-1)+IF('Standard Profiles'!$G$21=$B$10,7,0)+IF('Standard Profiles'!$G$21=$B$17,14,0)+IF('Standard Profiles'!$G$21=$B$24,21,0),0)),0)</f>
        <v>0.65441369168736485</v>
      </c>
      <c r="H6018" cm="1">
        <f t="array" ref="H6018">IFERROR(INDEX(Jesper!AL$2:AL$366,ROUNDDOWN($C6018/24,0)+1,1)*INDEX($D$3:$AA$30,INDEX(Jesper!$R$2:$R$366,ROW(INDEX(Jesper!AL$2:AL$366,ROUNDDOWN($C6018/24,0)+1,1))-1)+IF('Standard Profiles'!$G$22=$B$10,7,0)+IF('Standard Profiles'!$G$22=$B$17,14,0)+IF('Standard Profiles'!$G$22=$B$24,21,0),MOD($C6018,24)+1)/SUM(INDEX($D$3:$AA$30,INDEX(Jesper!$R$2:$R$366,ROW(INDEX(Jesper!AL$2:AL$366,ROUNDDOWN($C6018/24,0)+1,1))-1)+IF('Standard Profiles'!$G$22=$B$10,7,0)+IF('Standard Profiles'!$G$22=$B$17,14,0)+IF('Standard Profiles'!$G$22=$B$24,21,0),0)),0)</f>
        <v>0</v>
      </c>
      <c r="I6018">
        <f t="shared" si="671"/>
        <v>0.31411857200993498</v>
      </c>
      <c r="J6018">
        <f t="shared" si="672"/>
        <v>31.12736416734678</v>
      </c>
      <c r="K6018">
        <f t="shared" si="673"/>
        <v>2.5995155572291986</v>
      </c>
      <c r="L6018">
        <f t="shared" si="674"/>
        <v>1.2997577786145993</v>
      </c>
      <c r="M6018">
        <f t="shared" si="675"/>
        <v>0</v>
      </c>
      <c r="N6018" s="45">
        <f t="shared" si="676"/>
        <v>45176.33333331882</v>
      </c>
    </row>
    <row r="6019" spans="2:14" x14ac:dyDescent="0.25">
      <c r="B6019">
        <f t="shared" si="670"/>
        <v>4</v>
      </c>
      <c r="C6019" s="16">
        <v>5985</v>
      </c>
      <c r="D6019" cm="1">
        <f t="array" ref="D6019">IFERROR(INDEX(Jesper!AH$2:AH$366,ROUNDDOWN($C6019/24,0)+1,1)*INDEX($D$3:$AA$30,INDEX(Jesper!$R$2:$R$366,ROW(INDEX(Jesper!AH$2:AH$366,ROUNDDOWN($C6019/24,0)+1,1))-1)+IF('Standard Profiles'!$G$18=$B$10,7,0)+IF('Standard Profiles'!$G$18=$B$17,14,0)+IF('Standard Profiles'!$G$18=$B$24,21,0),MOD($C6019,24)+1)/SUM(INDEX($D$3:$AA$30,INDEX(Jesper!$R$2:$R$366,ROW(INDEX(Jesper!AH$2:AH$366,ROUNDDOWN($C6019/24,0)+1,1))-1)+IF('Standard Profiles'!$G$18=$B$10,7,0)+IF('Standard Profiles'!$G$18=$B$17,14,0)+IF('Standard Profiles'!$G$18=$B$24,21,0),0)),0)</f>
        <v>26.899468177696011</v>
      </c>
      <c r="E6019" cm="1">
        <f t="array" ref="E6019">IFERROR(INDEX(Jesper!AI$2:AI$366,ROUNDDOWN($C6019/24,0)+1,1)*INDEX($D$3:$AA$30,INDEX(Jesper!$R$2:$R$366,ROW(INDEX(Jesper!AI$2:AI$366,ROUNDDOWN($C6019/24,0)+1,1))-1)+IF('Standard Profiles'!$G$19=$B$10,7,0)+IF('Standard Profiles'!$G$19=$B$17,14,0)+IF('Standard Profiles'!$G$19=$B$24,21,0),MOD($C6019,24)+1)/SUM(INDEX($D$3:$AA$30,INDEX(Jesper!$R$2:$R$366,ROW(INDEX(Jesper!AI$2:AI$366,ROUNDDOWN($C6019/24,0)+1,1))-1)+IF('Standard Profiles'!$G$19=$B$10,7,0)+IF('Standard Profiles'!$G$19=$B$17,14,0)+IF('Standard Profiles'!$G$19=$B$24,21,0),0)),0)</f>
        <v>11.386400302219451</v>
      </c>
      <c r="F6019" cm="1">
        <f t="array" ref="F6019">IFERROR(INDEX(Jesper!AJ$2:AJ$366,ROUNDDOWN($C6019/24,0)+1,1)*INDEX($D$3:$AA$30,INDEX(Jesper!$R$2:$R$366,ROW(INDEX(Jesper!AJ$2:AJ$366,ROUNDDOWN($C6019/24,0)+1,1))-1)+IF('Standard Profiles'!$G$20=$B$10,7,0)+IF('Standard Profiles'!$G$20=$B$17,14,0)+IF('Standard Profiles'!$G$20=$B$24,21,0),MOD($C6019,24)+1)/SUM(INDEX($D$3:$AA$30,INDEX(Jesper!$R$2:$R$366,ROW(INDEX(Jesper!AJ$2:AJ$366,ROUNDDOWN($C6019/24,0)+1,1))-1)+IF('Standard Profiles'!$G$20=$B$10,7,0)+IF('Standard Profiles'!$G$20=$B$17,14,0)+IF('Standard Profiles'!$G$20=$B$24,21,0),0)),0)</f>
        <v>0</v>
      </c>
      <c r="G6019" cm="1">
        <f t="array" ref="G6019">IFERROR(INDEX(Jesper!AK$2:AK$366,ROUNDDOWN($C6019/24,0)+1,1)*INDEX($D$3:$AA$30,INDEX(Jesper!$R$2:$R$366,ROW(INDEX(Jesper!AK$2:AK$366,ROUNDDOWN($C6019/24,0)+1,1))-1)+IF('Standard Profiles'!$G$21=$B$10,7,0)+IF('Standard Profiles'!$G$21=$B$17,14,0)+IF('Standard Profiles'!$G$21=$B$24,21,0),MOD($C6019,24)+1)/SUM(INDEX($D$3:$AA$30,INDEX(Jesper!$R$2:$R$366,ROW(INDEX(Jesper!AK$2:AK$366,ROUNDDOWN($C6019/24,0)+1,1))-1)+IF('Standard Profiles'!$G$21=$B$10,7,0)+IF('Standard Profiles'!$G$21=$B$17,14,0)+IF('Standard Profiles'!$G$21=$B$24,21,0),0)),0)</f>
        <v>0.72232454648511013</v>
      </c>
      <c r="H6019" cm="1">
        <f t="array" ref="H6019">IFERROR(INDEX(Jesper!AL$2:AL$366,ROUNDDOWN($C6019/24,0)+1,1)*INDEX($D$3:$AA$30,INDEX(Jesper!$R$2:$R$366,ROW(INDEX(Jesper!AL$2:AL$366,ROUNDDOWN($C6019/24,0)+1,1))-1)+IF('Standard Profiles'!$G$22=$B$10,7,0)+IF('Standard Profiles'!$G$22=$B$17,14,0)+IF('Standard Profiles'!$G$22=$B$24,21,0),MOD($C6019,24)+1)/SUM(INDEX($D$3:$AA$30,INDEX(Jesper!$R$2:$R$366,ROW(INDEX(Jesper!AL$2:AL$366,ROUNDDOWN($C6019/24,0)+1,1))-1)+IF('Standard Profiles'!$G$22=$B$10,7,0)+IF('Standard Profiles'!$G$22=$B$17,14,0)+IF('Standard Profiles'!$G$22=$B$24,21,0),0)),0)</f>
        <v>0</v>
      </c>
      <c r="I6019">
        <f t="shared" si="671"/>
        <v>0.34671578231285272</v>
      </c>
      <c r="J6019">
        <f t="shared" si="672"/>
        <v>34.357562335656354</v>
      </c>
      <c r="K6019">
        <f t="shared" si="673"/>
        <v>2.8692766056209082</v>
      </c>
      <c r="L6019">
        <f t="shared" si="674"/>
        <v>1.4346383028104541</v>
      </c>
      <c r="M6019">
        <f t="shared" si="675"/>
        <v>0</v>
      </c>
      <c r="N6019" s="45">
        <f t="shared" si="676"/>
        <v>45176.374999985484</v>
      </c>
    </row>
    <row r="6020" spans="2:14" x14ac:dyDescent="0.25">
      <c r="B6020">
        <f t="shared" si="670"/>
        <v>4</v>
      </c>
      <c r="C6020" s="16">
        <v>5986</v>
      </c>
      <c r="D6020" cm="1">
        <f t="array" ref="D6020">IFERROR(INDEX(Jesper!AH$2:AH$366,ROUNDDOWN($C6020/24,0)+1,1)*INDEX($D$3:$AA$30,INDEX(Jesper!$R$2:$R$366,ROW(INDEX(Jesper!AH$2:AH$366,ROUNDDOWN($C6020/24,0)+1,1))-1)+IF('Standard Profiles'!$G$18=$B$10,7,0)+IF('Standard Profiles'!$G$18=$B$17,14,0)+IF('Standard Profiles'!$G$18=$B$24,21,0),MOD($C6020,24)+1)/SUM(INDEX($D$3:$AA$30,INDEX(Jesper!$R$2:$R$366,ROW(INDEX(Jesper!AH$2:AH$366,ROUNDDOWN($C6020/24,0)+1,1))-1)+IF('Standard Profiles'!$G$18=$B$10,7,0)+IF('Standard Profiles'!$G$18=$B$17,14,0)+IF('Standard Profiles'!$G$18=$B$24,21,0),0)),0)</f>
        <v>26.899468177696011</v>
      </c>
      <c r="E6020" cm="1">
        <f t="array" ref="E6020">IFERROR(INDEX(Jesper!AI$2:AI$366,ROUNDDOWN($C6020/24,0)+1,1)*INDEX($D$3:$AA$30,INDEX(Jesper!$R$2:$R$366,ROW(INDEX(Jesper!AI$2:AI$366,ROUNDDOWN($C6020/24,0)+1,1))-1)+IF('Standard Profiles'!$G$19=$B$10,7,0)+IF('Standard Profiles'!$G$19=$B$17,14,0)+IF('Standard Profiles'!$G$19=$B$24,21,0),MOD($C6020,24)+1)/SUM(INDEX($D$3:$AA$30,INDEX(Jesper!$R$2:$R$366,ROW(INDEX(Jesper!AI$2:AI$366,ROUNDDOWN($C6020/24,0)+1,1))-1)+IF('Standard Profiles'!$G$19=$B$10,7,0)+IF('Standard Profiles'!$G$19=$B$17,14,0)+IF('Standard Profiles'!$G$19=$B$24,21,0),0)),0)</f>
        <v>11.386400302219451</v>
      </c>
      <c r="F6020" cm="1">
        <f t="array" ref="F6020">IFERROR(INDEX(Jesper!AJ$2:AJ$366,ROUNDDOWN($C6020/24,0)+1,1)*INDEX($D$3:$AA$30,INDEX(Jesper!$R$2:$R$366,ROW(INDEX(Jesper!AJ$2:AJ$366,ROUNDDOWN($C6020/24,0)+1,1))-1)+IF('Standard Profiles'!$G$20=$B$10,7,0)+IF('Standard Profiles'!$G$20=$B$17,14,0)+IF('Standard Profiles'!$G$20=$B$24,21,0),MOD($C6020,24)+1)/SUM(INDEX($D$3:$AA$30,INDEX(Jesper!$R$2:$R$366,ROW(INDEX(Jesper!AJ$2:AJ$366,ROUNDDOWN($C6020/24,0)+1,1))-1)+IF('Standard Profiles'!$G$20=$B$10,7,0)+IF('Standard Profiles'!$G$20=$B$17,14,0)+IF('Standard Profiles'!$G$20=$B$24,21,0),0)),0)</f>
        <v>0</v>
      </c>
      <c r="G6020" cm="1">
        <f t="array" ref="G6020">IFERROR(INDEX(Jesper!AK$2:AK$366,ROUNDDOWN($C6020/24,0)+1,1)*INDEX($D$3:$AA$30,INDEX(Jesper!$R$2:$R$366,ROW(INDEX(Jesper!AK$2:AK$366,ROUNDDOWN($C6020/24,0)+1,1))-1)+IF('Standard Profiles'!$G$21=$B$10,7,0)+IF('Standard Profiles'!$G$21=$B$17,14,0)+IF('Standard Profiles'!$G$21=$B$24,21,0),MOD($C6020,24)+1)/SUM(INDEX($D$3:$AA$30,INDEX(Jesper!$R$2:$R$366,ROW(INDEX(Jesper!AK$2:AK$366,ROUNDDOWN($C6020/24,0)+1,1))-1)+IF('Standard Profiles'!$G$21=$B$10,7,0)+IF('Standard Profiles'!$G$21=$B$17,14,0)+IF('Standard Profiles'!$G$21=$B$24,21,0),0)),0)</f>
        <v>0.72232454648511013</v>
      </c>
      <c r="H6020" cm="1">
        <f t="array" ref="H6020">IFERROR(INDEX(Jesper!AL$2:AL$366,ROUNDDOWN($C6020/24,0)+1,1)*INDEX($D$3:$AA$30,INDEX(Jesper!$R$2:$R$366,ROW(INDEX(Jesper!AL$2:AL$366,ROUNDDOWN($C6020/24,0)+1,1))-1)+IF('Standard Profiles'!$G$22=$B$10,7,0)+IF('Standard Profiles'!$G$22=$B$17,14,0)+IF('Standard Profiles'!$G$22=$B$24,21,0),MOD($C6020,24)+1)/SUM(INDEX($D$3:$AA$30,INDEX(Jesper!$R$2:$R$366,ROW(INDEX(Jesper!AL$2:AL$366,ROUNDDOWN($C6020/24,0)+1,1))-1)+IF('Standard Profiles'!$G$22=$B$10,7,0)+IF('Standard Profiles'!$G$22=$B$17,14,0)+IF('Standard Profiles'!$G$22=$B$24,21,0),0)),0)</f>
        <v>0</v>
      </c>
      <c r="I6020">
        <f t="shared" si="671"/>
        <v>0.34671578231285272</v>
      </c>
      <c r="J6020">
        <f t="shared" si="672"/>
        <v>34.357562335656354</v>
      </c>
      <c r="K6020">
        <f t="shared" si="673"/>
        <v>2.8692766056209082</v>
      </c>
      <c r="L6020">
        <f t="shared" si="674"/>
        <v>1.4346383028104541</v>
      </c>
      <c r="M6020">
        <f t="shared" si="675"/>
        <v>0</v>
      </c>
      <c r="N6020" s="45">
        <f t="shared" si="676"/>
        <v>45176.416666652149</v>
      </c>
    </row>
    <row r="6021" spans="2:14" x14ac:dyDescent="0.25">
      <c r="B6021">
        <f t="shared" si="670"/>
        <v>4</v>
      </c>
      <c r="C6021" s="16">
        <v>5987</v>
      </c>
      <c r="D6021" cm="1">
        <f t="array" ref="D6021">IFERROR(INDEX(Jesper!AH$2:AH$366,ROUNDDOWN($C6021/24,0)+1,1)*INDEX($D$3:$AA$30,INDEX(Jesper!$R$2:$R$366,ROW(INDEX(Jesper!AH$2:AH$366,ROUNDDOWN($C6021/24,0)+1,1))-1)+IF('Standard Profiles'!$G$18=$B$10,7,0)+IF('Standard Profiles'!$G$18=$B$17,14,0)+IF('Standard Profiles'!$G$18=$B$24,21,0),MOD($C6021,24)+1)/SUM(INDEX($D$3:$AA$30,INDEX(Jesper!$R$2:$R$366,ROW(INDEX(Jesper!AH$2:AH$366,ROUNDDOWN($C6021/24,0)+1,1))-1)+IF('Standard Profiles'!$G$18=$B$10,7,0)+IF('Standard Profiles'!$G$18=$B$17,14,0)+IF('Standard Profiles'!$G$18=$B$24,21,0),0)),0)</f>
        <v>32.187397819465311</v>
      </c>
      <c r="E6021" cm="1">
        <f t="array" ref="E6021">IFERROR(INDEX(Jesper!AI$2:AI$366,ROUNDDOWN($C6021/24,0)+1,1)*INDEX($D$3:$AA$30,INDEX(Jesper!$R$2:$R$366,ROW(INDEX(Jesper!AI$2:AI$366,ROUNDDOWN($C6021/24,0)+1,1))-1)+IF('Standard Profiles'!$G$19=$B$10,7,0)+IF('Standard Profiles'!$G$19=$B$17,14,0)+IF('Standard Profiles'!$G$19=$B$24,21,0),MOD($C6021,24)+1)/SUM(INDEX($D$3:$AA$30,INDEX(Jesper!$R$2:$R$366,ROW(INDEX(Jesper!AI$2:AI$366,ROUNDDOWN($C6021/24,0)+1,1))-1)+IF('Standard Profiles'!$G$19=$B$10,7,0)+IF('Standard Profiles'!$G$19=$B$17,14,0)+IF('Standard Profiles'!$G$19=$B$24,21,0),0)),0)</f>
        <v>13.624752498382247</v>
      </c>
      <c r="F6021" cm="1">
        <f t="array" ref="F6021">IFERROR(INDEX(Jesper!AJ$2:AJ$366,ROUNDDOWN($C6021/24,0)+1,1)*INDEX($D$3:$AA$30,INDEX(Jesper!$R$2:$R$366,ROW(INDEX(Jesper!AJ$2:AJ$366,ROUNDDOWN($C6021/24,0)+1,1))-1)+IF('Standard Profiles'!$G$20=$B$10,7,0)+IF('Standard Profiles'!$G$20=$B$17,14,0)+IF('Standard Profiles'!$G$20=$B$24,21,0),MOD($C6021,24)+1)/SUM(INDEX($D$3:$AA$30,INDEX(Jesper!$R$2:$R$366,ROW(INDEX(Jesper!AJ$2:AJ$366,ROUNDDOWN($C6021/24,0)+1,1))-1)+IF('Standard Profiles'!$G$20=$B$10,7,0)+IF('Standard Profiles'!$G$20=$B$17,14,0)+IF('Standard Profiles'!$G$20=$B$24,21,0),0)),0)</f>
        <v>0</v>
      </c>
      <c r="G6021" cm="1">
        <f t="array" ref="G6021">IFERROR(INDEX(Jesper!AK$2:AK$366,ROUNDDOWN($C6021/24,0)+1,1)*INDEX($D$3:$AA$30,INDEX(Jesper!$R$2:$R$366,ROW(INDEX(Jesper!AK$2:AK$366,ROUNDDOWN($C6021/24,0)+1,1))-1)+IF('Standard Profiles'!$G$21=$B$10,7,0)+IF('Standard Profiles'!$G$21=$B$17,14,0)+IF('Standard Profiles'!$G$21=$B$24,21,0),MOD($C6021,24)+1)/SUM(INDEX($D$3:$AA$30,INDEX(Jesper!$R$2:$R$366,ROW(INDEX(Jesper!AK$2:AK$366,ROUNDDOWN($C6021/24,0)+1,1))-1)+IF('Standard Profiles'!$G$21=$B$10,7,0)+IF('Standard Profiles'!$G$21=$B$17,14,0)+IF('Standard Profiles'!$G$21=$B$24,21,0),0)),0)</f>
        <v>0.86431997015312334</v>
      </c>
      <c r="H6021" cm="1">
        <f t="array" ref="H6021">IFERROR(INDEX(Jesper!AL$2:AL$366,ROUNDDOWN($C6021/24,0)+1,1)*INDEX($D$3:$AA$30,INDEX(Jesper!$R$2:$R$366,ROW(INDEX(Jesper!AL$2:AL$366,ROUNDDOWN($C6021/24,0)+1,1))-1)+IF('Standard Profiles'!$G$22=$B$10,7,0)+IF('Standard Profiles'!$G$22=$B$17,14,0)+IF('Standard Profiles'!$G$22=$B$24,21,0),MOD($C6021,24)+1)/SUM(INDEX($D$3:$AA$30,INDEX(Jesper!$R$2:$R$366,ROW(INDEX(Jesper!AL$2:AL$366,ROUNDDOWN($C6021/24,0)+1,1))-1)+IF('Standard Profiles'!$G$22=$B$10,7,0)+IF('Standard Profiles'!$G$22=$B$17,14,0)+IF('Standard Profiles'!$G$22=$B$24,21,0),0)),0)</f>
        <v>0</v>
      </c>
      <c r="I6021">
        <f t="shared" si="671"/>
        <v>0.41487358567349902</v>
      </c>
      <c r="J6021">
        <f t="shared" si="672"/>
        <v>41.111613051212728</v>
      </c>
      <c r="K6021">
        <f t="shared" si="673"/>
        <v>3.4333224340763002</v>
      </c>
      <c r="L6021">
        <f t="shared" si="674"/>
        <v>1.7166612170381501</v>
      </c>
      <c r="M6021">
        <f t="shared" si="675"/>
        <v>0</v>
      </c>
      <c r="N6021" s="45">
        <f t="shared" si="676"/>
        <v>45176.458333318813</v>
      </c>
    </row>
    <row r="6022" spans="2:14" x14ac:dyDescent="0.25">
      <c r="B6022">
        <f t="shared" si="670"/>
        <v>4</v>
      </c>
      <c r="C6022" s="16">
        <v>5988</v>
      </c>
      <c r="D6022" cm="1">
        <f t="array" ref="D6022">IFERROR(INDEX(Jesper!AH$2:AH$366,ROUNDDOWN($C6022/24,0)+1,1)*INDEX($D$3:$AA$30,INDEX(Jesper!$R$2:$R$366,ROW(INDEX(Jesper!AH$2:AH$366,ROUNDDOWN($C6022/24,0)+1,1))-1)+IF('Standard Profiles'!$G$18=$B$10,7,0)+IF('Standard Profiles'!$G$18=$B$17,14,0)+IF('Standard Profiles'!$G$18=$B$24,21,0),MOD($C6022,24)+1)/SUM(INDEX($D$3:$AA$30,INDEX(Jesper!$R$2:$R$366,ROW(INDEX(Jesper!AH$2:AH$366,ROUNDDOWN($C6022/24,0)+1,1))-1)+IF('Standard Profiles'!$G$18=$B$10,7,0)+IF('Standard Profiles'!$G$18=$B$17,14,0)+IF('Standard Profiles'!$G$18=$B$24,21,0),0)),0)</f>
        <v>32.187397819465311</v>
      </c>
      <c r="E6022" cm="1">
        <f t="array" ref="E6022">IFERROR(INDEX(Jesper!AI$2:AI$366,ROUNDDOWN($C6022/24,0)+1,1)*INDEX($D$3:$AA$30,INDEX(Jesper!$R$2:$R$366,ROW(INDEX(Jesper!AI$2:AI$366,ROUNDDOWN($C6022/24,0)+1,1))-1)+IF('Standard Profiles'!$G$19=$B$10,7,0)+IF('Standard Profiles'!$G$19=$B$17,14,0)+IF('Standard Profiles'!$G$19=$B$24,21,0),MOD($C6022,24)+1)/SUM(INDEX($D$3:$AA$30,INDEX(Jesper!$R$2:$R$366,ROW(INDEX(Jesper!AI$2:AI$366,ROUNDDOWN($C6022/24,0)+1,1))-1)+IF('Standard Profiles'!$G$19=$B$10,7,0)+IF('Standard Profiles'!$G$19=$B$17,14,0)+IF('Standard Profiles'!$G$19=$B$24,21,0),0)),0)</f>
        <v>13.624752498382247</v>
      </c>
      <c r="F6022" cm="1">
        <f t="array" ref="F6022">IFERROR(INDEX(Jesper!AJ$2:AJ$366,ROUNDDOWN($C6022/24,0)+1,1)*INDEX($D$3:$AA$30,INDEX(Jesper!$R$2:$R$366,ROW(INDEX(Jesper!AJ$2:AJ$366,ROUNDDOWN($C6022/24,0)+1,1))-1)+IF('Standard Profiles'!$G$20=$B$10,7,0)+IF('Standard Profiles'!$G$20=$B$17,14,0)+IF('Standard Profiles'!$G$20=$B$24,21,0),MOD($C6022,24)+1)/SUM(INDEX($D$3:$AA$30,INDEX(Jesper!$R$2:$R$366,ROW(INDEX(Jesper!AJ$2:AJ$366,ROUNDDOWN($C6022/24,0)+1,1))-1)+IF('Standard Profiles'!$G$20=$B$10,7,0)+IF('Standard Profiles'!$G$20=$B$17,14,0)+IF('Standard Profiles'!$G$20=$B$24,21,0),0)),0)</f>
        <v>0</v>
      </c>
      <c r="G6022" cm="1">
        <f t="array" ref="G6022">IFERROR(INDEX(Jesper!AK$2:AK$366,ROUNDDOWN($C6022/24,0)+1,1)*INDEX($D$3:$AA$30,INDEX(Jesper!$R$2:$R$366,ROW(INDEX(Jesper!AK$2:AK$366,ROUNDDOWN($C6022/24,0)+1,1))-1)+IF('Standard Profiles'!$G$21=$B$10,7,0)+IF('Standard Profiles'!$G$21=$B$17,14,0)+IF('Standard Profiles'!$G$21=$B$24,21,0),MOD($C6022,24)+1)/SUM(INDEX($D$3:$AA$30,INDEX(Jesper!$R$2:$R$366,ROW(INDEX(Jesper!AK$2:AK$366,ROUNDDOWN($C6022/24,0)+1,1))-1)+IF('Standard Profiles'!$G$21=$B$10,7,0)+IF('Standard Profiles'!$G$21=$B$17,14,0)+IF('Standard Profiles'!$G$21=$B$24,21,0),0)),0)</f>
        <v>0.86431997015312334</v>
      </c>
      <c r="H6022" cm="1">
        <f t="array" ref="H6022">IFERROR(INDEX(Jesper!AL$2:AL$366,ROUNDDOWN($C6022/24,0)+1,1)*INDEX($D$3:$AA$30,INDEX(Jesper!$R$2:$R$366,ROW(INDEX(Jesper!AL$2:AL$366,ROUNDDOWN($C6022/24,0)+1,1))-1)+IF('Standard Profiles'!$G$22=$B$10,7,0)+IF('Standard Profiles'!$G$22=$B$17,14,0)+IF('Standard Profiles'!$G$22=$B$24,21,0),MOD($C6022,24)+1)/SUM(INDEX($D$3:$AA$30,INDEX(Jesper!$R$2:$R$366,ROW(INDEX(Jesper!AL$2:AL$366,ROUNDDOWN($C6022/24,0)+1,1))-1)+IF('Standard Profiles'!$G$22=$B$10,7,0)+IF('Standard Profiles'!$G$22=$B$17,14,0)+IF('Standard Profiles'!$G$22=$B$24,21,0),0)),0)</f>
        <v>0</v>
      </c>
      <c r="I6022">
        <f t="shared" si="671"/>
        <v>0.41487358567349902</v>
      </c>
      <c r="J6022">
        <f t="shared" si="672"/>
        <v>41.111613051212728</v>
      </c>
      <c r="K6022">
        <f t="shared" si="673"/>
        <v>3.4333224340763002</v>
      </c>
      <c r="L6022">
        <f t="shared" si="674"/>
        <v>1.7166612170381501</v>
      </c>
      <c r="M6022">
        <f t="shared" si="675"/>
        <v>0</v>
      </c>
      <c r="N6022" s="45">
        <f t="shared" si="676"/>
        <v>45176.499999985477</v>
      </c>
    </row>
    <row r="6023" spans="2:14" x14ac:dyDescent="0.25">
      <c r="B6023">
        <f t="shared" si="670"/>
        <v>4</v>
      </c>
      <c r="C6023" s="16">
        <v>5989</v>
      </c>
      <c r="D6023" cm="1">
        <f t="array" ref="D6023">IFERROR(INDEX(Jesper!AH$2:AH$366,ROUNDDOWN($C6023/24,0)+1,1)*INDEX($D$3:$AA$30,INDEX(Jesper!$R$2:$R$366,ROW(INDEX(Jesper!AH$2:AH$366,ROUNDDOWN($C6023/24,0)+1,1))-1)+IF('Standard Profiles'!$G$18=$B$10,7,0)+IF('Standard Profiles'!$G$18=$B$17,14,0)+IF('Standard Profiles'!$G$18=$B$24,21,0),MOD($C6023,24)+1)/SUM(INDEX($D$3:$AA$30,INDEX(Jesper!$R$2:$R$366,ROW(INDEX(Jesper!AH$2:AH$366,ROUNDDOWN($C6023/24,0)+1,1))-1)+IF('Standard Profiles'!$G$18=$B$10,7,0)+IF('Standard Profiles'!$G$18=$B$17,14,0)+IF('Standard Profiles'!$G$18=$B$24,21,0),0)),0)</f>
        <v>21.381628551501954</v>
      </c>
      <c r="E6023" cm="1">
        <f t="array" ref="E6023">IFERROR(INDEX(Jesper!AI$2:AI$366,ROUNDDOWN($C6023/24,0)+1,1)*INDEX($D$3:$AA$30,INDEX(Jesper!$R$2:$R$366,ROW(INDEX(Jesper!AI$2:AI$366,ROUNDDOWN($C6023/24,0)+1,1))-1)+IF('Standard Profiles'!$G$19=$B$10,7,0)+IF('Standard Profiles'!$G$19=$B$17,14,0)+IF('Standard Profiles'!$G$19=$B$24,21,0),MOD($C6023,24)+1)/SUM(INDEX($D$3:$AA$30,INDEX(Jesper!$R$2:$R$366,ROW(INDEX(Jesper!AI$2:AI$366,ROUNDDOWN($C6023/24,0)+1,1))-1)+IF('Standard Profiles'!$G$19=$B$10,7,0)+IF('Standard Profiles'!$G$19=$B$17,14,0)+IF('Standard Profiles'!$G$19=$B$24,21,0),0)),0)</f>
        <v>9.0507284453539221</v>
      </c>
      <c r="F6023" cm="1">
        <f t="array" ref="F6023">IFERROR(INDEX(Jesper!AJ$2:AJ$366,ROUNDDOWN($C6023/24,0)+1,1)*INDEX($D$3:$AA$30,INDEX(Jesper!$R$2:$R$366,ROW(INDEX(Jesper!AJ$2:AJ$366,ROUNDDOWN($C6023/24,0)+1,1))-1)+IF('Standard Profiles'!$G$20=$B$10,7,0)+IF('Standard Profiles'!$G$20=$B$17,14,0)+IF('Standard Profiles'!$G$20=$B$24,21,0),MOD($C6023,24)+1)/SUM(INDEX($D$3:$AA$30,INDEX(Jesper!$R$2:$R$366,ROW(INDEX(Jesper!AJ$2:AJ$366,ROUNDDOWN($C6023/24,0)+1,1))-1)+IF('Standard Profiles'!$G$20=$B$10,7,0)+IF('Standard Profiles'!$G$20=$B$17,14,0)+IF('Standard Profiles'!$G$20=$B$24,21,0),0)),0)</f>
        <v>0</v>
      </c>
      <c r="G6023" cm="1">
        <f t="array" ref="G6023">IFERROR(INDEX(Jesper!AK$2:AK$366,ROUNDDOWN($C6023/24,0)+1,1)*INDEX($D$3:$AA$30,INDEX(Jesper!$R$2:$R$366,ROW(INDEX(Jesper!AK$2:AK$366,ROUNDDOWN($C6023/24,0)+1,1))-1)+IF('Standard Profiles'!$G$21=$B$10,7,0)+IF('Standard Profiles'!$G$21=$B$17,14,0)+IF('Standard Profiles'!$G$21=$B$24,21,0),MOD($C6023,24)+1)/SUM(INDEX($D$3:$AA$30,INDEX(Jesper!$R$2:$R$366,ROW(INDEX(Jesper!AK$2:AK$366,ROUNDDOWN($C6023/24,0)+1,1))-1)+IF('Standard Profiles'!$G$21=$B$10,7,0)+IF('Standard Profiles'!$G$21=$B$17,14,0)+IF('Standard Profiles'!$G$21=$B$24,21,0),0)),0)</f>
        <v>0.57415540874457471</v>
      </c>
      <c r="H6023" cm="1">
        <f t="array" ref="H6023">IFERROR(INDEX(Jesper!AL$2:AL$366,ROUNDDOWN($C6023/24,0)+1,1)*INDEX($D$3:$AA$30,INDEX(Jesper!$R$2:$R$366,ROW(INDEX(Jesper!AL$2:AL$366,ROUNDDOWN($C6023/24,0)+1,1))-1)+IF('Standard Profiles'!$G$22=$B$10,7,0)+IF('Standard Profiles'!$G$22=$B$17,14,0)+IF('Standard Profiles'!$G$22=$B$24,21,0),MOD($C6023,24)+1)/SUM(INDEX($D$3:$AA$30,INDEX(Jesper!$R$2:$R$366,ROW(INDEX(Jesper!AL$2:AL$366,ROUNDDOWN($C6023/24,0)+1,1))-1)+IF('Standard Profiles'!$G$22=$B$10,7,0)+IF('Standard Profiles'!$G$22=$B$17,14,0)+IF('Standard Profiles'!$G$22=$B$24,21,0),0)),0)</f>
        <v>0</v>
      </c>
      <c r="I6023">
        <f t="shared" si="671"/>
        <v>0.27559459619739574</v>
      </c>
      <c r="J6023">
        <f t="shared" si="672"/>
        <v>27.309857241162742</v>
      </c>
      <c r="K6023">
        <f t="shared" si="673"/>
        <v>2.2807070454935419</v>
      </c>
      <c r="L6023">
        <f t="shared" si="674"/>
        <v>1.1403535227467709</v>
      </c>
      <c r="M6023">
        <f t="shared" si="675"/>
        <v>0</v>
      </c>
      <c r="N6023" s="45">
        <f t="shared" si="676"/>
        <v>45176.541666652141</v>
      </c>
    </row>
    <row r="6024" spans="2:14" x14ac:dyDescent="0.25">
      <c r="B6024">
        <f t="shared" si="670"/>
        <v>4</v>
      </c>
      <c r="C6024" s="16">
        <v>5990</v>
      </c>
      <c r="D6024" cm="1">
        <f t="array" ref="D6024">IFERROR(INDEX(Jesper!AH$2:AH$366,ROUNDDOWN($C6024/24,0)+1,1)*INDEX($D$3:$AA$30,INDEX(Jesper!$R$2:$R$366,ROW(INDEX(Jesper!AH$2:AH$366,ROUNDDOWN($C6024/24,0)+1,1))-1)+IF('Standard Profiles'!$G$18=$B$10,7,0)+IF('Standard Profiles'!$G$18=$B$17,14,0)+IF('Standard Profiles'!$G$18=$B$24,21,0),MOD($C6024,24)+1)/SUM(INDEX($D$3:$AA$30,INDEX(Jesper!$R$2:$R$366,ROW(INDEX(Jesper!AH$2:AH$366,ROUNDDOWN($C6024/24,0)+1,1))-1)+IF('Standard Profiles'!$G$18=$B$10,7,0)+IF('Standard Profiles'!$G$18=$B$17,14,0)+IF('Standard Profiles'!$G$18=$B$24,21,0),0)),0)</f>
        <v>32.187397819465311</v>
      </c>
      <c r="E6024" cm="1">
        <f t="array" ref="E6024">IFERROR(INDEX(Jesper!AI$2:AI$366,ROUNDDOWN($C6024/24,0)+1,1)*INDEX($D$3:$AA$30,INDEX(Jesper!$R$2:$R$366,ROW(INDEX(Jesper!AI$2:AI$366,ROUNDDOWN($C6024/24,0)+1,1))-1)+IF('Standard Profiles'!$G$19=$B$10,7,0)+IF('Standard Profiles'!$G$19=$B$17,14,0)+IF('Standard Profiles'!$G$19=$B$24,21,0),MOD($C6024,24)+1)/SUM(INDEX($D$3:$AA$30,INDEX(Jesper!$R$2:$R$366,ROW(INDEX(Jesper!AI$2:AI$366,ROUNDDOWN($C6024/24,0)+1,1))-1)+IF('Standard Profiles'!$G$19=$B$10,7,0)+IF('Standard Profiles'!$G$19=$B$17,14,0)+IF('Standard Profiles'!$G$19=$B$24,21,0),0)),0)</f>
        <v>13.624752498382247</v>
      </c>
      <c r="F6024" cm="1">
        <f t="array" ref="F6024">IFERROR(INDEX(Jesper!AJ$2:AJ$366,ROUNDDOWN($C6024/24,0)+1,1)*INDEX($D$3:$AA$30,INDEX(Jesper!$R$2:$R$366,ROW(INDEX(Jesper!AJ$2:AJ$366,ROUNDDOWN($C6024/24,0)+1,1))-1)+IF('Standard Profiles'!$G$20=$B$10,7,0)+IF('Standard Profiles'!$G$20=$B$17,14,0)+IF('Standard Profiles'!$G$20=$B$24,21,0),MOD($C6024,24)+1)/SUM(INDEX($D$3:$AA$30,INDEX(Jesper!$R$2:$R$366,ROW(INDEX(Jesper!AJ$2:AJ$366,ROUNDDOWN($C6024/24,0)+1,1))-1)+IF('Standard Profiles'!$G$20=$B$10,7,0)+IF('Standard Profiles'!$G$20=$B$17,14,0)+IF('Standard Profiles'!$G$20=$B$24,21,0),0)),0)</f>
        <v>0</v>
      </c>
      <c r="G6024" cm="1">
        <f t="array" ref="G6024">IFERROR(INDEX(Jesper!AK$2:AK$366,ROUNDDOWN($C6024/24,0)+1,1)*INDEX($D$3:$AA$30,INDEX(Jesper!$R$2:$R$366,ROW(INDEX(Jesper!AK$2:AK$366,ROUNDDOWN($C6024/24,0)+1,1))-1)+IF('Standard Profiles'!$G$21=$B$10,7,0)+IF('Standard Profiles'!$G$21=$B$17,14,0)+IF('Standard Profiles'!$G$21=$B$24,21,0),MOD($C6024,24)+1)/SUM(INDEX($D$3:$AA$30,INDEX(Jesper!$R$2:$R$366,ROW(INDEX(Jesper!AK$2:AK$366,ROUNDDOWN($C6024/24,0)+1,1))-1)+IF('Standard Profiles'!$G$21=$B$10,7,0)+IF('Standard Profiles'!$G$21=$B$17,14,0)+IF('Standard Profiles'!$G$21=$B$24,21,0),0)),0)</f>
        <v>0.86431997015312334</v>
      </c>
      <c r="H6024" cm="1">
        <f t="array" ref="H6024">IFERROR(INDEX(Jesper!AL$2:AL$366,ROUNDDOWN($C6024/24,0)+1,1)*INDEX($D$3:$AA$30,INDEX(Jesper!$R$2:$R$366,ROW(INDEX(Jesper!AL$2:AL$366,ROUNDDOWN($C6024/24,0)+1,1))-1)+IF('Standard Profiles'!$G$22=$B$10,7,0)+IF('Standard Profiles'!$G$22=$B$17,14,0)+IF('Standard Profiles'!$G$22=$B$24,21,0),MOD($C6024,24)+1)/SUM(INDEX($D$3:$AA$30,INDEX(Jesper!$R$2:$R$366,ROW(INDEX(Jesper!AL$2:AL$366,ROUNDDOWN($C6024/24,0)+1,1))-1)+IF('Standard Profiles'!$G$22=$B$10,7,0)+IF('Standard Profiles'!$G$22=$B$17,14,0)+IF('Standard Profiles'!$G$22=$B$24,21,0),0)),0)</f>
        <v>0</v>
      </c>
      <c r="I6024">
        <f t="shared" si="671"/>
        <v>0.41487358567349902</v>
      </c>
      <c r="J6024">
        <f t="shared" si="672"/>
        <v>41.111613051212728</v>
      </c>
      <c r="K6024">
        <f t="shared" si="673"/>
        <v>3.4333224340763002</v>
      </c>
      <c r="L6024">
        <f t="shared" si="674"/>
        <v>1.7166612170381501</v>
      </c>
      <c r="M6024">
        <f t="shared" si="675"/>
        <v>0</v>
      </c>
      <c r="N6024" s="45">
        <f t="shared" si="676"/>
        <v>45176.583333318806</v>
      </c>
    </row>
    <row r="6025" spans="2:14" x14ac:dyDescent="0.25">
      <c r="B6025">
        <f t="shared" si="670"/>
        <v>4</v>
      </c>
      <c r="C6025" s="16">
        <v>5991</v>
      </c>
      <c r="D6025" cm="1">
        <f t="array" ref="D6025">IFERROR(INDEX(Jesper!AH$2:AH$366,ROUNDDOWN($C6025/24,0)+1,1)*INDEX($D$3:$AA$30,INDEX(Jesper!$R$2:$R$366,ROW(INDEX(Jesper!AH$2:AH$366,ROUNDDOWN($C6025/24,0)+1,1))-1)+IF('Standard Profiles'!$G$18=$B$10,7,0)+IF('Standard Profiles'!$G$18=$B$17,14,0)+IF('Standard Profiles'!$G$18=$B$24,21,0),MOD($C6025,24)+1)/SUM(INDEX($D$3:$AA$30,INDEX(Jesper!$R$2:$R$366,ROW(INDEX(Jesper!AH$2:AH$366,ROUNDDOWN($C6025/24,0)+1,1))-1)+IF('Standard Profiles'!$G$18=$B$10,7,0)+IF('Standard Profiles'!$G$18=$B$17,14,0)+IF('Standard Profiles'!$G$18=$B$24,21,0),0)),0)</f>
        <v>32.187397819465311</v>
      </c>
      <c r="E6025" cm="1">
        <f t="array" ref="E6025">IFERROR(INDEX(Jesper!AI$2:AI$366,ROUNDDOWN($C6025/24,0)+1,1)*INDEX($D$3:$AA$30,INDEX(Jesper!$R$2:$R$366,ROW(INDEX(Jesper!AI$2:AI$366,ROUNDDOWN($C6025/24,0)+1,1))-1)+IF('Standard Profiles'!$G$19=$B$10,7,0)+IF('Standard Profiles'!$G$19=$B$17,14,0)+IF('Standard Profiles'!$G$19=$B$24,21,0),MOD($C6025,24)+1)/SUM(INDEX($D$3:$AA$30,INDEX(Jesper!$R$2:$R$366,ROW(INDEX(Jesper!AI$2:AI$366,ROUNDDOWN($C6025/24,0)+1,1))-1)+IF('Standard Profiles'!$G$19=$B$10,7,0)+IF('Standard Profiles'!$G$19=$B$17,14,0)+IF('Standard Profiles'!$G$19=$B$24,21,0),0)),0)</f>
        <v>13.624752498382247</v>
      </c>
      <c r="F6025" cm="1">
        <f t="array" ref="F6025">IFERROR(INDEX(Jesper!AJ$2:AJ$366,ROUNDDOWN($C6025/24,0)+1,1)*INDEX($D$3:$AA$30,INDEX(Jesper!$R$2:$R$366,ROW(INDEX(Jesper!AJ$2:AJ$366,ROUNDDOWN($C6025/24,0)+1,1))-1)+IF('Standard Profiles'!$G$20=$B$10,7,0)+IF('Standard Profiles'!$G$20=$B$17,14,0)+IF('Standard Profiles'!$G$20=$B$24,21,0),MOD($C6025,24)+1)/SUM(INDEX($D$3:$AA$30,INDEX(Jesper!$R$2:$R$366,ROW(INDEX(Jesper!AJ$2:AJ$366,ROUNDDOWN($C6025/24,0)+1,1))-1)+IF('Standard Profiles'!$G$20=$B$10,7,0)+IF('Standard Profiles'!$G$20=$B$17,14,0)+IF('Standard Profiles'!$G$20=$B$24,21,0),0)),0)</f>
        <v>0</v>
      </c>
      <c r="G6025" cm="1">
        <f t="array" ref="G6025">IFERROR(INDEX(Jesper!AK$2:AK$366,ROUNDDOWN($C6025/24,0)+1,1)*INDEX($D$3:$AA$30,INDEX(Jesper!$R$2:$R$366,ROW(INDEX(Jesper!AK$2:AK$366,ROUNDDOWN($C6025/24,0)+1,1))-1)+IF('Standard Profiles'!$G$21=$B$10,7,0)+IF('Standard Profiles'!$G$21=$B$17,14,0)+IF('Standard Profiles'!$G$21=$B$24,21,0),MOD($C6025,24)+1)/SUM(INDEX($D$3:$AA$30,INDEX(Jesper!$R$2:$R$366,ROW(INDEX(Jesper!AK$2:AK$366,ROUNDDOWN($C6025/24,0)+1,1))-1)+IF('Standard Profiles'!$G$21=$B$10,7,0)+IF('Standard Profiles'!$G$21=$B$17,14,0)+IF('Standard Profiles'!$G$21=$B$24,21,0),0)),0)</f>
        <v>0.86431997015312334</v>
      </c>
      <c r="H6025" cm="1">
        <f t="array" ref="H6025">IFERROR(INDEX(Jesper!AL$2:AL$366,ROUNDDOWN($C6025/24,0)+1,1)*INDEX($D$3:$AA$30,INDEX(Jesper!$R$2:$R$366,ROW(INDEX(Jesper!AL$2:AL$366,ROUNDDOWN($C6025/24,0)+1,1))-1)+IF('Standard Profiles'!$G$22=$B$10,7,0)+IF('Standard Profiles'!$G$22=$B$17,14,0)+IF('Standard Profiles'!$G$22=$B$24,21,0),MOD($C6025,24)+1)/SUM(INDEX($D$3:$AA$30,INDEX(Jesper!$R$2:$R$366,ROW(INDEX(Jesper!AL$2:AL$366,ROUNDDOWN($C6025/24,0)+1,1))-1)+IF('Standard Profiles'!$G$22=$B$10,7,0)+IF('Standard Profiles'!$G$22=$B$17,14,0)+IF('Standard Profiles'!$G$22=$B$24,21,0),0)),0)</f>
        <v>0</v>
      </c>
      <c r="I6025">
        <f t="shared" si="671"/>
        <v>0.41487358567349902</v>
      </c>
      <c r="J6025">
        <f t="shared" si="672"/>
        <v>41.111613051212728</v>
      </c>
      <c r="K6025">
        <f t="shared" si="673"/>
        <v>3.4333224340763002</v>
      </c>
      <c r="L6025">
        <f t="shared" si="674"/>
        <v>1.7166612170381501</v>
      </c>
      <c r="M6025">
        <f t="shared" si="675"/>
        <v>0</v>
      </c>
      <c r="N6025" s="45">
        <f t="shared" si="676"/>
        <v>45176.62499998547</v>
      </c>
    </row>
    <row r="6026" spans="2:14" x14ac:dyDescent="0.25">
      <c r="B6026">
        <f t="shared" si="670"/>
        <v>4</v>
      </c>
      <c r="C6026" s="16">
        <v>5992</v>
      </c>
      <c r="D6026" cm="1">
        <f t="array" ref="D6026">IFERROR(INDEX(Jesper!AH$2:AH$366,ROUNDDOWN($C6026/24,0)+1,1)*INDEX($D$3:$AA$30,INDEX(Jesper!$R$2:$R$366,ROW(INDEX(Jesper!AH$2:AH$366,ROUNDDOWN($C6026/24,0)+1,1))-1)+IF('Standard Profiles'!$G$18=$B$10,7,0)+IF('Standard Profiles'!$G$18=$B$17,14,0)+IF('Standard Profiles'!$G$18=$B$24,21,0),MOD($C6026,24)+1)/SUM(INDEX($D$3:$AA$30,INDEX(Jesper!$R$2:$R$366,ROW(INDEX(Jesper!AH$2:AH$366,ROUNDDOWN($C6026/24,0)+1,1))-1)+IF('Standard Profiles'!$G$18=$B$10,7,0)+IF('Standard Profiles'!$G$18=$B$17,14,0)+IF('Standard Profiles'!$G$18=$B$24,21,0),0)),0)</f>
        <v>18.967573715042057</v>
      </c>
      <c r="E6026" cm="1">
        <f t="array" ref="E6026">IFERROR(INDEX(Jesper!AI$2:AI$366,ROUNDDOWN($C6026/24,0)+1,1)*INDEX($D$3:$AA$30,INDEX(Jesper!$R$2:$R$366,ROW(INDEX(Jesper!AI$2:AI$366,ROUNDDOWN($C6026/24,0)+1,1))-1)+IF('Standard Profiles'!$G$19=$B$10,7,0)+IF('Standard Profiles'!$G$19=$B$17,14,0)+IF('Standard Profiles'!$G$19=$B$24,21,0),MOD($C6026,24)+1)/SUM(INDEX($D$3:$AA$30,INDEX(Jesper!$R$2:$R$366,ROW(INDEX(Jesper!AI$2:AI$366,ROUNDDOWN($C6026/24,0)+1,1))-1)+IF('Standard Profiles'!$G$19=$B$10,7,0)+IF('Standard Profiles'!$G$19=$B$17,14,0)+IF('Standard Profiles'!$G$19=$B$24,21,0),0)),0)</f>
        <v>8.028872007975254</v>
      </c>
      <c r="F6026" cm="1">
        <f t="array" ref="F6026">IFERROR(INDEX(Jesper!AJ$2:AJ$366,ROUNDDOWN($C6026/24,0)+1,1)*INDEX($D$3:$AA$30,INDEX(Jesper!$R$2:$R$366,ROW(INDEX(Jesper!AJ$2:AJ$366,ROUNDDOWN($C6026/24,0)+1,1))-1)+IF('Standard Profiles'!$G$20=$B$10,7,0)+IF('Standard Profiles'!$G$20=$B$17,14,0)+IF('Standard Profiles'!$G$20=$B$24,21,0),MOD($C6026,24)+1)/SUM(INDEX($D$3:$AA$30,INDEX(Jesper!$R$2:$R$366,ROW(INDEX(Jesper!AJ$2:AJ$366,ROUNDDOWN($C6026/24,0)+1,1))-1)+IF('Standard Profiles'!$G$20=$B$10,7,0)+IF('Standard Profiles'!$G$20=$B$17,14,0)+IF('Standard Profiles'!$G$20=$B$24,21,0),0)),0)</f>
        <v>0</v>
      </c>
      <c r="G6026" cm="1">
        <f t="array" ref="G6026">IFERROR(INDEX(Jesper!AK$2:AK$366,ROUNDDOWN($C6026/24,0)+1,1)*INDEX($D$3:$AA$30,INDEX(Jesper!$R$2:$R$366,ROW(INDEX(Jesper!AK$2:AK$366,ROUNDDOWN($C6026/24,0)+1,1))-1)+IF('Standard Profiles'!$G$21=$B$10,7,0)+IF('Standard Profiles'!$G$21=$B$17,14,0)+IF('Standard Profiles'!$G$21=$B$24,21,0),MOD($C6026,24)+1)/SUM(INDEX($D$3:$AA$30,INDEX(Jesper!$R$2:$R$366,ROW(INDEX(Jesper!AK$2:AK$366,ROUNDDOWN($C6026/24,0)+1,1))-1)+IF('Standard Profiles'!$G$21=$B$10,7,0)+IF('Standard Profiles'!$G$21=$B$17,14,0)+IF('Standard Profiles'!$G$21=$B$24,21,0),0)),0)</f>
        <v>0.72221810313903223</v>
      </c>
      <c r="H6026" cm="1">
        <f t="array" ref="H6026">IFERROR(INDEX(Jesper!AL$2:AL$366,ROUNDDOWN($C6026/24,0)+1,1)*INDEX($D$3:$AA$30,INDEX(Jesper!$R$2:$R$366,ROW(INDEX(Jesper!AL$2:AL$366,ROUNDDOWN($C6026/24,0)+1,1))-1)+IF('Standard Profiles'!$G$22=$B$10,7,0)+IF('Standard Profiles'!$G$22=$B$17,14,0)+IF('Standard Profiles'!$G$22=$B$24,21,0),MOD($C6026,24)+1)/SUM(INDEX($D$3:$AA$30,INDEX(Jesper!$R$2:$R$366,ROW(INDEX(Jesper!AL$2:AL$366,ROUNDDOWN($C6026/24,0)+1,1))-1)+IF('Standard Profiles'!$G$22=$B$10,7,0)+IF('Standard Profiles'!$G$22=$B$17,14,0)+IF('Standard Profiles'!$G$22=$B$24,21,0),0)),0)</f>
        <v>0</v>
      </c>
      <c r="I6026">
        <f t="shared" si="671"/>
        <v>0.34666468950673529</v>
      </c>
      <c r="J6026">
        <f t="shared" si="672"/>
        <v>24.337187342242878</v>
      </c>
      <c r="K6026">
        <f t="shared" si="673"/>
        <v>2.0232078629378196</v>
      </c>
      <c r="L6026">
        <f t="shared" si="674"/>
        <v>1.0116039314689098</v>
      </c>
      <c r="M6026">
        <f t="shared" si="675"/>
        <v>0</v>
      </c>
      <c r="N6026" s="45">
        <f t="shared" si="676"/>
        <v>45176.666666652134</v>
      </c>
    </row>
    <row r="6027" spans="2:14" x14ac:dyDescent="0.25">
      <c r="B6027">
        <f t="shared" si="670"/>
        <v>4</v>
      </c>
      <c r="C6027" s="16">
        <v>5993</v>
      </c>
      <c r="D6027" cm="1">
        <f t="array" ref="D6027">IFERROR(INDEX(Jesper!AH$2:AH$366,ROUNDDOWN($C6027/24,0)+1,1)*INDEX($D$3:$AA$30,INDEX(Jesper!$R$2:$R$366,ROW(INDEX(Jesper!AH$2:AH$366,ROUNDDOWN($C6027/24,0)+1,1))-1)+IF('Standard Profiles'!$G$18=$B$10,7,0)+IF('Standard Profiles'!$G$18=$B$17,14,0)+IF('Standard Profiles'!$G$18=$B$24,21,0),MOD($C6027,24)+1)/SUM(INDEX($D$3:$AA$30,INDEX(Jesper!$R$2:$R$366,ROW(INDEX(Jesper!AH$2:AH$366,ROUNDDOWN($C6027/24,0)+1,1))-1)+IF('Standard Profiles'!$G$18=$B$10,7,0)+IF('Standard Profiles'!$G$18=$B$17,14,0)+IF('Standard Profiles'!$G$18=$B$24,21,0),0)),0)</f>
        <v>8.0954219867870503</v>
      </c>
      <c r="E6027" cm="1">
        <f t="array" ref="E6027">IFERROR(INDEX(Jesper!AI$2:AI$366,ROUNDDOWN($C6027/24,0)+1,1)*INDEX($D$3:$AA$30,INDEX(Jesper!$R$2:$R$366,ROW(INDEX(Jesper!AI$2:AI$366,ROUNDDOWN($C6027/24,0)+1,1))-1)+IF('Standard Profiles'!$G$19=$B$10,7,0)+IF('Standard Profiles'!$G$19=$B$17,14,0)+IF('Standard Profiles'!$G$19=$B$24,21,0),MOD($C6027,24)+1)/SUM(INDEX($D$3:$AA$30,INDEX(Jesper!$R$2:$R$366,ROW(INDEX(Jesper!AI$2:AI$366,ROUNDDOWN($C6027/24,0)+1,1))-1)+IF('Standard Profiles'!$G$19=$B$10,7,0)+IF('Standard Profiles'!$G$19=$B$17,14,0)+IF('Standard Profiles'!$G$19=$B$24,21,0),0)),0)</f>
        <v>3.4267486162933221</v>
      </c>
      <c r="F6027" cm="1">
        <f t="array" ref="F6027">IFERROR(INDEX(Jesper!AJ$2:AJ$366,ROUNDDOWN($C6027/24,0)+1,1)*INDEX($D$3:$AA$30,INDEX(Jesper!$R$2:$R$366,ROW(INDEX(Jesper!AJ$2:AJ$366,ROUNDDOWN($C6027/24,0)+1,1))-1)+IF('Standard Profiles'!$G$20=$B$10,7,0)+IF('Standard Profiles'!$G$20=$B$17,14,0)+IF('Standard Profiles'!$G$20=$B$24,21,0),MOD($C6027,24)+1)/SUM(INDEX($D$3:$AA$30,INDEX(Jesper!$R$2:$R$366,ROW(INDEX(Jesper!AJ$2:AJ$366,ROUNDDOWN($C6027/24,0)+1,1))-1)+IF('Standard Profiles'!$G$20=$B$10,7,0)+IF('Standard Profiles'!$G$20=$B$17,14,0)+IF('Standard Profiles'!$G$20=$B$24,21,0),0)),0)</f>
        <v>0</v>
      </c>
      <c r="G6027" cm="1">
        <f t="array" ref="G6027">IFERROR(INDEX(Jesper!AK$2:AK$366,ROUNDDOWN($C6027/24,0)+1,1)*INDEX($D$3:$AA$30,INDEX(Jesper!$R$2:$R$366,ROW(INDEX(Jesper!AK$2:AK$366,ROUNDDOWN($C6027/24,0)+1,1))-1)+IF('Standard Profiles'!$G$21=$B$10,7,0)+IF('Standard Profiles'!$G$21=$B$17,14,0)+IF('Standard Profiles'!$G$21=$B$24,21,0),MOD($C6027,24)+1)/SUM(INDEX($D$3:$AA$30,INDEX(Jesper!$R$2:$R$366,ROW(INDEX(Jesper!AK$2:AK$366,ROUNDDOWN($C6027/24,0)+1,1))-1)+IF('Standard Profiles'!$G$21=$B$10,7,0)+IF('Standard Profiles'!$G$21=$B$17,14,0)+IF('Standard Profiles'!$G$21=$B$24,21,0),0)),0)</f>
        <v>0.57426185209065272</v>
      </c>
      <c r="H6027" cm="1">
        <f t="array" ref="H6027">IFERROR(INDEX(Jesper!AL$2:AL$366,ROUNDDOWN($C6027/24,0)+1,1)*INDEX($D$3:$AA$30,INDEX(Jesper!$R$2:$R$366,ROW(INDEX(Jesper!AL$2:AL$366,ROUNDDOWN($C6027/24,0)+1,1))-1)+IF('Standard Profiles'!$G$22=$B$10,7,0)+IF('Standard Profiles'!$G$22=$B$17,14,0)+IF('Standard Profiles'!$G$22=$B$24,21,0),MOD($C6027,24)+1)/SUM(INDEX($D$3:$AA$30,INDEX(Jesper!$R$2:$R$366,ROW(INDEX(Jesper!AL$2:AL$366,ROUNDDOWN($C6027/24,0)+1,1))-1)+IF('Standard Profiles'!$G$22=$B$10,7,0)+IF('Standard Profiles'!$G$22=$B$17,14,0)+IF('Standard Profiles'!$G$22=$B$24,21,0),0)),0)</f>
        <v>0</v>
      </c>
      <c r="I6027">
        <f t="shared" si="671"/>
        <v>0.27564568900351316</v>
      </c>
      <c r="J6027">
        <f t="shared" si="672"/>
        <v>10.525519248281583</v>
      </c>
      <c r="K6027">
        <f t="shared" si="673"/>
        <v>0.86351167859061873</v>
      </c>
      <c r="L6027">
        <f t="shared" si="674"/>
        <v>0.43175583929530936</v>
      </c>
      <c r="M6027">
        <f t="shared" si="675"/>
        <v>0</v>
      </c>
      <c r="N6027" s="45">
        <f t="shared" si="676"/>
        <v>45176.708333318798</v>
      </c>
    </row>
    <row r="6028" spans="2:14" x14ac:dyDescent="0.25">
      <c r="B6028">
        <f t="shared" si="670"/>
        <v>4</v>
      </c>
      <c r="C6028" s="16">
        <v>5994</v>
      </c>
      <c r="D6028" cm="1">
        <f t="array" ref="D6028">IFERROR(INDEX(Jesper!AH$2:AH$366,ROUNDDOWN($C6028/24,0)+1,1)*INDEX($D$3:$AA$30,INDEX(Jesper!$R$2:$R$366,ROW(INDEX(Jesper!AH$2:AH$366,ROUNDDOWN($C6028/24,0)+1,1))-1)+IF('Standard Profiles'!$G$18=$B$10,7,0)+IF('Standard Profiles'!$G$18=$B$17,14,0)+IF('Standard Profiles'!$G$18=$B$24,21,0),MOD($C6028,24)+1)/SUM(INDEX($D$3:$AA$30,INDEX(Jesper!$R$2:$R$366,ROW(INDEX(Jesper!AH$2:AH$366,ROUNDDOWN($C6028/24,0)+1,1))-1)+IF('Standard Profiles'!$G$18=$B$10,7,0)+IF('Standard Profiles'!$G$18=$B$17,14,0)+IF('Standard Profiles'!$G$18=$B$24,21,0),0)),0)</f>
        <v>5.342978511279453</v>
      </c>
      <c r="E6028" cm="1">
        <f t="array" ref="E6028">IFERROR(INDEX(Jesper!AI$2:AI$366,ROUNDDOWN($C6028/24,0)+1,1)*INDEX($D$3:$AA$30,INDEX(Jesper!$R$2:$R$366,ROW(INDEX(Jesper!AI$2:AI$366,ROUNDDOWN($C6028/24,0)+1,1))-1)+IF('Standard Profiles'!$G$19=$B$10,7,0)+IF('Standard Profiles'!$G$19=$B$17,14,0)+IF('Standard Profiles'!$G$19=$B$24,21,0),MOD($C6028,24)+1)/SUM(INDEX($D$3:$AA$30,INDEX(Jesper!$R$2:$R$366,ROW(INDEX(Jesper!AI$2:AI$366,ROUNDDOWN($C6028/24,0)+1,1))-1)+IF('Standard Profiles'!$G$19=$B$10,7,0)+IF('Standard Profiles'!$G$19=$B$17,14,0)+IF('Standard Profiles'!$G$19=$B$24,21,0),0)),0)</f>
        <v>2.2616540867535924</v>
      </c>
      <c r="F6028" cm="1">
        <f t="array" ref="F6028">IFERROR(INDEX(Jesper!AJ$2:AJ$366,ROUNDDOWN($C6028/24,0)+1,1)*INDEX($D$3:$AA$30,INDEX(Jesper!$R$2:$R$366,ROW(INDEX(Jesper!AJ$2:AJ$366,ROUNDDOWN($C6028/24,0)+1,1))-1)+IF('Standard Profiles'!$G$20=$B$10,7,0)+IF('Standard Profiles'!$G$20=$B$17,14,0)+IF('Standard Profiles'!$G$20=$B$24,21,0),MOD($C6028,24)+1)/SUM(INDEX($D$3:$AA$30,INDEX(Jesper!$R$2:$R$366,ROW(INDEX(Jesper!AJ$2:AJ$366,ROUNDDOWN($C6028/24,0)+1,1))-1)+IF('Standard Profiles'!$G$20=$B$10,7,0)+IF('Standard Profiles'!$G$20=$B$17,14,0)+IF('Standard Profiles'!$G$20=$B$24,21,0),0)),0)</f>
        <v>0</v>
      </c>
      <c r="G6028" cm="1">
        <f t="array" ref="G6028">IFERROR(INDEX(Jesper!AK$2:AK$366,ROUNDDOWN($C6028/24,0)+1,1)*INDEX($D$3:$AA$30,INDEX(Jesper!$R$2:$R$366,ROW(INDEX(Jesper!AK$2:AK$366,ROUNDDOWN($C6028/24,0)+1,1))-1)+IF('Standard Profiles'!$G$21=$B$10,7,0)+IF('Standard Profiles'!$G$21=$B$17,14,0)+IF('Standard Profiles'!$G$21=$B$24,21,0),MOD($C6028,24)+1)/SUM(INDEX($D$3:$AA$30,INDEX(Jesper!$R$2:$R$366,ROW(INDEX(Jesper!AK$2:AK$366,ROUNDDOWN($C6028/24,0)+1,1))-1)+IF('Standard Profiles'!$G$21=$B$10,7,0)+IF('Standard Profiles'!$G$21=$B$17,14,0)+IF('Standard Profiles'!$G$21=$B$24,21,0),0)),0)</f>
        <v>0.21288669215594172</v>
      </c>
      <c r="H6028" cm="1">
        <f t="array" ref="H6028">IFERROR(INDEX(Jesper!AL$2:AL$366,ROUNDDOWN($C6028/24,0)+1,1)*INDEX($D$3:$AA$30,INDEX(Jesper!$R$2:$R$366,ROW(INDEX(Jesper!AL$2:AL$366,ROUNDDOWN($C6028/24,0)+1,1))-1)+IF('Standard Profiles'!$G$22=$B$10,7,0)+IF('Standard Profiles'!$G$22=$B$17,14,0)+IF('Standard Profiles'!$G$22=$B$24,21,0),MOD($C6028,24)+1)/SUM(INDEX($D$3:$AA$30,INDEX(Jesper!$R$2:$R$366,ROW(INDEX(Jesper!AL$2:AL$366,ROUNDDOWN($C6028/24,0)+1,1))-1)+IF('Standard Profiles'!$G$22=$B$10,7,0)+IF('Standard Profiles'!$G$22=$B$17,14,0)+IF('Standard Profiles'!$G$22=$B$24,21,0),0)),0)</f>
        <v>0</v>
      </c>
      <c r="I6028">
        <f t="shared" si="671"/>
        <v>0.10218561223485198</v>
      </c>
      <c r="J6028">
        <f t="shared" si="672"/>
        <v>6.8604571161494219</v>
      </c>
      <c r="K6028">
        <f t="shared" si="673"/>
        <v>0.56991770786980833</v>
      </c>
      <c r="L6028">
        <f t="shared" si="674"/>
        <v>0.28495885393490417</v>
      </c>
      <c r="M6028">
        <f t="shared" si="675"/>
        <v>0</v>
      </c>
      <c r="N6028" s="45">
        <f t="shared" si="676"/>
        <v>45176.749999985463</v>
      </c>
    </row>
    <row r="6029" spans="2:14" x14ac:dyDescent="0.25">
      <c r="B6029">
        <f t="shared" si="670"/>
        <v>4</v>
      </c>
      <c r="C6029" s="16">
        <v>5995</v>
      </c>
      <c r="D6029" cm="1">
        <f t="array" ref="D6029">IFERROR(INDEX(Jesper!AH$2:AH$366,ROUNDDOWN($C6029/24,0)+1,1)*INDEX($D$3:$AA$30,INDEX(Jesper!$R$2:$R$366,ROW(INDEX(Jesper!AH$2:AH$366,ROUNDDOWN($C6029/24,0)+1,1))-1)+IF('Standard Profiles'!$G$18=$B$10,7,0)+IF('Standard Profiles'!$G$18=$B$17,14,0)+IF('Standard Profiles'!$G$18=$B$24,21,0),MOD($C6029,24)+1)/SUM(INDEX($D$3:$AA$30,INDEX(Jesper!$R$2:$R$366,ROW(INDEX(Jesper!AH$2:AH$366,ROUNDDOWN($C6029/24,0)+1,1))-1)+IF('Standard Profiles'!$G$18=$B$10,7,0)+IF('Standard Profiles'!$G$18=$B$17,14,0)+IF('Standard Profiles'!$G$18=$B$24,21,0),0)),0)</f>
        <v>5.342978511279453</v>
      </c>
      <c r="E6029" cm="1">
        <f t="array" ref="E6029">IFERROR(INDEX(Jesper!AI$2:AI$366,ROUNDDOWN($C6029/24,0)+1,1)*INDEX($D$3:$AA$30,INDEX(Jesper!$R$2:$R$366,ROW(INDEX(Jesper!AI$2:AI$366,ROUNDDOWN($C6029/24,0)+1,1))-1)+IF('Standard Profiles'!$G$19=$B$10,7,0)+IF('Standard Profiles'!$G$19=$B$17,14,0)+IF('Standard Profiles'!$G$19=$B$24,21,0),MOD($C6029,24)+1)/SUM(INDEX($D$3:$AA$30,INDEX(Jesper!$R$2:$R$366,ROW(INDEX(Jesper!AI$2:AI$366,ROUNDDOWN($C6029/24,0)+1,1))-1)+IF('Standard Profiles'!$G$19=$B$10,7,0)+IF('Standard Profiles'!$G$19=$B$17,14,0)+IF('Standard Profiles'!$G$19=$B$24,21,0),0)),0)</f>
        <v>2.2616540867535924</v>
      </c>
      <c r="F6029" cm="1">
        <f t="array" ref="F6029">IFERROR(INDEX(Jesper!AJ$2:AJ$366,ROUNDDOWN($C6029/24,0)+1,1)*INDEX($D$3:$AA$30,INDEX(Jesper!$R$2:$R$366,ROW(INDEX(Jesper!AJ$2:AJ$366,ROUNDDOWN($C6029/24,0)+1,1))-1)+IF('Standard Profiles'!$G$20=$B$10,7,0)+IF('Standard Profiles'!$G$20=$B$17,14,0)+IF('Standard Profiles'!$G$20=$B$24,21,0),MOD($C6029,24)+1)/SUM(INDEX($D$3:$AA$30,INDEX(Jesper!$R$2:$R$366,ROW(INDEX(Jesper!AJ$2:AJ$366,ROUNDDOWN($C6029/24,0)+1,1))-1)+IF('Standard Profiles'!$G$20=$B$10,7,0)+IF('Standard Profiles'!$G$20=$B$17,14,0)+IF('Standard Profiles'!$G$20=$B$24,21,0),0)),0)</f>
        <v>0</v>
      </c>
      <c r="G6029" cm="1">
        <f t="array" ref="G6029">IFERROR(INDEX(Jesper!AK$2:AK$366,ROUNDDOWN($C6029/24,0)+1,1)*INDEX($D$3:$AA$30,INDEX(Jesper!$R$2:$R$366,ROW(INDEX(Jesper!AK$2:AK$366,ROUNDDOWN($C6029/24,0)+1,1))-1)+IF('Standard Profiles'!$G$21=$B$10,7,0)+IF('Standard Profiles'!$G$21=$B$17,14,0)+IF('Standard Profiles'!$G$21=$B$24,21,0),MOD($C6029,24)+1)/SUM(INDEX($D$3:$AA$30,INDEX(Jesper!$R$2:$R$366,ROW(INDEX(Jesper!AK$2:AK$366,ROUNDDOWN($C6029/24,0)+1,1))-1)+IF('Standard Profiles'!$G$21=$B$10,7,0)+IF('Standard Profiles'!$G$21=$B$17,14,0)+IF('Standard Profiles'!$G$21=$B$24,21,0),0)),0)</f>
        <v>0.21288669215594172</v>
      </c>
      <c r="H6029" cm="1">
        <f t="array" ref="H6029">IFERROR(INDEX(Jesper!AL$2:AL$366,ROUNDDOWN($C6029/24,0)+1,1)*INDEX($D$3:$AA$30,INDEX(Jesper!$R$2:$R$366,ROW(INDEX(Jesper!AL$2:AL$366,ROUNDDOWN($C6029/24,0)+1,1))-1)+IF('Standard Profiles'!$G$22=$B$10,7,0)+IF('Standard Profiles'!$G$22=$B$17,14,0)+IF('Standard Profiles'!$G$22=$B$24,21,0),MOD($C6029,24)+1)/SUM(INDEX($D$3:$AA$30,INDEX(Jesper!$R$2:$R$366,ROW(INDEX(Jesper!AL$2:AL$366,ROUNDDOWN($C6029/24,0)+1,1))-1)+IF('Standard Profiles'!$G$22=$B$10,7,0)+IF('Standard Profiles'!$G$22=$B$17,14,0)+IF('Standard Profiles'!$G$22=$B$24,21,0),0)),0)</f>
        <v>0</v>
      </c>
      <c r="I6029">
        <f t="shared" si="671"/>
        <v>0.10218561223485198</v>
      </c>
      <c r="J6029">
        <f t="shared" si="672"/>
        <v>6.8604571161494219</v>
      </c>
      <c r="K6029">
        <f t="shared" si="673"/>
        <v>0.56991770786980833</v>
      </c>
      <c r="L6029">
        <f t="shared" si="674"/>
        <v>0.28495885393490417</v>
      </c>
      <c r="M6029">
        <f t="shared" si="675"/>
        <v>0</v>
      </c>
      <c r="N6029" s="45">
        <f t="shared" si="676"/>
        <v>45176.791666652127</v>
      </c>
    </row>
    <row r="6030" spans="2:14" x14ac:dyDescent="0.25">
      <c r="B6030">
        <f t="shared" si="670"/>
        <v>4</v>
      </c>
      <c r="C6030" s="16">
        <v>5996</v>
      </c>
      <c r="D6030" cm="1">
        <f t="array" ref="D6030">IFERROR(INDEX(Jesper!AH$2:AH$366,ROUNDDOWN($C6030/24,0)+1,1)*INDEX($D$3:$AA$30,INDEX(Jesper!$R$2:$R$366,ROW(INDEX(Jesper!AH$2:AH$366,ROUNDDOWN($C6030/24,0)+1,1))-1)+IF('Standard Profiles'!$G$18=$B$10,7,0)+IF('Standard Profiles'!$G$18=$B$17,14,0)+IF('Standard Profiles'!$G$18=$B$24,21,0),MOD($C6030,24)+1)/SUM(INDEX($D$3:$AA$30,INDEX(Jesper!$R$2:$R$366,ROW(INDEX(Jesper!AH$2:AH$366,ROUNDDOWN($C6030/24,0)+1,1))-1)+IF('Standard Profiles'!$G$18=$B$10,7,0)+IF('Standard Profiles'!$G$18=$B$17,14,0)+IF('Standard Profiles'!$G$18=$B$24,21,0),0)),0)</f>
        <v>5.342978511279453</v>
      </c>
      <c r="E6030" cm="1">
        <f t="array" ref="E6030">IFERROR(INDEX(Jesper!AI$2:AI$366,ROUNDDOWN($C6030/24,0)+1,1)*INDEX($D$3:$AA$30,INDEX(Jesper!$R$2:$R$366,ROW(INDEX(Jesper!AI$2:AI$366,ROUNDDOWN($C6030/24,0)+1,1))-1)+IF('Standard Profiles'!$G$19=$B$10,7,0)+IF('Standard Profiles'!$G$19=$B$17,14,0)+IF('Standard Profiles'!$G$19=$B$24,21,0),MOD($C6030,24)+1)/SUM(INDEX($D$3:$AA$30,INDEX(Jesper!$R$2:$R$366,ROW(INDEX(Jesper!AI$2:AI$366,ROUNDDOWN($C6030/24,0)+1,1))-1)+IF('Standard Profiles'!$G$19=$B$10,7,0)+IF('Standard Profiles'!$G$19=$B$17,14,0)+IF('Standard Profiles'!$G$19=$B$24,21,0),0)),0)</f>
        <v>2.2616540867535924</v>
      </c>
      <c r="F6030" cm="1">
        <f t="array" ref="F6030">IFERROR(INDEX(Jesper!AJ$2:AJ$366,ROUNDDOWN($C6030/24,0)+1,1)*INDEX($D$3:$AA$30,INDEX(Jesper!$R$2:$R$366,ROW(INDEX(Jesper!AJ$2:AJ$366,ROUNDDOWN($C6030/24,0)+1,1))-1)+IF('Standard Profiles'!$G$20=$B$10,7,0)+IF('Standard Profiles'!$G$20=$B$17,14,0)+IF('Standard Profiles'!$G$20=$B$24,21,0),MOD($C6030,24)+1)/SUM(INDEX($D$3:$AA$30,INDEX(Jesper!$R$2:$R$366,ROW(INDEX(Jesper!AJ$2:AJ$366,ROUNDDOWN($C6030/24,0)+1,1))-1)+IF('Standard Profiles'!$G$20=$B$10,7,0)+IF('Standard Profiles'!$G$20=$B$17,14,0)+IF('Standard Profiles'!$G$20=$B$24,21,0),0)),0)</f>
        <v>0</v>
      </c>
      <c r="G6030" cm="1">
        <f t="array" ref="G6030">IFERROR(INDEX(Jesper!AK$2:AK$366,ROUNDDOWN($C6030/24,0)+1,1)*INDEX($D$3:$AA$30,INDEX(Jesper!$R$2:$R$366,ROW(INDEX(Jesper!AK$2:AK$366,ROUNDDOWN($C6030/24,0)+1,1))-1)+IF('Standard Profiles'!$G$21=$B$10,7,0)+IF('Standard Profiles'!$G$21=$B$17,14,0)+IF('Standard Profiles'!$G$21=$B$24,21,0),MOD($C6030,24)+1)/SUM(INDEX($D$3:$AA$30,INDEX(Jesper!$R$2:$R$366,ROW(INDEX(Jesper!AK$2:AK$366,ROUNDDOWN($C6030/24,0)+1,1))-1)+IF('Standard Profiles'!$G$21=$B$10,7,0)+IF('Standard Profiles'!$G$21=$B$17,14,0)+IF('Standard Profiles'!$G$21=$B$24,21,0),0)),0)</f>
        <v>0.21288669215594172</v>
      </c>
      <c r="H6030" cm="1">
        <f t="array" ref="H6030">IFERROR(INDEX(Jesper!AL$2:AL$366,ROUNDDOWN($C6030/24,0)+1,1)*INDEX($D$3:$AA$30,INDEX(Jesper!$R$2:$R$366,ROW(INDEX(Jesper!AL$2:AL$366,ROUNDDOWN($C6030/24,0)+1,1))-1)+IF('Standard Profiles'!$G$22=$B$10,7,0)+IF('Standard Profiles'!$G$22=$B$17,14,0)+IF('Standard Profiles'!$G$22=$B$24,21,0),MOD($C6030,24)+1)/SUM(INDEX($D$3:$AA$30,INDEX(Jesper!$R$2:$R$366,ROW(INDEX(Jesper!AL$2:AL$366,ROUNDDOWN($C6030/24,0)+1,1))-1)+IF('Standard Profiles'!$G$22=$B$10,7,0)+IF('Standard Profiles'!$G$22=$B$17,14,0)+IF('Standard Profiles'!$G$22=$B$24,21,0),0)),0)</f>
        <v>0</v>
      </c>
      <c r="I6030">
        <f t="shared" si="671"/>
        <v>0.10218561223485198</v>
      </c>
      <c r="J6030">
        <f t="shared" si="672"/>
        <v>6.8604571161494219</v>
      </c>
      <c r="K6030">
        <f t="shared" si="673"/>
        <v>0.56991770786980833</v>
      </c>
      <c r="L6030">
        <f t="shared" si="674"/>
        <v>0.28495885393490417</v>
      </c>
      <c r="M6030">
        <f t="shared" si="675"/>
        <v>0</v>
      </c>
      <c r="N6030" s="45">
        <f t="shared" si="676"/>
        <v>45176.833333318791</v>
      </c>
    </row>
    <row r="6031" spans="2:14" x14ac:dyDescent="0.25">
      <c r="B6031">
        <f t="shared" si="670"/>
        <v>4</v>
      </c>
      <c r="C6031" s="16">
        <v>5997</v>
      </c>
      <c r="D6031" cm="1">
        <f t="array" ref="D6031">IFERROR(INDEX(Jesper!AH$2:AH$366,ROUNDDOWN($C6031/24,0)+1,1)*INDEX($D$3:$AA$30,INDEX(Jesper!$R$2:$R$366,ROW(INDEX(Jesper!AH$2:AH$366,ROUNDDOWN($C6031/24,0)+1,1))-1)+IF('Standard Profiles'!$G$18=$B$10,7,0)+IF('Standard Profiles'!$G$18=$B$17,14,0)+IF('Standard Profiles'!$G$18=$B$24,21,0),MOD($C6031,24)+1)/SUM(INDEX($D$3:$AA$30,INDEX(Jesper!$R$2:$R$366,ROW(INDEX(Jesper!AH$2:AH$366,ROUNDDOWN($C6031/24,0)+1,1))-1)+IF('Standard Profiles'!$G$18=$B$10,7,0)+IF('Standard Profiles'!$G$18=$B$17,14,0)+IF('Standard Profiles'!$G$18=$B$24,21,0),0)),0)</f>
        <v>5.342978511279453</v>
      </c>
      <c r="E6031" cm="1">
        <f t="array" ref="E6031">IFERROR(INDEX(Jesper!AI$2:AI$366,ROUNDDOWN($C6031/24,0)+1,1)*INDEX($D$3:$AA$30,INDEX(Jesper!$R$2:$R$366,ROW(INDEX(Jesper!AI$2:AI$366,ROUNDDOWN($C6031/24,0)+1,1))-1)+IF('Standard Profiles'!$G$19=$B$10,7,0)+IF('Standard Profiles'!$G$19=$B$17,14,0)+IF('Standard Profiles'!$G$19=$B$24,21,0),MOD($C6031,24)+1)/SUM(INDEX($D$3:$AA$30,INDEX(Jesper!$R$2:$R$366,ROW(INDEX(Jesper!AI$2:AI$366,ROUNDDOWN($C6031/24,0)+1,1))-1)+IF('Standard Profiles'!$G$19=$B$10,7,0)+IF('Standard Profiles'!$G$19=$B$17,14,0)+IF('Standard Profiles'!$G$19=$B$24,21,0),0)),0)</f>
        <v>2.2616540867535924</v>
      </c>
      <c r="F6031" cm="1">
        <f t="array" ref="F6031">IFERROR(INDEX(Jesper!AJ$2:AJ$366,ROUNDDOWN($C6031/24,0)+1,1)*INDEX($D$3:$AA$30,INDEX(Jesper!$R$2:$R$366,ROW(INDEX(Jesper!AJ$2:AJ$366,ROUNDDOWN($C6031/24,0)+1,1))-1)+IF('Standard Profiles'!$G$20=$B$10,7,0)+IF('Standard Profiles'!$G$20=$B$17,14,0)+IF('Standard Profiles'!$G$20=$B$24,21,0),MOD($C6031,24)+1)/SUM(INDEX($D$3:$AA$30,INDEX(Jesper!$R$2:$R$366,ROW(INDEX(Jesper!AJ$2:AJ$366,ROUNDDOWN($C6031/24,0)+1,1))-1)+IF('Standard Profiles'!$G$20=$B$10,7,0)+IF('Standard Profiles'!$G$20=$B$17,14,0)+IF('Standard Profiles'!$G$20=$B$24,21,0),0)),0)</f>
        <v>0</v>
      </c>
      <c r="G6031" cm="1">
        <f t="array" ref="G6031">IFERROR(INDEX(Jesper!AK$2:AK$366,ROUNDDOWN($C6031/24,0)+1,1)*INDEX($D$3:$AA$30,INDEX(Jesper!$R$2:$R$366,ROW(INDEX(Jesper!AK$2:AK$366,ROUNDDOWN($C6031/24,0)+1,1))-1)+IF('Standard Profiles'!$G$21=$B$10,7,0)+IF('Standard Profiles'!$G$21=$B$17,14,0)+IF('Standard Profiles'!$G$21=$B$24,21,0),MOD($C6031,24)+1)/SUM(INDEX($D$3:$AA$30,INDEX(Jesper!$R$2:$R$366,ROW(INDEX(Jesper!AK$2:AK$366,ROUNDDOWN($C6031/24,0)+1,1))-1)+IF('Standard Profiles'!$G$21=$B$10,7,0)+IF('Standard Profiles'!$G$21=$B$17,14,0)+IF('Standard Profiles'!$G$21=$B$24,21,0),0)),0)</f>
        <v>0.21288669215594172</v>
      </c>
      <c r="H6031" cm="1">
        <f t="array" ref="H6031">IFERROR(INDEX(Jesper!AL$2:AL$366,ROUNDDOWN($C6031/24,0)+1,1)*INDEX($D$3:$AA$30,INDEX(Jesper!$R$2:$R$366,ROW(INDEX(Jesper!AL$2:AL$366,ROUNDDOWN($C6031/24,0)+1,1))-1)+IF('Standard Profiles'!$G$22=$B$10,7,0)+IF('Standard Profiles'!$G$22=$B$17,14,0)+IF('Standard Profiles'!$G$22=$B$24,21,0),MOD($C6031,24)+1)/SUM(INDEX($D$3:$AA$30,INDEX(Jesper!$R$2:$R$366,ROW(INDEX(Jesper!AL$2:AL$366,ROUNDDOWN($C6031/24,0)+1,1))-1)+IF('Standard Profiles'!$G$22=$B$10,7,0)+IF('Standard Profiles'!$G$22=$B$17,14,0)+IF('Standard Profiles'!$G$22=$B$24,21,0),0)),0)</f>
        <v>0</v>
      </c>
      <c r="I6031">
        <f t="shared" si="671"/>
        <v>0.10218561223485198</v>
      </c>
      <c r="J6031">
        <f t="shared" si="672"/>
        <v>6.8604571161494219</v>
      </c>
      <c r="K6031">
        <f t="shared" si="673"/>
        <v>0.56991770786980833</v>
      </c>
      <c r="L6031">
        <f t="shared" si="674"/>
        <v>0.28495885393490417</v>
      </c>
      <c r="M6031">
        <f t="shared" si="675"/>
        <v>0</v>
      </c>
      <c r="N6031" s="45">
        <f t="shared" si="676"/>
        <v>45176.874999985455</v>
      </c>
    </row>
    <row r="6032" spans="2:14" x14ac:dyDescent="0.25">
      <c r="B6032">
        <f t="shared" si="670"/>
        <v>4</v>
      </c>
      <c r="C6032" s="16">
        <v>5998</v>
      </c>
      <c r="D6032" cm="1">
        <f t="array" ref="D6032">IFERROR(INDEX(Jesper!AH$2:AH$366,ROUNDDOWN($C6032/24,0)+1,1)*INDEX($D$3:$AA$30,INDEX(Jesper!$R$2:$R$366,ROW(INDEX(Jesper!AH$2:AH$366,ROUNDDOWN($C6032/24,0)+1,1))-1)+IF('Standard Profiles'!$G$18=$B$10,7,0)+IF('Standard Profiles'!$G$18=$B$17,14,0)+IF('Standard Profiles'!$G$18=$B$24,21,0),MOD($C6032,24)+1)/SUM(INDEX($D$3:$AA$30,INDEX(Jesper!$R$2:$R$366,ROW(INDEX(Jesper!AH$2:AH$366,ROUNDDOWN($C6032/24,0)+1,1))-1)+IF('Standard Profiles'!$G$18=$B$10,7,0)+IF('Standard Profiles'!$G$18=$B$17,14,0)+IF('Standard Profiles'!$G$18=$B$24,21,0),0)),0)</f>
        <v>5.342978511279453</v>
      </c>
      <c r="E6032" cm="1">
        <f t="array" ref="E6032">IFERROR(INDEX(Jesper!AI$2:AI$366,ROUNDDOWN($C6032/24,0)+1,1)*INDEX($D$3:$AA$30,INDEX(Jesper!$R$2:$R$366,ROW(INDEX(Jesper!AI$2:AI$366,ROUNDDOWN($C6032/24,0)+1,1))-1)+IF('Standard Profiles'!$G$19=$B$10,7,0)+IF('Standard Profiles'!$G$19=$B$17,14,0)+IF('Standard Profiles'!$G$19=$B$24,21,0),MOD($C6032,24)+1)/SUM(INDEX($D$3:$AA$30,INDEX(Jesper!$R$2:$R$366,ROW(INDEX(Jesper!AI$2:AI$366,ROUNDDOWN($C6032/24,0)+1,1))-1)+IF('Standard Profiles'!$G$19=$B$10,7,0)+IF('Standard Profiles'!$G$19=$B$17,14,0)+IF('Standard Profiles'!$G$19=$B$24,21,0),0)),0)</f>
        <v>2.2616540867535924</v>
      </c>
      <c r="F6032" cm="1">
        <f t="array" ref="F6032">IFERROR(INDEX(Jesper!AJ$2:AJ$366,ROUNDDOWN($C6032/24,0)+1,1)*INDEX($D$3:$AA$30,INDEX(Jesper!$R$2:$R$366,ROW(INDEX(Jesper!AJ$2:AJ$366,ROUNDDOWN($C6032/24,0)+1,1))-1)+IF('Standard Profiles'!$G$20=$B$10,7,0)+IF('Standard Profiles'!$G$20=$B$17,14,0)+IF('Standard Profiles'!$G$20=$B$24,21,0),MOD($C6032,24)+1)/SUM(INDEX($D$3:$AA$30,INDEX(Jesper!$R$2:$R$366,ROW(INDEX(Jesper!AJ$2:AJ$366,ROUNDDOWN($C6032/24,0)+1,1))-1)+IF('Standard Profiles'!$G$20=$B$10,7,0)+IF('Standard Profiles'!$G$20=$B$17,14,0)+IF('Standard Profiles'!$G$20=$B$24,21,0),0)),0)</f>
        <v>0</v>
      </c>
      <c r="G6032" cm="1">
        <f t="array" ref="G6032">IFERROR(INDEX(Jesper!AK$2:AK$366,ROUNDDOWN($C6032/24,0)+1,1)*INDEX($D$3:$AA$30,INDEX(Jesper!$R$2:$R$366,ROW(INDEX(Jesper!AK$2:AK$366,ROUNDDOWN($C6032/24,0)+1,1))-1)+IF('Standard Profiles'!$G$21=$B$10,7,0)+IF('Standard Profiles'!$G$21=$B$17,14,0)+IF('Standard Profiles'!$G$21=$B$24,21,0),MOD($C6032,24)+1)/SUM(INDEX($D$3:$AA$30,INDEX(Jesper!$R$2:$R$366,ROW(INDEX(Jesper!AK$2:AK$366,ROUNDDOWN($C6032/24,0)+1,1))-1)+IF('Standard Profiles'!$G$21=$B$10,7,0)+IF('Standard Profiles'!$G$21=$B$17,14,0)+IF('Standard Profiles'!$G$21=$B$24,21,0),0)),0)</f>
        <v>0.21288669215594172</v>
      </c>
      <c r="H6032" cm="1">
        <f t="array" ref="H6032">IFERROR(INDEX(Jesper!AL$2:AL$366,ROUNDDOWN($C6032/24,0)+1,1)*INDEX($D$3:$AA$30,INDEX(Jesper!$R$2:$R$366,ROW(INDEX(Jesper!AL$2:AL$366,ROUNDDOWN($C6032/24,0)+1,1))-1)+IF('Standard Profiles'!$G$22=$B$10,7,0)+IF('Standard Profiles'!$G$22=$B$17,14,0)+IF('Standard Profiles'!$G$22=$B$24,21,0),MOD($C6032,24)+1)/SUM(INDEX($D$3:$AA$30,INDEX(Jesper!$R$2:$R$366,ROW(INDEX(Jesper!AL$2:AL$366,ROUNDDOWN($C6032/24,0)+1,1))-1)+IF('Standard Profiles'!$G$22=$B$10,7,0)+IF('Standard Profiles'!$G$22=$B$17,14,0)+IF('Standard Profiles'!$G$22=$B$24,21,0),0)),0)</f>
        <v>0</v>
      </c>
      <c r="I6032">
        <f t="shared" si="671"/>
        <v>0.10218561223485198</v>
      </c>
      <c r="J6032">
        <f t="shared" si="672"/>
        <v>6.8604571161494219</v>
      </c>
      <c r="K6032">
        <f t="shared" si="673"/>
        <v>0.56991770786980833</v>
      </c>
      <c r="L6032">
        <f t="shared" si="674"/>
        <v>0.28495885393490417</v>
      </c>
      <c r="M6032">
        <f t="shared" si="675"/>
        <v>0</v>
      </c>
      <c r="N6032" s="45">
        <f t="shared" si="676"/>
        <v>45176.91666665212</v>
      </c>
    </row>
    <row r="6033" spans="2:14" x14ac:dyDescent="0.25">
      <c r="B6033">
        <f t="shared" si="670"/>
        <v>4</v>
      </c>
      <c r="C6033" s="16">
        <v>5999</v>
      </c>
      <c r="D6033" cm="1">
        <f t="array" ref="D6033">IFERROR(INDEX(Jesper!AH$2:AH$366,ROUNDDOWN($C6033/24,0)+1,1)*INDEX($D$3:$AA$30,INDEX(Jesper!$R$2:$R$366,ROW(INDEX(Jesper!AH$2:AH$366,ROUNDDOWN($C6033/24,0)+1,1))-1)+IF('Standard Profiles'!$G$18=$B$10,7,0)+IF('Standard Profiles'!$G$18=$B$17,14,0)+IF('Standard Profiles'!$G$18=$B$24,21,0),MOD($C6033,24)+1)/SUM(INDEX($D$3:$AA$30,INDEX(Jesper!$R$2:$R$366,ROW(INDEX(Jesper!AH$2:AH$366,ROUNDDOWN($C6033/24,0)+1,1))-1)+IF('Standard Profiles'!$G$18=$B$10,7,0)+IF('Standard Profiles'!$G$18=$B$17,14,0)+IF('Standard Profiles'!$G$18=$B$24,21,0),0)),0)</f>
        <v>5.342978511279453</v>
      </c>
      <c r="E6033" cm="1">
        <f t="array" ref="E6033">IFERROR(INDEX(Jesper!AI$2:AI$366,ROUNDDOWN($C6033/24,0)+1,1)*INDEX($D$3:$AA$30,INDEX(Jesper!$R$2:$R$366,ROW(INDEX(Jesper!AI$2:AI$366,ROUNDDOWN($C6033/24,0)+1,1))-1)+IF('Standard Profiles'!$G$19=$B$10,7,0)+IF('Standard Profiles'!$G$19=$B$17,14,0)+IF('Standard Profiles'!$G$19=$B$24,21,0),MOD($C6033,24)+1)/SUM(INDEX($D$3:$AA$30,INDEX(Jesper!$R$2:$R$366,ROW(INDEX(Jesper!AI$2:AI$366,ROUNDDOWN($C6033/24,0)+1,1))-1)+IF('Standard Profiles'!$G$19=$B$10,7,0)+IF('Standard Profiles'!$G$19=$B$17,14,0)+IF('Standard Profiles'!$G$19=$B$24,21,0),0)),0)</f>
        <v>2.2616540867535924</v>
      </c>
      <c r="F6033" cm="1">
        <f t="array" ref="F6033">IFERROR(INDEX(Jesper!AJ$2:AJ$366,ROUNDDOWN($C6033/24,0)+1,1)*INDEX($D$3:$AA$30,INDEX(Jesper!$R$2:$R$366,ROW(INDEX(Jesper!AJ$2:AJ$366,ROUNDDOWN($C6033/24,0)+1,1))-1)+IF('Standard Profiles'!$G$20=$B$10,7,0)+IF('Standard Profiles'!$G$20=$B$17,14,0)+IF('Standard Profiles'!$G$20=$B$24,21,0),MOD($C6033,24)+1)/SUM(INDEX($D$3:$AA$30,INDEX(Jesper!$R$2:$R$366,ROW(INDEX(Jesper!AJ$2:AJ$366,ROUNDDOWN($C6033/24,0)+1,1))-1)+IF('Standard Profiles'!$G$20=$B$10,7,0)+IF('Standard Profiles'!$G$20=$B$17,14,0)+IF('Standard Profiles'!$G$20=$B$24,21,0),0)),0)</f>
        <v>0</v>
      </c>
      <c r="G6033" cm="1">
        <f t="array" ref="G6033">IFERROR(INDEX(Jesper!AK$2:AK$366,ROUNDDOWN($C6033/24,0)+1,1)*INDEX($D$3:$AA$30,INDEX(Jesper!$R$2:$R$366,ROW(INDEX(Jesper!AK$2:AK$366,ROUNDDOWN($C6033/24,0)+1,1))-1)+IF('Standard Profiles'!$G$21=$B$10,7,0)+IF('Standard Profiles'!$G$21=$B$17,14,0)+IF('Standard Profiles'!$G$21=$B$24,21,0),MOD($C6033,24)+1)/SUM(INDEX($D$3:$AA$30,INDEX(Jesper!$R$2:$R$366,ROW(INDEX(Jesper!AK$2:AK$366,ROUNDDOWN($C6033/24,0)+1,1))-1)+IF('Standard Profiles'!$G$21=$B$10,7,0)+IF('Standard Profiles'!$G$21=$B$17,14,0)+IF('Standard Profiles'!$G$21=$B$24,21,0),0)),0)</f>
        <v>0.21288669215594172</v>
      </c>
      <c r="H6033" cm="1">
        <f t="array" ref="H6033">IFERROR(INDEX(Jesper!AL$2:AL$366,ROUNDDOWN($C6033/24,0)+1,1)*INDEX($D$3:$AA$30,INDEX(Jesper!$R$2:$R$366,ROW(INDEX(Jesper!AL$2:AL$366,ROUNDDOWN($C6033/24,0)+1,1))-1)+IF('Standard Profiles'!$G$22=$B$10,7,0)+IF('Standard Profiles'!$G$22=$B$17,14,0)+IF('Standard Profiles'!$G$22=$B$24,21,0),MOD($C6033,24)+1)/SUM(INDEX($D$3:$AA$30,INDEX(Jesper!$R$2:$R$366,ROW(INDEX(Jesper!AL$2:AL$366,ROUNDDOWN($C6033/24,0)+1,1))-1)+IF('Standard Profiles'!$G$22=$B$10,7,0)+IF('Standard Profiles'!$G$22=$B$17,14,0)+IF('Standard Profiles'!$G$22=$B$24,21,0),0)),0)</f>
        <v>0</v>
      </c>
      <c r="I6033">
        <f t="shared" si="671"/>
        <v>0.10218561223485198</v>
      </c>
      <c r="J6033">
        <f t="shared" si="672"/>
        <v>6.8604571161494219</v>
      </c>
      <c r="K6033">
        <f t="shared" si="673"/>
        <v>0.56991770786980833</v>
      </c>
      <c r="L6033">
        <f t="shared" si="674"/>
        <v>0.28495885393490417</v>
      </c>
      <c r="M6033">
        <f t="shared" si="675"/>
        <v>0</v>
      </c>
      <c r="N6033" s="45">
        <f t="shared" si="676"/>
        <v>45176.958333318784</v>
      </c>
    </row>
    <row r="6034" spans="2:14" x14ac:dyDescent="0.25">
      <c r="B6034">
        <f t="shared" si="670"/>
        <v>5</v>
      </c>
      <c r="C6034" s="16">
        <v>6000</v>
      </c>
      <c r="D6034" cm="1">
        <f t="array" ref="D6034">IFERROR(INDEX(Jesper!AH$2:AH$366,ROUNDDOWN($C6034/24,0)+1,1)*INDEX($D$3:$AA$30,INDEX(Jesper!$R$2:$R$366,ROW(INDEX(Jesper!AH$2:AH$366,ROUNDDOWN($C6034/24,0)+1,1))-1)+IF('Standard Profiles'!$G$18=$B$10,7,0)+IF('Standard Profiles'!$G$18=$B$17,14,0)+IF('Standard Profiles'!$G$18=$B$24,21,0),MOD($C6034,24)+1)/SUM(INDEX($D$3:$AA$30,INDEX(Jesper!$R$2:$R$366,ROW(INDEX(Jesper!AH$2:AH$366,ROUNDDOWN($C6034/24,0)+1,1))-1)+IF('Standard Profiles'!$G$18=$B$10,7,0)+IF('Standard Profiles'!$G$18=$B$17,14,0)+IF('Standard Profiles'!$G$18=$B$24,21,0),0)),0)</f>
        <v>8.128761979657309</v>
      </c>
      <c r="E6034" cm="1">
        <f t="array" ref="E6034">IFERROR(INDEX(Jesper!AI$2:AI$366,ROUNDDOWN($C6034/24,0)+1,1)*INDEX($D$3:$AA$30,INDEX(Jesper!$R$2:$R$366,ROW(INDEX(Jesper!AI$2:AI$366,ROUNDDOWN($C6034/24,0)+1,1))-1)+IF('Standard Profiles'!$G$19=$B$10,7,0)+IF('Standard Profiles'!$G$19=$B$17,14,0)+IF('Standard Profiles'!$G$19=$B$24,21,0),MOD($C6034,24)+1)/SUM(INDEX($D$3:$AA$30,INDEX(Jesper!$R$2:$R$366,ROW(INDEX(Jesper!AI$2:AI$366,ROUNDDOWN($C6034/24,0)+1,1))-1)+IF('Standard Profiles'!$G$19=$B$10,7,0)+IF('Standard Profiles'!$G$19=$B$17,14,0)+IF('Standard Profiles'!$G$19=$B$24,21,0),0)),0)</f>
        <v>3.3851678662187927</v>
      </c>
      <c r="F6034" cm="1">
        <f t="array" ref="F6034">IFERROR(INDEX(Jesper!AJ$2:AJ$366,ROUNDDOWN($C6034/24,0)+1,1)*INDEX($D$3:$AA$30,INDEX(Jesper!$R$2:$R$366,ROW(INDEX(Jesper!AJ$2:AJ$366,ROUNDDOWN($C6034/24,0)+1,1))-1)+IF('Standard Profiles'!$G$20=$B$10,7,0)+IF('Standard Profiles'!$G$20=$B$17,14,0)+IF('Standard Profiles'!$G$20=$B$24,21,0),MOD($C6034,24)+1)/SUM(INDEX($D$3:$AA$30,INDEX(Jesper!$R$2:$R$366,ROW(INDEX(Jesper!AJ$2:AJ$366,ROUNDDOWN($C6034/24,0)+1,1))-1)+IF('Standard Profiles'!$G$20=$B$10,7,0)+IF('Standard Profiles'!$G$20=$B$17,14,0)+IF('Standard Profiles'!$G$20=$B$24,21,0),0)),0)</f>
        <v>0</v>
      </c>
      <c r="G6034" cm="1">
        <f t="array" ref="G6034">IFERROR(INDEX(Jesper!AK$2:AK$366,ROUNDDOWN($C6034/24,0)+1,1)*INDEX($D$3:$AA$30,INDEX(Jesper!$R$2:$R$366,ROW(INDEX(Jesper!AK$2:AK$366,ROUNDDOWN($C6034/24,0)+1,1))-1)+IF('Standard Profiles'!$G$21=$B$10,7,0)+IF('Standard Profiles'!$G$21=$B$17,14,0)+IF('Standard Profiles'!$G$21=$B$24,21,0),MOD($C6034,24)+1)/SUM(INDEX($D$3:$AA$30,INDEX(Jesper!$R$2:$R$366,ROW(INDEX(Jesper!AK$2:AK$366,ROUNDDOWN($C6034/24,0)+1,1))-1)+IF('Standard Profiles'!$G$21=$B$10,7,0)+IF('Standard Profiles'!$G$21=$B$17,14,0)+IF('Standard Profiles'!$G$21=$B$24,21,0),0)),0)</f>
        <v>0.14260506455193497</v>
      </c>
      <c r="H6034" cm="1">
        <f t="array" ref="H6034">IFERROR(INDEX(Jesper!AL$2:AL$366,ROUNDDOWN($C6034/24,0)+1,1)*INDEX($D$3:$AA$30,INDEX(Jesper!$R$2:$R$366,ROW(INDEX(Jesper!AL$2:AL$366,ROUNDDOWN($C6034/24,0)+1,1))-1)+IF('Standard Profiles'!$G$22=$B$10,7,0)+IF('Standard Profiles'!$G$22=$B$17,14,0)+IF('Standard Profiles'!$G$22=$B$24,21,0),MOD($C6034,24)+1)/SUM(INDEX($D$3:$AA$30,INDEX(Jesper!$R$2:$R$366,ROW(INDEX(Jesper!AL$2:AL$366,ROUNDDOWN($C6034/24,0)+1,1))-1)+IF('Standard Profiles'!$G$22=$B$10,7,0)+IF('Standard Profiles'!$G$22=$B$17,14,0)+IF('Standard Profiles'!$G$22=$B$24,21,0),0)),0)</f>
        <v>0</v>
      </c>
      <c r="I6034">
        <f t="shared" si="671"/>
        <v>6.8450430984928756E-2</v>
      </c>
      <c r="J6034">
        <f t="shared" si="672"/>
        <v>10.287482562697939</v>
      </c>
      <c r="K6034">
        <f t="shared" si="673"/>
        <v>0.86706794449677971</v>
      </c>
      <c r="L6034">
        <f t="shared" si="674"/>
        <v>0.43353397224838985</v>
      </c>
      <c r="M6034">
        <f t="shared" si="675"/>
        <v>0</v>
      </c>
      <c r="N6034" s="45">
        <f t="shared" si="676"/>
        <v>45176.999999985448</v>
      </c>
    </row>
    <row r="6035" spans="2:14" x14ac:dyDescent="0.25">
      <c r="B6035">
        <f t="shared" si="670"/>
        <v>5</v>
      </c>
      <c r="C6035" s="16">
        <v>6001</v>
      </c>
      <c r="D6035" cm="1">
        <f t="array" ref="D6035">IFERROR(INDEX(Jesper!AH$2:AH$366,ROUNDDOWN($C6035/24,0)+1,1)*INDEX($D$3:$AA$30,INDEX(Jesper!$R$2:$R$366,ROW(INDEX(Jesper!AH$2:AH$366,ROUNDDOWN($C6035/24,0)+1,1))-1)+IF('Standard Profiles'!$G$18=$B$10,7,0)+IF('Standard Profiles'!$G$18=$B$17,14,0)+IF('Standard Profiles'!$G$18=$B$24,21,0),MOD($C6035,24)+1)/SUM(INDEX($D$3:$AA$30,INDEX(Jesper!$R$2:$R$366,ROW(INDEX(Jesper!AH$2:AH$366,ROUNDDOWN($C6035/24,0)+1,1))-1)+IF('Standard Profiles'!$G$18=$B$10,7,0)+IF('Standard Profiles'!$G$18=$B$17,14,0)+IF('Standard Profiles'!$G$18=$B$24,21,0),0)),0)</f>
        <v>4.9265224119135205</v>
      </c>
      <c r="E6035" cm="1">
        <f t="array" ref="E6035">IFERROR(INDEX(Jesper!AI$2:AI$366,ROUNDDOWN($C6035/24,0)+1,1)*INDEX($D$3:$AA$30,INDEX(Jesper!$R$2:$R$366,ROW(INDEX(Jesper!AI$2:AI$366,ROUNDDOWN($C6035/24,0)+1,1))-1)+IF('Standard Profiles'!$G$19=$B$10,7,0)+IF('Standard Profiles'!$G$19=$B$17,14,0)+IF('Standard Profiles'!$G$19=$B$24,21,0),MOD($C6035,24)+1)/SUM(INDEX($D$3:$AA$30,INDEX(Jesper!$R$2:$R$366,ROW(INDEX(Jesper!AI$2:AI$366,ROUNDDOWN($C6035/24,0)+1,1))-1)+IF('Standard Profiles'!$G$19=$B$10,7,0)+IF('Standard Profiles'!$G$19=$B$17,14,0)+IF('Standard Profiles'!$G$19=$B$24,21,0),0)),0)</f>
        <v>2.05161688861745</v>
      </c>
      <c r="F6035" cm="1">
        <f t="array" ref="F6035">IFERROR(INDEX(Jesper!AJ$2:AJ$366,ROUNDDOWN($C6035/24,0)+1,1)*INDEX($D$3:$AA$30,INDEX(Jesper!$R$2:$R$366,ROW(INDEX(Jesper!AJ$2:AJ$366,ROUNDDOWN($C6035/24,0)+1,1))-1)+IF('Standard Profiles'!$G$20=$B$10,7,0)+IF('Standard Profiles'!$G$20=$B$17,14,0)+IF('Standard Profiles'!$G$20=$B$24,21,0),MOD($C6035,24)+1)/SUM(INDEX($D$3:$AA$30,INDEX(Jesper!$R$2:$R$366,ROW(INDEX(Jesper!AJ$2:AJ$366,ROUNDDOWN($C6035/24,0)+1,1))-1)+IF('Standard Profiles'!$G$20=$B$10,7,0)+IF('Standard Profiles'!$G$20=$B$17,14,0)+IF('Standard Profiles'!$G$20=$B$24,21,0),0)),0)</f>
        <v>0</v>
      </c>
      <c r="G6035" cm="1">
        <f t="array" ref="G6035">IFERROR(INDEX(Jesper!AK$2:AK$366,ROUNDDOWN($C6035/24,0)+1,1)*INDEX($D$3:$AA$30,INDEX(Jesper!$R$2:$R$366,ROW(INDEX(Jesper!AK$2:AK$366,ROUNDDOWN($C6035/24,0)+1,1))-1)+IF('Standard Profiles'!$G$21=$B$10,7,0)+IF('Standard Profiles'!$G$21=$B$17,14,0)+IF('Standard Profiles'!$G$21=$B$24,21,0),MOD($C6035,24)+1)/SUM(INDEX($D$3:$AA$30,INDEX(Jesper!$R$2:$R$366,ROW(INDEX(Jesper!AK$2:AK$366,ROUNDDOWN($C6035/24,0)+1,1))-1)+IF('Standard Profiles'!$G$21=$B$10,7,0)+IF('Standard Profiles'!$G$21=$B$17,14,0)+IF('Standard Profiles'!$G$21=$B$24,21,0),0)),0)</f>
        <v>0.14260506455193497</v>
      </c>
      <c r="H6035" cm="1">
        <f t="array" ref="H6035">IFERROR(INDEX(Jesper!AL$2:AL$366,ROUNDDOWN($C6035/24,0)+1,1)*INDEX($D$3:$AA$30,INDEX(Jesper!$R$2:$R$366,ROW(INDEX(Jesper!AL$2:AL$366,ROUNDDOWN($C6035/24,0)+1,1))-1)+IF('Standard Profiles'!$G$22=$B$10,7,0)+IF('Standard Profiles'!$G$22=$B$17,14,0)+IF('Standard Profiles'!$G$22=$B$24,21,0),MOD($C6035,24)+1)/SUM(INDEX($D$3:$AA$30,INDEX(Jesper!$R$2:$R$366,ROW(INDEX(Jesper!AL$2:AL$366,ROUNDDOWN($C6035/24,0)+1,1))-1)+IF('Standard Profiles'!$G$22=$B$10,7,0)+IF('Standard Profiles'!$G$22=$B$17,14,0)+IF('Standard Profiles'!$G$22=$B$24,21,0),0)),0)</f>
        <v>0</v>
      </c>
      <c r="I6035">
        <f t="shared" si="671"/>
        <v>6.8450430984928756E-2</v>
      </c>
      <c r="J6035">
        <f t="shared" si="672"/>
        <v>6.2640503481918133</v>
      </c>
      <c r="K6035">
        <f t="shared" si="673"/>
        <v>0.52549572393744226</v>
      </c>
      <c r="L6035">
        <f t="shared" si="674"/>
        <v>0.26274786196872113</v>
      </c>
      <c r="M6035">
        <f t="shared" si="675"/>
        <v>0</v>
      </c>
      <c r="N6035" s="45">
        <f t="shared" si="676"/>
        <v>45177.041666652112</v>
      </c>
    </row>
    <row r="6036" spans="2:14" x14ac:dyDescent="0.25">
      <c r="B6036">
        <f t="shared" si="670"/>
        <v>5</v>
      </c>
      <c r="C6036" s="16">
        <v>6002</v>
      </c>
      <c r="D6036" cm="1">
        <f t="array" ref="D6036">IFERROR(INDEX(Jesper!AH$2:AH$366,ROUNDDOWN($C6036/24,0)+1,1)*INDEX($D$3:$AA$30,INDEX(Jesper!$R$2:$R$366,ROW(INDEX(Jesper!AH$2:AH$366,ROUNDDOWN($C6036/24,0)+1,1))-1)+IF('Standard Profiles'!$G$18=$B$10,7,0)+IF('Standard Profiles'!$G$18=$B$17,14,0)+IF('Standard Profiles'!$G$18=$B$24,21,0),MOD($C6036,24)+1)/SUM(INDEX($D$3:$AA$30,INDEX(Jesper!$R$2:$R$366,ROW(INDEX(Jesper!AH$2:AH$366,ROUNDDOWN($C6036/24,0)+1,1))-1)+IF('Standard Profiles'!$G$18=$B$10,7,0)+IF('Standard Profiles'!$G$18=$B$17,14,0)+IF('Standard Profiles'!$G$18=$B$24,21,0),0)),0)</f>
        <v>4.9265224119135205</v>
      </c>
      <c r="E6036" cm="1">
        <f t="array" ref="E6036">IFERROR(INDEX(Jesper!AI$2:AI$366,ROUNDDOWN($C6036/24,0)+1,1)*INDEX($D$3:$AA$30,INDEX(Jesper!$R$2:$R$366,ROW(INDEX(Jesper!AI$2:AI$366,ROUNDDOWN($C6036/24,0)+1,1))-1)+IF('Standard Profiles'!$G$19=$B$10,7,0)+IF('Standard Profiles'!$G$19=$B$17,14,0)+IF('Standard Profiles'!$G$19=$B$24,21,0),MOD($C6036,24)+1)/SUM(INDEX($D$3:$AA$30,INDEX(Jesper!$R$2:$R$366,ROW(INDEX(Jesper!AI$2:AI$366,ROUNDDOWN($C6036/24,0)+1,1))-1)+IF('Standard Profiles'!$G$19=$B$10,7,0)+IF('Standard Profiles'!$G$19=$B$17,14,0)+IF('Standard Profiles'!$G$19=$B$24,21,0),0)),0)</f>
        <v>2.05161688861745</v>
      </c>
      <c r="F6036" cm="1">
        <f t="array" ref="F6036">IFERROR(INDEX(Jesper!AJ$2:AJ$366,ROUNDDOWN($C6036/24,0)+1,1)*INDEX($D$3:$AA$30,INDEX(Jesper!$R$2:$R$366,ROW(INDEX(Jesper!AJ$2:AJ$366,ROUNDDOWN($C6036/24,0)+1,1))-1)+IF('Standard Profiles'!$G$20=$B$10,7,0)+IF('Standard Profiles'!$G$20=$B$17,14,0)+IF('Standard Profiles'!$G$20=$B$24,21,0),MOD($C6036,24)+1)/SUM(INDEX($D$3:$AA$30,INDEX(Jesper!$R$2:$R$366,ROW(INDEX(Jesper!AJ$2:AJ$366,ROUNDDOWN($C6036/24,0)+1,1))-1)+IF('Standard Profiles'!$G$20=$B$10,7,0)+IF('Standard Profiles'!$G$20=$B$17,14,0)+IF('Standard Profiles'!$G$20=$B$24,21,0),0)),0)</f>
        <v>0</v>
      </c>
      <c r="G6036" cm="1">
        <f t="array" ref="G6036">IFERROR(INDEX(Jesper!AK$2:AK$366,ROUNDDOWN($C6036/24,0)+1,1)*INDEX($D$3:$AA$30,INDEX(Jesper!$R$2:$R$366,ROW(INDEX(Jesper!AK$2:AK$366,ROUNDDOWN($C6036/24,0)+1,1))-1)+IF('Standard Profiles'!$G$21=$B$10,7,0)+IF('Standard Profiles'!$G$21=$B$17,14,0)+IF('Standard Profiles'!$G$21=$B$24,21,0),MOD($C6036,24)+1)/SUM(INDEX($D$3:$AA$30,INDEX(Jesper!$R$2:$R$366,ROW(INDEX(Jesper!AK$2:AK$366,ROUNDDOWN($C6036/24,0)+1,1))-1)+IF('Standard Profiles'!$G$21=$B$10,7,0)+IF('Standard Profiles'!$G$21=$B$17,14,0)+IF('Standard Profiles'!$G$21=$B$24,21,0),0)),0)</f>
        <v>0.14260506455193497</v>
      </c>
      <c r="H6036" cm="1">
        <f t="array" ref="H6036">IFERROR(INDEX(Jesper!AL$2:AL$366,ROUNDDOWN($C6036/24,0)+1,1)*INDEX($D$3:$AA$30,INDEX(Jesper!$R$2:$R$366,ROW(INDEX(Jesper!AL$2:AL$366,ROUNDDOWN($C6036/24,0)+1,1))-1)+IF('Standard Profiles'!$G$22=$B$10,7,0)+IF('Standard Profiles'!$G$22=$B$17,14,0)+IF('Standard Profiles'!$G$22=$B$24,21,0),MOD($C6036,24)+1)/SUM(INDEX($D$3:$AA$30,INDEX(Jesper!$R$2:$R$366,ROW(INDEX(Jesper!AL$2:AL$366,ROUNDDOWN($C6036/24,0)+1,1))-1)+IF('Standard Profiles'!$G$22=$B$10,7,0)+IF('Standard Profiles'!$G$22=$B$17,14,0)+IF('Standard Profiles'!$G$22=$B$24,21,0),0)),0)</f>
        <v>0</v>
      </c>
      <c r="I6036">
        <f t="shared" si="671"/>
        <v>6.8450430984928756E-2</v>
      </c>
      <c r="J6036">
        <f t="shared" si="672"/>
        <v>6.2640503481918133</v>
      </c>
      <c r="K6036">
        <f t="shared" si="673"/>
        <v>0.52549572393744226</v>
      </c>
      <c r="L6036">
        <f t="shared" si="674"/>
        <v>0.26274786196872113</v>
      </c>
      <c r="M6036">
        <f t="shared" si="675"/>
        <v>0</v>
      </c>
      <c r="N6036" s="45">
        <f t="shared" si="676"/>
        <v>45177.083333318777</v>
      </c>
    </row>
    <row r="6037" spans="2:14" x14ac:dyDescent="0.25">
      <c r="B6037">
        <f t="shared" si="670"/>
        <v>5</v>
      </c>
      <c r="C6037" s="16">
        <v>6003</v>
      </c>
      <c r="D6037" cm="1">
        <f t="array" ref="D6037">IFERROR(INDEX(Jesper!AH$2:AH$366,ROUNDDOWN($C6037/24,0)+1,1)*INDEX($D$3:$AA$30,INDEX(Jesper!$R$2:$R$366,ROW(INDEX(Jesper!AH$2:AH$366,ROUNDDOWN($C6037/24,0)+1,1))-1)+IF('Standard Profiles'!$G$18=$B$10,7,0)+IF('Standard Profiles'!$G$18=$B$17,14,0)+IF('Standard Profiles'!$G$18=$B$24,21,0),MOD($C6037,24)+1)/SUM(INDEX($D$3:$AA$30,INDEX(Jesper!$R$2:$R$366,ROW(INDEX(Jesper!AH$2:AH$366,ROUNDDOWN($C6037/24,0)+1,1))-1)+IF('Standard Profiles'!$G$18=$B$10,7,0)+IF('Standard Profiles'!$G$18=$B$17,14,0)+IF('Standard Profiles'!$G$18=$B$24,21,0),0)),0)</f>
        <v>4.9265224119135205</v>
      </c>
      <c r="E6037" cm="1">
        <f t="array" ref="E6037">IFERROR(INDEX(Jesper!AI$2:AI$366,ROUNDDOWN($C6037/24,0)+1,1)*INDEX($D$3:$AA$30,INDEX(Jesper!$R$2:$R$366,ROW(INDEX(Jesper!AI$2:AI$366,ROUNDDOWN($C6037/24,0)+1,1))-1)+IF('Standard Profiles'!$G$19=$B$10,7,0)+IF('Standard Profiles'!$G$19=$B$17,14,0)+IF('Standard Profiles'!$G$19=$B$24,21,0),MOD($C6037,24)+1)/SUM(INDEX($D$3:$AA$30,INDEX(Jesper!$R$2:$R$366,ROW(INDEX(Jesper!AI$2:AI$366,ROUNDDOWN($C6037/24,0)+1,1))-1)+IF('Standard Profiles'!$G$19=$B$10,7,0)+IF('Standard Profiles'!$G$19=$B$17,14,0)+IF('Standard Profiles'!$G$19=$B$24,21,0),0)),0)</f>
        <v>2.05161688861745</v>
      </c>
      <c r="F6037" cm="1">
        <f t="array" ref="F6037">IFERROR(INDEX(Jesper!AJ$2:AJ$366,ROUNDDOWN($C6037/24,0)+1,1)*INDEX($D$3:$AA$30,INDEX(Jesper!$R$2:$R$366,ROW(INDEX(Jesper!AJ$2:AJ$366,ROUNDDOWN($C6037/24,0)+1,1))-1)+IF('Standard Profiles'!$G$20=$B$10,7,0)+IF('Standard Profiles'!$G$20=$B$17,14,0)+IF('Standard Profiles'!$G$20=$B$24,21,0),MOD($C6037,24)+1)/SUM(INDEX($D$3:$AA$30,INDEX(Jesper!$R$2:$R$366,ROW(INDEX(Jesper!AJ$2:AJ$366,ROUNDDOWN($C6037/24,0)+1,1))-1)+IF('Standard Profiles'!$G$20=$B$10,7,0)+IF('Standard Profiles'!$G$20=$B$17,14,0)+IF('Standard Profiles'!$G$20=$B$24,21,0),0)),0)</f>
        <v>0</v>
      </c>
      <c r="G6037" cm="1">
        <f t="array" ref="G6037">IFERROR(INDEX(Jesper!AK$2:AK$366,ROUNDDOWN($C6037/24,0)+1,1)*INDEX($D$3:$AA$30,INDEX(Jesper!$R$2:$R$366,ROW(INDEX(Jesper!AK$2:AK$366,ROUNDDOWN($C6037/24,0)+1,1))-1)+IF('Standard Profiles'!$G$21=$B$10,7,0)+IF('Standard Profiles'!$G$21=$B$17,14,0)+IF('Standard Profiles'!$G$21=$B$24,21,0),MOD($C6037,24)+1)/SUM(INDEX($D$3:$AA$30,INDEX(Jesper!$R$2:$R$366,ROW(INDEX(Jesper!AK$2:AK$366,ROUNDDOWN($C6037/24,0)+1,1))-1)+IF('Standard Profiles'!$G$21=$B$10,7,0)+IF('Standard Profiles'!$G$21=$B$17,14,0)+IF('Standard Profiles'!$G$21=$B$24,21,0),0)),0)</f>
        <v>0.14260506455193497</v>
      </c>
      <c r="H6037" cm="1">
        <f t="array" ref="H6037">IFERROR(INDEX(Jesper!AL$2:AL$366,ROUNDDOWN($C6037/24,0)+1,1)*INDEX($D$3:$AA$30,INDEX(Jesper!$R$2:$R$366,ROW(INDEX(Jesper!AL$2:AL$366,ROUNDDOWN($C6037/24,0)+1,1))-1)+IF('Standard Profiles'!$G$22=$B$10,7,0)+IF('Standard Profiles'!$G$22=$B$17,14,0)+IF('Standard Profiles'!$G$22=$B$24,21,0),MOD($C6037,24)+1)/SUM(INDEX($D$3:$AA$30,INDEX(Jesper!$R$2:$R$366,ROW(INDEX(Jesper!AL$2:AL$366,ROUNDDOWN($C6037/24,0)+1,1))-1)+IF('Standard Profiles'!$G$22=$B$10,7,0)+IF('Standard Profiles'!$G$22=$B$17,14,0)+IF('Standard Profiles'!$G$22=$B$24,21,0),0)),0)</f>
        <v>0</v>
      </c>
      <c r="I6037">
        <f t="shared" si="671"/>
        <v>6.8450430984928756E-2</v>
      </c>
      <c r="J6037">
        <f t="shared" si="672"/>
        <v>6.2640503481918133</v>
      </c>
      <c r="K6037">
        <f t="shared" si="673"/>
        <v>0.52549572393744226</v>
      </c>
      <c r="L6037">
        <f t="shared" si="674"/>
        <v>0.26274786196872113</v>
      </c>
      <c r="M6037">
        <f t="shared" si="675"/>
        <v>0</v>
      </c>
      <c r="N6037" s="45">
        <f t="shared" si="676"/>
        <v>45177.124999985441</v>
      </c>
    </row>
    <row r="6038" spans="2:14" x14ac:dyDescent="0.25">
      <c r="B6038">
        <f t="shared" si="670"/>
        <v>5</v>
      </c>
      <c r="C6038" s="16">
        <v>6004</v>
      </c>
      <c r="D6038" cm="1">
        <f t="array" ref="D6038">IFERROR(INDEX(Jesper!AH$2:AH$366,ROUNDDOWN($C6038/24,0)+1,1)*INDEX($D$3:$AA$30,INDEX(Jesper!$R$2:$R$366,ROW(INDEX(Jesper!AH$2:AH$366,ROUNDDOWN($C6038/24,0)+1,1))-1)+IF('Standard Profiles'!$G$18=$B$10,7,0)+IF('Standard Profiles'!$G$18=$B$17,14,0)+IF('Standard Profiles'!$G$18=$B$24,21,0),MOD($C6038,24)+1)/SUM(INDEX($D$3:$AA$30,INDEX(Jesper!$R$2:$R$366,ROW(INDEX(Jesper!AH$2:AH$366,ROUNDDOWN($C6038/24,0)+1,1))-1)+IF('Standard Profiles'!$G$18=$B$10,7,0)+IF('Standard Profiles'!$G$18=$B$17,14,0)+IF('Standard Profiles'!$G$18=$B$24,21,0),0)),0)</f>
        <v>4.9265224119135205</v>
      </c>
      <c r="E6038" cm="1">
        <f t="array" ref="E6038">IFERROR(INDEX(Jesper!AI$2:AI$366,ROUNDDOWN($C6038/24,0)+1,1)*INDEX($D$3:$AA$30,INDEX(Jesper!$R$2:$R$366,ROW(INDEX(Jesper!AI$2:AI$366,ROUNDDOWN($C6038/24,0)+1,1))-1)+IF('Standard Profiles'!$G$19=$B$10,7,0)+IF('Standard Profiles'!$G$19=$B$17,14,0)+IF('Standard Profiles'!$G$19=$B$24,21,0),MOD($C6038,24)+1)/SUM(INDEX($D$3:$AA$30,INDEX(Jesper!$R$2:$R$366,ROW(INDEX(Jesper!AI$2:AI$366,ROUNDDOWN($C6038/24,0)+1,1))-1)+IF('Standard Profiles'!$G$19=$B$10,7,0)+IF('Standard Profiles'!$G$19=$B$17,14,0)+IF('Standard Profiles'!$G$19=$B$24,21,0),0)),0)</f>
        <v>2.05161688861745</v>
      </c>
      <c r="F6038" cm="1">
        <f t="array" ref="F6038">IFERROR(INDEX(Jesper!AJ$2:AJ$366,ROUNDDOWN($C6038/24,0)+1,1)*INDEX($D$3:$AA$30,INDEX(Jesper!$R$2:$R$366,ROW(INDEX(Jesper!AJ$2:AJ$366,ROUNDDOWN($C6038/24,0)+1,1))-1)+IF('Standard Profiles'!$G$20=$B$10,7,0)+IF('Standard Profiles'!$G$20=$B$17,14,0)+IF('Standard Profiles'!$G$20=$B$24,21,0),MOD($C6038,24)+1)/SUM(INDEX($D$3:$AA$30,INDEX(Jesper!$R$2:$R$366,ROW(INDEX(Jesper!AJ$2:AJ$366,ROUNDDOWN($C6038/24,0)+1,1))-1)+IF('Standard Profiles'!$G$20=$B$10,7,0)+IF('Standard Profiles'!$G$20=$B$17,14,0)+IF('Standard Profiles'!$G$20=$B$24,21,0),0)),0)</f>
        <v>0</v>
      </c>
      <c r="G6038" cm="1">
        <f t="array" ref="G6038">IFERROR(INDEX(Jesper!AK$2:AK$366,ROUNDDOWN($C6038/24,0)+1,1)*INDEX($D$3:$AA$30,INDEX(Jesper!$R$2:$R$366,ROW(INDEX(Jesper!AK$2:AK$366,ROUNDDOWN($C6038/24,0)+1,1))-1)+IF('Standard Profiles'!$G$21=$B$10,7,0)+IF('Standard Profiles'!$G$21=$B$17,14,0)+IF('Standard Profiles'!$G$21=$B$24,21,0),MOD($C6038,24)+1)/SUM(INDEX($D$3:$AA$30,INDEX(Jesper!$R$2:$R$366,ROW(INDEX(Jesper!AK$2:AK$366,ROUNDDOWN($C6038/24,0)+1,1))-1)+IF('Standard Profiles'!$G$21=$B$10,7,0)+IF('Standard Profiles'!$G$21=$B$17,14,0)+IF('Standard Profiles'!$G$21=$B$24,21,0),0)),0)</f>
        <v>0.14260506455193497</v>
      </c>
      <c r="H6038" cm="1">
        <f t="array" ref="H6038">IFERROR(INDEX(Jesper!AL$2:AL$366,ROUNDDOWN($C6038/24,0)+1,1)*INDEX($D$3:$AA$30,INDEX(Jesper!$R$2:$R$366,ROW(INDEX(Jesper!AL$2:AL$366,ROUNDDOWN($C6038/24,0)+1,1))-1)+IF('Standard Profiles'!$G$22=$B$10,7,0)+IF('Standard Profiles'!$G$22=$B$17,14,0)+IF('Standard Profiles'!$G$22=$B$24,21,0),MOD($C6038,24)+1)/SUM(INDEX($D$3:$AA$30,INDEX(Jesper!$R$2:$R$366,ROW(INDEX(Jesper!AL$2:AL$366,ROUNDDOWN($C6038/24,0)+1,1))-1)+IF('Standard Profiles'!$G$22=$B$10,7,0)+IF('Standard Profiles'!$G$22=$B$17,14,0)+IF('Standard Profiles'!$G$22=$B$24,21,0),0)),0)</f>
        <v>0</v>
      </c>
      <c r="I6038">
        <f t="shared" si="671"/>
        <v>6.8450430984928756E-2</v>
      </c>
      <c r="J6038">
        <f t="shared" si="672"/>
        <v>6.2640503481918133</v>
      </c>
      <c r="K6038">
        <f t="shared" si="673"/>
        <v>0.52549572393744226</v>
      </c>
      <c r="L6038">
        <f t="shared" si="674"/>
        <v>0.26274786196872113</v>
      </c>
      <c r="M6038">
        <f t="shared" si="675"/>
        <v>0</v>
      </c>
      <c r="N6038" s="45">
        <f t="shared" si="676"/>
        <v>45177.166666652105</v>
      </c>
    </row>
    <row r="6039" spans="2:14" x14ac:dyDescent="0.25">
      <c r="B6039">
        <f t="shared" si="670"/>
        <v>5</v>
      </c>
      <c r="C6039" s="16">
        <v>6005</v>
      </c>
      <c r="D6039" cm="1">
        <f t="array" ref="D6039">IFERROR(INDEX(Jesper!AH$2:AH$366,ROUNDDOWN($C6039/24,0)+1,1)*INDEX($D$3:$AA$30,INDEX(Jesper!$R$2:$R$366,ROW(INDEX(Jesper!AH$2:AH$366,ROUNDDOWN($C6039/24,0)+1,1))-1)+IF('Standard Profiles'!$G$18=$B$10,7,0)+IF('Standard Profiles'!$G$18=$B$17,14,0)+IF('Standard Profiles'!$G$18=$B$24,21,0),MOD($C6039,24)+1)/SUM(INDEX($D$3:$AA$30,INDEX(Jesper!$R$2:$R$366,ROW(INDEX(Jesper!AH$2:AH$366,ROUNDDOWN($C6039/24,0)+1,1))-1)+IF('Standard Profiles'!$G$18=$B$10,7,0)+IF('Standard Profiles'!$G$18=$B$17,14,0)+IF('Standard Profiles'!$G$18=$B$24,21,0),0)),0)</f>
        <v>4.9265224119135205</v>
      </c>
      <c r="E6039" cm="1">
        <f t="array" ref="E6039">IFERROR(INDEX(Jesper!AI$2:AI$366,ROUNDDOWN($C6039/24,0)+1,1)*INDEX($D$3:$AA$30,INDEX(Jesper!$R$2:$R$366,ROW(INDEX(Jesper!AI$2:AI$366,ROUNDDOWN($C6039/24,0)+1,1))-1)+IF('Standard Profiles'!$G$19=$B$10,7,0)+IF('Standard Profiles'!$G$19=$B$17,14,0)+IF('Standard Profiles'!$G$19=$B$24,21,0),MOD($C6039,24)+1)/SUM(INDEX($D$3:$AA$30,INDEX(Jesper!$R$2:$R$366,ROW(INDEX(Jesper!AI$2:AI$366,ROUNDDOWN($C6039/24,0)+1,1))-1)+IF('Standard Profiles'!$G$19=$B$10,7,0)+IF('Standard Profiles'!$G$19=$B$17,14,0)+IF('Standard Profiles'!$G$19=$B$24,21,0),0)),0)</f>
        <v>2.05161688861745</v>
      </c>
      <c r="F6039" cm="1">
        <f t="array" ref="F6039">IFERROR(INDEX(Jesper!AJ$2:AJ$366,ROUNDDOWN($C6039/24,0)+1,1)*INDEX($D$3:$AA$30,INDEX(Jesper!$R$2:$R$366,ROW(INDEX(Jesper!AJ$2:AJ$366,ROUNDDOWN($C6039/24,0)+1,1))-1)+IF('Standard Profiles'!$G$20=$B$10,7,0)+IF('Standard Profiles'!$G$20=$B$17,14,0)+IF('Standard Profiles'!$G$20=$B$24,21,0),MOD($C6039,24)+1)/SUM(INDEX($D$3:$AA$30,INDEX(Jesper!$R$2:$R$366,ROW(INDEX(Jesper!AJ$2:AJ$366,ROUNDDOWN($C6039/24,0)+1,1))-1)+IF('Standard Profiles'!$G$20=$B$10,7,0)+IF('Standard Profiles'!$G$20=$B$17,14,0)+IF('Standard Profiles'!$G$20=$B$24,21,0),0)),0)</f>
        <v>0</v>
      </c>
      <c r="G6039" cm="1">
        <f t="array" ref="G6039">IFERROR(INDEX(Jesper!AK$2:AK$366,ROUNDDOWN($C6039/24,0)+1,1)*INDEX($D$3:$AA$30,INDEX(Jesper!$R$2:$R$366,ROW(INDEX(Jesper!AK$2:AK$366,ROUNDDOWN($C6039/24,0)+1,1))-1)+IF('Standard Profiles'!$G$21=$B$10,7,0)+IF('Standard Profiles'!$G$21=$B$17,14,0)+IF('Standard Profiles'!$G$21=$B$24,21,0),MOD($C6039,24)+1)/SUM(INDEX($D$3:$AA$30,INDEX(Jesper!$R$2:$R$366,ROW(INDEX(Jesper!AK$2:AK$366,ROUNDDOWN($C6039/24,0)+1,1))-1)+IF('Standard Profiles'!$G$21=$B$10,7,0)+IF('Standard Profiles'!$G$21=$B$17,14,0)+IF('Standard Profiles'!$G$21=$B$24,21,0),0)),0)</f>
        <v>0.14260506455193497</v>
      </c>
      <c r="H6039" cm="1">
        <f t="array" ref="H6039">IFERROR(INDEX(Jesper!AL$2:AL$366,ROUNDDOWN($C6039/24,0)+1,1)*INDEX($D$3:$AA$30,INDEX(Jesper!$R$2:$R$366,ROW(INDEX(Jesper!AL$2:AL$366,ROUNDDOWN($C6039/24,0)+1,1))-1)+IF('Standard Profiles'!$G$22=$B$10,7,0)+IF('Standard Profiles'!$G$22=$B$17,14,0)+IF('Standard Profiles'!$G$22=$B$24,21,0),MOD($C6039,24)+1)/SUM(INDEX($D$3:$AA$30,INDEX(Jesper!$R$2:$R$366,ROW(INDEX(Jesper!AL$2:AL$366,ROUNDDOWN($C6039/24,0)+1,1))-1)+IF('Standard Profiles'!$G$22=$B$10,7,0)+IF('Standard Profiles'!$G$22=$B$17,14,0)+IF('Standard Profiles'!$G$22=$B$24,21,0),0)),0)</f>
        <v>0</v>
      </c>
      <c r="I6039">
        <f t="shared" si="671"/>
        <v>6.8450430984928756E-2</v>
      </c>
      <c r="J6039">
        <f t="shared" si="672"/>
        <v>6.2640503481918133</v>
      </c>
      <c r="K6039">
        <f t="shared" si="673"/>
        <v>0.52549572393744226</v>
      </c>
      <c r="L6039">
        <f t="shared" si="674"/>
        <v>0.26274786196872113</v>
      </c>
      <c r="M6039">
        <f t="shared" si="675"/>
        <v>0</v>
      </c>
      <c r="N6039" s="45">
        <f t="shared" si="676"/>
        <v>45177.208333318769</v>
      </c>
    </row>
    <row r="6040" spans="2:14" x14ac:dyDescent="0.25">
      <c r="B6040">
        <f t="shared" si="670"/>
        <v>5</v>
      </c>
      <c r="C6040" s="16">
        <v>6006</v>
      </c>
      <c r="D6040" cm="1">
        <f t="array" ref="D6040">IFERROR(INDEX(Jesper!AH$2:AH$366,ROUNDDOWN($C6040/24,0)+1,1)*INDEX($D$3:$AA$30,INDEX(Jesper!$R$2:$R$366,ROW(INDEX(Jesper!AH$2:AH$366,ROUNDDOWN($C6040/24,0)+1,1))-1)+IF('Standard Profiles'!$G$18=$B$10,7,0)+IF('Standard Profiles'!$G$18=$B$17,14,0)+IF('Standard Profiles'!$G$18=$B$24,21,0),MOD($C6040,24)+1)/SUM(INDEX($D$3:$AA$30,INDEX(Jesper!$R$2:$R$366,ROW(INDEX(Jesper!AH$2:AH$366,ROUNDDOWN($C6040/24,0)+1,1))-1)+IF('Standard Profiles'!$G$18=$B$10,7,0)+IF('Standard Profiles'!$G$18=$B$17,14,0)+IF('Standard Profiles'!$G$18=$B$24,21,0),0)),0)</f>
        <v>4.9265224119135205</v>
      </c>
      <c r="E6040" cm="1">
        <f t="array" ref="E6040">IFERROR(INDEX(Jesper!AI$2:AI$366,ROUNDDOWN($C6040/24,0)+1,1)*INDEX($D$3:$AA$30,INDEX(Jesper!$R$2:$R$366,ROW(INDEX(Jesper!AI$2:AI$366,ROUNDDOWN($C6040/24,0)+1,1))-1)+IF('Standard Profiles'!$G$19=$B$10,7,0)+IF('Standard Profiles'!$G$19=$B$17,14,0)+IF('Standard Profiles'!$G$19=$B$24,21,0),MOD($C6040,24)+1)/SUM(INDEX($D$3:$AA$30,INDEX(Jesper!$R$2:$R$366,ROW(INDEX(Jesper!AI$2:AI$366,ROUNDDOWN($C6040/24,0)+1,1))-1)+IF('Standard Profiles'!$G$19=$B$10,7,0)+IF('Standard Profiles'!$G$19=$B$17,14,0)+IF('Standard Profiles'!$G$19=$B$24,21,0),0)),0)</f>
        <v>2.05161688861745</v>
      </c>
      <c r="F6040" cm="1">
        <f t="array" ref="F6040">IFERROR(INDEX(Jesper!AJ$2:AJ$366,ROUNDDOWN($C6040/24,0)+1,1)*INDEX($D$3:$AA$30,INDEX(Jesper!$R$2:$R$366,ROW(INDEX(Jesper!AJ$2:AJ$366,ROUNDDOWN($C6040/24,0)+1,1))-1)+IF('Standard Profiles'!$G$20=$B$10,7,0)+IF('Standard Profiles'!$G$20=$B$17,14,0)+IF('Standard Profiles'!$G$20=$B$24,21,0),MOD($C6040,24)+1)/SUM(INDEX($D$3:$AA$30,INDEX(Jesper!$R$2:$R$366,ROW(INDEX(Jesper!AJ$2:AJ$366,ROUNDDOWN($C6040/24,0)+1,1))-1)+IF('Standard Profiles'!$G$20=$B$10,7,0)+IF('Standard Profiles'!$G$20=$B$17,14,0)+IF('Standard Profiles'!$G$20=$B$24,21,0),0)),0)</f>
        <v>0</v>
      </c>
      <c r="G6040" cm="1">
        <f t="array" ref="G6040">IFERROR(INDEX(Jesper!AK$2:AK$366,ROUNDDOWN($C6040/24,0)+1,1)*INDEX($D$3:$AA$30,INDEX(Jesper!$R$2:$R$366,ROW(INDEX(Jesper!AK$2:AK$366,ROUNDDOWN($C6040/24,0)+1,1))-1)+IF('Standard Profiles'!$G$21=$B$10,7,0)+IF('Standard Profiles'!$G$21=$B$17,14,0)+IF('Standard Profiles'!$G$21=$B$24,21,0),MOD($C6040,24)+1)/SUM(INDEX($D$3:$AA$30,INDEX(Jesper!$R$2:$R$366,ROW(INDEX(Jesper!AK$2:AK$366,ROUNDDOWN($C6040/24,0)+1,1))-1)+IF('Standard Profiles'!$G$21=$B$10,7,0)+IF('Standard Profiles'!$G$21=$B$17,14,0)+IF('Standard Profiles'!$G$21=$B$24,21,0),0)),0)</f>
        <v>0.14260506455193497</v>
      </c>
      <c r="H6040" cm="1">
        <f t="array" ref="H6040">IFERROR(INDEX(Jesper!AL$2:AL$366,ROUNDDOWN($C6040/24,0)+1,1)*INDEX($D$3:$AA$30,INDEX(Jesper!$R$2:$R$366,ROW(INDEX(Jesper!AL$2:AL$366,ROUNDDOWN($C6040/24,0)+1,1))-1)+IF('Standard Profiles'!$G$22=$B$10,7,0)+IF('Standard Profiles'!$G$22=$B$17,14,0)+IF('Standard Profiles'!$G$22=$B$24,21,0),MOD($C6040,24)+1)/SUM(INDEX($D$3:$AA$30,INDEX(Jesper!$R$2:$R$366,ROW(INDEX(Jesper!AL$2:AL$366,ROUNDDOWN($C6040/24,0)+1,1))-1)+IF('Standard Profiles'!$G$22=$B$10,7,0)+IF('Standard Profiles'!$G$22=$B$17,14,0)+IF('Standard Profiles'!$G$22=$B$24,21,0),0)),0)</f>
        <v>0</v>
      </c>
      <c r="I6040">
        <f t="shared" si="671"/>
        <v>6.8450430984928756E-2</v>
      </c>
      <c r="J6040">
        <f t="shared" si="672"/>
        <v>6.2640503481918133</v>
      </c>
      <c r="K6040">
        <f t="shared" si="673"/>
        <v>0.52549572393744226</v>
      </c>
      <c r="L6040">
        <f t="shared" si="674"/>
        <v>0.26274786196872113</v>
      </c>
      <c r="M6040">
        <f t="shared" si="675"/>
        <v>0</v>
      </c>
      <c r="N6040" s="45">
        <f t="shared" si="676"/>
        <v>45177.249999985434</v>
      </c>
    </row>
    <row r="6041" spans="2:14" x14ac:dyDescent="0.25">
      <c r="B6041">
        <f t="shared" si="670"/>
        <v>5</v>
      </c>
      <c r="C6041" s="16">
        <v>6007</v>
      </c>
      <c r="D6041" cm="1">
        <f t="array" ref="D6041">IFERROR(INDEX(Jesper!AH$2:AH$366,ROUNDDOWN($C6041/24,0)+1,1)*INDEX($D$3:$AA$30,INDEX(Jesper!$R$2:$R$366,ROW(INDEX(Jesper!AH$2:AH$366,ROUNDDOWN($C6041/24,0)+1,1))-1)+IF('Standard Profiles'!$G$18=$B$10,7,0)+IF('Standard Profiles'!$G$18=$B$17,14,0)+IF('Standard Profiles'!$G$18=$B$24,21,0),MOD($C6041,24)+1)/SUM(INDEX($D$3:$AA$30,INDEX(Jesper!$R$2:$R$366,ROW(INDEX(Jesper!AH$2:AH$366,ROUNDDOWN($C6041/24,0)+1,1))-1)+IF('Standard Profiles'!$G$18=$B$10,7,0)+IF('Standard Profiles'!$G$18=$B$17,14,0)+IF('Standard Profiles'!$G$18=$B$24,21,0),0)),0)</f>
        <v>20.986985474751595</v>
      </c>
      <c r="E6041" cm="1">
        <f t="array" ref="E6041">IFERROR(INDEX(Jesper!AI$2:AI$366,ROUNDDOWN($C6041/24,0)+1,1)*INDEX($D$3:$AA$30,INDEX(Jesper!$R$2:$R$366,ROW(INDEX(Jesper!AI$2:AI$366,ROUNDDOWN($C6041/24,0)+1,1))-1)+IF('Standard Profiles'!$G$19=$B$10,7,0)+IF('Standard Profiles'!$G$19=$B$17,14,0)+IF('Standard Profiles'!$G$19=$B$24,21,0),MOD($C6041,24)+1)/SUM(INDEX($D$3:$AA$30,INDEX(Jesper!$R$2:$R$366,ROW(INDEX(Jesper!AI$2:AI$366,ROUNDDOWN($C6041/24,0)+1,1))-1)+IF('Standard Profiles'!$G$19=$B$10,7,0)+IF('Standard Profiles'!$G$19=$B$17,14,0)+IF('Standard Profiles'!$G$19=$B$24,21,0),0)),0)</f>
        <v>8.7398879455103362</v>
      </c>
      <c r="F6041" cm="1">
        <f t="array" ref="F6041">IFERROR(INDEX(Jesper!AJ$2:AJ$366,ROUNDDOWN($C6041/24,0)+1,1)*INDEX($D$3:$AA$30,INDEX(Jesper!$R$2:$R$366,ROW(INDEX(Jesper!AJ$2:AJ$366,ROUNDDOWN($C6041/24,0)+1,1))-1)+IF('Standard Profiles'!$G$20=$B$10,7,0)+IF('Standard Profiles'!$G$20=$B$17,14,0)+IF('Standard Profiles'!$G$20=$B$24,21,0),MOD($C6041,24)+1)/SUM(INDEX($D$3:$AA$30,INDEX(Jesper!$R$2:$R$366,ROW(INDEX(Jesper!AJ$2:AJ$366,ROUNDDOWN($C6041/24,0)+1,1))-1)+IF('Standard Profiles'!$G$20=$B$10,7,0)+IF('Standard Profiles'!$G$20=$B$17,14,0)+IF('Standard Profiles'!$G$20=$B$24,21,0),0)),0)</f>
        <v>0</v>
      </c>
      <c r="G6041" cm="1">
        <f t="array" ref="G6041">IFERROR(INDEX(Jesper!AK$2:AK$366,ROUNDDOWN($C6041/24,0)+1,1)*INDEX($D$3:$AA$30,INDEX(Jesper!$R$2:$R$366,ROW(INDEX(Jesper!AK$2:AK$366,ROUNDDOWN($C6041/24,0)+1,1))-1)+IF('Standard Profiles'!$G$21=$B$10,7,0)+IF('Standard Profiles'!$G$21=$B$17,14,0)+IF('Standard Profiles'!$G$21=$B$24,21,0),MOD($C6041,24)+1)/SUM(INDEX($D$3:$AA$30,INDEX(Jesper!$R$2:$R$366,ROW(INDEX(Jesper!AK$2:AK$366,ROUNDDOWN($C6041/24,0)+1,1))-1)+IF('Standard Profiles'!$G$21=$B$10,7,0)+IF('Standard Profiles'!$G$21=$B$17,14,0)+IF('Standard Profiles'!$G$21=$B$24,21,0),0)),0)</f>
        <v>0.38641372330201729</v>
      </c>
      <c r="H6041" cm="1">
        <f t="array" ref="H6041">IFERROR(INDEX(Jesper!AL$2:AL$366,ROUNDDOWN($C6041/24,0)+1,1)*INDEX($D$3:$AA$30,INDEX(Jesper!$R$2:$R$366,ROW(INDEX(Jesper!AL$2:AL$366,ROUNDDOWN($C6041/24,0)+1,1))-1)+IF('Standard Profiles'!$G$22=$B$10,7,0)+IF('Standard Profiles'!$G$22=$B$17,14,0)+IF('Standard Profiles'!$G$22=$B$24,21,0),MOD($C6041,24)+1)/SUM(INDEX($D$3:$AA$30,INDEX(Jesper!$R$2:$R$366,ROW(INDEX(Jesper!AL$2:AL$366,ROUNDDOWN($C6041/24,0)+1,1))-1)+IF('Standard Profiles'!$G$22=$B$10,7,0)+IF('Standard Profiles'!$G$22=$B$17,14,0)+IF('Standard Profiles'!$G$22=$B$24,21,0),0)),0)</f>
        <v>0</v>
      </c>
      <c r="I6041">
        <f t="shared" si="671"/>
        <v>0.18547858718496821</v>
      </c>
      <c r="J6041">
        <f t="shared" si="672"/>
        <v>26.569890880418725</v>
      </c>
      <c r="K6041">
        <f t="shared" si="673"/>
        <v>2.2386117839735036</v>
      </c>
      <c r="L6041">
        <f t="shared" si="674"/>
        <v>1.1193058919867518</v>
      </c>
      <c r="M6041">
        <f t="shared" si="675"/>
        <v>0</v>
      </c>
      <c r="N6041" s="45">
        <f t="shared" si="676"/>
        <v>45177.291666652098</v>
      </c>
    </row>
    <row r="6042" spans="2:14" x14ac:dyDescent="0.25">
      <c r="B6042">
        <f t="shared" si="670"/>
        <v>5</v>
      </c>
      <c r="C6042" s="16">
        <v>6008</v>
      </c>
      <c r="D6042" cm="1">
        <f t="array" ref="D6042">IFERROR(INDEX(Jesper!AH$2:AH$366,ROUNDDOWN($C6042/24,0)+1,1)*INDEX($D$3:$AA$30,INDEX(Jesper!$R$2:$R$366,ROW(INDEX(Jesper!AH$2:AH$366,ROUNDDOWN($C6042/24,0)+1,1))-1)+IF('Standard Profiles'!$G$18=$B$10,7,0)+IF('Standard Profiles'!$G$18=$B$17,14,0)+IF('Standard Profiles'!$G$18=$B$24,21,0),MOD($C6042,24)+1)/SUM(INDEX($D$3:$AA$30,INDEX(Jesper!$R$2:$R$366,ROW(INDEX(Jesper!AH$2:AH$366,ROUNDDOWN($C6042/24,0)+1,1))-1)+IF('Standard Profiles'!$G$18=$B$10,7,0)+IF('Standard Profiles'!$G$18=$B$17,14,0)+IF('Standard Profiles'!$G$18=$B$24,21,0),0)),0)</f>
        <v>26.233731843439497</v>
      </c>
      <c r="E6042" cm="1">
        <f t="array" ref="E6042">IFERROR(INDEX(Jesper!AI$2:AI$366,ROUNDDOWN($C6042/24,0)+1,1)*INDEX($D$3:$AA$30,INDEX(Jesper!$R$2:$R$366,ROW(INDEX(Jesper!AI$2:AI$366,ROUNDDOWN($C6042/24,0)+1,1))-1)+IF('Standard Profiles'!$G$19=$B$10,7,0)+IF('Standard Profiles'!$G$19=$B$17,14,0)+IF('Standard Profiles'!$G$19=$B$24,21,0),MOD($C6042,24)+1)/SUM(INDEX($D$3:$AA$30,INDEX(Jesper!$R$2:$R$366,ROW(INDEX(Jesper!AI$2:AI$366,ROUNDDOWN($C6042/24,0)+1,1))-1)+IF('Standard Profiles'!$G$19=$B$10,7,0)+IF('Standard Profiles'!$G$19=$B$17,14,0)+IF('Standard Profiles'!$G$19=$B$24,21,0),0)),0)</f>
        <v>10.924859931887923</v>
      </c>
      <c r="F6042" cm="1">
        <f t="array" ref="F6042">IFERROR(INDEX(Jesper!AJ$2:AJ$366,ROUNDDOWN($C6042/24,0)+1,1)*INDEX($D$3:$AA$30,INDEX(Jesper!$R$2:$R$366,ROW(INDEX(Jesper!AJ$2:AJ$366,ROUNDDOWN($C6042/24,0)+1,1))-1)+IF('Standard Profiles'!$G$20=$B$10,7,0)+IF('Standard Profiles'!$G$20=$B$17,14,0)+IF('Standard Profiles'!$G$20=$B$24,21,0),MOD($C6042,24)+1)/SUM(INDEX($D$3:$AA$30,INDEX(Jesper!$R$2:$R$366,ROW(INDEX(Jesper!AJ$2:AJ$366,ROUNDDOWN($C6042/24,0)+1,1))-1)+IF('Standard Profiles'!$G$20=$B$10,7,0)+IF('Standard Profiles'!$G$20=$B$17,14,0)+IF('Standard Profiles'!$G$20=$B$24,21,0),0)),0)</f>
        <v>0</v>
      </c>
      <c r="G6042" cm="1">
        <f t="array" ref="G6042">IFERROR(INDEX(Jesper!AK$2:AK$366,ROUNDDOWN($C6042/24,0)+1,1)*INDEX($D$3:$AA$30,INDEX(Jesper!$R$2:$R$366,ROW(INDEX(Jesper!AK$2:AK$366,ROUNDDOWN($C6042/24,0)+1,1))-1)+IF('Standard Profiles'!$G$21=$B$10,7,0)+IF('Standard Profiles'!$G$21=$B$17,14,0)+IF('Standard Profiles'!$G$21=$B$24,21,0),MOD($C6042,24)+1)/SUM(INDEX($D$3:$AA$30,INDEX(Jesper!$R$2:$R$366,ROW(INDEX(Jesper!AK$2:AK$366,ROUNDDOWN($C6042/24,0)+1,1))-1)+IF('Standard Profiles'!$G$21=$B$10,7,0)+IF('Standard Profiles'!$G$21=$B$17,14,0)+IF('Standard Profiles'!$G$21=$B$24,21,0),0)),0)</f>
        <v>0.48301715412752161</v>
      </c>
      <c r="H6042" cm="1">
        <f t="array" ref="H6042">IFERROR(INDEX(Jesper!AL$2:AL$366,ROUNDDOWN($C6042/24,0)+1,1)*INDEX($D$3:$AA$30,INDEX(Jesper!$R$2:$R$366,ROW(INDEX(Jesper!AL$2:AL$366,ROUNDDOWN($C6042/24,0)+1,1))-1)+IF('Standard Profiles'!$G$22=$B$10,7,0)+IF('Standard Profiles'!$G$22=$B$17,14,0)+IF('Standard Profiles'!$G$22=$B$24,21,0),MOD($C6042,24)+1)/SUM(INDEX($D$3:$AA$30,INDEX(Jesper!$R$2:$R$366,ROW(INDEX(Jesper!AL$2:AL$366,ROUNDDOWN($C6042/24,0)+1,1))-1)+IF('Standard Profiles'!$G$22=$B$10,7,0)+IF('Standard Profiles'!$G$22=$B$17,14,0)+IF('Standard Profiles'!$G$22=$B$24,21,0),0)),0)</f>
        <v>0</v>
      </c>
      <c r="I6042">
        <f t="shared" si="671"/>
        <v>0.23184823398121027</v>
      </c>
      <c r="J6042">
        <f t="shared" si="672"/>
        <v>33.21236360052341</v>
      </c>
      <c r="K6042">
        <f t="shared" si="673"/>
        <v>2.7982647299668799</v>
      </c>
      <c r="L6042">
        <f t="shared" si="674"/>
        <v>1.39913236498344</v>
      </c>
      <c r="M6042">
        <f t="shared" si="675"/>
        <v>0</v>
      </c>
      <c r="N6042" s="45">
        <f t="shared" si="676"/>
        <v>45177.333333318762</v>
      </c>
    </row>
    <row r="6043" spans="2:14" x14ac:dyDescent="0.25">
      <c r="B6043">
        <f t="shared" si="670"/>
        <v>5</v>
      </c>
      <c r="C6043" s="16">
        <v>6009</v>
      </c>
      <c r="D6043" cm="1">
        <f t="array" ref="D6043">IFERROR(INDEX(Jesper!AH$2:AH$366,ROUNDDOWN($C6043/24,0)+1,1)*INDEX($D$3:$AA$30,INDEX(Jesper!$R$2:$R$366,ROW(INDEX(Jesper!AH$2:AH$366,ROUNDDOWN($C6043/24,0)+1,1))-1)+IF('Standard Profiles'!$G$18=$B$10,7,0)+IF('Standard Profiles'!$G$18=$B$17,14,0)+IF('Standard Profiles'!$G$18=$B$24,21,0),MOD($C6043,24)+1)/SUM(INDEX($D$3:$AA$30,INDEX(Jesper!$R$2:$R$366,ROW(INDEX(Jesper!AH$2:AH$366,ROUNDDOWN($C6043/24,0)+1,1))-1)+IF('Standard Profiles'!$G$18=$B$10,7,0)+IF('Standard Profiles'!$G$18=$B$17,14,0)+IF('Standard Profiles'!$G$18=$B$24,21,0),0)),0)</f>
        <v>28.857105027783447</v>
      </c>
      <c r="E6043" cm="1">
        <f t="array" ref="E6043">IFERROR(INDEX(Jesper!AI$2:AI$366,ROUNDDOWN($C6043/24,0)+1,1)*INDEX($D$3:$AA$30,INDEX(Jesper!$R$2:$R$366,ROW(INDEX(Jesper!AI$2:AI$366,ROUNDDOWN($C6043/24,0)+1,1))-1)+IF('Standard Profiles'!$G$19=$B$10,7,0)+IF('Standard Profiles'!$G$19=$B$17,14,0)+IF('Standard Profiles'!$G$19=$B$24,21,0),MOD($C6043,24)+1)/SUM(INDEX($D$3:$AA$30,INDEX(Jesper!$R$2:$R$366,ROW(INDEX(Jesper!AI$2:AI$366,ROUNDDOWN($C6043/24,0)+1,1))-1)+IF('Standard Profiles'!$G$19=$B$10,7,0)+IF('Standard Profiles'!$G$19=$B$17,14,0)+IF('Standard Profiles'!$G$19=$B$24,21,0),0)),0)</f>
        <v>12.017345925076713</v>
      </c>
      <c r="F6043" cm="1">
        <f t="array" ref="F6043">IFERROR(INDEX(Jesper!AJ$2:AJ$366,ROUNDDOWN($C6043/24,0)+1,1)*INDEX($D$3:$AA$30,INDEX(Jesper!$R$2:$R$366,ROW(INDEX(Jesper!AJ$2:AJ$366,ROUNDDOWN($C6043/24,0)+1,1))-1)+IF('Standard Profiles'!$G$20=$B$10,7,0)+IF('Standard Profiles'!$G$20=$B$17,14,0)+IF('Standard Profiles'!$G$20=$B$24,21,0),MOD($C6043,24)+1)/SUM(INDEX($D$3:$AA$30,INDEX(Jesper!$R$2:$R$366,ROW(INDEX(Jesper!AJ$2:AJ$366,ROUNDDOWN($C6043/24,0)+1,1))-1)+IF('Standard Profiles'!$G$20=$B$10,7,0)+IF('Standard Profiles'!$G$20=$B$17,14,0)+IF('Standard Profiles'!$G$20=$B$24,21,0),0)),0)</f>
        <v>0</v>
      </c>
      <c r="G6043" cm="1">
        <f t="array" ref="G6043">IFERROR(INDEX(Jesper!AK$2:AK$366,ROUNDDOWN($C6043/24,0)+1,1)*INDEX($D$3:$AA$30,INDEX(Jesper!$R$2:$R$366,ROW(INDEX(Jesper!AK$2:AK$366,ROUNDDOWN($C6043/24,0)+1,1))-1)+IF('Standard Profiles'!$G$21=$B$10,7,0)+IF('Standard Profiles'!$G$21=$B$17,14,0)+IF('Standard Profiles'!$G$21=$B$24,21,0),MOD($C6043,24)+1)/SUM(INDEX($D$3:$AA$30,INDEX(Jesper!$R$2:$R$366,ROW(INDEX(Jesper!AK$2:AK$366,ROUNDDOWN($C6043/24,0)+1,1))-1)+IF('Standard Profiles'!$G$21=$B$10,7,0)+IF('Standard Profiles'!$G$21=$B$17,14,0)+IF('Standard Profiles'!$G$21=$B$24,21,0),0)),0)</f>
        <v>0.53131886954027385</v>
      </c>
      <c r="H6043" cm="1">
        <f t="array" ref="H6043">IFERROR(INDEX(Jesper!AL$2:AL$366,ROUNDDOWN($C6043/24,0)+1,1)*INDEX($D$3:$AA$30,INDEX(Jesper!$R$2:$R$366,ROW(INDEX(Jesper!AL$2:AL$366,ROUNDDOWN($C6043/24,0)+1,1))-1)+IF('Standard Profiles'!$G$22=$B$10,7,0)+IF('Standard Profiles'!$G$22=$B$17,14,0)+IF('Standard Profiles'!$G$22=$B$24,21,0),MOD($C6043,24)+1)/SUM(INDEX($D$3:$AA$30,INDEX(Jesper!$R$2:$R$366,ROW(INDEX(Jesper!AL$2:AL$366,ROUNDDOWN($C6043/24,0)+1,1))-1)+IF('Standard Profiles'!$G$22=$B$10,7,0)+IF('Standard Profiles'!$G$22=$B$17,14,0)+IF('Standard Profiles'!$G$22=$B$24,21,0),0)),0)</f>
        <v>0</v>
      </c>
      <c r="I6043">
        <f t="shared" si="671"/>
        <v>0.2550330573793313</v>
      </c>
      <c r="J6043">
        <f t="shared" si="672"/>
        <v>36.533599960575749</v>
      </c>
      <c r="K6043">
        <f t="shared" si="673"/>
        <v>3.0780912029635679</v>
      </c>
      <c r="L6043">
        <f t="shared" si="674"/>
        <v>1.5390456014817839</v>
      </c>
      <c r="M6043">
        <f t="shared" si="675"/>
        <v>0</v>
      </c>
      <c r="N6043" s="45">
        <f t="shared" si="676"/>
        <v>45177.374999985426</v>
      </c>
    </row>
    <row r="6044" spans="2:14" x14ac:dyDescent="0.25">
      <c r="B6044">
        <f t="shared" si="670"/>
        <v>5</v>
      </c>
      <c r="C6044" s="16">
        <v>6010</v>
      </c>
      <c r="D6044" cm="1">
        <f t="array" ref="D6044">IFERROR(INDEX(Jesper!AH$2:AH$366,ROUNDDOWN($C6044/24,0)+1,1)*INDEX($D$3:$AA$30,INDEX(Jesper!$R$2:$R$366,ROW(INDEX(Jesper!AH$2:AH$366,ROUNDDOWN($C6044/24,0)+1,1))-1)+IF('Standard Profiles'!$G$18=$B$10,7,0)+IF('Standard Profiles'!$G$18=$B$17,14,0)+IF('Standard Profiles'!$G$18=$B$24,21,0),MOD($C6044,24)+1)/SUM(INDEX($D$3:$AA$30,INDEX(Jesper!$R$2:$R$366,ROW(INDEX(Jesper!AH$2:AH$366,ROUNDDOWN($C6044/24,0)+1,1))-1)+IF('Standard Profiles'!$G$18=$B$10,7,0)+IF('Standard Profiles'!$G$18=$B$17,14,0)+IF('Standard Profiles'!$G$18=$B$24,21,0),0)),0)</f>
        <v>28.857105027783447</v>
      </c>
      <c r="E6044" cm="1">
        <f t="array" ref="E6044">IFERROR(INDEX(Jesper!AI$2:AI$366,ROUNDDOWN($C6044/24,0)+1,1)*INDEX($D$3:$AA$30,INDEX(Jesper!$R$2:$R$366,ROW(INDEX(Jesper!AI$2:AI$366,ROUNDDOWN($C6044/24,0)+1,1))-1)+IF('Standard Profiles'!$G$19=$B$10,7,0)+IF('Standard Profiles'!$G$19=$B$17,14,0)+IF('Standard Profiles'!$G$19=$B$24,21,0),MOD($C6044,24)+1)/SUM(INDEX($D$3:$AA$30,INDEX(Jesper!$R$2:$R$366,ROW(INDEX(Jesper!AI$2:AI$366,ROUNDDOWN($C6044/24,0)+1,1))-1)+IF('Standard Profiles'!$G$19=$B$10,7,0)+IF('Standard Profiles'!$G$19=$B$17,14,0)+IF('Standard Profiles'!$G$19=$B$24,21,0),0)),0)</f>
        <v>12.017345925076713</v>
      </c>
      <c r="F6044" cm="1">
        <f t="array" ref="F6044">IFERROR(INDEX(Jesper!AJ$2:AJ$366,ROUNDDOWN($C6044/24,0)+1,1)*INDEX($D$3:$AA$30,INDEX(Jesper!$R$2:$R$366,ROW(INDEX(Jesper!AJ$2:AJ$366,ROUNDDOWN($C6044/24,0)+1,1))-1)+IF('Standard Profiles'!$G$20=$B$10,7,0)+IF('Standard Profiles'!$G$20=$B$17,14,0)+IF('Standard Profiles'!$G$20=$B$24,21,0),MOD($C6044,24)+1)/SUM(INDEX($D$3:$AA$30,INDEX(Jesper!$R$2:$R$366,ROW(INDEX(Jesper!AJ$2:AJ$366,ROUNDDOWN($C6044/24,0)+1,1))-1)+IF('Standard Profiles'!$G$20=$B$10,7,0)+IF('Standard Profiles'!$G$20=$B$17,14,0)+IF('Standard Profiles'!$G$20=$B$24,21,0),0)),0)</f>
        <v>0</v>
      </c>
      <c r="G6044" cm="1">
        <f t="array" ref="G6044">IFERROR(INDEX(Jesper!AK$2:AK$366,ROUNDDOWN($C6044/24,0)+1,1)*INDEX($D$3:$AA$30,INDEX(Jesper!$R$2:$R$366,ROW(INDEX(Jesper!AK$2:AK$366,ROUNDDOWN($C6044/24,0)+1,1))-1)+IF('Standard Profiles'!$G$21=$B$10,7,0)+IF('Standard Profiles'!$G$21=$B$17,14,0)+IF('Standard Profiles'!$G$21=$B$24,21,0),MOD($C6044,24)+1)/SUM(INDEX($D$3:$AA$30,INDEX(Jesper!$R$2:$R$366,ROW(INDEX(Jesper!AK$2:AK$366,ROUNDDOWN($C6044/24,0)+1,1))-1)+IF('Standard Profiles'!$G$21=$B$10,7,0)+IF('Standard Profiles'!$G$21=$B$17,14,0)+IF('Standard Profiles'!$G$21=$B$24,21,0),0)),0)</f>
        <v>0.53131886954027385</v>
      </c>
      <c r="H6044" cm="1">
        <f t="array" ref="H6044">IFERROR(INDEX(Jesper!AL$2:AL$366,ROUNDDOWN($C6044/24,0)+1,1)*INDEX($D$3:$AA$30,INDEX(Jesper!$R$2:$R$366,ROW(INDEX(Jesper!AL$2:AL$366,ROUNDDOWN($C6044/24,0)+1,1))-1)+IF('Standard Profiles'!$G$22=$B$10,7,0)+IF('Standard Profiles'!$G$22=$B$17,14,0)+IF('Standard Profiles'!$G$22=$B$24,21,0),MOD($C6044,24)+1)/SUM(INDEX($D$3:$AA$30,INDEX(Jesper!$R$2:$R$366,ROW(INDEX(Jesper!AL$2:AL$366,ROUNDDOWN($C6044/24,0)+1,1))-1)+IF('Standard Profiles'!$G$22=$B$10,7,0)+IF('Standard Profiles'!$G$22=$B$17,14,0)+IF('Standard Profiles'!$G$22=$B$24,21,0),0)),0)</f>
        <v>0</v>
      </c>
      <c r="I6044">
        <f t="shared" si="671"/>
        <v>0.2550330573793313</v>
      </c>
      <c r="J6044">
        <f t="shared" si="672"/>
        <v>36.533599960575749</v>
      </c>
      <c r="K6044">
        <f t="shared" si="673"/>
        <v>3.0780912029635679</v>
      </c>
      <c r="L6044">
        <f t="shared" si="674"/>
        <v>1.5390456014817839</v>
      </c>
      <c r="M6044">
        <f t="shared" si="675"/>
        <v>0</v>
      </c>
      <c r="N6044" s="45">
        <f t="shared" si="676"/>
        <v>45177.41666665209</v>
      </c>
    </row>
    <row r="6045" spans="2:14" x14ac:dyDescent="0.25">
      <c r="B6045">
        <f t="shared" si="670"/>
        <v>5</v>
      </c>
      <c r="C6045" s="16">
        <v>6011</v>
      </c>
      <c r="D6045" cm="1">
        <f t="array" ref="D6045">IFERROR(INDEX(Jesper!AH$2:AH$366,ROUNDDOWN($C6045/24,0)+1,1)*INDEX($D$3:$AA$30,INDEX(Jesper!$R$2:$R$366,ROW(INDEX(Jesper!AH$2:AH$366,ROUNDDOWN($C6045/24,0)+1,1))-1)+IF('Standard Profiles'!$G$18=$B$10,7,0)+IF('Standard Profiles'!$G$18=$B$17,14,0)+IF('Standard Profiles'!$G$18=$B$24,21,0),MOD($C6045,24)+1)/SUM(INDEX($D$3:$AA$30,INDEX(Jesper!$R$2:$R$366,ROW(INDEX(Jesper!AH$2:AH$366,ROUNDDOWN($C6045/24,0)+1,1))-1)+IF('Standard Profiles'!$G$18=$B$10,7,0)+IF('Standard Profiles'!$G$18=$B$17,14,0)+IF('Standard Profiles'!$G$18=$B$24,21,0),0)),0)</f>
        <v>34.103851396471342</v>
      </c>
      <c r="E6045" cm="1">
        <f t="array" ref="E6045">IFERROR(INDEX(Jesper!AI$2:AI$366,ROUNDDOWN($C6045/24,0)+1,1)*INDEX($D$3:$AA$30,INDEX(Jesper!$R$2:$R$366,ROW(INDEX(Jesper!AI$2:AI$366,ROUNDDOWN($C6045/24,0)+1,1))-1)+IF('Standard Profiles'!$G$19=$B$10,7,0)+IF('Standard Profiles'!$G$19=$B$17,14,0)+IF('Standard Profiles'!$G$19=$B$24,21,0),MOD($C6045,24)+1)/SUM(INDEX($D$3:$AA$30,INDEX(Jesper!$R$2:$R$366,ROW(INDEX(Jesper!AI$2:AI$366,ROUNDDOWN($C6045/24,0)+1,1))-1)+IF('Standard Profiles'!$G$19=$B$10,7,0)+IF('Standard Profiles'!$G$19=$B$17,14,0)+IF('Standard Profiles'!$G$19=$B$24,21,0),0)),0)</f>
        <v>14.202317911454298</v>
      </c>
      <c r="F6045" cm="1">
        <f t="array" ref="F6045">IFERROR(INDEX(Jesper!AJ$2:AJ$366,ROUNDDOWN($C6045/24,0)+1,1)*INDEX($D$3:$AA$30,INDEX(Jesper!$R$2:$R$366,ROW(INDEX(Jesper!AJ$2:AJ$366,ROUNDDOWN($C6045/24,0)+1,1))-1)+IF('Standard Profiles'!$G$20=$B$10,7,0)+IF('Standard Profiles'!$G$20=$B$17,14,0)+IF('Standard Profiles'!$G$20=$B$24,21,0),MOD($C6045,24)+1)/SUM(INDEX($D$3:$AA$30,INDEX(Jesper!$R$2:$R$366,ROW(INDEX(Jesper!AJ$2:AJ$366,ROUNDDOWN($C6045/24,0)+1,1))-1)+IF('Standard Profiles'!$G$20=$B$10,7,0)+IF('Standard Profiles'!$G$20=$B$17,14,0)+IF('Standard Profiles'!$G$20=$B$24,21,0),0)),0)</f>
        <v>0</v>
      </c>
      <c r="G6045" cm="1">
        <f t="array" ref="G6045">IFERROR(INDEX(Jesper!AK$2:AK$366,ROUNDDOWN($C6045/24,0)+1,1)*INDEX($D$3:$AA$30,INDEX(Jesper!$R$2:$R$366,ROW(INDEX(Jesper!AK$2:AK$366,ROUNDDOWN($C6045/24,0)+1,1))-1)+IF('Standard Profiles'!$G$21=$B$10,7,0)+IF('Standard Profiles'!$G$21=$B$17,14,0)+IF('Standard Profiles'!$G$21=$B$24,21,0),MOD($C6045,24)+1)/SUM(INDEX($D$3:$AA$30,INDEX(Jesper!$R$2:$R$366,ROW(INDEX(Jesper!AK$2:AK$366,ROUNDDOWN($C6045/24,0)+1,1))-1)+IF('Standard Profiles'!$G$21=$B$10,7,0)+IF('Standard Profiles'!$G$21=$B$17,14,0)+IF('Standard Profiles'!$G$21=$B$24,21,0),0)),0)</f>
        <v>0.62792230036577812</v>
      </c>
      <c r="H6045" cm="1">
        <f t="array" ref="H6045">IFERROR(INDEX(Jesper!AL$2:AL$366,ROUNDDOWN($C6045/24,0)+1,1)*INDEX($D$3:$AA$30,INDEX(Jesper!$R$2:$R$366,ROW(INDEX(Jesper!AL$2:AL$366,ROUNDDOWN($C6045/24,0)+1,1))-1)+IF('Standard Profiles'!$G$22=$B$10,7,0)+IF('Standard Profiles'!$G$22=$B$17,14,0)+IF('Standard Profiles'!$G$22=$B$24,21,0),MOD($C6045,24)+1)/SUM(INDEX($D$3:$AA$30,INDEX(Jesper!$R$2:$R$366,ROW(INDEX(Jesper!AL$2:AL$366,ROUNDDOWN($C6045/24,0)+1,1))-1)+IF('Standard Profiles'!$G$22=$B$10,7,0)+IF('Standard Profiles'!$G$22=$B$17,14,0)+IF('Standard Profiles'!$G$22=$B$24,21,0),0)),0)</f>
        <v>0</v>
      </c>
      <c r="I6045">
        <f t="shared" si="671"/>
        <v>0.30140270417557335</v>
      </c>
      <c r="J6045">
        <f t="shared" si="672"/>
        <v>43.176072680680427</v>
      </c>
      <c r="K6045">
        <f t="shared" si="673"/>
        <v>3.6377441489569433</v>
      </c>
      <c r="L6045">
        <f t="shared" si="674"/>
        <v>1.8188720744784717</v>
      </c>
      <c r="M6045">
        <f t="shared" si="675"/>
        <v>0</v>
      </c>
      <c r="N6045" s="45">
        <f t="shared" si="676"/>
        <v>45177.458333318755</v>
      </c>
    </row>
    <row r="6046" spans="2:14" x14ac:dyDescent="0.25">
      <c r="B6046">
        <f t="shared" si="670"/>
        <v>5</v>
      </c>
      <c r="C6046" s="16">
        <v>6012</v>
      </c>
      <c r="D6046" cm="1">
        <f t="array" ref="D6046">IFERROR(INDEX(Jesper!AH$2:AH$366,ROUNDDOWN($C6046/24,0)+1,1)*INDEX($D$3:$AA$30,INDEX(Jesper!$R$2:$R$366,ROW(INDEX(Jesper!AH$2:AH$366,ROUNDDOWN($C6046/24,0)+1,1))-1)+IF('Standard Profiles'!$G$18=$B$10,7,0)+IF('Standard Profiles'!$G$18=$B$17,14,0)+IF('Standard Profiles'!$G$18=$B$24,21,0),MOD($C6046,24)+1)/SUM(INDEX($D$3:$AA$30,INDEX(Jesper!$R$2:$R$366,ROW(INDEX(Jesper!AH$2:AH$366,ROUNDDOWN($C6046/24,0)+1,1))-1)+IF('Standard Profiles'!$G$18=$B$10,7,0)+IF('Standard Profiles'!$G$18=$B$17,14,0)+IF('Standard Profiles'!$G$18=$B$24,21,0),0)),0)</f>
        <v>34.103851396471342</v>
      </c>
      <c r="E6046" cm="1">
        <f t="array" ref="E6046">IFERROR(INDEX(Jesper!AI$2:AI$366,ROUNDDOWN($C6046/24,0)+1,1)*INDEX($D$3:$AA$30,INDEX(Jesper!$R$2:$R$366,ROW(INDEX(Jesper!AI$2:AI$366,ROUNDDOWN($C6046/24,0)+1,1))-1)+IF('Standard Profiles'!$G$19=$B$10,7,0)+IF('Standard Profiles'!$G$19=$B$17,14,0)+IF('Standard Profiles'!$G$19=$B$24,21,0),MOD($C6046,24)+1)/SUM(INDEX($D$3:$AA$30,INDEX(Jesper!$R$2:$R$366,ROW(INDEX(Jesper!AI$2:AI$366,ROUNDDOWN($C6046/24,0)+1,1))-1)+IF('Standard Profiles'!$G$19=$B$10,7,0)+IF('Standard Profiles'!$G$19=$B$17,14,0)+IF('Standard Profiles'!$G$19=$B$24,21,0),0)),0)</f>
        <v>14.202317911454298</v>
      </c>
      <c r="F6046" cm="1">
        <f t="array" ref="F6046">IFERROR(INDEX(Jesper!AJ$2:AJ$366,ROUNDDOWN($C6046/24,0)+1,1)*INDEX($D$3:$AA$30,INDEX(Jesper!$R$2:$R$366,ROW(INDEX(Jesper!AJ$2:AJ$366,ROUNDDOWN($C6046/24,0)+1,1))-1)+IF('Standard Profiles'!$G$20=$B$10,7,0)+IF('Standard Profiles'!$G$20=$B$17,14,0)+IF('Standard Profiles'!$G$20=$B$24,21,0),MOD($C6046,24)+1)/SUM(INDEX($D$3:$AA$30,INDEX(Jesper!$R$2:$R$366,ROW(INDEX(Jesper!AJ$2:AJ$366,ROUNDDOWN($C6046/24,0)+1,1))-1)+IF('Standard Profiles'!$G$20=$B$10,7,0)+IF('Standard Profiles'!$G$20=$B$17,14,0)+IF('Standard Profiles'!$G$20=$B$24,21,0),0)),0)</f>
        <v>0</v>
      </c>
      <c r="G6046" cm="1">
        <f t="array" ref="G6046">IFERROR(INDEX(Jesper!AK$2:AK$366,ROUNDDOWN($C6046/24,0)+1,1)*INDEX($D$3:$AA$30,INDEX(Jesper!$R$2:$R$366,ROW(INDEX(Jesper!AK$2:AK$366,ROUNDDOWN($C6046/24,0)+1,1))-1)+IF('Standard Profiles'!$G$21=$B$10,7,0)+IF('Standard Profiles'!$G$21=$B$17,14,0)+IF('Standard Profiles'!$G$21=$B$24,21,0),MOD($C6046,24)+1)/SUM(INDEX($D$3:$AA$30,INDEX(Jesper!$R$2:$R$366,ROW(INDEX(Jesper!AK$2:AK$366,ROUNDDOWN($C6046/24,0)+1,1))-1)+IF('Standard Profiles'!$G$21=$B$10,7,0)+IF('Standard Profiles'!$G$21=$B$17,14,0)+IF('Standard Profiles'!$G$21=$B$24,21,0),0)),0)</f>
        <v>0.62792230036577812</v>
      </c>
      <c r="H6046" cm="1">
        <f t="array" ref="H6046">IFERROR(INDEX(Jesper!AL$2:AL$366,ROUNDDOWN($C6046/24,0)+1,1)*INDEX($D$3:$AA$30,INDEX(Jesper!$R$2:$R$366,ROW(INDEX(Jesper!AL$2:AL$366,ROUNDDOWN($C6046/24,0)+1,1))-1)+IF('Standard Profiles'!$G$22=$B$10,7,0)+IF('Standard Profiles'!$G$22=$B$17,14,0)+IF('Standard Profiles'!$G$22=$B$24,21,0),MOD($C6046,24)+1)/SUM(INDEX($D$3:$AA$30,INDEX(Jesper!$R$2:$R$366,ROW(INDEX(Jesper!AL$2:AL$366,ROUNDDOWN($C6046/24,0)+1,1))-1)+IF('Standard Profiles'!$G$22=$B$10,7,0)+IF('Standard Profiles'!$G$22=$B$17,14,0)+IF('Standard Profiles'!$G$22=$B$24,21,0),0)),0)</f>
        <v>0</v>
      </c>
      <c r="I6046">
        <f t="shared" si="671"/>
        <v>0.30140270417557335</v>
      </c>
      <c r="J6046">
        <f t="shared" si="672"/>
        <v>43.176072680680427</v>
      </c>
      <c r="K6046">
        <f t="shared" si="673"/>
        <v>3.6377441489569433</v>
      </c>
      <c r="L6046">
        <f t="shared" si="674"/>
        <v>1.8188720744784717</v>
      </c>
      <c r="M6046">
        <f t="shared" si="675"/>
        <v>0</v>
      </c>
      <c r="N6046" s="45">
        <f t="shared" si="676"/>
        <v>45177.499999985419</v>
      </c>
    </row>
    <row r="6047" spans="2:14" x14ac:dyDescent="0.25">
      <c r="B6047">
        <f t="shared" si="670"/>
        <v>5</v>
      </c>
      <c r="C6047" s="16">
        <v>6013</v>
      </c>
      <c r="D6047" cm="1">
        <f t="array" ref="D6047">IFERROR(INDEX(Jesper!AH$2:AH$366,ROUNDDOWN($C6047/24,0)+1,1)*INDEX($D$3:$AA$30,INDEX(Jesper!$R$2:$R$366,ROW(INDEX(Jesper!AH$2:AH$366,ROUNDDOWN($C6047/24,0)+1,1))-1)+IF('Standard Profiles'!$G$18=$B$10,7,0)+IF('Standard Profiles'!$G$18=$B$17,14,0)+IF('Standard Profiles'!$G$18=$B$24,21,0),MOD($C6047,24)+1)/SUM(INDEX($D$3:$AA$30,INDEX(Jesper!$R$2:$R$366,ROW(INDEX(Jesper!AH$2:AH$366,ROUNDDOWN($C6047/24,0)+1,1))-1)+IF('Standard Profiles'!$G$18=$B$10,7,0)+IF('Standard Profiles'!$G$18=$B$17,14,0)+IF('Standard Profiles'!$G$18=$B$24,21,0),0)),0)</f>
        <v>23.610358659095546</v>
      </c>
      <c r="E6047" cm="1">
        <f t="array" ref="E6047">IFERROR(INDEX(Jesper!AI$2:AI$366,ROUNDDOWN($C6047/24,0)+1,1)*INDEX($D$3:$AA$30,INDEX(Jesper!$R$2:$R$366,ROW(INDEX(Jesper!AI$2:AI$366,ROUNDDOWN($C6047/24,0)+1,1))-1)+IF('Standard Profiles'!$G$19=$B$10,7,0)+IF('Standard Profiles'!$G$19=$B$17,14,0)+IF('Standard Profiles'!$G$19=$B$24,21,0),MOD($C6047,24)+1)/SUM(INDEX($D$3:$AA$30,INDEX(Jesper!$R$2:$R$366,ROW(INDEX(Jesper!AI$2:AI$366,ROUNDDOWN($C6047/24,0)+1,1))-1)+IF('Standard Profiles'!$G$19=$B$10,7,0)+IF('Standard Profiles'!$G$19=$B$17,14,0)+IF('Standard Profiles'!$G$19=$B$24,21,0),0)),0)</f>
        <v>9.8323739386991296</v>
      </c>
      <c r="F6047" cm="1">
        <f t="array" ref="F6047">IFERROR(INDEX(Jesper!AJ$2:AJ$366,ROUNDDOWN($C6047/24,0)+1,1)*INDEX($D$3:$AA$30,INDEX(Jesper!$R$2:$R$366,ROW(INDEX(Jesper!AJ$2:AJ$366,ROUNDDOWN($C6047/24,0)+1,1))-1)+IF('Standard Profiles'!$G$20=$B$10,7,0)+IF('Standard Profiles'!$G$20=$B$17,14,0)+IF('Standard Profiles'!$G$20=$B$24,21,0),MOD($C6047,24)+1)/SUM(INDEX($D$3:$AA$30,INDEX(Jesper!$R$2:$R$366,ROW(INDEX(Jesper!AJ$2:AJ$366,ROUNDDOWN($C6047/24,0)+1,1))-1)+IF('Standard Profiles'!$G$20=$B$10,7,0)+IF('Standard Profiles'!$G$20=$B$17,14,0)+IF('Standard Profiles'!$G$20=$B$24,21,0),0)),0)</f>
        <v>0</v>
      </c>
      <c r="G6047" cm="1">
        <f t="array" ref="G6047">IFERROR(INDEX(Jesper!AK$2:AK$366,ROUNDDOWN($C6047/24,0)+1,1)*INDEX($D$3:$AA$30,INDEX(Jesper!$R$2:$R$366,ROW(INDEX(Jesper!AK$2:AK$366,ROUNDDOWN($C6047/24,0)+1,1))-1)+IF('Standard Profiles'!$G$21=$B$10,7,0)+IF('Standard Profiles'!$G$21=$B$17,14,0)+IF('Standard Profiles'!$G$21=$B$24,21,0),MOD($C6047,24)+1)/SUM(INDEX($D$3:$AA$30,INDEX(Jesper!$R$2:$R$366,ROW(INDEX(Jesper!AK$2:AK$366,ROUNDDOWN($C6047/24,0)+1,1))-1)+IF('Standard Profiles'!$G$21=$B$10,7,0)+IF('Standard Profiles'!$G$21=$B$17,14,0)+IF('Standard Profiles'!$G$21=$B$24,21,0),0)),0)</f>
        <v>0.43471543871476948</v>
      </c>
      <c r="H6047" cm="1">
        <f t="array" ref="H6047">IFERROR(INDEX(Jesper!AL$2:AL$366,ROUNDDOWN($C6047/24,0)+1,1)*INDEX($D$3:$AA$30,INDEX(Jesper!$R$2:$R$366,ROW(INDEX(Jesper!AL$2:AL$366,ROUNDDOWN($C6047/24,0)+1,1))-1)+IF('Standard Profiles'!$G$22=$B$10,7,0)+IF('Standard Profiles'!$G$22=$B$17,14,0)+IF('Standard Profiles'!$G$22=$B$24,21,0),MOD($C6047,24)+1)/SUM(INDEX($D$3:$AA$30,INDEX(Jesper!$R$2:$R$366,ROW(INDEX(Jesper!AL$2:AL$366,ROUNDDOWN($C6047/24,0)+1,1))-1)+IF('Standard Profiles'!$G$22=$B$10,7,0)+IF('Standard Profiles'!$G$22=$B$17,14,0)+IF('Standard Profiles'!$G$22=$B$24,21,0),0)),0)</f>
        <v>0</v>
      </c>
      <c r="I6047">
        <f t="shared" si="671"/>
        <v>0.20866341058308924</v>
      </c>
      <c r="J6047">
        <f t="shared" si="672"/>
        <v>29.891127240471068</v>
      </c>
      <c r="K6047">
        <f t="shared" si="673"/>
        <v>2.5184382569701915</v>
      </c>
      <c r="L6047">
        <f t="shared" si="674"/>
        <v>1.2592191284850958</v>
      </c>
      <c r="M6047">
        <f t="shared" si="675"/>
        <v>0</v>
      </c>
      <c r="N6047" s="45">
        <f t="shared" si="676"/>
        <v>45177.541666652083</v>
      </c>
    </row>
    <row r="6048" spans="2:14" x14ac:dyDescent="0.25">
      <c r="B6048">
        <f t="shared" si="670"/>
        <v>5</v>
      </c>
      <c r="C6048" s="16">
        <v>6014</v>
      </c>
      <c r="D6048" cm="1">
        <f t="array" ref="D6048">IFERROR(INDEX(Jesper!AH$2:AH$366,ROUNDDOWN($C6048/24,0)+1,1)*INDEX($D$3:$AA$30,INDEX(Jesper!$R$2:$R$366,ROW(INDEX(Jesper!AH$2:AH$366,ROUNDDOWN($C6048/24,0)+1,1))-1)+IF('Standard Profiles'!$G$18=$B$10,7,0)+IF('Standard Profiles'!$G$18=$B$17,14,0)+IF('Standard Profiles'!$G$18=$B$24,21,0),MOD($C6048,24)+1)/SUM(INDEX($D$3:$AA$30,INDEX(Jesper!$R$2:$R$366,ROW(INDEX(Jesper!AH$2:AH$366,ROUNDDOWN($C6048/24,0)+1,1))-1)+IF('Standard Profiles'!$G$18=$B$10,7,0)+IF('Standard Profiles'!$G$18=$B$17,14,0)+IF('Standard Profiles'!$G$18=$B$24,21,0),0)),0)</f>
        <v>34.103851396471342</v>
      </c>
      <c r="E6048" cm="1">
        <f t="array" ref="E6048">IFERROR(INDEX(Jesper!AI$2:AI$366,ROUNDDOWN($C6048/24,0)+1,1)*INDEX($D$3:$AA$30,INDEX(Jesper!$R$2:$R$366,ROW(INDEX(Jesper!AI$2:AI$366,ROUNDDOWN($C6048/24,0)+1,1))-1)+IF('Standard Profiles'!$G$19=$B$10,7,0)+IF('Standard Profiles'!$G$19=$B$17,14,0)+IF('Standard Profiles'!$G$19=$B$24,21,0),MOD($C6048,24)+1)/SUM(INDEX($D$3:$AA$30,INDEX(Jesper!$R$2:$R$366,ROW(INDEX(Jesper!AI$2:AI$366,ROUNDDOWN($C6048/24,0)+1,1))-1)+IF('Standard Profiles'!$G$19=$B$10,7,0)+IF('Standard Profiles'!$G$19=$B$17,14,0)+IF('Standard Profiles'!$G$19=$B$24,21,0),0)),0)</f>
        <v>14.202317911454298</v>
      </c>
      <c r="F6048" cm="1">
        <f t="array" ref="F6048">IFERROR(INDEX(Jesper!AJ$2:AJ$366,ROUNDDOWN($C6048/24,0)+1,1)*INDEX($D$3:$AA$30,INDEX(Jesper!$R$2:$R$366,ROW(INDEX(Jesper!AJ$2:AJ$366,ROUNDDOWN($C6048/24,0)+1,1))-1)+IF('Standard Profiles'!$G$20=$B$10,7,0)+IF('Standard Profiles'!$G$20=$B$17,14,0)+IF('Standard Profiles'!$G$20=$B$24,21,0),MOD($C6048,24)+1)/SUM(INDEX($D$3:$AA$30,INDEX(Jesper!$R$2:$R$366,ROW(INDEX(Jesper!AJ$2:AJ$366,ROUNDDOWN($C6048/24,0)+1,1))-1)+IF('Standard Profiles'!$G$20=$B$10,7,0)+IF('Standard Profiles'!$G$20=$B$17,14,0)+IF('Standard Profiles'!$G$20=$B$24,21,0),0)),0)</f>
        <v>0</v>
      </c>
      <c r="G6048" cm="1">
        <f t="array" ref="G6048">IFERROR(INDEX(Jesper!AK$2:AK$366,ROUNDDOWN($C6048/24,0)+1,1)*INDEX($D$3:$AA$30,INDEX(Jesper!$R$2:$R$366,ROW(INDEX(Jesper!AK$2:AK$366,ROUNDDOWN($C6048/24,0)+1,1))-1)+IF('Standard Profiles'!$G$21=$B$10,7,0)+IF('Standard Profiles'!$G$21=$B$17,14,0)+IF('Standard Profiles'!$G$21=$B$24,21,0),MOD($C6048,24)+1)/SUM(INDEX($D$3:$AA$30,INDEX(Jesper!$R$2:$R$366,ROW(INDEX(Jesper!AK$2:AK$366,ROUNDDOWN($C6048/24,0)+1,1))-1)+IF('Standard Profiles'!$G$21=$B$10,7,0)+IF('Standard Profiles'!$G$21=$B$17,14,0)+IF('Standard Profiles'!$G$21=$B$24,21,0),0)),0)</f>
        <v>0.62792230036577812</v>
      </c>
      <c r="H6048" cm="1">
        <f t="array" ref="H6048">IFERROR(INDEX(Jesper!AL$2:AL$366,ROUNDDOWN($C6048/24,0)+1,1)*INDEX($D$3:$AA$30,INDEX(Jesper!$R$2:$R$366,ROW(INDEX(Jesper!AL$2:AL$366,ROUNDDOWN($C6048/24,0)+1,1))-1)+IF('Standard Profiles'!$G$22=$B$10,7,0)+IF('Standard Profiles'!$G$22=$B$17,14,0)+IF('Standard Profiles'!$G$22=$B$24,21,0),MOD($C6048,24)+1)/SUM(INDEX($D$3:$AA$30,INDEX(Jesper!$R$2:$R$366,ROW(INDEX(Jesper!AL$2:AL$366,ROUNDDOWN($C6048/24,0)+1,1))-1)+IF('Standard Profiles'!$G$22=$B$10,7,0)+IF('Standard Profiles'!$G$22=$B$17,14,0)+IF('Standard Profiles'!$G$22=$B$24,21,0),0)),0)</f>
        <v>0</v>
      </c>
      <c r="I6048">
        <f t="shared" si="671"/>
        <v>0.30140270417557335</v>
      </c>
      <c r="J6048">
        <f t="shared" si="672"/>
        <v>43.176072680680427</v>
      </c>
      <c r="K6048">
        <f t="shared" si="673"/>
        <v>3.6377441489569433</v>
      </c>
      <c r="L6048">
        <f t="shared" si="674"/>
        <v>1.8188720744784717</v>
      </c>
      <c r="M6048">
        <f t="shared" si="675"/>
        <v>0</v>
      </c>
      <c r="N6048" s="45">
        <f t="shared" si="676"/>
        <v>45177.583333318747</v>
      </c>
    </row>
    <row r="6049" spans="2:14" x14ac:dyDescent="0.25">
      <c r="B6049">
        <f t="shared" si="670"/>
        <v>5</v>
      </c>
      <c r="C6049" s="16">
        <v>6015</v>
      </c>
      <c r="D6049" cm="1">
        <f t="array" ref="D6049">IFERROR(INDEX(Jesper!AH$2:AH$366,ROUNDDOWN($C6049/24,0)+1,1)*INDEX($D$3:$AA$30,INDEX(Jesper!$R$2:$R$366,ROW(INDEX(Jesper!AH$2:AH$366,ROUNDDOWN($C6049/24,0)+1,1))-1)+IF('Standard Profiles'!$G$18=$B$10,7,0)+IF('Standard Profiles'!$G$18=$B$17,14,0)+IF('Standard Profiles'!$G$18=$B$24,21,0),MOD($C6049,24)+1)/SUM(INDEX($D$3:$AA$30,INDEX(Jesper!$R$2:$R$366,ROW(INDEX(Jesper!AH$2:AH$366,ROUNDDOWN($C6049/24,0)+1,1))-1)+IF('Standard Profiles'!$G$18=$B$10,7,0)+IF('Standard Profiles'!$G$18=$B$17,14,0)+IF('Standard Profiles'!$G$18=$B$24,21,0),0)),0)</f>
        <v>26.233731843439497</v>
      </c>
      <c r="E6049" cm="1">
        <f t="array" ref="E6049">IFERROR(INDEX(Jesper!AI$2:AI$366,ROUNDDOWN($C6049/24,0)+1,1)*INDEX($D$3:$AA$30,INDEX(Jesper!$R$2:$R$366,ROW(INDEX(Jesper!AI$2:AI$366,ROUNDDOWN($C6049/24,0)+1,1))-1)+IF('Standard Profiles'!$G$19=$B$10,7,0)+IF('Standard Profiles'!$G$19=$B$17,14,0)+IF('Standard Profiles'!$G$19=$B$24,21,0),MOD($C6049,24)+1)/SUM(INDEX($D$3:$AA$30,INDEX(Jesper!$R$2:$R$366,ROW(INDEX(Jesper!AI$2:AI$366,ROUNDDOWN($C6049/24,0)+1,1))-1)+IF('Standard Profiles'!$G$19=$B$10,7,0)+IF('Standard Profiles'!$G$19=$B$17,14,0)+IF('Standard Profiles'!$G$19=$B$24,21,0),0)),0)</f>
        <v>10.924859931887923</v>
      </c>
      <c r="F6049" cm="1">
        <f t="array" ref="F6049">IFERROR(INDEX(Jesper!AJ$2:AJ$366,ROUNDDOWN($C6049/24,0)+1,1)*INDEX($D$3:$AA$30,INDEX(Jesper!$R$2:$R$366,ROW(INDEX(Jesper!AJ$2:AJ$366,ROUNDDOWN($C6049/24,0)+1,1))-1)+IF('Standard Profiles'!$G$20=$B$10,7,0)+IF('Standard Profiles'!$G$20=$B$17,14,0)+IF('Standard Profiles'!$G$20=$B$24,21,0),MOD($C6049,24)+1)/SUM(INDEX($D$3:$AA$30,INDEX(Jesper!$R$2:$R$366,ROW(INDEX(Jesper!AJ$2:AJ$366,ROUNDDOWN($C6049/24,0)+1,1))-1)+IF('Standard Profiles'!$G$20=$B$10,7,0)+IF('Standard Profiles'!$G$20=$B$17,14,0)+IF('Standard Profiles'!$G$20=$B$24,21,0),0)),0)</f>
        <v>0</v>
      </c>
      <c r="G6049" cm="1">
        <f t="array" ref="G6049">IFERROR(INDEX(Jesper!AK$2:AK$366,ROUNDDOWN($C6049/24,0)+1,1)*INDEX($D$3:$AA$30,INDEX(Jesper!$R$2:$R$366,ROW(INDEX(Jesper!AK$2:AK$366,ROUNDDOWN($C6049/24,0)+1,1))-1)+IF('Standard Profiles'!$G$21=$B$10,7,0)+IF('Standard Profiles'!$G$21=$B$17,14,0)+IF('Standard Profiles'!$G$21=$B$24,21,0),MOD($C6049,24)+1)/SUM(INDEX($D$3:$AA$30,INDEX(Jesper!$R$2:$R$366,ROW(INDEX(Jesper!AK$2:AK$366,ROUNDDOWN($C6049/24,0)+1,1))-1)+IF('Standard Profiles'!$G$21=$B$10,7,0)+IF('Standard Profiles'!$G$21=$B$17,14,0)+IF('Standard Profiles'!$G$21=$B$24,21,0),0)),0)</f>
        <v>0.53131886954027385</v>
      </c>
      <c r="H6049" cm="1">
        <f t="array" ref="H6049">IFERROR(INDEX(Jesper!AL$2:AL$366,ROUNDDOWN($C6049/24,0)+1,1)*INDEX($D$3:$AA$30,INDEX(Jesper!$R$2:$R$366,ROW(INDEX(Jesper!AL$2:AL$366,ROUNDDOWN($C6049/24,0)+1,1))-1)+IF('Standard Profiles'!$G$22=$B$10,7,0)+IF('Standard Profiles'!$G$22=$B$17,14,0)+IF('Standard Profiles'!$G$22=$B$24,21,0),MOD($C6049,24)+1)/SUM(INDEX($D$3:$AA$30,INDEX(Jesper!$R$2:$R$366,ROW(INDEX(Jesper!AL$2:AL$366,ROUNDDOWN($C6049/24,0)+1,1))-1)+IF('Standard Profiles'!$G$22=$B$10,7,0)+IF('Standard Profiles'!$G$22=$B$17,14,0)+IF('Standard Profiles'!$G$22=$B$24,21,0),0)),0)</f>
        <v>0</v>
      </c>
      <c r="I6049">
        <f t="shared" si="671"/>
        <v>0.2550330573793313</v>
      </c>
      <c r="J6049">
        <f t="shared" si="672"/>
        <v>33.23748049253804</v>
      </c>
      <c r="K6049">
        <f t="shared" si="673"/>
        <v>2.7982647299668799</v>
      </c>
      <c r="L6049">
        <f t="shared" si="674"/>
        <v>1.39913236498344</v>
      </c>
      <c r="M6049">
        <f t="shared" si="675"/>
        <v>0</v>
      </c>
      <c r="N6049" s="45">
        <f t="shared" si="676"/>
        <v>45177.624999985412</v>
      </c>
    </row>
    <row r="6050" spans="2:14" x14ac:dyDescent="0.25">
      <c r="B6050">
        <f t="shared" si="670"/>
        <v>5</v>
      </c>
      <c r="C6050" s="16">
        <v>6016</v>
      </c>
      <c r="D6050" cm="1">
        <f t="array" ref="D6050">IFERROR(INDEX(Jesper!AH$2:AH$366,ROUNDDOWN($C6050/24,0)+1,1)*INDEX($D$3:$AA$30,INDEX(Jesper!$R$2:$R$366,ROW(INDEX(Jesper!AH$2:AH$366,ROUNDDOWN($C6050/24,0)+1,1))-1)+IF('Standard Profiles'!$G$18=$B$10,7,0)+IF('Standard Profiles'!$G$18=$B$17,14,0)+IF('Standard Profiles'!$G$18=$B$24,21,0),MOD($C6050,24)+1)/SUM(INDEX($D$3:$AA$30,INDEX(Jesper!$R$2:$R$366,ROW(INDEX(Jesper!AH$2:AH$366,ROUNDDOWN($C6050/24,0)+1,1))-1)+IF('Standard Profiles'!$G$18=$B$10,7,0)+IF('Standard Profiles'!$G$18=$B$17,14,0)+IF('Standard Profiles'!$G$18=$B$24,21,0),0)),0)</f>
        <v>12.316306029783801</v>
      </c>
      <c r="E6050" cm="1">
        <f t="array" ref="E6050">IFERROR(INDEX(Jesper!AI$2:AI$366,ROUNDDOWN($C6050/24,0)+1,1)*INDEX($D$3:$AA$30,INDEX(Jesper!$R$2:$R$366,ROW(INDEX(Jesper!AI$2:AI$366,ROUNDDOWN($C6050/24,0)+1,1))-1)+IF('Standard Profiles'!$G$19=$B$10,7,0)+IF('Standard Profiles'!$G$19=$B$17,14,0)+IF('Standard Profiles'!$G$19=$B$24,21,0),MOD($C6050,24)+1)/SUM(INDEX($D$3:$AA$30,INDEX(Jesper!$R$2:$R$366,ROW(INDEX(Jesper!AI$2:AI$366,ROUNDDOWN($C6050/24,0)+1,1))-1)+IF('Standard Profiles'!$G$19=$B$10,7,0)+IF('Standard Profiles'!$G$19=$B$17,14,0)+IF('Standard Profiles'!$G$19=$B$24,21,0),0)),0)</f>
        <v>5.1290422215436253</v>
      </c>
      <c r="F6050" cm="1">
        <f t="array" ref="F6050">IFERROR(INDEX(Jesper!AJ$2:AJ$366,ROUNDDOWN($C6050/24,0)+1,1)*INDEX($D$3:$AA$30,INDEX(Jesper!$R$2:$R$366,ROW(INDEX(Jesper!AJ$2:AJ$366,ROUNDDOWN($C6050/24,0)+1,1))-1)+IF('Standard Profiles'!$G$20=$B$10,7,0)+IF('Standard Profiles'!$G$20=$B$17,14,0)+IF('Standard Profiles'!$G$20=$B$24,21,0),MOD($C6050,24)+1)/SUM(INDEX($D$3:$AA$30,INDEX(Jesper!$R$2:$R$366,ROW(INDEX(Jesper!AJ$2:AJ$366,ROUNDDOWN($C6050/24,0)+1,1))-1)+IF('Standard Profiles'!$G$20=$B$10,7,0)+IF('Standard Profiles'!$G$20=$B$17,14,0)+IF('Standard Profiles'!$G$20=$B$24,21,0),0)),0)</f>
        <v>0</v>
      </c>
      <c r="G6050" cm="1">
        <f t="array" ref="G6050">IFERROR(INDEX(Jesper!AK$2:AK$366,ROUNDDOWN($C6050/24,0)+1,1)*INDEX($D$3:$AA$30,INDEX(Jesper!$R$2:$R$366,ROW(INDEX(Jesper!AK$2:AK$366,ROUNDDOWN($C6050/24,0)+1,1))-1)+IF('Standard Profiles'!$G$21=$B$10,7,0)+IF('Standard Profiles'!$G$21=$B$17,14,0)+IF('Standard Profiles'!$G$21=$B$24,21,0),MOD($C6050,24)+1)/SUM(INDEX($D$3:$AA$30,INDEX(Jesper!$R$2:$R$366,ROW(INDEX(Jesper!AK$2:AK$366,ROUNDDOWN($C6050/24,0)+1,1))-1)+IF('Standard Profiles'!$G$21=$B$10,7,0)+IF('Standard Profiles'!$G$21=$B$17,14,0)+IF('Standard Profiles'!$G$21=$B$24,21,0),0)),0)</f>
        <v>0.46001633726430635</v>
      </c>
      <c r="H6050" cm="1">
        <f t="array" ref="H6050">IFERROR(INDEX(Jesper!AL$2:AL$366,ROUNDDOWN($C6050/24,0)+1,1)*INDEX($D$3:$AA$30,INDEX(Jesper!$R$2:$R$366,ROW(INDEX(Jesper!AL$2:AL$366,ROUNDDOWN($C6050/24,0)+1,1))-1)+IF('Standard Profiles'!$G$22=$B$10,7,0)+IF('Standard Profiles'!$G$22=$B$17,14,0)+IF('Standard Profiles'!$G$22=$B$24,21,0),MOD($C6050,24)+1)/SUM(INDEX($D$3:$AA$30,INDEX(Jesper!$R$2:$R$366,ROW(INDEX(Jesper!AL$2:AL$366,ROUNDDOWN($C6050/24,0)+1,1))-1)+IF('Standard Profiles'!$G$22=$B$10,7,0)+IF('Standard Profiles'!$G$22=$B$17,14,0)+IF('Standard Profiles'!$G$22=$B$24,21,0),0)),0)</f>
        <v>0</v>
      </c>
      <c r="I6050">
        <f t="shared" si="671"/>
        <v>0.22080784188686695</v>
      </c>
      <c r="J6050">
        <f t="shared" si="672"/>
        <v>15.713947781939456</v>
      </c>
      <c r="K6050">
        <f t="shared" si="673"/>
        <v>1.3137393098436057</v>
      </c>
      <c r="L6050">
        <f t="shared" si="674"/>
        <v>0.65686965492180283</v>
      </c>
      <c r="M6050">
        <f t="shared" si="675"/>
        <v>0</v>
      </c>
      <c r="N6050" s="45">
        <f t="shared" si="676"/>
        <v>45177.666666652076</v>
      </c>
    </row>
    <row r="6051" spans="2:14" x14ac:dyDescent="0.25">
      <c r="B6051">
        <f t="shared" ref="B6051:B6114" si="677">WEEKDAY(N6051,2)</f>
        <v>5</v>
      </c>
      <c r="C6051" s="16">
        <v>6017</v>
      </c>
      <c r="D6051" cm="1">
        <f t="array" ref="D6051">IFERROR(INDEX(Jesper!AH$2:AH$366,ROUNDDOWN($C6051/24,0)+1,1)*INDEX($D$3:$AA$30,INDEX(Jesper!$R$2:$R$366,ROW(INDEX(Jesper!AH$2:AH$366,ROUNDDOWN($C6051/24,0)+1,1))-1)+IF('Standard Profiles'!$G$18=$B$10,7,0)+IF('Standard Profiles'!$G$18=$B$17,14,0)+IF('Standard Profiles'!$G$18=$B$24,21,0),MOD($C6051,24)+1)/SUM(INDEX($D$3:$AA$30,INDEX(Jesper!$R$2:$R$366,ROW(INDEX(Jesper!AH$2:AH$366,ROUNDDOWN($C6051/24,0)+1,1))-1)+IF('Standard Profiles'!$G$18=$B$10,7,0)+IF('Standard Profiles'!$G$18=$B$17,14,0)+IF('Standard Profiles'!$G$18=$B$24,21,0),0)),0)</f>
        <v>8.128761979657309</v>
      </c>
      <c r="E6051" cm="1">
        <f t="array" ref="E6051">IFERROR(INDEX(Jesper!AI$2:AI$366,ROUNDDOWN($C6051/24,0)+1,1)*INDEX($D$3:$AA$30,INDEX(Jesper!$R$2:$R$366,ROW(INDEX(Jesper!AI$2:AI$366,ROUNDDOWN($C6051/24,0)+1,1))-1)+IF('Standard Profiles'!$G$19=$B$10,7,0)+IF('Standard Profiles'!$G$19=$B$17,14,0)+IF('Standard Profiles'!$G$19=$B$24,21,0),MOD($C6051,24)+1)/SUM(INDEX($D$3:$AA$30,INDEX(Jesper!$R$2:$R$366,ROW(INDEX(Jesper!AI$2:AI$366,ROUNDDOWN($C6051/24,0)+1,1))-1)+IF('Standard Profiles'!$G$19=$B$10,7,0)+IF('Standard Profiles'!$G$19=$B$17,14,0)+IF('Standard Profiles'!$G$19=$B$24,21,0),0)),0)</f>
        <v>3.3851678662187927</v>
      </c>
      <c r="F6051" cm="1">
        <f t="array" ref="F6051">IFERROR(INDEX(Jesper!AJ$2:AJ$366,ROUNDDOWN($C6051/24,0)+1,1)*INDEX($D$3:$AA$30,INDEX(Jesper!$R$2:$R$366,ROW(INDEX(Jesper!AJ$2:AJ$366,ROUNDDOWN($C6051/24,0)+1,1))-1)+IF('Standard Profiles'!$G$20=$B$10,7,0)+IF('Standard Profiles'!$G$20=$B$17,14,0)+IF('Standard Profiles'!$G$20=$B$24,21,0),MOD($C6051,24)+1)/SUM(INDEX($D$3:$AA$30,INDEX(Jesper!$R$2:$R$366,ROW(INDEX(Jesper!AJ$2:AJ$366,ROUNDDOWN($C6051/24,0)+1,1))-1)+IF('Standard Profiles'!$G$20=$B$10,7,0)+IF('Standard Profiles'!$G$20=$B$17,14,0)+IF('Standard Profiles'!$G$20=$B$24,21,0),0)),0)</f>
        <v>0</v>
      </c>
      <c r="G6051" cm="1">
        <f t="array" ref="G6051">IFERROR(INDEX(Jesper!AK$2:AK$366,ROUNDDOWN($C6051/24,0)+1,1)*INDEX($D$3:$AA$30,INDEX(Jesper!$R$2:$R$366,ROW(INDEX(Jesper!AK$2:AK$366,ROUNDDOWN($C6051/24,0)+1,1))-1)+IF('Standard Profiles'!$G$21=$B$10,7,0)+IF('Standard Profiles'!$G$21=$B$17,14,0)+IF('Standard Profiles'!$G$21=$B$24,21,0),MOD($C6051,24)+1)/SUM(INDEX($D$3:$AA$30,INDEX(Jesper!$R$2:$R$366,ROW(INDEX(Jesper!AK$2:AK$366,ROUNDDOWN($C6051/24,0)+1,1))-1)+IF('Standard Profiles'!$G$21=$B$10,7,0)+IF('Standard Profiles'!$G$21=$B$17,14,0)+IF('Standard Profiles'!$G$21=$B$24,21,0),0)),0)</f>
        <v>0.38641372330201729</v>
      </c>
      <c r="H6051" cm="1">
        <f t="array" ref="H6051">IFERROR(INDEX(Jesper!AL$2:AL$366,ROUNDDOWN($C6051/24,0)+1,1)*INDEX($D$3:$AA$30,INDEX(Jesper!$R$2:$R$366,ROW(INDEX(Jesper!AL$2:AL$366,ROUNDDOWN($C6051/24,0)+1,1))-1)+IF('Standard Profiles'!$G$22=$B$10,7,0)+IF('Standard Profiles'!$G$22=$B$17,14,0)+IF('Standard Profiles'!$G$22=$B$24,21,0),MOD($C6051,24)+1)/SUM(INDEX($D$3:$AA$30,INDEX(Jesper!$R$2:$R$366,ROW(INDEX(Jesper!AL$2:AL$366,ROUNDDOWN($C6051/24,0)+1,1))-1)+IF('Standard Profiles'!$G$22=$B$10,7,0)+IF('Standard Profiles'!$G$22=$B$17,14,0)+IF('Standard Profiles'!$G$22=$B$24,21,0),0)),0)</f>
        <v>0</v>
      </c>
      <c r="I6051">
        <f t="shared" ref="I6051:I6114" si="678">IF($B6051&lt;6,AC$37*$D6051+AC$38*$E6051+AC$39*$F6051+AC$40*$G6051,AC$46*$D6051+AC$47*$E6051+AC$48*$F6051+AC$49*$G6051+AC$50*$H6051)</f>
        <v>0.18547858718496821</v>
      </c>
      <c r="J6051">
        <f t="shared" ref="J6051:J6114" si="679">IF($B6051&lt;6,AD$37*$D6051+AD$38*$E6051+AD$39*$F6051+AD$40*$G6051,AD$46*$D6051+AD$47*$E6051+AD$48*$F6051+AD$49*$G6051+AD$50*$H6051)</f>
        <v>10.414263065247981</v>
      </c>
      <c r="K6051">
        <f t="shared" ref="K6051:K6114" si="680">IF($B6051&lt;6,AE$37*$D6051+AE$38*$E6051+AE$39*$F6051+AE$40*$G6051,AE$46*$D6051+AE$47*$E6051+AE$48*$F6051+AE$49*$G6051+AE$50*$H6051)</f>
        <v>0.86706794449677971</v>
      </c>
      <c r="L6051">
        <f t="shared" ref="L6051:L6114" si="681">IF($B6051&lt;6,AF$37*$D6051+AF$38*$E6051+AF$39*$F6051+AF$40*$G6051,AF$46*$D6051+AF$47*$E6051+AF$48*$F6051+AF$49*$G6051+AF$50*$H6051)</f>
        <v>0.43353397224838985</v>
      </c>
      <c r="M6051">
        <f t="shared" ref="M6051:M6114" si="682">IF($B6051&lt;6,AG$37*$D6051+AG$38*$E6051+AG$39*$F6051+AG$40*$G6051,AG$46*$D6051+AG$47*$E6051+AG$48*$F6051+AG$49*$G6051+AG$50*$H6051)</f>
        <v>0</v>
      </c>
      <c r="N6051" s="45">
        <f t="shared" si="676"/>
        <v>45177.70833331874</v>
      </c>
    </row>
    <row r="6052" spans="2:14" x14ac:dyDescent="0.25">
      <c r="B6052">
        <f t="shared" si="677"/>
        <v>5</v>
      </c>
      <c r="C6052" s="16">
        <v>6018</v>
      </c>
      <c r="D6052" cm="1">
        <f t="array" ref="D6052">IFERROR(INDEX(Jesper!AH$2:AH$366,ROUNDDOWN($C6052/24,0)+1,1)*INDEX($D$3:$AA$30,INDEX(Jesper!$R$2:$R$366,ROW(INDEX(Jesper!AH$2:AH$366,ROUNDDOWN($C6052/24,0)+1,1))-1)+IF('Standard Profiles'!$G$18=$B$10,7,0)+IF('Standard Profiles'!$G$18=$B$17,14,0)+IF('Standard Profiles'!$G$18=$B$24,21,0),MOD($C6052,24)+1)/SUM(INDEX($D$3:$AA$30,INDEX(Jesper!$R$2:$R$366,ROW(INDEX(Jesper!AH$2:AH$366,ROUNDDOWN($C6052/24,0)+1,1))-1)+IF('Standard Profiles'!$G$18=$B$10,7,0)+IF('Standard Profiles'!$G$18=$B$17,14,0)+IF('Standard Profiles'!$G$18=$B$24,21,0),0)),0)</f>
        <v>5.1728485325091969</v>
      </c>
      <c r="E6052" cm="1">
        <f t="array" ref="E6052">IFERROR(INDEX(Jesper!AI$2:AI$366,ROUNDDOWN($C6052/24,0)+1,1)*INDEX($D$3:$AA$30,INDEX(Jesper!$R$2:$R$366,ROW(INDEX(Jesper!AI$2:AI$366,ROUNDDOWN($C6052/24,0)+1,1))-1)+IF('Standard Profiles'!$G$19=$B$10,7,0)+IF('Standard Profiles'!$G$19=$B$17,14,0)+IF('Standard Profiles'!$G$19=$B$24,21,0),MOD($C6052,24)+1)/SUM(INDEX($D$3:$AA$30,INDEX(Jesper!$R$2:$R$366,ROW(INDEX(Jesper!AI$2:AI$366,ROUNDDOWN($C6052/24,0)+1,1))-1)+IF('Standard Profiles'!$G$19=$B$10,7,0)+IF('Standard Profiles'!$G$19=$B$17,14,0)+IF('Standard Profiles'!$G$19=$B$24,21,0),0)),0)</f>
        <v>2.1541977330483228</v>
      </c>
      <c r="F6052" cm="1">
        <f t="array" ref="F6052">IFERROR(INDEX(Jesper!AJ$2:AJ$366,ROUNDDOWN($C6052/24,0)+1,1)*INDEX($D$3:$AA$30,INDEX(Jesper!$R$2:$R$366,ROW(INDEX(Jesper!AJ$2:AJ$366,ROUNDDOWN($C6052/24,0)+1,1))-1)+IF('Standard Profiles'!$G$20=$B$10,7,0)+IF('Standard Profiles'!$G$20=$B$17,14,0)+IF('Standard Profiles'!$G$20=$B$24,21,0),MOD($C6052,24)+1)/SUM(INDEX($D$3:$AA$30,INDEX(Jesper!$R$2:$R$366,ROW(INDEX(Jesper!AJ$2:AJ$366,ROUNDDOWN($C6052/24,0)+1,1))-1)+IF('Standard Profiles'!$G$20=$B$10,7,0)+IF('Standard Profiles'!$G$20=$B$17,14,0)+IF('Standard Profiles'!$G$20=$B$24,21,0),0)),0)</f>
        <v>0</v>
      </c>
      <c r="G6052" cm="1">
        <f t="array" ref="G6052">IFERROR(INDEX(Jesper!AK$2:AK$366,ROUNDDOWN($C6052/24,0)+1,1)*INDEX($D$3:$AA$30,INDEX(Jesper!$R$2:$R$366,ROW(INDEX(Jesper!AK$2:AK$366,ROUNDDOWN($C6052/24,0)+1,1))-1)+IF('Standard Profiles'!$G$21=$B$10,7,0)+IF('Standard Profiles'!$G$21=$B$17,14,0)+IF('Standard Profiles'!$G$21=$B$24,21,0),MOD($C6052,24)+1)/SUM(INDEX($D$3:$AA$30,INDEX(Jesper!$R$2:$R$366,ROW(INDEX(Jesper!AK$2:AK$366,ROUNDDOWN($C6052/24,0)+1,1))-1)+IF('Standard Profiles'!$G$21=$B$10,7,0)+IF('Standard Profiles'!$G$21=$B$17,14,0)+IF('Standard Profiles'!$G$21=$B$24,21,0),0)),0)</f>
        <v>0.14260506455193497</v>
      </c>
      <c r="H6052" cm="1">
        <f t="array" ref="H6052">IFERROR(INDEX(Jesper!AL$2:AL$366,ROUNDDOWN($C6052/24,0)+1,1)*INDEX($D$3:$AA$30,INDEX(Jesper!$R$2:$R$366,ROW(INDEX(Jesper!AL$2:AL$366,ROUNDDOWN($C6052/24,0)+1,1))-1)+IF('Standard Profiles'!$G$22=$B$10,7,0)+IF('Standard Profiles'!$G$22=$B$17,14,0)+IF('Standard Profiles'!$G$22=$B$24,21,0),MOD($C6052,24)+1)/SUM(INDEX($D$3:$AA$30,INDEX(Jesper!$R$2:$R$366,ROW(INDEX(Jesper!AL$2:AL$366,ROUNDDOWN($C6052/24,0)+1,1))-1)+IF('Standard Profiles'!$G$22=$B$10,7,0)+IF('Standard Profiles'!$G$22=$B$17,14,0)+IF('Standard Profiles'!$G$22=$B$24,21,0),0)),0)</f>
        <v>0</v>
      </c>
      <c r="I6052">
        <f t="shared" si="678"/>
        <v>6.8450430984928756E-2</v>
      </c>
      <c r="J6052">
        <f t="shared" si="679"/>
        <v>6.5735451339230542</v>
      </c>
      <c r="K6052">
        <f t="shared" si="680"/>
        <v>0.55177051013431433</v>
      </c>
      <c r="L6052">
        <f t="shared" si="681"/>
        <v>0.27588525506715716</v>
      </c>
      <c r="M6052">
        <f t="shared" si="682"/>
        <v>0</v>
      </c>
      <c r="N6052" s="45">
        <f t="shared" ref="N6052:N6115" si="683">N6051+1/24</f>
        <v>45177.749999985404</v>
      </c>
    </row>
    <row r="6053" spans="2:14" x14ac:dyDescent="0.25">
      <c r="B6053">
        <f t="shared" si="677"/>
        <v>5</v>
      </c>
      <c r="C6053" s="16">
        <v>6019</v>
      </c>
      <c r="D6053" cm="1">
        <f t="array" ref="D6053">IFERROR(INDEX(Jesper!AH$2:AH$366,ROUNDDOWN($C6053/24,0)+1,1)*INDEX($D$3:$AA$30,INDEX(Jesper!$R$2:$R$366,ROW(INDEX(Jesper!AH$2:AH$366,ROUNDDOWN($C6053/24,0)+1,1))-1)+IF('Standard Profiles'!$G$18=$B$10,7,0)+IF('Standard Profiles'!$G$18=$B$17,14,0)+IF('Standard Profiles'!$G$18=$B$24,21,0),MOD($C6053,24)+1)/SUM(INDEX($D$3:$AA$30,INDEX(Jesper!$R$2:$R$366,ROW(INDEX(Jesper!AH$2:AH$366,ROUNDDOWN($C6053/24,0)+1,1))-1)+IF('Standard Profiles'!$G$18=$B$10,7,0)+IF('Standard Profiles'!$G$18=$B$17,14,0)+IF('Standard Profiles'!$G$18=$B$24,21,0),0)),0)</f>
        <v>4.9265224119135205</v>
      </c>
      <c r="E6053" cm="1">
        <f t="array" ref="E6053">IFERROR(INDEX(Jesper!AI$2:AI$366,ROUNDDOWN($C6053/24,0)+1,1)*INDEX($D$3:$AA$30,INDEX(Jesper!$R$2:$R$366,ROW(INDEX(Jesper!AI$2:AI$366,ROUNDDOWN($C6053/24,0)+1,1))-1)+IF('Standard Profiles'!$G$19=$B$10,7,0)+IF('Standard Profiles'!$G$19=$B$17,14,0)+IF('Standard Profiles'!$G$19=$B$24,21,0),MOD($C6053,24)+1)/SUM(INDEX($D$3:$AA$30,INDEX(Jesper!$R$2:$R$366,ROW(INDEX(Jesper!AI$2:AI$366,ROUNDDOWN($C6053/24,0)+1,1))-1)+IF('Standard Profiles'!$G$19=$B$10,7,0)+IF('Standard Profiles'!$G$19=$B$17,14,0)+IF('Standard Profiles'!$G$19=$B$24,21,0),0)),0)</f>
        <v>2.05161688861745</v>
      </c>
      <c r="F6053" cm="1">
        <f t="array" ref="F6053">IFERROR(INDEX(Jesper!AJ$2:AJ$366,ROUNDDOWN($C6053/24,0)+1,1)*INDEX($D$3:$AA$30,INDEX(Jesper!$R$2:$R$366,ROW(INDEX(Jesper!AJ$2:AJ$366,ROUNDDOWN($C6053/24,0)+1,1))-1)+IF('Standard Profiles'!$G$20=$B$10,7,0)+IF('Standard Profiles'!$G$20=$B$17,14,0)+IF('Standard Profiles'!$G$20=$B$24,21,0),MOD($C6053,24)+1)/SUM(INDEX($D$3:$AA$30,INDEX(Jesper!$R$2:$R$366,ROW(INDEX(Jesper!AJ$2:AJ$366,ROUNDDOWN($C6053/24,0)+1,1))-1)+IF('Standard Profiles'!$G$20=$B$10,7,0)+IF('Standard Profiles'!$G$20=$B$17,14,0)+IF('Standard Profiles'!$G$20=$B$24,21,0),0)),0)</f>
        <v>0</v>
      </c>
      <c r="G6053" cm="1">
        <f t="array" ref="G6053">IFERROR(INDEX(Jesper!AK$2:AK$366,ROUNDDOWN($C6053/24,0)+1,1)*INDEX($D$3:$AA$30,INDEX(Jesper!$R$2:$R$366,ROW(INDEX(Jesper!AK$2:AK$366,ROUNDDOWN($C6053/24,0)+1,1))-1)+IF('Standard Profiles'!$G$21=$B$10,7,0)+IF('Standard Profiles'!$G$21=$B$17,14,0)+IF('Standard Profiles'!$G$21=$B$24,21,0),MOD($C6053,24)+1)/SUM(INDEX($D$3:$AA$30,INDEX(Jesper!$R$2:$R$366,ROW(INDEX(Jesper!AK$2:AK$366,ROUNDDOWN($C6053/24,0)+1,1))-1)+IF('Standard Profiles'!$G$21=$B$10,7,0)+IF('Standard Profiles'!$G$21=$B$17,14,0)+IF('Standard Profiles'!$G$21=$B$24,21,0),0)),0)</f>
        <v>0.14260506455193497</v>
      </c>
      <c r="H6053" cm="1">
        <f t="array" ref="H6053">IFERROR(INDEX(Jesper!AL$2:AL$366,ROUNDDOWN($C6053/24,0)+1,1)*INDEX($D$3:$AA$30,INDEX(Jesper!$R$2:$R$366,ROW(INDEX(Jesper!AL$2:AL$366,ROUNDDOWN($C6053/24,0)+1,1))-1)+IF('Standard Profiles'!$G$22=$B$10,7,0)+IF('Standard Profiles'!$G$22=$B$17,14,0)+IF('Standard Profiles'!$G$22=$B$24,21,0),MOD($C6053,24)+1)/SUM(INDEX($D$3:$AA$30,INDEX(Jesper!$R$2:$R$366,ROW(INDEX(Jesper!AL$2:AL$366,ROUNDDOWN($C6053/24,0)+1,1))-1)+IF('Standard Profiles'!$G$22=$B$10,7,0)+IF('Standard Profiles'!$G$22=$B$17,14,0)+IF('Standard Profiles'!$G$22=$B$24,21,0),0)),0)</f>
        <v>0</v>
      </c>
      <c r="I6053">
        <f t="shared" si="678"/>
        <v>6.8450430984928756E-2</v>
      </c>
      <c r="J6053">
        <f t="shared" si="679"/>
        <v>6.2640503481918133</v>
      </c>
      <c r="K6053">
        <f t="shared" si="680"/>
        <v>0.52549572393744226</v>
      </c>
      <c r="L6053">
        <f t="shared" si="681"/>
        <v>0.26274786196872113</v>
      </c>
      <c r="M6053">
        <f t="shared" si="682"/>
        <v>0</v>
      </c>
      <c r="N6053" s="45">
        <f t="shared" si="683"/>
        <v>45177.791666652069</v>
      </c>
    </row>
    <row r="6054" spans="2:14" x14ac:dyDescent="0.25">
      <c r="B6054">
        <f t="shared" si="677"/>
        <v>5</v>
      </c>
      <c r="C6054" s="16">
        <v>6020</v>
      </c>
      <c r="D6054" cm="1">
        <f t="array" ref="D6054">IFERROR(INDEX(Jesper!AH$2:AH$366,ROUNDDOWN($C6054/24,0)+1,1)*INDEX($D$3:$AA$30,INDEX(Jesper!$R$2:$R$366,ROW(INDEX(Jesper!AH$2:AH$366,ROUNDDOWN($C6054/24,0)+1,1))-1)+IF('Standard Profiles'!$G$18=$B$10,7,0)+IF('Standard Profiles'!$G$18=$B$17,14,0)+IF('Standard Profiles'!$G$18=$B$24,21,0),MOD($C6054,24)+1)/SUM(INDEX($D$3:$AA$30,INDEX(Jesper!$R$2:$R$366,ROW(INDEX(Jesper!AH$2:AH$366,ROUNDDOWN($C6054/24,0)+1,1))-1)+IF('Standard Profiles'!$G$18=$B$10,7,0)+IF('Standard Profiles'!$G$18=$B$17,14,0)+IF('Standard Profiles'!$G$18=$B$24,21,0),0)),0)</f>
        <v>4.9265224119135205</v>
      </c>
      <c r="E6054" cm="1">
        <f t="array" ref="E6054">IFERROR(INDEX(Jesper!AI$2:AI$366,ROUNDDOWN($C6054/24,0)+1,1)*INDEX($D$3:$AA$30,INDEX(Jesper!$R$2:$R$366,ROW(INDEX(Jesper!AI$2:AI$366,ROUNDDOWN($C6054/24,0)+1,1))-1)+IF('Standard Profiles'!$G$19=$B$10,7,0)+IF('Standard Profiles'!$G$19=$B$17,14,0)+IF('Standard Profiles'!$G$19=$B$24,21,0),MOD($C6054,24)+1)/SUM(INDEX($D$3:$AA$30,INDEX(Jesper!$R$2:$R$366,ROW(INDEX(Jesper!AI$2:AI$366,ROUNDDOWN($C6054/24,0)+1,1))-1)+IF('Standard Profiles'!$G$19=$B$10,7,0)+IF('Standard Profiles'!$G$19=$B$17,14,0)+IF('Standard Profiles'!$G$19=$B$24,21,0),0)),0)</f>
        <v>2.05161688861745</v>
      </c>
      <c r="F6054" cm="1">
        <f t="array" ref="F6054">IFERROR(INDEX(Jesper!AJ$2:AJ$366,ROUNDDOWN($C6054/24,0)+1,1)*INDEX($D$3:$AA$30,INDEX(Jesper!$R$2:$R$366,ROW(INDEX(Jesper!AJ$2:AJ$366,ROUNDDOWN($C6054/24,0)+1,1))-1)+IF('Standard Profiles'!$G$20=$B$10,7,0)+IF('Standard Profiles'!$G$20=$B$17,14,0)+IF('Standard Profiles'!$G$20=$B$24,21,0),MOD($C6054,24)+1)/SUM(INDEX($D$3:$AA$30,INDEX(Jesper!$R$2:$R$366,ROW(INDEX(Jesper!AJ$2:AJ$366,ROUNDDOWN($C6054/24,0)+1,1))-1)+IF('Standard Profiles'!$G$20=$B$10,7,0)+IF('Standard Profiles'!$G$20=$B$17,14,0)+IF('Standard Profiles'!$G$20=$B$24,21,0),0)),0)</f>
        <v>0</v>
      </c>
      <c r="G6054" cm="1">
        <f t="array" ref="G6054">IFERROR(INDEX(Jesper!AK$2:AK$366,ROUNDDOWN($C6054/24,0)+1,1)*INDEX($D$3:$AA$30,INDEX(Jesper!$R$2:$R$366,ROW(INDEX(Jesper!AK$2:AK$366,ROUNDDOWN($C6054/24,0)+1,1))-1)+IF('Standard Profiles'!$G$21=$B$10,7,0)+IF('Standard Profiles'!$G$21=$B$17,14,0)+IF('Standard Profiles'!$G$21=$B$24,21,0),MOD($C6054,24)+1)/SUM(INDEX($D$3:$AA$30,INDEX(Jesper!$R$2:$R$366,ROW(INDEX(Jesper!AK$2:AK$366,ROUNDDOWN($C6054/24,0)+1,1))-1)+IF('Standard Profiles'!$G$21=$B$10,7,0)+IF('Standard Profiles'!$G$21=$B$17,14,0)+IF('Standard Profiles'!$G$21=$B$24,21,0),0)),0)</f>
        <v>0.14260506455193497</v>
      </c>
      <c r="H6054" cm="1">
        <f t="array" ref="H6054">IFERROR(INDEX(Jesper!AL$2:AL$366,ROUNDDOWN($C6054/24,0)+1,1)*INDEX($D$3:$AA$30,INDEX(Jesper!$R$2:$R$366,ROW(INDEX(Jesper!AL$2:AL$366,ROUNDDOWN($C6054/24,0)+1,1))-1)+IF('Standard Profiles'!$G$22=$B$10,7,0)+IF('Standard Profiles'!$G$22=$B$17,14,0)+IF('Standard Profiles'!$G$22=$B$24,21,0),MOD($C6054,24)+1)/SUM(INDEX($D$3:$AA$30,INDEX(Jesper!$R$2:$R$366,ROW(INDEX(Jesper!AL$2:AL$366,ROUNDDOWN($C6054/24,0)+1,1))-1)+IF('Standard Profiles'!$G$22=$B$10,7,0)+IF('Standard Profiles'!$G$22=$B$17,14,0)+IF('Standard Profiles'!$G$22=$B$24,21,0),0)),0)</f>
        <v>0</v>
      </c>
      <c r="I6054">
        <f t="shared" si="678"/>
        <v>6.8450430984928756E-2</v>
      </c>
      <c r="J6054">
        <f t="shared" si="679"/>
        <v>6.2640503481918133</v>
      </c>
      <c r="K6054">
        <f t="shared" si="680"/>
        <v>0.52549572393744226</v>
      </c>
      <c r="L6054">
        <f t="shared" si="681"/>
        <v>0.26274786196872113</v>
      </c>
      <c r="M6054">
        <f t="shared" si="682"/>
        <v>0</v>
      </c>
      <c r="N6054" s="45">
        <f t="shared" si="683"/>
        <v>45177.833333318733</v>
      </c>
    </row>
    <row r="6055" spans="2:14" x14ac:dyDescent="0.25">
      <c r="B6055">
        <f t="shared" si="677"/>
        <v>5</v>
      </c>
      <c r="C6055" s="16">
        <v>6021</v>
      </c>
      <c r="D6055" cm="1">
        <f t="array" ref="D6055">IFERROR(INDEX(Jesper!AH$2:AH$366,ROUNDDOWN($C6055/24,0)+1,1)*INDEX($D$3:$AA$30,INDEX(Jesper!$R$2:$R$366,ROW(INDEX(Jesper!AH$2:AH$366,ROUNDDOWN($C6055/24,0)+1,1))-1)+IF('Standard Profiles'!$G$18=$B$10,7,0)+IF('Standard Profiles'!$G$18=$B$17,14,0)+IF('Standard Profiles'!$G$18=$B$24,21,0),MOD($C6055,24)+1)/SUM(INDEX($D$3:$AA$30,INDEX(Jesper!$R$2:$R$366,ROW(INDEX(Jesper!AH$2:AH$366,ROUNDDOWN($C6055/24,0)+1,1))-1)+IF('Standard Profiles'!$G$18=$B$10,7,0)+IF('Standard Profiles'!$G$18=$B$17,14,0)+IF('Standard Profiles'!$G$18=$B$24,21,0),0)),0)</f>
        <v>4.9265224119135205</v>
      </c>
      <c r="E6055" cm="1">
        <f t="array" ref="E6055">IFERROR(INDEX(Jesper!AI$2:AI$366,ROUNDDOWN($C6055/24,0)+1,1)*INDEX($D$3:$AA$30,INDEX(Jesper!$R$2:$R$366,ROW(INDEX(Jesper!AI$2:AI$366,ROUNDDOWN($C6055/24,0)+1,1))-1)+IF('Standard Profiles'!$G$19=$B$10,7,0)+IF('Standard Profiles'!$G$19=$B$17,14,0)+IF('Standard Profiles'!$G$19=$B$24,21,0),MOD($C6055,24)+1)/SUM(INDEX($D$3:$AA$30,INDEX(Jesper!$R$2:$R$366,ROW(INDEX(Jesper!AI$2:AI$366,ROUNDDOWN($C6055/24,0)+1,1))-1)+IF('Standard Profiles'!$G$19=$B$10,7,0)+IF('Standard Profiles'!$G$19=$B$17,14,0)+IF('Standard Profiles'!$G$19=$B$24,21,0),0)),0)</f>
        <v>2.05161688861745</v>
      </c>
      <c r="F6055" cm="1">
        <f t="array" ref="F6055">IFERROR(INDEX(Jesper!AJ$2:AJ$366,ROUNDDOWN($C6055/24,0)+1,1)*INDEX($D$3:$AA$30,INDEX(Jesper!$R$2:$R$366,ROW(INDEX(Jesper!AJ$2:AJ$366,ROUNDDOWN($C6055/24,0)+1,1))-1)+IF('Standard Profiles'!$G$20=$B$10,7,0)+IF('Standard Profiles'!$G$20=$B$17,14,0)+IF('Standard Profiles'!$G$20=$B$24,21,0),MOD($C6055,24)+1)/SUM(INDEX($D$3:$AA$30,INDEX(Jesper!$R$2:$R$366,ROW(INDEX(Jesper!AJ$2:AJ$366,ROUNDDOWN($C6055/24,0)+1,1))-1)+IF('Standard Profiles'!$G$20=$B$10,7,0)+IF('Standard Profiles'!$G$20=$B$17,14,0)+IF('Standard Profiles'!$G$20=$B$24,21,0),0)),0)</f>
        <v>0</v>
      </c>
      <c r="G6055" cm="1">
        <f t="array" ref="G6055">IFERROR(INDEX(Jesper!AK$2:AK$366,ROUNDDOWN($C6055/24,0)+1,1)*INDEX($D$3:$AA$30,INDEX(Jesper!$R$2:$R$366,ROW(INDEX(Jesper!AK$2:AK$366,ROUNDDOWN($C6055/24,0)+1,1))-1)+IF('Standard Profiles'!$G$21=$B$10,7,0)+IF('Standard Profiles'!$G$21=$B$17,14,0)+IF('Standard Profiles'!$G$21=$B$24,21,0),MOD($C6055,24)+1)/SUM(INDEX($D$3:$AA$30,INDEX(Jesper!$R$2:$R$366,ROW(INDEX(Jesper!AK$2:AK$366,ROUNDDOWN($C6055/24,0)+1,1))-1)+IF('Standard Profiles'!$G$21=$B$10,7,0)+IF('Standard Profiles'!$G$21=$B$17,14,0)+IF('Standard Profiles'!$G$21=$B$24,21,0),0)),0)</f>
        <v>0.14260506455193497</v>
      </c>
      <c r="H6055" cm="1">
        <f t="array" ref="H6055">IFERROR(INDEX(Jesper!AL$2:AL$366,ROUNDDOWN($C6055/24,0)+1,1)*INDEX($D$3:$AA$30,INDEX(Jesper!$R$2:$R$366,ROW(INDEX(Jesper!AL$2:AL$366,ROUNDDOWN($C6055/24,0)+1,1))-1)+IF('Standard Profiles'!$G$22=$B$10,7,0)+IF('Standard Profiles'!$G$22=$B$17,14,0)+IF('Standard Profiles'!$G$22=$B$24,21,0),MOD($C6055,24)+1)/SUM(INDEX($D$3:$AA$30,INDEX(Jesper!$R$2:$R$366,ROW(INDEX(Jesper!AL$2:AL$366,ROUNDDOWN($C6055/24,0)+1,1))-1)+IF('Standard Profiles'!$G$22=$B$10,7,0)+IF('Standard Profiles'!$G$22=$B$17,14,0)+IF('Standard Profiles'!$G$22=$B$24,21,0),0)),0)</f>
        <v>0</v>
      </c>
      <c r="I6055">
        <f t="shared" si="678"/>
        <v>6.8450430984928756E-2</v>
      </c>
      <c r="J6055">
        <f t="shared" si="679"/>
        <v>6.2640503481918133</v>
      </c>
      <c r="K6055">
        <f t="shared" si="680"/>
        <v>0.52549572393744226</v>
      </c>
      <c r="L6055">
        <f t="shared" si="681"/>
        <v>0.26274786196872113</v>
      </c>
      <c r="M6055">
        <f t="shared" si="682"/>
        <v>0</v>
      </c>
      <c r="N6055" s="45">
        <f t="shared" si="683"/>
        <v>45177.874999985397</v>
      </c>
    </row>
    <row r="6056" spans="2:14" x14ac:dyDescent="0.25">
      <c r="B6056">
        <f t="shared" si="677"/>
        <v>5</v>
      </c>
      <c r="C6056" s="16">
        <v>6022</v>
      </c>
      <c r="D6056" cm="1">
        <f t="array" ref="D6056">IFERROR(INDEX(Jesper!AH$2:AH$366,ROUNDDOWN($C6056/24,0)+1,1)*INDEX($D$3:$AA$30,INDEX(Jesper!$R$2:$R$366,ROW(INDEX(Jesper!AH$2:AH$366,ROUNDDOWN($C6056/24,0)+1,1))-1)+IF('Standard Profiles'!$G$18=$B$10,7,0)+IF('Standard Profiles'!$G$18=$B$17,14,0)+IF('Standard Profiles'!$G$18=$B$24,21,0),MOD($C6056,24)+1)/SUM(INDEX($D$3:$AA$30,INDEX(Jesper!$R$2:$R$366,ROW(INDEX(Jesper!AH$2:AH$366,ROUNDDOWN($C6056/24,0)+1,1))-1)+IF('Standard Profiles'!$G$18=$B$10,7,0)+IF('Standard Profiles'!$G$18=$B$17,14,0)+IF('Standard Profiles'!$G$18=$B$24,21,0),0)),0)</f>
        <v>4.9265224119135205</v>
      </c>
      <c r="E6056" cm="1">
        <f t="array" ref="E6056">IFERROR(INDEX(Jesper!AI$2:AI$366,ROUNDDOWN($C6056/24,0)+1,1)*INDEX($D$3:$AA$30,INDEX(Jesper!$R$2:$R$366,ROW(INDEX(Jesper!AI$2:AI$366,ROUNDDOWN($C6056/24,0)+1,1))-1)+IF('Standard Profiles'!$G$19=$B$10,7,0)+IF('Standard Profiles'!$G$19=$B$17,14,0)+IF('Standard Profiles'!$G$19=$B$24,21,0),MOD($C6056,24)+1)/SUM(INDEX($D$3:$AA$30,INDEX(Jesper!$R$2:$R$366,ROW(INDEX(Jesper!AI$2:AI$366,ROUNDDOWN($C6056/24,0)+1,1))-1)+IF('Standard Profiles'!$G$19=$B$10,7,0)+IF('Standard Profiles'!$G$19=$B$17,14,0)+IF('Standard Profiles'!$G$19=$B$24,21,0),0)),0)</f>
        <v>2.05161688861745</v>
      </c>
      <c r="F6056" cm="1">
        <f t="array" ref="F6056">IFERROR(INDEX(Jesper!AJ$2:AJ$366,ROUNDDOWN($C6056/24,0)+1,1)*INDEX($D$3:$AA$30,INDEX(Jesper!$R$2:$R$366,ROW(INDEX(Jesper!AJ$2:AJ$366,ROUNDDOWN($C6056/24,0)+1,1))-1)+IF('Standard Profiles'!$G$20=$B$10,7,0)+IF('Standard Profiles'!$G$20=$B$17,14,0)+IF('Standard Profiles'!$G$20=$B$24,21,0),MOD($C6056,24)+1)/SUM(INDEX($D$3:$AA$30,INDEX(Jesper!$R$2:$R$366,ROW(INDEX(Jesper!AJ$2:AJ$366,ROUNDDOWN($C6056/24,0)+1,1))-1)+IF('Standard Profiles'!$G$20=$B$10,7,0)+IF('Standard Profiles'!$G$20=$B$17,14,0)+IF('Standard Profiles'!$G$20=$B$24,21,0),0)),0)</f>
        <v>0</v>
      </c>
      <c r="G6056" cm="1">
        <f t="array" ref="G6056">IFERROR(INDEX(Jesper!AK$2:AK$366,ROUNDDOWN($C6056/24,0)+1,1)*INDEX($D$3:$AA$30,INDEX(Jesper!$R$2:$R$366,ROW(INDEX(Jesper!AK$2:AK$366,ROUNDDOWN($C6056/24,0)+1,1))-1)+IF('Standard Profiles'!$G$21=$B$10,7,0)+IF('Standard Profiles'!$G$21=$B$17,14,0)+IF('Standard Profiles'!$G$21=$B$24,21,0),MOD($C6056,24)+1)/SUM(INDEX($D$3:$AA$30,INDEX(Jesper!$R$2:$R$366,ROW(INDEX(Jesper!AK$2:AK$366,ROUNDDOWN($C6056/24,0)+1,1))-1)+IF('Standard Profiles'!$G$21=$B$10,7,0)+IF('Standard Profiles'!$G$21=$B$17,14,0)+IF('Standard Profiles'!$G$21=$B$24,21,0),0)),0)</f>
        <v>0.14260506455193497</v>
      </c>
      <c r="H6056" cm="1">
        <f t="array" ref="H6056">IFERROR(INDEX(Jesper!AL$2:AL$366,ROUNDDOWN($C6056/24,0)+1,1)*INDEX($D$3:$AA$30,INDEX(Jesper!$R$2:$R$366,ROW(INDEX(Jesper!AL$2:AL$366,ROUNDDOWN($C6056/24,0)+1,1))-1)+IF('Standard Profiles'!$G$22=$B$10,7,0)+IF('Standard Profiles'!$G$22=$B$17,14,0)+IF('Standard Profiles'!$G$22=$B$24,21,0),MOD($C6056,24)+1)/SUM(INDEX($D$3:$AA$30,INDEX(Jesper!$R$2:$R$366,ROW(INDEX(Jesper!AL$2:AL$366,ROUNDDOWN($C6056/24,0)+1,1))-1)+IF('Standard Profiles'!$G$22=$B$10,7,0)+IF('Standard Profiles'!$G$22=$B$17,14,0)+IF('Standard Profiles'!$G$22=$B$24,21,0),0)),0)</f>
        <v>0</v>
      </c>
      <c r="I6056">
        <f t="shared" si="678"/>
        <v>6.8450430984928756E-2</v>
      </c>
      <c r="J6056">
        <f t="shared" si="679"/>
        <v>6.2640503481918133</v>
      </c>
      <c r="K6056">
        <f t="shared" si="680"/>
        <v>0.52549572393744226</v>
      </c>
      <c r="L6056">
        <f t="shared" si="681"/>
        <v>0.26274786196872113</v>
      </c>
      <c r="M6056">
        <f t="shared" si="682"/>
        <v>0</v>
      </c>
      <c r="N6056" s="45">
        <f t="shared" si="683"/>
        <v>45177.916666652061</v>
      </c>
    </row>
    <row r="6057" spans="2:14" x14ac:dyDescent="0.25">
      <c r="B6057">
        <f t="shared" si="677"/>
        <v>5</v>
      </c>
      <c r="C6057" s="16">
        <v>6023</v>
      </c>
      <c r="D6057" cm="1">
        <f t="array" ref="D6057">IFERROR(INDEX(Jesper!AH$2:AH$366,ROUNDDOWN($C6057/24,0)+1,1)*INDEX($D$3:$AA$30,INDEX(Jesper!$R$2:$R$366,ROW(INDEX(Jesper!AH$2:AH$366,ROUNDDOWN($C6057/24,0)+1,1))-1)+IF('Standard Profiles'!$G$18=$B$10,7,0)+IF('Standard Profiles'!$G$18=$B$17,14,0)+IF('Standard Profiles'!$G$18=$B$24,21,0),MOD($C6057,24)+1)/SUM(INDEX($D$3:$AA$30,INDEX(Jesper!$R$2:$R$366,ROW(INDEX(Jesper!AH$2:AH$366,ROUNDDOWN($C6057/24,0)+1,1))-1)+IF('Standard Profiles'!$G$18=$B$10,7,0)+IF('Standard Profiles'!$G$18=$B$17,14,0)+IF('Standard Profiles'!$G$18=$B$24,21,0),0)),0)</f>
        <v>4.9265224119135205</v>
      </c>
      <c r="E6057" cm="1">
        <f t="array" ref="E6057">IFERROR(INDEX(Jesper!AI$2:AI$366,ROUNDDOWN($C6057/24,0)+1,1)*INDEX($D$3:$AA$30,INDEX(Jesper!$R$2:$R$366,ROW(INDEX(Jesper!AI$2:AI$366,ROUNDDOWN($C6057/24,0)+1,1))-1)+IF('Standard Profiles'!$G$19=$B$10,7,0)+IF('Standard Profiles'!$G$19=$B$17,14,0)+IF('Standard Profiles'!$G$19=$B$24,21,0),MOD($C6057,24)+1)/SUM(INDEX($D$3:$AA$30,INDEX(Jesper!$R$2:$R$366,ROW(INDEX(Jesper!AI$2:AI$366,ROUNDDOWN($C6057/24,0)+1,1))-1)+IF('Standard Profiles'!$G$19=$B$10,7,0)+IF('Standard Profiles'!$G$19=$B$17,14,0)+IF('Standard Profiles'!$G$19=$B$24,21,0),0)),0)</f>
        <v>2.05161688861745</v>
      </c>
      <c r="F6057" cm="1">
        <f t="array" ref="F6057">IFERROR(INDEX(Jesper!AJ$2:AJ$366,ROUNDDOWN($C6057/24,0)+1,1)*INDEX($D$3:$AA$30,INDEX(Jesper!$R$2:$R$366,ROW(INDEX(Jesper!AJ$2:AJ$366,ROUNDDOWN($C6057/24,0)+1,1))-1)+IF('Standard Profiles'!$G$20=$B$10,7,0)+IF('Standard Profiles'!$G$20=$B$17,14,0)+IF('Standard Profiles'!$G$20=$B$24,21,0),MOD($C6057,24)+1)/SUM(INDEX($D$3:$AA$30,INDEX(Jesper!$R$2:$R$366,ROW(INDEX(Jesper!AJ$2:AJ$366,ROUNDDOWN($C6057/24,0)+1,1))-1)+IF('Standard Profiles'!$G$20=$B$10,7,0)+IF('Standard Profiles'!$G$20=$B$17,14,0)+IF('Standard Profiles'!$G$20=$B$24,21,0),0)),0)</f>
        <v>0</v>
      </c>
      <c r="G6057" cm="1">
        <f t="array" ref="G6057">IFERROR(INDEX(Jesper!AK$2:AK$366,ROUNDDOWN($C6057/24,0)+1,1)*INDEX($D$3:$AA$30,INDEX(Jesper!$R$2:$R$366,ROW(INDEX(Jesper!AK$2:AK$366,ROUNDDOWN($C6057/24,0)+1,1))-1)+IF('Standard Profiles'!$G$21=$B$10,7,0)+IF('Standard Profiles'!$G$21=$B$17,14,0)+IF('Standard Profiles'!$G$21=$B$24,21,0),MOD($C6057,24)+1)/SUM(INDEX($D$3:$AA$30,INDEX(Jesper!$R$2:$R$366,ROW(INDEX(Jesper!AK$2:AK$366,ROUNDDOWN($C6057/24,0)+1,1))-1)+IF('Standard Profiles'!$G$21=$B$10,7,0)+IF('Standard Profiles'!$G$21=$B$17,14,0)+IF('Standard Profiles'!$G$21=$B$24,21,0),0)),0)</f>
        <v>0.14260506455193497</v>
      </c>
      <c r="H6057" cm="1">
        <f t="array" ref="H6057">IFERROR(INDEX(Jesper!AL$2:AL$366,ROUNDDOWN($C6057/24,0)+1,1)*INDEX($D$3:$AA$30,INDEX(Jesper!$R$2:$R$366,ROW(INDEX(Jesper!AL$2:AL$366,ROUNDDOWN($C6057/24,0)+1,1))-1)+IF('Standard Profiles'!$G$22=$B$10,7,0)+IF('Standard Profiles'!$G$22=$B$17,14,0)+IF('Standard Profiles'!$G$22=$B$24,21,0),MOD($C6057,24)+1)/SUM(INDEX($D$3:$AA$30,INDEX(Jesper!$R$2:$R$366,ROW(INDEX(Jesper!AL$2:AL$366,ROUNDDOWN($C6057/24,0)+1,1))-1)+IF('Standard Profiles'!$G$22=$B$10,7,0)+IF('Standard Profiles'!$G$22=$B$17,14,0)+IF('Standard Profiles'!$G$22=$B$24,21,0),0)),0)</f>
        <v>0</v>
      </c>
      <c r="I6057">
        <f t="shared" si="678"/>
        <v>6.8450430984928756E-2</v>
      </c>
      <c r="J6057">
        <f t="shared" si="679"/>
        <v>6.2640503481918133</v>
      </c>
      <c r="K6057">
        <f t="shared" si="680"/>
        <v>0.52549572393744226</v>
      </c>
      <c r="L6057">
        <f t="shared" si="681"/>
        <v>0.26274786196872113</v>
      </c>
      <c r="M6057">
        <f t="shared" si="682"/>
        <v>0</v>
      </c>
      <c r="N6057" s="45">
        <f t="shared" si="683"/>
        <v>45177.958333318726</v>
      </c>
    </row>
    <row r="6058" spans="2:14" x14ac:dyDescent="0.25">
      <c r="B6058">
        <f t="shared" si="677"/>
        <v>6</v>
      </c>
      <c r="C6058" s="16">
        <v>6024</v>
      </c>
      <c r="D6058" cm="1">
        <f t="array" ref="D6058">IFERROR(INDEX(Jesper!AH$2:AH$366,ROUNDDOWN($C6058/24,0)+1,1)*INDEX($D$3:$AA$30,INDEX(Jesper!$R$2:$R$366,ROW(INDEX(Jesper!AH$2:AH$366,ROUNDDOWN($C6058/24,0)+1,1))-1)+IF('Standard Profiles'!$G$18=$B$10,7,0)+IF('Standard Profiles'!$G$18=$B$17,14,0)+IF('Standard Profiles'!$G$18=$B$24,21,0),MOD($C6058,24)+1)/SUM(INDEX($D$3:$AA$30,INDEX(Jesper!$R$2:$R$366,ROW(INDEX(Jesper!AH$2:AH$366,ROUNDDOWN($C6058/24,0)+1,1))-1)+IF('Standard Profiles'!$G$18=$B$10,7,0)+IF('Standard Profiles'!$G$18=$B$17,14,0)+IF('Standard Profiles'!$G$18=$B$24,21,0),0)),0)</f>
        <v>0</v>
      </c>
      <c r="E6058" cm="1">
        <f t="array" ref="E6058">IFERROR(INDEX(Jesper!AI$2:AI$366,ROUNDDOWN($C6058/24,0)+1,1)*INDEX($D$3:$AA$30,INDEX(Jesper!$R$2:$R$366,ROW(INDEX(Jesper!AI$2:AI$366,ROUNDDOWN($C6058/24,0)+1,1))-1)+IF('Standard Profiles'!$G$19=$B$10,7,0)+IF('Standard Profiles'!$G$19=$B$17,14,0)+IF('Standard Profiles'!$G$19=$B$24,21,0),MOD($C6058,24)+1)/SUM(INDEX($D$3:$AA$30,INDEX(Jesper!$R$2:$R$366,ROW(INDEX(Jesper!AI$2:AI$366,ROUNDDOWN($C6058/24,0)+1,1))-1)+IF('Standard Profiles'!$G$19=$B$10,7,0)+IF('Standard Profiles'!$G$19=$B$17,14,0)+IF('Standard Profiles'!$G$19=$B$24,21,0),0)),0)</f>
        <v>2.9935819804840467</v>
      </c>
      <c r="F6058" cm="1">
        <f t="array" ref="F6058">IFERROR(INDEX(Jesper!AJ$2:AJ$366,ROUNDDOWN($C6058/24,0)+1,1)*INDEX($D$3:$AA$30,INDEX(Jesper!$R$2:$R$366,ROW(INDEX(Jesper!AJ$2:AJ$366,ROUNDDOWN($C6058/24,0)+1,1))-1)+IF('Standard Profiles'!$G$20=$B$10,7,0)+IF('Standard Profiles'!$G$20=$B$17,14,0)+IF('Standard Profiles'!$G$20=$B$24,21,0),MOD($C6058,24)+1)/SUM(INDEX($D$3:$AA$30,INDEX(Jesper!$R$2:$R$366,ROW(INDEX(Jesper!AJ$2:AJ$366,ROUNDDOWN($C6058/24,0)+1,1))-1)+IF('Standard Profiles'!$G$20=$B$10,7,0)+IF('Standard Profiles'!$G$20=$B$17,14,0)+IF('Standard Profiles'!$G$20=$B$24,21,0),0)),0)</f>
        <v>1.1195080940376916</v>
      </c>
      <c r="G6058" cm="1">
        <f t="array" ref="G6058">IFERROR(INDEX(Jesper!AK$2:AK$366,ROUNDDOWN($C6058/24,0)+1,1)*INDEX($D$3:$AA$30,INDEX(Jesper!$R$2:$R$366,ROW(INDEX(Jesper!AK$2:AK$366,ROUNDDOWN($C6058/24,0)+1,1))-1)+IF('Standard Profiles'!$G$21=$B$10,7,0)+IF('Standard Profiles'!$G$21=$B$17,14,0)+IF('Standard Profiles'!$G$21=$B$24,21,0),MOD($C6058,24)+1)/SUM(INDEX($D$3:$AA$30,INDEX(Jesper!$R$2:$R$366,ROW(INDEX(Jesper!AK$2:AK$366,ROUNDDOWN($C6058/24,0)+1,1))-1)+IF('Standard Profiles'!$G$21=$B$10,7,0)+IF('Standard Profiles'!$G$21=$B$17,14,0)+IF('Standard Profiles'!$G$21=$B$24,21,0),0)),0)</f>
        <v>0.46969134128608575</v>
      </c>
      <c r="H6058" cm="1">
        <f t="array" ref="H6058">IFERROR(INDEX(Jesper!AL$2:AL$366,ROUNDDOWN($C6058/24,0)+1,1)*INDEX($D$3:$AA$30,INDEX(Jesper!$R$2:$R$366,ROW(INDEX(Jesper!AL$2:AL$366,ROUNDDOWN($C6058/24,0)+1,1))-1)+IF('Standard Profiles'!$G$22=$B$10,7,0)+IF('Standard Profiles'!$G$22=$B$17,14,0)+IF('Standard Profiles'!$G$22=$B$24,21,0),MOD($C6058,24)+1)/SUM(INDEX($D$3:$AA$30,INDEX(Jesper!$R$2:$R$366,ROW(INDEX(Jesper!AL$2:AL$366,ROUNDDOWN($C6058/24,0)+1,1))-1)+IF('Standard Profiles'!$G$22=$B$10,7,0)+IF('Standard Profiles'!$G$22=$B$17,14,0)+IF('Standard Profiles'!$G$22=$B$24,21,0),0)),0)</f>
        <v>4.2244228554110266E-2</v>
      </c>
      <c r="I6058">
        <f t="shared" si="678"/>
        <v>4.0554459411945874E-2</v>
      </c>
      <c r="J6058">
        <f t="shared" si="679"/>
        <v>4.2252413472919024</v>
      </c>
      <c r="K6058">
        <f t="shared" si="680"/>
        <v>0.23948655843872374</v>
      </c>
      <c r="L6058">
        <f t="shared" si="681"/>
        <v>0.11974327921936187</v>
      </c>
      <c r="M6058">
        <f t="shared" si="682"/>
        <v>0</v>
      </c>
      <c r="N6058" s="45">
        <f t="shared" si="683"/>
        <v>45177.99999998539</v>
      </c>
    </row>
    <row r="6059" spans="2:14" x14ac:dyDescent="0.25">
      <c r="B6059">
        <f t="shared" si="677"/>
        <v>6</v>
      </c>
      <c r="C6059" s="16">
        <v>6025</v>
      </c>
      <c r="D6059" cm="1">
        <f t="array" ref="D6059">IFERROR(INDEX(Jesper!AH$2:AH$366,ROUNDDOWN($C6059/24,0)+1,1)*INDEX($D$3:$AA$30,INDEX(Jesper!$R$2:$R$366,ROW(INDEX(Jesper!AH$2:AH$366,ROUNDDOWN($C6059/24,0)+1,1))-1)+IF('Standard Profiles'!$G$18=$B$10,7,0)+IF('Standard Profiles'!$G$18=$B$17,14,0)+IF('Standard Profiles'!$G$18=$B$24,21,0),MOD($C6059,24)+1)/SUM(INDEX($D$3:$AA$30,INDEX(Jesper!$R$2:$R$366,ROW(INDEX(Jesper!AH$2:AH$366,ROUNDDOWN($C6059/24,0)+1,1))-1)+IF('Standard Profiles'!$G$18=$B$10,7,0)+IF('Standard Profiles'!$G$18=$B$17,14,0)+IF('Standard Profiles'!$G$18=$B$24,21,0),0)),0)</f>
        <v>0</v>
      </c>
      <c r="E6059" cm="1">
        <f t="array" ref="E6059">IFERROR(INDEX(Jesper!AI$2:AI$366,ROUNDDOWN($C6059/24,0)+1,1)*INDEX($D$3:$AA$30,INDEX(Jesper!$R$2:$R$366,ROW(INDEX(Jesper!AI$2:AI$366,ROUNDDOWN($C6059/24,0)+1,1))-1)+IF('Standard Profiles'!$G$19=$B$10,7,0)+IF('Standard Profiles'!$G$19=$B$17,14,0)+IF('Standard Profiles'!$G$19=$B$24,21,0),MOD($C6059,24)+1)/SUM(INDEX($D$3:$AA$30,INDEX(Jesper!$R$2:$R$366,ROW(INDEX(Jesper!AI$2:AI$366,ROUNDDOWN($C6059/24,0)+1,1))-1)+IF('Standard Profiles'!$G$19=$B$10,7,0)+IF('Standard Profiles'!$G$19=$B$17,14,0)+IF('Standard Profiles'!$G$19=$B$24,21,0),0)),0)</f>
        <v>2.6942237824356416</v>
      </c>
      <c r="F6059" cm="1">
        <f t="array" ref="F6059">IFERROR(INDEX(Jesper!AJ$2:AJ$366,ROUNDDOWN($C6059/24,0)+1,1)*INDEX($D$3:$AA$30,INDEX(Jesper!$R$2:$R$366,ROW(INDEX(Jesper!AJ$2:AJ$366,ROUNDDOWN($C6059/24,0)+1,1))-1)+IF('Standard Profiles'!$G$20=$B$10,7,0)+IF('Standard Profiles'!$G$20=$B$17,14,0)+IF('Standard Profiles'!$G$20=$B$24,21,0),MOD($C6059,24)+1)/SUM(INDEX($D$3:$AA$30,INDEX(Jesper!$R$2:$R$366,ROW(INDEX(Jesper!AJ$2:AJ$366,ROUNDDOWN($C6059/24,0)+1,1))-1)+IF('Standard Profiles'!$G$20=$B$10,7,0)+IF('Standard Profiles'!$G$20=$B$17,14,0)+IF('Standard Profiles'!$G$20=$B$24,21,0),0)),0)</f>
        <v>1.0075572846339222</v>
      </c>
      <c r="G6059" cm="1">
        <f t="array" ref="G6059">IFERROR(INDEX(Jesper!AK$2:AK$366,ROUNDDOWN($C6059/24,0)+1,1)*INDEX($D$3:$AA$30,INDEX(Jesper!$R$2:$R$366,ROW(INDEX(Jesper!AK$2:AK$366,ROUNDDOWN($C6059/24,0)+1,1))-1)+IF('Standard Profiles'!$G$21=$B$10,7,0)+IF('Standard Profiles'!$G$21=$B$17,14,0)+IF('Standard Profiles'!$G$21=$B$24,21,0),MOD($C6059,24)+1)/SUM(INDEX($D$3:$AA$30,INDEX(Jesper!$R$2:$R$366,ROW(INDEX(Jesper!AK$2:AK$366,ROUNDDOWN($C6059/24,0)+1,1))-1)+IF('Standard Profiles'!$G$21=$B$10,7,0)+IF('Standard Profiles'!$G$21=$B$17,14,0)+IF('Standard Profiles'!$G$21=$B$24,21,0),0)),0)</f>
        <v>0.46969134128608575</v>
      </c>
      <c r="H6059" cm="1">
        <f t="array" ref="H6059">IFERROR(INDEX(Jesper!AL$2:AL$366,ROUNDDOWN($C6059/24,0)+1,1)*INDEX($D$3:$AA$30,INDEX(Jesper!$R$2:$R$366,ROW(INDEX(Jesper!AL$2:AL$366,ROUNDDOWN($C6059/24,0)+1,1))-1)+IF('Standard Profiles'!$G$22=$B$10,7,0)+IF('Standard Profiles'!$G$22=$B$17,14,0)+IF('Standard Profiles'!$G$22=$B$24,21,0),MOD($C6059,24)+1)/SUM(INDEX($D$3:$AA$30,INDEX(Jesper!$R$2:$R$366,ROW(INDEX(Jesper!AL$2:AL$366,ROUNDDOWN($C6059/24,0)+1,1))-1)+IF('Standard Profiles'!$G$22=$B$10,7,0)+IF('Standard Profiles'!$G$22=$B$17,14,0)+IF('Standard Profiles'!$G$22=$B$24,21,0),0)),0)</f>
        <v>8.2476827177072443E-2</v>
      </c>
      <c r="I6059">
        <f t="shared" si="678"/>
        <v>7.9177754089989588E-2</v>
      </c>
      <c r="J6059">
        <f t="shared" si="679"/>
        <v>3.8514646275504556</v>
      </c>
      <c r="K6059">
        <f t="shared" si="680"/>
        <v>0.21553790259485134</v>
      </c>
      <c r="L6059">
        <f t="shared" si="681"/>
        <v>0.10776895129742567</v>
      </c>
      <c r="M6059">
        <f t="shared" si="682"/>
        <v>0</v>
      </c>
      <c r="N6059" s="45">
        <f t="shared" si="683"/>
        <v>45178.041666652054</v>
      </c>
    </row>
    <row r="6060" spans="2:14" x14ac:dyDescent="0.25">
      <c r="B6060">
        <f t="shared" si="677"/>
        <v>6</v>
      </c>
      <c r="C6060" s="16">
        <v>6026</v>
      </c>
      <c r="D6060" cm="1">
        <f t="array" ref="D6060">IFERROR(INDEX(Jesper!AH$2:AH$366,ROUNDDOWN($C6060/24,0)+1,1)*INDEX($D$3:$AA$30,INDEX(Jesper!$R$2:$R$366,ROW(INDEX(Jesper!AH$2:AH$366,ROUNDDOWN($C6060/24,0)+1,1))-1)+IF('Standard Profiles'!$G$18=$B$10,7,0)+IF('Standard Profiles'!$G$18=$B$17,14,0)+IF('Standard Profiles'!$G$18=$B$24,21,0),MOD($C6060,24)+1)/SUM(INDEX($D$3:$AA$30,INDEX(Jesper!$R$2:$R$366,ROW(INDEX(Jesper!AH$2:AH$366,ROUNDDOWN($C6060/24,0)+1,1))-1)+IF('Standard Profiles'!$G$18=$B$10,7,0)+IF('Standard Profiles'!$G$18=$B$17,14,0)+IF('Standard Profiles'!$G$18=$B$24,21,0),0)),0)</f>
        <v>0</v>
      </c>
      <c r="E6060" cm="1">
        <f t="array" ref="E6060">IFERROR(INDEX(Jesper!AI$2:AI$366,ROUNDDOWN($C6060/24,0)+1,1)*INDEX($D$3:$AA$30,INDEX(Jesper!$R$2:$R$366,ROW(INDEX(Jesper!AI$2:AI$366,ROUNDDOWN($C6060/24,0)+1,1))-1)+IF('Standard Profiles'!$G$19=$B$10,7,0)+IF('Standard Profiles'!$G$19=$B$17,14,0)+IF('Standard Profiles'!$G$19=$B$24,21,0),MOD($C6060,24)+1)/SUM(INDEX($D$3:$AA$30,INDEX(Jesper!$R$2:$R$366,ROW(INDEX(Jesper!AI$2:AI$366,ROUNDDOWN($C6060/24,0)+1,1))-1)+IF('Standard Profiles'!$G$19=$B$10,7,0)+IF('Standard Profiles'!$G$19=$B$17,14,0)+IF('Standard Profiles'!$G$19=$B$24,21,0),0)),0)</f>
        <v>2.6942237824356416</v>
      </c>
      <c r="F6060" cm="1">
        <f t="array" ref="F6060">IFERROR(INDEX(Jesper!AJ$2:AJ$366,ROUNDDOWN($C6060/24,0)+1,1)*INDEX($D$3:$AA$30,INDEX(Jesper!$R$2:$R$366,ROW(INDEX(Jesper!AJ$2:AJ$366,ROUNDDOWN($C6060/24,0)+1,1))-1)+IF('Standard Profiles'!$G$20=$B$10,7,0)+IF('Standard Profiles'!$G$20=$B$17,14,0)+IF('Standard Profiles'!$G$20=$B$24,21,0),MOD($C6060,24)+1)/SUM(INDEX($D$3:$AA$30,INDEX(Jesper!$R$2:$R$366,ROW(INDEX(Jesper!AJ$2:AJ$366,ROUNDDOWN($C6060/24,0)+1,1))-1)+IF('Standard Profiles'!$G$20=$B$10,7,0)+IF('Standard Profiles'!$G$20=$B$17,14,0)+IF('Standard Profiles'!$G$20=$B$24,21,0),0)),0)</f>
        <v>1.0075572846339222</v>
      </c>
      <c r="G6060" cm="1">
        <f t="array" ref="G6060">IFERROR(INDEX(Jesper!AK$2:AK$366,ROUNDDOWN($C6060/24,0)+1,1)*INDEX($D$3:$AA$30,INDEX(Jesper!$R$2:$R$366,ROW(INDEX(Jesper!AK$2:AK$366,ROUNDDOWN($C6060/24,0)+1,1))-1)+IF('Standard Profiles'!$G$21=$B$10,7,0)+IF('Standard Profiles'!$G$21=$B$17,14,0)+IF('Standard Profiles'!$G$21=$B$24,21,0),MOD($C6060,24)+1)/SUM(INDEX($D$3:$AA$30,INDEX(Jesper!$R$2:$R$366,ROW(INDEX(Jesper!AK$2:AK$366,ROUNDDOWN($C6060/24,0)+1,1))-1)+IF('Standard Profiles'!$G$21=$B$10,7,0)+IF('Standard Profiles'!$G$21=$B$17,14,0)+IF('Standard Profiles'!$G$21=$B$24,21,0),0)),0)</f>
        <v>0.46969134128608575</v>
      </c>
      <c r="H6060" cm="1">
        <f t="array" ref="H6060">IFERROR(INDEX(Jesper!AL$2:AL$366,ROUNDDOWN($C6060/24,0)+1,1)*INDEX($D$3:$AA$30,INDEX(Jesper!$R$2:$R$366,ROW(INDEX(Jesper!AL$2:AL$366,ROUNDDOWN($C6060/24,0)+1,1))-1)+IF('Standard Profiles'!$G$22=$B$10,7,0)+IF('Standard Profiles'!$G$22=$B$17,14,0)+IF('Standard Profiles'!$G$22=$B$24,21,0),MOD($C6060,24)+1)/SUM(INDEX($D$3:$AA$30,INDEX(Jesper!$R$2:$R$366,ROW(INDEX(Jesper!AL$2:AL$366,ROUNDDOWN($C6060/24,0)+1,1))-1)+IF('Standard Profiles'!$G$22=$B$10,7,0)+IF('Standard Profiles'!$G$22=$B$17,14,0)+IF('Standard Profiles'!$G$22=$B$24,21,0),0)),0)</f>
        <v>8.2476827177072443E-2</v>
      </c>
      <c r="I6060">
        <f t="shared" si="678"/>
        <v>7.9177754089989588E-2</v>
      </c>
      <c r="J6060">
        <f t="shared" si="679"/>
        <v>3.8514646275504556</v>
      </c>
      <c r="K6060">
        <f t="shared" si="680"/>
        <v>0.21553790259485134</v>
      </c>
      <c r="L6060">
        <f t="shared" si="681"/>
        <v>0.10776895129742567</v>
      </c>
      <c r="M6060">
        <f t="shared" si="682"/>
        <v>0</v>
      </c>
      <c r="N6060" s="45">
        <f t="shared" si="683"/>
        <v>45178.083333318718</v>
      </c>
    </row>
    <row r="6061" spans="2:14" x14ac:dyDescent="0.25">
      <c r="B6061">
        <f t="shared" si="677"/>
        <v>6</v>
      </c>
      <c r="C6061" s="16">
        <v>6027</v>
      </c>
      <c r="D6061" cm="1">
        <f t="array" ref="D6061">IFERROR(INDEX(Jesper!AH$2:AH$366,ROUNDDOWN($C6061/24,0)+1,1)*INDEX($D$3:$AA$30,INDEX(Jesper!$R$2:$R$366,ROW(INDEX(Jesper!AH$2:AH$366,ROUNDDOWN($C6061/24,0)+1,1))-1)+IF('Standard Profiles'!$G$18=$B$10,7,0)+IF('Standard Profiles'!$G$18=$B$17,14,0)+IF('Standard Profiles'!$G$18=$B$24,21,0),MOD($C6061,24)+1)/SUM(INDEX($D$3:$AA$30,INDEX(Jesper!$R$2:$R$366,ROW(INDEX(Jesper!AH$2:AH$366,ROUNDDOWN($C6061/24,0)+1,1))-1)+IF('Standard Profiles'!$G$18=$B$10,7,0)+IF('Standard Profiles'!$G$18=$B$17,14,0)+IF('Standard Profiles'!$G$18=$B$24,21,0),0)),0)</f>
        <v>0</v>
      </c>
      <c r="E6061" cm="1">
        <f t="array" ref="E6061">IFERROR(INDEX(Jesper!AI$2:AI$366,ROUNDDOWN($C6061/24,0)+1,1)*INDEX($D$3:$AA$30,INDEX(Jesper!$R$2:$R$366,ROW(INDEX(Jesper!AI$2:AI$366,ROUNDDOWN($C6061/24,0)+1,1))-1)+IF('Standard Profiles'!$G$19=$B$10,7,0)+IF('Standard Profiles'!$G$19=$B$17,14,0)+IF('Standard Profiles'!$G$19=$B$24,21,0),MOD($C6061,24)+1)/SUM(INDEX($D$3:$AA$30,INDEX(Jesper!$R$2:$R$366,ROW(INDEX(Jesper!AI$2:AI$366,ROUNDDOWN($C6061/24,0)+1,1))-1)+IF('Standard Profiles'!$G$19=$B$10,7,0)+IF('Standard Profiles'!$G$19=$B$17,14,0)+IF('Standard Profiles'!$G$19=$B$24,21,0),0)),0)</f>
        <v>2.6942237824356416</v>
      </c>
      <c r="F6061" cm="1">
        <f t="array" ref="F6061">IFERROR(INDEX(Jesper!AJ$2:AJ$366,ROUNDDOWN($C6061/24,0)+1,1)*INDEX($D$3:$AA$30,INDEX(Jesper!$R$2:$R$366,ROW(INDEX(Jesper!AJ$2:AJ$366,ROUNDDOWN($C6061/24,0)+1,1))-1)+IF('Standard Profiles'!$G$20=$B$10,7,0)+IF('Standard Profiles'!$G$20=$B$17,14,0)+IF('Standard Profiles'!$G$20=$B$24,21,0),MOD($C6061,24)+1)/SUM(INDEX($D$3:$AA$30,INDEX(Jesper!$R$2:$R$366,ROW(INDEX(Jesper!AJ$2:AJ$366,ROUNDDOWN($C6061/24,0)+1,1))-1)+IF('Standard Profiles'!$G$20=$B$10,7,0)+IF('Standard Profiles'!$G$20=$B$17,14,0)+IF('Standard Profiles'!$G$20=$B$24,21,0),0)),0)</f>
        <v>1.0075572846339222</v>
      </c>
      <c r="G6061" cm="1">
        <f t="array" ref="G6061">IFERROR(INDEX(Jesper!AK$2:AK$366,ROUNDDOWN($C6061/24,0)+1,1)*INDEX($D$3:$AA$30,INDEX(Jesper!$R$2:$R$366,ROW(INDEX(Jesper!AK$2:AK$366,ROUNDDOWN($C6061/24,0)+1,1))-1)+IF('Standard Profiles'!$G$21=$B$10,7,0)+IF('Standard Profiles'!$G$21=$B$17,14,0)+IF('Standard Profiles'!$G$21=$B$24,21,0),MOD($C6061,24)+1)/SUM(INDEX($D$3:$AA$30,INDEX(Jesper!$R$2:$R$366,ROW(INDEX(Jesper!AK$2:AK$366,ROUNDDOWN($C6061/24,0)+1,1))-1)+IF('Standard Profiles'!$G$21=$B$10,7,0)+IF('Standard Profiles'!$G$21=$B$17,14,0)+IF('Standard Profiles'!$G$21=$B$24,21,0),0)),0)</f>
        <v>0.46969134128608575</v>
      </c>
      <c r="H6061" cm="1">
        <f t="array" ref="H6061">IFERROR(INDEX(Jesper!AL$2:AL$366,ROUNDDOWN($C6061/24,0)+1,1)*INDEX($D$3:$AA$30,INDEX(Jesper!$R$2:$R$366,ROW(INDEX(Jesper!AL$2:AL$366,ROUNDDOWN($C6061/24,0)+1,1))-1)+IF('Standard Profiles'!$G$22=$B$10,7,0)+IF('Standard Profiles'!$G$22=$B$17,14,0)+IF('Standard Profiles'!$G$22=$B$24,21,0),MOD($C6061,24)+1)/SUM(INDEX($D$3:$AA$30,INDEX(Jesper!$R$2:$R$366,ROW(INDEX(Jesper!AL$2:AL$366,ROUNDDOWN($C6061/24,0)+1,1))-1)+IF('Standard Profiles'!$G$22=$B$10,7,0)+IF('Standard Profiles'!$G$22=$B$17,14,0)+IF('Standard Profiles'!$G$22=$B$24,21,0),0)),0)</f>
        <v>8.2476827177072443E-2</v>
      </c>
      <c r="I6061">
        <f t="shared" si="678"/>
        <v>7.9177754089989588E-2</v>
      </c>
      <c r="J6061">
        <f t="shared" si="679"/>
        <v>3.8514646275504556</v>
      </c>
      <c r="K6061">
        <f t="shared" si="680"/>
        <v>0.21553790259485134</v>
      </c>
      <c r="L6061">
        <f t="shared" si="681"/>
        <v>0.10776895129742567</v>
      </c>
      <c r="M6061">
        <f t="shared" si="682"/>
        <v>0</v>
      </c>
      <c r="N6061" s="45">
        <f t="shared" si="683"/>
        <v>45178.124999985383</v>
      </c>
    </row>
    <row r="6062" spans="2:14" x14ac:dyDescent="0.25">
      <c r="B6062">
        <f t="shared" si="677"/>
        <v>6</v>
      </c>
      <c r="C6062" s="16">
        <v>6028</v>
      </c>
      <c r="D6062" cm="1">
        <f t="array" ref="D6062">IFERROR(INDEX(Jesper!AH$2:AH$366,ROUNDDOWN($C6062/24,0)+1,1)*INDEX($D$3:$AA$30,INDEX(Jesper!$R$2:$R$366,ROW(INDEX(Jesper!AH$2:AH$366,ROUNDDOWN($C6062/24,0)+1,1))-1)+IF('Standard Profiles'!$G$18=$B$10,7,0)+IF('Standard Profiles'!$G$18=$B$17,14,0)+IF('Standard Profiles'!$G$18=$B$24,21,0),MOD($C6062,24)+1)/SUM(INDEX($D$3:$AA$30,INDEX(Jesper!$R$2:$R$366,ROW(INDEX(Jesper!AH$2:AH$366,ROUNDDOWN($C6062/24,0)+1,1))-1)+IF('Standard Profiles'!$G$18=$B$10,7,0)+IF('Standard Profiles'!$G$18=$B$17,14,0)+IF('Standard Profiles'!$G$18=$B$24,21,0),0)),0)</f>
        <v>0</v>
      </c>
      <c r="E6062" cm="1">
        <f t="array" ref="E6062">IFERROR(INDEX(Jesper!AI$2:AI$366,ROUNDDOWN($C6062/24,0)+1,1)*INDEX($D$3:$AA$30,INDEX(Jesper!$R$2:$R$366,ROW(INDEX(Jesper!AI$2:AI$366,ROUNDDOWN($C6062/24,0)+1,1))-1)+IF('Standard Profiles'!$G$19=$B$10,7,0)+IF('Standard Profiles'!$G$19=$B$17,14,0)+IF('Standard Profiles'!$G$19=$B$24,21,0),MOD($C6062,24)+1)/SUM(INDEX($D$3:$AA$30,INDEX(Jesper!$R$2:$R$366,ROW(INDEX(Jesper!AI$2:AI$366,ROUNDDOWN($C6062/24,0)+1,1))-1)+IF('Standard Profiles'!$G$19=$B$10,7,0)+IF('Standard Profiles'!$G$19=$B$17,14,0)+IF('Standard Profiles'!$G$19=$B$24,21,0),0)),0)</f>
        <v>2.6942237824356416</v>
      </c>
      <c r="F6062" cm="1">
        <f t="array" ref="F6062">IFERROR(INDEX(Jesper!AJ$2:AJ$366,ROUNDDOWN($C6062/24,0)+1,1)*INDEX($D$3:$AA$30,INDEX(Jesper!$R$2:$R$366,ROW(INDEX(Jesper!AJ$2:AJ$366,ROUNDDOWN($C6062/24,0)+1,1))-1)+IF('Standard Profiles'!$G$20=$B$10,7,0)+IF('Standard Profiles'!$G$20=$B$17,14,0)+IF('Standard Profiles'!$G$20=$B$24,21,0),MOD($C6062,24)+1)/SUM(INDEX($D$3:$AA$30,INDEX(Jesper!$R$2:$R$366,ROW(INDEX(Jesper!AJ$2:AJ$366,ROUNDDOWN($C6062/24,0)+1,1))-1)+IF('Standard Profiles'!$G$20=$B$10,7,0)+IF('Standard Profiles'!$G$20=$B$17,14,0)+IF('Standard Profiles'!$G$20=$B$24,21,0),0)),0)</f>
        <v>1.0075572846339222</v>
      </c>
      <c r="G6062" cm="1">
        <f t="array" ref="G6062">IFERROR(INDEX(Jesper!AK$2:AK$366,ROUNDDOWN($C6062/24,0)+1,1)*INDEX($D$3:$AA$30,INDEX(Jesper!$R$2:$R$366,ROW(INDEX(Jesper!AK$2:AK$366,ROUNDDOWN($C6062/24,0)+1,1))-1)+IF('Standard Profiles'!$G$21=$B$10,7,0)+IF('Standard Profiles'!$G$21=$B$17,14,0)+IF('Standard Profiles'!$G$21=$B$24,21,0),MOD($C6062,24)+1)/SUM(INDEX($D$3:$AA$30,INDEX(Jesper!$R$2:$R$366,ROW(INDEX(Jesper!AK$2:AK$366,ROUNDDOWN($C6062/24,0)+1,1))-1)+IF('Standard Profiles'!$G$21=$B$10,7,0)+IF('Standard Profiles'!$G$21=$B$17,14,0)+IF('Standard Profiles'!$G$21=$B$24,21,0),0)),0)</f>
        <v>0.46969134128608575</v>
      </c>
      <c r="H6062" cm="1">
        <f t="array" ref="H6062">IFERROR(INDEX(Jesper!AL$2:AL$366,ROUNDDOWN($C6062/24,0)+1,1)*INDEX($D$3:$AA$30,INDEX(Jesper!$R$2:$R$366,ROW(INDEX(Jesper!AL$2:AL$366,ROUNDDOWN($C6062/24,0)+1,1))-1)+IF('Standard Profiles'!$G$22=$B$10,7,0)+IF('Standard Profiles'!$G$22=$B$17,14,0)+IF('Standard Profiles'!$G$22=$B$24,21,0),MOD($C6062,24)+1)/SUM(INDEX($D$3:$AA$30,INDEX(Jesper!$R$2:$R$366,ROW(INDEX(Jesper!AL$2:AL$366,ROUNDDOWN($C6062/24,0)+1,1))-1)+IF('Standard Profiles'!$G$22=$B$10,7,0)+IF('Standard Profiles'!$G$22=$B$17,14,0)+IF('Standard Profiles'!$G$22=$B$24,21,0),0)),0)</f>
        <v>8.2476827177072443E-2</v>
      </c>
      <c r="I6062">
        <f t="shared" si="678"/>
        <v>7.9177754089989588E-2</v>
      </c>
      <c r="J6062">
        <f t="shared" si="679"/>
        <v>3.8514646275504556</v>
      </c>
      <c r="K6062">
        <f t="shared" si="680"/>
        <v>0.21553790259485134</v>
      </c>
      <c r="L6062">
        <f t="shared" si="681"/>
        <v>0.10776895129742567</v>
      </c>
      <c r="M6062">
        <f t="shared" si="682"/>
        <v>0</v>
      </c>
      <c r="N6062" s="45">
        <f t="shared" si="683"/>
        <v>45178.166666652047</v>
      </c>
    </row>
    <row r="6063" spans="2:14" x14ac:dyDescent="0.25">
      <c r="B6063">
        <f t="shared" si="677"/>
        <v>6</v>
      </c>
      <c r="C6063" s="16">
        <v>6029</v>
      </c>
      <c r="D6063" cm="1">
        <f t="array" ref="D6063">IFERROR(INDEX(Jesper!AH$2:AH$366,ROUNDDOWN($C6063/24,0)+1,1)*INDEX($D$3:$AA$30,INDEX(Jesper!$R$2:$R$366,ROW(INDEX(Jesper!AH$2:AH$366,ROUNDDOWN($C6063/24,0)+1,1))-1)+IF('Standard Profiles'!$G$18=$B$10,7,0)+IF('Standard Profiles'!$G$18=$B$17,14,0)+IF('Standard Profiles'!$G$18=$B$24,21,0),MOD($C6063,24)+1)/SUM(INDEX($D$3:$AA$30,INDEX(Jesper!$R$2:$R$366,ROW(INDEX(Jesper!AH$2:AH$366,ROUNDDOWN($C6063/24,0)+1,1))-1)+IF('Standard Profiles'!$G$18=$B$10,7,0)+IF('Standard Profiles'!$G$18=$B$17,14,0)+IF('Standard Profiles'!$G$18=$B$24,21,0),0)),0)</f>
        <v>0</v>
      </c>
      <c r="E6063" cm="1">
        <f t="array" ref="E6063">IFERROR(INDEX(Jesper!AI$2:AI$366,ROUNDDOWN($C6063/24,0)+1,1)*INDEX($D$3:$AA$30,INDEX(Jesper!$R$2:$R$366,ROW(INDEX(Jesper!AI$2:AI$366,ROUNDDOWN($C6063/24,0)+1,1))-1)+IF('Standard Profiles'!$G$19=$B$10,7,0)+IF('Standard Profiles'!$G$19=$B$17,14,0)+IF('Standard Profiles'!$G$19=$B$24,21,0),MOD($C6063,24)+1)/SUM(INDEX($D$3:$AA$30,INDEX(Jesper!$R$2:$R$366,ROW(INDEX(Jesper!AI$2:AI$366,ROUNDDOWN($C6063/24,0)+1,1))-1)+IF('Standard Profiles'!$G$19=$B$10,7,0)+IF('Standard Profiles'!$G$19=$B$17,14,0)+IF('Standard Profiles'!$G$19=$B$24,21,0),0)),0)</f>
        <v>2.6942237824356416</v>
      </c>
      <c r="F6063" cm="1">
        <f t="array" ref="F6063">IFERROR(INDEX(Jesper!AJ$2:AJ$366,ROUNDDOWN($C6063/24,0)+1,1)*INDEX($D$3:$AA$30,INDEX(Jesper!$R$2:$R$366,ROW(INDEX(Jesper!AJ$2:AJ$366,ROUNDDOWN($C6063/24,0)+1,1))-1)+IF('Standard Profiles'!$G$20=$B$10,7,0)+IF('Standard Profiles'!$G$20=$B$17,14,0)+IF('Standard Profiles'!$G$20=$B$24,21,0),MOD($C6063,24)+1)/SUM(INDEX($D$3:$AA$30,INDEX(Jesper!$R$2:$R$366,ROW(INDEX(Jesper!AJ$2:AJ$366,ROUNDDOWN($C6063/24,0)+1,1))-1)+IF('Standard Profiles'!$G$20=$B$10,7,0)+IF('Standard Profiles'!$G$20=$B$17,14,0)+IF('Standard Profiles'!$G$20=$B$24,21,0),0)),0)</f>
        <v>1.0075572846339222</v>
      </c>
      <c r="G6063" cm="1">
        <f t="array" ref="G6063">IFERROR(INDEX(Jesper!AK$2:AK$366,ROUNDDOWN($C6063/24,0)+1,1)*INDEX($D$3:$AA$30,INDEX(Jesper!$R$2:$R$366,ROW(INDEX(Jesper!AK$2:AK$366,ROUNDDOWN($C6063/24,0)+1,1))-1)+IF('Standard Profiles'!$G$21=$B$10,7,0)+IF('Standard Profiles'!$G$21=$B$17,14,0)+IF('Standard Profiles'!$G$21=$B$24,21,0),MOD($C6063,24)+1)/SUM(INDEX($D$3:$AA$30,INDEX(Jesper!$R$2:$R$366,ROW(INDEX(Jesper!AK$2:AK$366,ROUNDDOWN($C6063/24,0)+1,1))-1)+IF('Standard Profiles'!$G$21=$B$10,7,0)+IF('Standard Profiles'!$G$21=$B$17,14,0)+IF('Standard Profiles'!$G$21=$B$24,21,0),0)),0)</f>
        <v>0.46969134128608575</v>
      </c>
      <c r="H6063" cm="1">
        <f t="array" ref="H6063">IFERROR(INDEX(Jesper!AL$2:AL$366,ROUNDDOWN($C6063/24,0)+1,1)*INDEX($D$3:$AA$30,INDEX(Jesper!$R$2:$R$366,ROW(INDEX(Jesper!AL$2:AL$366,ROUNDDOWN($C6063/24,0)+1,1))-1)+IF('Standard Profiles'!$G$22=$B$10,7,0)+IF('Standard Profiles'!$G$22=$B$17,14,0)+IF('Standard Profiles'!$G$22=$B$24,21,0),MOD($C6063,24)+1)/SUM(INDEX($D$3:$AA$30,INDEX(Jesper!$R$2:$R$366,ROW(INDEX(Jesper!AL$2:AL$366,ROUNDDOWN($C6063/24,0)+1,1))-1)+IF('Standard Profiles'!$G$22=$B$10,7,0)+IF('Standard Profiles'!$G$22=$B$17,14,0)+IF('Standard Profiles'!$G$22=$B$24,21,0),0)),0)</f>
        <v>0.10259312648855352</v>
      </c>
      <c r="I6063">
        <f t="shared" si="678"/>
        <v>9.8489401429011442E-2</v>
      </c>
      <c r="J6063">
        <f t="shared" si="679"/>
        <v>3.8522692795229148</v>
      </c>
      <c r="K6063">
        <f t="shared" si="680"/>
        <v>0.21553790259485134</v>
      </c>
      <c r="L6063">
        <f t="shared" si="681"/>
        <v>0.10776895129742567</v>
      </c>
      <c r="M6063">
        <f t="shared" si="682"/>
        <v>0</v>
      </c>
      <c r="N6063" s="45">
        <f t="shared" si="683"/>
        <v>45178.208333318711</v>
      </c>
    </row>
    <row r="6064" spans="2:14" x14ac:dyDescent="0.25">
      <c r="B6064">
        <f t="shared" si="677"/>
        <v>6</v>
      </c>
      <c r="C6064" s="16">
        <v>6030</v>
      </c>
      <c r="D6064" cm="1">
        <f t="array" ref="D6064">IFERROR(INDEX(Jesper!AH$2:AH$366,ROUNDDOWN($C6064/24,0)+1,1)*INDEX($D$3:$AA$30,INDEX(Jesper!$R$2:$R$366,ROW(INDEX(Jesper!AH$2:AH$366,ROUNDDOWN($C6064/24,0)+1,1))-1)+IF('Standard Profiles'!$G$18=$B$10,7,0)+IF('Standard Profiles'!$G$18=$B$17,14,0)+IF('Standard Profiles'!$G$18=$B$24,21,0),MOD($C6064,24)+1)/SUM(INDEX($D$3:$AA$30,INDEX(Jesper!$R$2:$R$366,ROW(INDEX(Jesper!AH$2:AH$366,ROUNDDOWN($C6064/24,0)+1,1))-1)+IF('Standard Profiles'!$G$18=$B$10,7,0)+IF('Standard Profiles'!$G$18=$B$17,14,0)+IF('Standard Profiles'!$G$18=$B$24,21,0),0)),0)</f>
        <v>0</v>
      </c>
      <c r="E6064" cm="1">
        <f t="array" ref="E6064">IFERROR(INDEX(Jesper!AI$2:AI$366,ROUNDDOWN($C6064/24,0)+1,1)*INDEX($D$3:$AA$30,INDEX(Jesper!$R$2:$R$366,ROW(INDEX(Jesper!AI$2:AI$366,ROUNDDOWN($C6064/24,0)+1,1))-1)+IF('Standard Profiles'!$G$19=$B$10,7,0)+IF('Standard Profiles'!$G$19=$B$17,14,0)+IF('Standard Profiles'!$G$19=$B$24,21,0),MOD($C6064,24)+1)/SUM(INDEX($D$3:$AA$30,INDEX(Jesper!$R$2:$R$366,ROW(INDEX(Jesper!AI$2:AI$366,ROUNDDOWN($C6064/24,0)+1,1))-1)+IF('Standard Profiles'!$G$19=$B$10,7,0)+IF('Standard Profiles'!$G$19=$B$17,14,0)+IF('Standard Profiles'!$G$19=$B$24,21,0),0)),0)</f>
        <v>2.6942237824356416</v>
      </c>
      <c r="F6064" cm="1">
        <f t="array" ref="F6064">IFERROR(INDEX(Jesper!AJ$2:AJ$366,ROUNDDOWN($C6064/24,0)+1,1)*INDEX($D$3:$AA$30,INDEX(Jesper!$R$2:$R$366,ROW(INDEX(Jesper!AJ$2:AJ$366,ROUNDDOWN($C6064/24,0)+1,1))-1)+IF('Standard Profiles'!$G$20=$B$10,7,0)+IF('Standard Profiles'!$G$20=$B$17,14,0)+IF('Standard Profiles'!$G$20=$B$24,21,0),MOD($C6064,24)+1)/SUM(INDEX($D$3:$AA$30,INDEX(Jesper!$R$2:$R$366,ROW(INDEX(Jesper!AJ$2:AJ$366,ROUNDDOWN($C6064/24,0)+1,1))-1)+IF('Standard Profiles'!$G$20=$B$10,7,0)+IF('Standard Profiles'!$G$20=$B$17,14,0)+IF('Standard Profiles'!$G$20=$B$24,21,0),0)),0)</f>
        <v>1.0075572846339222</v>
      </c>
      <c r="G6064" cm="1">
        <f t="array" ref="G6064">IFERROR(INDEX(Jesper!AK$2:AK$366,ROUNDDOWN($C6064/24,0)+1,1)*INDEX($D$3:$AA$30,INDEX(Jesper!$R$2:$R$366,ROW(INDEX(Jesper!AK$2:AK$366,ROUNDDOWN($C6064/24,0)+1,1))-1)+IF('Standard Profiles'!$G$21=$B$10,7,0)+IF('Standard Profiles'!$G$21=$B$17,14,0)+IF('Standard Profiles'!$G$21=$B$24,21,0),MOD($C6064,24)+1)/SUM(INDEX($D$3:$AA$30,INDEX(Jesper!$R$2:$R$366,ROW(INDEX(Jesper!AK$2:AK$366,ROUNDDOWN($C6064/24,0)+1,1))-1)+IF('Standard Profiles'!$G$21=$B$10,7,0)+IF('Standard Profiles'!$G$21=$B$17,14,0)+IF('Standard Profiles'!$G$21=$B$24,21,0),0)),0)</f>
        <v>0.46969134128608575</v>
      </c>
      <c r="H6064" cm="1">
        <f t="array" ref="H6064">IFERROR(INDEX(Jesper!AL$2:AL$366,ROUNDDOWN($C6064/24,0)+1,1)*INDEX($D$3:$AA$30,INDEX(Jesper!$R$2:$R$366,ROW(INDEX(Jesper!AL$2:AL$366,ROUNDDOWN($C6064/24,0)+1,1))-1)+IF('Standard Profiles'!$G$22=$B$10,7,0)+IF('Standard Profiles'!$G$22=$B$17,14,0)+IF('Standard Profiles'!$G$22=$B$24,21,0),MOD($C6064,24)+1)/SUM(INDEX($D$3:$AA$30,INDEX(Jesper!$R$2:$R$366,ROW(INDEX(Jesper!AL$2:AL$366,ROUNDDOWN($C6064/24,0)+1,1))-1)+IF('Standard Profiles'!$G$22=$B$10,7,0)+IF('Standard Profiles'!$G$22=$B$17,14,0)+IF('Standard Profiles'!$G$22=$B$24,21,0),0)),0)</f>
        <v>0.12874431559347893</v>
      </c>
      <c r="I6064">
        <f t="shared" si="678"/>
        <v>0.12359454296973985</v>
      </c>
      <c r="J6064">
        <f t="shared" si="679"/>
        <v>3.8533153270871119</v>
      </c>
      <c r="K6064">
        <f t="shared" si="680"/>
        <v>0.21553790259485134</v>
      </c>
      <c r="L6064">
        <f t="shared" si="681"/>
        <v>0.10776895129742567</v>
      </c>
      <c r="M6064">
        <f t="shared" si="682"/>
        <v>0</v>
      </c>
      <c r="N6064" s="45">
        <f t="shared" si="683"/>
        <v>45178.249999985375</v>
      </c>
    </row>
    <row r="6065" spans="2:14" x14ac:dyDescent="0.25">
      <c r="B6065">
        <f t="shared" si="677"/>
        <v>6</v>
      </c>
      <c r="C6065" s="16">
        <v>6031</v>
      </c>
      <c r="D6065" cm="1">
        <f t="array" ref="D6065">IFERROR(INDEX(Jesper!AH$2:AH$366,ROUNDDOWN($C6065/24,0)+1,1)*INDEX($D$3:$AA$30,INDEX(Jesper!$R$2:$R$366,ROW(INDEX(Jesper!AH$2:AH$366,ROUNDDOWN($C6065/24,0)+1,1))-1)+IF('Standard Profiles'!$G$18=$B$10,7,0)+IF('Standard Profiles'!$G$18=$B$17,14,0)+IF('Standard Profiles'!$G$18=$B$24,21,0),MOD($C6065,24)+1)/SUM(INDEX($D$3:$AA$30,INDEX(Jesper!$R$2:$R$366,ROW(INDEX(Jesper!AH$2:AH$366,ROUNDDOWN($C6065/24,0)+1,1))-1)+IF('Standard Profiles'!$G$18=$B$10,7,0)+IF('Standard Profiles'!$G$18=$B$17,14,0)+IF('Standard Profiles'!$G$18=$B$24,21,0),0)),0)</f>
        <v>0</v>
      </c>
      <c r="E6065" cm="1">
        <f t="array" ref="E6065">IFERROR(INDEX(Jesper!AI$2:AI$366,ROUNDDOWN($C6065/24,0)+1,1)*INDEX($D$3:$AA$30,INDEX(Jesper!$R$2:$R$366,ROW(INDEX(Jesper!AI$2:AI$366,ROUNDDOWN($C6065/24,0)+1,1))-1)+IF('Standard Profiles'!$G$19=$B$10,7,0)+IF('Standard Profiles'!$G$19=$B$17,14,0)+IF('Standard Profiles'!$G$19=$B$24,21,0),MOD($C6065,24)+1)/SUM(INDEX($D$3:$AA$30,INDEX(Jesper!$R$2:$R$366,ROW(INDEX(Jesper!AI$2:AI$366,ROUNDDOWN($C6065/24,0)+1,1))-1)+IF('Standard Profiles'!$G$19=$B$10,7,0)+IF('Standard Profiles'!$G$19=$B$17,14,0)+IF('Standard Profiles'!$G$19=$B$24,21,0),0)),0)</f>
        <v>2.6942237824356416</v>
      </c>
      <c r="F6065" cm="1">
        <f t="array" ref="F6065">IFERROR(INDEX(Jesper!AJ$2:AJ$366,ROUNDDOWN($C6065/24,0)+1,1)*INDEX($D$3:$AA$30,INDEX(Jesper!$R$2:$R$366,ROW(INDEX(Jesper!AJ$2:AJ$366,ROUNDDOWN($C6065/24,0)+1,1))-1)+IF('Standard Profiles'!$G$20=$B$10,7,0)+IF('Standard Profiles'!$G$20=$B$17,14,0)+IF('Standard Profiles'!$G$20=$B$24,21,0),MOD($C6065,24)+1)/SUM(INDEX($D$3:$AA$30,INDEX(Jesper!$R$2:$R$366,ROW(INDEX(Jesper!AJ$2:AJ$366,ROUNDDOWN($C6065/24,0)+1,1))-1)+IF('Standard Profiles'!$G$20=$B$10,7,0)+IF('Standard Profiles'!$G$20=$B$17,14,0)+IF('Standard Profiles'!$G$20=$B$24,21,0),0)),0)</f>
        <v>1.0075572846339222</v>
      </c>
      <c r="G6065" cm="1">
        <f t="array" ref="G6065">IFERROR(INDEX(Jesper!AK$2:AK$366,ROUNDDOWN($C6065/24,0)+1,1)*INDEX($D$3:$AA$30,INDEX(Jesper!$R$2:$R$366,ROW(INDEX(Jesper!AK$2:AK$366,ROUNDDOWN($C6065/24,0)+1,1))-1)+IF('Standard Profiles'!$G$21=$B$10,7,0)+IF('Standard Profiles'!$G$21=$B$17,14,0)+IF('Standard Profiles'!$G$21=$B$24,21,0),MOD($C6065,24)+1)/SUM(INDEX($D$3:$AA$30,INDEX(Jesper!$R$2:$R$366,ROW(INDEX(Jesper!AK$2:AK$366,ROUNDDOWN($C6065/24,0)+1,1))-1)+IF('Standard Profiles'!$G$21=$B$10,7,0)+IF('Standard Profiles'!$G$21=$B$17,14,0)+IF('Standard Profiles'!$G$21=$B$24,21,0),0)),0)</f>
        <v>0.46969134128608575</v>
      </c>
      <c r="H6065" cm="1">
        <f t="array" ref="H6065">IFERROR(INDEX(Jesper!AL$2:AL$366,ROUNDDOWN($C6065/24,0)+1,1)*INDEX($D$3:$AA$30,INDEX(Jesper!$R$2:$R$366,ROW(INDEX(Jesper!AL$2:AL$366,ROUNDDOWN($C6065/24,0)+1,1))-1)+IF('Standard Profiles'!$G$22=$B$10,7,0)+IF('Standard Profiles'!$G$22=$B$17,14,0)+IF('Standard Profiles'!$G$22=$B$24,21,0),MOD($C6065,24)+1)/SUM(INDEX($D$3:$AA$30,INDEX(Jesper!$R$2:$R$366,ROW(INDEX(Jesper!AL$2:AL$366,ROUNDDOWN($C6065/24,0)+1,1))-1)+IF('Standard Profiles'!$G$22=$B$10,7,0)+IF('Standard Profiles'!$G$22=$B$17,14,0)+IF('Standard Profiles'!$G$22=$B$24,21,0),0)),0)</f>
        <v>0.14684898497381188</v>
      </c>
      <c r="I6065">
        <f t="shared" si="678"/>
        <v>0.14097502557485947</v>
      </c>
      <c r="J6065">
        <f t="shared" si="679"/>
        <v>3.8540395138623254</v>
      </c>
      <c r="K6065">
        <f t="shared" si="680"/>
        <v>0.21553790259485134</v>
      </c>
      <c r="L6065">
        <f t="shared" si="681"/>
        <v>0.10776895129742567</v>
      </c>
      <c r="M6065">
        <f t="shared" si="682"/>
        <v>0</v>
      </c>
      <c r="N6065" s="45">
        <f t="shared" si="683"/>
        <v>45178.29166665204</v>
      </c>
    </row>
    <row r="6066" spans="2:14" x14ac:dyDescent="0.25">
      <c r="B6066">
        <f t="shared" si="677"/>
        <v>6</v>
      </c>
      <c r="C6066" s="16">
        <v>6032</v>
      </c>
      <c r="D6066" cm="1">
        <f t="array" ref="D6066">IFERROR(INDEX(Jesper!AH$2:AH$366,ROUNDDOWN($C6066/24,0)+1,1)*INDEX($D$3:$AA$30,INDEX(Jesper!$R$2:$R$366,ROW(INDEX(Jesper!AH$2:AH$366,ROUNDDOWN($C6066/24,0)+1,1))-1)+IF('Standard Profiles'!$G$18=$B$10,7,0)+IF('Standard Profiles'!$G$18=$B$17,14,0)+IF('Standard Profiles'!$G$18=$B$24,21,0),MOD($C6066,24)+1)/SUM(INDEX($D$3:$AA$30,INDEX(Jesper!$R$2:$R$366,ROW(INDEX(Jesper!AH$2:AH$366,ROUNDDOWN($C6066/24,0)+1,1))-1)+IF('Standard Profiles'!$G$18=$B$10,7,0)+IF('Standard Profiles'!$G$18=$B$17,14,0)+IF('Standard Profiles'!$G$18=$B$24,21,0),0)),0)</f>
        <v>0</v>
      </c>
      <c r="E6066" cm="1">
        <f t="array" ref="E6066">IFERROR(INDEX(Jesper!AI$2:AI$366,ROUNDDOWN($C6066/24,0)+1,1)*INDEX($D$3:$AA$30,INDEX(Jesper!$R$2:$R$366,ROW(INDEX(Jesper!AI$2:AI$366,ROUNDDOWN($C6066/24,0)+1,1))-1)+IF('Standard Profiles'!$G$19=$B$10,7,0)+IF('Standard Profiles'!$G$19=$B$17,14,0)+IF('Standard Profiles'!$G$19=$B$24,21,0),MOD($C6066,24)+1)/SUM(INDEX($D$3:$AA$30,INDEX(Jesper!$R$2:$R$366,ROW(INDEX(Jesper!AI$2:AI$366,ROUNDDOWN($C6066/24,0)+1,1))-1)+IF('Standard Profiles'!$G$19=$B$10,7,0)+IF('Standard Profiles'!$G$19=$B$17,14,0)+IF('Standard Profiles'!$G$19=$B$24,21,0),0)),0)</f>
        <v>2.6942237824356416</v>
      </c>
      <c r="F6066" cm="1">
        <f t="array" ref="F6066">IFERROR(INDEX(Jesper!AJ$2:AJ$366,ROUNDDOWN($C6066/24,0)+1,1)*INDEX($D$3:$AA$30,INDEX(Jesper!$R$2:$R$366,ROW(INDEX(Jesper!AJ$2:AJ$366,ROUNDDOWN($C6066/24,0)+1,1))-1)+IF('Standard Profiles'!$G$20=$B$10,7,0)+IF('Standard Profiles'!$G$20=$B$17,14,0)+IF('Standard Profiles'!$G$20=$B$24,21,0),MOD($C6066,24)+1)/SUM(INDEX($D$3:$AA$30,INDEX(Jesper!$R$2:$R$366,ROW(INDEX(Jesper!AJ$2:AJ$366,ROUNDDOWN($C6066/24,0)+1,1))-1)+IF('Standard Profiles'!$G$20=$B$10,7,0)+IF('Standard Profiles'!$G$20=$B$17,14,0)+IF('Standard Profiles'!$G$20=$B$24,21,0),0)),0)</f>
        <v>1.0075572846339222</v>
      </c>
      <c r="G6066" cm="1">
        <f t="array" ref="G6066">IFERROR(INDEX(Jesper!AK$2:AK$366,ROUNDDOWN($C6066/24,0)+1,1)*INDEX($D$3:$AA$30,INDEX(Jesper!$R$2:$R$366,ROW(INDEX(Jesper!AK$2:AK$366,ROUNDDOWN($C6066/24,0)+1,1))-1)+IF('Standard Profiles'!$G$21=$B$10,7,0)+IF('Standard Profiles'!$G$21=$B$17,14,0)+IF('Standard Profiles'!$G$21=$B$24,21,0),MOD($C6066,24)+1)/SUM(INDEX($D$3:$AA$30,INDEX(Jesper!$R$2:$R$366,ROW(INDEX(Jesper!AK$2:AK$366,ROUNDDOWN($C6066/24,0)+1,1))-1)+IF('Standard Profiles'!$G$21=$B$10,7,0)+IF('Standard Profiles'!$G$21=$B$17,14,0)+IF('Standard Profiles'!$G$21=$B$24,21,0),0)),0)</f>
        <v>0.46969134128608575</v>
      </c>
      <c r="H6066" cm="1">
        <f t="array" ref="H6066">IFERROR(INDEX(Jesper!AL$2:AL$366,ROUNDDOWN($C6066/24,0)+1,1)*INDEX($D$3:$AA$30,INDEX(Jesper!$R$2:$R$366,ROW(INDEX(Jesper!AL$2:AL$366,ROUNDDOWN($C6066/24,0)+1,1))-1)+IF('Standard Profiles'!$G$22=$B$10,7,0)+IF('Standard Profiles'!$G$22=$B$17,14,0)+IF('Standard Profiles'!$G$22=$B$24,21,0),MOD($C6066,24)+1)/SUM(INDEX($D$3:$AA$30,INDEX(Jesper!$R$2:$R$366,ROW(INDEX(Jesper!AL$2:AL$366,ROUNDDOWN($C6066/24,0)+1,1))-1)+IF('Standard Profiles'!$G$22=$B$10,7,0)+IF('Standard Profiles'!$G$22=$B$17,14,0)+IF('Standard Profiles'!$G$22=$B$24,21,0),0)),0)</f>
        <v>0.14684898497381188</v>
      </c>
      <c r="I6066">
        <f t="shared" si="678"/>
        <v>0.14097502557485947</v>
      </c>
      <c r="J6066">
        <f t="shared" si="679"/>
        <v>3.8540395138623254</v>
      </c>
      <c r="K6066">
        <f t="shared" si="680"/>
        <v>0.21553790259485134</v>
      </c>
      <c r="L6066">
        <f t="shared" si="681"/>
        <v>0.10776895129742567</v>
      </c>
      <c r="M6066">
        <f t="shared" si="682"/>
        <v>0</v>
      </c>
      <c r="N6066" s="45">
        <f t="shared" si="683"/>
        <v>45178.333333318704</v>
      </c>
    </row>
    <row r="6067" spans="2:14" x14ac:dyDescent="0.25">
      <c r="B6067">
        <f t="shared" si="677"/>
        <v>6</v>
      </c>
      <c r="C6067" s="16">
        <v>6033</v>
      </c>
      <c r="D6067" cm="1">
        <f t="array" ref="D6067">IFERROR(INDEX(Jesper!AH$2:AH$366,ROUNDDOWN($C6067/24,0)+1,1)*INDEX($D$3:$AA$30,INDEX(Jesper!$R$2:$R$366,ROW(INDEX(Jesper!AH$2:AH$366,ROUNDDOWN($C6067/24,0)+1,1))-1)+IF('Standard Profiles'!$G$18=$B$10,7,0)+IF('Standard Profiles'!$G$18=$B$17,14,0)+IF('Standard Profiles'!$G$18=$B$24,21,0),MOD($C6067,24)+1)/SUM(INDEX($D$3:$AA$30,INDEX(Jesper!$R$2:$R$366,ROW(INDEX(Jesper!AH$2:AH$366,ROUNDDOWN($C6067/24,0)+1,1))-1)+IF('Standard Profiles'!$G$18=$B$10,7,0)+IF('Standard Profiles'!$G$18=$B$17,14,0)+IF('Standard Profiles'!$G$18=$B$24,21,0),0)),0)</f>
        <v>0</v>
      </c>
      <c r="E6067" cm="1">
        <f t="array" ref="E6067">IFERROR(INDEX(Jesper!AI$2:AI$366,ROUNDDOWN($C6067/24,0)+1,1)*INDEX($D$3:$AA$30,INDEX(Jesper!$R$2:$R$366,ROW(INDEX(Jesper!AI$2:AI$366,ROUNDDOWN($C6067/24,0)+1,1))-1)+IF('Standard Profiles'!$G$19=$B$10,7,0)+IF('Standard Profiles'!$G$19=$B$17,14,0)+IF('Standard Profiles'!$G$19=$B$24,21,0),MOD($C6067,24)+1)/SUM(INDEX($D$3:$AA$30,INDEX(Jesper!$R$2:$R$366,ROW(INDEX(Jesper!AI$2:AI$366,ROUNDDOWN($C6067/24,0)+1,1))-1)+IF('Standard Profiles'!$G$19=$B$10,7,0)+IF('Standard Profiles'!$G$19=$B$17,14,0)+IF('Standard Profiles'!$G$19=$B$24,21,0),0)),0)</f>
        <v>2.6942237824356416</v>
      </c>
      <c r="F6067" cm="1">
        <f t="array" ref="F6067">IFERROR(INDEX(Jesper!AJ$2:AJ$366,ROUNDDOWN($C6067/24,0)+1,1)*INDEX($D$3:$AA$30,INDEX(Jesper!$R$2:$R$366,ROW(INDEX(Jesper!AJ$2:AJ$366,ROUNDDOWN($C6067/24,0)+1,1))-1)+IF('Standard Profiles'!$G$20=$B$10,7,0)+IF('Standard Profiles'!$G$20=$B$17,14,0)+IF('Standard Profiles'!$G$20=$B$24,21,0),MOD($C6067,24)+1)/SUM(INDEX($D$3:$AA$30,INDEX(Jesper!$R$2:$R$366,ROW(INDEX(Jesper!AJ$2:AJ$366,ROUNDDOWN($C6067/24,0)+1,1))-1)+IF('Standard Profiles'!$G$20=$B$10,7,0)+IF('Standard Profiles'!$G$20=$B$17,14,0)+IF('Standard Profiles'!$G$20=$B$24,21,0),0)),0)</f>
        <v>1.0075572846339222</v>
      </c>
      <c r="G6067" cm="1">
        <f t="array" ref="G6067">IFERROR(INDEX(Jesper!AK$2:AK$366,ROUNDDOWN($C6067/24,0)+1,1)*INDEX($D$3:$AA$30,INDEX(Jesper!$R$2:$R$366,ROW(INDEX(Jesper!AK$2:AK$366,ROUNDDOWN($C6067/24,0)+1,1))-1)+IF('Standard Profiles'!$G$21=$B$10,7,0)+IF('Standard Profiles'!$G$21=$B$17,14,0)+IF('Standard Profiles'!$G$21=$B$24,21,0),MOD($C6067,24)+1)/SUM(INDEX($D$3:$AA$30,INDEX(Jesper!$R$2:$R$366,ROW(INDEX(Jesper!AK$2:AK$366,ROUNDDOWN($C6067/24,0)+1,1))-1)+IF('Standard Profiles'!$G$21=$B$10,7,0)+IF('Standard Profiles'!$G$21=$B$17,14,0)+IF('Standard Profiles'!$G$21=$B$24,21,0),0)),0)</f>
        <v>0.46969134128608575</v>
      </c>
      <c r="H6067" cm="1">
        <f t="array" ref="H6067">IFERROR(INDEX(Jesper!AL$2:AL$366,ROUNDDOWN($C6067/24,0)+1,1)*INDEX($D$3:$AA$30,INDEX(Jesper!$R$2:$R$366,ROW(INDEX(Jesper!AL$2:AL$366,ROUNDDOWN($C6067/24,0)+1,1))-1)+IF('Standard Profiles'!$G$22=$B$10,7,0)+IF('Standard Profiles'!$G$22=$B$17,14,0)+IF('Standard Profiles'!$G$22=$B$24,21,0),MOD($C6067,24)+1)/SUM(INDEX($D$3:$AA$30,INDEX(Jesper!$R$2:$R$366,ROW(INDEX(Jesper!AL$2:AL$366,ROUNDDOWN($C6067/24,0)+1,1))-1)+IF('Standard Profiles'!$G$22=$B$10,7,0)+IF('Standard Profiles'!$G$22=$B$17,14,0)+IF('Standard Profiles'!$G$22=$B$24,21,0),0)),0)</f>
        <v>0.14684898497381188</v>
      </c>
      <c r="I6067">
        <f t="shared" si="678"/>
        <v>0.14097502557485947</v>
      </c>
      <c r="J6067">
        <f t="shared" si="679"/>
        <v>3.8540395138623254</v>
      </c>
      <c r="K6067">
        <f t="shared" si="680"/>
        <v>0.21553790259485134</v>
      </c>
      <c r="L6067">
        <f t="shared" si="681"/>
        <v>0.10776895129742567</v>
      </c>
      <c r="M6067">
        <f t="shared" si="682"/>
        <v>0</v>
      </c>
      <c r="N6067" s="45">
        <f t="shared" si="683"/>
        <v>45178.374999985368</v>
      </c>
    </row>
    <row r="6068" spans="2:14" x14ac:dyDescent="0.25">
      <c r="B6068">
        <f t="shared" si="677"/>
        <v>6</v>
      </c>
      <c r="C6068" s="16">
        <v>6034</v>
      </c>
      <c r="D6068" cm="1">
        <f t="array" ref="D6068">IFERROR(INDEX(Jesper!AH$2:AH$366,ROUNDDOWN($C6068/24,0)+1,1)*INDEX($D$3:$AA$30,INDEX(Jesper!$R$2:$R$366,ROW(INDEX(Jesper!AH$2:AH$366,ROUNDDOWN($C6068/24,0)+1,1))-1)+IF('Standard Profiles'!$G$18=$B$10,7,0)+IF('Standard Profiles'!$G$18=$B$17,14,0)+IF('Standard Profiles'!$G$18=$B$24,21,0),MOD($C6068,24)+1)/SUM(INDEX($D$3:$AA$30,INDEX(Jesper!$R$2:$R$366,ROW(INDEX(Jesper!AH$2:AH$366,ROUNDDOWN($C6068/24,0)+1,1))-1)+IF('Standard Profiles'!$G$18=$B$10,7,0)+IF('Standard Profiles'!$G$18=$B$17,14,0)+IF('Standard Profiles'!$G$18=$B$24,21,0),0)),0)</f>
        <v>0</v>
      </c>
      <c r="E6068" cm="1">
        <f t="array" ref="E6068">IFERROR(INDEX(Jesper!AI$2:AI$366,ROUNDDOWN($C6068/24,0)+1,1)*INDEX($D$3:$AA$30,INDEX(Jesper!$R$2:$R$366,ROW(INDEX(Jesper!AI$2:AI$366,ROUNDDOWN($C6068/24,0)+1,1))-1)+IF('Standard Profiles'!$G$19=$B$10,7,0)+IF('Standard Profiles'!$G$19=$B$17,14,0)+IF('Standard Profiles'!$G$19=$B$24,21,0),MOD($C6068,24)+1)/SUM(INDEX($D$3:$AA$30,INDEX(Jesper!$R$2:$R$366,ROW(INDEX(Jesper!AI$2:AI$366,ROUNDDOWN($C6068/24,0)+1,1))-1)+IF('Standard Profiles'!$G$19=$B$10,7,0)+IF('Standard Profiles'!$G$19=$B$17,14,0)+IF('Standard Profiles'!$G$19=$B$24,21,0),0)),0)</f>
        <v>2.6942237824356416</v>
      </c>
      <c r="F6068" cm="1">
        <f t="array" ref="F6068">IFERROR(INDEX(Jesper!AJ$2:AJ$366,ROUNDDOWN($C6068/24,0)+1,1)*INDEX($D$3:$AA$30,INDEX(Jesper!$R$2:$R$366,ROW(INDEX(Jesper!AJ$2:AJ$366,ROUNDDOWN($C6068/24,0)+1,1))-1)+IF('Standard Profiles'!$G$20=$B$10,7,0)+IF('Standard Profiles'!$G$20=$B$17,14,0)+IF('Standard Profiles'!$G$20=$B$24,21,0),MOD($C6068,24)+1)/SUM(INDEX($D$3:$AA$30,INDEX(Jesper!$R$2:$R$366,ROW(INDEX(Jesper!AJ$2:AJ$366,ROUNDDOWN($C6068/24,0)+1,1))-1)+IF('Standard Profiles'!$G$20=$B$10,7,0)+IF('Standard Profiles'!$G$20=$B$17,14,0)+IF('Standard Profiles'!$G$20=$B$24,21,0),0)),0)</f>
        <v>1.0075572846339222</v>
      </c>
      <c r="G6068" cm="1">
        <f t="array" ref="G6068">IFERROR(INDEX(Jesper!AK$2:AK$366,ROUNDDOWN($C6068/24,0)+1,1)*INDEX($D$3:$AA$30,INDEX(Jesper!$R$2:$R$366,ROW(INDEX(Jesper!AK$2:AK$366,ROUNDDOWN($C6068/24,0)+1,1))-1)+IF('Standard Profiles'!$G$21=$B$10,7,0)+IF('Standard Profiles'!$G$21=$B$17,14,0)+IF('Standard Profiles'!$G$21=$B$24,21,0),MOD($C6068,24)+1)/SUM(INDEX($D$3:$AA$30,INDEX(Jesper!$R$2:$R$366,ROW(INDEX(Jesper!AK$2:AK$366,ROUNDDOWN($C6068/24,0)+1,1))-1)+IF('Standard Profiles'!$G$21=$B$10,7,0)+IF('Standard Profiles'!$G$21=$B$17,14,0)+IF('Standard Profiles'!$G$21=$B$24,21,0),0)),0)</f>
        <v>0.46969134128608575</v>
      </c>
      <c r="H6068" cm="1">
        <f t="array" ref="H6068">IFERROR(INDEX(Jesper!AL$2:AL$366,ROUNDDOWN($C6068/24,0)+1,1)*INDEX($D$3:$AA$30,INDEX(Jesper!$R$2:$R$366,ROW(INDEX(Jesper!AL$2:AL$366,ROUNDDOWN($C6068/24,0)+1,1))-1)+IF('Standard Profiles'!$G$22=$B$10,7,0)+IF('Standard Profiles'!$G$22=$B$17,14,0)+IF('Standard Profiles'!$G$22=$B$24,21,0),MOD($C6068,24)+1)/SUM(INDEX($D$3:$AA$30,INDEX(Jesper!$R$2:$R$366,ROW(INDEX(Jesper!AL$2:AL$366,ROUNDDOWN($C6068/24,0)+1,1))-1)+IF('Standard Profiles'!$G$22=$B$10,7,0)+IF('Standard Profiles'!$G$22=$B$17,14,0)+IF('Standard Profiles'!$G$22=$B$24,21,0),0)),0)</f>
        <v>0.14684898497381188</v>
      </c>
      <c r="I6068">
        <f t="shared" si="678"/>
        <v>0.14097502557485947</v>
      </c>
      <c r="J6068">
        <f t="shared" si="679"/>
        <v>3.8540395138623254</v>
      </c>
      <c r="K6068">
        <f t="shared" si="680"/>
        <v>0.21553790259485134</v>
      </c>
      <c r="L6068">
        <f t="shared" si="681"/>
        <v>0.10776895129742567</v>
      </c>
      <c r="M6068">
        <f t="shared" si="682"/>
        <v>0</v>
      </c>
      <c r="N6068" s="45">
        <f t="shared" si="683"/>
        <v>45178.416666652032</v>
      </c>
    </row>
    <row r="6069" spans="2:14" x14ac:dyDescent="0.25">
      <c r="B6069">
        <f t="shared" si="677"/>
        <v>6</v>
      </c>
      <c r="C6069" s="16">
        <v>6035</v>
      </c>
      <c r="D6069" cm="1">
        <f t="array" ref="D6069">IFERROR(INDEX(Jesper!AH$2:AH$366,ROUNDDOWN($C6069/24,0)+1,1)*INDEX($D$3:$AA$30,INDEX(Jesper!$R$2:$R$366,ROW(INDEX(Jesper!AH$2:AH$366,ROUNDDOWN($C6069/24,0)+1,1))-1)+IF('Standard Profiles'!$G$18=$B$10,7,0)+IF('Standard Profiles'!$G$18=$B$17,14,0)+IF('Standard Profiles'!$G$18=$B$24,21,0),MOD($C6069,24)+1)/SUM(INDEX($D$3:$AA$30,INDEX(Jesper!$R$2:$R$366,ROW(INDEX(Jesper!AH$2:AH$366,ROUNDDOWN($C6069/24,0)+1,1))-1)+IF('Standard Profiles'!$G$18=$B$10,7,0)+IF('Standard Profiles'!$G$18=$B$17,14,0)+IF('Standard Profiles'!$G$18=$B$24,21,0),0)),0)</f>
        <v>0</v>
      </c>
      <c r="E6069" cm="1">
        <f t="array" ref="E6069">IFERROR(INDEX(Jesper!AI$2:AI$366,ROUNDDOWN($C6069/24,0)+1,1)*INDEX($D$3:$AA$30,INDEX(Jesper!$R$2:$R$366,ROW(INDEX(Jesper!AI$2:AI$366,ROUNDDOWN($C6069/24,0)+1,1))-1)+IF('Standard Profiles'!$G$19=$B$10,7,0)+IF('Standard Profiles'!$G$19=$B$17,14,0)+IF('Standard Profiles'!$G$19=$B$24,21,0),MOD($C6069,24)+1)/SUM(INDEX($D$3:$AA$30,INDEX(Jesper!$R$2:$R$366,ROW(INDEX(Jesper!AI$2:AI$366,ROUNDDOWN($C6069/24,0)+1,1))-1)+IF('Standard Profiles'!$G$19=$B$10,7,0)+IF('Standard Profiles'!$G$19=$B$17,14,0)+IF('Standard Profiles'!$G$19=$B$24,21,0),0)),0)</f>
        <v>2.6942237824356416</v>
      </c>
      <c r="F6069" cm="1">
        <f t="array" ref="F6069">IFERROR(INDEX(Jesper!AJ$2:AJ$366,ROUNDDOWN($C6069/24,0)+1,1)*INDEX($D$3:$AA$30,INDEX(Jesper!$R$2:$R$366,ROW(INDEX(Jesper!AJ$2:AJ$366,ROUNDDOWN($C6069/24,0)+1,1))-1)+IF('Standard Profiles'!$G$20=$B$10,7,0)+IF('Standard Profiles'!$G$20=$B$17,14,0)+IF('Standard Profiles'!$G$20=$B$24,21,0),MOD($C6069,24)+1)/SUM(INDEX($D$3:$AA$30,INDEX(Jesper!$R$2:$R$366,ROW(INDEX(Jesper!AJ$2:AJ$366,ROUNDDOWN($C6069/24,0)+1,1))-1)+IF('Standard Profiles'!$G$20=$B$10,7,0)+IF('Standard Profiles'!$G$20=$B$17,14,0)+IF('Standard Profiles'!$G$20=$B$24,21,0),0)),0)</f>
        <v>1.0075572846339222</v>
      </c>
      <c r="G6069" cm="1">
        <f t="array" ref="G6069">IFERROR(INDEX(Jesper!AK$2:AK$366,ROUNDDOWN($C6069/24,0)+1,1)*INDEX($D$3:$AA$30,INDEX(Jesper!$R$2:$R$366,ROW(INDEX(Jesper!AK$2:AK$366,ROUNDDOWN($C6069/24,0)+1,1))-1)+IF('Standard Profiles'!$G$21=$B$10,7,0)+IF('Standard Profiles'!$G$21=$B$17,14,0)+IF('Standard Profiles'!$G$21=$B$24,21,0),MOD($C6069,24)+1)/SUM(INDEX($D$3:$AA$30,INDEX(Jesper!$R$2:$R$366,ROW(INDEX(Jesper!AK$2:AK$366,ROUNDDOWN($C6069/24,0)+1,1))-1)+IF('Standard Profiles'!$G$21=$B$10,7,0)+IF('Standard Profiles'!$G$21=$B$17,14,0)+IF('Standard Profiles'!$G$21=$B$24,21,0),0)),0)</f>
        <v>0.46969134128608575</v>
      </c>
      <c r="H6069" cm="1">
        <f t="array" ref="H6069">IFERROR(INDEX(Jesper!AL$2:AL$366,ROUNDDOWN($C6069/24,0)+1,1)*INDEX($D$3:$AA$30,INDEX(Jesper!$R$2:$R$366,ROW(INDEX(Jesper!AL$2:AL$366,ROUNDDOWN($C6069/24,0)+1,1))-1)+IF('Standard Profiles'!$G$22=$B$10,7,0)+IF('Standard Profiles'!$G$22=$B$17,14,0)+IF('Standard Profiles'!$G$22=$B$24,21,0),MOD($C6069,24)+1)/SUM(INDEX($D$3:$AA$30,INDEX(Jesper!$R$2:$R$366,ROW(INDEX(Jesper!AL$2:AL$366,ROUNDDOWN($C6069/24,0)+1,1))-1)+IF('Standard Profiles'!$G$22=$B$10,7,0)+IF('Standard Profiles'!$G$22=$B$17,14,0)+IF('Standard Profiles'!$G$22=$B$24,21,0),0)),0)</f>
        <v>0.14684898497381188</v>
      </c>
      <c r="I6069">
        <f t="shared" si="678"/>
        <v>0.14097502557485947</v>
      </c>
      <c r="J6069">
        <f t="shared" si="679"/>
        <v>3.8540395138623254</v>
      </c>
      <c r="K6069">
        <f t="shared" si="680"/>
        <v>0.21553790259485134</v>
      </c>
      <c r="L6069">
        <f t="shared" si="681"/>
        <v>0.10776895129742567</v>
      </c>
      <c r="M6069">
        <f t="shared" si="682"/>
        <v>0</v>
      </c>
      <c r="N6069" s="45">
        <f t="shared" si="683"/>
        <v>45178.458333318697</v>
      </c>
    </row>
    <row r="6070" spans="2:14" x14ac:dyDescent="0.25">
      <c r="B6070">
        <f t="shared" si="677"/>
        <v>6</v>
      </c>
      <c r="C6070" s="16">
        <v>6036</v>
      </c>
      <c r="D6070" cm="1">
        <f t="array" ref="D6070">IFERROR(INDEX(Jesper!AH$2:AH$366,ROUNDDOWN($C6070/24,0)+1,1)*INDEX($D$3:$AA$30,INDEX(Jesper!$R$2:$R$366,ROW(INDEX(Jesper!AH$2:AH$366,ROUNDDOWN($C6070/24,0)+1,1))-1)+IF('Standard Profiles'!$G$18=$B$10,7,0)+IF('Standard Profiles'!$G$18=$B$17,14,0)+IF('Standard Profiles'!$G$18=$B$24,21,0),MOD($C6070,24)+1)/SUM(INDEX($D$3:$AA$30,INDEX(Jesper!$R$2:$R$366,ROW(INDEX(Jesper!AH$2:AH$366,ROUNDDOWN($C6070/24,0)+1,1))-1)+IF('Standard Profiles'!$G$18=$B$10,7,0)+IF('Standard Profiles'!$G$18=$B$17,14,0)+IF('Standard Profiles'!$G$18=$B$24,21,0),0)),0)</f>
        <v>0</v>
      </c>
      <c r="E6070" cm="1">
        <f t="array" ref="E6070">IFERROR(INDEX(Jesper!AI$2:AI$366,ROUNDDOWN($C6070/24,0)+1,1)*INDEX($D$3:$AA$30,INDEX(Jesper!$R$2:$R$366,ROW(INDEX(Jesper!AI$2:AI$366,ROUNDDOWN($C6070/24,0)+1,1))-1)+IF('Standard Profiles'!$G$19=$B$10,7,0)+IF('Standard Profiles'!$G$19=$B$17,14,0)+IF('Standard Profiles'!$G$19=$B$24,21,0),MOD($C6070,24)+1)/SUM(INDEX($D$3:$AA$30,INDEX(Jesper!$R$2:$R$366,ROW(INDEX(Jesper!AI$2:AI$366,ROUNDDOWN($C6070/24,0)+1,1))-1)+IF('Standard Profiles'!$G$19=$B$10,7,0)+IF('Standard Profiles'!$G$19=$B$17,14,0)+IF('Standard Profiles'!$G$19=$B$24,21,0),0)),0)</f>
        <v>2.6942237824356416</v>
      </c>
      <c r="F6070" cm="1">
        <f t="array" ref="F6070">IFERROR(INDEX(Jesper!AJ$2:AJ$366,ROUNDDOWN($C6070/24,0)+1,1)*INDEX($D$3:$AA$30,INDEX(Jesper!$R$2:$R$366,ROW(INDEX(Jesper!AJ$2:AJ$366,ROUNDDOWN($C6070/24,0)+1,1))-1)+IF('Standard Profiles'!$G$20=$B$10,7,0)+IF('Standard Profiles'!$G$20=$B$17,14,0)+IF('Standard Profiles'!$G$20=$B$24,21,0),MOD($C6070,24)+1)/SUM(INDEX($D$3:$AA$30,INDEX(Jesper!$R$2:$R$366,ROW(INDEX(Jesper!AJ$2:AJ$366,ROUNDDOWN($C6070/24,0)+1,1))-1)+IF('Standard Profiles'!$G$20=$B$10,7,0)+IF('Standard Profiles'!$G$20=$B$17,14,0)+IF('Standard Profiles'!$G$20=$B$24,21,0),0)),0)</f>
        <v>1.0075572846339222</v>
      </c>
      <c r="G6070" cm="1">
        <f t="array" ref="G6070">IFERROR(INDEX(Jesper!AK$2:AK$366,ROUNDDOWN($C6070/24,0)+1,1)*INDEX($D$3:$AA$30,INDEX(Jesper!$R$2:$R$366,ROW(INDEX(Jesper!AK$2:AK$366,ROUNDDOWN($C6070/24,0)+1,1))-1)+IF('Standard Profiles'!$G$21=$B$10,7,0)+IF('Standard Profiles'!$G$21=$B$17,14,0)+IF('Standard Profiles'!$G$21=$B$24,21,0),MOD($C6070,24)+1)/SUM(INDEX($D$3:$AA$30,INDEX(Jesper!$R$2:$R$366,ROW(INDEX(Jesper!AK$2:AK$366,ROUNDDOWN($C6070/24,0)+1,1))-1)+IF('Standard Profiles'!$G$21=$B$10,7,0)+IF('Standard Profiles'!$G$21=$B$17,14,0)+IF('Standard Profiles'!$G$21=$B$24,21,0),0)),0)</f>
        <v>0.46969134128608575</v>
      </c>
      <c r="H6070" cm="1">
        <f t="array" ref="H6070">IFERROR(INDEX(Jesper!AL$2:AL$366,ROUNDDOWN($C6070/24,0)+1,1)*INDEX($D$3:$AA$30,INDEX(Jesper!$R$2:$R$366,ROW(INDEX(Jesper!AL$2:AL$366,ROUNDDOWN($C6070/24,0)+1,1))-1)+IF('Standard Profiles'!$G$22=$B$10,7,0)+IF('Standard Profiles'!$G$22=$B$17,14,0)+IF('Standard Profiles'!$G$22=$B$24,21,0),MOD($C6070,24)+1)/SUM(INDEX($D$3:$AA$30,INDEX(Jesper!$R$2:$R$366,ROW(INDEX(Jesper!AL$2:AL$366,ROUNDDOWN($C6070/24,0)+1,1))-1)+IF('Standard Profiles'!$G$22=$B$10,7,0)+IF('Standard Profiles'!$G$22=$B$17,14,0)+IF('Standard Profiles'!$G$22=$B$24,21,0),0)),0)</f>
        <v>0.14684898497381188</v>
      </c>
      <c r="I6070">
        <f t="shared" si="678"/>
        <v>0.14097502557485947</v>
      </c>
      <c r="J6070">
        <f t="shared" si="679"/>
        <v>3.8540395138623254</v>
      </c>
      <c r="K6070">
        <f t="shared" si="680"/>
        <v>0.21553790259485134</v>
      </c>
      <c r="L6070">
        <f t="shared" si="681"/>
        <v>0.10776895129742567</v>
      </c>
      <c r="M6070">
        <f t="shared" si="682"/>
        <v>0</v>
      </c>
      <c r="N6070" s="45">
        <f t="shared" si="683"/>
        <v>45178.499999985361</v>
      </c>
    </row>
    <row r="6071" spans="2:14" x14ac:dyDescent="0.25">
      <c r="B6071">
        <f t="shared" si="677"/>
        <v>6</v>
      </c>
      <c r="C6071" s="16">
        <v>6037</v>
      </c>
      <c r="D6071" cm="1">
        <f t="array" ref="D6071">IFERROR(INDEX(Jesper!AH$2:AH$366,ROUNDDOWN($C6071/24,0)+1,1)*INDEX($D$3:$AA$30,INDEX(Jesper!$R$2:$R$366,ROW(INDEX(Jesper!AH$2:AH$366,ROUNDDOWN($C6071/24,0)+1,1))-1)+IF('Standard Profiles'!$G$18=$B$10,7,0)+IF('Standard Profiles'!$G$18=$B$17,14,0)+IF('Standard Profiles'!$G$18=$B$24,21,0),MOD($C6071,24)+1)/SUM(INDEX($D$3:$AA$30,INDEX(Jesper!$R$2:$R$366,ROW(INDEX(Jesper!AH$2:AH$366,ROUNDDOWN($C6071/24,0)+1,1))-1)+IF('Standard Profiles'!$G$18=$B$10,7,0)+IF('Standard Profiles'!$G$18=$B$17,14,0)+IF('Standard Profiles'!$G$18=$B$24,21,0),0)),0)</f>
        <v>0</v>
      </c>
      <c r="E6071" cm="1">
        <f t="array" ref="E6071">IFERROR(INDEX(Jesper!AI$2:AI$366,ROUNDDOWN($C6071/24,0)+1,1)*INDEX($D$3:$AA$30,INDEX(Jesper!$R$2:$R$366,ROW(INDEX(Jesper!AI$2:AI$366,ROUNDDOWN($C6071/24,0)+1,1))-1)+IF('Standard Profiles'!$G$19=$B$10,7,0)+IF('Standard Profiles'!$G$19=$B$17,14,0)+IF('Standard Profiles'!$G$19=$B$24,21,0),MOD($C6071,24)+1)/SUM(INDEX($D$3:$AA$30,INDEX(Jesper!$R$2:$R$366,ROW(INDEX(Jesper!AI$2:AI$366,ROUNDDOWN($C6071/24,0)+1,1))-1)+IF('Standard Profiles'!$G$19=$B$10,7,0)+IF('Standard Profiles'!$G$19=$B$17,14,0)+IF('Standard Profiles'!$G$19=$B$24,21,0),0)),0)</f>
        <v>2.6942237824356416</v>
      </c>
      <c r="F6071" cm="1">
        <f t="array" ref="F6071">IFERROR(INDEX(Jesper!AJ$2:AJ$366,ROUNDDOWN($C6071/24,0)+1,1)*INDEX($D$3:$AA$30,INDEX(Jesper!$R$2:$R$366,ROW(INDEX(Jesper!AJ$2:AJ$366,ROUNDDOWN($C6071/24,0)+1,1))-1)+IF('Standard Profiles'!$G$20=$B$10,7,0)+IF('Standard Profiles'!$G$20=$B$17,14,0)+IF('Standard Profiles'!$G$20=$B$24,21,0),MOD($C6071,24)+1)/SUM(INDEX($D$3:$AA$30,INDEX(Jesper!$R$2:$R$366,ROW(INDEX(Jesper!AJ$2:AJ$366,ROUNDDOWN($C6071/24,0)+1,1))-1)+IF('Standard Profiles'!$G$20=$B$10,7,0)+IF('Standard Profiles'!$G$20=$B$17,14,0)+IF('Standard Profiles'!$G$20=$B$24,21,0),0)),0)</f>
        <v>1.0075572846339222</v>
      </c>
      <c r="G6071" cm="1">
        <f t="array" ref="G6071">IFERROR(INDEX(Jesper!AK$2:AK$366,ROUNDDOWN($C6071/24,0)+1,1)*INDEX($D$3:$AA$30,INDEX(Jesper!$R$2:$R$366,ROW(INDEX(Jesper!AK$2:AK$366,ROUNDDOWN($C6071/24,0)+1,1))-1)+IF('Standard Profiles'!$G$21=$B$10,7,0)+IF('Standard Profiles'!$G$21=$B$17,14,0)+IF('Standard Profiles'!$G$21=$B$24,21,0),MOD($C6071,24)+1)/SUM(INDEX($D$3:$AA$30,INDEX(Jesper!$R$2:$R$366,ROW(INDEX(Jesper!AK$2:AK$366,ROUNDDOWN($C6071/24,0)+1,1))-1)+IF('Standard Profiles'!$G$21=$B$10,7,0)+IF('Standard Profiles'!$G$21=$B$17,14,0)+IF('Standard Profiles'!$G$21=$B$24,21,0),0)),0)</f>
        <v>0.46969134128608575</v>
      </c>
      <c r="H6071" cm="1">
        <f t="array" ref="H6071">IFERROR(INDEX(Jesper!AL$2:AL$366,ROUNDDOWN($C6071/24,0)+1,1)*INDEX($D$3:$AA$30,INDEX(Jesper!$R$2:$R$366,ROW(INDEX(Jesper!AL$2:AL$366,ROUNDDOWN($C6071/24,0)+1,1))-1)+IF('Standard Profiles'!$G$22=$B$10,7,0)+IF('Standard Profiles'!$G$22=$B$17,14,0)+IF('Standard Profiles'!$G$22=$B$24,21,0),MOD($C6071,24)+1)/SUM(INDEX($D$3:$AA$30,INDEX(Jesper!$R$2:$R$366,ROW(INDEX(Jesper!AL$2:AL$366,ROUNDDOWN($C6071/24,0)+1,1))-1)+IF('Standard Profiles'!$G$22=$B$10,7,0)+IF('Standard Profiles'!$G$22=$B$17,14,0)+IF('Standard Profiles'!$G$22=$B$24,21,0),0)),0)</f>
        <v>0.14684898497381188</v>
      </c>
      <c r="I6071">
        <f t="shared" si="678"/>
        <v>0.14097502557485947</v>
      </c>
      <c r="J6071">
        <f t="shared" si="679"/>
        <v>3.8540395138623254</v>
      </c>
      <c r="K6071">
        <f t="shared" si="680"/>
        <v>0.21553790259485134</v>
      </c>
      <c r="L6071">
        <f t="shared" si="681"/>
        <v>0.10776895129742567</v>
      </c>
      <c r="M6071">
        <f t="shared" si="682"/>
        <v>0</v>
      </c>
      <c r="N6071" s="45">
        <f t="shared" si="683"/>
        <v>45178.541666652025</v>
      </c>
    </row>
    <row r="6072" spans="2:14" x14ac:dyDescent="0.25">
      <c r="B6072">
        <f t="shared" si="677"/>
        <v>6</v>
      </c>
      <c r="C6072" s="16">
        <v>6038</v>
      </c>
      <c r="D6072" cm="1">
        <f t="array" ref="D6072">IFERROR(INDEX(Jesper!AH$2:AH$366,ROUNDDOWN($C6072/24,0)+1,1)*INDEX($D$3:$AA$30,INDEX(Jesper!$R$2:$R$366,ROW(INDEX(Jesper!AH$2:AH$366,ROUNDDOWN($C6072/24,0)+1,1))-1)+IF('Standard Profiles'!$G$18=$B$10,7,0)+IF('Standard Profiles'!$G$18=$B$17,14,0)+IF('Standard Profiles'!$G$18=$B$24,21,0),MOD($C6072,24)+1)/SUM(INDEX($D$3:$AA$30,INDEX(Jesper!$R$2:$R$366,ROW(INDEX(Jesper!AH$2:AH$366,ROUNDDOWN($C6072/24,0)+1,1))-1)+IF('Standard Profiles'!$G$18=$B$10,7,0)+IF('Standard Profiles'!$G$18=$B$17,14,0)+IF('Standard Profiles'!$G$18=$B$24,21,0),0)),0)</f>
        <v>0</v>
      </c>
      <c r="E6072" cm="1">
        <f t="array" ref="E6072">IFERROR(INDEX(Jesper!AI$2:AI$366,ROUNDDOWN($C6072/24,0)+1,1)*INDEX($D$3:$AA$30,INDEX(Jesper!$R$2:$R$366,ROW(INDEX(Jesper!AI$2:AI$366,ROUNDDOWN($C6072/24,0)+1,1))-1)+IF('Standard Profiles'!$G$19=$B$10,7,0)+IF('Standard Profiles'!$G$19=$B$17,14,0)+IF('Standard Profiles'!$G$19=$B$24,21,0),MOD($C6072,24)+1)/SUM(INDEX($D$3:$AA$30,INDEX(Jesper!$R$2:$R$366,ROW(INDEX(Jesper!AI$2:AI$366,ROUNDDOWN($C6072/24,0)+1,1))-1)+IF('Standard Profiles'!$G$19=$B$10,7,0)+IF('Standard Profiles'!$G$19=$B$17,14,0)+IF('Standard Profiles'!$G$19=$B$24,21,0),0)),0)</f>
        <v>2.6942237824356416</v>
      </c>
      <c r="F6072" cm="1">
        <f t="array" ref="F6072">IFERROR(INDEX(Jesper!AJ$2:AJ$366,ROUNDDOWN($C6072/24,0)+1,1)*INDEX($D$3:$AA$30,INDEX(Jesper!$R$2:$R$366,ROW(INDEX(Jesper!AJ$2:AJ$366,ROUNDDOWN($C6072/24,0)+1,1))-1)+IF('Standard Profiles'!$G$20=$B$10,7,0)+IF('Standard Profiles'!$G$20=$B$17,14,0)+IF('Standard Profiles'!$G$20=$B$24,21,0),MOD($C6072,24)+1)/SUM(INDEX($D$3:$AA$30,INDEX(Jesper!$R$2:$R$366,ROW(INDEX(Jesper!AJ$2:AJ$366,ROUNDDOWN($C6072/24,0)+1,1))-1)+IF('Standard Profiles'!$G$20=$B$10,7,0)+IF('Standard Profiles'!$G$20=$B$17,14,0)+IF('Standard Profiles'!$G$20=$B$24,21,0),0)),0)</f>
        <v>1.0075572846339222</v>
      </c>
      <c r="G6072" cm="1">
        <f t="array" ref="G6072">IFERROR(INDEX(Jesper!AK$2:AK$366,ROUNDDOWN($C6072/24,0)+1,1)*INDEX($D$3:$AA$30,INDEX(Jesper!$R$2:$R$366,ROW(INDEX(Jesper!AK$2:AK$366,ROUNDDOWN($C6072/24,0)+1,1))-1)+IF('Standard Profiles'!$G$21=$B$10,7,0)+IF('Standard Profiles'!$G$21=$B$17,14,0)+IF('Standard Profiles'!$G$21=$B$24,21,0),MOD($C6072,24)+1)/SUM(INDEX($D$3:$AA$30,INDEX(Jesper!$R$2:$R$366,ROW(INDEX(Jesper!AK$2:AK$366,ROUNDDOWN($C6072/24,0)+1,1))-1)+IF('Standard Profiles'!$G$21=$B$10,7,0)+IF('Standard Profiles'!$G$21=$B$17,14,0)+IF('Standard Profiles'!$G$21=$B$24,21,0),0)),0)</f>
        <v>0.46969134128608575</v>
      </c>
      <c r="H6072" cm="1">
        <f t="array" ref="H6072">IFERROR(INDEX(Jesper!AL$2:AL$366,ROUNDDOWN($C6072/24,0)+1,1)*INDEX($D$3:$AA$30,INDEX(Jesper!$R$2:$R$366,ROW(INDEX(Jesper!AL$2:AL$366,ROUNDDOWN($C6072/24,0)+1,1))-1)+IF('Standard Profiles'!$G$22=$B$10,7,0)+IF('Standard Profiles'!$G$22=$B$17,14,0)+IF('Standard Profiles'!$G$22=$B$24,21,0),MOD($C6072,24)+1)/SUM(INDEX($D$3:$AA$30,INDEX(Jesper!$R$2:$R$366,ROW(INDEX(Jesper!AL$2:AL$366,ROUNDDOWN($C6072/24,0)+1,1))-1)+IF('Standard Profiles'!$G$22=$B$10,7,0)+IF('Standard Profiles'!$G$22=$B$17,14,0)+IF('Standard Profiles'!$G$22=$B$24,21,0),0)),0)</f>
        <v>0.14684898497381188</v>
      </c>
      <c r="I6072">
        <f t="shared" si="678"/>
        <v>0.14097502557485947</v>
      </c>
      <c r="J6072">
        <f t="shared" si="679"/>
        <v>3.8540395138623254</v>
      </c>
      <c r="K6072">
        <f t="shared" si="680"/>
        <v>0.21553790259485134</v>
      </c>
      <c r="L6072">
        <f t="shared" si="681"/>
        <v>0.10776895129742567</v>
      </c>
      <c r="M6072">
        <f t="shared" si="682"/>
        <v>0</v>
      </c>
      <c r="N6072" s="45">
        <f t="shared" si="683"/>
        <v>45178.583333318689</v>
      </c>
    </row>
    <row r="6073" spans="2:14" x14ac:dyDescent="0.25">
      <c r="B6073">
        <f t="shared" si="677"/>
        <v>6</v>
      </c>
      <c r="C6073" s="16">
        <v>6039</v>
      </c>
      <c r="D6073" cm="1">
        <f t="array" ref="D6073">IFERROR(INDEX(Jesper!AH$2:AH$366,ROUNDDOWN($C6073/24,0)+1,1)*INDEX($D$3:$AA$30,INDEX(Jesper!$R$2:$R$366,ROW(INDEX(Jesper!AH$2:AH$366,ROUNDDOWN($C6073/24,0)+1,1))-1)+IF('Standard Profiles'!$G$18=$B$10,7,0)+IF('Standard Profiles'!$G$18=$B$17,14,0)+IF('Standard Profiles'!$G$18=$B$24,21,0),MOD($C6073,24)+1)/SUM(INDEX($D$3:$AA$30,INDEX(Jesper!$R$2:$R$366,ROW(INDEX(Jesper!AH$2:AH$366,ROUNDDOWN($C6073/24,0)+1,1))-1)+IF('Standard Profiles'!$G$18=$B$10,7,0)+IF('Standard Profiles'!$G$18=$B$17,14,0)+IF('Standard Profiles'!$G$18=$B$24,21,0),0)),0)</f>
        <v>0</v>
      </c>
      <c r="E6073" cm="1">
        <f t="array" ref="E6073">IFERROR(INDEX(Jesper!AI$2:AI$366,ROUNDDOWN($C6073/24,0)+1,1)*INDEX($D$3:$AA$30,INDEX(Jesper!$R$2:$R$366,ROW(INDEX(Jesper!AI$2:AI$366,ROUNDDOWN($C6073/24,0)+1,1))-1)+IF('Standard Profiles'!$G$19=$B$10,7,0)+IF('Standard Profiles'!$G$19=$B$17,14,0)+IF('Standard Profiles'!$G$19=$B$24,21,0),MOD($C6073,24)+1)/SUM(INDEX($D$3:$AA$30,INDEX(Jesper!$R$2:$R$366,ROW(INDEX(Jesper!AI$2:AI$366,ROUNDDOWN($C6073/24,0)+1,1))-1)+IF('Standard Profiles'!$G$19=$B$10,7,0)+IF('Standard Profiles'!$G$19=$B$17,14,0)+IF('Standard Profiles'!$G$19=$B$24,21,0),0)),0)</f>
        <v>2.6942237824356416</v>
      </c>
      <c r="F6073" cm="1">
        <f t="array" ref="F6073">IFERROR(INDEX(Jesper!AJ$2:AJ$366,ROUNDDOWN($C6073/24,0)+1,1)*INDEX($D$3:$AA$30,INDEX(Jesper!$R$2:$R$366,ROW(INDEX(Jesper!AJ$2:AJ$366,ROUNDDOWN($C6073/24,0)+1,1))-1)+IF('Standard Profiles'!$G$20=$B$10,7,0)+IF('Standard Profiles'!$G$20=$B$17,14,0)+IF('Standard Profiles'!$G$20=$B$24,21,0),MOD($C6073,24)+1)/SUM(INDEX($D$3:$AA$30,INDEX(Jesper!$R$2:$R$366,ROW(INDEX(Jesper!AJ$2:AJ$366,ROUNDDOWN($C6073/24,0)+1,1))-1)+IF('Standard Profiles'!$G$20=$B$10,7,0)+IF('Standard Profiles'!$G$20=$B$17,14,0)+IF('Standard Profiles'!$G$20=$B$24,21,0),0)),0)</f>
        <v>1.0075572846339222</v>
      </c>
      <c r="G6073" cm="1">
        <f t="array" ref="G6073">IFERROR(INDEX(Jesper!AK$2:AK$366,ROUNDDOWN($C6073/24,0)+1,1)*INDEX($D$3:$AA$30,INDEX(Jesper!$R$2:$R$366,ROW(INDEX(Jesper!AK$2:AK$366,ROUNDDOWN($C6073/24,0)+1,1))-1)+IF('Standard Profiles'!$G$21=$B$10,7,0)+IF('Standard Profiles'!$G$21=$B$17,14,0)+IF('Standard Profiles'!$G$21=$B$24,21,0),MOD($C6073,24)+1)/SUM(INDEX($D$3:$AA$30,INDEX(Jesper!$R$2:$R$366,ROW(INDEX(Jesper!AK$2:AK$366,ROUNDDOWN($C6073/24,0)+1,1))-1)+IF('Standard Profiles'!$G$21=$B$10,7,0)+IF('Standard Profiles'!$G$21=$B$17,14,0)+IF('Standard Profiles'!$G$21=$B$24,21,0),0)),0)</f>
        <v>0.46969134128608575</v>
      </c>
      <c r="H6073" cm="1">
        <f t="array" ref="H6073">IFERROR(INDEX(Jesper!AL$2:AL$366,ROUNDDOWN($C6073/24,0)+1,1)*INDEX($D$3:$AA$30,INDEX(Jesper!$R$2:$R$366,ROW(INDEX(Jesper!AL$2:AL$366,ROUNDDOWN($C6073/24,0)+1,1))-1)+IF('Standard Profiles'!$G$22=$B$10,7,0)+IF('Standard Profiles'!$G$22=$B$17,14,0)+IF('Standard Profiles'!$G$22=$B$24,21,0),MOD($C6073,24)+1)/SUM(INDEX($D$3:$AA$30,INDEX(Jesper!$R$2:$R$366,ROW(INDEX(Jesper!AL$2:AL$366,ROUNDDOWN($C6073/24,0)+1,1))-1)+IF('Standard Profiles'!$G$22=$B$10,7,0)+IF('Standard Profiles'!$G$22=$B$17,14,0)+IF('Standard Profiles'!$G$22=$B$24,21,0),0)),0)</f>
        <v>0.13276757545577511</v>
      </c>
      <c r="I6073">
        <f t="shared" si="678"/>
        <v>0.12745687243754417</v>
      </c>
      <c r="J6073">
        <f t="shared" si="679"/>
        <v>3.8534762574816037</v>
      </c>
      <c r="K6073">
        <f t="shared" si="680"/>
        <v>0.21553790259485134</v>
      </c>
      <c r="L6073">
        <f t="shared" si="681"/>
        <v>0.10776895129742567</v>
      </c>
      <c r="M6073">
        <f t="shared" si="682"/>
        <v>0</v>
      </c>
      <c r="N6073" s="45">
        <f t="shared" si="683"/>
        <v>45178.624999985353</v>
      </c>
    </row>
    <row r="6074" spans="2:14" x14ac:dyDescent="0.25">
      <c r="B6074">
        <f t="shared" si="677"/>
        <v>6</v>
      </c>
      <c r="C6074" s="16">
        <v>6040</v>
      </c>
      <c r="D6074" cm="1">
        <f t="array" ref="D6074">IFERROR(INDEX(Jesper!AH$2:AH$366,ROUNDDOWN($C6074/24,0)+1,1)*INDEX($D$3:$AA$30,INDEX(Jesper!$R$2:$R$366,ROW(INDEX(Jesper!AH$2:AH$366,ROUNDDOWN($C6074/24,0)+1,1))-1)+IF('Standard Profiles'!$G$18=$B$10,7,0)+IF('Standard Profiles'!$G$18=$B$17,14,0)+IF('Standard Profiles'!$G$18=$B$24,21,0),MOD($C6074,24)+1)/SUM(INDEX($D$3:$AA$30,INDEX(Jesper!$R$2:$R$366,ROW(INDEX(Jesper!AH$2:AH$366,ROUNDDOWN($C6074/24,0)+1,1))-1)+IF('Standard Profiles'!$G$18=$B$10,7,0)+IF('Standard Profiles'!$G$18=$B$17,14,0)+IF('Standard Profiles'!$G$18=$B$24,21,0),0)),0)</f>
        <v>0</v>
      </c>
      <c r="E6074" cm="1">
        <f t="array" ref="E6074">IFERROR(INDEX(Jesper!AI$2:AI$366,ROUNDDOWN($C6074/24,0)+1,1)*INDEX($D$3:$AA$30,INDEX(Jesper!$R$2:$R$366,ROW(INDEX(Jesper!AI$2:AI$366,ROUNDDOWN($C6074/24,0)+1,1))-1)+IF('Standard Profiles'!$G$19=$B$10,7,0)+IF('Standard Profiles'!$G$19=$B$17,14,0)+IF('Standard Profiles'!$G$19=$B$24,21,0),MOD($C6074,24)+1)/SUM(INDEX($D$3:$AA$30,INDEX(Jesper!$R$2:$R$366,ROW(INDEX(Jesper!AI$2:AI$366,ROUNDDOWN($C6074/24,0)+1,1))-1)+IF('Standard Profiles'!$G$19=$B$10,7,0)+IF('Standard Profiles'!$G$19=$B$17,14,0)+IF('Standard Profiles'!$G$19=$B$24,21,0),0)),0)</f>
        <v>2.6942237824356416</v>
      </c>
      <c r="F6074" cm="1">
        <f t="array" ref="F6074">IFERROR(INDEX(Jesper!AJ$2:AJ$366,ROUNDDOWN($C6074/24,0)+1,1)*INDEX($D$3:$AA$30,INDEX(Jesper!$R$2:$R$366,ROW(INDEX(Jesper!AJ$2:AJ$366,ROUNDDOWN($C6074/24,0)+1,1))-1)+IF('Standard Profiles'!$G$20=$B$10,7,0)+IF('Standard Profiles'!$G$20=$B$17,14,0)+IF('Standard Profiles'!$G$20=$B$24,21,0),MOD($C6074,24)+1)/SUM(INDEX($D$3:$AA$30,INDEX(Jesper!$R$2:$R$366,ROW(INDEX(Jesper!AJ$2:AJ$366,ROUNDDOWN($C6074/24,0)+1,1))-1)+IF('Standard Profiles'!$G$20=$B$10,7,0)+IF('Standard Profiles'!$G$20=$B$17,14,0)+IF('Standard Profiles'!$G$20=$B$24,21,0),0)),0)</f>
        <v>1.0075572846339222</v>
      </c>
      <c r="G6074" cm="1">
        <f t="array" ref="G6074">IFERROR(INDEX(Jesper!AK$2:AK$366,ROUNDDOWN($C6074/24,0)+1,1)*INDEX($D$3:$AA$30,INDEX(Jesper!$R$2:$R$366,ROW(INDEX(Jesper!AK$2:AK$366,ROUNDDOWN($C6074/24,0)+1,1))-1)+IF('Standard Profiles'!$G$21=$B$10,7,0)+IF('Standard Profiles'!$G$21=$B$17,14,0)+IF('Standard Profiles'!$G$21=$B$24,21,0),MOD($C6074,24)+1)/SUM(INDEX($D$3:$AA$30,INDEX(Jesper!$R$2:$R$366,ROW(INDEX(Jesper!AK$2:AK$366,ROUNDDOWN($C6074/24,0)+1,1))-1)+IF('Standard Profiles'!$G$21=$B$10,7,0)+IF('Standard Profiles'!$G$21=$B$17,14,0)+IF('Standard Profiles'!$G$21=$B$24,21,0),0)),0)</f>
        <v>0.46969134128608575</v>
      </c>
      <c r="H6074" cm="1">
        <f t="array" ref="H6074">IFERROR(INDEX(Jesper!AL$2:AL$366,ROUNDDOWN($C6074/24,0)+1,1)*INDEX($D$3:$AA$30,INDEX(Jesper!$R$2:$R$366,ROW(INDEX(Jesper!AL$2:AL$366,ROUNDDOWN($C6074/24,0)+1,1))-1)+IF('Standard Profiles'!$G$22=$B$10,7,0)+IF('Standard Profiles'!$G$22=$B$17,14,0)+IF('Standard Profiles'!$G$22=$B$24,21,0),MOD($C6074,24)+1)/SUM(INDEX($D$3:$AA$30,INDEX(Jesper!$R$2:$R$366,ROW(INDEX(Jesper!AL$2:AL$366,ROUNDDOWN($C6074/24,0)+1,1))-1)+IF('Standard Profiles'!$G$22=$B$10,7,0)+IF('Standard Profiles'!$G$22=$B$17,14,0)+IF('Standard Profiles'!$G$22=$B$24,21,0),0)),0)</f>
        <v>0.12069779586888649</v>
      </c>
      <c r="I6074">
        <f t="shared" si="678"/>
        <v>0.11586988403413109</v>
      </c>
      <c r="J6074">
        <f t="shared" si="679"/>
        <v>3.8529934662981282</v>
      </c>
      <c r="K6074">
        <f t="shared" si="680"/>
        <v>0.21553790259485134</v>
      </c>
      <c r="L6074">
        <f t="shared" si="681"/>
        <v>0.10776895129742567</v>
      </c>
      <c r="M6074">
        <f t="shared" si="682"/>
        <v>0</v>
      </c>
      <c r="N6074" s="45">
        <f t="shared" si="683"/>
        <v>45178.666666652018</v>
      </c>
    </row>
    <row r="6075" spans="2:14" x14ac:dyDescent="0.25">
      <c r="B6075">
        <f t="shared" si="677"/>
        <v>6</v>
      </c>
      <c r="C6075" s="16">
        <v>6041</v>
      </c>
      <c r="D6075" cm="1">
        <f t="array" ref="D6075">IFERROR(INDEX(Jesper!AH$2:AH$366,ROUNDDOWN($C6075/24,0)+1,1)*INDEX($D$3:$AA$30,INDEX(Jesper!$R$2:$R$366,ROW(INDEX(Jesper!AH$2:AH$366,ROUNDDOWN($C6075/24,0)+1,1))-1)+IF('Standard Profiles'!$G$18=$B$10,7,0)+IF('Standard Profiles'!$G$18=$B$17,14,0)+IF('Standard Profiles'!$G$18=$B$24,21,0),MOD($C6075,24)+1)/SUM(INDEX($D$3:$AA$30,INDEX(Jesper!$R$2:$R$366,ROW(INDEX(Jesper!AH$2:AH$366,ROUNDDOWN($C6075/24,0)+1,1))-1)+IF('Standard Profiles'!$G$18=$B$10,7,0)+IF('Standard Profiles'!$G$18=$B$17,14,0)+IF('Standard Profiles'!$G$18=$B$24,21,0),0)),0)</f>
        <v>0</v>
      </c>
      <c r="E6075" cm="1">
        <f t="array" ref="E6075">IFERROR(INDEX(Jesper!AI$2:AI$366,ROUNDDOWN($C6075/24,0)+1,1)*INDEX($D$3:$AA$30,INDEX(Jesper!$R$2:$R$366,ROW(INDEX(Jesper!AI$2:AI$366,ROUNDDOWN($C6075/24,0)+1,1))-1)+IF('Standard Profiles'!$G$19=$B$10,7,0)+IF('Standard Profiles'!$G$19=$B$17,14,0)+IF('Standard Profiles'!$G$19=$B$24,21,0),MOD($C6075,24)+1)/SUM(INDEX($D$3:$AA$30,INDEX(Jesper!$R$2:$R$366,ROW(INDEX(Jesper!AI$2:AI$366,ROUNDDOWN($C6075/24,0)+1,1))-1)+IF('Standard Profiles'!$G$19=$B$10,7,0)+IF('Standard Profiles'!$G$19=$B$17,14,0)+IF('Standard Profiles'!$G$19=$B$24,21,0),0)),0)</f>
        <v>2.6942237824356416</v>
      </c>
      <c r="F6075" cm="1">
        <f t="array" ref="F6075">IFERROR(INDEX(Jesper!AJ$2:AJ$366,ROUNDDOWN($C6075/24,0)+1,1)*INDEX($D$3:$AA$30,INDEX(Jesper!$R$2:$R$366,ROW(INDEX(Jesper!AJ$2:AJ$366,ROUNDDOWN($C6075/24,0)+1,1))-1)+IF('Standard Profiles'!$G$20=$B$10,7,0)+IF('Standard Profiles'!$G$20=$B$17,14,0)+IF('Standard Profiles'!$G$20=$B$24,21,0),MOD($C6075,24)+1)/SUM(INDEX($D$3:$AA$30,INDEX(Jesper!$R$2:$R$366,ROW(INDEX(Jesper!AJ$2:AJ$366,ROUNDDOWN($C6075/24,0)+1,1))-1)+IF('Standard Profiles'!$G$20=$B$10,7,0)+IF('Standard Profiles'!$G$20=$B$17,14,0)+IF('Standard Profiles'!$G$20=$B$24,21,0),0)),0)</f>
        <v>1.0075572846339222</v>
      </c>
      <c r="G6075" cm="1">
        <f t="array" ref="G6075">IFERROR(INDEX(Jesper!AK$2:AK$366,ROUNDDOWN($C6075/24,0)+1,1)*INDEX($D$3:$AA$30,INDEX(Jesper!$R$2:$R$366,ROW(INDEX(Jesper!AK$2:AK$366,ROUNDDOWN($C6075/24,0)+1,1))-1)+IF('Standard Profiles'!$G$21=$B$10,7,0)+IF('Standard Profiles'!$G$21=$B$17,14,0)+IF('Standard Profiles'!$G$21=$B$24,21,0),MOD($C6075,24)+1)/SUM(INDEX($D$3:$AA$30,INDEX(Jesper!$R$2:$R$366,ROW(INDEX(Jesper!AK$2:AK$366,ROUNDDOWN($C6075/24,0)+1,1))-1)+IF('Standard Profiles'!$G$21=$B$10,7,0)+IF('Standard Profiles'!$G$21=$B$17,14,0)+IF('Standard Profiles'!$G$21=$B$24,21,0),0)),0)</f>
        <v>0.46969134128608575</v>
      </c>
      <c r="H6075" cm="1">
        <f t="array" ref="H6075">IFERROR(INDEX(Jesper!AL$2:AL$366,ROUNDDOWN($C6075/24,0)+1,1)*INDEX($D$3:$AA$30,INDEX(Jesper!$R$2:$R$366,ROW(INDEX(Jesper!AL$2:AL$366,ROUNDDOWN($C6075/24,0)+1,1))-1)+IF('Standard Profiles'!$G$22=$B$10,7,0)+IF('Standard Profiles'!$G$22=$B$17,14,0)+IF('Standard Profiles'!$G$22=$B$24,21,0),MOD($C6075,24)+1)/SUM(INDEX($D$3:$AA$30,INDEX(Jesper!$R$2:$R$366,ROW(INDEX(Jesper!AL$2:AL$366,ROUNDDOWN($C6075/24,0)+1,1))-1)+IF('Standard Profiles'!$G$22=$B$10,7,0)+IF('Standard Profiles'!$G$22=$B$17,14,0)+IF('Standard Profiles'!$G$22=$B$24,21,0),0)),0)</f>
        <v>0.10862801628199785</v>
      </c>
      <c r="I6075">
        <f t="shared" si="678"/>
        <v>0.10428289563071799</v>
      </c>
      <c r="J6075">
        <f t="shared" si="679"/>
        <v>3.8525106751146527</v>
      </c>
      <c r="K6075">
        <f t="shared" si="680"/>
        <v>0.21553790259485134</v>
      </c>
      <c r="L6075">
        <f t="shared" si="681"/>
        <v>0.10776895129742567</v>
      </c>
      <c r="M6075">
        <f t="shared" si="682"/>
        <v>0</v>
      </c>
      <c r="N6075" s="45">
        <f t="shared" si="683"/>
        <v>45178.708333318682</v>
      </c>
    </row>
    <row r="6076" spans="2:14" x14ac:dyDescent="0.25">
      <c r="B6076">
        <f t="shared" si="677"/>
        <v>6</v>
      </c>
      <c r="C6076" s="16">
        <v>6042</v>
      </c>
      <c r="D6076" cm="1">
        <f t="array" ref="D6076">IFERROR(INDEX(Jesper!AH$2:AH$366,ROUNDDOWN($C6076/24,0)+1,1)*INDEX($D$3:$AA$30,INDEX(Jesper!$R$2:$R$366,ROW(INDEX(Jesper!AH$2:AH$366,ROUNDDOWN($C6076/24,0)+1,1))-1)+IF('Standard Profiles'!$G$18=$B$10,7,0)+IF('Standard Profiles'!$G$18=$B$17,14,0)+IF('Standard Profiles'!$G$18=$B$24,21,0),MOD($C6076,24)+1)/SUM(INDEX($D$3:$AA$30,INDEX(Jesper!$R$2:$R$366,ROW(INDEX(Jesper!AH$2:AH$366,ROUNDDOWN($C6076/24,0)+1,1))-1)+IF('Standard Profiles'!$G$18=$B$10,7,0)+IF('Standard Profiles'!$G$18=$B$17,14,0)+IF('Standard Profiles'!$G$18=$B$24,21,0),0)),0)</f>
        <v>0</v>
      </c>
      <c r="E6076" cm="1">
        <f t="array" ref="E6076">IFERROR(INDEX(Jesper!AI$2:AI$366,ROUNDDOWN($C6076/24,0)+1,1)*INDEX($D$3:$AA$30,INDEX(Jesper!$R$2:$R$366,ROW(INDEX(Jesper!AI$2:AI$366,ROUNDDOWN($C6076/24,0)+1,1))-1)+IF('Standard Profiles'!$G$19=$B$10,7,0)+IF('Standard Profiles'!$G$19=$B$17,14,0)+IF('Standard Profiles'!$G$19=$B$24,21,0),MOD($C6076,24)+1)/SUM(INDEX($D$3:$AA$30,INDEX(Jesper!$R$2:$R$366,ROW(INDEX(Jesper!AI$2:AI$366,ROUNDDOWN($C6076/24,0)+1,1))-1)+IF('Standard Profiles'!$G$19=$B$10,7,0)+IF('Standard Profiles'!$G$19=$B$17,14,0)+IF('Standard Profiles'!$G$19=$B$24,21,0),0)),0)</f>
        <v>2.6942237824356416</v>
      </c>
      <c r="F6076" cm="1">
        <f t="array" ref="F6076">IFERROR(INDEX(Jesper!AJ$2:AJ$366,ROUNDDOWN($C6076/24,0)+1,1)*INDEX($D$3:$AA$30,INDEX(Jesper!$R$2:$R$366,ROW(INDEX(Jesper!AJ$2:AJ$366,ROUNDDOWN($C6076/24,0)+1,1))-1)+IF('Standard Profiles'!$G$20=$B$10,7,0)+IF('Standard Profiles'!$G$20=$B$17,14,0)+IF('Standard Profiles'!$G$20=$B$24,21,0),MOD($C6076,24)+1)/SUM(INDEX($D$3:$AA$30,INDEX(Jesper!$R$2:$R$366,ROW(INDEX(Jesper!AJ$2:AJ$366,ROUNDDOWN($C6076/24,0)+1,1))-1)+IF('Standard Profiles'!$G$20=$B$10,7,0)+IF('Standard Profiles'!$G$20=$B$17,14,0)+IF('Standard Profiles'!$G$20=$B$24,21,0),0)),0)</f>
        <v>1.0075572846339222</v>
      </c>
      <c r="G6076" cm="1">
        <f t="array" ref="G6076">IFERROR(INDEX(Jesper!AK$2:AK$366,ROUNDDOWN($C6076/24,0)+1,1)*INDEX($D$3:$AA$30,INDEX(Jesper!$R$2:$R$366,ROW(INDEX(Jesper!AK$2:AK$366,ROUNDDOWN($C6076/24,0)+1,1))-1)+IF('Standard Profiles'!$G$21=$B$10,7,0)+IF('Standard Profiles'!$G$21=$B$17,14,0)+IF('Standard Profiles'!$G$21=$B$24,21,0),MOD($C6076,24)+1)/SUM(INDEX($D$3:$AA$30,INDEX(Jesper!$R$2:$R$366,ROW(INDEX(Jesper!AK$2:AK$366,ROUNDDOWN($C6076/24,0)+1,1))-1)+IF('Standard Profiles'!$G$21=$B$10,7,0)+IF('Standard Profiles'!$G$21=$B$17,14,0)+IF('Standard Profiles'!$G$21=$B$24,21,0),0)),0)</f>
        <v>0.46969134128608575</v>
      </c>
      <c r="H6076" cm="1">
        <f t="array" ref="H6076">IFERROR(INDEX(Jesper!AL$2:AL$366,ROUNDDOWN($C6076/24,0)+1,1)*INDEX($D$3:$AA$30,INDEX(Jesper!$R$2:$R$366,ROW(INDEX(Jesper!AL$2:AL$366,ROUNDDOWN($C6076/24,0)+1,1))-1)+IF('Standard Profiles'!$G$22=$B$10,7,0)+IF('Standard Profiles'!$G$22=$B$17,14,0)+IF('Standard Profiles'!$G$22=$B$24,21,0),MOD($C6076,24)+1)/SUM(INDEX($D$3:$AA$30,INDEX(Jesper!$R$2:$R$366,ROW(INDEX(Jesper!AL$2:AL$366,ROUNDDOWN($C6076/24,0)+1,1))-1)+IF('Standard Profiles'!$G$22=$B$10,7,0)+IF('Standard Profiles'!$G$22=$B$17,14,0)+IF('Standard Profiles'!$G$22=$B$24,21,0),0)),0)</f>
        <v>0.10460475641970161</v>
      </c>
      <c r="I6076">
        <f t="shared" si="678"/>
        <v>0.1004205661629136</v>
      </c>
      <c r="J6076">
        <f t="shared" si="679"/>
        <v>3.8523497447201609</v>
      </c>
      <c r="K6076">
        <f t="shared" si="680"/>
        <v>0.21553790259485134</v>
      </c>
      <c r="L6076">
        <f t="shared" si="681"/>
        <v>0.10776895129742567</v>
      </c>
      <c r="M6076">
        <f t="shared" si="682"/>
        <v>0</v>
      </c>
      <c r="N6076" s="45">
        <f t="shared" si="683"/>
        <v>45178.749999985346</v>
      </c>
    </row>
    <row r="6077" spans="2:14" x14ac:dyDescent="0.25">
      <c r="B6077">
        <f t="shared" si="677"/>
        <v>6</v>
      </c>
      <c r="C6077" s="16">
        <v>6043</v>
      </c>
      <c r="D6077" cm="1">
        <f t="array" ref="D6077">IFERROR(INDEX(Jesper!AH$2:AH$366,ROUNDDOWN($C6077/24,0)+1,1)*INDEX($D$3:$AA$30,INDEX(Jesper!$R$2:$R$366,ROW(INDEX(Jesper!AH$2:AH$366,ROUNDDOWN($C6077/24,0)+1,1))-1)+IF('Standard Profiles'!$G$18=$B$10,7,0)+IF('Standard Profiles'!$G$18=$B$17,14,0)+IF('Standard Profiles'!$G$18=$B$24,21,0),MOD($C6077,24)+1)/SUM(INDEX($D$3:$AA$30,INDEX(Jesper!$R$2:$R$366,ROW(INDEX(Jesper!AH$2:AH$366,ROUNDDOWN($C6077/24,0)+1,1))-1)+IF('Standard Profiles'!$G$18=$B$10,7,0)+IF('Standard Profiles'!$G$18=$B$17,14,0)+IF('Standard Profiles'!$G$18=$B$24,21,0),0)),0)</f>
        <v>0</v>
      </c>
      <c r="E6077" cm="1">
        <f t="array" ref="E6077">IFERROR(INDEX(Jesper!AI$2:AI$366,ROUNDDOWN($C6077/24,0)+1,1)*INDEX($D$3:$AA$30,INDEX(Jesper!$R$2:$R$366,ROW(INDEX(Jesper!AI$2:AI$366,ROUNDDOWN($C6077/24,0)+1,1))-1)+IF('Standard Profiles'!$G$19=$B$10,7,0)+IF('Standard Profiles'!$G$19=$B$17,14,0)+IF('Standard Profiles'!$G$19=$B$24,21,0),MOD($C6077,24)+1)/SUM(INDEX($D$3:$AA$30,INDEX(Jesper!$R$2:$R$366,ROW(INDEX(Jesper!AI$2:AI$366,ROUNDDOWN($C6077/24,0)+1,1))-1)+IF('Standard Profiles'!$G$19=$B$10,7,0)+IF('Standard Profiles'!$G$19=$B$17,14,0)+IF('Standard Profiles'!$G$19=$B$24,21,0),0)),0)</f>
        <v>2.6942237824356416</v>
      </c>
      <c r="F6077" cm="1">
        <f t="array" ref="F6077">IFERROR(INDEX(Jesper!AJ$2:AJ$366,ROUNDDOWN($C6077/24,0)+1,1)*INDEX($D$3:$AA$30,INDEX(Jesper!$R$2:$R$366,ROW(INDEX(Jesper!AJ$2:AJ$366,ROUNDDOWN($C6077/24,0)+1,1))-1)+IF('Standard Profiles'!$G$20=$B$10,7,0)+IF('Standard Profiles'!$G$20=$B$17,14,0)+IF('Standard Profiles'!$G$20=$B$24,21,0),MOD($C6077,24)+1)/SUM(INDEX($D$3:$AA$30,INDEX(Jesper!$R$2:$R$366,ROW(INDEX(Jesper!AJ$2:AJ$366,ROUNDDOWN($C6077/24,0)+1,1))-1)+IF('Standard Profiles'!$G$20=$B$10,7,0)+IF('Standard Profiles'!$G$20=$B$17,14,0)+IF('Standard Profiles'!$G$20=$B$24,21,0),0)),0)</f>
        <v>1.0075572846339222</v>
      </c>
      <c r="G6077" cm="1">
        <f t="array" ref="G6077">IFERROR(INDEX(Jesper!AK$2:AK$366,ROUNDDOWN($C6077/24,0)+1,1)*INDEX($D$3:$AA$30,INDEX(Jesper!$R$2:$R$366,ROW(INDEX(Jesper!AK$2:AK$366,ROUNDDOWN($C6077/24,0)+1,1))-1)+IF('Standard Profiles'!$G$21=$B$10,7,0)+IF('Standard Profiles'!$G$21=$B$17,14,0)+IF('Standard Profiles'!$G$21=$B$24,21,0),MOD($C6077,24)+1)/SUM(INDEX($D$3:$AA$30,INDEX(Jesper!$R$2:$R$366,ROW(INDEX(Jesper!AK$2:AK$366,ROUNDDOWN($C6077/24,0)+1,1))-1)+IF('Standard Profiles'!$G$21=$B$10,7,0)+IF('Standard Profiles'!$G$21=$B$17,14,0)+IF('Standard Profiles'!$G$21=$B$24,21,0),0)),0)</f>
        <v>0.46969134128608575</v>
      </c>
      <c r="H6077" cm="1">
        <f t="array" ref="H6077">IFERROR(INDEX(Jesper!AL$2:AL$366,ROUNDDOWN($C6077/24,0)+1,1)*INDEX($D$3:$AA$30,INDEX(Jesper!$R$2:$R$366,ROW(INDEX(Jesper!AL$2:AL$366,ROUNDDOWN($C6077/24,0)+1,1))-1)+IF('Standard Profiles'!$G$22=$B$10,7,0)+IF('Standard Profiles'!$G$22=$B$17,14,0)+IF('Standard Profiles'!$G$22=$B$24,21,0),MOD($C6077,24)+1)/SUM(INDEX($D$3:$AA$30,INDEX(Jesper!$R$2:$R$366,ROW(INDEX(Jesper!AL$2:AL$366,ROUNDDOWN($C6077/24,0)+1,1))-1)+IF('Standard Profiles'!$G$22=$B$10,7,0)+IF('Standard Profiles'!$G$22=$B$17,14,0)+IF('Standard Profiles'!$G$22=$B$24,21,0),0)),0)</f>
        <v>8.4488457108220533E-2</v>
      </c>
      <c r="I6077">
        <f t="shared" si="678"/>
        <v>8.1108918823891749E-2</v>
      </c>
      <c r="J6077">
        <f t="shared" si="679"/>
        <v>3.8515450927477017</v>
      </c>
      <c r="K6077">
        <f t="shared" si="680"/>
        <v>0.21553790259485134</v>
      </c>
      <c r="L6077">
        <f t="shared" si="681"/>
        <v>0.10776895129742567</v>
      </c>
      <c r="M6077">
        <f t="shared" si="682"/>
        <v>0</v>
      </c>
      <c r="N6077" s="45">
        <f t="shared" si="683"/>
        <v>45178.79166665201</v>
      </c>
    </row>
    <row r="6078" spans="2:14" x14ac:dyDescent="0.25">
      <c r="B6078">
        <f t="shared" si="677"/>
        <v>6</v>
      </c>
      <c r="C6078" s="16">
        <v>6044</v>
      </c>
      <c r="D6078" cm="1">
        <f t="array" ref="D6078">IFERROR(INDEX(Jesper!AH$2:AH$366,ROUNDDOWN($C6078/24,0)+1,1)*INDEX($D$3:$AA$30,INDEX(Jesper!$R$2:$R$366,ROW(INDEX(Jesper!AH$2:AH$366,ROUNDDOWN($C6078/24,0)+1,1))-1)+IF('Standard Profiles'!$G$18=$B$10,7,0)+IF('Standard Profiles'!$G$18=$B$17,14,0)+IF('Standard Profiles'!$G$18=$B$24,21,0),MOD($C6078,24)+1)/SUM(INDEX($D$3:$AA$30,INDEX(Jesper!$R$2:$R$366,ROW(INDEX(Jesper!AH$2:AH$366,ROUNDDOWN($C6078/24,0)+1,1))-1)+IF('Standard Profiles'!$G$18=$B$10,7,0)+IF('Standard Profiles'!$G$18=$B$17,14,0)+IF('Standard Profiles'!$G$18=$B$24,21,0),0)),0)</f>
        <v>0</v>
      </c>
      <c r="E6078" cm="1">
        <f t="array" ref="E6078">IFERROR(INDEX(Jesper!AI$2:AI$366,ROUNDDOWN($C6078/24,0)+1,1)*INDEX($D$3:$AA$30,INDEX(Jesper!$R$2:$R$366,ROW(INDEX(Jesper!AI$2:AI$366,ROUNDDOWN($C6078/24,0)+1,1))-1)+IF('Standard Profiles'!$G$19=$B$10,7,0)+IF('Standard Profiles'!$G$19=$B$17,14,0)+IF('Standard Profiles'!$G$19=$B$24,21,0),MOD($C6078,24)+1)/SUM(INDEX($D$3:$AA$30,INDEX(Jesper!$R$2:$R$366,ROW(INDEX(Jesper!AI$2:AI$366,ROUNDDOWN($C6078/24,0)+1,1))-1)+IF('Standard Profiles'!$G$19=$B$10,7,0)+IF('Standard Profiles'!$G$19=$B$17,14,0)+IF('Standard Profiles'!$G$19=$B$24,21,0),0)),0)</f>
        <v>2.6942237824356416</v>
      </c>
      <c r="F6078" cm="1">
        <f t="array" ref="F6078">IFERROR(INDEX(Jesper!AJ$2:AJ$366,ROUNDDOWN($C6078/24,0)+1,1)*INDEX($D$3:$AA$30,INDEX(Jesper!$R$2:$R$366,ROW(INDEX(Jesper!AJ$2:AJ$366,ROUNDDOWN($C6078/24,0)+1,1))-1)+IF('Standard Profiles'!$G$20=$B$10,7,0)+IF('Standard Profiles'!$G$20=$B$17,14,0)+IF('Standard Profiles'!$G$20=$B$24,21,0),MOD($C6078,24)+1)/SUM(INDEX($D$3:$AA$30,INDEX(Jesper!$R$2:$R$366,ROW(INDEX(Jesper!AJ$2:AJ$366,ROUNDDOWN($C6078/24,0)+1,1))-1)+IF('Standard Profiles'!$G$20=$B$10,7,0)+IF('Standard Profiles'!$G$20=$B$17,14,0)+IF('Standard Profiles'!$G$20=$B$24,21,0),0)),0)</f>
        <v>1.0075572846339222</v>
      </c>
      <c r="G6078" cm="1">
        <f t="array" ref="G6078">IFERROR(INDEX(Jesper!AK$2:AK$366,ROUNDDOWN($C6078/24,0)+1,1)*INDEX($D$3:$AA$30,INDEX(Jesper!$R$2:$R$366,ROW(INDEX(Jesper!AK$2:AK$366,ROUNDDOWN($C6078/24,0)+1,1))-1)+IF('Standard Profiles'!$G$21=$B$10,7,0)+IF('Standard Profiles'!$G$21=$B$17,14,0)+IF('Standard Profiles'!$G$21=$B$24,21,0),MOD($C6078,24)+1)/SUM(INDEX($D$3:$AA$30,INDEX(Jesper!$R$2:$R$366,ROW(INDEX(Jesper!AK$2:AK$366,ROUNDDOWN($C6078/24,0)+1,1))-1)+IF('Standard Profiles'!$G$21=$B$10,7,0)+IF('Standard Profiles'!$G$21=$B$17,14,0)+IF('Standard Profiles'!$G$21=$B$24,21,0),0)),0)</f>
        <v>0.46969134128608575</v>
      </c>
      <c r="H6078" cm="1">
        <f t="array" ref="H6078">IFERROR(INDEX(Jesper!AL$2:AL$366,ROUNDDOWN($C6078/24,0)+1,1)*INDEX($D$3:$AA$30,INDEX(Jesper!$R$2:$R$366,ROW(INDEX(Jesper!AL$2:AL$366,ROUNDDOWN($C6078/24,0)+1,1))-1)+IF('Standard Profiles'!$G$22=$B$10,7,0)+IF('Standard Profiles'!$G$22=$B$17,14,0)+IF('Standard Profiles'!$G$22=$B$24,21,0),MOD($C6078,24)+1)/SUM(INDEX($D$3:$AA$30,INDEX(Jesper!$R$2:$R$366,ROW(INDEX(Jesper!AL$2:AL$366,ROUNDDOWN($C6078/24,0)+1,1))-1)+IF('Standard Profiles'!$G$22=$B$10,7,0)+IF('Standard Profiles'!$G$22=$B$17,14,0)+IF('Standard Profiles'!$G$22=$B$24,21,0),0)),0)</f>
        <v>6.2360527865591348E-2</v>
      </c>
      <c r="I6078">
        <f t="shared" si="678"/>
        <v>5.9866106750967728E-2</v>
      </c>
      <c r="J6078">
        <f t="shared" si="679"/>
        <v>3.8506599755779964</v>
      </c>
      <c r="K6078">
        <f t="shared" si="680"/>
        <v>0.21553790259485134</v>
      </c>
      <c r="L6078">
        <f t="shared" si="681"/>
        <v>0.10776895129742567</v>
      </c>
      <c r="M6078">
        <f t="shared" si="682"/>
        <v>0</v>
      </c>
      <c r="N6078" s="45">
        <f t="shared" si="683"/>
        <v>45178.833333318675</v>
      </c>
    </row>
    <row r="6079" spans="2:14" x14ac:dyDescent="0.25">
      <c r="B6079">
        <f t="shared" si="677"/>
        <v>6</v>
      </c>
      <c r="C6079" s="16">
        <v>6045</v>
      </c>
      <c r="D6079" cm="1">
        <f t="array" ref="D6079">IFERROR(INDEX(Jesper!AH$2:AH$366,ROUNDDOWN($C6079/24,0)+1,1)*INDEX($D$3:$AA$30,INDEX(Jesper!$R$2:$R$366,ROW(INDEX(Jesper!AH$2:AH$366,ROUNDDOWN($C6079/24,0)+1,1))-1)+IF('Standard Profiles'!$G$18=$B$10,7,0)+IF('Standard Profiles'!$G$18=$B$17,14,0)+IF('Standard Profiles'!$G$18=$B$24,21,0),MOD($C6079,24)+1)/SUM(INDEX($D$3:$AA$30,INDEX(Jesper!$R$2:$R$366,ROW(INDEX(Jesper!AH$2:AH$366,ROUNDDOWN($C6079/24,0)+1,1))-1)+IF('Standard Profiles'!$G$18=$B$10,7,0)+IF('Standard Profiles'!$G$18=$B$17,14,0)+IF('Standard Profiles'!$G$18=$B$24,21,0),0)),0)</f>
        <v>0</v>
      </c>
      <c r="E6079" cm="1">
        <f t="array" ref="E6079">IFERROR(INDEX(Jesper!AI$2:AI$366,ROUNDDOWN($C6079/24,0)+1,1)*INDEX($D$3:$AA$30,INDEX(Jesper!$R$2:$R$366,ROW(INDEX(Jesper!AI$2:AI$366,ROUNDDOWN($C6079/24,0)+1,1))-1)+IF('Standard Profiles'!$G$19=$B$10,7,0)+IF('Standard Profiles'!$G$19=$B$17,14,0)+IF('Standard Profiles'!$G$19=$B$24,21,0),MOD($C6079,24)+1)/SUM(INDEX($D$3:$AA$30,INDEX(Jesper!$R$2:$R$366,ROW(INDEX(Jesper!AI$2:AI$366,ROUNDDOWN($C6079/24,0)+1,1))-1)+IF('Standard Profiles'!$G$19=$B$10,7,0)+IF('Standard Profiles'!$G$19=$B$17,14,0)+IF('Standard Profiles'!$G$19=$B$24,21,0),0)),0)</f>
        <v>2.6942237824356416</v>
      </c>
      <c r="F6079" cm="1">
        <f t="array" ref="F6079">IFERROR(INDEX(Jesper!AJ$2:AJ$366,ROUNDDOWN($C6079/24,0)+1,1)*INDEX($D$3:$AA$30,INDEX(Jesper!$R$2:$R$366,ROW(INDEX(Jesper!AJ$2:AJ$366,ROUNDDOWN($C6079/24,0)+1,1))-1)+IF('Standard Profiles'!$G$20=$B$10,7,0)+IF('Standard Profiles'!$G$20=$B$17,14,0)+IF('Standard Profiles'!$G$20=$B$24,21,0),MOD($C6079,24)+1)/SUM(INDEX($D$3:$AA$30,INDEX(Jesper!$R$2:$R$366,ROW(INDEX(Jesper!AJ$2:AJ$366,ROUNDDOWN($C6079/24,0)+1,1))-1)+IF('Standard Profiles'!$G$20=$B$10,7,0)+IF('Standard Profiles'!$G$20=$B$17,14,0)+IF('Standard Profiles'!$G$20=$B$24,21,0),0)),0)</f>
        <v>1.0075572846339222</v>
      </c>
      <c r="G6079" cm="1">
        <f t="array" ref="G6079">IFERROR(INDEX(Jesper!AK$2:AK$366,ROUNDDOWN($C6079/24,0)+1,1)*INDEX($D$3:$AA$30,INDEX(Jesper!$R$2:$R$366,ROW(INDEX(Jesper!AK$2:AK$366,ROUNDDOWN($C6079/24,0)+1,1))-1)+IF('Standard Profiles'!$G$21=$B$10,7,0)+IF('Standard Profiles'!$G$21=$B$17,14,0)+IF('Standard Profiles'!$G$21=$B$24,21,0),MOD($C6079,24)+1)/SUM(INDEX($D$3:$AA$30,INDEX(Jesper!$R$2:$R$366,ROW(INDEX(Jesper!AK$2:AK$366,ROUNDDOWN($C6079/24,0)+1,1))-1)+IF('Standard Profiles'!$G$21=$B$10,7,0)+IF('Standard Profiles'!$G$21=$B$17,14,0)+IF('Standard Profiles'!$G$21=$B$24,21,0),0)),0)</f>
        <v>0.46969134128608575</v>
      </c>
      <c r="H6079" cm="1">
        <f t="array" ref="H6079">IFERROR(INDEX(Jesper!AL$2:AL$366,ROUNDDOWN($C6079/24,0)+1,1)*INDEX($D$3:$AA$30,INDEX(Jesper!$R$2:$R$366,ROW(INDEX(Jesper!AL$2:AL$366,ROUNDDOWN($C6079/24,0)+1,1))-1)+IF('Standard Profiles'!$G$22=$B$10,7,0)+IF('Standard Profiles'!$G$22=$B$17,14,0)+IF('Standard Profiles'!$G$22=$B$24,21,0),MOD($C6079,24)+1)/SUM(INDEX($D$3:$AA$30,INDEX(Jesper!$R$2:$R$366,ROW(INDEX(Jesper!AL$2:AL$366,ROUNDDOWN($C6079/24,0)+1,1))-1)+IF('Standard Profiles'!$G$22=$B$10,7,0)+IF('Standard Profiles'!$G$22=$B$17,14,0)+IF('Standard Profiles'!$G$22=$B$24,21,0),0)),0)</f>
        <v>6.2360527865591348E-2</v>
      </c>
      <c r="I6079">
        <f t="shared" si="678"/>
        <v>5.9866106750967728E-2</v>
      </c>
      <c r="J6079">
        <f t="shared" si="679"/>
        <v>3.8506599755779964</v>
      </c>
      <c r="K6079">
        <f t="shared" si="680"/>
        <v>0.21553790259485134</v>
      </c>
      <c r="L6079">
        <f t="shared" si="681"/>
        <v>0.10776895129742567</v>
      </c>
      <c r="M6079">
        <f t="shared" si="682"/>
        <v>0</v>
      </c>
      <c r="N6079" s="45">
        <f t="shared" si="683"/>
        <v>45178.874999985339</v>
      </c>
    </row>
    <row r="6080" spans="2:14" x14ac:dyDescent="0.25">
      <c r="B6080">
        <f t="shared" si="677"/>
        <v>6</v>
      </c>
      <c r="C6080" s="16">
        <v>6046</v>
      </c>
      <c r="D6080" cm="1">
        <f t="array" ref="D6080">IFERROR(INDEX(Jesper!AH$2:AH$366,ROUNDDOWN($C6080/24,0)+1,1)*INDEX($D$3:$AA$30,INDEX(Jesper!$R$2:$R$366,ROW(INDEX(Jesper!AH$2:AH$366,ROUNDDOWN($C6080/24,0)+1,1))-1)+IF('Standard Profiles'!$G$18=$B$10,7,0)+IF('Standard Profiles'!$G$18=$B$17,14,0)+IF('Standard Profiles'!$G$18=$B$24,21,0),MOD($C6080,24)+1)/SUM(INDEX($D$3:$AA$30,INDEX(Jesper!$R$2:$R$366,ROW(INDEX(Jesper!AH$2:AH$366,ROUNDDOWN($C6080/24,0)+1,1))-1)+IF('Standard Profiles'!$G$18=$B$10,7,0)+IF('Standard Profiles'!$G$18=$B$17,14,0)+IF('Standard Profiles'!$G$18=$B$24,21,0),0)),0)</f>
        <v>0</v>
      </c>
      <c r="E6080" cm="1">
        <f t="array" ref="E6080">IFERROR(INDEX(Jesper!AI$2:AI$366,ROUNDDOWN($C6080/24,0)+1,1)*INDEX($D$3:$AA$30,INDEX(Jesper!$R$2:$R$366,ROW(INDEX(Jesper!AI$2:AI$366,ROUNDDOWN($C6080/24,0)+1,1))-1)+IF('Standard Profiles'!$G$19=$B$10,7,0)+IF('Standard Profiles'!$G$19=$B$17,14,0)+IF('Standard Profiles'!$G$19=$B$24,21,0),MOD($C6080,24)+1)/SUM(INDEX($D$3:$AA$30,INDEX(Jesper!$R$2:$R$366,ROW(INDEX(Jesper!AI$2:AI$366,ROUNDDOWN($C6080/24,0)+1,1))-1)+IF('Standard Profiles'!$G$19=$B$10,7,0)+IF('Standard Profiles'!$G$19=$B$17,14,0)+IF('Standard Profiles'!$G$19=$B$24,21,0),0)),0)</f>
        <v>2.6942237824356416</v>
      </c>
      <c r="F6080" cm="1">
        <f t="array" ref="F6080">IFERROR(INDEX(Jesper!AJ$2:AJ$366,ROUNDDOWN($C6080/24,0)+1,1)*INDEX($D$3:$AA$30,INDEX(Jesper!$R$2:$R$366,ROW(INDEX(Jesper!AJ$2:AJ$366,ROUNDDOWN($C6080/24,0)+1,1))-1)+IF('Standard Profiles'!$G$20=$B$10,7,0)+IF('Standard Profiles'!$G$20=$B$17,14,0)+IF('Standard Profiles'!$G$20=$B$24,21,0),MOD($C6080,24)+1)/SUM(INDEX($D$3:$AA$30,INDEX(Jesper!$R$2:$R$366,ROW(INDEX(Jesper!AJ$2:AJ$366,ROUNDDOWN($C6080/24,0)+1,1))-1)+IF('Standard Profiles'!$G$20=$B$10,7,0)+IF('Standard Profiles'!$G$20=$B$17,14,0)+IF('Standard Profiles'!$G$20=$B$24,21,0),0)),0)</f>
        <v>1.0075572846339222</v>
      </c>
      <c r="G6080" cm="1">
        <f t="array" ref="G6080">IFERROR(INDEX(Jesper!AK$2:AK$366,ROUNDDOWN($C6080/24,0)+1,1)*INDEX($D$3:$AA$30,INDEX(Jesper!$R$2:$R$366,ROW(INDEX(Jesper!AK$2:AK$366,ROUNDDOWN($C6080/24,0)+1,1))-1)+IF('Standard Profiles'!$G$21=$B$10,7,0)+IF('Standard Profiles'!$G$21=$B$17,14,0)+IF('Standard Profiles'!$G$21=$B$24,21,0),MOD($C6080,24)+1)/SUM(INDEX($D$3:$AA$30,INDEX(Jesper!$R$2:$R$366,ROW(INDEX(Jesper!AK$2:AK$366,ROUNDDOWN($C6080/24,0)+1,1))-1)+IF('Standard Profiles'!$G$21=$B$10,7,0)+IF('Standard Profiles'!$G$21=$B$17,14,0)+IF('Standard Profiles'!$G$21=$B$24,21,0),0)),0)</f>
        <v>0.46969134128608575</v>
      </c>
      <c r="H6080" cm="1">
        <f t="array" ref="H6080">IFERROR(INDEX(Jesper!AL$2:AL$366,ROUNDDOWN($C6080/24,0)+1,1)*INDEX($D$3:$AA$30,INDEX(Jesper!$R$2:$R$366,ROW(INDEX(Jesper!AL$2:AL$366,ROUNDDOWN($C6080/24,0)+1,1))-1)+IF('Standard Profiles'!$G$22=$B$10,7,0)+IF('Standard Profiles'!$G$22=$B$17,14,0)+IF('Standard Profiles'!$G$22=$B$24,21,0),MOD($C6080,24)+1)/SUM(INDEX($D$3:$AA$30,INDEX(Jesper!$R$2:$R$366,ROW(INDEX(Jesper!AL$2:AL$366,ROUNDDOWN($C6080/24,0)+1,1))-1)+IF('Standard Profiles'!$G$22=$B$10,7,0)+IF('Standard Profiles'!$G$22=$B$17,14,0)+IF('Standard Profiles'!$G$22=$B$24,21,0),0)),0)</f>
        <v>6.2360527865591348E-2</v>
      </c>
      <c r="I6080">
        <f t="shared" si="678"/>
        <v>5.9866106750967728E-2</v>
      </c>
      <c r="J6080">
        <f t="shared" si="679"/>
        <v>3.8506599755779964</v>
      </c>
      <c r="K6080">
        <f t="shared" si="680"/>
        <v>0.21553790259485134</v>
      </c>
      <c r="L6080">
        <f t="shared" si="681"/>
        <v>0.10776895129742567</v>
      </c>
      <c r="M6080">
        <f t="shared" si="682"/>
        <v>0</v>
      </c>
      <c r="N6080" s="45">
        <f t="shared" si="683"/>
        <v>45178.916666652003</v>
      </c>
    </row>
    <row r="6081" spans="2:14" x14ac:dyDescent="0.25">
      <c r="B6081">
        <f t="shared" si="677"/>
        <v>6</v>
      </c>
      <c r="C6081" s="16">
        <v>6047</v>
      </c>
      <c r="D6081" cm="1">
        <f t="array" ref="D6081">IFERROR(INDEX(Jesper!AH$2:AH$366,ROUNDDOWN($C6081/24,0)+1,1)*INDEX($D$3:$AA$30,INDEX(Jesper!$R$2:$R$366,ROW(INDEX(Jesper!AH$2:AH$366,ROUNDDOWN($C6081/24,0)+1,1))-1)+IF('Standard Profiles'!$G$18=$B$10,7,0)+IF('Standard Profiles'!$G$18=$B$17,14,0)+IF('Standard Profiles'!$G$18=$B$24,21,0),MOD($C6081,24)+1)/SUM(INDEX($D$3:$AA$30,INDEX(Jesper!$R$2:$R$366,ROW(INDEX(Jesper!AH$2:AH$366,ROUNDDOWN($C6081/24,0)+1,1))-1)+IF('Standard Profiles'!$G$18=$B$10,7,0)+IF('Standard Profiles'!$G$18=$B$17,14,0)+IF('Standard Profiles'!$G$18=$B$24,21,0),0)),0)</f>
        <v>0</v>
      </c>
      <c r="E6081" cm="1">
        <f t="array" ref="E6081">IFERROR(INDEX(Jesper!AI$2:AI$366,ROUNDDOWN($C6081/24,0)+1,1)*INDEX($D$3:$AA$30,INDEX(Jesper!$R$2:$R$366,ROW(INDEX(Jesper!AI$2:AI$366,ROUNDDOWN($C6081/24,0)+1,1))-1)+IF('Standard Profiles'!$G$19=$B$10,7,0)+IF('Standard Profiles'!$G$19=$B$17,14,0)+IF('Standard Profiles'!$G$19=$B$24,21,0),MOD($C6081,24)+1)/SUM(INDEX($D$3:$AA$30,INDEX(Jesper!$R$2:$R$366,ROW(INDEX(Jesper!AI$2:AI$366,ROUNDDOWN($C6081/24,0)+1,1))-1)+IF('Standard Profiles'!$G$19=$B$10,7,0)+IF('Standard Profiles'!$G$19=$B$17,14,0)+IF('Standard Profiles'!$G$19=$B$24,21,0),0)),0)</f>
        <v>2.6942237824356416</v>
      </c>
      <c r="F6081" cm="1">
        <f t="array" ref="F6081">IFERROR(INDEX(Jesper!AJ$2:AJ$366,ROUNDDOWN($C6081/24,0)+1,1)*INDEX($D$3:$AA$30,INDEX(Jesper!$R$2:$R$366,ROW(INDEX(Jesper!AJ$2:AJ$366,ROUNDDOWN($C6081/24,0)+1,1))-1)+IF('Standard Profiles'!$G$20=$B$10,7,0)+IF('Standard Profiles'!$G$20=$B$17,14,0)+IF('Standard Profiles'!$G$20=$B$24,21,0),MOD($C6081,24)+1)/SUM(INDEX($D$3:$AA$30,INDEX(Jesper!$R$2:$R$366,ROW(INDEX(Jesper!AJ$2:AJ$366,ROUNDDOWN($C6081/24,0)+1,1))-1)+IF('Standard Profiles'!$G$20=$B$10,7,0)+IF('Standard Profiles'!$G$20=$B$17,14,0)+IF('Standard Profiles'!$G$20=$B$24,21,0),0)),0)</f>
        <v>1.0075572846339222</v>
      </c>
      <c r="G6081" cm="1">
        <f t="array" ref="G6081">IFERROR(INDEX(Jesper!AK$2:AK$366,ROUNDDOWN($C6081/24,0)+1,1)*INDEX($D$3:$AA$30,INDEX(Jesper!$R$2:$R$366,ROW(INDEX(Jesper!AK$2:AK$366,ROUNDDOWN($C6081/24,0)+1,1))-1)+IF('Standard Profiles'!$G$21=$B$10,7,0)+IF('Standard Profiles'!$G$21=$B$17,14,0)+IF('Standard Profiles'!$G$21=$B$24,21,0),MOD($C6081,24)+1)/SUM(INDEX($D$3:$AA$30,INDEX(Jesper!$R$2:$R$366,ROW(INDEX(Jesper!AK$2:AK$366,ROUNDDOWN($C6081/24,0)+1,1))-1)+IF('Standard Profiles'!$G$21=$B$10,7,0)+IF('Standard Profiles'!$G$21=$B$17,14,0)+IF('Standard Profiles'!$G$21=$B$24,21,0),0)),0)</f>
        <v>0.46969134128608575</v>
      </c>
      <c r="H6081" cm="1">
        <f t="array" ref="H6081">IFERROR(INDEX(Jesper!AL$2:AL$366,ROUNDDOWN($C6081/24,0)+1,1)*INDEX($D$3:$AA$30,INDEX(Jesper!$R$2:$R$366,ROW(INDEX(Jesper!AL$2:AL$366,ROUNDDOWN($C6081/24,0)+1,1))-1)+IF('Standard Profiles'!$G$22=$B$10,7,0)+IF('Standard Profiles'!$G$22=$B$17,14,0)+IF('Standard Profiles'!$G$22=$B$24,21,0),MOD($C6081,24)+1)/SUM(INDEX($D$3:$AA$30,INDEX(Jesper!$R$2:$R$366,ROW(INDEX(Jesper!AL$2:AL$366,ROUNDDOWN($C6081/24,0)+1,1))-1)+IF('Standard Profiles'!$G$22=$B$10,7,0)+IF('Standard Profiles'!$G$22=$B$17,14,0)+IF('Standard Profiles'!$G$22=$B$24,21,0),0)),0)</f>
        <v>6.2360527865591348E-2</v>
      </c>
      <c r="I6081">
        <f t="shared" si="678"/>
        <v>5.9866106750967728E-2</v>
      </c>
      <c r="J6081">
        <f t="shared" si="679"/>
        <v>3.8506599755779964</v>
      </c>
      <c r="K6081">
        <f t="shared" si="680"/>
        <v>0.21553790259485134</v>
      </c>
      <c r="L6081">
        <f t="shared" si="681"/>
        <v>0.10776895129742567</v>
      </c>
      <c r="M6081">
        <f t="shared" si="682"/>
        <v>0</v>
      </c>
      <c r="N6081" s="45">
        <f t="shared" si="683"/>
        <v>45178.958333318667</v>
      </c>
    </row>
    <row r="6082" spans="2:14" x14ac:dyDescent="0.25">
      <c r="B6082">
        <f t="shared" si="677"/>
        <v>7</v>
      </c>
      <c r="C6082" s="16">
        <v>6048</v>
      </c>
      <c r="D6082" cm="1">
        <f t="array" ref="D6082">IFERROR(INDEX(Jesper!AH$2:AH$366,ROUNDDOWN($C6082/24,0)+1,1)*INDEX($D$3:$AA$30,INDEX(Jesper!$R$2:$R$366,ROW(INDEX(Jesper!AH$2:AH$366,ROUNDDOWN($C6082/24,0)+1,1))-1)+IF('Standard Profiles'!$G$18=$B$10,7,0)+IF('Standard Profiles'!$G$18=$B$17,14,0)+IF('Standard Profiles'!$G$18=$B$24,21,0),MOD($C6082,24)+1)/SUM(INDEX($D$3:$AA$30,INDEX(Jesper!$R$2:$R$366,ROW(INDEX(Jesper!AH$2:AH$366,ROUNDDOWN($C6082/24,0)+1,1))-1)+IF('Standard Profiles'!$G$18=$B$10,7,0)+IF('Standard Profiles'!$G$18=$B$17,14,0)+IF('Standard Profiles'!$G$18=$B$24,21,0),0)),0)</f>
        <v>0</v>
      </c>
      <c r="E6082" cm="1">
        <f t="array" ref="E6082">IFERROR(INDEX(Jesper!AI$2:AI$366,ROUNDDOWN($C6082/24,0)+1,1)*INDEX($D$3:$AA$30,INDEX(Jesper!$R$2:$R$366,ROW(INDEX(Jesper!AI$2:AI$366,ROUNDDOWN($C6082/24,0)+1,1))-1)+IF('Standard Profiles'!$G$19=$B$10,7,0)+IF('Standard Profiles'!$G$19=$B$17,14,0)+IF('Standard Profiles'!$G$19=$B$24,21,0),MOD($C6082,24)+1)/SUM(INDEX($D$3:$AA$30,INDEX(Jesper!$R$2:$R$366,ROW(INDEX(Jesper!AI$2:AI$366,ROUNDDOWN($C6082/24,0)+1,1))-1)+IF('Standard Profiles'!$G$19=$B$10,7,0)+IF('Standard Profiles'!$G$19=$B$17,14,0)+IF('Standard Profiles'!$G$19=$B$24,21,0),0)),0)</f>
        <v>2.709487192060716</v>
      </c>
      <c r="F6082" cm="1">
        <f t="array" ref="F6082">IFERROR(INDEX(Jesper!AJ$2:AJ$366,ROUNDDOWN($C6082/24,0)+1,1)*INDEX($D$3:$AA$30,INDEX(Jesper!$R$2:$R$366,ROW(INDEX(Jesper!AJ$2:AJ$366,ROUNDDOWN($C6082/24,0)+1,1))-1)+IF('Standard Profiles'!$G$20=$B$10,7,0)+IF('Standard Profiles'!$G$20=$B$17,14,0)+IF('Standard Profiles'!$G$20=$B$24,21,0),MOD($C6082,24)+1)/SUM(INDEX($D$3:$AA$30,INDEX(Jesper!$R$2:$R$366,ROW(INDEX(Jesper!AJ$2:AJ$366,ROUNDDOWN($C6082/24,0)+1,1))-1)+IF('Standard Profiles'!$G$20=$B$10,7,0)+IF('Standard Profiles'!$G$20=$B$17,14,0)+IF('Standard Profiles'!$G$20=$B$24,21,0),0)),0)</f>
        <v>1.030180516510615</v>
      </c>
      <c r="G6082" cm="1">
        <f t="array" ref="G6082">IFERROR(INDEX(Jesper!AK$2:AK$366,ROUNDDOWN($C6082/24,0)+1,1)*INDEX($D$3:$AA$30,INDEX(Jesper!$R$2:$R$366,ROW(INDEX(Jesper!AK$2:AK$366,ROUNDDOWN($C6082/24,0)+1,1))-1)+IF('Standard Profiles'!$G$21=$B$10,7,0)+IF('Standard Profiles'!$G$21=$B$17,14,0)+IF('Standard Profiles'!$G$21=$B$24,21,0),MOD($C6082,24)+1)/SUM(INDEX($D$3:$AA$30,INDEX(Jesper!$R$2:$R$366,ROW(INDEX(Jesper!AK$2:AK$366,ROUNDDOWN($C6082/24,0)+1,1))-1)+IF('Standard Profiles'!$G$21=$B$10,7,0)+IF('Standard Profiles'!$G$21=$B$17,14,0)+IF('Standard Profiles'!$G$21=$B$24,21,0),0)),0)</f>
        <v>0.49155890844165495</v>
      </c>
      <c r="H6082" cm="1">
        <f t="array" ref="H6082">IFERROR(INDEX(Jesper!AL$2:AL$366,ROUNDDOWN($C6082/24,0)+1,1)*INDEX($D$3:$AA$30,INDEX(Jesper!$R$2:$R$366,ROW(INDEX(Jesper!AL$2:AL$366,ROUNDDOWN($C6082/24,0)+1,1))-1)+IF('Standard Profiles'!$G$22=$B$10,7,0)+IF('Standard Profiles'!$G$22=$B$17,14,0)+IF('Standard Profiles'!$G$22=$B$24,21,0),MOD($C6082,24)+1)/SUM(INDEX($D$3:$AA$30,INDEX(Jesper!$R$2:$R$366,ROW(INDEX(Jesper!AL$2:AL$366,ROUNDDOWN($C6082/24,0)+1,1))-1)+IF('Standard Profiles'!$G$22=$B$10,7,0)+IF('Standard Profiles'!$G$22=$B$17,14,0)+IF('Standard Profiles'!$G$22=$B$24,21,0),0)),0)</f>
        <v>8.3789507039410294E-2</v>
      </c>
      <c r="I6082">
        <f t="shared" si="678"/>
        <v>8.0437926757833927E-2</v>
      </c>
      <c r="J6082">
        <f t="shared" si="679"/>
        <v>3.9094397342472766</v>
      </c>
      <c r="K6082">
        <f t="shared" si="680"/>
        <v>0.21675897536485728</v>
      </c>
      <c r="L6082">
        <f t="shared" si="681"/>
        <v>0.10837948768242864</v>
      </c>
      <c r="M6082">
        <f t="shared" si="682"/>
        <v>0</v>
      </c>
      <c r="N6082" s="45">
        <f t="shared" si="683"/>
        <v>45178.999999985332</v>
      </c>
    </row>
    <row r="6083" spans="2:14" x14ac:dyDescent="0.25">
      <c r="B6083">
        <f t="shared" si="677"/>
        <v>7</v>
      </c>
      <c r="C6083" s="16">
        <v>6049</v>
      </c>
      <c r="D6083" cm="1">
        <f t="array" ref="D6083">IFERROR(INDEX(Jesper!AH$2:AH$366,ROUNDDOWN($C6083/24,0)+1,1)*INDEX($D$3:$AA$30,INDEX(Jesper!$R$2:$R$366,ROW(INDEX(Jesper!AH$2:AH$366,ROUNDDOWN($C6083/24,0)+1,1))-1)+IF('Standard Profiles'!$G$18=$B$10,7,0)+IF('Standard Profiles'!$G$18=$B$17,14,0)+IF('Standard Profiles'!$G$18=$B$24,21,0),MOD($C6083,24)+1)/SUM(INDEX($D$3:$AA$30,INDEX(Jesper!$R$2:$R$366,ROW(INDEX(Jesper!AH$2:AH$366,ROUNDDOWN($C6083/24,0)+1,1))-1)+IF('Standard Profiles'!$G$18=$B$10,7,0)+IF('Standard Profiles'!$G$18=$B$17,14,0)+IF('Standard Profiles'!$G$18=$B$24,21,0),0)),0)</f>
        <v>0</v>
      </c>
      <c r="E6083" cm="1">
        <f t="array" ref="E6083">IFERROR(INDEX(Jesper!AI$2:AI$366,ROUNDDOWN($C6083/24,0)+1,1)*INDEX($D$3:$AA$30,INDEX(Jesper!$R$2:$R$366,ROW(INDEX(Jesper!AI$2:AI$366,ROUNDDOWN($C6083/24,0)+1,1))-1)+IF('Standard Profiles'!$G$19=$B$10,7,0)+IF('Standard Profiles'!$G$19=$B$17,14,0)+IF('Standard Profiles'!$G$19=$B$24,21,0),MOD($C6083,24)+1)/SUM(INDEX($D$3:$AA$30,INDEX(Jesper!$R$2:$R$366,ROW(INDEX(Jesper!AI$2:AI$366,ROUNDDOWN($C6083/24,0)+1,1))-1)+IF('Standard Profiles'!$G$19=$B$10,7,0)+IF('Standard Profiles'!$G$19=$B$17,14,0)+IF('Standard Profiles'!$G$19=$B$24,21,0),0)),0)</f>
        <v>2.709487192060716</v>
      </c>
      <c r="F6083" cm="1">
        <f t="array" ref="F6083">IFERROR(INDEX(Jesper!AJ$2:AJ$366,ROUNDDOWN($C6083/24,0)+1,1)*INDEX($D$3:$AA$30,INDEX(Jesper!$R$2:$R$366,ROW(INDEX(Jesper!AJ$2:AJ$366,ROUNDDOWN($C6083/24,0)+1,1))-1)+IF('Standard Profiles'!$G$20=$B$10,7,0)+IF('Standard Profiles'!$G$20=$B$17,14,0)+IF('Standard Profiles'!$G$20=$B$24,21,0),MOD($C6083,24)+1)/SUM(INDEX($D$3:$AA$30,INDEX(Jesper!$R$2:$R$366,ROW(INDEX(Jesper!AJ$2:AJ$366,ROUNDDOWN($C6083/24,0)+1,1))-1)+IF('Standard Profiles'!$G$20=$B$10,7,0)+IF('Standard Profiles'!$G$20=$B$17,14,0)+IF('Standard Profiles'!$G$20=$B$24,21,0),0)),0)</f>
        <v>1.030180516510615</v>
      </c>
      <c r="G6083" cm="1">
        <f t="array" ref="G6083">IFERROR(INDEX(Jesper!AK$2:AK$366,ROUNDDOWN($C6083/24,0)+1,1)*INDEX($D$3:$AA$30,INDEX(Jesper!$R$2:$R$366,ROW(INDEX(Jesper!AK$2:AK$366,ROUNDDOWN($C6083/24,0)+1,1))-1)+IF('Standard Profiles'!$G$21=$B$10,7,0)+IF('Standard Profiles'!$G$21=$B$17,14,0)+IF('Standard Profiles'!$G$21=$B$24,21,0),MOD($C6083,24)+1)/SUM(INDEX($D$3:$AA$30,INDEX(Jesper!$R$2:$R$366,ROW(INDEX(Jesper!AK$2:AK$366,ROUNDDOWN($C6083/24,0)+1,1))-1)+IF('Standard Profiles'!$G$21=$B$10,7,0)+IF('Standard Profiles'!$G$21=$B$17,14,0)+IF('Standard Profiles'!$G$21=$B$24,21,0),0)),0)</f>
        <v>0.49155890844165495</v>
      </c>
      <c r="H6083" cm="1">
        <f t="array" ref="H6083">IFERROR(INDEX(Jesper!AL$2:AL$366,ROUNDDOWN($C6083/24,0)+1,1)*INDEX($D$3:$AA$30,INDEX(Jesper!$R$2:$R$366,ROW(INDEX(Jesper!AL$2:AL$366,ROUNDDOWN($C6083/24,0)+1,1))-1)+IF('Standard Profiles'!$G$22=$B$10,7,0)+IF('Standard Profiles'!$G$22=$B$17,14,0)+IF('Standard Profiles'!$G$22=$B$24,21,0),MOD($C6083,24)+1)/SUM(INDEX($D$3:$AA$30,INDEX(Jesper!$R$2:$R$366,ROW(INDEX(Jesper!AL$2:AL$366,ROUNDDOWN($C6083/24,0)+1,1))-1)+IF('Standard Profiles'!$G$22=$B$10,7,0)+IF('Standard Profiles'!$G$22=$B$17,14,0)+IF('Standard Profiles'!$G$22=$B$24,21,0),0)),0)</f>
        <v>9.7303943658670011E-2</v>
      </c>
      <c r="I6083">
        <f t="shared" si="678"/>
        <v>9.3411785912323256E-2</v>
      </c>
      <c r="J6083">
        <f t="shared" si="679"/>
        <v>3.9099803117120469</v>
      </c>
      <c r="K6083">
        <f t="shared" si="680"/>
        <v>0.21675897536485728</v>
      </c>
      <c r="L6083">
        <f t="shared" si="681"/>
        <v>0.10837948768242864</v>
      </c>
      <c r="M6083">
        <f t="shared" si="682"/>
        <v>0</v>
      </c>
      <c r="N6083" s="45">
        <f t="shared" si="683"/>
        <v>45179.041666651996</v>
      </c>
    </row>
    <row r="6084" spans="2:14" x14ac:dyDescent="0.25">
      <c r="B6084">
        <f t="shared" si="677"/>
        <v>7</v>
      </c>
      <c r="C6084" s="16">
        <v>6050</v>
      </c>
      <c r="D6084" cm="1">
        <f t="array" ref="D6084">IFERROR(INDEX(Jesper!AH$2:AH$366,ROUNDDOWN($C6084/24,0)+1,1)*INDEX($D$3:$AA$30,INDEX(Jesper!$R$2:$R$366,ROW(INDEX(Jesper!AH$2:AH$366,ROUNDDOWN($C6084/24,0)+1,1))-1)+IF('Standard Profiles'!$G$18=$B$10,7,0)+IF('Standard Profiles'!$G$18=$B$17,14,0)+IF('Standard Profiles'!$G$18=$B$24,21,0),MOD($C6084,24)+1)/SUM(INDEX($D$3:$AA$30,INDEX(Jesper!$R$2:$R$366,ROW(INDEX(Jesper!AH$2:AH$366,ROUNDDOWN($C6084/24,0)+1,1))-1)+IF('Standard Profiles'!$G$18=$B$10,7,0)+IF('Standard Profiles'!$G$18=$B$17,14,0)+IF('Standard Profiles'!$G$18=$B$24,21,0),0)),0)</f>
        <v>0</v>
      </c>
      <c r="E6084" cm="1">
        <f t="array" ref="E6084">IFERROR(INDEX(Jesper!AI$2:AI$366,ROUNDDOWN($C6084/24,0)+1,1)*INDEX($D$3:$AA$30,INDEX(Jesper!$R$2:$R$366,ROW(INDEX(Jesper!AI$2:AI$366,ROUNDDOWN($C6084/24,0)+1,1))-1)+IF('Standard Profiles'!$G$19=$B$10,7,0)+IF('Standard Profiles'!$G$19=$B$17,14,0)+IF('Standard Profiles'!$G$19=$B$24,21,0),MOD($C6084,24)+1)/SUM(INDEX($D$3:$AA$30,INDEX(Jesper!$R$2:$R$366,ROW(INDEX(Jesper!AI$2:AI$366,ROUNDDOWN($C6084/24,0)+1,1))-1)+IF('Standard Profiles'!$G$19=$B$10,7,0)+IF('Standard Profiles'!$G$19=$B$17,14,0)+IF('Standard Profiles'!$G$19=$B$24,21,0),0)),0)</f>
        <v>2.709487192060716</v>
      </c>
      <c r="F6084" cm="1">
        <f t="array" ref="F6084">IFERROR(INDEX(Jesper!AJ$2:AJ$366,ROUNDDOWN($C6084/24,0)+1,1)*INDEX($D$3:$AA$30,INDEX(Jesper!$R$2:$R$366,ROW(INDEX(Jesper!AJ$2:AJ$366,ROUNDDOWN($C6084/24,0)+1,1))-1)+IF('Standard Profiles'!$G$20=$B$10,7,0)+IF('Standard Profiles'!$G$20=$B$17,14,0)+IF('Standard Profiles'!$G$20=$B$24,21,0),MOD($C6084,24)+1)/SUM(INDEX($D$3:$AA$30,INDEX(Jesper!$R$2:$R$366,ROW(INDEX(Jesper!AJ$2:AJ$366,ROUNDDOWN($C6084/24,0)+1,1))-1)+IF('Standard Profiles'!$G$20=$B$10,7,0)+IF('Standard Profiles'!$G$20=$B$17,14,0)+IF('Standard Profiles'!$G$20=$B$24,21,0),0)),0)</f>
        <v>1.030180516510615</v>
      </c>
      <c r="G6084" cm="1">
        <f t="array" ref="G6084">IFERROR(INDEX(Jesper!AK$2:AK$366,ROUNDDOWN($C6084/24,0)+1,1)*INDEX($D$3:$AA$30,INDEX(Jesper!$R$2:$R$366,ROW(INDEX(Jesper!AK$2:AK$366,ROUNDDOWN($C6084/24,0)+1,1))-1)+IF('Standard Profiles'!$G$21=$B$10,7,0)+IF('Standard Profiles'!$G$21=$B$17,14,0)+IF('Standard Profiles'!$G$21=$B$24,21,0),MOD($C6084,24)+1)/SUM(INDEX($D$3:$AA$30,INDEX(Jesper!$R$2:$R$366,ROW(INDEX(Jesper!AK$2:AK$366,ROUNDDOWN($C6084/24,0)+1,1))-1)+IF('Standard Profiles'!$G$21=$B$10,7,0)+IF('Standard Profiles'!$G$21=$B$17,14,0)+IF('Standard Profiles'!$G$21=$B$24,21,0),0)),0)</f>
        <v>0.49155890844165495</v>
      </c>
      <c r="H6084" cm="1">
        <f t="array" ref="H6084">IFERROR(INDEX(Jesper!AL$2:AL$366,ROUNDDOWN($C6084/24,0)+1,1)*INDEX($D$3:$AA$30,INDEX(Jesper!$R$2:$R$366,ROW(INDEX(Jesper!AL$2:AL$366,ROUNDDOWN($C6084/24,0)+1,1))-1)+IF('Standard Profiles'!$G$22=$B$10,7,0)+IF('Standard Profiles'!$G$22=$B$17,14,0)+IF('Standard Profiles'!$G$22=$B$24,21,0),MOD($C6084,24)+1)/SUM(INDEX($D$3:$AA$30,INDEX(Jesper!$R$2:$R$366,ROW(INDEX(Jesper!AL$2:AL$366,ROUNDDOWN($C6084/24,0)+1,1))-1)+IF('Standard Profiles'!$G$22=$B$10,7,0)+IF('Standard Profiles'!$G$22=$B$17,14,0)+IF('Standard Profiles'!$G$22=$B$24,21,0),0)),0)</f>
        <v>9.7303943658670011E-2</v>
      </c>
      <c r="I6084">
        <f t="shared" si="678"/>
        <v>9.3411785912323256E-2</v>
      </c>
      <c r="J6084">
        <f t="shared" si="679"/>
        <v>3.9099803117120469</v>
      </c>
      <c r="K6084">
        <f t="shared" si="680"/>
        <v>0.21675897536485728</v>
      </c>
      <c r="L6084">
        <f t="shared" si="681"/>
        <v>0.10837948768242864</v>
      </c>
      <c r="M6084">
        <f t="shared" si="682"/>
        <v>0</v>
      </c>
      <c r="N6084" s="45">
        <f t="shared" si="683"/>
        <v>45179.08333331866</v>
      </c>
    </row>
    <row r="6085" spans="2:14" x14ac:dyDescent="0.25">
      <c r="B6085">
        <f t="shared" si="677"/>
        <v>7</v>
      </c>
      <c r="C6085" s="16">
        <v>6051</v>
      </c>
      <c r="D6085" cm="1">
        <f t="array" ref="D6085">IFERROR(INDEX(Jesper!AH$2:AH$366,ROUNDDOWN($C6085/24,0)+1,1)*INDEX($D$3:$AA$30,INDEX(Jesper!$R$2:$R$366,ROW(INDEX(Jesper!AH$2:AH$366,ROUNDDOWN($C6085/24,0)+1,1))-1)+IF('Standard Profiles'!$G$18=$B$10,7,0)+IF('Standard Profiles'!$G$18=$B$17,14,0)+IF('Standard Profiles'!$G$18=$B$24,21,0),MOD($C6085,24)+1)/SUM(INDEX($D$3:$AA$30,INDEX(Jesper!$R$2:$R$366,ROW(INDEX(Jesper!AH$2:AH$366,ROUNDDOWN($C6085/24,0)+1,1))-1)+IF('Standard Profiles'!$G$18=$B$10,7,0)+IF('Standard Profiles'!$G$18=$B$17,14,0)+IF('Standard Profiles'!$G$18=$B$24,21,0),0)),0)</f>
        <v>0</v>
      </c>
      <c r="E6085" cm="1">
        <f t="array" ref="E6085">IFERROR(INDEX(Jesper!AI$2:AI$366,ROUNDDOWN($C6085/24,0)+1,1)*INDEX($D$3:$AA$30,INDEX(Jesper!$R$2:$R$366,ROW(INDEX(Jesper!AI$2:AI$366,ROUNDDOWN($C6085/24,0)+1,1))-1)+IF('Standard Profiles'!$G$19=$B$10,7,0)+IF('Standard Profiles'!$G$19=$B$17,14,0)+IF('Standard Profiles'!$G$19=$B$24,21,0),MOD($C6085,24)+1)/SUM(INDEX($D$3:$AA$30,INDEX(Jesper!$R$2:$R$366,ROW(INDEX(Jesper!AI$2:AI$366,ROUNDDOWN($C6085/24,0)+1,1))-1)+IF('Standard Profiles'!$G$19=$B$10,7,0)+IF('Standard Profiles'!$G$19=$B$17,14,0)+IF('Standard Profiles'!$G$19=$B$24,21,0),0)),0)</f>
        <v>2.709487192060716</v>
      </c>
      <c r="F6085" cm="1">
        <f t="array" ref="F6085">IFERROR(INDEX(Jesper!AJ$2:AJ$366,ROUNDDOWN($C6085/24,0)+1,1)*INDEX($D$3:$AA$30,INDEX(Jesper!$R$2:$R$366,ROW(INDEX(Jesper!AJ$2:AJ$366,ROUNDDOWN($C6085/24,0)+1,1))-1)+IF('Standard Profiles'!$G$20=$B$10,7,0)+IF('Standard Profiles'!$G$20=$B$17,14,0)+IF('Standard Profiles'!$G$20=$B$24,21,0),MOD($C6085,24)+1)/SUM(INDEX($D$3:$AA$30,INDEX(Jesper!$R$2:$R$366,ROW(INDEX(Jesper!AJ$2:AJ$366,ROUNDDOWN($C6085/24,0)+1,1))-1)+IF('Standard Profiles'!$G$20=$B$10,7,0)+IF('Standard Profiles'!$G$20=$B$17,14,0)+IF('Standard Profiles'!$G$20=$B$24,21,0),0)),0)</f>
        <v>1.030180516510615</v>
      </c>
      <c r="G6085" cm="1">
        <f t="array" ref="G6085">IFERROR(INDEX(Jesper!AK$2:AK$366,ROUNDDOWN($C6085/24,0)+1,1)*INDEX($D$3:$AA$30,INDEX(Jesper!$R$2:$R$366,ROW(INDEX(Jesper!AK$2:AK$366,ROUNDDOWN($C6085/24,0)+1,1))-1)+IF('Standard Profiles'!$G$21=$B$10,7,0)+IF('Standard Profiles'!$G$21=$B$17,14,0)+IF('Standard Profiles'!$G$21=$B$24,21,0),MOD($C6085,24)+1)/SUM(INDEX($D$3:$AA$30,INDEX(Jesper!$R$2:$R$366,ROW(INDEX(Jesper!AK$2:AK$366,ROUNDDOWN($C6085/24,0)+1,1))-1)+IF('Standard Profiles'!$G$21=$B$10,7,0)+IF('Standard Profiles'!$G$21=$B$17,14,0)+IF('Standard Profiles'!$G$21=$B$24,21,0),0)),0)</f>
        <v>0.49155890844165495</v>
      </c>
      <c r="H6085" cm="1">
        <f t="array" ref="H6085">IFERROR(INDEX(Jesper!AL$2:AL$366,ROUNDDOWN($C6085/24,0)+1,1)*INDEX($D$3:$AA$30,INDEX(Jesper!$R$2:$R$366,ROW(INDEX(Jesper!AL$2:AL$366,ROUNDDOWN($C6085/24,0)+1,1))-1)+IF('Standard Profiles'!$G$22=$B$10,7,0)+IF('Standard Profiles'!$G$22=$B$17,14,0)+IF('Standard Profiles'!$G$22=$B$24,21,0),MOD($C6085,24)+1)/SUM(INDEX($D$3:$AA$30,INDEX(Jesper!$R$2:$R$366,ROW(INDEX(Jesper!AL$2:AL$366,ROUNDDOWN($C6085/24,0)+1,1))-1)+IF('Standard Profiles'!$G$22=$B$10,7,0)+IF('Standard Profiles'!$G$22=$B$17,14,0)+IF('Standard Profiles'!$G$22=$B$24,21,0),0)),0)</f>
        <v>9.7303943658670011E-2</v>
      </c>
      <c r="I6085">
        <f t="shared" si="678"/>
        <v>9.3411785912323256E-2</v>
      </c>
      <c r="J6085">
        <f t="shared" si="679"/>
        <v>3.9099803117120469</v>
      </c>
      <c r="K6085">
        <f t="shared" si="680"/>
        <v>0.21675897536485728</v>
      </c>
      <c r="L6085">
        <f t="shared" si="681"/>
        <v>0.10837948768242864</v>
      </c>
      <c r="M6085">
        <f t="shared" si="682"/>
        <v>0</v>
      </c>
      <c r="N6085" s="45">
        <f t="shared" si="683"/>
        <v>45179.124999985324</v>
      </c>
    </row>
    <row r="6086" spans="2:14" x14ac:dyDescent="0.25">
      <c r="B6086">
        <f t="shared" si="677"/>
        <v>7</v>
      </c>
      <c r="C6086" s="16">
        <v>6052</v>
      </c>
      <c r="D6086" cm="1">
        <f t="array" ref="D6086">IFERROR(INDEX(Jesper!AH$2:AH$366,ROUNDDOWN($C6086/24,0)+1,1)*INDEX($D$3:$AA$30,INDEX(Jesper!$R$2:$R$366,ROW(INDEX(Jesper!AH$2:AH$366,ROUNDDOWN($C6086/24,0)+1,1))-1)+IF('Standard Profiles'!$G$18=$B$10,7,0)+IF('Standard Profiles'!$G$18=$B$17,14,0)+IF('Standard Profiles'!$G$18=$B$24,21,0),MOD($C6086,24)+1)/SUM(INDEX($D$3:$AA$30,INDEX(Jesper!$R$2:$R$366,ROW(INDEX(Jesper!AH$2:AH$366,ROUNDDOWN($C6086/24,0)+1,1))-1)+IF('Standard Profiles'!$G$18=$B$10,7,0)+IF('Standard Profiles'!$G$18=$B$17,14,0)+IF('Standard Profiles'!$G$18=$B$24,21,0),0)),0)</f>
        <v>0</v>
      </c>
      <c r="E6086" cm="1">
        <f t="array" ref="E6086">IFERROR(INDEX(Jesper!AI$2:AI$366,ROUNDDOWN($C6086/24,0)+1,1)*INDEX($D$3:$AA$30,INDEX(Jesper!$R$2:$R$366,ROW(INDEX(Jesper!AI$2:AI$366,ROUNDDOWN($C6086/24,0)+1,1))-1)+IF('Standard Profiles'!$G$19=$B$10,7,0)+IF('Standard Profiles'!$G$19=$B$17,14,0)+IF('Standard Profiles'!$G$19=$B$24,21,0),MOD($C6086,24)+1)/SUM(INDEX($D$3:$AA$30,INDEX(Jesper!$R$2:$R$366,ROW(INDEX(Jesper!AI$2:AI$366,ROUNDDOWN($C6086/24,0)+1,1))-1)+IF('Standard Profiles'!$G$19=$B$10,7,0)+IF('Standard Profiles'!$G$19=$B$17,14,0)+IF('Standard Profiles'!$G$19=$B$24,21,0),0)),0)</f>
        <v>2.709487192060716</v>
      </c>
      <c r="F6086" cm="1">
        <f t="array" ref="F6086">IFERROR(INDEX(Jesper!AJ$2:AJ$366,ROUNDDOWN($C6086/24,0)+1,1)*INDEX($D$3:$AA$30,INDEX(Jesper!$R$2:$R$366,ROW(INDEX(Jesper!AJ$2:AJ$366,ROUNDDOWN($C6086/24,0)+1,1))-1)+IF('Standard Profiles'!$G$20=$B$10,7,0)+IF('Standard Profiles'!$G$20=$B$17,14,0)+IF('Standard Profiles'!$G$20=$B$24,21,0),MOD($C6086,24)+1)/SUM(INDEX($D$3:$AA$30,INDEX(Jesper!$R$2:$R$366,ROW(INDEX(Jesper!AJ$2:AJ$366,ROUNDDOWN($C6086/24,0)+1,1))-1)+IF('Standard Profiles'!$G$20=$B$10,7,0)+IF('Standard Profiles'!$G$20=$B$17,14,0)+IF('Standard Profiles'!$G$20=$B$24,21,0),0)),0)</f>
        <v>1.030180516510615</v>
      </c>
      <c r="G6086" cm="1">
        <f t="array" ref="G6086">IFERROR(INDEX(Jesper!AK$2:AK$366,ROUNDDOWN($C6086/24,0)+1,1)*INDEX($D$3:$AA$30,INDEX(Jesper!$R$2:$R$366,ROW(INDEX(Jesper!AK$2:AK$366,ROUNDDOWN($C6086/24,0)+1,1))-1)+IF('Standard Profiles'!$G$21=$B$10,7,0)+IF('Standard Profiles'!$G$21=$B$17,14,0)+IF('Standard Profiles'!$G$21=$B$24,21,0),MOD($C6086,24)+1)/SUM(INDEX($D$3:$AA$30,INDEX(Jesper!$R$2:$R$366,ROW(INDEX(Jesper!AK$2:AK$366,ROUNDDOWN($C6086/24,0)+1,1))-1)+IF('Standard Profiles'!$G$21=$B$10,7,0)+IF('Standard Profiles'!$G$21=$B$17,14,0)+IF('Standard Profiles'!$G$21=$B$24,21,0),0)),0)</f>
        <v>0.49155890844165495</v>
      </c>
      <c r="H6086" cm="1">
        <f t="array" ref="H6086">IFERROR(INDEX(Jesper!AL$2:AL$366,ROUNDDOWN($C6086/24,0)+1,1)*INDEX($D$3:$AA$30,INDEX(Jesper!$R$2:$R$366,ROW(INDEX(Jesper!AL$2:AL$366,ROUNDDOWN($C6086/24,0)+1,1))-1)+IF('Standard Profiles'!$G$22=$B$10,7,0)+IF('Standard Profiles'!$G$22=$B$17,14,0)+IF('Standard Profiles'!$G$22=$B$24,21,0),MOD($C6086,24)+1)/SUM(INDEX($D$3:$AA$30,INDEX(Jesper!$R$2:$R$366,ROW(INDEX(Jesper!AL$2:AL$366,ROUNDDOWN($C6086/24,0)+1,1))-1)+IF('Standard Profiles'!$G$22=$B$10,7,0)+IF('Standard Profiles'!$G$22=$B$17,14,0)+IF('Standard Profiles'!$G$22=$B$24,21,0),0)),0)</f>
        <v>9.7303943658670011E-2</v>
      </c>
      <c r="I6086">
        <f t="shared" si="678"/>
        <v>9.3411785912323256E-2</v>
      </c>
      <c r="J6086">
        <f t="shared" si="679"/>
        <v>3.9099803117120469</v>
      </c>
      <c r="K6086">
        <f t="shared" si="680"/>
        <v>0.21675897536485728</v>
      </c>
      <c r="L6086">
        <f t="shared" si="681"/>
        <v>0.10837948768242864</v>
      </c>
      <c r="M6086">
        <f t="shared" si="682"/>
        <v>0</v>
      </c>
      <c r="N6086" s="45">
        <f t="shared" si="683"/>
        <v>45179.166666651989</v>
      </c>
    </row>
    <row r="6087" spans="2:14" x14ac:dyDescent="0.25">
      <c r="B6087">
        <f t="shared" si="677"/>
        <v>7</v>
      </c>
      <c r="C6087" s="16">
        <v>6053</v>
      </c>
      <c r="D6087" cm="1">
        <f t="array" ref="D6087">IFERROR(INDEX(Jesper!AH$2:AH$366,ROUNDDOWN($C6087/24,0)+1,1)*INDEX($D$3:$AA$30,INDEX(Jesper!$R$2:$R$366,ROW(INDEX(Jesper!AH$2:AH$366,ROUNDDOWN($C6087/24,0)+1,1))-1)+IF('Standard Profiles'!$G$18=$B$10,7,0)+IF('Standard Profiles'!$G$18=$B$17,14,0)+IF('Standard Profiles'!$G$18=$B$24,21,0),MOD($C6087,24)+1)/SUM(INDEX($D$3:$AA$30,INDEX(Jesper!$R$2:$R$366,ROW(INDEX(Jesper!AH$2:AH$366,ROUNDDOWN($C6087/24,0)+1,1))-1)+IF('Standard Profiles'!$G$18=$B$10,7,0)+IF('Standard Profiles'!$G$18=$B$17,14,0)+IF('Standard Profiles'!$G$18=$B$24,21,0),0)),0)</f>
        <v>0</v>
      </c>
      <c r="E6087" cm="1">
        <f t="array" ref="E6087">IFERROR(INDEX(Jesper!AI$2:AI$366,ROUNDDOWN($C6087/24,0)+1,1)*INDEX($D$3:$AA$30,INDEX(Jesper!$R$2:$R$366,ROW(INDEX(Jesper!AI$2:AI$366,ROUNDDOWN($C6087/24,0)+1,1))-1)+IF('Standard Profiles'!$G$19=$B$10,7,0)+IF('Standard Profiles'!$G$19=$B$17,14,0)+IF('Standard Profiles'!$G$19=$B$24,21,0),MOD($C6087,24)+1)/SUM(INDEX($D$3:$AA$30,INDEX(Jesper!$R$2:$R$366,ROW(INDEX(Jesper!AI$2:AI$366,ROUNDDOWN($C6087/24,0)+1,1))-1)+IF('Standard Profiles'!$G$19=$B$10,7,0)+IF('Standard Profiles'!$G$19=$B$17,14,0)+IF('Standard Profiles'!$G$19=$B$24,21,0),0)),0)</f>
        <v>2.709487192060716</v>
      </c>
      <c r="F6087" cm="1">
        <f t="array" ref="F6087">IFERROR(INDEX(Jesper!AJ$2:AJ$366,ROUNDDOWN($C6087/24,0)+1,1)*INDEX($D$3:$AA$30,INDEX(Jesper!$R$2:$R$366,ROW(INDEX(Jesper!AJ$2:AJ$366,ROUNDDOWN($C6087/24,0)+1,1))-1)+IF('Standard Profiles'!$G$20=$B$10,7,0)+IF('Standard Profiles'!$G$20=$B$17,14,0)+IF('Standard Profiles'!$G$20=$B$24,21,0),MOD($C6087,24)+1)/SUM(INDEX($D$3:$AA$30,INDEX(Jesper!$R$2:$R$366,ROW(INDEX(Jesper!AJ$2:AJ$366,ROUNDDOWN($C6087/24,0)+1,1))-1)+IF('Standard Profiles'!$G$20=$B$10,7,0)+IF('Standard Profiles'!$G$20=$B$17,14,0)+IF('Standard Profiles'!$G$20=$B$24,21,0),0)),0)</f>
        <v>1.030180516510615</v>
      </c>
      <c r="G6087" cm="1">
        <f t="array" ref="G6087">IFERROR(INDEX(Jesper!AK$2:AK$366,ROUNDDOWN($C6087/24,0)+1,1)*INDEX($D$3:$AA$30,INDEX(Jesper!$R$2:$R$366,ROW(INDEX(Jesper!AK$2:AK$366,ROUNDDOWN($C6087/24,0)+1,1))-1)+IF('Standard Profiles'!$G$21=$B$10,7,0)+IF('Standard Profiles'!$G$21=$B$17,14,0)+IF('Standard Profiles'!$G$21=$B$24,21,0),MOD($C6087,24)+1)/SUM(INDEX($D$3:$AA$30,INDEX(Jesper!$R$2:$R$366,ROW(INDEX(Jesper!AK$2:AK$366,ROUNDDOWN($C6087/24,0)+1,1))-1)+IF('Standard Profiles'!$G$21=$B$10,7,0)+IF('Standard Profiles'!$G$21=$B$17,14,0)+IF('Standard Profiles'!$G$21=$B$24,21,0),0)),0)</f>
        <v>0.49155890844165495</v>
      </c>
      <c r="H6087" cm="1">
        <f t="array" ref="H6087">IFERROR(INDEX(Jesper!AL$2:AL$366,ROUNDDOWN($C6087/24,0)+1,1)*INDEX($D$3:$AA$30,INDEX(Jesper!$R$2:$R$366,ROW(INDEX(Jesper!AL$2:AL$366,ROUNDDOWN($C6087/24,0)+1,1))-1)+IF('Standard Profiles'!$G$22=$B$10,7,0)+IF('Standard Profiles'!$G$22=$B$17,14,0)+IF('Standard Profiles'!$G$22=$B$24,21,0),MOD($C6087,24)+1)/SUM(INDEX($D$3:$AA$30,INDEX(Jesper!$R$2:$R$366,ROW(INDEX(Jesper!AL$2:AL$366,ROUNDDOWN($C6087/24,0)+1,1))-1)+IF('Standard Profiles'!$G$22=$B$10,7,0)+IF('Standard Profiles'!$G$22=$B$17,14,0)+IF('Standard Profiles'!$G$22=$B$24,21,0),0)),0)</f>
        <v>0.12162992957333751</v>
      </c>
      <c r="I6087">
        <f t="shared" si="678"/>
        <v>0.11676473239040408</v>
      </c>
      <c r="J6087">
        <f t="shared" si="679"/>
        <v>3.9109533511486334</v>
      </c>
      <c r="K6087">
        <f t="shared" si="680"/>
        <v>0.21675897536485728</v>
      </c>
      <c r="L6087">
        <f t="shared" si="681"/>
        <v>0.10837948768242864</v>
      </c>
      <c r="M6087">
        <f t="shared" si="682"/>
        <v>0</v>
      </c>
      <c r="N6087" s="45">
        <f t="shared" si="683"/>
        <v>45179.208333318653</v>
      </c>
    </row>
    <row r="6088" spans="2:14" x14ac:dyDescent="0.25">
      <c r="B6088">
        <f t="shared" si="677"/>
        <v>7</v>
      </c>
      <c r="C6088" s="16">
        <v>6054</v>
      </c>
      <c r="D6088" cm="1">
        <f t="array" ref="D6088">IFERROR(INDEX(Jesper!AH$2:AH$366,ROUNDDOWN($C6088/24,0)+1,1)*INDEX($D$3:$AA$30,INDEX(Jesper!$R$2:$R$366,ROW(INDEX(Jesper!AH$2:AH$366,ROUNDDOWN($C6088/24,0)+1,1))-1)+IF('Standard Profiles'!$G$18=$B$10,7,0)+IF('Standard Profiles'!$G$18=$B$17,14,0)+IF('Standard Profiles'!$G$18=$B$24,21,0),MOD($C6088,24)+1)/SUM(INDEX($D$3:$AA$30,INDEX(Jesper!$R$2:$R$366,ROW(INDEX(Jesper!AH$2:AH$366,ROUNDDOWN($C6088/24,0)+1,1))-1)+IF('Standard Profiles'!$G$18=$B$10,7,0)+IF('Standard Profiles'!$G$18=$B$17,14,0)+IF('Standard Profiles'!$G$18=$B$24,21,0),0)),0)</f>
        <v>0</v>
      </c>
      <c r="E6088" cm="1">
        <f t="array" ref="E6088">IFERROR(INDEX(Jesper!AI$2:AI$366,ROUNDDOWN($C6088/24,0)+1,1)*INDEX($D$3:$AA$30,INDEX(Jesper!$R$2:$R$366,ROW(INDEX(Jesper!AI$2:AI$366,ROUNDDOWN($C6088/24,0)+1,1))-1)+IF('Standard Profiles'!$G$19=$B$10,7,0)+IF('Standard Profiles'!$G$19=$B$17,14,0)+IF('Standard Profiles'!$G$19=$B$24,21,0),MOD($C6088,24)+1)/SUM(INDEX($D$3:$AA$30,INDEX(Jesper!$R$2:$R$366,ROW(INDEX(Jesper!AI$2:AI$366,ROUNDDOWN($C6088/24,0)+1,1))-1)+IF('Standard Profiles'!$G$19=$B$10,7,0)+IF('Standard Profiles'!$G$19=$B$17,14,0)+IF('Standard Profiles'!$G$19=$B$24,21,0),0)),0)</f>
        <v>2.709487192060716</v>
      </c>
      <c r="F6088" cm="1">
        <f t="array" ref="F6088">IFERROR(INDEX(Jesper!AJ$2:AJ$366,ROUNDDOWN($C6088/24,0)+1,1)*INDEX($D$3:$AA$30,INDEX(Jesper!$R$2:$R$366,ROW(INDEX(Jesper!AJ$2:AJ$366,ROUNDDOWN($C6088/24,0)+1,1))-1)+IF('Standard Profiles'!$G$20=$B$10,7,0)+IF('Standard Profiles'!$G$20=$B$17,14,0)+IF('Standard Profiles'!$G$20=$B$24,21,0),MOD($C6088,24)+1)/SUM(INDEX($D$3:$AA$30,INDEX(Jesper!$R$2:$R$366,ROW(INDEX(Jesper!AJ$2:AJ$366,ROUNDDOWN($C6088/24,0)+1,1))-1)+IF('Standard Profiles'!$G$20=$B$10,7,0)+IF('Standard Profiles'!$G$20=$B$17,14,0)+IF('Standard Profiles'!$G$20=$B$24,21,0),0)),0)</f>
        <v>1.030180516510615</v>
      </c>
      <c r="G6088" cm="1">
        <f t="array" ref="G6088">IFERROR(INDEX(Jesper!AK$2:AK$366,ROUNDDOWN($C6088/24,0)+1,1)*INDEX($D$3:$AA$30,INDEX(Jesper!$R$2:$R$366,ROW(INDEX(Jesper!AK$2:AK$366,ROUNDDOWN($C6088/24,0)+1,1))-1)+IF('Standard Profiles'!$G$21=$B$10,7,0)+IF('Standard Profiles'!$G$21=$B$17,14,0)+IF('Standard Profiles'!$G$21=$B$24,21,0),MOD($C6088,24)+1)/SUM(INDEX($D$3:$AA$30,INDEX(Jesper!$R$2:$R$366,ROW(INDEX(Jesper!AK$2:AK$366,ROUNDDOWN($C6088/24,0)+1,1))-1)+IF('Standard Profiles'!$G$21=$B$10,7,0)+IF('Standard Profiles'!$G$21=$B$17,14,0)+IF('Standard Profiles'!$G$21=$B$24,21,0),0)),0)</f>
        <v>0.49155890844165495</v>
      </c>
      <c r="H6088" cm="1">
        <f t="array" ref="H6088">IFERROR(INDEX(Jesper!AL$2:AL$366,ROUNDDOWN($C6088/24,0)+1,1)*INDEX($D$3:$AA$30,INDEX(Jesper!$R$2:$R$366,ROW(INDEX(Jesper!AL$2:AL$366,ROUNDDOWN($C6088/24,0)+1,1))-1)+IF('Standard Profiles'!$G$22=$B$10,7,0)+IF('Standard Profiles'!$G$22=$B$17,14,0)+IF('Standard Profiles'!$G$22=$B$24,21,0),MOD($C6088,24)+1)/SUM(INDEX($D$3:$AA$30,INDEX(Jesper!$R$2:$R$366,ROW(INDEX(Jesper!AL$2:AL$366,ROUNDDOWN($C6088/24,0)+1,1))-1)+IF('Standard Profiles'!$G$22=$B$10,7,0)+IF('Standard Profiles'!$G$22=$B$17,14,0)+IF('Standard Profiles'!$G$22=$B$24,21,0),0)),0)</f>
        <v>0.14325302816415308</v>
      </c>
      <c r="I6088">
        <f t="shared" si="678"/>
        <v>0.13752290703758704</v>
      </c>
      <c r="J6088">
        <f t="shared" si="679"/>
        <v>3.9118182750922661</v>
      </c>
      <c r="K6088">
        <f t="shared" si="680"/>
        <v>0.21675897536485728</v>
      </c>
      <c r="L6088">
        <f t="shared" si="681"/>
        <v>0.10837948768242864</v>
      </c>
      <c r="M6088">
        <f t="shared" si="682"/>
        <v>0</v>
      </c>
      <c r="N6088" s="45">
        <f t="shared" si="683"/>
        <v>45179.249999985317</v>
      </c>
    </row>
    <row r="6089" spans="2:14" x14ac:dyDescent="0.25">
      <c r="B6089">
        <f t="shared" si="677"/>
        <v>7</v>
      </c>
      <c r="C6089" s="16">
        <v>6055</v>
      </c>
      <c r="D6089" cm="1">
        <f t="array" ref="D6089">IFERROR(INDEX(Jesper!AH$2:AH$366,ROUNDDOWN($C6089/24,0)+1,1)*INDEX($D$3:$AA$30,INDEX(Jesper!$R$2:$R$366,ROW(INDEX(Jesper!AH$2:AH$366,ROUNDDOWN($C6089/24,0)+1,1))-1)+IF('Standard Profiles'!$G$18=$B$10,7,0)+IF('Standard Profiles'!$G$18=$B$17,14,0)+IF('Standard Profiles'!$G$18=$B$24,21,0),MOD($C6089,24)+1)/SUM(INDEX($D$3:$AA$30,INDEX(Jesper!$R$2:$R$366,ROW(INDEX(Jesper!AH$2:AH$366,ROUNDDOWN($C6089/24,0)+1,1))-1)+IF('Standard Profiles'!$G$18=$B$10,7,0)+IF('Standard Profiles'!$G$18=$B$17,14,0)+IF('Standard Profiles'!$G$18=$B$24,21,0),0)),0)</f>
        <v>0</v>
      </c>
      <c r="E6089" cm="1">
        <f t="array" ref="E6089">IFERROR(INDEX(Jesper!AI$2:AI$366,ROUNDDOWN($C6089/24,0)+1,1)*INDEX($D$3:$AA$30,INDEX(Jesper!$R$2:$R$366,ROW(INDEX(Jesper!AI$2:AI$366,ROUNDDOWN($C6089/24,0)+1,1))-1)+IF('Standard Profiles'!$G$19=$B$10,7,0)+IF('Standard Profiles'!$G$19=$B$17,14,0)+IF('Standard Profiles'!$G$19=$B$24,21,0),MOD($C6089,24)+1)/SUM(INDEX($D$3:$AA$30,INDEX(Jesper!$R$2:$R$366,ROW(INDEX(Jesper!AI$2:AI$366,ROUNDDOWN($C6089/24,0)+1,1))-1)+IF('Standard Profiles'!$G$19=$B$10,7,0)+IF('Standard Profiles'!$G$19=$B$17,14,0)+IF('Standard Profiles'!$G$19=$B$24,21,0),0)),0)</f>
        <v>2.709487192060716</v>
      </c>
      <c r="F6089" cm="1">
        <f t="array" ref="F6089">IFERROR(INDEX(Jesper!AJ$2:AJ$366,ROUNDDOWN($C6089/24,0)+1,1)*INDEX($D$3:$AA$30,INDEX(Jesper!$R$2:$R$366,ROW(INDEX(Jesper!AJ$2:AJ$366,ROUNDDOWN($C6089/24,0)+1,1))-1)+IF('Standard Profiles'!$G$20=$B$10,7,0)+IF('Standard Profiles'!$G$20=$B$17,14,0)+IF('Standard Profiles'!$G$20=$B$24,21,0),MOD($C6089,24)+1)/SUM(INDEX($D$3:$AA$30,INDEX(Jesper!$R$2:$R$366,ROW(INDEX(Jesper!AJ$2:AJ$366,ROUNDDOWN($C6089/24,0)+1,1))-1)+IF('Standard Profiles'!$G$20=$B$10,7,0)+IF('Standard Profiles'!$G$20=$B$17,14,0)+IF('Standard Profiles'!$G$20=$B$24,21,0),0)),0)</f>
        <v>1.030180516510615</v>
      </c>
      <c r="G6089" cm="1">
        <f t="array" ref="G6089">IFERROR(INDEX(Jesper!AK$2:AK$366,ROUNDDOWN($C6089/24,0)+1,1)*INDEX($D$3:$AA$30,INDEX(Jesper!$R$2:$R$366,ROW(INDEX(Jesper!AK$2:AK$366,ROUNDDOWN($C6089/24,0)+1,1))-1)+IF('Standard Profiles'!$G$21=$B$10,7,0)+IF('Standard Profiles'!$G$21=$B$17,14,0)+IF('Standard Profiles'!$G$21=$B$24,21,0),MOD($C6089,24)+1)/SUM(INDEX($D$3:$AA$30,INDEX(Jesper!$R$2:$R$366,ROW(INDEX(Jesper!AK$2:AK$366,ROUNDDOWN($C6089/24,0)+1,1))-1)+IF('Standard Profiles'!$G$21=$B$10,7,0)+IF('Standard Profiles'!$G$21=$B$17,14,0)+IF('Standard Profiles'!$G$21=$B$24,21,0),0)),0)</f>
        <v>0.49155890844165495</v>
      </c>
      <c r="H6089" cm="1">
        <f t="array" ref="H6089">IFERROR(INDEX(Jesper!AL$2:AL$366,ROUNDDOWN($C6089/24,0)+1,1)*INDEX($D$3:$AA$30,INDEX(Jesper!$R$2:$R$366,ROW(INDEX(Jesper!AL$2:AL$366,ROUNDDOWN($C6089/24,0)+1,1))-1)+IF('Standard Profiles'!$G$22=$B$10,7,0)+IF('Standard Profiles'!$G$22=$B$17,14,0)+IF('Standard Profiles'!$G$22=$B$24,21,0),MOD($C6089,24)+1)/SUM(INDEX($D$3:$AA$30,INDEX(Jesper!$R$2:$R$366,ROW(INDEX(Jesper!AL$2:AL$366,ROUNDDOWN($C6089/24,0)+1,1))-1)+IF('Standard Profiles'!$G$22=$B$10,7,0)+IF('Standard Profiles'!$G$22=$B$17,14,0)+IF('Standard Profiles'!$G$22=$B$24,21,0),0)),0)</f>
        <v>0.17028190140267255</v>
      </c>
      <c r="I6089">
        <f t="shared" si="678"/>
        <v>0.16347062534656573</v>
      </c>
      <c r="J6089">
        <f t="shared" si="679"/>
        <v>3.912899430021807</v>
      </c>
      <c r="K6089">
        <f t="shared" si="680"/>
        <v>0.21675897536485728</v>
      </c>
      <c r="L6089">
        <f t="shared" si="681"/>
        <v>0.10837948768242864</v>
      </c>
      <c r="M6089">
        <f t="shared" si="682"/>
        <v>0</v>
      </c>
      <c r="N6089" s="45">
        <f t="shared" si="683"/>
        <v>45179.291666651981</v>
      </c>
    </row>
    <row r="6090" spans="2:14" x14ac:dyDescent="0.25">
      <c r="B6090">
        <f t="shared" si="677"/>
        <v>7</v>
      </c>
      <c r="C6090" s="16">
        <v>6056</v>
      </c>
      <c r="D6090" cm="1">
        <f t="array" ref="D6090">IFERROR(INDEX(Jesper!AH$2:AH$366,ROUNDDOWN($C6090/24,0)+1,1)*INDEX($D$3:$AA$30,INDEX(Jesper!$R$2:$R$366,ROW(INDEX(Jesper!AH$2:AH$366,ROUNDDOWN($C6090/24,0)+1,1))-1)+IF('Standard Profiles'!$G$18=$B$10,7,0)+IF('Standard Profiles'!$G$18=$B$17,14,0)+IF('Standard Profiles'!$G$18=$B$24,21,0),MOD($C6090,24)+1)/SUM(INDEX($D$3:$AA$30,INDEX(Jesper!$R$2:$R$366,ROW(INDEX(Jesper!AH$2:AH$366,ROUNDDOWN($C6090/24,0)+1,1))-1)+IF('Standard Profiles'!$G$18=$B$10,7,0)+IF('Standard Profiles'!$G$18=$B$17,14,0)+IF('Standard Profiles'!$G$18=$B$24,21,0),0)),0)</f>
        <v>0</v>
      </c>
      <c r="E6090" cm="1">
        <f t="array" ref="E6090">IFERROR(INDEX(Jesper!AI$2:AI$366,ROUNDDOWN($C6090/24,0)+1,1)*INDEX($D$3:$AA$30,INDEX(Jesper!$R$2:$R$366,ROW(INDEX(Jesper!AI$2:AI$366,ROUNDDOWN($C6090/24,0)+1,1))-1)+IF('Standard Profiles'!$G$19=$B$10,7,0)+IF('Standard Profiles'!$G$19=$B$17,14,0)+IF('Standard Profiles'!$G$19=$B$24,21,0),MOD($C6090,24)+1)/SUM(INDEX($D$3:$AA$30,INDEX(Jesper!$R$2:$R$366,ROW(INDEX(Jesper!AI$2:AI$366,ROUNDDOWN($C6090/24,0)+1,1))-1)+IF('Standard Profiles'!$G$19=$B$10,7,0)+IF('Standard Profiles'!$G$19=$B$17,14,0)+IF('Standard Profiles'!$G$19=$B$24,21,0),0)),0)</f>
        <v>2.709487192060716</v>
      </c>
      <c r="F6090" cm="1">
        <f t="array" ref="F6090">IFERROR(INDEX(Jesper!AJ$2:AJ$366,ROUNDDOWN($C6090/24,0)+1,1)*INDEX($D$3:$AA$30,INDEX(Jesper!$R$2:$R$366,ROW(INDEX(Jesper!AJ$2:AJ$366,ROUNDDOWN($C6090/24,0)+1,1))-1)+IF('Standard Profiles'!$G$20=$B$10,7,0)+IF('Standard Profiles'!$G$20=$B$17,14,0)+IF('Standard Profiles'!$G$20=$B$24,21,0),MOD($C6090,24)+1)/SUM(INDEX($D$3:$AA$30,INDEX(Jesper!$R$2:$R$366,ROW(INDEX(Jesper!AJ$2:AJ$366,ROUNDDOWN($C6090/24,0)+1,1))-1)+IF('Standard Profiles'!$G$20=$B$10,7,0)+IF('Standard Profiles'!$G$20=$B$17,14,0)+IF('Standard Profiles'!$G$20=$B$24,21,0),0)),0)</f>
        <v>1.030180516510615</v>
      </c>
      <c r="G6090" cm="1">
        <f t="array" ref="G6090">IFERROR(INDEX(Jesper!AK$2:AK$366,ROUNDDOWN($C6090/24,0)+1,1)*INDEX($D$3:$AA$30,INDEX(Jesper!$R$2:$R$366,ROW(INDEX(Jesper!AK$2:AK$366,ROUNDDOWN($C6090/24,0)+1,1))-1)+IF('Standard Profiles'!$G$21=$B$10,7,0)+IF('Standard Profiles'!$G$21=$B$17,14,0)+IF('Standard Profiles'!$G$21=$B$24,21,0),MOD($C6090,24)+1)/SUM(INDEX($D$3:$AA$30,INDEX(Jesper!$R$2:$R$366,ROW(INDEX(Jesper!AK$2:AK$366,ROUNDDOWN($C6090/24,0)+1,1))-1)+IF('Standard Profiles'!$G$21=$B$10,7,0)+IF('Standard Profiles'!$G$21=$B$17,14,0)+IF('Standard Profiles'!$G$21=$B$24,21,0),0)),0)</f>
        <v>0.49155890844165495</v>
      </c>
      <c r="H6090" cm="1">
        <f t="array" ref="H6090">IFERROR(INDEX(Jesper!AL$2:AL$366,ROUNDDOWN($C6090/24,0)+1,1)*INDEX($D$3:$AA$30,INDEX(Jesper!$R$2:$R$366,ROW(INDEX(Jesper!AL$2:AL$366,ROUNDDOWN($C6090/24,0)+1,1))-1)+IF('Standard Profiles'!$G$22=$B$10,7,0)+IF('Standard Profiles'!$G$22=$B$17,14,0)+IF('Standard Profiles'!$G$22=$B$24,21,0),MOD($C6090,24)+1)/SUM(INDEX($D$3:$AA$30,INDEX(Jesper!$R$2:$R$366,ROW(INDEX(Jesper!AL$2:AL$366,ROUNDDOWN($C6090/24,0)+1,1))-1)+IF('Standard Profiles'!$G$22=$B$10,7,0)+IF('Standard Profiles'!$G$22=$B$17,14,0)+IF('Standard Profiles'!$G$22=$B$24,21,0),0)),0)</f>
        <v>0.17028190140267255</v>
      </c>
      <c r="I6090">
        <f t="shared" si="678"/>
        <v>0.16347062534656573</v>
      </c>
      <c r="J6090">
        <f t="shared" si="679"/>
        <v>3.912899430021807</v>
      </c>
      <c r="K6090">
        <f t="shared" si="680"/>
        <v>0.21675897536485728</v>
      </c>
      <c r="L6090">
        <f t="shared" si="681"/>
        <v>0.10837948768242864</v>
      </c>
      <c r="M6090">
        <f t="shared" si="682"/>
        <v>0</v>
      </c>
      <c r="N6090" s="45">
        <f t="shared" si="683"/>
        <v>45179.333333318646</v>
      </c>
    </row>
    <row r="6091" spans="2:14" x14ac:dyDescent="0.25">
      <c r="B6091">
        <f t="shared" si="677"/>
        <v>7</v>
      </c>
      <c r="C6091" s="16">
        <v>6057</v>
      </c>
      <c r="D6091" cm="1">
        <f t="array" ref="D6091">IFERROR(INDEX(Jesper!AH$2:AH$366,ROUNDDOWN($C6091/24,0)+1,1)*INDEX($D$3:$AA$30,INDEX(Jesper!$R$2:$R$366,ROW(INDEX(Jesper!AH$2:AH$366,ROUNDDOWN($C6091/24,0)+1,1))-1)+IF('Standard Profiles'!$G$18=$B$10,7,0)+IF('Standard Profiles'!$G$18=$B$17,14,0)+IF('Standard Profiles'!$G$18=$B$24,21,0),MOD($C6091,24)+1)/SUM(INDEX($D$3:$AA$30,INDEX(Jesper!$R$2:$R$366,ROW(INDEX(Jesper!AH$2:AH$366,ROUNDDOWN($C6091/24,0)+1,1))-1)+IF('Standard Profiles'!$G$18=$B$10,7,0)+IF('Standard Profiles'!$G$18=$B$17,14,0)+IF('Standard Profiles'!$G$18=$B$24,21,0),0)),0)</f>
        <v>0</v>
      </c>
      <c r="E6091" cm="1">
        <f t="array" ref="E6091">IFERROR(INDEX(Jesper!AI$2:AI$366,ROUNDDOWN($C6091/24,0)+1,1)*INDEX($D$3:$AA$30,INDEX(Jesper!$R$2:$R$366,ROW(INDEX(Jesper!AI$2:AI$366,ROUNDDOWN($C6091/24,0)+1,1))-1)+IF('Standard Profiles'!$G$19=$B$10,7,0)+IF('Standard Profiles'!$G$19=$B$17,14,0)+IF('Standard Profiles'!$G$19=$B$24,21,0),MOD($C6091,24)+1)/SUM(INDEX($D$3:$AA$30,INDEX(Jesper!$R$2:$R$366,ROW(INDEX(Jesper!AI$2:AI$366,ROUNDDOWN($C6091/24,0)+1,1))-1)+IF('Standard Profiles'!$G$19=$B$10,7,0)+IF('Standard Profiles'!$G$19=$B$17,14,0)+IF('Standard Profiles'!$G$19=$B$24,21,0),0)),0)</f>
        <v>2.709487192060716</v>
      </c>
      <c r="F6091" cm="1">
        <f t="array" ref="F6091">IFERROR(INDEX(Jesper!AJ$2:AJ$366,ROUNDDOWN($C6091/24,0)+1,1)*INDEX($D$3:$AA$30,INDEX(Jesper!$R$2:$R$366,ROW(INDEX(Jesper!AJ$2:AJ$366,ROUNDDOWN($C6091/24,0)+1,1))-1)+IF('Standard Profiles'!$G$20=$B$10,7,0)+IF('Standard Profiles'!$G$20=$B$17,14,0)+IF('Standard Profiles'!$G$20=$B$24,21,0),MOD($C6091,24)+1)/SUM(INDEX($D$3:$AA$30,INDEX(Jesper!$R$2:$R$366,ROW(INDEX(Jesper!AJ$2:AJ$366,ROUNDDOWN($C6091/24,0)+1,1))-1)+IF('Standard Profiles'!$G$20=$B$10,7,0)+IF('Standard Profiles'!$G$20=$B$17,14,0)+IF('Standard Profiles'!$G$20=$B$24,21,0),0)),0)</f>
        <v>1.030180516510615</v>
      </c>
      <c r="G6091" cm="1">
        <f t="array" ref="G6091">IFERROR(INDEX(Jesper!AK$2:AK$366,ROUNDDOWN($C6091/24,0)+1,1)*INDEX($D$3:$AA$30,INDEX(Jesper!$R$2:$R$366,ROW(INDEX(Jesper!AK$2:AK$366,ROUNDDOWN($C6091/24,0)+1,1))-1)+IF('Standard Profiles'!$G$21=$B$10,7,0)+IF('Standard Profiles'!$G$21=$B$17,14,0)+IF('Standard Profiles'!$G$21=$B$24,21,0),MOD($C6091,24)+1)/SUM(INDEX($D$3:$AA$30,INDEX(Jesper!$R$2:$R$366,ROW(INDEX(Jesper!AK$2:AK$366,ROUNDDOWN($C6091/24,0)+1,1))-1)+IF('Standard Profiles'!$G$21=$B$10,7,0)+IF('Standard Profiles'!$G$21=$B$17,14,0)+IF('Standard Profiles'!$G$21=$B$24,21,0),0)),0)</f>
        <v>0.49155890844165495</v>
      </c>
      <c r="H6091" cm="1">
        <f t="array" ref="H6091">IFERROR(INDEX(Jesper!AL$2:AL$366,ROUNDDOWN($C6091/24,0)+1,1)*INDEX($D$3:$AA$30,INDEX(Jesper!$R$2:$R$366,ROW(INDEX(Jesper!AL$2:AL$366,ROUNDDOWN($C6091/24,0)+1,1))-1)+IF('Standard Profiles'!$G$22=$B$10,7,0)+IF('Standard Profiles'!$G$22=$B$17,14,0)+IF('Standard Profiles'!$G$22=$B$24,21,0),MOD($C6091,24)+1)/SUM(INDEX($D$3:$AA$30,INDEX(Jesper!$R$2:$R$366,ROW(INDEX(Jesper!AL$2:AL$366,ROUNDDOWN($C6091/24,0)+1,1))-1)+IF('Standard Profiles'!$G$22=$B$10,7,0)+IF('Standard Profiles'!$G$22=$B$17,14,0)+IF('Standard Profiles'!$G$22=$B$24,21,0),0)),0)</f>
        <v>0.17028190140267255</v>
      </c>
      <c r="I6091">
        <f t="shared" si="678"/>
        <v>0.16347062534656573</v>
      </c>
      <c r="J6091">
        <f t="shared" si="679"/>
        <v>3.912899430021807</v>
      </c>
      <c r="K6091">
        <f t="shared" si="680"/>
        <v>0.21675897536485728</v>
      </c>
      <c r="L6091">
        <f t="shared" si="681"/>
        <v>0.10837948768242864</v>
      </c>
      <c r="M6091">
        <f t="shared" si="682"/>
        <v>0</v>
      </c>
      <c r="N6091" s="45">
        <f t="shared" si="683"/>
        <v>45179.37499998531</v>
      </c>
    </row>
    <row r="6092" spans="2:14" x14ac:dyDescent="0.25">
      <c r="B6092">
        <f t="shared" si="677"/>
        <v>7</v>
      </c>
      <c r="C6092" s="16">
        <v>6058</v>
      </c>
      <c r="D6092" cm="1">
        <f t="array" ref="D6092">IFERROR(INDEX(Jesper!AH$2:AH$366,ROUNDDOWN($C6092/24,0)+1,1)*INDEX($D$3:$AA$30,INDEX(Jesper!$R$2:$R$366,ROW(INDEX(Jesper!AH$2:AH$366,ROUNDDOWN($C6092/24,0)+1,1))-1)+IF('Standard Profiles'!$G$18=$B$10,7,0)+IF('Standard Profiles'!$G$18=$B$17,14,0)+IF('Standard Profiles'!$G$18=$B$24,21,0),MOD($C6092,24)+1)/SUM(INDEX($D$3:$AA$30,INDEX(Jesper!$R$2:$R$366,ROW(INDEX(Jesper!AH$2:AH$366,ROUNDDOWN($C6092/24,0)+1,1))-1)+IF('Standard Profiles'!$G$18=$B$10,7,0)+IF('Standard Profiles'!$G$18=$B$17,14,0)+IF('Standard Profiles'!$G$18=$B$24,21,0),0)),0)</f>
        <v>0</v>
      </c>
      <c r="E6092" cm="1">
        <f t="array" ref="E6092">IFERROR(INDEX(Jesper!AI$2:AI$366,ROUNDDOWN($C6092/24,0)+1,1)*INDEX($D$3:$AA$30,INDEX(Jesper!$R$2:$R$366,ROW(INDEX(Jesper!AI$2:AI$366,ROUNDDOWN($C6092/24,0)+1,1))-1)+IF('Standard Profiles'!$G$19=$B$10,7,0)+IF('Standard Profiles'!$G$19=$B$17,14,0)+IF('Standard Profiles'!$G$19=$B$24,21,0),MOD($C6092,24)+1)/SUM(INDEX($D$3:$AA$30,INDEX(Jesper!$R$2:$R$366,ROW(INDEX(Jesper!AI$2:AI$366,ROUNDDOWN($C6092/24,0)+1,1))-1)+IF('Standard Profiles'!$G$19=$B$10,7,0)+IF('Standard Profiles'!$G$19=$B$17,14,0)+IF('Standard Profiles'!$G$19=$B$24,21,0),0)),0)</f>
        <v>2.709487192060716</v>
      </c>
      <c r="F6092" cm="1">
        <f t="array" ref="F6092">IFERROR(INDEX(Jesper!AJ$2:AJ$366,ROUNDDOWN($C6092/24,0)+1,1)*INDEX($D$3:$AA$30,INDEX(Jesper!$R$2:$R$366,ROW(INDEX(Jesper!AJ$2:AJ$366,ROUNDDOWN($C6092/24,0)+1,1))-1)+IF('Standard Profiles'!$G$20=$B$10,7,0)+IF('Standard Profiles'!$G$20=$B$17,14,0)+IF('Standard Profiles'!$G$20=$B$24,21,0),MOD($C6092,24)+1)/SUM(INDEX($D$3:$AA$30,INDEX(Jesper!$R$2:$R$366,ROW(INDEX(Jesper!AJ$2:AJ$366,ROUNDDOWN($C6092/24,0)+1,1))-1)+IF('Standard Profiles'!$G$20=$B$10,7,0)+IF('Standard Profiles'!$G$20=$B$17,14,0)+IF('Standard Profiles'!$G$20=$B$24,21,0),0)),0)</f>
        <v>1.030180516510615</v>
      </c>
      <c r="G6092" cm="1">
        <f t="array" ref="G6092">IFERROR(INDEX(Jesper!AK$2:AK$366,ROUNDDOWN($C6092/24,0)+1,1)*INDEX($D$3:$AA$30,INDEX(Jesper!$R$2:$R$366,ROW(INDEX(Jesper!AK$2:AK$366,ROUNDDOWN($C6092/24,0)+1,1))-1)+IF('Standard Profiles'!$G$21=$B$10,7,0)+IF('Standard Profiles'!$G$21=$B$17,14,0)+IF('Standard Profiles'!$G$21=$B$24,21,0),MOD($C6092,24)+1)/SUM(INDEX($D$3:$AA$30,INDEX(Jesper!$R$2:$R$366,ROW(INDEX(Jesper!AK$2:AK$366,ROUNDDOWN($C6092/24,0)+1,1))-1)+IF('Standard Profiles'!$G$21=$B$10,7,0)+IF('Standard Profiles'!$G$21=$B$17,14,0)+IF('Standard Profiles'!$G$21=$B$24,21,0),0)),0)</f>
        <v>0.49155890844165495</v>
      </c>
      <c r="H6092" cm="1">
        <f t="array" ref="H6092">IFERROR(INDEX(Jesper!AL$2:AL$366,ROUNDDOWN($C6092/24,0)+1,1)*INDEX($D$3:$AA$30,INDEX(Jesper!$R$2:$R$366,ROW(INDEX(Jesper!AL$2:AL$366,ROUNDDOWN($C6092/24,0)+1,1))-1)+IF('Standard Profiles'!$G$22=$B$10,7,0)+IF('Standard Profiles'!$G$22=$B$17,14,0)+IF('Standard Profiles'!$G$22=$B$24,21,0),MOD($C6092,24)+1)/SUM(INDEX($D$3:$AA$30,INDEX(Jesper!$R$2:$R$366,ROW(INDEX(Jesper!AL$2:AL$366,ROUNDDOWN($C6092/24,0)+1,1))-1)+IF('Standard Profiles'!$G$22=$B$10,7,0)+IF('Standard Profiles'!$G$22=$B$17,14,0)+IF('Standard Profiles'!$G$22=$B$24,21,0),0)),0)</f>
        <v>0.17028190140267255</v>
      </c>
      <c r="I6092">
        <f t="shared" si="678"/>
        <v>0.16347062534656573</v>
      </c>
      <c r="J6092">
        <f t="shared" si="679"/>
        <v>3.912899430021807</v>
      </c>
      <c r="K6092">
        <f t="shared" si="680"/>
        <v>0.21675897536485728</v>
      </c>
      <c r="L6092">
        <f t="shared" si="681"/>
        <v>0.10837948768242864</v>
      </c>
      <c r="M6092">
        <f t="shared" si="682"/>
        <v>0</v>
      </c>
      <c r="N6092" s="45">
        <f t="shared" si="683"/>
        <v>45179.416666651974</v>
      </c>
    </row>
    <row r="6093" spans="2:14" x14ac:dyDescent="0.25">
      <c r="B6093">
        <f t="shared" si="677"/>
        <v>7</v>
      </c>
      <c r="C6093" s="16">
        <v>6059</v>
      </c>
      <c r="D6093" cm="1">
        <f t="array" ref="D6093">IFERROR(INDEX(Jesper!AH$2:AH$366,ROUNDDOWN($C6093/24,0)+1,1)*INDEX($D$3:$AA$30,INDEX(Jesper!$R$2:$R$366,ROW(INDEX(Jesper!AH$2:AH$366,ROUNDDOWN($C6093/24,0)+1,1))-1)+IF('Standard Profiles'!$G$18=$B$10,7,0)+IF('Standard Profiles'!$G$18=$B$17,14,0)+IF('Standard Profiles'!$G$18=$B$24,21,0),MOD($C6093,24)+1)/SUM(INDEX($D$3:$AA$30,INDEX(Jesper!$R$2:$R$366,ROW(INDEX(Jesper!AH$2:AH$366,ROUNDDOWN($C6093/24,0)+1,1))-1)+IF('Standard Profiles'!$G$18=$B$10,7,0)+IF('Standard Profiles'!$G$18=$B$17,14,0)+IF('Standard Profiles'!$G$18=$B$24,21,0),0)),0)</f>
        <v>0</v>
      </c>
      <c r="E6093" cm="1">
        <f t="array" ref="E6093">IFERROR(INDEX(Jesper!AI$2:AI$366,ROUNDDOWN($C6093/24,0)+1,1)*INDEX($D$3:$AA$30,INDEX(Jesper!$R$2:$R$366,ROW(INDEX(Jesper!AI$2:AI$366,ROUNDDOWN($C6093/24,0)+1,1))-1)+IF('Standard Profiles'!$G$19=$B$10,7,0)+IF('Standard Profiles'!$G$19=$B$17,14,0)+IF('Standard Profiles'!$G$19=$B$24,21,0),MOD($C6093,24)+1)/SUM(INDEX($D$3:$AA$30,INDEX(Jesper!$R$2:$R$366,ROW(INDEX(Jesper!AI$2:AI$366,ROUNDDOWN($C6093/24,0)+1,1))-1)+IF('Standard Profiles'!$G$19=$B$10,7,0)+IF('Standard Profiles'!$G$19=$B$17,14,0)+IF('Standard Profiles'!$G$19=$B$24,21,0),0)),0)</f>
        <v>2.709487192060716</v>
      </c>
      <c r="F6093" cm="1">
        <f t="array" ref="F6093">IFERROR(INDEX(Jesper!AJ$2:AJ$366,ROUNDDOWN($C6093/24,0)+1,1)*INDEX($D$3:$AA$30,INDEX(Jesper!$R$2:$R$366,ROW(INDEX(Jesper!AJ$2:AJ$366,ROUNDDOWN($C6093/24,0)+1,1))-1)+IF('Standard Profiles'!$G$20=$B$10,7,0)+IF('Standard Profiles'!$G$20=$B$17,14,0)+IF('Standard Profiles'!$G$20=$B$24,21,0),MOD($C6093,24)+1)/SUM(INDEX($D$3:$AA$30,INDEX(Jesper!$R$2:$R$366,ROW(INDEX(Jesper!AJ$2:AJ$366,ROUNDDOWN($C6093/24,0)+1,1))-1)+IF('Standard Profiles'!$G$20=$B$10,7,0)+IF('Standard Profiles'!$G$20=$B$17,14,0)+IF('Standard Profiles'!$G$20=$B$24,21,0),0)),0)</f>
        <v>1.030180516510615</v>
      </c>
      <c r="G6093" cm="1">
        <f t="array" ref="G6093">IFERROR(INDEX(Jesper!AK$2:AK$366,ROUNDDOWN($C6093/24,0)+1,1)*INDEX($D$3:$AA$30,INDEX(Jesper!$R$2:$R$366,ROW(INDEX(Jesper!AK$2:AK$366,ROUNDDOWN($C6093/24,0)+1,1))-1)+IF('Standard Profiles'!$G$21=$B$10,7,0)+IF('Standard Profiles'!$G$21=$B$17,14,0)+IF('Standard Profiles'!$G$21=$B$24,21,0),MOD($C6093,24)+1)/SUM(INDEX($D$3:$AA$30,INDEX(Jesper!$R$2:$R$366,ROW(INDEX(Jesper!AK$2:AK$366,ROUNDDOWN($C6093/24,0)+1,1))-1)+IF('Standard Profiles'!$G$21=$B$10,7,0)+IF('Standard Profiles'!$G$21=$B$17,14,0)+IF('Standard Profiles'!$G$21=$B$24,21,0),0)),0)</f>
        <v>0.49155890844165495</v>
      </c>
      <c r="H6093" cm="1">
        <f t="array" ref="H6093">IFERROR(INDEX(Jesper!AL$2:AL$366,ROUNDDOWN($C6093/24,0)+1,1)*INDEX($D$3:$AA$30,INDEX(Jesper!$R$2:$R$366,ROW(INDEX(Jesper!AL$2:AL$366,ROUNDDOWN($C6093/24,0)+1,1))-1)+IF('Standard Profiles'!$G$22=$B$10,7,0)+IF('Standard Profiles'!$G$22=$B$17,14,0)+IF('Standard Profiles'!$G$22=$B$24,21,0),MOD($C6093,24)+1)/SUM(INDEX($D$3:$AA$30,INDEX(Jesper!$R$2:$R$366,ROW(INDEX(Jesper!AL$2:AL$366,ROUNDDOWN($C6093/24,0)+1,1))-1)+IF('Standard Profiles'!$G$22=$B$10,7,0)+IF('Standard Profiles'!$G$22=$B$17,14,0)+IF('Standard Profiles'!$G$22=$B$24,21,0),0)),0)</f>
        <v>0.17028190140267255</v>
      </c>
      <c r="I6093">
        <f t="shared" si="678"/>
        <v>0.16347062534656573</v>
      </c>
      <c r="J6093">
        <f t="shared" si="679"/>
        <v>3.912899430021807</v>
      </c>
      <c r="K6093">
        <f t="shared" si="680"/>
        <v>0.21675897536485728</v>
      </c>
      <c r="L6093">
        <f t="shared" si="681"/>
        <v>0.10837948768242864</v>
      </c>
      <c r="M6093">
        <f t="shared" si="682"/>
        <v>0</v>
      </c>
      <c r="N6093" s="45">
        <f t="shared" si="683"/>
        <v>45179.458333318638</v>
      </c>
    </row>
    <row r="6094" spans="2:14" x14ac:dyDescent="0.25">
      <c r="B6094">
        <f t="shared" si="677"/>
        <v>7</v>
      </c>
      <c r="C6094" s="16">
        <v>6060</v>
      </c>
      <c r="D6094" cm="1">
        <f t="array" ref="D6094">IFERROR(INDEX(Jesper!AH$2:AH$366,ROUNDDOWN($C6094/24,0)+1,1)*INDEX($D$3:$AA$30,INDEX(Jesper!$R$2:$R$366,ROW(INDEX(Jesper!AH$2:AH$366,ROUNDDOWN($C6094/24,0)+1,1))-1)+IF('Standard Profiles'!$G$18=$B$10,7,0)+IF('Standard Profiles'!$G$18=$B$17,14,0)+IF('Standard Profiles'!$G$18=$B$24,21,0),MOD($C6094,24)+1)/SUM(INDEX($D$3:$AA$30,INDEX(Jesper!$R$2:$R$366,ROW(INDEX(Jesper!AH$2:AH$366,ROUNDDOWN($C6094/24,0)+1,1))-1)+IF('Standard Profiles'!$G$18=$B$10,7,0)+IF('Standard Profiles'!$G$18=$B$17,14,0)+IF('Standard Profiles'!$G$18=$B$24,21,0),0)),0)</f>
        <v>0</v>
      </c>
      <c r="E6094" cm="1">
        <f t="array" ref="E6094">IFERROR(INDEX(Jesper!AI$2:AI$366,ROUNDDOWN($C6094/24,0)+1,1)*INDEX($D$3:$AA$30,INDEX(Jesper!$R$2:$R$366,ROW(INDEX(Jesper!AI$2:AI$366,ROUNDDOWN($C6094/24,0)+1,1))-1)+IF('Standard Profiles'!$G$19=$B$10,7,0)+IF('Standard Profiles'!$G$19=$B$17,14,0)+IF('Standard Profiles'!$G$19=$B$24,21,0),MOD($C6094,24)+1)/SUM(INDEX($D$3:$AA$30,INDEX(Jesper!$R$2:$R$366,ROW(INDEX(Jesper!AI$2:AI$366,ROUNDDOWN($C6094/24,0)+1,1))-1)+IF('Standard Profiles'!$G$19=$B$10,7,0)+IF('Standard Profiles'!$G$19=$B$17,14,0)+IF('Standard Profiles'!$G$19=$B$24,21,0),0)),0)</f>
        <v>2.709487192060716</v>
      </c>
      <c r="F6094" cm="1">
        <f t="array" ref="F6094">IFERROR(INDEX(Jesper!AJ$2:AJ$366,ROUNDDOWN($C6094/24,0)+1,1)*INDEX($D$3:$AA$30,INDEX(Jesper!$R$2:$R$366,ROW(INDEX(Jesper!AJ$2:AJ$366,ROUNDDOWN($C6094/24,0)+1,1))-1)+IF('Standard Profiles'!$G$20=$B$10,7,0)+IF('Standard Profiles'!$G$20=$B$17,14,0)+IF('Standard Profiles'!$G$20=$B$24,21,0),MOD($C6094,24)+1)/SUM(INDEX($D$3:$AA$30,INDEX(Jesper!$R$2:$R$366,ROW(INDEX(Jesper!AJ$2:AJ$366,ROUNDDOWN($C6094/24,0)+1,1))-1)+IF('Standard Profiles'!$G$20=$B$10,7,0)+IF('Standard Profiles'!$G$20=$B$17,14,0)+IF('Standard Profiles'!$G$20=$B$24,21,0),0)),0)</f>
        <v>1.030180516510615</v>
      </c>
      <c r="G6094" cm="1">
        <f t="array" ref="G6094">IFERROR(INDEX(Jesper!AK$2:AK$366,ROUNDDOWN($C6094/24,0)+1,1)*INDEX($D$3:$AA$30,INDEX(Jesper!$R$2:$R$366,ROW(INDEX(Jesper!AK$2:AK$366,ROUNDDOWN($C6094/24,0)+1,1))-1)+IF('Standard Profiles'!$G$21=$B$10,7,0)+IF('Standard Profiles'!$G$21=$B$17,14,0)+IF('Standard Profiles'!$G$21=$B$24,21,0),MOD($C6094,24)+1)/SUM(INDEX($D$3:$AA$30,INDEX(Jesper!$R$2:$R$366,ROW(INDEX(Jesper!AK$2:AK$366,ROUNDDOWN($C6094/24,0)+1,1))-1)+IF('Standard Profiles'!$G$21=$B$10,7,0)+IF('Standard Profiles'!$G$21=$B$17,14,0)+IF('Standard Profiles'!$G$21=$B$24,21,0),0)),0)</f>
        <v>0.49155890844165495</v>
      </c>
      <c r="H6094" cm="1">
        <f t="array" ref="H6094">IFERROR(INDEX(Jesper!AL$2:AL$366,ROUNDDOWN($C6094/24,0)+1,1)*INDEX($D$3:$AA$30,INDEX(Jesper!$R$2:$R$366,ROW(INDEX(Jesper!AL$2:AL$366,ROUNDDOWN($C6094/24,0)+1,1))-1)+IF('Standard Profiles'!$G$22=$B$10,7,0)+IF('Standard Profiles'!$G$22=$B$17,14,0)+IF('Standard Profiles'!$G$22=$B$24,21,0),MOD($C6094,24)+1)/SUM(INDEX($D$3:$AA$30,INDEX(Jesper!$R$2:$R$366,ROW(INDEX(Jesper!AL$2:AL$366,ROUNDDOWN($C6094/24,0)+1,1))-1)+IF('Standard Profiles'!$G$22=$B$10,7,0)+IF('Standard Profiles'!$G$22=$B$17,14,0)+IF('Standard Profiles'!$G$22=$B$24,21,0),0)),0)</f>
        <v>0.17028190140267255</v>
      </c>
      <c r="I6094">
        <f t="shared" si="678"/>
        <v>0.16347062534656573</v>
      </c>
      <c r="J6094">
        <f t="shared" si="679"/>
        <v>3.912899430021807</v>
      </c>
      <c r="K6094">
        <f t="shared" si="680"/>
        <v>0.21675897536485728</v>
      </c>
      <c r="L6094">
        <f t="shared" si="681"/>
        <v>0.10837948768242864</v>
      </c>
      <c r="M6094">
        <f t="shared" si="682"/>
        <v>0</v>
      </c>
      <c r="N6094" s="45">
        <f t="shared" si="683"/>
        <v>45179.499999985303</v>
      </c>
    </row>
    <row r="6095" spans="2:14" x14ac:dyDescent="0.25">
      <c r="B6095">
        <f t="shared" si="677"/>
        <v>7</v>
      </c>
      <c r="C6095" s="16">
        <v>6061</v>
      </c>
      <c r="D6095" cm="1">
        <f t="array" ref="D6095">IFERROR(INDEX(Jesper!AH$2:AH$366,ROUNDDOWN($C6095/24,0)+1,1)*INDEX($D$3:$AA$30,INDEX(Jesper!$R$2:$R$366,ROW(INDEX(Jesper!AH$2:AH$366,ROUNDDOWN($C6095/24,0)+1,1))-1)+IF('Standard Profiles'!$G$18=$B$10,7,0)+IF('Standard Profiles'!$G$18=$B$17,14,0)+IF('Standard Profiles'!$G$18=$B$24,21,0),MOD($C6095,24)+1)/SUM(INDEX($D$3:$AA$30,INDEX(Jesper!$R$2:$R$366,ROW(INDEX(Jesper!AH$2:AH$366,ROUNDDOWN($C6095/24,0)+1,1))-1)+IF('Standard Profiles'!$G$18=$B$10,7,0)+IF('Standard Profiles'!$G$18=$B$17,14,0)+IF('Standard Profiles'!$G$18=$B$24,21,0),0)),0)</f>
        <v>0</v>
      </c>
      <c r="E6095" cm="1">
        <f t="array" ref="E6095">IFERROR(INDEX(Jesper!AI$2:AI$366,ROUNDDOWN($C6095/24,0)+1,1)*INDEX($D$3:$AA$30,INDEX(Jesper!$R$2:$R$366,ROW(INDEX(Jesper!AI$2:AI$366,ROUNDDOWN($C6095/24,0)+1,1))-1)+IF('Standard Profiles'!$G$19=$B$10,7,0)+IF('Standard Profiles'!$G$19=$B$17,14,0)+IF('Standard Profiles'!$G$19=$B$24,21,0),MOD($C6095,24)+1)/SUM(INDEX($D$3:$AA$30,INDEX(Jesper!$R$2:$R$366,ROW(INDEX(Jesper!AI$2:AI$366,ROUNDDOWN($C6095/24,0)+1,1))-1)+IF('Standard Profiles'!$G$19=$B$10,7,0)+IF('Standard Profiles'!$G$19=$B$17,14,0)+IF('Standard Profiles'!$G$19=$B$24,21,0),0)),0)</f>
        <v>2.709487192060716</v>
      </c>
      <c r="F6095" cm="1">
        <f t="array" ref="F6095">IFERROR(INDEX(Jesper!AJ$2:AJ$366,ROUNDDOWN($C6095/24,0)+1,1)*INDEX($D$3:$AA$30,INDEX(Jesper!$R$2:$R$366,ROW(INDEX(Jesper!AJ$2:AJ$366,ROUNDDOWN($C6095/24,0)+1,1))-1)+IF('Standard Profiles'!$G$20=$B$10,7,0)+IF('Standard Profiles'!$G$20=$B$17,14,0)+IF('Standard Profiles'!$G$20=$B$24,21,0),MOD($C6095,24)+1)/SUM(INDEX($D$3:$AA$30,INDEX(Jesper!$R$2:$R$366,ROW(INDEX(Jesper!AJ$2:AJ$366,ROUNDDOWN($C6095/24,0)+1,1))-1)+IF('Standard Profiles'!$G$20=$B$10,7,0)+IF('Standard Profiles'!$G$20=$B$17,14,0)+IF('Standard Profiles'!$G$20=$B$24,21,0),0)),0)</f>
        <v>1.030180516510615</v>
      </c>
      <c r="G6095" cm="1">
        <f t="array" ref="G6095">IFERROR(INDEX(Jesper!AK$2:AK$366,ROUNDDOWN($C6095/24,0)+1,1)*INDEX($D$3:$AA$30,INDEX(Jesper!$R$2:$R$366,ROW(INDEX(Jesper!AK$2:AK$366,ROUNDDOWN($C6095/24,0)+1,1))-1)+IF('Standard Profiles'!$G$21=$B$10,7,0)+IF('Standard Profiles'!$G$21=$B$17,14,0)+IF('Standard Profiles'!$G$21=$B$24,21,0),MOD($C6095,24)+1)/SUM(INDEX($D$3:$AA$30,INDEX(Jesper!$R$2:$R$366,ROW(INDEX(Jesper!AK$2:AK$366,ROUNDDOWN($C6095/24,0)+1,1))-1)+IF('Standard Profiles'!$G$21=$B$10,7,0)+IF('Standard Profiles'!$G$21=$B$17,14,0)+IF('Standard Profiles'!$G$21=$B$24,21,0),0)),0)</f>
        <v>0.49155890844165495</v>
      </c>
      <c r="H6095" cm="1">
        <f t="array" ref="H6095">IFERROR(INDEX(Jesper!AL$2:AL$366,ROUNDDOWN($C6095/24,0)+1,1)*INDEX($D$3:$AA$30,INDEX(Jesper!$R$2:$R$366,ROW(INDEX(Jesper!AL$2:AL$366,ROUNDDOWN($C6095/24,0)+1,1))-1)+IF('Standard Profiles'!$G$22=$B$10,7,0)+IF('Standard Profiles'!$G$22=$B$17,14,0)+IF('Standard Profiles'!$G$22=$B$24,21,0),MOD($C6095,24)+1)/SUM(INDEX($D$3:$AA$30,INDEX(Jesper!$R$2:$R$366,ROW(INDEX(Jesper!AL$2:AL$366,ROUNDDOWN($C6095/24,0)+1,1))-1)+IF('Standard Profiles'!$G$22=$B$10,7,0)+IF('Standard Profiles'!$G$22=$B$17,14,0)+IF('Standard Profiles'!$G$22=$B$24,21,0),0)),0)</f>
        <v>0.17028190140267255</v>
      </c>
      <c r="I6095">
        <f t="shared" si="678"/>
        <v>0.16347062534656573</v>
      </c>
      <c r="J6095">
        <f t="shared" si="679"/>
        <v>3.912899430021807</v>
      </c>
      <c r="K6095">
        <f t="shared" si="680"/>
        <v>0.21675897536485728</v>
      </c>
      <c r="L6095">
        <f t="shared" si="681"/>
        <v>0.10837948768242864</v>
      </c>
      <c r="M6095">
        <f t="shared" si="682"/>
        <v>0</v>
      </c>
      <c r="N6095" s="45">
        <f t="shared" si="683"/>
        <v>45179.541666651967</v>
      </c>
    </row>
    <row r="6096" spans="2:14" x14ac:dyDescent="0.25">
      <c r="B6096">
        <f t="shared" si="677"/>
        <v>7</v>
      </c>
      <c r="C6096" s="16">
        <v>6062</v>
      </c>
      <c r="D6096" cm="1">
        <f t="array" ref="D6096">IFERROR(INDEX(Jesper!AH$2:AH$366,ROUNDDOWN($C6096/24,0)+1,1)*INDEX($D$3:$AA$30,INDEX(Jesper!$R$2:$R$366,ROW(INDEX(Jesper!AH$2:AH$366,ROUNDDOWN($C6096/24,0)+1,1))-1)+IF('Standard Profiles'!$G$18=$B$10,7,0)+IF('Standard Profiles'!$G$18=$B$17,14,0)+IF('Standard Profiles'!$G$18=$B$24,21,0),MOD($C6096,24)+1)/SUM(INDEX($D$3:$AA$30,INDEX(Jesper!$R$2:$R$366,ROW(INDEX(Jesper!AH$2:AH$366,ROUNDDOWN($C6096/24,0)+1,1))-1)+IF('Standard Profiles'!$G$18=$B$10,7,0)+IF('Standard Profiles'!$G$18=$B$17,14,0)+IF('Standard Profiles'!$G$18=$B$24,21,0),0)),0)</f>
        <v>0</v>
      </c>
      <c r="E6096" cm="1">
        <f t="array" ref="E6096">IFERROR(INDEX(Jesper!AI$2:AI$366,ROUNDDOWN($C6096/24,0)+1,1)*INDEX($D$3:$AA$30,INDEX(Jesper!$R$2:$R$366,ROW(INDEX(Jesper!AI$2:AI$366,ROUNDDOWN($C6096/24,0)+1,1))-1)+IF('Standard Profiles'!$G$19=$B$10,7,0)+IF('Standard Profiles'!$G$19=$B$17,14,0)+IF('Standard Profiles'!$G$19=$B$24,21,0),MOD($C6096,24)+1)/SUM(INDEX($D$3:$AA$30,INDEX(Jesper!$R$2:$R$366,ROW(INDEX(Jesper!AI$2:AI$366,ROUNDDOWN($C6096/24,0)+1,1))-1)+IF('Standard Profiles'!$G$19=$B$10,7,0)+IF('Standard Profiles'!$G$19=$B$17,14,0)+IF('Standard Profiles'!$G$19=$B$24,21,0),0)),0)</f>
        <v>2.709487192060716</v>
      </c>
      <c r="F6096" cm="1">
        <f t="array" ref="F6096">IFERROR(INDEX(Jesper!AJ$2:AJ$366,ROUNDDOWN($C6096/24,0)+1,1)*INDEX($D$3:$AA$30,INDEX(Jesper!$R$2:$R$366,ROW(INDEX(Jesper!AJ$2:AJ$366,ROUNDDOWN($C6096/24,0)+1,1))-1)+IF('Standard Profiles'!$G$20=$B$10,7,0)+IF('Standard Profiles'!$G$20=$B$17,14,0)+IF('Standard Profiles'!$G$20=$B$24,21,0),MOD($C6096,24)+1)/SUM(INDEX($D$3:$AA$30,INDEX(Jesper!$R$2:$R$366,ROW(INDEX(Jesper!AJ$2:AJ$366,ROUNDDOWN($C6096/24,0)+1,1))-1)+IF('Standard Profiles'!$G$20=$B$10,7,0)+IF('Standard Profiles'!$G$20=$B$17,14,0)+IF('Standard Profiles'!$G$20=$B$24,21,0),0)),0)</f>
        <v>1.030180516510615</v>
      </c>
      <c r="G6096" cm="1">
        <f t="array" ref="G6096">IFERROR(INDEX(Jesper!AK$2:AK$366,ROUNDDOWN($C6096/24,0)+1,1)*INDEX($D$3:$AA$30,INDEX(Jesper!$R$2:$R$366,ROW(INDEX(Jesper!AK$2:AK$366,ROUNDDOWN($C6096/24,0)+1,1))-1)+IF('Standard Profiles'!$G$21=$B$10,7,0)+IF('Standard Profiles'!$G$21=$B$17,14,0)+IF('Standard Profiles'!$G$21=$B$24,21,0),MOD($C6096,24)+1)/SUM(INDEX($D$3:$AA$30,INDEX(Jesper!$R$2:$R$366,ROW(INDEX(Jesper!AK$2:AK$366,ROUNDDOWN($C6096/24,0)+1,1))-1)+IF('Standard Profiles'!$G$21=$B$10,7,0)+IF('Standard Profiles'!$G$21=$B$17,14,0)+IF('Standard Profiles'!$G$21=$B$24,21,0),0)),0)</f>
        <v>0.49155890844165495</v>
      </c>
      <c r="H6096" cm="1">
        <f t="array" ref="H6096">IFERROR(INDEX(Jesper!AL$2:AL$366,ROUNDDOWN($C6096/24,0)+1,1)*INDEX($D$3:$AA$30,INDEX(Jesper!$R$2:$R$366,ROW(INDEX(Jesper!AL$2:AL$366,ROUNDDOWN($C6096/24,0)+1,1))-1)+IF('Standard Profiles'!$G$22=$B$10,7,0)+IF('Standard Profiles'!$G$22=$B$17,14,0)+IF('Standard Profiles'!$G$22=$B$24,21,0),MOD($C6096,24)+1)/SUM(INDEX($D$3:$AA$30,INDEX(Jesper!$R$2:$R$366,ROW(INDEX(Jesper!AL$2:AL$366,ROUNDDOWN($C6096/24,0)+1,1))-1)+IF('Standard Profiles'!$G$22=$B$10,7,0)+IF('Standard Profiles'!$G$22=$B$17,14,0)+IF('Standard Profiles'!$G$22=$B$24,21,0),0)),0)</f>
        <v>0.17028190140267255</v>
      </c>
      <c r="I6096">
        <f t="shared" si="678"/>
        <v>0.16347062534656573</v>
      </c>
      <c r="J6096">
        <f t="shared" si="679"/>
        <v>3.912899430021807</v>
      </c>
      <c r="K6096">
        <f t="shared" si="680"/>
        <v>0.21675897536485728</v>
      </c>
      <c r="L6096">
        <f t="shared" si="681"/>
        <v>0.10837948768242864</v>
      </c>
      <c r="M6096">
        <f t="shared" si="682"/>
        <v>0</v>
      </c>
      <c r="N6096" s="45">
        <f t="shared" si="683"/>
        <v>45179.583333318631</v>
      </c>
    </row>
    <row r="6097" spans="2:14" x14ac:dyDescent="0.25">
      <c r="B6097">
        <f t="shared" si="677"/>
        <v>7</v>
      </c>
      <c r="C6097" s="16">
        <v>6063</v>
      </c>
      <c r="D6097" cm="1">
        <f t="array" ref="D6097">IFERROR(INDEX(Jesper!AH$2:AH$366,ROUNDDOWN($C6097/24,0)+1,1)*INDEX($D$3:$AA$30,INDEX(Jesper!$R$2:$R$366,ROW(INDEX(Jesper!AH$2:AH$366,ROUNDDOWN($C6097/24,0)+1,1))-1)+IF('Standard Profiles'!$G$18=$B$10,7,0)+IF('Standard Profiles'!$G$18=$B$17,14,0)+IF('Standard Profiles'!$G$18=$B$24,21,0),MOD($C6097,24)+1)/SUM(INDEX($D$3:$AA$30,INDEX(Jesper!$R$2:$R$366,ROW(INDEX(Jesper!AH$2:AH$366,ROUNDDOWN($C6097/24,0)+1,1))-1)+IF('Standard Profiles'!$G$18=$B$10,7,0)+IF('Standard Profiles'!$G$18=$B$17,14,0)+IF('Standard Profiles'!$G$18=$B$24,21,0),0)),0)</f>
        <v>0</v>
      </c>
      <c r="E6097" cm="1">
        <f t="array" ref="E6097">IFERROR(INDEX(Jesper!AI$2:AI$366,ROUNDDOWN($C6097/24,0)+1,1)*INDEX($D$3:$AA$30,INDEX(Jesper!$R$2:$R$366,ROW(INDEX(Jesper!AI$2:AI$366,ROUNDDOWN($C6097/24,0)+1,1))-1)+IF('Standard Profiles'!$G$19=$B$10,7,0)+IF('Standard Profiles'!$G$19=$B$17,14,0)+IF('Standard Profiles'!$G$19=$B$24,21,0),MOD($C6097,24)+1)/SUM(INDEX($D$3:$AA$30,INDEX(Jesper!$R$2:$R$366,ROW(INDEX(Jesper!AI$2:AI$366,ROUNDDOWN($C6097/24,0)+1,1))-1)+IF('Standard Profiles'!$G$19=$B$10,7,0)+IF('Standard Profiles'!$G$19=$B$17,14,0)+IF('Standard Profiles'!$G$19=$B$24,21,0),0)),0)</f>
        <v>2.709487192060716</v>
      </c>
      <c r="F6097" cm="1">
        <f t="array" ref="F6097">IFERROR(INDEX(Jesper!AJ$2:AJ$366,ROUNDDOWN($C6097/24,0)+1,1)*INDEX($D$3:$AA$30,INDEX(Jesper!$R$2:$R$366,ROW(INDEX(Jesper!AJ$2:AJ$366,ROUNDDOWN($C6097/24,0)+1,1))-1)+IF('Standard Profiles'!$G$20=$B$10,7,0)+IF('Standard Profiles'!$G$20=$B$17,14,0)+IF('Standard Profiles'!$G$20=$B$24,21,0),MOD($C6097,24)+1)/SUM(INDEX($D$3:$AA$30,INDEX(Jesper!$R$2:$R$366,ROW(INDEX(Jesper!AJ$2:AJ$366,ROUNDDOWN($C6097/24,0)+1,1))-1)+IF('Standard Profiles'!$G$20=$B$10,7,0)+IF('Standard Profiles'!$G$20=$B$17,14,0)+IF('Standard Profiles'!$G$20=$B$24,21,0),0)),0)</f>
        <v>1.030180516510615</v>
      </c>
      <c r="G6097" cm="1">
        <f t="array" ref="G6097">IFERROR(INDEX(Jesper!AK$2:AK$366,ROUNDDOWN($C6097/24,0)+1,1)*INDEX($D$3:$AA$30,INDEX(Jesper!$R$2:$R$366,ROW(INDEX(Jesper!AK$2:AK$366,ROUNDDOWN($C6097/24,0)+1,1))-1)+IF('Standard Profiles'!$G$21=$B$10,7,0)+IF('Standard Profiles'!$G$21=$B$17,14,0)+IF('Standard Profiles'!$G$21=$B$24,21,0),MOD($C6097,24)+1)/SUM(INDEX($D$3:$AA$30,INDEX(Jesper!$R$2:$R$366,ROW(INDEX(Jesper!AK$2:AK$366,ROUNDDOWN($C6097/24,0)+1,1))-1)+IF('Standard Profiles'!$G$21=$B$10,7,0)+IF('Standard Profiles'!$G$21=$B$17,14,0)+IF('Standard Profiles'!$G$21=$B$24,21,0),0)),0)</f>
        <v>0.49155890844165495</v>
      </c>
      <c r="H6097" cm="1">
        <f t="array" ref="H6097">IFERROR(INDEX(Jesper!AL$2:AL$366,ROUNDDOWN($C6097/24,0)+1,1)*INDEX($D$3:$AA$30,INDEX(Jesper!$R$2:$R$366,ROW(INDEX(Jesper!AL$2:AL$366,ROUNDDOWN($C6097/24,0)+1,1))-1)+IF('Standard Profiles'!$G$22=$B$10,7,0)+IF('Standard Profiles'!$G$22=$B$17,14,0)+IF('Standard Profiles'!$G$22=$B$24,21,0),MOD($C6097,24)+1)/SUM(INDEX($D$3:$AA$30,INDEX(Jesper!$R$2:$R$366,ROW(INDEX(Jesper!AL$2:AL$366,ROUNDDOWN($C6097/24,0)+1,1))-1)+IF('Standard Profiles'!$G$22=$B$10,7,0)+IF('Standard Profiles'!$G$22=$B$17,14,0)+IF('Standard Profiles'!$G$22=$B$24,21,0),0)),0)</f>
        <v>0.15136169013570891</v>
      </c>
      <c r="I6097">
        <f t="shared" si="678"/>
        <v>0.14530722253028064</v>
      </c>
      <c r="J6097">
        <f t="shared" si="679"/>
        <v>3.9121426215711286</v>
      </c>
      <c r="K6097">
        <f t="shared" si="680"/>
        <v>0.21675897536485728</v>
      </c>
      <c r="L6097">
        <f t="shared" si="681"/>
        <v>0.10837948768242864</v>
      </c>
      <c r="M6097">
        <f t="shared" si="682"/>
        <v>0</v>
      </c>
      <c r="N6097" s="45">
        <f t="shared" si="683"/>
        <v>45179.624999985295</v>
      </c>
    </row>
    <row r="6098" spans="2:14" x14ac:dyDescent="0.25">
      <c r="B6098">
        <f t="shared" si="677"/>
        <v>7</v>
      </c>
      <c r="C6098" s="16">
        <v>6064</v>
      </c>
      <c r="D6098" cm="1">
        <f t="array" ref="D6098">IFERROR(INDEX(Jesper!AH$2:AH$366,ROUNDDOWN($C6098/24,0)+1,1)*INDEX($D$3:$AA$30,INDEX(Jesper!$R$2:$R$366,ROW(INDEX(Jesper!AH$2:AH$366,ROUNDDOWN($C6098/24,0)+1,1))-1)+IF('Standard Profiles'!$G$18=$B$10,7,0)+IF('Standard Profiles'!$G$18=$B$17,14,0)+IF('Standard Profiles'!$G$18=$B$24,21,0),MOD($C6098,24)+1)/SUM(INDEX($D$3:$AA$30,INDEX(Jesper!$R$2:$R$366,ROW(INDEX(Jesper!AH$2:AH$366,ROUNDDOWN($C6098/24,0)+1,1))-1)+IF('Standard Profiles'!$G$18=$B$10,7,0)+IF('Standard Profiles'!$G$18=$B$17,14,0)+IF('Standard Profiles'!$G$18=$B$24,21,0),0)),0)</f>
        <v>0</v>
      </c>
      <c r="E6098" cm="1">
        <f t="array" ref="E6098">IFERROR(INDEX(Jesper!AI$2:AI$366,ROUNDDOWN($C6098/24,0)+1,1)*INDEX($D$3:$AA$30,INDEX(Jesper!$R$2:$R$366,ROW(INDEX(Jesper!AI$2:AI$366,ROUNDDOWN($C6098/24,0)+1,1))-1)+IF('Standard Profiles'!$G$19=$B$10,7,0)+IF('Standard Profiles'!$G$19=$B$17,14,0)+IF('Standard Profiles'!$G$19=$B$24,21,0),MOD($C6098,24)+1)/SUM(INDEX($D$3:$AA$30,INDEX(Jesper!$R$2:$R$366,ROW(INDEX(Jesper!AI$2:AI$366,ROUNDDOWN($C6098/24,0)+1,1))-1)+IF('Standard Profiles'!$G$19=$B$10,7,0)+IF('Standard Profiles'!$G$19=$B$17,14,0)+IF('Standard Profiles'!$G$19=$B$24,21,0),0)),0)</f>
        <v>2.709487192060716</v>
      </c>
      <c r="F6098" cm="1">
        <f t="array" ref="F6098">IFERROR(INDEX(Jesper!AJ$2:AJ$366,ROUNDDOWN($C6098/24,0)+1,1)*INDEX($D$3:$AA$30,INDEX(Jesper!$R$2:$R$366,ROW(INDEX(Jesper!AJ$2:AJ$366,ROUNDDOWN($C6098/24,0)+1,1))-1)+IF('Standard Profiles'!$G$20=$B$10,7,0)+IF('Standard Profiles'!$G$20=$B$17,14,0)+IF('Standard Profiles'!$G$20=$B$24,21,0),MOD($C6098,24)+1)/SUM(INDEX($D$3:$AA$30,INDEX(Jesper!$R$2:$R$366,ROW(INDEX(Jesper!AJ$2:AJ$366,ROUNDDOWN($C6098/24,0)+1,1))-1)+IF('Standard Profiles'!$G$20=$B$10,7,0)+IF('Standard Profiles'!$G$20=$B$17,14,0)+IF('Standard Profiles'!$G$20=$B$24,21,0),0)),0)</f>
        <v>1.030180516510615</v>
      </c>
      <c r="G6098" cm="1">
        <f t="array" ref="G6098">IFERROR(INDEX(Jesper!AK$2:AK$366,ROUNDDOWN($C6098/24,0)+1,1)*INDEX($D$3:$AA$30,INDEX(Jesper!$R$2:$R$366,ROW(INDEX(Jesper!AK$2:AK$366,ROUNDDOWN($C6098/24,0)+1,1))-1)+IF('Standard Profiles'!$G$21=$B$10,7,0)+IF('Standard Profiles'!$G$21=$B$17,14,0)+IF('Standard Profiles'!$G$21=$B$24,21,0),MOD($C6098,24)+1)/SUM(INDEX($D$3:$AA$30,INDEX(Jesper!$R$2:$R$366,ROW(INDEX(Jesper!AK$2:AK$366,ROUNDDOWN($C6098/24,0)+1,1))-1)+IF('Standard Profiles'!$G$21=$B$10,7,0)+IF('Standard Profiles'!$G$21=$B$17,14,0)+IF('Standard Profiles'!$G$21=$B$24,21,0),0)),0)</f>
        <v>0.49155890844165495</v>
      </c>
      <c r="H6098" cm="1">
        <f t="array" ref="H6098">IFERROR(INDEX(Jesper!AL$2:AL$366,ROUNDDOWN($C6098/24,0)+1,1)*INDEX($D$3:$AA$30,INDEX(Jesper!$R$2:$R$366,ROW(INDEX(Jesper!AL$2:AL$366,ROUNDDOWN($C6098/24,0)+1,1))-1)+IF('Standard Profiles'!$G$22=$B$10,7,0)+IF('Standard Profiles'!$G$22=$B$17,14,0)+IF('Standard Profiles'!$G$22=$B$24,21,0),MOD($C6098,24)+1)/SUM(INDEX($D$3:$AA$30,INDEX(Jesper!$R$2:$R$366,ROW(INDEX(Jesper!AL$2:AL$366,ROUNDDOWN($C6098/24,0)+1,1))-1)+IF('Standard Profiles'!$G$22=$B$10,7,0)+IF('Standard Profiles'!$G$22=$B$17,14,0)+IF('Standard Profiles'!$G$22=$B$24,21,0),0)),0)</f>
        <v>0.14865880281185695</v>
      </c>
      <c r="I6098">
        <f t="shared" si="678"/>
        <v>0.14271245069938274</v>
      </c>
      <c r="J6098">
        <f t="shared" si="679"/>
        <v>3.9120345060781743</v>
      </c>
      <c r="K6098">
        <f t="shared" si="680"/>
        <v>0.21675897536485728</v>
      </c>
      <c r="L6098">
        <f t="shared" si="681"/>
        <v>0.10837948768242864</v>
      </c>
      <c r="M6098">
        <f t="shared" si="682"/>
        <v>0</v>
      </c>
      <c r="N6098" s="45">
        <f t="shared" si="683"/>
        <v>45179.66666665196</v>
      </c>
    </row>
    <row r="6099" spans="2:14" x14ac:dyDescent="0.25">
      <c r="B6099">
        <f t="shared" si="677"/>
        <v>7</v>
      </c>
      <c r="C6099" s="16">
        <v>6065</v>
      </c>
      <c r="D6099" cm="1">
        <f t="array" ref="D6099">IFERROR(INDEX(Jesper!AH$2:AH$366,ROUNDDOWN($C6099/24,0)+1,1)*INDEX($D$3:$AA$30,INDEX(Jesper!$R$2:$R$366,ROW(INDEX(Jesper!AH$2:AH$366,ROUNDDOWN($C6099/24,0)+1,1))-1)+IF('Standard Profiles'!$G$18=$B$10,7,0)+IF('Standard Profiles'!$G$18=$B$17,14,0)+IF('Standard Profiles'!$G$18=$B$24,21,0),MOD($C6099,24)+1)/SUM(INDEX($D$3:$AA$30,INDEX(Jesper!$R$2:$R$366,ROW(INDEX(Jesper!AH$2:AH$366,ROUNDDOWN($C6099/24,0)+1,1))-1)+IF('Standard Profiles'!$G$18=$B$10,7,0)+IF('Standard Profiles'!$G$18=$B$17,14,0)+IF('Standard Profiles'!$G$18=$B$24,21,0),0)),0)</f>
        <v>0</v>
      </c>
      <c r="E6099" cm="1">
        <f t="array" ref="E6099">IFERROR(INDEX(Jesper!AI$2:AI$366,ROUNDDOWN($C6099/24,0)+1,1)*INDEX($D$3:$AA$30,INDEX(Jesper!$R$2:$R$366,ROW(INDEX(Jesper!AI$2:AI$366,ROUNDDOWN($C6099/24,0)+1,1))-1)+IF('Standard Profiles'!$G$19=$B$10,7,0)+IF('Standard Profiles'!$G$19=$B$17,14,0)+IF('Standard Profiles'!$G$19=$B$24,21,0),MOD($C6099,24)+1)/SUM(INDEX($D$3:$AA$30,INDEX(Jesper!$R$2:$R$366,ROW(INDEX(Jesper!AI$2:AI$366,ROUNDDOWN($C6099/24,0)+1,1))-1)+IF('Standard Profiles'!$G$19=$B$10,7,0)+IF('Standard Profiles'!$G$19=$B$17,14,0)+IF('Standard Profiles'!$G$19=$B$24,21,0),0)),0)</f>
        <v>2.709487192060716</v>
      </c>
      <c r="F6099" cm="1">
        <f t="array" ref="F6099">IFERROR(INDEX(Jesper!AJ$2:AJ$366,ROUNDDOWN($C6099/24,0)+1,1)*INDEX($D$3:$AA$30,INDEX(Jesper!$R$2:$R$366,ROW(INDEX(Jesper!AJ$2:AJ$366,ROUNDDOWN($C6099/24,0)+1,1))-1)+IF('Standard Profiles'!$G$20=$B$10,7,0)+IF('Standard Profiles'!$G$20=$B$17,14,0)+IF('Standard Profiles'!$G$20=$B$24,21,0),MOD($C6099,24)+1)/SUM(INDEX($D$3:$AA$30,INDEX(Jesper!$R$2:$R$366,ROW(INDEX(Jesper!AJ$2:AJ$366,ROUNDDOWN($C6099/24,0)+1,1))-1)+IF('Standard Profiles'!$G$20=$B$10,7,0)+IF('Standard Profiles'!$G$20=$B$17,14,0)+IF('Standard Profiles'!$G$20=$B$24,21,0),0)),0)</f>
        <v>1.030180516510615</v>
      </c>
      <c r="G6099" cm="1">
        <f t="array" ref="G6099">IFERROR(INDEX(Jesper!AK$2:AK$366,ROUNDDOWN($C6099/24,0)+1,1)*INDEX($D$3:$AA$30,INDEX(Jesper!$R$2:$R$366,ROW(INDEX(Jesper!AK$2:AK$366,ROUNDDOWN($C6099/24,0)+1,1))-1)+IF('Standard Profiles'!$G$21=$B$10,7,0)+IF('Standard Profiles'!$G$21=$B$17,14,0)+IF('Standard Profiles'!$G$21=$B$24,21,0),MOD($C6099,24)+1)/SUM(INDEX($D$3:$AA$30,INDEX(Jesper!$R$2:$R$366,ROW(INDEX(Jesper!AK$2:AK$366,ROUNDDOWN($C6099/24,0)+1,1))-1)+IF('Standard Profiles'!$G$21=$B$10,7,0)+IF('Standard Profiles'!$G$21=$B$17,14,0)+IF('Standard Profiles'!$G$21=$B$24,21,0),0)),0)</f>
        <v>0.49155890844165495</v>
      </c>
      <c r="H6099" cm="1">
        <f t="array" ref="H6099">IFERROR(INDEX(Jesper!AL$2:AL$366,ROUNDDOWN($C6099/24,0)+1,1)*INDEX($D$3:$AA$30,INDEX(Jesper!$R$2:$R$366,ROW(INDEX(Jesper!AL$2:AL$366,ROUNDDOWN($C6099/24,0)+1,1))-1)+IF('Standard Profiles'!$G$22=$B$10,7,0)+IF('Standard Profiles'!$G$22=$B$17,14,0)+IF('Standard Profiles'!$G$22=$B$24,21,0),MOD($C6099,24)+1)/SUM(INDEX($D$3:$AA$30,INDEX(Jesper!$R$2:$R$366,ROW(INDEX(Jesper!AL$2:AL$366,ROUNDDOWN($C6099/24,0)+1,1))-1)+IF('Standard Profiles'!$G$22=$B$10,7,0)+IF('Standard Profiles'!$G$22=$B$17,14,0)+IF('Standard Profiles'!$G$22=$B$24,21,0),0)),0)</f>
        <v>0.12703570422104143</v>
      </c>
      <c r="I6099">
        <f t="shared" si="678"/>
        <v>0.12195427605219984</v>
      </c>
      <c r="J6099">
        <f t="shared" si="679"/>
        <v>3.9111695821345416</v>
      </c>
      <c r="K6099">
        <f t="shared" si="680"/>
        <v>0.21675897536485728</v>
      </c>
      <c r="L6099">
        <f t="shared" si="681"/>
        <v>0.10837948768242864</v>
      </c>
      <c r="M6099">
        <f t="shared" si="682"/>
        <v>0</v>
      </c>
      <c r="N6099" s="45">
        <f t="shared" si="683"/>
        <v>45179.708333318624</v>
      </c>
    </row>
    <row r="6100" spans="2:14" x14ac:dyDescent="0.25">
      <c r="B6100">
        <f t="shared" si="677"/>
        <v>7</v>
      </c>
      <c r="C6100" s="16">
        <v>6066</v>
      </c>
      <c r="D6100" cm="1">
        <f t="array" ref="D6100">IFERROR(INDEX(Jesper!AH$2:AH$366,ROUNDDOWN($C6100/24,0)+1,1)*INDEX($D$3:$AA$30,INDEX(Jesper!$R$2:$R$366,ROW(INDEX(Jesper!AH$2:AH$366,ROUNDDOWN($C6100/24,0)+1,1))-1)+IF('Standard Profiles'!$G$18=$B$10,7,0)+IF('Standard Profiles'!$G$18=$B$17,14,0)+IF('Standard Profiles'!$G$18=$B$24,21,0),MOD($C6100,24)+1)/SUM(INDEX($D$3:$AA$30,INDEX(Jesper!$R$2:$R$366,ROW(INDEX(Jesper!AH$2:AH$366,ROUNDDOWN($C6100/24,0)+1,1))-1)+IF('Standard Profiles'!$G$18=$B$10,7,0)+IF('Standard Profiles'!$G$18=$B$17,14,0)+IF('Standard Profiles'!$G$18=$B$24,21,0),0)),0)</f>
        <v>0</v>
      </c>
      <c r="E6100" cm="1">
        <f t="array" ref="E6100">IFERROR(INDEX(Jesper!AI$2:AI$366,ROUNDDOWN($C6100/24,0)+1,1)*INDEX($D$3:$AA$30,INDEX(Jesper!$R$2:$R$366,ROW(INDEX(Jesper!AI$2:AI$366,ROUNDDOWN($C6100/24,0)+1,1))-1)+IF('Standard Profiles'!$G$19=$B$10,7,0)+IF('Standard Profiles'!$G$19=$B$17,14,0)+IF('Standard Profiles'!$G$19=$B$24,21,0),MOD($C6100,24)+1)/SUM(INDEX($D$3:$AA$30,INDEX(Jesper!$R$2:$R$366,ROW(INDEX(Jesper!AI$2:AI$366,ROUNDDOWN($C6100/24,0)+1,1))-1)+IF('Standard Profiles'!$G$19=$B$10,7,0)+IF('Standard Profiles'!$G$19=$B$17,14,0)+IF('Standard Profiles'!$G$19=$B$24,21,0),0)),0)</f>
        <v>2.709487192060716</v>
      </c>
      <c r="F6100" cm="1">
        <f t="array" ref="F6100">IFERROR(INDEX(Jesper!AJ$2:AJ$366,ROUNDDOWN($C6100/24,0)+1,1)*INDEX($D$3:$AA$30,INDEX(Jesper!$R$2:$R$366,ROW(INDEX(Jesper!AJ$2:AJ$366,ROUNDDOWN($C6100/24,0)+1,1))-1)+IF('Standard Profiles'!$G$20=$B$10,7,0)+IF('Standard Profiles'!$G$20=$B$17,14,0)+IF('Standard Profiles'!$G$20=$B$24,21,0),MOD($C6100,24)+1)/SUM(INDEX($D$3:$AA$30,INDEX(Jesper!$R$2:$R$366,ROW(INDEX(Jesper!AJ$2:AJ$366,ROUNDDOWN($C6100/24,0)+1,1))-1)+IF('Standard Profiles'!$G$20=$B$10,7,0)+IF('Standard Profiles'!$G$20=$B$17,14,0)+IF('Standard Profiles'!$G$20=$B$24,21,0),0)),0)</f>
        <v>1.030180516510615</v>
      </c>
      <c r="G6100" cm="1">
        <f t="array" ref="G6100">IFERROR(INDEX(Jesper!AK$2:AK$366,ROUNDDOWN($C6100/24,0)+1,1)*INDEX($D$3:$AA$30,INDEX(Jesper!$R$2:$R$366,ROW(INDEX(Jesper!AK$2:AK$366,ROUNDDOWN($C6100/24,0)+1,1))-1)+IF('Standard Profiles'!$G$21=$B$10,7,0)+IF('Standard Profiles'!$G$21=$B$17,14,0)+IF('Standard Profiles'!$G$21=$B$24,21,0),MOD($C6100,24)+1)/SUM(INDEX($D$3:$AA$30,INDEX(Jesper!$R$2:$R$366,ROW(INDEX(Jesper!AK$2:AK$366,ROUNDDOWN($C6100/24,0)+1,1))-1)+IF('Standard Profiles'!$G$21=$B$10,7,0)+IF('Standard Profiles'!$G$21=$B$17,14,0)+IF('Standard Profiles'!$G$21=$B$24,21,0),0)),0)</f>
        <v>0.49155890844165495</v>
      </c>
      <c r="H6100" cm="1">
        <f t="array" ref="H6100">IFERROR(INDEX(Jesper!AL$2:AL$366,ROUNDDOWN($C6100/24,0)+1,1)*INDEX($D$3:$AA$30,INDEX(Jesper!$R$2:$R$366,ROW(INDEX(Jesper!AL$2:AL$366,ROUNDDOWN($C6100/24,0)+1,1))-1)+IF('Standard Profiles'!$G$22=$B$10,7,0)+IF('Standard Profiles'!$G$22=$B$17,14,0)+IF('Standard Profiles'!$G$22=$B$24,21,0),MOD($C6100,24)+1)/SUM(INDEX($D$3:$AA$30,INDEX(Jesper!$R$2:$R$366,ROW(INDEX(Jesper!AL$2:AL$366,ROUNDDOWN($C6100/24,0)+1,1))-1)+IF('Standard Profiles'!$G$22=$B$10,7,0)+IF('Standard Profiles'!$G$22=$B$17,14,0)+IF('Standard Profiles'!$G$22=$B$24,21,0),0)),0)</f>
        <v>0.11892704224948558</v>
      </c>
      <c r="I6100">
        <f t="shared" si="678"/>
        <v>0.11416996055950622</v>
      </c>
      <c r="J6100">
        <f t="shared" si="679"/>
        <v>3.9108452356556795</v>
      </c>
      <c r="K6100">
        <f t="shared" si="680"/>
        <v>0.21675897536485728</v>
      </c>
      <c r="L6100">
        <f t="shared" si="681"/>
        <v>0.10837948768242864</v>
      </c>
      <c r="M6100">
        <f t="shared" si="682"/>
        <v>0</v>
      </c>
      <c r="N6100" s="45">
        <f t="shared" si="683"/>
        <v>45179.749999985288</v>
      </c>
    </row>
    <row r="6101" spans="2:14" x14ac:dyDescent="0.25">
      <c r="B6101">
        <f t="shared" si="677"/>
        <v>7</v>
      </c>
      <c r="C6101" s="16">
        <v>6067</v>
      </c>
      <c r="D6101" cm="1">
        <f t="array" ref="D6101">IFERROR(INDEX(Jesper!AH$2:AH$366,ROUNDDOWN($C6101/24,0)+1,1)*INDEX($D$3:$AA$30,INDEX(Jesper!$R$2:$R$366,ROW(INDEX(Jesper!AH$2:AH$366,ROUNDDOWN($C6101/24,0)+1,1))-1)+IF('Standard Profiles'!$G$18=$B$10,7,0)+IF('Standard Profiles'!$G$18=$B$17,14,0)+IF('Standard Profiles'!$G$18=$B$24,21,0),MOD($C6101,24)+1)/SUM(INDEX($D$3:$AA$30,INDEX(Jesper!$R$2:$R$366,ROW(INDEX(Jesper!AH$2:AH$366,ROUNDDOWN($C6101/24,0)+1,1))-1)+IF('Standard Profiles'!$G$18=$B$10,7,0)+IF('Standard Profiles'!$G$18=$B$17,14,0)+IF('Standard Profiles'!$G$18=$B$24,21,0),0)),0)</f>
        <v>0</v>
      </c>
      <c r="E6101" cm="1">
        <f t="array" ref="E6101">IFERROR(INDEX(Jesper!AI$2:AI$366,ROUNDDOWN($C6101/24,0)+1,1)*INDEX($D$3:$AA$30,INDEX(Jesper!$R$2:$R$366,ROW(INDEX(Jesper!AI$2:AI$366,ROUNDDOWN($C6101/24,0)+1,1))-1)+IF('Standard Profiles'!$G$19=$B$10,7,0)+IF('Standard Profiles'!$G$19=$B$17,14,0)+IF('Standard Profiles'!$G$19=$B$24,21,0),MOD($C6101,24)+1)/SUM(INDEX($D$3:$AA$30,INDEX(Jesper!$R$2:$R$366,ROW(INDEX(Jesper!AI$2:AI$366,ROUNDDOWN($C6101/24,0)+1,1))-1)+IF('Standard Profiles'!$G$19=$B$10,7,0)+IF('Standard Profiles'!$G$19=$B$17,14,0)+IF('Standard Profiles'!$G$19=$B$24,21,0),0)),0)</f>
        <v>2.709487192060716</v>
      </c>
      <c r="F6101" cm="1">
        <f t="array" ref="F6101">IFERROR(INDEX(Jesper!AJ$2:AJ$366,ROUNDDOWN($C6101/24,0)+1,1)*INDEX($D$3:$AA$30,INDEX(Jesper!$R$2:$R$366,ROW(INDEX(Jesper!AJ$2:AJ$366,ROUNDDOWN($C6101/24,0)+1,1))-1)+IF('Standard Profiles'!$G$20=$B$10,7,0)+IF('Standard Profiles'!$G$20=$B$17,14,0)+IF('Standard Profiles'!$G$20=$B$24,21,0),MOD($C6101,24)+1)/SUM(INDEX($D$3:$AA$30,INDEX(Jesper!$R$2:$R$366,ROW(INDEX(Jesper!AJ$2:AJ$366,ROUNDDOWN($C6101/24,0)+1,1))-1)+IF('Standard Profiles'!$G$20=$B$10,7,0)+IF('Standard Profiles'!$G$20=$B$17,14,0)+IF('Standard Profiles'!$G$20=$B$24,21,0),0)),0)</f>
        <v>1.030180516510615</v>
      </c>
      <c r="G6101" cm="1">
        <f t="array" ref="G6101">IFERROR(INDEX(Jesper!AK$2:AK$366,ROUNDDOWN($C6101/24,0)+1,1)*INDEX($D$3:$AA$30,INDEX(Jesper!$R$2:$R$366,ROW(INDEX(Jesper!AK$2:AK$366,ROUNDDOWN($C6101/24,0)+1,1))-1)+IF('Standard Profiles'!$G$21=$B$10,7,0)+IF('Standard Profiles'!$G$21=$B$17,14,0)+IF('Standard Profiles'!$G$21=$B$24,21,0),MOD($C6101,24)+1)/SUM(INDEX($D$3:$AA$30,INDEX(Jesper!$R$2:$R$366,ROW(INDEX(Jesper!AK$2:AK$366,ROUNDDOWN($C6101/24,0)+1,1))-1)+IF('Standard Profiles'!$G$21=$B$10,7,0)+IF('Standard Profiles'!$G$21=$B$17,14,0)+IF('Standard Profiles'!$G$21=$B$24,21,0),0)),0)</f>
        <v>0.49155890844165495</v>
      </c>
      <c r="H6101" cm="1">
        <f t="array" ref="H6101">IFERROR(INDEX(Jesper!AL$2:AL$366,ROUNDDOWN($C6101/24,0)+1,1)*INDEX($D$3:$AA$30,INDEX(Jesper!$R$2:$R$366,ROW(INDEX(Jesper!AL$2:AL$366,ROUNDDOWN($C6101/24,0)+1,1))-1)+IF('Standard Profiles'!$G$22=$B$10,7,0)+IF('Standard Profiles'!$G$22=$B$17,14,0)+IF('Standard Profiles'!$G$22=$B$24,21,0),MOD($C6101,24)+1)/SUM(INDEX($D$3:$AA$30,INDEX(Jesper!$R$2:$R$366,ROW(INDEX(Jesper!AL$2:AL$366,ROUNDDOWN($C6101/24,0)+1,1))-1)+IF('Standard Profiles'!$G$22=$B$10,7,0)+IF('Standard Profiles'!$G$22=$B$17,14,0)+IF('Standard Profiles'!$G$22=$B$24,21,0),0)),0)</f>
        <v>0.10000683098252197</v>
      </c>
      <c r="I6101">
        <f t="shared" si="678"/>
        <v>9.6006557743221144E-2</v>
      </c>
      <c r="J6101">
        <f t="shared" si="679"/>
        <v>3.9100884272050012</v>
      </c>
      <c r="K6101">
        <f t="shared" si="680"/>
        <v>0.21675897536485728</v>
      </c>
      <c r="L6101">
        <f t="shared" si="681"/>
        <v>0.10837948768242864</v>
      </c>
      <c r="M6101">
        <f t="shared" si="682"/>
        <v>0</v>
      </c>
      <c r="N6101" s="45">
        <f t="shared" si="683"/>
        <v>45179.791666651952</v>
      </c>
    </row>
    <row r="6102" spans="2:14" x14ac:dyDescent="0.25">
      <c r="B6102">
        <f t="shared" si="677"/>
        <v>7</v>
      </c>
      <c r="C6102" s="16">
        <v>6068</v>
      </c>
      <c r="D6102" cm="1">
        <f t="array" ref="D6102">IFERROR(INDEX(Jesper!AH$2:AH$366,ROUNDDOWN($C6102/24,0)+1,1)*INDEX($D$3:$AA$30,INDEX(Jesper!$R$2:$R$366,ROW(INDEX(Jesper!AH$2:AH$366,ROUNDDOWN($C6102/24,0)+1,1))-1)+IF('Standard Profiles'!$G$18=$B$10,7,0)+IF('Standard Profiles'!$G$18=$B$17,14,0)+IF('Standard Profiles'!$G$18=$B$24,21,0),MOD($C6102,24)+1)/SUM(INDEX($D$3:$AA$30,INDEX(Jesper!$R$2:$R$366,ROW(INDEX(Jesper!AH$2:AH$366,ROUNDDOWN($C6102/24,0)+1,1))-1)+IF('Standard Profiles'!$G$18=$B$10,7,0)+IF('Standard Profiles'!$G$18=$B$17,14,0)+IF('Standard Profiles'!$G$18=$B$24,21,0),0)),0)</f>
        <v>0</v>
      </c>
      <c r="E6102" cm="1">
        <f t="array" ref="E6102">IFERROR(INDEX(Jesper!AI$2:AI$366,ROUNDDOWN($C6102/24,0)+1,1)*INDEX($D$3:$AA$30,INDEX(Jesper!$R$2:$R$366,ROW(INDEX(Jesper!AI$2:AI$366,ROUNDDOWN($C6102/24,0)+1,1))-1)+IF('Standard Profiles'!$G$19=$B$10,7,0)+IF('Standard Profiles'!$G$19=$B$17,14,0)+IF('Standard Profiles'!$G$19=$B$24,21,0),MOD($C6102,24)+1)/SUM(INDEX($D$3:$AA$30,INDEX(Jesper!$R$2:$R$366,ROW(INDEX(Jesper!AI$2:AI$366,ROUNDDOWN($C6102/24,0)+1,1))-1)+IF('Standard Profiles'!$G$19=$B$10,7,0)+IF('Standard Profiles'!$G$19=$B$17,14,0)+IF('Standard Profiles'!$G$19=$B$24,21,0),0)),0)</f>
        <v>2.709487192060716</v>
      </c>
      <c r="F6102" cm="1">
        <f t="array" ref="F6102">IFERROR(INDEX(Jesper!AJ$2:AJ$366,ROUNDDOWN($C6102/24,0)+1,1)*INDEX($D$3:$AA$30,INDEX(Jesper!$R$2:$R$366,ROW(INDEX(Jesper!AJ$2:AJ$366,ROUNDDOWN($C6102/24,0)+1,1))-1)+IF('Standard Profiles'!$G$20=$B$10,7,0)+IF('Standard Profiles'!$G$20=$B$17,14,0)+IF('Standard Profiles'!$G$20=$B$24,21,0),MOD($C6102,24)+1)/SUM(INDEX($D$3:$AA$30,INDEX(Jesper!$R$2:$R$366,ROW(INDEX(Jesper!AJ$2:AJ$366,ROUNDDOWN($C6102/24,0)+1,1))-1)+IF('Standard Profiles'!$G$20=$B$10,7,0)+IF('Standard Profiles'!$G$20=$B$17,14,0)+IF('Standard Profiles'!$G$20=$B$24,21,0),0)),0)</f>
        <v>1.030180516510615</v>
      </c>
      <c r="G6102" cm="1">
        <f t="array" ref="G6102">IFERROR(INDEX(Jesper!AK$2:AK$366,ROUNDDOWN($C6102/24,0)+1,1)*INDEX($D$3:$AA$30,INDEX(Jesper!$R$2:$R$366,ROW(INDEX(Jesper!AK$2:AK$366,ROUNDDOWN($C6102/24,0)+1,1))-1)+IF('Standard Profiles'!$G$21=$B$10,7,0)+IF('Standard Profiles'!$G$21=$B$17,14,0)+IF('Standard Profiles'!$G$21=$B$24,21,0),MOD($C6102,24)+1)/SUM(INDEX($D$3:$AA$30,INDEX(Jesper!$R$2:$R$366,ROW(INDEX(Jesper!AK$2:AK$366,ROUNDDOWN($C6102/24,0)+1,1))-1)+IF('Standard Profiles'!$G$21=$B$10,7,0)+IF('Standard Profiles'!$G$21=$B$17,14,0)+IF('Standard Profiles'!$G$21=$B$24,21,0),0)),0)</f>
        <v>0.49155890844165495</v>
      </c>
      <c r="H6102" cm="1">
        <f t="array" ref="H6102">IFERROR(INDEX(Jesper!AL$2:AL$366,ROUNDDOWN($C6102/24,0)+1,1)*INDEX($D$3:$AA$30,INDEX(Jesper!$R$2:$R$366,ROW(INDEX(Jesper!AL$2:AL$366,ROUNDDOWN($C6102/24,0)+1,1))-1)+IF('Standard Profiles'!$G$22=$B$10,7,0)+IF('Standard Profiles'!$G$22=$B$17,14,0)+IF('Standard Profiles'!$G$22=$B$24,21,0),MOD($C6102,24)+1)/SUM(INDEX($D$3:$AA$30,INDEX(Jesper!$R$2:$R$366,ROW(INDEX(Jesper!AL$2:AL$366,ROUNDDOWN($C6102/24,0)+1,1))-1)+IF('Standard Profiles'!$G$22=$B$10,7,0)+IF('Standard Profiles'!$G$22=$B$17,14,0)+IF('Standard Profiles'!$G$22=$B$24,21,0),0)),0)</f>
        <v>8.3789507039410294E-2</v>
      </c>
      <c r="I6102">
        <f t="shared" si="678"/>
        <v>8.0437926757833927E-2</v>
      </c>
      <c r="J6102">
        <f t="shared" si="679"/>
        <v>3.9094397342472766</v>
      </c>
      <c r="K6102">
        <f t="shared" si="680"/>
        <v>0.21675897536485728</v>
      </c>
      <c r="L6102">
        <f t="shared" si="681"/>
        <v>0.10837948768242864</v>
      </c>
      <c r="M6102">
        <f t="shared" si="682"/>
        <v>0</v>
      </c>
      <c r="N6102" s="45">
        <f t="shared" si="683"/>
        <v>45179.833333318616</v>
      </c>
    </row>
    <row r="6103" spans="2:14" x14ac:dyDescent="0.25">
      <c r="B6103">
        <f t="shared" si="677"/>
        <v>7</v>
      </c>
      <c r="C6103" s="16">
        <v>6069</v>
      </c>
      <c r="D6103" cm="1">
        <f t="array" ref="D6103">IFERROR(INDEX(Jesper!AH$2:AH$366,ROUNDDOWN($C6103/24,0)+1,1)*INDEX($D$3:$AA$30,INDEX(Jesper!$R$2:$R$366,ROW(INDEX(Jesper!AH$2:AH$366,ROUNDDOWN($C6103/24,0)+1,1))-1)+IF('Standard Profiles'!$G$18=$B$10,7,0)+IF('Standard Profiles'!$G$18=$B$17,14,0)+IF('Standard Profiles'!$G$18=$B$24,21,0),MOD($C6103,24)+1)/SUM(INDEX($D$3:$AA$30,INDEX(Jesper!$R$2:$R$366,ROW(INDEX(Jesper!AH$2:AH$366,ROUNDDOWN($C6103/24,0)+1,1))-1)+IF('Standard Profiles'!$G$18=$B$10,7,0)+IF('Standard Profiles'!$G$18=$B$17,14,0)+IF('Standard Profiles'!$G$18=$B$24,21,0),0)),0)</f>
        <v>0</v>
      </c>
      <c r="E6103" cm="1">
        <f t="array" ref="E6103">IFERROR(INDEX(Jesper!AI$2:AI$366,ROUNDDOWN($C6103/24,0)+1,1)*INDEX($D$3:$AA$30,INDEX(Jesper!$R$2:$R$366,ROW(INDEX(Jesper!AI$2:AI$366,ROUNDDOWN($C6103/24,0)+1,1))-1)+IF('Standard Profiles'!$G$19=$B$10,7,0)+IF('Standard Profiles'!$G$19=$B$17,14,0)+IF('Standard Profiles'!$G$19=$B$24,21,0),MOD($C6103,24)+1)/SUM(INDEX($D$3:$AA$30,INDEX(Jesper!$R$2:$R$366,ROW(INDEX(Jesper!AI$2:AI$366,ROUNDDOWN($C6103/24,0)+1,1))-1)+IF('Standard Profiles'!$G$19=$B$10,7,0)+IF('Standard Profiles'!$G$19=$B$17,14,0)+IF('Standard Profiles'!$G$19=$B$24,21,0),0)),0)</f>
        <v>2.709487192060716</v>
      </c>
      <c r="F6103" cm="1">
        <f t="array" ref="F6103">IFERROR(INDEX(Jesper!AJ$2:AJ$366,ROUNDDOWN($C6103/24,0)+1,1)*INDEX($D$3:$AA$30,INDEX(Jesper!$R$2:$R$366,ROW(INDEX(Jesper!AJ$2:AJ$366,ROUNDDOWN($C6103/24,0)+1,1))-1)+IF('Standard Profiles'!$G$20=$B$10,7,0)+IF('Standard Profiles'!$G$20=$B$17,14,0)+IF('Standard Profiles'!$G$20=$B$24,21,0),MOD($C6103,24)+1)/SUM(INDEX($D$3:$AA$30,INDEX(Jesper!$R$2:$R$366,ROW(INDEX(Jesper!AJ$2:AJ$366,ROUNDDOWN($C6103/24,0)+1,1))-1)+IF('Standard Profiles'!$G$20=$B$10,7,0)+IF('Standard Profiles'!$G$20=$B$17,14,0)+IF('Standard Profiles'!$G$20=$B$24,21,0),0)),0)</f>
        <v>1.030180516510615</v>
      </c>
      <c r="G6103" cm="1">
        <f t="array" ref="G6103">IFERROR(INDEX(Jesper!AK$2:AK$366,ROUNDDOWN($C6103/24,0)+1,1)*INDEX($D$3:$AA$30,INDEX(Jesper!$R$2:$R$366,ROW(INDEX(Jesper!AK$2:AK$366,ROUNDDOWN($C6103/24,0)+1,1))-1)+IF('Standard Profiles'!$G$21=$B$10,7,0)+IF('Standard Profiles'!$G$21=$B$17,14,0)+IF('Standard Profiles'!$G$21=$B$24,21,0),MOD($C6103,24)+1)/SUM(INDEX($D$3:$AA$30,INDEX(Jesper!$R$2:$R$366,ROW(INDEX(Jesper!AK$2:AK$366,ROUNDDOWN($C6103/24,0)+1,1))-1)+IF('Standard Profiles'!$G$21=$B$10,7,0)+IF('Standard Profiles'!$G$21=$B$17,14,0)+IF('Standard Profiles'!$G$21=$B$24,21,0),0)),0)</f>
        <v>0.49155890844165495</v>
      </c>
      <c r="H6103" cm="1">
        <f t="array" ref="H6103">IFERROR(INDEX(Jesper!AL$2:AL$366,ROUNDDOWN($C6103/24,0)+1,1)*INDEX($D$3:$AA$30,INDEX(Jesper!$R$2:$R$366,ROW(INDEX(Jesper!AL$2:AL$366,ROUNDDOWN($C6103/24,0)+1,1))-1)+IF('Standard Profiles'!$G$22=$B$10,7,0)+IF('Standard Profiles'!$G$22=$B$17,14,0)+IF('Standard Profiles'!$G$22=$B$24,21,0),MOD($C6103,24)+1)/SUM(INDEX($D$3:$AA$30,INDEX(Jesper!$R$2:$R$366,ROW(INDEX(Jesper!AL$2:AL$366,ROUNDDOWN($C6103/24,0)+1,1))-1)+IF('Standard Profiles'!$G$22=$B$10,7,0)+IF('Standard Profiles'!$G$22=$B$17,14,0)+IF('Standard Profiles'!$G$22=$B$24,21,0),0)),0)</f>
        <v>7.2977957744002522E-2</v>
      </c>
      <c r="I6103">
        <f t="shared" si="678"/>
        <v>7.0058839434242459E-2</v>
      </c>
      <c r="J6103">
        <f t="shared" si="679"/>
        <v>3.9090072722754603</v>
      </c>
      <c r="K6103">
        <f t="shared" si="680"/>
        <v>0.21675897536485728</v>
      </c>
      <c r="L6103">
        <f t="shared" si="681"/>
        <v>0.10837948768242864</v>
      </c>
      <c r="M6103">
        <f t="shared" si="682"/>
        <v>0</v>
      </c>
      <c r="N6103" s="45">
        <f t="shared" si="683"/>
        <v>45179.874999985281</v>
      </c>
    </row>
    <row r="6104" spans="2:14" x14ac:dyDescent="0.25">
      <c r="B6104">
        <f t="shared" si="677"/>
        <v>7</v>
      </c>
      <c r="C6104" s="16">
        <v>6070</v>
      </c>
      <c r="D6104" cm="1">
        <f t="array" ref="D6104">IFERROR(INDEX(Jesper!AH$2:AH$366,ROUNDDOWN($C6104/24,0)+1,1)*INDEX($D$3:$AA$30,INDEX(Jesper!$R$2:$R$366,ROW(INDEX(Jesper!AH$2:AH$366,ROUNDDOWN($C6104/24,0)+1,1))-1)+IF('Standard Profiles'!$G$18=$B$10,7,0)+IF('Standard Profiles'!$G$18=$B$17,14,0)+IF('Standard Profiles'!$G$18=$B$24,21,0),MOD($C6104,24)+1)/SUM(INDEX($D$3:$AA$30,INDEX(Jesper!$R$2:$R$366,ROW(INDEX(Jesper!AH$2:AH$366,ROUNDDOWN($C6104/24,0)+1,1))-1)+IF('Standard Profiles'!$G$18=$B$10,7,0)+IF('Standard Profiles'!$G$18=$B$17,14,0)+IF('Standard Profiles'!$G$18=$B$24,21,0),0)),0)</f>
        <v>0</v>
      </c>
      <c r="E6104" cm="1">
        <f t="array" ref="E6104">IFERROR(INDEX(Jesper!AI$2:AI$366,ROUNDDOWN($C6104/24,0)+1,1)*INDEX($D$3:$AA$30,INDEX(Jesper!$R$2:$R$366,ROW(INDEX(Jesper!AI$2:AI$366,ROUNDDOWN($C6104/24,0)+1,1))-1)+IF('Standard Profiles'!$G$19=$B$10,7,0)+IF('Standard Profiles'!$G$19=$B$17,14,0)+IF('Standard Profiles'!$G$19=$B$24,21,0),MOD($C6104,24)+1)/SUM(INDEX($D$3:$AA$30,INDEX(Jesper!$R$2:$R$366,ROW(INDEX(Jesper!AI$2:AI$366,ROUNDDOWN($C6104/24,0)+1,1))-1)+IF('Standard Profiles'!$G$19=$B$10,7,0)+IF('Standard Profiles'!$G$19=$B$17,14,0)+IF('Standard Profiles'!$G$19=$B$24,21,0),0)),0)</f>
        <v>2.709487192060716</v>
      </c>
      <c r="F6104" cm="1">
        <f t="array" ref="F6104">IFERROR(INDEX(Jesper!AJ$2:AJ$366,ROUNDDOWN($C6104/24,0)+1,1)*INDEX($D$3:$AA$30,INDEX(Jesper!$R$2:$R$366,ROW(INDEX(Jesper!AJ$2:AJ$366,ROUNDDOWN($C6104/24,0)+1,1))-1)+IF('Standard Profiles'!$G$20=$B$10,7,0)+IF('Standard Profiles'!$G$20=$B$17,14,0)+IF('Standard Profiles'!$G$20=$B$24,21,0),MOD($C6104,24)+1)/SUM(INDEX($D$3:$AA$30,INDEX(Jesper!$R$2:$R$366,ROW(INDEX(Jesper!AJ$2:AJ$366,ROUNDDOWN($C6104/24,0)+1,1))-1)+IF('Standard Profiles'!$G$20=$B$10,7,0)+IF('Standard Profiles'!$G$20=$B$17,14,0)+IF('Standard Profiles'!$G$20=$B$24,21,0),0)),0)</f>
        <v>1.030180516510615</v>
      </c>
      <c r="G6104" cm="1">
        <f t="array" ref="G6104">IFERROR(INDEX(Jesper!AK$2:AK$366,ROUNDDOWN($C6104/24,0)+1,1)*INDEX($D$3:$AA$30,INDEX(Jesper!$R$2:$R$366,ROW(INDEX(Jesper!AK$2:AK$366,ROUNDDOWN($C6104/24,0)+1,1))-1)+IF('Standard Profiles'!$G$21=$B$10,7,0)+IF('Standard Profiles'!$G$21=$B$17,14,0)+IF('Standard Profiles'!$G$21=$B$24,21,0),MOD($C6104,24)+1)/SUM(INDEX($D$3:$AA$30,INDEX(Jesper!$R$2:$R$366,ROW(INDEX(Jesper!AK$2:AK$366,ROUNDDOWN($C6104/24,0)+1,1))-1)+IF('Standard Profiles'!$G$21=$B$10,7,0)+IF('Standard Profiles'!$G$21=$B$17,14,0)+IF('Standard Profiles'!$G$21=$B$24,21,0),0)),0)</f>
        <v>0.49155890844165495</v>
      </c>
      <c r="H6104" cm="1">
        <f t="array" ref="H6104">IFERROR(INDEX(Jesper!AL$2:AL$366,ROUNDDOWN($C6104/24,0)+1,1)*INDEX($D$3:$AA$30,INDEX(Jesper!$R$2:$R$366,ROW(INDEX(Jesper!AL$2:AL$366,ROUNDDOWN($C6104/24,0)+1,1))-1)+IF('Standard Profiles'!$G$22=$B$10,7,0)+IF('Standard Profiles'!$G$22=$B$17,14,0)+IF('Standard Profiles'!$G$22=$B$24,21,0),MOD($C6104,24)+1)/SUM(INDEX($D$3:$AA$30,INDEX(Jesper!$R$2:$R$366,ROW(INDEX(Jesper!AL$2:AL$366,ROUNDDOWN($C6104/24,0)+1,1))-1)+IF('Standard Profiles'!$G$22=$B$10,7,0)+IF('Standard Profiles'!$G$22=$B$17,14,0)+IF('Standard Profiles'!$G$22=$B$24,21,0),0)),0)</f>
        <v>7.2977957744002522E-2</v>
      </c>
      <c r="I6104">
        <f t="shared" si="678"/>
        <v>7.0058839434242459E-2</v>
      </c>
      <c r="J6104">
        <f t="shared" si="679"/>
        <v>3.9090072722754603</v>
      </c>
      <c r="K6104">
        <f t="shared" si="680"/>
        <v>0.21675897536485728</v>
      </c>
      <c r="L6104">
        <f t="shared" si="681"/>
        <v>0.10837948768242864</v>
      </c>
      <c r="M6104">
        <f t="shared" si="682"/>
        <v>0</v>
      </c>
      <c r="N6104" s="45">
        <f t="shared" si="683"/>
        <v>45179.916666651945</v>
      </c>
    </row>
    <row r="6105" spans="2:14" x14ac:dyDescent="0.25">
      <c r="B6105">
        <f t="shared" si="677"/>
        <v>7</v>
      </c>
      <c r="C6105" s="16">
        <v>6071</v>
      </c>
      <c r="D6105" cm="1">
        <f t="array" ref="D6105">IFERROR(INDEX(Jesper!AH$2:AH$366,ROUNDDOWN($C6105/24,0)+1,1)*INDEX($D$3:$AA$30,INDEX(Jesper!$R$2:$R$366,ROW(INDEX(Jesper!AH$2:AH$366,ROUNDDOWN($C6105/24,0)+1,1))-1)+IF('Standard Profiles'!$G$18=$B$10,7,0)+IF('Standard Profiles'!$G$18=$B$17,14,0)+IF('Standard Profiles'!$G$18=$B$24,21,0),MOD($C6105,24)+1)/SUM(INDEX($D$3:$AA$30,INDEX(Jesper!$R$2:$R$366,ROW(INDEX(Jesper!AH$2:AH$366,ROUNDDOWN($C6105/24,0)+1,1))-1)+IF('Standard Profiles'!$G$18=$B$10,7,0)+IF('Standard Profiles'!$G$18=$B$17,14,0)+IF('Standard Profiles'!$G$18=$B$24,21,0),0)),0)</f>
        <v>0</v>
      </c>
      <c r="E6105" cm="1">
        <f t="array" ref="E6105">IFERROR(INDEX(Jesper!AI$2:AI$366,ROUNDDOWN($C6105/24,0)+1,1)*INDEX($D$3:$AA$30,INDEX(Jesper!$R$2:$R$366,ROW(INDEX(Jesper!AI$2:AI$366,ROUNDDOWN($C6105/24,0)+1,1))-1)+IF('Standard Profiles'!$G$19=$B$10,7,0)+IF('Standard Profiles'!$G$19=$B$17,14,0)+IF('Standard Profiles'!$G$19=$B$24,21,0),MOD($C6105,24)+1)/SUM(INDEX($D$3:$AA$30,INDEX(Jesper!$R$2:$R$366,ROW(INDEX(Jesper!AI$2:AI$366,ROUNDDOWN($C6105/24,0)+1,1))-1)+IF('Standard Profiles'!$G$19=$B$10,7,0)+IF('Standard Profiles'!$G$19=$B$17,14,0)+IF('Standard Profiles'!$G$19=$B$24,21,0),0)),0)</f>
        <v>2.709487192060716</v>
      </c>
      <c r="F6105" cm="1">
        <f t="array" ref="F6105">IFERROR(INDEX(Jesper!AJ$2:AJ$366,ROUNDDOWN($C6105/24,0)+1,1)*INDEX($D$3:$AA$30,INDEX(Jesper!$R$2:$R$366,ROW(INDEX(Jesper!AJ$2:AJ$366,ROUNDDOWN($C6105/24,0)+1,1))-1)+IF('Standard Profiles'!$G$20=$B$10,7,0)+IF('Standard Profiles'!$G$20=$B$17,14,0)+IF('Standard Profiles'!$G$20=$B$24,21,0),MOD($C6105,24)+1)/SUM(INDEX($D$3:$AA$30,INDEX(Jesper!$R$2:$R$366,ROW(INDEX(Jesper!AJ$2:AJ$366,ROUNDDOWN($C6105/24,0)+1,1))-1)+IF('Standard Profiles'!$G$20=$B$10,7,0)+IF('Standard Profiles'!$G$20=$B$17,14,0)+IF('Standard Profiles'!$G$20=$B$24,21,0),0)),0)</f>
        <v>1.030180516510615</v>
      </c>
      <c r="G6105" cm="1">
        <f t="array" ref="G6105">IFERROR(INDEX(Jesper!AK$2:AK$366,ROUNDDOWN($C6105/24,0)+1,1)*INDEX($D$3:$AA$30,INDEX(Jesper!$R$2:$R$366,ROW(INDEX(Jesper!AK$2:AK$366,ROUNDDOWN($C6105/24,0)+1,1))-1)+IF('Standard Profiles'!$G$21=$B$10,7,0)+IF('Standard Profiles'!$G$21=$B$17,14,0)+IF('Standard Profiles'!$G$21=$B$24,21,0),MOD($C6105,24)+1)/SUM(INDEX($D$3:$AA$30,INDEX(Jesper!$R$2:$R$366,ROW(INDEX(Jesper!AK$2:AK$366,ROUNDDOWN($C6105/24,0)+1,1))-1)+IF('Standard Profiles'!$G$21=$B$10,7,0)+IF('Standard Profiles'!$G$21=$B$17,14,0)+IF('Standard Profiles'!$G$21=$B$24,21,0),0)),0)</f>
        <v>0.49155890844165495</v>
      </c>
      <c r="H6105" cm="1">
        <f t="array" ref="H6105">IFERROR(INDEX(Jesper!AL$2:AL$366,ROUNDDOWN($C6105/24,0)+1,1)*INDEX($D$3:$AA$30,INDEX(Jesper!$R$2:$R$366,ROW(INDEX(Jesper!AL$2:AL$366,ROUNDDOWN($C6105/24,0)+1,1))-1)+IF('Standard Profiles'!$G$22=$B$10,7,0)+IF('Standard Profiles'!$G$22=$B$17,14,0)+IF('Standard Profiles'!$G$22=$B$24,21,0),MOD($C6105,24)+1)/SUM(INDEX($D$3:$AA$30,INDEX(Jesper!$R$2:$R$366,ROW(INDEX(Jesper!AL$2:AL$366,ROUNDDOWN($C6105/24,0)+1,1))-1)+IF('Standard Profiles'!$G$22=$B$10,7,0)+IF('Standard Profiles'!$G$22=$B$17,14,0)+IF('Standard Profiles'!$G$22=$B$24,21,0),0)),0)</f>
        <v>7.2977957744002522E-2</v>
      </c>
      <c r="I6105">
        <f t="shared" si="678"/>
        <v>7.0058839434242459E-2</v>
      </c>
      <c r="J6105">
        <f t="shared" si="679"/>
        <v>3.9090072722754603</v>
      </c>
      <c r="K6105">
        <f t="shared" si="680"/>
        <v>0.21675897536485728</v>
      </c>
      <c r="L6105">
        <f t="shared" si="681"/>
        <v>0.10837948768242864</v>
      </c>
      <c r="M6105">
        <f t="shared" si="682"/>
        <v>0</v>
      </c>
      <c r="N6105" s="45">
        <f t="shared" si="683"/>
        <v>45179.958333318609</v>
      </c>
    </row>
    <row r="6106" spans="2:14" x14ac:dyDescent="0.25">
      <c r="B6106">
        <f t="shared" si="677"/>
        <v>1</v>
      </c>
      <c r="C6106" s="16">
        <v>6072</v>
      </c>
      <c r="D6106" cm="1">
        <f t="array" ref="D6106">IFERROR(INDEX(Jesper!AH$2:AH$366,ROUNDDOWN($C6106/24,0)+1,1)*INDEX($D$3:$AA$30,INDEX(Jesper!$R$2:$R$366,ROW(INDEX(Jesper!AH$2:AH$366,ROUNDDOWN($C6106/24,0)+1,1))-1)+IF('Standard Profiles'!$G$18=$B$10,7,0)+IF('Standard Profiles'!$G$18=$B$17,14,0)+IF('Standard Profiles'!$G$18=$B$24,21,0),MOD($C6106,24)+1)/SUM(INDEX($D$3:$AA$30,INDEX(Jesper!$R$2:$R$366,ROW(INDEX(Jesper!AH$2:AH$366,ROUNDDOWN($C6106/24,0)+1,1))-1)+IF('Standard Profiles'!$G$18=$B$10,7,0)+IF('Standard Profiles'!$G$18=$B$17,14,0)+IF('Standard Profiles'!$G$18=$B$24,21,0),0)),0)</f>
        <v>5.0383728121534048</v>
      </c>
      <c r="E6106" cm="1">
        <f t="array" ref="E6106">IFERROR(INDEX(Jesper!AI$2:AI$366,ROUNDDOWN($C6106/24,0)+1,1)*INDEX($D$3:$AA$30,INDEX(Jesper!$R$2:$R$366,ROW(INDEX(Jesper!AI$2:AI$366,ROUNDDOWN($C6106/24,0)+1,1))-1)+IF('Standard Profiles'!$G$19=$B$10,7,0)+IF('Standard Profiles'!$G$19=$B$17,14,0)+IF('Standard Profiles'!$G$19=$B$24,21,0),MOD($C6106,24)+1)/SUM(INDEX($D$3:$AA$30,INDEX(Jesper!$R$2:$R$366,ROW(INDEX(Jesper!AI$2:AI$366,ROUNDDOWN($C6106/24,0)+1,1))-1)+IF('Standard Profiles'!$G$19=$B$10,7,0)+IF('Standard Profiles'!$G$19=$B$17,14,0)+IF('Standard Profiles'!$G$19=$B$24,21,0),0)),0)</f>
        <v>2.0045234536935457</v>
      </c>
      <c r="F6106" cm="1">
        <f t="array" ref="F6106">IFERROR(INDEX(Jesper!AJ$2:AJ$366,ROUNDDOWN($C6106/24,0)+1,1)*INDEX($D$3:$AA$30,INDEX(Jesper!$R$2:$R$366,ROW(INDEX(Jesper!AJ$2:AJ$366,ROUNDDOWN($C6106/24,0)+1,1))-1)+IF('Standard Profiles'!$G$20=$B$10,7,0)+IF('Standard Profiles'!$G$20=$B$17,14,0)+IF('Standard Profiles'!$G$20=$B$24,21,0),MOD($C6106,24)+1)/SUM(INDEX($D$3:$AA$30,INDEX(Jesper!$R$2:$R$366,ROW(INDEX(Jesper!AJ$2:AJ$366,ROUNDDOWN($C6106/24,0)+1,1))-1)+IF('Standard Profiles'!$G$20=$B$10,7,0)+IF('Standard Profiles'!$G$20=$B$17,14,0)+IF('Standard Profiles'!$G$20=$B$24,21,0),0)),0)</f>
        <v>0</v>
      </c>
      <c r="G6106" cm="1">
        <f t="array" ref="G6106">IFERROR(INDEX(Jesper!AK$2:AK$366,ROUNDDOWN($C6106/24,0)+1,1)*INDEX($D$3:$AA$30,INDEX(Jesper!$R$2:$R$366,ROW(INDEX(Jesper!AK$2:AK$366,ROUNDDOWN($C6106/24,0)+1,1))-1)+IF('Standard Profiles'!$G$21=$B$10,7,0)+IF('Standard Profiles'!$G$21=$B$17,14,0)+IF('Standard Profiles'!$G$21=$B$24,21,0),MOD($C6106,24)+1)/SUM(INDEX($D$3:$AA$30,INDEX(Jesper!$R$2:$R$366,ROW(INDEX(Jesper!AK$2:AK$366,ROUNDDOWN($C6106/24,0)+1,1))-1)+IF('Standard Profiles'!$G$21=$B$10,7,0)+IF('Standard Profiles'!$G$21=$B$17,14,0)+IF('Standard Profiles'!$G$21=$B$24,21,0),0)),0)</f>
        <v>0</v>
      </c>
      <c r="H6106" cm="1">
        <f t="array" ref="H6106">IFERROR(INDEX(Jesper!AL$2:AL$366,ROUNDDOWN($C6106/24,0)+1,1)*INDEX($D$3:$AA$30,INDEX(Jesper!$R$2:$R$366,ROW(INDEX(Jesper!AL$2:AL$366,ROUNDDOWN($C6106/24,0)+1,1))-1)+IF('Standard Profiles'!$G$22=$B$10,7,0)+IF('Standard Profiles'!$G$22=$B$17,14,0)+IF('Standard Profiles'!$G$22=$B$24,21,0),MOD($C6106,24)+1)/SUM(INDEX($D$3:$AA$30,INDEX(Jesper!$R$2:$R$366,ROW(INDEX(Jesper!AL$2:AL$366,ROUNDDOWN($C6106/24,0)+1,1))-1)+IF('Standard Profiles'!$G$22=$B$10,7,0)+IF('Standard Profiles'!$G$22=$B$17,14,0)+IF('Standard Profiles'!$G$22=$B$24,21,0),0)),0)</f>
        <v>0</v>
      </c>
      <c r="I6106">
        <f t="shared" si="678"/>
        <v>0</v>
      </c>
      <c r="J6106">
        <f t="shared" si="679"/>
        <v>6.2367566159024053</v>
      </c>
      <c r="K6106">
        <f t="shared" si="680"/>
        <v>0.53742643329636319</v>
      </c>
      <c r="L6106">
        <f t="shared" si="681"/>
        <v>0.2687132166481816</v>
      </c>
      <c r="M6106">
        <f t="shared" si="682"/>
        <v>0</v>
      </c>
      <c r="N6106" s="45">
        <f t="shared" si="683"/>
        <v>45179.999999985273</v>
      </c>
    </row>
    <row r="6107" spans="2:14" x14ac:dyDescent="0.25">
      <c r="B6107">
        <f t="shared" si="677"/>
        <v>1</v>
      </c>
      <c r="C6107" s="16">
        <v>6073</v>
      </c>
      <c r="D6107" cm="1">
        <f t="array" ref="D6107">IFERROR(INDEX(Jesper!AH$2:AH$366,ROUNDDOWN($C6107/24,0)+1,1)*INDEX($D$3:$AA$30,INDEX(Jesper!$R$2:$R$366,ROW(INDEX(Jesper!AH$2:AH$366,ROUNDDOWN($C6107/24,0)+1,1))-1)+IF('Standard Profiles'!$G$18=$B$10,7,0)+IF('Standard Profiles'!$G$18=$B$17,14,0)+IF('Standard Profiles'!$G$18=$B$24,21,0),MOD($C6107,24)+1)/SUM(INDEX($D$3:$AA$30,INDEX(Jesper!$R$2:$R$366,ROW(INDEX(Jesper!AH$2:AH$366,ROUNDDOWN($C6107/24,0)+1,1))-1)+IF('Standard Profiles'!$G$18=$B$10,7,0)+IF('Standard Profiles'!$G$18=$B$17,14,0)+IF('Standard Profiles'!$G$18=$B$24,21,0),0)),0)</f>
        <v>5.0383728121534048</v>
      </c>
      <c r="E6107" cm="1">
        <f t="array" ref="E6107">IFERROR(INDEX(Jesper!AI$2:AI$366,ROUNDDOWN($C6107/24,0)+1,1)*INDEX($D$3:$AA$30,INDEX(Jesper!$R$2:$R$366,ROW(INDEX(Jesper!AI$2:AI$366,ROUNDDOWN($C6107/24,0)+1,1))-1)+IF('Standard Profiles'!$G$19=$B$10,7,0)+IF('Standard Profiles'!$G$19=$B$17,14,0)+IF('Standard Profiles'!$G$19=$B$24,21,0),MOD($C6107,24)+1)/SUM(INDEX($D$3:$AA$30,INDEX(Jesper!$R$2:$R$366,ROW(INDEX(Jesper!AI$2:AI$366,ROUNDDOWN($C6107/24,0)+1,1))-1)+IF('Standard Profiles'!$G$19=$B$10,7,0)+IF('Standard Profiles'!$G$19=$B$17,14,0)+IF('Standard Profiles'!$G$19=$B$24,21,0),0)),0)</f>
        <v>2.0045234536935457</v>
      </c>
      <c r="F6107" cm="1">
        <f t="array" ref="F6107">IFERROR(INDEX(Jesper!AJ$2:AJ$366,ROUNDDOWN($C6107/24,0)+1,1)*INDEX($D$3:$AA$30,INDEX(Jesper!$R$2:$R$366,ROW(INDEX(Jesper!AJ$2:AJ$366,ROUNDDOWN($C6107/24,0)+1,1))-1)+IF('Standard Profiles'!$G$20=$B$10,7,0)+IF('Standard Profiles'!$G$20=$B$17,14,0)+IF('Standard Profiles'!$G$20=$B$24,21,0),MOD($C6107,24)+1)/SUM(INDEX($D$3:$AA$30,INDEX(Jesper!$R$2:$R$366,ROW(INDEX(Jesper!AJ$2:AJ$366,ROUNDDOWN($C6107/24,0)+1,1))-1)+IF('Standard Profiles'!$G$20=$B$10,7,0)+IF('Standard Profiles'!$G$20=$B$17,14,0)+IF('Standard Profiles'!$G$20=$B$24,21,0),0)),0)</f>
        <v>0</v>
      </c>
      <c r="G6107" cm="1">
        <f t="array" ref="G6107">IFERROR(INDEX(Jesper!AK$2:AK$366,ROUNDDOWN($C6107/24,0)+1,1)*INDEX($D$3:$AA$30,INDEX(Jesper!$R$2:$R$366,ROW(INDEX(Jesper!AK$2:AK$366,ROUNDDOWN($C6107/24,0)+1,1))-1)+IF('Standard Profiles'!$G$21=$B$10,7,0)+IF('Standard Profiles'!$G$21=$B$17,14,0)+IF('Standard Profiles'!$G$21=$B$24,21,0),MOD($C6107,24)+1)/SUM(INDEX($D$3:$AA$30,INDEX(Jesper!$R$2:$R$366,ROW(INDEX(Jesper!AK$2:AK$366,ROUNDDOWN($C6107/24,0)+1,1))-1)+IF('Standard Profiles'!$G$21=$B$10,7,0)+IF('Standard Profiles'!$G$21=$B$17,14,0)+IF('Standard Profiles'!$G$21=$B$24,21,0),0)),0)</f>
        <v>0</v>
      </c>
      <c r="H6107" cm="1">
        <f t="array" ref="H6107">IFERROR(INDEX(Jesper!AL$2:AL$366,ROUNDDOWN($C6107/24,0)+1,1)*INDEX($D$3:$AA$30,INDEX(Jesper!$R$2:$R$366,ROW(INDEX(Jesper!AL$2:AL$366,ROUNDDOWN($C6107/24,0)+1,1))-1)+IF('Standard Profiles'!$G$22=$B$10,7,0)+IF('Standard Profiles'!$G$22=$B$17,14,0)+IF('Standard Profiles'!$G$22=$B$24,21,0),MOD($C6107,24)+1)/SUM(INDEX($D$3:$AA$30,INDEX(Jesper!$R$2:$R$366,ROW(INDEX(Jesper!AL$2:AL$366,ROUNDDOWN($C6107/24,0)+1,1))-1)+IF('Standard Profiles'!$G$22=$B$10,7,0)+IF('Standard Profiles'!$G$22=$B$17,14,0)+IF('Standard Profiles'!$G$22=$B$24,21,0),0)),0)</f>
        <v>0</v>
      </c>
      <c r="I6107">
        <f t="shared" si="678"/>
        <v>0</v>
      </c>
      <c r="J6107">
        <f t="shared" si="679"/>
        <v>6.2367566159024053</v>
      </c>
      <c r="K6107">
        <f t="shared" si="680"/>
        <v>0.53742643329636319</v>
      </c>
      <c r="L6107">
        <f t="shared" si="681"/>
        <v>0.2687132166481816</v>
      </c>
      <c r="M6107">
        <f t="shared" si="682"/>
        <v>0</v>
      </c>
      <c r="N6107" s="45">
        <f t="shared" si="683"/>
        <v>45180.041666651938</v>
      </c>
    </row>
    <row r="6108" spans="2:14" x14ac:dyDescent="0.25">
      <c r="B6108">
        <f t="shared" si="677"/>
        <v>1</v>
      </c>
      <c r="C6108" s="16">
        <v>6074</v>
      </c>
      <c r="D6108" cm="1">
        <f t="array" ref="D6108">IFERROR(INDEX(Jesper!AH$2:AH$366,ROUNDDOWN($C6108/24,0)+1,1)*INDEX($D$3:$AA$30,INDEX(Jesper!$R$2:$R$366,ROW(INDEX(Jesper!AH$2:AH$366,ROUNDDOWN($C6108/24,0)+1,1))-1)+IF('Standard Profiles'!$G$18=$B$10,7,0)+IF('Standard Profiles'!$G$18=$B$17,14,0)+IF('Standard Profiles'!$G$18=$B$24,21,0),MOD($C6108,24)+1)/SUM(INDEX($D$3:$AA$30,INDEX(Jesper!$R$2:$R$366,ROW(INDEX(Jesper!AH$2:AH$366,ROUNDDOWN($C6108/24,0)+1,1))-1)+IF('Standard Profiles'!$G$18=$B$10,7,0)+IF('Standard Profiles'!$G$18=$B$17,14,0)+IF('Standard Profiles'!$G$18=$B$24,21,0),0)),0)</f>
        <v>5.0383728121534048</v>
      </c>
      <c r="E6108" cm="1">
        <f t="array" ref="E6108">IFERROR(INDEX(Jesper!AI$2:AI$366,ROUNDDOWN($C6108/24,0)+1,1)*INDEX($D$3:$AA$30,INDEX(Jesper!$R$2:$R$366,ROW(INDEX(Jesper!AI$2:AI$366,ROUNDDOWN($C6108/24,0)+1,1))-1)+IF('Standard Profiles'!$G$19=$B$10,7,0)+IF('Standard Profiles'!$G$19=$B$17,14,0)+IF('Standard Profiles'!$G$19=$B$24,21,0),MOD($C6108,24)+1)/SUM(INDEX($D$3:$AA$30,INDEX(Jesper!$R$2:$R$366,ROW(INDEX(Jesper!AI$2:AI$366,ROUNDDOWN($C6108/24,0)+1,1))-1)+IF('Standard Profiles'!$G$19=$B$10,7,0)+IF('Standard Profiles'!$G$19=$B$17,14,0)+IF('Standard Profiles'!$G$19=$B$24,21,0),0)),0)</f>
        <v>2.0045234536935457</v>
      </c>
      <c r="F6108" cm="1">
        <f t="array" ref="F6108">IFERROR(INDEX(Jesper!AJ$2:AJ$366,ROUNDDOWN($C6108/24,0)+1,1)*INDEX($D$3:$AA$30,INDEX(Jesper!$R$2:$R$366,ROW(INDEX(Jesper!AJ$2:AJ$366,ROUNDDOWN($C6108/24,0)+1,1))-1)+IF('Standard Profiles'!$G$20=$B$10,7,0)+IF('Standard Profiles'!$G$20=$B$17,14,0)+IF('Standard Profiles'!$G$20=$B$24,21,0),MOD($C6108,24)+1)/SUM(INDEX($D$3:$AA$30,INDEX(Jesper!$R$2:$R$366,ROW(INDEX(Jesper!AJ$2:AJ$366,ROUNDDOWN($C6108/24,0)+1,1))-1)+IF('Standard Profiles'!$G$20=$B$10,7,0)+IF('Standard Profiles'!$G$20=$B$17,14,0)+IF('Standard Profiles'!$G$20=$B$24,21,0),0)),0)</f>
        <v>0</v>
      </c>
      <c r="G6108" cm="1">
        <f t="array" ref="G6108">IFERROR(INDEX(Jesper!AK$2:AK$366,ROUNDDOWN($C6108/24,0)+1,1)*INDEX($D$3:$AA$30,INDEX(Jesper!$R$2:$R$366,ROW(INDEX(Jesper!AK$2:AK$366,ROUNDDOWN($C6108/24,0)+1,1))-1)+IF('Standard Profiles'!$G$21=$B$10,7,0)+IF('Standard Profiles'!$G$21=$B$17,14,0)+IF('Standard Profiles'!$G$21=$B$24,21,0),MOD($C6108,24)+1)/SUM(INDEX($D$3:$AA$30,INDEX(Jesper!$R$2:$R$366,ROW(INDEX(Jesper!AK$2:AK$366,ROUNDDOWN($C6108/24,0)+1,1))-1)+IF('Standard Profiles'!$G$21=$B$10,7,0)+IF('Standard Profiles'!$G$21=$B$17,14,0)+IF('Standard Profiles'!$G$21=$B$24,21,0),0)),0)</f>
        <v>0</v>
      </c>
      <c r="H6108" cm="1">
        <f t="array" ref="H6108">IFERROR(INDEX(Jesper!AL$2:AL$366,ROUNDDOWN($C6108/24,0)+1,1)*INDEX($D$3:$AA$30,INDEX(Jesper!$R$2:$R$366,ROW(INDEX(Jesper!AL$2:AL$366,ROUNDDOWN($C6108/24,0)+1,1))-1)+IF('Standard Profiles'!$G$22=$B$10,7,0)+IF('Standard Profiles'!$G$22=$B$17,14,0)+IF('Standard Profiles'!$G$22=$B$24,21,0),MOD($C6108,24)+1)/SUM(INDEX($D$3:$AA$30,INDEX(Jesper!$R$2:$R$366,ROW(INDEX(Jesper!AL$2:AL$366,ROUNDDOWN($C6108/24,0)+1,1))-1)+IF('Standard Profiles'!$G$22=$B$10,7,0)+IF('Standard Profiles'!$G$22=$B$17,14,0)+IF('Standard Profiles'!$G$22=$B$24,21,0),0)),0)</f>
        <v>0</v>
      </c>
      <c r="I6108">
        <f t="shared" si="678"/>
        <v>0</v>
      </c>
      <c r="J6108">
        <f t="shared" si="679"/>
        <v>6.2367566159024053</v>
      </c>
      <c r="K6108">
        <f t="shared" si="680"/>
        <v>0.53742643329636319</v>
      </c>
      <c r="L6108">
        <f t="shared" si="681"/>
        <v>0.2687132166481816</v>
      </c>
      <c r="M6108">
        <f t="shared" si="682"/>
        <v>0</v>
      </c>
      <c r="N6108" s="45">
        <f t="shared" si="683"/>
        <v>45180.083333318602</v>
      </c>
    </row>
    <row r="6109" spans="2:14" x14ac:dyDescent="0.25">
      <c r="B6109">
        <f t="shared" si="677"/>
        <v>1</v>
      </c>
      <c r="C6109" s="16">
        <v>6075</v>
      </c>
      <c r="D6109" cm="1">
        <f t="array" ref="D6109">IFERROR(INDEX(Jesper!AH$2:AH$366,ROUNDDOWN($C6109/24,0)+1,1)*INDEX($D$3:$AA$30,INDEX(Jesper!$R$2:$R$366,ROW(INDEX(Jesper!AH$2:AH$366,ROUNDDOWN($C6109/24,0)+1,1))-1)+IF('Standard Profiles'!$G$18=$B$10,7,0)+IF('Standard Profiles'!$G$18=$B$17,14,0)+IF('Standard Profiles'!$G$18=$B$24,21,0),MOD($C6109,24)+1)/SUM(INDEX($D$3:$AA$30,INDEX(Jesper!$R$2:$R$366,ROW(INDEX(Jesper!AH$2:AH$366,ROUNDDOWN($C6109/24,0)+1,1))-1)+IF('Standard Profiles'!$G$18=$B$10,7,0)+IF('Standard Profiles'!$G$18=$B$17,14,0)+IF('Standard Profiles'!$G$18=$B$24,21,0),0)),0)</f>
        <v>5.0383728121534048</v>
      </c>
      <c r="E6109" cm="1">
        <f t="array" ref="E6109">IFERROR(INDEX(Jesper!AI$2:AI$366,ROUNDDOWN($C6109/24,0)+1,1)*INDEX($D$3:$AA$30,INDEX(Jesper!$R$2:$R$366,ROW(INDEX(Jesper!AI$2:AI$366,ROUNDDOWN($C6109/24,0)+1,1))-1)+IF('Standard Profiles'!$G$19=$B$10,7,0)+IF('Standard Profiles'!$G$19=$B$17,14,0)+IF('Standard Profiles'!$G$19=$B$24,21,0),MOD($C6109,24)+1)/SUM(INDEX($D$3:$AA$30,INDEX(Jesper!$R$2:$R$366,ROW(INDEX(Jesper!AI$2:AI$366,ROUNDDOWN($C6109/24,0)+1,1))-1)+IF('Standard Profiles'!$G$19=$B$10,7,0)+IF('Standard Profiles'!$G$19=$B$17,14,0)+IF('Standard Profiles'!$G$19=$B$24,21,0),0)),0)</f>
        <v>2.0045234536935457</v>
      </c>
      <c r="F6109" cm="1">
        <f t="array" ref="F6109">IFERROR(INDEX(Jesper!AJ$2:AJ$366,ROUNDDOWN($C6109/24,0)+1,1)*INDEX($D$3:$AA$30,INDEX(Jesper!$R$2:$R$366,ROW(INDEX(Jesper!AJ$2:AJ$366,ROUNDDOWN($C6109/24,0)+1,1))-1)+IF('Standard Profiles'!$G$20=$B$10,7,0)+IF('Standard Profiles'!$G$20=$B$17,14,0)+IF('Standard Profiles'!$G$20=$B$24,21,0),MOD($C6109,24)+1)/SUM(INDEX($D$3:$AA$30,INDEX(Jesper!$R$2:$R$366,ROW(INDEX(Jesper!AJ$2:AJ$366,ROUNDDOWN($C6109/24,0)+1,1))-1)+IF('Standard Profiles'!$G$20=$B$10,7,0)+IF('Standard Profiles'!$G$20=$B$17,14,0)+IF('Standard Profiles'!$G$20=$B$24,21,0),0)),0)</f>
        <v>0</v>
      </c>
      <c r="G6109" cm="1">
        <f t="array" ref="G6109">IFERROR(INDEX(Jesper!AK$2:AK$366,ROUNDDOWN($C6109/24,0)+1,1)*INDEX($D$3:$AA$30,INDEX(Jesper!$R$2:$R$366,ROW(INDEX(Jesper!AK$2:AK$366,ROUNDDOWN($C6109/24,0)+1,1))-1)+IF('Standard Profiles'!$G$21=$B$10,7,0)+IF('Standard Profiles'!$G$21=$B$17,14,0)+IF('Standard Profiles'!$G$21=$B$24,21,0),MOD($C6109,24)+1)/SUM(INDEX($D$3:$AA$30,INDEX(Jesper!$R$2:$R$366,ROW(INDEX(Jesper!AK$2:AK$366,ROUNDDOWN($C6109/24,0)+1,1))-1)+IF('Standard Profiles'!$G$21=$B$10,7,0)+IF('Standard Profiles'!$G$21=$B$17,14,0)+IF('Standard Profiles'!$G$21=$B$24,21,0),0)),0)</f>
        <v>0</v>
      </c>
      <c r="H6109" cm="1">
        <f t="array" ref="H6109">IFERROR(INDEX(Jesper!AL$2:AL$366,ROUNDDOWN($C6109/24,0)+1,1)*INDEX($D$3:$AA$30,INDEX(Jesper!$R$2:$R$366,ROW(INDEX(Jesper!AL$2:AL$366,ROUNDDOWN($C6109/24,0)+1,1))-1)+IF('Standard Profiles'!$G$22=$B$10,7,0)+IF('Standard Profiles'!$G$22=$B$17,14,0)+IF('Standard Profiles'!$G$22=$B$24,21,0),MOD($C6109,24)+1)/SUM(INDEX($D$3:$AA$30,INDEX(Jesper!$R$2:$R$366,ROW(INDEX(Jesper!AL$2:AL$366,ROUNDDOWN($C6109/24,0)+1,1))-1)+IF('Standard Profiles'!$G$22=$B$10,7,0)+IF('Standard Profiles'!$G$22=$B$17,14,0)+IF('Standard Profiles'!$G$22=$B$24,21,0),0)),0)</f>
        <v>0</v>
      </c>
      <c r="I6109">
        <f t="shared" si="678"/>
        <v>0</v>
      </c>
      <c r="J6109">
        <f t="shared" si="679"/>
        <v>6.2367566159024053</v>
      </c>
      <c r="K6109">
        <f t="shared" si="680"/>
        <v>0.53742643329636319</v>
      </c>
      <c r="L6109">
        <f t="shared" si="681"/>
        <v>0.2687132166481816</v>
      </c>
      <c r="M6109">
        <f t="shared" si="682"/>
        <v>0</v>
      </c>
      <c r="N6109" s="45">
        <f t="shared" si="683"/>
        <v>45180.124999985266</v>
      </c>
    </row>
    <row r="6110" spans="2:14" x14ac:dyDescent="0.25">
      <c r="B6110">
        <f t="shared" si="677"/>
        <v>1</v>
      </c>
      <c r="C6110" s="16">
        <v>6076</v>
      </c>
      <c r="D6110" cm="1">
        <f t="array" ref="D6110">IFERROR(INDEX(Jesper!AH$2:AH$366,ROUNDDOWN($C6110/24,0)+1,1)*INDEX($D$3:$AA$30,INDEX(Jesper!$R$2:$R$366,ROW(INDEX(Jesper!AH$2:AH$366,ROUNDDOWN($C6110/24,0)+1,1))-1)+IF('Standard Profiles'!$G$18=$B$10,7,0)+IF('Standard Profiles'!$G$18=$B$17,14,0)+IF('Standard Profiles'!$G$18=$B$24,21,0),MOD($C6110,24)+1)/SUM(INDEX($D$3:$AA$30,INDEX(Jesper!$R$2:$R$366,ROW(INDEX(Jesper!AH$2:AH$366,ROUNDDOWN($C6110/24,0)+1,1))-1)+IF('Standard Profiles'!$G$18=$B$10,7,0)+IF('Standard Profiles'!$G$18=$B$17,14,0)+IF('Standard Profiles'!$G$18=$B$24,21,0),0)),0)</f>
        <v>5.0383728121534048</v>
      </c>
      <c r="E6110" cm="1">
        <f t="array" ref="E6110">IFERROR(INDEX(Jesper!AI$2:AI$366,ROUNDDOWN($C6110/24,0)+1,1)*INDEX($D$3:$AA$30,INDEX(Jesper!$R$2:$R$366,ROW(INDEX(Jesper!AI$2:AI$366,ROUNDDOWN($C6110/24,0)+1,1))-1)+IF('Standard Profiles'!$G$19=$B$10,7,0)+IF('Standard Profiles'!$G$19=$B$17,14,0)+IF('Standard Profiles'!$G$19=$B$24,21,0),MOD($C6110,24)+1)/SUM(INDEX($D$3:$AA$30,INDEX(Jesper!$R$2:$R$366,ROW(INDEX(Jesper!AI$2:AI$366,ROUNDDOWN($C6110/24,0)+1,1))-1)+IF('Standard Profiles'!$G$19=$B$10,7,0)+IF('Standard Profiles'!$G$19=$B$17,14,0)+IF('Standard Profiles'!$G$19=$B$24,21,0),0)),0)</f>
        <v>2.0045234536935457</v>
      </c>
      <c r="F6110" cm="1">
        <f t="array" ref="F6110">IFERROR(INDEX(Jesper!AJ$2:AJ$366,ROUNDDOWN($C6110/24,0)+1,1)*INDEX($D$3:$AA$30,INDEX(Jesper!$R$2:$R$366,ROW(INDEX(Jesper!AJ$2:AJ$366,ROUNDDOWN($C6110/24,0)+1,1))-1)+IF('Standard Profiles'!$G$20=$B$10,7,0)+IF('Standard Profiles'!$G$20=$B$17,14,0)+IF('Standard Profiles'!$G$20=$B$24,21,0),MOD($C6110,24)+1)/SUM(INDEX($D$3:$AA$30,INDEX(Jesper!$R$2:$R$366,ROW(INDEX(Jesper!AJ$2:AJ$366,ROUNDDOWN($C6110/24,0)+1,1))-1)+IF('Standard Profiles'!$G$20=$B$10,7,0)+IF('Standard Profiles'!$G$20=$B$17,14,0)+IF('Standard Profiles'!$G$20=$B$24,21,0),0)),0)</f>
        <v>0</v>
      </c>
      <c r="G6110" cm="1">
        <f t="array" ref="G6110">IFERROR(INDEX(Jesper!AK$2:AK$366,ROUNDDOWN($C6110/24,0)+1,1)*INDEX($D$3:$AA$30,INDEX(Jesper!$R$2:$R$366,ROW(INDEX(Jesper!AK$2:AK$366,ROUNDDOWN($C6110/24,0)+1,1))-1)+IF('Standard Profiles'!$G$21=$B$10,7,0)+IF('Standard Profiles'!$G$21=$B$17,14,0)+IF('Standard Profiles'!$G$21=$B$24,21,0),MOD($C6110,24)+1)/SUM(INDEX($D$3:$AA$30,INDEX(Jesper!$R$2:$R$366,ROW(INDEX(Jesper!AK$2:AK$366,ROUNDDOWN($C6110/24,0)+1,1))-1)+IF('Standard Profiles'!$G$21=$B$10,7,0)+IF('Standard Profiles'!$G$21=$B$17,14,0)+IF('Standard Profiles'!$G$21=$B$24,21,0),0)),0)</f>
        <v>0</v>
      </c>
      <c r="H6110" cm="1">
        <f t="array" ref="H6110">IFERROR(INDEX(Jesper!AL$2:AL$366,ROUNDDOWN($C6110/24,0)+1,1)*INDEX($D$3:$AA$30,INDEX(Jesper!$R$2:$R$366,ROW(INDEX(Jesper!AL$2:AL$366,ROUNDDOWN($C6110/24,0)+1,1))-1)+IF('Standard Profiles'!$G$22=$B$10,7,0)+IF('Standard Profiles'!$G$22=$B$17,14,0)+IF('Standard Profiles'!$G$22=$B$24,21,0),MOD($C6110,24)+1)/SUM(INDEX($D$3:$AA$30,INDEX(Jesper!$R$2:$R$366,ROW(INDEX(Jesper!AL$2:AL$366,ROUNDDOWN($C6110/24,0)+1,1))-1)+IF('Standard Profiles'!$G$22=$B$10,7,0)+IF('Standard Profiles'!$G$22=$B$17,14,0)+IF('Standard Profiles'!$G$22=$B$24,21,0),0)),0)</f>
        <v>0</v>
      </c>
      <c r="I6110">
        <f t="shared" si="678"/>
        <v>0</v>
      </c>
      <c r="J6110">
        <f t="shared" si="679"/>
        <v>6.2367566159024053</v>
      </c>
      <c r="K6110">
        <f t="shared" si="680"/>
        <v>0.53742643329636319</v>
      </c>
      <c r="L6110">
        <f t="shared" si="681"/>
        <v>0.2687132166481816</v>
      </c>
      <c r="M6110">
        <f t="shared" si="682"/>
        <v>0</v>
      </c>
      <c r="N6110" s="45">
        <f t="shared" si="683"/>
        <v>45180.16666665193</v>
      </c>
    </row>
    <row r="6111" spans="2:14" x14ac:dyDescent="0.25">
      <c r="B6111">
        <f t="shared" si="677"/>
        <v>1</v>
      </c>
      <c r="C6111" s="16">
        <v>6077</v>
      </c>
      <c r="D6111" cm="1">
        <f t="array" ref="D6111">IFERROR(INDEX(Jesper!AH$2:AH$366,ROUNDDOWN($C6111/24,0)+1,1)*INDEX($D$3:$AA$30,INDEX(Jesper!$R$2:$R$366,ROW(INDEX(Jesper!AH$2:AH$366,ROUNDDOWN($C6111/24,0)+1,1))-1)+IF('Standard Profiles'!$G$18=$B$10,7,0)+IF('Standard Profiles'!$G$18=$B$17,14,0)+IF('Standard Profiles'!$G$18=$B$24,21,0),MOD($C6111,24)+1)/SUM(INDEX($D$3:$AA$30,INDEX(Jesper!$R$2:$R$366,ROW(INDEX(Jesper!AH$2:AH$366,ROUNDDOWN($C6111/24,0)+1,1))-1)+IF('Standard Profiles'!$G$18=$B$10,7,0)+IF('Standard Profiles'!$G$18=$B$17,14,0)+IF('Standard Profiles'!$G$18=$B$24,21,0),0)),0)</f>
        <v>5.0383728121534048</v>
      </c>
      <c r="E6111" cm="1">
        <f t="array" ref="E6111">IFERROR(INDEX(Jesper!AI$2:AI$366,ROUNDDOWN($C6111/24,0)+1,1)*INDEX($D$3:$AA$30,INDEX(Jesper!$R$2:$R$366,ROW(INDEX(Jesper!AI$2:AI$366,ROUNDDOWN($C6111/24,0)+1,1))-1)+IF('Standard Profiles'!$G$19=$B$10,7,0)+IF('Standard Profiles'!$G$19=$B$17,14,0)+IF('Standard Profiles'!$G$19=$B$24,21,0),MOD($C6111,24)+1)/SUM(INDEX($D$3:$AA$30,INDEX(Jesper!$R$2:$R$366,ROW(INDEX(Jesper!AI$2:AI$366,ROUNDDOWN($C6111/24,0)+1,1))-1)+IF('Standard Profiles'!$G$19=$B$10,7,0)+IF('Standard Profiles'!$G$19=$B$17,14,0)+IF('Standard Profiles'!$G$19=$B$24,21,0),0)),0)</f>
        <v>2.0045234536935457</v>
      </c>
      <c r="F6111" cm="1">
        <f t="array" ref="F6111">IFERROR(INDEX(Jesper!AJ$2:AJ$366,ROUNDDOWN($C6111/24,0)+1,1)*INDEX($D$3:$AA$30,INDEX(Jesper!$R$2:$R$366,ROW(INDEX(Jesper!AJ$2:AJ$366,ROUNDDOWN($C6111/24,0)+1,1))-1)+IF('Standard Profiles'!$G$20=$B$10,7,0)+IF('Standard Profiles'!$G$20=$B$17,14,0)+IF('Standard Profiles'!$G$20=$B$24,21,0),MOD($C6111,24)+1)/SUM(INDEX($D$3:$AA$30,INDEX(Jesper!$R$2:$R$366,ROW(INDEX(Jesper!AJ$2:AJ$366,ROUNDDOWN($C6111/24,0)+1,1))-1)+IF('Standard Profiles'!$G$20=$B$10,7,0)+IF('Standard Profiles'!$G$20=$B$17,14,0)+IF('Standard Profiles'!$G$20=$B$24,21,0),0)),0)</f>
        <v>0</v>
      </c>
      <c r="G6111" cm="1">
        <f t="array" ref="G6111">IFERROR(INDEX(Jesper!AK$2:AK$366,ROUNDDOWN($C6111/24,0)+1,1)*INDEX($D$3:$AA$30,INDEX(Jesper!$R$2:$R$366,ROW(INDEX(Jesper!AK$2:AK$366,ROUNDDOWN($C6111/24,0)+1,1))-1)+IF('Standard Profiles'!$G$21=$B$10,7,0)+IF('Standard Profiles'!$G$21=$B$17,14,0)+IF('Standard Profiles'!$G$21=$B$24,21,0),MOD($C6111,24)+1)/SUM(INDEX($D$3:$AA$30,INDEX(Jesper!$R$2:$R$366,ROW(INDEX(Jesper!AK$2:AK$366,ROUNDDOWN($C6111/24,0)+1,1))-1)+IF('Standard Profiles'!$G$21=$B$10,7,0)+IF('Standard Profiles'!$G$21=$B$17,14,0)+IF('Standard Profiles'!$G$21=$B$24,21,0),0)),0)</f>
        <v>0</v>
      </c>
      <c r="H6111" cm="1">
        <f t="array" ref="H6111">IFERROR(INDEX(Jesper!AL$2:AL$366,ROUNDDOWN($C6111/24,0)+1,1)*INDEX($D$3:$AA$30,INDEX(Jesper!$R$2:$R$366,ROW(INDEX(Jesper!AL$2:AL$366,ROUNDDOWN($C6111/24,0)+1,1))-1)+IF('Standard Profiles'!$G$22=$B$10,7,0)+IF('Standard Profiles'!$G$22=$B$17,14,0)+IF('Standard Profiles'!$G$22=$B$24,21,0),MOD($C6111,24)+1)/SUM(INDEX($D$3:$AA$30,INDEX(Jesper!$R$2:$R$366,ROW(INDEX(Jesper!AL$2:AL$366,ROUNDDOWN($C6111/24,0)+1,1))-1)+IF('Standard Profiles'!$G$22=$B$10,7,0)+IF('Standard Profiles'!$G$22=$B$17,14,0)+IF('Standard Profiles'!$G$22=$B$24,21,0),0)),0)</f>
        <v>0</v>
      </c>
      <c r="I6111">
        <f t="shared" si="678"/>
        <v>0</v>
      </c>
      <c r="J6111">
        <f t="shared" si="679"/>
        <v>6.2367566159024053</v>
      </c>
      <c r="K6111">
        <f t="shared" si="680"/>
        <v>0.53742643329636319</v>
      </c>
      <c r="L6111">
        <f t="shared" si="681"/>
        <v>0.2687132166481816</v>
      </c>
      <c r="M6111">
        <f t="shared" si="682"/>
        <v>0</v>
      </c>
      <c r="N6111" s="45">
        <f t="shared" si="683"/>
        <v>45180.208333318595</v>
      </c>
    </row>
    <row r="6112" spans="2:14" x14ac:dyDescent="0.25">
      <c r="B6112">
        <f t="shared" si="677"/>
        <v>1</v>
      </c>
      <c r="C6112" s="16">
        <v>6078</v>
      </c>
      <c r="D6112" cm="1">
        <f t="array" ref="D6112">IFERROR(INDEX(Jesper!AH$2:AH$366,ROUNDDOWN($C6112/24,0)+1,1)*INDEX($D$3:$AA$30,INDEX(Jesper!$R$2:$R$366,ROW(INDEX(Jesper!AH$2:AH$366,ROUNDDOWN($C6112/24,0)+1,1))-1)+IF('Standard Profiles'!$G$18=$B$10,7,0)+IF('Standard Profiles'!$G$18=$B$17,14,0)+IF('Standard Profiles'!$G$18=$B$24,21,0),MOD($C6112,24)+1)/SUM(INDEX($D$3:$AA$30,INDEX(Jesper!$R$2:$R$366,ROW(INDEX(Jesper!AH$2:AH$366,ROUNDDOWN($C6112/24,0)+1,1))-1)+IF('Standard Profiles'!$G$18=$B$10,7,0)+IF('Standard Profiles'!$G$18=$B$17,14,0)+IF('Standard Profiles'!$G$18=$B$24,21,0),0)),0)</f>
        <v>5.0383728121534048</v>
      </c>
      <c r="E6112" cm="1">
        <f t="array" ref="E6112">IFERROR(INDEX(Jesper!AI$2:AI$366,ROUNDDOWN($C6112/24,0)+1,1)*INDEX($D$3:$AA$30,INDEX(Jesper!$R$2:$R$366,ROW(INDEX(Jesper!AI$2:AI$366,ROUNDDOWN($C6112/24,0)+1,1))-1)+IF('Standard Profiles'!$G$19=$B$10,7,0)+IF('Standard Profiles'!$G$19=$B$17,14,0)+IF('Standard Profiles'!$G$19=$B$24,21,0),MOD($C6112,24)+1)/SUM(INDEX($D$3:$AA$30,INDEX(Jesper!$R$2:$R$366,ROW(INDEX(Jesper!AI$2:AI$366,ROUNDDOWN($C6112/24,0)+1,1))-1)+IF('Standard Profiles'!$G$19=$B$10,7,0)+IF('Standard Profiles'!$G$19=$B$17,14,0)+IF('Standard Profiles'!$G$19=$B$24,21,0),0)),0)</f>
        <v>2.0045234536935457</v>
      </c>
      <c r="F6112" cm="1">
        <f t="array" ref="F6112">IFERROR(INDEX(Jesper!AJ$2:AJ$366,ROUNDDOWN($C6112/24,0)+1,1)*INDEX($D$3:$AA$30,INDEX(Jesper!$R$2:$R$366,ROW(INDEX(Jesper!AJ$2:AJ$366,ROUNDDOWN($C6112/24,0)+1,1))-1)+IF('Standard Profiles'!$G$20=$B$10,7,0)+IF('Standard Profiles'!$G$20=$B$17,14,0)+IF('Standard Profiles'!$G$20=$B$24,21,0),MOD($C6112,24)+1)/SUM(INDEX($D$3:$AA$30,INDEX(Jesper!$R$2:$R$366,ROW(INDEX(Jesper!AJ$2:AJ$366,ROUNDDOWN($C6112/24,0)+1,1))-1)+IF('Standard Profiles'!$G$20=$B$10,7,0)+IF('Standard Profiles'!$G$20=$B$17,14,0)+IF('Standard Profiles'!$G$20=$B$24,21,0),0)),0)</f>
        <v>0</v>
      </c>
      <c r="G6112" cm="1">
        <f t="array" ref="G6112">IFERROR(INDEX(Jesper!AK$2:AK$366,ROUNDDOWN($C6112/24,0)+1,1)*INDEX($D$3:$AA$30,INDEX(Jesper!$R$2:$R$366,ROW(INDEX(Jesper!AK$2:AK$366,ROUNDDOWN($C6112/24,0)+1,1))-1)+IF('Standard Profiles'!$G$21=$B$10,7,0)+IF('Standard Profiles'!$G$21=$B$17,14,0)+IF('Standard Profiles'!$G$21=$B$24,21,0),MOD($C6112,24)+1)/SUM(INDEX($D$3:$AA$30,INDEX(Jesper!$R$2:$R$366,ROW(INDEX(Jesper!AK$2:AK$366,ROUNDDOWN($C6112/24,0)+1,1))-1)+IF('Standard Profiles'!$G$21=$B$10,7,0)+IF('Standard Profiles'!$G$21=$B$17,14,0)+IF('Standard Profiles'!$G$21=$B$24,21,0),0)),0)</f>
        <v>0</v>
      </c>
      <c r="H6112" cm="1">
        <f t="array" ref="H6112">IFERROR(INDEX(Jesper!AL$2:AL$366,ROUNDDOWN($C6112/24,0)+1,1)*INDEX($D$3:$AA$30,INDEX(Jesper!$R$2:$R$366,ROW(INDEX(Jesper!AL$2:AL$366,ROUNDDOWN($C6112/24,0)+1,1))-1)+IF('Standard Profiles'!$G$22=$B$10,7,0)+IF('Standard Profiles'!$G$22=$B$17,14,0)+IF('Standard Profiles'!$G$22=$B$24,21,0),MOD($C6112,24)+1)/SUM(INDEX($D$3:$AA$30,INDEX(Jesper!$R$2:$R$366,ROW(INDEX(Jesper!AL$2:AL$366,ROUNDDOWN($C6112/24,0)+1,1))-1)+IF('Standard Profiles'!$G$22=$B$10,7,0)+IF('Standard Profiles'!$G$22=$B$17,14,0)+IF('Standard Profiles'!$G$22=$B$24,21,0),0)),0)</f>
        <v>0</v>
      </c>
      <c r="I6112">
        <f t="shared" si="678"/>
        <v>0</v>
      </c>
      <c r="J6112">
        <f t="shared" si="679"/>
        <v>6.2367566159024053</v>
      </c>
      <c r="K6112">
        <f t="shared" si="680"/>
        <v>0.53742643329636319</v>
      </c>
      <c r="L6112">
        <f t="shared" si="681"/>
        <v>0.2687132166481816</v>
      </c>
      <c r="M6112">
        <f t="shared" si="682"/>
        <v>0</v>
      </c>
      <c r="N6112" s="45">
        <f t="shared" si="683"/>
        <v>45180.249999985259</v>
      </c>
    </row>
    <row r="6113" spans="2:14" x14ac:dyDescent="0.25">
      <c r="B6113">
        <f t="shared" si="677"/>
        <v>1</v>
      </c>
      <c r="C6113" s="16">
        <v>6079</v>
      </c>
      <c r="D6113" cm="1">
        <f t="array" ref="D6113">IFERROR(INDEX(Jesper!AH$2:AH$366,ROUNDDOWN($C6113/24,0)+1,1)*INDEX($D$3:$AA$30,INDEX(Jesper!$R$2:$R$366,ROW(INDEX(Jesper!AH$2:AH$366,ROUNDDOWN($C6113/24,0)+1,1))-1)+IF('Standard Profiles'!$G$18=$B$10,7,0)+IF('Standard Profiles'!$G$18=$B$17,14,0)+IF('Standard Profiles'!$G$18=$B$24,21,0),MOD($C6113,24)+1)/SUM(INDEX($D$3:$AA$30,INDEX(Jesper!$R$2:$R$366,ROW(INDEX(Jesper!AH$2:AH$366,ROUNDDOWN($C6113/24,0)+1,1))-1)+IF('Standard Profiles'!$G$18=$B$10,7,0)+IF('Standard Profiles'!$G$18=$B$17,14,0)+IF('Standard Profiles'!$G$18=$B$24,21,0),0)),0)</f>
        <v>21.463468179773503</v>
      </c>
      <c r="E6113" cm="1">
        <f t="array" ref="E6113">IFERROR(INDEX(Jesper!AI$2:AI$366,ROUNDDOWN($C6113/24,0)+1,1)*INDEX($D$3:$AA$30,INDEX(Jesper!$R$2:$R$366,ROW(INDEX(Jesper!AI$2:AI$366,ROUNDDOWN($C6113/24,0)+1,1))-1)+IF('Standard Profiles'!$G$19=$B$10,7,0)+IF('Standard Profiles'!$G$19=$B$17,14,0)+IF('Standard Profiles'!$G$19=$B$24,21,0),MOD($C6113,24)+1)/SUM(INDEX($D$3:$AA$30,INDEX(Jesper!$R$2:$R$366,ROW(INDEX(Jesper!AI$2:AI$366,ROUNDDOWN($C6113/24,0)+1,1))-1)+IF('Standard Profiles'!$G$19=$B$10,7,0)+IF('Standard Profiles'!$G$19=$B$17,14,0)+IF('Standard Profiles'!$G$19=$B$24,21,0),0)),0)</f>
        <v>8.539269912734504</v>
      </c>
      <c r="F6113" cm="1">
        <f t="array" ref="F6113">IFERROR(INDEX(Jesper!AJ$2:AJ$366,ROUNDDOWN($C6113/24,0)+1,1)*INDEX($D$3:$AA$30,INDEX(Jesper!$R$2:$R$366,ROW(INDEX(Jesper!AJ$2:AJ$366,ROUNDDOWN($C6113/24,0)+1,1))-1)+IF('Standard Profiles'!$G$20=$B$10,7,0)+IF('Standard Profiles'!$G$20=$B$17,14,0)+IF('Standard Profiles'!$G$20=$B$24,21,0),MOD($C6113,24)+1)/SUM(INDEX($D$3:$AA$30,INDEX(Jesper!$R$2:$R$366,ROW(INDEX(Jesper!AJ$2:AJ$366,ROUNDDOWN($C6113/24,0)+1,1))-1)+IF('Standard Profiles'!$G$20=$B$10,7,0)+IF('Standard Profiles'!$G$20=$B$17,14,0)+IF('Standard Profiles'!$G$20=$B$24,21,0),0)),0)</f>
        <v>0</v>
      </c>
      <c r="G6113" cm="1">
        <f t="array" ref="G6113">IFERROR(INDEX(Jesper!AK$2:AK$366,ROUNDDOWN($C6113/24,0)+1,1)*INDEX($D$3:$AA$30,INDEX(Jesper!$R$2:$R$366,ROW(INDEX(Jesper!AK$2:AK$366,ROUNDDOWN($C6113/24,0)+1,1))-1)+IF('Standard Profiles'!$G$21=$B$10,7,0)+IF('Standard Profiles'!$G$21=$B$17,14,0)+IF('Standard Profiles'!$G$21=$B$24,21,0),MOD($C6113,24)+1)/SUM(INDEX($D$3:$AA$30,INDEX(Jesper!$R$2:$R$366,ROW(INDEX(Jesper!AK$2:AK$366,ROUNDDOWN($C6113/24,0)+1,1))-1)+IF('Standard Profiles'!$G$21=$B$10,7,0)+IF('Standard Profiles'!$G$21=$B$17,14,0)+IF('Standard Profiles'!$G$21=$B$24,21,0),0)),0)</f>
        <v>0</v>
      </c>
      <c r="H6113" cm="1">
        <f t="array" ref="H6113">IFERROR(INDEX(Jesper!AL$2:AL$366,ROUNDDOWN($C6113/24,0)+1,1)*INDEX($D$3:$AA$30,INDEX(Jesper!$R$2:$R$366,ROW(INDEX(Jesper!AL$2:AL$366,ROUNDDOWN($C6113/24,0)+1,1))-1)+IF('Standard Profiles'!$G$22=$B$10,7,0)+IF('Standard Profiles'!$G$22=$B$17,14,0)+IF('Standard Profiles'!$G$22=$B$24,21,0),MOD($C6113,24)+1)/SUM(INDEX($D$3:$AA$30,INDEX(Jesper!$R$2:$R$366,ROW(INDEX(Jesper!AL$2:AL$366,ROUNDDOWN($C6113/24,0)+1,1))-1)+IF('Standard Profiles'!$G$22=$B$10,7,0)+IF('Standard Profiles'!$G$22=$B$17,14,0)+IF('Standard Profiles'!$G$22=$B$24,21,0),0)),0)</f>
        <v>0</v>
      </c>
      <c r="I6113">
        <f t="shared" si="678"/>
        <v>0</v>
      </c>
      <c r="J6113">
        <f t="shared" si="679"/>
        <v>26.568583183744245</v>
      </c>
      <c r="K6113">
        <f t="shared" si="680"/>
        <v>2.2894366058425071</v>
      </c>
      <c r="L6113">
        <f t="shared" si="681"/>
        <v>1.1447183029212535</v>
      </c>
      <c r="M6113">
        <f t="shared" si="682"/>
        <v>0</v>
      </c>
      <c r="N6113" s="45">
        <f t="shared" si="683"/>
        <v>45180.291666651923</v>
      </c>
    </row>
    <row r="6114" spans="2:14" x14ac:dyDescent="0.25">
      <c r="B6114">
        <f t="shared" si="677"/>
        <v>1</v>
      </c>
      <c r="C6114" s="16">
        <v>6080</v>
      </c>
      <c r="D6114" cm="1">
        <f t="array" ref="D6114">IFERROR(INDEX(Jesper!AH$2:AH$366,ROUNDDOWN($C6114/24,0)+1,1)*INDEX($D$3:$AA$30,INDEX(Jesper!$R$2:$R$366,ROW(INDEX(Jesper!AH$2:AH$366,ROUNDDOWN($C6114/24,0)+1,1))-1)+IF('Standard Profiles'!$G$18=$B$10,7,0)+IF('Standard Profiles'!$G$18=$B$17,14,0)+IF('Standard Profiles'!$G$18=$B$24,21,0),MOD($C6114,24)+1)/SUM(INDEX($D$3:$AA$30,INDEX(Jesper!$R$2:$R$366,ROW(INDEX(Jesper!AH$2:AH$366,ROUNDDOWN($C6114/24,0)+1,1))-1)+IF('Standard Profiles'!$G$18=$B$10,7,0)+IF('Standard Profiles'!$G$18=$B$17,14,0)+IF('Standard Profiles'!$G$18=$B$24,21,0),0)),0)</f>
        <v>24.146401702245193</v>
      </c>
      <c r="E6114" cm="1">
        <f t="array" ref="E6114">IFERROR(INDEX(Jesper!AI$2:AI$366,ROUNDDOWN($C6114/24,0)+1,1)*INDEX($D$3:$AA$30,INDEX(Jesper!$R$2:$R$366,ROW(INDEX(Jesper!AI$2:AI$366,ROUNDDOWN($C6114/24,0)+1,1))-1)+IF('Standard Profiles'!$G$19=$B$10,7,0)+IF('Standard Profiles'!$G$19=$B$17,14,0)+IF('Standard Profiles'!$G$19=$B$24,21,0),MOD($C6114,24)+1)/SUM(INDEX($D$3:$AA$30,INDEX(Jesper!$R$2:$R$366,ROW(INDEX(Jesper!AI$2:AI$366,ROUNDDOWN($C6114/24,0)+1,1))-1)+IF('Standard Profiles'!$G$19=$B$10,7,0)+IF('Standard Profiles'!$G$19=$B$17,14,0)+IF('Standard Profiles'!$G$19=$B$24,21,0),0)),0)</f>
        <v>9.6066786518263161</v>
      </c>
      <c r="F6114" cm="1">
        <f t="array" ref="F6114">IFERROR(INDEX(Jesper!AJ$2:AJ$366,ROUNDDOWN($C6114/24,0)+1,1)*INDEX($D$3:$AA$30,INDEX(Jesper!$R$2:$R$366,ROW(INDEX(Jesper!AJ$2:AJ$366,ROUNDDOWN($C6114/24,0)+1,1))-1)+IF('Standard Profiles'!$G$20=$B$10,7,0)+IF('Standard Profiles'!$G$20=$B$17,14,0)+IF('Standard Profiles'!$G$20=$B$24,21,0),MOD($C6114,24)+1)/SUM(INDEX($D$3:$AA$30,INDEX(Jesper!$R$2:$R$366,ROW(INDEX(Jesper!AJ$2:AJ$366,ROUNDDOWN($C6114/24,0)+1,1))-1)+IF('Standard Profiles'!$G$20=$B$10,7,0)+IF('Standard Profiles'!$G$20=$B$17,14,0)+IF('Standard Profiles'!$G$20=$B$24,21,0),0)),0)</f>
        <v>0</v>
      </c>
      <c r="G6114" cm="1">
        <f t="array" ref="G6114">IFERROR(INDEX(Jesper!AK$2:AK$366,ROUNDDOWN($C6114/24,0)+1,1)*INDEX($D$3:$AA$30,INDEX(Jesper!$R$2:$R$366,ROW(INDEX(Jesper!AK$2:AK$366,ROUNDDOWN($C6114/24,0)+1,1))-1)+IF('Standard Profiles'!$G$21=$B$10,7,0)+IF('Standard Profiles'!$G$21=$B$17,14,0)+IF('Standard Profiles'!$G$21=$B$24,21,0),MOD($C6114,24)+1)/SUM(INDEX($D$3:$AA$30,INDEX(Jesper!$R$2:$R$366,ROW(INDEX(Jesper!AK$2:AK$366,ROUNDDOWN($C6114/24,0)+1,1))-1)+IF('Standard Profiles'!$G$21=$B$10,7,0)+IF('Standard Profiles'!$G$21=$B$17,14,0)+IF('Standard Profiles'!$G$21=$B$24,21,0),0)),0)</f>
        <v>0</v>
      </c>
      <c r="H6114" cm="1">
        <f t="array" ref="H6114">IFERROR(INDEX(Jesper!AL$2:AL$366,ROUNDDOWN($C6114/24,0)+1,1)*INDEX($D$3:$AA$30,INDEX(Jesper!$R$2:$R$366,ROW(INDEX(Jesper!AL$2:AL$366,ROUNDDOWN($C6114/24,0)+1,1))-1)+IF('Standard Profiles'!$G$22=$B$10,7,0)+IF('Standard Profiles'!$G$22=$B$17,14,0)+IF('Standard Profiles'!$G$22=$B$24,21,0),MOD($C6114,24)+1)/SUM(INDEX($D$3:$AA$30,INDEX(Jesper!$R$2:$R$366,ROW(INDEX(Jesper!AL$2:AL$366,ROUNDDOWN($C6114/24,0)+1,1))-1)+IF('Standard Profiles'!$G$22=$B$10,7,0)+IF('Standard Profiles'!$G$22=$B$17,14,0)+IF('Standard Profiles'!$G$22=$B$24,21,0),0)),0)</f>
        <v>0</v>
      </c>
      <c r="I6114">
        <f t="shared" si="678"/>
        <v>0</v>
      </c>
      <c r="J6114">
        <f t="shared" si="679"/>
        <v>29.889656081712275</v>
      </c>
      <c r="K6114">
        <f t="shared" si="680"/>
        <v>2.5756161815728209</v>
      </c>
      <c r="L6114">
        <f t="shared" si="681"/>
        <v>1.2878080907864105</v>
      </c>
      <c r="M6114">
        <f t="shared" si="682"/>
        <v>0</v>
      </c>
      <c r="N6114" s="45">
        <f t="shared" si="683"/>
        <v>45180.333333318587</v>
      </c>
    </row>
    <row r="6115" spans="2:14" x14ac:dyDescent="0.25">
      <c r="B6115">
        <f t="shared" ref="B6115:B6178" si="684">WEEKDAY(N6115,2)</f>
        <v>1</v>
      </c>
      <c r="C6115" s="16">
        <v>6081</v>
      </c>
      <c r="D6115" cm="1">
        <f t="array" ref="D6115">IFERROR(INDEX(Jesper!AH$2:AH$366,ROUNDDOWN($C6115/24,0)+1,1)*INDEX($D$3:$AA$30,INDEX(Jesper!$R$2:$R$366,ROW(INDEX(Jesper!AH$2:AH$366,ROUNDDOWN($C6115/24,0)+1,1))-1)+IF('Standard Profiles'!$G$18=$B$10,7,0)+IF('Standard Profiles'!$G$18=$B$17,14,0)+IF('Standard Profiles'!$G$18=$B$24,21,0),MOD($C6115,24)+1)/SUM(INDEX($D$3:$AA$30,INDEX(Jesper!$R$2:$R$366,ROW(INDEX(Jesper!AH$2:AH$366,ROUNDDOWN($C6115/24,0)+1,1))-1)+IF('Standard Profiles'!$G$18=$B$10,7,0)+IF('Standard Profiles'!$G$18=$B$17,14,0)+IF('Standard Profiles'!$G$18=$B$24,21,0),0)),0)</f>
        <v>26.829335224716882</v>
      </c>
      <c r="E6115" cm="1">
        <f t="array" ref="E6115">IFERROR(INDEX(Jesper!AI$2:AI$366,ROUNDDOWN($C6115/24,0)+1,1)*INDEX($D$3:$AA$30,INDEX(Jesper!$R$2:$R$366,ROW(INDEX(Jesper!AI$2:AI$366,ROUNDDOWN($C6115/24,0)+1,1))-1)+IF('Standard Profiles'!$G$19=$B$10,7,0)+IF('Standard Profiles'!$G$19=$B$17,14,0)+IF('Standard Profiles'!$G$19=$B$24,21,0),MOD($C6115,24)+1)/SUM(INDEX($D$3:$AA$30,INDEX(Jesper!$R$2:$R$366,ROW(INDEX(Jesper!AI$2:AI$366,ROUNDDOWN($C6115/24,0)+1,1))-1)+IF('Standard Profiles'!$G$19=$B$10,7,0)+IF('Standard Profiles'!$G$19=$B$17,14,0)+IF('Standard Profiles'!$G$19=$B$24,21,0),0)),0)</f>
        <v>10.67408739091813</v>
      </c>
      <c r="F6115" cm="1">
        <f t="array" ref="F6115">IFERROR(INDEX(Jesper!AJ$2:AJ$366,ROUNDDOWN($C6115/24,0)+1,1)*INDEX($D$3:$AA$30,INDEX(Jesper!$R$2:$R$366,ROW(INDEX(Jesper!AJ$2:AJ$366,ROUNDDOWN($C6115/24,0)+1,1))-1)+IF('Standard Profiles'!$G$20=$B$10,7,0)+IF('Standard Profiles'!$G$20=$B$17,14,0)+IF('Standard Profiles'!$G$20=$B$24,21,0),MOD($C6115,24)+1)/SUM(INDEX($D$3:$AA$30,INDEX(Jesper!$R$2:$R$366,ROW(INDEX(Jesper!AJ$2:AJ$366,ROUNDDOWN($C6115/24,0)+1,1))-1)+IF('Standard Profiles'!$G$20=$B$10,7,0)+IF('Standard Profiles'!$G$20=$B$17,14,0)+IF('Standard Profiles'!$G$20=$B$24,21,0),0)),0)</f>
        <v>0</v>
      </c>
      <c r="G6115" cm="1">
        <f t="array" ref="G6115">IFERROR(INDEX(Jesper!AK$2:AK$366,ROUNDDOWN($C6115/24,0)+1,1)*INDEX($D$3:$AA$30,INDEX(Jesper!$R$2:$R$366,ROW(INDEX(Jesper!AK$2:AK$366,ROUNDDOWN($C6115/24,0)+1,1))-1)+IF('Standard Profiles'!$G$21=$B$10,7,0)+IF('Standard Profiles'!$G$21=$B$17,14,0)+IF('Standard Profiles'!$G$21=$B$24,21,0),MOD($C6115,24)+1)/SUM(INDEX($D$3:$AA$30,INDEX(Jesper!$R$2:$R$366,ROW(INDEX(Jesper!AK$2:AK$366,ROUNDDOWN($C6115/24,0)+1,1))-1)+IF('Standard Profiles'!$G$21=$B$10,7,0)+IF('Standard Profiles'!$G$21=$B$17,14,0)+IF('Standard Profiles'!$G$21=$B$24,21,0),0)),0)</f>
        <v>0</v>
      </c>
      <c r="H6115" cm="1">
        <f t="array" ref="H6115">IFERROR(INDEX(Jesper!AL$2:AL$366,ROUNDDOWN($C6115/24,0)+1,1)*INDEX($D$3:$AA$30,INDEX(Jesper!$R$2:$R$366,ROW(INDEX(Jesper!AL$2:AL$366,ROUNDDOWN($C6115/24,0)+1,1))-1)+IF('Standard Profiles'!$G$22=$B$10,7,0)+IF('Standard Profiles'!$G$22=$B$17,14,0)+IF('Standard Profiles'!$G$22=$B$24,21,0),MOD($C6115,24)+1)/SUM(INDEX($D$3:$AA$30,INDEX(Jesper!$R$2:$R$366,ROW(INDEX(Jesper!AL$2:AL$366,ROUNDDOWN($C6115/24,0)+1,1))-1)+IF('Standard Profiles'!$G$22=$B$10,7,0)+IF('Standard Profiles'!$G$22=$B$17,14,0)+IF('Standard Profiles'!$G$22=$B$24,21,0),0)),0)</f>
        <v>0</v>
      </c>
      <c r="I6115">
        <f t="shared" ref="I6115:I6178" si="685">IF($B6115&lt;6,AC$37*$D6115+AC$38*$E6115+AC$39*$F6115+AC$40*$G6115,AC$46*$D6115+AC$47*$E6115+AC$48*$F6115+AC$49*$G6115+AC$50*$H6115)</f>
        <v>0</v>
      </c>
      <c r="J6115">
        <f t="shared" ref="J6115:J6178" si="686">IF($B6115&lt;6,AD$37*$D6115+AD$38*$E6115+AD$39*$F6115+AD$40*$G6115,AD$46*$D6115+AD$47*$E6115+AD$48*$F6115+AD$49*$G6115+AD$50*$H6115)</f>
        <v>33.210728979680312</v>
      </c>
      <c r="K6115">
        <f t="shared" ref="K6115:K6178" si="687">IF($B6115&lt;6,AE$37*$D6115+AE$38*$E6115+AE$39*$F6115+AE$40*$G6115,AE$46*$D6115+AE$47*$E6115+AE$48*$F6115+AE$49*$G6115+AE$50*$H6115)</f>
        <v>2.8617957573031343</v>
      </c>
      <c r="L6115">
        <f t="shared" ref="L6115:L6178" si="688">IF($B6115&lt;6,AF$37*$D6115+AF$38*$E6115+AF$39*$F6115+AF$40*$G6115,AF$46*$D6115+AF$47*$E6115+AF$48*$F6115+AF$49*$G6115+AF$50*$H6115)</f>
        <v>1.4308978786515671</v>
      </c>
      <c r="M6115">
        <f t="shared" ref="M6115:M6178" si="689">IF($B6115&lt;6,AG$37*$D6115+AG$38*$E6115+AG$39*$F6115+AG$40*$G6115,AG$46*$D6115+AG$47*$E6115+AG$48*$F6115+AG$49*$G6115+AG$50*$H6115)</f>
        <v>0</v>
      </c>
      <c r="N6115" s="45">
        <f t="shared" si="683"/>
        <v>45180.374999985252</v>
      </c>
    </row>
    <row r="6116" spans="2:14" x14ac:dyDescent="0.25">
      <c r="B6116">
        <f t="shared" si="684"/>
        <v>1</v>
      </c>
      <c r="C6116" s="16">
        <v>6082</v>
      </c>
      <c r="D6116" cm="1">
        <f t="array" ref="D6116">IFERROR(INDEX(Jesper!AH$2:AH$366,ROUNDDOWN($C6116/24,0)+1,1)*INDEX($D$3:$AA$30,INDEX(Jesper!$R$2:$R$366,ROW(INDEX(Jesper!AH$2:AH$366,ROUNDDOWN($C6116/24,0)+1,1))-1)+IF('Standard Profiles'!$G$18=$B$10,7,0)+IF('Standard Profiles'!$G$18=$B$17,14,0)+IF('Standard Profiles'!$G$18=$B$24,21,0),MOD($C6116,24)+1)/SUM(INDEX($D$3:$AA$30,INDEX(Jesper!$R$2:$R$366,ROW(INDEX(Jesper!AH$2:AH$366,ROUNDDOWN($C6116/24,0)+1,1))-1)+IF('Standard Profiles'!$G$18=$B$10,7,0)+IF('Standard Profiles'!$G$18=$B$17,14,0)+IF('Standard Profiles'!$G$18=$B$24,21,0),0)),0)</f>
        <v>26.829335224716882</v>
      </c>
      <c r="E6116" cm="1">
        <f t="array" ref="E6116">IFERROR(INDEX(Jesper!AI$2:AI$366,ROUNDDOWN($C6116/24,0)+1,1)*INDEX($D$3:$AA$30,INDEX(Jesper!$R$2:$R$366,ROW(INDEX(Jesper!AI$2:AI$366,ROUNDDOWN($C6116/24,0)+1,1))-1)+IF('Standard Profiles'!$G$19=$B$10,7,0)+IF('Standard Profiles'!$G$19=$B$17,14,0)+IF('Standard Profiles'!$G$19=$B$24,21,0),MOD($C6116,24)+1)/SUM(INDEX($D$3:$AA$30,INDEX(Jesper!$R$2:$R$366,ROW(INDEX(Jesper!AI$2:AI$366,ROUNDDOWN($C6116/24,0)+1,1))-1)+IF('Standard Profiles'!$G$19=$B$10,7,0)+IF('Standard Profiles'!$G$19=$B$17,14,0)+IF('Standard Profiles'!$G$19=$B$24,21,0),0)),0)</f>
        <v>10.67408739091813</v>
      </c>
      <c r="F6116" cm="1">
        <f t="array" ref="F6116">IFERROR(INDEX(Jesper!AJ$2:AJ$366,ROUNDDOWN($C6116/24,0)+1,1)*INDEX($D$3:$AA$30,INDEX(Jesper!$R$2:$R$366,ROW(INDEX(Jesper!AJ$2:AJ$366,ROUNDDOWN($C6116/24,0)+1,1))-1)+IF('Standard Profiles'!$G$20=$B$10,7,0)+IF('Standard Profiles'!$G$20=$B$17,14,0)+IF('Standard Profiles'!$G$20=$B$24,21,0),MOD($C6116,24)+1)/SUM(INDEX($D$3:$AA$30,INDEX(Jesper!$R$2:$R$366,ROW(INDEX(Jesper!AJ$2:AJ$366,ROUNDDOWN($C6116/24,0)+1,1))-1)+IF('Standard Profiles'!$G$20=$B$10,7,0)+IF('Standard Profiles'!$G$20=$B$17,14,0)+IF('Standard Profiles'!$G$20=$B$24,21,0),0)),0)</f>
        <v>0</v>
      </c>
      <c r="G6116" cm="1">
        <f t="array" ref="G6116">IFERROR(INDEX(Jesper!AK$2:AK$366,ROUNDDOWN($C6116/24,0)+1,1)*INDEX($D$3:$AA$30,INDEX(Jesper!$R$2:$R$366,ROW(INDEX(Jesper!AK$2:AK$366,ROUNDDOWN($C6116/24,0)+1,1))-1)+IF('Standard Profiles'!$G$21=$B$10,7,0)+IF('Standard Profiles'!$G$21=$B$17,14,0)+IF('Standard Profiles'!$G$21=$B$24,21,0),MOD($C6116,24)+1)/SUM(INDEX($D$3:$AA$30,INDEX(Jesper!$R$2:$R$366,ROW(INDEX(Jesper!AK$2:AK$366,ROUNDDOWN($C6116/24,0)+1,1))-1)+IF('Standard Profiles'!$G$21=$B$10,7,0)+IF('Standard Profiles'!$G$21=$B$17,14,0)+IF('Standard Profiles'!$G$21=$B$24,21,0),0)),0)</f>
        <v>0</v>
      </c>
      <c r="H6116" cm="1">
        <f t="array" ref="H6116">IFERROR(INDEX(Jesper!AL$2:AL$366,ROUNDDOWN($C6116/24,0)+1,1)*INDEX($D$3:$AA$30,INDEX(Jesper!$R$2:$R$366,ROW(INDEX(Jesper!AL$2:AL$366,ROUNDDOWN($C6116/24,0)+1,1))-1)+IF('Standard Profiles'!$G$22=$B$10,7,0)+IF('Standard Profiles'!$G$22=$B$17,14,0)+IF('Standard Profiles'!$G$22=$B$24,21,0),MOD($C6116,24)+1)/SUM(INDEX($D$3:$AA$30,INDEX(Jesper!$R$2:$R$366,ROW(INDEX(Jesper!AL$2:AL$366,ROUNDDOWN($C6116/24,0)+1,1))-1)+IF('Standard Profiles'!$G$22=$B$10,7,0)+IF('Standard Profiles'!$G$22=$B$17,14,0)+IF('Standard Profiles'!$G$22=$B$24,21,0),0)),0)</f>
        <v>0</v>
      </c>
      <c r="I6116">
        <f t="shared" si="685"/>
        <v>0</v>
      </c>
      <c r="J6116">
        <f t="shared" si="686"/>
        <v>33.210728979680312</v>
      </c>
      <c r="K6116">
        <f t="shared" si="687"/>
        <v>2.8617957573031343</v>
      </c>
      <c r="L6116">
        <f t="shared" si="688"/>
        <v>1.4308978786515671</v>
      </c>
      <c r="M6116">
        <f t="shared" si="689"/>
        <v>0</v>
      </c>
      <c r="N6116" s="45">
        <f t="shared" ref="N6116:N6179" si="690">N6115+1/24</f>
        <v>45180.416666651916</v>
      </c>
    </row>
    <row r="6117" spans="2:14" x14ac:dyDescent="0.25">
      <c r="B6117">
        <f t="shared" si="684"/>
        <v>1</v>
      </c>
      <c r="C6117" s="16">
        <v>6083</v>
      </c>
      <c r="D6117" cm="1">
        <f t="array" ref="D6117">IFERROR(INDEX(Jesper!AH$2:AH$366,ROUNDDOWN($C6117/24,0)+1,1)*INDEX($D$3:$AA$30,INDEX(Jesper!$R$2:$R$366,ROW(INDEX(Jesper!AH$2:AH$366,ROUNDDOWN($C6117/24,0)+1,1))-1)+IF('Standard Profiles'!$G$18=$B$10,7,0)+IF('Standard Profiles'!$G$18=$B$17,14,0)+IF('Standard Profiles'!$G$18=$B$24,21,0),MOD($C6117,24)+1)/SUM(INDEX($D$3:$AA$30,INDEX(Jesper!$R$2:$R$366,ROW(INDEX(Jesper!AH$2:AH$366,ROUNDDOWN($C6117/24,0)+1,1))-1)+IF('Standard Profiles'!$G$18=$B$10,7,0)+IF('Standard Profiles'!$G$18=$B$17,14,0)+IF('Standard Profiles'!$G$18=$B$24,21,0),0)),0)</f>
        <v>32.195202269660257</v>
      </c>
      <c r="E6117" cm="1">
        <f t="array" ref="E6117">IFERROR(INDEX(Jesper!AI$2:AI$366,ROUNDDOWN($C6117/24,0)+1,1)*INDEX($D$3:$AA$30,INDEX(Jesper!$R$2:$R$366,ROW(INDEX(Jesper!AI$2:AI$366,ROUNDDOWN($C6117/24,0)+1,1))-1)+IF('Standard Profiles'!$G$19=$B$10,7,0)+IF('Standard Profiles'!$G$19=$B$17,14,0)+IF('Standard Profiles'!$G$19=$B$24,21,0),MOD($C6117,24)+1)/SUM(INDEX($D$3:$AA$30,INDEX(Jesper!$R$2:$R$366,ROW(INDEX(Jesper!AI$2:AI$366,ROUNDDOWN($C6117/24,0)+1,1))-1)+IF('Standard Profiles'!$G$19=$B$10,7,0)+IF('Standard Profiles'!$G$19=$B$17,14,0)+IF('Standard Profiles'!$G$19=$B$24,21,0),0)),0)</f>
        <v>12.808904869101754</v>
      </c>
      <c r="F6117" cm="1">
        <f t="array" ref="F6117">IFERROR(INDEX(Jesper!AJ$2:AJ$366,ROUNDDOWN($C6117/24,0)+1,1)*INDEX($D$3:$AA$30,INDEX(Jesper!$R$2:$R$366,ROW(INDEX(Jesper!AJ$2:AJ$366,ROUNDDOWN($C6117/24,0)+1,1))-1)+IF('Standard Profiles'!$G$20=$B$10,7,0)+IF('Standard Profiles'!$G$20=$B$17,14,0)+IF('Standard Profiles'!$G$20=$B$24,21,0),MOD($C6117,24)+1)/SUM(INDEX($D$3:$AA$30,INDEX(Jesper!$R$2:$R$366,ROW(INDEX(Jesper!AJ$2:AJ$366,ROUNDDOWN($C6117/24,0)+1,1))-1)+IF('Standard Profiles'!$G$20=$B$10,7,0)+IF('Standard Profiles'!$G$20=$B$17,14,0)+IF('Standard Profiles'!$G$20=$B$24,21,0),0)),0)</f>
        <v>0</v>
      </c>
      <c r="G6117" cm="1">
        <f t="array" ref="G6117">IFERROR(INDEX(Jesper!AK$2:AK$366,ROUNDDOWN($C6117/24,0)+1,1)*INDEX($D$3:$AA$30,INDEX(Jesper!$R$2:$R$366,ROW(INDEX(Jesper!AK$2:AK$366,ROUNDDOWN($C6117/24,0)+1,1))-1)+IF('Standard Profiles'!$G$21=$B$10,7,0)+IF('Standard Profiles'!$G$21=$B$17,14,0)+IF('Standard Profiles'!$G$21=$B$24,21,0),MOD($C6117,24)+1)/SUM(INDEX($D$3:$AA$30,INDEX(Jesper!$R$2:$R$366,ROW(INDEX(Jesper!AK$2:AK$366,ROUNDDOWN($C6117/24,0)+1,1))-1)+IF('Standard Profiles'!$G$21=$B$10,7,0)+IF('Standard Profiles'!$G$21=$B$17,14,0)+IF('Standard Profiles'!$G$21=$B$24,21,0),0)),0)</f>
        <v>0</v>
      </c>
      <c r="H6117" cm="1">
        <f t="array" ref="H6117">IFERROR(INDEX(Jesper!AL$2:AL$366,ROUNDDOWN($C6117/24,0)+1,1)*INDEX($D$3:$AA$30,INDEX(Jesper!$R$2:$R$366,ROW(INDEX(Jesper!AL$2:AL$366,ROUNDDOWN($C6117/24,0)+1,1))-1)+IF('Standard Profiles'!$G$22=$B$10,7,0)+IF('Standard Profiles'!$G$22=$B$17,14,0)+IF('Standard Profiles'!$G$22=$B$24,21,0),MOD($C6117,24)+1)/SUM(INDEX($D$3:$AA$30,INDEX(Jesper!$R$2:$R$366,ROW(INDEX(Jesper!AL$2:AL$366,ROUNDDOWN($C6117/24,0)+1,1))-1)+IF('Standard Profiles'!$G$22=$B$10,7,0)+IF('Standard Profiles'!$G$22=$B$17,14,0)+IF('Standard Profiles'!$G$22=$B$24,21,0),0)),0)</f>
        <v>0</v>
      </c>
      <c r="I6117">
        <f t="shared" si="685"/>
        <v>0</v>
      </c>
      <c r="J6117">
        <f t="shared" si="686"/>
        <v>39.852874775616371</v>
      </c>
      <c r="K6117">
        <f t="shared" si="687"/>
        <v>3.4341549087637611</v>
      </c>
      <c r="L6117">
        <f t="shared" si="688"/>
        <v>1.7170774543818805</v>
      </c>
      <c r="M6117">
        <f t="shared" si="689"/>
        <v>0</v>
      </c>
      <c r="N6117" s="45">
        <f t="shared" si="690"/>
        <v>45180.45833331858</v>
      </c>
    </row>
    <row r="6118" spans="2:14" x14ac:dyDescent="0.25">
      <c r="B6118">
        <f t="shared" si="684"/>
        <v>1</v>
      </c>
      <c r="C6118" s="16">
        <v>6084</v>
      </c>
      <c r="D6118" cm="1">
        <f t="array" ref="D6118">IFERROR(INDEX(Jesper!AH$2:AH$366,ROUNDDOWN($C6118/24,0)+1,1)*INDEX($D$3:$AA$30,INDEX(Jesper!$R$2:$R$366,ROW(INDEX(Jesper!AH$2:AH$366,ROUNDDOWN($C6118/24,0)+1,1))-1)+IF('Standard Profiles'!$G$18=$B$10,7,0)+IF('Standard Profiles'!$G$18=$B$17,14,0)+IF('Standard Profiles'!$G$18=$B$24,21,0),MOD($C6118,24)+1)/SUM(INDEX($D$3:$AA$30,INDEX(Jesper!$R$2:$R$366,ROW(INDEX(Jesper!AH$2:AH$366,ROUNDDOWN($C6118/24,0)+1,1))-1)+IF('Standard Profiles'!$G$18=$B$10,7,0)+IF('Standard Profiles'!$G$18=$B$17,14,0)+IF('Standard Profiles'!$G$18=$B$24,21,0),0)),0)</f>
        <v>32.195202269660257</v>
      </c>
      <c r="E6118" cm="1">
        <f t="array" ref="E6118">IFERROR(INDEX(Jesper!AI$2:AI$366,ROUNDDOWN($C6118/24,0)+1,1)*INDEX($D$3:$AA$30,INDEX(Jesper!$R$2:$R$366,ROW(INDEX(Jesper!AI$2:AI$366,ROUNDDOWN($C6118/24,0)+1,1))-1)+IF('Standard Profiles'!$G$19=$B$10,7,0)+IF('Standard Profiles'!$G$19=$B$17,14,0)+IF('Standard Profiles'!$G$19=$B$24,21,0),MOD($C6118,24)+1)/SUM(INDEX($D$3:$AA$30,INDEX(Jesper!$R$2:$R$366,ROW(INDEX(Jesper!AI$2:AI$366,ROUNDDOWN($C6118/24,0)+1,1))-1)+IF('Standard Profiles'!$G$19=$B$10,7,0)+IF('Standard Profiles'!$G$19=$B$17,14,0)+IF('Standard Profiles'!$G$19=$B$24,21,0),0)),0)</f>
        <v>12.808904869101754</v>
      </c>
      <c r="F6118" cm="1">
        <f t="array" ref="F6118">IFERROR(INDEX(Jesper!AJ$2:AJ$366,ROUNDDOWN($C6118/24,0)+1,1)*INDEX($D$3:$AA$30,INDEX(Jesper!$R$2:$R$366,ROW(INDEX(Jesper!AJ$2:AJ$366,ROUNDDOWN($C6118/24,0)+1,1))-1)+IF('Standard Profiles'!$G$20=$B$10,7,0)+IF('Standard Profiles'!$G$20=$B$17,14,0)+IF('Standard Profiles'!$G$20=$B$24,21,0),MOD($C6118,24)+1)/SUM(INDEX($D$3:$AA$30,INDEX(Jesper!$R$2:$R$366,ROW(INDEX(Jesper!AJ$2:AJ$366,ROUNDDOWN($C6118/24,0)+1,1))-1)+IF('Standard Profiles'!$G$20=$B$10,7,0)+IF('Standard Profiles'!$G$20=$B$17,14,0)+IF('Standard Profiles'!$G$20=$B$24,21,0),0)),0)</f>
        <v>0</v>
      </c>
      <c r="G6118" cm="1">
        <f t="array" ref="G6118">IFERROR(INDEX(Jesper!AK$2:AK$366,ROUNDDOWN($C6118/24,0)+1,1)*INDEX($D$3:$AA$30,INDEX(Jesper!$R$2:$R$366,ROW(INDEX(Jesper!AK$2:AK$366,ROUNDDOWN($C6118/24,0)+1,1))-1)+IF('Standard Profiles'!$G$21=$B$10,7,0)+IF('Standard Profiles'!$G$21=$B$17,14,0)+IF('Standard Profiles'!$G$21=$B$24,21,0),MOD($C6118,24)+1)/SUM(INDEX($D$3:$AA$30,INDEX(Jesper!$R$2:$R$366,ROW(INDEX(Jesper!AK$2:AK$366,ROUNDDOWN($C6118/24,0)+1,1))-1)+IF('Standard Profiles'!$G$21=$B$10,7,0)+IF('Standard Profiles'!$G$21=$B$17,14,0)+IF('Standard Profiles'!$G$21=$B$24,21,0),0)),0)</f>
        <v>0</v>
      </c>
      <c r="H6118" cm="1">
        <f t="array" ref="H6118">IFERROR(INDEX(Jesper!AL$2:AL$366,ROUNDDOWN($C6118/24,0)+1,1)*INDEX($D$3:$AA$30,INDEX(Jesper!$R$2:$R$366,ROW(INDEX(Jesper!AL$2:AL$366,ROUNDDOWN($C6118/24,0)+1,1))-1)+IF('Standard Profiles'!$G$22=$B$10,7,0)+IF('Standard Profiles'!$G$22=$B$17,14,0)+IF('Standard Profiles'!$G$22=$B$24,21,0),MOD($C6118,24)+1)/SUM(INDEX($D$3:$AA$30,INDEX(Jesper!$R$2:$R$366,ROW(INDEX(Jesper!AL$2:AL$366,ROUNDDOWN($C6118/24,0)+1,1))-1)+IF('Standard Profiles'!$G$22=$B$10,7,0)+IF('Standard Profiles'!$G$22=$B$17,14,0)+IF('Standard Profiles'!$G$22=$B$24,21,0),0)),0)</f>
        <v>0</v>
      </c>
      <c r="I6118">
        <f t="shared" si="685"/>
        <v>0</v>
      </c>
      <c r="J6118">
        <f t="shared" si="686"/>
        <v>39.852874775616371</v>
      </c>
      <c r="K6118">
        <f t="shared" si="687"/>
        <v>3.4341549087637611</v>
      </c>
      <c r="L6118">
        <f t="shared" si="688"/>
        <v>1.7170774543818805</v>
      </c>
      <c r="M6118">
        <f t="shared" si="689"/>
        <v>0</v>
      </c>
      <c r="N6118" s="45">
        <f t="shared" si="690"/>
        <v>45180.499999985244</v>
      </c>
    </row>
    <row r="6119" spans="2:14" x14ac:dyDescent="0.25">
      <c r="B6119">
        <f t="shared" si="684"/>
        <v>1</v>
      </c>
      <c r="C6119" s="16">
        <v>6085</v>
      </c>
      <c r="D6119" cm="1">
        <f t="array" ref="D6119">IFERROR(INDEX(Jesper!AH$2:AH$366,ROUNDDOWN($C6119/24,0)+1,1)*INDEX($D$3:$AA$30,INDEX(Jesper!$R$2:$R$366,ROW(INDEX(Jesper!AH$2:AH$366,ROUNDDOWN($C6119/24,0)+1,1))-1)+IF('Standard Profiles'!$G$18=$B$10,7,0)+IF('Standard Profiles'!$G$18=$B$17,14,0)+IF('Standard Profiles'!$G$18=$B$24,21,0),MOD($C6119,24)+1)/SUM(INDEX($D$3:$AA$30,INDEX(Jesper!$R$2:$R$366,ROW(INDEX(Jesper!AH$2:AH$366,ROUNDDOWN($C6119/24,0)+1,1))-1)+IF('Standard Profiles'!$G$18=$B$10,7,0)+IF('Standard Profiles'!$G$18=$B$17,14,0)+IF('Standard Profiles'!$G$18=$B$24,21,0),0)),0)</f>
        <v>21.463468179773503</v>
      </c>
      <c r="E6119" cm="1">
        <f t="array" ref="E6119">IFERROR(INDEX(Jesper!AI$2:AI$366,ROUNDDOWN($C6119/24,0)+1,1)*INDEX($D$3:$AA$30,INDEX(Jesper!$R$2:$R$366,ROW(INDEX(Jesper!AI$2:AI$366,ROUNDDOWN($C6119/24,0)+1,1))-1)+IF('Standard Profiles'!$G$19=$B$10,7,0)+IF('Standard Profiles'!$G$19=$B$17,14,0)+IF('Standard Profiles'!$G$19=$B$24,21,0),MOD($C6119,24)+1)/SUM(INDEX($D$3:$AA$30,INDEX(Jesper!$R$2:$R$366,ROW(INDEX(Jesper!AI$2:AI$366,ROUNDDOWN($C6119/24,0)+1,1))-1)+IF('Standard Profiles'!$G$19=$B$10,7,0)+IF('Standard Profiles'!$G$19=$B$17,14,0)+IF('Standard Profiles'!$G$19=$B$24,21,0),0)),0)</f>
        <v>8.539269912734504</v>
      </c>
      <c r="F6119" cm="1">
        <f t="array" ref="F6119">IFERROR(INDEX(Jesper!AJ$2:AJ$366,ROUNDDOWN($C6119/24,0)+1,1)*INDEX($D$3:$AA$30,INDEX(Jesper!$R$2:$R$366,ROW(INDEX(Jesper!AJ$2:AJ$366,ROUNDDOWN($C6119/24,0)+1,1))-1)+IF('Standard Profiles'!$G$20=$B$10,7,0)+IF('Standard Profiles'!$G$20=$B$17,14,0)+IF('Standard Profiles'!$G$20=$B$24,21,0),MOD($C6119,24)+1)/SUM(INDEX($D$3:$AA$30,INDEX(Jesper!$R$2:$R$366,ROW(INDEX(Jesper!AJ$2:AJ$366,ROUNDDOWN($C6119/24,0)+1,1))-1)+IF('Standard Profiles'!$G$20=$B$10,7,0)+IF('Standard Profiles'!$G$20=$B$17,14,0)+IF('Standard Profiles'!$G$20=$B$24,21,0),0)),0)</f>
        <v>0</v>
      </c>
      <c r="G6119" cm="1">
        <f t="array" ref="G6119">IFERROR(INDEX(Jesper!AK$2:AK$366,ROUNDDOWN($C6119/24,0)+1,1)*INDEX($D$3:$AA$30,INDEX(Jesper!$R$2:$R$366,ROW(INDEX(Jesper!AK$2:AK$366,ROUNDDOWN($C6119/24,0)+1,1))-1)+IF('Standard Profiles'!$G$21=$B$10,7,0)+IF('Standard Profiles'!$G$21=$B$17,14,0)+IF('Standard Profiles'!$G$21=$B$24,21,0),MOD($C6119,24)+1)/SUM(INDEX($D$3:$AA$30,INDEX(Jesper!$R$2:$R$366,ROW(INDEX(Jesper!AK$2:AK$366,ROUNDDOWN($C6119/24,0)+1,1))-1)+IF('Standard Profiles'!$G$21=$B$10,7,0)+IF('Standard Profiles'!$G$21=$B$17,14,0)+IF('Standard Profiles'!$G$21=$B$24,21,0),0)),0)</f>
        <v>0</v>
      </c>
      <c r="H6119" cm="1">
        <f t="array" ref="H6119">IFERROR(INDEX(Jesper!AL$2:AL$366,ROUNDDOWN($C6119/24,0)+1,1)*INDEX($D$3:$AA$30,INDEX(Jesper!$R$2:$R$366,ROW(INDEX(Jesper!AL$2:AL$366,ROUNDDOWN($C6119/24,0)+1,1))-1)+IF('Standard Profiles'!$G$22=$B$10,7,0)+IF('Standard Profiles'!$G$22=$B$17,14,0)+IF('Standard Profiles'!$G$22=$B$24,21,0),MOD($C6119,24)+1)/SUM(INDEX($D$3:$AA$30,INDEX(Jesper!$R$2:$R$366,ROW(INDEX(Jesper!AL$2:AL$366,ROUNDDOWN($C6119/24,0)+1,1))-1)+IF('Standard Profiles'!$G$22=$B$10,7,0)+IF('Standard Profiles'!$G$22=$B$17,14,0)+IF('Standard Profiles'!$G$22=$B$24,21,0),0)),0)</f>
        <v>0</v>
      </c>
      <c r="I6119">
        <f t="shared" si="685"/>
        <v>0</v>
      </c>
      <c r="J6119">
        <f t="shared" si="686"/>
        <v>26.568583183744245</v>
      </c>
      <c r="K6119">
        <f t="shared" si="687"/>
        <v>2.2894366058425071</v>
      </c>
      <c r="L6119">
        <f t="shared" si="688"/>
        <v>1.1447183029212535</v>
      </c>
      <c r="M6119">
        <f t="shared" si="689"/>
        <v>0</v>
      </c>
      <c r="N6119" s="45">
        <f t="shared" si="690"/>
        <v>45180.541666651909</v>
      </c>
    </row>
    <row r="6120" spans="2:14" x14ac:dyDescent="0.25">
      <c r="B6120">
        <f t="shared" si="684"/>
        <v>1</v>
      </c>
      <c r="C6120" s="16">
        <v>6086</v>
      </c>
      <c r="D6120" cm="1">
        <f t="array" ref="D6120">IFERROR(INDEX(Jesper!AH$2:AH$366,ROUNDDOWN($C6120/24,0)+1,1)*INDEX($D$3:$AA$30,INDEX(Jesper!$R$2:$R$366,ROW(INDEX(Jesper!AH$2:AH$366,ROUNDDOWN($C6120/24,0)+1,1))-1)+IF('Standard Profiles'!$G$18=$B$10,7,0)+IF('Standard Profiles'!$G$18=$B$17,14,0)+IF('Standard Profiles'!$G$18=$B$24,21,0),MOD($C6120,24)+1)/SUM(INDEX($D$3:$AA$30,INDEX(Jesper!$R$2:$R$366,ROW(INDEX(Jesper!AH$2:AH$366,ROUNDDOWN($C6120/24,0)+1,1))-1)+IF('Standard Profiles'!$G$18=$B$10,7,0)+IF('Standard Profiles'!$G$18=$B$17,14,0)+IF('Standard Profiles'!$G$18=$B$24,21,0),0)),0)</f>
        <v>32.195202269660257</v>
      </c>
      <c r="E6120" cm="1">
        <f t="array" ref="E6120">IFERROR(INDEX(Jesper!AI$2:AI$366,ROUNDDOWN($C6120/24,0)+1,1)*INDEX($D$3:$AA$30,INDEX(Jesper!$R$2:$R$366,ROW(INDEX(Jesper!AI$2:AI$366,ROUNDDOWN($C6120/24,0)+1,1))-1)+IF('Standard Profiles'!$G$19=$B$10,7,0)+IF('Standard Profiles'!$G$19=$B$17,14,0)+IF('Standard Profiles'!$G$19=$B$24,21,0),MOD($C6120,24)+1)/SUM(INDEX($D$3:$AA$30,INDEX(Jesper!$R$2:$R$366,ROW(INDEX(Jesper!AI$2:AI$366,ROUNDDOWN($C6120/24,0)+1,1))-1)+IF('Standard Profiles'!$G$19=$B$10,7,0)+IF('Standard Profiles'!$G$19=$B$17,14,0)+IF('Standard Profiles'!$G$19=$B$24,21,0),0)),0)</f>
        <v>12.808904869101754</v>
      </c>
      <c r="F6120" cm="1">
        <f t="array" ref="F6120">IFERROR(INDEX(Jesper!AJ$2:AJ$366,ROUNDDOWN($C6120/24,0)+1,1)*INDEX($D$3:$AA$30,INDEX(Jesper!$R$2:$R$366,ROW(INDEX(Jesper!AJ$2:AJ$366,ROUNDDOWN($C6120/24,0)+1,1))-1)+IF('Standard Profiles'!$G$20=$B$10,7,0)+IF('Standard Profiles'!$G$20=$B$17,14,0)+IF('Standard Profiles'!$G$20=$B$24,21,0),MOD($C6120,24)+1)/SUM(INDEX($D$3:$AA$30,INDEX(Jesper!$R$2:$R$366,ROW(INDEX(Jesper!AJ$2:AJ$366,ROUNDDOWN($C6120/24,0)+1,1))-1)+IF('Standard Profiles'!$G$20=$B$10,7,0)+IF('Standard Profiles'!$G$20=$B$17,14,0)+IF('Standard Profiles'!$G$20=$B$24,21,0),0)),0)</f>
        <v>0</v>
      </c>
      <c r="G6120" cm="1">
        <f t="array" ref="G6120">IFERROR(INDEX(Jesper!AK$2:AK$366,ROUNDDOWN($C6120/24,0)+1,1)*INDEX($D$3:$AA$30,INDEX(Jesper!$R$2:$R$366,ROW(INDEX(Jesper!AK$2:AK$366,ROUNDDOWN($C6120/24,0)+1,1))-1)+IF('Standard Profiles'!$G$21=$B$10,7,0)+IF('Standard Profiles'!$G$21=$B$17,14,0)+IF('Standard Profiles'!$G$21=$B$24,21,0),MOD($C6120,24)+1)/SUM(INDEX($D$3:$AA$30,INDEX(Jesper!$R$2:$R$366,ROW(INDEX(Jesper!AK$2:AK$366,ROUNDDOWN($C6120/24,0)+1,1))-1)+IF('Standard Profiles'!$G$21=$B$10,7,0)+IF('Standard Profiles'!$G$21=$B$17,14,0)+IF('Standard Profiles'!$G$21=$B$24,21,0),0)),0)</f>
        <v>0</v>
      </c>
      <c r="H6120" cm="1">
        <f t="array" ref="H6120">IFERROR(INDEX(Jesper!AL$2:AL$366,ROUNDDOWN($C6120/24,0)+1,1)*INDEX($D$3:$AA$30,INDEX(Jesper!$R$2:$R$366,ROW(INDEX(Jesper!AL$2:AL$366,ROUNDDOWN($C6120/24,0)+1,1))-1)+IF('Standard Profiles'!$G$22=$B$10,7,0)+IF('Standard Profiles'!$G$22=$B$17,14,0)+IF('Standard Profiles'!$G$22=$B$24,21,0),MOD($C6120,24)+1)/SUM(INDEX($D$3:$AA$30,INDEX(Jesper!$R$2:$R$366,ROW(INDEX(Jesper!AL$2:AL$366,ROUNDDOWN($C6120/24,0)+1,1))-1)+IF('Standard Profiles'!$G$22=$B$10,7,0)+IF('Standard Profiles'!$G$22=$B$17,14,0)+IF('Standard Profiles'!$G$22=$B$24,21,0),0)),0)</f>
        <v>0</v>
      </c>
      <c r="I6120">
        <f t="shared" si="685"/>
        <v>0</v>
      </c>
      <c r="J6120">
        <f t="shared" si="686"/>
        <v>39.852874775616371</v>
      </c>
      <c r="K6120">
        <f t="shared" si="687"/>
        <v>3.4341549087637611</v>
      </c>
      <c r="L6120">
        <f t="shared" si="688"/>
        <v>1.7170774543818805</v>
      </c>
      <c r="M6120">
        <f t="shared" si="689"/>
        <v>0</v>
      </c>
      <c r="N6120" s="45">
        <f t="shared" si="690"/>
        <v>45180.583333318573</v>
      </c>
    </row>
    <row r="6121" spans="2:14" x14ac:dyDescent="0.25">
      <c r="B6121">
        <f t="shared" si="684"/>
        <v>1</v>
      </c>
      <c r="C6121" s="16">
        <v>6087</v>
      </c>
      <c r="D6121" cm="1">
        <f t="array" ref="D6121">IFERROR(INDEX(Jesper!AH$2:AH$366,ROUNDDOWN($C6121/24,0)+1,1)*INDEX($D$3:$AA$30,INDEX(Jesper!$R$2:$R$366,ROW(INDEX(Jesper!AH$2:AH$366,ROUNDDOWN($C6121/24,0)+1,1))-1)+IF('Standard Profiles'!$G$18=$B$10,7,0)+IF('Standard Profiles'!$G$18=$B$17,14,0)+IF('Standard Profiles'!$G$18=$B$24,21,0),MOD($C6121,24)+1)/SUM(INDEX($D$3:$AA$30,INDEX(Jesper!$R$2:$R$366,ROW(INDEX(Jesper!AH$2:AH$366,ROUNDDOWN($C6121/24,0)+1,1))-1)+IF('Standard Profiles'!$G$18=$B$10,7,0)+IF('Standard Profiles'!$G$18=$B$17,14,0)+IF('Standard Profiles'!$G$18=$B$24,21,0),0)),0)</f>
        <v>32.195202269660257</v>
      </c>
      <c r="E6121" cm="1">
        <f t="array" ref="E6121">IFERROR(INDEX(Jesper!AI$2:AI$366,ROUNDDOWN($C6121/24,0)+1,1)*INDEX($D$3:$AA$30,INDEX(Jesper!$R$2:$R$366,ROW(INDEX(Jesper!AI$2:AI$366,ROUNDDOWN($C6121/24,0)+1,1))-1)+IF('Standard Profiles'!$G$19=$B$10,7,0)+IF('Standard Profiles'!$G$19=$B$17,14,0)+IF('Standard Profiles'!$G$19=$B$24,21,0),MOD($C6121,24)+1)/SUM(INDEX($D$3:$AA$30,INDEX(Jesper!$R$2:$R$366,ROW(INDEX(Jesper!AI$2:AI$366,ROUNDDOWN($C6121/24,0)+1,1))-1)+IF('Standard Profiles'!$G$19=$B$10,7,0)+IF('Standard Profiles'!$G$19=$B$17,14,0)+IF('Standard Profiles'!$G$19=$B$24,21,0),0)),0)</f>
        <v>12.808904869101754</v>
      </c>
      <c r="F6121" cm="1">
        <f t="array" ref="F6121">IFERROR(INDEX(Jesper!AJ$2:AJ$366,ROUNDDOWN($C6121/24,0)+1,1)*INDEX($D$3:$AA$30,INDEX(Jesper!$R$2:$R$366,ROW(INDEX(Jesper!AJ$2:AJ$366,ROUNDDOWN($C6121/24,0)+1,1))-1)+IF('Standard Profiles'!$G$20=$B$10,7,0)+IF('Standard Profiles'!$G$20=$B$17,14,0)+IF('Standard Profiles'!$G$20=$B$24,21,0),MOD($C6121,24)+1)/SUM(INDEX($D$3:$AA$30,INDEX(Jesper!$R$2:$R$366,ROW(INDEX(Jesper!AJ$2:AJ$366,ROUNDDOWN($C6121/24,0)+1,1))-1)+IF('Standard Profiles'!$G$20=$B$10,7,0)+IF('Standard Profiles'!$G$20=$B$17,14,0)+IF('Standard Profiles'!$G$20=$B$24,21,0),0)),0)</f>
        <v>0</v>
      </c>
      <c r="G6121" cm="1">
        <f t="array" ref="G6121">IFERROR(INDEX(Jesper!AK$2:AK$366,ROUNDDOWN($C6121/24,0)+1,1)*INDEX($D$3:$AA$30,INDEX(Jesper!$R$2:$R$366,ROW(INDEX(Jesper!AK$2:AK$366,ROUNDDOWN($C6121/24,0)+1,1))-1)+IF('Standard Profiles'!$G$21=$B$10,7,0)+IF('Standard Profiles'!$G$21=$B$17,14,0)+IF('Standard Profiles'!$G$21=$B$24,21,0),MOD($C6121,24)+1)/SUM(INDEX($D$3:$AA$30,INDEX(Jesper!$R$2:$R$366,ROW(INDEX(Jesper!AK$2:AK$366,ROUNDDOWN($C6121/24,0)+1,1))-1)+IF('Standard Profiles'!$G$21=$B$10,7,0)+IF('Standard Profiles'!$G$21=$B$17,14,0)+IF('Standard Profiles'!$G$21=$B$24,21,0),0)),0)</f>
        <v>0</v>
      </c>
      <c r="H6121" cm="1">
        <f t="array" ref="H6121">IFERROR(INDEX(Jesper!AL$2:AL$366,ROUNDDOWN($C6121/24,0)+1,1)*INDEX($D$3:$AA$30,INDEX(Jesper!$R$2:$R$366,ROW(INDEX(Jesper!AL$2:AL$366,ROUNDDOWN($C6121/24,0)+1,1))-1)+IF('Standard Profiles'!$G$22=$B$10,7,0)+IF('Standard Profiles'!$G$22=$B$17,14,0)+IF('Standard Profiles'!$G$22=$B$24,21,0),MOD($C6121,24)+1)/SUM(INDEX($D$3:$AA$30,INDEX(Jesper!$R$2:$R$366,ROW(INDEX(Jesper!AL$2:AL$366,ROUNDDOWN($C6121/24,0)+1,1))-1)+IF('Standard Profiles'!$G$22=$B$10,7,0)+IF('Standard Profiles'!$G$22=$B$17,14,0)+IF('Standard Profiles'!$G$22=$B$24,21,0),0)),0)</f>
        <v>0</v>
      </c>
      <c r="I6121">
        <f t="shared" si="685"/>
        <v>0</v>
      </c>
      <c r="J6121">
        <f t="shared" si="686"/>
        <v>39.852874775616371</v>
      </c>
      <c r="K6121">
        <f t="shared" si="687"/>
        <v>3.4341549087637611</v>
      </c>
      <c r="L6121">
        <f t="shared" si="688"/>
        <v>1.7170774543818805</v>
      </c>
      <c r="M6121">
        <f t="shared" si="689"/>
        <v>0</v>
      </c>
      <c r="N6121" s="45">
        <f t="shared" si="690"/>
        <v>45180.624999985237</v>
      </c>
    </row>
    <row r="6122" spans="2:14" x14ac:dyDescent="0.25">
      <c r="B6122">
        <f t="shared" si="684"/>
        <v>1</v>
      </c>
      <c r="C6122" s="16">
        <v>6088</v>
      </c>
      <c r="D6122" cm="1">
        <f t="array" ref="D6122">IFERROR(INDEX(Jesper!AH$2:AH$366,ROUNDDOWN($C6122/24,0)+1,1)*INDEX($D$3:$AA$30,INDEX(Jesper!$R$2:$R$366,ROW(INDEX(Jesper!AH$2:AH$366,ROUNDDOWN($C6122/24,0)+1,1))-1)+IF('Standard Profiles'!$G$18=$B$10,7,0)+IF('Standard Profiles'!$G$18=$B$17,14,0)+IF('Standard Profiles'!$G$18=$B$24,21,0),MOD($C6122,24)+1)/SUM(INDEX($D$3:$AA$30,INDEX(Jesper!$R$2:$R$366,ROW(INDEX(Jesper!AH$2:AH$366,ROUNDDOWN($C6122/24,0)+1,1))-1)+IF('Standard Profiles'!$G$18=$B$10,7,0)+IF('Standard Profiles'!$G$18=$B$17,14,0)+IF('Standard Profiles'!$G$18=$B$24,21,0),0)),0)</f>
        <v>18.780534657301814</v>
      </c>
      <c r="E6122" cm="1">
        <f t="array" ref="E6122">IFERROR(INDEX(Jesper!AI$2:AI$366,ROUNDDOWN($C6122/24,0)+1,1)*INDEX($D$3:$AA$30,INDEX(Jesper!$R$2:$R$366,ROW(INDEX(Jesper!AI$2:AI$366,ROUNDDOWN($C6122/24,0)+1,1))-1)+IF('Standard Profiles'!$G$19=$B$10,7,0)+IF('Standard Profiles'!$G$19=$B$17,14,0)+IF('Standard Profiles'!$G$19=$B$24,21,0),MOD($C6122,24)+1)/SUM(INDEX($D$3:$AA$30,INDEX(Jesper!$R$2:$R$366,ROW(INDEX(Jesper!AI$2:AI$366,ROUNDDOWN($C6122/24,0)+1,1))-1)+IF('Standard Profiles'!$G$19=$B$10,7,0)+IF('Standard Profiles'!$G$19=$B$17,14,0)+IF('Standard Profiles'!$G$19=$B$24,21,0),0)),0)</f>
        <v>7.4718611736426892</v>
      </c>
      <c r="F6122" cm="1">
        <f t="array" ref="F6122">IFERROR(INDEX(Jesper!AJ$2:AJ$366,ROUNDDOWN($C6122/24,0)+1,1)*INDEX($D$3:$AA$30,INDEX(Jesper!$R$2:$R$366,ROW(INDEX(Jesper!AJ$2:AJ$366,ROUNDDOWN($C6122/24,0)+1,1))-1)+IF('Standard Profiles'!$G$20=$B$10,7,0)+IF('Standard Profiles'!$G$20=$B$17,14,0)+IF('Standard Profiles'!$G$20=$B$24,21,0),MOD($C6122,24)+1)/SUM(INDEX($D$3:$AA$30,INDEX(Jesper!$R$2:$R$366,ROW(INDEX(Jesper!AJ$2:AJ$366,ROUNDDOWN($C6122/24,0)+1,1))-1)+IF('Standard Profiles'!$G$20=$B$10,7,0)+IF('Standard Profiles'!$G$20=$B$17,14,0)+IF('Standard Profiles'!$G$20=$B$24,21,0),0)),0)</f>
        <v>0</v>
      </c>
      <c r="G6122" cm="1">
        <f t="array" ref="G6122">IFERROR(INDEX(Jesper!AK$2:AK$366,ROUNDDOWN($C6122/24,0)+1,1)*INDEX($D$3:$AA$30,INDEX(Jesper!$R$2:$R$366,ROW(INDEX(Jesper!AK$2:AK$366,ROUNDDOWN($C6122/24,0)+1,1))-1)+IF('Standard Profiles'!$G$21=$B$10,7,0)+IF('Standard Profiles'!$G$21=$B$17,14,0)+IF('Standard Profiles'!$G$21=$B$24,21,0),MOD($C6122,24)+1)/SUM(INDEX($D$3:$AA$30,INDEX(Jesper!$R$2:$R$366,ROW(INDEX(Jesper!AK$2:AK$366,ROUNDDOWN($C6122/24,0)+1,1))-1)+IF('Standard Profiles'!$G$21=$B$10,7,0)+IF('Standard Profiles'!$G$21=$B$17,14,0)+IF('Standard Profiles'!$G$21=$B$24,21,0),0)),0)</f>
        <v>0</v>
      </c>
      <c r="H6122" cm="1">
        <f t="array" ref="H6122">IFERROR(INDEX(Jesper!AL$2:AL$366,ROUNDDOWN($C6122/24,0)+1,1)*INDEX($D$3:$AA$30,INDEX(Jesper!$R$2:$R$366,ROW(INDEX(Jesper!AL$2:AL$366,ROUNDDOWN($C6122/24,0)+1,1))-1)+IF('Standard Profiles'!$G$22=$B$10,7,0)+IF('Standard Profiles'!$G$22=$B$17,14,0)+IF('Standard Profiles'!$G$22=$B$24,21,0),MOD($C6122,24)+1)/SUM(INDEX($D$3:$AA$30,INDEX(Jesper!$R$2:$R$366,ROW(INDEX(Jesper!AL$2:AL$366,ROUNDDOWN($C6122/24,0)+1,1))-1)+IF('Standard Profiles'!$G$22=$B$10,7,0)+IF('Standard Profiles'!$G$22=$B$17,14,0)+IF('Standard Profiles'!$G$22=$B$24,21,0),0)),0)</f>
        <v>0</v>
      </c>
      <c r="I6122">
        <f t="shared" si="685"/>
        <v>0</v>
      </c>
      <c r="J6122">
        <f t="shared" si="686"/>
        <v>23.247510285776212</v>
      </c>
      <c r="K6122">
        <f t="shared" si="687"/>
        <v>2.0032570301121937</v>
      </c>
      <c r="L6122">
        <f t="shared" si="688"/>
        <v>1.0016285150560968</v>
      </c>
      <c r="M6122">
        <f t="shared" si="689"/>
        <v>0</v>
      </c>
      <c r="N6122" s="45">
        <f t="shared" si="690"/>
        <v>45180.666666651901</v>
      </c>
    </row>
    <row r="6123" spans="2:14" x14ac:dyDescent="0.25">
      <c r="B6123">
        <f t="shared" si="684"/>
        <v>1</v>
      </c>
      <c r="C6123" s="16">
        <v>6089</v>
      </c>
      <c r="D6123" cm="1">
        <f t="array" ref="D6123">IFERROR(INDEX(Jesper!AH$2:AH$366,ROUNDDOWN($C6123/24,0)+1,1)*INDEX($D$3:$AA$30,INDEX(Jesper!$R$2:$R$366,ROW(INDEX(Jesper!AH$2:AH$366,ROUNDDOWN($C6123/24,0)+1,1))-1)+IF('Standard Profiles'!$G$18=$B$10,7,0)+IF('Standard Profiles'!$G$18=$B$17,14,0)+IF('Standard Profiles'!$G$18=$B$24,21,0),MOD($C6123,24)+1)/SUM(INDEX($D$3:$AA$30,INDEX(Jesper!$R$2:$R$366,ROW(INDEX(Jesper!AH$2:AH$366,ROUNDDOWN($C6123/24,0)+1,1))-1)+IF('Standard Profiles'!$G$18=$B$10,7,0)+IF('Standard Profiles'!$G$18=$B$17,14,0)+IF('Standard Profiles'!$G$18=$B$24,21,0),0)),0)</f>
        <v>5.3658670449433759</v>
      </c>
      <c r="E6123" cm="1">
        <f t="array" ref="E6123">IFERROR(INDEX(Jesper!AI$2:AI$366,ROUNDDOWN($C6123/24,0)+1,1)*INDEX($D$3:$AA$30,INDEX(Jesper!$R$2:$R$366,ROW(INDEX(Jesper!AI$2:AI$366,ROUNDDOWN($C6123/24,0)+1,1))-1)+IF('Standard Profiles'!$G$19=$B$10,7,0)+IF('Standard Profiles'!$G$19=$B$17,14,0)+IF('Standard Profiles'!$G$19=$B$24,21,0),MOD($C6123,24)+1)/SUM(INDEX($D$3:$AA$30,INDEX(Jesper!$R$2:$R$366,ROW(INDEX(Jesper!AI$2:AI$366,ROUNDDOWN($C6123/24,0)+1,1))-1)+IF('Standard Profiles'!$G$19=$B$10,7,0)+IF('Standard Profiles'!$G$19=$B$17,14,0)+IF('Standard Profiles'!$G$19=$B$24,21,0),0)),0)</f>
        <v>2.134817478183626</v>
      </c>
      <c r="F6123" cm="1">
        <f t="array" ref="F6123">IFERROR(INDEX(Jesper!AJ$2:AJ$366,ROUNDDOWN($C6123/24,0)+1,1)*INDEX($D$3:$AA$30,INDEX(Jesper!$R$2:$R$366,ROW(INDEX(Jesper!AJ$2:AJ$366,ROUNDDOWN($C6123/24,0)+1,1))-1)+IF('Standard Profiles'!$G$20=$B$10,7,0)+IF('Standard Profiles'!$G$20=$B$17,14,0)+IF('Standard Profiles'!$G$20=$B$24,21,0),MOD($C6123,24)+1)/SUM(INDEX($D$3:$AA$30,INDEX(Jesper!$R$2:$R$366,ROW(INDEX(Jesper!AJ$2:AJ$366,ROUNDDOWN($C6123/24,0)+1,1))-1)+IF('Standard Profiles'!$G$20=$B$10,7,0)+IF('Standard Profiles'!$G$20=$B$17,14,0)+IF('Standard Profiles'!$G$20=$B$24,21,0),0)),0)</f>
        <v>0</v>
      </c>
      <c r="G6123" cm="1">
        <f t="array" ref="G6123">IFERROR(INDEX(Jesper!AK$2:AK$366,ROUNDDOWN($C6123/24,0)+1,1)*INDEX($D$3:$AA$30,INDEX(Jesper!$R$2:$R$366,ROW(INDEX(Jesper!AK$2:AK$366,ROUNDDOWN($C6123/24,0)+1,1))-1)+IF('Standard Profiles'!$G$21=$B$10,7,0)+IF('Standard Profiles'!$G$21=$B$17,14,0)+IF('Standard Profiles'!$G$21=$B$24,21,0),MOD($C6123,24)+1)/SUM(INDEX($D$3:$AA$30,INDEX(Jesper!$R$2:$R$366,ROW(INDEX(Jesper!AK$2:AK$366,ROUNDDOWN($C6123/24,0)+1,1))-1)+IF('Standard Profiles'!$G$21=$B$10,7,0)+IF('Standard Profiles'!$G$21=$B$17,14,0)+IF('Standard Profiles'!$G$21=$B$24,21,0),0)),0)</f>
        <v>0</v>
      </c>
      <c r="H6123" cm="1">
        <f t="array" ref="H6123">IFERROR(INDEX(Jesper!AL$2:AL$366,ROUNDDOWN($C6123/24,0)+1,1)*INDEX($D$3:$AA$30,INDEX(Jesper!$R$2:$R$366,ROW(INDEX(Jesper!AL$2:AL$366,ROUNDDOWN($C6123/24,0)+1,1))-1)+IF('Standard Profiles'!$G$22=$B$10,7,0)+IF('Standard Profiles'!$G$22=$B$17,14,0)+IF('Standard Profiles'!$G$22=$B$24,21,0),MOD($C6123,24)+1)/SUM(INDEX($D$3:$AA$30,INDEX(Jesper!$R$2:$R$366,ROW(INDEX(Jesper!AL$2:AL$366,ROUNDDOWN($C6123/24,0)+1,1))-1)+IF('Standard Profiles'!$G$22=$B$10,7,0)+IF('Standard Profiles'!$G$22=$B$17,14,0)+IF('Standard Profiles'!$G$22=$B$24,21,0),0)),0)</f>
        <v>0</v>
      </c>
      <c r="I6123">
        <f t="shared" si="685"/>
        <v>0</v>
      </c>
      <c r="J6123">
        <f t="shared" si="686"/>
        <v>6.6421457959360612</v>
      </c>
      <c r="K6123">
        <f t="shared" si="687"/>
        <v>0.57235915146062677</v>
      </c>
      <c r="L6123">
        <f t="shared" si="688"/>
        <v>0.28617957573031338</v>
      </c>
      <c r="M6123">
        <f t="shared" si="689"/>
        <v>0</v>
      </c>
      <c r="N6123" s="45">
        <f t="shared" si="690"/>
        <v>45180.708333318566</v>
      </c>
    </row>
    <row r="6124" spans="2:14" x14ac:dyDescent="0.25">
      <c r="B6124">
        <f t="shared" si="684"/>
        <v>1</v>
      </c>
      <c r="C6124" s="16">
        <v>6090</v>
      </c>
      <c r="D6124" cm="1">
        <f t="array" ref="D6124">IFERROR(INDEX(Jesper!AH$2:AH$366,ROUNDDOWN($C6124/24,0)+1,1)*INDEX($D$3:$AA$30,INDEX(Jesper!$R$2:$R$366,ROW(INDEX(Jesper!AH$2:AH$366,ROUNDDOWN($C6124/24,0)+1,1))-1)+IF('Standard Profiles'!$G$18=$B$10,7,0)+IF('Standard Profiles'!$G$18=$B$17,14,0)+IF('Standard Profiles'!$G$18=$B$24,21,0),MOD($C6124,24)+1)/SUM(INDEX($D$3:$AA$30,INDEX(Jesper!$R$2:$R$366,ROW(INDEX(Jesper!AH$2:AH$366,ROUNDDOWN($C6124/24,0)+1,1))-1)+IF('Standard Profiles'!$G$18=$B$10,7,0)+IF('Standard Profiles'!$G$18=$B$17,14,0)+IF('Standard Profiles'!$G$18=$B$24,21,0),0)),0)</f>
        <v>5.2902914527610747</v>
      </c>
      <c r="E6124" cm="1">
        <f t="array" ref="E6124">IFERROR(INDEX(Jesper!AI$2:AI$366,ROUNDDOWN($C6124/24,0)+1,1)*INDEX($D$3:$AA$30,INDEX(Jesper!$R$2:$R$366,ROW(INDEX(Jesper!AI$2:AI$366,ROUNDDOWN($C6124/24,0)+1,1))-1)+IF('Standard Profiles'!$G$19=$B$10,7,0)+IF('Standard Profiles'!$G$19=$B$17,14,0)+IF('Standard Profiles'!$G$19=$B$24,21,0),MOD($C6124,24)+1)/SUM(INDEX($D$3:$AA$30,INDEX(Jesper!$R$2:$R$366,ROW(INDEX(Jesper!AI$2:AI$366,ROUNDDOWN($C6124/24,0)+1,1))-1)+IF('Standard Profiles'!$G$19=$B$10,7,0)+IF('Standard Profiles'!$G$19=$B$17,14,0)+IF('Standard Profiles'!$G$19=$B$24,21,0),0)),0)</f>
        <v>2.1047496263782226</v>
      </c>
      <c r="F6124" cm="1">
        <f t="array" ref="F6124">IFERROR(INDEX(Jesper!AJ$2:AJ$366,ROUNDDOWN($C6124/24,0)+1,1)*INDEX($D$3:$AA$30,INDEX(Jesper!$R$2:$R$366,ROW(INDEX(Jesper!AJ$2:AJ$366,ROUNDDOWN($C6124/24,0)+1,1))-1)+IF('Standard Profiles'!$G$20=$B$10,7,0)+IF('Standard Profiles'!$G$20=$B$17,14,0)+IF('Standard Profiles'!$G$20=$B$24,21,0),MOD($C6124,24)+1)/SUM(INDEX($D$3:$AA$30,INDEX(Jesper!$R$2:$R$366,ROW(INDEX(Jesper!AJ$2:AJ$366,ROUNDDOWN($C6124/24,0)+1,1))-1)+IF('Standard Profiles'!$G$20=$B$10,7,0)+IF('Standard Profiles'!$G$20=$B$17,14,0)+IF('Standard Profiles'!$G$20=$B$24,21,0),0)),0)</f>
        <v>0</v>
      </c>
      <c r="G6124" cm="1">
        <f t="array" ref="G6124">IFERROR(INDEX(Jesper!AK$2:AK$366,ROUNDDOWN($C6124/24,0)+1,1)*INDEX($D$3:$AA$30,INDEX(Jesper!$R$2:$R$366,ROW(INDEX(Jesper!AK$2:AK$366,ROUNDDOWN($C6124/24,0)+1,1))-1)+IF('Standard Profiles'!$G$21=$B$10,7,0)+IF('Standard Profiles'!$G$21=$B$17,14,0)+IF('Standard Profiles'!$G$21=$B$24,21,0),MOD($C6124,24)+1)/SUM(INDEX($D$3:$AA$30,INDEX(Jesper!$R$2:$R$366,ROW(INDEX(Jesper!AK$2:AK$366,ROUNDDOWN($C6124/24,0)+1,1))-1)+IF('Standard Profiles'!$G$21=$B$10,7,0)+IF('Standard Profiles'!$G$21=$B$17,14,0)+IF('Standard Profiles'!$G$21=$B$24,21,0),0)),0)</f>
        <v>0</v>
      </c>
      <c r="H6124" cm="1">
        <f t="array" ref="H6124">IFERROR(INDEX(Jesper!AL$2:AL$366,ROUNDDOWN($C6124/24,0)+1,1)*INDEX($D$3:$AA$30,INDEX(Jesper!$R$2:$R$366,ROW(INDEX(Jesper!AL$2:AL$366,ROUNDDOWN($C6124/24,0)+1,1))-1)+IF('Standard Profiles'!$G$22=$B$10,7,0)+IF('Standard Profiles'!$G$22=$B$17,14,0)+IF('Standard Profiles'!$G$22=$B$24,21,0),MOD($C6124,24)+1)/SUM(INDEX($D$3:$AA$30,INDEX(Jesper!$R$2:$R$366,ROW(INDEX(Jesper!AL$2:AL$366,ROUNDDOWN($C6124/24,0)+1,1))-1)+IF('Standard Profiles'!$G$22=$B$10,7,0)+IF('Standard Profiles'!$G$22=$B$17,14,0)+IF('Standard Profiles'!$G$22=$B$24,21,0),0)),0)</f>
        <v>0</v>
      </c>
      <c r="I6124">
        <f t="shared" si="685"/>
        <v>0</v>
      </c>
      <c r="J6124">
        <f t="shared" si="686"/>
        <v>6.5485944466975248</v>
      </c>
      <c r="K6124">
        <f t="shared" si="687"/>
        <v>0.56429775496118129</v>
      </c>
      <c r="L6124">
        <f t="shared" si="688"/>
        <v>0.28214887748059064</v>
      </c>
      <c r="M6124">
        <f t="shared" si="689"/>
        <v>0</v>
      </c>
      <c r="N6124" s="45">
        <f t="shared" si="690"/>
        <v>45180.74999998523</v>
      </c>
    </row>
    <row r="6125" spans="2:14" x14ac:dyDescent="0.25">
      <c r="B6125">
        <f t="shared" si="684"/>
        <v>1</v>
      </c>
      <c r="C6125" s="16">
        <v>6091</v>
      </c>
      <c r="D6125" cm="1">
        <f t="array" ref="D6125">IFERROR(INDEX(Jesper!AH$2:AH$366,ROUNDDOWN($C6125/24,0)+1,1)*INDEX($D$3:$AA$30,INDEX(Jesper!$R$2:$R$366,ROW(INDEX(Jesper!AH$2:AH$366,ROUNDDOWN($C6125/24,0)+1,1))-1)+IF('Standard Profiles'!$G$18=$B$10,7,0)+IF('Standard Profiles'!$G$18=$B$17,14,0)+IF('Standard Profiles'!$G$18=$B$24,21,0),MOD($C6125,24)+1)/SUM(INDEX($D$3:$AA$30,INDEX(Jesper!$R$2:$R$366,ROW(INDEX(Jesper!AH$2:AH$366,ROUNDDOWN($C6125/24,0)+1,1))-1)+IF('Standard Profiles'!$G$18=$B$10,7,0)+IF('Standard Profiles'!$G$18=$B$17,14,0)+IF('Standard Profiles'!$G$18=$B$24,21,0),0)),0)</f>
        <v>5.2902914527610747</v>
      </c>
      <c r="E6125" cm="1">
        <f t="array" ref="E6125">IFERROR(INDEX(Jesper!AI$2:AI$366,ROUNDDOWN($C6125/24,0)+1,1)*INDEX($D$3:$AA$30,INDEX(Jesper!$R$2:$R$366,ROW(INDEX(Jesper!AI$2:AI$366,ROUNDDOWN($C6125/24,0)+1,1))-1)+IF('Standard Profiles'!$G$19=$B$10,7,0)+IF('Standard Profiles'!$G$19=$B$17,14,0)+IF('Standard Profiles'!$G$19=$B$24,21,0),MOD($C6125,24)+1)/SUM(INDEX($D$3:$AA$30,INDEX(Jesper!$R$2:$R$366,ROW(INDEX(Jesper!AI$2:AI$366,ROUNDDOWN($C6125/24,0)+1,1))-1)+IF('Standard Profiles'!$G$19=$B$10,7,0)+IF('Standard Profiles'!$G$19=$B$17,14,0)+IF('Standard Profiles'!$G$19=$B$24,21,0),0)),0)</f>
        <v>2.1047496263782226</v>
      </c>
      <c r="F6125" cm="1">
        <f t="array" ref="F6125">IFERROR(INDEX(Jesper!AJ$2:AJ$366,ROUNDDOWN($C6125/24,0)+1,1)*INDEX($D$3:$AA$30,INDEX(Jesper!$R$2:$R$366,ROW(INDEX(Jesper!AJ$2:AJ$366,ROUNDDOWN($C6125/24,0)+1,1))-1)+IF('Standard Profiles'!$G$20=$B$10,7,0)+IF('Standard Profiles'!$G$20=$B$17,14,0)+IF('Standard Profiles'!$G$20=$B$24,21,0),MOD($C6125,24)+1)/SUM(INDEX($D$3:$AA$30,INDEX(Jesper!$R$2:$R$366,ROW(INDEX(Jesper!AJ$2:AJ$366,ROUNDDOWN($C6125/24,0)+1,1))-1)+IF('Standard Profiles'!$G$20=$B$10,7,0)+IF('Standard Profiles'!$G$20=$B$17,14,0)+IF('Standard Profiles'!$G$20=$B$24,21,0),0)),0)</f>
        <v>0</v>
      </c>
      <c r="G6125" cm="1">
        <f t="array" ref="G6125">IFERROR(INDEX(Jesper!AK$2:AK$366,ROUNDDOWN($C6125/24,0)+1,1)*INDEX($D$3:$AA$30,INDEX(Jesper!$R$2:$R$366,ROW(INDEX(Jesper!AK$2:AK$366,ROUNDDOWN($C6125/24,0)+1,1))-1)+IF('Standard Profiles'!$G$21=$B$10,7,0)+IF('Standard Profiles'!$G$21=$B$17,14,0)+IF('Standard Profiles'!$G$21=$B$24,21,0),MOD($C6125,24)+1)/SUM(INDEX($D$3:$AA$30,INDEX(Jesper!$R$2:$R$366,ROW(INDEX(Jesper!AK$2:AK$366,ROUNDDOWN($C6125/24,0)+1,1))-1)+IF('Standard Profiles'!$G$21=$B$10,7,0)+IF('Standard Profiles'!$G$21=$B$17,14,0)+IF('Standard Profiles'!$G$21=$B$24,21,0),0)),0)</f>
        <v>0</v>
      </c>
      <c r="H6125" cm="1">
        <f t="array" ref="H6125">IFERROR(INDEX(Jesper!AL$2:AL$366,ROUNDDOWN($C6125/24,0)+1,1)*INDEX($D$3:$AA$30,INDEX(Jesper!$R$2:$R$366,ROW(INDEX(Jesper!AL$2:AL$366,ROUNDDOWN($C6125/24,0)+1,1))-1)+IF('Standard Profiles'!$G$22=$B$10,7,0)+IF('Standard Profiles'!$G$22=$B$17,14,0)+IF('Standard Profiles'!$G$22=$B$24,21,0),MOD($C6125,24)+1)/SUM(INDEX($D$3:$AA$30,INDEX(Jesper!$R$2:$R$366,ROW(INDEX(Jesper!AL$2:AL$366,ROUNDDOWN($C6125/24,0)+1,1))-1)+IF('Standard Profiles'!$G$22=$B$10,7,0)+IF('Standard Profiles'!$G$22=$B$17,14,0)+IF('Standard Profiles'!$G$22=$B$24,21,0),0)),0)</f>
        <v>0</v>
      </c>
      <c r="I6125">
        <f t="shared" si="685"/>
        <v>0</v>
      </c>
      <c r="J6125">
        <f t="shared" si="686"/>
        <v>6.5485944466975248</v>
      </c>
      <c r="K6125">
        <f t="shared" si="687"/>
        <v>0.56429775496118129</v>
      </c>
      <c r="L6125">
        <f t="shared" si="688"/>
        <v>0.28214887748059064</v>
      </c>
      <c r="M6125">
        <f t="shared" si="689"/>
        <v>0</v>
      </c>
      <c r="N6125" s="45">
        <f t="shared" si="690"/>
        <v>45180.791666651894</v>
      </c>
    </row>
    <row r="6126" spans="2:14" x14ac:dyDescent="0.25">
      <c r="B6126">
        <f t="shared" si="684"/>
        <v>1</v>
      </c>
      <c r="C6126" s="16">
        <v>6092</v>
      </c>
      <c r="D6126" cm="1">
        <f t="array" ref="D6126">IFERROR(INDEX(Jesper!AH$2:AH$366,ROUNDDOWN($C6126/24,0)+1,1)*INDEX($D$3:$AA$30,INDEX(Jesper!$R$2:$R$366,ROW(INDEX(Jesper!AH$2:AH$366,ROUNDDOWN($C6126/24,0)+1,1))-1)+IF('Standard Profiles'!$G$18=$B$10,7,0)+IF('Standard Profiles'!$G$18=$B$17,14,0)+IF('Standard Profiles'!$G$18=$B$24,21,0),MOD($C6126,24)+1)/SUM(INDEX($D$3:$AA$30,INDEX(Jesper!$R$2:$R$366,ROW(INDEX(Jesper!AH$2:AH$366,ROUNDDOWN($C6126/24,0)+1,1))-1)+IF('Standard Profiles'!$G$18=$B$10,7,0)+IF('Standard Profiles'!$G$18=$B$17,14,0)+IF('Standard Profiles'!$G$18=$B$24,21,0),0)),0)</f>
        <v>5.2902914527610747</v>
      </c>
      <c r="E6126" cm="1">
        <f t="array" ref="E6126">IFERROR(INDEX(Jesper!AI$2:AI$366,ROUNDDOWN($C6126/24,0)+1,1)*INDEX($D$3:$AA$30,INDEX(Jesper!$R$2:$R$366,ROW(INDEX(Jesper!AI$2:AI$366,ROUNDDOWN($C6126/24,0)+1,1))-1)+IF('Standard Profiles'!$G$19=$B$10,7,0)+IF('Standard Profiles'!$G$19=$B$17,14,0)+IF('Standard Profiles'!$G$19=$B$24,21,0),MOD($C6126,24)+1)/SUM(INDEX($D$3:$AA$30,INDEX(Jesper!$R$2:$R$366,ROW(INDEX(Jesper!AI$2:AI$366,ROUNDDOWN($C6126/24,0)+1,1))-1)+IF('Standard Profiles'!$G$19=$B$10,7,0)+IF('Standard Profiles'!$G$19=$B$17,14,0)+IF('Standard Profiles'!$G$19=$B$24,21,0),0)),0)</f>
        <v>2.1047496263782226</v>
      </c>
      <c r="F6126" cm="1">
        <f t="array" ref="F6126">IFERROR(INDEX(Jesper!AJ$2:AJ$366,ROUNDDOWN($C6126/24,0)+1,1)*INDEX($D$3:$AA$30,INDEX(Jesper!$R$2:$R$366,ROW(INDEX(Jesper!AJ$2:AJ$366,ROUNDDOWN($C6126/24,0)+1,1))-1)+IF('Standard Profiles'!$G$20=$B$10,7,0)+IF('Standard Profiles'!$G$20=$B$17,14,0)+IF('Standard Profiles'!$G$20=$B$24,21,0),MOD($C6126,24)+1)/SUM(INDEX($D$3:$AA$30,INDEX(Jesper!$R$2:$R$366,ROW(INDEX(Jesper!AJ$2:AJ$366,ROUNDDOWN($C6126/24,0)+1,1))-1)+IF('Standard Profiles'!$G$20=$B$10,7,0)+IF('Standard Profiles'!$G$20=$B$17,14,0)+IF('Standard Profiles'!$G$20=$B$24,21,0),0)),0)</f>
        <v>0</v>
      </c>
      <c r="G6126" cm="1">
        <f t="array" ref="G6126">IFERROR(INDEX(Jesper!AK$2:AK$366,ROUNDDOWN($C6126/24,0)+1,1)*INDEX($D$3:$AA$30,INDEX(Jesper!$R$2:$R$366,ROW(INDEX(Jesper!AK$2:AK$366,ROUNDDOWN($C6126/24,0)+1,1))-1)+IF('Standard Profiles'!$G$21=$B$10,7,0)+IF('Standard Profiles'!$G$21=$B$17,14,0)+IF('Standard Profiles'!$G$21=$B$24,21,0),MOD($C6126,24)+1)/SUM(INDEX($D$3:$AA$30,INDEX(Jesper!$R$2:$R$366,ROW(INDEX(Jesper!AK$2:AK$366,ROUNDDOWN($C6126/24,0)+1,1))-1)+IF('Standard Profiles'!$G$21=$B$10,7,0)+IF('Standard Profiles'!$G$21=$B$17,14,0)+IF('Standard Profiles'!$G$21=$B$24,21,0),0)),0)</f>
        <v>0</v>
      </c>
      <c r="H6126" cm="1">
        <f t="array" ref="H6126">IFERROR(INDEX(Jesper!AL$2:AL$366,ROUNDDOWN($C6126/24,0)+1,1)*INDEX($D$3:$AA$30,INDEX(Jesper!$R$2:$R$366,ROW(INDEX(Jesper!AL$2:AL$366,ROUNDDOWN($C6126/24,0)+1,1))-1)+IF('Standard Profiles'!$G$22=$B$10,7,0)+IF('Standard Profiles'!$G$22=$B$17,14,0)+IF('Standard Profiles'!$G$22=$B$24,21,0),MOD($C6126,24)+1)/SUM(INDEX($D$3:$AA$30,INDEX(Jesper!$R$2:$R$366,ROW(INDEX(Jesper!AL$2:AL$366,ROUNDDOWN($C6126/24,0)+1,1))-1)+IF('Standard Profiles'!$G$22=$B$10,7,0)+IF('Standard Profiles'!$G$22=$B$17,14,0)+IF('Standard Profiles'!$G$22=$B$24,21,0),0)),0)</f>
        <v>0</v>
      </c>
      <c r="I6126">
        <f t="shared" si="685"/>
        <v>0</v>
      </c>
      <c r="J6126">
        <f t="shared" si="686"/>
        <v>6.5485944466975248</v>
      </c>
      <c r="K6126">
        <f t="shared" si="687"/>
        <v>0.56429775496118129</v>
      </c>
      <c r="L6126">
        <f t="shared" si="688"/>
        <v>0.28214887748059064</v>
      </c>
      <c r="M6126">
        <f t="shared" si="689"/>
        <v>0</v>
      </c>
      <c r="N6126" s="45">
        <f t="shared" si="690"/>
        <v>45180.833333318558</v>
      </c>
    </row>
    <row r="6127" spans="2:14" x14ac:dyDescent="0.25">
      <c r="B6127">
        <f t="shared" si="684"/>
        <v>1</v>
      </c>
      <c r="C6127" s="16">
        <v>6093</v>
      </c>
      <c r="D6127" cm="1">
        <f t="array" ref="D6127">IFERROR(INDEX(Jesper!AH$2:AH$366,ROUNDDOWN($C6127/24,0)+1,1)*INDEX($D$3:$AA$30,INDEX(Jesper!$R$2:$R$366,ROW(INDEX(Jesper!AH$2:AH$366,ROUNDDOWN($C6127/24,0)+1,1))-1)+IF('Standard Profiles'!$G$18=$B$10,7,0)+IF('Standard Profiles'!$G$18=$B$17,14,0)+IF('Standard Profiles'!$G$18=$B$24,21,0),MOD($C6127,24)+1)/SUM(INDEX($D$3:$AA$30,INDEX(Jesper!$R$2:$R$366,ROW(INDEX(Jesper!AH$2:AH$366,ROUNDDOWN($C6127/24,0)+1,1))-1)+IF('Standard Profiles'!$G$18=$B$10,7,0)+IF('Standard Profiles'!$G$18=$B$17,14,0)+IF('Standard Profiles'!$G$18=$B$24,21,0),0)),0)</f>
        <v>5.2902914527610747</v>
      </c>
      <c r="E6127" cm="1">
        <f t="array" ref="E6127">IFERROR(INDEX(Jesper!AI$2:AI$366,ROUNDDOWN($C6127/24,0)+1,1)*INDEX($D$3:$AA$30,INDEX(Jesper!$R$2:$R$366,ROW(INDEX(Jesper!AI$2:AI$366,ROUNDDOWN($C6127/24,0)+1,1))-1)+IF('Standard Profiles'!$G$19=$B$10,7,0)+IF('Standard Profiles'!$G$19=$B$17,14,0)+IF('Standard Profiles'!$G$19=$B$24,21,0),MOD($C6127,24)+1)/SUM(INDEX($D$3:$AA$30,INDEX(Jesper!$R$2:$R$366,ROW(INDEX(Jesper!AI$2:AI$366,ROUNDDOWN($C6127/24,0)+1,1))-1)+IF('Standard Profiles'!$G$19=$B$10,7,0)+IF('Standard Profiles'!$G$19=$B$17,14,0)+IF('Standard Profiles'!$G$19=$B$24,21,0),0)),0)</f>
        <v>2.1047496263782226</v>
      </c>
      <c r="F6127" cm="1">
        <f t="array" ref="F6127">IFERROR(INDEX(Jesper!AJ$2:AJ$366,ROUNDDOWN($C6127/24,0)+1,1)*INDEX($D$3:$AA$30,INDEX(Jesper!$R$2:$R$366,ROW(INDEX(Jesper!AJ$2:AJ$366,ROUNDDOWN($C6127/24,0)+1,1))-1)+IF('Standard Profiles'!$G$20=$B$10,7,0)+IF('Standard Profiles'!$G$20=$B$17,14,0)+IF('Standard Profiles'!$G$20=$B$24,21,0),MOD($C6127,24)+1)/SUM(INDEX($D$3:$AA$30,INDEX(Jesper!$R$2:$R$366,ROW(INDEX(Jesper!AJ$2:AJ$366,ROUNDDOWN($C6127/24,0)+1,1))-1)+IF('Standard Profiles'!$G$20=$B$10,7,0)+IF('Standard Profiles'!$G$20=$B$17,14,0)+IF('Standard Profiles'!$G$20=$B$24,21,0),0)),0)</f>
        <v>0</v>
      </c>
      <c r="G6127" cm="1">
        <f t="array" ref="G6127">IFERROR(INDEX(Jesper!AK$2:AK$366,ROUNDDOWN($C6127/24,0)+1,1)*INDEX($D$3:$AA$30,INDEX(Jesper!$R$2:$R$366,ROW(INDEX(Jesper!AK$2:AK$366,ROUNDDOWN($C6127/24,0)+1,1))-1)+IF('Standard Profiles'!$G$21=$B$10,7,0)+IF('Standard Profiles'!$G$21=$B$17,14,0)+IF('Standard Profiles'!$G$21=$B$24,21,0),MOD($C6127,24)+1)/SUM(INDEX($D$3:$AA$30,INDEX(Jesper!$R$2:$R$366,ROW(INDEX(Jesper!AK$2:AK$366,ROUNDDOWN($C6127/24,0)+1,1))-1)+IF('Standard Profiles'!$G$21=$B$10,7,0)+IF('Standard Profiles'!$G$21=$B$17,14,0)+IF('Standard Profiles'!$G$21=$B$24,21,0),0)),0)</f>
        <v>0</v>
      </c>
      <c r="H6127" cm="1">
        <f t="array" ref="H6127">IFERROR(INDEX(Jesper!AL$2:AL$366,ROUNDDOWN($C6127/24,0)+1,1)*INDEX($D$3:$AA$30,INDEX(Jesper!$R$2:$R$366,ROW(INDEX(Jesper!AL$2:AL$366,ROUNDDOWN($C6127/24,0)+1,1))-1)+IF('Standard Profiles'!$G$22=$B$10,7,0)+IF('Standard Profiles'!$G$22=$B$17,14,0)+IF('Standard Profiles'!$G$22=$B$24,21,0),MOD($C6127,24)+1)/SUM(INDEX($D$3:$AA$30,INDEX(Jesper!$R$2:$R$366,ROW(INDEX(Jesper!AL$2:AL$366,ROUNDDOWN($C6127/24,0)+1,1))-1)+IF('Standard Profiles'!$G$22=$B$10,7,0)+IF('Standard Profiles'!$G$22=$B$17,14,0)+IF('Standard Profiles'!$G$22=$B$24,21,0),0)),0)</f>
        <v>0</v>
      </c>
      <c r="I6127">
        <f t="shared" si="685"/>
        <v>0</v>
      </c>
      <c r="J6127">
        <f t="shared" si="686"/>
        <v>6.5485944466975248</v>
      </c>
      <c r="K6127">
        <f t="shared" si="687"/>
        <v>0.56429775496118129</v>
      </c>
      <c r="L6127">
        <f t="shared" si="688"/>
        <v>0.28214887748059064</v>
      </c>
      <c r="M6127">
        <f t="shared" si="689"/>
        <v>0</v>
      </c>
      <c r="N6127" s="45">
        <f t="shared" si="690"/>
        <v>45180.874999985223</v>
      </c>
    </row>
    <row r="6128" spans="2:14" x14ac:dyDescent="0.25">
      <c r="B6128">
        <f t="shared" si="684"/>
        <v>1</v>
      </c>
      <c r="C6128" s="16">
        <v>6094</v>
      </c>
      <c r="D6128" cm="1">
        <f t="array" ref="D6128">IFERROR(INDEX(Jesper!AH$2:AH$366,ROUNDDOWN($C6128/24,0)+1,1)*INDEX($D$3:$AA$30,INDEX(Jesper!$R$2:$R$366,ROW(INDEX(Jesper!AH$2:AH$366,ROUNDDOWN($C6128/24,0)+1,1))-1)+IF('Standard Profiles'!$G$18=$B$10,7,0)+IF('Standard Profiles'!$G$18=$B$17,14,0)+IF('Standard Profiles'!$G$18=$B$24,21,0),MOD($C6128,24)+1)/SUM(INDEX($D$3:$AA$30,INDEX(Jesper!$R$2:$R$366,ROW(INDEX(Jesper!AH$2:AH$366,ROUNDDOWN($C6128/24,0)+1,1))-1)+IF('Standard Profiles'!$G$18=$B$10,7,0)+IF('Standard Profiles'!$G$18=$B$17,14,0)+IF('Standard Profiles'!$G$18=$B$24,21,0),0)),0)</f>
        <v>5.2902914527610747</v>
      </c>
      <c r="E6128" cm="1">
        <f t="array" ref="E6128">IFERROR(INDEX(Jesper!AI$2:AI$366,ROUNDDOWN($C6128/24,0)+1,1)*INDEX($D$3:$AA$30,INDEX(Jesper!$R$2:$R$366,ROW(INDEX(Jesper!AI$2:AI$366,ROUNDDOWN($C6128/24,0)+1,1))-1)+IF('Standard Profiles'!$G$19=$B$10,7,0)+IF('Standard Profiles'!$G$19=$B$17,14,0)+IF('Standard Profiles'!$G$19=$B$24,21,0),MOD($C6128,24)+1)/SUM(INDEX($D$3:$AA$30,INDEX(Jesper!$R$2:$R$366,ROW(INDEX(Jesper!AI$2:AI$366,ROUNDDOWN($C6128/24,0)+1,1))-1)+IF('Standard Profiles'!$G$19=$B$10,7,0)+IF('Standard Profiles'!$G$19=$B$17,14,0)+IF('Standard Profiles'!$G$19=$B$24,21,0),0)),0)</f>
        <v>2.1047496263782226</v>
      </c>
      <c r="F6128" cm="1">
        <f t="array" ref="F6128">IFERROR(INDEX(Jesper!AJ$2:AJ$366,ROUNDDOWN($C6128/24,0)+1,1)*INDEX($D$3:$AA$30,INDEX(Jesper!$R$2:$R$366,ROW(INDEX(Jesper!AJ$2:AJ$366,ROUNDDOWN($C6128/24,0)+1,1))-1)+IF('Standard Profiles'!$G$20=$B$10,7,0)+IF('Standard Profiles'!$G$20=$B$17,14,0)+IF('Standard Profiles'!$G$20=$B$24,21,0),MOD($C6128,24)+1)/SUM(INDEX($D$3:$AA$30,INDEX(Jesper!$R$2:$R$366,ROW(INDEX(Jesper!AJ$2:AJ$366,ROUNDDOWN($C6128/24,0)+1,1))-1)+IF('Standard Profiles'!$G$20=$B$10,7,0)+IF('Standard Profiles'!$G$20=$B$17,14,0)+IF('Standard Profiles'!$G$20=$B$24,21,0),0)),0)</f>
        <v>0</v>
      </c>
      <c r="G6128" cm="1">
        <f t="array" ref="G6128">IFERROR(INDEX(Jesper!AK$2:AK$366,ROUNDDOWN($C6128/24,0)+1,1)*INDEX($D$3:$AA$30,INDEX(Jesper!$R$2:$R$366,ROW(INDEX(Jesper!AK$2:AK$366,ROUNDDOWN($C6128/24,0)+1,1))-1)+IF('Standard Profiles'!$G$21=$B$10,7,0)+IF('Standard Profiles'!$G$21=$B$17,14,0)+IF('Standard Profiles'!$G$21=$B$24,21,0),MOD($C6128,24)+1)/SUM(INDEX($D$3:$AA$30,INDEX(Jesper!$R$2:$R$366,ROW(INDEX(Jesper!AK$2:AK$366,ROUNDDOWN($C6128/24,0)+1,1))-1)+IF('Standard Profiles'!$G$21=$B$10,7,0)+IF('Standard Profiles'!$G$21=$B$17,14,0)+IF('Standard Profiles'!$G$21=$B$24,21,0),0)),0)</f>
        <v>0</v>
      </c>
      <c r="H6128" cm="1">
        <f t="array" ref="H6128">IFERROR(INDEX(Jesper!AL$2:AL$366,ROUNDDOWN($C6128/24,0)+1,1)*INDEX($D$3:$AA$30,INDEX(Jesper!$R$2:$R$366,ROW(INDEX(Jesper!AL$2:AL$366,ROUNDDOWN($C6128/24,0)+1,1))-1)+IF('Standard Profiles'!$G$22=$B$10,7,0)+IF('Standard Profiles'!$G$22=$B$17,14,0)+IF('Standard Profiles'!$G$22=$B$24,21,0),MOD($C6128,24)+1)/SUM(INDEX($D$3:$AA$30,INDEX(Jesper!$R$2:$R$366,ROW(INDEX(Jesper!AL$2:AL$366,ROUNDDOWN($C6128/24,0)+1,1))-1)+IF('Standard Profiles'!$G$22=$B$10,7,0)+IF('Standard Profiles'!$G$22=$B$17,14,0)+IF('Standard Profiles'!$G$22=$B$24,21,0),0)),0)</f>
        <v>0</v>
      </c>
      <c r="I6128">
        <f t="shared" si="685"/>
        <v>0</v>
      </c>
      <c r="J6128">
        <f t="shared" si="686"/>
        <v>6.5485944466975248</v>
      </c>
      <c r="K6128">
        <f t="shared" si="687"/>
        <v>0.56429775496118129</v>
      </c>
      <c r="L6128">
        <f t="shared" si="688"/>
        <v>0.28214887748059064</v>
      </c>
      <c r="M6128">
        <f t="shared" si="689"/>
        <v>0</v>
      </c>
      <c r="N6128" s="45">
        <f t="shared" si="690"/>
        <v>45180.916666651887</v>
      </c>
    </row>
    <row r="6129" spans="2:14" x14ac:dyDescent="0.25">
      <c r="B6129">
        <f t="shared" si="684"/>
        <v>1</v>
      </c>
      <c r="C6129" s="16">
        <v>6095</v>
      </c>
      <c r="D6129" cm="1">
        <f t="array" ref="D6129">IFERROR(INDEX(Jesper!AH$2:AH$366,ROUNDDOWN($C6129/24,0)+1,1)*INDEX($D$3:$AA$30,INDEX(Jesper!$R$2:$R$366,ROW(INDEX(Jesper!AH$2:AH$366,ROUNDDOWN($C6129/24,0)+1,1))-1)+IF('Standard Profiles'!$G$18=$B$10,7,0)+IF('Standard Profiles'!$G$18=$B$17,14,0)+IF('Standard Profiles'!$G$18=$B$24,21,0),MOD($C6129,24)+1)/SUM(INDEX($D$3:$AA$30,INDEX(Jesper!$R$2:$R$366,ROW(INDEX(Jesper!AH$2:AH$366,ROUNDDOWN($C6129/24,0)+1,1))-1)+IF('Standard Profiles'!$G$18=$B$10,7,0)+IF('Standard Profiles'!$G$18=$B$17,14,0)+IF('Standard Profiles'!$G$18=$B$24,21,0),0)),0)</f>
        <v>5.2902914527610747</v>
      </c>
      <c r="E6129" cm="1">
        <f t="array" ref="E6129">IFERROR(INDEX(Jesper!AI$2:AI$366,ROUNDDOWN($C6129/24,0)+1,1)*INDEX($D$3:$AA$30,INDEX(Jesper!$R$2:$R$366,ROW(INDEX(Jesper!AI$2:AI$366,ROUNDDOWN($C6129/24,0)+1,1))-1)+IF('Standard Profiles'!$G$19=$B$10,7,0)+IF('Standard Profiles'!$G$19=$B$17,14,0)+IF('Standard Profiles'!$G$19=$B$24,21,0),MOD($C6129,24)+1)/SUM(INDEX($D$3:$AA$30,INDEX(Jesper!$R$2:$R$366,ROW(INDEX(Jesper!AI$2:AI$366,ROUNDDOWN($C6129/24,0)+1,1))-1)+IF('Standard Profiles'!$G$19=$B$10,7,0)+IF('Standard Profiles'!$G$19=$B$17,14,0)+IF('Standard Profiles'!$G$19=$B$24,21,0),0)),0)</f>
        <v>2.1047496263782226</v>
      </c>
      <c r="F6129" cm="1">
        <f t="array" ref="F6129">IFERROR(INDEX(Jesper!AJ$2:AJ$366,ROUNDDOWN($C6129/24,0)+1,1)*INDEX($D$3:$AA$30,INDEX(Jesper!$R$2:$R$366,ROW(INDEX(Jesper!AJ$2:AJ$366,ROUNDDOWN($C6129/24,0)+1,1))-1)+IF('Standard Profiles'!$G$20=$B$10,7,0)+IF('Standard Profiles'!$G$20=$B$17,14,0)+IF('Standard Profiles'!$G$20=$B$24,21,0),MOD($C6129,24)+1)/SUM(INDEX($D$3:$AA$30,INDEX(Jesper!$R$2:$R$366,ROW(INDEX(Jesper!AJ$2:AJ$366,ROUNDDOWN($C6129/24,0)+1,1))-1)+IF('Standard Profiles'!$G$20=$B$10,7,0)+IF('Standard Profiles'!$G$20=$B$17,14,0)+IF('Standard Profiles'!$G$20=$B$24,21,0),0)),0)</f>
        <v>0</v>
      </c>
      <c r="G6129" cm="1">
        <f t="array" ref="G6129">IFERROR(INDEX(Jesper!AK$2:AK$366,ROUNDDOWN($C6129/24,0)+1,1)*INDEX($D$3:$AA$30,INDEX(Jesper!$R$2:$R$366,ROW(INDEX(Jesper!AK$2:AK$366,ROUNDDOWN($C6129/24,0)+1,1))-1)+IF('Standard Profiles'!$G$21=$B$10,7,0)+IF('Standard Profiles'!$G$21=$B$17,14,0)+IF('Standard Profiles'!$G$21=$B$24,21,0),MOD($C6129,24)+1)/SUM(INDEX($D$3:$AA$30,INDEX(Jesper!$R$2:$R$366,ROW(INDEX(Jesper!AK$2:AK$366,ROUNDDOWN($C6129/24,0)+1,1))-1)+IF('Standard Profiles'!$G$21=$B$10,7,0)+IF('Standard Profiles'!$G$21=$B$17,14,0)+IF('Standard Profiles'!$G$21=$B$24,21,0),0)),0)</f>
        <v>0</v>
      </c>
      <c r="H6129" cm="1">
        <f t="array" ref="H6129">IFERROR(INDEX(Jesper!AL$2:AL$366,ROUNDDOWN($C6129/24,0)+1,1)*INDEX($D$3:$AA$30,INDEX(Jesper!$R$2:$R$366,ROW(INDEX(Jesper!AL$2:AL$366,ROUNDDOWN($C6129/24,0)+1,1))-1)+IF('Standard Profiles'!$G$22=$B$10,7,0)+IF('Standard Profiles'!$G$22=$B$17,14,0)+IF('Standard Profiles'!$G$22=$B$24,21,0),MOD($C6129,24)+1)/SUM(INDEX($D$3:$AA$30,INDEX(Jesper!$R$2:$R$366,ROW(INDEX(Jesper!AL$2:AL$366,ROUNDDOWN($C6129/24,0)+1,1))-1)+IF('Standard Profiles'!$G$22=$B$10,7,0)+IF('Standard Profiles'!$G$22=$B$17,14,0)+IF('Standard Profiles'!$G$22=$B$24,21,0),0)),0)</f>
        <v>0</v>
      </c>
      <c r="I6129">
        <f t="shared" si="685"/>
        <v>0</v>
      </c>
      <c r="J6129">
        <f t="shared" si="686"/>
        <v>6.5485944466975248</v>
      </c>
      <c r="K6129">
        <f t="shared" si="687"/>
        <v>0.56429775496118129</v>
      </c>
      <c r="L6129">
        <f t="shared" si="688"/>
        <v>0.28214887748059064</v>
      </c>
      <c r="M6129">
        <f t="shared" si="689"/>
        <v>0</v>
      </c>
      <c r="N6129" s="45">
        <f t="shared" si="690"/>
        <v>45180.958333318551</v>
      </c>
    </row>
    <row r="6130" spans="2:14" x14ac:dyDescent="0.25">
      <c r="B6130">
        <f t="shared" si="684"/>
        <v>2</v>
      </c>
      <c r="C6130" s="16">
        <v>6096</v>
      </c>
      <c r="D6130" cm="1">
        <f t="array" ref="D6130">IFERROR(INDEX(Jesper!AH$2:AH$366,ROUNDDOWN($C6130/24,0)+1,1)*INDEX($D$3:$AA$30,INDEX(Jesper!$R$2:$R$366,ROW(INDEX(Jesper!AH$2:AH$366,ROUNDDOWN($C6130/24,0)+1,1))-1)+IF('Standard Profiles'!$G$18=$B$10,7,0)+IF('Standard Profiles'!$G$18=$B$17,14,0)+IF('Standard Profiles'!$G$18=$B$24,21,0),MOD($C6130,24)+1)/SUM(INDEX($D$3:$AA$30,INDEX(Jesper!$R$2:$R$366,ROW(INDEX(Jesper!AH$2:AH$366,ROUNDDOWN($C6130/24,0)+1,1))-1)+IF('Standard Profiles'!$G$18=$B$10,7,0)+IF('Standard Profiles'!$G$18=$B$17,14,0)+IF('Standard Profiles'!$G$18=$B$24,21,0),0)),0)</f>
        <v>3.353444100211477</v>
      </c>
      <c r="E6130" cm="1">
        <f t="array" ref="E6130">IFERROR(INDEX(Jesper!AI$2:AI$366,ROUNDDOWN($C6130/24,0)+1,1)*INDEX($D$3:$AA$30,INDEX(Jesper!$R$2:$R$366,ROW(INDEX(Jesper!AI$2:AI$366,ROUNDDOWN($C6130/24,0)+1,1))-1)+IF('Standard Profiles'!$G$19=$B$10,7,0)+IF('Standard Profiles'!$G$19=$B$17,14,0)+IF('Standard Profiles'!$G$19=$B$24,21,0),MOD($C6130,24)+1)/SUM(INDEX($D$3:$AA$30,INDEX(Jesper!$R$2:$R$366,ROW(INDEX(Jesper!AI$2:AI$366,ROUNDDOWN($C6130/24,0)+1,1))-1)+IF('Standard Profiles'!$G$19=$B$10,7,0)+IF('Standard Profiles'!$G$19=$B$17,14,0)+IF('Standard Profiles'!$G$19=$B$24,21,0),0)),0)</f>
        <v>1.3103788677471728</v>
      </c>
      <c r="F6130" cm="1">
        <f t="array" ref="F6130">IFERROR(INDEX(Jesper!AJ$2:AJ$366,ROUNDDOWN($C6130/24,0)+1,1)*INDEX($D$3:$AA$30,INDEX(Jesper!$R$2:$R$366,ROW(INDEX(Jesper!AJ$2:AJ$366,ROUNDDOWN($C6130/24,0)+1,1))-1)+IF('Standard Profiles'!$G$20=$B$10,7,0)+IF('Standard Profiles'!$G$20=$B$17,14,0)+IF('Standard Profiles'!$G$20=$B$24,21,0),MOD($C6130,24)+1)/SUM(INDEX($D$3:$AA$30,INDEX(Jesper!$R$2:$R$366,ROW(INDEX(Jesper!AJ$2:AJ$366,ROUNDDOWN($C6130/24,0)+1,1))-1)+IF('Standard Profiles'!$G$20=$B$10,7,0)+IF('Standard Profiles'!$G$20=$B$17,14,0)+IF('Standard Profiles'!$G$20=$B$24,21,0),0)),0)</f>
        <v>0</v>
      </c>
      <c r="G6130" cm="1">
        <f t="array" ref="G6130">IFERROR(INDEX(Jesper!AK$2:AK$366,ROUNDDOWN($C6130/24,0)+1,1)*INDEX($D$3:$AA$30,INDEX(Jesper!$R$2:$R$366,ROW(INDEX(Jesper!AK$2:AK$366,ROUNDDOWN($C6130/24,0)+1,1))-1)+IF('Standard Profiles'!$G$21=$B$10,7,0)+IF('Standard Profiles'!$G$21=$B$17,14,0)+IF('Standard Profiles'!$G$21=$B$24,21,0),MOD($C6130,24)+1)/SUM(INDEX($D$3:$AA$30,INDEX(Jesper!$R$2:$R$366,ROW(INDEX(Jesper!AK$2:AK$366,ROUNDDOWN($C6130/24,0)+1,1))-1)+IF('Standard Profiles'!$G$21=$B$10,7,0)+IF('Standard Profiles'!$G$21=$B$17,14,0)+IF('Standard Profiles'!$G$21=$B$24,21,0),0)),0)</f>
        <v>0</v>
      </c>
      <c r="H6130" cm="1">
        <f t="array" ref="H6130">IFERROR(INDEX(Jesper!AL$2:AL$366,ROUNDDOWN($C6130/24,0)+1,1)*INDEX($D$3:$AA$30,INDEX(Jesper!$R$2:$R$366,ROW(INDEX(Jesper!AL$2:AL$366,ROUNDDOWN($C6130/24,0)+1,1))-1)+IF('Standard Profiles'!$G$22=$B$10,7,0)+IF('Standard Profiles'!$G$22=$B$17,14,0)+IF('Standard Profiles'!$G$22=$B$24,21,0),MOD($C6130,24)+1)/SUM(INDEX($D$3:$AA$30,INDEX(Jesper!$R$2:$R$366,ROW(INDEX(Jesper!AL$2:AL$366,ROUNDDOWN($C6130/24,0)+1,1))-1)+IF('Standard Profiles'!$G$22=$B$10,7,0)+IF('Standard Profiles'!$G$22=$B$17,14,0)+IF('Standard Profiles'!$G$22=$B$24,21,0),0)),0)</f>
        <v>0</v>
      </c>
      <c r="I6130">
        <f t="shared" si="685"/>
        <v>0</v>
      </c>
      <c r="J6130">
        <f t="shared" si="686"/>
        <v>4.1272719119248134</v>
      </c>
      <c r="K6130">
        <f t="shared" si="687"/>
        <v>0.35770070402255755</v>
      </c>
      <c r="L6130">
        <f t="shared" si="688"/>
        <v>0.17885035201127877</v>
      </c>
      <c r="M6130">
        <f t="shared" si="689"/>
        <v>0</v>
      </c>
      <c r="N6130" s="45">
        <f t="shared" si="690"/>
        <v>45180.999999985215</v>
      </c>
    </row>
    <row r="6131" spans="2:14" x14ac:dyDescent="0.25">
      <c r="B6131">
        <f t="shared" si="684"/>
        <v>2</v>
      </c>
      <c r="C6131" s="16">
        <v>6097</v>
      </c>
      <c r="D6131" cm="1">
        <f t="array" ref="D6131">IFERROR(INDEX(Jesper!AH$2:AH$366,ROUNDDOWN($C6131/24,0)+1,1)*INDEX($D$3:$AA$30,INDEX(Jesper!$R$2:$R$366,ROW(INDEX(Jesper!AH$2:AH$366,ROUNDDOWN($C6131/24,0)+1,1))-1)+IF('Standard Profiles'!$G$18=$B$10,7,0)+IF('Standard Profiles'!$G$18=$B$17,14,0)+IF('Standard Profiles'!$G$18=$B$24,21,0),MOD($C6131,24)+1)/SUM(INDEX($D$3:$AA$30,INDEX(Jesper!$R$2:$R$366,ROW(INDEX(Jesper!AH$2:AH$366,ROUNDDOWN($C6131/24,0)+1,1))-1)+IF('Standard Profiles'!$G$18=$B$10,7,0)+IF('Standard Profiles'!$G$18=$B$17,14,0)+IF('Standard Profiles'!$G$18=$B$24,21,0),0)),0)</f>
        <v>5.1100100574651082</v>
      </c>
      <c r="E6131" cm="1">
        <f t="array" ref="E6131">IFERROR(INDEX(Jesper!AI$2:AI$366,ROUNDDOWN($C6131/24,0)+1,1)*INDEX($D$3:$AA$30,INDEX(Jesper!$R$2:$R$366,ROW(INDEX(Jesper!AI$2:AI$366,ROUNDDOWN($C6131/24,0)+1,1))-1)+IF('Standard Profiles'!$G$19=$B$10,7,0)+IF('Standard Profiles'!$G$19=$B$17,14,0)+IF('Standard Profiles'!$G$19=$B$24,21,0),MOD($C6131,24)+1)/SUM(INDEX($D$3:$AA$30,INDEX(Jesper!$R$2:$R$366,ROW(INDEX(Jesper!AI$2:AI$366,ROUNDDOWN($C6131/24,0)+1,1))-1)+IF('Standard Profiles'!$G$19=$B$10,7,0)+IF('Standard Profiles'!$G$19=$B$17,14,0)+IF('Standard Profiles'!$G$19=$B$24,21,0),0)),0)</f>
        <v>1.9967677984718828</v>
      </c>
      <c r="F6131" cm="1">
        <f t="array" ref="F6131">IFERROR(INDEX(Jesper!AJ$2:AJ$366,ROUNDDOWN($C6131/24,0)+1,1)*INDEX($D$3:$AA$30,INDEX(Jesper!$R$2:$R$366,ROW(INDEX(Jesper!AJ$2:AJ$366,ROUNDDOWN($C6131/24,0)+1,1))-1)+IF('Standard Profiles'!$G$20=$B$10,7,0)+IF('Standard Profiles'!$G$20=$B$17,14,0)+IF('Standard Profiles'!$G$20=$B$24,21,0),MOD($C6131,24)+1)/SUM(INDEX($D$3:$AA$30,INDEX(Jesper!$R$2:$R$366,ROW(INDEX(Jesper!AJ$2:AJ$366,ROUNDDOWN($C6131/24,0)+1,1))-1)+IF('Standard Profiles'!$G$20=$B$10,7,0)+IF('Standard Profiles'!$G$20=$B$17,14,0)+IF('Standard Profiles'!$G$20=$B$24,21,0),0)),0)</f>
        <v>0</v>
      </c>
      <c r="G6131" cm="1">
        <f t="array" ref="G6131">IFERROR(INDEX(Jesper!AK$2:AK$366,ROUNDDOWN($C6131/24,0)+1,1)*INDEX($D$3:$AA$30,INDEX(Jesper!$R$2:$R$366,ROW(INDEX(Jesper!AK$2:AK$366,ROUNDDOWN($C6131/24,0)+1,1))-1)+IF('Standard Profiles'!$G$21=$B$10,7,0)+IF('Standard Profiles'!$G$21=$B$17,14,0)+IF('Standard Profiles'!$G$21=$B$24,21,0),MOD($C6131,24)+1)/SUM(INDEX($D$3:$AA$30,INDEX(Jesper!$R$2:$R$366,ROW(INDEX(Jesper!AK$2:AK$366,ROUNDDOWN($C6131/24,0)+1,1))-1)+IF('Standard Profiles'!$G$21=$B$10,7,0)+IF('Standard Profiles'!$G$21=$B$17,14,0)+IF('Standard Profiles'!$G$21=$B$24,21,0),0)),0)</f>
        <v>0</v>
      </c>
      <c r="H6131" cm="1">
        <f t="array" ref="H6131">IFERROR(INDEX(Jesper!AL$2:AL$366,ROUNDDOWN($C6131/24,0)+1,1)*INDEX($D$3:$AA$30,INDEX(Jesper!$R$2:$R$366,ROW(INDEX(Jesper!AL$2:AL$366,ROUNDDOWN($C6131/24,0)+1,1))-1)+IF('Standard Profiles'!$G$22=$B$10,7,0)+IF('Standard Profiles'!$G$22=$B$17,14,0)+IF('Standard Profiles'!$G$22=$B$24,21,0),MOD($C6131,24)+1)/SUM(INDEX($D$3:$AA$30,INDEX(Jesper!$R$2:$R$366,ROW(INDEX(Jesper!AL$2:AL$366,ROUNDDOWN($C6131/24,0)+1,1))-1)+IF('Standard Profiles'!$G$22=$B$10,7,0)+IF('Standard Profiles'!$G$22=$B$17,14,0)+IF('Standard Profiles'!$G$22=$B$24,21,0),0)),0)</f>
        <v>0</v>
      </c>
      <c r="I6131">
        <f t="shared" si="685"/>
        <v>0</v>
      </c>
      <c r="J6131">
        <f t="shared" si="686"/>
        <v>6.2891762467425734</v>
      </c>
      <c r="K6131">
        <f t="shared" si="687"/>
        <v>0.54506773946294496</v>
      </c>
      <c r="L6131">
        <f t="shared" si="688"/>
        <v>0.27253386973147248</v>
      </c>
      <c r="M6131">
        <f t="shared" si="689"/>
        <v>0</v>
      </c>
      <c r="N6131" s="45">
        <f t="shared" si="690"/>
        <v>45181.041666651879</v>
      </c>
    </row>
    <row r="6132" spans="2:14" x14ac:dyDescent="0.25">
      <c r="B6132">
        <f t="shared" si="684"/>
        <v>2</v>
      </c>
      <c r="C6132" s="16">
        <v>6098</v>
      </c>
      <c r="D6132" cm="1">
        <f t="array" ref="D6132">IFERROR(INDEX(Jesper!AH$2:AH$366,ROUNDDOWN($C6132/24,0)+1,1)*INDEX($D$3:$AA$30,INDEX(Jesper!$R$2:$R$366,ROW(INDEX(Jesper!AH$2:AH$366,ROUNDDOWN($C6132/24,0)+1,1))-1)+IF('Standard Profiles'!$G$18=$B$10,7,0)+IF('Standard Profiles'!$G$18=$B$17,14,0)+IF('Standard Profiles'!$G$18=$B$24,21,0),MOD($C6132,24)+1)/SUM(INDEX($D$3:$AA$30,INDEX(Jesper!$R$2:$R$366,ROW(INDEX(Jesper!AH$2:AH$366,ROUNDDOWN($C6132/24,0)+1,1))-1)+IF('Standard Profiles'!$G$18=$B$10,7,0)+IF('Standard Profiles'!$G$18=$B$17,14,0)+IF('Standard Profiles'!$G$18=$B$24,21,0),0)),0)</f>
        <v>5.1100100574651082</v>
      </c>
      <c r="E6132" cm="1">
        <f t="array" ref="E6132">IFERROR(INDEX(Jesper!AI$2:AI$366,ROUNDDOWN($C6132/24,0)+1,1)*INDEX($D$3:$AA$30,INDEX(Jesper!$R$2:$R$366,ROW(INDEX(Jesper!AI$2:AI$366,ROUNDDOWN($C6132/24,0)+1,1))-1)+IF('Standard Profiles'!$G$19=$B$10,7,0)+IF('Standard Profiles'!$G$19=$B$17,14,0)+IF('Standard Profiles'!$G$19=$B$24,21,0),MOD($C6132,24)+1)/SUM(INDEX($D$3:$AA$30,INDEX(Jesper!$R$2:$R$366,ROW(INDEX(Jesper!AI$2:AI$366,ROUNDDOWN($C6132/24,0)+1,1))-1)+IF('Standard Profiles'!$G$19=$B$10,7,0)+IF('Standard Profiles'!$G$19=$B$17,14,0)+IF('Standard Profiles'!$G$19=$B$24,21,0),0)),0)</f>
        <v>1.9967677984718828</v>
      </c>
      <c r="F6132" cm="1">
        <f t="array" ref="F6132">IFERROR(INDEX(Jesper!AJ$2:AJ$366,ROUNDDOWN($C6132/24,0)+1,1)*INDEX($D$3:$AA$30,INDEX(Jesper!$R$2:$R$366,ROW(INDEX(Jesper!AJ$2:AJ$366,ROUNDDOWN($C6132/24,0)+1,1))-1)+IF('Standard Profiles'!$G$20=$B$10,7,0)+IF('Standard Profiles'!$G$20=$B$17,14,0)+IF('Standard Profiles'!$G$20=$B$24,21,0),MOD($C6132,24)+1)/SUM(INDEX($D$3:$AA$30,INDEX(Jesper!$R$2:$R$366,ROW(INDEX(Jesper!AJ$2:AJ$366,ROUNDDOWN($C6132/24,0)+1,1))-1)+IF('Standard Profiles'!$G$20=$B$10,7,0)+IF('Standard Profiles'!$G$20=$B$17,14,0)+IF('Standard Profiles'!$G$20=$B$24,21,0),0)),0)</f>
        <v>0</v>
      </c>
      <c r="G6132" cm="1">
        <f t="array" ref="G6132">IFERROR(INDEX(Jesper!AK$2:AK$366,ROUNDDOWN($C6132/24,0)+1,1)*INDEX($D$3:$AA$30,INDEX(Jesper!$R$2:$R$366,ROW(INDEX(Jesper!AK$2:AK$366,ROUNDDOWN($C6132/24,0)+1,1))-1)+IF('Standard Profiles'!$G$21=$B$10,7,0)+IF('Standard Profiles'!$G$21=$B$17,14,0)+IF('Standard Profiles'!$G$21=$B$24,21,0),MOD($C6132,24)+1)/SUM(INDEX($D$3:$AA$30,INDEX(Jesper!$R$2:$R$366,ROW(INDEX(Jesper!AK$2:AK$366,ROUNDDOWN($C6132/24,0)+1,1))-1)+IF('Standard Profiles'!$G$21=$B$10,7,0)+IF('Standard Profiles'!$G$21=$B$17,14,0)+IF('Standard Profiles'!$G$21=$B$24,21,0),0)),0)</f>
        <v>0</v>
      </c>
      <c r="H6132" cm="1">
        <f t="array" ref="H6132">IFERROR(INDEX(Jesper!AL$2:AL$366,ROUNDDOWN($C6132/24,0)+1,1)*INDEX($D$3:$AA$30,INDEX(Jesper!$R$2:$R$366,ROW(INDEX(Jesper!AL$2:AL$366,ROUNDDOWN($C6132/24,0)+1,1))-1)+IF('Standard Profiles'!$G$22=$B$10,7,0)+IF('Standard Profiles'!$G$22=$B$17,14,0)+IF('Standard Profiles'!$G$22=$B$24,21,0),MOD($C6132,24)+1)/SUM(INDEX($D$3:$AA$30,INDEX(Jesper!$R$2:$R$366,ROW(INDEX(Jesper!AL$2:AL$366,ROUNDDOWN($C6132/24,0)+1,1))-1)+IF('Standard Profiles'!$G$22=$B$10,7,0)+IF('Standard Profiles'!$G$22=$B$17,14,0)+IF('Standard Profiles'!$G$22=$B$24,21,0),0)),0)</f>
        <v>0</v>
      </c>
      <c r="I6132">
        <f t="shared" si="685"/>
        <v>0</v>
      </c>
      <c r="J6132">
        <f t="shared" si="686"/>
        <v>6.2891762467425734</v>
      </c>
      <c r="K6132">
        <f t="shared" si="687"/>
        <v>0.54506773946294496</v>
      </c>
      <c r="L6132">
        <f t="shared" si="688"/>
        <v>0.27253386973147248</v>
      </c>
      <c r="M6132">
        <f t="shared" si="689"/>
        <v>0</v>
      </c>
      <c r="N6132" s="45">
        <f t="shared" si="690"/>
        <v>45181.083333318544</v>
      </c>
    </row>
    <row r="6133" spans="2:14" x14ac:dyDescent="0.25">
      <c r="B6133">
        <f t="shared" si="684"/>
        <v>2</v>
      </c>
      <c r="C6133" s="16">
        <v>6099</v>
      </c>
      <c r="D6133" cm="1">
        <f t="array" ref="D6133">IFERROR(INDEX(Jesper!AH$2:AH$366,ROUNDDOWN($C6133/24,0)+1,1)*INDEX($D$3:$AA$30,INDEX(Jesper!$R$2:$R$366,ROW(INDEX(Jesper!AH$2:AH$366,ROUNDDOWN($C6133/24,0)+1,1))-1)+IF('Standard Profiles'!$G$18=$B$10,7,0)+IF('Standard Profiles'!$G$18=$B$17,14,0)+IF('Standard Profiles'!$G$18=$B$24,21,0),MOD($C6133,24)+1)/SUM(INDEX($D$3:$AA$30,INDEX(Jesper!$R$2:$R$366,ROW(INDEX(Jesper!AH$2:AH$366,ROUNDDOWN($C6133/24,0)+1,1))-1)+IF('Standard Profiles'!$G$18=$B$10,7,0)+IF('Standard Profiles'!$G$18=$B$17,14,0)+IF('Standard Profiles'!$G$18=$B$24,21,0),0)),0)</f>
        <v>5.1100100574651082</v>
      </c>
      <c r="E6133" cm="1">
        <f t="array" ref="E6133">IFERROR(INDEX(Jesper!AI$2:AI$366,ROUNDDOWN($C6133/24,0)+1,1)*INDEX($D$3:$AA$30,INDEX(Jesper!$R$2:$R$366,ROW(INDEX(Jesper!AI$2:AI$366,ROUNDDOWN($C6133/24,0)+1,1))-1)+IF('Standard Profiles'!$G$19=$B$10,7,0)+IF('Standard Profiles'!$G$19=$B$17,14,0)+IF('Standard Profiles'!$G$19=$B$24,21,0),MOD($C6133,24)+1)/SUM(INDEX($D$3:$AA$30,INDEX(Jesper!$R$2:$R$366,ROW(INDEX(Jesper!AI$2:AI$366,ROUNDDOWN($C6133/24,0)+1,1))-1)+IF('Standard Profiles'!$G$19=$B$10,7,0)+IF('Standard Profiles'!$G$19=$B$17,14,0)+IF('Standard Profiles'!$G$19=$B$24,21,0),0)),0)</f>
        <v>1.9967677984718828</v>
      </c>
      <c r="F6133" cm="1">
        <f t="array" ref="F6133">IFERROR(INDEX(Jesper!AJ$2:AJ$366,ROUNDDOWN($C6133/24,0)+1,1)*INDEX($D$3:$AA$30,INDEX(Jesper!$R$2:$R$366,ROW(INDEX(Jesper!AJ$2:AJ$366,ROUNDDOWN($C6133/24,0)+1,1))-1)+IF('Standard Profiles'!$G$20=$B$10,7,0)+IF('Standard Profiles'!$G$20=$B$17,14,0)+IF('Standard Profiles'!$G$20=$B$24,21,0),MOD($C6133,24)+1)/SUM(INDEX($D$3:$AA$30,INDEX(Jesper!$R$2:$R$366,ROW(INDEX(Jesper!AJ$2:AJ$366,ROUNDDOWN($C6133/24,0)+1,1))-1)+IF('Standard Profiles'!$G$20=$B$10,7,0)+IF('Standard Profiles'!$G$20=$B$17,14,0)+IF('Standard Profiles'!$G$20=$B$24,21,0),0)),0)</f>
        <v>0</v>
      </c>
      <c r="G6133" cm="1">
        <f t="array" ref="G6133">IFERROR(INDEX(Jesper!AK$2:AK$366,ROUNDDOWN($C6133/24,0)+1,1)*INDEX($D$3:$AA$30,INDEX(Jesper!$R$2:$R$366,ROW(INDEX(Jesper!AK$2:AK$366,ROUNDDOWN($C6133/24,0)+1,1))-1)+IF('Standard Profiles'!$G$21=$B$10,7,0)+IF('Standard Profiles'!$G$21=$B$17,14,0)+IF('Standard Profiles'!$G$21=$B$24,21,0),MOD($C6133,24)+1)/SUM(INDEX($D$3:$AA$30,INDEX(Jesper!$R$2:$R$366,ROW(INDEX(Jesper!AK$2:AK$366,ROUNDDOWN($C6133/24,0)+1,1))-1)+IF('Standard Profiles'!$G$21=$B$10,7,0)+IF('Standard Profiles'!$G$21=$B$17,14,0)+IF('Standard Profiles'!$G$21=$B$24,21,0),0)),0)</f>
        <v>0</v>
      </c>
      <c r="H6133" cm="1">
        <f t="array" ref="H6133">IFERROR(INDEX(Jesper!AL$2:AL$366,ROUNDDOWN($C6133/24,0)+1,1)*INDEX($D$3:$AA$30,INDEX(Jesper!$R$2:$R$366,ROW(INDEX(Jesper!AL$2:AL$366,ROUNDDOWN($C6133/24,0)+1,1))-1)+IF('Standard Profiles'!$G$22=$B$10,7,0)+IF('Standard Profiles'!$G$22=$B$17,14,0)+IF('Standard Profiles'!$G$22=$B$24,21,0),MOD($C6133,24)+1)/SUM(INDEX($D$3:$AA$30,INDEX(Jesper!$R$2:$R$366,ROW(INDEX(Jesper!AL$2:AL$366,ROUNDDOWN($C6133/24,0)+1,1))-1)+IF('Standard Profiles'!$G$22=$B$10,7,0)+IF('Standard Profiles'!$G$22=$B$17,14,0)+IF('Standard Profiles'!$G$22=$B$24,21,0),0)),0)</f>
        <v>0</v>
      </c>
      <c r="I6133">
        <f t="shared" si="685"/>
        <v>0</v>
      </c>
      <c r="J6133">
        <f t="shared" si="686"/>
        <v>6.2891762467425734</v>
      </c>
      <c r="K6133">
        <f t="shared" si="687"/>
        <v>0.54506773946294496</v>
      </c>
      <c r="L6133">
        <f t="shared" si="688"/>
        <v>0.27253386973147248</v>
      </c>
      <c r="M6133">
        <f t="shared" si="689"/>
        <v>0</v>
      </c>
      <c r="N6133" s="45">
        <f t="shared" si="690"/>
        <v>45181.124999985208</v>
      </c>
    </row>
    <row r="6134" spans="2:14" x14ac:dyDescent="0.25">
      <c r="B6134">
        <f t="shared" si="684"/>
        <v>2</v>
      </c>
      <c r="C6134" s="16">
        <v>6100</v>
      </c>
      <c r="D6134" cm="1">
        <f t="array" ref="D6134">IFERROR(INDEX(Jesper!AH$2:AH$366,ROUNDDOWN($C6134/24,0)+1,1)*INDEX($D$3:$AA$30,INDEX(Jesper!$R$2:$R$366,ROW(INDEX(Jesper!AH$2:AH$366,ROUNDDOWN($C6134/24,0)+1,1))-1)+IF('Standard Profiles'!$G$18=$B$10,7,0)+IF('Standard Profiles'!$G$18=$B$17,14,0)+IF('Standard Profiles'!$G$18=$B$24,21,0),MOD($C6134,24)+1)/SUM(INDEX($D$3:$AA$30,INDEX(Jesper!$R$2:$R$366,ROW(INDEX(Jesper!AH$2:AH$366,ROUNDDOWN($C6134/24,0)+1,1))-1)+IF('Standard Profiles'!$G$18=$B$10,7,0)+IF('Standard Profiles'!$G$18=$B$17,14,0)+IF('Standard Profiles'!$G$18=$B$24,21,0),0)),0)</f>
        <v>5.1100100574651082</v>
      </c>
      <c r="E6134" cm="1">
        <f t="array" ref="E6134">IFERROR(INDEX(Jesper!AI$2:AI$366,ROUNDDOWN($C6134/24,0)+1,1)*INDEX($D$3:$AA$30,INDEX(Jesper!$R$2:$R$366,ROW(INDEX(Jesper!AI$2:AI$366,ROUNDDOWN($C6134/24,0)+1,1))-1)+IF('Standard Profiles'!$G$19=$B$10,7,0)+IF('Standard Profiles'!$G$19=$B$17,14,0)+IF('Standard Profiles'!$G$19=$B$24,21,0),MOD($C6134,24)+1)/SUM(INDEX($D$3:$AA$30,INDEX(Jesper!$R$2:$R$366,ROW(INDEX(Jesper!AI$2:AI$366,ROUNDDOWN($C6134/24,0)+1,1))-1)+IF('Standard Profiles'!$G$19=$B$10,7,0)+IF('Standard Profiles'!$G$19=$B$17,14,0)+IF('Standard Profiles'!$G$19=$B$24,21,0),0)),0)</f>
        <v>1.9967677984718828</v>
      </c>
      <c r="F6134" cm="1">
        <f t="array" ref="F6134">IFERROR(INDEX(Jesper!AJ$2:AJ$366,ROUNDDOWN($C6134/24,0)+1,1)*INDEX($D$3:$AA$30,INDEX(Jesper!$R$2:$R$366,ROW(INDEX(Jesper!AJ$2:AJ$366,ROUNDDOWN($C6134/24,0)+1,1))-1)+IF('Standard Profiles'!$G$20=$B$10,7,0)+IF('Standard Profiles'!$G$20=$B$17,14,0)+IF('Standard Profiles'!$G$20=$B$24,21,0),MOD($C6134,24)+1)/SUM(INDEX($D$3:$AA$30,INDEX(Jesper!$R$2:$R$366,ROW(INDEX(Jesper!AJ$2:AJ$366,ROUNDDOWN($C6134/24,0)+1,1))-1)+IF('Standard Profiles'!$G$20=$B$10,7,0)+IF('Standard Profiles'!$G$20=$B$17,14,0)+IF('Standard Profiles'!$G$20=$B$24,21,0),0)),0)</f>
        <v>0</v>
      </c>
      <c r="G6134" cm="1">
        <f t="array" ref="G6134">IFERROR(INDEX(Jesper!AK$2:AK$366,ROUNDDOWN($C6134/24,0)+1,1)*INDEX($D$3:$AA$30,INDEX(Jesper!$R$2:$R$366,ROW(INDEX(Jesper!AK$2:AK$366,ROUNDDOWN($C6134/24,0)+1,1))-1)+IF('Standard Profiles'!$G$21=$B$10,7,0)+IF('Standard Profiles'!$G$21=$B$17,14,0)+IF('Standard Profiles'!$G$21=$B$24,21,0),MOD($C6134,24)+1)/SUM(INDEX($D$3:$AA$30,INDEX(Jesper!$R$2:$R$366,ROW(INDEX(Jesper!AK$2:AK$366,ROUNDDOWN($C6134/24,0)+1,1))-1)+IF('Standard Profiles'!$G$21=$B$10,7,0)+IF('Standard Profiles'!$G$21=$B$17,14,0)+IF('Standard Profiles'!$G$21=$B$24,21,0),0)),0)</f>
        <v>0</v>
      </c>
      <c r="H6134" cm="1">
        <f t="array" ref="H6134">IFERROR(INDEX(Jesper!AL$2:AL$366,ROUNDDOWN($C6134/24,0)+1,1)*INDEX($D$3:$AA$30,INDEX(Jesper!$R$2:$R$366,ROW(INDEX(Jesper!AL$2:AL$366,ROUNDDOWN($C6134/24,0)+1,1))-1)+IF('Standard Profiles'!$G$22=$B$10,7,0)+IF('Standard Profiles'!$G$22=$B$17,14,0)+IF('Standard Profiles'!$G$22=$B$24,21,0),MOD($C6134,24)+1)/SUM(INDEX($D$3:$AA$30,INDEX(Jesper!$R$2:$R$366,ROW(INDEX(Jesper!AL$2:AL$366,ROUNDDOWN($C6134/24,0)+1,1))-1)+IF('Standard Profiles'!$G$22=$B$10,7,0)+IF('Standard Profiles'!$G$22=$B$17,14,0)+IF('Standard Profiles'!$G$22=$B$24,21,0),0)),0)</f>
        <v>0</v>
      </c>
      <c r="I6134">
        <f t="shared" si="685"/>
        <v>0</v>
      </c>
      <c r="J6134">
        <f t="shared" si="686"/>
        <v>6.2891762467425734</v>
      </c>
      <c r="K6134">
        <f t="shared" si="687"/>
        <v>0.54506773946294496</v>
      </c>
      <c r="L6134">
        <f t="shared" si="688"/>
        <v>0.27253386973147248</v>
      </c>
      <c r="M6134">
        <f t="shared" si="689"/>
        <v>0</v>
      </c>
      <c r="N6134" s="45">
        <f t="shared" si="690"/>
        <v>45181.166666651872</v>
      </c>
    </row>
    <row r="6135" spans="2:14" x14ac:dyDescent="0.25">
      <c r="B6135">
        <f t="shared" si="684"/>
        <v>2</v>
      </c>
      <c r="C6135" s="16">
        <v>6101</v>
      </c>
      <c r="D6135" cm="1">
        <f t="array" ref="D6135">IFERROR(INDEX(Jesper!AH$2:AH$366,ROUNDDOWN($C6135/24,0)+1,1)*INDEX($D$3:$AA$30,INDEX(Jesper!$R$2:$R$366,ROW(INDEX(Jesper!AH$2:AH$366,ROUNDDOWN($C6135/24,0)+1,1))-1)+IF('Standard Profiles'!$G$18=$B$10,7,0)+IF('Standard Profiles'!$G$18=$B$17,14,0)+IF('Standard Profiles'!$G$18=$B$24,21,0),MOD($C6135,24)+1)/SUM(INDEX($D$3:$AA$30,INDEX(Jesper!$R$2:$R$366,ROW(INDEX(Jesper!AH$2:AH$366,ROUNDDOWN($C6135/24,0)+1,1))-1)+IF('Standard Profiles'!$G$18=$B$10,7,0)+IF('Standard Profiles'!$G$18=$B$17,14,0)+IF('Standard Profiles'!$G$18=$B$24,21,0),0)),0)</f>
        <v>5.1100100574651082</v>
      </c>
      <c r="E6135" cm="1">
        <f t="array" ref="E6135">IFERROR(INDEX(Jesper!AI$2:AI$366,ROUNDDOWN($C6135/24,0)+1,1)*INDEX($D$3:$AA$30,INDEX(Jesper!$R$2:$R$366,ROW(INDEX(Jesper!AI$2:AI$366,ROUNDDOWN($C6135/24,0)+1,1))-1)+IF('Standard Profiles'!$G$19=$B$10,7,0)+IF('Standard Profiles'!$G$19=$B$17,14,0)+IF('Standard Profiles'!$G$19=$B$24,21,0),MOD($C6135,24)+1)/SUM(INDEX($D$3:$AA$30,INDEX(Jesper!$R$2:$R$366,ROW(INDEX(Jesper!AI$2:AI$366,ROUNDDOWN($C6135/24,0)+1,1))-1)+IF('Standard Profiles'!$G$19=$B$10,7,0)+IF('Standard Profiles'!$G$19=$B$17,14,0)+IF('Standard Profiles'!$G$19=$B$24,21,0),0)),0)</f>
        <v>1.9967677984718828</v>
      </c>
      <c r="F6135" cm="1">
        <f t="array" ref="F6135">IFERROR(INDEX(Jesper!AJ$2:AJ$366,ROUNDDOWN($C6135/24,0)+1,1)*INDEX($D$3:$AA$30,INDEX(Jesper!$R$2:$R$366,ROW(INDEX(Jesper!AJ$2:AJ$366,ROUNDDOWN($C6135/24,0)+1,1))-1)+IF('Standard Profiles'!$G$20=$B$10,7,0)+IF('Standard Profiles'!$G$20=$B$17,14,0)+IF('Standard Profiles'!$G$20=$B$24,21,0),MOD($C6135,24)+1)/SUM(INDEX($D$3:$AA$30,INDEX(Jesper!$R$2:$R$366,ROW(INDEX(Jesper!AJ$2:AJ$366,ROUNDDOWN($C6135/24,0)+1,1))-1)+IF('Standard Profiles'!$G$20=$B$10,7,0)+IF('Standard Profiles'!$G$20=$B$17,14,0)+IF('Standard Profiles'!$G$20=$B$24,21,0),0)),0)</f>
        <v>0</v>
      </c>
      <c r="G6135" cm="1">
        <f t="array" ref="G6135">IFERROR(INDEX(Jesper!AK$2:AK$366,ROUNDDOWN($C6135/24,0)+1,1)*INDEX($D$3:$AA$30,INDEX(Jesper!$R$2:$R$366,ROW(INDEX(Jesper!AK$2:AK$366,ROUNDDOWN($C6135/24,0)+1,1))-1)+IF('Standard Profiles'!$G$21=$B$10,7,0)+IF('Standard Profiles'!$G$21=$B$17,14,0)+IF('Standard Profiles'!$G$21=$B$24,21,0),MOD($C6135,24)+1)/SUM(INDEX($D$3:$AA$30,INDEX(Jesper!$R$2:$R$366,ROW(INDEX(Jesper!AK$2:AK$366,ROUNDDOWN($C6135/24,0)+1,1))-1)+IF('Standard Profiles'!$G$21=$B$10,7,0)+IF('Standard Profiles'!$G$21=$B$17,14,0)+IF('Standard Profiles'!$G$21=$B$24,21,0),0)),0)</f>
        <v>0</v>
      </c>
      <c r="H6135" cm="1">
        <f t="array" ref="H6135">IFERROR(INDEX(Jesper!AL$2:AL$366,ROUNDDOWN($C6135/24,0)+1,1)*INDEX($D$3:$AA$30,INDEX(Jesper!$R$2:$R$366,ROW(INDEX(Jesper!AL$2:AL$366,ROUNDDOWN($C6135/24,0)+1,1))-1)+IF('Standard Profiles'!$G$22=$B$10,7,0)+IF('Standard Profiles'!$G$22=$B$17,14,0)+IF('Standard Profiles'!$G$22=$B$24,21,0),MOD($C6135,24)+1)/SUM(INDEX($D$3:$AA$30,INDEX(Jesper!$R$2:$R$366,ROW(INDEX(Jesper!AL$2:AL$366,ROUNDDOWN($C6135/24,0)+1,1))-1)+IF('Standard Profiles'!$G$22=$B$10,7,0)+IF('Standard Profiles'!$G$22=$B$17,14,0)+IF('Standard Profiles'!$G$22=$B$24,21,0),0)),0)</f>
        <v>0</v>
      </c>
      <c r="I6135">
        <f t="shared" si="685"/>
        <v>0</v>
      </c>
      <c r="J6135">
        <f t="shared" si="686"/>
        <v>6.2891762467425734</v>
      </c>
      <c r="K6135">
        <f t="shared" si="687"/>
        <v>0.54506773946294496</v>
      </c>
      <c r="L6135">
        <f t="shared" si="688"/>
        <v>0.27253386973147248</v>
      </c>
      <c r="M6135">
        <f t="shared" si="689"/>
        <v>0</v>
      </c>
      <c r="N6135" s="45">
        <f t="shared" si="690"/>
        <v>45181.208333318536</v>
      </c>
    </row>
    <row r="6136" spans="2:14" x14ac:dyDescent="0.25">
      <c r="B6136">
        <f t="shared" si="684"/>
        <v>2</v>
      </c>
      <c r="C6136" s="16">
        <v>6102</v>
      </c>
      <c r="D6136" cm="1">
        <f t="array" ref="D6136">IFERROR(INDEX(Jesper!AH$2:AH$366,ROUNDDOWN($C6136/24,0)+1,1)*INDEX($D$3:$AA$30,INDEX(Jesper!$R$2:$R$366,ROW(INDEX(Jesper!AH$2:AH$366,ROUNDDOWN($C6136/24,0)+1,1))-1)+IF('Standard Profiles'!$G$18=$B$10,7,0)+IF('Standard Profiles'!$G$18=$B$17,14,0)+IF('Standard Profiles'!$G$18=$B$24,21,0),MOD($C6136,24)+1)/SUM(INDEX($D$3:$AA$30,INDEX(Jesper!$R$2:$R$366,ROW(INDEX(Jesper!AH$2:AH$366,ROUNDDOWN($C6136/24,0)+1,1))-1)+IF('Standard Profiles'!$G$18=$B$10,7,0)+IF('Standard Profiles'!$G$18=$B$17,14,0)+IF('Standard Profiles'!$G$18=$B$24,21,0),0)),0)</f>
        <v>5.1100100574651082</v>
      </c>
      <c r="E6136" cm="1">
        <f t="array" ref="E6136">IFERROR(INDEX(Jesper!AI$2:AI$366,ROUNDDOWN($C6136/24,0)+1,1)*INDEX($D$3:$AA$30,INDEX(Jesper!$R$2:$R$366,ROW(INDEX(Jesper!AI$2:AI$366,ROUNDDOWN($C6136/24,0)+1,1))-1)+IF('Standard Profiles'!$G$19=$B$10,7,0)+IF('Standard Profiles'!$G$19=$B$17,14,0)+IF('Standard Profiles'!$G$19=$B$24,21,0),MOD($C6136,24)+1)/SUM(INDEX($D$3:$AA$30,INDEX(Jesper!$R$2:$R$366,ROW(INDEX(Jesper!AI$2:AI$366,ROUNDDOWN($C6136/24,0)+1,1))-1)+IF('Standard Profiles'!$G$19=$B$10,7,0)+IF('Standard Profiles'!$G$19=$B$17,14,0)+IF('Standard Profiles'!$G$19=$B$24,21,0),0)),0)</f>
        <v>1.9967677984718828</v>
      </c>
      <c r="F6136" cm="1">
        <f t="array" ref="F6136">IFERROR(INDEX(Jesper!AJ$2:AJ$366,ROUNDDOWN($C6136/24,0)+1,1)*INDEX($D$3:$AA$30,INDEX(Jesper!$R$2:$R$366,ROW(INDEX(Jesper!AJ$2:AJ$366,ROUNDDOWN($C6136/24,0)+1,1))-1)+IF('Standard Profiles'!$G$20=$B$10,7,0)+IF('Standard Profiles'!$G$20=$B$17,14,0)+IF('Standard Profiles'!$G$20=$B$24,21,0),MOD($C6136,24)+1)/SUM(INDEX($D$3:$AA$30,INDEX(Jesper!$R$2:$R$366,ROW(INDEX(Jesper!AJ$2:AJ$366,ROUNDDOWN($C6136/24,0)+1,1))-1)+IF('Standard Profiles'!$G$20=$B$10,7,0)+IF('Standard Profiles'!$G$20=$B$17,14,0)+IF('Standard Profiles'!$G$20=$B$24,21,0),0)),0)</f>
        <v>0</v>
      </c>
      <c r="G6136" cm="1">
        <f t="array" ref="G6136">IFERROR(INDEX(Jesper!AK$2:AK$366,ROUNDDOWN($C6136/24,0)+1,1)*INDEX($D$3:$AA$30,INDEX(Jesper!$R$2:$R$366,ROW(INDEX(Jesper!AK$2:AK$366,ROUNDDOWN($C6136/24,0)+1,1))-1)+IF('Standard Profiles'!$G$21=$B$10,7,0)+IF('Standard Profiles'!$G$21=$B$17,14,0)+IF('Standard Profiles'!$G$21=$B$24,21,0),MOD($C6136,24)+1)/SUM(INDEX($D$3:$AA$30,INDEX(Jesper!$R$2:$R$366,ROW(INDEX(Jesper!AK$2:AK$366,ROUNDDOWN($C6136/24,0)+1,1))-1)+IF('Standard Profiles'!$G$21=$B$10,7,0)+IF('Standard Profiles'!$G$21=$B$17,14,0)+IF('Standard Profiles'!$G$21=$B$24,21,0),0)),0)</f>
        <v>0</v>
      </c>
      <c r="H6136" cm="1">
        <f t="array" ref="H6136">IFERROR(INDEX(Jesper!AL$2:AL$366,ROUNDDOWN($C6136/24,0)+1,1)*INDEX($D$3:$AA$30,INDEX(Jesper!$R$2:$R$366,ROW(INDEX(Jesper!AL$2:AL$366,ROUNDDOWN($C6136/24,0)+1,1))-1)+IF('Standard Profiles'!$G$22=$B$10,7,0)+IF('Standard Profiles'!$G$22=$B$17,14,0)+IF('Standard Profiles'!$G$22=$B$24,21,0),MOD($C6136,24)+1)/SUM(INDEX($D$3:$AA$30,INDEX(Jesper!$R$2:$R$366,ROW(INDEX(Jesper!AL$2:AL$366,ROUNDDOWN($C6136/24,0)+1,1))-1)+IF('Standard Profiles'!$G$22=$B$10,7,0)+IF('Standard Profiles'!$G$22=$B$17,14,0)+IF('Standard Profiles'!$G$22=$B$24,21,0),0)),0)</f>
        <v>0</v>
      </c>
      <c r="I6136">
        <f t="shared" si="685"/>
        <v>0</v>
      </c>
      <c r="J6136">
        <f t="shared" si="686"/>
        <v>6.2891762467425734</v>
      </c>
      <c r="K6136">
        <f t="shared" si="687"/>
        <v>0.54506773946294496</v>
      </c>
      <c r="L6136">
        <f t="shared" si="688"/>
        <v>0.27253386973147248</v>
      </c>
      <c r="M6136">
        <f t="shared" si="689"/>
        <v>0</v>
      </c>
      <c r="N6136" s="45">
        <f t="shared" si="690"/>
        <v>45181.249999985201</v>
      </c>
    </row>
    <row r="6137" spans="2:14" x14ac:dyDescent="0.25">
      <c r="B6137">
        <f t="shared" si="684"/>
        <v>2</v>
      </c>
      <c r="C6137" s="16">
        <v>6103</v>
      </c>
      <c r="D6137" cm="1">
        <f t="array" ref="D6137">IFERROR(INDEX(Jesper!AH$2:AH$366,ROUNDDOWN($C6137/24,0)+1,1)*INDEX($D$3:$AA$30,INDEX(Jesper!$R$2:$R$366,ROW(INDEX(Jesper!AH$2:AH$366,ROUNDDOWN($C6137/24,0)+1,1))-1)+IF('Standard Profiles'!$G$18=$B$10,7,0)+IF('Standard Profiles'!$G$18=$B$17,14,0)+IF('Standard Profiles'!$G$18=$B$24,21,0),MOD($C6137,24)+1)/SUM(INDEX($D$3:$AA$30,INDEX(Jesper!$R$2:$R$366,ROW(INDEX(Jesper!AH$2:AH$366,ROUNDDOWN($C6137/24,0)+1,1))-1)+IF('Standard Profiles'!$G$18=$B$10,7,0)+IF('Standard Profiles'!$G$18=$B$17,14,0)+IF('Standard Profiles'!$G$18=$B$24,21,0),0)),0)</f>
        <v>21.541886148501344</v>
      </c>
      <c r="E6137" cm="1">
        <f t="array" ref="E6137">IFERROR(INDEX(Jesper!AI$2:AI$366,ROUNDDOWN($C6137/24,0)+1,1)*INDEX($D$3:$AA$30,INDEX(Jesper!$R$2:$R$366,ROW(INDEX(Jesper!AI$2:AI$366,ROUNDDOWN($C6137/24,0)+1,1))-1)+IF('Standard Profiles'!$G$19=$B$10,7,0)+IF('Standard Profiles'!$G$19=$B$17,14,0)+IF('Standard Profiles'!$G$19=$B$24,21,0),MOD($C6137,24)+1)/SUM(INDEX($D$3:$AA$30,INDEX(Jesper!$R$2:$R$366,ROW(INDEX(Jesper!AI$2:AI$366,ROUNDDOWN($C6137/24,0)+1,1))-1)+IF('Standard Profiles'!$G$19=$B$10,7,0)+IF('Standard Profiles'!$G$19=$B$17,14,0)+IF('Standard Profiles'!$G$19=$B$24,21,0),0)),0)</f>
        <v>8.417624250433029</v>
      </c>
      <c r="F6137" cm="1">
        <f t="array" ref="F6137">IFERROR(INDEX(Jesper!AJ$2:AJ$366,ROUNDDOWN($C6137/24,0)+1,1)*INDEX($D$3:$AA$30,INDEX(Jesper!$R$2:$R$366,ROW(INDEX(Jesper!AJ$2:AJ$366,ROUNDDOWN($C6137/24,0)+1,1))-1)+IF('Standard Profiles'!$G$20=$B$10,7,0)+IF('Standard Profiles'!$G$20=$B$17,14,0)+IF('Standard Profiles'!$G$20=$B$24,21,0),MOD($C6137,24)+1)/SUM(INDEX($D$3:$AA$30,INDEX(Jesper!$R$2:$R$366,ROW(INDEX(Jesper!AJ$2:AJ$366,ROUNDDOWN($C6137/24,0)+1,1))-1)+IF('Standard Profiles'!$G$20=$B$10,7,0)+IF('Standard Profiles'!$G$20=$B$17,14,0)+IF('Standard Profiles'!$G$20=$B$24,21,0),0)),0)</f>
        <v>0</v>
      </c>
      <c r="G6137" cm="1">
        <f t="array" ref="G6137">IFERROR(INDEX(Jesper!AK$2:AK$366,ROUNDDOWN($C6137/24,0)+1,1)*INDEX($D$3:$AA$30,INDEX(Jesper!$R$2:$R$366,ROW(INDEX(Jesper!AK$2:AK$366,ROUNDDOWN($C6137/24,0)+1,1))-1)+IF('Standard Profiles'!$G$21=$B$10,7,0)+IF('Standard Profiles'!$G$21=$B$17,14,0)+IF('Standard Profiles'!$G$21=$B$24,21,0),MOD($C6137,24)+1)/SUM(INDEX($D$3:$AA$30,INDEX(Jesper!$R$2:$R$366,ROW(INDEX(Jesper!AK$2:AK$366,ROUNDDOWN($C6137/24,0)+1,1))-1)+IF('Standard Profiles'!$G$21=$B$10,7,0)+IF('Standard Profiles'!$G$21=$B$17,14,0)+IF('Standard Profiles'!$G$21=$B$24,21,0),0)),0)</f>
        <v>0</v>
      </c>
      <c r="H6137" cm="1">
        <f t="array" ref="H6137">IFERROR(INDEX(Jesper!AL$2:AL$366,ROUNDDOWN($C6137/24,0)+1,1)*INDEX($D$3:$AA$30,INDEX(Jesper!$R$2:$R$366,ROW(INDEX(Jesper!AL$2:AL$366,ROUNDDOWN($C6137/24,0)+1,1))-1)+IF('Standard Profiles'!$G$22=$B$10,7,0)+IF('Standard Profiles'!$G$22=$B$17,14,0)+IF('Standard Profiles'!$G$22=$B$24,21,0),MOD($C6137,24)+1)/SUM(INDEX($D$3:$AA$30,INDEX(Jesper!$R$2:$R$366,ROW(INDEX(Jesper!AL$2:AL$366,ROUNDDOWN($C6137/24,0)+1,1))-1)+IF('Standard Profiles'!$G$22=$B$10,7,0)+IF('Standard Profiles'!$G$22=$B$17,14,0)+IF('Standard Profiles'!$G$22=$B$24,21,0),0)),0)</f>
        <v>0</v>
      </c>
      <c r="I6137">
        <f t="shared" si="685"/>
        <v>0</v>
      </c>
      <c r="J6137">
        <f t="shared" si="686"/>
        <v>26.512808615174158</v>
      </c>
      <c r="K6137">
        <f t="shared" si="687"/>
        <v>2.2978011891734771</v>
      </c>
      <c r="L6137">
        <f t="shared" si="688"/>
        <v>1.1489005945867385</v>
      </c>
      <c r="M6137">
        <f t="shared" si="689"/>
        <v>0</v>
      </c>
      <c r="N6137" s="45">
        <f t="shared" si="690"/>
        <v>45181.291666651865</v>
      </c>
    </row>
    <row r="6138" spans="2:14" x14ac:dyDescent="0.25">
      <c r="B6138">
        <f t="shared" si="684"/>
        <v>2</v>
      </c>
      <c r="C6138" s="16">
        <v>6104</v>
      </c>
      <c r="D6138" cm="1">
        <f t="array" ref="D6138">IFERROR(INDEX(Jesper!AH$2:AH$366,ROUNDDOWN($C6138/24,0)+1,1)*INDEX($D$3:$AA$30,INDEX(Jesper!$R$2:$R$366,ROW(INDEX(Jesper!AH$2:AH$366,ROUNDDOWN($C6138/24,0)+1,1))-1)+IF('Standard Profiles'!$G$18=$B$10,7,0)+IF('Standard Profiles'!$G$18=$B$17,14,0)+IF('Standard Profiles'!$G$18=$B$24,21,0),MOD($C6138,24)+1)/SUM(INDEX($D$3:$AA$30,INDEX(Jesper!$R$2:$R$366,ROW(INDEX(Jesper!AH$2:AH$366,ROUNDDOWN($C6138/24,0)+1,1))-1)+IF('Standard Profiles'!$G$18=$B$10,7,0)+IF('Standard Profiles'!$G$18=$B$17,14,0)+IF('Standard Profiles'!$G$18=$B$24,21,0),0)),0)</f>
        <v>24.036209807801502</v>
      </c>
      <c r="E6138" cm="1">
        <f t="array" ref="E6138">IFERROR(INDEX(Jesper!AI$2:AI$366,ROUNDDOWN($C6138/24,0)+1,1)*INDEX($D$3:$AA$30,INDEX(Jesper!$R$2:$R$366,ROW(INDEX(Jesper!AI$2:AI$366,ROUNDDOWN($C6138/24,0)+1,1))-1)+IF('Standard Profiles'!$G$19=$B$10,7,0)+IF('Standard Profiles'!$G$19=$B$17,14,0)+IF('Standard Profiles'!$G$19=$B$24,21,0),MOD($C6138,24)+1)/SUM(INDEX($D$3:$AA$30,INDEX(Jesper!$R$2:$R$366,ROW(INDEX(Jesper!AI$2:AI$366,ROUNDDOWN($C6138/24,0)+1,1))-1)+IF('Standard Profiles'!$G$19=$B$10,7,0)+IF('Standard Profiles'!$G$19=$B$17,14,0)+IF('Standard Profiles'!$G$19=$B$24,21,0),0)),0)</f>
        <v>9.3922965320621188</v>
      </c>
      <c r="F6138" cm="1">
        <f t="array" ref="F6138">IFERROR(INDEX(Jesper!AJ$2:AJ$366,ROUNDDOWN($C6138/24,0)+1,1)*INDEX($D$3:$AA$30,INDEX(Jesper!$R$2:$R$366,ROW(INDEX(Jesper!AJ$2:AJ$366,ROUNDDOWN($C6138/24,0)+1,1))-1)+IF('Standard Profiles'!$G$20=$B$10,7,0)+IF('Standard Profiles'!$G$20=$B$17,14,0)+IF('Standard Profiles'!$G$20=$B$24,21,0),MOD($C6138,24)+1)/SUM(INDEX($D$3:$AA$30,INDEX(Jesper!$R$2:$R$366,ROW(INDEX(Jesper!AJ$2:AJ$366,ROUNDDOWN($C6138/24,0)+1,1))-1)+IF('Standard Profiles'!$G$20=$B$10,7,0)+IF('Standard Profiles'!$G$20=$B$17,14,0)+IF('Standard Profiles'!$G$20=$B$24,21,0),0)),0)</f>
        <v>0</v>
      </c>
      <c r="G6138" cm="1">
        <f t="array" ref="G6138">IFERROR(INDEX(Jesper!AK$2:AK$366,ROUNDDOWN($C6138/24,0)+1,1)*INDEX($D$3:$AA$30,INDEX(Jesper!$R$2:$R$366,ROW(INDEX(Jesper!AK$2:AK$366,ROUNDDOWN($C6138/24,0)+1,1))-1)+IF('Standard Profiles'!$G$21=$B$10,7,0)+IF('Standard Profiles'!$G$21=$B$17,14,0)+IF('Standard Profiles'!$G$21=$B$24,21,0),MOD($C6138,24)+1)/SUM(INDEX($D$3:$AA$30,INDEX(Jesper!$R$2:$R$366,ROW(INDEX(Jesper!AK$2:AK$366,ROUNDDOWN($C6138/24,0)+1,1))-1)+IF('Standard Profiles'!$G$21=$B$10,7,0)+IF('Standard Profiles'!$G$21=$B$17,14,0)+IF('Standard Profiles'!$G$21=$B$24,21,0),0)),0)</f>
        <v>0</v>
      </c>
      <c r="H6138" cm="1">
        <f t="array" ref="H6138">IFERROR(INDEX(Jesper!AL$2:AL$366,ROUNDDOWN($C6138/24,0)+1,1)*INDEX($D$3:$AA$30,INDEX(Jesper!$R$2:$R$366,ROW(INDEX(Jesper!AL$2:AL$366,ROUNDDOWN($C6138/24,0)+1,1))-1)+IF('Standard Profiles'!$G$22=$B$10,7,0)+IF('Standard Profiles'!$G$22=$B$17,14,0)+IF('Standard Profiles'!$G$22=$B$24,21,0),MOD($C6138,24)+1)/SUM(INDEX($D$3:$AA$30,INDEX(Jesper!$R$2:$R$366,ROW(INDEX(Jesper!AL$2:AL$366,ROUNDDOWN($C6138/24,0)+1,1))-1)+IF('Standard Profiles'!$G$22=$B$10,7,0)+IF('Standard Profiles'!$G$22=$B$17,14,0)+IF('Standard Profiles'!$G$22=$B$24,21,0),0)),0)</f>
        <v>0</v>
      </c>
      <c r="I6138">
        <f t="shared" si="685"/>
        <v>0</v>
      </c>
      <c r="J6138">
        <f t="shared" si="686"/>
        <v>29.58271277061538</v>
      </c>
      <c r="K6138">
        <f t="shared" si="687"/>
        <v>2.5638623794988269</v>
      </c>
      <c r="L6138">
        <f t="shared" si="688"/>
        <v>1.2819311897494134</v>
      </c>
      <c r="M6138">
        <f t="shared" si="689"/>
        <v>0</v>
      </c>
      <c r="N6138" s="45">
        <f t="shared" si="690"/>
        <v>45181.333333318529</v>
      </c>
    </row>
    <row r="6139" spans="2:14" x14ac:dyDescent="0.25">
      <c r="B6139">
        <f t="shared" si="684"/>
        <v>2</v>
      </c>
      <c r="C6139" s="16">
        <v>6105</v>
      </c>
      <c r="D6139" cm="1">
        <f t="array" ref="D6139">IFERROR(INDEX(Jesper!AH$2:AH$366,ROUNDDOWN($C6139/24,0)+1,1)*INDEX($D$3:$AA$30,INDEX(Jesper!$R$2:$R$366,ROW(INDEX(Jesper!AH$2:AH$366,ROUNDDOWN($C6139/24,0)+1,1))-1)+IF('Standard Profiles'!$G$18=$B$10,7,0)+IF('Standard Profiles'!$G$18=$B$17,14,0)+IF('Standard Profiles'!$G$18=$B$24,21,0),MOD($C6139,24)+1)/SUM(INDEX($D$3:$AA$30,INDEX(Jesper!$R$2:$R$366,ROW(INDEX(Jesper!AH$2:AH$366,ROUNDDOWN($C6139/24,0)+1,1))-1)+IF('Standard Profiles'!$G$18=$B$10,7,0)+IF('Standard Profiles'!$G$18=$B$17,14,0)+IF('Standard Profiles'!$G$18=$B$24,21,0),0)),0)</f>
        <v>26.530533467101662</v>
      </c>
      <c r="E6139" cm="1">
        <f t="array" ref="E6139">IFERROR(INDEX(Jesper!AI$2:AI$366,ROUNDDOWN($C6139/24,0)+1,1)*INDEX($D$3:$AA$30,INDEX(Jesper!$R$2:$R$366,ROW(INDEX(Jesper!AI$2:AI$366,ROUNDDOWN($C6139/24,0)+1,1))-1)+IF('Standard Profiles'!$G$19=$B$10,7,0)+IF('Standard Profiles'!$G$19=$B$17,14,0)+IF('Standard Profiles'!$G$19=$B$24,21,0),MOD($C6139,24)+1)/SUM(INDEX($D$3:$AA$30,INDEX(Jesper!$R$2:$R$366,ROW(INDEX(Jesper!AI$2:AI$366,ROUNDDOWN($C6139/24,0)+1,1))-1)+IF('Standard Profiles'!$G$19=$B$10,7,0)+IF('Standard Profiles'!$G$19=$B$17,14,0)+IF('Standard Profiles'!$G$19=$B$24,21,0),0)),0)</f>
        <v>10.366968813691205</v>
      </c>
      <c r="F6139" cm="1">
        <f t="array" ref="F6139">IFERROR(INDEX(Jesper!AJ$2:AJ$366,ROUNDDOWN($C6139/24,0)+1,1)*INDEX($D$3:$AA$30,INDEX(Jesper!$R$2:$R$366,ROW(INDEX(Jesper!AJ$2:AJ$366,ROUNDDOWN($C6139/24,0)+1,1))-1)+IF('Standard Profiles'!$G$20=$B$10,7,0)+IF('Standard Profiles'!$G$20=$B$17,14,0)+IF('Standard Profiles'!$G$20=$B$24,21,0),MOD($C6139,24)+1)/SUM(INDEX($D$3:$AA$30,INDEX(Jesper!$R$2:$R$366,ROW(INDEX(Jesper!AJ$2:AJ$366,ROUNDDOWN($C6139/24,0)+1,1))-1)+IF('Standard Profiles'!$G$20=$B$10,7,0)+IF('Standard Profiles'!$G$20=$B$17,14,0)+IF('Standard Profiles'!$G$20=$B$24,21,0),0)),0)</f>
        <v>0</v>
      </c>
      <c r="G6139" cm="1">
        <f t="array" ref="G6139">IFERROR(INDEX(Jesper!AK$2:AK$366,ROUNDDOWN($C6139/24,0)+1,1)*INDEX($D$3:$AA$30,INDEX(Jesper!$R$2:$R$366,ROW(INDEX(Jesper!AK$2:AK$366,ROUNDDOWN($C6139/24,0)+1,1))-1)+IF('Standard Profiles'!$G$21=$B$10,7,0)+IF('Standard Profiles'!$G$21=$B$17,14,0)+IF('Standard Profiles'!$G$21=$B$24,21,0),MOD($C6139,24)+1)/SUM(INDEX($D$3:$AA$30,INDEX(Jesper!$R$2:$R$366,ROW(INDEX(Jesper!AK$2:AK$366,ROUNDDOWN($C6139/24,0)+1,1))-1)+IF('Standard Profiles'!$G$21=$B$10,7,0)+IF('Standard Profiles'!$G$21=$B$17,14,0)+IF('Standard Profiles'!$G$21=$B$24,21,0),0)),0)</f>
        <v>0</v>
      </c>
      <c r="H6139" cm="1">
        <f t="array" ref="H6139">IFERROR(INDEX(Jesper!AL$2:AL$366,ROUNDDOWN($C6139/24,0)+1,1)*INDEX($D$3:$AA$30,INDEX(Jesper!$R$2:$R$366,ROW(INDEX(Jesper!AL$2:AL$366,ROUNDDOWN($C6139/24,0)+1,1))-1)+IF('Standard Profiles'!$G$22=$B$10,7,0)+IF('Standard Profiles'!$G$22=$B$17,14,0)+IF('Standard Profiles'!$G$22=$B$24,21,0),MOD($C6139,24)+1)/SUM(INDEX($D$3:$AA$30,INDEX(Jesper!$R$2:$R$366,ROW(INDEX(Jesper!AL$2:AL$366,ROUNDDOWN($C6139/24,0)+1,1))-1)+IF('Standard Profiles'!$G$22=$B$10,7,0)+IF('Standard Profiles'!$G$22=$B$17,14,0)+IF('Standard Profiles'!$G$22=$B$24,21,0),0)),0)</f>
        <v>0</v>
      </c>
      <c r="I6139">
        <f t="shared" si="685"/>
        <v>0</v>
      </c>
      <c r="J6139">
        <f t="shared" si="686"/>
        <v>32.652616926056602</v>
      </c>
      <c r="K6139">
        <f t="shared" si="687"/>
        <v>2.8299235698241776</v>
      </c>
      <c r="L6139">
        <f t="shared" si="688"/>
        <v>1.4149617849120888</v>
      </c>
      <c r="M6139">
        <f t="shared" si="689"/>
        <v>0</v>
      </c>
      <c r="N6139" s="45">
        <f t="shared" si="690"/>
        <v>45181.374999985193</v>
      </c>
    </row>
    <row r="6140" spans="2:14" x14ac:dyDescent="0.25">
      <c r="B6140">
        <f t="shared" si="684"/>
        <v>2</v>
      </c>
      <c r="C6140" s="16">
        <v>6106</v>
      </c>
      <c r="D6140" cm="1">
        <f t="array" ref="D6140">IFERROR(INDEX(Jesper!AH$2:AH$366,ROUNDDOWN($C6140/24,0)+1,1)*INDEX($D$3:$AA$30,INDEX(Jesper!$R$2:$R$366,ROW(INDEX(Jesper!AH$2:AH$366,ROUNDDOWN($C6140/24,0)+1,1))-1)+IF('Standard Profiles'!$G$18=$B$10,7,0)+IF('Standard Profiles'!$G$18=$B$17,14,0)+IF('Standard Profiles'!$G$18=$B$24,21,0),MOD($C6140,24)+1)/SUM(INDEX($D$3:$AA$30,INDEX(Jesper!$R$2:$R$366,ROW(INDEX(Jesper!AH$2:AH$366,ROUNDDOWN($C6140/24,0)+1,1))-1)+IF('Standard Profiles'!$G$18=$B$10,7,0)+IF('Standard Profiles'!$G$18=$B$17,14,0)+IF('Standard Profiles'!$G$18=$B$24,21,0),0)),0)</f>
        <v>26.530533467101662</v>
      </c>
      <c r="E6140" cm="1">
        <f t="array" ref="E6140">IFERROR(INDEX(Jesper!AI$2:AI$366,ROUNDDOWN($C6140/24,0)+1,1)*INDEX($D$3:$AA$30,INDEX(Jesper!$R$2:$R$366,ROW(INDEX(Jesper!AI$2:AI$366,ROUNDDOWN($C6140/24,0)+1,1))-1)+IF('Standard Profiles'!$G$19=$B$10,7,0)+IF('Standard Profiles'!$G$19=$B$17,14,0)+IF('Standard Profiles'!$G$19=$B$24,21,0),MOD($C6140,24)+1)/SUM(INDEX($D$3:$AA$30,INDEX(Jesper!$R$2:$R$366,ROW(INDEX(Jesper!AI$2:AI$366,ROUNDDOWN($C6140/24,0)+1,1))-1)+IF('Standard Profiles'!$G$19=$B$10,7,0)+IF('Standard Profiles'!$G$19=$B$17,14,0)+IF('Standard Profiles'!$G$19=$B$24,21,0),0)),0)</f>
        <v>10.366968813691205</v>
      </c>
      <c r="F6140" cm="1">
        <f t="array" ref="F6140">IFERROR(INDEX(Jesper!AJ$2:AJ$366,ROUNDDOWN($C6140/24,0)+1,1)*INDEX($D$3:$AA$30,INDEX(Jesper!$R$2:$R$366,ROW(INDEX(Jesper!AJ$2:AJ$366,ROUNDDOWN($C6140/24,0)+1,1))-1)+IF('Standard Profiles'!$G$20=$B$10,7,0)+IF('Standard Profiles'!$G$20=$B$17,14,0)+IF('Standard Profiles'!$G$20=$B$24,21,0),MOD($C6140,24)+1)/SUM(INDEX($D$3:$AA$30,INDEX(Jesper!$R$2:$R$366,ROW(INDEX(Jesper!AJ$2:AJ$366,ROUNDDOWN($C6140/24,0)+1,1))-1)+IF('Standard Profiles'!$G$20=$B$10,7,0)+IF('Standard Profiles'!$G$20=$B$17,14,0)+IF('Standard Profiles'!$G$20=$B$24,21,0),0)),0)</f>
        <v>0</v>
      </c>
      <c r="G6140" cm="1">
        <f t="array" ref="G6140">IFERROR(INDEX(Jesper!AK$2:AK$366,ROUNDDOWN($C6140/24,0)+1,1)*INDEX($D$3:$AA$30,INDEX(Jesper!$R$2:$R$366,ROW(INDEX(Jesper!AK$2:AK$366,ROUNDDOWN($C6140/24,0)+1,1))-1)+IF('Standard Profiles'!$G$21=$B$10,7,0)+IF('Standard Profiles'!$G$21=$B$17,14,0)+IF('Standard Profiles'!$G$21=$B$24,21,0),MOD($C6140,24)+1)/SUM(INDEX($D$3:$AA$30,INDEX(Jesper!$R$2:$R$366,ROW(INDEX(Jesper!AK$2:AK$366,ROUNDDOWN($C6140/24,0)+1,1))-1)+IF('Standard Profiles'!$G$21=$B$10,7,0)+IF('Standard Profiles'!$G$21=$B$17,14,0)+IF('Standard Profiles'!$G$21=$B$24,21,0),0)),0)</f>
        <v>0</v>
      </c>
      <c r="H6140" cm="1">
        <f t="array" ref="H6140">IFERROR(INDEX(Jesper!AL$2:AL$366,ROUNDDOWN($C6140/24,0)+1,1)*INDEX($D$3:$AA$30,INDEX(Jesper!$R$2:$R$366,ROW(INDEX(Jesper!AL$2:AL$366,ROUNDDOWN($C6140/24,0)+1,1))-1)+IF('Standard Profiles'!$G$22=$B$10,7,0)+IF('Standard Profiles'!$G$22=$B$17,14,0)+IF('Standard Profiles'!$G$22=$B$24,21,0),MOD($C6140,24)+1)/SUM(INDEX($D$3:$AA$30,INDEX(Jesper!$R$2:$R$366,ROW(INDEX(Jesper!AL$2:AL$366,ROUNDDOWN($C6140/24,0)+1,1))-1)+IF('Standard Profiles'!$G$22=$B$10,7,0)+IF('Standard Profiles'!$G$22=$B$17,14,0)+IF('Standard Profiles'!$G$22=$B$24,21,0),0)),0)</f>
        <v>0</v>
      </c>
      <c r="I6140">
        <f t="shared" si="685"/>
        <v>0</v>
      </c>
      <c r="J6140">
        <f t="shared" si="686"/>
        <v>32.652616926056602</v>
      </c>
      <c r="K6140">
        <f t="shared" si="687"/>
        <v>2.8299235698241776</v>
      </c>
      <c r="L6140">
        <f t="shared" si="688"/>
        <v>1.4149617849120888</v>
      </c>
      <c r="M6140">
        <f t="shared" si="689"/>
        <v>0</v>
      </c>
      <c r="N6140" s="45">
        <f t="shared" si="690"/>
        <v>45181.416666651858</v>
      </c>
    </row>
    <row r="6141" spans="2:14" x14ac:dyDescent="0.25">
      <c r="B6141">
        <f t="shared" si="684"/>
        <v>2</v>
      </c>
      <c r="C6141" s="16">
        <v>6107</v>
      </c>
      <c r="D6141" cm="1">
        <f t="array" ref="D6141">IFERROR(INDEX(Jesper!AH$2:AH$366,ROUNDDOWN($C6141/24,0)+1,1)*INDEX($D$3:$AA$30,INDEX(Jesper!$R$2:$R$366,ROW(INDEX(Jesper!AH$2:AH$366,ROUNDDOWN($C6141/24,0)+1,1))-1)+IF('Standard Profiles'!$G$18=$B$10,7,0)+IF('Standard Profiles'!$G$18=$B$17,14,0)+IF('Standard Profiles'!$G$18=$B$24,21,0),MOD($C6141,24)+1)/SUM(INDEX($D$3:$AA$30,INDEX(Jesper!$R$2:$R$366,ROW(INDEX(Jesper!AH$2:AH$366,ROUNDDOWN($C6141/24,0)+1,1))-1)+IF('Standard Profiles'!$G$18=$B$10,7,0)+IF('Standard Profiles'!$G$18=$B$17,14,0)+IF('Standard Profiles'!$G$18=$B$24,21,0),0)),0)</f>
        <v>31.745937482001985</v>
      </c>
      <c r="E6141" cm="1">
        <f t="array" ref="E6141">IFERROR(INDEX(Jesper!AI$2:AI$366,ROUNDDOWN($C6141/24,0)+1,1)*INDEX($D$3:$AA$30,INDEX(Jesper!$R$2:$R$366,ROW(INDEX(Jesper!AI$2:AI$366,ROUNDDOWN($C6141/24,0)+1,1))-1)+IF('Standard Profiles'!$G$19=$B$10,7,0)+IF('Standard Profiles'!$G$19=$B$17,14,0)+IF('Standard Profiles'!$G$19=$B$24,21,0),MOD($C6141,24)+1)/SUM(INDEX($D$3:$AA$30,INDEX(Jesper!$R$2:$R$366,ROW(INDEX(Jesper!AI$2:AI$366,ROUNDDOWN($C6141/24,0)+1,1))-1)+IF('Standard Profiles'!$G$19=$B$10,7,0)+IF('Standard Profiles'!$G$19=$B$17,14,0)+IF('Standard Profiles'!$G$19=$B$24,21,0),0)),0)</f>
        <v>12.404919948006571</v>
      </c>
      <c r="F6141" cm="1">
        <f t="array" ref="F6141">IFERROR(INDEX(Jesper!AJ$2:AJ$366,ROUNDDOWN($C6141/24,0)+1,1)*INDEX($D$3:$AA$30,INDEX(Jesper!$R$2:$R$366,ROW(INDEX(Jesper!AJ$2:AJ$366,ROUNDDOWN($C6141/24,0)+1,1))-1)+IF('Standard Profiles'!$G$20=$B$10,7,0)+IF('Standard Profiles'!$G$20=$B$17,14,0)+IF('Standard Profiles'!$G$20=$B$24,21,0),MOD($C6141,24)+1)/SUM(INDEX($D$3:$AA$30,INDEX(Jesper!$R$2:$R$366,ROW(INDEX(Jesper!AJ$2:AJ$366,ROUNDDOWN($C6141/24,0)+1,1))-1)+IF('Standard Profiles'!$G$20=$B$10,7,0)+IF('Standard Profiles'!$G$20=$B$17,14,0)+IF('Standard Profiles'!$G$20=$B$24,21,0),0)),0)</f>
        <v>0</v>
      </c>
      <c r="G6141" cm="1">
        <f t="array" ref="G6141">IFERROR(INDEX(Jesper!AK$2:AK$366,ROUNDDOWN($C6141/24,0)+1,1)*INDEX($D$3:$AA$30,INDEX(Jesper!$R$2:$R$366,ROW(INDEX(Jesper!AK$2:AK$366,ROUNDDOWN($C6141/24,0)+1,1))-1)+IF('Standard Profiles'!$G$21=$B$10,7,0)+IF('Standard Profiles'!$G$21=$B$17,14,0)+IF('Standard Profiles'!$G$21=$B$24,21,0),MOD($C6141,24)+1)/SUM(INDEX($D$3:$AA$30,INDEX(Jesper!$R$2:$R$366,ROW(INDEX(Jesper!AK$2:AK$366,ROUNDDOWN($C6141/24,0)+1,1))-1)+IF('Standard Profiles'!$G$21=$B$10,7,0)+IF('Standard Profiles'!$G$21=$B$17,14,0)+IF('Standard Profiles'!$G$21=$B$24,21,0),0)),0)</f>
        <v>0</v>
      </c>
      <c r="H6141" cm="1">
        <f t="array" ref="H6141">IFERROR(INDEX(Jesper!AL$2:AL$366,ROUNDDOWN($C6141/24,0)+1,1)*INDEX($D$3:$AA$30,INDEX(Jesper!$R$2:$R$366,ROW(INDEX(Jesper!AL$2:AL$366,ROUNDDOWN($C6141/24,0)+1,1))-1)+IF('Standard Profiles'!$G$22=$B$10,7,0)+IF('Standard Profiles'!$G$22=$B$17,14,0)+IF('Standard Profiles'!$G$22=$B$24,21,0),MOD($C6141,24)+1)/SUM(INDEX($D$3:$AA$30,INDEX(Jesper!$R$2:$R$366,ROW(INDEX(Jesper!AL$2:AL$366,ROUNDDOWN($C6141/24,0)+1,1))-1)+IF('Standard Profiles'!$G$22=$B$10,7,0)+IF('Standard Profiles'!$G$22=$B$17,14,0)+IF('Standard Profiles'!$G$22=$B$24,21,0),0)),0)</f>
        <v>0</v>
      </c>
      <c r="I6141">
        <f t="shared" si="685"/>
        <v>0</v>
      </c>
      <c r="J6141">
        <f t="shared" si="686"/>
        <v>39.071507432888239</v>
      </c>
      <c r="K6141">
        <f t="shared" si="687"/>
        <v>3.3862333314135453</v>
      </c>
      <c r="L6141">
        <f t="shared" si="688"/>
        <v>1.6931166657067727</v>
      </c>
      <c r="M6141">
        <f t="shared" si="689"/>
        <v>0</v>
      </c>
      <c r="N6141" s="45">
        <f t="shared" si="690"/>
        <v>45181.458333318522</v>
      </c>
    </row>
    <row r="6142" spans="2:14" x14ac:dyDescent="0.25">
      <c r="B6142">
        <f t="shared" si="684"/>
        <v>2</v>
      </c>
      <c r="C6142" s="16">
        <v>6108</v>
      </c>
      <c r="D6142" cm="1">
        <f t="array" ref="D6142">IFERROR(INDEX(Jesper!AH$2:AH$366,ROUNDDOWN($C6142/24,0)+1,1)*INDEX($D$3:$AA$30,INDEX(Jesper!$R$2:$R$366,ROW(INDEX(Jesper!AH$2:AH$366,ROUNDDOWN($C6142/24,0)+1,1))-1)+IF('Standard Profiles'!$G$18=$B$10,7,0)+IF('Standard Profiles'!$G$18=$B$17,14,0)+IF('Standard Profiles'!$G$18=$B$24,21,0),MOD($C6142,24)+1)/SUM(INDEX($D$3:$AA$30,INDEX(Jesper!$R$2:$R$366,ROW(INDEX(Jesper!AH$2:AH$366,ROUNDDOWN($C6142/24,0)+1,1))-1)+IF('Standard Profiles'!$G$18=$B$10,7,0)+IF('Standard Profiles'!$G$18=$B$17,14,0)+IF('Standard Profiles'!$G$18=$B$24,21,0),0)),0)</f>
        <v>31.745937482001985</v>
      </c>
      <c r="E6142" cm="1">
        <f t="array" ref="E6142">IFERROR(INDEX(Jesper!AI$2:AI$366,ROUNDDOWN($C6142/24,0)+1,1)*INDEX($D$3:$AA$30,INDEX(Jesper!$R$2:$R$366,ROW(INDEX(Jesper!AI$2:AI$366,ROUNDDOWN($C6142/24,0)+1,1))-1)+IF('Standard Profiles'!$G$19=$B$10,7,0)+IF('Standard Profiles'!$G$19=$B$17,14,0)+IF('Standard Profiles'!$G$19=$B$24,21,0),MOD($C6142,24)+1)/SUM(INDEX($D$3:$AA$30,INDEX(Jesper!$R$2:$R$366,ROW(INDEX(Jesper!AI$2:AI$366,ROUNDDOWN($C6142/24,0)+1,1))-1)+IF('Standard Profiles'!$G$19=$B$10,7,0)+IF('Standard Profiles'!$G$19=$B$17,14,0)+IF('Standard Profiles'!$G$19=$B$24,21,0),0)),0)</f>
        <v>12.404919948006571</v>
      </c>
      <c r="F6142" cm="1">
        <f t="array" ref="F6142">IFERROR(INDEX(Jesper!AJ$2:AJ$366,ROUNDDOWN($C6142/24,0)+1,1)*INDEX($D$3:$AA$30,INDEX(Jesper!$R$2:$R$366,ROW(INDEX(Jesper!AJ$2:AJ$366,ROUNDDOWN($C6142/24,0)+1,1))-1)+IF('Standard Profiles'!$G$20=$B$10,7,0)+IF('Standard Profiles'!$G$20=$B$17,14,0)+IF('Standard Profiles'!$G$20=$B$24,21,0),MOD($C6142,24)+1)/SUM(INDEX($D$3:$AA$30,INDEX(Jesper!$R$2:$R$366,ROW(INDEX(Jesper!AJ$2:AJ$366,ROUNDDOWN($C6142/24,0)+1,1))-1)+IF('Standard Profiles'!$G$20=$B$10,7,0)+IF('Standard Profiles'!$G$20=$B$17,14,0)+IF('Standard Profiles'!$G$20=$B$24,21,0),0)),0)</f>
        <v>0</v>
      </c>
      <c r="G6142" cm="1">
        <f t="array" ref="G6142">IFERROR(INDEX(Jesper!AK$2:AK$366,ROUNDDOWN($C6142/24,0)+1,1)*INDEX($D$3:$AA$30,INDEX(Jesper!$R$2:$R$366,ROW(INDEX(Jesper!AK$2:AK$366,ROUNDDOWN($C6142/24,0)+1,1))-1)+IF('Standard Profiles'!$G$21=$B$10,7,0)+IF('Standard Profiles'!$G$21=$B$17,14,0)+IF('Standard Profiles'!$G$21=$B$24,21,0),MOD($C6142,24)+1)/SUM(INDEX($D$3:$AA$30,INDEX(Jesper!$R$2:$R$366,ROW(INDEX(Jesper!AK$2:AK$366,ROUNDDOWN($C6142/24,0)+1,1))-1)+IF('Standard Profiles'!$G$21=$B$10,7,0)+IF('Standard Profiles'!$G$21=$B$17,14,0)+IF('Standard Profiles'!$G$21=$B$24,21,0),0)),0)</f>
        <v>0</v>
      </c>
      <c r="H6142" cm="1">
        <f t="array" ref="H6142">IFERROR(INDEX(Jesper!AL$2:AL$366,ROUNDDOWN($C6142/24,0)+1,1)*INDEX($D$3:$AA$30,INDEX(Jesper!$R$2:$R$366,ROW(INDEX(Jesper!AL$2:AL$366,ROUNDDOWN($C6142/24,0)+1,1))-1)+IF('Standard Profiles'!$G$22=$B$10,7,0)+IF('Standard Profiles'!$G$22=$B$17,14,0)+IF('Standard Profiles'!$G$22=$B$24,21,0),MOD($C6142,24)+1)/SUM(INDEX($D$3:$AA$30,INDEX(Jesper!$R$2:$R$366,ROW(INDEX(Jesper!AL$2:AL$366,ROUNDDOWN($C6142/24,0)+1,1))-1)+IF('Standard Profiles'!$G$22=$B$10,7,0)+IF('Standard Profiles'!$G$22=$B$17,14,0)+IF('Standard Profiles'!$G$22=$B$24,21,0),0)),0)</f>
        <v>0</v>
      </c>
      <c r="I6142">
        <f t="shared" si="685"/>
        <v>0</v>
      </c>
      <c r="J6142">
        <f t="shared" si="686"/>
        <v>39.071507432888239</v>
      </c>
      <c r="K6142">
        <f t="shared" si="687"/>
        <v>3.3862333314135453</v>
      </c>
      <c r="L6142">
        <f t="shared" si="688"/>
        <v>1.6931166657067727</v>
      </c>
      <c r="M6142">
        <f t="shared" si="689"/>
        <v>0</v>
      </c>
      <c r="N6142" s="45">
        <f t="shared" si="690"/>
        <v>45181.499999985186</v>
      </c>
    </row>
    <row r="6143" spans="2:14" x14ac:dyDescent="0.25">
      <c r="B6143">
        <f t="shared" si="684"/>
        <v>2</v>
      </c>
      <c r="C6143" s="16">
        <v>6109</v>
      </c>
      <c r="D6143" cm="1">
        <f t="array" ref="D6143">IFERROR(INDEX(Jesper!AH$2:AH$366,ROUNDDOWN($C6143/24,0)+1,1)*INDEX($D$3:$AA$30,INDEX(Jesper!$R$2:$R$366,ROW(INDEX(Jesper!AH$2:AH$366,ROUNDDOWN($C6143/24,0)+1,1))-1)+IF('Standard Profiles'!$G$18=$B$10,7,0)+IF('Standard Profiles'!$G$18=$B$17,14,0)+IF('Standard Profiles'!$G$18=$B$24,21,0),MOD($C6143,24)+1)/SUM(INDEX($D$3:$AA$30,INDEX(Jesper!$R$2:$R$366,ROW(INDEX(Jesper!AH$2:AH$366,ROUNDDOWN($C6143/24,0)+1,1))-1)+IF('Standard Profiles'!$G$18=$B$10,7,0)+IF('Standard Profiles'!$G$18=$B$17,14,0)+IF('Standard Profiles'!$G$18=$B$24,21,0),0)),0)</f>
        <v>21.088372755901318</v>
      </c>
      <c r="E6143" cm="1">
        <f t="array" ref="E6143">IFERROR(INDEX(Jesper!AI$2:AI$366,ROUNDDOWN($C6143/24,0)+1,1)*INDEX($D$3:$AA$30,INDEX(Jesper!$R$2:$R$366,ROW(INDEX(Jesper!AI$2:AI$366,ROUNDDOWN($C6143/24,0)+1,1))-1)+IF('Standard Profiles'!$G$19=$B$10,7,0)+IF('Standard Profiles'!$G$19=$B$17,14,0)+IF('Standard Profiles'!$G$19=$B$24,21,0),MOD($C6143,24)+1)/SUM(INDEX($D$3:$AA$30,INDEX(Jesper!$R$2:$R$366,ROW(INDEX(Jesper!AI$2:AI$366,ROUNDDOWN($C6143/24,0)+1,1))-1)+IF('Standard Profiles'!$G$19=$B$10,7,0)+IF('Standard Profiles'!$G$19=$B$17,14,0)+IF('Standard Profiles'!$G$19=$B$24,21,0),0)),0)</f>
        <v>8.24041110831865</v>
      </c>
      <c r="F6143" cm="1">
        <f t="array" ref="F6143">IFERROR(INDEX(Jesper!AJ$2:AJ$366,ROUNDDOWN($C6143/24,0)+1,1)*INDEX($D$3:$AA$30,INDEX(Jesper!$R$2:$R$366,ROW(INDEX(Jesper!AJ$2:AJ$366,ROUNDDOWN($C6143/24,0)+1,1))-1)+IF('Standard Profiles'!$G$20=$B$10,7,0)+IF('Standard Profiles'!$G$20=$B$17,14,0)+IF('Standard Profiles'!$G$20=$B$24,21,0),MOD($C6143,24)+1)/SUM(INDEX($D$3:$AA$30,INDEX(Jesper!$R$2:$R$366,ROW(INDEX(Jesper!AJ$2:AJ$366,ROUNDDOWN($C6143/24,0)+1,1))-1)+IF('Standard Profiles'!$G$20=$B$10,7,0)+IF('Standard Profiles'!$G$20=$B$17,14,0)+IF('Standard Profiles'!$G$20=$B$24,21,0),0)),0)</f>
        <v>0</v>
      </c>
      <c r="G6143" cm="1">
        <f t="array" ref="G6143">IFERROR(INDEX(Jesper!AK$2:AK$366,ROUNDDOWN($C6143/24,0)+1,1)*INDEX($D$3:$AA$30,INDEX(Jesper!$R$2:$R$366,ROW(INDEX(Jesper!AK$2:AK$366,ROUNDDOWN($C6143/24,0)+1,1))-1)+IF('Standard Profiles'!$G$21=$B$10,7,0)+IF('Standard Profiles'!$G$21=$B$17,14,0)+IF('Standard Profiles'!$G$21=$B$24,21,0),MOD($C6143,24)+1)/SUM(INDEX($D$3:$AA$30,INDEX(Jesper!$R$2:$R$366,ROW(INDEX(Jesper!AK$2:AK$366,ROUNDDOWN($C6143/24,0)+1,1))-1)+IF('Standard Profiles'!$G$21=$B$10,7,0)+IF('Standard Profiles'!$G$21=$B$17,14,0)+IF('Standard Profiles'!$G$21=$B$24,21,0),0)),0)</f>
        <v>0</v>
      </c>
      <c r="H6143" cm="1">
        <f t="array" ref="H6143">IFERROR(INDEX(Jesper!AL$2:AL$366,ROUNDDOWN($C6143/24,0)+1,1)*INDEX($D$3:$AA$30,INDEX(Jesper!$R$2:$R$366,ROW(INDEX(Jesper!AL$2:AL$366,ROUNDDOWN($C6143/24,0)+1,1))-1)+IF('Standard Profiles'!$G$22=$B$10,7,0)+IF('Standard Profiles'!$G$22=$B$17,14,0)+IF('Standard Profiles'!$G$22=$B$24,21,0),MOD($C6143,24)+1)/SUM(INDEX($D$3:$AA$30,INDEX(Jesper!$R$2:$R$366,ROW(INDEX(Jesper!AL$2:AL$366,ROUNDDOWN($C6143/24,0)+1,1))-1)+IF('Standard Profiles'!$G$22=$B$10,7,0)+IF('Standard Profiles'!$G$22=$B$17,14,0)+IF('Standard Profiles'!$G$22=$B$24,21,0),0)),0)</f>
        <v>0</v>
      </c>
      <c r="I6143">
        <f t="shared" si="685"/>
        <v>0</v>
      </c>
      <c r="J6143">
        <f t="shared" si="686"/>
        <v>25.954644223275757</v>
      </c>
      <c r="K6143">
        <f t="shared" si="687"/>
        <v>2.2494264272961408</v>
      </c>
      <c r="L6143">
        <f t="shared" si="688"/>
        <v>1.1247132136480704</v>
      </c>
      <c r="M6143">
        <f t="shared" si="689"/>
        <v>0</v>
      </c>
      <c r="N6143" s="45">
        <f t="shared" si="690"/>
        <v>45181.54166665185</v>
      </c>
    </row>
    <row r="6144" spans="2:14" x14ac:dyDescent="0.25">
      <c r="B6144">
        <f t="shared" si="684"/>
        <v>2</v>
      </c>
      <c r="C6144" s="16">
        <v>6110</v>
      </c>
      <c r="D6144" cm="1">
        <f t="array" ref="D6144">IFERROR(INDEX(Jesper!AH$2:AH$366,ROUNDDOWN($C6144/24,0)+1,1)*INDEX($D$3:$AA$30,INDEX(Jesper!$R$2:$R$366,ROW(INDEX(Jesper!AH$2:AH$366,ROUNDDOWN($C6144/24,0)+1,1))-1)+IF('Standard Profiles'!$G$18=$B$10,7,0)+IF('Standard Profiles'!$G$18=$B$17,14,0)+IF('Standard Profiles'!$G$18=$B$24,21,0),MOD($C6144,24)+1)/SUM(INDEX($D$3:$AA$30,INDEX(Jesper!$R$2:$R$366,ROW(INDEX(Jesper!AH$2:AH$366,ROUNDDOWN($C6144/24,0)+1,1))-1)+IF('Standard Profiles'!$G$18=$B$10,7,0)+IF('Standard Profiles'!$G$18=$B$17,14,0)+IF('Standard Profiles'!$G$18=$B$24,21,0),0)),0)</f>
        <v>31.745937482001985</v>
      </c>
      <c r="E6144" cm="1">
        <f t="array" ref="E6144">IFERROR(INDEX(Jesper!AI$2:AI$366,ROUNDDOWN($C6144/24,0)+1,1)*INDEX($D$3:$AA$30,INDEX(Jesper!$R$2:$R$366,ROW(INDEX(Jesper!AI$2:AI$366,ROUNDDOWN($C6144/24,0)+1,1))-1)+IF('Standard Profiles'!$G$19=$B$10,7,0)+IF('Standard Profiles'!$G$19=$B$17,14,0)+IF('Standard Profiles'!$G$19=$B$24,21,0),MOD($C6144,24)+1)/SUM(INDEX($D$3:$AA$30,INDEX(Jesper!$R$2:$R$366,ROW(INDEX(Jesper!AI$2:AI$366,ROUNDDOWN($C6144/24,0)+1,1))-1)+IF('Standard Profiles'!$G$19=$B$10,7,0)+IF('Standard Profiles'!$G$19=$B$17,14,0)+IF('Standard Profiles'!$G$19=$B$24,21,0),0)),0)</f>
        <v>12.404919948006571</v>
      </c>
      <c r="F6144" cm="1">
        <f t="array" ref="F6144">IFERROR(INDEX(Jesper!AJ$2:AJ$366,ROUNDDOWN($C6144/24,0)+1,1)*INDEX($D$3:$AA$30,INDEX(Jesper!$R$2:$R$366,ROW(INDEX(Jesper!AJ$2:AJ$366,ROUNDDOWN($C6144/24,0)+1,1))-1)+IF('Standard Profiles'!$G$20=$B$10,7,0)+IF('Standard Profiles'!$G$20=$B$17,14,0)+IF('Standard Profiles'!$G$20=$B$24,21,0),MOD($C6144,24)+1)/SUM(INDEX($D$3:$AA$30,INDEX(Jesper!$R$2:$R$366,ROW(INDEX(Jesper!AJ$2:AJ$366,ROUNDDOWN($C6144/24,0)+1,1))-1)+IF('Standard Profiles'!$G$20=$B$10,7,0)+IF('Standard Profiles'!$G$20=$B$17,14,0)+IF('Standard Profiles'!$G$20=$B$24,21,0),0)),0)</f>
        <v>0</v>
      </c>
      <c r="G6144" cm="1">
        <f t="array" ref="G6144">IFERROR(INDEX(Jesper!AK$2:AK$366,ROUNDDOWN($C6144/24,0)+1,1)*INDEX($D$3:$AA$30,INDEX(Jesper!$R$2:$R$366,ROW(INDEX(Jesper!AK$2:AK$366,ROUNDDOWN($C6144/24,0)+1,1))-1)+IF('Standard Profiles'!$G$21=$B$10,7,0)+IF('Standard Profiles'!$G$21=$B$17,14,0)+IF('Standard Profiles'!$G$21=$B$24,21,0),MOD($C6144,24)+1)/SUM(INDEX($D$3:$AA$30,INDEX(Jesper!$R$2:$R$366,ROW(INDEX(Jesper!AK$2:AK$366,ROUNDDOWN($C6144/24,0)+1,1))-1)+IF('Standard Profiles'!$G$21=$B$10,7,0)+IF('Standard Profiles'!$G$21=$B$17,14,0)+IF('Standard Profiles'!$G$21=$B$24,21,0),0)),0)</f>
        <v>0</v>
      </c>
      <c r="H6144" cm="1">
        <f t="array" ref="H6144">IFERROR(INDEX(Jesper!AL$2:AL$366,ROUNDDOWN($C6144/24,0)+1,1)*INDEX($D$3:$AA$30,INDEX(Jesper!$R$2:$R$366,ROW(INDEX(Jesper!AL$2:AL$366,ROUNDDOWN($C6144/24,0)+1,1))-1)+IF('Standard Profiles'!$G$22=$B$10,7,0)+IF('Standard Profiles'!$G$22=$B$17,14,0)+IF('Standard Profiles'!$G$22=$B$24,21,0),MOD($C6144,24)+1)/SUM(INDEX($D$3:$AA$30,INDEX(Jesper!$R$2:$R$366,ROW(INDEX(Jesper!AL$2:AL$366,ROUNDDOWN($C6144/24,0)+1,1))-1)+IF('Standard Profiles'!$G$22=$B$10,7,0)+IF('Standard Profiles'!$G$22=$B$17,14,0)+IF('Standard Profiles'!$G$22=$B$24,21,0),0)),0)</f>
        <v>0</v>
      </c>
      <c r="I6144">
        <f t="shared" si="685"/>
        <v>0</v>
      </c>
      <c r="J6144">
        <f t="shared" si="686"/>
        <v>39.071507432888239</v>
      </c>
      <c r="K6144">
        <f t="shared" si="687"/>
        <v>3.3862333314135453</v>
      </c>
      <c r="L6144">
        <f t="shared" si="688"/>
        <v>1.6931166657067727</v>
      </c>
      <c r="M6144">
        <f t="shared" si="689"/>
        <v>0</v>
      </c>
      <c r="N6144" s="45">
        <f t="shared" si="690"/>
        <v>45181.583333318515</v>
      </c>
    </row>
    <row r="6145" spans="2:14" x14ac:dyDescent="0.25">
      <c r="B6145">
        <f t="shared" si="684"/>
        <v>2</v>
      </c>
      <c r="C6145" s="16">
        <v>6111</v>
      </c>
      <c r="D6145" cm="1">
        <f t="array" ref="D6145">IFERROR(INDEX(Jesper!AH$2:AH$366,ROUNDDOWN($C6145/24,0)+1,1)*INDEX($D$3:$AA$30,INDEX(Jesper!$R$2:$R$366,ROW(INDEX(Jesper!AH$2:AH$366,ROUNDDOWN($C6145/24,0)+1,1))-1)+IF('Standard Profiles'!$G$18=$B$10,7,0)+IF('Standard Profiles'!$G$18=$B$17,14,0)+IF('Standard Profiles'!$G$18=$B$24,21,0),MOD($C6145,24)+1)/SUM(INDEX($D$3:$AA$30,INDEX(Jesper!$R$2:$R$366,ROW(INDEX(Jesper!AH$2:AH$366,ROUNDDOWN($C6145/24,0)+1,1))-1)+IF('Standard Profiles'!$G$18=$B$10,7,0)+IF('Standard Profiles'!$G$18=$B$17,14,0)+IF('Standard Profiles'!$G$18=$B$24,21,0),0)),0)</f>
        <v>31.745937482001985</v>
      </c>
      <c r="E6145" cm="1">
        <f t="array" ref="E6145">IFERROR(INDEX(Jesper!AI$2:AI$366,ROUNDDOWN($C6145/24,0)+1,1)*INDEX($D$3:$AA$30,INDEX(Jesper!$R$2:$R$366,ROW(INDEX(Jesper!AI$2:AI$366,ROUNDDOWN($C6145/24,0)+1,1))-1)+IF('Standard Profiles'!$G$19=$B$10,7,0)+IF('Standard Profiles'!$G$19=$B$17,14,0)+IF('Standard Profiles'!$G$19=$B$24,21,0),MOD($C6145,24)+1)/SUM(INDEX($D$3:$AA$30,INDEX(Jesper!$R$2:$R$366,ROW(INDEX(Jesper!AI$2:AI$366,ROUNDDOWN($C6145/24,0)+1,1))-1)+IF('Standard Profiles'!$G$19=$B$10,7,0)+IF('Standard Profiles'!$G$19=$B$17,14,0)+IF('Standard Profiles'!$G$19=$B$24,21,0),0)),0)</f>
        <v>12.404919948006571</v>
      </c>
      <c r="F6145" cm="1">
        <f t="array" ref="F6145">IFERROR(INDEX(Jesper!AJ$2:AJ$366,ROUNDDOWN($C6145/24,0)+1,1)*INDEX($D$3:$AA$30,INDEX(Jesper!$R$2:$R$366,ROW(INDEX(Jesper!AJ$2:AJ$366,ROUNDDOWN($C6145/24,0)+1,1))-1)+IF('Standard Profiles'!$G$20=$B$10,7,0)+IF('Standard Profiles'!$G$20=$B$17,14,0)+IF('Standard Profiles'!$G$20=$B$24,21,0),MOD($C6145,24)+1)/SUM(INDEX($D$3:$AA$30,INDEX(Jesper!$R$2:$R$366,ROW(INDEX(Jesper!AJ$2:AJ$366,ROUNDDOWN($C6145/24,0)+1,1))-1)+IF('Standard Profiles'!$G$20=$B$10,7,0)+IF('Standard Profiles'!$G$20=$B$17,14,0)+IF('Standard Profiles'!$G$20=$B$24,21,0),0)),0)</f>
        <v>0</v>
      </c>
      <c r="G6145" cm="1">
        <f t="array" ref="G6145">IFERROR(INDEX(Jesper!AK$2:AK$366,ROUNDDOWN($C6145/24,0)+1,1)*INDEX($D$3:$AA$30,INDEX(Jesper!$R$2:$R$366,ROW(INDEX(Jesper!AK$2:AK$366,ROUNDDOWN($C6145/24,0)+1,1))-1)+IF('Standard Profiles'!$G$21=$B$10,7,0)+IF('Standard Profiles'!$G$21=$B$17,14,0)+IF('Standard Profiles'!$G$21=$B$24,21,0),MOD($C6145,24)+1)/SUM(INDEX($D$3:$AA$30,INDEX(Jesper!$R$2:$R$366,ROW(INDEX(Jesper!AK$2:AK$366,ROUNDDOWN($C6145/24,0)+1,1))-1)+IF('Standard Profiles'!$G$21=$B$10,7,0)+IF('Standard Profiles'!$G$21=$B$17,14,0)+IF('Standard Profiles'!$G$21=$B$24,21,0),0)),0)</f>
        <v>0</v>
      </c>
      <c r="H6145" cm="1">
        <f t="array" ref="H6145">IFERROR(INDEX(Jesper!AL$2:AL$366,ROUNDDOWN($C6145/24,0)+1,1)*INDEX($D$3:$AA$30,INDEX(Jesper!$R$2:$R$366,ROW(INDEX(Jesper!AL$2:AL$366,ROUNDDOWN($C6145/24,0)+1,1))-1)+IF('Standard Profiles'!$G$22=$B$10,7,0)+IF('Standard Profiles'!$G$22=$B$17,14,0)+IF('Standard Profiles'!$G$22=$B$24,21,0),MOD($C6145,24)+1)/SUM(INDEX($D$3:$AA$30,INDEX(Jesper!$R$2:$R$366,ROW(INDEX(Jesper!AL$2:AL$366,ROUNDDOWN($C6145/24,0)+1,1))-1)+IF('Standard Profiles'!$G$22=$B$10,7,0)+IF('Standard Profiles'!$G$22=$B$17,14,0)+IF('Standard Profiles'!$G$22=$B$24,21,0),0)),0)</f>
        <v>0</v>
      </c>
      <c r="I6145">
        <f t="shared" si="685"/>
        <v>0</v>
      </c>
      <c r="J6145">
        <f t="shared" si="686"/>
        <v>39.071507432888239</v>
      </c>
      <c r="K6145">
        <f t="shared" si="687"/>
        <v>3.3862333314135453</v>
      </c>
      <c r="L6145">
        <f t="shared" si="688"/>
        <v>1.6931166657067727</v>
      </c>
      <c r="M6145">
        <f t="shared" si="689"/>
        <v>0</v>
      </c>
      <c r="N6145" s="45">
        <f t="shared" si="690"/>
        <v>45181.624999985179</v>
      </c>
    </row>
    <row r="6146" spans="2:14" x14ac:dyDescent="0.25">
      <c r="B6146">
        <f t="shared" si="684"/>
        <v>2</v>
      </c>
      <c r="C6146" s="16">
        <v>6112</v>
      </c>
      <c r="D6146" cm="1">
        <f t="array" ref="D6146">IFERROR(INDEX(Jesper!AH$2:AH$366,ROUNDDOWN($C6146/24,0)+1,1)*INDEX($D$3:$AA$30,INDEX(Jesper!$R$2:$R$366,ROW(INDEX(Jesper!AH$2:AH$366,ROUNDDOWN($C6146/24,0)+1,1))-1)+IF('Standard Profiles'!$G$18=$B$10,7,0)+IF('Standard Profiles'!$G$18=$B$17,14,0)+IF('Standard Profiles'!$G$18=$B$24,21,0),MOD($C6146,24)+1)/SUM(INDEX($D$3:$AA$30,INDEX(Jesper!$R$2:$R$366,ROW(INDEX(Jesper!AH$2:AH$366,ROUNDDOWN($C6146/24,0)+1,1))-1)+IF('Standard Profiles'!$G$18=$B$10,7,0)+IF('Standard Profiles'!$G$18=$B$17,14,0)+IF('Standard Profiles'!$G$18=$B$24,21,0),0)),0)</f>
        <v>18.707427444751172</v>
      </c>
      <c r="E6146" cm="1">
        <f t="array" ref="E6146">IFERROR(INDEX(Jesper!AI$2:AI$366,ROUNDDOWN($C6146/24,0)+1,1)*INDEX($D$3:$AA$30,INDEX(Jesper!$R$2:$R$366,ROW(INDEX(Jesper!AI$2:AI$366,ROUNDDOWN($C6146/24,0)+1,1))-1)+IF('Standard Profiles'!$G$19=$B$10,7,0)+IF('Standard Profiles'!$G$19=$B$17,14,0)+IF('Standard Profiles'!$G$19=$B$24,21,0),MOD($C6146,24)+1)/SUM(INDEX($D$3:$AA$30,INDEX(Jesper!$R$2:$R$366,ROW(INDEX(Jesper!AI$2:AI$366,ROUNDDOWN($C6146/24,0)+1,1))-1)+IF('Standard Profiles'!$G$19=$B$10,7,0)+IF('Standard Profiles'!$G$19=$B$17,14,0)+IF('Standard Profiles'!$G$19=$B$24,21,0),0)),0)</f>
        <v>7.3100421122181576</v>
      </c>
      <c r="F6146" cm="1">
        <f t="array" ref="F6146">IFERROR(INDEX(Jesper!AJ$2:AJ$366,ROUNDDOWN($C6146/24,0)+1,1)*INDEX($D$3:$AA$30,INDEX(Jesper!$R$2:$R$366,ROW(INDEX(Jesper!AJ$2:AJ$366,ROUNDDOWN($C6146/24,0)+1,1))-1)+IF('Standard Profiles'!$G$20=$B$10,7,0)+IF('Standard Profiles'!$G$20=$B$17,14,0)+IF('Standard Profiles'!$G$20=$B$24,21,0),MOD($C6146,24)+1)/SUM(INDEX($D$3:$AA$30,INDEX(Jesper!$R$2:$R$366,ROW(INDEX(Jesper!AJ$2:AJ$366,ROUNDDOWN($C6146/24,0)+1,1))-1)+IF('Standard Profiles'!$G$20=$B$10,7,0)+IF('Standard Profiles'!$G$20=$B$17,14,0)+IF('Standard Profiles'!$G$20=$B$24,21,0),0)),0)</f>
        <v>0</v>
      </c>
      <c r="G6146" cm="1">
        <f t="array" ref="G6146">IFERROR(INDEX(Jesper!AK$2:AK$366,ROUNDDOWN($C6146/24,0)+1,1)*INDEX($D$3:$AA$30,INDEX(Jesper!$R$2:$R$366,ROW(INDEX(Jesper!AK$2:AK$366,ROUNDDOWN($C6146/24,0)+1,1))-1)+IF('Standard Profiles'!$G$21=$B$10,7,0)+IF('Standard Profiles'!$G$21=$B$17,14,0)+IF('Standard Profiles'!$G$21=$B$24,21,0),MOD($C6146,24)+1)/SUM(INDEX($D$3:$AA$30,INDEX(Jesper!$R$2:$R$366,ROW(INDEX(Jesper!AK$2:AK$366,ROUNDDOWN($C6146/24,0)+1,1))-1)+IF('Standard Profiles'!$G$21=$B$10,7,0)+IF('Standard Profiles'!$G$21=$B$17,14,0)+IF('Standard Profiles'!$G$21=$B$24,21,0),0)),0)</f>
        <v>0</v>
      </c>
      <c r="H6146" cm="1">
        <f t="array" ref="H6146">IFERROR(INDEX(Jesper!AL$2:AL$366,ROUNDDOWN($C6146/24,0)+1,1)*INDEX($D$3:$AA$30,INDEX(Jesper!$R$2:$R$366,ROW(INDEX(Jesper!AL$2:AL$366,ROUNDDOWN($C6146/24,0)+1,1))-1)+IF('Standard Profiles'!$G$22=$B$10,7,0)+IF('Standard Profiles'!$G$22=$B$17,14,0)+IF('Standard Profiles'!$G$22=$B$24,21,0),MOD($C6146,24)+1)/SUM(INDEX($D$3:$AA$30,INDEX(Jesper!$R$2:$R$366,ROW(INDEX(Jesper!AL$2:AL$366,ROUNDDOWN($C6146/24,0)+1,1))-1)+IF('Standard Profiles'!$G$22=$B$10,7,0)+IF('Standard Profiles'!$G$22=$B$17,14,0)+IF('Standard Profiles'!$G$22=$B$24,21,0),0)),0)</f>
        <v>0</v>
      </c>
      <c r="I6146">
        <f t="shared" si="685"/>
        <v>0</v>
      </c>
      <c r="J6146">
        <f t="shared" si="686"/>
        <v>23.024281165809143</v>
      </c>
      <c r="K6146">
        <f t="shared" si="687"/>
        <v>1.9954589274401251</v>
      </c>
      <c r="L6146">
        <f t="shared" si="688"/>
        <v>0.99772946372006255</v>
      </c>
      <c r="M6146">
        <f t="shared" si="689"/>
        <v>0</v>
      </c>
      <c r="N6146" s="45">
        <f t="shared" si="690"/>
        <v>45181.666666651843</v>
      </c>
    </row>
    <row r="6147" spans="2:14" x14ac:dyDescent="0.25">
      <c r="B6147">
        <f t="shared" si="684"/>
        <v>2</v>
      </c>
      <c r="C6147" s="16">
        <v>6113</v>
      </c>
      <c r="D6147" cm="1">
        <f t="array" ref="D6147">IFERROR(INDEX(Jesper!AH$2:AH$366,ROUNDDOWN($C6147/24,0)+1,1)*INDEX($D$3:$AA$30,INDEX(Jesper!$R$2:$R$366,ROW(INDEX(Jesper!AH$2:AH$366,ROUNDDOWN($C6147/24,0)+1,1))-1)+IF('Standard Profiles'!$G$18=$B$10,7,0)+IF('Standard Profiles'!$G$18=$B$17,14,0)+IF('Standard Profiles'!$G$18=$B$24,21,0),MOD($C6147,24)+1)/SUM(INDEX($D$3:$AA$30,INDEX(Jesper!$R$2:$R$366,ROW(INDEX(Jesper!AH$2:AH$366,ROUNDDOWN($C6147/24,0)+1,1))-1)+IF('Standard Profiles'!$G$18=$B$10,7,0)+IF('Standard Profiles'!$G$18=$B$17,14,0)+IF('Standard Profiles'!$G$18=$B$24,21,0),0)),0)</f>
        <v>7.9843907147892317</v>
      </c>
      <c r="E6147" cm="1">
        <f t="array" ref="E6147">IFERROR(INDEX(Jesper!AI$2:AI$366,ROUNDDOWN($C6147/24,0)+1,1)*INDEX($D$3:$AA$30,INDEX(Jesper!$R$2:$R$366,ROW(INDEX(Jesper!AI$2:AI$366,ROUNDDOWN($C6147/24,0)+1,1))-1)+IF('Standard Profiles'!$G$19=$B$10,7,0)+IF('Standard Profiles'!$G$19=$B$17,14,0)+IF('Standard Profiles'!$G$19=$B$24,21,0),MOD($C6147,24)+1)/SUM(INDEX($D$3:$AA$30,INDEX(Jesper!$R$2:$R$366,ROW(INDEX(Jesper!AI$2:AI$366,ROUNDDOWN($C6147/24,0)+1,1))-1)+IF('Standard Profiles'!$G$19=$B$10,7,0)+IF('Standard Profiles'!$G$19=$B$17,14,0)+IF('Standard Profiles'!$G$19=$B$24,21,0),0)),0)</f>
        <v>3.1199496851123167</v>
      </c>
      <c r="F6147" cm="1">
        <f t="array" ref="F6147">IFERROR(INDEX(Jesper!AJ$2:AJ$366,ROUNDDOWN($C6147/24,0)+1,1)*INDEX($D$3:$AA$30,INDEX(Jesper!$R$2:$R$366,ROW(INDEX(Jesper!AJ$2:AJ$366,ROUNDDOWN($C6147/24,0)+1,1))-1)+IF('Standard Profiles'!$G$20=$B$10,7,0)+IF('Standard Profiles'!$G$20=$B$17,14,0)+IF('Standard Profiles'!$G$20=$B$24,21,0),MOD($C6147,24)+1)/SUM(INDEX($D$3:$AA$30,INDEX(Jesper!$R$2:$R$366,ROW(INDEX(Jesper!AJ$2:AJ$366,ROUNDDOWN($C6147/24,0)+1,1))-1)+IF('Standard Profiles'!$G$20=$B$10,7,0)+IF('Standard Profiles'!$G$20=$B$17,14,0)+IF('Standard Profiles'!$G$20=$B$24,21,0),0)),0)</f>
        <v>0</v>
      </c>
      <c r="G6147" cm="1">
        <f t="array" ref="G6147">IFERROR(INDEX(Jesper!AK$2:AK$366,ROUNDDOWN($C6147/24,0)+1,1)*INDEX($D$3:$AA$30,INDEX(Jesper!$R$2:$R$366,ROW(INDEX(Jesper!AK$2:AK$366,ROUNDDOWN($C6147/24,0)+1,1))-1)+IF('Standard Profiles'!$G$21=$B$10,7,0)+IF('Standard Profiles'!$G$21=$B$17,14,0)+IF('Standard Profiles'!$G$21=$B$24,21,0),MOD($C6147,24)+1)/SUM(INDEX($D$3:$AA$30,INDEX(Jesper!$R$2:$R$366,ROW(INDEX(Jesper!AK$2:AK$366,ROUNDDOWN($C6147/24,0)+1,1))-1)+IF('Standard Profiles'!$G$21=$B$10,7,0)+IF('Standard Profiles'!$G$21=$B$17,14,0)+IF('Standard Profiles'!$G$21=$B$24,21,0),0)),0)</f>
        <v>0</v>
      </c>
      <c r="H6147" cm="1">
        <f t="array" ref="H6147">IFERROR(INDEX(Jesper!AL$2:AL$366,ROUNDDOWN($C6147/24,0)+1,1)*INDEX($D$3:$AA$30,INDEX(Jesper!$R$2:$R$366,ROW(INDEX(Jesper!AL$2:AL$366,ROUNDDOWN($C6147/24,0)+1,1))-1)+IF('Standard Profiles'!$G$22=$B$10,7,0)+IF('Standard Profiles'!$G$22=$B$17,14,0)+IF('Standard Profiles'!$G$22=$B$24,21,0),MOD($C6147,24)+1)/SUM(INDEX($D$3:$AA$30,INDEX(Jesper!$R$2:$R$366,ROW(INDEX(Jesper!AL$2:AL$366,ROUNDDOWN($C6147/24,0)+1,1))-1)+IF('Standard Profiles'!$G$22=$B$10,7,0)+IF('Standard Profiles'!$G$22=$B$17,14,0)+IF('Standard Profiles'!$G$22=$B$24,21,0),0)),0)</f>
        <v>0</v>
      </c>
      <c r="I6147">
        <f t="shared" si="685"/>
        <v>0</v>
      </c>
      <c r="J6147">
        <f t="shared" si="686"/>
        <v>9.8268378855352712</v>
      </c>
      <c r="K6147">
        <f t="shared" si="687"/>
        <v>0.85166834291085147</v>
      </c>
      <c r="L6147">
        <f t="shared" si="688"/>
        <v>0.42583417145542574</v>
      </c>
      <c r="M6147">
        <f t="shared" si="689"/>
        <v>0</v>
      </c>
      <c r="N6147" s="45">
        <f t="shared" si="690"/>
        <v>45181.708333318507</v>
      </c>
    </row>
    <row r="6148" spans="2:14" x14ac:dyDescent="0.25">
      <c r="B6148">
        <f t="shared" si="684"/>
        <v>2</v>
      </c>
      <c r="C6148" s="16">
        <v>6114</v>
      </c>
      <c r="D6148" cm="1">
        <f t="array" ref="D6148">IFERROR(INDEX(Jesper!AH$2:AH$366,ROUNDDOWN($C6148/24,0)+1,1)*INDEX($D$3:$AA$30,INDEX(Jesper!$R$2:$R$366,ROW(INDEX(Jesper!AH$2:AH$366,ROUNDDOWN($C6148/24,0)+1,1))-1)+IF('Standard Profiles'!$G$18=$B$10,7,0)+IF('Standard Profiles'!$G$18=$B$17,14,0)+IF('Standard Profiles'!$G$18=$B$24,21,0),MOD($C6148,24)+1)/SUM(INDEX($D$3:$AA$30,INDEX(Jesper!$R$2:$R$366,ROW(INDEX(Jesper!AH$2:AH$366,ROUNDDOWN($C6148/24,0)+1,1))-1)+IF('Standard Profiles'!$G$18=$B$10,7,0)+IF('Standard Profiles'!$G$18=$B$17,14,0)+IF('Standard Profiles'!$G$18=$B$24,21,0),0)),0)</f>
        <v>5.2696978717608927</v>
      </c>
      <c r="E6148" cm="1">
        <f t="array" ref="E6148">IFERROR(INDEX(Jesper!AI$2:AI$366,ROUNDDOWN($C6148/24,0)+1,1)*INDEX($D$3:$AA$30,INDEX(Jesper!$R$2:$R$366,ROW(INDEX(Jesper!AI$2:AI$366,ROUNDDOWN($C6148/24,0)+1,1))-1)+IF('Standard Profiles'!$G$19=$B$10,7,0)+IF('Standard Profiles'!$G$19=$B$17,14,0)+IF('Standard Profiles'!$G$19=$B$24,21,0),MOD($C6148,24)+1)/SUM(INDEX($D$3:$AA$30,INDEX(Jesper!$R$2:$R$366,ROW(INDEX(Jesper!AI$2:AI$366,ROUNDDOWN($C6148/24,0)+1,1))-1)+IF('Standard Profiles'!$G$19=$B$10,7,0)+IF('Standard Profiles'!$G$19=$B$17,14,0)+IF('Standard Profiles'!$G$19=$B$24,21,0),0)),0)</f>
        <v>2.0591667921741292</v>
      </c>
      <c r="F6148" cm="1">
        <f t="array" ref="F6148">IFERROR(INDEX(Jesper!AJ$2:AJ$366,ROUNDDOWN($C6148/24,0)+1,1)*INDEX($D$3:$AA$30,INDEX(Jesper!$R$2:$R$366,ROW(INDEX(Jesper!AJ$2:AJ$366,ROUNDDOWN($C6148/24,0)+1,1))-1)+IF('Standard Profiles'!$G$20=$B$10,7,0)+IF('Standard Profiles'!$G$20=$B$17,14,0)+IF('Standard Profiles'!$G$20=$B$24,21,0),MOD($C6148,24)+1)/SUM(INDEX($D$3:$AA$30,INDEX(Jesper!$R$2:$R$366,ROW(INDEX(Jesper!AJ$2:AJ$366,ROUNDDOWN($C6148/24,0)+1,1))-1)+IF('Standard Profiles'!$G$20=$B$10,7,0)+IF('Standard Profiles'!$G$20=$B$17,14,0)+IF('Standard Profiles'!$G$20=$B$24,21,0),0)),0)</f>
        <v>0</v>
      </c>
      <c r="G6148" cm="1">
        <f t="array" ref="G6148">IFERROR(INDEX(Jesper!AK$2:AK$366,ROUNDDOWN($C6148/24,0)+1,1)*INDEX($D$3:$AA$30,INDEX(Jesper!$R$2:$R$366,ROW(INDEX(Jesper!AK$2:AK$366,ROUNDDOWN($C6148/24,0)+1,1))-1)+IF('Standard Profiles'!$G$21=$B$10,7,0)+IF('Standard Profiles'!$G$21=$B$17,14,0)+IF('Standard Profiles'!$G$21=$B$24,21,0),MOD($C6148,24)+1)/SUM(INDEX($D$3:$AA$30,INDEX(Jesper!$R$2:$R$366,ROW(INDEX(Jesper!AK$2:AK$366,ROUNDDOWN($C6148/24,0)+1,1))-1)+IF('Standard Profiles'!$G$21=$B$10,7,0)+IF('Standard Profiles'!$G$21=$B$17,14,0)+IF('Standard Profiles'!$G$21=$B$24,21,0),0)),0)</f>
        <v>0</v>
      </c>
      <c r="H6148" cm="1">
        <f t="array" ref="H6148">IFERROR(INDEX(Jesper!AL$2:AL$366,ROUNDDOWN($C6148/24,0)+1,1)*INDEX($D$3:$AA$30,INDEX(Jesper!$R$2:$R$366,ROW(INDEX(Jesper!AL$2:AL$366,ROUNDDOWN($C6148/24,0)+1,1))-1)+IF('Standard Profiles'!$G$22=$B$10,7,0)+IF('Standard Profiles'!$G$22=$B$17,14,0)+IF('Standard Profiles'!$G$22=$B$24,21,0),MOD($C6148,24)+1)/SUM(INDEX($D$3:$AA$30,INDEX(Jesper!$R$2:$R$366,ROW(INDEX(Jesper!AL$2:AL$366,ROUNDDOWN($C6148/24,0)+1,1))-1)+IF('Standard Profiles'!$G$22=$B$10,7,0)+IF('Standard Profiles'!$G$22=$B$17,14,0)+IF('Standard Profiles'!$G$22=$B$24,21,0),0)),0)</f>
        <v>0</v>
      </c>
      <c r="I6148">
        <f t="shared" si="685"/>
        <v>0</v>
      </c>
      <c r="J6148">
        <f t="shared" si="686"/>
        <v>6.4857130044532791</v>
      </c>
      <c r="K6148">
        <f t="shared" si="687"/>
        <v>0.56210110632116195</v>
      </c>
      <c r="L6148">
        <f t="shared" si="688"/>
        <v>0.28105055316058097</v>
      </c>
      <c r="M6148">
        <f t="shared" si="689"/>
        <v>0</v>
      </c>
      <c r="N6148" s="45">
        <f t="shared" si="690"/>
        <v>45181.749999985172</v>
      </c>
    </row>
    <row r="6149" spans="2:14" x14ac:dyDescent="0.25">
      <c r="B6149">
        <f t="shared" si="684"/>
        <v>2</v>
      </c>
      <c r="C6149" s="16">
        <v>6115</v>
      </c>
      <c r="D6149" cm="1">
        <f t="array" ref="D6149">IFERROR(INDEX(Jesper!AH$2:AH$366,ROUNDDOWN($C6149/24,0)+1,1)*INDEX($D$3:$AA$30,INDEX(Jesper!$R$2:$R$366,ROW(INDEX(Jesper!AH$2:AH$366,ROUNDDOWN($C6149/24,0)+1,1))-1)+IF('Standard Profiles'!$G$18=$B$10,7,0)+IF('Standard Profiles'!$G$18=$B$17,14,0)+IF('Standard Profiles'!$G$18=$B$24,21,0),MOD($C6149,24)+1)/SUM(INDEX($D$3:$AA$30,INDEX(Jesper!$R$2:$R$366,ROW(INDEX(Jesper!AH$2:AH$366,ROUNDDOWN($C6149/24,0)+1,1))-1)+IF('Standard Profiles'!$G$18=$B$10,7,0)+IF('Standard Profiles'!$G$18=$B$17,14,0)+IF('Standard Profiles'!$G$18=$B$24,21,0),0)),0)</f>
        <v>5.2696978717608927</v>
      </c>
      <c r="E6149" cm="1">
        <f t="array" ref="E6149">IFERROR(INDEX(Jesper!AI$2:AI$366,ROUNDDOWN($C6149/24,0)+1,1)*INDEX($D$3:$AA$30,INDEX(Jesper!$R$2:$R$366,ROW(INDEX(Jesper!AI$2:AI$366,ROUNDDOWN($C6149/24,0)+1,1))-1)+IF('Standard Profiles'!$G$19=$B$10,7,0)+IF('Standard Profiles'!$G$19=$B$17,14,0)+IF('Standard Profiles'!$G$19=$B$24,21,0),MOD($C6149,24)+1)/SUM(INDEX($D$3:$AA$30,INDEX(Jesper!$R$2:$R$366,ROW(INDEX(Jesper!AI$2:AI$366,ROUNDDOWN($C6149/24,0)+1,1))-1)+IF('Standard Profiles'!$G$19=$B$10,7,0)+IF('Standard Profiles'!$G$19=$B$17,14,0)+IF('Standard Profiles'!$G$19=$B$24,21,0),0)),0)</f>
        <v>2.0591667921741292</v>
      </c>
      <c r="F6149" cm="1">
        <f t="array" ref="F6149">IFERROR(INDEX(Jesper!AJ$2:AJ$366,ROUNDDOWN($C6149/24,0)+1,1)*INDEX($D$3:$AA$30,INDEX(Jesper!$R$2:$R$366,ROW(INDEX(Jesper!AJ$2:AJ$366,ROUNDDOWN($C6149/24,0)+1,1))-1)+IF('Standard Profiles'!$G$20=$B$10,7,0)+IF('Standard Profiles'!$G$20=$B$17,14,0)+IF('Standard Profiles'!$G$20=$B$24,21,0),MOD($C6149,24)+1)/SUM(INDEX($D$3:$AA$30,INDEX(Jesper!$R$2:$R$366,ROW(INDEX(Jesper!AJ$2:AJ$366,ROUNDDOWN($C6149/24,0)+1,1))-1)+IF('Standard Profiles'!$G$20=$B$10,7,0)+IF('Standard Profiles'!$G$20=$B$17,14,0)+IF('Standard Profiles'!$G$20=$B$24,21,0),0)),0)</f>
        <v>0</v>
      </c>
      <c r="G6149" cm="1">
        <f t="array" ref="G6149">IFERROR(INDEX(Jesper!AK$2:AK$366,ROUNDDOWN($C6149/24,0)+1,1)*INDEX($D$3:$AA$30,INDEX(Jesper!$R$2:$R$366,ROW(INDEX(Jesper!AK$2:AK$366,ROUNDDOWN($C6149/24,0)+1,1))-1)+IF('Standard Profiles'!$G$21=$B$10,7,0)+IF('Standard Profiles'!$G$21=$B$17,14,0)+IF('Standard Profiles'!$G$21=$B$24,21,0),MOD($C6149,24)+1)/SUM(INDEX($D$3:$AA$30,INDEX(Jesper!$R$2:$R$366,ROW(INDEX(Jesper!AK$2:AK$366,ROUNDDOWN($C6149/24,0)+1,1))-1)+IF('Standard Profiles'!$G$21=$B$10,7,0)+IF('Standard Profiles'!$G$21=$B$17,14,0)+IF('Standard Profiles'!$G$21=$B$24,21,0),0)),0)</f>
        <v>0</v>
      </c>
      <c r="H6149" cm="1">
        <f t="array" ref="H6149">IFERROR(INDEX(Jesper!AL$2:AL$366,ROUNDDOWN($C6149/24,0)+1,1)*INDEX($D$3:$AA$30,INDEX(Jesper!$R$2:$R$366,ROW(INDEX(Jesper!AL$2:AL$366,ROUNDDOWN($C6149/24,0)+1,1))-1)+IF('Standard Profiles'!$G$22=$B$10,7,0)+IF('Standard Profiles'!$G$22=$B$17,14,0)+IF('Standard Profiles'!$G$22=$B$24,21,0),MOD($C6149,24)+1)/SUM(INDEX($D$3:$AA$30,INDEX(Jesper!$R$2:$R$366,ROW(INDEX(Jesper!AL$2:AL$366,ROUNDDOWN($C6149/24,0)+1,1))-1)+IF('Standard Profiles'!$G$22=$B$10,7,0)+IF('Standard Profiles'!$G$22=$B$17,14,0)+IF('Standard Profiles'!$G$22=$B$24,21,0),0)),0)</f>
        <v>0</v>
      </c>
      <c r="I6149">
        <f t="shared" si="685"/>
        <v>0</v>
      </c>
      <c r="J6149">
        <f t="shared" si="686"/>
        <v>6.4857130044532791</v>
      </c>
      <c r="K6149">
        <f t="shared" si="687"/>
        <v>0.56210110632116195</v>
      </c>
      <c r="L6149">
        <f t="shared" si="688"/>
        <v>0.28105055316058097</v>
      </c>
      <c r="M6149">
        <f t="shared" si="689"/>
        <v>0</v>
      </c>
      <c r="N6149" s="45">
        <f t="shared" si="690"/>
        <v>45181.791666651836</v>
      </c>
    </row>
    <row r="6150" spans="2:14" x14ac:dyDescent="0.25">
      <c r="B6150">
        <f t="shared" si="684"/>
        <v>2</v>
      </c>
      <c r="C6150" s="16">
        <v>6116</v>
      </c>
      <c r="D6150" cm="1">
        <f t="array" ref="D6150">IFERROR(INDEX(Jesper!AH$2:AH$366,ROUNDDOWN($C6150/24,0)+1,1)*INDEX($D$3:$AA$30,INDEX(Jesper!$R$2:$R$366,ROW(INDEX(Jesper!AH$2:AH$366,ROUNDDOWN($C6150/24,0)+1,1))-1)+IF('Standard Profiles'!$G$18=$B$10,7,0)+IF('Standard Profiles'!$G$18=$B$17,14,0)+IF('Standard Profiles'!$G$18=$B$24,21,0),MOD($C6150,24)+1)/SUM(INDEX($D$3:$AA$30,INDEX(Jesper!$R$2:$R$366,ROW(INDEX(Jesper!AH$2:AH$366,ROUNDDOWN($C6150/24,0)+1,1))-1)+IF('Standard Profiles'!$G$18=$B$10,7,0)+IF('Standard Profiles'!$G$18=$B$17,14,0)+IF('Standard Profiles'!$G$18=$B$24,21,0),0)),0)</f>
        <v>5.2696978717608927</v>
      </c>
      <c r="E6150" cm="1">
        <f t="array" ref="E6150">IFERROR(INDEX(Jesper!AI$2:AI$366,ROUNDDOWN($C6150/24,0)+1,1)*INDEX($D$3:$AA$30,INDEX(Jesper!$R$2:$R$366,ROW(INDEX(Jesper!AI$2:AI$366,ROUNDDOWN($C6150/24,0)+1,1))-1)+IF('Standard Profiles'!$G$19=$B$10,7,0)+IF('Standard Profiles'!$G$19=$B$17,14,0)+IF('Standard Profiles'!$G$19=$B$24,21,0),MOD($C6150,24)+1)/SUM(INDEX($D$3:$AA$30,INDEX(Jesper!$R$2:$R$366,ROW(INDEX(Jesper!AI$2:AI$366,ROUNDDOWN($C6150/24,0)+1,1))-1)+IF('Standard Profiles'!$G$19=$B$10,7,0)+IF('Standard Profiles'!$G$19=$B$17,14,0)+IF('Standard Profiles'!$G$19=$B$24,21,0),0)),0)</f>
        <v>2.0591667921741292</v>
      </c>
      <c r="F6150" cm="1">
        <f t="array" ref="F6150">IFERROR(INDEX(Jesper!AJ$2:AJ$366,ROUNDDOWN($C6150/24,0)+1,1)*INDEX($D$3:$AA$30,INDEX(Jesper!$R$2:$R$366,ROW(INDEX(Jesper!AJ$2:AJ$366,ROUNDDOWN($C6150/24,0)+1,1))-1)+IF('Standard Profiles'!$G$20=$B$10,7,0)+IF('Standard Profiles'!$G$20=$B$17,14,0)+IF('Standard Profiles'!$G$20=$B$24,21,0),MOD($C6150,24)+1)/SUM(INDEX($D$3:$AA$30,INDEX(Jesper!$R$2:$R$366,ROW(INDEX(Jesper!AJ$2:AJ$366,ROUNDDOWN($C6150/24,0)+1,1))-1)+IF('Standard Profiles'!$G$20=$B$10,7,0)+IF('Standard Profiles'!$G$20=$B$17,14,0)+IF('Standard Profiles'!$G$20=$B$24,21,0),0)),0)</f>
        <v>0</v>
      </c>
      <c r="G6150" cm="1">
        <f t="array" ref="G6150">IFERROR(INDEX(Jesper!AK$2:AK$366,ROUNDDOWN($C6150/24,0)+1,1)*INDEX($D$3:$AA$30,INDEX(Jesper!$R$2:$R$366,ROW(INDEX(Jesper!AK$2:AK$366,ROUNDDOWN($C6150/24,0)+1,1))-1)+IF('Standard Profiles'!$G$21=$B$10,7,0)+IF('Standard Profiles'!$G$21=$B$17,14,0)+IF('Standard Profiles'!$G$21=$B$24,21,0),MOD($C6150,24)+1)/SUM(INDEX($D$3:$AA$30,INDEX(Jesper!$R$2:$R$366,ROW(INDEX(Jesper!AK$2:AK$366,ROUNDDOWN($C6150/24,0)+1,1))-1)+IF('Standard Profiles'!$G$21=$B$10,7,0)+IF('Standard Profiles'!$G$21=$B$17,14,0)+IF('Standard Profiles'!$G$21=$B$24,21,0),0)),0)</f>
        <v>0</v>
      </c>
      <c r="H6150" cm="1">
        <f t="array" ref="H6150">IFERROR(INDEX(Jesper!AL$2:AL$366,ROUNDDOWN($C6150/24,0)+1,1)*INDEX($D$3:$AA$30,INDEX(Jesper!$R$2:$R$366,ROW(INDEX(Jesper!AL$2:AL$366,ROUNDDOWN($C6150/24,0)+1,1))-1)+IF('Standard Profiles'!$G$22=$B$10,7,0)+IF('Standard Profiles'!$G$22=$B$17,14,0)+IF('Standard Profiles'!$G$22=$B$24,21,0),MOD($C6150,24)+1)/SUM(INDEX($D$3:$AA$30,INDEX(Jesper!$R$2:$R$366,ROW(INDEX(Jesper!AL$2:AL$366,ROUNDDOWN($C6150/24,0)+1,1))-1)+IF('Standard Profiles'!$G$22=$B$10,7,0)+IF('Standard Profiles'!$G$22=$B$17,14,0)+IF('Standard Profiles'!$G$22=$B$24,21,0),0)),0)</f>
        <v>0</v>
      </c>
      <c r="I6150">
        <f t="shared" si="685"/>
        <v>0</v>
      </c>
      <c r="J6150">
        <f t="shared" si="686"/>
        <v>6.4857130044532791</v>
      </c>
      <c r="K6150">
        <f t="shared" si="687"/>
        <v>0.56210110632116195</v>
      </c>
      <c r="L6150">
        <f t="shared" si="688"/>
        <v>0.28105055316058097</v>
      </c>
      <c r="M6150">
        <f t="shared" si="689"/>
        <v>0</v>
      </c>
      <c r="N6150" s="45">
        <f t="shared" si="690"/>
        <v>45181.8333333185</v>
      </c>
    </row>
    <row r="6151" spans="2:14" x14ac:dyDescent="0.25">
      <c r="B6151">
        <f t="shared" si="684"/>
        <v>2</v>
      </c>
      <c r="C6151" s="16">
        <v>6117</v>
      </c>
      <c r="D6151" cm="1">
        <f t="array" ref="D6151">IFERROR(INDEX(Jesper!AH$2:AH$366,ROUNDDOWN($C6151/24,0)+1,1)*INDEX($D$3:$AA$30,INDEX(Jesper!$R$2:$R$366,ROW(INDEX(Jesper!AH$2:AH$366,ROUNDDOWN($C6151/24,0)+1,1))-1)+IF('Standard Profiles'!$G$18=$B$10,7,0)+IF('Standard Profiles'!$G$18=$B$17,14,0)+IF('Standard Profiles'!$G$18=$B$24,21,0),MOD($C6151,24)+1)/SUM(INDEX($D$3:$AA$30,INDEX(Jesper!$R$2:$R$366,ROW(INDEX(Jesper!AH$2:AH$366,ROUNDDOWN($C6151/24,0)+1,1))-1)+IF('Standard Profiles'!$G$18=$B$10,7,0)+IF('Standard Profiles'!$G$18=$B$17,14,0)+IF('Standard Profiles'!$G$18=$B$24,21,0),0)),0)</f>
        <v>5.2696978717608927</v>
      </c>
      <c r="E6151" cm="1">
        <f t="array" ref="E6151">IFERROR(INDEX(Jesper!AI$2:AI$366,ROUNDDOWN($C6151/24,0)+1,1)*INDEX($D$3:$AA$30,INDEX(Jesper!$R$2:$R$366,ROW(INDEX(Jesper!AI$2:AI$366,ROUNDDOWN($C6151/24,0)+1,1))-1)+IF('Standard Profiles'!$G$19=$B$10,7,0)+IF('Standard Profiles'!$G$19=$B$17,14,0)+IF('Standard Profiles'!$G$19=$B$24,21,0),MOD($C6151,24)+1)/SUM(INDEX($D$3:$AA$30,INDEX(Jesper!$R$2:$R$366,ROW(INDEX(Jesper!AI$2:AI$366,ROUNDDOWN($C6151/24,0)+1,1))-1)+IF('Standard Profiles'!$G$19=$B$10,7,0)+IF('Standard Profiles'!$G$19=$B$17,14,0)+IF('Standard Profiles'!$G$19=$B$24,21,0),0)),0)</f>
        <v>2.0591667921741292</v>
      </c>
      <c r="F6151" cm="1">
        <f t="array" ref="F6151">IFERROR(INDEX(Jesper!AJ$2:AJ$366,ROUNDDOWN($C6151/24,0)+1,1)*INDEX($D$3:$AA$30,INDEX(Jesper!$R$2:$R$366,ROW(INDEX(Jesper!AJ$2:AJ$366,ROUNDDOWN($C6151/24,0)+1,1))-1)+IF('Standard Profiles'!$G$20=$B$10,7,0)+IF('Standard Profiles'!$G$20=$B$17,14,0)+IF('Standard Profiles'!$G$20=$B$24,21,0),MOD($C6151,24)+1)/SUM(INDEX($D$3:$AA$30,INDEX(Jesper!$R$2:$R$366,ROW(INDEX(Jesper!AJ$2:AJ$366,ROUNDDOWN($C6151/24,0)+1,1))-1)+IF('Standard Profiles'!$G$20=$B$10,7,0)+IF('Standard Profiles'!$G$20=$B$17,14,0)+IF('Standard Profiles'!$G$20=$B$24,21,0),0)),0)</f>
        <v>0</v>
      </c>
      <c r="G6151" cm="1">
        <f t="array" ref="G6151">IFERROR(INDEX(Jesper!AK$2:AK$366,ROUNDDOWN($C6151/24,0)+1,1)*INDEX($D$3:$AA$30,INDEX(Jesper!$R$2:$R$366,ROW(INDEX(Jesper!AK$2:AK$366,ROUNDDOWN($C6151/24,0)+1,1))-1)+IF('Standard Profiles'!$G$21=$B$10,7,0)+IF('Standard Profiles'!$G$21=$B$17,14,0)+IF('Standard Profiles'!$G$21=$B$24,21,0),MOD($C6151,24)+1)/SUM(INDEX($D$3:$AA$30,INDEX(Jesper!$R$2:$R$366,ROW(INDEX(Jesper!AK$2:AK$366,ROUNDDOWN($C6151/24,0)+1,1))-1)+IF('Standard Profiles'!$G$21=$B$10,7,0)+IF('Standard Profiles'!$G$21=$B$17,14,0)+IF('Standard Profiles'!$G$21=$B$24,21,0),0)),0)</f>
        <v>0</v>
      </c>
      <c r="H6151" cm="1">
        <f t="array" ref="H6151">IFERROR(INDEX(Jesper!AL$2:AL$366,ROUNDDOWN($C6151/24,0)+1,1)*INDEX($D$3:$AA$30,INDEX(Jesper!$R$2:$R$366,ROW(INDEX(Jesper!AL$2:AL$366,ROUNDDOWN($C6151/24,0)+1,1))-1)+IF('Standard Profiles'!$G$22=$B$10,7,0)+IF('Standard Profiles'!$G$22=$B$17,14,0)+IF('Standard Profiles'!$G$22=$B$24,21,0),MOD($C6151,24)+1)/SUM(INDEX($D$3:$AA$30,INDEX(Jesper!$R$2:$R$366,ROW(INDEX(Jesper!AL$2:AL$366,ROUNDDOWN($C6151/24,0)+1,1))-1)+IF('Standard Profiles'!$G$22=$B$10,7,0)+IF('Standard Profiles'!$G$22=$B$17,14,0)+IF('Standard Profiles'!$G$22=$B$24,21,0),0)),0)</f>
        <v>0</v>
      </c>
      <c r="I6151">
        <f t="shared" si="685"/>
        <v>0</v>
      </c>
      <c r="J6151">
        <f t="shared" si="686"/>
        <v>6.4857130044532791</v>
      </c>
      <c r="K6151">
        <f t="shared" si="687"/>
        <v>0.56210110632116195</v>
      </c>
      <c r="L6151">
        <f t="shared" si="688"/>
        <v>0.28105055316058097</v>
      </c>
      <c r="M6151">
        <f t="shared" si="689"/>
        <v>0</v>
      </c>
      <c r="N6151" s="45">
        <f t="shared" si="690"/>
        <v>45181.874999985164</v>
      </c>
    </row>
    <row r="6152" spans="2:14" x14ac:dyDescent="0.25">
      <c r="B6152">
        <f t="shared" si="684"/>
        <v>2</v>
      </c>
      <c r="C6152" s="16">
        <v>6118</v>
      </c>
      <c r="D6152" cm="1">
        <f t="array" ref="D6152">IFERROR(INDEX(Jesper!AH$2:AH$366,ROUNDDOWN($C6152/24,0)+1,1)*INDEX($D$3:$AA$30,INDEX(Jesper!$R$2:$R$366,ROW(INDEX(Jesper!AH$2:AH$366,ROUNDDOWN($C6152/24,0)+1,1))-1)+IF('Standard Profiles'!$G$18=$B$10,7,0)+IF('Standard Profiles'!$G$18=$B$17,14,0)+IF('Standard Profiles'!$G$18=$B$24,21,0),MOD($C6152,24)+1)/SUM(INDEX($D$3:$AA$30,INDEX(Jesper!$R$2:$R$366,ROW(INDEX(Jesper!AH$2:AH$366,ROUNDDOWN($C6152/24,0)+1,1))-1)+IF('Standard Profiles'!$G$18=$B$10,7,0)+IF('Standard Profiles'!$G$18=$B$17,14,0)+IF('Standard Profiles'!$G$18=$B$24,21,0),0)),0)</f>
        <v>5.2696978717608927</v>
      </c>
      <c r="E6152" cm="1">
        <f t="array" ref="E6152">IFERROR(INDEX(Jesper!AI$2:AI$366,ROUNDDOWN($C6152/24,0)+1,1)*INDEX($D$3:$AA$30,INDEX(Jesper!$R$2:$R$366,ROW(INDEX(Jesper!AI$2:AI$366,ROUNDDOWN($C6152/24,0)+1,1))-1)+IF('Standard Profiles'!$G$19=$B$10,7,0)+IF('Standard Profiles'!$G$19=$B$17,14,0)+IF('Standard Profiles'!$G$19=$B$24,21,0),MOD($C6152,24)+1)/SUM(INDEX($D$3:$AA$30,INDEX(Jesper!$R$2:$R$366,ROW(INDEX(Jesper!AI$2:AI$366,ROUNDDOWN($C6152/24,0)+1,1))-1)+IF('Standard Profiles'!$G$19=$B$10,7,0)+IF('Standard Profiles'!$G$19=$B$17,14,0)+IF('Standard Profiles'!$G$19=$B$24,21,0),0)),0)</f>
        <v>2.0591667921741292</v>
      </c>
      <c r="F6152" cm="1">
        <f t="array" ref="F6152">IFERROR(INDEX(Jesper!AJ$2:AJ$366,ROUNDDOWN($C6152/24,0)+1,1)*INDEX($D$3:$AA$30,INDEX(Jesper!$R$2:$R$366,ROW(INDEX(Jesper!AJ$2:AJ$366,ROUNDDOWN($C6152/24,0)+1,1))-1)+IF('Standard Profiles'!$G$20=$B$10,7,0)+IF('Standard Profiles'!$G$20=$B$17,14,0)+IF('Standard Profiles'!$G$20=$B$24,21,0),MOD($C6152,24)+1)/SUM(INDEX($D$3:$AA$30,INDEX(Jesper!$R$2:$R$366,ROW(INDEX(Jesper!AJ$2:AJ$366,ROUNDDOWN($C6152/24,0)+1,1))-1)+IF('Standard Profiles'!$G$20=$B$10,7,0)+IF('Standard Profiles'!$G$20=$B$17,14,0)+IF('Standard Profiles'!$G$20=$B$24,21,0),0)),0)</f>
        <v>0</v>
      </c>
      <c r="G6152" cm="1">
        <f t="array" ref="G6152">IFERROR(INDEX(Jesper!AK$2:AK$366,ROUNDDOWN($C6152/24,0)+1,1)*INDEX($D$3:$AA$30,INDEX(Jesper!$R$2:$R$366,ROW(INDEX(Jesper!AK$2:AK$366,ROUNDDOWN($C6152/24,0)+1,1))-1)+IF('Standard Profiles'!$G$21=$B$10,7,0)+IF('Standard Profiles'!$G$21=$B$17,14,0)+IF('Standard Profiles'!$G$21=$B$24,21,0),MOD($C6152,24)+1)/SUM(INDEX($D$3:$AA$30,INDEX(Jesper!$R$2:$R$366,ROW(INDEX(Jesper!AK$2:AK$366,ROUNDDOWN($C6152/24,0)+1,1))-1)+IF('Standard Profiles'!$G$21=$B$10,7,0)+IF('Standard Profiles'!$G$21=$B$17,14,0)+IF('Standard Profiles'!$G$21=$B$24,21,0),0)),0)</f>
        <v>0</v>
      </c>
      <c r="H6152" cm="1">
        <f t="array" ref="H6152">IFERROR(INDEX(Jesper!AL$2:AL$366,ROUNDDOWN($C6152/24,0)+1,1)*INDEX($D$3:$AA$30,INDEX(Jesper!$R$2:$R$366,ROW(INDEX(Jesper!AL$2:AL$366,ROUNDDOWN($C6152/24,0)+1,1))-1)+IF('Standard Profiles'!$G$22=$B$10,7,0)+IF('Standard Profiles'!$G$22=$B$17,14,0)+IF('Standard Profiles'!$G$22=$B$24,21,0),MOD($C6152,24)+1)/SUM(INDEX($D$3:$AA$30,INDEX(Jesper!$R$2:$R$366,ROW(INDEX(Jesper!AL$2:AL$366,ROUNDDOWN($C6152/24,0)+1,1))-1)+IF('Standard Profiles'!$G$22=$B$10,7,0)+IF('Standard Profiles'!$G$22=$B$17,14,0)+IF('Standard Profiles'!$G$22=$B$24,21,0),0)),0)</f>
        <v>0</v>
      </c>
      <c r="I6152">
        <f t="shared" si="685"/>
        <v>0</v>
      </c>
      <c r="J6152">
        <f t="shared" si="686"/>
        <v>6.4857130044532791</v>
      </c>
      <c r="K6152">
        <f t="shared" si="687"/>
        <v>0.56210110632116195</v>
      </c>
      <c r="L6152">
        <f t="shared" si="688"/>
        <v>0.28105055316058097</v>
      </c>
      <c r="M6152">
        <f t="shared" si="689"/>
        <v>0</v>
      </c>
      <c r="N6152" s="45">
        <f t="shared" si="690"/>
        <v>45181.916666651829</v>
      </c>
    </row>
    <row r="6153" spans="2:14" x14ac:dyDescent="0.25">
      <c r="B6153">
        <f t="shared" si="684"/>
        <v>2</v>
      </c>
      <c r="C6153" s="16">
        <v>6119</v>
      </c>
      <c r="D6153" cm="1">
        <f t="array" ref="D6153">IFERROR(INDEX(Jesper!AH$2:AH$366,ROUNDDOWN($C6153/24,0)+1,1)*INDEX($D$3:$AA$30,INDEX(Jesper!$R$2:$R$366,ROW(INDEX(Jesper!AH$2:AH$366,ROUNDDOWN($C6153/24,0)+1,1))-1)+IF('Standard Profiles'!$G$18=$B$10,7,0)+IF('Standard Profiles'!$G$18=$B$17,14,0)+IF('Standard Profiles'!$G$18=$B$24,21,0),MOD($C6153,24)+1)/SUM(INDEX($D$3:$AA$30,INDEX(Jesper!$R$2:$R$366,ROW(INDEX(Jesper!AH$2:AH$366,ROUNDDOWN($C6153/24,0)+1,1))-1)+IF('Standard Profiles'!$G$18=$B$10,7,0)+IF('Standard Profiles'!$G$18=$B$17,14,0)+IF('Standard Profiles'!$G$18=$B$24,21,0),0)),0)</f>
        <v>5.2696978717608927</v>
      </c>
      <c r="E6153" cm="1">
        <f t="array" ref="E6153">IFERROR(INDEX(Jesper!AI$2:AI$366,ROUNDDOWN($C6153/24,0)+1,1)*INDEX($D$3:$AA$30,INDEX(Jesper!$R$2:$R$366,ROW(INDEX(Jesper!AI$2:AI$366,ROUNDDOWN($C6153/24,0)+1,1))-1)+IF('Standard Profiles'!$G$19=$B$10,7,0)+IF('Standard Profiles'!$G$19=$B$17,14,0)+IF('Standard Profiles'!$G$19=$B$24,21,0),MOD($C6153,24)+1)/SUM(INDEX($D$3:$AA$30,INDEX(Jesper!$R$2:$R$366,ROW(INDEX(Jesper!AI$2:AI$366,ROUNDDOWN($C6153/24,0)+1,1))-1)+IF('Standard Profiles'!$G$19=$B$10,7,0)+IF('Standard Profiles'!$G$19=$B$17,14,0)+IF('Standard Profiles'!$G$19=$B$24,21,0),0)),0)</f>
        <v>2.0591667921741292</v>
      </c>
      <c r="F6153" cm="1">
        <f t="array" ref="F6153">IFERROR(INDEX(Jesper!AJ$2:AJ$366,ROUNDDOWN($C6153/24,0)+1,1)*INDEX($D$3:$AA$30,INDEX(Jesper!$R$2:$R$366,ROW(INDEX(Jesper!AJ$2:AJ$366,ROUNDDOWN($C6153/24,0)+1,1))-1)+IF('Standard Profiles'!$G$20=$B$10,7,0)+IF('Standard Profiles'!$G$20=$B$17,14,0)+IF('Standard Profiles'!$G$20=$B$24,21,0),MOD($C6153,24)+1)/SUM(INDEX($D$3:$AA$30,INDEX(Jesper!$R$2:$R$366,ROW(INDEX(Jesper!AJ$2:AJ$366,ROUNDDOWN($C6153/24,0)+1,1))-1)+IF('Standard Profiles'!$G$20=$B$10,7,0)+IF('Standard Profiles'!$G$20=$B$17,14,0)+IF('Standard Profiles'!$G$20=$B$24,21,0),0)),0)</f>
        <v>0</v>
      </c>
      <c r="G6153" cm="1">
        <f t="array" ref="G6153">IFERROR(INDEX(Jesper!AK$2:AK$366,ROUNDDOWN($C6153/24,0)+1,1)*INDEX($D$3:$AA$30,INDEX(Jesper!$R$2:$R$366,ROW(INDEX(Jesper!AK$2:AK$366,ROUNDDOWN($C6153/24,0)+1,1))-1)+IF('Standard Profiles'!$G$21=$B$10,7,0)+IF('Standard Profiles'!$G$21=$B$17,14,0)+IF('Standard Profiles'!$G$21=$B$24,21,0),MOD($C6153,24)+1)/SUM(INDEX($D$3:$AA$30,INDEX(Jesper!$R$2:$R$366,ROW(INDEX(Jesper!AK$2:AK$366,ROUNDDOWN($C6153/24,0)+1,1))-1)+IF('Standard Profiles'!$G$21=$B$10,7,0)+IF('Standard Profiles'!$G$21=$B$17,14,0)+IF('Standard Profiles'!$G$21=$B$24,21,0),0)),0)</f>
        <v>0</v>
      </c>
      <c r="H6153" cm="1">
        <f t="array" ref="H6153">IFERROR(INDEX(Jesper!AL$2:AL$366,ROUNDDOWN($C6153/24,0)+1,1)*INDEX($D$3:$AA$30,INDEX(Jesper!$R$2:$R$366,ROW(INDEX(Jesper!AL$2:AL$366,ROUNDDOWN($C6153/24,0)+1,1))-1)+IF('Standard Profiles'!$G$22=$B$10,7,0)+IF('Standard Profiles'!$G$22=$B$17,14,0)+IF('Standard Profiles'!$G$22=$B$24,21,0),MOD($C6153,24)+1)/SUM(INDEX($D$3:$AA$30,INDEX(Jesper!$R$2:$R$366,ROW(INDEX(Jesper!AL$2:AL$366,ROUNDDOWN($C6153/24,0)+1,1))-1)+IF('Standard Profiles'!$G$22=$B$10,7,0)+IF('Standard Profiles'!$G$22=$B$17,14,0)+IF('Standard Profiles'!$G$22=$B$24,21,0),0)),0)</f>
        <v>0</v>
      </c>
      <c r="I6153">
        <f t="shared" si="685"/>
        <v>0</v>
      </c>
      <c r="J6153">
        <f t="shared" si="686"/>
        <v>6.4857130044532791</v>
      </c>
      <c r="K6153">
        <f t="shared" si="687"/>
        <v>0.56210110632116195</v>
      </c>
      <c r="L6153">
        <f t="shared" si="688"/>
        <v>0.28105055316058097</v>
      </c>
      <c r="M6153">
        <f t="shared" si="689"/>
        <v>0</v>
      </c>
      <c r="N6153" s="45">
        <f t="shared" si="690"/>
        <v>45181.958333318493</v>
      </c>
    </row>
    <row r="6154" spans="2:14" x14ac:dyDescent="0.25">
      <c r="B6154">
        <f t="shared" si="684"/>
        <v>3</v>
      </c>
      <c r="C6154" s="16">
        <v>6120</v>
      </c>
      <c r="D6154" cm="1">
        <f t="array" ref="D6154">IFERROR(INDEX(Jesper!AH$2:AH$366,ROUNDDOWN($C6154/24,0)+1,1)*INDEX($D$3:$AA$30,INDEX(Jesper!$R$2:$R$366,ROW(INDEX(Jesper!AH$2:AH$366,ROUNDDOWN($C6154/24,0)+1,1))-1)+IF('Standard Profiles'!$G$18=$B$10,7,0)+IF('Standard Profiles'!$G$18=$B$17,14,0)+IF('Standard Profiles'!$G$18=$B$24,21,0),MOD($C6154,24)+1)/SUM(INDEX($D$3:$AA$30,INDEX(Jesper!$R$2:$R$366,ROW(INDEX(Jesper!AH$2:AH$366,ROUNDDOWN($C6154/24,0)+1,1))-1)+IF('Standard Profiles'!$G$18=$B$10,7,0)+IF('Standard Profiles'!$G$18=$B$17,14,0)+IF('Standard Profiles'!$G$18=$B$24,21,0),0)),0)</f>
        <v>5.2169975589239934</v>
      </c>
      <c r="E6154" cm="1">
        <f t="array" ref="E6154">IFERROR(INDEX(Jesper!AI$2:AI$366,ROUNDDOWN($C6154/24,0)+1,1)*INDEX($D$3:$AA$30,INDEX(Jesper!$R$2:$R$366,ROW(INDEX(Jesper!AI$2:AI$366,ROUNDDOWN($C6154/24,0)+1,1))-1)+IF('Standard Profiles'!$G$19=$B$10,7,0)+IF('Standard Profiles'!$G$19=$B$17,14,0)+IF('Standard Profiles'!$G$19=$B$24,21,0),MOD($C6154,24)+1)/SUM(INDEX($D$3:$AA$30,INDEX(Jesper!$R$2:$R$366,ROW(INDEX(Jesper!AI$2:AI$366,ROUNDDOWN($C6154/24,0)+1,1))-1)+IF('Standard Profiles'!$G$19=$B$10,7,0)+IF('Standard Profiles'!$G$19=$B$17,14,0)+IF('Standard Profiles'!$G$19=$B$24,21,0),0)),0)</f>
        <v>2.0261557903645189</v>
      </c>
      <c r="F6154" cm="1">
        <f t="array" ref="F6154">IFERROR(INDEX(Jesper!AJ$2:AJ$366,ROUNDDOWN($C6154/24,0)+1,1)*INDEX($D$3:$AA$30,INDEX(Jesper!$R$2:$R$366,ROW(INDEX(Jesper!AJ$2:AJ$366,ROUNDDOWN($C6154/24,0)+1,1))-1)+IF('Standard Profiles'!$G$20=$B$10,7,0)+IF('Standard Profiles'!$G$20=$B$17,14,0)+IF('Standard Profiles'!$G$20=$B$24,21,0),MOD($C6154,24)+1)/SUM(INDEX($D$3:$AA$30,INDEX(Jesper!$R$2:$R$366,ROW(INDEX(Jesper!AJ$2:AJ$366,ROUNDDOWN($C6154/24,0)+1,1))-1)+IF('Standard Profiles'!$G$20=$B$10,7,0)+IF('Standard Profiles'!$G$20=$B$17,14,0)+IF('Standard Profiles'!$G$20=$B$24,21,0),0)),0)</f>
        <v>0</v>
      </c>
      <c r="G6154" cm="1">
        <f t="array" ref="G6154">IFERROR(INDEX(Jesper!AK$2:AK$366,ROUNDDOWN($C6154/24,0)+1,1)*INDEX($D$3:$AA$30,INDEX(Jesper!$R$2:$R$366,ROW(INDEX(Jesper!AK$2:AK$366,ROUNDDOWN($C6154/24,0)+1,1))-1)+IF('Standard Profiles'!$G$21=$B$10,7,0)+IF('Standard Profiles'!$G$21=$B$17,14,0)+IF('Standard Profiles'!$G$21=$B$24,21,0),MOD($C6154,24)+1)/SUM(INDEX($D$3:$AA$30,INDEX(Jesper!$R$2:$R$366,ROW(INDEX(Jesper!AK$2:AK$366,ROUNDDOWN($C6154/24,0)+1,1))-1)+IF('Standard Profiles'!$G$21=$B$10,7,0)+IF('Standard Profiles'!$G$21=$B$17,14,0)+IF('Standard Profiles'!$G$21=$B$24,21,0),0)),0)</f>
        <v>0</v>
      </c>
      <c r="H6154" cm="1">
        <f t="array" ref="H6154">IFERROR(INDEX(Jesper!AL$2:AL$366,ROUNDDOWN($C6154/24,0)+1,1)*INDEX($D$3:$AA$30,INDEX(Jesper!$R$2:$R$366,ROW(INDEX(Jesper!AL$2:AL$366,ROUNDDOWN($C6154/24,0)+1,1))-1)+IF('Standard Profiles'!$G$22=$B$10,7,0)+IF('Standard Profiles'!$G$22=$B$17,14,0)+IF('Standard Profiles'!$G$22=$B$24,21,0),MOD($C6154,24)+1)/SUM(INDEX($D$3:$AA$30,INDEX(Jesper!$R$2:$R$366,ROW(INDEX(Jesper!AL$2:AL$366,ROUNDDOWN($C6154/24,0)+1,1))-1)+IF('Standard Profiles'!$G$22=$B$10,7,0)+IF('Standard Profiles'!$G$22=$B$17,14,0)+IF('Standard Profiles'!$G$22=$B$24,21,0),0)),0)</f>
        <v>0</v>
      </c>
      <c r="I6154">
        <f t="shared" si="685"/>
        <v>0</v>
      </c>
      <c r="J6154">
        <f t="shared" si="686"/>
        <v>6.4084337398606728</v>
      </c>
      <c r="K6154">
        <f t="shared" si="687"/>
        <v>0.55647973961855934</v>
      </c>
      <c r="L6154">
        <f t="shared" si="688"/>
        <v>0.27823986980927967</v>
      </c>
      <c r="M6154">
        <f t="shared" si="689"/>
        <v>0</v>
      </c>
      <c r="N6154" s="45">
        <f t="shared" si="690"/>
        <v>45181.999999985157</v>
      </c>
    </row>
    <row r="6155" spans="2:14" x14ac:dyDescent="0.25">
      <c r="B6155">
        <f t="shared" si="684"/>
        <v>3</v>
      </c>
      <c r="C6155" s="16">
        <v>6121</v>
      </c>
      <c r="D6155" cm="1">
        <f t="array" ref="D6155">IFERROR(INDEX(Jesper!AH$2:AH$366,ROUNDDOWN($C6155/24,0)+1,1)*INDEX($D$3:$AA$30,INDEX(Jesper!$R$2:$R$366,ROW(INDEX(Jesper!AH$2:AH$366,ROUNDDOWN($C6155/24,0)+1,1))-1)+IF('Standard Profiles'!$G$18=$B$10,7,0)+IF('Standard Profiles'!$G$18=$B$17,14,0)+IF('Standard Profiles'!$G$18=$B$24,21,0),MOD($C6155,24)+1)/SUM(INDEX($D$3:$AA$30,INDEX(Jesper!$R$2:$R$366,ROW(INDEX(Jesper!AH$2:AH$366,ROUNDDOWN($C6155/24,0)+1,1))-1)+IF('Standard Profiles'!$G$18=$B$10,7,0)+IF('Standard Profiles'!$G$18=$B$17,14,0)+IF('Standard Profiles'!$G$18=$B$24,21,0),0)),0)</f>
        <v>5.2169975589239934</v>
      </c>
      <c r="E6155" cm="1">
        <f t="array" ref="E6155">IFERROR(INDEX(Jesper!AI$2:AI$366,ROUNDDOWN($C6155/24,0)+1,1)*INDEX($D$3:$AA$30,INDEX(Jesper!$R$2:$R$366,ROW(INDEX(Jesper!AI$2:AI$366,ROUNDDOWN($C6155/24,0)+1,1))-1)+IF('Standard Profiles'!$G$19=$B$10,7,0)+IF('Standard Profiles'!$G$19=$B$17,14,0)+IF('Standard Profiles'!$G$19=$B$24,21,0),MOD($C6155,24)+1)/SUM(INDEX($D$3:$AA$30,INDEX(Jesper!$R$2:$R$366,ROW(INDEX(Jesper!AI$2:AI$366,ROUNDDOWN($C6155/24,0)+1,1))-1)+IF('Standard Profiles'!$G$19=$B$10,7,0)+IF('Standard Profiles'!$G$19=$B$17,14,0)+IF('Standard Profiles'!$G$19=$B$24,21,0),0)),0)</f>
        <v>2.0261557903645189</v>
      </c>
      <c r="F6155" cm="1">
        <f t="array" ref="F6155">IFERROR(INDEX(Jesper!AJ$2:AJ$366,ROUNDDOWN($C6155/24,0)+1,1)*INDEX($D$3:$AA$30,INDEX(Jesper!$R$2:$R$366,ROW(INDEX(Jesper!AJ$2:AJ$366,ROUNDDOWN($C6155/24,0)+1,1))-1)+IF('Standard Profiles'!$G$20=$B$10,7,0)+IF('Standard Profiles'!$G$20=$B$17,14,0)+IF('Standard Profiles'!$G$20=$B$24,21,0),MOD($C6155,24)+1)/SUM(INDEX($D$3:$AA$30,INDEX(Jesper!$R$2:$R$366,ROW(INDEX(Jesper!AJ$2:AJ$366,ROUNDDOWN($C6155/24,0)+1,1))-1)+IF('Standard Profiles'!$G$20=$B$10,7,0)+IF('Standard Profiles'!$G$20=$B$17,14,0)+IF('Standard Profiles'!$G$20=$B$24,21,0),0)),0)</f>
        <v>0</v>
      </c>
      <c r="G6155" cm="1">
        <f t="array" ref="G6155">IFERROR(INDEX(Jesper!AK$2:AK$366,ROUNDDOWN($C6155/24,0)+1,1)*INDEX($D$3:$AA$30,INDEX(Jesper!$R$2:$R$366,ROW(INDEX(Jesper!AK$2:AK$366,ROUNDDOWN($C6155/24,0)+1,1))-1)+IF('Standard Profiles'!$G$21=$B$10,7,0)+IF('Standard Profiles'!$G$21=$B$17,14,0)+IF('Standard Profiles'!$G$21=$B$24,21,0),MOD($C6155,24)+1)/SUM(INDEX($D$3:$AA$30,INDEX(Jesper!$R$2:$R$366,ROW(INDEX(Jesper!AK$2:AK$366,ROUNDDOWN($C6155/24,0)+1,1))-1)+IF('Standard Profiles'!$G$21=$B$10,7,0)+IF('Standard Profiles'!$G$21=$B$17,14,0)+IF('Standard Profiles'!$G$21=$B$24,21,0),0)),0)</f>
        <v>0</v>
      </c>
      <c r="H6155" cm="1">
        <f t="array" ref="H6155">IFERROR(INDEX(Jesper!AL$2:AL$366,ROUNDDOWN($C6155/24,0)+1,1)*INDEX($D$3:$AA$30,INDEX(Jesper!$R$2:$R$366,ROW(INDEX(Jesper!AL$2:AL$366,ROUNDDOWN($C6155/24,0)+1,1))-1)+IF('Standard Profiles'!$G$22=$B$10,7,0)+IF('Standard Profiles'!$G$22=$B$17,14,0)+IF('Standard Profiles'!$G$22=$B$24,21,0),MOD($C6155,24)+1)/SUM(INDEX($D$3:$AA$30,INDEX(Jesper!$R$2:$R$366,ROW(INDEX(Jesper!AL$2:AL$366,ROUNDDOWN($C6155/24,0)+1,1))-1)+IF('Standard Profiles'!$G$22=$B$10,7,0)+IF('Standard Profiles'!$G$22=$B$17,14,0)+IF('Standard Profiles'!$G$22=$B$24,21,0),0)),0)</f>
        <v>0</v>
      </c>
      <c r="I6155">
        <f t="shared" si="685"/>
        <v>0</v>
      </c>
      <c r="J6155">
        <f t="shared" si="686"/>
        <v>6.4084337398606728</v>
      </c>
      <c r="K6155">
        <f t="shared" si="687"/>
        <v>0.55647973961855934</v>
      </c>
      <c r="L6155">
        <f t="shared" si="688"/>
        <v>0.27823986980927967</v>
      </c>
      <c r="M6155">
        <f t="shared" si="689"/>
        <v>0</v>
      </c>
      <c r="N6155" s="45">
        <f t="shared" si="690"/>
        <v>45182.041666651821</v>
      </c>
    </row>
    <row r="6156" spans="2:14" x14ac:dyDescent="0.25">
      <c r="B6156">
        <f t="shared" si="684"/>
        <v>3</v>
      </c>
      <c r="C6156" s="16">
        <v>6122</v>
      </c>
      <c r="D6156" cm="1">
        <f t="array" ref="D6156">IFERROR(INDEX(Jesper!AH$2:AH$366,ROUNDDOWN($C6156/24,0)+1,1)*INDEX($D$3:$AA$30,INDEX(Jesper!$R$2:$R$366,ROW(INDEX(Jesper!AH$2:AH$366,ROUNDDOWN($C6156/24,0)+1,1))-1)+IF('Standard Profiles'!$G$18=$B$10,7,0)+IF('Standard Profiles'!$G$18=$B$17,14,0)+IF('Standard Profiles'!$G$18=$B$24,21,0),MOD($C6156,24)+1)/SUM(INDEX($D$3:$AA$30,INDEX(Jesper!$R$2:$R$366,ROW(INDEX(Jesper!AH$2:AH$366,ROUNDDOWN($C6156/24,0)+1,1))-1)+IF('Standard Profiles'!$G$18=$B$10,7,0)+IF('Standard Profiles'!$G$18=$B$17,14,0)+IF('Standard Profiles'!$G$18=$B$24,21,0),0)),0)</f>
        <v>5.2169975589239934</v>
      </c>
      <c r="E6156" cm="1">
        <f t="array" ref="E6156">IFERROR(INDEX(Jesper!AI$2:AI$366,ROUNDDOWN($C6156/24,0)+1,1)*INDEX($D$3:$AA$30,INDEX(Jesper!$R$2:$R$366,ROW(INDEX(Jesper!AI$2:AI$366,ROUNDDOWN($C6156/24,0)+1,1))-1)+IF('Standard Profiles'!$G$19=$B$10,7,0)+IF('Standard Profiles'!$G$19=$B$17,14,0)+IF('Standard Profiles'!$G$19=$B$24,21,0),MOD($C6156,24)+1)/SUM(INDEX($D$3:$AA$30,INDEX(Jesper!$R$2:$R$366,ROW(INDEX(Jesper!AI$2:AI$366,ROUNDDOWN($C6156/24,0)+1,1))-1)+IF('Standard Profiles'!$G$19=$B$10,7,0)+IF('Standard Profiles'!$G$19=$B$17,14,0)+IF('Standard Profiles'!$G$19=$B$24,21,0),0)),0)</f>
        <v>2.0261557903645189</v>
      </c>
      <c r="F6156" cm="1">
        <f t="array" ref="F6156">IFERROR(INDEX(Jesper!AJ$2:AJ$366,ROUNDDOWN($C6156/24,0)+1,1)*INDEX($D$3:$AA$30,INDEX(Jesper!$R$2:$R$366,ROW(INDEX(Jesper!AJ$2:AJ$366,ROUNDDOWN($C6156/24,0)+1,1))-1)+IF('Standard Profiles'!$G$20=$B$10,7,0)+IF('Standard Profiles'!$G$20=$B$17,14,0)+IF('Standard Profiles'!$G$20=$B$24,21,0),MOD($C6156,24)+1)/SUM(INDEX($D$3:$AA$30,INDEX(Jesper!$R$2:$R$366,ROW(INDEX(Jesper!AJ$2:AJ$366,ROUNDDOWN($C6156/24,0)+1,1))-1)+IF('Standard Profiles'!$G$20=$B$10,7,0)+IF('Standard Profiles'!$G$20=$B$17,14,0)+IF('Standard Profiles'!$G$20=$B$24,21,0),0)),0)</f>
        <v>0</v>
      </c>
      <c r="G6156" cm="1">
        <f t="array" ref="G6156">IFERROR(INDEX(Jesper!AK$2:AK$366,ROUNDDOWN($C6156/24,0)+1,1)*INDEX($D$3:$AA$30,INDEX(Jesper!$R$2:$R$366,ROW(INDEX(Jesper!AK$2:AK$366,ROUNDDOWN($C6156/24,0)+1,1))-1)+IF('Standard Profiles'!$G$21=$B$10,7,0)+IF('Standard Profiles'!$G$21=$B$17,14,0)+IF('Standard Profiles'!$G$21=$B$24,21,0),MOD($C6156,24)+1)/SUM(INDEX($D$3:$AA$30,INDEX(Jesper!$R$2:$R$366,ROW(INDEX(Jesper!AK$2:AK$366,ROUNDDOWN($C6156/24,0)+1,1))-1)+IF('Standard Profiles'!$G$21=$B$10,7,0)+IF('Standard Profiles'!$G$21=$B$17,14,0)+IF('Standard Profiles'!$G$21=$B$24,21,0),0)),0)</f>
        <v>0</v>
      </c>
      <c r="H6156" cm="1">
        <f t="array" ref="H6156">IFERROR(INDEX(Jesper!AL$2:AL$366,ROUNDDOWN($C6156/24,0)+1,1)*INDEX($D$3:$AA$30,INDEX(Jesper!$R$2:$R$366,ROW(INDEX(Jesper!AL$2:AL$366,ROUNDDOWN($C6156/24,0)+1,1))-1)+IF('Standard Profiles'!$G$22=$B$10,7,0)+IF('Standard Profiles'!$G$22=$B$17,14,0)+IF('Standard Profiles'!$G$22=$B$24,21,0),MOD($C6156,24)+1)/SUM(INDEX($D$3:$AA$30,INDEX(Jesper!$R$2:$R$366,ROW(INDEX(Jesper!AL$2:AL$366,ROUNDDOWN($C6156/24,0)+1,1))-1)+IF('Standard Profiles'!$G$22=$B$10,7,0)+IF('Standard Profiles'!$G$22=$B$17,14,0)+IF('Standard Profiles'!$G$22=$B$24,21,0),0)),0)</f>
        <v>0</v>
      </c>
      <c r="I6156">
        <f t="shared" si="685"/>
        <v>0</v>
      </c>
      <c r="J6156">
        <f t="shared" si="686"/>
        <v>6.4084337398606728</v>
      </c>
      <c r="K6156">
        <f t="shared" si="687"/>
        <v>0.55647973961855934</v>
      </c>
      <c r="L6156">
        <f t="shared" si="688"/>
        <v>0.27823986980927967</v>
      </c>
      <c r="M6156">
        <f t="shared" si="689"/>
        <v>0</v>
      </c>
      <c r="N6156" s="45">
        <f t="shared" si="690"/>
        <v>45182.083333318486</v>
      </c>
    </row>
    <row r="6157" spans="2:14" x14ac:dyDescent="0.25">
      <c r="B6157">
        <f t="shared" si="684"/>
        <v>3</v>
      </c>
      <c r="C6157" s="16">
        <v>6123</v>
      </c>
      <c r="D6157" cm="1">
        <f t="array" ref="D6157">IFERROR(INDEX(Jesper!AH$2:AH$366,ROUNDDOWN($C6157/24,0)+1,1)*INDEX($D$3:$AA$30,INDEX(Jesper!$R$2:$R$366,ROW(INDEX(Jesper!AH$2:AH$366,ROUNDDOWN($C6157/24,0)+1,1))-1)+IF('Standard Profiles'!$G$18=$B$10,7,0)+IF('Standard Profiles'!$G$18=$B$17,14,0)+IF('Standard Profiles'!$G$18=$B$24,21,0),MOD($C6157,24)+1)/SUM(INDEX($D$3:$AA$30,INDEX(Jesper!$R$2:$R$366,ROW(INDEX(Jesper!AH$2:AH$366,ROUNDDOWN($C6157/24,0)+1,1))-1)+IF('Standard Profiles'!$G$18=$B$10,7,0)+IF('Standard Profiles'!$G$18=$B$17,14,0)+IF('Standard Profiles'!$G$18=$B$24,21,0),0)),0)</f>
        <v>5.2169975589239934</v>
      </c>
      <c r="E6157" cm="1">
        <f t="array" ref="E6157">IFERROR(INDEX(Jesper!AI$2:AI$366,ROUNDDOWN($C6157/24,0)+1,1)*INDEX($D$3:$AA$30,INDEX(Jesper!$R$2:$R$366,ROW(INDEX(Jesper!AI$2:AI$366,ROUNDDOWN($C6157/24,0)+1,1))-1)+IF('Standard Profiles'!$G$19=$B$10,7,0)+IF('Standard Profiles'!$G$19=$B$17,14,0)+IF('Standard Profiles'!$G$19=$B$24,21,0),MOD($C6157,24)+1)/SUM(INDEX($D$3:$AA$30,INDEX(Jesper!$R$2:$R$366,ROW(INDEX(Jesper!AI$2:AI$366,ROUNDDOWN($C6157/24,0)+1,1))-1)+IF('Standard Profiles'!$G$19=$B$10,7,0)+IF('Standard Profiles'!$G$19=$B$17,14,0)+IF('Standard Profiles'!$G$19=$B$24,21,0),0)),0)</f>
        <v>2.0261557903645189</v>
      </c>
      <c r="F6157" cm="1">
        <f t="array" ref="F6157">IFERROR(INDEX(Jesper!AJ$2:AJ$366,ROUNDDOWN($C6157/24,0)+1,1)*INDEX($D$3:$AA$30,INDEX(Jesper!$R$2:$R$366,ROW(INDEX(Jesper!AJ$2:AJ$366,ROUNDDOWN($C6157/24,0)+1,1))-1)+IF('Standard Profiles'!$G$20=$B$10,7,0)+IF('Standard Profiles'!$G$20=$B$17,14,0)+IF('Standard Profiles'!$G$20=$B$24,21,0),MOD($C6157,24)+1)/SUM(INDEX($D$3:$AA$30,INDEX(Jesper!$R$2:$R$366,ROW(INDEX(Jesper!AJ$2:AJ$366,ROUNDDOWN($C6157/24,0)+1,1))-1)+IF('Standard Profiles'!$G$20=$B$10,7,0)+IF('Standard Profiles'!$G$20=$B$17,14,0)+IF('Standard Profiles'!$G$20=$B$24,21,0),0)),0)</f>
        <v>0</v>
      </c>
      <c r="G6157" cm="1">
        <f t="array" ref="G6157">IFERROR(INDEX(Jesper!AK$2:AK$366,ROUNDDOWN($C6157/24,0)+1,1)*INDEX($D$3:$AA$30,INDEX(Jesper!$R$2:$R$366,ROW(INDEX(Jesper!AK$2:AK$366,ROUNDDOWN($C6157/24,0)+1,1))-1)+IF('Standard Profiles'!$G$21=$B$10,7,0)+IF('Standard Profiles'!$G$21=$B$17,14,0)+IF('Standard Profiles'!$G$21=$B$24,21,0),MOD($C6157,24)+1)/SUM(INDEX($D$3:$AA$30,INDEX(Jesper!$R$2:$R$366,ROW(INDEX(Jesper!AK$2:AK$366,ROUNDDOWN($C6157/24,0)+1,1))-1)+IF('Standard Profiles'!$G$21=$B$10,7,0)+IF('Standard Profiles'!$G$21=$B$17,14,0)+IF('Standard Profiles'!$G$21=$B$24,21,0),0)),0)</f>
        <v>0</v>
      </c>
      <c r="H6157" cm="1">
        <f t="array" ref="H6157">IFERROR(INDEX(Jesper!AL$2:AL$366,ROUNDDOWN($C6157/24,0)+1,1)*INDEX($D$3:$AA$30,INDEX(Jesper!$R$2:$R$366,ROW(INDEX(Jesper!AL$2:AL$366,ROUNDDOWN($C6157/24,0)+1,1))-1)+IF('Standard Profiles'!$G$22=$B$10,7,0)+IF('Standard Profiles'!$G$22=$B$17,14,0)+IF('Standard Profiles'!$G$22=$B$24,21,0),MOD($C6157,24)+1)/SUM(INDEX($D$3:$AA$30,INDEX(Jesper!$R$2:$R$366,ROW(INDEX(Jesper!AL$2:AL$366,ROUNDDOWN($C6157/24,0)+1,1))-1)+IF('Standard Profiles'!$G$22=$B$10,7,0)+IF('Standard Profiles'!$G$22=$B$17,14,0)+IF('Standard Profiles'!$G$22=$B$24,21,0),0)),0)</f>
        <v>0</v>
      </c>
      <c r="I6157">
        <f t="shared" si="685"/>
        <v>0</v>
      </c>
      <c r="J6157">
        <f t="shared" si="686"/>
        <v>6.4084337398606728</v>
      </c>
      <c r="K6157">
        <f t="shared" si="687"/>
        <v>0.55647973961855934</v>
      </c>
      <c r="L6157">
        <f t="shared" si="688"/>
        <v>0.27823986980927967</v>
      </c>
      <c r="M6157">
        <f t="shared" si="689"/>
        <v>0</v>
      </c>
      <c r="N6157" s="45">
        <f t="shared" si="690"/>
        <v>45182.12499998515</v>
      </c>
    </row>
    <row r="6158" spans="2:14" x14ac:dyDescent="0.25">
      <c r="B6158">
        <f t="shared" si="684"/>
        <v>3</v>
      </c>
      <c r="C6158" s="16">
        <v>6124</v>
      </c>
      <c r="D6158" cm="1">
        <f t="array" ref="D6158">IFERROR(INDEX(Jesper!AH$2:AH$366,ROUNDDOWN($C6158/24,0)+1,1)*INDEX($D$3:$AA$30,INDEX(Jesper!$R$2:$R$366,ROW(INDEX(Jesper!AH$2:AH$366,ROUNDDOWN($C6158/24,0)+1,1))-1)+IF('Standard Profiles'!$G$18=$B$10,7,0)+IF('Standard Profiles'!$G$18=$B$17,14,0)+IF('Standard Profiles'!$G$18=$B$24,21,0),MOD($C6158,24)+1)/SUM(INDEX($D$3:$AA$30,INDEX(Jesper!$R$2:$R$366,ROW(INDEX(Jesper!AH$2:AH$366,ROUNDDOWN($C6158/24,0)+1,1))-1)+IF('Standard Profiles'!$G$18=$B$10,7,0)+IF('Standard Profiles'!$G$18=$B$17,14,0)+IF('Standard Profiles'!$G$18=$B$24,21,0),0)),0)</f>
        <v>5.2169975589239934</v>
      </c>
      <c r="E6158" cm="1">
        <f t="array" ref="E6158">IFERROR(INDEX(Jesper!AI$2:AI$366,ROUNDDOWN($C6158/24,0)+1,1)*INDEX($D$3:$AA$30,INDEX(Jesper!$R$2:$R$366,ROW(INDEX(Jesper!AI$2:AI$366,ROUNDDOWN($C6158/24,0)+1,1))-1)+IF('Standard Profiles'!$G$19=$B$10,7,0)+IF('Standard Profiles'!$G$19=$B$17,14,0)+IF('Standard Profiles'!$G$19=$B$24,21,0),MOD($C6158,24)+1)/SUM(INDEX($D$3:$AA$30,INDEX(Jesper!$R$2:$R$366,ROW(INDEX(Jesper!AI$2:AI$366,ROUNDDOWN($C6158/24,0)+1,1))-1)+IF('Standard Profiles'!$G$19=$B$10,7,0)+IF('Standard Profiles'!$G$19=$B$17,14,0)+IF('Standard Profiles'!$G$19=$B$24,21,0),0)),0)</f>
        <v>2.0261557903645189</v>
      </c>
      <c r="F6158" cm="1">
        <f t="array" ref="F6158">IFERROR(INDEX(Jesper!AJ$2:AJ$366,ROUNDDOWN($C6158/24,0)+1,1)*INDEX($D$3:$AA$30,INDEX(Jesper!$R$2:$R$366,ROW(INDEX(Jesper!AJ$2:AJ$366,ROUNDDOWN($C6158/24,0)+1,1))-1)+IF('Standard Profiles'!$G$20=$B$10,7,0)+IF('Standard Profiles'!$G$20=$B$17,14,0)+IF('Standard Profiles'!$G$20=$B$24,21,0),MOD($C6158,24)+1)/SUM(INDEX($D$3:$AA$30,INDEX(Jesper!$R$2:$R$366,ROW(INDEX(Jesper!AJ$2:AJ$366,ROUNDDOWN($C6158/24,0)+1,1))-1)+IF('Standard Profiles'!$G$20=$B$10,7,0)+IF('Standard Profiles'!$G$20=$B$17,14,0)+IF('Standard Profiles'!$G$20=$B$24,21,0),0)),0)</f>
        <v>0</v>
      </c>
      <c r="G6158" cm="1">
        <f t="array" ref="G6158">IFERROR(INDEX(Jesper!AK$2:AK$366,ROUNDDOWN($C6158/24,0)+1,1)*INDEX($D$3:$AA$30,INDEX(Jesper!$R$2:$R$366,ROW(INDEX(Jesper!AK$2:AK$366,ROUNDDOWN($C6158/24,0)+1,1))-1)+IF('Standard Profiles'!$G$21=$B$10,7,0)+IF('Standard Profiles'!$G$21=$B$17,14,0)+IF('Standard Profiles'!$G$21=$B$24,21,0),MOD($C6158,24)+1)/SUM(INDEX($D$3:$AA$30,INDEX(Jesper!$R$2:$R$366,ROW(INDEX(Jesper!AK$2:AK$366,ROUNDDOWN($C6158/24,0)+1,1))-1)+IF('Standard Profiles'!$G$21=$B$10,7,0)+IF('Standard Profiles'!$G$21=$B$17,14,0)+IF('Standard Profiles'!$G$21=$B$24,21,0),0)),0)</f>
        <v>0</v>
      </c>
      <c r="H6158" cm="1">
        <f t="array" ref="H6158">IFERROR(INDEX(Jesper!AL$2:AL$366,ROUNDDOWN($C6158/24,0)+1,1)*INDEX($D$3:$AA$30,INDEX(Jesper!$R$2:$R$366,ROW(INDEX(Jesper!AL$2:AL$366,ROUNDDOWN($C6158/24,0)+1,1))-1)+IF('Standard Profiles'!$G$22=$B$10,7,0)+IF('Standard Profiles'!$G$22=$B$17,14,0)+IF('Standard Profiles'!$G$22=$B$24,21,0),MOD($C6158,24)+1)/SUM(INDEX($D$3:$AA$30,INDEX(Jesper!$R$2:$R$366,ROW(INDEX(Jesper!AL$2:AL$366,ROUNDDOWN($C6158/24,0)+1,1))-1)+IF('Standard Profiles'!$G$22=$B$10,7,0)+IF('Standard Profiles'!$G$22=$B$17,14,0)+IF('Standard Profiles'!$G$22=$B$24,21,0),0)),0)</f>
        <v>0</v>
      </c>
      <c r="I6158">
        <f t="shared" si="685"/>
        <v>0</v>
      </c>
      <c r="J6158">
        <f t="shared" si="686"/>
        <v>6.4084337398606728</v>
      </c>
      <c r="K6158">
        <f t="shared" si="687"/>
        <v>0.55647973961855934</v>
      </c>
      <c r="L6158">
        <f t="shared" si="688"/>
        <v>0.27823986980927967</v>
      </c>
      <c r="M6158">
        <f t="shared" si="689"/>
        <v>0</v>
      </c>
      <c r="N6158" s="45">
        <f t="shared" si="690"/>
        <v>45182.166666651814</v>
      </c>
    </row>
    <row r="6159" spans="2:14" x14ac:dyDescent="0.25">
      <c r="B6159">
        <f t="shared" si="684"/>
        <v>3</v>
      </c>
      <c r="C6159" s="16">
        <v>6125</v>
      </c>
      <c r="D6159" cm="1">
        <f t="array" ref="D6159">IFERROR(INDEX(Jesper!AH$2:AH$366,ROUNDDOWN($C6159/24,0)+1,1)*INDEX($D$3:$AA$30,INDEX(Jesper!$R$2:$R$366,ROW(INDEX(Jesper!AH$2:AH$366,ROUNDDOWN($C6159/24,0)+1,1))-1)+IF('Standard Profiles'!$G$18=$B$10,7,0)+IF('Standard Profiles'!$G$18=$B$17,14,0)+IF('Standard Profiles'!$G$18=$B$24,21,0),MOD($C6159,24)+1)/SUM(INDEX($D$3:$AA$30,INDEX(Jesper!$R$2:$R$366,ROW(INDEX(Jesper!AH$2:AH$366,ROUNDDOWN($C6159/24,0)+1,1))-1)+IF('Standard Profiles'!$G$18=$B$10,7,0)+IF('Standard Profiles'!$G$18=$B$17,14,0)+IF('Standard Profiles'!$G$18=$B$24,21,0),0)),0)</f>
        <v>5.2169975589239934</v>
      </c>
      <c r="E6159" cm="1">
        <f t="array" ref="E6159">IFERROR(INDEX(Jesper!AI$2:AI$366,ROUNDDOWN($C6159/24,0)+1,1)*INDEX($D$3:$AA$30,INDEX(Jesper!$R$2:$R$366,ROW(INDEX(Jesper!AI$2:AI$366,ROUNDDOWN($C6159/24,0)+1,1))-1)+IF('Standard Profiles'!$G$19=$B$10,7,0)+IF('Standard Profiles'!$G$19=$B$17,14,0)+IF('Standard Profiles'!$G$19=$B$24,21,0),MOD($C6159,24)+1)/SUM(INDEX($D$3:$AA$30,INDEX(Jesper!$R$2:$R$366,ROW(INDEX(Jesper!AI$2:AI$366,ROUNDDOWN($C6159/24,0)+1,1))-1)+IF('Standard Profiles'!$G$19=$B$10,7,0)+IF('Standard Profiles'!$G$19=$B$17,14,0)+IF('Standard Profiles'!$G$19=$B$24,21,0),0)),0)</f>
        <v>2.0261557903645189</v>
      </c>
      <c r="F6159" cm="1">
        <f t="array" ref="F6159">IFERROR(INDEX(Jesper!AJ$2:AJ$366,ROUNDDOWN($C6159/24,0)+1,1)*INDEX($D$3:$AA$30,INDEX(Jesper!$R$2:$R$366,ROW(INDEX(Jesper!AJ$2:AJ$366,ROUNDDOWN($C6159/24,0)+1,1))-1)+IF('Standard Profiles'!$G$20=$B$10,7,0)+IF('Standard Profiles'!$G$20=$B$17,14,0)+IF('Standard Profiles'!$G$20=$B$24,21,0),MOD($C6159,24)+1)/SUM(INDEX($D$3:$AA$30,INDEX(Jesper!$R$2:$R$366,ROW(INDEX(Jesper!AJ$2:AJ$366,ROUNDDOWN($C6159/24,0)+1,1))-1)+IF('Standard Profiles'!$G$20=$B$10,7,0)+IF('Standard Profiles'!$G$20=$B$17,14,0)+IF('Standard Profiles'!$G$20=$B$24,21,0),0)),0)</f>
        <v>0</v>
      </c>
      <c r="G6159" cm="1">
        <f t="array" ref="G6159">IFERROR(INDEX(Jesper!AK$2:AK$366,ROUNDDOWN($C6159/24,0)+1,1)*INDEX($D$3:$AA$30,INDEX(Jesper!$R$2:$R$366,ROW(INDEX(Jesper!AK$2:AK$366,ROUNDDOWN($C6159/24,0)+1,1))-1)+IF('Standard Profiles'!$G$21=$B$10,7,0)+IF('Standard Profiles'!$G$21=$B$17,14,0)+IF('Standard Profiles'!$G$21=$B$24,21,0),MOD($C6159,24)+1)/SUM(INDEX($D$3:$AA$30,INDEX(Jesper!$R$2:$R$366,ROW(INDEX(Jesper!AK$2:AK$366,ROUNDDOWN($C6159/24,0)+1,1))-1)+IF('Standard Profiles'!$G$21=$B$10,7,0)+IF('Standard Profiles'!$G$21=$B$17,14,0)+IF('Standard Profiles'!$G$21=$B$24,21,0),0)),0)</f>
        <v>0</v>
      </c>
      <c r="H6159" cm="1">
        <f t="array" ref="H6159">IFERROR(INDEX(Jesper!AL$2:AL$366,ROUNDDOWN($C6159/24,0)+1,1)*INDEX($D$3:$AA$30,INDEX(Jesper!$R$2:$R$366,ROW(INDEX(Jesper!AL$2:AL$366,ROUNDDOWN($C6159/24,0)+1,1))-1)+IF('Standard Profiles'!$G$22=$B$10,7,0)+IF('Standard Profiles'!$G$22=$B$17,14,0)+IF('Standard Profiles'!$G$22=$B$24,21,0),MOD($C6159,24)+1)/SUM(INDEX($D$3:$AA$30,INDEX(Jesper!$R$2:$R$366,ROW(INDEX(Jesper!AL$2:AL$366,ROUNDDOWN($C6159/24,0)+1,1))-1)+IF('Standard Profiles'!$G$22=$B$10,7,0)+IF('Standard Profiles'!$G$22=$B$17,14,0)+IF('Standard Profiles'!$G$22=$B$24,21,0),0)),0)</f>
        <v>0</v>
      </c>
      <c r="I6159">
        <f t="shared" si="685"/>
        <v>0</v>
      </c>
      <c r="J6159">
        <f t="shared" si="686"/>
        <v>6.4084337398606728</v>
      </c>
      <c r="K6159">
        <f t="shared" si="687"/>
        <v>0.55647973961855934</v>
      </c>
      <c r="L6159">
        <f t="shared" si="688"/>
        <v>0.27823986980927967</v>
      </c>
      <c r="M6159">
        <f t="shared" si="689"/>
        <v>0</v>
      </c>
      <c r="N6159" s="45">
        <f t="shared" si="690"/>
        <v>45182.208333318478</v>
      </c>
    </row>
    <row r="6160" spans="2:14" x14ac:dyDescent="0.25">
      <c r="B6160">
        <f t="shared" si="684"/>
        <v>3</v>
      </c>
      <c r="C6160" s="16">
        <v>6126</v>
      </c>
      <c r="D6160" cm="1">
        <f t="array" ref="D6160">IFERROR(INDEX(Jesper!AH$2:AH$366,ROUNDDOWN($C6160/24,0)+1,1)*INDEX($D$3:$AA$30,INDEX(Jesper!$R$2:$R$366,ROW(INDEX(Jesper!AH$2:AH$366,ROUNDDOWN($C6160/24,0)+1,1))-1)+IF('Standard Profiles'!$G$18=$B$10,7,0)+IF('Standard Profiles'!$G$18=$B$17,14,0)+IF('Standard Profiles'!$G$18=$B$24,21,0),MOD($C6160,24)+1)/SUM(INDEX($D$3:$AA$30,INDEX(Jesper!$R$2:$R$366,ROW(INDEX(Jesper!AH$2:AH$366,ROUNDDOWN($C6160/24,0)+1,1))-1)+IF('Standard Profiles'!$G$18=$B$10,7,0)+IF('Standard Profiles'!$G$18=$B$17,14,0)+IF('Standard Profiles'!$G$18=$B$24,21,0),0)),0)</f>
        <v>5.2169975589239934</v>
      </c>
      <c r="E6160" cm="1">
        <f t="array" ref="E6160">IFERROR(INDEX(Jesper!AI$2:AI$366,ROUNDDOWN($C6160/24,0)+1,1)*INDEX($D$3:$AA$30,INDEX(Jesper!$R$2:$R$366,ROW(INDEX(Jesper!AI$2:AI$366,ROUNDDOWN($C6160/24,0)+1,1))-1)+IF('Standard Profiles'!$G$19=$B$10,7,0)+IF('Standard Profiles'!$G$19=$B$17,14,0)+IF('Standard Profiles'!$G$19=$B$24,21,0),MOD($C6160,24)+1)/SUM(INDEX($D$3:$AA$30,INDEX(Jesper!$R$2:$R$366,ROW(INDEX(Jesper!AI$2:AI$366,ROUNDDOWN($C6160/24,0)+1,1))-1)+IF('Standard Profiles'!$G$19=$B$10,7,0)+IF('Standard Profiles'!$G$19=$B$17,14,0)+IF('Standard Profiles'!$G$19=$B$24,21,0),0)),0)</f>
        <v>2.0261557903645189</v>
      </c>
      <c r="F6160" cm="1">
        <f t="array" ref="F6160">IFERROR(INDEX(Jesper!AJ$2:AJ$366,ROUNDDOWN($C6160/24,0)+1,1)*INDEX($D$3:$AA$30,INDEX(Jesper!$R$2:$R$366,ROW(INDEX(Jesper!AJ$2:AJ$366,ROUNDDOWN($C6160/24,0)+1,1))-1)+IF('Standard Profiles'!$G$20=$B$10,7,0)+IF('Standard Profiles'!$G$20=$B$17,14,0)+IF('Standard Profiles'!$G$20=$B$24,21,0),MOD($C6160,24)+1)/SUM(INDEX($D$3:$AA$30,INDEX(Jesper!$R$2:$R$366,ROW(INDEX(Jesper!AJ$2:AJ$366,ROUNDDOWN($C6160/24,0)+1,1))-1)+IF('Standard Profiles'!$G$20=$B$10,7,0)+IF('Standard Profiles'!$G$20=$B$17,14,0)+IF('Standard Profiles'!$G$20=$B$24,21,0),0)),0)</f>
        <v>0</v>
      </c>
      <c r="G6160" cm="1">
        <f t="array" ref="G6160">IFERROR(INDEX(Jesper!AK$2:AK$366,ROUNDDOWN($C6160/24,0)+1,1)*INDEX($D$3:$AA$30,INDEX(Jesper!$R$2:$R$366,ROW(INDEX(Jesper!AK$2:AK$366,ROUNDDOWN($C6160/24,0)+1,1))-1)+IF('Standard Profiles'!$G$21=$B$10,7,0)+IF('Standard Profiles'!$G$21=$B$17,14,0)+IF('Standard Profiles'!$G$21=$B$24,21,0),MOD($C6160,24)+1)/SUM(INDEX($D$3:$AA$30,INDEX(Jesper!$R$2:$R$366,ROW(INDEX(Jesper!AK$2:AK$366,ROUNDDOWN($C6160/24,0)+1,1))-1)+IF('Standard Profiles'!$G$21=$B$10,7,0)+IF('Standard Profiles'!$G$21=$B$17,14,0)+IF('Standard Profiles'!$G$21=$B$24,21,0),0)),0)</f>
        <v>0</v>
      </c>
      <c r="H6160" cm="1">
        <f t="array" ref="H6160">IFERROR(INDEX(Jesper!AL$2:AL$366,ROUNDDOWN($C6160/24,0)+1,1)*INDEX($D$3:$AA$30,INDEX(Jesper!$R$2:$R$366,ROW(INDEX(Jesper!AL$2:AL$366,ROUNDDOWN($C6160/24,0)+1,1))-1)+IF('Standard Profiles'!$G$22=$B$10,7,0)+IF('Standard Profiles'!$G$22=$B$17,14,0)+IF('Standard Profiles'!$G$22=$B$24,21,0),MOD($C6160,24)+1)/SUM(INDEX($D$3:$AA$30,INDEX(Jesper!$R$2:$R$366,ROW(INDEX(Jesper!AL$2:AL$366,ROUNDDOWN($C6160/24,0)+1,1))-1)+IF('Standard Profiles'!$G$22=$B$10,7,0)+IF('Standard Profiles'!$G$22=$B$17,14,0)+IF('Standard Profiles'!$G$22=$B$24,21,0),0)),0)</f>
        <v>0</v>
      </c>
      <c r="I6160">
        <f t="shared" si="685"/>
        <v>0</v>
      </c>
      <c r="J6160">
        <f t="shared" si="686"/>
        <v>6.4084337398606728</v>
      </c>
      <c r="K6160">
        <f t="shared" si="687"/>
        <v>0.55647973961855934</v>
      </c>
      <c r="L6160">
        <f t="shared" si="688"/>
        <v>0.27823986980927967</v>
      </c>
      <c r="M6160">
        <f t="shared" si="689"/>
        <v>0</v>
      </c>
      <c r="N6160" s="45">
        <f t="shared" si="690"/>
        <v>45182.249999985142</v>
      </c>
    </row>
    <row r="6161" spans="2:14" x14ac:dyDescent="0.25">
      <c r="B6161">
        <f t="shared" si="684"/>
        <v>3</v>
      </c>
      <c r="C6161" s="16">
        <v>6127</v>
      </c>
      <c r="D6161" cm="1">
        <f t="array" ref="D6161">IFERROR(INDEX(Jesper!AH$2:AH$366,ROUNDDOWN($C6161/24,0)+1,1)*INDEX($D$3:$AA$30,INDEX(Jesper!$R$2:$R$366,ROW(INDEX(Jesper!AH$2:AH$366,ROUNDDOWN($C6161/24,0)+1,1))-1)+IF('Standard Profiles'!$G$18=$B$10,7,0)+IF('Standard Profiles'!$G$18=$B$17,14,0)+IF('Standard Profiles'!$G$18=$B$24,21,0),MOD($C6161,24)+1)/SUM(INDEX($D$3:$AA$30,INDEX(Jesper!$R$2:$R$366,ROW(INDEX(Jesper!AH$2:AH$366,ROUNDDOWN($C6161/24,0)+1,1))-1)+IF('Standard Profiles'!$G$18=$B$10,7,0)+IF('Standard Profiles'!$G$18=$B$17,14,0)+IF('Standard Profiles'!$G$18=$B$24,21,0),0)),0)</f>
        <v>21.326453657540807</v>
      </c>
      <c r="E6161" cm="1">
        <f t="array" ref="E6161">IFERROR(INDEX(Jesper!AI$2:AI$366,ROUNDDOWN($C6161/24,0)+1,1)*INDEX($D$3:$AA$30,INDEX(Jesper!$R$2:$R$366,ROW(INDEX(Jesper!AI$2:AI$366,ROUNDDOWN($C6161/24,0)+1,1))-1)+IF('Standard Profiles'!$G$19=$B$10,7,0)+IF('Standard Profiles'!$G$19=$B$17,14,0)+IF('Standard Profiles'!$G$19=$B$24,21,0),MOD($C6161,24)+1)/SUM(INDEX($D$3:$AA$30,INDEX(Jesper!$R$2:$R$366,ROW(INDEX(Jesper!AI$2:AI$366,ROUNDDOWN($C6161/24,0)+1,1))-1)+IF('Standard Profiles'!$G$19=$B$10,7,0)+IF('Standard Profiles'!$G$19=$B$17,14,0)+IF('Standard Profiles'!$G$19=$B$24,21,0),0)),0)</f>
        <v>8.2826792763688957</v>
      </c>
      <c r="F6161" cm="1">
        <f t="array" ref="F6161">IFERROR(INDEX(Jesper!AJ$2:AJ$366,ROUNDDOWN($C6161/24,0)+1,1)*INDEX($D$3:$AA$30,INDEX(Jesper!$R$2:$R$366,ROW(INDEX(Jesper!AJ$2:AJ$366,ROUNDDOWN($C6161/24,0)+1,1))-1)+IF('Standard Profiles'!$G$20=$B$10,7,0)+IF('Standard Profiles'!$G$20=$B$17,14,0)+IF('Standard Profiles'!$G$20=$B$24,21,0),MOD($C6161,24)+1)/SUM(INDEX($D$3:$AA$30,INDEX(Jesper!$R$2:$R$366,ROW(INDEX(Jesper!AJ$2:AJ$366,ROUNDDOWN($C6161/24,0)+1,1))-1)+IF('Standard Profiles'!$G$20=$B$10,7,0)+IF('Standard Profiles'!$G$20=$B$17,14,0)+IF('Standard Profiles'!$G$20=$B$24,21,0),0)),0)</f>
        <v>0</v>
      </c>
      <c r="G6161" cm="1">
        <f t="array" ref="G6161">IFERROR(INDEX(Jesper!AK$2:AK$366,ROUNDDOWN($C6161/24,0)+1,1)*INDEX($D$3:$AA$30,INDEX(Jesper!$R$2:$R$366,ROW(INDEX(Jesper!AK$2:AK$366,ROUNDDOWN($C6161/24,0)+1,1))-1)+IF('Standard Profiles'!$G$21=$B$10,7,0)+IF('Standard Profiles'!$G$21=$B$17,14,0)+IF('Standard Profiles'!$G$21=$B$24,21,0),MOD($C6161,24)+1)/SUM(INDEX($D$3:$AA$30,INDEX(Jesper!$R$2:$R$366,ROW(INDEX(Jesper!AK$2:AK$366,ROUNDDOWN($C6161/24,0)+1,1))-1)+IF('Standard Profiles'!$G$21=$B$10,7,0)+IF('Standard Profiles'!$G$21=$B$17,14,0)+IF('Standard Profiles'!$G$21=$B$24,21,0),0)),0)</f>
        <v>0</v>
      </c>
      <c r="H6161" cm="1">
        <f t="array" ref="H6161">IFERROR(INDEX(Jesper!AL$2:AL$366,ROUNDDOWN($C6161/24,0)+1,1)*INDEX($D$3:$AA$30,INDEX(Jesper!$R$2:$R$366,ROW(INDEX(Jesper!AL$2:AL$366,ROUNDDOWN($C6161/24,0)+1,1))-1)+IF('Standard Profiles'!$G$22=$B$10,7,0)+IF('Standard Profiles'!$G$22=$B$17,14,0)+IF('Standard Profiles'!$G$22=$B$24,21,0),MOD($C6161,24)+1)/SUM(INDEX($D$3:$AA$30,INDEX(Jesper!$R$2:$R$366,ROW(INDEX(Jesper!AL$2:AL$366,ROUNDDOWN($C6161/24,0)+1,1))-1)+IF('Standard Profiles'!$G$22=$B$10,7,0)+IF('Standard Profiles'!$G$22=$B$17,14,0)+IF('Standard Profiles'!$G$22=$B$24,21,0),0)),0)</f>
        <v>0</v>
      </c>
      <c r="I6161">
        <f t="shared" si="685"/>
        <v>0</v>
      </c>
      <c r="J6161">
        <f t="shared" si="686"/>
        <v>26.196900348703174</v>
      </c>
      <c r="K6161">
        <f t="shared" si="687"/>
        <v>2.2748217234710193</v>
      </c>
      <c r="L6161">
        <f t="shared" si="688"/>
        <v>1.1374108617355096</v>
      </c>
      <c r="M6161">
        <f t="shared" si="689"/>
        <v>0</v>
      </c>
      <c r="N6161" s="45">
        <f t="shared" si="690"/>
        <v>45182.291666651807</v>
      </c>
    </row>
    <row r="6162" spans="2:14" x14ac:dyDescent="0.25">
      <c r="B6162">
        <f t="shared" si="684"/>
        <v>3</v>
      </c>
      <c r="C6162" s="16">
        <v>6128</v>
      </c>
      <c r="D6162" cm="1">
        <f t="array" ref="D6162">IFERROR(INDEX(Jesper!AH$2:AH$366,ROUNDDOWN($C6162/24,0)+1,1)*INDEX($D$3:$AA$30,INDEX(Jesper!$R$2:$R$366,ROW(INDEX(Jesper!AH$2:AH$366,ROUNDDOWN($C6162/24,0)+1,1))-1)+IF('Standard Profiles'!$G$18=$B$10,7,0)+IF('Standard Profiles'!$G$18=$B$17,14,0)+IF('Standard Profiles'!$G$18=$B$24,21,0),MOD($C6162,24)+1)/SUM(INDEX($D$3:$AA$30,INDEX(Jesper!$R$2:$R$366,ROW(INDEX(Jesper!AH$2:AH$366,ROUNDDOWN($C6162/24,0)+1,1))-1)+IF('Standard Profiles'!$G$18=$B$10,7,0)+IF('Standard Profiles'!$G$18=$B$17,14,0)+IF('Standard Profiles'!$G$18=$B$24,21,0),0)),0)</f>
        <v>23.795832502098165</v>
      </c>
      <c r="E6162" cm="1">
        <f t="array" ref="E6162">IFERROR(INDEX(Jesper!AI$2:AI$366,ROUNDDOWN($C6162/24,0)+1,1)*INDEX($D$3:$AA$30,INDEX(Jesper!$R$2:$R$366,ROW(INDEX(Jesper!AI$2:AI$366,ROUNDDOWN($C6162/24,0)+1,1))-1)+IF('Standard Profiles'!$G$19=$B$10,7,0)+IF('Standard Profiles'!$G$19=$B$17,14,0)+IF('Standard Profiles'!$G$19=$B$24,21,0),MOD($C6162,24)+1)/SUM(INDEX($D$3:$AA$30,INDEX(Jesper!$R$2:$R$366,ROW(INDEX(Jesper!AI$2:AI$366,ROUNDDOWN($C6162/24,0)+1,1))-1)+IF('Standard Profiles'!$G$19=$B$10,7,0)+IF('Standard Profiles'!$G$19=$B$17,14,0)+IF('Standard Profiles'!$G$19=$B$24,21,0),0)),0)</f>
        <v>9.2417263504747691</v>
      </c>
      <c r="F6162" cm="1">
        <f t="array" ref="F6162">IFERROR(INDEX(Jesper!AJ$2:AJ$366,ROUNDDOWN($C6162/24,0)+1,1)*INDEX($D$3:$AA$30,INDEX(Jesper!$R$2:$R$366,ROW(INDEX(Jesper!AJ$2:AJ$366,ROUNDDOWN($C6162/24,0)+1,1))-1)+IF('Standard Profiles'!$G$20=$B$10,7,0)+IF('Standard Profiles'!$G$20=$B$17,14,0)+IF('Standard Profiles'!$G$20=$B$24,21,0),MOD($C6162,24)+1)/SUM(INDEX($D$3:$AA$30,INDEX(Jesper!$R$2:$R$366,ROW(INDEX(Jesper!AJ$2:AJ$366,ROUNDDOWN($C6162/24,0)+1,1))-1)+IF('Standard Profiles'!$G$20=$B$10,7,0)+IF('Standard Profiles'!$G$20=$B$17,14,0)+IF('Standard Profiles'!$G$20=$B$24,21,0),0)),0)</f>
        <v>0</v>
      </c>
      <c r="G6162" cm="1">
        <f t="array" ref="G6162">IFERROR(INDEX(Jesper!AK$2:AK$366,ROUNDDOWN($C6162/24,0)+1,1)*INDEX($D$3:$AA$30,INDEX(Jesper!$R$2:$R$366,ROW(INDEX(Jesper!AK$2:AK$366,ROUNDDOWN($C6162/24,0)+1,1))-1)+IF('Standard Profiles'!$G$21=$B$10,7,0)+IF('Standard Profiles'!$G$21=$B$17,14,0)+IF('Standard Profiles'!$G$21=$B$24,21,0),MOD($C6162,24)+1)/SUM(INDEX($D$3:$AA$30,INDEX(Jesper!$R$2:$R$366,ROW(INDEX(Jesper!AK$2:AK$366,ROUNDDOWN($C6162/24,0)+1,1))-1)+IF('Standard Profiles'!$G$21=$B$10,7,0)+IF('Standard Profiles'!$G$21=$B$17,14,0)+IF('Standard Profiles'!$G$21=$B$24,21,0),0)),0)</f>
        <v>0</v>
      </c>
      <c r="H6162" cm="1">
        <f t="array" ref="H6162">IFERROR(INDEX(Jesper!AL$2:AL$366,ROUNDDOWN($C6162/24,0)+1,1)*INDEX($D$3:$AA$30,INDEX(Jesper!$R$2:$R$366,ROW(INDEX(Jesper!AL$2:AL$366,ROUNDDOWN($C6162/24,0)+1,1))-1)+IF('Standard Profiles'!$G$22=$B$10,7,0)+IF('Standard Profiles'!$G$22=$B$17,14,0)+IF('Standard Profiles'!$G$22=$B$24,21,0),MOD($C6162,24)+1)/SUM(INDEX($D$3:$AA$30,INDEX(Jesper!$R$2:$R$366,ROW(INDEX(Jesper!AL$2:AL$366,ROUNDDOWN($C6162/24,0)+1,1))-1)+IF('Standard Profiles'!$G$22=$B$10,7,0)+IF('Standard Profiles'!$G$22=$B$17,14,0)+IF('Standard Profiles'!$G$22=$B$24,21,0),0)),0)</f>
        <v>0</v>
      </c>
      <c r="I6162">
        <f t="shared" si="685"/>
        <v>0</v>
      </c>
      <c r="J6162">
        <f t="shared" si="686"/>
        <v>29.230225652237223</v>
      </c>
      <c r="K6162">
        <f t="shared" si="687"/>
        <v>2.5382221335571375</v>
      </c>
      <c r="L6162">
        <f t="shared" si="688"/>
        <v>1.2691110667785688</v>
      </c>
      <c r="M6162">
        <f t="shared" si="689"/>
        <v>0</v>
      </c>
      <c r="N6162" s="45">
        <f t="shared" si="690"/>
        <v>45182.333333318471</v>
      </c>
    </row>
    <row r="6163" spans="2:14" x14ac:dyDescent="0.25">
      <c r="B6163">
        <f t="shared" si="684"/>
        <v>3</v>
      </c>
      <c r="C6163" s="16">
        <v>6129</v>
      </c>
      <c r="D6163" cm="1">
        <f t="array" ref="D6163">IFERROR(INDEX(Jesper!AH$2:AH$366,ROUNDDOWN($C6163/24,0)+1,1)*INDEX($D$3:$AA$30,INDEX(Jesper!$R$2:$R$366,ROW(INDEX(Jesper!AH$2:AH$366,ROUNDDOWN($C6163/24,0)+1,1))-1)+IF('Standard Profiles'!$G$18=$B$10,7,0)+IF('Standard Profiles'!$G$18=$B$17,14,0)+IF('Standard Profiles'!$G$18=$B$24,21,0),MOD($C6163,24)+1)/SUM(INDEX($D$3:$AA$30,INDEX(Jesper!$R$2:$R$366,ROW(INDEX(Jesper!AH$2:AH$366,ROUNDDOWN($C6163/24,0)+1,1))-1)+IF('Standard Profiles'!$G$18=$B$10,7,0)+IF('Standard Profiles'!$G$18=$B$17,14,0)+IF('Standard Profiles'!$G$18=$B$24,21,0),0)),0)</f>
        <v>26.265211346655523</v>
      </c>
      <c r="E6163" cm="1">
        <f t="array" ref="E6163">IFERROR(INDEX(Jesper!AI$2:AI$366,ROUNDDOWN($C6163/24,0)+1,1)*INDEX($D$3:$AA$30,INDEX(Jesper!$R$2:$R$366,ROW(INDEX(Jesper!AI$2:AI$366,ROUNDDOWN($C6163/24,0)+1,1))-1)+IF('Standard Profiles'!$G$19=$B$10,7,0)+IF('Standard Profiles'!$G$19=$B$17,14,0)+IF('Standard Profiles'!$G$19=$B$24,21,0),MOD($C6163,24)+1)/SUM(INDEX($D$3:$AA$30,INDEX(Jesper!$R$2:$R$366,ROW(INDEX(Jesper!AI$2:AI$366,ROUNDDOWN($C6163/24,0)+1,1))-1)+IF('Standard Profiles'!$G$19=$B$10,7,0)+IF('Standard Profiles'!$G$19=$B$17,14,0)+IF('Standard Profiles'!$G$19=$B$24,21,0),0)),0)</f>
        <v>10.200773424580643</v>
      </c>
      <c r="F6163" cm="1">
        <f t="array" ref="F6163">IFERROR(INDEX(Jesper!AJ$2:AJ$366,ROUNDDOWN($C6163/24,0)+1,1)*INDEX($D$3:$AA$30,INDEX(Jesper!$R$2:$R$366,ROW(INDEX(Jesper!AJ$2:AJ$366,ROUNDDOWN($C6163/24,0)+1,1))-1)+IF('Standard Profiles'!$G$20=$B$10,7,0)+IF('Standard Profiles'!$G$20=$B$17,14,0)+IF('Standard Profiles'!$G$20=$B$24,21,0),MOD($C6163,24)+1)/SUM(INDEX($D$3:$AA$30,INDEX(Jesper!$R$2:$R$366,ROW(INDEX(Jesper!AJ$2:AJ$366,ROUNDDOWN($C6163/24,0)+1,1))-1)+IF('Standard Profiles'!$G$20=$B$10,7,0)+IF('Standard Profiles'!$G$20=$B$17,14,0)+IF('Standard Profiles'!$G$20=$B$24,21,0),0)),0)</f>
        <v>0</v>
      </c>
      <c r="G6163" cm="1">
        <f t="array" ref="G6163">IFERROR(INDEX(Jesper!AK$2:AK$366,ROUNDDOWN($C6163/24,0)+1,1)*INDEX($D$3:$AA$30,INDEX(Jesper!$R$2:$R$366,ROW(INDEX(Jesper!AK$2:AK$366,ROUNDDOWN($C6163/24,0)+1,1))-1)+IF('Standard Profiles'!$G$21=$B$10,7,0)+IF('Standard Profiles'!$G$21=$B$17,14,0)+IF('Standard Profiles'!$G$21=$B$24,21,0),MOD($C6163,24)+1)/SUM(INDEX($D$3:$AA$30,INDEX(Jesper!$R$2:$R$366,ROW(INDEX(Jesper!AK$2:AK$366,ROUNDDOWN($C6163/24,0)+1,1))-1)+IF('Standard Profiles'!$G$21=$B$10,7,0)+IF('Standard Profiles'!$G$21=$B$17,14,0)+IF('Standard Profiles'!$G$21=$B$24,21,0),0)),0)</f>
        <v>0</v>
      </c>
      <c r="H6163" cm="1">
        <f t="array" ref="H6163">IFERROR(INDEX(Jesper!AL$2:AL$366,ROUNDDOWN($C6163/24,0)+1,1)*INDEX($D$3:$AA$30,INDEX(Jesper!$R$2:$R$366,ROW(INDEX(Jesper!AL$2:AL$366,ROUNDDOWN($C6163/24,0)+1,1))-1)+IF('Standard Profiles'!$G$22=$B$10,7,0)+IF('Standard Profiles'!$G$22=$B$17,14,0)+IF('Standard Profiles'!$G$22=$B$24,21,0),MOD($C6163,24)+1)/SUM(INDEX($D$3:$AA$30,INDEX(Jesper!$R$2:$R$366,ROW(INDEX(Jesper!AL$2:AL$366,ROUNDDOWN($C6163/24,0)+1,1))-1)+IF('Standard Profiles'!$G$22=$B$10,7,0)+IF('Standard Profiles'!$G$22=$B$17,14,0)+IF('Standard Profiles'!$G$22=$B$24,21,0),0)),0)</f>
        <v>0</v>
      </c>
      <c r="I6163">
        <f t="shared" si="685"/>
        <v>0</v>
      </c>
      <c r="J6163">
        <f t="shared" si="686"/>
        <v>32.263550955771279</v>
      </c>
      <c r="K6163">
        <f t="shared" si="687"/>
        <v>2.8016225436432558</v>
      </c>
      <c r="L6163">
        <f t="shared" si="688"/>
        <v>1.4008112718216279</v>
      </c>
      <c r="M6163">
        <f t="shared" si="689"/>
        <v>0</v>
      </c>
      <c r="N6163" s="45">
        <f t="shared" si="690"/>
        <v>45182.374999985135</v>
      </c>
    </row>
    <row r="6164" spans="2:14" x14ac:dyDescent="0.25">
      <c r="B6164">
        <f t="shared" si="684"/>
        <v>3</v>
      </c>
      <c r="C6164" s="16">
        <v>6130</v>
      </c>
      <c r="D6164" cm="1">
        <f t="array" ref="D6164">IFERROR(INDEX(Jesper!AH$2:AH$366,ROUNDDOWN($C6164/24,0)+1,1)*INDEX($D$3:$AA$30,INDEX(Jesper!$R$2:$R$366,ROW(INDEX(Jesper!AH$2:AH$366,ROUNDDOWN($C6164/24,0)+1,1))-1)+IF('Standard Profiles'!$G$18=$B$10,7,0)+IF('Standard Profiles'!$G$18=$B$17,14,0)+IF('Standard Profiles'!$G$18=$B$24,21,0),MOD($C6164,24)+1)/SUM(INDEX($D$3:$AA$30,INDEX(Jesper!$R$2:$R$366,ROW(INDEX(Jesper!AH$2:AH$366,ROUNDDOWN($C6164/24,0)+1,1))-1)+IF('Standard Profiles'!$G$18=$B$10,7,0)+IF('Standard Profiles'!$G$18=$B$17,14,0)+IF('Standard Profiles'!$G$18=$B$24,21,0),0)),0)</f>
        <v>26.265211346655523</v>
      </c>
      <c r="E6164" cm="1">
        <f t="array" ref="E6164">IFERROR(INDEX(Jesper!AI$2:AI$366,ROUNDDOWN($C6164/24,0)+1,1)*INDEX($D$3:$AA$30,INDEX(Jesper!$R$2:$R$366,ROW(INDEX(Jesper!AI$2:AI$366,ROUNDDOWN($C6164/24,0)+1,1))-1)+IF('Standard Profiles'!$G$19=$B$10,7,0)+IF('Standard Profiles'!$G$19=$B$17,14,0)+IF('Standard Profiles'!$G$19=$B$24,21,0),MOD($C6164,24)+1)/SUM(INDEX($D$3:$AA$30,INDEX(Jesper!$R$2:$R$366,ROW(INDEX(Jesper!AI$2:AI$366,ROUNDDOWN($C6164/24,0)+1,1))-1)+IF('Standard Profiles'!$G$19=$B$10,7,0)+IF('Standard Profiles'!$G$19=$B$17,14,0)+IF('Standard Profiles'!$G$19=$B$24,21,0),0)),0)</f>
        <v>10.200773424580643</v>
      </c>
      <c r="F6164" cm="1">
        <f t="array" ref="F6164">IFERROR(INDEX(Jesper!AJ$2:AJ$366,ROUNDDOWN($C6164/24,0)+1,1)*INDEX($D$3:$AA$30,INDEX(Jesper!$R$2:$R$366,ROW(INDEX(Jesper!AJ$2:AJ$366,ROUNDDOWN($C6164/24,0)+1,1))-1)+IF('Standard Profiles'!$G$20=$B$10,7,0)+IF('Standard Profiles'!$G$20=$B$17,14,0)+IF('Standard Profiles'!$G$20=$B$24,21,0),MOD($C6164,24)+1)/SUM(INDEX($D$3:$AA$30,INDEX(Jesper!$R$2:$R$366,ROW(INDEX(Jesper!AJ$2:AJ$366,ROUNDDOWN($C6164/24,0)+1,1))-1)+IF('Standard Profiles'!$G$20=$B$10,7,0)+IF('Standard Profiles'!$G$20=$B$17,14,0)+IF('Standard Profiles'!$G$20=$B$24,21,0),0)),0)</f>
        <v>0</v>
      </c>
      <c r="G6164" cm="1">
        <f t="array" ref="G6164">IFERROR(INDEX(Jesper!AK$2:AK$366,ROUNDDOWN($C6164/24,0)+1,1)*INDEX($D$3:$AA$30,INDEX(Jesper!$R$2:$R$366,ROW(INDEX(Jesper!AK$2:AK$366,ROUNDDOWN($C6164/24,0)+1,1))-1)+IF('Standard Profiles'!$G$21=$B$10,7,0)+IF('Standard Profiles'!$G$21=$B$17,14,0)+IF('Standard Profiles'!$G$21=$B$24,21,0),MOD($C6164,24)+1)/SUM(INDEX($D$3:$AA$30,INDEX(Jesper!$R$2:$R$366,ROW(INDEX(Jesper!AK$2:AK$366,ROUNDDOWN($C6164/24,0)+1,1))-1)+IF('Standard Profiles'!$G$21=$B$10,7,0)+IF('Standard Profiles'!$G$21=$B$17,14,0)+IF('Standard Profiles'!$G$21=$B$24,21,0),0)),0)</f>
        <v>0</v>
      </c>
      <c r="H6164" cm="1">
        <f t="array" ref="H6164">IFERROR(INDEX(Jesper!AL$2:AL$366,ROUNDDOWN($C6164/24,0)+1,1)*INDEX($D$3:$AA$30,INDEX(Jesper!$R$2:$R$366,ROW(INDEX(Jesper!AL$2:AL$366,ROUNDDOWN($C6164/24,0)+1,1))-1)+IF('Standard Profiles'!$G$22=$B$10,7,0)+IF('Standard Profiles'!$G$22=$B$17,14,0)+IF('Standard Profiles'!$G$22=$B$24,21,0),MOD($C6164,24)+1)/SUM(INDEX($D$3:$AA$30,INDEX(Jesper!$R$2:$R$366,ROW(INDEX(Jesper!AL$2:AL$366,ROUNDDOWN($C6164/24,0)+1,1))-1)+IF('Standard Profiles'!$G$22=$B$10,7,0)+IF('Standard Profiles'!$G$22=$B$17,14,0)+IF('Standard Profiles'!$G$22=$B$24,21,0),0)),0)</f>
        <v>0</v>
      </c>
      <c r="I6164">
        <f t="shared" si="685"/>
        <v>0</v>
      </c>
      <c r="J6164">
        <f t="shared" si="686"/>
        <v>32.263550955771279</v>
      </c>
      <c r="K6164">
        <f t="shared" si="687"/>
        <v>2.8016225436432558</v>
      </c>
      <c r="L6164">
        <f t="shared" si="688"/>
        <v>1.4008112718216279</v>
      </c>
      <c r="M6164">
        <f t="shared" si="689"/>
        <v>0</v>
      </c>
      <c r="N6164" s="45">
        <f t="shared" si="690"/>
        <v>45182.416666651799</v>
      </c>
    </row>
    <row r="6165" spans="2:14" x14ac:dyDescent="0.25">
      <c r="B6165">
        <f t="shared" si="684"/>
        <v>3</v>
      </c>
      <c r="C6165" s="16">
        <v>6131</v>
      </c>
      <c r="D6165" cm="1">
        <f t="array" ref="D6165">IFERROR(INDEX(Jesper!AH$2:AH$366,ROUNDDOWN($C6165/24,0)+1,1)*INDEX($D$3:$AA$30,INDEX(Jesper!$R$2:$R$366,ROW(INDEX(Jesper!AH$2:AH$366,ROUNDDOWN($C6165/24,0)+1,1))-1)+IF('Standard Profiles'!$G$18=$B$10,7,0)+IF('Standard Profiles'!$G$18=$B$17,14,0)+IF('Standard Profiles'!$G$18=$B$24,21,0),MOD($C6165,24)+1)/SUM(INDEX($D$3:$AA$30,INDEX(Jesper!$R$2:$R$366,ROW(INDEX(Jesper!AH$2:AH$366,ROUNDDOWN($C6165/24,0)+1,1))-1)+IF('Standard Profiles'!$G$18=$B$10,7,0)+IF('Standard Profiles'!$G$18=$B$17,14,0)+IF('Standard Profiles'!$G$18=$B$24,21,0),0)),0)</f>
        <v>31.428458021639084</v>
      </c>
      <c r="E6165" cm="1">
        <f t="array" ref="E6165">IFERROR(INDEX(Jesper!AI$2:AI$366,ROUNDDOWN($C6165/24,0)+1,1)*INDEX($D$3:$AA$30,INDEX(Jesper!$R$2:$R$366,ROW(INDEX(Jesper!AI$2:AI$366,ROUNDDOWN($C6165/24,0)+1,1))-1)+IF('Standard Profiles'!$G$19=$B$10,7,0)+IF('Standard Profiles'!$G$19=$B$17,14,0)+IF('Standard Profiles'!$G$19=$B$24,21,0),MOD($C6165,24)+1)/SUM(INDEX($D$3:$AA$30,INDEX(Jesper!$R$2:$R$366,ROW(INDEX(Jesper!AI$2:AI$366,ROUNDDOWN($C6165/24,0)+1,1))-1)+IF('Standard Profiles'!$G$19=$B$10,7,0)+IF('Standard Profiles'!$G$19=$B$17,14,0)+IF('Standard Profiles'!$G$19=$B$24,21,0),0)),0)</f>
        <v>12.206053670438374</v>
      </c>
      <c r="F6165" cm="1">
        <f t="array" ref="F6165">IFERROR(INDEX(Jesper!AJ$2:AJ$366,ROUNDDOWN($C6165/24,0)+1,1)*INDEX($D$3:$AA$30,INDEX(Jesper!$R$2:$R$366,ROW(INDEX(Jesper!AJ$2:AJ$366,ROUNDDOWN($C6165/24,0)+1,1))-1)+IF('Standard Profiles'!$G$20=$B$10,7,0)+IF('Standard Profiles'!$G$20=$B$17,14,0)+IF('Standard Profiles'!$G$20=$B$24,21,0),MOD($C6165,24)+1)/SUM(INDEX($D$3:$AA$30,INDEX(Jesper!$R$2:$R$366,ROW(INDEX(Jesper!AJ$2:AJ$366,ROUNDDOWN($C6165/24,0)+1,1))-1)+IF('Standard Profiles'!$G$20=$B$10,7,0)+IF('Standard Profiles'!$G$20=$B$17,14,0)+IF('Standard Profiles'!$G$20=$B$24,21,0),0)),0)</f>
        <v>0</v>
      </c>
      <c r="G6165" cm="1">
        <f t="array" ref="G6165">IFERROR(INDEX(Jesper!AK$2:AK$366,ROUNDDOWN($C6165/24,0)+1,1)*INDEX($D$3:$AA$30,INDEX(Jesper!$R$2:$R$366,ROW(INDEX(Jesper!AK$2:AK$366,ROUNDDOWN($C6165/24,0)+1,1))-1)+IF('Standard Profiles'!$G$21=$B$10,7,0)+IF('Standard Profiles'!$G$21=$B$17,14,0)+IF('Standard Profiles'!$G$21=$B$24,21,0),MOD($C6165,24)+1)/SUM(INDEX($D$3:$AA$30,INDEX(Jesper!$R$2:$R$366,ROW(INDEX(Jesper!AK$2:AK$366,ROUNDDOWN($C6165/24,0)+1,1))-1)+IF('Standard Profiles'!$G$21=$B$10,7,0)+IF('Standard Profiles'!$G$21=$B$17,14,0)+IF('Standard Profiles'!$G$21=$B$24,21,0),0)),0)</f>
        <v>0</v>
      </c>
      <c r="H6165" cm="1">
        <f t="array" ref="H6165">IFERROR(INDEX(Jesper!AL$2:AL$366,ROUNDDOWN($C6165/24,0)+1,1)*INDEX($D$3:$AA$30,INDEX(Jesper!$R$2:$R$366,ROW(INDEX(Jesper!AL$2:AL$366,ROUNDDOWN($C6165/24,0)+1,1))-1)+IF('Standard Profiles'!$G$22=$B$10,7,0)+IF('Standard Profiles'!$G$22=$B$17,14,0)+IF('Standard Profiles'!$G$22=$B$24,21,0),MOD($C6165,24)+1)/SUM(INDEX($D$3:$AA$30,INDEX(Jesper!$R$2:$R$366,ROW(INDEX(Jesper!AL$2:AL$366,ROUNDDOWN($C6165/24,0)+1,1))-1)+IF('Standard Profiles'!$G$22=$B$10,7,0)+IF('Standard Profiles'!$G$22=$B$17,14,0)+IF('Standard Profiles'!$G$22=$B$24,21,0),0)),0)</f>
        <v>0</v>
      </c>
      <c r="I6165">
        <f t="shared" si="685"/>
        <v>0</v>
      </c>
      <c r="J6165">
        <f t="shared" si="686"/>
        <v>38.605958408615201</v>
      </c>
      <c r="K6165">
        <f t="shared" si="687"/>
        <v>3.3523688556415023</v>
      </c>
      <c r="L6165">
        <f t="shared" si="688"/>
        <v>1.6761844278207512</v>
      </c>
      <c r="M6165">
        <f t="shared" si="689"/>
        <v>0</v>
      </c>
      <c r="N6165" s="45">
        <f t="shared" si="690"/>
        <v>45182.458333318464</v>
      </c>
    </row>
    <row r="6166" spans="2:14" x14ac:dyDescent="0.25">
      <c r="B6166">
        <f t="shared" si="684"/>
        <v>3</v>
      </c>
      <c r="C6166" s="16">
        <v>6132</v>
      </c>
      <c r="D6166" cm="1">
        <f t="array" ref="D6166">IFERROR(INDEX(Jesper!AH$2:AH$366,ROUNDDOWN($C6166/24,0)+1,1)*INDEX($D$3:$AA$30,INDEX(Jesper!$R$2:$R$366,ROW(INDEX(Jesper!AH$2:AH$366,ROUNDDOWN($C6166/24,0)+1,1))-1)+IF('Standard Profiles'!$G$18=$B$10,7,0)+IF('Standard Profiles'!$G$18=$B$17,14,0)+IF('Standard Profiles'!$G$18=$B$24,21,0),MOD($C6166,24)+1)/SUM(INDEX($D$3:$AA$30,INDEX(Jesper!$R$2:$R$366,ROW(INDEX(Jesper!AH$2:AH$366,ROUNDDOWN($C6166/24,0)+1,1))-1)+IF('Standard Profiles'!$G$18=$B$10,7,0)+IF('Standard Profiles'!$G$18=$B$17,14,0)+IF('Standard Profiles'!$G$18=$B$24,21,0),0)),0)</f>
        <v>31.428458021639084</v>
      </c>
      <c r="E6166" cm="1">
        <f t="array" ref="E6166">IFERROR(INDEX(Jesper!AI$2:AI$366,ROUNDDOWN($C6166/24,0)+1,1)*INDEX($D$3:$AA$30,INDEX(Jesper!$R$2:$R$366,ROW(INDEX(Jesper!AI$2:AI$366,ROUNDDOWN($C6166/24,0)+1,1))-1)+IF('Standard Profiles'!$G$19=$B$10,7,0)+IF('Standard Profiles'!$G$19=$B$17,14,0)+IF('Standard Profiles'!$G$19=$B$24,21,0),MOD($C6166,24)+1)/SUM(INDEX($D$3:$AA$30,INDEX(Jesper!$R$2:$R$366,ROW(INDEX(Jesper!AI$2:AI$366,ROUNDDOWN($C6166/24,0)+1,1))-1)+IF('Standard Profiles'!$G$19=$B$10,7,0)+IF('Standard Profiles'!$G$19=$B$17,14,0)+IF('Standard Profiles'!$G$19=$B$24,21,0),0)),0)</f>
        <v>12.206053670438374</v>
      </c>
      <c r="F6166" cm="1">
        <f t="array" ref="F6166">IFERROR(INDEX(Jesper!AJ$2:AJ$366,ROUNDDOWN($C6166/24,0)+1,1)*INDEX($D$3:$AA$30,INDEX(Jesper!$R$2:$R$366,ROW(INDEX(Jesper!AJ$2:AJ$366,ROUNDDOWN($C6166/24,0)+1,1))-1)+IF('Standard Profiles'!$G$20=$B$10,7,0)+IF('Standard Profiles'!$G$20=$B$17,14,0)+IF('Standard Profiles'!$G$20=$B$24,21,0),MOD($C6166,24)+1)/SUM(INDEX($D$3:$AA$30,INDEX(Jesper!$R$2:$R$366,ROW(INDEX(Jesper!AJ$2:AJ$366,ROUNDDOWN($C6166/24,0)+1,1))-1)+IF('Standard Profiles'!$G$20=$B$10,7,0)+IF('Standard Profiles'!$G$20=$B$17,14,0)+IF('Standard Profiles'!$G$20=$B$24,21,0),0)),0)</f>
        <v>0</v>
      </c>
      <c r="G6166" cm="1">
        <f t="array" ref="G6166">IFERROR(INDEX(Jesper!AK$2:AK$366,ROUNDDOWN($C6166/24,0)+1,1)*INDEX($D$3:$AA$30,INDEX(Jesper!$R$2:$R$366,ROW(INDEX(Jesper!AK$2:AK$366,ROUNDDOWN($C6166/24,0)+1,1))-1)+IF('Standard Profiles'!$G$21=$B$10,7,0)+IF('Standard Profiles'!$G$21=$B$17,14,0)+IF('Standard Profiles'!$G$21=$B$24,21,0),MOD($C6166,24)+1)/SUM(INDEX($D$3:$AA$30,INDEX(Jesper!$R$2:$R$366,ROW(INDEX(Jesper!AK$2:AK$366,ROUNDDOWN($C6166/24,0)+1,1))-1)+IF('Standard Profiles'!$G$21=$B$10,7,0)+IF('Standard Profiles'!$G$21=$B$17,14,0)+IF('Standard Profiles'!$G$21=$B$24,21,0),0)),0)</f>
        <v>0</v>
      </c>
      <c r="H6166" cm="1">
        <f t="array" ref="H6166">IFERROR(INDEX(Jesper!AL$2:AL$366,ROUNDDOWN($C6166/24,0)+1,1)*INDEX($D$3:$AA$30,INDEX(Jesper!$R$2:$R$366,ROW(INDEX(Jesper!AL$2:AL$366,ROUNDDOWN($C6166/24,0)+1,1))-1)+IF('Standard Profiles'!$G$22=$B$10,7,0)+IF('Standard Profiles'!$G$22=$B$17,14,0)+IF('Standard Profiles'!$G$22=$B$24,21,0),MOD($C6166,24)+1)/SUM(INDEX($D$3:$AA$30,INDEX(Jesper!$R$2:$R$366,ROW(INDEX(Jesper!AL$2:AL$366,ROUNDDOWN($C6166/24,0)+1,1))-1)+IF('Standard Profiles'!$G$22=$B$10,7,0)+IF('Standard Profiles'!$G$22=$B$17,14,0)+IF('Standard Profiles'!$G$22=$B$24,21,0),0)),0)</f>
        <v>0</v>
      </c>
      <c r="I6166">
        <f t="shared" si="685"/>
        <v>0</v>
      </c>
      <c r="J6166">
        <f t="shared" si="686"/>
        <v>38.605958408615201</v>
      </c>
      <c r="K6166">
        <f t="shared" si="687"/>
        <v>3.3523688556415023</v>
      </c>
      <c r="L6166">
        <f t="shared" si="688"/>
        <v>1.6761844278207512</v>
      </c>
      <c r="M6166">
        <f t="shared" si="689"/>
        <v>0</v>
      </c>
      <c r="N6166" s="45">
        <f t="shared" si="690"/>
        <v>45182.499999985128</v>
      </c>
    </row>
    <row r="6167" spans="2:14" x14ac:dyDescent="0.25">
      <c r="B6167">
        <f t="shared" si="684"/>
        <v>3</v>
      </c>
      <c r="C6167" s="16">
        <v>6133</v>
      </c>
      <c r="D6167" cm="1">
        <f t="array" ref="D6167">IFERROR(INDEX(Jesper!AH$2:AH$366,ROUNDDOWN($C6167/24,0)+1,1)*INDEX($D$3:$AA$30,INDEX(Jesper!$R$2:$R$366,ROW(INDEX(Jesper!AH$2:AH$366,ROUNDDOWN($C6167/24,0)+1,1))-1)+IF('Standard Profiles'!$G$18=$B$10,7,0)+IF('Standard Profiles'!$G$18=$B$17,14,0)+IF('Standard Profiles'!$G$18=$B$24,21,0),MOD($C6167,24)+1)/SUM(INDEX($D$3:$AA$30,INDEX(Jesper!$R$2:$R$366,ROW(INDEX(Jesper!AH$2:AH$366,ROUNDDOWN($C6167/24,0)+1,1))-1)+IF('Standard Profiles'!$G$18=$B$10,7,0)+IF('Standard Profiles'!$G$18=$B$17,14,0)+IF('Standard Profiles'!$G$18=$B$24,21,0),0)),0)</f>
        <v>20.877475685803105</v>
      </c>
      <c r="E6167" cm="1">
        <f t="array" ref="E6167">IFERROR(INDEX(Jesper!AI$2:AI$366,ROUNDDOWN($C6167/24,0)+1,1)*INDEX($D$3:$AA$30,INDEX(Jesper!$R$2:$R$366,ROW(INDEX(Jesper!AI$2:AI$366,ROUNDDOWN($C6167/24,0)+1,1))-1)+IF('Standard Profiles'!$G$19=$B$10,7,0)+IF('Standard Profiles'!$G$19=$B$17,14,0)+IF('Standard Profiles'!$G$19=$B$24,21,0),MOD($C6167,24)+1)/SUM(INDEX($D$3:$AA$30,INDEX(Jesper!$R$2:$R$366,ROW(INDEX(Jesper!AI$2:AI$366,ROUNDDOWN($C6167/24,0)+1,1))-1)+IF('Standard Profiles'!$G$19=$B$10,7,0)+IF('Standard Profiles'!$G$19=$B$17,14,0)+IF('Standard Profiles'!$G$19=$B$24,21,0),0)),0)</f>
        <v>8.1083070810769211</v>
      </c>
      <c r="F6167" cm="1">
        <f t="array" ref="F6167">IFERROR(INDEX(Jesper!AJ$2:AJ$366,ROUNDDOWN($C6167/24,0)+1,1)*INDEX($D$3:$AA$30,INDEX(Jesper!$R$2:$R$366,ROW(INDEX(Jesper!AJ$2:AJ$366,ROUNDDOWN($C6167/24,0)+1,1))-1)+IF('Standard Profiles'!$G$20=$B$10,7,0)+IF('Standard Profiles'!$G$20=$B$17,14,0)+IF('Standard Profiles'!$G$20=$B$24,21,0),MOD($C6167,24)+1)/SUM(INDEX($D$3:$AA$30,INDEX(Jesper!$R$2:$R$366,ROW(INDEX(Jesper!AJ$2:AJ$366,ROUNDDOWN($C6167/24,0)+1,1))-1)+IF('Standard Profiles'!$G$20=$B$10,7,0)+IF('Standard Profiles'!$G$20=$B$17,14,0)+IF('Standard Profiles'!$G$20=$B$24,21,0),0)),0)</f>
        <v>0</v>
      </c>
      <c r="G6167" cm="1">
        <f t="array" ref="G6167">IFERROR(INDEX(Jesper!AK$2:AK$366,ROUNDDOWN($C6167/24,0)+1,1)*INDEX($D$3:$AA$30,INDEX(Jesper!$R$2:$R$366,ROW(INDEX(Jesper!AK$2:AK$366,ROUNDDOWN($C6167/24,0)+1,1))-1)+IF('Standard Profiles'!$G$21=$B$10,7,0)+IF('Standard Profiles'!$G$21=$B$17,14,0)+IF('Standard Profiles'!$G$21=$B$24,21,0),MOD($C6167,24)+1)/SUM(INDEX($D$3:$AA$30,INDEX(Jesper!$R$2:$R$366,ROW(INDEX(Jesper!AK$2:AK$366,ROUNDDOWN($C6167/24,0)+1,1))-1)+IF('Standard Profiles'!$G$21=$B$10,7,0)+IF('Standard Profiles'!$G$21=$B$17,14,0)+IF('Standard Profiles'!$G$21=$B$24,21,0),0)),0)</f>
        <v>0</v>
      </c>
      <c r="H6167" cm="1">
        <f t="array" ref="H6167">IFERROR(INDEX(Jesper!AL$2:AL$366,ROUNDDOWN($C6167/24,0)+1,1)*INDEX($D$3:$AA$30,INDEX(Jesper!$R$2:$R$366,ROW(INDEX(Jesper!AL$2:AL$366,ROUNDDOWN($C6167/24,0)+1,1))-1)+IF('Standard Profiles'!$G$22=$B$10,7,0)+IF('Standard Profiles'!$G$22=$B$17,14,0)+IF('Standard Profiles'!$G$22=$B$24,21,0),MOD($C6167,24)+1)/SUM(INDEX($D$3:$AA$30,INDEX(Jesper!$R$2:$R$366,ROW(INDEX(Jesper!AL$2:AL$366,ROUNDDOWN($C6167/24,0)+1,1))-1)+IF('Standard Profiles'!$G$22=$B$10,7,0)+IF('Standard Profiles'!$G$22=$B$17,14,0)+IF('Standard Profiles'!$G$22=$B$24,21,0),0)),0)</f>
        <v>0</v>
      </c>
      <c r="I6167">
        <f t="shared" si="685"/>
        <v>0</v>
      </c>
      <c r="J6167">
        <f t="shared" si="686"/>
        <v>25.645386657151526</v>
      </c>
      <c r="K6167">
        <f t="shared" si="687"/>
        <v>2.2269307398189979</v>
      </c>
      <c r="L6167">
        <f t="shared" si="688"/>
        <v>1.113465369909499</v>
      </c>
      <c r="M6167">
        <f t="shared" si="689"/>
        <v>0</v>
      </c>
      <c r="N6167" s="45">
        <f t="shared" si="690"/>
        <v>45182.541666651792</v>
      </c>
    </row>
    <row r="6168" spans="2:14" x14ac:dyDescent="0.25">
      <c r="B6168">
        <f t="shared" si="684"/>
        <v>3</v>
      </c>
      <c r="C6168" s="16">
        <v>6134</v>
      </c>
      <c r="D6168" cm="1">
        <f t="array" ref="D6168">IFERROR(INDEX(Jesper!AH$2:AH$366,ROUNDDOWN($C6168/24,0)+1,1)*INDEX($D$3:$AA$30,INDEX(Jesper!$R$2:$R$366,ROW(INDEX(Jesper!AH$2:AH$366,ROUNDDOWN($C6168/24,0)+1,1))-1)+IF('Standard Profiles'!$G$18=$B$10,7,0)+IF('Standard Profiles'!$G$18=$B$17,14,0)+IF('Standard Profiles'!$G$18=$B$24,21,0),MOD($C6168,24)+1)/SUM(INDEX($D$3:$AA$30,INDEX(Jesper!$R$2:$R$366,ROW(INDEX(Jesper!AH$2:AH$366,ROUNDDOWN($C6168/24,0)+1,1))-1)+IF('Standard Profiles'!$G$18=$B$10,7,0)+IF('Standard Profiles'!$G$18=$B$17,14,0)+IF('Standard Profiles'!$G$18=$B$24,21,0),0)),0)</f>
        <v>31.428458021639084</v>
      </c>
      <c r="E6168" cm="1">
        <f t="array" ref="E6168">IFERROR(INDEX(Jesper!AI$2:AI$366,ROUNDDOWN($C6168/24,0)+1,1)*INDEX($D$3:$AA$30,INDEX(Jesper!$R$2:$R$366,ROW(INDEX(Jesper!AI$2:AI$366,ROUNDDOWN($C6168/24,0)+1,1))-1)+IF('Standard Profiles'!$G$19=$B$10,7,0)+IF('Standard Profiles'!$G$19=$B$17,14,0)+IF('Standard Profiles'!$G$19=$B$24,21,0),MOD($C6168,24)+1)/SUM(INDEX($D$3:$AA$30,INDEX(Jesper!$R$2:$R$366,ROW(INDEX(Jesper!AI$2:AI$366,ROUNDDOWN($C6168/24,0)+1,1))-1)+IF('Standard Profiles'!$G$19=$B$10,7,0)+IF('Standard Profiles'!$G$19=$B$17,14,0)+IF('Standard Profiles'!$G$19=$B$24,21,0),0)),0)</f>
        <v>12.206053670438374</v>
      </c>
      <c r="F6168" cm="1">
        <f t="array" ref="F6168">IFERROR(INDEX(Jesper!AJ$2:AJ$366,ROUNDDOWN($C6168/24,0)+1,1)*INDEX($D$3:$AA$30,INDEX(Jesper!$R$2:$R$366,ROW(INDEX(Jesper!AJ$2:AJ$366,ROUNDDOWN($C6168/24,0)+1,1))-1)+IF('Standard Profiles'!$G$20=$B$10,7,0)+IF('Standard Profiles'!$G$20=$B$17,14,0)+IF('Standard Profiles'!$G$20=$B$24,21,0),MOD($C6168,24)+1)/SUM(INDEX($D$3:$AA$30,INDEX(Jesper!$R$2:$R$366,ROW(INDEX(Jesper!AJ$2:AJ$366,ROUNDDOWN($C6168/24,0)+1,1))-1)+IF('Standard Profiles'!$G$20=$B$10,7,0)+IF('Standard Profiles'!$G$20=$B$17,14,0)+IF('Standard Profiles'!$G$20=$B$24,21,0),0)),0)</f>
        <v>0</v>
      </c>
      <c r="G6168" cm="1">
        <f t="array" ref="G6168">IFERROR(INDEX(Jesper!AK$2:AK$366,ROUNDDOWN($C6168/24,0)+1,1)*INDEX($D$3:$AA$30,INDEX(Jesper!$R$2:$R$366,ROW(INDEX(Jesper!AK$2:AK$366,ROUNDDOWN($C6168/24,0)+1,1))-1)+IF('Standard Profiles'!$G$21=$B$10,7,0)+IF('Standard Profiles'!$G$21=$B$17,14,0)+IF('Standard Profiles'!$G$21=$B$24,21,0),MOD($C6168,24)+1)/SUM(INDEX($D$3:$AA$30,INDEX(Jesper!$R$2:$R$366,ROW(INDEX(Jesper!AK$2:AK$366,ROUNDDOWN($C6168/24,0)+1,1))-1)+IF('Standard Profiles'!$G$21=$B$10,7,0)+IF('Standard Profiles'!$G$21=$B$17,14,0)+IF('Standard Profiles'!$G$21=$B$24,21,0),0)),0)</f>
        <v>0</v>
      </c>
      <c r="H6168" cm="1">
        <f t="array" ref="H6168">IFERROR(INDEX(Jesper!AL$2:AL$366,ROUNDDOWN($C6168/24,0)+1,1)*INDEX($D$3:$AA$30,INDEX(Jesper!$R$2:$R$366,ROW(INDEX(Jesper!AL$2:AL$366,ROUNDDOWN($C6168/24,0)+1,1))-1)+IF('Standard Profiles'!$G$22=$B$10,7,0)+IF('Standard Profiles'!$G$22=$B$17,14,0)+IF('Standard Profiles'!$G$22=$B$24,21,0),MOD($C6168,24)+1)/SUM(INDEX($D$3:$AA$30,INDEX(Jesper!$R$2:$R$366,ROW(INDEX(Jesper!AL$2:AL$366,ROUNDDOWN($C6168/24,0)+1,1))-1)+IF('Standard Profiles'!$G$22=$B$10,7,0)+IF('Standard Profiles'!$G$22=$B$17,14,0)+IF('Standard Profiles'!$G$22=$B$24,21,0),0)),0)</f>
        <v>0</v>
      </c>
      <c r="I6168">
        <f t="shared" si="685"/>
        <v>0</v>
      </c>
      <c r="J6168">
        <f t="shared" si="686"/>
        <v>38.605958408615201</v>
      </c>
      <c r="K6168">
        <f t="shared" si="687"/>
        <v>3.3523688556415023</v>
      </c>
      <c r="L6168">
        <f t="shared" si="688"/>
        <v>1.6761844278207512</v>
      </c>
      <c r="M6168">
        <f t="shared" si="689"/>
        <v>0</v>
      </c>
      <c r="N6168" s="45">
        <f t="shared" si="690"/>
        <v>45182.583333318456</v>
      </c>
    </row>
    <row r="6169" spans="2:14" x14ac:dyDescent="0.25">
      <c r="B6169">
        <f t="shared" si="684"/>
        <v>3</v>
      </c>
      <c r="C6169" s="16">
        <v>6135</v>
      </c>
      <c r="D6169" cm="1">
        <f t="array" ref="D6169">IFERROR(INDEX(Jesper!AH$2:AH$366,ROUNDDOWN($C6169/24,0)+1,1)*INDEX($D$3:$AA$30,INDEX(Jesper!$R$2:$R$366,ROW(INDEX(Jesper!AH$2:AH$366,ROUNDDOWN($C6169/24,0)+1,1))-1)+IF('Standard Profiles'!$G$18=$B$10,7,0)+IF('Standard Profiles'!$G$18=$B$17,14,0)+IF('Standard Profiles'!$G$18=$B$24,21,0),MOD($C6169,24)+1)/SUM(INDEX($D$3:$AA$30,INDEX(Jesper!$R$2:$R$366,ROW(INDEX(Jesper!AH$2:AH$366,ROUNDDOWN($C6169/24,0)+1,1))-1)+IF('Standard Profiles'!$G$18=$B$10,7,0)+IF('Standard Profiles'!$G$18=$B$17,14,0)+IF('Standard Profiles'!$G$18=$B$24,21,0),0)),0)</f>
        <v>31.428458021639084</v>
      </c>
      <c r="E6169" cm="1">
        <f t="array" ref="E6169">IFERROR(INDEX(Jesper!AI$2:AI$366,ROUNDDOWN($C6169/24,0)+1,1)*INDEX($D$3:$AA$30,INDEX(Jesper!$R$2:$R$366,ROW(INDEX(Jesper!AI$2:AI$366,ROUNDDOWN($C6169/24,0)+1,1))-1)+IF('Standard Profiles'!$G$19=$B$10,7,0)+IF('Standard Profiles'!$G$19=$B$17,14,0)+IF('Standard Profiles'!$G$19=$B$24,21,0),MOD($C6169,24)+1)/SUM(INDEX($D$3:$AA$30,INDEX(Jesper!$R$2:$R$366,ROW(INDEX(Jesper!AI$2:AI$366,ROUNDDOWN($C6169/24,0)+1,1))-1)+IF('Standard Profiles'!$G$19=$B$10,7,0)+IF('Standard Profiles'!$G$19=$B$17,14,0)+IF('Standard Profiles'!$G$19=$B$24,21,0),0)),0)</f>
        <v>12.206053670438374</v>
      </c>
      <c r="F6169" cm="1">
        <f t="array" ref="F6169">IFERROR(INDEX(Jesper!AJ$2:AJ$366,ROUNDDOWN($C6169/24,0)+1,1)*INDEX($D$3:$AA$30,INDEX(Jesper!$R$2:$R$366,ROW(INDEX(Jesper!AJ$2:AJ$366,ROUNDDOWN($C6169/24,0)+1,1))-1)+IF('Standard Profiles'!$G$20=$B$10,7,0)+IF('Standard Profiles'!$G$20=$B$17,14,0)+IF('Standard Profiles'!$G$20=$B$24,21,0),MOD($C6169,24)+1)/SUM(INDEX($D$3:$AA$30,INDEX(Jesper!$R$2:$R$366,ROW(INDEX(Jesper!AJ$2:AJ$366,ROUNDDOWN($C6169/24,0)+1,1))-1)+IF('Standard Profiles'!$G$20=$B$10,7,0)+IF('Standard Profiles'!$G$20=$B$17,14,0)+IF('Standard Profiles'!$G$20=$B$24,21,0),0)),0)</f>
        <v>0</v>
      </c>
      <c r="G6169" cm="1">
        <f t="array" ref="G6169">IFERROR(INDEX(Jesper!AK$2:AK$366,ROUNDDOWN($C6169/24,0)+1,1)*INDEX($D$3:$AA$30,INDEX(Jesper!$R$2:$R$366,ROW(INDEX(Jesper!AK$2:AK$366,ROUNDDOWN($C6169/24,0)+1,1))-1)+IF('Standard Profiles'!$G$21=$B$10,7,0)+IF('Standard Profiles'!$G$21=$B$17,14,0)+IF('Standard Profiles'!$G$21=$B$24,21,0),MOD($C6169,24)+1)/SUM(INDEX($D$3:$AA$30,INDEX(Jesper!$R$2:$R$366,ROW(INDEX(Jesper!AK$2:AK$366,ROUNDDOWN($C6169/24,0)+1,1))-1)+IF('Standard Profiles'!$G$21=$B$10,7,0)+IF('Standard Profiles'!$G$21=$B$17,14,0)+IF('Standard Profiles'!$G$21=$B$24,21,0),0)),0)</f>
        <v>0</v>
      </c>
      <c r="H6169" cm="1">
        <f t="array" ref="H6169">IFERROR(INDEX(Jesper!AL$2:AL$366,ROUNDDOWN($C6169/24,0)+1,1)*INDEX($D$3:$AA$30,INDEX(Jesper!$R$2:$R$366,ROW(INDEX(Jesper!AL$2:AL$366,ROUNDDOWN($C6169/24,0)+1,1))-1)+IF('Standard Profiles'!$G$22=$B$10,7,0)+IF('Standard Profiles'!$G$22=$B$17,14,0)+IF('Standard Profiles'!$G$22=$B$24,21,0),MOD($C6169,24)+1)/SUM(INDEX($D$3:$AA$30,INDEX(Jesper!$R$2:$R$366,ROW(INDEX(Jesper!AL$2:AL$366,ROUNDDOWN($C6169/24,0)+1,1))-1)+IF('Standard Profiles'!$G$22=$B$10,7,0)+IF('Standard Profiles'!$G$22=$B$17,14,0)+IF('Standard Profiles'!$G$22=$B$24,21,0),0)),0)</f>
        <v>0</v>
      </c>
      <c r="I6169">
        <f t="shared" si="685"/>
        <v>0</v>
      </c>
      <c r="J6169">
        <f t="shared" si="686"/>
        <v>38.605958408615201</v>
      </c>
      <c r="K6169">
        <f t="shared" si="687"/>
        <v>3.3523688556415023</v>
      </c>
      <c r="L6169">
        <f t="shared" si="688"/>
        <v>1.6761844278207512</v>
      </c>
      <c r="M6169">
        <f t="shared" si="689"/>
        <v>0</v>
      </c>
      <c r="N6169" s="45">
        <f t="shared" si="690"/>
        <v>45182.624999985121</v>
      </c>
    </row>
    <row r="6170" spans="2:14" x14ac:dyDescent="0.25">
      <c r="B6170">
        <f t="shared" si="684"/>
        <v>3</v>
      </c>
      <c r="C6170" s="16">
        <v>6136</v>
      </c>
      <c r="D6170" cm="1">
        <f t="array" ref="D6170">IFERROR(INDEX(Jesper!AH$2:AH$366,ROUNDDOWN($C6170/24,0)+1,1)*INDEX($D$3:$AA$30,INDEX(Jesper!$R$2:$R$366,ROW(INDEX(Jesper!AH$2:AH$366,ROUNDDOWN($C6170/24,0)+1,1))-1)+IF('Standard Profiles'!$G$18=$B$10,7,0)+IF('Standard Profiles'!$G$18=$B$17,14,0)+IF('Standard Profiles'!$G$18=$B$24,21,0),MOD($C6170,24)+1)/SUM(INDEX($D$3:$AA$30,INDEX(Jesper!$R$2:$R$366,ROW(INDEX(Jesper!AH$2:AH$366,ROUNDDOWN($C6170/24,0)+1,1))-1)+IF('Standard Profiles'!$G$18=$B$10,7,0)+IF('Standard Profiles'!$G$18=$B$17,14,0)+IF('Standard Profiles'!$G$18=$B$24,21,0),0)),0)</f>
        <v>18.520341334180177</v>
      </c>
      <c r="E6170" cm="1">
        <f t="array" ref="E6170">IFERROR(INDEX(Jesper!AI$2:AI$366,ROUNDDOWN($C6170/24,0)+1,1)*INDEX($D$3:$AA$30,INDEX(Jesper!$R$2:$R$366,ROW(INDEX(Jesper!AI$2:AI$366,ROUNDDOWN($C6170/24,0)+1,1))-1)+IF('Standard Profiles'!$G$19=$B$10,7,0)+IF('Standard Profiles'!$G$19=$B$17,14,0)+IF('Standard Profiles'!$G$19=$B$24,21,0),MOD($C6170,24)+1)/SUM(INDEX($D$3:$AA$30,INDEX(Jesper!$R$2:$R$366,ROW(INDEX(Jesper!AI$2:AI$366,ROUNDDOWN($C6170/24,0)+1,1))-1)+IF('Standard Profiles'!$G$19=$B$10,7,0)+IF('Standard Profiles'!$G$19=$B$17,14,0)+IF('Standard Profiles'!$G$19=$B$24,21,0),0)),0)</f>
        <v>7.1928530557940427</v>
      </c>
      <c r="F6170" cm="1">
        <f t="array" ref="F6170">IFERROR(INDEX(Jesper!AJ$2:AJ$366,ROUNDDOWN($C6170/24,0)+1,1)*INDEX($D$3:$AA$30,INDEX(Jesper!$R$2:$R$366,ROW(INDEX(Jesper!AJ$2:AJ$366,ROUNDDOWN($C6170/24,0)+1,1))-1)+IF('Standard Profiles'!$G$20=$B$10,7,0)+IF('Standard Profiles'!$G$20=$B$17,14,0)+IF('Standard Profiles'!$G$20=$B$24,21,0),MOD($C6170,24)+1)/SUM(INDEX($D$3:$AA$30,INDEX(Jesper!$R$2:$R$366,ROW(INDEX(Jesper!AJ$2:AJ$366,ROUNDDOWN($C6170/24,0)+1,1))-1)+IF('Standard Profiles'!$G$20=$B$10,7,0)+IF('Standard Profiles'!$G$20=$B$17,14,0)+IF('Standard Profiles'!$G$20=$B$24,21,0),0)),0)</f>
        <v>0</v>
      </c>
      <c r="G6170" cm="1">
        <f t="array" ref="G6170">IFERROR(INDEX(Jesper!AK$2:AK$366,ROUNDDOWN($C6170/24,0)+1,1)*INDEX($D$3:$AA$30,INDEX(Jesper!$R$2:$R$366,ROW(INDEX(Jesper!AK$2:AK$366,ROUNDDOWN($C6170/24,0)+1,1))-1)+IF('Standard Profiles'!$G$21=$B$10,7,0)+IF('Standard Profiles'!$G$21=$B$17,14,0)+IF('Standard Profiles'!$G$21=$B$24,21,0),MOD($C6170,24)+1)/SUM(INDEX($D$3:$AA$30,INDEX(Jesper!$R$2:$R$366,ROW(INDEX(Jesper!AK$2:AK$366,ROUNDDOWN($C6170/24,0)+1,1))-1)+IF('Standard Profiles'!$G$21=$B$10,7,0)+IF('Standard Profiles'!$G$21=$B$17,14,0)+IF('Standard Profiles'!$G$21=$B$24,21,0),0)),0)</f>
        <v>0</v>
      </c>
      <c r="H6170" cm="1">
        <f t="array" ref="H6170">IFERROR(INDEX(Jesper!AL$2:AL$366,ROUNDDOWN($C6170/24,0)+1,1)*INDEX($D$3:$AA$30,INDEX(Jesper!$R$2:$R$366,ROW(INDEX(Jesper!AL$2:AL$366,ROUNDDOWN($C6170/24,0)+1,1))-1)+IF('Standard Profiles'!$G$22=$B$10,7,0)+IF('Standard Profiles'!$G$22=$B$17,14,0)+IF('Standard Profiles'!$G$22=$B$24,21,0),MOD($C6170,24)+1)/SUM(INDEX($D$3:$AA$30,INDEX(Jesper!$R$2:$R$366,ROW(INDEX(Jesper!AL$2:AL$366,ROUNDDOWN($C6170/24,0)+1,1))-1)+IF('Standard Profiles'!$G$22=$B$10,7,0)+IF('Standard Profiles'!$G$22=$B$17,14,0)+IF('Standard Profiles'!$G$22=$B$24,21,0),0)),0)</f>
        <v>0</v>
      </c>
      <c r="I6170">
        <f t="shared" si="685"/>
        <v>0</v>
      </c>
      <c r="J6170">
        <f t="shared" si="686"/>
        <v>22.749939776505393</v>
      </c>
      <c r="K6170">
        <f t="shared" si="687"/>
        <v>1.9755030756458858</v>
      </c>
      <c r="L6170">
        <f t="shared" si="688"/>
        <v>0.98775153782294289</v>
      </c>
      <c r="M6170">
        <f t="shared" si="689"/>
        <v>0</v>
      </c>
      <c r="N6170" s="45">
        <f t="shared" si="690"/>
        <v>45182.666666651785</v>
      </c>
    </row>
    <row r="6171" spans="2:14" x14ac:dyDescent="0.25">
      <c r="B6171">
        <f t="shared" si="684"/>
        <v>3</v>
      </c>
      <c r="C6171" s="16">
        <v>6137</v>
      </c>
      <c r="D6171" cm="1">
        <f t="array" ref="D6171">IFERROR(INDEX(Jesper!AH$2:AH$366,ROUNDDOWN($C6171/24,0)+1,1)*INDEX($D$3:$AA$30,INDEX(Jesper!$R$2:$R$366,ROW(INDEX(Jesper!AH$2:AH$366,ROUNDDOWN($C6171/24,0)+1,1))-1)+IF('Standard Profiles'!$G$18=$B$10,7,0)+IF('Standard Profiles'!$G$18=$B$17,14,0)+IF('Standard Profiles'!$G$18=$B$24,21,0),MOD($C6171,24)+1)/SUM(INDEX($D$3:$AA$30,INDEX(Jesper!$R$2:$R$366,ROW(INDEX(Jesper!AH$2:AH$366,ROUNDDOWN($C6171/24,0)+1,1))-1)+IF('Standard Profiles'!$G$18=$B$10,7,0)+IF('Standard Profiles'!$G$18=$B$17,14,0)+IF('Standard Profiles'!$G$18=$B$24,21,0),0)),0)</f>
        <v>7.9045417559454441</v>
      </c>
      <c r="E6171" cm="1">
        <f t="array" ref="E6171">IFERROR(INDEX(Jesper!AI$2:AI$366,ROUNDDOWN($C6171/24,0)+1,1)*INDEX($D$3:$AA$30,INDEX(Jesper!$R$2:$R$366,ROW(INDEX(Jesper!AI$2:AI$366,ROUNDDOWN($C6171/24,0)+1,1))-1)+IF('Standard Profiles'!$G$19=$B$10,7,0)+IF('Standard Profiles'!$G$19=$B$17,14,0)+IF('Standard Profiles'!$G$19=$B$24,21,0),MOD($C6171,24)+1)/SUM(INDEX($D$3:$AA$30,INDEX(Jesper!$R$2:$R$366,ROW(INDEX(Jesper!AI$2:AI$366,ROUNDDOWN($C6171/24,0)+1,1))-1)+IF('Standard Profiles'!$G$19=$B$10,7,0)+IF('Standard Profiles'!$G$19=$B$17,14,0)+IF('Standard Profiles'!$G$19=$B$24,21,0),0)),0)</f>
        <v>3.0699330157038167</v>
      </c>
      <c r="F6171" cm="1">
        <f t="array" ref="F6171">IFERROR(INDEX(Jesper!AJ$2:AJ$366,ROUNDDOWN($C6171/24,0)+1,1)*INDEX($D$3:$AA$30,INDEX(Jesper!$R$2:$R$366,ROW(INDEX(Jesper!AJ$2:AJ$366,ROUNDDOWN($C6171/24,0)+1,1))-1)+IF('Standard Profiles'!$G$20=$B$10,7,0)+IF('Standard Profiles'!$G$20=$B$17,14,0)+IF('Standard Profiles'!$G$20=$B$24,21,0),MOD($C6171,24)+1)/SUM(INDEX($D$3:$AA$30,INDEX(Jesper!$R$2:$R$366,ROW(INDEX(Jesper!AJ$2:AJ$366,ROUNDDOWN($C6171/24,0)+1,1))-1)+IF('Standard Profiles'!$G$20=$B$10,7,0)+IF('Standard Profiles'!$G$20=$B$17,14,0)+IF('Standard Profiles'!$G$20=$B$24,21,0),0)),0)</f>
        <v>0</v>
      </c>
      <c r="G6171" cm="1">
        <f t="array" ref="G6171">IFERROR(INDEX(Jesper!AK$2:AK$366,ROUNDDOWN($C6171/24,0)+1,1)*INDEX($D$3:$AA$30,INDEX(Jesper!$R$2:$R$366,ROW(INDEX(Jesper!AK$2:AK$366,ROUNDDOWN($C6171/24,0)+1,1))-1)+IF('Standard Profiles'!$G$21=$B$10,7,0)+IF('Standard Profiles'!$G$21=$B$17,14,0)+IF('Standard Profiles'!$G$21=$B$24,21,0),MOD($C6171,24)+1)/SUM(INDEX($D$3:$AA$30,INDEX(Jesper!$R$2:$R$366,ROW(INDEX(Jesper!AK$2:AK$366,ROUNDDOWN($C6171/24,0)+1,1))-1)+IF('Standard Profiles'!$G$21=$B$10,7,0)+IF('Standard Profiles'!$G$21=$B$17,14,0)+IF('Standard Profiles'!$G$21=$B$24,21,0),0)),0)</f>
        <v>0</v>
      </c>
      <c r="H6171" cm="1">
        <f t="array" ref="H6171">IFERROR(INDEX(Jesper!AL$2:AL$366,ROUNDDOWN($C6171/24,0)+1,1)*INDEX($D$3:$AA$30,INDEX(Jesper!$R$2:$R$366,ROW(INDEX(Jesper!AL$2:AL$366,ROUNDDOWN($C6171/24,0)+1,1))-1)+IF('Standard Profiles'!$G$22=$B$10,7,0)+IF('Standard Profiles'!$G$22=$B$17,14,0)+IF('Standard Profiles'!$G$22=$B$24,21,0),MOD($C6171,24)+1)/SUM(INDEX($D$3:$AA$30,INDEX(Jesper!$R$2:$R$366,ROW(INDEX(Jesper!AL$2:AL$366,ROUNDDOWN($C6171/24,0)+1,1))-1)+IF('Standard Profiles'!$G$22=$B$10,7,0)+IF('Standard Profiles'!$G$22=$B$17,14,0)+IF('Standard Profiles'!$G$22=$B$24,21,0),0)),0)</f>
        <v>0</v>
      </c>
      <c r="I6171">
        <f t="shared" si="685"/>
        <v>0</v>
      </c>
      <c r="J6171">
        <f t="shared" si="686"/>
        <v>9.7097480906979889</v>
      </c>
      <c r="K6171">
        <f t="shared" si="687"/>
        <v>0.84315112063418074</v>
      </c>
      <c r="L6171">
        <f t="shared" si="688"/>
        <v>0.42157556031709037</v>
      </c>
      <c r="M6171">
        <f t="shared" si="689"/>
        <v>0</v>
      </c>
      <c r="N6171" s="45">
        <f t="shared" si="690"/>
        <v>45182.708333318449</v>
      </c>
    </row>
    <row r="6172" spans="2:14" x14ac:dyDescent="0.25">
      <c r="B6172">
        <f t="shared" si="684"/>
        <v>3</v>
      </c>
      <c r="C6172" s="16">
        <v>6138</v>
      </c>
      <c r="D6172" cm="1">
        <f t="array" ref="D6172">IFERROR(INDEX(Jesper!AH$2:AH$366,ROUNDDOWN($C6172/24,0)+1,1)*INDEX($D$3:$AA$30,INDEX(Jesper!$R$2:$R$366,ROW(INDEX(Jesper!AH$2:AH$366,ROUNDDOWN($C6172/24,0)+1,1))-1)+IF('Standard Profiles'!$G$18=$B$10,7,0)+IF('Standard Profiles'!$G$18=$B$17,14,0)+IF('Standard Profiles'!$G$18=$B$24,21,0),MOD($C6172,24)+1)/SUM(INDEX($D$3:$AA$30,INDEX(Jesper!$R$2:$R$366,ROW(INDEX(Jesper!AH$2:AH$366,ROUNDDOWN($C6172/24,0)+1,1))-1)+IF('Standard Profiles'!$G$18=$B$10,7,0)+IF('Standard Profiles'!$G$18=$B$17,14,0)+IF('Standard Profiles'!$G$18=$B$24,21,0),0)),0)</f>
        <v>5.2169975589239934</v>
      </c>
      <c r="E6172" cm="1">
        <f t="array" ref="E6172">IFERROR(INDEX(Jesper!AI$2:AI$366,ROUNDDOWN($C6172/24,0)+1,1)*INDEX($D$3:$AA$30,INDEX(Jesper!$R$2:$R$366,ROW(INDEX(Jesper!AI$2:AI$366,ROUNDDOWN($C6172/24,0)+1,1))-1)+IF('Standard Profiles'!$G$19=$B$10,7,0)+IF('Standard Profiles'!$G$19=$B$17,14,0)+IF('Standard Profiles'!$G$19=$B$24,21,0),MOD($C6172,24)+1)/SUM(INDEX($D$3:$AA$30,INDEX(Jesper!$R$2:$R$366,ROW(INDEX(Jesper!AI$2:AI$366,ROUNDDOWN($C6172/24,0)+1,1))-1)+IF('Standard Profiles'!$G$19=$B$10,7,0)+IF('Standard Profiles'!$G$19=$B$17,14,0)+IF('Standard Profiles'!$G$19=$B$24,21,0),0)),0)</f>
        <v>2.0261557903645189</v>
      </c>
      <c r="F6172" cm="1">
        <f t="array" ref="F6172">IFERROR(INDEX(Jesper!AJ$2:AJ$366,ROUNDDOWN($C6172/24,0)+1,1)*INDEX($D$3:$AA$30,INDEX(Jesper!$R$2:$R$366,ROW(INDEX(Jesper!AJ$2:AJ$366,ROUNDDOWN($C6172/24,0)+1,1))-1)+IF('Standard Profiles'!$G$20=$B$10,7,0)+IF('Standard Profiles'!$G$20=$B$17,14,0)+IF('Standard Profiles'!$G$20=$B$24,21,0),MOD($C6172,24)+1)/SUM(INDEX($D$3:$AA$30,INDEX(Jesper!$R$2:$R$366,ROW(INDEX(Jesper!AJ$2:AJ$366,ROUNDDOWN($C6172/24,0)+1,1))-1)+IF('Standard Profiles'!$G$20=$B$10,7,0)+IF('Standard Profiles'!$G$20=$B$17,14,0)+IF('Standard Profiles'!$G$20=$B$24,21,0),0)),0)</f>
        <v>0</v>
      </c>
      <c r="G6172" cm="1">
        <f t="array" ref="G6172">IFERROR(INDEX(Jesper!AK$2:AK$366,ROUNDDOWN($C6172/24,0)+1,1)*INDEX($D$3:$AA$30,INDEX(Jesper!$R$2:$R$366,ROW(INDEX(Jesper!AK$2:AK$366,ROUNDDOWN($C6172/24,0)+1,1))-1)+IF('Standard Profiles'!$G$21=$B$10,7,0)+IF('Standard Profiles'!$G$21=$B$17,14,0)+IF('Standard Profiles'!$G$21=$B$24,21,0),MOD($C6172,24)+1)/SUM(INDEX($D$3:$AA$30,INDEX(Jesper!$R$2:$R$366,ROW(INDEX(Jesper!AK$2:AK$366,ROUNDDOWN($C6172/24,0)+1,1))-1)+IF('Standard Profiles'!$G$21=$B$10,7,0)+IF('Standard Profiles'!$G$21=$B$17,14,0)+IF('Standard Profiles'!$G$21=$B$24,21,0),0)),0)</f>
        <v>0</v>
      </c>
      <c r="H6172" cm="1">
        <f t="array" ref="H6172">IFERROR(INDEX(Jesper!AL$2:AL$366,ROUNDDOWN($C6172/24,0)+1,1)*INDEX($D$3:$AA$30,INDEX(Jesper!$R$2:$R$366,ROW(INDEX(Jesper!AL$2:AL$366,ROUNDDOWN($C6172/24,0)+1,1))-1)+IF('Standard Profiles'!$G$22=$B$10,7,0)+IF('Standard Profiles'!$G$22=$B$17,14,0)+IF('Standard Profiles'!$G$22=$B$24,21,0),MOD($C6172,24)+1)/SUM(INDEX($D$3:$AA$30,INDEX(Jesper!$R$2:$R$366,ROW(INDEX(Jesper!AL$2:AL$366,ROUNDDOWN($C6172/24,0)+1,1))-1)+IF('Standard Profiles'!$G$22=$B$10,7,0)+IF('Standard Profiles'!$G$22=$B$17,14,0)+IF('Standard Profiles'!$G$22=$B$24,21,0),0)),0)</f>
        <v>0</v>
      </c>
      <c r="I6172">
        <f t="shared" si="685"/>
        <v>0</v>
      </c>
      <c r="J6172">
        <f t="shared" si="686"/>
        <v>6.4084337398606728</v>
      </c>
      <c r="K6172">
        <f t="shared" si="687"/>
        <v>0.55647973961855934</v>
      </c>
      <c r="L6172">
        <f t="shared" si="688"/>
        <v>0.27823986980927967</v>
      </c>
      <c r="M6172">
        <f t="shared" si="689"/>
        <v>0</v>
      </c>
      <c r="N6172" s="45">
        <f t="shared" si="690"/>
        <v>45182.749999985113</v>
      </c>
    </row>
    <row r="6173" spans="2:14" x14ac:dyDescent="0.25">
      <c r="B6173">
        <f t="shared" si="684"/>
        <v>3</v>
      </c>
      <c r="C6173" s="16">
        <v>6139</v>
      </c>
      <c r="D6173" cm="1">
        <f t="array" ref="D6173">IFERROR(INDEX(Jesper!AH$2:AH$366,ROUNDDOWN($C6173/24,0)+1,1)*INDEX($D$3:$AA$30,INDEX(Jesper!$R$2:$R$366,ROW(INDEX(Jesper!AH$2:AH$366,ROUNDDOWN($C6173/24,0)+1,1))-1)+IF('Standard Profiles'!$G$18=$B$10,7,0)+IF('Standard Profiles'!$G$18=$B$17,14,0)+IF('Standard Profiles'!$G$18=$B$24,21,0),MOD($C6173,24)+1)/SUM(INDEX($D$3:$AA$30,INDEX(Jesper!$R$2:$R$366,ROW(INDEX(Jesper!AH$2:AH$366,ROUNDDOWN($C6173/24,0)+1,1))-1)+IF('Standard Profiles'!$G$18=$B$10,7,0)+IF('Standard Profiles'!$G$18=$B$17,14,0)+IF('Standard Profiles'!$G$18=$B$24,21,0),0)),0)</f>
        <v>5.2169975589239934</v>
      </c>
      <c r="E6173" cm="1">
        <f t="array" ref="E6173">IFERROR(INDEX(Jesper!AI$2:AI$366,ROUNDDOWN($C6173/24,0)+1,1)*INDEX($D$3:$AA$30,INDEX(Jesper!$R$2:$R$366,ROW(INDEX(Jesper!AI$2:AI$366,ROUNDDOWN($C6173/24,0)+1,1))-1)+IF('Standard Profiles'!$G$19=$B$10,7,0)+IF('Standard Profiles'!$G$19=$B$17,14,0)+IF('Standard Profiles'!$G$19=$B$24,21,0),MOD($C6173,24)+1)/SUM(INDEX($D$3:$AA$30,INDEX(Jesper!$R$2:$R$366,ROW(INDEX(Jesper!AI$2:AI$366,ROUNDDOWN($C6173/24,0)+1,1))-1)+IF('Standard Profiles'!$G$19=$B$10,7,0)+IF('Standard Profiles'!$G$19=$B$17,14,0)+IF('Standard Profiles'!$G$19=$B$24,21,0),0)),0)</f>
        <v>2.0261557903645189</v>
      </c>
      <c r="F6173" cm="1">
        <f t="array" ref="F6173">IFERROR(INDEX(Jesper!AJ$2:AJ$366,ROUNDDOWN($C6173/24,0)+1,1)*INDEX($D$3:$AA$30,INDEX(Jesper!$R$2:$R$366,ROW(INDEX(Jesper!AJ$2:AJ$366,ROUNDDOWN($C6173/24,0)+1,1))-1)+IF('Standard Profiles'!$G$20=$B$10,7,0)+IF('Standard Profiles'!$G$20=$B$17,14,0)+IF('Standard Profiles'!$G$20=$B$24,21,0),MOD($C6173,24)+1)/SUM(INDEX($D$3:$AA$30,INDEX(Jesper!$R$2:$R$366,ROW(INDEX(Jesper!AJ$2:AJ$366,ROUNDDOWN($C6173/24,0)+1,1))-1)+IF('Standard Profiles'!$G$20=$B$10,7,0)+IF('Standard Profiles'!$G$20=$B$17,14,0)+IF('Standard Profiles'!$G$20=$B$24,21,0),0)),0)</f>
        <v>0</v>
      </c>
      <c r="G6173" cm="1">
        <f t="array" ref="G6173">IFERROR(INDEX(Jesper!AK$2:AK$366,ROUNDDOWN($C6173/24,0)+1,1)*INDEX($D$3:$AA$30,INDEX(Jesper!$R$2:$R$366,ROW(INDEX(Jesper!AK$2:AK$366,ROUNDDOWN($C6173/24,0)+1,1))-1)+IF('Standard Profiles'!$G$21=$B$10,7,0)+IF('Standard Profiles'!$G$21=$B$17,14,0)+IF('Standard Profiles'!$G$21=$B$24,21,0),MOD($C6173,24)+1)/SUM(INDEX($D$3:$AA$30,INDEX(Jesper!$R$2:$R$366,ROW(INDEX(Jesper!AK$2:AK$366,ROUNDDOWN($C6173/24,0)+1,1))-1)+IF('Standard Profiles'!$G$21=$B$10,7,0)+IF('Standard Profiles'!$G$21=$B$17,14,0)+IF('Standard Profiles'!$G$21=$B$24,21,0),0)),0)</f>
        <v>0</v>
      </c>
      <c r="H6173" cm="1">
        <f t="array" ref="H6173">IFERROR(INDEX(Jesper!AL$2:AL$366,ROUNDDOWN($C6173/24,0)+1,1)*INDEX($D$3:$AA$30,INDEX(Jesper!$R$2:$R$366,ROW(INDEX(Jesper!AL$2:AL$366,ROUNDDOWN($C6173/24,0)+1,1))-1)+IF('Standard Profiles'!$G$22=$B$10,7,0)+IF('Standard Profiles'!$G$22=$B$17,14,0)+IF('Standard Profiles'!$G$22=$B$24,21,0),MOD($C6173,24)+1)/SUM(INDEX($D$3:$AA$30,INDEX(Jesper!$R$2:$R$366,ROW(INDEX(Jesper!AL$2:AL$366,ROUNDDOWN($C6173/24,0)+1,1))-1)+IF('Standard Profiles'!$G$22=$B$10,7,0)+IF('Standard Profiles'!$G$22=$B$17,14,0)+IF('Standard Profiles'!$G$22=$B$24,21,0),0)),0)</f>
        <v>0</v>
      </c>
      <c r="I6173">
        <f t="shared" si="685"/>
        <v>0</v>
      </c>
      <c r="J6173">
        <f t="shared" si="686"/>
        <v>6.4084337398606728</v>
      </c>
      <c r="K6173">
        <f t="shared" si="687"/>
        <v>0.55647973961855934</v>
      </c>
      <c r="L6173">
        <f t="shared" si="688"/>
        <v>0.27823986980927967</v>
      </c>
      <c r="M6173">
        <f t="shared" si="689"/>
        <v>0</v>
      </c>
      <c r="N6173" s="45">
        <f t="shared" si="690"/>
        <v>45182.791666651778</v>
      </c>
    </row>
    <row r="6174" spans="2:14" x14ac:dyDescent="0.25">
      <c r="B6174">
        <f t="shared" si="684"/>
        <v>3</v>
      </c>
      <c r="C6174" s="16">
        <v>6140</v>
      </c>
      <c r="D6174" cm="1">
        <f t="array" ref="D6174">IFERROR(INDEX(Jesper!AH$2:AH$366,ROUNDDOWN($C6174/24,0)+1,1)*INDEX($D$3:$AA$30,INDEX(Jesper!$R$2:$R$366,ROW(INDEX(Jesper!AH$2:AH$366,ROUNDDOWN($C6174/24,0)+1,1))-1)+IF('Standard Profiles'!$G$18=$B$10,7,0)+IF('Standard Profiles'!$G$18=$B$17,14,0)+IF('Standard Profiles'!$G$18=$B$24,21,0),MOD($C6174,24)+1)/SUM(INDEX($D$3:$AA$30,INDEX(Jesper!$R$2:$R$366,ROW(INDEX(Jesper!AH$2:AH$366,ROUNDDOWN($C6174/24,0)+1,1))-1)+IF('Standard Profiles'!$G$18=$B$10,7,0)+IF('Standard Profiles'!$G$18=$B$17,14,0)+IF('Standard Profiles'!$G$18=$B$24,21,0),0)),0)</f>
        <v>5.2169975589239934</v>
      </c>
      <c r="E6174" cm="1">
        <f t="array" ref="E6174">IFERROR(INDEX(Jesper!AI$2:AI$366,ROUNDDOWN($C6174/24,0)+1,1)*INDEX($D$3:$AA$30,INDEX(Jesper!$R$2:$R$366,ROW(INDEX(Jesper!AI$2:AI$366,ROUNDDOWN($C6174/24,0)+1,1))-1)+IF('Standard Profiles'!$G$19=$B$10,7,0)+IF('Standard Profiles'!$G$19=$B$17,14,0)+IF('Standard Profiles'!$G$19=$B$24,21,0),MOD($C6174,24)+1)/SUM(INDEX($D$3:$AA$30,INDEX(Jesper!$R$2:$R$366,ROW(INDEX(Jesper!AI$2:AI$366,ROUNDDOWN($C6174/24,0)+1,1))-1)+IF('Standard Profiles'!$G$19=$B$10,7,0)+IF('Standard Profiles'!$G$19=$B$17,14,0)+IF('Standard Profiles'!$G$19=$B$24,21,0),0)),0)</f>
        <v>2.0261557903645189</v>
      </c>
      <c r="F6174" cm="1">
        <f t="array" ref="F6174">IFERROR(INDEX(Jesper!AJ$2:AJ$366,ROUNDDOWN($C6174/24,0)+1,1)*INDEX($D$3:$AA$30,INDEX(Jesper!$R$2:$R$366,ROW(INDEX(Jesper!AJ$2:AJ$366,ROUNDDOWN($C6174/24,0)+1,1))-1)+IF('Standard Profiles'!$G$20=$B$10,7,0)+IF('Standard Profiles'!$G$20=$B$17,14,0)+IF('Standard Profiles'!$G$20=$B$24,21,0),MOD($C6174,24)+1)/SUM(INDEX($D$3:$AA$30,INDEX(Jesper!$R$2:$R$366,ROW(INDEX(Jesper!AJ$2:AJ$366,ROUNDDOWN($C6174/24,0)+1,1))-1)+IF('Standard Profiles'!$G$20=$B$10,7,0)+IF('Standard Profiles'!$G$20=$B$17,14,0)+IF('Standard Profiles'!$G$20=$B$24,21,0),0)),0)</f>
        <v>0</v>
      </c>
      <c r="G6174" cm="1">
        <f t="array" ref="G6174">IFERROR(INDEX(Jesper!AK$2:AK$366,ROUNDDOWN($C6174/24,0)+1,1)*INDEX($D$3:$AA$30,INDEX(Jesper!$R$2:$R$366,ROW(INDEX(Jesper!AK$2:AK$366,ROUNDDOWN($C6174/24,0)+1,1))-1)+IF('Standard Profiles'!$G$21=$B$10,7,0)+IF('Standard Profiles'!$G$21=$B$17,14,0)+IF('Standard Profiles'!$G$21=$B$24,21,0),MOD($C6174,24)+1)/SUM(INDEX($D$3:$AA$30,INDEX(Jesper!$R$2:$R$366,ROW(INDEX(Jesper!AK$2:AK$366,ROUNDDOWN($C6174/24,0)+1,1))-1)+IF('Standard Profiles'!$G$21=$B$10,7,0)+IF('Standard Profiles'!$G$21=$B$17,14,0)+IF('Standard Profiles'!$G$21=$B$24,21,0),0)),0)</f>
        <v>0</v>
      </c>
      <c r="H6174" cm="1">
        <f t="array" ref="H6174">IFERROR(INDEX(Jesper!AL$2:AL$366,ROUNDDOWN($C6174/24,0)+1,1)*INDEX($D$3:$AA$30,INDEX(Jesper!$R$2:$R$366,ROW(INDEX(Jesper!AL$2:AL$366,ROUNDDOWN($C6174/24,0)+1,1))-1)+IF('Standard Profiles'!$G$22=$B$10,7,0)+IF('Standard Profiles'!$G$22=$B$17,14,0)+IF('Standard Profiles'!$G$22=$B$24,21,0),MOD($C6174,24)+1)/SUM(INDEX($D$3:$AA$30,INDEX(Jesper!$R$2:$R$366,ROW(INDEX(Jesper!AL$2:AL$366,ROUNDDOWN($C6174/24,0)+1,1))-1)+IF('Standard Profiles'!$G$22=$B$10,7,0)+IF('Standard Profiles'!$G$22=$B$17,14,0)+IF('Standard Profiles'!$G$22=$B$24,21,0),0)),0)</f>
        <v>0</v>
      </c>
      <c r="I6174">
        <f t="shared" si="685"/>
        <v>0</v>
      </c>
      <c r="J6174">
        <f t="shared" si="686"/>
        <v>6.4084337398606728</v>
      </c>
      <c r="K6174">
        <f t="shared" si="687"/>
        <v>0.55647973961855934</v>
      </c>
      <c r="L6174">
        <f t="shared" si="688"/>
        <v>0.27823986980927967</v>
      </c>
      <c r="M6174">
        <f t="shared" si="689"/>
        <v>0</v>
      </c>
      <c r="N6174" s="45">
        <f t="shared" si="690"/>
        <v>45182.833333318442</v>
      </c>
    </row>
    <row r="6175" spans="2:14" x14ac:dyDescent="0.25">
      <c r="B6175">
        <f t="shared" si="684"/>
        <v>3</v>
      </c>
      <c r="C6175" s="16">
        <v>6141</v>
      </c>
      <c r="D6175" cm="1">
        <f t="array" ref="D6175">IFERROR(INDEX(Jesper!AH$2:AH$366,ROUNDDOWN($C6175/24,0)+1,1)*INDEX($D$3:$AA$30,INDEX(Jesper!$R$2:$R$366,ROW(INDEX(Jesper!AH$2:AH$366,ROUNDDOWN($C6175/24,0)+1,1))-1)+IF('Standard Profiles'!$G$18=$B$10,7,0)+IF('Standard Profiles'!$G$18=$B$17,14,0)+IF('Standard Profiles'!$G$18=$B$24,21,0),MOD($C6175,24)+1)/SUM(INDEX($D$3:$AA$30,INDEX(Jesper!$R$2:$R$366,ROW(INDEX(Jesper!AH$2:AH$366,ROUNDDOWN($C6175/24,0)+1,1))-1)+IF('Standard Profiles'!$G$18=$B$10,7,0)+IF('Standard Profiles'!$G$18=$B$17,14,0)+IF('Standard Profiles'!$G$18=$B$24,21,0),0)),0)</f>
        <v>5.2169975589239934</v>
      </c>
      <c r="E6175" cm="1">
        <f t="array" ref="E6175">IFERROR(INDEX(Jesper!AI$2:AI$366,ROUNDDOWN($C6175/24,0)+1,1)*INDEX($D$3:$AA$30,INDEX(Jesper!$R$2:$R$366,ROW(INDEX(Jesper!AI$2:AI$366,ROUNDDOWN($C6175/24,0)+1,1))-1)+IF('Standard Profiles'!$G$19=$B$10,7,0)+IF('Standard Profiles'!$G$19=$B$17,14,0)+IF('Standard Profiles'!$G$19=$B$24,21,0),MOD($C6175,24)+1)/SUM(INDEX($D$3:$AA$30,INDEX(Jesper!$R$2:$R$366,ROW(INDEX(Jesper!AI$2:AI$366,ROUNDDOWN($C6175/24,0)+1,1))-1)+IF('Standard Profiles'!$G$19=$B$10,7,0)+IF('Standard Profiles'!$G$19=$B$17,14,0)+IF('Standard Profiles'!$G$19=$B$24,21,0),0)),0)</f>
        <v>2.0261557903645189</v>
      </c>
      <c r="F6175" cm="1">
        <f t="array" ref="F6175">IFERROR(INDEX(Jesper!AJ$2:AJ$366,ROUNDDOWN($C6175/24,0)+1,1)*INDEX($D$3:$AA$30,INDEX(Jesper!$R$2:$R$366,ROW(INDEX(Jesper!AJ$2:AJ$366,ROUNDDOWN($C6175/24,0)+1,1))-1)+IF('Standard Profiles'!$G$20=$B$10,7,0)+IF('Standard Profiles'!$G$20=$B$17,14,0)+IF('Standard Profiles'!$G$20=$B$24,21,0),MOD($C6175,24)+1)/SUM(INDEX($D$3:$AA$30,INDEX(Jesper!$R$2:$R$366,ROW(INDEX(Jesper!AJ$2:AJ$366,ROUNDDOWN($C6175/24,0)+1,1))-1)+IF('Standard Profiles'!$G$20=$B$10,7,0)+IF('Standard Profiles'!$G$20=$B$17,14,0)+IF('Standard Profiles'!$G$20=$B$24,21,0),0)),0)</f>
        <v>0</v>
      </c>
      <c r="G6175" cm="1">
        <f t="array" ref="G6175">IFERROR(INDEX(Jesper!AK$2:AK$366,ROUNDDOWN($C6175/24,0)+1,1)*INDEX($D$3:$AA$30,INDEX(Jesper!$R$2:$R$366,ROW(INDEX(Jesper!AK$2:AK$366,ROUNDDOWN($C6175/24,0)+1,1))-1)+IF('Standard Profiles'!$G$21=$B$10,7,0)+IF('Standard Profiles'!$G$21=$B$17,14,0)+IF('Standard Profiles'!$G$21=$B$24,21,0),MOD($C6175,24)+1)/SUM(INDEX($D$3:$AA$30,INDEX(Jesper!$R$2:$R$366,ROW(INDEX(Jesper!AK$2:AK$366,ROUNDDOWN($C6175/24,0)+1,1))-1)+IF('Standard Profiles'!$G$21=$B$10,7,0)+IF('Standard Profiles'!$G$21=$B$17,14,0)+IF('Standard Profiles'!$G$21=$B$24,21,0),0)),0)</f>
        <v>0</v>
      </c>
      <c r="H6175" cm="1">
        <f t="array" ref="H6175">IFERROR(INDEX(Jesper!AL$2:AL$366,ROUNDDOWN($C6175/24,0)+1,1)*INDEX($D$3:$AA$30,INDEX(Jesper!$R$2:$R$366,ROW(INDEX(Jesper!AL$2:AL$366,ROUNDDOWN($C6175/24,0)+1,1))-1)+IF('Standard Profiles'!$G$22=$B$10,7,0)+IF('Standard Profiles'!$G$22=$B$17,14,0)+IF('Standard Profiles'!$G$22=$B$24,21,0),MOD($C6175,24)+1)/SUM(INDEX($D$3:$AA$30,INDEX(Jesper!$R$2:$R$366,ROW(INDEX(Jesper!AL$2:AL$366,ROUNDDOWN($C6175/24,0)+1,1))-1)+IF('Standard Profiles'!$G$22=$B$10,7,0)+IF('Standard Profiles'!$G$22=$B$17,14,0)+IF('Standard Profiles'!$G$22=$B$24,21,0),0)),0)</f>
        <v>0</v>
      </c>
      <c r="I6175">
        <f t="shared" si="685"/>
        <v>0</v>
      </c>
      <c r="J6175">
        <f t="shared" si="686"/>
        <v>6.4084337398606728</v>
      </c>
      <c r="K6175">
        <f t="shared" si="687"/>
        <v>0.55647973961855934</v>
      </c>
      <c r="L6175">
        <f t="shared" si="688"/>
        <v>0.27823986980927967</v>
      </c>
      <c r="M6175">
        <f t="shared" si="689"/>
        <v>0</v>
      </c>
      <c r="N6175" s="45">
        <f t="shared" si="690"/>
        <v>45182.874999985106</v>
      </c>
    </row>
    <row r="6176" spans="2:14" x14ac:dyDescent="0.25">
      <c r="B6176">
        <f t="shared" si="684"/>
        <v>3</v>
      </c>
      <c r="C6176" s="16">
        <v>6142</v>
      </c>
      <c r="D6176" cm="1">
        <f t="array" ref="D6176">IFERROR(INDEX(Jesper!AH$2:AH$366,ROUNDDOWN($C6176/24,0)+1,1)*INDEX($D$3:$AA$30,INDEX(Jesper!$R$2:$R$366,ROW(INDEX(Jesper!AH$2:AH$366,ROUNDDOWN($C6176/24,0)+1,1))-1)+IF('Standard Profiles'!$G$18=$B$10,7,0)+IF('Standard Profiles'!$G$18=$B$17,14,0)+IF('Standard Profiles'!$G$18=$B$24,21,0),MOD($C6176,24)+1)/SUM(INDEX($D$3:$AA$30,INDEX(Jesper!$R$2:$R$366,ROW(INDEX(Jesper!AH$2:AH$366,ROUNDDOWN($C6176/24,0)+1,1))-1)+IF('Standard Profiles'!$G$18=$B$10,7,0)+IF('Standard Profiles'!$G$18=$B$17,14,0)+IF('Standard Profiles'!$G$18=$B$24,21,0),0)),0)</f>
        <v>5.2169975589239934</v>
      </c>
      <c r="E6176" cm="1">
        <f t="array" ref="E6176">IFERROR(INDEX(Jesper!AI$2:AI$366,ROUNDDOWN($C6176/24,0)+1,1)*INDEX($D$3:$AA$30,INDEX(Jesper!$R$2:$R$366,ROW(INDEX(Jesper!AI$2:AI$366,ROUNDDOWN($C6176/24,0)+1,1))-1)+IF('Standard Profiles'!$G$19=$B$10,7,0)+IF('Standard Profiles'!$G$19=$B$17,14,0)+IF('Standard Profiles'!$G$19=$B$24,21,0),MOD($C6176,24)+1)/SUM(INDEX($D$3:$AA$30,INDEX(Jesper!$R$2:$R$366,ROW(INDEX(Jesper!AI$2:AI$366,ROUNDDOWN($C6176/24,0)+1,1))-1)+IF('Standard Profiles'!$G$19=$B$10,7,0)+IF('Standard Profiles'!$G$19=$B$17,14,0)+IF('Standard Profiles'!$G$19=$B$24,21,0),0)),0)</f>
        <v>2.0261557903645189</v>
      </c>
      <c r="F6176" cm="1">
        <f t="array" ref="F6176">IFERROR(INDEX(Jesper!AJ$2:AJ$366,ROUNDDOWN($C6176/24,0)+1,1)*INDEX($D$3:$AA$30,INDEX(Jesper!$R$2:$R$366,ROW(INDEX(Jesper!AJ$2:AJ$366,ROUNDDOWN($C6176/24,0)+1,1))-1)+IF('Standard Profiles'!$G$20=$B$10,7,0)+IF('Standard Profiles'!$G$20=$B$17,14,0)+IF('Standard Profiles'!$G$20=$B$24,21,0),MOD($C6176,24)+1)/SUM(INDEX($D$3:$AA$30,INDEX(Jesper!$R$2:$R$366,ROW(INDEX(Jesper!AJ$2:AJ$366,ROUNDDOWN($C6176/24,0)+1,1))-1)+IF('Standard Profiles'!$G$20=$B$10,7,0)+IF('Standard Profiles'!$G$20=$B$17,14,0)+IF('Standard Profiles'!$G$20=$B$24,21,0),0)),0)</f>
        <v>0</v>
      </c>
      <c r="G6176" cm="1">
        <f t="array" ref="G6176">IFERROR(INDEX(Jesper!AK$2:AK$366,ROUNDDOWN($C6176/24,0)+1,1)*INDEX($D$3:$AA$30,INDEX(Jesper!$R$2:$R$366,ROW(INDEX(Jesper!AK$2:AK$366,ROUNDDOWN($C6176/24,0)+1,1))-1)+IF('Standard Profiles'!$G$21=$B$10,7,0)+IF('Standard Profiles'!$G$21=$B$17,14,0)+IF('Standard Profiles'!$G$21=$B$24,21,0),MOD($C6176,24)+1)/SUM(INDEX($D$3:$AA$30,INDEX(Jesper!$R$2:$R$366,ROW(INDEX(Jesper!AK$2:AK$366,ROUNDDOWN($C6176/24,0)+1,1))-1)+IF('Standard Profiles'!$G$21=$B$10,7,0)+IF('Standard Profiles'!$G$21=$B$17,14,0)+IF('Standard Profiles'!$G$21=$B$24,21,0),0)),0)</f>
        <v>0</v>
      </c>
      <c r="H6176" cm="1">
        <f t="array" ref="H6176">IFERROR(INDEX(Jesper!AL$2:AL$366,ROUNDDOWN($C6176/24,0)+1,1)*INDEX($D$3:$AA$30,INDEX(Jesper!$R$2:$R$366,ROW(INDEX(Jesper!AL$2:AL$366,ROUNDDOWN($C6176/24,0)+1,1))-1)+IF('Standard Profiles'!$G$22=$B$10,7,0)+IF('Standard Profiles'!$G$22=$B$17,14,0)+IF('Standard Profiles'!$G$22=$B$24,21,0),MOD($C6176,24)+1)/SUM(INDEX($D$3:$AA$30,INDEX(Jesper!$R$2:$R$366,ROW(INDEX(Jesper!AL$2:AL$366,ROUNDDOWN($C6176/24,0)+1,1))-1)+IF('Standard Profiles'!$G$22=$B$10,7,0)+IF('Standard Profiles'!$G$22=$B$17,14,0)+IF('Standard Profiles'!$G$22=$B$24,21,0),0)),0)</f>
        <v>0</v>
      </c>
      <c r="I6176">
        <f t="shared" si="685"/>
        <v>0</v>
      </c>
      <c r="J6176">
        <f t="shared" si="686"/>
        <v>6.4084337398606728</v>
      </c>
      <c r="K6176">
        <f t="shared" si="687"/>
        <v>0.55647973961855934</v>
      </c>
      <c r="L6176">
        <f t="shared" si="688"/>
        <v>0.27823986980927967</v>
      </c>
      <c r="M6176">
        <f t="shared" si="689"/>
        <v>0</v>
      </c>
      <c r="N6176" s="45">
        <f t="shared" si="690"/>
        <v>45182.91666665177</v>
      </c>
    </row>
    <row r="6177" spans="2:14" x14ac:dyDescent="0.25">
      <c r="B6177">
        <f t="shared" si="684"/>
        <v>3</v>
      </c>
      <c r="C6177" s="16">
        <v>6143</v>
      </c>
      <c r="D6177" cm="1">
        <f t="array" ref="D6177">IFERROR(INDEX(Jesper!AH$2:AH$366,ROUNDDOWN($C6177/24,0)+1,1)*INDEX($D$3:$AA$30,INDEX(Jesper!$R$2:$R$366,ROW(INDEX(Jesper!AH$2:AH$366,ROUNDDOWN($C6177/24,0)+1,1))-1)+IF('Standard Profiles'!$G$18=$B$10,7,0)+IF('Standard Profiles'!$G$18=$B$17,14,0)+IF('Standard Profiles'!$G$18=$B$24,21,0),MOD($C6177,24)+1)/SUM(INDEX($D$3:$AA$30,INDEX(Jesper!$R$2:$R$366,ROW(INDEX(Jesper!AH$2:AH$366,ROUNDDOWN($C6177/24,0)+1,1))-1)+IF('Standard Profiles'!$G$18=$B$10,7,0)+IF('Standard Profiles'!$G$18=$B$17,14,0)+IF('Standard Profiles'!$G$18=$B$24,21,0),0)),0)</f>
        <v>5.2169975589239934</v>
      </c>
      <c r="E6177" cm="1">
        <f t="array" ref="E6177">IFERROR(INDEX(Jesper!AI$2:AI$366,ROUNDDOWN($C6177/24,0)+1,1)*INDEX($D$3:$AA$30,INDEX(Jesper!$R$2:$R$366,ROW(INDEX(Jesper!AI$2:AI$366,ROUNDDOWN($C6177/24,0)+1,1))-1)+IF('Standard Profiles'!$G$19=$B$10,7,0)+IF('Standard Profiles'!$G$19=$B$17,14,0)+IF('Standard Profiles'!$G$19=$B$24,21,0),MOD($C6177,24)+1)/SUM(INDEX($D$3:$AA$30,INDEX(Jesper!$R$2:$R$366,ROW(INDEX(Jesper!AI$2:AI$366,ROUNDDOWN($C6177/24,0)+1,1))-1)+IF('Standard Profiles'!$G$19=$B$10,7,0)+IF('Standard Profiles'!$G$19=$B$17,14,0)+IF('Standard Profiles'!$G$19=$B$24,21,0),0)),0)</f>
        <v>2.0261557903645189</v>
      </c>
      <c r="F6177" cm="1">
        <f t="array" ref="F6177">IFERROR(INDEX(Jesper!AJ$2:AJ$366,ROUNDDOWN($C6177/24,0)+1,1)*INDEX($D$3:$AA$30,INDEX(Jesper!$R$2:$R$366,ROW(INDEX(Jesper!AJ$2:AJ$366,ROUNDDOWN($C6177/24,0)+1,1))-1)+IF('Standard Profiles'!$G$20=$B$10,7,0)+IF('Standard Profiles'!$G$20=$B$17,14,0)+IF('Standard Profiles'!$G$20=$B$24,21,0),MOD($C6177,24)+1)/SUM(INDEX($D$3:$AA$30,INDEX(Jesper!$R$2:$R$366,ROW(INDEX(Jesper!AJ$2:AJ$366,ROUNDDOWN($C6177/24,0)+1,1))-1)+IF('Standard Profiles'!$G$20=$B$10,7,0)+IF('Standard Profiles'!$G$20=$B$17,14,0)+IF('Standard Profiles'!$G$20=$B$24,21,0),0)),0)</f>
        <v>0</v>
      </c>
      <c r="G6177" cm="1">
        <f t="array" ref="G6177">IFERROR(INDEX(Jesper!AK$2:AK$366,ROUNDDOWN($C6177/24,0)+1,1)*INDEX($D$3:$AA$30,INDEX(Jesper!$R$2:$R$366,ROW(INDEX(Jesper!AK$2:AK$366,ROUNDDOWN($C6177/24,0)+1,1))-1)+IF('Standard Profiles'!$G$21=$B$10,7,0)+IF('Standard Profiles'!$G$21=$B$17,14,0)+IF('Standard Profiles'!$G$21=$B$24,21,0),MOD($C6177,24)+1)/SUM(INDEX($D$3:$AA$30,INDEX(Jesper!$R$2:$R$366,ROW(INDEX(Jesper!AK$2:AK$366,ROUNDDOWN($C6177/24,0)+1,1))-1)+IF('Standard Profiles'!$G$21=$B$10,7,0)+IF('Standard Profiles'!$G$21=$B$17,14,0)+IF('Standard Profiles'!$G$21=$B$24,21,0),0)),0)</f>
        <v>0</v>
      </c>
      <c r="H6177" cm="1">
        <f t="array" ref="H6177">IFERROR(INDEX(Jesper!AL$2:AL$366,ROUNDDOWN($C6177/24,0)+1,1)*INDEX($D$3:$AA$30,INDEX(Jesper!$R$2:$R$366,ROW(INDEX(Jesper!AL$2:AL$366,ROUNDDOWN($C6177/24,0)+1,1))-1)+IF('Standard Profiles'!$G$22=$B$10,7,0)+IF('Standard Profiles'!$G$22=$B$17,14,0)+IF('Standard Profiles'!$G$22=$B$24,21,0),MOD($C6177,24)+1)/SUM(INDEX($D$3:$AA$30,INDEX(Jesper!$R$2:$R$366,ROW(INDEX(Jesper!AL$2:AL$366,ROUNDDOWN($C6177/24,0)+1,1))-1)+IF('Standard Profiles'!$G$22=$B$10,7,0)+IF('Standard Profiles'!$G$22=$B$17,14,0)+IF('Standard Profiles'!$G$22=$B$24,21,0),0)),0)</f>
        <v>0</v>
      </c>
      <c r="I6177">
        <f t="shared" si="685"/>
        <v>0</v>
      </c>
      <c r="J6177">
        <f t="shared" si="686"/>
        <v>6.4084337398606728</v>
      </c>
      <c r="K6177">
        <f t="shared" si="687"/>
        <v>0.55647973961855934</v>
      </c>
      <c r="L6177">
        <f t="shared" si="688"/>
        <v>0.27823986980927967</v>
      </c>
      <c r="M6177">
        <f t="shared" si="689"/>
        <v>0</v>
      </c>
      <c r="N6177" s="45">
        <f t="shared" si="690"/>
        <v>45182.958333318435</v>
      </c>
    </row>
    <row r="6178" spans="2:14" x14ac:dyDescent="0.25">
      <c r="B6178">
        <f t="shared" si="684"/>
        <v>4</v>
      </c>
      <c r="C6178" s="16">
        <v>6144</v>
      </c>
      <c r="D6178" cm="1">
        <f t="array" ref="D6178">IFERROR(INDEX(Jesper!AH$2:AH$366,ROUNDDOWN($C6178/24,0)+1,1)*INDEX($D$3:$AA$30,INDEX(Jesper!$R$2:$R$366,ROW(INDEX(Jesper!AH$2:AH$366,ROUNDDOWN($C6178/24,0)+1,1))-1)+IF('Standard Profiles'!$G$18=$B$10,7,0)+IF('Standard Profiles'!$G$18=$B$17,14,0)+IF('Standard Profiles'!$G$18=$B$24,21,0),MOD($C6178,24)+1)/SUM(INDEX($D$3:$AA$30,INDEX(Jesper!$R$2:$R$366,ROW(INDEX(Jesper!AH$2:AH$366,ROUNDDOWN($C6178/24,0)+1,1))-1)+IF('Standard Profiles'!$G$18=$B$10,7,0)+IF('Standard Profiles'!$G$18=$B$17,14,0)+IF('Standard Profiles'!$G$18=$B$24,21,0),0)),0)</f>
        <v>5.3597759715935149</v>
      </c>
      <c r="E6178" cm="1">
        <f t="array" ref="E6178">IFERROR(INDEX(Jesper!AI$2:AI$366,ROUNDDOWN($C6178/24,0)+1,1)*INDEX($D$3:$AA$30,INDEX(Jesper!$R$2:$R$366,ROW(INDEX(Jesper!AI$2:AI$366,ROUNDDOWN($C6178/24,0)+1,1))-1)+IF('Standard Profiles'!$G$19=$B$10,7,0)+IF('Standard Profiles'!$G$19=$B$17,14,0)+IF('Standard Profiles'!$G$19=$B$24,21,0),MOD($C6178,24)+1)/SUM(INDEX($D$3:$AA$30,INDEX(Jesper!$R$2:$R$366,ROW(INDEX(Jesper!AI$2:AI$366,ROUNDDOWN($C6178/24,0)+1,1))-1)+IF('Standard Profiles'!$G$19=$B$10,7,0)+IF('Standard Profiles'!$G$19=$B$17,14,0)+IF('Standard Profiles'!$G$19=$B$24,21,0),0)),0)</f>
        <v>2.2930538596054686</v>
      </c>
      <c r="F6178" cm="1">
        <f t="array" ref="F6178">IFERROR(INDEX(Jesper!AJ$2:AJ$366,ROUNDDOWN($C6178/24,0)+1,1)*INDEX($D$3:$AA$30,INDEX(Jesper!$R$2:$R$366,ROW(INDEX(Jesper!AJ$2:AJ$366,ROUNDDOWN($C6178/24,0)+1,1))-1)+IF('Standard Profiles'!$G$20=$B$10,7,0)+IF('Standard Profiles'!$G$20=$B$17,14,0)+IF('Standard Profiles'!$G$20=$B$24,21,0),MOD($C6178,24)+1)/SUM(INDEX($D$3:$AA$30,INDEX(Jesper!$R$2:$R$366,ROW(INDEX(Jesper!AJ$2:AJ$366,ROUNDDOWN($C6178/24,0)+1,1))-1)+IF('Standard Profiles'!$G$20=$B$10,7,0)+IF('Standard Profiles'!$G$20=$B$17,14,0)+IF('Standard Profiles'!$G$20=$B$24,21,0),0)),0)</f>
        <v>0</v>
      </c>
      <c r="G6178" cm="1">
        <f t="array" ref="G6178">IFERROR(INDEX(Jesper!AK$2:AK$366,ROUNDDOWN($C6178/24,0)+1,1)*INDEX($D$3:$AA$30,INDEX(Jesper!$R$2:$R$366,ROW(INDEX(Jesper!AK$2:AK$366,ROUNDDOWN($C6178/24,0)+1,1))-1)+IF('Standard Profiles'!$G$21=$B$10,7,0)+IF('Standard Profiles'!$G$21=$B$17,14,0)+IF('Standard Profiles'!$G$21=$B$24,21,0),MOD($C6178,24)+1)/SUM(INDEX($D$3:$AA$30,INDEX(Jesper!$R$2:$R$366,ROW(INDEX(Jesper!AK$2:AK$366,ROUNDDOWN($C6178/24,0)+1,1))-1)+IF('Standard Profiles'!$G$21=$B$10,7,0)+IF('Standard Profiles'!$G$21=$B$17,14,0)+IF('Standard Profiles'!$G$21=$B$24,21,0),0)),0)</f>
        <v>0.25631365184101595</v>
      </c>
      <c r="H6178" cm="1">
        <f t="array" ref="H6178">IFERROR(INDEX(Jesper!AL$2:AL$366,ROUNDDOWN($C6178/24,0)+1,1)*INDEX($D$3:$AA$30,INDEX(Jesper!$R$2:$R$366,ROW(INDEX(Jesper!AL$2:AL$366,ROUNDDOWN($C6178/24,0)+1,1))-1)+IF('Standard Profiles'!$G$22=$B$10,7,0)+IF('Standard Profiles'!$G$22=$B$17,14,0)+IF('Standard Profiles'!$G$22=$B$24,21,0),MOD($C6178,24)+1)/SUM(INDEX($D$3:$AA$30,INDEX(Jesper!$R$2:$R$366,ROW(INDEX(Jesper!AL$2:AL$366,ROUNDDOWN($C6178/24,0)+1,1))-1)+IF('Standard Profiles'!$G$22=$B$10,7,0)+IF('Standard Profiles'!$G$22=$B$17,14,0)+IF('Standard Profiles'!$G$22=$B$24,21,0),0)),0)</f>
        <v>0</v>
      </c>
      <c r="I6178">
        <f t="shared" si="685"/>
        <v>0.1230305528836876</v>
      </c>
      <c r="J6178">
        <f t="shared" si="686"/>
        <v>6.9285487747013494</v>
      </c>
      <c r="K6178">
        <f t="shared" si="687"/>
        <v>0.571709436969975</v>
      </c>
      <c r="L6178">
        <f t="shared" si="688"/>
        <v>0.2858547184849875</v>
      </c>
      <c r="M6178">
        <f t="shared" si="689"/>
        <v>0</v>
      </c>
      <c r="N6178" s="45">
        <f t="shared" si="690"/>
        <v>45182.999999985099</v>
      </c>
    </row>
    <row r="6179" spans="2:14" x14ac:dyDescent="0.25">
      <c r="B6179">
        <f t="shared" ref="B6179:B6242" si="691">WEEKDAY(N6179,2)</f>
        <v>4</v>
      </c>
      <c r="C6179" s="16">
        <v>6145</v>
      </c>
      <c r="D6179" cm="1">
        <f t="array" ref="D6179">IFERROR(INDEX(Jesper!AH$2:AH$366,ROUNDDOWN($C6179/24,0)+1,1)*INDEX($D$3:$AA$30,INDEX(Jesper!$R$2:$R$366,ROW(INDEX(Jesper!AH$2:AH$366,ROUNDDOWN($C6179/24,0)+1,1))-1)+IF('Standard Profiles'!$G$18=$B$10,7,0)+IF('Standard Profiles'!$G$18=$B$17,14,0)+IF('Standard Profiles'!$G$18=$B$24,21,0),MOD($C6179,24)+1)/SUM(INDEX($D$3:$AA$30,INDEX(Jesper!$R$2:$R$366,ROW(INDEX(Jesper!AH$2:AH$366,ROUNDDOWN($C6179/24,0)+1,1))-1)+IF('Standard Profiles'!$G$18=$B$10,7,0)+IF('Standard Profiles'!$G$18=$B$17,14,0)+IF('Standard Profiles'!$G$18=$B$24,21,0),0)),0)</f>
        <v>5.3597759715935149</v>
      </c>
      <c r="E6179" cm="1">
        <f t="array" ref="E6179">IFERROR(INDEX(Jesper!AI$2:AI$366,ROUNDDOWN($C6179/24,0)+1,1)*INDEX($D$3:$AA$30,INDEX(Jesper!$R$2:$R$366,ROW(INDEX(Jesper!AI$2:AI$366,ROUNDDOWN($C6179/24,0)+1,1))-1)+IF('Standard Profiles'!$G$19=$B$10,7,0)+IF('Standard Profiles'!$G$19=$B$17,14,0)+IF('Standard Profiles'!$G$19=$B$24,21,0),MOD($C6179,24)+1)/SUM(INDEX($D$3:$AA$30,INDEX(Jesper!$R$2:$R$366,ROW(INDEX(Jesper!AI$2:AI$366,ROUNDDOWN($C6179/24,0)+1,1))-1)+IF('Standard Profiles'!$G$19=$B$10,7,0)+IF('Standard Profiles'!$G$19=$B$17,14,0)+IF('Standard Profiles'!$G$19=$B$24,21,0),0)),0)</f>
        <v>2.2930538596054686</v>
      </c>
      <c r="F6179" cm="1">
        <f t="array" ref="F6179">IFERROR(INDEX(Jesper!AJ$2:AJ$366,ROUNDDOWN($C6179/24,0)+1,1)*INDEX($D$3:$AA$30,INDEX(Jesper!$R$2:$R$366,ROW(INDEX(Jesper!AJ$2:AJ$366,ROUNDDOWN($C6179/24,0)+1,1))-1)+IF('Standard Profiles'!$G$20=$B$10,7,0)+IF('Standard Profiles'!$G$20=$B$17,14,0)+IF('Standard Profiles'!$G$20=$B$24,21,0),MOD($C6179,24)+1)/SUM(INDEX($D$3:$AA$30,INDEX(Jesper!$R$2:$R$366,ROW(INDEX(Jesper!AJ$2:AJ$366,ROUNDDOWN($C6179/24,0)+1,1))-1)+IF('Standard Profiles'!$G$20=$B$10,7,0)+IF('Standard Profiles'!$G$20=$B$17,14,0)+IF('Standard Profiles'!$G$20=$B$24,21,0),0)),0)</f>
        <v>0</v>
      </c>
      <c r="G6179" cm="1">
        <f t="array" ref="G6179">IFERROR(INDEX(Jesper!AK$2:AK$366,ROUNDDOWN($C6179/24,0)+1,1)*INDEX($D$3:$AA$30,INDEX(Jesper!$R$2:$R$366,ROW(INDEX(Jesper!AK$2:AK$366,ROUNDDOWN($C6179/24,0)+1,1))-1)+IF('Standard Profiles'!$G$21=$B$10,7,0)+IF('Standard Profiles'!$G$21=$B$17,14,0)+IF('Standard Profiles'!$G$21=$B$24,21,0),MOD($C6179,24)+1)/SUM(INDEX($D$3:$AA$30,INDEX(Jesper!$R$2:$R$366,ROW(INDEX(Jesper!AK$2:AK$366,ROUNDDOWN($C6179/24,0)+1,1))-1)+IF('Standard Profiles'!$G$21=$B$10,7,0)+IF('Standard Profiles'!$G$21=$B$17,14,0)+IF('Standard Profiles'!$G$21=$B$24,21,0),0)),0)</f>
        <v>0.25631365184101595</v>
      </c>
      <c r="H6179" cm="1">
        <f t="array" ref="H6179">IFERROR(INDEX(Jesper!AL$2:AL$366,ROUNDDOWN($C6179/24,0)+1,1)*INDEX($D$3:$AA$30,INDEX(Jesper!$R$2:$R$366,ROW(INDEX(Jesper!AL$2:AL$366,ROUNDDOWN($C6179/24,0)+1,1))-1)+IF('Standard Profiles'!$G$22=$B$10,7,0)+IF('Standard Profiles'!$G$22=$B$17,14,0)+IF('Standard Profiles'!$G$22=$B$24,21,0),MOD($C6179,24)+1)/SUM(INDEX($D$3:$AA$30,INDEX(Jesper!$R$2:$R$366,ROW(INDEX(Jesper!AL$2:AL$366,ROUNDDOWN($C6179/24,0)+1,1))-1)+IF('Standard Profiles'!$G$22=$B$10,7,0)+IF('Standard Profiles'!$G$22=$B$17,14,0)+IF('Standard Profiles'!$G$22=$B$24,21,0),0)),0)</f>
        <v>0</v>
      </c>
      <c r="I6179">
        <f t="shared" ref="I6179:I6242" si="692">IF($B6179&lt;6,AC$37*$D6179+AC$38*$E6179+AC$39*$F6179+AC$40*$G6179,AC$46*$D6179+AC$47*$E6179+AC$48*$F6179+AC$49*$G6179+AC$50*$H6179)</f>
        <v>0.1230305528836876</v>
      </c>
      <c r="J6179">
        <f t="shared" ref="J6179:J6242" si="693">IF($B6179&lt;6,AD$37*$D6179+AD$38*$E6179+AD$39*$F6179+AD$40*$G6179,AD$46*$D6179+AD$47*$E6179+AD$48*$F6179+AD$49*$G6179+AD$50*$H6179)</f>
        <v>6.9285487747013494</v>
      </c>
      <c r="K6179">
        <f t="shared" ref="K6179:K6242" si="694">IF($B6179&lt;6,AE$37*$D6179+AE$38*$E6179+AE$39*$F6179+AE$40*$G6179,AE$46*$D6179+AE$47*$E6179+AE$48*$F6179+AE$49*$G6179+AE$50*$H6179)</f>
        <v>0.571709436969975</v>
      </c>
      <c r="L6179">
        <f t="shared" ref="L6179:L6242" si="695">IF($B6179&lt;6,AF$37*$D6179+AF$38*$E6179+AF$39*$F6179+AF$40*$G6179,AF$46*$D6179+AF$47*$E6179+AF$48*$F6179+AF$49*$G6179+AF$50*$H6179)</f>
        <v>0.2858547184849875</v>
      </c>
      <c r="M6179">
        <f t="shared" ref="M6179:M6242" si="696">IF($B6179&lt;6,AG$37*$D6179+AG$38*$E6179+AG$39*$F6179+AG$40*$G6179,AG$46*$D6179+AG$47*$E6179+AG$48*$F6179+AG$49*$G6179+AG$50*$H6179)</f>
        <v>0</v>
      </c>
      <c r="N6179" s="45">
        <f t="shared" si="690"/>
        <v>45183.041666651763</v>
      </c>
    </row>
    <row r="6180" spans="2:14" x14ac:dyDescent="0.25">
      <c r="B6180">
        <f t="shared" si="691"/>
        <v>4</v>
      </c>
      <c r="C6180" s="16">
        <v>6146</v>
      </c>
      <c r="D6180" cm="1">
        <f t="array" ref="D6180">IFERROR(INDEX(Jesper!AH$2:AH$366,ROUNDDOWN($C6180/24,0)+1,1)*INDEX($D$3:$AA$30,INDEX(Jesper!$R$2:$R$366,ROW(INDEX(Jesper!AH$2:AH$366,ROUNDDOWN($C6180/24,0)+1,1))-1)+IF('Standard Profiles'!$G$18=$B$10,7,0)+IF('Standard Profiles'!$G$18=$B$17,14,0)+IF('Standard Profiles'!$G$18=$B$24,21,0),MOD($C6180,24)+1)/SUM(INDEX($D$3:$AA$30,INDEX(Jesper!$R$2:$R$366,ROW(INDEX(Jesper!AH$2:AH$366,ROUNDDOWN($C6180/24,0)+1,1))-1)+IF('Standard Profiles'!$G$18=$B$10,7,0)+IF('Standard Profiles'!$G$18=$B$17,14,0)+IF('Standard Profiles'!$G$18=$B$24,21,0),0)),0)</f>
        <v>5.3597759715935149</v>
      </c>
      <c r="E6180" cm="1">
        <f t="array" ref="E6180">IFERROR(INDEX(Jesper!AI$2:AI$366,ROUNDDOWN($C6180/24,0)+1,1)*INDEX($D$3:$AA$30,INDEX(Jesper!$R$2:$R$366,ROW(INDEX(Jesper!AI$2:AI$366,ROUNDDOWN($C6180/24,0)+1,1))-1)+IF('Standard Profiles'!$G$19=$B$10,7,0)+IF('Standard Profiles'!$G$19=$B$17,14,0)+IF('Standard Profiles'!$G$19=$B$24,21,0),MOD($C6180,24)+1)/SUM(INDEX($D$3:$AA$30,INDEX(Jesper!$R$2:$R$366,ROW(INDEX(Jesper!AI$2:AI$366,ROUNDDOWN($C6180/24,0)+1,1))-1)+IF('Standard Profiles'!$G$19=$B$10,7,0)+IF('Standard Profiles'!$G$19=$B$17,14,0)+IF('Standard Profiles'!$G$19=$B$24,21,0),0)),0)</f>
        <v>2.2930538596054686</v>
      </c>
      <c r="F6180" cm="1">
        <f t="array" ref="F6180">IFERROR(INDEX(Jesper!AJ$2:AJ$366,ROUNDDOWN($C6180/24,0)+1,1)*INDEX($D$3:$AA$30,INDEX(Jesper!$R$2:$R$366,ROW(INDEX(Jesper!AJ$2:AJ$366,ROUNDDOWN($C6180/24,0)+1,1))-1)+IF('Standard Profiles'!$G$20=$B$10,7,0)+IF('Standard Profiles'!$G$20=$B$17,14,0)+IF('Standard Profiles'!$G$20=$B$24,21,0),MOD($C6180,24)+1)/SUM(INDEX($D$3:$AA$30,INDEX(Jesper!$R$2:$R$366,ROW(INDEX(Jesper!AJ$2:AJ$366,ROUNDDOWN($C6180/24,0)+1,1))-1)+IF('Standard Profiles'!$G$20=$B$10,7,0)+IF('Standard Profiles'!$G$20=$B$17,14,0)+IF('Standard Profiles'!$G$20=$B$24,21,0),0)),0)</f>
        <v>0</v>
      </c>
      <c r="G6180" cm="1">
        <f t="array" ref="G6180">IFERROR(INDEX(Jesper!AK$2:AK$366,ROUNDDOWN($C6180/24,0)+1,1)*INDEX($D$3:$AA$30,INDEX(Jesper!$R$2:$R$366,ROW(INDEX(Jesper!AK$2:AK$366,ROUNDDOWN($C6180/24,0)+1,1))-1)+IF('Standard Profiles'!$G$21=$B$10,7,0)+IF('Standard Profiles'!$G$21=$B$17,14,0)+IF('Standard Profiles'!$G$21=$B$24,21,0),MOD($C6180,24)+1)/SUM(INDEX($D$3:$AA$30,INDEX(Jesper!$R$2:$R$366,ROW(INDEX(Jesper!AK$2:AK$366,ROUNDDOWN($C6180/24,0)+1,1))-1)+IF('Standard Profiles'!$G$21=$B$10,7,0)+IF('Standard Profiles'!$G$21=$B$17,14,0)+IF('Standard Profiles'!$G$21=$B$24,21,0),0)),0)</f>
        <v>0.25631365184101595</v>
      </c>
      <c r="H6180" cm="1">
        <f t="array" ref="H6180">IFERROR(INDEX(Jesper!AL$2:AL$366,ROUNDDOWN($C6180/24,0)+1,1)*INDEX($D$3:$AA$30,INDEX(Jesper!$R$2:$R$366,ROW(INDEX(Jesper!AL$2:AL$366,ROUNDDOWN($C6180/24,0)+1,1))-1)+IF('Standard Profiles'!$G$22=$B$10,7,0)+IF('Standard Profiles'!$G$22=$B$17,14,0)+IF('Standard Profiles'!$G$22=$B$24,21,0),MOD($C6180,24)+1)/SUM(INDEX($D$3:$AA$30,INDEX(Jesper!$R$2:$R$366,ROW(INDEX(Jesper!AL$2:AL$366,ROUNDDOWN($C6180/24,0)+1,1))-1)+IF('Standard Profiles'!$G$22=$B$10,7,0)+IF('Standard Profiles'!$G$22=$B$17,14,0)+IF('Standard Profiles'!$G$22=$B$24,21,0),0)),0)</f>
        <v>0</v>
      </c>
      <c r="I6180">
        <f t="shared" si="692"/>
        <v>0.1230305528836876</v>
      </c>
      <c r="J6180">
        <f t="shared" si="693"/>
        <v>6.9285487747013494</v>
      </c>
      <c r="K6180">
        <f t="shared" si="694"/>
        <v>0.571709436969975</v>
      </c>
      <c r="L6180">
        <f t="shared" si="695"/>
        <v>0.2858547184849875</v>
      </c>
      <c r="M6180">
        <f t="shared" si="696"/>
        <v>0</v>
      </c>
      <c r="N6180" s="45">
        <f t="shared" ref="N6180:N6243" si="697">N6179+1/24</f>
        <v>45183.083333318427</v>
      </c>
    </row>
    <row r="6181" spans="2:14" x14ac:dyDescent="0.25">
      <c r="B6181">
        <f t="shared" si="691"/>
        <v>4</v>
      </c>
      <c r="C6181" s="16">
        <v>6147</v>
      </c>
      <c r="D6181" cm="1">
        <f t="array" ref="D6181">IFERROR(INDEX(Jesper!AH$2:AH$366,ROUNDDOWN($C6181/24,0)+1,1)*INDEX($D$3:$AA$30,INDEX(Jesper!$R$2:$R$366,ROW(INDEX(Jesper!AH$2:AH$366,ROUNDDOWN($C6181/24,0)+1,1))-1)+IF('Standard Profiles'!$G$18=$B$10,7,0)+IF('Standard Profiles'!$G$18=$B$17,14,0)+IF('Standard Profiles'!$G$18=$B$24,21,0),MOD($C6181,24)+1)/SUM(INDEX($D$3:$AA$30,INDEX(Jesper!$R$2:$R$366,ROW(INDEX(Jesper!AH$2:AH$366,ROUNDDOWN($C6181/24,0)+1,1))-1)+IF('Standard Profiles'!$G$18=$B$10,7,0)+IF('Standard Profiles'!$G$18=$B$17,14,0)+IF('Standard Profiles'!$G$18=$B$24,21,0),0)),0)</f>
        <v>5.3597759715935149</v>
      </c>
      <c r="E6181" cm="1">
        <f t="array" ref="E6181">IFERROR(INDEX(Jesper!AI$2:AI$366,ROUNDDOWN($C6181/24,0)+1,1)*INDEX($D$3:$AA$30,INDEX(Jesper!$R$2:$R$366,ROW(INDEX(Jesper!AI$2:AI$366,ROUNDDOWN($C6181/24,0)+1,1))-1)+IF('Standard Profiles'!$G$19=$B$10,7,0)+IF('Standard Profiles'!$G$19=$B$17,14,0)+IF('Standard Profiles'!$G$19=$B$24,21,0),MOD($C6181,24)+1)/SUM(INDEX($D$3:$AA$30,INDEX(Jesper!$R$2:$R$366,ROW(INDEX(Jesper!AI$2:AI$366,ROUNDDOWN($C6181/24,0)+1,1))-1)+IF('Standard Profiles'!$G$19=$B$10,7,0)+IF('Standard Profiles'!$G$19=$B$17,14,0)+IF('Standard Profiles'!$G$19=$B$24,21,0),0)),0)</f>
        <v>2.2930538596054686</v>
      </c>
      <c r="F6181" cm="1">
        <f t="array" ref="F6181">IFERROR(INDEX(Jesper!AJ$2:AJ$366,ROUNDDOWN($C6181/24,0)+1,1)*INDEX($D$3:$AA$30,INDEX(Jesper!$R$2:$R$366,ROW(INDEX(Jesper!AJ$2:AJ$366,ROUNDDOWN($C6181/24,0)+1,1))-1)+IF('Standard Profiles'!$G$20=$B$10,7,0)+IF('Standard Profiles'!$G$20=$B$17,14,0)+IF('Standard Profiles'!$G$20=$B$24,21,0),MOD($C6181,24)+1)/SUM(INDEX($D$3:$AA$30,INDEX(Jesper!$R$2:$R$366,ROW(INDEX(Jesper!AJ$2:AJ$366,ROUNDDOWN($C6181/24,0)+1,1))-1)+IF('Standard Profiles'!$G$20=$B$10,7,0)+IF('Standard Profiles'!$G$20=$B$17,14,0)+IF('Standard Profiles'!$G$20=$B$24,21,0),0)),0)</f>
        <v>0</v>
      </c>
      <c r="G6181" cm="1">
        <f t="array" ref="G6181">IFERROR(INDEX(Jesper!AK$2:AK$366,ROUNDDOWN($C6181/24,0)+1,1)*INDEX($D$3:$AA$30,INDEX(Jesper!$R$2:$R$366,ROW(INDEX(Jesper!AK$2:AK$366,ROUNDDOWN($C6181/24,0)+1,1))-1)+IF('Standard Profiles'!$G$21=$B$10,7,0)+IF('Standard Profiles'!$G$21=$B$17,14,0)+IF('Standard Profiles'!$G$21=$B$24,21,0),MOD($C6181,24)+1)/SUM(INDEX($D$3:$AA$30,INDEX(Jesper!$R$2:$R$366,ROW(INDEX(Jesper!AK$2:AK$366,ROUNDDOWN($C6181/24,0)+1,1))-1)+IF('Standard Profiles'!$G$21=$B$10,7,0)+IF('Standard Profiles'!$G$21=$B$17,14,0)+IF('Standard Profiles'!$G$21=$B$24,21,0),0)),0)</f>
        <v>0.25631365184101595</v>
      </c>
      <c r="H6181" cm="1">
        <f t="array" ref="H6181">IFERROR(INDEX(Jesper!AL$2:AL$366,ROUNDDOWN($C6181/24,0)+1,1)*INDEX($D$3:$AA$30,INDEX(Jesper!$R$2:$R$366,ROW(INDEX(Jesper!AL$2:AL$366,ROUNDDOWN($C6181/24,0)+1,1))-1)+IF('Standard Profiles'!$G$22=$B$10,7,0)+IF('Standard Profiles'!$G$22=$B$17,14,0)+IF('Standard Profiles'!$G$22=$B$24,21,0),MOD($C6181,24)+1)/SUM(INDEX($D$3:$AA$30,INDEX(Jesper!$R$2:$R$366,ROW(INDEX(Jesper!AL$2:AL$366,ROUNDDOWN($C6181/24,0)+1,1))-1)+IF('Standard Profiles'!$G$22=$B$10,7,0)+IF('Standard Profiles'!$G$22=$B$17,14,0)+IF('Standard Profiles'!$G$22=$B$24,21,0),0)),0)</f>
        <v>0</v>
      </c>
      <c r="I6181">
        <f t="shared" si="692"/>
        <v>0.1230305528836876</v>
      </c>
      <c r="J6181">
        <f t="shared" si="693"/>
        <v>6.9285487747013494</v>
      </c>
      <c r="K6181">
        <f t="shared" si="694"/>
        <v>0.571709436969975</v>
      </c>
      <c r="L6181">
        <f t="shared" si="695"/>
        <v>0.2858547184849875</v>
      </c>
      <c r="M6181">
        <f t="shared" si="696"/>
        <v>0</v>
      </c>
      <c r="N6181" s="45">
        <f t="shared" si="697"/>
        <v>45183.124999985092</v>
      </c>
    </row>
    <row r="6182" spans="2:14" x14ac:dyDescent="0.25">
      <c r="B6182">
        <f t="shared" si="691"/>
        <v>4</v>
      </c>
      <c r="C6182" s="16">
        <v>6148</v>
      </c>
      <c r="D6182" cm="1">
        <f t="array" ref="D6182">IFERROR(INDEX(Jesper!AH$2:AH$366,ROUNDDOWN($C6182/24,0)+1,1)*INDEX($D$3:$AA$30,INDEX(Jesper!$R$2:$R$366,ROW(INDEX(Jesper!AH$2:AH$366,ROUNDDOWN($C6182/24,0)+1,1))-1)+IF('Standard Profiles'!$G$18=$B$10,7,0)+IF('Standard Profiles'!$G$18=$B$17,14,0)+IF('Standard Profiles'!$G$18=$B$24,21,0),MOD($C6182,24)+1)/SUM(INDEX($D$3:$AA$30,INDEX(Jesper!$R$2:$R$366,ROW(INDEX(Jesper!AH$2:AH$366,ROUNDDOWN($C6182/24,0)+1,1))-1)+IF('Standard Profiles'!$G$18=$B$10,7,0)+IF('Standard Profiles'!$G$18=$B$17,14,0)+IF('Standard Profiles'!$G$18=$B$24,21,0),0)),0)</f>
        <v>5.3597759715935149</v>
      </c>
      <c r="E6182" cm="1">
        <f t="array" ref="E6182">IFERROR(INDEX(Jesper!AI$2:AI$366,ROUNDDOWN($C6182/24,0)+1,1)*INDEX($D$3:$AA$30,INDEX(Jesper!$R$2:$R$366,ROW(INDEX(Jesper!AI$2:AI$366,ROUNDDOWN($C6182/24,0)+1,1))-1)+IF('Standard Profiles'!$G$19=$B$10,7,0)+IF('Standard Profiles'!$G$19=$B$17,14,0)+IF('Standard Profiles'!$G$19=$B$24,21,0),MOD($C6182,24)+1)/SUM(INDEX($D$3:$AA$30,INDEX(Jesper!$R$2:$R$366,ROW(INDEX(Jesper!AI$2:AI$366,ROUNDDOWN($C6182/24,0)+1,1))-1)+IF('Standard Profiles'!$G$19=$B$10,7,0)+IF('Standard Profiles'!$G$19=$B$17,14,0)+IF('Standard Profiles'!$G$19=$B$24,21,0),0)),0)</f>
        <v>2.2930538596054686</v>
      </c>
      <c r="F6182" cm="1">
        <f t="array" ref="F6182">IFERROR(INDEX(Jesper!AJ$2:AJ$366,ROUNDDOWN($C6182/24,0)+1,1)*INDEX($D$3:$AA$30,INDEX(Jesper!$R$2:$R$366,ROW(INDEX(Jesper!AJ$2:AJ$366,ROUNDDOWN($C6182/24,0)+1,1))-1)+IF('Standard Profiles'!$G$20=$B$10,7,0)+IF('Standard Profiles'!$G$20=$B$17,14,0)+IF('Standard Profiles'!$G$20=$B$24,21,0),MOD($C6182,24)+1)/SUM(INDEX($D$3:$AA$30,INDEX(Jesper!$R$2:$R$366,ROW(INDEX(Jesper!AJ$2:AJ$366,ROUNDDOWN($C6182/24,0)+1,1))-1)+IF('Standard Profiles'!$G$20=$B$10,7,0)+IF('Standard Profiles'!$G$20=$B$17,14,0)+IF('Standard Profiles'!$G$20=$B$24,21,0),0)),0)</f>
        <v>0</v>
      </c>
      <c r="G6182" cm="1">
        <f t="array" ref="G6182">IFERROR(INDEX(Jesper!AK$2:AK$366,ROUNDDOWN($C6182/24,0)+1,1)*INDEX($D$3:$AA$30,INDEX(Jesper!$R$2:$R$366,ROW(INDEX(Jesper!AK$2:AK$366,ROUNDDOWN($C6182/24,0)+1,1))-1)+IF('Standard Profiles'!$G$21=$B$10,7,0)+IF('Standard Profiles'!$G$21=$B$17,14,0)+IF('Standard Profiles'!$G$21=$B$24,21,0),MOD($C6182,24)+1)/SUM(INDEX($D$3:$AA$30,INDEX(Jesper!$R$2:$R$366,ROW(INDEX(Jesper!AK$2:AK$366,ROUNDDOWN($C6182/24,0)+1,1))-1)+IF('Standard Profiles'!$G$21=$B$10,7,0)+IF('Standard Profiles'!$G$21=$B$17,14,0)+IF('Standard Profiles'!$G$21=$B$24,21,0),0)),0)</f>
        <v>0.25631365184101595</v>
      </c>
      <c r="H6182" cm="1">
        <f t="array" ref="H6182">IFERROR(INDEX(Jesper!AL$2:AL$366,ROUNDDOWN($C6182/24,0)+1,1)*INDEX($D$3:$AA$30,INDEX(Jesper!$R$2:$R$366,ROW(INDEX(Jesper!AL$2:AL$366,ROUNDDOWN($C6182/24,0)+1,1))-1)+IF('Standard Profiles'!$G$22=$B$10,7,0)+IF('Standard Profiles'!$G$22=$B$17,14,0)+IF('Standard Profiles'!$G$22=$B$24,21,0),MOD($C6182,24)+1)/SUM(INDEX($D$3:$AA$30,INDEX(Jesper!$R$2:$R$366,ROW(INDEX(Jesper!AL$2:AL$366,ROUNDDOWN($C6182/24,0)+1,1))-1)+IF('Standard Profiles'!$G$22=$B$10,7,0)+IF('Standard Profiles'!$G$22=$B$17,14,0)+IF('Standard Profiles'!$G$22=$B$24,21,0),0)),0)</f>
        <v>0</v>
      </c>
      <c r="I6182">
        <f t="shared" si="692"/>
        <v>0.1230305528836876</v>
      </c>
      <c r="J6182">
        <f t="shared" si="693"/>
        <v>6.9285487747013494</v>
      </c>
      <c r="K6182">
        <f t="shared" si="694"/>
        <v>0.571709436969975</v>
      </c>
      <c r="L6182">
        <f t="shared" si="695"/>
        <v>0.2858547184849875</v>
      </c>
      <c r="M6182">
        <f t="shared" si="696"/>
        <v>0</v>
      </c>
      <c r="N6182" s="45">
        <f t="shared" si="697"/>
        <v>45183.166666651756</v>
      </c>
    </row>
    <row r="6183" spans="2:14" x14ac:dyDescent="0.25">
      <c r="B6183">
        <f t="shared" si="691"/>
        <v>4</v>
      </c>
      <c r="C6183" s="16">
        <v>6149</v>
      </c>
      <c r="D6183" cm="1">
        <f t="array" ref="D6183">IFERROR(INDEX(Jesper!AH$2:AH$366,ROUNDDOWN($C6183/24,0)+1,1)*INDEX($D$3:$AA$30,INDEX(Jesper!$R$2:$R$366,ROW(INDEX(Jesper!AH$2:AH$366,ROUNDDOWN($C6183/24,0)+1,1))-1)+IF('Standard Profiles'!$G$18=$B$10,7,0)+IF('Standard Profiles'!$G$18=$B$17,14,0)+IF('Standard Profiles'!$G$18=$B$24,21,0),MOD($C6183,24)+1)/SUM(INDEX($D$3:$AA$30,INDEX(Jesper!$R$2:$R$366,ROW(INDEX(Jesper!AH$2:AH$366,ROUNDDOWN($C6183/24,0)+1,1))-1)+IF('Standard Profiles'!$G$18=$B$10,7,0)+IF('Standard Profiles'!$G$18=$B$17,14,0)+IF('Standard Profiles'!$G$18=$B$24,21,0),0)),0)</f>
        <v>5.3597759715935149</v>
      </c>
      <c r="E6183" cm="1">
        <f t="array" ref="E6183">IFERROR(INDEX(Jesper!AI$2:AI$366,ROUNDDOWN($C6183/24,0)+1,1)*INDEX($D$3:$AA$30,INDEX(Jesper!$R$2:$R$366,ROW(INDEX(Jesper!AI$2:AI$366,ROUNDDOWN($C6183/24,0)+1,1))-1)+IF('Standard Profiles'!$G$19=$B$10,7,0)+IF('Standard Profiles'!$G$19=$B$17,14,0)+IF('Standard Profiles'!$G$19=$B$24,21,0),MOD($C6183,24)+1)/SUM(INDEX($D$3:$AA$30,INDEX(Jesper!$R$2:$R$366,ROW(INDEX(Jesper!AI$2:AI$366,ROUNDDOWN($C6183/24,0)+1,1))-1)+IF('Standard Profiles'!$G$19=$B$10,7,0)+IF('Standard Profiles'!$G$19=$B$17,14,0)+IF('Standard Profiles'!$G$19=$B$24,21,0),0)),0)</f>
        <v>2.2930538596054686</v>
      </c>
      <c r="F6183" cm="1">
        <f t="array" ref="F6183">IFERROR(INDEX(Jesper!AJ$2:AJ$366,ROUNDDOWN($C6183/24,0)+1,1)*INDEX($D$3:$AA$30,INDEX(Jesper!$R$2:$R$366,ROW(INDEX(Jesper!AJ$2:AJ$366,ROUNDDOWN($C6183/24,0)+1,1))-1)+IF('Standard Profiles'!$G$20=$B$10,7,0)+IF('Standard Profiles'!$G$20=$B$17,14,0)+IF('Standard Profiles'!$G$20=$B$24,21,0),MOD($C6183,24)+1)/SUM(INDEX($D$3:$AA$30,INDEX(Jesper!$R$2:$R$366,ROW(INDEX(Jesper!AJ$2:AJ$366,ROUNDDOWN($C6183/24,0)+1,1))-1)+IF('Standard Profiles'!$G$20=$B$10,7,0)+IF('Standard Profiles'!$G$20=$B$17,14,0)+IF('Standard Profiles'!$G$20=$B$24,21,0),0)),0)</f>
        <v>0</v>
      </c>
      <c r="G6183" cm="1">
        <f t="array" ref="G6183">IFERROR(INDEX(Jesper!AK$2:AK$366,ROUNDDOWN($C6183/24,0)+1,1)*INDEX($D$3:$AA$30,INDEX(Jesper!$R$2:$R$366,ROW(INDEX(Jesper!AK$2:AK$366,ROUNDDOWN($C6183/24,0)+1,1))-1)+IF('Standard Profiles'!$G$21=$B$10,7,0)+IF('Standard Profiles'!$G$21=$B$17,14,0)+IF('Standard Profiles'!$G$21=$B$24,21,0),MOD($C6183,24)+1)/SUM(INDEX($D$3:$AA$30,INDEX(Jesper!$R$2:$R$366,ROW(INDEX(Jesper!AK$2:AK$366,ROUNDDOWN($C6183/24,0)+1,1))-1)+IF('Standard Profiles'!$G$21=$B$10,7,0)+IF('Standard Profiles'!$G$21=$B$17,14,0)+IF('Standard Profiles'!$G$21=$B$24,21,0),0)),0)</f>
        <v>0.25631365184101595</v>
      </c>
      <c r="H6183" cm="1">
        <f t="array" ref="H6183">IFERROR(INDEX(Jesper!AL$2:AL$366,ROUNDDOWN($C6183/24,0)+1,1)*INDEX($D$3:$AA$30,INDEX(Jesper!$R$2:$R$366,ROW(INDEX(Jesper!AL$2:AL$366,ROUNDDOWN($C6183/24,0)+1,1))-1)+IF('Standard Profiles'!$G$22=$B$10,7,0)+IF('Standard Profiles'!$G$22=$B$17,14,0)+IF('Standard Profiles'!$G$22=$B$24,21,0),MOD($C6183,24)+1)/SUM(INDEX($D$3:$AA$30,INDEX(Jesper!$R$2:$R$366,ROW(INDEX(Jesper!AL$2:AL$366,ROUNDDOWN($C6183/24,0)+1,1))-1)+IF('Standard Profiles'!$G$22=$B$10,7,0)+IF('Standard Profiles'!$G$22=$B$17,14,0)+IF('Standard Profiles'!$G$22=$B$24,21,0),0)),0)</f>
        <v>0</v>
      </c>
      <c r="I6183">
        <f t="shared" si="692"/>
        <v>0.1230305528836876</v>
      </c>
      <c r="J6183">
        <f t="shared" si="693"/>
        <v>6.9285487747013494</v>
      </c>
      <c r="K6183">
        <f t="shared" si="694"/>
        <v>0.571709436969975</v>
      </c>
      <c r="L6183">
        <f t="shared" si="695"/>
        <v>0.2858547184849875</v>
      </c>
      <c r="M6183">
        <f t="shared" si="696"/>
        <v>0</v>
      </c>
      <c r="N6183" s="45">
        <f t="shared" si="697"/>
        <v>45183.20833331842</v>
      </c>
    </row>
    <row r="6184" spans="2:14" x14ac:dyDescent="0.25">
      <c r="B6184">
        <f t="shared" si="691"/>
        <v>4</v>
      </c>
      <c r="C6184" s="16">
        <v>6150</v>
      </c>
      <c r="D6184" cm="1">
        <f t="array" ref="D6184">IFERROR(INDEX(Jesper!AH$2:AH$366,ROUNDDOWN($C6184/24,0)+1,1)*INDEX($D$3:$AA$30,INDEX(Jesper!$R$2:$R$366,ROW(INDEX(Jesper!AH$2:AH$366,ROUNDDOWN($C6184/24,0)+1,1))-1)+IF('Standard Profiles'!$G$18=$B$10,7,0)+IF('Standard Profiles'!$G$18=$B$17,14,0)+IF('Standard Profiles'!$G$18=$B$24,21,0),MOD($C6184,24)+1)/SUM(INDEX($D$3:$AA$30,INDEX(Jesper!$R$2:$R$366,ROW(INDEX(Jesper!AH$2:AH$366,ROUNDDOWN($C6184/24,0)+1,1))-1)+IF('Standard Profiles'!$G$18=$B$10,7,0)+IF('Standard Profiles'!$G$18=$B$17,14,0)+IF('Standard Profiles'!$G$18=$B$24,21,0),0)),0)</f>
        <v>5.3597759715935149</v>
      </c>
      <c r="E6184" cm="1">
        <f t="array" ref="E6184">IFERROR(INDEX(Jesper!AI$2:AI$366,ROUNDDOWN($C6184/24,0)+1,1)*INDEX($D$3:$AA$30,INDEX(Jesper!$R$2:$R$366,ROW(INDEX(Jesper!AI$2:AI$366,ROUNDDOWN($C6184/24,0)+1,1))-1)+IF('Standard Profiles'!$G$19=$B$10,7,0)+IF('Standard Profiles'!$G$19=$B$17,14,0)+IF('Standard Profiles'!$G$19=$B$24,21,0),MOD($C6184,24)+1)/SUM(INDEX($D$3:$AA$30,INDEX(Jesper!$R$2:$R$366,ROW(INDEX(Jesper!AI$2:AI$366,ROUNDDOWN($C6184/24,0)+1,1))-1)+IF('Standard Profiles'!$G$19=$B$10,7,0)+IF('Standard Profiles'!$G$19=$B$17,14,0)+IF('Standard Profiles'!$G$19=$B$24,21,0),0)),0)</f>
        <v>2.2930538596054686</v>
      </c>
      <c r="F6184" cm="1">
        <f t="array" ref="F6184">IFERROR(INDEX(Jesper!AJ$2:AJ$366,ROUNDDOWN($C6184/24,0)+1,1)*INDEX($D$3:$AA$30,INDEX(Jesper!$R$2:$R$366,ROW(INDEX(Jesper!AJ$2:AJ$366,ROUNDDOWN($C6184/24,0)+1,1))-1)+IF('Standard Profiles'!$G$20=$B$10,7,0)+IF('Standard Profiles'!$G$20=$B$17,14,0)+IF('Standard Profiles'!$G$20=$B$24,21,0),MOD($C6184,24)+1)/SUM(INDEX($D$3:$AA$30,INDEX(Jesper!$R$2:$R$366,ROW(INDEX(Jesper!AJ$2:AJ$366,ROUNDDOWN($C6184/24,0)+1,1))-1)+IF('Standard Profiles'!$G$20=$B$10,7,0)+IF('Standard Profiles'!$G$20=$B$17,14,0)+IF('Standard Profiles'!$G$20=$B$24,21,0),0)),0)</f>
        <v>0</v>
      </c>
      <c r="G6184" cm="1">
        <f t="array" ref="G6184">IFERROR(INDEX(Jesper!AK$2:AK$366,ROUNDDOWN($C6184/24,0)+1,1)*INDEX($D$3:$AA$30,INDEX(Jesper!$R$2:$R$366,ROW(INDEX(Jesper!AK$2:AK$366,ROUNDDOWN($C6184/24,0)+1,1))-1)+IF('Standard Profiles'!$G$21=$B$10,7,0)+IF('Standard Profiles'!$G$21=$B$17,14,0)+IF('Standard Profiles'!$G$21=$B$24,21,0),MOD($C6184,24)+1)/SUM(INDEX($D$3:$AA$30,INDEX(Jesper!$R$2:$R$366,ROW(INDEX(Jesper!AK$2:AK$366,ROUNDDOWN($C6184/24,0)+1,1))-1)+IF('Standard Profiles'!$G$21=$B$10,7,0)+IF('Standard Profiles'!$G$21=$B$17,14,0)+IF('Standard Profiles'!$G$21=$B$24,21,0),0)),0)</f>
        <v>0.25631365184101595</v>
      </c>
      <c r="H6184" cm="1">
        <f t="array" ref="H6184">IFERROR(INDEX(Jesper!AL$2:AL$366,ROUNDDOWN($C6184/24,0)+1,1)*INDEX($D$3:$AA$30,INDEX(Jesper!$R$2:$R$366,ROW(INDEX(Jesper!AL$2:AL$366,ROUNDDOWN($C6184/24,0)+1,1))-1)+IF('Standard Profiles'!$G$22=$B$10,7,0)+IF('Standard Profiles'!$G$22=$B$17,14,0)+IF('Standard Profiles'!$G$22=$B$24,21,0),MOD($C6184,24)+1)/SUM(INDEX($D$3:$AA$30,INDEX(Jesper!$R$2:$R$366,ROW(INDEX(Jesper!AL$2:AL$366,ROUNDDOWN($C6184/24,0)+1,1))-1)+IF('Standard Profiles'!$G$22=$B$10,7,0)+IF('Standard Profiles'!$G$22=$B$17,14,0)+IF('Standard Profiles'!$G$22=$B$24,21,0),0)),0)</f>
        <v>0</v>
      </c>
      <c r="I6184">
        <f t="shared" si="692"/>
        <v>0.1230305528836876</v>
      </c>
      <c r="J6184">
        <f t="shared" si="693"/>
        <v>6.9285487747013494</v>
      </c>
      <c r="K6184">
        <f t="shared" si="694"/>
        <v>0.571709436969975</v>
      </c>
      <c r="L6184">
        <f t="shared" si="695"/>
        <v>0.2858547184849875</v>
      </c>
      <c r="M6184">
        <f t="shared" si="696"/>
        <v>0</v>
      </c>
      <c r="N6184" s="45">
        <f t="shared" si="697"/>
        <v>45183.249999985084</v>
      </c>
    </row>
    <row r="6185" spans="2:14" x14ac:dyDescent="0.25">
      <c r="B6185">
        <f t="shared" si="691"/>
        <v>4</v>
      </c>
      <c r="C6185" s="16">
        <v>6151</v>
      </c>
      <c r="D6185" cm="1">
        <f t="array" ref="D6185">IFERROR(INDEX(Jesper!AH$2:AH$366,ROUNDDOWN($C6185/24,0)+1,1)*INDEX($D$3:$AA$30,INDEX(Jesper!$R$2:$R$366,ROW(INDEX(Jesper!AH$2:AH$366,ROUNDDOWN($C6185/24,0)+1,1))-1)+IF('Standard Profiles'!$G$18=$B$10,7,0)+IF('Standard Profiles'!$G$18=$B$17,14,0)+IF('Standard Profiles'!$G$18=$B$24,21,0),MOD($C6185,24)+1)/SUM(INDEX($D$3:$AA$30,INDEX(Jesper!$R$2:$R$366,ROW(INDEX(Jesper!AH$2:AH$366,ROUNDDOWN($C6185/24,0)+1,1))-1)+IF('Standard Profiles'!$G$18=$B$10,7,0)+IF('Standard Profiles'!$G$18=$B$17,14,0)+IF('Standard Profiles'!$G$18=$B$24,21,0),0)),0)</f>
        <v>21.91011450205955</v>
      </c>
      <c r="E6185" cm="1">
        <f t="array" ref="E6185">IFERROR(INDEX(Jesper!AI$2:AI$366,ROUNDDOWN($C6185/24,0)+1,1)*INDEX($D$3:$AA$30,INDEX(Jesper!$R$2:$R$366,ROW(INDEX(Jesper!AI$2:AI$366,ROUNDDOWN($C6185/24,0)+1,1))-1)+IF('Standard Profiles'!$G$19=$B$10,7,0)+IF('Standard Profiles'!$G$19=$B$17,14,0)+IF('Standard Profiles'!$G$19=$B$24,21,0),MOD($C6185,24)+1)/SUM(INDEX($D$3:$AA$30,INDEX(Jesper!$R$2:$R$366,ROW(INDEX(Jesper!AI$2:AI$366,ROUNDDOWN($C6185/24,0)+1,1))-1)+IF('Standard Profiles'!$G$19=$B$10,7,0)+IF('Standard Profiles'!$G$19=$B$17,14,0)+IF('Standard Profiles'!$G$19=$B$24,21,0),0)),0)</f>
        <v>9.3737262321447794</v>
      </c>
      <c r="F6185" cm="1">
        <f t="array" ref="F6185">IFERROR(INDEX(Jesper!AJ$2:AJ$366,ROUNDDOWN($C6185/24,0)+1,1)*INDEX($D$3:$AA$30,INDEX(Jesper!$R$2:$R$366,ROW(INDEX(Jesper!AJ$2:AJ$366,ROUNDDOWN($C6185/24,0)+1,1))-1)+IF('Standard Profiles'!$G$20=$B$10,7,0)+IF('Standard Profiles'!$G$20=$B$17,14,0)+IF('Standard Profiles'!$G$20=$B$24,21,0),MOD($C6185,24)+1)/SUM(INDEX($D$3:$AA$30,INDEX(Jesper!$R$2:$R$366,ROW(INDEX(Jesper!AJ$2:AJ$366,ROUNDDOWN($C6185/24,0)+1,1))-1)+IF('Standard Profiles'!$G$20=$B$10,7,0)+IF('Standard Profiles'!$G$20=$B$17,14,0)+IF('Standard Profiles'!$G$20=$B$24,21,0),0)),0)</f>
        <v>0</v>
      </c>
      <c r="G6185" cm="1">
        <f t="array" ref="G6185">IFERROR(INDEX(Jesper!AK$2:AK$366,ROUNDDOWN($C6185/24,0)+1,1)*INDEX($D$3:$AA$30,INDEX(Jesper!$R$2:$R$366,ROW(INDEX(Jesper!AK$2:AK$366,ROUNDDOWN($C6185/24,0)+1,1))-1)+IF('Standard Profiles'!$G$21=$B$10,7,0)+IF('Standard Profiles'!$G$21=$B$17,14,0)+IF('Standard Profiles'!$G$21=$B$24,21,0),MOD($C6185,24)+1)/SUM(INDEX($D$3:$AA$30,INDEX(Jesper!$R$2:$R$366,ROW(INDEX(Jesper!AK$2:AK$366,ROUNDDOWN($C6185/24,0)+1,1))-1)+IF('Standard Profiles'!$G$21=$B$10,7,0)+IF('Standard Profiles'!$G$21=$B$17,14,0)+IF('Standard Profiles'!$G$21=$B$24,21,0),0)),0)</f>
        <v>0.70614411082199879</v>
      </c>
      <c r="H6185" cm="1">
        <f t="array" ref="H6185">IFERROR(INDEX(Jesper!AL$2:AL$366,ROUNDDOWN($C6185/24,0)+1,1)*INDEX($D$3:$AA$30,INDEX(Jesper!$R$2:$R$366,ROW(INDEX(Jesper!AL$2:AL$366,ROUNDDOWN($C6185/24,0)+1,1))-1)+IF('Standard Profiles'!$G$22=$B$10,7,0)+IF('Standard Profiles'!$G$22=$B$17,14,0)+IF('Standard Profiles'!$G$22=$B$24,21,0),MOD($C6185,24)+1)/SUM(INDEX($D$3:$AA$30,INDEX(Jesper!$R$2:$R$366,ROW(INDEX(Jesper!AL$2:AL$366,ROUNDDOWN($C6185/24,0)+1,1))-1)+IF('Standard Profiles'!$G$22=$B$10,7,0)+IF('Standard Profiles'!$G$22=$B$17,14,0)+IF('Standard Profiles'!$G$22=$B$24,21,0),0)),0)</f>
        <v>0</v>
      </c>
      <c r="I6185">
        <f t="shared" si="692"/>
        <v>0.33894917319455925</v>
      </c>
      <c r="J6185">
        <f t="shared" si="693"/>
        <v>28.145417351502239</v>
      </c>
      <c r="K6185">
        <f t="shared" si="694"/>
        <v>2.3370788802196856</v>
      </c>
      <c r="L6185">
        <f t="shared" si="695"/>
        <v>1.1685394401098428</v>
      </c>
      <c r="M6185">
        <f t="shared" si="696"/>
        <v>0</v>
      </c>
      <c r="N6185" s="45">
        <f t="shared" si="697"/>
        <v>45183.291666651749</v>
      </c>
    </row>
    <row r="6186" spans="2:14" x14ac:dyDescent="0.25">
      <c r="B6186">
        <f t="shared" si="691"/>
        <v>4</v>
      </c>
      <c r="C6186" s="16">
        <v>6152</v>
      </c>
      <c r="D6186" cm="1">
        <f t="array" ref="D6186">IFERROR(INDEX(Jesper!AH$2:AH$366,ROUNDDOWN($C6186/24,0)+1,1)*INDEX($D$3:$AA$30,INDEX(Jesper!$R$2:$R$366,ROW(INDEX(Jesper!AH$2:AH$366,ROUNDDOWN($C6186/24,0)+1,1))-1)+IF('Standard Profiles'!$G$18=$B$10,7,0)+IF('Standard Profiles'!$G$18=$B$17,14,0)+IF('Standard Profiles'!$G$18=$B$24,21,0),MOD($C6186,24)+1)/SUM(INDEX($D$3:$AA$30,INDEX(Jesper!$R$2:$R$366,ROW(INDEX(Jesper!AH$2:AH$366,ROUNDDOWN($C6186/24,0)+1,1))-1)+IF('Standard Profiles'!$G$18=$B$10,7,0)+IF('Standard Profiles'!$G$18=$B$17,14,0)+IF('Standard Profiles'!$G$18=$B$24,21,0),0)),0)</f>
        <v>24.447075128613818</v>
      </c>
      <c r="E6186" cm="1">
        <f t="array" ref="E6186">IFERROR(INDEX(Jesper!AI$2:AI$366,ROUNDDOWN($C6186/24,0)+1,1)*INDEX($D$3:$AA$30,INDEX(Jesper!$R$2:$R$366,ROW(INDEX(Jesper!AI$2:AI$366,ROUNDDOWN($C6186/24,0)+1,1))-1)+IF('Standard Profiles'!$G$19=$B$10,7,0)+IF('Standard Profiles'!$G$19=$B$17,14,0)+IF('Standard Profiles'!$G$19=$B$24,21,0),MOD($C6186,24)+1)/SUM(INDEX($D$3:$AA$30,INDEX(Jesper!$R$2:$R$366,ROW(INDEX(Jesper!AI$2:AI$366,ROUNDDOWN($C6186/24,0)+1,1))-1)+IF('Standard Profiles'!$G$19=$B$10,7,0)+IF('Standard Profiles'!$G$19=$B$17,14,0)+IF('Standard Profiles'!$G$19=$B$24,21,0),0)),0)</f>
        <v>10.459105059024701</v>
      </c>
      <c r="F6186" cm="1">
        <f t="array" ref="F6186">IFERROR(INDEX(Jesper!AJ$2:AJ$366,ROUNDDOWN($C6186/24,0)+1,1)*INDEX($D$3:$AA$30,INDEX(Jesper!$R$2:$R$366,ROW(INDEX(Jesper!AJ$2:AJ$366,ROUNDDOWN($C6186/24,0)+1,1))-1)+IF('Standard Profiles'!$G$20=$B$10,7,0)+IF('Standard Profiles'!$G$20=$B$17,14,0)+IF('Standard Profiles'!$G$20=$B$24,21,0),MOD($C6186,24)+1)/SUM(INDEX($D$3:$AA$30,INDEX(Jesper!$R$2:$R$366,ROW(INDEX(Jesper!AJ$2:AJ$366,ROUNDDOWN($C6186/24,0)+1,1))-1)+IF('Standard Profiles'!$G$20=$B$10,7,0)+IF('Standard Profiles'!$G$20=$B$17,14,0)+IF('Standard Profiles'!$G$20=$B$24,21,0),0)),0)</f>
        <v>0</v>
      </c>
      <c r="G6186" cm="1">
        <f t="array" ref="G6186">IFERROR(INDEX(Jesper!AK$2:AK$366,ROUNDDOWN($C6186/24,0)+1,1)*INDEX($D$3:$AA$30,INDEX(Jesper!$R$2:$R$366,ROW(INDEX(Jesper!AK$2:AK$366,ROUNDDOWN($C6186/24,0)+1,1))-1)+IF('Standard Profiles'!$G$21=$B$10,7,0)+IF('Standard Profiles'!$G$21=$B$17,14,0)+IF('Standard Profiles'!$G$21=$B$24,21,0),MOD($C6186,24)+1)/SUM(INDEX($D$3:$AA$30,INDEX(Jesper!$R$2:$R$366,ROW(INDEX(Jesper!AK$2:AK$366,ROUNDDOWN($C6186/24,0)+1,1))-1)+IF('Standard Profiles'!$G$21=$B$10,7,0)+IF('Standard Profiles'!$G$21=$B$17,14,0)+IF('Standard Profiles'!$G$21=$B$24,21,0),0)),0)</f>
        <v>0.78790816575928291</v>
      </c>
      <c r="H6186" cm="1">
        <f t="array" ref="H6186">IFERROR(INDEX(Jesper!AL$2:AL$366,ROUNDDOWN($C6186/24,0)+1,1)*INDEX($D$3:$AA$30,INDEX(Jesper!$R$2:$R$366,ROW(INDEX(Jesper!AL$2:AL$366,ROUNDDOWN($C6186/24,0)+1,1))-1)+IF('Standard Profiles'!$G$22=$B$10,7,0)+IF('Standard Profiles'!$G$22=$B$17,14,0)+IF('Standard Profiles'!$G$22=$B$24,21,0),MOD($C6186,24)+1)/SUM(INDEX($D$3:$AA$30,INDEX(Jesper!$R$2:$R$366,ROW(INDEX(Jesper!AL$2:AL$366,ROUNDDOWN($C6186/24,0)+1,1))-1)+IF('Standard Profiles'!$G$22=$B$10,7,0)+IF('Standard Profiles'!$G$22=$B$17,14,0)+IF('Standard Profiles'!$G$22=$B$24,21,0),0)),0)</f>
        <v>0</v>
      </c>
      <c r="I6186">
        <f t="shared" si="692"/>
        <v>0.37819591956445558</v>
      </c>
      <c r="J6186">
        <f t="shared" si="693"/>
        <v>31.404360413255137</v>
      </c>
      <c r="K6186">
        <f t="shared" si="694"/>
        <v>2.6076880137188074</v>
      </c>
      <c r="L6186">
        <f t="shared" si="695"/>
        <v>1.3038440068594037</v>
      </c>
      <c r="M6186">
        <f t="shared" si="696"/>
        <v>0</v>
      </c>
      <c r="N6186" s="45">
        <f t="shared" si="697"/>
        <v>45183.333333318413</v>
      </c>
    </row>
    <row r="6187" spans="2:14" x14ac:dyDescent="0.25">
      <c r="B6187">
        <f t="shared" si="691"/>
        <v>4</v>
      </c>
      <c r="C6187" s="16">
        <v>6153</v>
      </c>
      <c r="D6187" cm="1">
        <f t="array" ref="D6187">IFERROR(INDEX(Jesper!AH$2:AH$366,ROUNDDOWN($C6187/24,0)+1,1)*INDEX($D$3:$AA$30,INDEX(Jesper!$R$2:$R$366,ROW(INDEX(Jesper!AH$2:AH$366,ROUNDDOWN($C6187/24,0)+1,1))-1)+IF('Standard Profiles'!$G$18=$B$10,7,0)+IF('Standard Profiles'!$G$18=$B$17,14,0)+IF('Standard Profiles'!$G$18=$B$24,21,0),MOD($C6187,24)+1)/SUM(INDEX($D$3:$AA$30,INDEX(Jesper!$R$2:$R$366,ROW(INDEX(Jesper!AH$2:AH$366,ROUNDDOWN($C6187/24,0)+1,1))-1)+IF('Standard Profiles'!$G$18=$B$10,7,0)+IF('Standard Profiles'!$G$18=$B$17,14,0)+IF('Standard Profiles'!$G$18=$B$24,21,0),0)),0)</f>
        <v>26.98403575516808</v>
      </c>
      <c r="E6187" cm="1">
        <f t="array" ref="E6187">IFERROR(INDEX(Jesper!AI$2:AI$366,ROUNDDOWN($C6187/24,0)+1,1)*INDEX($D$3:$AA$30,INDEX(Jesper!$R$2:$R$366,ROW(INDEX(Jesper!AI$2:AI$366,ROUNDDOWN($C6187/24,0)+1,1))-1)+IF('Standard Profiles'!$G$19=$B$10,7,0)+IF('Standard Profiles'!$G$19=$B$17,14,0)+IF('Standard Profiles'!$G$19=$B$24,21,0),MOD($C6187,24)+1)/SUM(INDEX($D$3:$AA$30,INDEX(Jesper!$R$2:$R$366,ROW(INDEX(Jesper!AI$2:AI$366,ROUNDDOWN($C6187/24,0)+1,1))-1)+IF('Standard Profiles'!$G$19=$B$10,7,0)+IF('Standard Profiles'!$G$19=$B$17,14,0)+IF('Standard Profiles'!$G$19=$B$24,21,0),0)),0)</f>
        <v>11.544483885904622</v>
      </c>
      <c r="F6187" cm="1">
        <f t="array" ref="F6187">IFERROR(INDEX(Jesper!AJ$2:AJ$366,ROUNDDOWN($C6187/24,0)+1,1)*INDEX($D$3:$AA$30,INDEX(Jesper!$R$2:$R$366,ROW(INDEX(Jesper!AJ$2:AJ$366,ROUNDDOWN($C6187/24,0)+1,1))-1)+IF('Standard Profiles'!$G$20=$B$10,7,0)+IF('Standard Profiles'!$G$20=$B$17,14,0)+IF('Standard Profiles'!$G$20=$B$24,21,0),MOD($C6187,24)+1)/SUM(INDEX($D$3:$AA$30,INDEX(Jesper!$R$2:$R$366,ROW(INDEX(Jesper!AJ$2:AJ$366,ROUNDDOWN($C6187/24,0)+1,1))-1)+IF('Standard Profiles'!$G$20=$B$10,7,0)+IF('Standard Profiles'!$G$20=$B$17,14,0)+IF('Standard Profiles'!$G$20=$B$24,21,0),0)),0)</f>
        <v>0</v>
      </c>
      <c r="G6187" cm="1">
        <f t="array" ref="G6187">IFERROR(INDEX(Jesper!AK$2:AK$366,ROUNDDOWN($C6187/24,0)+1,1)*INDEX($D$3:$AA$30,INDEX(Jesper!$R$2:$R$366,ROW(INDEX(Jesper!AK$2:AK$366,ROUNDDOWN($C6187/24,0)+1,1))-1)+IF('Standard Profiles'!$G$21=$B$10,7,0)+IF('Standard Profiles'!$G$21=$B$17,14,0)+IF('Standard Profiles'!$G$21=$B$24,21,0),MOD($C6187,24)+1)/SUM(INDEX($D$3:$AA$30,INDEX(Jesper!$R$2:$R$366,ROW(INDEX(Jesper!AK$2:AK$366,ROUNDDOWN($C6187/24,0)+1,1))-1)+IF('Standard Profiles'!$G$21=$B$10,7,0)+IF('Standard Profiles'!$G$21=$B$17,14,0)+IF('Standard Profiles'!$G$21=$B$24,21,0),0)),0)</f>
        <v>0.86967222069656713</v>
      </c>
      <c r="H6187" cm="1">
        <f t="array" ref="H6187">IFERROR(INDEX(Jesper!AL$2:AL$366,ROUNDDOWN($C6187/24,0)+1,1)*INDEX($D$3:$AA$30,INDEX(Jesper!$R$2:$R$366,ROW(INDEX(Jesper!AL$2:AL$366,ROUNDDOWN($C6187/24,0)+1,1))-1)+IF('Standard Profiles'!$G$22=$B$10,7,0)+IF('Standard Profiles'!$G$22=$B$17,14,0)+IF('Standard Profiles'!$G$22=$B$24,21,0),MOD($C6187,24)+1)/SUM(INDEX($D$3:$AA$30,INDEX(Jesper!$R$2:$R$366,ROW(INDEX(Jesper!AL$2:AL$366,ROUNDDOWN($C6187/24,0)+1,1))-1)+IF('Standard Profiles'!$G$22=$B$10,7,0)+IF('Standard Profiles'!$G$22=$B$17,14,0)+IF('Standard Profiles'!$G$22=$B$24,21,0),0)),0)</f>
        <v>0</v>
      </c>
      <c r="I6187">
        <f t="shared" si="692"/>
        <v>0.41744266593435203</v>
      </c>
      <c r="J6187">
        <f t="shared" si="693"/>
        <v>34.663303475008021</v>
      </c>
      <c r="K6187">
        <f t="shared" si="694"/>
        <v>2.8782971472179288</v>
      </c>
      <c r="L6187">
        <f t="shared" si="695"/>
        <v>1.4391485736089644</v>
      </c>
      <c r="M6187">
        <f t="shared" si="696"/>
        <v>0</v>
      </c>
      <c r="N6187" s="45">
        <f t="shared" si="697"/>
        <v>45183.374999985077</v>
      </c>
    </row>
    <row r="6188" spans="2:14" x14ac:dyDescent="0.25">
      <c r="B6188">
        <f t="shared" si="691"/>
        <v>4</v>
      </c>
      <c r="C6188" s="16">
        <v>6154</v>
      </c>
      <c r="D6188" cm="1">
        <f t="array" ref="D6188">IFERROR(INDEX(Jesper!AH$2:AH$366,ROUNDDOWN($C6188/24,0)+1,1)*INDEX($D$3:$AA$30,INDEX(Jesper!$R$2:$R$366,ROW(INDEX(Jesper!AH$2:AH$366,ROUNDDOWN($C6188/24,0)+1,1))-1)+IF('Standard Profiles'!$G$18=$B$10,7,0)+IF('Standard Profiles'!$G$18=$B$17,14,0)+IF('Standard Profiles'!$G$18=$B$24,21,0),MOD($C6188,24)+1)/SUM(INDEX($D$3:$AA$30,INDEX(Jesper!$R$2:$R$366,ROW(INDEX(Jesper!AH$2:AH$366,ROUNDDOWN($C6188/24,0)+1,1))-1)+IF('Standard Profiles'!$G$18=$B$10,7,0)+IF('Standard Profiles'!$G$18=$B$17,14,0)+IF('Standard Profiles'!$G$18=$B$24,21,0),0)),0)</f>
        <v>26.98403575516808</v>
      </c>
      <c r="E6188" cm="1">
        <f t="array" ref="E6188">IFERROR(INDEX(Jesper!AI$2:AI$366,ROUNDDOWN($C6188/24,0)+1,1)*INDEX($D$3:$AA$30,INDEX(Jesper!$R$2:$R$366,ROW(INDEX(Jesper!AI$2:AI$366,ROUNDDOWN($C6188/24,0)+1,1))-1)+IF('Standard Profiles'!$G$19=$B$10,7,0)+IF('Standard Profiles'!$G$19=$B$17,14,0)+IF('Standard Profiles'!$G$19=$B$24,21,0),MOD($C6188,24)+1)/SUM(INDEX($D$3:$AA$30,INDEX(Jesper!$R$2:$R$366,ROW(INDEX(Jesper!AI$2:AI$366,ROUNDDOWN($C6188/24,0)+1,1))-1)+IF('Standard Profiles'!$G$19=$B$10,7,0)+IF('Standard Profiles'!$G$19=$B$17,14,0)+IF('Standard Profiles'!$G$19=$B$24,21,0),0)),0)</f>
        <v>11.544483885904622</v>
      </c>
      <c r="F6188" cm="1">
        <f t="array" ref="F6188">IFERROR(INDEX(Jesper!AJ$2:AJ$366,ROUNDDOWN($C6188/24,0)+1,1)*INDEX($D$3:$AA$30,INDEX(Jesper!$R$2:$R$366,ROW(INDEX(Jesper!AJ$2:AJ$366,ROUNDDOWN($C6188/24,0)+1,1))-1)+IF('Standard Profiles'!$G$20=$B$10,7,0)+IF('Standard Profiles'!$G$20=$B$17,14,0)+IF('Standard Profiles'!$G$20=$B$24,21,0),MOD($C6188,24)+1)/SUM(INDEX($D$3:$AA$30,INDEX(Jesper!$R$2:$R$366,ROW(INDEX(Jesper!AJ$2:AJ$366,ROUNDDOWN($C6188/24,0)+1,1))-1)+IF('Standard Profiles'!$G$20=$B$10,7,0)+IF('Standard Profiles'!$G$20=$B$17,14,0)+IF('Standard Profiles'!$G$20=$B$24,21,0),0)),0)</f>
        <v>0</v>
      </c>
      <c r="G6188" cm="1">
        <f t="array" ref="G6188">IFERROR(INDEX(Jesper!AK$2:AK$366,ROUNDDOWN($C6188/24,0)+1,1)*INDEX($D$3:$AA$30,INDEX(Jesper!$R$2:$R$366,ROW(INDEX(Jesper!AK$2:AK$366,ROUNDDOWN($C6188/24,0)+1,1))-1)+IF('Standard Profiles'!$G$21=$B$10,7,0)+IF('Standard Profiles'!$G$21=$B$17,14,0)+IF('Standard Profiles'!$G$21=$B$24,21,0),MOD($C6188,24)+1)/SUM(INDEX($D$3:$AA$30,INDEX(Jesper!$R$2:$R$366,ROW(INDEX(Jesper!AK$2:AK$366,ROUNDDOWN($C6188/24,0)+1,1))-1)+IF('Standard Profiles'!$G$21=$B$10,7,0)+IF('Standard Profiles'!$G$21=$B$17,14,0)+IF('Standard Profiles'!$G$21=$B$24,21,0),0)),0)</f>
        <v>0.86967222069656713</v>
      </c>
      <c r="H6188" cm="1">
        <f t="array" ref="H6188">IFERROR(INDEX(Jesper!AL$2:AL$366,ROUNDDOWN($C6188/24,0)+1,1)*INDEX($D$3:$AA$30,INDEX(Jesper!$R$2:$R$366,ROW(INDEX(Jesper!AL$2:AL$366,ROUNDDOWN($C6188/24,0)+1,1))-1)+IF('Standard Profiles'!$G$22=$B$10,7,0)+IF('Standard Profiles'!$G$22=$B$17,14,0)+IF('Standard Profiles'!$G$22=$B$24,21,0),MOD($C6188,24)+1)/SUM(INDEX($D$3:$AA$30,INDEX(Jesper!$R$2:$R$366,ROW(INDEX(Jesper!AL$2:AL$366,ROUNDDOWN($C6188/24,0)+1,1))-1)+IF('Standard Profiles'!$G$22=$B$10,7,0)+IF('Standard Profiles'!$G$22=$B$17,14,0)+IF('Standard Profiles'!$G$22=$B$24,21,0),0)),0)</f>
        <v>0</v>
      </c>
      <c r="I6188">
        <f t="shared" si="692"/>
        <v>0.41744266593435203</v>
      </c>
      <c r="J6188">
        <f t="shared" si="693"/>
        <v>34.663303475008021</v>
      </c>
      <c r="K6188">
        <f t="shared" si="694"/>
        <v>2.8782971472179288</v>
      </c>
      <c r="L6188">
        <f t="shared" si="695"/>
        <v>1.4391485736089644</v>
      </c>
      <c r="M6188">
        <f t="shared" si="696"/>
        <v>0</v>
      </c>
      <c r="N6188" s="45">
        <f t="shared" si="697"/>
        <v>45183.416666651741</v>
      </c>
    </row>
    <row r="6189" spans="2:14" x14ac:dyDescent="0.25">
      <c r="B6189">
        <f t="shared" si="691"/>
        <v>4</v>
      </c>
      <c r="C6189" s="16">
        <v>6155</v>
      </c>
      <c r="D6189" cm="1">
        <f t="array" ref="D6189">IFERROR(INDEX(Jesper!AH$2:AH$366,ROUNDDOWN($C6189/24,0)+1,1)*INDEX($D$3:$AA$30,INDEX(Jesper!$R$2:$R$366,ROW(INDEX(Jesper!AH$2:AH$366,ROUNDDOWN($C6189/24,0)+1,1))-1)+IF('Standard Profiles'!$G$18=$B$10,7,0)+IF('Standard Profiles'!$G$18=$B$17,14,0)+IF('Standard Profiles'!$G$18=$B$24,21,0),MOD($C6189,24)+1)/SUM(INDEX($D$3:$AA$30,INDEX(Jesper!$R$2:$R$366,ROW(INDEX(Jesper!AH$2:AH$366,ROUNDDOWN($C6189/24,0)+1,1))-1)+IF('Standard Profiles'!$G$18=$B$10,7,0)+IF('Standard Profiles'!$G$18=$B$17,14,0)+IF('Standard Profiles'!$G$18=$B$24,21,0),0)),0)</f>
        <v>32.288589792508809</v>
      </c>
      <c r="E6189" cm="1">
        <f t="array" ref="E6189">IFERROR(INDEX(Jesper!AI$2:AI$366,ROUNDDOWN($C6189/24,0)+1,1)*INDEX($D$3:$AA$30,INDEX(Jesper!$R$2:$R$366,ROW(INDEX(Jesper!AI$2:AI$366,ROUNDDOWN($C6189/24,0)+1,1))-1)+IF('Standard Profiles'!$G$19=$B$10,7,0)+IF('Standard Profiles'!$G$19=$B$17,14,0)+IF('Standard Profiles'!$G$19=$B$24,21,0),MOD($C6189,24)+1)/SUM(INDEX($D$3:$AA$30,INDEX(Jesper!$R$2:$R$366,ROW(INDEX(Jesper!AI$2:AI$366,ROUNDDOWN($C6189/24,0)+1,1))-1)+IF('Standard Profiles'!$G$19=$B$10,7,0)+IF('Standard Profiles'!$G$19=$B$17,14,0)+IF('Standard Profiles'!$G$19=$B$24,21,0),0)),0)</f>
        <v>13.813912342108095</v>
      </c>
      <c r="F6189" cm="1">
        <f t="array" ref="F6189">IFERROR(INDEX(Jesper!AJ$2:AJ$366,ROUNDDOWN($C6189/24,0)+1,1)*INDEX($D$3:$AA$30,INDEX(Jesper!$R$2:$R$366,ROW(INDEX(Jesper!AJ$2:AJ$366,ROUNDDOWN($C6189/24,0)+1,1))-1)+IF('Standard Profiles'!$G$20=$B$10,7,0)+IF('Standard Profiles'!$G$20=$B$17,14,0)+IF('Standard Profiles'!$G$20=$B$24,21,0),MOD($C6189,24)+1)/SUM(INDEX($D$3:$AA$30,INDEX(Jesper!$R$2:$R$366,ROW(INDEX(Jesper!AJ$2:AJ$366,ROUNDDOWN($C6189/24,0)+1,1))-1)+IF('Standard Profiles'!$G$20=$B$10,7,0)+IF('Standard Profiles'!$G$20=$B$17,14,0)+IF('Standard Profiles'!$G$20=$B$24,21,0),0)),0)</f>
        <v>0</v>
      </c>
      <c r="G6189" cm="1">
        <f t="array" ref="G6189">IFERROR(INDEX(Jesper!AK$2:AK$366,ROUNDDOWN($C6189/24,0)+1,1)*INDEX($D$3:$AA$30,INDEX(Jesper!$R$2:$R$366,ROW(INDEX(Jesper!AK$2:AK$366,ROUNDDOWN($C6189/24,0)+1,1))-1)+IF('Standard Profiles'!$G$21=$B$10,7,0)+IF('Standard Profiles'!$G$21=$B$17,14,0)+IF('Standard Profiles'!$G$21=$B$24,21,0),MOD($C6189,24)+1)/SUM(INDEX($D$3:$AA$30,INDEX(Jesper!$R$2:$R$366,ROW(INDEX(Jesper!AK$2:AK$366,ROUNDDOWN($C6189/24,0)+1,1))-1)+IF('Standard Profiles'!$G$21=$B$10,7,0)+IF('Standard Profiles'!$G$21=$B$17,14,0)+IF('Standard Profiles'!$G$21=$B$24,21,0),0)),0)</f>
        <v>1.0406334264745245</v>
      </c>
      <c r="H6189" cm="1">
        <f t="array" ref="H6189">IFERROR(INDEX(Jesper!AL$2:AL$366,ROUNDDOWN($C6189/24,0)+1,1)*INDEX($D$3:$AA$30,INDEX(Jesper!$R$2:$R$366,ROW(INDEX(Jesper!AL$2:AL$366,ROUNDDOWN($C6189/24,0)+1,1))-1)+IF('Standard Profiles'!$G$22=$B$10,7,0)+IF('Standard Profiles'!$G$22=$B$17,14,0)+IF('Standard Profiles'!$G$22=$B$24,21,0),MOD($C6189,24)+1)/SUM(INDEX($D$3:$AA$30,INDEX(Jesper!$R$2:$R$366,ROW(INDEX(Jesper!AL$2:AL$366,ROUNDDOWN($C6189/24,0)+1,1))-1)+IF('Standard Profiles'!$G$22=$B$10,7,0)+IF('Standard Profiles'!$G$22=$B$17,14,0)+IF('Standard Profiles'!$G$22=$B$24,21,0),0)),0)</f>
        <v>0</v>
      </c>
      <c r="I6189">
        <f t="shared" si="692"/>
        <v>0.49950404470777149</v>
      </c>
      <c r="J6189">
        <f t="shared" si="693"/>
        <v>41.477457149582243</v>
      </c>
      <c r="K6189">
        <f t="shared" si="694"/>
        <v>3.444116244534273</v>
      </c>
      <c r="L6189">
        <f t="shared" si="695"/>
        <v>1.7220581222671365</v>
      </c>
      <c r="M6189">
        <f t="shared" si="696"/>
        <v>0</v>
      </c>
      <c r="N6189" s="45">
        <f t="shared" si="697"/>
        <v>45183.458333318405</v>
      </c>
    </row>
    <row r="6190" spans="2:14" x14ac:dyDescent="0.25">
      <c r="B6190">
        <f t="shared" si="691"/>
        <v>4</v>
      </c>
      <c r="C6190" s="16">
        <v>6156</v>
      </c>
      <c r="D6190" cm="1">
        <f t="array" ref="D6190">IFERROR(INDEX(Jesper!AH$2:AH$366,ROUNDDOWN($C6190/24,0)+1,1)*INDEX($D$3:$AA$30,INDEX(Jesper!$R$2:$R$366,ROW(INDEX(Jesper!AH$2:AH$366,ROUNDDOWN($C6190/24,0)+1,1))-1)+IF('Standard Profiles'!$G$18=$B$10,7,0)+IF('Standard Profiles'!$G$18=$B$17,14,0)+IF('Standard Profiles'!$G$18=$B$24,21,0),MOD($C6190,24)+1)/SUM(INDEX($D$3:$AA$30,INDEX(Jesper!$R$2:$R$366,ROW(INDEX(Jesper!AH$2:AH$366,ROUNDDOWN($C6190/24,0)+1,1))-1)+IF('Standard Profiles'!$G$18=$B$10,7,0)+IF('Standard Profiles'!$G$18=$B$17,14,0)+IF('Standard Profiles'!$G$18=$B$24,21,0),0)),0)</f>
        <v>32.288589792508809</v>
      </c>
      <c r="E6190" cm="1">
        <f t="array" ref="E6190">IFERROR(INDEX(Jesper!AI$2:AI$366,ROUNDDOWN($C6190/24,0)+1,1)*INDEX($D$3:$AA$30,INDEX(Jesper!$R$2:$R$366,ROW(INDEX(Jesper!AI$2:AI$366,ROUNDDOWN($C6190/24,0)+1,1))-1)+IF('Standard Profiles'!$G$19=$B$10,7,0)+IF('Standard Profiles'!$G$19=$B$17,14,0)+IF('Standard Profiles'!$G$19=$B$24,21,0),MOD($C6190,24)+1)/SUM(INDEX($D$3:$AA$30,INDEX(Jesper!$R$2:$R$366,ROW(INDEX(Jesper!AI$2:AI$366,ROUNDDOWN($C6190/24,0)+1,1))-1)+IF('Standard Profiles'!$G$19=$B$10,7,0)+IF('Standard Profiles'!$G$19=$B$17,14,0)+IF('Standard Profiles'!$G$19=$B$24,21,0),0)),0)</f>
        <v>13.813912342108095</v>
      </c>
      <c r="F6190" cm="1">
        <f t="array" ref="F6190">IFERROR(INDEX(Jesper!AJ$2:AJ$366,ROUNDDOWN($C6190/24,0)+1,1)*INDEX($D$3:$AA$30,INDEX(Jesper!$R$2:$R$366,ROW(INDEX(Jesper!AJ$2:AJ$366,ROUNDDOWN($C6190/24,0)+1,1))-1)+IF('Standard Profiles'!$G$20=$B$10,7,0)+IF('Standard Profiles'!$G$20=$B$17,14,0)+IF('Standard Profiles'!$G$20=$B$24,21,0),MOD($C6190,24)+1)/SUM(INDEX($D$3:$AA$30,INDEX(Jesper!$R$2:$R$366,ROW(INDEX(Jesper!AJ$2:AJ$366,ROUNDDOWN($C6190/24,0)+1,1))-1)+IF('Standard Profiles'!$G$20=$B$10,7,0)+IF('Standard Profiles'!$G$20=$B$17,14,0)+IF('Standard Profiles'!$G$20=$B$24,21,0),0)),0)</f>
        <v>0</v>
      </c>
      <c r="G6190" cm="1">
        <f t="array" ref="G6190">IFERROR(INDEX(Jesper!AK$2:AK$366,ROUNDDOWN($C6190/24,0)+1,1)*INDEX($D$3:$AA$30,INDEX(Jesper!$R$2:$R$366,ROW(INDEX(Jesper!AK$2:AK$366,ROUNDDOWN($C6190/24,0)+1,1))-1)+IF('Standard Profiles'!$G$21=$B$10,7,0)+IF('Standard Profiles'!$G$21=$B$17,14,0)+IF('Standard Profiles'!$G$21=$B$24,21,0),MOD($C6190,24)+1)/SUM(INDEX($D$3:$AA$30,INDEX(Jesper!$R$2:$R$366,ROW(INDEX(Jesper!AK$2:AK$366,ROUNDDOWN($C6190/24,0)+1,1))-1)+IF('Standard Profiles'!$G$21=$B$10,7,0)+IF('Standard Profiles'!$G$21=$B$17,14,0)+IF('Standard Profiles'!$G$21=$B$24,21,0),0)),0)</f>
        <v>1.0406334264745245</v>
      </c>
      <c r="H6190" cm="1">
        <f t="array" ref="H6190">IFERROR(INDEX(Jesper!AL$2:AL$366,ROUNDDOWN($C6190/24,0)+1,1)*INDEX($D$3:$AA$30,INDEX(Jesper!$R$2:$R$366,ROW(INDEX(Jesper!AL$2:AL$366,ROUNDDOWN($C6190/24,0)+1,1))-1)+IF('Standard Profiles'!$G$22=$B$10,7,0)+IF('Standard Profiles'!$G$22=$B$17,14,0)+IF('Standard Profiles'!$G$22=$B$24,21,0),MOD($C6190,24)+1)/SUM(INDEX($D$3:$AA$30,INDEX(Jesper!$R$2:$R$366,ROW(INDEX(Jesper!AL$2:AL$366,ROUNDDOWN($C6190/24,0)+1,1))-1)+IF('Standard Profiles'!$G$22=$B$10,7,0)+IF('Standard Profiles'!$G$22=$B$17,14,0)+IF('Standard Profiles'!$G$22=$B$24,21,0),0)),0)</f>
        <v>0</v>
      </c>
      <c r="I6190">
        <f t="shared" si="692"/>
        <v>0.49950404470777149</v>
      </c>
      <c r="J6190">
        <f t="shared" si="693"/>
        <v>41.477457149582243</v>
      </c>
      <c r="K6190">
        <f t="shared" si="694"/>
        <v>3.444116244534273</v>
      </c>
      <c r="L6190">
        <f t="shared" si="695"/>
        <v>1.7220581222671365</v>
      </c>
      <c r="M6190">
        <f t="shared" si="696"/>
        <v>0</v>
      </c>
      <c r="N6190" s="45">
        <f t="shared" si="697"/>
        <v>45183.49999998507</v>
      </c>
    </row>
    <row r="6191" spans="2:14" x14ac:dyDescent="0.25">
      <c r="B6191">
        <f t="shared" si="691"/>
        <v>4</v>
      </c>
      <c r="C6191" s="16">
        <v>6157</v>
      </c>
      <c r="D6191" cm="1">
        <f t="array" ref="D6191">IFERROR(INDEX(Jesper!AH$2:AH$366,ROUNDDOWN($C6191/24,0)+1,1)*INDEX($D$3:$AA$30,INDEX(Jesper!$R$2:$R$366,ROW(INDEX(Jesper!AH$2:AH$366,ROUNDDOWN($C6191/24,0)+1,1))-1)+IF('Standard Profiles'!$G$18=$B$10,7,0)+IF('Standard Profiles'!$G$18=$B$17,14,0)+IF('Standard Profiles'!$G$18=$B$24,21,0),MOD($C6191,24)+1)/SUM(INDEX($D$3:$AA$30,INDEX(Jesper!$R$2:$R$366,ROW(INDEX(Jesper!AH$2:AH$366,ROUNDDOWN($C6191/24,0)+1,1))-1)+IF('Standard Profiles'!$G$18=$B$10,7,0)+IF('Standard Profiles'!$G$18=$B$17,14,0)+IF('Standard Profiles'!$G$18=$B$24,21,0),0)),0)</f>
        <v>21.448848933595137</v>
      </c>
      <c r="E6191" cm="1">
        <f t="array" ref="E6191">IFERROR(INDEX(Jesper!AI$2:AI$366,ROUNDDOWN($C6191/24,0)+1,1)*INDEX($D$3:$AA$30,INDEX(Jesper!$R$2:$R$366,ROW(INDEX(Jesper!AI$2:AI$366,ROUNDDOWN($C6191/24,0)+1,1))-1)+IF('Standard Profiles'!$G$19=$B$10,7,0)+IF('Standard Profiles'!$G$19=$B$17,14,0)+IF('Standard Profiles'!$G$19=$B$24,21,0),MOD($C6191,24)+1)/SUM(INDEX($D$3:$AA$30,INDEX(Jesper!$R$2:$R$366,ROW(INDEX(Jesper!AI$2:AI$366,ROUNDDOWN($C6191/24,0)+1,1))-1)+IF('Standard Profiles'!$G$19=$B$10,7,0)+IF('Standard Profiles'!$G$19=$B$17,14,0)+IF('Standard Profiles'!$G$19=$B$24,21,0),0)),0)</f>
        <v>9.1763846272575194</v>
      </c>
      <c r="F6191" cm="1">
        <f t="array" ref="F6191">IFERROR(INDEX(Jesper!AJ$2:AJ$366,ROUNDDOWN($C6191/24,0)+1,1)*INDEX($D$3:$AA$30,INDEX(Jesper!$R$2:$R$366,ROW(INDEX(Jesper!AJ$2:AJ$366,ROUNDDOWN($C6191/24,0)+1,1))-1)+IF('Standard Profiles'!$G$20=$B$10,7,0)+IF('Standard Profiles'!$G$20=$B$17,14,0)+IF('Standard Profiles'!$G$20=$B$24,21,0),MOD($C6191,24)+1)/SUM(INDEX($D$3:$AA$30,INDEX(Jesper!$R$2:$R$366,ROW(INDEX(Jesper!AJ$2:AJ$366,ROUNDDOWN($C6191/24,0)+1,1))-1)+IF('Standard Profiles'!$G$20=$B$10,7,0)+IF('Standard Profiles'!$G$20=$B$17,14,0)+IF('Standard Profiles'!$G$20=$B$24,21,0),0)),0)</f>
        <v>0</v>
      </c>
      <c r="G6191" cm="1">
        <f t="array" ref="G6191">IFERROR(INDEX(Jesper!AK$2:AK$366,ROUNDDOWN($C6191/24,0)+1,1)*INDEX($D$3:$AA$30,INDEX(Jesper!$R$2:$R$366,ROW(INDEX(Jesper!AK$2:AK$366,ROUNDDOWN($C6191/24,0)+1,1))-1)+IF('Standard Profiles'!$G$21=$B$10,7,0)+IF('Standard Profiles'!$G$21=$B$17,14,0)+IF('Standard Profiles'!$G$21=$B$24,21,0),MOD($C6191,24)+1)/SUM(INDEX($D$3:$AA$30,INDEX(Jesper!$R$2:$R$366,ROW(INDEX(Jesper!AK$2:AK$366,ROUNDDOWN($C6191/24,0)+1,1))-1)+IF('Standard Profiles'!$G$21=$B$10,7,0)+IF('Standard Profiles'!$G$21=$B$17,14,0)+IF('Standard Profiles'!$G$21=$B$24,21,0),0)),0)</f>
        <v>0.69127791901521984</v>
      </c>
      <c r="H6191" cm="1">
        <f t="array" ref="H6191">IFERROR(INDEX(Jesper!AL$2:AL$366,ROUNDDOWN($C6191/24,0)+1,1)*INDEX($D$3:$AA$30,INDEX(Jesper!$R$2:$R$366,ROW(INDEX(Jesper!AL$2:AL$366,ROUNDDOWN($C6191/24,0)+1,1))-1)+IF('Standard Profiles'!$G$22=$B$10,7,0)+IF('Standard Profiles'!$G$22=$B$17,14,0)+IF('Standard Profiles'!$G$22=$B$24,21,0),MOD($C6191,24)+1)/SUM(INDEX($D$3:$AA$30,INDEX(Jesper!$R$2:$R$366,ROW(INDEX(Jesper!AL$2:AL$366,ROUNDDOWN($C6191/24,0)+1,1))-1)+IF('Standard Profiles'!$G$22=$B$10,7,0)+IF('Standard Profiles'!$G$22=$B$17,14,0)+IF('Standard Profiles'!$G$22=$B$24,21,0),0)),0)</f>
        <v>0</v>
      </c>
      <c r="I6191">
        <f t="shared" si="692"/>
        <v>0.33181340112730534</v>
      </c>
      <c r="J6191">
        <f t="shared" si="693"/>
        <v>27.55288224936535</v>
      </c>
      <c r="K6191">
        <f t="shared" si="694"/>
        <v>2.2878772195834816</v>
      </c>
      <c r="L6191">
        <f t="shared" si="695"/>
        <v>1.1439386097917408</v>
      </c>
      <c r="M6191">
        <f t="shared" si="696"/>
        <v>0</v>
      </c>
      <c r="N6191" s="45">
        <f t="shared" si="697"/>
        <v>45183.541666651734</v>
      </c>
    </row>
    <row r="6192" spans="2:14" x14ac:dyDescent="0.25">
      <c r="B6192">
        <f t="shared" si="691"/>
        <v>4</v>
      </c>
      <c r="C6192" s="16">
        <v>6158</v>
      </c>
      <c r="D6192" cm="1">
        <f t="array" ref="D6192">IFERROR(INDEX(Jesper!AH$2:AH$366,ROUNDDOWN($C6192/24,0)+1,1)*INDEX($D$3:$AA$30,INDEX(Jesper!$R$2:$R$366,ROW(INDEX(Jesper!AH$2:AH$366,ROUNDDOWN($C6192/24,0)+1,1))-1)+IF('Standard Profiles'!$G$18=$B$10,7,0)+IF('Standard Profiles'!$G$18=$B$17,14,0)+IF('Standard Profiles'!$G$18=$B$24,21,0),MOD($C6192,24)+1)/SUM(INDEX($D$3:$AA$30,INDEX(Jesper!$R$2:$R$366,ROW(INDEX(Jesper!AH$2:AH$366,ROUNDDOWN($C6192/24,0)+1,1))-1)+IF('Standard Profiles'!$G$18=$B$10,7,0)+IF('Standard Profiles'!$G$18=$B$17,14,0)+IF('Standard Profiles'!$G$18=$B$24,21,0),0)),0)</f>
        <v>32.288589792508809</v>
      </c>
      <c r="E6192" cm="1">
        <f t="array" ref="E6192">IFERROR(INDEX(Jesper!AI$2:AI$366,ROUNDDOWN($C6192/24,0)+1,1)*INDEX($D$3:$AA$30,INDEX(Jesper!$R$2:$R$366,ROW(INDEX(Jesper!AI$2:AI$366,ROUNDDOWN($C6192/24,0)+1,1))-1)+IF('Standard Profiles'!$G$19=$B$10,7,0)+IF('Standard Profiles'!$G$19=$B$17,14,0)+IF('Standard Profiles'!$G$19=$B$24,21,0),MOD($C6192,24)+1)/SUM(INDEX($D$3:$AA$30,INDEX(Jesper!$R$2:$R$366,ROW(INDEX(Jesper!AI$2:AI$366,ROUNDDOWN($C6192/24,0)+1,1))-1)+IF('Standard Profiles'!$G$19=$B$10,7,0)+IF('Standard Profiles'!$G$19=$B$17,14,0)+IF('Standard Profiles'!$G$19=$B$24,21,0),0)),0)</f>
        <v>13.813912342108095</v>
      </c>
      <c r="F6192" cm="1">
        <f t="array" ref="F6192">IFERROR(INDEX(Jesper!AJ$2:AJ$366,ROUNDDOWN($C6192/24,0)+1,1)*INDEX($D$3:$AA$30,INDEX(Jesper!$R$2:$R$366,ROW(INDEX(Jesper!AJ$2:AJ$366,ROUNDDOWN($C6192/24,0)+1,1))-1)+IF('Standard Profiles'!$G$20=$B$10,7,0)+IF('Standard Profiles'!$G$20=$B$17,14,0)+IF('Standard Profiles'!$G$20=$B$24,21,0),MOD($C6192,24)+1)/SUM(INDEX($D$3:$AA$30,INDEX(Jesper!$R$2:$R$366,ROW(INDEX(Jesper!AJ$2:AJ$366,ROUNDDOWN($C6192/24,0)+1,1))-1)+IF('Standard Profiles'!$G$20=$B$10,7,0)+IF('Standard Profiles'!$G$20=$B$17,14,0)+IF('Standard Profiles'!$G$20=$B$24,21,0),0)),0)</f>
        <v>0</v>
      </c>
      <c r="G6192" cm="1">
        <f t="array" ref="G6192">IFERROR(INDEX(Jesper!AK$2:AK$366,ROUNDDOWN($C6192/24,0)+1,1)*INDEX($D$3:$AA$30,INDEX(Jesper!$R$2:$R$366,ROW(INDEX(Jesper!AK$2:AK$366,ROUNDDOWN($C6192/24,0)+1,1))-1)+IF('Standard Profiles'!$G$21=$B$10,7,0)+IF('Standard Profiles'!$G$21=$B$17,14,0)+IF('Standard Profiles'!$G$21=$B$24,21,0),MOD($C6192,24)+1)/SUM(INDEX($D$3:$AA$30,INDEX(Jesper!$R$2:$R$366,ROW(INDEX(Jesper!AK$2:AK$366,ROUNDDOWN($C6192/24,0)+1,1))-1)+IF('Standard Profiles'!$G$21=$B$10,7,0)+IF('Standard Profiles'!$G$21=$B$17,14,0)+IF('Standard Profiles'!$G$21=$B$24,21,0),0)),0)</f>
        <v>1.0406334264745245</v>
      </c>
      <c r="H6192" cm="1">
        <f t="array" ref="H6192">IFERROR(INDEX(Jesper!AL$2:AL$366,ROUNDDOWN($C6192/24,0)+1,1)*INDEX($D$3:$AA$30,INDEX(Jesper!$R$2:$R$366,ROW(INDEX(Jesper!AL$2:AL$366,ROUNDDOWN($C6192/24,0)+1,1))-1)+IF('Standard Profiles'!$G$22=$B$10,7,0)+IF('Standard Profiles'!$G$22=$B$17,14,0)+IF('Standard Profiles'!$G$22=$B$24,21,0),MOD($C6192,24)+1)/SUM(INDEX($D$3:$AA$30,INDEX(Jesper!$R$2:$R$366,ROW(INDEX(Jesper!AL$2:AL$366,ROUNDDOWN($C6192/24,0)+1,1))-1)+IF('Standard Profiles'!$G$22=$B$10,7,0)+IF('Standard Profiles'!$G$22=$B$17,14,0)+IF('Standard Profiles'!$G$22=$B$24,21,0),0)),0)</f>
        <v>0</v>
      </c>
      <c r="I6192">
        <f t="shared" si="692"/>
        <v>0.49950404470777149</v>
      </c>
      <c r="J6192">
        <f t="shared" si="693"/>
        <v>41.477457149582243</v>
      </c>
      <c r="K6192">
        <f t="shared" si="694"/>
        <v>3.444116244534273</v>
      </c>
      <c r="L6192">
        <f t="shared" si="695"/>
        <v>1.7220581222671365</v>
      </c>
      <c r="M6192">
        <f t="shared" si="696"/>
        <v>0</v>
      </c>
      <c r="N6192" s="45">
        <f t="shared" si="697"/>
        <v>45183.583333318398</v>
      </c>
    </row>
    <row r="6193" spans="2:14" x14ac:dyDescent="0.25">
      <c r="B6193">
        <f t="shared" si="691"/>
        <v>4</v>
      </c>
      <c r="C6193" s="16">
        <v>6159</v>
      </c>
      <c r="D6193" cm="1">
        <f t="array" ref="D6193">IFERROR(INDEX(Jesper!AH$2:AH$366,ROUNDDOWN($C6193/24,0)+1,1)*INDEX($D$3:$AA$30,INDEX(Jesper!$R$2:$R$366,ROW(INDEX(Jesper!AH$2:AH$366,ROUNDDOWN($C6193/24,0)+1,1))-1)+IF('Standard Profiles'!$G$18=$B$10,7,0)+IF('Standard Profiles'!$G$18=$B$17,14,0)+IF('Standard Profiles'!$G$18=$B$24,21,0),MOD($C6193,24)+1)/SUM(INDEX($D$3:$AA$30,INDEX(Jesper!$R$2:$R$366,ROW(INDEX(Jesper!AH$2:AH$366,ROUNDDOWN($C6193/24,0)+1,1))-1)+IF('Standard Profiles'!$G$18=$B$10,7,0)+IF('Standard Profiles'!$G$18=$B$17,14,0)+IF('Standard Profiles'!$G$18=$B$24,21,0),0)),0)</f>
        <v>32.288589792508809</v>
      </c>
      <c r="E6193" cm="1">
        <f t="array" ref="E6193">IFERROR(INDEX(Jesper!AI$2:AI$366,ROUNDDOWN($C6193/24,0)+1,1)*INDEX($D$3:$AA$30,INDEX(Jesper!$R$2:$R$366,ROW(INDEX(Jesper!AI$2:AI$366,ROUNDDOWN($C6193/24,0)+1,1))-1)+IF('Standard Profiles'!$G$19=$B$10,7,0)+IF('Standard Profiles'!$G$19=$B$17,14,0)+IF('Standard Profiles'!$G$19=$B$24,21,0),MOD($C6193,24)+1)/SUM(INDEX($D$3:$AA$30,INDEX(Jesper!$R$2:$R$366,ROW(INDEX(Jesper!AI$2:AI$366,ROUNDDOWN($C6193/24,0)+1,1))-1)+IF('Standard Profiles'!$G$19=$B$10,7,0)+IF('Standard Profiles'!$G$19=$B$17,14,0)+IF('Standard Profiles'!$G$19=$B$24,21,0),0)),0)</f>
        <v>13.813912342108095</v>
      </c>
      <c r="F6193" cm="1">
        <f t="array" ref="F6193">IFERROR(INDEX(Jesper!AJ$2:AJ$366,ROUNDDOWN($C6193/24,0)+1,1)*INDEX($D$3:$AA$30,INDEX(Jesper!$R$2:$R$366,ROW(INDEX(Jesper!AJ$2:AJ$366,ROUNDDOWN($C6193/24,0)+1,1))-1)+IF('Standard Profiles'!$G$20=$B$10,7,0)+IF('Standard Profiles'!$G$20=$B$17,14,0)+IF('Standard Profiles'!$G$20=$B$24,21,0),MOD($C6193,24)+1)/SUM(INDEX($D$3:$AA$30,INDEX(Jesper!$R$2:$R$366,ROW(INDEX(Jesper!AJ$2:AJ$366,ROUNDDOWN($C6193/24,0)+1,1))-1)+IF('Standard Profiles'!$G$20=$B$10,7,0)+IF('Standard Profiles'!$G$20=$B$17,14,0)+IF('Standard Profiles'!$G$20=$B$24,21,0),0)),0)</f>
        <v>0</v>
      </c>
      <c r="G6193" cm="1">
        <f t="array" ref="G6193">IFERROR(INDEX(Jesper!AK$2:AK$366,ROUNDDOWN($C6193/24,0)+1,1)*INDEX($D$3:$AA$30,INDEX(Jesper!$R$2:$R$366,ROW(INDEX(Jesper!AK$2:AK$366,ROUNDDOWN($C6193/24,0)+1,1))-1)+IF('Standard Profiles'!$G$21=$B$10,7,0)+IF('Standard Profiles'!$G$21=$B$17,14,0)+IF('Standard Profiles'!$G$21=$B$24,21,0),MOD($C6193,24)+1)/SUM(INDEX($D$3:$AA$30,INDEX(Jesper!$R$2:$R$366,ROW(INDEX(Jesper!AK$2:AK$366,ROUNDDOWN($C6193/24,0)+1,1))-1)+IF('Standard Profiles'!$G$21=$B$10,7,0)+IF('Standard Profiles'!$G$21=$B$17,14,0)+IF('Standard Profiles'!$G$21=$B$24,21,0),0)),0)</f>
        <v>1.0406334264745245</v>
      </c>
      <c r="H6193" cm="1">
        <f t="array" ref="H6193">IFERROR(INDEX(Jesper!AL$2:AL$366,ROUNDDOWN($C6193/24,0)+1,1)*INDEX($D$3:$AA$30,INDEX(Jesper!$R$2:$R$366,ROW(INDEX(Jesper!AL$2:AL$366,ROUNDDOWN($C6193/24,0)+1,1))-1)+IF('Standard Profiles'!$G$22=$B$10,7,0)+IF('Standard Profiles'!$G$22=$B$17,14,0)+IF('Standard Profiles'!$G$22=$B$24,21,0),MOD($C6193,24)+1)/SUM(INDEX($D$3:$AA$30,INDEX(Jesper!$R$2:$R$366,ROW(INDEX(Jesper!AL$2:AL$366,ROUNDDOWN($C6193/24,0)+1,1))-1)+IF('Standard Profiles'!$G$22=$B$10,7,0)+IF('Standard Profiles'!$G$22=$B$17,14,0)+IF('Standard Profiles'!$G$22=$B$24,21,0),0)),0)</f>
        <v>0</v>
      </c>
      <c r="I6193">
        <f t="shared" si="692"/>
        <v>0.49950404470777149</v>
      </c>
      <c r="J6193">
        <f t="shared" si="693"/>
        <v>41.477457149582243</v>
      </c>
      <c r="K6193">
        <f t="shared" si="694"/>
        <v>3.444116244534273</v>
      </c>
      <c r="L6193">
        <f t="shared" si="695"/>
        <v>1.7220581222671365</v>
      </c>
      <c r="M6193">
        <f t="shared" si="696"/>
        <v>0</v>
      </c>
      <c r="N6193" s="45">
        <f t="shared" si="697"/>
        <v>45183.624999985062</v>
      </c>
    </row>
    <row r="6194" spans="2:14" x14ac:dyDescent="0.25">
      <c r="B6194">
        <f t="shared" si="691"/>
        <v>4</v>
      </c>
      <c r="C6194" s="16">
        <v>6160</v>
      </c>
      <c r="D6194" cm="1">
        <f t="array" ref="D6194">IFERROR(INDEX(Jesper!AH$2:AH$366,ROUNDDOWN($C6194/24,0)+1,1)*INDEX($D$3:$AA$30,INDEX(Jesper!$R$2:$R$366,ROW(INDEX(Jesper!AH$2:AH$366,ROUNDDOWN($C6194/24,0)+1,1))-1)+IF('Standard Profiles'!$G$18=$B$10,7,0)+IF('Standard Profiles'!$G$18=$B$17,14,0)+IF('Standard Profiles'!$G$18=$B$24,21,0),MOD($C6194,24)+1)/SUM(INDEX($D$3:$AA$30,INDEX(Jesper!$R$2:$R$366,ROW(INDEX(Jesper!AH$2:AH$366,ROUNDDOWN($C6194/24,0)+1,1))-1)+IF('Standard Profiles'!$G$18=$B$10,7,0)+IF('Standard Profiles'!$G$18=$B$17,14,0)+IF('Standard Profiles'!$G$18=$B$24,21,0),0)),0)</f>
        <v>19.027204699156979</v>
      </c>
      <c r="E6194" cm="1">
        <f t="array" ref="E6194">IFERROR(INDEX(Jesper!AI$2:AI$366,ROUNDDOWN($C6194/24,0)+1,1)*INDEX($D$3:$AA$30,INDEX(Jesper!$R$2:$R$366,ROW(INDEX(Jesper!AI$2:AI$366,ROUNDDOWN($C6194/24,0)+1,1))-1)+IF('Standard Profiles'!$G$19=$B$10,7,0)+IF('Standard Profiles'!$G$19=$B$17,14,0)+IF('Standard Profiles'!$G$19=$B$24,21,0),MOD($C6194,24)+1)/SUM(INDEX($D$3:$AA$30,INDEX(Jesper!$R$2:$R$366,ROW(INDEX(Jesper!AI$2:AI$366,ROUNDDOWN($C6194/24,0)+1,1))-1)+IF('Standard Profiles'!$G$19=$B$10,7,0)+IF('Standard Profiles'!$G$19=$B$17,14,0)+IF('Standard Profiles'!$G$19=$B$24,21,0),0)),0)</f>
        <v>8.1403412015994139</v>
      </c>
      <c r="F6194" cm="1">
        <f t="array" ref="F6194">IFERROR(INDEX(Jesper!AJ$2:AJ$366,ROUNDDOWN($C6194/24,0)+1,1)*INDEX($D$3:$AA$30,INDEX(Jesper!$R$2:$R$366,ROW(INDEX(Jesper!AJ$2:AJ$366,ROUNDDOWN($C6194/24,0)+1,1))-1)+IF('Standard Profiles'!$G$20=$B$10,7,0)+IF('Standard Profiles'!$G$20=$B$17,14,0)+IF('Standard Profiles'!$G$20=$B$24,21,0),MOD($C6194,24)+1)/SUM(INDEX($D$3:$AA$30,INDEX(Jesper!$R$2:$R$366,ROW(INDEX(Jesper!AJ$2:AJ$366,ROUNDDOWN($C6194/24,0)+1,1))-1)+IF('Standard Profiles'!$G$20=$B$10,7,0)+IF('Standard Profiles'!$G$20=$B$17,14,0)+IF('Standard Profiles'!$G$20=$B$24,21,0),0)),0)</f>
        <v>0</v>
      </c>
      <c r="G6194" cm="1">
        <f t="array" ref="G6194">IFERROR(INDEX(Jesper!AK$2:AK$366,ROUNDDOWN($C6194/24,0)+1,1)*INDEX($D$3:$AA$30,INDEX(Jesper!$R$2:$R$366,ROW(INDEX(Jesper!AK$2:AK$366,ROUNDDOWN($C6194/24,0)+1,1))-1)+IF('Standard Profiles'!$G$21=$B$10,7,0)+IF('Standard Profiles'!$G$21=$B$17,14,0)+IF('Standard Profiles'!$G$21=$B$24,21,0),MOD($C6194,24)+1)/SUM(INDEX($D$3:$AA$30,INDEX(Jesper!$R$2:$R$366,ROW(INDEX(Jesper!AK$2:AK$366,ROUNDDOWN($C6194/24,0)+1,1))-1)+IF('Standard Profiles'!$G$21=$B$10,7,0)+IF('Standard Profiles'!$G$21=$B$17,14,0)+IF('Standard Profiles'!$G$21=$B$24,21,0),0)),0)</f>
        <v>0.86954406387064664</v>
      </c>
      <c r="H6194" cm="1">
        <f t="array" ref="H6194">IFERROR(INDEX(Jesper!AL$2:AL$366,ROUNDDOWN($C6194/24,0)+1,1)*INDEX($D$3:$AA$30,INDEX(Jesper!$R$2:$R$366,ROW(INDEX(Jesper!AL$2:AL$366,ROUNDDOWN($C6194/24,0)+1,1))-1)+IF('Standard Profiles'!$G$22=$B$10,7,0)+IF('Standard Profiles'!$G$22=$B$17,14,0)+IF('Standard Profiles'!$G$22=$B$24,21,0),MOD($C6194,24)+1)/SUM(INDEX($D$3:$AA$30,INDEX(Jesper!$R$2:$R$366,ROW(INDEX(Jesper!AL$2:AL$366,ROUNDDOWN($C6194/24,0)+1,1))-1)+IF('Standard Profiles'!$G$22=$B$10,7,0)+IF('Standard Profiles'!$G$22=$B$17,14,0)+IF('Standard Profiles'!$G$22=$B$24,21,0),0)),0)</f>
        <v>0</v>
      </c>
      <c r="I6194">
        <f t="shared" si="692"/>
        <v>0.4173811506579102</v>
      </c>
      <c r="J6194">
        <f t="shared" si="693"/>
        <v>24.57535606210401</v>
      </c>
      <c r="K6194">
        <f t="shared" si="694"/>
        <v>2.029568501243411</v>
      </c>
      <c r="L6194">
        <f t="shared" si="695"/>
        <v>1.0147842506217055</v>
      </c>
      <c r="M6194">
        <f t="shared" si="696"/>
        <v>0</v>
      </c>
      <c r="N6194" s="45">
        <f t="shared" si="697"/>
        <v>45183.666666651727</v>
      </c>
    </row>
    <row r="6195" spans="2:14" x14ac:dyDescent="0.25">
      <c r="B6195">
        <f t="shared" si="691"/>
        <v>4</v>
      </c>
      <c r="C6195" s="16">
        <v>6161</v>
      </c>
      <c r="D6195" cm="1">
        <f t="array" ref="D6195">IFERROR(INDEX(Jesper!AH$2:AH$366,ROUNDDOWN($C6195/24,0)+1,1)*INDEX($D$3:$AA$30,INDEX(Jesper!$R$2:$R$366,ROW(INDEX(Jesper!AH$2:AH$366,ROUNDDOWN($C6195/24,0)+1,1))-1)+IF('Standard Profiles'!$G$18=$B$10,7,0)+IF('Standard Profiles'!$G$18=$B$17,14,0)+IF('Standard Profiles'!$G$18=$B$24,21,0),MOD($C6195,24)+1)/SUM(INDEX($D$3:$AA$30,INDEX(Jesper!$R$2:$R$366,ROW(INDEX(Jesper!AH$2:AH$366,ROUNDDOWN($C6195/24,0)+1,1))-1)+IF('Standard Profiles'!$G$18=$B$10,7,0)+IF('Standard Profiles'!$G$18=$B$17,14,0)+IF('Standard Profiles'!$G$18=$B$24,21,0),0)),0)</f>
        <v>8.1208726842325998</v>
      </c>
      <c r="E6195" cm="1">
        <f t="array" ref="E6195">IFERROR(INDEX(Jesper!AI$2:AI$366,ROUNDDOWN($C6195/24,0)+1,1)*INDEX($D$3:$AA$30,INDEX(Jesper!$R$2:$R$366,ROW(INDEX(Jesper!AI$2:AI$366,ROUNDDOWN($C6195/24,0)+1,1))-1)+IF('Standard Profiles'!$G$19=$B$10,7,0)+IF('Standard Profiles'!$G$19=$B$17,14,0)+IF('Standard Profiles'!$G$19=$B$24,21,0),MOD($C6195,24)+1)/SUM(INDEX($D$3:$AA$30,INDEX(Jesper!$R$2:$R$366,ROW(INDEX(Jesper!AI$2:AI$366,ROUNDDOWN($C6195/24,0)+1,1))-1)+IF('Standard Profiles'!$G$19=$B$10,7,0)+IF('Standard Profiles'!$G$19=$B$17,14,0)+IF('Standard Profiles'!$G$19=$B$24,21,0),0)),0)</f>
        <v>3.4743240297052553</v>
      </c>
      <c r="F6195" cm="1">
        <f t="array" ref="F6195">IFERROR(INDEX(Jesper!AJ$2:AJ$366,ROUNDDOWN($C6195/24,0)+1,1)*INDEX($D$3:$AA$30,INDEX(Jesper!$R$2:$R$366,ROW(INDEX(Jesper!AJ$2:AJ$366,ROUNDDOWN($C6195/24,0)+1,1))-1)+IF('Standard Profiles'!$G$20=$B$10,7,0)+IF('Standard Profiles'!$G$20=$B$17,14,0)+IF('Standard Profiles'!$G$20=$B$24,21,0),MOD($C6195,24)+1)/SUM(INDEX($D$3:$AA$30,INDEX(Jesper!$R$2:$R$366,ROW(INDEX(Jesper!AJ$2:AJ$366,ROUNDDOWN($C6195/24,0)+1,1))-1)+IF('Standard Profiles'!$G$20=$B$10,7,0)+IF('Standard Profiles'!$G$20=$B$17,14,0)+IF('Standard Profiles'!$G$20=$B$24,21,0),0)),0)</f>
        <v>0</v>
      </c>
      <c r="G6195" cm="1">
        <f t="array" ref="G6195">IFERROR(INDEX(Jesper!AK$2:AK$366,ROUNDDOWN($C6195/24,0)+1,1)*INDEX($D$3:$AA$30,INDEX(Jesper!$R$2:$R$366,ROW(INDEX(Jesper!AK$2:AK$366,ROUNDDOWN($C6195/24,0)+1,1))-1)+IF('Standard Profiles'!$G$21=$B$10,7,0)+IF('Standard Profiles'!$G$21=$B$17,14,0)+IF('Standard Profiles'!$G$21=$B$24,21,0),MOD($C6195,24)+1)/SUM(INDEX($D$3:$AA$30,INDEX(Jesper!$R$2:$R$366,ROW(INDEX(Jesper!AK$2:AK$366,ROUNDDOWN($C6195/24,0)+1,1))-1)+IF('Standard Profiles'!$G$21=$B$10,7,0)+IF('Standard Profiles'!$G$21=$B$17,14,0)+IF('Standard Profiles'!$G$21=$B$24,21,0),0)),0)</f>
        <v>0.69140607584114044</v>
      </c>
      <c r="H6195" cm="1">
        <f t="array" ref="H6195">IFERROR(INDEX(Jesper!AL$2:AL$366,ROUNDDOWN($C6195/24,0)+1,1)*INDEX($D$3:$AA$30,INDEX(Jesper!$R$2:$R$366,ROW(INDEX(Jesper!AL$2:AL$366,ROUNDDOWN($C6195/24,0)+1,1))-1)+IF('Standard Profiles'!$G$22=$B$10,7,0)+IF('Standard Profiles'!$G$22=$B$17,14,0)+IF('Standard Profiles'!$G$22=$B$24,21,0),MOD($C6195,24)+1)/SUM(INDEX($D$3:$AA$30,INDEX(Jesper!$R$2:$R$366,ROW(INDEX(Jesper!AL$2:AL$366,ROUNDDOWN($C6195/24,0)+1,1))-1)+IF('Standard Profiles'!$G$22=$B$10,7,0)+IF('Standard Profiles'!$G$22=$B$17,14,0)+IF('Standard Profiles'!$G$22=$B$24,21,0),0)),0)</f>
        <v>0</v>
      </c>
      <c r="I6195">
        <f t="shared" si="692"/>
        <v>0.33187491640374722</v>
      </c>
      <c r="J6195">
        <f t="shared" si="693"/>
        <v>10.655388243898033</v>
      </c>
      <c r="K6195">
        <f t="shared" si="694"/>
        <v>0.8662264196514774</v>
      </c>
      <c r="L6195">
        <f t="shared" si="695"/>
        <v>0.4331132098257387</v>
      </c>
      <c r="M6195">
        <f t="shared" si="696"/>
        <v>0</v>
      </c>
      <c r="N6195" s="45">
        <f t="shared" si="697"/>
        <v>45183.708333318391</v>
      </c>
    </row>
    <row r="6196" spans="2:14" x14ac:dyDescent="0.25">
      <c r="B6196">
        <f t="shared" si="691"/>
        <v>4</v>
      </c>
      <c r="C6196" s="16">
        <v>6162</v>
      </c>
      <c r="D6196" cm="1">
        <f t="array" ref="D6196">IFERROR(INDEX(Jesper!AH$2:AH$366,ROUNDDOWN($C6196/24,0)+1,1)*INDEX($D$3:$AA$30,INDEX(Jesper!$R$2:$R$366,ROW(INDEX(Jesper!AH$2:AH$366,ROUNDDOWN($C6196/24,0)+1,1))-1)+IF('Standard Profiles'!$G$18=$B$10,7,0)+IF('Standard Profiles'!$G$18=$B$17,14,0)+IF('Standard Profiles'!$G$18=$B$24,21,0),MOD($C6196,24)+1)/SUM(INDEX($D$3:$AA$30,INDEX(Jesper!$R$2:$R$366,ROW(INDEX(Jesper!AH$2:AH$366,ROUNDDOWN($C6196/24,0)+1,1))-1)+IF('Standard Profiles'!$G$18=$B$10,7,0)+IF('Standard Profiles'!$G$18=$B$17,14,0)+IF('Standard Profiles'!$G$18=$B$24,21,0),0)),0)</f>
        <v>5.3597759715935149</v>
      </c>
      <c r="E6196" cm="1">
        <f t="array" ref="E6196">IFERROR(INDEX(Jesper!AI$2:AI$366,ROUNDDOWN($C6196/24,0)+1,1)*INDEX($D$3:$AA$30,INDEX(Jesper!$R$2:$R$366,ROW(INDEX(Jesper!AI$2:AI$366,ROUNDDOWN($C6196/24,0)+1,1))-1)+IF('Standard Profiles'!$G$19=$B$10,7,0)+IF('Standard Profiles'!$G$19=$B$17,14,0)+IF('Standard Profiles'!$G$19=$B$24,21,0),MOD($C6196,24)+1)/SUM(INDEX($D$3:$AA$30,INDEX(Jesper!$R$2:$R$366,ROW(INDEX(Jesper!AI$2:AI$366,ROUNDDOWN($C6196/24,0)+1,1))-1)+IF('Standard Profiles'!$G$19=$B$10,7,0)+IF('Standard Profiles'!$G$19=$B$17,14,0)+IF('Standard Profiles'!$G$19=$B$24,21,0),0)),0)</f>
        <v>2.2930538596054686</v>
      </c>
      <c r="F6196" cm="1">
        <f t="array" ref="F6196">IFERROR(INDEX(Jesper!AJ$2:AJ$366,ROUNDDOWN($C6196/24,0)+1,1)*INDEX($D$3:$AA$30,INDEX(Jesper!$R$2:$R$366,ROW(INDEX(Jesper!AJ$2:AJ$366,ROUNDDOWN($C6196/24,0)+1,1))-1)+IF('Standard Profiles'!$G$20=$B$10,7,0)+IF('Standard Profiles'!$G$20=$B$17,14,0)+IF('Standard Profiles'!$G$20=$B$24,21,0),MOD($C6196,24)+1)/SUM(INDEX($D$3:$AA$30,INDEX(Jesper!$R$2:$R$366,ROW(INDEX(Jesper!AJ$2:AJ$366,ROUNDDOWN($C6196/24,0)+1,1))-1)+IF('Standard Profiles'!$G$20=$B$10,7,0)+IF('Standard Profiles'!$G$20=$B$17,14,0)+IF('Standard Profiles'!$G$20=$B$24,21,0),0)),0)</f>
        <v>0</v>
      </c>
      <c r="G6196" cm="1">
        <f t="array" ref="G6196">IFERROR(INDEX(Jesper!AK$2:AK$366,ROUNDDOWN($C6196/24,0)+1,1)*INDEX($D$3:$AA$30,INDEX(Jesper!$R$2:$R$366,ROW(INDEX(Jesper!AK$2:AK$366,ROUNDDOWN($C6196/24,0)+1,1))-1)+IF('Standard Profiles'!$G$21=$B$10,7,0)+IF('Standard Profiles'!$G$21=$B$17,14,0)+IF('Standard Profiles'!$G$21=$B$24,21,0),MOD($C6196,24)+1)/SUM(INDEX($D$3:$AA$30,INDEX(Jesper!$R$2:$R$366,ROW(INDEX(Jesper!AK$2:AK$366,ROUNDDOWN($C6196/24,0)+1,1))-1)+IF('Standard Profiles'!$G$21=$B$10,7,0)+IF('Standard Profiles'!$G$21=$B$17,14,0)+IF('Standard Profiles'!$G$21=$B$24,21,0),0)),0)</f>
        <v>0.25631365184101595</v>
      </c>
      <c r="H6196" cm="1">
        <f t="array" ref="H6196">IFERROR(INDEX(Jesper!AL$2:AL$366,ROUNDDOWN($C6196/24,0)+1,1)*INDEX($D$3:$AA$30,INDEX(Jesper!$R$2:$R$366,ROW(INDEX(Jesper!AL$2:AL$366,ROUNDDOWN($C6196/24,0)+1,1))-1)+IF('Standard Profiles'!$G$22=$B$10,7,0)+IF('Standard Profiles'!$G$22=$B$17,14,0)+IF('Standard Profiles'!$G$22=$B$24,21,0),MOD($C6196,24)+1)/SUM(INDEX($D$3:$AA$30,INDEX(Jesper!$R$2:$R$366,ROW(INDEX(Jesper!AL$2:AL$366,ROUNDDOWN($C6196/24,0)+1,1))-1)+IF('Standard Profiles'!$G$22=$B$10,7,0)+IF('Standard Profiles'!$G$22=$B$17,14,0)+IF('Standard Profiles'!$G$22=$B$24,21,0),0)),0)</f>
        <v>0</v>
      </c>
      <c r="I6196">
        <f t="shared" si="692"/>
        <v>0.1230305528836876</v>
      </c>
      <c r="J6196">
        <f t="shared" si="693"/>
        <v>6.9285487747013494</v>
      </c>
      <c r="K6196">
        <f t="shared" si="694"/>
        <v>0.571709436969975</v>
      </c>
      <c r="L6196">
        <f t="shared" si="695"/>
        <v>0.2858547184849875</v>
      </c>
      <c r="M6196">
        <f t="shared" si="696"/>
        <v>0</v>
      </c>
      <c r="N6196" s="45">
        <f t="shared" si="697"/>
        <v>45183.749999985055</v>
      </c>
    </row>
    <row r="6197" spans="2:14" x14ac:dyDescent="0.25">
      <c r="B6197">
        <f t="shared" si="691"/>
        <v>4</v>
      </c>
      <c r="C6197" s="16">
        <v>6163</v>
      </c>
      <c r="D6197" cm="1">
        <f t="array" ref="D6197">IFERROR(INDEX(Jesper!AH$2:AH$366,ROUNDDOWN($C6197/24,0)+1,1)*INDEX($D$3:$AA$30,INDEX(Jesper!$R$2:$R$366,ROW(INDEX(Jesper!AH$2:AH$366,ROUNDDOWN($C6197/24,0)+1,1))-1)+IF('Standard Profiles'!$G$18=$B$10,7,0)+IF('Standard Profiles'!$G$18=$B$17,14,0)+IF('Standard Profiles'!$G$18=$B$24,21,0),MOD($C6197,24)+1)/SUM(INDEX($D$3:$AA$30,INDEX(Jesper!$R$2:$R$366,ROW(INDEX(Jesper!AH$2:AH$366,ROUNDDOWN($C6197/24,0)+1,1))-1)+IF('Standard Profiles'!$G$18=$B$10,7,0)+IF('Standard Profiles'!$G$18=$B$17,14,0)+IF('Standard Profiles'!$G$18=$B$24,21,0),0)),0)</f>
        <v>5.3597759715935149</v>
      </c>
      <c r="E6197" cm="1">
        <f t="array" ref="E6197">IFERROR(INDEX(Jesper!AI$2:AI$366,ROUNDDOWN($C6197/24,0)+1,1)*INDEX($D$3:$AA$30,INDEX(Jesper!$R$2:$R$366,ROW(INDEX(Jesper!AI$2:AI$366,ROUNDDOWN($C6197/24,0)+1,1))-1)+IF('Standard Profiles'!$G$19=$B$10,7,0)+IF('Standard Profiles'!$G$19=$B$17,14,0)+IF('Standard Profiles'!$G$19=$B$24,21,0),MOD($C6197,24)+1)/SUM(INDEX($D$3:$AA$30,INDEX(Jesper!$R$2:$R$366,ROW(INDEX(Jesper!AI$2:AI$366,ROUNDDOWN($C6197/24,0)+1,1))-1)+IF('Standard Profiles'!$G$19=$B$10,7,0)+IF('Standard Profiles'!$G$19=$B$17,14,0)+IF('Standard Profiles'!$G$19=$B$24,21,0),0)),0)</f>
        <v>2.2930538596054686</v>
      </c>
      <c r="F6197" cm="1">
        <f t="array" ref="F6197">IFERROR(INDEX(Jesper!AJ$2:AJ$366,ROUNDDOWN($C6197/24,0)+1,1)*INDEX($D$3:$AA$30,INDEX(Jesper!$R$2:$R$366,ROW(INDEX(Jesper!AJ$2:AJ$366,ROUNDDOWN($C6197/24,0)+1,1))-1)+IF('Standard Profiles'!$G$20=$B$10,7,0)+IF('Standard Profiles'!$G$20=$B$17,14,0)+IF('Standard Profiles'!$G$20=$B$24,21,0),MOD($C6197,24)+1)/SUM(INDEX($D$3:$AA$30,INDEX(Jesper!$R$2:$R$366,ROW(INDEX(Jesper!AJ$2:AJ$366,ROUNDDOWN($C6197/24,0)+1,1))-1)+IF('Standard Profiles'!$G$20=$B$10,7,0)+IF('Standard Profiles'!$G$20=$B$17,14,0)+IF('Standard Profiles'!$G$20=$B$24,21,0),0)),0)</f>
        <v>0</v>
      </c>
      <c r="G6197" cm="1">
        <f t="array" ref="G6197">IFERROR(INDEX(Jesper!AK$2:AK$366,ROUNDDOWN($C6197/24,0)+1,1)*INDEX($D$3:$AA$30,INDEX(Jesper!$R$2:$R$366,ROW(INDEX(Jesper!AK$2:AK$366,ROUNDDOWN($C6197/24,0)+1,1))-1)+IF('Standard Profiles'!$G$21=$B$10,7,0)+IF('Standard Profiles'!$G$21=$B$17,14,0)+IF('Standard Profiles'!$G$21=$B$24,21,0),MOD($C6197,24)+1)/SUM(INDEX($D$3:$AA$30,INDEX(Jesper!$R$2:$R$366,ROW(INDEX(Jesper!AK$2:AK$366,ROUNDDOWN($C6197/24,0)+1,1))-1)+IF('Standard Profiles'!$G$21=$B$10,7,0)+IF('Standard Profiles'!$G$21=$B$17,14,0)+IF('Standard Profiles'!$G$21=$B$24,21,0),0)),0)</f>
        <v>0.25631365184101595</v>
      </c>
      <c r="H6197" cm="1">
        <f t="array" ref="H6197">IFERROR(INDEX(Jesper!AL$2:AL$366,ROUNDDOWN($C6197/24,0)+1,1)*INDEX($D$3:$AA$30,INDEX(Jesper!$R$2:$R$366,ROW(INDEX(Jesper!AL$2:AL$366,ROUNDDOWN($C6197/24,0)+1,1))-1)+IF('Standard Profiles'!$G$22=$B$10,7,0)+IF('Standard Profiles'!$G$22=$B$17,14,0)+IF('Standard Profiles'!$G$22=$B$24,21,0),MOD($C6197,24)+1)/SUM(INDEX($D$3:$AA$30,INDEX(Jesper!$R$2:$R$366,ROW(INDEX(Jesper!AL$2:AL$366,ROUNDDOWN($C6197/24,0)+1,1))-1)+IF('Standard Profiles'!$G$22=$B$10,7,0)+IF('Standard Profiles'!$G$22=$B$17,14,0)+IF('Standard Profiles'!$G$22=$B$24,21,0),0)),0)</f>
        <v>0</v>
      </c>
      <c r="I6197">
        <f t="shared" si="692"/>
        <v>0.1230305528836876</v>
      </c>
      <c r="J6197">
        <f t="shared" si="693"/>
        <v>6.9285487747013494</v>
      </c>
      <c r="K6197">
        <f t="shared" si="694"/>
        <v>0.571709436969975</v>
      </c>
      <c r="L6197">
        <f t="shared" si="695"/>
        <v>0.2858547184849875</v>
      </c>
      <c r="M6197">
        <f t="shared" si="696"/>
        <v>0</v>
      </c>
      <c r="N6197" s="45">
        <f t="shared" si="697"/>
        <v>45183.791666651719</v>
      </c>
    </row>
    <row r="6198" spans="2:14" x14ac:dyDescent="0.25">
      <c r="B6198">
        <f t="shared" si="691"/>
        <v>4</v>
      </c>
      <c r="C6198" s="16">
        <v>6164</v>
      </c>
      <c r="D6198" cm="1">
        <f t="array" ref="D6198">IFERROR(INDEX(Jesper!AH$2:AH$366,ROUNDDOWN($C6198/24,0)+1,1)*INDEX($D$3:$AA$30,INDEX(Jesper!$R$2:$R$366,ROW(INDEX(Jesper!AH$2:AH$366,ROUNDDOWN($C6198/24,0)+1,1))-1)+IF('Standard Profiles'!$G$18=$B$10,7,0)+IF('Standard Profiles'!$G$18=$B$17,14,0)+IF('Standard Profiles'!$G$18=$B$24,21,0),MOD($C6198,24)+1)/SUM(INDEX($D$3:$AA$30,INDEX(Jesper!$R$2:$R$366,ROW(INDEX(Jesper!AH$2:AH$366,ROUNDDOWN($C6198/24,0)+1,1))-1)+IF('Standard Profiles'!$G$18=$B$10,7,0)+IF('Standard Profiles'!$G$18=$B$17,14,0)+IF('Standard Profiles'!$G$18=$B$24,21,0),0)),0)</f>
        <v>5.3597759715935149</v>
      </c>
      <c r="E6198" cm="1">
        <f t="array" ref="E6198">IFERROR(INDEX(Jesper!AI$2:AI$366,ROUNDDOWN($C6198/24,0)+1,1)*INDEX($D$3:$AA$30,INDEX(Jesper!$R$2:$R$366,ROW(INDEX(Jesper!AI$2:AI$366,ROUNDDOWN($C6198/24,0)+1,1))-1)+IF('Standard Profiles'!$G$19=$B$10,7,0)+IF('Standard Profiles'!$G$19=$B$17,14,0)+IF('Standard Profiles'!$G$19=$B$24,21,0),MOD($C6198,24)+1)/SUM(INDEX($D$3:$AA$30,INDEX(Jesper!$R$2:$R$366,ROW(INDEX(Jesper!AI$2:AI$366,ROUNDDOWN($C6198/24,0)+1,1))-1)+IF('Standard Profiles'!$G$19=$B$10,7,0)+IF('Standard Profiles'!$G$19=$B$17,14,0)+IF('Standard Profiles'!$G$19=$B$24,21,0),0)),0)</f>
        <v>2.2930538596054686</v>
      </c>
      <c r="F6198" cm="1">
        <f t="array" ref="F6198">IFERROR(INDEX(Jesper!AJ$2:AJ$366,ROUNDDOWN($C6198/24,0)+1,1)*INDEX($D$3:$AA$30,INDEX(Jesper!$R$2:$R$366,ROW(INDEX(Jesper!AJ$2:AJ$366,ROUNDDOWN($C6198/24,0)+1,1))-1)+IF('Standard Profiles'!$G$20=$B$10,7,0)+IF('Standard Profiles'!$G$20=$B$17,14,0)+IF('Standard Profiles'!$G$20=$B$24,21,0),MOD($C6198,24)+1)/SUM(INDEX($D$3:$AA$30,INDEX(Jesper!$R$2:$R$366,ROW(INDEX(Jesper!AJ$2:AJ$366,ROUNDDOWN($C6198/24,0)+1,1))-1)+IF('Standard Profiles'!$G$20=$B$10,7,0)+IF('Standard Profiles'!$G$20=$B$17,14,0)+IF('Standard Profiles'!$G$20=$B$24,21,0),0)),0)</f>
        <v>0</v>
      </c>
      <c r="G6198" cm="1">
        <f t="array" ref="G6198">IFERROR(INDEX(Jesper!AK$2:AK$366,ROUNDDOWN($C6198/24,0)+1,1)*INDEX($D$3:$AA$30,INDEX(Jesper!$R$2:$R$366,ROW(INDEX(Jesper!AK$2:AK$366,ROUNDDOWN($C6198/24,0)+1,1))-1)+IF('Standard Profiles'!$G$21=$B$10,7,0)+IF('Standard Profiles'!$G$21=$B$17,14,0)+IF('Standard Profiles'!$G$21=$B$24,21,0),MOD($C6198,24)+1)/SUM(INDEX($D$3:$AA$30,INDEX(Jesper!$R$2:$R$366,ROW(INDEX(Jesper!AK$2:AK$366,ROUNDDOWN($C6198/24,0)+1,1))-1)+IF('Standard Profiles'!$G$21=$B$10,7,0)+IF('Standard Profiles'!$G$21=$B$17,14,0)+IF('Standard Profiles'!$G$21=$B$24,21,0),0)),0)</f>
        <v>0.25631365184101595</v>
      </c>
      <c r="H6198" cm="1">
        <f t="array" ref="H6198">IFERROR(INDEX(Jesper!AL$2:AL$366,ROUNDDOWN($C6198/24,0)+1,1)*INDEX($D$3:$AA$30,INDEX(Jesper!$R$2:$R$366,ROW(INDEX(Jesper!AL$2:AL$366,ROUNDDOWN($C6198/24,0)+1,1))-1)+IF('Standard Profiles'!$G$22=$B$10,7,0)+IF('Standard Profiles'!$G$22=$B$17,14,0)+IF('Standard Profiles'!$G$22=$B$24,21,0),MOD($C6198,24)+1)/SUM(INDEX($D$3:$AA$30,INDEX(Jesper!$R$2:$R$366,ROW(INDEX(Jesper!AL$2:AL$366,ROUNDDOWN($C6198/24,0)+1,1))-1)+IF('Standard Profiles'!$G$22=$B$10,7,0)+IF('Standard Profiles'!$G$22=$B$17,14,0)+IF('Standard Profiles'!$G$22=$B$24,21,0),0)),0)</f>
        <v>0</v>
      </c>
      <c r="I6198">
        <f t="shared" si="692"/>
        <v>0.1230305528836876</v>
      </c>
      <c r="J6198">
        <f t="shared" si="693"/>
        <v>6.9285487747013494</v>
      </c>
      <c r="K6198">
        <f t="shared" si="694"/>
        <v>0.571709436969975</v>
      </c>
      <c r="L6198">
        <f t="shared" si="695"/>
        <v>0.2858547184849875</v>
      </c>
      <c r="M6198">
        <f t="shared" si="696"/>
        <v>0</v>
      </c>
      <c r="N6198" s="45">
        <f t="shared" si="697"/>
        <v>45183.833333318384</v>
      </c>
    </row>
    <row r="6199" spans="2:14" x14ac:dyDescent="0.25">
      <c r="B6199">
        <f t="shared" si="691"/>
        <v>4</v>
      </c>
      <c r="C6199" s="16">
        <v>6165</v>
      </c>
      <c r="D6199" cm="1">
        <f t="array" ref="D6199">IFERROR(INDEX(Jesper!AH$2:AH$366,ROUNDDOWN($C6199/24,0)+1,1)*INDEX($D$3:$AA$30,INDEX(Jesper!$R$2:$R$366,ROW(INDEX(Jesper!AH$2:AH$366,ROUNDDOWN($C6199/24,0)+1,1))-1)+IF('Standard Profiles'!$G$18=$B$10,7,0)+IF('Standard Profiles'!$G$18=$B$17,14,0)+IF('Standard Profiles'!$G$18=$B$24,21,0),MOD($C6199,24)+1)/SUM(INDEX($D$3:$AA$30,INDEX(Jesper!$R$2:$R$366,ROW(INDEX(Jesper!AH$2:AH$366,ROUNDDOWN($C6199/24,0)+1,1))-1)+IF('Standard Profiles'!$G$18=$B$10,7,0)+IF('Standard Profiles'!$G$18=$B$17,14,0)+IF('Standard Profiles'!$G$18=$B$24,21,0),0)),0)</f>
        <v>5.3597759715935149</v>
      </c>
      <c r="E6199" cm="1">
        <f t="array" ref="E6199">IFERROR(INDEX(Jesper!AI$2:AI$366,ROUNDDOWN($C6199/24,0)+1,1)*INDEX($D$3:$AA$30,INDEX(Jesper!$R$2:$R$366,ROW(INDEX(Jesper!AI$2:AI$366,ROUNDDOWN($C6199/24,0)+1,1))-1)+IF('Standard Profiles'!$G$19=$B$10,7,0)+IF('Standard Profiles'!$G$19=$B$17,14,0)+IF('Standard Profiles'!$G$19=$B$24,21,0),MOD($C6199,24)+1)/SUM(INDEX($D$3:$AA$30,INDEX(Jesper!$R$2:$R$366,ROW(INDEX(Jesper!AI$2:AI$366,ROUNDDOWN($C6199/24,0)+1,1))-1)+IF('Standard Profiles'!$G$19=$B$10,7,0)+IF('Standard Profiles'!$G$19=$B$17,14,0)+IF('Standard Profiles'!$G$19=$B$24,21,0),0)),0)</f>
        <v>2.2930538596054686</v>
      </c>
      <c r="F6199" cm="1">
        <f t="array" ref="F6199">IFERROR(INDEX(Jesper!AJ$2:AJ$366,ROUNDDOWN($C6199/24,0)+1,1)*INDEX($D$3:$AA$30,INDEX(Jesper!$R$2:$R$366,ROW(INDEX(Jesper!AJ$2:AJ$366,ROUNDDOWN($C6199/24,0)+1,1))-1)+IF('Standard Profiles'!$G$20=$B$10,7,0)+IF('Standard Profiles'!$G$20=$B$17,14,0)+IF('Standard Profiles'!$G$20=$B$24,21,0),MOD($C6199,24)+1)/SUM(INDEX($D$3:$AA$30,INDEX(Jesper!$R$2:$R$366,ROW(INDEX(Jesper!AJ$2:AJ$366,ROUNDDOWN($C6199/24,0)+1,1))-1)+IF('Standard Profiles'!$G$20=$B$10,7,0)+IF('Standard Profiles'!$G$20=$B$17,14,0)+IF('Standard Profiles'!$G$20=$B$24,21,0),0)),0)</f>
        <v>0</v>
      </c>
      <c r="G6199" cm="1">
        <f t="array" ref="G6199">IFERROR(INDEX(Jesper!AK$2:AK$366,ROUNDDOWN($C6199/24,0)+1,1)*INDEX($D$3:$AA$30,INDEX(Jesper!$R$2:$R$366,ROW(INDEX(Jesper!AK$2:AK$366,ROUNDDOWN($C6199/24,0)+1,1))-1)+IF('Standard Profiles'!$G$21=$B$10,7,0)+IF('Standard Profiles'!$G$21=$B$17,14,0)+IF('Standard Profiles'!$G$21=$B$24,21,0),MOD($C6199,24)+1)/SUM(INDEX($D$3:$AA$30,INDEX(Jesper!$R$2:$R$366,ROW(INDEX(Jesper!AK$2:AK$366,ROUNDDOWN($C6199/24,0)+1,1))-1)+IF('Standard Profiles'!$G$21=$B$10,7,0)+IF('Standard Profiles'!$G$21=$B$17,14,0)+IF('Standard Profiles'!$G$21=$B$24,21,0),0)),0)</f>
        <v>0.25631365184101595</v>
      </c>
      <c r="H6199" cm="1">
        <f t="array" ref="H6199">IFERROR(INDEX(Jesper!AL$2:AL$366,ROUNDDOWN($C6199/24,0)+1,1)*INDEX($D$3:$AA$30,INDEX(Jesper!$R$2:$R$366,ROW(INDEX(Jesper!AL$2:AL$366,ROUNDDOWN($C6199/24,0)+1,1))-1)+IF('Standard Profiles'!$G$22=$B$10,7,0)+IF('Standard Profiles'!$G$22=$B$17,14,0)+IF('Standard Profiles'!$G$22=$B$24,21,0),MOD($C6199,24)+1)/SUM(INDEX($D$3:$AA$30,INDEX(Jesper!$R$2:$R$366,ROW(INDEX(Jesper!AL$2:AL$366,ROUNDDOWN($C6199/24,0)+1,1))-1)+IF('Standard Profiles'!$G$22=$B$10,7,0)+IF('Standard Profiles'!$G$22=$B$17,14,0)+IF('Standard Profiles'!$G$22=$B$24,21,0),0)),0)</f>
        <v>0</v>
      </c>
      <c r="I6199">
        <f t="shared" si="692"/>
        <v>0.1230305528836876</v>
      </c>
      <c r="J6199">
        <f t="shared" si="693"/>
        <v>6.9285487747013494</v>
      </c>
      <c r="K6199">
        <f t="shared" si="694"/>
        <v>0.571709436969975</v>
      </c>
      <c r="L6199">
        <f t="shared" si="695"/>
        <v>0.2858547184849875</v>
      </c>
      <c r="M6199">
        <f t="shared" si="696"/>
        <v>0</v>
      </c>
      <c r="N6199" s="45">
        <f t="shared" si="697"/>
        <v>45183.874999985048</v>
      </c>
    </row>
    <row r="6200" spans="2:14" x14ac:dyDescent="0.25">
      <c r="B6200">
        <f t="shared" si="691"/>
        <v>4</v>
      </c>
      <c r="C6200" s="16">
        <v>6166</v>
      </c>
      <c r="D6200" cm="1">
        <f t="array" ref="D6200">IFERROR(INDEX(Jesper!AH$2:AH$366,ROUNDDOWN($C6200/24,0)+1,1)*INDEX($D$3:$AA$30,INDEX(Jesper!$R$2:$R$366,ROW(INDEX(Jesper!AH$2:AH$366,ROUNDDOWN($C6200/24,0)+1,1))-1)+IF('Standard Profiles'!$G$18=$B$10,7,0)+IF('Standard Profiles'!$G$18=$B$17,14,0)+IF('Standard Profiles'!$G$18=$B$24,21,0),MOD($C6200,24)+1)/SUM(INDEX($D$3:$AA$30,INDEX(Jesper!$R$2:$R$366,ROW(INDEX(Jesper!AH$2:AH$366,ROUNDDOWN($C6200/24,0)+1,1))-1)+IF('Standard Profiles'!$G$18=$B$10,7,0)+IF('Standard Profiles'!$G$18=$B$17,14,0)+IF('Standard Profiles'!$G$18=$B$24,21,0),0)),0)</f>
        <v>5.3597759715935149</v>
      </c>
      <c r="E6200" cm="1">
        <f t="array" ref="E6200">IFERROR(INDEX(Jesper!AI$2:AI$366,ROUNDDOWN($C6200/24,0)+1,1)*INDEX($D$3:$AA$30,INDEX(Jesper!$R$2:$R$366,ROW(INDEX(Jesper!AI$2:AI$366,ROUNDDOWN($C6200/24,0)+1,1))-1)+IF('Standard Profiles'!$G$19=$B$10,7,0)+IF('Standard Profiles'!$G$19=$B$17,14,0)+IF('Standard Profiles'!$G$19=$B$24,21,0),MOD($C6200,24)+1)/SUM(INDEX($D$3:$AA$30,INDEX(Jesper!$R$2:$R$366,ROW(INDEX(Jesper!AI$2:AI$366,ROUNDDOWN($C6200/24,0)+1,1))-1)+IF('Standard Profiles'!$G$19=$B$10,7,0)+IF('Standard Profiles'!$G$19=$B$17,14,0)+IF('Standard Profiles'!$G$19=$B$24,21,0),0)),0)</f>
        <v>2.2930538596054686</v>
      </c>
      <c r="F6200" cm="1">
        <f t="array" ref="F6200">IFERROR(INDEX(Jesper!AJ$2:AJ$366,ROUNDDOWN($C6200/24,0)+1,1)*INDEX($D$3:$AA$30,INDEX(Jesper!$R$2:$R$366,ROW(INDEX(Jesper!AJ$2:AJ$366,ROUNDDOWN($C6200/24,0)+1,1))-1)+IF('Standard Profiles'!$G$20=$B$10,7,0)+IF('Standard Profiles'!$G$20=$B$17,14,0)+IF('Standard Profiles'!$G$20=$B$24,21,0),MOD($C6200,24)+1)/SUM(INDEX($D$3:$AA$30,INDEX(Jesper!$R$2:$R$366,ROW(INDEX(Jesper!AJ$2:AJ$366,ROUNDDOWN($C6200/24,0)+1,1))-1)+IF('Standard Profiles'!$G$20=$B$10,7,0)+IF('Standard Profiles'!$G$20=$B$17,14,0)+IF('Standard Profiles'!$G$20=$B$24,21,0),0)),0)</f>
        <v>0</v>
      </c>
      <c r="G6200" cm="1">
        <f t="array" ref="G6200">IFERROR(INDEX(Jesper!AK$2:AK$366,ROUNDDOWN($C6200/24,0)+1,1)*INDEX($D$3:$AA$30,INDEX(Jesper!$R$2:$R$366,ROW(INDEX(Jesper!AK$2:AK$366,ROUNDDOWN($C6200/24,0)+1,1))-1)+IF('Standard Profiles'!$G$21=$B$10,7,0)+IF('Standard Profiles'!$G$21=$B$17,14,0)+IF('Standard Profiles'!$G$21=$B$24,21,0),MOD($C6200,24)+1)/SUM(INDEX($D$3:$AA$30,INDEX(Jesper!$R$2:$R$366,ROW(INDEX(Jesper!AK$2:AK$366,ROUNDDOWN($C6200/24,0)+1,1))-1)+IF('Standard Profiles'!$G$21=$B$10,7,0)+IF('Standard Profiles'!$G$21=$B$17,14,0)+IF('Standard Profiles'!$G$21=$B$24,21,0),0)),0)</f>
        <v>0.25631365184101595</v>
      </c>
      <c r="H6200" cm="1">
        <f t="array" ref="H6200">IFERROR(INDEX(Jesper!AL$2:AL$366,ROUNDDOWN($C6200/24,0)+1,1)*INDEX($D$3:$AA$30,INDEX(Jesper!$R$2:$R$366,ROW(INDEX(Jesper!AL$2:AL$366,ROUNDDOWN($C6200/24,0)+1,1))-1)+IF('Standard Profiles'!$G$22=$B$10,7,0)+IF('Standard Profiles'!$G$22=$B$17,14,0)+IF('Standard Profiles'!$G$22=$B$24,21,0),MOD($C6200,24)+1)/SUM(INDEX($D$3:$AA$30,INDEX(Jesper!$R$2:$R$366,ROW(INDEX(Jesper!AL$2:AL$366,ROUNDDOWN($C6200/24,0)+1,1))-1)+IF('Standard Profiles'!$G$22=$B$10,7,0)+IF('Standard Profiles'!$G$22=$B$17,14,0)+IF('Standard Profiles'!$G$22=$B$24,21,0),0)),0)</f>
        <v>0</v>
      </c>
      <c r="I6200">
        <f t="shared" si="692"/>
        <v>0.1230305528836876</v>
      </c>
      <c r="J6200">
        <f t="shared" si="693"/>
        <v>6.9285487747013494</v>
      </c>
      <c r="K6200">
        <f t="shared" si="694"/>
        <v>0.571709436969975</v>
      </c>
      <c r="L6200">
        <f t="shared" si="695"/>
        <v>0.2858547184849875</v>
      </c>
      <c r="M6200">
        <f t="shared" si="696"/>
        <v>0</v>
      </c>
      <c r="N6200" s="45">
        <f t="shared" si="697"/>
        <v>45183.916666651712</v>
      </c>
    </row>
    <row r="6201" spans="2:14" x14ac:dyDescent="0.25">
      <c r="B6201">
        <f t="shared" si="691"/>
        <v>4</v>
      </c>
      <c r="C6201" s="16">
        <v>6167</v>
      </c>
      <c r="D6201" cm="1">
        <f t="array" ref="D6201">IFERROR(INDEX(Jesper!AH$2:AH$366,ROUNDDOWN($C6201/24,0)+1,1)*INDEX($D$3:$AA$30,INDEX(Jesper!$R$2:$R$366,ROW(INDEX(Jesper!AH$2:AH$366,ROUNDDOWN($C6201/24,0)+1,1))-1)+IF('Standard Profiles'!$G$18=$B$10,7,0)+IF('Standard Profiles'!$G$18=$B$17,14,0)+IF('Standard Profiles'!$G$18=$B$24,21,0),MOD($C6201,24)+1)/SUM(INDEX($D$3:$AA$30,INDEX(Jesper!$R$2:$R$366,ROW(INDEX(Jesper!AH$2:AH$366,ROUNDDOWN($C6201/24,0)+1,1))-1)+IF('Standard Profiles'!$G$18=$B$10,7,0)+IF('Standard Profiles'!$G$18=$B$17,14,0)+IF('Standard Profiles'!$G$18=$B$24,21,0),0)),0)</f>
        <v>5.3597759715935149</v>
      </c>
      <c r="E6201" cm="1">
        <f t="array" ref="E6201">IFERROR(INDEX(Jesper!AI$2:AI$366,ROUNDDOWN($C6201/24,0)+1,1)*INDEX($D$3:$AA$30,INDEX(Jesper!$R$2:$R$366,ROW(INDEX(Jesper!AI$2:AI$366,ROUNDDOWN($C6201/24,0)+1,1))-1)+IF('Standard Profiles'!$G$19=$B$10,7,0)+IF('Standard Profiles'!$G$19=$B$17,14,0)+IF('Standard Profiles'!$G$19=$B$24,21,0),MOD($C6201,24)+1)/SUM(INDEX($D$3:$AA$30,INDEX(Jesper!$R$2:$R$366,ROW(INDEX(Jesper!AI$2:AI$366,ROUNDDOWN($C6201/24,0)+1,1))-1)+IF('Standard Profiles'!$G$19=$B$10,7,0)+IF('Standard Profiles'!$G$19=$B$17,14,0)+IF('Standard Profiles'!$G$19=$B$24,21,0),0)),0)</f>
        <v>2.2930538596054686</v>
      </c>
      <c r="F6201" cm="1">
        <f t="array" ref="F6201">IFERROR(INDEX(Jesper!AJ$2:AJ$366,ROUNDDOWN($C6201/24,0)+1,1)*INDEX($D$3:$AA$30,INDEX(Jesper!$R$2:$R$366,ROW(INDEX(Jesper!AJ$2:AJ$366,ROUNDDOWN($C6201/24,0)+1,1))-1)+IF('Standard Profiles'!$G$20=$B$10,7,0)+IF('Standard Profiles'!$G$20=$B$17,14,0)+IF('Standard Profiles'!$G$20=$B$24,21,0),MOD($C6201,24)+1)/SUM(INDEX($D$3:$AA$30,INDEX(Jesper!$R$2:$R$366,ROW(INDEX(Jesper!AJ$2:AJ$366,ROUNDDOWN($C6201/24,0)+1,1))-1)+IF('Standard Profiles'!$G$20=$B$10,7,0)+IF('Standard Profiles'!$G$20=$B$17,14,0)+IF('Standard Profiles'!$G$20=$B$24,21,0),0)),0)</f>
        <v>0</v>
      </c>
      <c r="G6201" cm="1">
        <f t="array" ref="G6201">IFERROR(INDEX(Jesper!AK$2:AK$366,ROUNDDOWN($C6201/24,0)+1,1)*INDEX($D$3:$AA$30,INDEX(Jesper!$R$2:$R$366,ROW(INDEX(Jesper!AK$2:AK$366,ROUNDDOWN($C6201/24,0)+1,1))-1)+IF('Standard Profiles'!$G$21=$B$10,7,0)+IF('Standard Profiles'!$G$21=$B$17,14,0)+IF('Standard Profiles'!$G$21=$B$24,21,0),MOD($C6201,24)+1)/SUM(INDEX($D$3:$AA$30,INDEX(Jesper!$R$2:$R$366,ROW(INDEX(Jesper!AK$2:AK$366,ROUNDDOWN($C6201/24,0)+1,1))-1)+IF('Standard Profiles'!$G$21=$B$10,7,0)+IF('Standard Profiles'!$G$21=$B$17,14,0)+IF('Standard Profiles'!$G$21=$B$24,21,0),0)),0)</f>
        <v>0.25631365184101595</v>
      </c>
      <c r="H6201" cm="1">
        <f t="array" ref="H6201">IFERROR(INDEX(Jesper!AL$2:AL$366,ROUNDDOWN($C6201/24,0)+1,1)*INDEX($D$3:$AA$30,INDEX(Jesper!$R$2:$R$366,ROW(INDEX(Jesper!AL$2:AL$366,ROUNDDOWN($C6201/24,0)+1,1))-1)+IF('Standard Profiles'!$G$22=$B$10,7,0)+IF('Standard Profiles'!$G$22=$B$17,14,0)+IF('Standard Profiles'!$G$22=$B$24,21,0),MOD($C6201,24)+1)/SUM(INDEX($D$3:$AA$30,INDEX(Jesper!$R$2:$R$366,ROW(INDEX(Jesper!AL$2:AL$366,ROUNDDOWN($C6201/24,0)+1,1))-1)+IF('Standard Profiles'!$G$22=$B$10,7,0)+IF('Standard Profiles'!$G$22=$B$17,14,0)+IF('Standard Profiles'!$G$22=$B$24,21,0),0)),0)</f>
        <v>0</v>
      </c>
      <c r="I6201">
        <f t="shared" si="692"/>
        <v>0.1230305528836876</v>
      </c>
      <c r="J6201">
        <f t="shared" si="693"/>
        <v>6.9285487747013494</v>
      </c>
      <c r="K6201">
        <f t="shared" si="694"/>
        <v>0.571709436969975</v>
      </c>
      <c r="L6201">
        <f t="shared" si="695"/>
        <v>0.2858547184849875</v>
      </c>
      <c r="M6201">
        <f t="shared" si="696"/>
        <v>0</v>
      </c>
      <c r="N6201" s="45">
        <f t="shared" si="697"/>
        <v>45183.958333318376</v>
      </c>
    </row>
    <row r="6202" spans="2:14" x14ac:dyDescent="0.25">
      <c r="B6202">
        <f t="shared" si="691"/>
        <v>5</v>
      </c>
      <c r="C6202" s="16">
        <v>6168</v>
      </c>
      <c r="D6202" cm="1">
        <f t="array" ref="D6202">IFERROR(INDEX(Jesper!AH$2:AH$366,ROUNDDOWN($C6202/24,0)+1,1)*INDEX($D$3:$AA$30,INDEX(Jesper!$R$2:$R$366,ROW(INDEX(Jesper!AH$2:AH$366,ROUNDDOWN($C6202/24,0)+1,1))-1)+IF('Standard Profiles'!$G$18=$B$10,7,0)+IF('Standard Profiles'!$G$18=$B$17,14,0)+IF('Standard Profiles'!$G$18=$B$24,21,0),MOD($C6202,24)+1)/SUM(INDEX($D$3:$AA$30,INDEX(Jesper!$R$2:$R$366,ROW(INDEX(Jesper!AH$2:AH$366,ROUNDDOWN($C6202/24,0)+1,1))-1)+IF('Standard Profiles'!$G$18=$B$10,7,0)+IF('Standard Profiles'!$G$18=$B$17,14,0)+IF('Standard Profiles'!$G$18=$B$24,21,0),0)),0)</f>
        <v>8.3020790134318645</v>
      </c>
      <c r="E6202" cm="1">
        <f t="array" ref="E6202">IFERROR(INDEX(Jesper!AI$2:AI$366,ROUNDDOWN($C6202/24,0)+1,1)*INDEX($D$3:$AA$30,INDEX(Jesper!$R$2:$R$366,ROW(INDEX(Jesper!AI$2:AI$366,ROUNDDOWN($C6202/24,0)+1,1))-1)+IF('Standard Profiles'!$G$19=$B$10,7,0)+IF('Standard Profiles'!$G$19=$B$17,14,0)+IF('Standard Profiles'!$G$19=$B$24,21,0),MOD($C6202,24)+1)/SUM(INDEX($D$3:$AA$30,INDEX(Jesper!$R$2:$R$366,ROW(INDEX(Jesper!AI$2:AI$366,ROUNDDOWN($C6202/24,0)+1,1))-1)+IF('Standard Profiles'!$G$19=$B$10,7,0)+IF('Standard Profiles'!$G$19=$B$17,14,0)+IF('Standard Profiles'!$G$19=$B$24,21,0),0)),0)</f>
        <v>3.7091522894667737</v>
      </c>
      <c r="F6202" cm="1">
        <f t="array" ref="F6202">IFERROR(INDEX(Jesper!AJ$2:AJ$366,ROUNDDOWN($C6202/24,0)+1,1)*INDEX($D$3:$AA$30,INDEX(Jesper!$R$2:$R$366,ROW(INDEX(Jesper!AJ$2:AJ$366,ROUNDDOWN($C6202/24,0)+1,1))-1)+IF('Standard Profiles'!$G$20=$B$10,7,0)+IF('Standard Profiles'!$G$20=$B$17,14,0)+IF('Standard Profiles'!$G$20=$B$24,21,0),MOD($C6202,24)+1)/SUM(INDEX($D$3:$AA$30,INDEX(Jesper!$R$2:$R$366,ROW(INDEX(Jesper!AJ$2:AJ$366,ROUNDDOWN($C6202/24,0)+1,1))-1)+IF('Standard Profiles'!$G$20=$B$10,7,0)+IF('Standard Profiles'!$G$20=$B$17,14,0)+IF('Standard Profiles'!$G$20=$B$24,21,0),0)),0)</f>
        <v>0</v>
      </c>
      <c r="G6202" cm="1">
        <f t="array" ref="G6202">IFERROR(INDEX(Jesper!AK$2:AK$366,ROUNDDOWN($C6202/24,0)+1,1)*INDEX($D$3:$AA$30,INDEX(Jesper!$R$2:$R$366,ROW(INDEX(Jesper!AK$2:AK$366,ROUNDDOWN($C6202/24,0)+1,1))-1)+IF('Standard Profiles'!$G$21=$B$10,7,0)+IF('Standard Profiles'!$G$21=$B$17,14,0)+IF('Standard Profiles'!$G$21=$B$24,21,0),MOD($C6202,24)+1)/SUM(INDEX($D$3:$AA$30,INDEX(Jesper!$R$2:$R$366,ROW(INDEX(Jesper!AK$2:AK$366,ROUNDDOWN($C6202/24,0)+1,1))-1)+IF('Standard Profiles'!$G$21=$B$10,7,0)+IF('Standard Profiles'!$G$21=$B$17,14,0)+IF('Standard Profiles'!$G$21=$B$24,21,0),0)),0)</f>
        <v>0.42553680653087089</v>
      </c>
      <c r="H6202" cm="1">
        <f t="array" ref="H6202">IFERROR(INDEX(Jesper!AL$2:AL$366,ROUNDDOWN($C6202/24,0)+1,1)*INDEX($D$3:$AA$30,INDEX(Jesper!$R$2:$R$366,ROW(INDEX(Jesper!AL$2:AL$366,ROUNDDOWN($C6202/24,0)+1,1))-1)+IF('Standard Profiles'!$G$22=$B$10,7,0)+IF('Standard Profiles'!$G$22=$B$17,14,0)+IF('Standard Profiles'!$G$22=$B$24,21,0),MOD($C6202,24)+1)/SUM(INDEX($D$3:$AA$30,INDEX(Jesper!$R$2:$R$366,ROW(INDEX(Jesper!AL$2:AL$366,ROUNDDOWN($C6202/24,0)+1,1))-1)+IF('Standard Profiles'!$G$22=$B$10,7,0)+IF('Standard Profiles'!$G$22=$B$17,14,0)+IF('Standard Profiles'!$G$22=$B$24,21,0),0)),0)</f>
        <v>0</v>
      </c>
      <c r="I6202">
        <f t="shared" si="692"/>
        <v>0.20425766713481794</v>
      </c>
      <c r="J6202">
        <f t="shared" si="693"/>
        <v>10.904177800145593</v>
      </c>
      <c r="K6202">
        <f t="shared" si="694"/>
        <v>0.88555509476606564</v>
      </c>
      <c r="L6202">
        <f t="shared" si="695"/>
        <v>0.44277754738303282</v>
      </c>
      <c r="M6202">
        <f t="shared" si="696"/>
        <v>0</v>
      </c>
      <c r="N6202" s="45">
        <f t="shared" si="697"/>
        <v>45183.999999985041</v>
      </c>
    </row>
    <row r="6203" spans="2:14" x14ac:dyDescent="0.25">
      <c r="B6203">
        <f t="shared" si="691"/>
        <v>5</v>
      </c>
      <c r="C6203" s="16">
        <v>6169</v>
      </c>
      <c r="D6203" cm="1">
        <f t="array" ref="D6203">IFERROR(INDEX(Jesper!AH$2:AH$366,ROUNDDOWN($C6203/24,0)+1,1)*INDEX($D$3:$AA$30,INDEX(Jesper!$R$2:$R$366,ROW(INDEX(Jesper!AH$2:AH$366,ROUNDDOWN($C6203/24,0)+1,1))-1)+IF('Standard Profiles'!$G$18=$B$10,7,0)+IF('Standard Profiles'!$G$18=$B$17,14,0)+IF('Standard Profiles'!$G$18=$B$24,21,0),MOD($C6203,24)+1)/SUM(INDEX($D$3:$AA$30,INDEX(Jesper!$R$2:$R$366,ROW(INDEX(Jesper!AH$2:AH$366,ROUNDDOWN($C6203/24,0)+1,1))-1)+IF('Standard Profiles'!$G$18=$B$10,7,0)+IF('Standard Profiles'!$G$18=$B$17,14,0)+IF('Standard Profiles'!$G$18=$B$24,21,0),0)),0)</f>
        <v>5.0315630384435543</v>
      </c>
      <c r="E6203" cm="1">
        <f t="array" ref="E6203">IFERROR(INDEX(Jesper!AI$2:AI$366,ROUNDDOWN($C6203/24,0)+1,1)*INDEX($D$3:$AA$30,INDEX(Jesper!$R$2:$R$366,ROW(INDEX(Jesper!AI$2:AI$366,ROUNDDOWN($C6203/24,0)+1,1))-1)+IF('Standard Profiles'!$G$19=$B$10,7,0)+IF('Standard Profiles'!$G$19=$B$17,14,0)+IF('Standard Profiles'!$G$19=$B$24,21,0),MOD($C6203,24)+1)/SUM(INDEX($D$3:$AA$30,INDEX(Jesper!$R$2:$R$366,ROW(INDEX(Jesper!AI$2:AI$366,ROUNDDOWN($C6203/24,0)+1,1))-1)+IF('Standard Profiles'!$G$19=$B$10,7,0)+IF('Standard Profiles'!$G$19=$B$17,14,0)+IF('Standard Profiles'!$G$19=$B$24,21,0),0)),0)</f>
        <v>2.2479710845253176</v>
      </c>
      <c r="F6203" cm="1">
        <f t="array" ref="F6203">IFERROR(INDEX(Jesper!AJ$2:AJ$366,ROUNDDOWN($C6203/24,0)+1,1)*INDEX($D$3:$AA$30,INDEX(Jesper!$R$2:$R$366,ROW(INDEX(Jesper!AJ$2:AJ$366,ROUNDDOWN($C6203/24,0)+1,1))-1)+IF('Standard Profiles'!$G$20=$B$10,7,0)+IF('Standard Profiles'!$G$20=$B$17,14,0)+IF('Standard Profiles'!$G$20=$B$24,21,0),MOD($C6203,24)+1)/SUM(INDEX($D$3:$AA$30,INDEX(Jesper!$R$2:$R$366,ROW(INDEX(Jesper!AJ$2:AJ$366,ROUNDDOWN($C6203/24,0)+1,1))-1)+IF('Standard Profiles'!$G$20=$B$10,7,0)+IF('Standard Profiles'!$G$20=$B$17,14,0)+IF('Standard Profiles'!$G$20=$B$24,21,0),0)),0)</f>
        <v>0</v>
      </c>
      <c r="G6203" cm="1">
        <f t="array" ref="G6203">IFERROR(INDEX(Jesper!AK$2:AK$366,ROUNDDOWN($C6203/24,0)+1,1)*INDEX($D$3:$AA$30,INDEX(Jesper!$R$2:$R$366,ROW(INDEX(Jesper!AK$2:AK$366,ROUNDDOWN($C6203/24,0)+1,1))-1)+IF('Standard Profiles'!$G$21=$B$10,7,0)+IF('Standard Profiles'!$G$21=$B$17,14,0)+IF('Standard Profiles'!$G$21=$B$24,21,0),MOD($C6203,24)+1)/SUM(INDEX($D$3:$AA$30,INDEX(Jesper!$R$2:$R$366,ROW(INDEX(Jesper!AK$2:AK$366,ROUNDDOWN($C6203/24,0)+1,1))-1)+IF('Standard Profiles'!$G$21=$B$10,7,0)+IF('Standard Profiles'!$G$21=$B$17,14,0)+IF('Standard Profiles'!$G$21=$B$24,21,0),0)),0)</f>
        <v>0.42553680653087089</v>
      </c>
      <c r="H6203" cm="1">
        <f t="array" ref="H6203">IFERROR(INDEX(Jesper!AL$2:AL$366,ROUNDDOWN($C6203/24,0)+1,1)*INDEX($D$3:$AA$30,INDEX(Jesper!$R$2:$R$366,ROW(INDEX(Jesper!AL$2:AL$366,ROUNDDOWN($C6203/24,0)+1,1))-1)+IF('Standard Profiles'!$G$22=$B$10,7,0)+IF('Standard Profiles'!$G$22=$B$17,14,0)+IF('Standard Profiles'!$G$22=$B$24,21,0),MOD($C6203,24)+1)/SUM(INDEX($D$3:$AA$30,INDEX(Jesper!$R$2:$R$366,ROW(INDEX(Jesper!AL$2:AL$366,ROUNDDOWN($C6203/24,0)+1,1))-1)+IF('Standard Profiles'!$G$22=$B$10,7,0)+IF('Standard Profiles'!$G$22=$B$17,14,0)+IF('Standard Profiles'!$G$22=$B$24,21,0),0)),0)</f>
        <v>0</v>
      </c>
      <c r="I6203">
        <f t="shared" si="692"/>
        <v>0.20425766713481794</v>
      </c>
      <c r="J6203">
        <f t="shared" si="693"/>
        <v>6.6957631762139567</v>
      </c>
      <c r="K6203">
        <f t="shared" si="694"/>
        <v>0.53670005743397919</v>
      </c>
      <c r="L6203">
        <f t="shared" si="695"/>
        <v>0.2683500287169896</v>
      </c>
      <c r="M6203">
        <f t="shared" si="696"/>
        <v>0</v>
      </c>
      <c r="N6203" s="45">
        <f t="shared" si="697"/>
        <v>45184.041666651705</v>
      </c>
    </row>
    <row r="6204" spans="2:14" x14ac:dyDescent="0.25">
      <c r="B6204">
        <f t="shared" si="691"/>
        <v>5</v>
      </c>
      <c r="C6204" s="16">
        <v>6170</v>
      </c>
      <c r="D6204" cm="1">
        <f t="array" ref="D6204">IFERROR(INDEX(Jesper!AH$2:AH$366,ROUNDDOWN($C6204/24,0)+1,1)*INDEX($D$3:$AA$30,INDEX(Jesper!$R$2:$R$366,ROW(INDEX(Jesper!AH$2:AH$366,ROUNDDOWN($C6204/24,0)+1,1))-1)+IF('Standard Profiles'!$G$18=$B$10,7,0)+IF('Standard Profiles'!$G$18=$B$17,14,0)+IF('Standard Profiles'!$G$18=$B$24,21,0),MOD($C6204,24)+1)/SUM(INDEX($D$3:$AA$30,INDEX(Jesper!$R$2:$R$366,ROW(INDEX(Jesper!AH$2:AH$366,ROUNDDOWN($C6204/24,0)+1,1))-1)+IF('Standard Profiles'!$G$18=$B$10,7,0)+IF('Standard Profiles'!$G$18=$B$17,14,0)+IF('Standard Profiles'!$G$18=$B$24,21,0),0)),0)</f>
        <v>5.0315630384435543</v>
      </c>
      <c r="E6204" cm="1">
        <f t="array" ref="E6204">IFERROR(INDEX(Jesper!AI$2:AI$366,ROUNDDOWN($C6204/24,0)+1,1)*INDEX($D$3:$AA$30,INDEX(Jesper!$R$2:$R$366,ROW(INDEX(Jesper!AI$2:AI$366,ROUNDDOWN($C6204/24,0)+1,1))-1)+IF('Standard Profiles'!$G$19=$B$10,7,0)+IF('Standard Profiles'!$G$19=$B$17,14,0)+IF('Standard Profiles'!$G$19=$B$24,21,0),MOD($C6204,24)+1)/SUM(INDEX($D$3:$AA$30,INDEX(Jesper!$R$2:$R$366,ROW(INDEX(Jesper!AI$2:AI$366,ROUNDDOWN($C6204/24,0)+1,1))-1)+IF('Standard Profiles'!$G$19=$B$10,7,0)+IF('Standard Profiles'!$G$19=$B$17,14,0)+IF('Standard Profiles'!$G$19=$B$24,21,0),0)),0)</f>
        <v>2.2479710845253176</v>
      </c>
      <c r="F6204" cm="1">
        <f t="array" ref="F6204">IFERROR(INDEX(Jesper!AJ$2:AJ$366,ROUNDDOWN($C6204/24,0)+1,1)*INDEX($D$3:$AA$30,INDEX(Jesper!$R$2:$R$366,ROW(INDEX(Jesper!AJ$2:AJ$366,ROUNDDOWN($C6204/24,0)+1,1))-1)+IF('Standard Profiles'!$G$20=$B$10,7,0)+IF('Standard Profiles'!$G$20=$B$17,14,0)+IF('Standard Profiles'!$G$20=$B$24,21,0),MOD($C6204,24)+1)/SUM(INDEX($D$3:$AA$30,INDEX(Jesper!$R$2:$R$366,ROW(INDEX(Jesper!AJ$2:AJ$366,ROUNDDOWN($C6204/24,0)+1,1))-1)+IF('Standard Profiles'!$G$20=$B$10,7,0)+IF('Standard Profiles'!$G$20=$B$17,14,0)+IF('Standard Profiles'!$G$20=$B$24,21,0),0)),0)</f>
        <v>0</v>
      </c>
      <c r="G6204" cm="1">
        <f t="array" ref="G6204">IFERROR(INDEX(Jesper!AK$2:AK$366,ROUNDDOWN($C6204/24,0)+1,1)*INDEX($D$3:$AA$30,INDEX(Jesper!$R$2:$R$366,ROW(INDEX(Jesper!AK$2:AK$366,ROUNDDOWN($C6204/24,0)+1,1))-1)+IF('Standard Profiles'!$G$21=$B$10,7,0)+IF('Standard Profiles'!$G$21=$B$17,14,0)+IF('Standard Profiles'!$G$21=$B$24,21,0),MOD($C6204,24)+1)/SUM(INDEX($D$3:$AA$30,INDEX(Jesper!$R$2:$R$366,ROW(INDEX(Jesper!AK$2:AK$366,ROUNDDOWN($C6204/24,0)+1,1))-1)+IF('Standard Profiles'!$G$21=$B$10,7,0)+IF('Standard Profiles'!$G$21=$B$17,14,0)+IF('Standard Profiles'!$G$21=$B$24,21,0),0)),0)</f>
        <v>0.42553680653087089</v>
      </c>
      <c r="H6204" cm="1">
        <f t="array" ref="H6204">IFERROR(INDEX(Jesper!AL$2:AL$366,ROUNDDOWN($C6204/24,0)+1,1)*INDEX($D$3:$AA$30,INDEX(Jesper!$R$2:$R$366,ROW(INDEX(Jesper!AL$2:AL$366,ROUNDDOWN($C6204/24,0)+1,1))-1)+IF('Standard Profiles'!$G$22=$B$10,7,0)+IF('Standard Profiles'!$G$22=$B$17,14,0)+IF('Standard Profiles'!$G$22=$B$24,21,0),MOD($C6204,24)+1)/SUM(INDEX($D$3:$AA$30,INDEX(Jesper!$R$2:$R$366,ROW(INDEX(Jesper!AL$2:AL$366,ROUNDDOWN($C6204/24,0)+1,1))-1)+IF('Standard Profiles'!$G$22=$B$10,7,0)+IF('Standard Profiles'!$G$22=$B$17,14,0)+IF('Standard Profiles'!$G$22=$B$24,21,0),0)),0)</f>
        <v>0</v>
      </c>
      <c r="I6204">
        <f t="shared" si="692"/>
        <v>0.20425766713481794</v>
      </c>
      <c r="J6204">
        <f t="shared" si="693"/>
        <v>6.6957631762139567</v>
      </c>
      <c r="K6204">
        <f t="shared" si="694"/>
        <v>0.53670005743397919</v>
      </c>
      <c r="L6204">
        <f t="shared" si="695"/>
        <v>0.2683500287169896</v>
      </c>
      <c r="M6204">
        <f t="shared" si="696"/>
        <v>0</v>
      </c>
      <c r="N6204" s="45">
        <f t="shared" si="697"/>
        <v>45184.083333318369</v>
      </c>
    </row>
    <row r="6205" spans="2:14" x14ac:dyDescent="0.25">
      <c r="B6205">
        <f t="shared" si="691"/>
        <v>5</v>
      </c>
      <c r="C6205" s="16">
        <v>6171</v>
      </c>
      <c r="D6205" cm="1">
        <f t="array" ref="D6205">IFERROR(INDEX(Jesper!AH$2:AH$366,ROUNDDOWN($C6205/24,0)+1,1)*INDEX($D$3:$AA$30,INDEX(Jesper!$R$2:$R$366,ROW(INDEX(Jesper!AH$2:AH$366,ROUNDDOWN($C6205/24,0)+1,1))-1)+IF('Standard Profiles'!$G$18=$B$10,7,0)+IF('Standard Profiles'!$G$18=$B$17,14,0)+IF('Standard Profiles'!$G$18=$B$24,21,0),MOD($C6205,24)+1)/SUM(INDEX($D$3:$AA$30,INDEX(Jesper!$R$2:$R$366,ROW(INDEX(Jesper!AH$2:AH$366,ROUNDDOWN($C6205/24,0)+1,1))-1)+IF('Standard Profiles'!$G$18=$B$10,7,0)+IF('Standard Profiles'!$G$18=$B$17,14,0)+IF('Standard Profiles'!$G$18=$B$24,21,0),0)),0)</f>
        <v>5.0315630384435543</v>
      </c>
      <c r="E6205" cm="1">
        <f t="array" ref="E6205">IFERROR(INDEX(Jesper!AI$2:AI$366,ROUNDDOWN($C6205/24,0)+1,1)*INDEX($D$3:$AA$30,INDEX(Jesper!$R$2:$R$366,ROW(INDEX(Jesper!AI$2:AI$366,ROUNDDOWN($C6205/24,0)+1,1))-1)+IF('Standard Profiles'!$G$19=$B$10,7,0)+IF('Standard Profiles'!$G$19=$B$17,14,0)+IF('Standard Profiles'!$G$19=$B$24,21,0),MOD($C6205,24)+1)/SUM(INDEX($D$3:$AA$30,INDEX(Jesper!$R$2:$R$366,ROW(INDEX(Jesper!AI$2:AI$366,ROUNDDOWN($C6205/24,0)+1,1))-1)+IF('Standard Profiles'!$G$19=$B$10,7,0)+IF('Standard Profiles'!$G$19=$B$17,14,0)+IF('Standard Profiles'!$G$19=$B$24,21,0),0)),0)</f>
        <v>2.2479710845253176</v>
      </c>
      <c r="F6205" cm="1">
        <f t="array" ref="F6205">IFERROR(INDEX(Jesper!AJ$2:AJ$366,ROUNDDOWN($C6205/24,0)+1,1)*INDEX($D$3:$AA$30,INDEX(Jesper!$R$2:$R$366,ROW(INDEX(Jesper!AJ$2:AJ$366,ROUNDDOWN($C6205/24,0)+1,1))-1)+IF('Standard Profiles'!$G$20=$B$10,7,0)+IF('Standard Profiles'!$G$20=$B$17,14,0)+IF('Standard Profiles'!$G$20=$B$24,21,0),MOD($C6205,24)+1)/SUM(INDEX($D$3:$AA$30,INDEX(Jesper!$R$2:$R$366,ROW(INDEX(Jesper!AJ$2:AJ$366,ROUNDDOWN($C6205/24,0)+1,1))-1)+IF('Standard Profiles'!$G$20=$B$10,7,0)+IF('Standard Profiles'!$G$20=$B$17,14,0)+IF('Standard Profiles'!$G$20=$B$24,21,0),0)),0)</f>
        <v>0</v>
      </c>
      <c r="G6205" cm="1">
        <f t="array" ref="G6205">IFERROR(INDEX(Jesper!AK$2:AK$366,ROUNDDOWN($C6205/24,0)+1,1)*INDEX($D$3:$AA$30,INDEX(Jesper!$R$2:$R$366,ROW(INDEX(Jesper!AK$2:AK$366,ROUNDDOWN($C6205/24,0)+1,1))-1)+IF('Standard Profiles'!$G$21=$B$10,7,0)+IF('Standard Profiles'!$G$21=$B$17,14,0)+IF('Standard Profiles'!$G$21=$B$24,21,0),MOD($C6205,24)+1)/SUM(INDEX($D$3:$AA$30,INDEX(Jesper!$R$2:$R$366,ROW(INDEX(Jesper!AK$2:AK$366,ROUNDDOWN($C6205/24,0)+1,1))-1)+IF('Standard Profiles'!$G$21=$B$10,7,0)+IF('Standard Profiles'!$G$21=$B$17,14,0)+IF('Standard Profiles'!$G$21=$B$24,21,0),0)),0)</f>
        <v>0.42553680653087089</v>
      </c>
      <c r="H6205" cm="1">
        <f t="array" ref="H6205">IFERROR(INDEX(Jesper!AL$2:AL$366,ROUNDDOWN($C6205/24,0)+1,1)*INDEX($D$3:$AA$30,INDEX(Jesper!$R$2:$R$366,ROW(INDEX(Jesper!AL$2:AL$366,ROUNDDOWN($C6205/24,0)+1,1))-1)+IF('Standard Profiles'!$G$22=$B$10,7,0)+IF('Standard Profiles'!$G$22=$B$17,14,0)+IF('Standard Profiles'!$G$22=$B$24,21,0),MOD($C6205,24)+1)/SUM(INDEX($D$3:$AA$30,INDEX(Jesper!$R$2:$R$366,ROW(INDEX(Jesper!AL$2:AL$366,ROUNDDOWN($C6205/24,0)+1,1))-1)+IF('Standard Profiles'!$G$22=$B$10,7,0)+IF('Standard Profiles'!$G$22=$B$17,14,0)+IF('Standard Profiles'!$G$22=$B$24,21,0),0)),0)</f>
        <v>0</v>
      </c>
      <c r="I6205">
        <f t="shared" si="692"/>
        <v>0.20425766713481794</v>
      </c>
      <c r="J6205">
        <f t="shared" si="693"/>
        <v>6.6957631762139567</v>
      </c>
      <c r="K6205">
        <f t="shared" si="694"/>
        <v>0.53670005743397919</v>
      </c>
      <c r="L6205">
        <f t="shared" si="695"/>
        <v>0.2683500287169896</v>
      </c>
      <c r="M6205">
        <f t="shared" si="696"/>
        <v>0</v>
      </c>
      <c r="N6205" s="45">
        <f t="shared" si="697"/>
        <v>45184.124999985033</v>
      </c>
    </row>
    <row r="6206" spans="2:14" x14ac:dyDescent="0.25">
      <c r="B6206">
        <f t="shared" si="691"/>
        <v>5</v>
      </c>
      <c r="C6206" s="16">
        <v>6172</v>
      </c>
      <c r="D6206" cm="1">
        <f t="array" ref="D6206">IFERROR(INDEX(Jesper!AH$2:AH$366,ROUNDDOWN($C6206/24,0)+1,1)*INDEX($D$3:$AA$30,INDEX(Jesper!$R$2:$R$366,ROW(INDEX(Jesper!AH$2:AH$366,ROUNDDOWN($C6206/24,0)+1,1))-1)+IF('Standard Profiles'!$G$18=$B$10,7,0)+IF('Standard Profiles'!$G$18=$B$17,14,0)+IF('Standard Profiles'!$G$18=$B$24,21,0),MOD($C6206,24)+1)/SUM(INDEX($D$3:$AA$30,INDEX(Jesper!$R$2:$R$366,ROW(INDEX(Jesper!AH$2:AH$366,ROUNDDOWN($C6206/24,0)+1,1))-1)+IF('Standard Profiles'!$G$18=$B$10,7,0)+IF('Standard Profiles'!$G$18=$B$17,14,0)+IF('Standard Profiles'!$G$18=$B$24,21,0),0)),0)</f>
        <v>5.0315630384435543</v>
      </c>
      <c r="E6206" cm="1">
        <f t="array" ref="E6206">IFERROR(INDEX(Jesper!AI$2:AI$366,ROUNDDOWN($C6206/24,0)+1,1)*INDEX($D$3:$AA$30,INDEX(Jesper!$R$2:$R$366,ROW(INDEX(Jesper!AI$2:AI$366,ROUNDDOWN($C6206/24,0)+1,1))-1)+IF('Standard Profiles'!$G$19=$B$10,7,0)+IF('Standard Profiles'!$G$19=$B$17,14,0)+IF('Standard Profiles'!$G$19=$B$24,21,0),MOD($C6206,24)+1)/SUM(INDEX($D$3:$AA$30,INDEX(Jesper!$R$2:$R$366,ROW(INDEX(Jesper!AI$2:AI$366,ROUNDDOWN($C6206/24,0)+1,1))-1)+IF('Standard Profiles'!$G$19=$B$10,7,0)+IF('Standard Profiles'!$G$19=$B$17,14,0)+IF('Standard Profiles'!$G$19=$B$24,21,0),0)),0)</f>
        <v>2.2479710845253176</v>
      </c>
      <c r="F6206" cm="1">
        <f t="array" ref="F6206">IFERROR(INDEX(Jesper!AJ$2:AJ$366,ROUNDDOWN($C6206/24,0)+1,1)*INDEX($D$3:$AA$30,INDEX(Jesper!$R$2:$R$366,ROW(INDEX(Jesper!AJ$2:AJ$366,ROUNDDOWN($C6206/24,0)+1,1))-1)+IF('Standard Profiles'!$G$20=$B$10,7,0)+IF('Standard Profiles'!$G$20=$B$17,14,0)+IF('Standard Profiles'!$G$20=$B$24,21,0),MOD($C6206,24)+1)/SUM(INDEX($D$3:$AA$30,INDEX(Jesper!$R$2:$R$366,ROW(INDEX(Jesper!AJ$2:AJ$366,ROUNDDOWN($C6206/24,0)+1,1))-1)+IF('Standard Profiles'!$G$20=$B$10,7,0)+IF('Standard Profiles'!$G$20=$B$17,14,0)+IF('Standard Profiles'!$G$20=$B$24,21,0),0)),0)</f>
        <v>0</v>
      </c>
      <c r="G6206" cm="1">
        <f t="array" ref="G6206">IFERROR(INDEX(Jesper!AK$2:AK$366,ROUNDDOWN($C6206/24,0)+1,1)*INDEX($D$3:$AA$30,INDEX(Jesper!$R$2:$R$366,ROW(INDEX(Jesper!AK$2:AK$366,ROUNDDOWN($C6206/24,0)+1,1))-1)+IF('Standard Profiles'!$G$21=$B$10,7,0)+IF('Standard Profiles'!$G$21=$B$17,14,0)+IF('Standard Profiles'!$G$21=$B$24,21,0),MOD($C6206,24)+1)/SUM(INDEX($D$3:$AA$30,INDEX(Jesper!$R$2:$R$366,ROW(INDEX(Jesper!AK$2:AK$366,ROUNDDOWN($C6206/24,0)+1,1))-1)+IF('Standard Profiles'!$G$21=$B$10,7,0)+IF('Standard Profiles'!$G$21=$B$17,14,0)+IF('Standard Profiles'!$G$21=$B$24,21,0),0)),0)</f>
        <v>0.42553680653087089</v>
      </c>
      <c r="H6206" cm="1">
        <f t="array" ref="H6206">IFERROR(INDEX(Jesper!AL$2:AL$366,ROUNDDOWN($C6206/24,0)+1,1)*INDEX($D$3:$AA$30,INDEX(Jesper!$R$2:$R$366,ROW(INDEX(Jesper!AL$2:AL$366,ROUNDDOWN($C6206/24,0)+1,1))-1)+IF('Standard Profiles'!$G$22=$B$10,7,0)+IF('Standard Profiles'!$G$22=$B$17,14,0)+IF('Standard Profiles'!$G$22=$B$24,21,0),MOD($C6206,24)+1)/SUM(INDEX($D$3:$AA$30,INDEX(Jesper!$R$2:$R$366,ROW(INDEX(Jesper!AL$2:AL$366,ROUNDDOWN($C6206/24,0)+1,1))-1)+IF('Standard Profiles'!$G$22=$B$10,7,0)+IF('Standard Profiles'!$G$22=$B$17,14,0)+IF('Standard Profiles'!$G$22=$B$24,21,0),0)),0)</f>
        <v>0</v>
      </c>
      <c r="I6206">
        <f t="shared" si="692"/>
        <v>0.20425766713481794</v>
      </c>
      <c r="J6206">
        <f t="shared" si="693"/>
        <v>6.6957631762139567</v>
      </c>
      <c r="K6206">
        <f t="shared" si="694"/>
        <v>0.53670005743397919</v>
      </c>
      <c r="L6206">
        <f t="shared" si="695"/>
        <v>0.2683500287169896</v>
      </c>
      <c r="M6206">
        <f t="shared" si="696"/>
        <v>0</v>
      </c>
      <c r="N6206" s="45">
        <f t="shared" si="697"/>
        <v>45184.166666651698</v>
      </c>
    </row>
    <row r="6207" spans="2:14" x14ac:dyDescent="0.25">
      <c r="B6207">
        <f t="shared" si="691"/>
        <v>5</v>
      </c>
      <c r="C6207" s="16">
        <v>6173</v>
      </c>
      <c r="D6207" cm="1">
        <f t="array" ref="D6207">IFERROR(INDEX(Jesper!AH$2:AH$366,ROUNDDOWN($C6207/24,0)+1,1)*INDEX($D$3:$AA$30,INDEX(Jesper!$R$2:$R$366,ROW(INDEX(Jesper!AH$2:AH$366,ROUNDDOWN($C6207/24,0)+1,1))-1)+IF('Standard Profiles'!$G$18=$B$10,7,0)+IF('Standard Profiles'!$G$18=$B$17,14,0)+IF('Standard Profiles'!$G$18=$B$24,21,0),MOD($C6207,24)+1)/SUM(INDEX($D$3:$AA$30,INDEX(Jesper!$R$2:$R$366,ROW(INDEX(Jesper!AH$2:AH$366,ROUNDDOWN($C6207/24,0)+1,1))-1)+IF('Standard Profiles'!$G$18=$B$10,7,0)+IF('Standard Profiles'!$G$18=$B$17,14,0)+IF('Standard Profiles'!$G$18=$B$24,21,0),0)),0)</f>
        <v>5.0315630384435543</v>
      </c>
      <c r="E6207" cm="1">
        <f t="array" ref="E6207">IFERROR(INDEX(Jesper!AI$2:AI$366,ROUNDDOWN($C6207/24,0)+1,1)*INDEX($D$3:$AA$30,INDEX(Jesper!$R$2:$R$366,ROW(INDEX(Jesper!AI$2:AI$366,ROUNDDOWN($C6207/24,0)+1,1))-1)+IF('Standard Profiles'!$G$19=$B$10,7,0)+IF('Standard Profiles'!$G$19=$B$17,14,0)+IF('Standard Profiles'!$G$19=$B$24,21,0),MOD($C6207,24)+1)/SUM(INDEX($D$3:$AA$30,INDEX(Jesper!$R$2:$R$366,ROW(INDEX(Jesper!AI$2:AI$366,ROUNDDOWN($C6207/24,0)+1,1))-1)+IF('Standard Profiles'!$G$19=$B$10,7,0)+IF('Standard Profiles'!$G$19=$B$17,14,0)+IF('Standard Profiles'!$G$19=$B$24,21,0),0)),0)</f>
        <v>2.2479710845253176</v>
      </c>
      <c r="F6207" cm="1">
        <f t="array" ref="F6207">IFERROR(INDEX(Jesper!AJ$2:AJ$366,ROUNDDOWN($C6207/24,0)+1,1)*INDEX($D$3:$AA$30,INDEX(Jesper!$R$2:$R$366,ROW(INDEX(Jesper!AJ$2:AJ$366,ROUNDDOWN($C6207/24,0)+1,1))-1)+IF('Standard Profiles'!$G$20=$B$10,7,0)+IF('Standard Profiles'!$G$20=$B$17,14,0)+IF('Standard Profiles'!$G$20=$B$24,21,0),MOD($C6207,24)+1)/SUM(INDEX($D$3:$AA$30,INDEX(Jesper!$R$2:$R$366,ROW(INDEX(Jesper!AJ$2:AJ$366,ROUNDDOWN($C6207/24,0)+1,1))-1)+IF('Standard Profiles'!$G$20=$B$10,7,0)+IF('Standard Profiles'!$G$20=$B$17,14,0)+IF('Standard Profiles'!$G$20=$B$24,21,0),0)),0)</f>
        <v>0</v>
      </c>
      <c r="G6207" cm="1">
        <f t="array" ref="G6207">IFERROR(INDEX(Jesper!AK$2:AK$366,ROUNDDOWN($C6207/24,0)+1,1)*INDEX($D$3:$AA$30,INDEX(Jesper!$R$2:$R$366,ROW(INDEX(Jesper!AK$2:AK$366,ROUNDDOWN($C6207/24,0)+1,1))-1)+IF('Standard Profiles'!$G$21=$B$10,7,0)+IF('Standard Profiles'!$G$21=$B$17,14,0)+IF('Standard Profiles'!$G$21=$B$24,21,0),MOD($C6207,24)+1)/SUM(INDEX($D$3:$AA$30,INDEX(Jesper!$R$2:$R$366,ROW(INDEX(Jesper!AK$2:AK$366,ROUNDDOWN($C6207/24,0)+1,1))-1)+IF('Standard Profiles'!$G$21=$B$10,7,0)+IF('Standard Profiles'!$G$21=$B$17,14,0)+IF('Standard Profiles'!$G$21=$B$24,21,0),0)),0)</f>
        <v>0.42553680653087089</v>
      </c>
      <c r="H6207" cm="1">
        <f t="array" ref="H6207">IFERROR(INDEX(Jesper!AL$2:AL$366,ROUNDDOWN($C6207/24,0)+1,1)*INDEX($D$3:$AA$30,INDEX(Jesper!$R$2:$R$366,ROW(INDEX(Jesper!AL$2:AL$366,ROUNDDOWN($C6207/24,0)+1,1))-1)+IF('Standard Profiles'!$G$22=$B$10,7,0)+IF('Standard Profiles'!$G$22=$B$17,14,0)+IF('Standard Profiles'!$G$22=$B$24,21,0),MOD($C6207,24)+1)/SUM(INDEX($D$3:$AA$30,INDEX(Jesper!$R$2:$R$366,ROW(INDEX(Jesper!AL$2:AL$366,ROUNDDOWN($C6207/24,0)+1,1))-1)+IF('Standard Profiles'!$G$22=$B$10,7,0)+IF('Standard Profiles'!$G$22=$B$17,14,0)+IF('Standard Profiles'!$G$22=$B$24,21,0),0)),0)</f>
        <v>0</v>
      </c>
      <c r="I6207">
        <f t="shared" si="692"/>
        <v>0.20425766713481794</v>
      </c>
      <c r="J6207">
        <f t="shared" si="693"/>
        <v>6.6957631762139567</v>
      </c>
      <c r="K6207">
        <f t="shared" si="694"/>
        <v>0.53670005743397919</v>
      </c>
      <c r="L6207">
        <f t="shared" si="695"/>
        <v>0.2683500287169896</v>
      </c>
      <c r="M6207">
        <f t="shared" si="696"/>
        <v>0</v>
      </c>
      <c r="N6207" s="45">
        <f t="shared" si="697"/>
        <v>45184.208333318362</v>
      </c>
    </row>
    <row r="6208" spans="2:14" x14ac:dyDescent="0.25">
      <c r="B6208">
        <f t="shared" si="691"/>
        <v>5</v>
      </c>
      <c r="C6208" s="16">
        <v>6174</v>
      </c>
      <c r="D6208" cm="1">
        <f t="array" ref="D6208">IFERROR(INDEX(Jesper!AH$2:AH$366,ROUNDDOWN($C6208/24,0)+1,1)*INDEX($D$3:$AA$30,INDEX(Jesper!$R$2:$R$366,ROW(INDEX(Jesper!AH$2:AH$366,ROUNDDOWN($C6208/24,0)+1,1))-1)+IF('Standard Profiles'!$G$18=$B$10,7,0)+IF('Standard Profiles'!$G$18=$B$17,14,0)+IF('Standard Profiles'!$G$18=$B$24,21,0),MOD($C6208,24)+1)/SUM(INDEX($D$3:$AA$30,INDEX(Jesper!$R$2:$R$366,ROW(INDEX(Jesper!AH$2:AH$366,ROUNDDOWN($C6208/24,0)+1,1))-1)+IF('Standard Profiles'!$G$18=$B$10,7,0)+IF('Standard Profiles'!$G$18=$B$17,14,0)+IF('Standard Profiles'!$G$18=$B$24,21,0),0)),0)</f>
        <v>5.0315630384435543</v>
      </c>
      <c r="E6208" cm="1">
        <f t="array" ref="E6208">IFERROR(INDEX(Jesper!AI$2:AI$366,ROUNDDOWN($C6208/24,0)+1,1)*INDEX($D$3:$AA$30,INDEX(Jesper!$R$2:$R$366,ROW(INDEX(Jesper!AI$2:AI$366,ROUNDDOWN($C6208/24,0)+1,1))-1)+IF('Standard Profiles'!$G$19=$B$10,7,0)+IF('Standard Profiles'!$G$19=$B$17,14,0)+IF('Standard Profiles'!$G$19=$B$24,21,0),MOD($C6208,24)+1)/SUM(INDEX($D$3:$AA$30,INDEX(Jesper!$R$2:$R$366,ROW(INDEX(Jesper!AI$2:AI$366,ROUNDDOWN($C6208/24,0)+1,1))-1)+IF('Standard Profiles'!$G$19=$B$10,7,0)+IF('Standard Profiles'!$G$19=$B$17,14,0)+IF('Standard Profiles'!$G$19=$B$24,21,0),0)),0)</f>
        <v>2.2479710845253176</v>
      </c>
      <c r="F6208" cm="1">
        <f t="array" ref="F6208">IFERROR(INDEX(Jesper!AJ$2:AJ$366,ROUNDDOWN($C6208/24,0)+1,1)*INDEX($D$3:$AA$30,INDEX(Jesper!$R$2:$R$366,ROW(INDEX(Jesper!AJ$2:AJ$366,ROUNDDOWN($C6208/24,0)+1,1))-1)+IF('Standard Profiles'!$G$20=$B$10,7,0)+IF('Standard Profiles'!$G$20=$B$17,14,0)+IF('Standard Profiles'!$G$20=$B$24,21,0),MOD($C6208,24)+1)/SUM(INDEX($D$3:$AA$30,INDEX(Jesper!$R$2:$R$366,ROW(INDEX(Jesper!AJ$2:AJ$366,ROUNDDOWN($C6208/24,0)+1,1))-1)+IF('Standard Profiles'!$G$20=$B$10,7,0)+IF('Standard Profiles'!$G$20=$B$17,14,0)+IF('Standard Profiles'!$G$20=$B$24,21,0),0)),0)</f>
        <v>0</v>
      </c>
      <c r="G6208" cm="1">
        <f t="array" ref="G6208">IFERROR(INDEX(Jesper!AK$2:AK$366,ROUNDDOWN($C6208/24,0)+1,1)*INDEX($D$3:$AA$30,INDEX(Jesper!$R$2:$R$366,ROW(INDEX(Jesper!AK$2:AK$366,ROUNDDOWN($C6208/24,0)+1,1))-1)+IF('Standard Profiles'!$G$21=$B$10,7,0)+IF('Standard Profiles'!$G$21=$B$17,14,0)+IF('Standard Profiles'!$G$21=$B$24,21,0),MOD($C6208,24)+1)/SUM(INDEX($D$3:$AA$30,INDEX(Jesper!$R$2:$R$366,ROW(INDEX(Jesper!AK$2:AK$366,ROUNDDOWN($C6208/24,0)+1,1))-1)+IF('Standard Profiles'!$G$21=$B$10,7,0)+IF('Standard Profiles'!$G$21=$B$17,14,0)+IF('Standard Profiles'!$G$21=$B$24,21,0),0)),0)</f>
        <v>0.42553680653087089</v>
      </c>
      <c r="H6208" cm="1">
        <f t="array" ref="H6208">IFERROR(INDEX(Jesper!AL$2:AL$366,ROUNDDOWN($C6208/24,0)+1,1)*INDEX($D$3:$AA$30,INDEX(Jesper!$R$2:$R$366,ROW(INDEX(Jesper!AL$2:AL$366,ROUNDDOWN($C6208/24,0)+1,1))-1)+IF('Standard Profiles'!$G$22=$B$10,7,0)+IF('Standard Profiles'!$G$22=$B$17,14,0)+IF('Standard Profiles'!$G$22=$B$24,21,0),MOD($C6208,24)+1)/SUM(INDEX($D$3:$AA$30,INDEX(Jesper!$R$2:$R$366,ROW(INDEX(Jesper!AL$2:AL$366,ROUNDDOWN($C6208/24,0)+1,1))-1)+IF('Standard Profiles'!$G$22=$B$10,7,0)+IF('Standard Profiles'!$G$22=$B$17,14,0)+IF('Standard Profiles'!$G$22=$B$24,21,0),0)),0)</f>
        <v>0</v>
      </c>
      <c r="I6208">
        <f t="shared" si="692"/>
        <v>0.20425766713481794</v>
      </c>
      <c r="J6208">
        <f t="shared" si="693"/>
        <v>6.6957631762139567</v>
      </c>
      <c r="K6208">
        <f t="shared" si="694"/>
        <v>0.53670005743397919</v>
      </c>
      <c r="L6208">
        <f t="shared" si="695"/>
        <v>0.2683500287169896</v>
      </c>
      <c r="M6208">
        <f t="shared" si="696"/>
        <v>0</v>
      </c>
      <c r="N6208" s="45">
        <f t="shared" si="697"/>
        <v>45184.249999985026</v>
      </c>
    </row>
    <row r="6209" spans="2:14" x14ac:dyDescent="0.25">
      <c r="B6209">
        <f t="shared" si="691"/>
        <v>5</v>
      </c>
      <c r="C6209" s="16">
        <v>6175</v>
      </c>
      <c r="D6209" cm="1">
        <f t="array" ref="D6209">IFERROR(INDEX(Jesper!AH$2:AH$366,ROUNDDOWN($C6209/24,0)+1,1)*INDEX($D$3:$AA$30,INDEX(Jesper!$R$2:$R$366,ROW(INDEX(Jesper!AH$2:AH$366,ROUNDDOWN($C6209/24,0)+1,1))-1)+IF('Standard Profiles'!$G$18=$B$10,7,0)+IF('Standard Profiles'!$G$18=$B$17,14,0)+IF('Standard Profiles'!$G$18=$B$24,21,0),MOD($C6209,24)+1)/SUM(INDEX($D$3:$AA$30,INDEX(Jesper!$R$2:$R$366,ROW(INDEX(Jesper!AH$2:AH$366,ROUNDDOWN($C6209/24,0)+1,1))-1)+IF('Standard Profiles'!$G$18=$B$10,7,0)+IF('Standard Profiles'!$G$18=$B$17,14,0)+IF('Standard Profiles'!$G$18=$B$24,21,0),0)),0)</f>
        <v>21.434458543769541</v>
      </c>
      <c r="E6209" cm="1">
        <f t="array" ref="E6209">IFERROR(INDEX(Jesper!AI$2:AI$366,ROUNDDOWN($C6209/24,0)+1,1)*INDEX($D$3:$AA$30,INDEX(Jesper!$R$2:$R$366,ROW(INDEX(Jesper!AI$2:AI$366,ROUNDDOWN($C6209/24,0)+1,1))-1)+IF('Standard Profiles'!$G$19=$B$10,7,0)+IF('Standard Profiles'!$G$19=$B$17,14,0)+IF('Standard Profiles'!$G$19=$B$24,21,0),MOD($C6209,24)+1)/SUM(INDEX($D$3:$AA$30,INDEX(Jesper!$R$2:$R$366,ROW(INDEX(Jesper!AI$2:AI$366,ROUNDDOWN($C6209/24,0)+1,1))-1)+IF('Standard Profiles'!$G$19=$B$10,7,0)+IF('Standard Profiles'!$G$19=$B$17,14,0)+IF('Standard Profiles'!$G$19=$B$24,21,0),0)),0)</f>
        <v>9.5763568200778515</v>
      </c>
      <c r="F6209" cm="1">
        <f t="array" ref="F6209">IFERROR(INDEX(Jesper!AJ$2:AJ$366,ROUNDDOWN($C6209/24,0)+1,1)*INDEX($D$3:$AA$30,INDEX(Jesper!$R$2:$R$366,ROW(INDEX(Jesper!AJ$2:AJ$366,ROUNDDOWN($C6209/24,0)+1,1))-1)+IF('Standard Profiles'!$G$20=$B$10,7,0)+IF('Standard Profiles'!$G$20=$B$17,14,0)+IF('Standard Profiles'!$G$20=$B$24,21,0),MOD($C6209,24)+1)/SUM(INDEX($D$3:$AA$30,INDEX(Jesper!$R$2:$R$366,ROW(INDEX(Jesper!AJ$2:AJ$366,ROUNDDOWN($C6209/24,0)+1,1))-1)+IF('Standard Profiles'!$G$20=$B$10,7,0)+IF('Standard Profiles'!$G$20=$B$17,14,0)+IF('Standard Profiles'!$G$20=$B$24,21,0),0)),0)</f>
        <v>0</v>
      </c>
      <c r="G6209" cm="1">
        <f t="array" ref="G6209">IFERROR(INDEX(Jesper!AK$2:AK$366,ROUNDDOWN($C6209/24,0)+1,1)*INDEX($D$3:$AA$30,INDEX(Jesper!$R$2:$R$366,ROW(INDEX(Jesper!AK$2:AK$366,ROUNDDOWN($C6209/24,0)+1,1))-1)+IF('Standard Profiles'!$G$21=$B$10,7,0)+IF('Standard Profiles'!$G$21=$B$17,14,0)+IF('Standard Profiles'!$G$21=$B$24,21,0),MOD($C6209,24)+1)/SUM(INDEX($D$3:$AA$30,INDEX(Jesper!$R$2:$R$366,ROW(INDEX(Jesper!AK$2:AK$366,ROUNDDOWN($C6209/24,0)+1,1))-1)+IF('Standard Profiles'!$G$21=$B$10,7,0)+IF('Standard Profiles'!$G$21=$B$17,14,0)+IF('Standard Profiles'!$G$21=$B$24,21,0),0)),0)</f>
        <v>1.1530674757610695</v>
      </c>
      <c r="H6209" cm="1">
        <f t="array" ref="H6209">IFERROR(INDEX(Jesper!AL$2:AL$366,ROUNDDOWN($C6209/24,0)+1,1)*INDEX($D$3:$AA$30,INDEX(Jesper!$R$2:$R$366,ROW(INDEX(Jesper!AL$2:AL$366,ROUNDDOWN($C6209/24,0)+1,1))-1)+IF('Standard Profiles'!$G$22=$B$10,7,0)+IF('Standard Profiles'!$G$22=$B$17,14,0)+IF('Standard Profiles'!$G$22=$B$24,21,0),MOD($C6209,24)+1)/SUM(INDEX($D$3:$AA$30,INDEX(Jesper!$R$2:$R$366,ROW(INDEX(Jesper!AL$2:AL$366,ROUNDDOWN($C6209/24,0)+1,1))-1)+IF('Standard Profiles'!$G$22=$B$10,7,0)+IF('Standard Profiles'!$G$22=$B$17,14,0)+IF('Standard Profiles'!$G$22=$B$24,21,0),0)),0)</f>
        <v>0</v>
      </c>
      <c r="I6209">
        <f t="shared" si="692"/>
        <v>0.55347238836531309</v>
      </c>
      <c r="J6209">
        <f t="shared" si="693"/>
        <v>28.180897084240019</v>
      </c>
      <c r="K6209">
        <f t="shared" si="694"/>
        <v>2.2863422446687514</v>
      </c>
      <c r="L6209">
        <f t="shared" si="695"/>
        <v>1.1431711223343757</v>
      </c>
      <c r="M6209">
        <f t="shared" si="696"/>
        <v>0</v>
      </c>
      <c r="N6209" s="45">
        <f t="shared" si="697"/>
        <v>45184.29166665169</v>
      </c>
    </row>
    <row r="6210" spans="2:14" x14ac:dyDescent="0.25">
      <c r="B6210">
        <f t="shared" si="691"/>
        <v>5</v>
      </c>
      <c r="C6210" s="16">
        <v>6176</v>
      </c>
      <c r="D6210" cm="1">
        <f t="array" ref="D6210">IFERROR(INDEX(Jesper!AH$2:AH$366,ROUNDDOWN($C6210/24,0)+1,1)*INDEX($D$3:$AA$30,INDEX(Jesper!$R$2:$R$366,ROW(INDEX(Jesper!AH$2:AH$366,ROUNDDOWN($C6210/24,0)+1,1))-1)+IF('Standard Profiles'!$G$18=$B$10,7,0)+IF('Standard Profiles'!$G$18=$B$17,14,0)+IF('Standard Profiles'!$G$18=$B$24,21,0),MOD($C6210,24)+1)/SUM(INDEX($D$3:$AA$30,INDEX(Jesper!$R$2:$R$366,ROW(INDEX(Jesper!AH$2:AH$366,ROUNDDOWN($C6210/24,0)+1,1))-1)+IF('Standard Profiles'!$G$18=$B$10,7,0)+IF('Standard Profiles'!$G$18=$B$17,14,0)+IF('Standard Profiles'!$G$18=$B$24,21,0),0)),0)</f>
        <v>26.793073179711925</v>
      </c>
      <c r="E6210" cm="1">
        <f t="array" ref="E6210">IFERROR(INDEX(Jesper!AI$2:AI$366,ROUNDDOWN($C6210/24,0)+1,1)*INDEX($D$3:$AA$30,INDEX(Jesper!$R$2:$R$366,ROW(INDEX(Jesper!AI$2:AI$366,ROUNDDOWN($C6210/24,0)+1,1))-1)+IF('Standard Profiles'!$G$19=$B$10,7,0)+IF('Standard Profiles'!$G$19=$B$17,14,0)+IF('Standard Profiles'!$G$19=$B$24,21,0),MOD($C6210,24)+1)/SUM(INDEX($D$3:$AA$30,INDEX(Jesper!$R$2:$R$366,ROW(INDEX(Jesper!AI$2:AI$366,ROUNDDOWN($C6210/24,0)+1,1))-1)+IF('Standard Profiles'!$G$19=$B$10,7,0)+IF('Standard Profiles'!$G$19=$B$17,14,0)+IF('Standard Profiles'!$G$19=$B$24,21,0),0)),0)</f>
        <v>11.970446025097313</v>
      </c>
      <c r="F6210" cm="1">
        <f t="array" ref="F6210">IFERROR(INDEX(Jesper!AJ$2:AJ$366,ROUNDDOWN($C6210/24,0)+1,1)*INDEX($D$3:$AA$30,INDEX(Jesper!$R$2:$R$366,ROW(INDEX(Jesper!AJ$2:AJ$366,ROUNDDOWN($C6210/24,0)+1,1))-1)+IF('Standard Profiles'!$G$20=$B$10,7,0)+IF('Standard Profiles'!$G$20=$B$17,14,0)+IF('Standard Profiles'!$G$20=$B$24,21,0),MOD($C6210,24)+1)/SUM(INDEX($D$3:$AA$30,INDEX(Jesper!$R$2:$R$366,ROW(INDEX(Jesper!AJ$2:AJ$366,ROUNDDOWN($C6210/24,0)+1,1))-1)+IF('Standard Profiles'!$G$20=$B$10,7,0)+IF('Standard Profiles'!$G$20=$B$17,14,0)+IF('Standard Profiles'!$G$20=$B$24,21,0),0)),0)</f>
        <v>0</v>
      </c>
      <c r="G6210" cm="1">
        <f t="array" ref="G6210">IFERROR(INDEX(Jesper!AK$2:AK$366,ROUNDDOWN($C6210/24,0)+1,1)*INDEX($D$3:$AA$30,INDEX(Jesper!$R$2:$R$366,ROW(INDEX(Jesper!AK$2:AK$366,ROUNDDOWN($C6210/24,0)+1,1))-1)+IF('Standard Profiles'!$G$21=$B$10,7,0)+IF('Standard Profiles'!$G$21=$B$17,14,0)+IF('Standard Profiles'!$G$21=$B$24,21,0),MOD($C6210,24)+1)/SUM(INDEX($D$3:$AA$30,INDEX(Jesper!$R$2:$R$366,ROW(INDEX(Jesper!AK$2:AK$366,ROUNDDOWN($C6210/24,0)+1,1))-1)+IF('Standard Profiles'!$G$21=$B$10,7,0)+IF('Standard Profiles'!$G$21=$B$17,14,0)+IF('Standard Profiles'!$G$21=$B$24,21,0),0)),0)</f>
        <v>1.4413343447013367</v>
      </c>
      <c r="H6210" cm="1">
        <f t="array" ref="H6210">IFERROR(INDEX(Jesper!AL$2:AL$366,ROUNDDOWN($C6210/24,0)+1,1)*INDEX($D$3:$AA$30,INDEX(Jesper!$R$2:$R$366,ROW(INDEX(Jesper!AL$2:AL$366,ROUNDDOWN($C6210/24,0)+1,1))-1)+IF('Standard Profiles'!$G$22=$B$10,7,0)+IF('Standard Profiles'!$G$22=$B$17,14,0)+IF('Standard Profiles'!$G$22=$B$24,21,0),MOD($C6210,24)+1)/SUM(INDEX($D$3:$AA$30,INDEX(Jesper!$R$2:$R$366,ROW(INDEX(Jesper!AL$2:AL$366,ROUNDDOWN($C6210/24,0)+1,1))-1)+IF('Standard Profiles'!$G$22=$B$10,7,0)+IF('Standard Profiles'!$G$22=$B$17,14,0)+IF('Standard Profiles'!$G$22=$B$24,21,0),0)),0)</f>
        <v>0</v>
      </c>
      <c r="I6210">
        <f t="shared" si="692"/>
        <v>0.69184048545664123</v>
      </c>
      <c r="J6210">
        <f t="shared" si="693"/>
        <v>35.226121355300023</v>
      </c>
      <c r="K6210">
        <f t="shared" si="694"/>
        <v>2.857927805835939</v>
      </c>
      <c r="L6210">
        <f t="shared" si="695"/>
        <v>1.4289639029179695</v>
      </c>
      <c r="M6210">
        <f t="shared" si="696"/>
        <v>0</v>
      </c>
      <c r="N6210" s="45">
        <f t="shared" si="697"/>
        <v>45184.333333318355</v>
      </c>
    </row>
    <row r="6211" spans="2:14" x14ac:dyDescent="0.25">
      <c r="B6211">
        <f t="shared" si="691"/>
        <v>5</v>
      </c>
      <c r="C6211" s="16">
        <v>6177</v>
      </c>
      <c r="D6211" cm="1">
        <f t="array" ref="D6211">IFERROR(INDEX(Jesper!AH$2:AH$366,ROUNDDOWN($C6211/24,0)+1,1)*INDEX($D$3:$AA$30,INDEX(Jesper!$R$2:$R$366,ROW(INDEX(Jesper!AH$2:AH$366,ROUNDDOWN($C6211/24,0)+1,1))-1)+IF('Standard Profiles'!$G$18=$B$10,7,0)+IF('Standard Profiles'!$G$18=$B$17,14,0)+IF('Standard Profiles'!$G$18=$B$24,21,0),MOD($C6211,24)+1)/SUM(INDEX($D$3:$AA$30,INDEX(Jesper!$R$2:$R$366,ROW(INDEX(Jesper!AH$2:AH$366,ROUNDDOWN($C6211/24,0)+1,1))-1)+IF('Standard Profiles'!$G$18=$B$10,7,0)+IF('Standard Profiles'!$G$18=$B$17,14,0)+IF('Standard Profiles'!$G$18=$B$24,21,0),0)),0)</f>
        <v>29.472380497683119</v>
      </c>
      <c r="E6211" cm="1">
        <f t="array" ref="E6211">IFERROR(INDEX(Jesper!AI$2:AI$366,ROUNDDOWN($C6211/24,0)+1,1)*INDEX($D$3:$AA$30,INDEX(Jesper!$R$2:$R$366,ROW(INDEX(Jesper!AI$2:AI$366,ROUNDDOWN($C6211/24,0)+1,1))-1)+IF('Standard Profiles'!$G$19=$B$10,7,0)+IF('Standard Profiles'!$G$19=$B$17,14,0)+IF('Standard Profiles'!$G$19=$B$24,21,0),MOD($C6211,24)+1)/SUM(INDEX($D$3:$AA$30,INDEX(Jesper!$R$2:$R$366,ROW(INDEX(Jesper!AI$2:AI$366,ROUNDDOWN($C6211/24,0)+1,1))-1)+IF('Standard Profiles'!$G$19=$B$10,7,0)+IF('Standard Profiles'!$G$19=$B$17,14,0)+IF('Standard Profiles'!$G$19=$B$24,21,0),0)),0)</f>
        <v>13.167490627607046</v>
      </c>
      <c r="F6211" cm="1">
        <f t="array" ref="F6211">IFERROR(INDEX(Jesper!AJ$2:AJ$366,ROUNDDOWN($C6211/24,0)+1,1)*INDEX($D$3:$AA$30,INDEX(Jesper!$R$2:$R$366,ROW(INDEX(Jesper!AJ$2:AJ$366,ROUNDDOWN($C6211/24,0)+1,1))-1)+IF('Standard Profiles'!$G$20=$B$10,7,0)+IF('Standard Profiles'!$G$20=$B$17,14,0)+IF('Standard Profiles'!$G$20=$B$24,21,0),MOD($C6211,24)+1)/SUM(INDEX($D$3:$AA$30,INDEX(Jesper!$R$2:$R$366,ROW(INDEX(Jesper!AJ$2:AJ$366,ROUNDDOWN($C6211/24,0)+1,1))-1)+IF('Standard Profiles'!$G$20=$B$10,7,0)+IF('Standard Profiles'!$G$20=$B$17,14,0)+IF('Standard Profiles'!$G$20=$B$24,21,0),0)),0)</f>
        <v>0</v>
      </c>
      <c r="G6211" cm="1">
        <f t="array" ref="G6211">IFERROR(INDEX(Jesper!AK$2:AK$366,ROUNDDOWN($C6211/24,0)+1,1)*INDEX($D$3:$AA$30,INDEX(Jesper!$R$2:$R$366,ROW(INDEX(Jesper!AK$2:AK$366,ROUNDDOWN($C6211/24,0)+1,1))-1)+IF('Standard Profiles'!$G$21=$B$10,7,0)+IF('Standard Profiles'!$G$21=$B$17,14,0)+IF('Standard Profiles'!$G$21=$B$24,21,0),MOD($C6211,24)+1)/SUM(INDEX($D$3:$AA$30,INDEX(Jesper!$R$2:$R$366,ROW(INDEX(Jesper!AK$2:AK$366,ROUNDDOWN($C6211/24,0)+1,1))-1)+IF('Standard Profiles'!$G$21=$B$10,7,0)+IF('Standard Profiles'!$G$21=$B$17,14,0)+IF('Standard Profiles'!$G$21=$B$24,21,0),0)),0)</f>
        <v>1.5854677791714706</v>
      </c>
      <c r="H6211" cm="1">
        <f t="array" ref="H6211">IFERROR(INDEX(Jesper!AL$2:AL$366,ROUNDDOWN($C6211/24,0)+1,1)*INDEX($D$3:$AA$30,INDEX(Jesper!$R$2:$R$366,ROW(INDEX(Jesper!AL$2:AL$366,ROUNDDOWN($C6211/24,0)+1,1))-1)+IF('Standard Profiles'!$G$22=$B$10,7,0)+IF('Standard Profiles'!$G$22=$B$17,14,0)+IF('Standard Profiles'!$G$22=$B$24,21,0),MOD($C6211,24)+1)/SUM(INDEX($D$3:$AA$30,INDEX(Jesper!$R$2:$R$366,ROW(INDEX(Jesper!AL$2:AL$366,ROUNDDOWN($C6211/24,0)+1,1))-1)+IF('Standard Profiles'!$G$22=$B$10,7,0)+IF('Standard Profiles'!$G$22=$B$17,14,0)+IF('Standard Profiles'!$G$22=$B$24,21,0),0)),0)</f>
        <v>0</v>
      </c>
      <c r="I6211">
        <f t="shared" si="692"/>
        <v>0.76102453400230552</v>
      </c>
      <c r="J6211">
        <f t="shared" si="693"/>
        <v>38.748733490830027</v>
      </c>
      <c r="K6211">
        <f t="shared" si="694"/>
        <v>3.143720586419533</v>
      </c>
      <c r="L6211">
        <f t="shared" si="695"/>
        <v>1.5718602932097665</v>
      </c>
      <c r="M6211">
        <f t="shared" si="696"/>
        <v>0</v>
      </c>
      <c r="N6211" s="45">
        <f t="shared" si="697"/>
        <v>45184.374999985019</v>
      </c>
    </row>
    <row r="6212" spans="2:14" x14ac:dyDescent="0.25">
      <c r="B6212">
        <f t="shared" si="691"/>
        <v>5</v>
      </c>
      <c r="C6212" s="16">
        <v>6178</v>
      </c>
      <c r="D6212" cm="1">
        <f t="array" ref="D6212">IFERROR(INDEX(Jesper!AH$2:AH$366,ROUNDDOWN($C6212/24,0)+1,1)*INDEX($D$3:$AA$30,INDEX(Jesper!$R$2:$R$366,ROW(INDEX(Jesper!AH$2:AH$366,ROUNDDOWN($C6212/24,0)+1,1))-1)+IF('Standard Profiles'!$G$18=$B$10,7,0)+IF('Standard Profiles'!$G$18=$B$17,14,0)+IF('Standard Profiles'!$G$18=$B$24,21,0),MOD($C6212,24)+1)/SUM(INDEX($D$3:$AA$30,INDEX(Jesper!$R$2:$R$366,ROW(INDEX(Jesper!AH$2:AH$366,ROUNDDOWN($C6212/24,0)+1,1))-1)+IF('Standard Profiles'!$G$18=$B$10,7,0)+IF('Standard Profiles'!$G$18=$B$17,14,0)+IF('Standard Profiles'!$G$18=$B$24,21,0),0)),0)</f>
        <v>29.472380497683119</v>
      </c>
      <c r="E6212" cm="1">
        <f t="array" ref="E6212">IFERROR(INDEX(Jesper!AI$2:AI$366,ROUNDDOWN($C6212/24,0)+1,1)*INDEX($D$3:$AA$30,INDEX(Jesper!$R$2:$R$366,ROW(INDEX(Jesper!AI$2:AI$366,ROUNDDOWN($C6212/24,0)+1,1))-1)+IF('Standard Profiles'!$G$19=$B$10,7,0)+IF('Standard Profiles'!$G$19=$B$17,14,0)+IF('Standard Profiles'!$G$19=$B$24,21,0),MOD($C6212,24)+1)/SUM(INDEX($D$3:$AA$30,INDEX(Jesper!$R$2:$R$366,ROW(INDEX(Jesper!AI$2:AI$366,ROUNDDOWN($C6212/24,0)+1,1))-1)+IF('Standard Profiles'!$G$19=$B$10,7,0)+IF('Standard Profiles'!$G$19=$B$17,14,0)+IF('Standard Profiles'!$G$19=$B$24,21,0),0)),0)</f>
        <v>13.167490627607046</v>
      </c>
      <c r="F6212" cm="1">
        <f t="array" ref="F6212">IFERROR(INDEX(Jesper!AJ$2:AJ$366,ROUNDDOWN($C6212/24,0)+1,1)*INDEX($D$3:$AA$30,INDEX(Jesper!$R$2:$R$366,ROW(INDEX(Jesper!AJ$2:AJ$366,ROUNDDOWN($C6212/24,0)+1,1))-1)+IF('Standard Profiles'!$G$20=$B$10,7,0)+IF('Standard Profiles'!$G$20=$B$17,14,0)+IF('Standard Profiles'!$G$20=$B$24,21,0),MOD($C6212,24)+1)/SUM(INDEX($D$3:$AA$30,INDEX(Jesper!$R$2:$R$366,ROW(INDEX(Jesper!AJ$2:AJ$366,ROUNDDOWN($C6212/24,0)+1,1))-1)+IF('Standard Profiles'!$G$20=$B$10,7,0)+IF('Standard Profiles'!$G$20=$B$17,14,0)+IF('Standard Profiles'!$G$20=$B$24,21,0),0)),0)</f>
        <v>0</v>
      </c>
      <c r="G6212" cm="1">
        <f t="array" ref="G6212">IFERROR(INDEX(Jesper!AK$2:AK$366,ROUNDDOWN($C6212/24,0)+1,1)*INDEX($D$3:$AA$30,INDEX(Jesper!$R$2:$R$366,ROW(INDEX(Jesper!AK$2:AK$366,ROUNDDOWN($C6212/24,0)+1,1))-1)+IF('Standard Profiles'!$G$21=$B$10,7,0)+IF('Standard Profiles'!$G$21=$B$17,14,0)+IF('Standard Profiles'!$G$21=$B$24,21,0),MOD($C6212,24)+1)/SUM(INDEX($D$3:$AA$30,INDEX(Jesper!$R$2:$R$366,ROW(INDEX(Jesper!AK$2:AK$366,ROUNDDOWN($C6212/24,0)+1,1))-1)+IF('Standard Profiles'!$G$21=$B$10,7,0)+IF('Standard Profiles'!$G$21=$B$17,14,0)+IF('Standard Profiles'!$G$21=$B$24,21,0),0)),0)</f>
        <v>1.5854677791714706</v>
      </c>
      <c r="H6212" cm="1">
        <f t="array" ref="H6212">IFERROR(INDEX(Jesper!AL$2:AL$366,ROUNDDOWN($C6212/24,0)+1,1)*INDEX($D$3:$AA$30,INDEX(Jesper!$R$2:$R$366,ROW(INDEX(Jesper!AL$2:AL$366,ROUNDDOWN($C6212/24,0)+1,1))-1)+IF('Standard Profiles'!$G$22=$B$10,7,0)+IF('Standard Profiles'!$G$22=$B$17,14,0)+IF('Standard Profiles'!$G$22=$B$24,21,0),MOD($C6212,24)+1)/SUM(INDEX($D$3:$AA$30,INDEX(Jesper!$R$2:$R$366,ROW(INDEX(Jesper!AL$2:AL$366,ROUNDDOWN($C6212/24,0)+1,1))-1)+IF('Standard Profiles'!$G$22=$B$10,7,0)+IF('Standard Profiles'!$G$22=$B$17,14,0)+IF('Standard Profiles'!$G$22=$B$24,21,0),0)),0)</f>
        <v>0</v>
      </c>
      <c r="I6212">
        <f t="shared" si="692"/>
        <v>0.76102453400230552</v>
      </c>
      <c r="J6212">
        <f t="shared" si="693"/>
        <v>38.748733490830027</v>
      </c>
      <c r="K6212">
        <f t="shared" si="694"/>
        <v>3.143720586419533</v>
      </c>
      <c r="L6212">
        <f t="shared" si="695"/>
        <v>1.5718602932097665</v>
      </c>
      <c r="M6212">
        <f t="shared" si="696"/>
        <v>0</v>
      </c>
      <c r="N6212" s="45">
        <f t="shared" si="697"/>
        <v>45184.416666651683</v>
      </c>
    </row>
    <row r="6213" spans="2:14" x14ac:dyDescent="0.25">
      <c r="B6213">
        <f t="shared" si="691"/>
        <v>5</v>
      </c>
      <c r="C6213" s="16">
        <v>6179</v>
      </c>
      <c r="D6213" cm="1">
        <f t="array" ref="D6213">IFERROR(INDEX(Jesper!AH$2:AH$366,ROUNDDOWN($C6213/24,0)+1,1)*INDEX($D$3:$AA$30,INDEX(Jesper!$R$2:$R$366,ROW(INDEX(Jesper!AH$2:AH$366,ROUNDDOWN($C6213/24,0)+1,1))-1)+IF('Standard Profiles'!$G$18=$B$10,7,0)+IF('Standard Profiles'!$G$18=$B$17,14,0)+IF('Standard Profiles'!$G$18=$B$24,21,0),MOD($C6213,24)+1)/SUM(INDEX($D$3:$AA$30,INDEX(Jesper!$R$2:$R$366,ROW(INDEX(Jesper!AH$2:AH$366,ROUNDDOWN($C6213/24,0)+1,1))-1)+IF('Standard Profiles'!$G$18=$B$10,7,0)+IF('Standard Profiles'!$G$18=$B$17,14,0)+IF('Standard Profiles'!$G$18=$B$24,21,0),0)),0)</f>
        <v>34.8309951336255</v>
      </c>
      <c r="E6213" cm="1">
        <f t="array" ref="E6213">IFERROR(INDEX(Jesper!AI$2:AI$366,ROUNDDOWN($C6213/24,0)+1,1)*INDEX($D$3:$AA$30,INDEX(Jesper!$R$2:$R$366,ROW(INDEX(Jesper!AI$2:AI$366,ROUNDDOWN($C6213/24,0)+1,1))-1)+IF('Standard Profiles'!$G$19=$B$10,7,0)+IF('Standard Profiles'!$G$19=$B$17,14,0)+IF('Standard Profiles'!$G$19=$B$24,21,0),MOD($C6213,24)+1)/SUM(INDEX($D$3:$AA$30,INDEX(Jesper!$R$2:$R$366,ROW(INDEX(Jesper!AI$2:AI$366,ROUNDDOWN($C6213/24,0)+1,1))-1)+IF('Standard Profiles'!$G$19=$B$10,7,0)+IF('Standard Profiles'!$G$19=$B$17,14,0)+IF('Standard Profiles'!$G$19=$B$24,21,0),0)),0)</f>
        <v>15.56157983262651</v>
      </c>
      <c r="F6213" cm="1">
        <f t="array" ref="F6213">IFERROR(INDEX(Jesper!AJ$2:AJ$366,ROUNDDOWN($C6213/24,0)+1,1)*INDEX($D$3:$AA$30,INDEX(Jesper!$R$2:$R$366,ROW(INDEX(Jesper!AJ$2:AJ$366,ROUNDDOWN($C6213/24,0)+1,1))-1)+IF('Standard Profiles'!$G$20=$B$10,7,0)+IF('Standard Profiles'!$G$20=$B$17,14,0)+IF('Standard Profiles'!$G$20=$B$24,21,0),MOD($C6213,24)+1)/SUM(INDEX($D$3:$AA$30,INDEX(Jesper!$R$2:$R$366,ROW(INDEX(Jesper!AJ$2:AJ$366,ROUNDDOWN($C6213/24,0)+1,1))-1)+IF('Standard Profiles'!$G$20=$B$10,7,0)+IF('Standard Profiles'!$G$20=$B$17,14,0)+IF('Standard Profiles'!$G$20=$B$24,21,0),0)),0)</f>
        <v>0</v>
      </c>
      <c r="G6213" cm="1">
        <f t="array" ref="G6213">IFERROR(INDEX(Jesper!AK$2:AK$366,ROUNDDOWN($C6213/24,0)+1,1)*INDEX($D$3:$AA$30,INDEX(Jesper!$R$2:$R$366,ROW(INDEX(Jesper!AK$2:AK$366,ROUNDDOWN($C6213/24,0)+1,1))-1)+IF('Standard Profiles'!$G$21=$B$10,7,0)+IF('Standard Profiles'!$G$21=$B$17,14,0)+IF('Standard Profiles'!$G$21=$B$24,21,0),MOD($C6213,24)+1)/SUM(INDEX($D$3:$AA$30,INDEX(Jesper!$R$2:$R$366,ROW(INDEX(Jesper!AK$2:AK$366,ROUNDDOWN($C6213/24,0)+1,1))-1)+IF('Standard Profiles'!$G$21=$B$10,7,0)+IF('Standard Profiles'!$G$21=$B$17,14,0)+IF('Standard Profiles'!$G$21=$B$24,21,0),0)),0)</f>
        <v>1.8737346481117381</v>
      </c>
      <c r="H6213" cm="1">
        <f t="array" ref="H6213">IFERROR(INDEX(Jesper!AL$2:AL$366,ROUNDDOWN($C6213/24,0)+1,1)*INDEX($D$3:$AA$30,INDEX(Jesper!$R$2:$R$366,ROW(INDEX(Jesper!AL$2:AL$366,ROUNDDOWN($C6213/24,0)+1,1))-1)+IF('Standard Profiles'!$G$22=$B$10,7,0)+IF('Standard Profiles'!$G$22=$B$17,14,0)+IF('Standard Profiles'!$G$22=$B$24,21,0),MOD($C6213,24)+1)/SUM(INDEX($D$3:$AA$30,INDEX(Jesper!$R$2:$R$366,ROW(INDEX(Jesper!AL$2:AL$366,ROUNDDOWN($C6213/24,0)+1,1))-1)+IF('Standard Profiles'!$G$22=$B$10,7,0)+IF('Standard Profiles'!$G$22=$B$17,14,0)+IF('Standard Profiles'!$G$22=$B$24,21,0),0)),0)</f>
        <v>0</v>
      </c>
      <c r="I6213">
        <f t="shared" si="692"/>
        <v>0.89939263109363388</v>
      </c>
      <c r="J6213">
        <f t="shared" si="693"/>
        <v>45.793957761890027</v>
      </c>
      <c r="K6213">
        <f t="shared" si="694"/>
        <v>3.7153061475867202</v>
      </c>
      <c r="L6213">
        <f t="shared" si="695"/>
        <v>1.8576530737933601</v>
      </c>
      <c r="M6213">
        <f t="shared" si="696"/>
        <v>0</v>
      </c>
      <c r="N6213" s="45">
        <f t="shared" si="697"/>
        <v>45184.458333318347</v>
      </c>
    </row>
    <row r="6214" spans="2:14" x14ac:dyDescent="0.25">
      <c r="B6214">
        <f t="shared" si="691"/>
        <v>5</v>
      </c>
      <c r="C6214" s="16">
        <v>6180</v>
      </c>
      <c r="D6214" cm="1">
        <f t="array" ref="D6214">IFERROR(INDEX(Jesper!AH$2:AH$366,ROUNDDOWN($C6214/24,0)+1,1)*INDEX($D$3:$AA$30,INDEX(Jesper!$R$2:$R$366,ROW(INDEX(Jesper!AH$2:AH$366,ROUNDDOWN($C6214/24,0)+1,1))-1)+IF('Standard Profiles'!$G$18=$B$10,7,0)+IF('Standard Profiles'!$G$18=$B$17,14,0)+IF('Standard Profiles'!$G$18=$B$24,21,0),MOD($C6214,24)+1)/SUM(INDEX($D$3:$AA$30,INDEX(Jesper!$R$2:$R$366,ROW(INDEX(Jesper!AH$2:AH$366,ROUNDDOWN($C6214/24,0)+1,1))-1)+IF('Standard Profiles'!$G$18=$B$10,7,0)+IF('Standard Profiles'!$G$18=$B$17,14,0)+IF('Standard Profiles'!$G$18=$B$24,21,0),0)),0)</f>
        <v>34.8309951336255</v>
      </c>
      <c r="E6214" cm="1">
        <f t="array" ref="E6214">IFERROR(INDEX(Jesper!AI$2:AI$366,ROUNDDOWN($C6214/24,0)+1,1)*INDEX($D$3:$AA$30,INDEX(Jesper!$R$2:$R$366,ROW(INDEX(Jesper!AI$2:AI$366,ROUNDDOWN($C6214/24,0)+1,1))-1)+IF('Standard Profiles'!$G$19=$B$10,7,0)+IF('Standard Profiles'!$G$19=$B$17,14,0)+IF('Standard Profiles'!$G$19=$B$24,21,0),MOD($C6214,24)+1)/SUM(INDEX($D$3:$AA$30,INDEX(Jesper!$R$2:$R$366,ROW(INDEX(Jesper!AI$2:AI$366,ROUNDDOWN($C6214/24,0)+1,1))-1)+IF('Standard Profiles'!$G$19=$B$10,7,0)+IF('Standard Profiles'!$G$19=$B$17,14,0)+IF('Standard Profiles'!$G$19=$B$24,21,0),0)),0)</f>
        <v>15.56157983262651</v>
      </c>
      <c r="F6214" cm="1">
        <f t="array" ref="F6214">IFERROR(INDEX(Jesper!AJ$2:AJ$366,ROUNDDOWN($C6214/24,0)+1,1)*INDEX($D$3:$AA$30,INDEX(Jesper!$R$2:$R$366,ROW(INDEX(Jesper!AJ$2:AJ$366,ROUNDDOWN($C6214/24,0)+1,1))-1)+IF('Standard Profiles'!$G$20=$B$10,7,0)+IF('Standard Profiles'!$G$20=$B$17,14,0)+IF('Standard Profiles'!$G$20=$B$24,21,0),MOD($C6214,24)+1)/SUM(INDEX($D$3:$AA$30,INDEX(Jesper!$R$2:$R$366,ROW(INDEX(Jesper!AJ$2:AJ$366,ROUNDDOWN($C6214/24,0)+1,1))-1)+IF('Standard Profiles'!$G$20=$B$10,7,0)+IF('Standard Profiles'!$G$20=$B$17,14,0)+IF('Standard Profiles'!$G$20=$B$24,21,0),0)),0)</f>
        <v>0</v>
      </c>
      <c r="G6214" cm="1">
        <f t="array" ref="G6214">IFERROR(INDEX(Jesper!AK$2:AK$366,ROUNDDOWN($C6214/24,0)+1,1)*INDEX($D$3:$AA$30,INDEX(Jesper!$R$2:$R$366,ROW(INDEX(Jesper!AK$2:AK$366,ROUNDDOWN($C6214/24,0)+1,1))-1)+IF('Standard Profiles'!$G$21=$B$10,7,0)+IF('Standard Profiles'!$G$21=$B$17,14,0)+IF('Standard Profiles'!$G$21=$B$24,21,0),MOD($C6214,24)+1)/SUM(INDEX($D$3:$AA$30,INDEX(Jesper!$R$2:$R$366,ROW(INDEX(Jesper!AK$2:AK$366,ROUNDDOWN($C6214/24,0)+1,1))-1)+IF('Standard Profiles'!$G$21=$B$10,7,0)+IF('Standard Profiles'!$G$21=$B$17,14,0)+IF('Standard Profiles'!$G$21=$B$24,21,0),0)),0)</f>
        <v>1.8737346481117381</v>
      </c>
      <c r="H6214" cm="1">
        <f t="array" ref="H6214">IFERROR(INDEX(Jesper!AL$2:AL$366,ROUNDDOWN($C6214/24,0)+1,1)*INDEX($D$3:$AA$30,INDEX(Jesper!$R$2:$R$366,ROW(INDEX(Jesper!AL$2:AL$366,ROUNDDOWN($C6214/24,0)+1,1))-1)+IF('Standard Profiles'!$G$22=$B$10,7,0)+IF('Standard Profiles'!$G$22=$B$17,14,0)+IF('Standard Profiles'!$G$22=$B$24,21,0),MOD($C6214,24)+1)/SUM(INDEX($D$3:$AA$30,INDEX(Jesper!$R$2:$R$366,ROW(INDEX(Jesper!AL$2:AL$366,ROUNDDOWN($C6214/24,0)+1,1))-1)+IF('Standard Profiles'!$G$22=$B$10,7,0)+IF('Standard Profiles'!$G$22=$B$17,14,0)+IF('Standard Profiles'!$G$22=$B$24,21,0),0)),0)</f>
        <v>0</v>
      </c>
      <c r="I6214">
        <f t="shared" si="692"/>
        <v>0.89939263109363388</v>
      </c>
      <c r="J6214">
        <f t="shared" si="693"/>
        <v>45.793957761890027</v>
      </c>
      <c r="K6214">
        <f t="shared" si="694"/>
        <v>3.7153061475867202</v>
      </c>
      <c r="L6214">
        <f t="shared" si="695"/>
        <v>1.8576530737933601</v>
      </c>
      <c r="M6214">
        <f t="shared" si="696"/>
        <v>0</v>
      </c>
      <c r="N6214" s="45">
        <f t="shared" si="697"/>
        <v>45184.499999985012</v>
      </c>
    </row>
    <row r="6215" spans="2:14" x14ac:dyDescent="0.25">
      <c r="B6215">
        <f t="shared" si="691"/>
        <v>5</v>
      </c>
      <c r="C6215" s="16">
        <v>6181</v>
      </c>
      <c r="D6215" cm="1">
        <f t="array" ref="D6215">IFERROR(INDEX(Jesper!AH$2:AH$366,ROUNDDOWN($C6215/24,0)+1,1)*INDEX($D$3:$AA$30,INDEX(Jesper!$R$2:$R$366,ROW(INDEX(Jesper!AH$2:AH$366,ROUNDDOWN($C6215/24,0)+1,1))-1)+IF('Standard Profiles'!$G$18=$B$10,7,0)+IF('Standard Profiles'!$G$18=$B$17,14,0)+IF('Standard Profiles'!$G$18=$B$24,21,0),MOD($C6215,24)+1)/SUM(INDEX($D$3:$AA$30,INDEX(Jesper!$R$2:$R$366,ROW(INDEX(Jesper!AH$2:AH$366,ROUNDDOWN($C6215/24,0)+1,1))-1)+IF('Standard Profiles'!$G$18=$B$10,7,0)+IF('Standard Profiles'!$G$18=$B$17,14,0)+IF('Standard Profiles'!$G$18=$B$24,21,0),0)),0)</f>
        <v>24.113765861740735</v>
      </c>
      <c r="E6215" cm="1">
        <f t="array" ref="E6215">IFERROR(INDEX(Jesper!AI$2:AI$366,ROUNDDOWN($C6215/24,0)+1,1)*INDEX($D$3:$AA$30,INDEX(Jesper!$R$2:$R$366,ROW(INDEX(Jesper!AI$2:AI$366,ROUNDDOWN($C6215/24,0)+1,1))-1)+IF('Standard Profiles'!$G$19=$B$10,7,0)+IF('Standard Profiles'!$G$19=$B$17,14,0)+IF('Standard Profiles'!$G$19=$B$24,21,0),MOD($C6215,24)+1)/SUM(INDEX($D$3:$AA$30,INDEX(Jesper!$R$2:$R$366,ROW(INDEX(Jesper!AI$2:AI$366,ROUNDDOWN($C6215/24,0)+1,1))-1)+IF('Standard Profiles'!$G$19=$B$10,7,0)+IF('Standard Profiles'!$G$19=$B$17,14,0)+IF('Standard Profiles'!$G$19=$B$24,21,0),0)),0)</f>
        <v>10.773401422587582</v>
      </c>
      <c r="F6215" cm="1">
        <f t="array" ref="F6215">IFERROR(INDEX(Jesper!AJ$2:AJ$366,ROUNDDOWN($C6215/24,0)+1,1)*INDEX($D$3:$AA$30,INDEX(Jesper!$R$2:$R$366,ROW(INDEX(Jesper!AJ$2:AJ$366,ROUNDDOWN($C6215/24,0)+1,1))-1)+IF('Standard Profiles'!$G$20=$B$10,7,0)+IF('Standard Profiles'!$G$20=$B$17,14,0)+IF('Standard Profiles'!$G$20=$B$24,21,0),MOD($C6215,24)+1)/SUM(INDEX($D$3:$AA$30,INDEX(Jesper!$R$2:$R$366,ROW(INDEX(Jesper!AJ$2:AJ$366,ROUNDDOWN($C6215/24,0)+1,1))-1)+IF('Standard Profiles'!$G$20=$B$10,7,0)+IF('Standard Profiles'!$G$20=$B$17,14,0)+IF('Standard Profiles'!$G$20=$B$24,21,0),0)),0)</f>
        <v>0</v>
      </c>
      <c r="G6215" cm="1">
        <f t="array" ref="G6215">IFERROR(INDEX(Jesper!AK$2:AK$366,ROUNDDOWN($C6215/24,0)+1,1)*INDEX($D$3:$AA$30,INDEX(Jesper!$R$2:$R$366,ROW(INDEX(Jesper!AK$2:AK$366,ROUNDDOWN($C6215/24,0)+1,1))-1)+IF('Standard Profiles'!$G$21=$B$10,7,0)+IF('Standard Profiles'!$G$21=$B$17,14,0)+IF('Standard Profiles'!$G$21=$B$24,21,0),MOD($C6215,24)+1)/SUM(INDEX($D$3:$AA$30,INDEX(Jesper!$R$2:$R$366,ROW(INDEX(Jesper!AK$2:AK$366,ROUNDDOWN($C6215/24,0)+1,1))-1)+IF('Standard Profiles'!$G$21=$B$10,7,0)+IF('Standard Profiles'!$G$21=$B$17,14,0)+IF('Standard Profiles'!$G$21=$B$24,21,0),0)),0)</f>
        <v>1.2972009102312032</v>
      </c>
      <c r="H6215" cm="1">
        <f t="array" ref="H6215">IFERROR(INDEX(Jesper!AL$2:AL$366,ROUNDDOWN($C6215/24,0)+1,1)*INDEX($D$3:$AA$30,INDEX(Jesper!$R$2:$R$366,ROW(INDEX(Jesper!AL$2:AL$366,ROUNDDOWN($C6215/24,0)+1,1))-1)+IF('Standard Profiles'!$G$22=$B$10,7,0)+IF('Standard Profiles'!$G$22=$B$17,14,0)+IF('Standard Profiles'!$G$22=$B$24,21,0),MOD($C6215,24)+1)/SUM(INDEX($D$3:$AA$30,INDEX(Jesper!$R$2:$R$366,ROW(INDEX(Jesper!AL$2:AL$366,ROUNDDOWN($C6215/24,0)+1,1))-1)+IF('Standard Profiles'!$G$22=$B$10,7,0)+IF('Standard Profiles'!$G$22=$B$17,14,0)+IF('Standard Profiles'!$G$22=$B$24,21,0),0)),0)</f>
        <v>0</v>
      </c>
      <c r="I6215">
        <f t="shared" si="692"/>
        <v>0.62265643691097727</v>
      </c>
      <c r="J6215">
        <f t="shared" si="693"/>
        <v>31.703509219770023</v>
      </c>
      <c r="K6215">
        <f t="shared" si="694"/>
        <v>2.5721350252523454</v>
      </c>
      <c r="L6215">
        <f t="shared" si="695"/>
        <v>1.2860675126261727</v>
      </c>
      <c r="M6215">
        <f t="shared" si="696"/>
        <v>0</v>
      </c>
      <c r="N6215" s="45">
        <f t="shared" si="697"/>
        <v>45184.541666651676</v>
      </c>
    </row>
    <row r="6216" spans="2:14" x14ac:dyDescent="0.25">
      <c r="B6216">
        <f t="shared" si="691"/>
        <v>5</v>
      </c>
      <c r="C6216" s="16">
        <v>6182</v>
      </c>
      <c r="D6216" cm="1">
        <f t="array" ref="D6216">IFERROR(INDEX(Jesper!AH$2:AH$366,ROUNDDOWN($C6216/24,0)+1,1)*INDEX($D$3:$AA$30,INDEX(Jesper!$R$2:$R$366,ROW(INDEX(Jesper!AH$2:AH$366,ROUNDDOWN($C6216/24,0)+1,1))-1)+IF('Standard Profiles'!$G$18=$B$10,7,0)+IF('Standard Profiles'!$G$18=$B$17,14,0)+IF('Standard Profiles'!$G$18=$B$24,21,0),MOD($C6216,24)+1)/SUM(INDEX($D$3:$AA$30,INDEX(Jesper!$R$2:$R$366,ROW(INDEX(Jesper!AH$2:AH$366,ROUNDDOWN($C6216/24,0)+1,1))-1)+IF('Standard Profiles'!$G$18=$B$10,7,0)+IF('Standard Profiles'!$G$18=$B$17,14,0)+IF('Standard Profiles'!$G$18=$B$24,21,0),0)),0)</f>
        <v>34.8309951336255</v>
      </c>
      <c r="E6216" cm="1">
        <f t="array" ref="E6216">IFERROR(INDEX(Jesper!AI$2:AI$366,ROUNDDOWN($C6216/24,0)+1,1)*INDEX($D$3:$AA$30,INDEX(Jesper!$R$2:$R$366,ROW(INDEX(Jesper!AI$2:AI$366,ROUNDDOWN($C6216/24,0)+1,1))-1)+IF('Standard Profiles'!$G$19=$B$10,7,0)+IF('Standard Profiles'!$G$19=$B$17,14,0)+IF('Standard Profiles'!$G$19=$B$24,21,0),MOD($C6216,24)+1)/SUM(INDEX($D$3:$AA$30,INDEX(Jesper!$R$2:$R$366,ROW(INDEX(Jesper!AI$2:AI$366,ROUNDDOWN($C6216/24,0)+1,1))-1)+IF('Standard Profiles'!$G$19=$B$10,7,0)+IF('Standard Profiles'!$G$19=$B$17,14,0)+IF('Standard Profiles'!$G$19=$B$24,21,0),0)),0)</f>
        <v>15.56157983262651</v>
      </c>
      <c r="F6216" cm="1">
        <f t="array" ref="F6216">IFERROR(INDEX(Jesper!AJ$2:AJ$366,ROUNDDOWN($C6216/24,0)+1,1)*INDEX($D$3:$AA$30,INDEX(Jesper!$R$2:$R$366,ROW(INDEX(Jesper!AJ$2:AJ$366,ROUNDDOWN($C6216/24,0)+1,1))-1)+IF('Standard Profiles'!$G$20=$B$10,7,0)+IF('Standard Profiles'!$G$20=$B$17,14,0)+IF('Standard Profiles'!$G$20=$B$24,21,0),MOD($C6216,24)+1)/SUM(INDEX($D$3:$AA$30,INDEX(Jesper!$R$2:$R$366,ROW(INDEX(Jesper!AJ$2:AJ$366,ROUNDDOWN($C6216/24,0)+1,1))-1)+IF('Standard Profiles'!$G$20=$B$10,7,0)+IF('Standard Profiles'!$G$20=$B$17,14,0)+IF('Standard Profiles'!$G$20=$B$24,21,0),0)),0)</f>
        <v>0</v>
      </c>
      <c r="G6216" cm="1">
        <f t="array" ref="G6216">IFERROR(INDEX(Jesper!AK$2:AK$366,ROUNDDOWN($C6216/24,0)+1,1)*INDEX($D$3:$AA$30,INDEX(Jesper!$R$2:$R$366,ROW(INDEX(Jesper!AK$2:AK$366,ROUNDDOWN($C6216/24,0)+1,1))-1)+IF('Standard Profiles'!$G$21=$B$10,7,0)+IF('Standard Profiles'!$G$21=$B$17,14,0)+IF('Standard Profiles'!$G$21=$B$24,21,0),MOD($C6216,24)+1)/SUM(INDEX($D$3:$AA$30,INDEX(Jesper!$R$2:$R$366,ROW(INDEX(Jesper!AK$2:AK$366,ROUNDDOWN($C6216/24,0)+1,1))-1)+IF('Standard Profiles'!$G$21=$B$10,7,0)+IF('Standard Profiles'!$G$21=$B$17,14,0)+IF('Standard Profiles'!$G$21=$B$24,21,0),0)),0)</f>
        <v>1.8737346481117381</v>
      </c>
      <c r="H6216" cm="1">
        <f t="array" ref="H6216">IFERROR(INDEX(Jesper!AL$2:AL$366,ROUNDDOWN($C6216/24,0)+1,1)*INDEX($D$3:$AA$30,INDEX(Jesper!$R$2:$R$366,ROW(INDEX(Jesper!AL$2:AL$366,ROUNDDOWN($C6216/24,0)+1,1))-1)+IF('Standard Profiles'!$G$22=$B$10,7,0)+IF('Standard Profiles'!$G$22=$B$17,14,0)+IF('Standard Profiles'!$G$22=$B$24,21,0),MOD($C6216,24)+1)/SUM(INDEX($D$3:$AA$30,INDEX(Jesper!$R$2:$R$366,ROW(INDEX(Jesper!AL$2:AL$366,ROUNDDOWN($C6216/24,0)+1,1))-1)+IF('Standard Profiles'!$G$22=$B$10,7,0)+IF('Standard Profiles'!$G$22=$B$17,14,0)+IF('Standard Profiles'!$G$22=$B$24,21,0),0)),0)</f>
        <v>0</v>
      </c>
      <c r="I6216">
        <f t="shared" si="692"/>
        <v>0.89939263109363388</v>
      </c>
      <c r="J6216">
        <f t="shared" si="693"/>
        <v>45.793957761890027</v>
      </c>
      <c r="K6216">
        <f t="shared" si="694"/>
        <v>3.7153061475867202</v>
      </c>
      <c r="L6216">
        <f t="shared" si="695"/>
        <v>1.8576530737933601</v>
      </c>
      <c r="M6216">
        <f t="shared" si="696"/>
        <v>0</v>
      </c>
      <c r="N6216" s="45">
        <f t="shared" si="697"/>
        <v>45184.58333331834</v>
      </c>
    </row>
    <row r="6217" spans="2:14" x14ac:dyDescent="0.25">
      <c r="B6217">
        <f t="shared" si="691"/>
        <v>5</v>
      </c>
      <c r="C6217" s="16">
        <v>6183</v>
      </c>
      <c r="D6217" cm="1">
        <f t="array" ref="D6217">IFERROR(INDEX(Jesper!AH$2:AH$366,ROUNDDOWN($C6217/24,0)+1,1)*INDEX($D$3:$AA$30,INDEX(Jesper!$R$2:$R$366,ROW(INDEX(Jesper!AH$2:AH$366,ROUNDDOWN($C6217/24,0)+1,1))-1)+IF('Standard Profiles'!$G$18=$B$10,7,0)+IF('Standard Profiles'!$G$18=$B$17,14,0)+IF('Standard Profiles'!$G$18=$B$24,21,0),MOD($C6217,24)+1)/SUM(INDEX($D$3:$AA$30,INDEX(Jesper!$R$2:$R$366,ROW(INDEX(Jesper!AH$2:AH$366,ROUNDDOWN($C6217/24,0)+1,1))-1)+IF('Standard Profiles'!$G$18=$B$10,7,0)+IF('Standard Profiles'!$G$18=$B$17,14,0)+IF('Standard Profiles'!$G$18=$B$24,21,0),0)),0)</f>
        <v>26.793073179711925</v>
      </c>
      <c r="E6217" cm="1">
        <f t="array" ref="E6217">IFERROR(INDEX(Jesper!AI$2:AI$366,ROUNDDOWN($C6217/24,0)+1,1)*INDEX($D$3:$AA$30,INDEX(Jesper!$R$2:$R$366,ROW(INDEX(Jesper!AI$2:AI$366,ROUNDDOWN($C6217/24,0)+1,1))-1)+IF('Standard Profiles'!$G$19=$B$10,7,0)+IF('Standard Profiles'!$G$19=$B$17,14,0)+IF('Standard Profiles'!$G$19=$B$24,21,0),MOD($C6217,24)+1)/SUM(INDEX($D$3:$AA$30,INDEX(Jesper!$R$2:$R$366,ROW(INDEX(Jesper!AI$2:AI$366,ROUNDDOWN($C6217/24,0)+1,1))-1)+IF('Standard Profiles'!$G$19=$B$10,7,0)+IF('Standard Profiles'!$G$19=$B$17,14,0)+IF('Standard Profiles'!$G$19=$B$24,21,0),0)),0)</f>
        <v>11.970446025097313</v>
      </c>
      <c r="F6217" cm="1">
        <f t="array" ref="F6217">IFERROR(INDEX(Jesper!AJ$2:AJ$366,ROUNDDOWN($C6217/24,0)+1,1)*INDEX($D$3:$AA$30,INDEX(Jesper!$R$2:$R$366,ROW(INDEX(Jesper!AJ$2:AJ$366,ROUNDDOWN($C6217/24,0)+1,1))-1)+IF('Standard Profiles'!$G$20=$B$10,7,0)+IF('Standard Profiles'!$G$20=$B$17,14,0)+IF('Standard Profiles'!$G$20=$B$24,21,0),MOD($C6217,24)+1)/SUM(INDEX($D$3:$AA$30,INDEX(Jesper!$R$2:$R$366,ROW(INDEX(Jesper!AJ$2:AJ$366,ROUNDDOWN($C6217/24,0)+1,1))-1)+IF('Standard Profiles'!$G$20=$B$10,7,0)+IF('Standard Profiles'!$G$20=$B$17,14,0)+IF('Standard Profiles'!$G$20=$B$24,21,0),0)),0)</f>
        <v>0</v>
      </c>
      <c r="G6217" cm="1">
        <f t="array" ref="G6217">IFERROR(INDEX(Jesper!AK$2:AK$366,ROUNDDOWN($C6217/24,0)+1,1)*INDEX($D$3:$AA$30,INDEX(Jesper!$R$2:$R$366,ROW(INDEX(Jesper!AK$2:AK$366,ROUNDDOWN($C6217/24,0)+1,1))-1)+IF('Standard Profiles'!$G$21=$B$10,7,0)+IF('Standard Profiles'!$G$21=$B$17,14,0)+IF('Standard Profiles'!$G$21=$B$24,21,0),MOD($C6217,24)+1)/SUM(INDEX($D$3:$AA$30,INDEX(Jesper!$R$2:$R$366,ROW(INDEX(Jesper!AK$2:AK$366,ROUNDDOWN($C6217/24,0)+1,1))-1)+IF('Standard Profiles'!$G$21=$B$10,7,0)+IF('Standard Profiles'!$G$21=$B$17,14,0)+IF('Standard Profiles'!$G$21=$B$24,21,0),0)),0)</f>
        <v>1.5854677791714706</v>
      </c>
      <c r="H6217" cm="1">
        <f t="array" ref="H6217">IFERROR(INDEX(Jesper!AL$2:AL$366,ROUNDDOWN($C6217/24,0)+1,1)*INDEX($D$3:$AA$30,INDEX(Jesper!$R$2:$R$366,ROW(INDEX(Jesper!AL$2:AL$366,ROUNDDOWN($C6217/24,0)+1,1))-1)+IF('Standard Profiles'!$G$22=$B$10,7,0)+IF('Standard Profiles'!$G$22=$B$17,14,0)+IF('Standard Profiles'!$G$22=$B$24,21,0),MOD($C6217,24)+1)/SUM(INDEX($D$3:$AA$30,INDEX(Jesper!$R$2:$R$366,ROW(INDEX(Jesper!AL$2:AL$366,ROUNDDOWN($C6217/24,0)+1,1))-1)+IF('Standard Profiles'!$G$22=$B$10,7,0)+IF('Standard Profiles'!$G$22=$B$17,14,0)+IF('Standard Profiles'!$G$22=$B$24,21,0),0)),0)</f>
        <v>0</v>
      </c>
      <c r="I6217">
        <f t="shared" si="692"/>
        <v>0.76102453400230552</v>
      </c>
      <c r="J6217">
        <f t="shared" si="693"/>
        <v>35.301070741224493</v>
      </c>
      <c r="K6217">
        <f t="shared" si="694"/>
        <v>2.857927805835939</v>
      </c>
      <c r="L6217">
        <f t="shared" si="695"/>
        <v>1.4289639029179695</v>
      </c>
      <c r="M6217">
        <f t="shared" si="696"/>
        <v>0</v>
      </c>
      <c r="N6217" s="45">
        <f t="shared" si="697"/>
        <v>45184.624999985004</v>
      </c>
    </row>
    <row r="6218" spans="2:14" x14ac:dyDescent="0.25">
      <c r="B6218">
        <f t="shared" si="691"/>
        <v>5</v>
      </c>
      <c r="C6218" s="16">
        <v>6184</v>
      </c>
      <c r="D6218" cm="1">
        <f t="array" ref="D6218">IFERROR(INDEX(Jesper!AH$2:AH$366,ROUNDDOWN($C6218/24,0)+1,1)*INDEX($D$3:$AA$30,INDEX(Jesper!$R$2:$R$366,ROW(INDEX(Jesper!AH$2:AH$366,ROUNDDOWN($C6218/24,0)+1,1))-1)+IF('Standard Profiles'!$G$18=$B$10,7,0)+IF('Standard Profiles'!$G$18=$B$17,14,0)+IF('Standard Profiles'!$G$18=$B$24,21,0),MOD($C6218,24)+1)/SUM(INDEX($D$3:$AA$30,INDEX(Jesper!$R$2:$R$366,ROW(INDEX(Jesper!AH$2:AH$366,ROUNDDOWN($C6218/24,0)+1,1))-1)+IF('Standard Profiles'!$G$18=$B$10,7,0)+IF('Standard Profiles'!$G$18=$B$17,14,0)+IF('Standard Profiles'!$G$18=$B$24,21,0),0)),0)</f>
        <v>12.578907596108886</v>
      </c>
      <c r="E6218" cm="1">
        <f t="array" ref="E6218">IFERROR(INDEX(Jesper!AI$2:AI$366,ROUNDDOWN($C6218/24,0)+1,1)*INDEX($D$3:$AA$30,INDEX(Jesper!$R$2:$R$366,ROW(INDEX(Jesper!AI$2:AI$366,ROUNDDOWN($C6218/24,0)+1,1))-1)+IF('Standard Profiles'!$G$19=$B$10,7,0)+IF('Standard Profiles'!$G$19=$B$17,14,0)+IF('Standard Profiles'!$G$19=$B$24,21,0),MOD($C6218,24)+1)/SUM(INDEX($D$3:$AA$30,INDEX(Jesper!$R$2:$R$366,ROW(INDEX(Jesper!AI$2:AI$366,ROUNDDOWN($C6218/24,0)+1,1))-1)+IF('Standard Profiles'!$G$19=$B$10,7,0)+IF('Standard Profiles'!$G$19=$B$17,14,0)+IF('Standard Profiles'!$G$19=$B$24,21,0),0)),0)</f>
        <v>5.6199277113132933</v>
      </c>
      <c r="F6218" cm="1">
        <f t="array" ref="F6218">IFERROR(INDEX(Jesper!AJ$2:AJ$366,ROUNDDOWN($C6218/24,0)+1,1)*INDEX($D$3:$AA$30,INDEX(Jesper!$R$2:$R$366,ROW(INDEX(Jesper!AJ$2:AJ$366,ROUNDDOWN($C6218/24,0)+1,1))-1)+IF('Standard Profiles'!$G$20=$B$10,7,0)+IF('Standard Profiles'!$G$20=$B$17,14,0)+IF('Standard Profiles'!$G$20=$B$24,21,0),MOD($C6218,24)+1)/SUM(INDEX($D$3:$AA$30,INDEX(Jesper!$R$2:$R$366,ROW(INDEX(Jesper!AJ$2:AJ$366,ROUNDDOWN($C6218/24,0)+1,1))-1)+IF('Standard Profiles'!$G$20=$B$10,7,0)+IF('Standard Profiles'!$G$20=$B$17,14,0)+IF('Standard Profiles'!$G$20=$B$24,21,0),0)),0)</f>
        <v>0</v>
      </c>
      <c r="G6218" cm="1">
        <f t="array" ref="G6218">IFERROR(INDEX(Jesper!AK$2:AK$366,ROUNDDOWN($C6218/24,0)+1,1)*INDEX($D$3:$AA$30,INDEX(Jesper!$R$2:$R$366,ROW(INDEX(Jesper!AK$2:AK$366,ROUNDDOWN($C6218/24,0)+1,1))-1)+IF('Standard Profiles'!$G$21=$B$10,7,0)+IF('Standard Profiles'!$G$21=$B$17,14,0)+IF('Standard Profiles'!$G$21=$B$24,21,0),MOD($C6218,24)+1)/SUM(INDEX($D$3:$AA$30,INDEX(Jesper!$R$2:$R$366,ROW(INDEX(Jesper!AK$2:AK$366,ROUNDDOWN($C6218/24,0)+1,1))-1)+IF('Standard Profiles'!$G$21=$B$10,7,0)+IF('Standard Profiles'!$G$21=$B$17,14,0)+IF('Standard Profiles'!$G$21=$B$24,21,0),0)),0)</f>
        <v>1.3726993759060353</v>
      </c>
      <c r="H6218" cm="1">
        <f t="array" ref="H6218">IFERROR(INDEX(Jesper!AL$2:AL$366,ROUNDDOWN($C6218/24,0)+1,1)*INDEX($D$3:$AA$30,INDEX(Jesper!$R$2:$R$366,ROW(INDEX(Jesper!AL$2:AL$366,ROUNDDOWN($C6218/24,0)+1,1))-1)+IF('Standard Profiles'!$G$22=$B$10,7,0)+IF('Standard Profiles'!$G$22=$B$17,14,0)+IF('Standard Profiles'!$G$22=$B$24,21,0),MOD($C6218,24)+1)/SUM(INDEX($D$3:$AA$30,INDEX(Jesper!$R$2:$R$366,ROW(INDEX(Jesper!AL$2:AL$366,ROUNDDOWN($C6218/24,0)+1,1))-1)+IF('Standard Profiles'!$G$22=$B$10,7,0)+IF('Standard Profiles'!$G$22=$B$17,14,0)+IF('Standard Profiles'!$G$22=$B$24,21,0),0)),0)</f>
        <v>0</v>
      </c>
      <c r="I6218">
        <f t="shared" si="692"/>
        <v>0.65889570043489665</v>
      </c>
      <c r="J6218">
        <f t="shared" si="693"/>
        <v>16.900013767515894</v>
      </c>
      <c r="K6218">
        <f t="shared" si="694"/>
        <v>1.3417501435849479</v>
      </c>
      <c r="L6218">
        <f t="shared" si="695"/>
        <v>0.67087507179247396</v>
      </c>
      <c r="M6218">
        <f t="shared" si="696"/>
        <v>0</v>
      </c>
      <c r="N6218" s="45">
        <f t="shared" si="697"/>
        <v>45184.666666651668</v>
      </c>
    </row>
    <row r="6219" spans="2:14" x14ac:dyDescent="0.25">
      <c r="B6219">
        <f t="shared" si="691"/>
        <v>5</v>
      </c>
      <c r="C6219" s="16">
        <v>6185</v>
      </c>
      <c r="D6219" cm="1">
        <f t="array" ref="D6219">IFERROR(INDEX(Jesper!AH$2:AH$366,ROUNDDOWN($C6219/24,0)+1,1)*INDEX($D$3:$AA$30,INDEX(Jesper!$R$2:$R$366,ROW(INDEX(Jesper!AH$2:AH$366,ROUNDDOWN($C6219/24,0)+1,1))-1)+IF('Standard Profiles'!$G$18=$B$10,7,0)+IF('Standard Profiles'!$G$18=$B$17,14,0)+IF('Standard Profiles'!$G$18=$B$24,21,0),MOD($C6219,24)+1)/SUM(INDEX($D$3:$AA$30,INDEX(Jesper!$R$2:$R$366,ROW(INDEX(Jesper!AH$2:AH$366,ROUNDDOWN($C6219/24,0)+1,1))-1)+IF('Standard Profiles'!$G$18=$B$10,7,0)+IF('Standard Profiles'!$G$18=$B$17,14,0)+IF('Standard Profiles'!$G$18=$B$24,21,0),0)),0)</f>
        <v>8.3020790134318645</v>
      </c>
      <c r="E6219" cm="1">
        <f t="array" ref="E6219">IFERROR(INDEX(Jesper!AI$2:AI$366,ROUNDDOWN($C6219/24,0)+1,1)*INDEX($D$3:$AA$30,INDEX(Jesper!$R$2:$R$366,ROW(INDEX(Jesper!AI$2:AI$366,ROUNDDOWN($C6219/24,0)+1,1))-1)+IF('Standard Profiles'!$G$19=$B$10,7,0)+IF('Standard Profiles'!$G$19=$B$17,14,0)+IF('Standard Profiles'!$G$19=$B$24,21,0),MOD($C6219,24)+1)/SUM(INDEX($D$3:$AA$30,INDEX(Jesper!$R$2:$R$366,ROW(INDEX(Jesper!AI$2:AI$366,ROUNDDOWN($C6219/24,0)+1,1))-1)+IF('Standard Profiles'!$G$19=$B$10,7,0)+IF('Standard Profiles'!$G$19=$B$17,14,0)+IF('Standard Profiles'!$G$19=$B$24,21,0),0)),0)</f>
        <v>3.7091522894667737</v>
      </c>
      <c r="F6219" cm="1">
        <f t="array" ref="F6219">IFERROR(INDEX(Jesper!AJ$2:AJ$366,ROUNDDOWN($C6219/24,0)+1,1)*INDEX($D$3:$AA$30,INDEX(Jesper!$R$2:$R$366,ROW(INDEX(Jesper!AJ$2:AJ$366,ROUNDDOWN($C6219/24,0)+1,1))-1)+IF('Standard Profiles'!$G$20=$B$10,7,0)+IF('Standard Profiles'!$G$20=$B$17,14,0)+IF('Standard Profiles'!$G$20=$B$24,21,0),MOD($C6219,24)+1)/SUM(INDEX($D$3:$AA$30,INDEX(Jesper!$R$2:$R$366,ROW(INDEX(Jesper!AJ$2:AJ$366,ROUNDDOWN($C6219/24,0)+1,1))-1)+IF('Standard Profiles'!$G$20=$B$10,7,0)+IF('Standard Profiles'!$G$20=$B$17,14,0)+IF('Standard Profiles'!$G$20=$B$24,21,0),0)),0)</f>
        <v>0</v>
      </c>
      <c r="G6219" cm="1">
        <f t="array" ref="G6219">IFERROR(INDEX(Jesper!AK$2:AK$366,ROUNDDOWN($C6219/24,0)+1,1)*INDEX($D$3:$AA$30,INDEX(Jesper!$R$2:$R$366,ROW(INDEX(Jesper!AK$2:AK$366,ROUNDDOWN($C6219/24,0)+1,1))-1)+IF('Standard Profiles'!$G$21=$B$10,7,0)+IF('Standard Profiles'!$G$21=$B$17,14,0)+IF('Standard Profiles'!$G$21=$B$24,21,0),MOD($C6219,24)+1)/SUM(INDEX($D$3:$AA$30,INDEX(Jesper!$R$2:$R$366,ROW(INDEX(Jesper!AK$2:AK$366,ROUNDDOWN($C6219/24,0)+1,1))-1)+IF('Standard Profiles'!$G$21=$B$10,7,0)+IF('Standard Profiles'!$G$21=$B$17,14,0)+IF('Standard Profiles'!$G$21=$B$24,21,0),0)),0)</f>
        <v>1.1530674757610695</v>
      </c>
      <c r="H6219" cm="1">
        <f t="array" ref="H6219">IFERROR(INDEX(Jesper!AL$2:AL$366,ROUNDDOWN($C6219/24,0)+1,1)*INDEX($D$3:$AA$30,INDEX(Jesper!$R$2:$R$366,ROW(INDEX(Jesper!AL$2:AL$366,ROUNDDOWN($C6219/24,0)+1,1))-1)+IF('Standard Profiles'!$G$22=$B$10,7,0)+IF('Standard Profiles'!$G$22=$B$17,14,0)+IF('Standard Profiles'!$G$22=$B$24,21,0),MOD($C6219,24)+1)/SUM(INDEX($D$3:$AA$30,INDEX(Jesper!$R$2:$R$366,ROW(INDEX(Jesper!AL$2:AL$366,ROUNDDOWN($C6219/24,0)+1,1))-1)+IF('Standard Profiles'!$G$22=$B$10,7,0)+IF('Standard Profiles'!$G$22=$B$17,14,0)+IF('Standard Profiles'!$G$22=$B$24,21,0),0)),0)</f>
        <v>0</v>
      </c>
      <c r="I6219">
        <f t="shared" si="692"/>
        <v>0.55347238836531309</v>
      </c>
      <c r="J6219">
        <f t="shared" si="693"/>
        <v>11.282493748145297</v>
      </c>
      <c r="K6219">
        <f t="shared" si="694"/>
        <v>0.88555509476606564</v>
      </c>
      <c r="L6219">
        <f t="shared" si="695"/>
        <v>0.44277754738303282</v>
      </c>
      <c r="M6219">
        <f t="shared" si="696"/>
        <v>0</v>
      </c>
      <c r="N6219" s="45">
        <f t="shared" si="697"/>
        <v>45184.708333318333</v>
      </c>
    </row>
    <row r="6220" spans="2:14" x14ac:dyDescent="0.25">
      <c r="B6220">
        <f t="shared" si="691"/>
        <v>5</v>
      </c>
      <c r="C6220" s="16">
        <v>6186</v>
      </c>
      <c r="D6220" cm="1">
        <f t="array" ref="D6220">IFERROR(INDEX(Jesper!AH$2:AH$366,ROUNDDOWN($C6220/24,0)+1,1)*INDEX($D$3:$AA$30,INDEX(Jesper!$R$2:$R$366,ROW(INDEX(Jesper!AH$2:AH$366,ROUNDDOWN($C6220/24,0)+1,1))-1)+IF('Standard Profiles'!$G$18=$B$10,7,0)+IF('Standard Profiles'!$G$18=$B$17,14,0)+IF('Standard Profiles'!$G$18=$B$24,21,0),MOD($C6220,24)+1)/SUM(INDEX($D$3:$AA$30,INDEX(Jesper!$R$2:$R$366,ROW(INDEX(Jesper!AH$2:AH$366,ROUNDDOWN($C6220/24,0)+1,1))-1)+IF('Standard Profiles'!$G$18=$B$10,7,0)+IF('Standard Profiles'!$G$18=$B$17,14,0)+IF('Standard Profiles'!$G$18=$B$24,21,0),0)),0)</f>
        <v>5.2831411903657317</v>
      </c>
      <c r="E6220" cm="1">
        <f t="array" ref="E6220">IFERROR(INDEX(Jesper!AI$2:AI$366,ROUNDDOWN($C6220/24,0)+1,1)*INDEX($D$3:$AA$30,INDEX(Jesper!$R$2:$R$366,ROW(INDEX(Jesper!AI$2:AI$366,ROUNDDOWN($C6220/24,0)+1,1))-1)+IF('Standard Profiles'!$G$19=$B$10,7,0)+IF('Standard Profiles'!$G$19=$B$17,14,0)+IF('Standard Profiles'!$G$19=$B$24,21,0),MOD($C6220,24)+1)/SUM(INDEX($D$3:$AA$30,INDEX(Jesper!$R$2:$R$366,ROW(INDEX(Jesper!AI$2:AI$366,ROUNDDOWN($C6220/24,0)+1,1))-1)+IF('Standard Profiles'!$G$19=$B$10,7,0)+IF('Standard Profiles'!$G$19=$B$17,14,0)+IF('Standard Profiles'!$G$19=$B$24,21,0),0)),0)</f>
        <v>2.3603696387515831</v>
      </c>
      <c r="F6220" cm="1">
        <f t="array" ref="F6220">IFERROR(INDEX(Jesper!AJ$2:AJ$366,ROUNDDOWN($C6220/24,0)+1,1)*INDEX($D$3:$AA$30,INDEX(Jesper!$R$2:$R$366,ROW(INDEX(Jesper!AJ$2:AJ$366,ROUNDDOWN($C6220/24,0)+1,1))-1)+IF('Standard Profiles'!$G$20=$B$10,7,0)+IF('Standard Profiles'!$G$20=$B$17,14,0)+IF('Standard Profiles'!$G$20=$B$24,21,0),MOD($C6220,24)+1)/SUM(INDEX($D$3:$AA$30,INDEX(Jesper!$R$2:$R$366,ROW(INDEX(Jesper!AJ$2:AJ$366,ROUNDDOWN($C6220/24,0)+1,1))-1)+IF('Standard Profiles'!$G$20=$B$10,7,0)+IF('Standard Profiles'!$G$20=$B$17,14,0)+IF('Standard Profiles'!$G$20=$B$24,21,0),0)),0)</f>
        <v>0</v>
      </c>
      <c r="G6220" cm="1">
        <f t="array" ref="G6220">IFERROR(INDEX(Jesper!AK$2:AK$366,ROUNDDOWN($C6220/24,0)+1,1)*INDEX($D$3:$AA$30,INDEX(Jesper!$R$2:$R$366,ROW(INDEX(Jesper!AK$2:AK$366,ROUNDDOWN($C6220/24,0)+1,1))-1)+IF('Standard Profiles'!$G$21=$B$10,7,0)+IF('Standard Profiles'!$G$21=$B$17,14,0)+IF('Standard Profiles'!$G$21=$B$24,21,0),MOD($C6220,24)+1)/SUM(INDEX($D$3:$AA$30,INDEX(Jesper!$R$2:$R$366,ROW(INDEX(Jesper!AK$2:AK$366,ROUNDDOWN($C6220/24,0)+1,1))-1)+IF('Standard Profiles'!$G$21=$B$10,7,0)+IF('Standard Profiles'!$G$21=$B$17,14,0)+IF('Standard Profiles'!$G$21=$B$24,21,0),0)),0)</f>
        <v>0.42553680653087089</v>
      </c>
      <c r="H6220" cm="1">
        <f t="array" ref="H6220">IFERROR(INDEX(Jesper!AL$2:AL$366,ROUNDDOWN($C6220/24,0)+1,1)*INDEX($D$3:$AA$30,INDEX(Jesper!$R$2:$R$366,ROW(INDEX(Jesper!AL$2:AL$366,ROUNDDOWN($C6220/24,0)+1,1))-1)+IF('Standard Profiles'!$G$22=$B$10,7,0)+IF('Standard Profiles'!$G$22=$B$17,14,0)+IF('Standard Profiles'!$G$22=$B$24,21,0),MOD($C6220,24)+1)/SUM(INDEX($D$3:$AA$30,INDEX(Jesper!$R$2:$R$366,ROW(INDEX(Jesper!AL$2:AL$366,ROUNDDOWN($C6220/24,0)+1,1))-1)+IF('Standard Profiles'!$G$22=$B$10,7,0)+IF('Standard Profiles'!$G$22=$B$17,14,0)+IF('Standard Profiles'!$G$22=$B$24,21,0),0)),0)</f>
        <v>0</v>
      </c>
      <c r="I6220">
        <f t="shared" si="692"/>
        <v>0.20425766713481794</v>
      </c>
      <c r="J6220">
        <f t="shared" si="693"/>
        <v>7.0194873780548512</v>
      </c>
      <c r="K6220">
        <f t="shared" si="694"/>
        <v>0.56353506030567813</v>
      </c>
      <c r="L6220">
        <f t="shared" si="695"/>
        <v>0.28176753015283906</v>
      </c>
      <c r="M6220">
        <f t="shared" si="696"/>
        <v>0</v>
      </c>
      <c r="N6220" s="45">
        <f t="shared" si="697"/>
        <v>45184.749999984997</v>
      </c>
    </row>
    <row r="6221" spans="2:14" x14ac:dyDescent="0.25">
      <c r="B6221">
        <f t="shared" si="691"/>
        <v>5</v>
      </c>
      <c r="C6221" s="16">
        <v>6187</v>
      </c>
      <c r="D6221" cm="1">
        <f t="array" ref="D6221">IFERROR(INDEX(Jesper!AH$2:AH$366,ROUNDDOWN($C6221/24,0)+1,1)*INDEX($D$3:$AA$30,INDEX(Jesper!$R$2:$R$366,ROW(INDEX(Jesper!AH$2:AH$366,ROUNDDOWN($C6221/24,0)+1,1))-1)+IF('Standard Profiles'!$G$18=$B$10,7,0)+IF('Standard Profiles'!$G$18=$B$17,14,0)+IF('Standard Profiles'!$G$18=$B$24,21,0),MOD($C6221,24)+1)/SUM(INDEX($D$3:$AA$30,INDEX(Jesper!$R$2:$R$366,ROW(INDEX(Jesper!AH$2:AH$366,ROUNDDOWN($C6221/24,0)+1,1))-1)+IF('Standard Profiles'!$G$18=$B$10,7,0)+IF('Standard Profiles'!$G$18=$B$17,14,0)+IF('Standard Profiles'!$G$18=$B$24,21,0),0)),0)</f>
        <v>5.0315630384435543</v>
      </c>
      <c r="E6221" cm="1">
        <f t="array" ref="E6221">IFERROR(INDEX(Jesper!AI$2:AI$366,ROUNDDOWN($C6221/24,0)+1,1)*INDEX($D$3:$AA$30,INDEX(Jesper!$R$2:$R$366,ROW(INDEX(Jesper!AI$2:AI$366,ROUNDDOWN($C6221/24,0)+1,1))-1)+IF('Standard Profiles'!$G$19=$B$10,7,0)+IF('Standard Profiles'!$G$19=$B$17,14,0)+IF('Standard Profiles'!$G$19=$B$24,21,0),MOD($C6221,24)+1)/SUM(INDEX($D$3:$AA$30,INDEX(Jesper!$R$2:$R$366,ROW(INDEX(Jesper!AI$2:AI$366,ROUNDDOWN($C6221/24,0)+1,1))-1)+IF('Standard Profiles'!$G$19=$B$10,7,0)+IF('Standard Profiles'!$G$19=$B$17,14,0)+IF('Standard Profiles'!$G$19=$B$24,21,0),0)),0)</f>
        <v>2.2479710845253176</v>
      </c>
      <c r="F6221" cm="1">
        <f t="array" ref="F6221">IFERROR(INDEX(Jesper!AJ$2:AJ$366,ROUNDDOWN($C6221/24,0)+1,1)*INDEX($D$3:$AA$30,INDEX(Jesper!$R$2:$R$366,ROW(INDEX(Jesper!AJ$2:AJ$366,ROUNDDOWN($C6221/24,0)+1,1))-1)+IF('Standard Profiles'!$G$20=$B$10,7,0)+IF('Standard Profiles'!$G$20=$B$17,14,0)+IF('Standard Profiles'!$G$20=$B$24,21,0),MOD($C6221,24)+1)/SUM(INDEX($D$3:$AA$30,INDEX(Jesper!$R$2:$R$366,ROW(INDEX(Jesper!AJ$2:AJ$366,ROUNDDOWN($C6221/24,0)+1,1))-1)+IF('Standard Profiles'!$G$20=$B$10,7,0)+IF('Standard Profiles'!$G$20=$B$17,14,0)+IF('Standard Profiles'!$G$20=$B$24,21,0),0)),0)</f>
        <v>0</v>
      </c>
      <c r="G6221" cm="1">
        <f t="array" ref="G6221">IFERROR(INDEX(Jesper!AK$2:AK$366,ROUNDDOWN($C6221/24,0)+1,1)*INDEX($D$3:$AA$30,INDEX(Jesper!$R$2:$R$366,ROW(INDEX(Jesper!AK$2:AK$366,ROUNDDOWN($C6221/24,0)+1,1))-1)+IF('Standard Profiles'!$G$21=$B$10,7,0)+IF('Standard Profiles'!$G$21=$B$17,14,0)+IF('Standard Profiles'!$G$21=$B$24,21,0),MOD($C6221,24)+1)/SUM(INDEX($D$3:$AA$30,INDEX(Jesper!$R$2:$R$366,ROW(INDEX(Jesper!AK$2:AK$366,ROUNDDOWN($C6221/24,0)+1,1))-1)+IF('Standard Profiles'!$G$21=$B$10,7,0)+IF('Standard Profiles'!$G$21=$B$17,14,0)+IF('Standard Profiles'!$G$21=$B$24,21,0),0)),0)</f>
        <v>0.42553680653087089</v>
      </c>
      <c r="H6221" cm="1">
        <f t="array" ref="H6221">IFERROR(INDEX(Jesper!AL$2:AL$366,ROUNDDOWN($C6221/24,0)+1,1)*INDEX($D$3:$AA$30,INDEX(Jesper!$R$2:$R$366,ROW(INDEX(Jesper!AL$2:AL$366,ROUNDDOWN($C6221/24,0)+1,1))-1)+IF('Standard Profiles'!$G$22=$B$10,7,0)+IF('Standard Profiles'!$G$22=$B$17,14,0)+IF('Standard Profiles'!$G$22=$B$24,21,0),MOD($C6221,24)+1)/SUM(INDEX($D$3:$AA$30,INDEX(Jesper!$R$2:$R$366,ROW(INDEX(Jesper!AL$2:AL$366,ROUNDDOWN($C6221/24,0)+1,1))-1)+IF('Standard Profiles'!$G$22=$B$10,7,0)+IF('Standard Profiles'!$G$22=$B$17,14,0)+IF('Standard Profiles'!$G$22=$B$24,21,0),0)),0)</f>
        <v>0</v>
      </c>
      <c r="I6221">
        <f t="shared" si="692"/>
        <v>0.20425766713481794</v>
      </c>
      <c r="J6221">
        <f t="shared" si="693"/>
        <v>6.6957631762139567</v>
      </c>
      <c r="K6221">
        <f t="shared" si="694"/>
        <v>0.53670005743397919</v>
      </c>
      <c r="L6221">
        <f t="shared" si="695"/>
        <v>0.2683500287169896</v>
      </c>
      <c r="M6221">
        <f t="shared" si="696"/>
        <v>0</v>
      </c>
      <c r="N6221" s="45">
        <f t="shared" si="697"/>
        <v>45184.791666651661</v>
      </c>
    </row>
    <row r="6222" spans="2:14" x14ac:dyDescent="0.25">
      <c r="B6222">
        <f t="shared" si="691"/>
        <v>5</v>
      </c>
      <c r="C6222" s="16">
        <v>6188</v>
      </c>
      <c r="D6222" cm="1">
        <f t="array" ref="D6222">IFERROR(INDEX(Jesper!AH$2:AH$366,ROUNDDOWN($C6222/24,0)+1,1)*INDEX($D$3:$AA$30,INDEX(Jesper!$R$2:$R$366,ROW(INDEX(Jesper!AH$2:AH$366,ROUNDDOWN($C6222/24,0)+1,1))-1)+IF('Standard Profiles'!$G$18=$B$10,7,0)+IF('Standard Profiles'!$G$18=$B$17,14,0)+IF('Standard Profiles'!$G$18=$B$24,21,0),MOD($C6222,24)+1)/SUM(INDEX($D$3:$AA$30,INDEX(Jesper!$R$2:$R$366,ROW(INDEX(Jesper!AH$2:AH$366,ROUNDDOWN($C6222/24,0)+1,1))-1)+IF('Standard Profiles'!$G$18=$B$10,7,0)+IF('Standard Profiles'!$G$18=$B$17,14,0)+IF('Standard Profiles'!$G$18=$B$24,21,0),0)),0)</f>
        <v>5.0315630384435543</v>
      </c>
      <c r="E6222" cm="1">
        <f t="array" ref="E6222">IFERROR(INDEX(Jesper!AI$2:AI$366,ROUNDDOWN($C6222/24,0)+1,1)*INDEX($D$3:$AA$30,INDEX(Jesper!$R$2:$R$366,ROW(INDEX(Jesper!AI$2:AI$366,ROUNDDOWN($C6222/24,0)+1,1))-1)+IF('Standard Profiles'!$G$19=$B$10,7,0)+IF('Standard Profiles'!$G$19=$B$17,14,0)+IF('Standard Profiles'!$G$19=$B$24,21,0),MOD($C6222,24)+1)/SUM(INDEX($D$3:$AA$30,INDEX(Jesper!$R$2:$R$366,ROW(INDEX(Jesper!AI$2:AI$366,ROUNDDOWN($C6222/24,0)+1,1))-1)+IF('Standard Profiles'!$G$19=$B$10,7,0)+IF('Standard Profiles'!$G$19=$B$17,14,0)+IF('Standard Profiles'!$G$19=$B$24,21,0),0)),0)</f>
        <v>2.2479710845253176</v>
      </c>
      <c r="F6222" cm="1">
        <f t="array" ref="F6222">IFERROR(INDEX(Jesper!AJ$2:AJ$366,ROUNDDOWN($C6222/24,0)+1,1)*INDEX($D$3:$AA$30,INDEX(Jesper!$R$2:$R$366,ROW(INDEX(Jesper!AJ$2:AJ$366,ROUNDDOWN($C6222/24,0)+1,1))-1)+IF('Standard Profiles'!$G$20=$B$10,7,0)+IF('Standard Profiles'!$G$20=$B$17,14,0)+IF('Standard Profiles'!$G$20=$B$24,21,0),MOD($C6222,24)+1)/SUM(INDEX($D$3:$AA$30,INDEX(Jesper!$R$2:$R$366,ROW(INDEX(Jesper!AJ$2:AJ$366,ROUNDDOWN($C6222/24,0)+1,1))-1)+IF('Standard Profiles'!$G$20=$B$10,7,0)+IF('Standard Profiles'!$G$20=$B$17,14,0)+IF('Standard Profiles'!$G$20=$B$24,21,0),0)),0)</f>
        <v>0</v>
      </c>
      <c r="G6222" cm="1">
        <f t="array" ref="G6222">IFERROR(INDEX(Jesper!AK$2:AK$366,ROUNDDOWN($C6222/24,0)+1,1)*INDEX($D$3:$AA$30,INDEX(Jesper!$R$2:$R$366,ROW(INDEX(Jesper!AK$2:AK$366,ROUNDDOWN($C6222/24,0)+1,1))-1)+IF('Standard Profiles'!$G$21=$B$10,7,0)+IF('Standard Profiles'!$G$21=$B$17,14,0)+IF('Standard Profiles'!$G$21=$B$24,21,0),MOD($C6222,24)+1)/SUM(INDEX($D$3:$AA$30,INDEX(Jesper!$R$2:$R$366,ROW(INDEX(Jesper!AK$2:AK$366,ROUNDDOWN($C6222/24,0)+1,1))-1)+IF('Standard Profiles'!$G$21=$B$10,7,0)+IF('Standard Profiles'!$G$21=$B$17,14,0)+IF('Standard Profiles'!$G$21=$B$24,21,0),0)),0)</f>
        <v>0.42553680653087089</v>
      </c>
      <c r="H6222" cm="1">
        <f t="array" ref="H6222">IFERROR(INDEX(Jesper!AL$2:AL$366,ROUNDDOWN($C6222/24,0)+1,1)*INDEX($D$3:$AA$30,INDEX(Jesper!$R$2:$R$366,ROW(INDEX(Jesper!AL$2:AL$366,ROUNDDOWN($C6222/24,0)+1,1))-1)+IF('Standard Profiles'!$G$22=$B$10,7,0)+IF('Standard Profiles'!$G$22=$B$17,14,0)+IF('Standard Profiles'!$G$22=$B$24,21,0),MOD($C6222,24)+1)/SUM(INDEX($D$3:$AA$30,INDEX(Jesper!$R$2:$R$366,ROW(INDEX(Jesper!AL$2:AL$366,ROUNDDOWN($C6222/24,0)+1,1))-1)+IF('Standard Profiles'!$G$22=$B$10,7,0)+IF('Standard Profiles'!$G$22=$B$17,14,0)+IF('Standard Profiles'!$G$22=$B$24,21,0),0)),0)</f>
        <v>0</v>
      </c>
      <c r="I6222">
        <f t="shared" si="692"/>
        <v>0.20425766713481794</v>
      </c>
      <c r="J6222">
        <f t="shared" si="693"/>
        <v>6.6957631762139567</v>
      </c>
      <c r="K6222">
        <f t="shared" si="694"/>
        <v>0.53670005743397919</v>
      </c>
      <c r="L6222">
        <f t="shared" si="695"/>
        <v>0.2683500287169896</v>
      </c>
      <c r="M6222">
        <f t="shared" si="696"/>
        <v>0</v>
      </c>
      <c r="N6222" s="45">
        <f t="shared" si="697"/>
        <v>45184.833333318325</v>
      </c>
    </row>
    <row r="6223" spans="2:14" x14ac:dyDescent="0.25">
      <c r="B6223">
        <f t="shared" si="691"/>
        <v>5</v>
      </c>
      <c r="C6223" s="16">
        <v>6189</v>
      </c>
      <c r="D6223" cm="1">
        <f t="array" ref="D6223">IFERROR(INDEX(Jesper!AH$2:AH$366,ROUNDDOWN($C6223/24,0)+1,1)*INDEX($D$3:$AA$30,INDEX(Jesper!$R$2:$R$366,ROW(INDEX(Jesper!AH$2:AH$366,ROUNDDOWN($C6223/24,0)+1,1))-1)+IF('Standard Profiles'!$G$18=$B$10,7,0)+IF('Standard Profiles'!$G$18=$B$17,14,0)+IF('Standard Profiles'!$G$18=$B$24,21,0),MOD($C6223,24)+1)/SUM(INDEX($D$3:$AA$30,INDEX(Jesper!$R$2:$R$366,ROW(INDEX(Jesper!AH$2:AH$366,ROUNDDOWN($C6223/24,0)+1,1))-1)+IF('Standard Profiles'!$G$18=$B$10,7,0)+IF('Standard Profiles'!$G$18=$B$17,14,0)+IF('Standard Profiles'!$G$18=$B$24,21,0),0)),0)</f>
        <v>5.0315630384435543</v>
      </c>
      <c r="E6223" cm="1">
        <f t="array" ref="E6223">IFERROR(INDEX(Jesper!AI$2:AI$366,ROUNDDOWN($C6223/24,0)+1,1)*INDEX($D$3:$AA$30,INDEX(Jesper!$R$2:$R$366,ROW(INDEX(Jesper!AI$2:AI$366,ROUNDDOWN($C6223/24,0)+1,1))-1)+IF('Standard Profiles'!$G$19=$B$10,7,0)+IF('Standard Profiles'!$G$19=$B$17,14,0)+IF('Standard Profiles'!$G$19=$B$24,21,0),MOD($C6223,24)+1)/SUM(INDEX($D$3:$AA$30,INDEX(Jesper!$R$2:$R$366,ROW(INDEX(Jesper!AI$2:AI$366,ROUNDDOWN($C6223/24,0)+1,1))-1)+IF('Standard Profiles'!$G$19=$B$10,7,0)+IF('Standard Profiles'!$G$19=$B$17,14,0)+IF('Standard Profiles'!$G$19=$B$24,21,0),0)),0)</f>
        <v>2.2479710845253176</v>
      </c>
      <c r="F6223" cm="1">
        <f t="array" ref="F6223">IFERROR(INDEX(Jesper!AJ$2:AJ$366,ROUNDDOWN($C6223/24,0)+1,1)*INDEX($D$3:$AA$30,INDEX(Jesper!$R$2:$R$366,ROW(INDEX(Jesper!AJ$2:AJ$366,ROUNDDOWN($C6223/24,0)+1,1))-1)+IF('Standard Profiles'!$G$20=$B$10,7,0)+IF('Standard Profiles'!$G$20=$B$17,14,0)+IF('Standard Profiles'!$G$20=$B$24,21,0),MOD($C6223,24)+1)/SUM(INDEX($D$3:$AA$30,INDEX(Jesper!$R$2:$R$366,ROW(INDEX(Jesper!AJ$2:AJ$366,ROUNDDOWN($C6223/24,0)+1,1))-1)+IF('Standard Profiles'!$G$20=$B$10,7,0)+IF('Standard Profiles'!$G$20=$B$17,14,0)+IF('Standard Profiles'!$G$20=$B$24,21,0),0)),0)</f>
        <v>0</v>
      </c>
      <c r="G6223" cm="1">
        <f t="array" ref="G6223">IFERROR(INDEX(Jesper!AK$2:AK$366,ROUNDDOWN($C6223/24,0)+1,1)*INDEX($D$3:$AA$30,INDEX(Jesper!$R$2:$R$366,ROW(INDEX(Jesper!AK$2:AK$366,ROUNDDOWN($C6223/24,0)+1,1))-1)+IF('Standard Profiles'!$G$21=$B$10,7,0)+IF('Standard Profiles'!$G$21=$B$17,14,0)+IF('Standard Profiles'!$G$21=$B$24,21,0),MOD($C6223,24)+1)/SUM(INDEX($D$3:$AA$30,INDEX(Jesper!$R$2:$R$366,ROW(INDEX(Jesper!AK$2:AK$366,ROUNDDOWN($C6223/24,0)+1,1))-1)+IF('Standard Profiles'!$G$21=$B$10,7,0)+IF('Standard Profiles'!$G$21=$B$17,14,0)+IF('Standard Profiles'!$G$21=$B$24,21,0),0)),0)</f>
        <v>0.42553680653087089</v>
      </c>
      <c r="H6223" cm="1">
        <f t="array" ref="H6223">IFERROR(INDEX(Jesper!AL$2:AL$366,ROUNDDOWN($C6223/24,0)+1,1)*INDEX($D$3:$AA$30,INDEX(Jesper!$R$2:$R$366,ROW(INDEX(Jesper!AL$2:AL$366,ROUNDDOWN($C6223/24,0)+1,1))-1)+IF('Standard Profiles'!$G$22=$B$10,7,0)+IF('Standard Profiles'!$G$22=$B$17,14,0)+IF('Standard Profiles'!$G$22=$B$24,21,0),MOD($C6223,24)+1)/SUM(INDEX($D$3:$AA$30,INDEX(Jesper!$R$2:$R$366,ROW(INDEX(Jesper!AL$2:AL$366,ROUNDDOWN($C6223/24,0)+1,1))-1)+IF('Standard Profiles'!$G$22=$B$10,7,0)+IF('Standard Profiles'!$G$22=$B$17,14,0)+IF('Standard Profiles'!$G$22=$B$24,21,0),0)),0)</f>
        <v>0</v>
      </c>
      <c r="I6223">
        <f t="shared" si="692"/>
        <v>0.20425766713481794</v>
      </c>
      <c r="J6223">
        <f t="shared" si="693"/>
        <v>6.6957631762139567</v>
      </c>
      <c r="K6223">
        <f t="shared" si="694"/>
        <v>0.53670005743397919</v>
      </c>
      <c r="L6223">
        <f t="shared" si="695"/>
        <v>0.2683500287169896</v>
      </c>
      <c r="M6223">
        <f t="shared" si="696"/>
        <v>0</v>
      </c>
      <c r="N6223" s="45">
        <f t="shared" si="697"/>
        <v>45184.87499998499</v>
      </c>
    </row>
    <row r="6224" spans="2:14" x14ac:dyDescent="0.25">
      <c r="B6224">
        <f t="shared" si="691"/>
        <v>5</v>
      </c>
      <c r="C6224" s="16">
        <v>6190</v>
      </c>
      <c r="D6224" cm="1">
        <f t="array" ref="D6224">IFERROR(INDEX(Jesper!AH$2:AH$366,ROUNDDOWN($C6224/24,0)+1,1)*INDEX($D$3:$AA$30,INDEX(Jesper!$R$2:$R$366,ROW(INDEX(Jesper!AH$2:AH$366,ROUNDDOWN($C6224/24,0)+1,1))-1)+IF('Standard Profiles'!$G$18=$B$10,7,0)+IF('Standard Profiles'!$G$18=$B$17,14,0)+IF('Standard Profiles'!$G$18=$B$24,21,0),MOD($C6224,24)+1)/SUM(INDEX($D$3:$AA$30,INDEX(Jesper!$R$2:$R$366,ROW(INDEX(Jesper!AH$2:AH$366,ROUNDDOWN($C6224/24,0)+1,1))-1)+IF('Standard Profiles'!$G$18=$B$10,7,0)+IF('Standard Profiles'!$G$18=$B$17,14,0)+IF('Standard Profiles'!$G$18=$B$24,21,0),0)),0)</f>
        <v>5.0315630384435543</v>
      </c>
      <c r="E6224" cm="1">
        <f t="array" ref="E6224">IFERROR(INDEX(Jesper!AI$2:AI$366,ROUNDDOWN($C6224/24,0)+1,1)*INDEX($D$3:$AA$30,INDEX(Jesper!$R$2:$R$366,ROW(INDEX(Jesper!AI$2:AI$366,ROUNDDOWN($C6224/24,0)+1,1))-1)+IF('Standard Profiles'!$G$19=$B$10,7,0)+IF('Standard Profiles'!$G$19=$B$17,14,0)+IF('Standard Profiles'!$G$19=$B$24,21,0),MOD($C6224,24)+1)/SUM(INDEX($D$3:$AA$30,INDEX(Jesper!$R$2:$R$366,ROW(INDEX(Jesper!AI$2:AI$366,ROUNDDOWN($C6224/24,0)+1,1))-1)+IF('Standard Profiles'!$G$19=$B$10,7,0)+IF('Standard Profiles'!$G$19=$B$17,14,0)+IF('Standard Profiles'!$G$19=$B$24,21,0),0)),0)</f>
        <v>2.2479710845253176</v>
      </c>
      <c r="F6224" cm="1">
        <f t="array" ref="F6224">IFERROR(INDEX(Jesper!AJ$2:AJ$366,ROUNDDOWN($C6224/24,0)+1,1)*INDEX($D$3:$AA$30,INDEX(Jesper!$R$2:$R$366,ROW(INDEX(Jesper!AJ$2:AJ$366,ROUNDDOWN($C6224/24,0)+1,1))-1)+IF('Standard Profiles'!$G$20=$B$10,7,0)+IF('Standard Profiles'!$G$20=$B$17,14,0)+IF('Standard Profiles'!$G$20=$B$24,21,0),MOD($C6224,24)+1)/SUM(INDEX($D$3:$AA$30,INDEX(Jesper!$R$2:$R$366,ROW(INDEX(Jesper!AJ$2:AJ$366,ROUNDDOWN($C6224/24,0)+1,1))-1)+IF('Standard Profiles'!$G$20=$B$10,7,0)+IF('Standard Profiles'!$G$20=$B$17,14,0)+IF('Standard Profiles'!$G$20=$B$24,21,0),0)),0)</f>
        <v>0</v>
      </c>
      <c r="G6224" cm="1">
        <f t="array" ref="G6224">IFERROR(INDEX(Jesper!AK$2:AK$366,ROUNDDOWN($C6224/24,0)+1,1)*INDEX($D$3:$AA$30,INDEX(Jesper!$R$2:$R$366,ROW(INDEX(Jesper!AK$2:AK$366,ROUNDDOWN($C6224/24,0)+1,1))-1)+IF('Standard Profiles'!$G$21=$B$10,7,0)+IF('Standard Profiles'!$G$21=$B$17,14,0)+IF('Standard Profiles'!$G$21=$B$24,21,0),MOD($C6224,24)+1)/SUM(INDEX($D$3:$AA$30,INDEX(Jesper!$R$2:$R$366,ROW(INDEX(Jesper!AK$2:AK$366,ROUNDDOWN($C6224/24,0)+1,1))-1)+IF('Standard Profiles'!$G$21=$B$10,7,0)+IF('Standard Profiles'!$G$21=$B$17,14,0)+IF('Standard Profiles'!$G$21=$B$24,21,0),0)),0)</f>
        <v>0.42553680653087089</v>
      </c>
      <c r="H6224" cm="1">
        <f t="array" ref="H6224">IFERROR(INDEX(Jesper!AL$2:AL$366,ROUNDDOWN($C6224/24,0)+1,1)*INDEX($D$3:$AA$30,INDEX(Jesper!$R$2:$R$366,ROW(INDEX(Jesper!AL$2:AL$366,ROUNDDOWN($C6224/24,0)+1,1))-1)+IF('Standard Profiles'!$G$22=$B$10,7,0)+IF('Standard Profiles'!$G$22=$B$17,14,0)+IF('Standard Profiles'!$G$22=$B$24,21,0),MOD($C6224,24)+1)/SUM(INDEX($D$3:$AA$30,INDEX(Jesper!$R$2:$R$366,ROW(INDEX(Jesper!AL$2:AL$366,ROUNDDOWN($C6224/24,0)+1,1))-1)+IF('Standard Profiles'!$G$22=$B$10,7,0)+IF('Standard Profiles'!$G$22=$B$17,14,0)+IF('Standard Profiles'!$G$22=$B$24,21,0),0)),0)</f>
        <v>0</v>
      </c>
      <c r="I6224">
        <f t="shared" si="692"/>
        <v>0.20425766713481794</v>
      </c>
      <c r="J6224">
        <f t="shared" si="693"/>
        <v>6.6957631762139567</v>
      </c>
      <c r="K6224">
        <f t="shared" si="694"/>
        <v>0.53670005743397919</v>
      </c>
      <c r="L6224">
        <f t="shared" si="695"/>
        <v>0.2683500287169896</v>
      </c>
      <c r="M6224">
        <f t="shared" si="696"/>
        <v>0</v>
      </c>
      <c r="N6224" s="45">
        <f t="shared" si="697"/>
        <v>45184.916666651654</v>
      </c>
    </row>
    <row r="6225" spans="2:14" x14ac:dyDescent="0.25">
      <c r="B6225">
        <f t="shared" si="691"/>
        <v>5</v>
      </c>
      <c r="C6225" s="16">
        <v>6191</v>
      </c>
      <c r="D6225" cm="1">
        <f t="array" ref="D6225">IFERROR(INDEX(Jesper!AH$2:AH$366,ROUNDDOWN($C6225/24,0)+1,1)*INDEX($D$3:$AA$30,INDEX(Jesper!$R$2:$R$366,ROW(INDEX(Jesper!AH$2:AH$366,ROUNDDOWN($C6225/24,0)+1,1))-1)+IF('Standard Profiles'!$G$18=$B$10,7,0)+IF('Standard Profiles'!$G$18=$B$17,14,0)+IF('Standard Profiles'!$G$18=$B$24,21,0),MOD($C6225,24)+1)/SUM(INDEX($D$3:$AA$30,INDEX(Jesper!$R$2:$R$366,ROW(INDEX(Jesper!AH$2:AH$366,ROUNDDOWN($C6225/24,0)+1,1))-1)+IF('Standard Profiles'!$G$18=$B$10,7,0)+IF('Standard Profiles'!$G$18=$B$17,14,0)+IF('Standard Profiles'!$G$18=$B$24,21,0),0)),0)</f>
        <v>5.0315630384435543</v>
      </c>
      <c r="E6225" cm="1">
        <f t="array" ref="E6225">IFERROR(INDEX(Jesper!AI$2:AI$366,ROUNDDOWN($C6225/24,0)+1,1)*INDEX($D$3:$AA$30,INDEX(Jesper!$R$2:$R$366,ROW(INDEX(Jesper!AI$2:AI$366,ROUNDDOWN($C6225/24,0)+1,1))-1)+IF('Standard Profiles'!$G$19=$B$10,7,0)+IF('Standard Profiles'!$G$19=$B$17,14,0)+IF('Standard Profiles'!$G$19=$B$24,21,0),MOD($C6225,24)+1)/SUM(INDEX($D$3:$AA$30,INDEX(Jesper!$R$2:$R$366,ROW(INDEX(Jesper!AI$2:AI$366,ROUNDDOWN($C6225/24,0)+1,1))-1)+IF('Standard Profiles'!$G$19=$B$10,7,0)+IF('Standard Profiles'!$G$19=$B$17,14,0)+IF('Standard Profiles'!$G$19=$B$24,21,0),0)),0)</f>
        <v>2.2479710845253176</v>
      </c>
      <c r="F6225" cm="1">
        <f t="array" ref="F6225">IFERROR(INDEX(Jesper!AJ$2:AJ$366,ROUNDDOWN($C6225/24,0)+1,1)*INDEX($D$3:$AA$30,INDEX(Jesper!$R$2:$R$366,ROW(INDEX(Jesper!AJ$2:AJ$366,ROUNDDOWN($C6225/24,0)+1,1))-1)+IF('Standard Profiles'!$G$20=$B$10,7,0)+IF('Standard Profiles'!$G$20=$B$17,14,0)+IF('Standard Profiles'!$G$20=$B$24,21,0),MOD($C6225,24)+1)/SUM(INDEX($D$3:$AA$30,INDEX(Jesper!$R$2:$R$366,ROW(INDEX(Jesper!AJ$2:AJ$366,ROUNDDOWN($C6225/24,0)+1,1))-1)+IF('Standard Profiles'!$G$20=$B$10,7,0)+IF('Standard Profiles'!$G$20=$B$17,14,0)+IF('Standard Profiles'!$G$20=$B$24,21,0),0)),0)</f>
        <v>0</v>
      </c>
      <c r="G6225" cm="1">
        <f t="array" ref="G6225">IFERROR(INDEX(Jesper!AK$2:AK$366,ROUNDDOWN($C6225/24,0)+1,1)*INDEX($D$3:$AA$30,INDEX(Jesper!$R$2:$R$366,ROW(INDEX(Jesper!AK$2:AK$366,ROUNDDOWN($C6225/24,0)+1,1))-1)+IF('Standard Profiles'!$G$21=$B$10,7,0)+IF('Standard Profiles'!$G$21=$B$17,14,0)+IF('Standard Profiles'!$G$21=$B$24,21,0),MOD($C6225,24)+1)/SUM(INDEX($D$3:$AA$30,INDEX(Jesper!$R$2:$R$366,ROW(INDEX(Jesper!AK$2:AK$366,ROUNDDOWN($C6225/24,0)+1,1))-1)+IF('Standard Profiles'!$G$21=$B$10,7,0)+IF('Standard Profiles'!$G$21=$B$17,14,0)+IF('Standard Profiles'!$G$21=$B$24,21,0),0)),0)</f>
        <v>0.42553680653087089</v>
      </c>
      <c r="H6225" cm="1">
        <f t="array" ref="H6225">IFERROR(INDEX(Jesper!AL$2:AL$366,ROUNDDOWN($C6225/24,0)+1,1)*INDEX($D$3:$AA$30,INDEX(Jesper!$R$2:$R$366,ROW(INDEX(Jesper!AL$2:AL$366,ROUNDDOWN($C6225/24,0)+1,1))-1)+IF('Standard Profiles'!$G$22=$B$10,7,0)+IF('Standard Profiles'!$G$22=$B$17,14,0)+IF('Standard Profiles'!$G$22=$B$24,21,0),MOD($C6225,24)+1)/SUM(INDEX($D$3:$AA$30,INDEX(Jesper!$R$2:$R$366,ROW(INDEX(Jesper!AL$2:AL$366,ROUNDDOWN($C6225/24,0)+1,1))-1)+IF('Standard Profiles'!$G$22=$B$10,7,0)+IF('Standard Profiles'!$G$22=$B$17,14,0)+IF('Standard Profiles'!$G$22=$B$24,21,0),0)),0)</f>
        <v>0</v>
      </c>
      <c r="I6225">
        <f t="shared" si="692"/>
        <v>0.20425766713481794</v>
      </c>
      <c r="J6225">
        <f t="shared" si="693"/>
        <v>6.6957631762139567</v>
      </c>
      <c r="K6225">
        <f t="shared" si="694"/>
        <v>0.53670005743397919</v>
      </c>
      <c r="L6225">
        <f t="shared" si="695"/>
        <v>0.2683500287169896</v>
      </c>
      <c r="M6225">
        <f t="shared" si="696"/>
        <v>0</v>
      </c>
      <c r="N6225" s="45">
        <f t="shared" si="697"/>
        <v>45184.958333318318</v>
      </c>
    </row>
    <row r="6226" spans="2:14" x14ac:dyDescent="0.25">
      <c r="B6226">
        <f t="shared" si="691"/>
        <v>6</v>
      </c>
      <c r="C6226" s="16">
        <v>6192</v>
      </c>
      <c r="D6226" cm="1">
        <f t="array" ref="D6226">IFERROR(INDEX(Jesper!AH$2:AH$366,ROUNDDOWN($C6226/24,0)+1,1)*INDEX($D$3:$AA$30,INDEX(Jesper!$R$2:$R$366,ROW(INDEX(Jesper!AH$2:AH$366,ROUNDDOWN($C6226/24,0)+1,1))-1)+IF('Standard Profiles'!$G$18=$B$10,7,0)+IF('Standard Profiles'!$G$18=$B$17,14,0)+IF('Standard Profiles'!$G$18=$B$24,21,0),MOD($C6226,24)+1)/SUM(INDEX($D$3:$AA$30,INDEX(Jesper!$R$2:$R$366,ROW(INDEX(Jesper!AH$2:AH$366,ROUNDDOWN($C6226/24,0)+1,1))-1)+IF('Standard Profiles'!$G$18=$B$10,7,0)+IF('Standard Profiles'!$G$18=$B$17,14,0)+IF('Standard Profiles'!$G$18=$B$24,21,0),0)),0)</f>
        <v>0</v>
      </c>
      <c r="E6226" cm="1">
        <f t="array" ref="E6226">IFERROR(INDEX(Jesper!AI$2:AI$366,ROUNDDOWN($C6226/24,0)+1,1)*INDEX($D$3:$AA$30,INDEX(Jesper!$R$2:$R$366,ROW(INDEX(Jesper!AI$2:AI$366,ROUNDDOWN($C6226/24,0)+1,1))-1)+IF('Standard Profiles'!$G$19=$B$10,7,0)+IF('Standard Profiles'!$G$19=$B$17,14,0)+IF('Standard Profiles'!$G$19=$B$24,21,0),MOD($C6226,24)+1)/SUM(INDEX($D$3:$AA$30,INDEX(Jesper!$R$2:$R$366,ROW(INDEX(Jesper!AI$2:AI$366,ROUNDDOWN($C6226/24,0)+1,1))-1)+IF('Standard Profiles'!$G$19=$B$10,7,0)+IF('Standard Profiles'!$G$19=$B$17,14,0)+IF('Standard Profiles'!$G$19=$B$24,21,0),0)),0)</f>
        <v>3.012097270701569</v>
      </c>
      <c r="F6226" cm="1">
        <f t="array" ref="F6226">IFERROR(INDEX(Jesper!AJ$2:AJ$366,ROUNDDOWN($C6226/24,0)+1,1)*INDEX($D$3:$AA$30,INDEX(Jesper!$R$2:$R$366,ROW(INDEX(Jesper!AJ$2:AJ$366,ROUNDDOWN($C6226/24,0)+1,1))-1)+IF('Standard Profiles'!$G$20=$B$10,7,0)+IF('Standard Profiles'!$G$20=$B$17,14,0)+IF('Standard Profiles'!$G$20=$B$24,21,0),MOD($C6226,24)+1)/SUM(INDEX($D$3:$AA$30,INDEX(Jesper!$R$2:$R$366,ROW(INDEX(Jesper!AJ$2:AJ$366,ROUNDDOWN($C6226/24,0)+1,1))-1)+IF('Standard Profiles'!$G$20=$B$10,7,0)+IF('Standard Profiles'!$G$20=$B$17,14,0)+IF('Standard Profiles'!$G$20=$B$24,21,0),0)),0)</f>
        <v>1.2386804688681592</v>
      </c>
      <c r="G6226" cm="1">
        <f t="array" ref="G6226">IFERROR(INDEX(Jesper!AK$2:AK$366,ROUNDDOWN($C6226/24,0)+1,1)*INDEX($D$3:$AA$30,INDEX(Jesper!$R$2:$R$366,ROW(INDEX(Jesper!AK$2:AK$366,ROUNDDOWN($C6226/24,0)+1,1))-1)+IF('Standard Profiles'!$G$21=$B$10,7,0)+IF('Standard Profiles'!$G$21=$B$17,14,0)+IF('Standard Profiles'!$G$21=$B$24,21,0),MOD($C6226,24)+1)/SUM(INDEX($D$3:$AA$30,INDEX(Jesper!$R$2:$R$366,ROW(INDEX(Jesper!AK$2:AK$366,ROUNDDOWN($C6226/24,0)+1,1))-1)+IF('Standard Profiles'!$G$21=$B$10,7,0)+IF('Standard Profiles'!$G$21=$B$17,14,0)+IF('Standard Profiles'!$G$21=$B$24,21,0),0)),0)</f>
        <v>0.6008967442195009</v>
      </c>
      <c r="H6226" cm="1">
        <f t="array" ref="H6226">IFERROR(INDEX(Jesper!AL$2:AL$366,ROUNDDOWN($C6226/24,0)+1,1)*INDEX($D$3:$AA$30,INDEX(Jesper!$R$2:$R$366,ROW(INDEX(Jesper!AL$2:AL$366,ROUNDDOWN($C6226/24,0)+1,1))-1)+IF('Standard Profiles'!$G$22=$B$10,7,0)+IF('Standard Profiles'!$G$22=$B$17,14,0)+IF('Standard Profiles'!$G$22=$B$24,21,0),MOD($C6226,24)+1)/SUM(INDEX($D$3:$AA$30,INDEX(Jesper!$R$2:$R$366,ROW(INDEX(Jesper!AL$2:AL$366,ROUNDDOWN($C6226/24,0)+1,1))-1)+IF('Standard Profiles'!$G$22=$B$10,7,0)+IF('Standard Profiles'!$G$22=$B$17,14,0)+IF('Standard Profiles'!$G$22=$B$24,21,0),0)),0)</f>
        <v>8.8432499635399342E-2</v>
      </c>
      <c r="I6226">
        <f t="shared" si="692"/>
        <v>8.4895199649983419E-2</v>
      </c>
      <c r="J6226">
        <f t="shared" si="693"/>
        <v>4.4937601112904568</v>
      </c>
      <c r="K6226">
        <f t="shared" si="694"/>
        <v>0.24096778165612553</v>
      </c>
      <c r="L6226">
        <f t="shared" si="695"/>
        <v>0.12048389082806277</v>
      </c>
      <c r="M6226">
        <f t="shared" si="696"/>
        <v>0</v>
      </c>
      <c r="N6226" s="45">
        <f t="shared" si="697"/>
        <v>45184.999999984982</v>
      </c>
    </row>
    <row r="6227" spans="2:14" x14ac:dyDescent="0.25">
      <c r="B6227">
        <f t="shared" si="691"/>
        <v>6</v>
      </c>
      <c r="C6227" s="16">
        <v>6193</v>
      </c>
      <c r="D6227" cm="1">
        <f t="array" ref="D6227">IFERROR(INDEX(Jesper!AH$2:AH$366,ROUNDDOWN($C6227/24,0)+1,1)*INDEX($D$3:$AA$30,INDEX(Jesper!$R$2:$R$366,ROW(INDEX(Jesper!AH$2:AH$366,ROUNDDOWN($C6227/24,0)+1,1))-1)+IF('Standard Profiles'!$G$18=$B$10,7,0)+IF('Standard Profiles'!$G$18=$B$17,14,0)+IF('Standard Profiles'!$G$18=$B$24,21,0),MOD($C6227,24)+1)/SUM(INDEX($D$3:$AA$30,INDEX(Jesper!$R$2:$R$366,ROW(INDEX(Jesper!AH$2:AH$366,ROUNDDOWN($C6227/24,0)+1,1))-1)+IF('Standard Profiles'!$G$18=$B$10,7,0)+IF('Standard Profiles'!$G$18=$B$17,14,0)+IF('Standard Profiles'!$G$18=$B$24,21,0),0)),0)</f>
        <v>0</v>
      </c>
      <c r="E6227" cm="1">
        <f t="array" ref="E6227">IFERROR(INDEX(Jesper!AI$2:AI$366,ROUNDDOWN($C6227/24,0)+1,1)*INDEX($D$3:$AA$30,INDEX(Jesper!$R$2:$R$366,ROW(INDEX(Jesper!AI$2:AI$366,ROUNDDOWN($C6227/24,0)+1,1))-1)+IF('Standard Profiles'!$G$19=$B$10,7,0)+IF('Standard Profiles'!$G$19=$B$17,14,0)+IF('Standard Profiles'!$G$19=$B$24,21,0),MOD($C6227,24)+1)/SUM(INDEX($D$3:$AA$30,INDEX(Jesper!$R$2:$R$366,ROW(INDEX(Jesper!AI$2:AI$366,ROUNDDOWN($C6227/24,0)+1,1))-1)+IF('Standard Profiles'!$G$19=$B$10,7,0)+IF('Standard Profiles'!$G$19=$B$17,14,0)+IF('Standard Profiles'!$G$19=$B$24,21,0),0)),0)</f>
        <v>2.7108875436314124</v>
      </c>
      <c r="F6227" cm="1">
        <f t="array" ref="F6227">IFERROR(INDEX(Jesper!AJ$2:AJ$366,ROUNDDOWN($C6227/24,0)+1,1)*INDEX($D$3:$AA$30,INDEX(Jesper!$R$2:$R$366,ROW(INDEX(Jesper!AJ$2:AJ$366,ROUNDDOWN($C6227/24,0)+1,1))-1)+IF('Standard Profiles'!$G$20=$B$10,7,0)+IF('Standard Profiles'!$G$20=$B$17,14,0)+IF('Standard Profiles'!$G$20=$B$24,21,0),MOD($C6227,24)+1)/SUM(INDEX($D$3:$AA$30,INDEX(Jesper!$R$2:$R$366,ROW(INDEX(Jesper!AJ$2:AJ$366,ROUNDDOWN($C6227/24,0)+1,1))-1)+IF('Standard Profiles'!$G$20=$B$10,7,0)+IF('Standard Profiles'!$G$20=$B$17,14,0)+IF('Standard Profiles'!$G$20=$B$24,21,0),0)),0)</f>
        <v>1.1148124219813431</v>
      </c>
      <c r="G6227" cm="1">
        <f t="array" ref="G6227">IFERROR(INDEX(Jesper!AK$2:AK$366,ROUNDDOWN($C6227/24,0)+1,1)*INDEX($D$3:$AA$30,INDEX(Jesper!$R$2:$R$366,ROW(INDEX(Jesper!AK$2:AK$366,ROUNDDOWN($C6227/24,0)+1,1))-1)+IF('Standard Profiles'!$G$21=$B$10,7,0)+IF('Standard Profiles'!$G$21=$B$17,14,0)+IF('Standard Profiles'!$G$21=$B$24,21,0),MOD($C6227,24)+1)/SUM(INDEX($D$3:$AA$30,INDEX(Jesper!$R$2:$R$366,ROW(INDEX(Jesper!AK$2:AK$366,ROUNDDOWN($C6227/24,0)+1,1))-1)+IF('Standard Profiles'!$G$21=$B$10,7,0)+IF('Standard Profiles'!$G$21=$B$17,14,0)+IF('Standard Profiles'!$G$21=$B$24,21,0),0)),0)</f>
        <v>0.6008967442195009</v>
      </c>
      <c r="H6227" cm="1">
        <f t="array" ref="H6227">IFERROR(INDEX(Jesper!AL$2:AL$366,ROUNDDOWN($C6227/24,0)+1,1)*INDEX($D$3:$AA$30,INDEX(Jesper!$R$2:$R$366,ROW(INDEX(Jesper!AL$2:AL$366,ROUNDDOWN($C6227/24,0)+1,1))-1)+IF('Standard Profiles'!$G$22=$B$10,7,0)+IF('Standard Profiles'!$G$22=$B$17,14,0)+IF('Standard Profiles'!$G$22=$B$24,21,0),MOD($C6227,24)+1)/SUM(INDEX($D$3:$AA$30,INDEX(Jesper!$R$2:$R$366,ROW(INDEX(Jesper!AL$2:AL$366,ROUNDDOWN($C6227/24,0)+1,1))-1)+IF('Standard Profiles'!$G$22=$B$10,7,0)+IF('Standard Profiles'!$G$22=$B$17,14,0)+IF('Standard Profiles'!$G$22=$B$24,21,0),0)),0)</f>
        <v>0.17265392785958922</v>
      </c>
      <c r="I6227">
        <f t="shared" si="692"/>
        <v>0.16574777074520575</v>
      </c>
      <c r="J6227">
        <f t="shared" si="693"/>
        <v>4.1081963617108705</v>
      </c>
      <c r="K6227">
        <f t="shared" si="694"/>
        <v>0.216871003490513</v>
      </c>
      <c r="L6227">
        <f t="shared" si="695"/>
        <v>0.1084355017452565</v>
      </c>
      <c r="M6227">
        <f t="shared" si="696"/>
        <v>0</v>
      </c>
      <c r="N6227" s="45">
        <f t="shared" si="697"/>
        <v>45185.041666651647</v>
      </c>
    </row>
    <row r="6228" spans="2:14" x14ac:dyDescent="0.25">
      <c r="B6228">
        <f t="shared" si="691"/>
        <v>6</v>
      </c>
      <c r="C6228" s="16">
        <v>6194</v>
      </c>
      <c r="D6228" cm="1">
        <f t="array" ref="D6228">IFERROR(INDEX(Jesper!AH$2:AH$366,ROUNDDOWN($C6228/24,0)+1,1)*INDEX($D$3:$AA$30,INDEX(Jesper!$R$2:$R$366,ROW(INDEX(Jesper!AH$2:AH$366,ROUNDDOWN($C6228/24,0)+1,1))-1)+IF('Standard Profiles'!$G$18=$B$10,7,0)+IF('Standard Profiles'!$G$18=$B$17,14,0)+IF('Standard Profiles'!$G$18=$B$24,21,0),MOD($C6228,24)+1)/SUM(INDEX($D$3:$AA$30,INDEX(Jesper!$R$2:$R$366,ROW(INDEX(Jesper!AH$2:AH$366,ROUNDDOWN($C6228/24,0)+1,1))-1)+IF('Standard Profiles'!$G$18=$B$10,7,0)+IF('Standard Profiles'!$G$18=$B$17,14,0)+IF('Standard Profiles'!$G$18=$B$24,21,0),0)),0)</f>
        <v>0</v>
      </c>
      <c r="E6228" cm="1">
        <f t="array" ref="E6228">IFERROR(INDEX(Jesper!AI$2:AI$366,ROUNDDOWN($C6228/24,0)+1,1)*INDEX($D$3:$AA$30,INDEX(Jesper!$R$2:$R$366,ROW(INDEX(Jesper!AI$2:AI$366,ROUNDDOWN($C6228/24,0)+1,1))-1)+IF('Standard Profiles'!$G$19=$B$10,7,0)+IF('Standard Profiles'!$G$19=$B$17,14,0)+IF('Standard Profiles'!$G$19=$B$24,21,0),MOD($C6228,24)+1)/SUM(INDEX($D$3:$AA$30,INDEX(Jesper!$R$2:$R$366,ROW(INDEX(Jesper!AI$2:AI$366,ROUNDDOWN($C6228/24,0)+1,1))-1)+IF('Standard Profiles'!$G$19=$B$10,7,0)+IF('Standard Profiles'!$G$19=$B$17,14,0)+IF('Standard Profiles'!$G$19=$B$24,21,0),0)),0)</f>
        <v>2.7108875436314124</v>
      </c>
      <c r="F6228" cm="1">
        <f t="array" ref="F6228">IFERROR(INDEX(Jesper!AJ$2:AJ$366,ROUNDDOWN($C6228/24,0)+1,1)*INDEX($D$3:$AA$30,INDEX(Jesper!$R$2:$R$366,ROW(INDEX(Jesper!AJ$2:AJ$366,ROUNDDOWN($C6228/24,0)+1,1))-1)+IF('Standard Profiles'!$G$20=$B$10,7,0)+IF('Standard Profiles'!$G$20=$B$17,14,0)+IF('Standard Profiles'!$G$20=$B$24,21,0),MOD($C6228,24)+1)/SUM(INDEX($D$3:$AA$30,INDEX(Jesper!$R$2:$R$366,ROW(INDEX(Jesper!AJ$2:AJ$366,ROUNDDOWN($C6228/24,0)+1,1))-1)+IF('Standard Profiles'!$G$20=$B$10,7,0)+IF('Standard Profiles'!$G$20=$B$17,14,0)+IF('Standard Profiles'!$G$20=$B$24,21,0),0)),0)</f>
        <v>1.1148124219813431</v>
      </c>
      <c r="G6228" cm="1">
        <f t="array" ref="G6228">IFERROR(INDEX(Jesper!AK$2:AK$366,ROUNDDOWN($C6228/24,0)+1,1)*INDEX($D$3:$AA$30,INDEX(Jesper!$R$2:$R$366,ROW(INDEX(Jesper!AK$2:AK$366,ROUNDDOWN($C6228/24,0)+1,1))-1)+IF('Standard Profiles'!$G$21=$B$10,7,0)+IF('Standard Profiles'!$G$21=$B$17,14,0)+IF('Standard Profiles'!$G$21=$B$24,21,0),MOD($C6228,24)+1)/SUM(INDEX($D$3:$AA$30,INDEX(Jesper!$R$2:$R$366,ROW(INDEX(Jesper!AK$2:AK$366,ROUNDDOWN($C6228/24,0)+1,1))-1)+IF('Standard Profiles'!$G$21=$B$10,7,0)+IF('Standard Profiles'!$G$21=$B$17,14,0)+IF('Standard Profiles'!$G$21=$B$24,21,0),0)),0)</f>
        <v>0.6008967442195009</v>
      </c>
      <c r="H6228" cm="1">
        <f t="array" ref="H6228">IFERROR(INDEX(Jesper!AL$2:AL$366,ROUNDDOWN($C6228/24,0)+1,1)*INDEX($D$3:$AA$30,INDEX(Jesper!$R$2:$R$366,ROW(INDEX(Jesper!AL$2:AL$366,ROUNDDOWN($C6228/24,0)+1,1))-1)+IF('Standard Profiles'!$G$22=$B$10,7,0)+IF('Standard Profiles'!$G$22=$B$17,14,0)+IF('Standard Profiles'!$G$22=$B$24,21,0),MOD($C6228,24)+1)/SUM(INDEX($D$3:$AA$30,INDEX(Jesper!$R$2:$R$366,ROW(INDEX(Jesper!AL$2:AL$366,ROUNDDOWN($C6228/24,0)+1,1))-1)+IF('Standard Profiles'!$G$22=$B$10,7,0)+IF('Standard Profiles'!$G$22=$B$17,14,0)+IF('Standard Profiles'!$G$22=$B$24,21,0),0)),0)</f>
        <v>0.17265392785958922</v>
      </c>
      <c r="I6228">
        <f t="shared" si="692"/>
        <v>0.16574777074520575</v>
      </c>
      <c r="J6228">
        <f t="shared" si="693"/>
        <v>4.1081963617108705</v>
      </c>
      <c r="K6228">
        <f t="shared" si="694"/>
        <v>0.216871003490513</v>
      </c>
      <c r="L6228">
        <f t="shared" si="695"/>
        <v>0.1084355017452565</v>
      </c>
      <c r="M6228">
        <f t="shared" si="696"/>
        <v>0</v>
      </c>
      <c r="N6228" s="45">
        <f t="shared" si="697"/>
        <v>45185.083333318311</v>
      </c>
    </row>
    <row r="6229" spans="2:14" x14ac:dyDescent="0.25">
      <c r="B6229">
        <f t="shared" si="691"/>
        <v>6</v>
      </c>
      <c r="C6229" s="16">
        <v>6195</v>
      </c>
      <c r="D6229" cm="1">
        <f t="array" ref="D6229">IFERROR(INDEX(Jesper!AH$2:AH$366,ROUNDDOWN($C6229/24,0)+1,1)*INDEX($D$3:$AA$30,INDEX(Jesper!$R$2:$R$366,ROW(INDEX(Jesper!AH$2:AH$366,ROUNDDOWN($C6229/24,0)+1,1))-1)+IF('Standard Profiles'!$G$18=$B$10,7,0)+IF('Standard Profiles'!$G$18=$B$17,14,0)+IF('Standard Profiles'!$G$18=$B$24,21,0),MOD($C6229,24)+1)/SUM(INDEX($D$3:$AA$30,INDEX(Jesper!$R$2:$R$366,ROW(INDEX(Jesper!AH$2:AH$366,ROUNDDOWN($C6229/24,0)+1,1))-1)+IF('Standard Profiles'!$G$18=$B$10,7,0)+IF('Standard Profiles'!$G$18=$B$17,14,0)+IF('Standard Profiles'!$G$18=$B$24,21,0),0)),0)</f>
        <v>0</v>
      </c>
      <c r="E6229" cm="1">
        <f t="array" ref="E6229">IFERROR(INDEX(Jesper!AI$2:AI$366,ROUNDDOWN($C6229/24,0)+1,1)*INDEX($D$3:$AA$30,INDEX(Jesper!$R$2:$R$366,ROW(INDEX(Jesper!AI$2:AI$366,ROUNDDOWN($C6229/24,0)+1,1))-1)+IF('Standard Profiles'!$G$19=$B$10,7,0)+IF('Standard Profiles'!$G$19=$B$17,14,0)+IF('Standard Profiles'!$G$19=$B$24,21,0),MOD($C6229,24)+1)/SUM(INDEX($D$3:$AA$30,INDEX(Jesper!$R$2:$R$366,ROW(INDEX(Jesper!AI$2:AI$366,ROUNDDOWN($C6229/24,0)+1,1))-1)+IF('Standard Profiles'!$G$19=$B$10,7,0)+IF('Standard Profiles'!$G$19=$B$17,14,0)+IF('Standard Profiles'!$G$19=$B$24,21,0),0)),0)</f>
        <v>2.7108875436314124</v>
      </c>
      <c r="F6229" cm="1">
        <f t="array" ref="F6229">IFERROR(INDEX(Jesper!AJ$2:AJ$366,ROUNDDOWN($C6229/24,0)+1,1)*INDEX($D$3:$AA$30,INDEX(Jesper!$R$2:$R$366,ROW(INDEX(Jesper!AJ$2:AJ$366,ROUNDDOWN($C6229/24,0)+1,1))-1)+IF('Standard Profiles'!$G$20=$B$10,7,0)+IF('Standard Profiles'!$G$20=$B$17,14,0)+IF('Standard Profiles'!$G$20=$B$24,21,0),MOD($C6229,24)+1)/SUM(INDEX($D$3:$AA$30,INDEX(Jesper!$R$2:$R$366,ROW(INDEX(Jesper!AJ$2:AJ$366,ROUNDDOWN($C6229/24,0)+1,1))-1)+IF('Standard Profiles'!$G$20=$B$10,7,0)+IF('Standard Profiles'!$G$20=$B$17,14,0)+IF('Standard Profiles'!$G$20=$B$24,21,0),0)),0)</f>
        <v>1.1148124219813431</v>
      </c>
      <c r="G6229" cm="1">
        <f t="array" ref="G6229">IFERROR(INDEX(Jesper!AK$2:AK$366,ROUNDDOWN($C6229/24,0)+1,1)*INDEX($D$3:$AA$30,INDEX(Jesper!$R$2:$R$366,ROW(INDEX(Jesper!AK$2:AK$366,ROUNDDOWN($C6229/24,0)+1,1))-1)+IF('Standard Profiles'!$G$21=$B$10,7,0)+IF('Standard Profiles'!$G$21=$B$17,14,0)+IF('Standard Profiles'!$G$21=$B$24,21,0),MOD($C6229,24)+1)/SUM(INDEX($D$3:$AA$30,INDEX(Jesper!$R$2:$R$366,ROW(INDEX(Jesper!AK$2:AK$366,ROUNDDOWN($C6229/24,0)+1,1))-1)+IF('Standard Profiles'!$G$21=$B$10,7,0)+IF('Standard Profiles'!$G$21=$B$17,14,0)+IF('Standard Profiles'!$G$21=$B$24,21,0),0)),0)</f>
        <v>0.6008967442195009</v>
      </c>
      <c r="H6229" cm="1">
        <f t="array" ref="H6229">IFERROR(INDEX(Jesper!AL$2:AL$366,ROUNDDOWN($C6229/24,0)+1,1)*INDEX($D$3:$AA$30,INDEX(Jesper!$R$2:$R$366,ROW(INDEX(Jesper!AL$2:AL$366,ROUNDDOWN($C6229/24,0)+1,1))-1)+IF('Standard Profiles'!$G$22=$B$10,7,0)+IF('Standard Profiles'!$G$22=$B$17,14,0)+IF('Standard Profiles'!$G$22=$B$24,21,0),MOD($C6229,24)+1)/SUM(INDEX($D$3:$AA$30,INDEX(Jesper!$R$2:$R$366,ROW(INDEX(Jesper!AL$2:AL$366,ROUNDDOWN($C6229/24,0)+1,1))-1)+IF('Standard Profiles'!$G$22=$B$10,7,0)+IF('Standard Profiles'!$G$22=$B$17,14,0)+IF('Standard Profiles'!$G$22=$B$24,21,0),0)),0)</f>
        <v>0.17265392785958922</v>
      </c>
      <c r="I6229">
        <f t="shared" si="692"/>
        <v>0.16574777074520575</v>
      </c>
      <c r="J6229">
        <f t="shared" si="693"/>
        <v>4.1081963617108705</v>
      </c>
      <c r="K6229">
        <f t="shared" si="694"/>
        <v>0.216871003490513</v>
      </c>
      <c r="L6229">
        <f t="shared" si="695"/>
        <v>0.1084355017452565</v>
      </c>
      <c r="M6229">
        <f t="shared" si="696"/>
        <v>0</v>
      </c>
      <c r="N6229" s="45">
        <f t="shared" si="697"/>
        <v>45185.124999984975</v>
      </c>
    </row>
    <row r="6230" spans="2:14" x14ac:dyDescent="0.25">
      <c r="B6230">
        <f t="shared" si="691"/>
        <v>6</v>
      </c>
      <c r="C6230" s="16">
        <v>6196</v>
      </c>
      <c r="D6230" cm="1">
        <f t="array" ref="D6230">IFERROR(INDEX(Jesper!AH$2:AH$366,ROUNDDOWN($C6230/24,0)+1,1)*INDEX($D$3:$AA$30,INDEX(Jesper!$R$2:$R$366,ROW(INDEX(Jesper!AH$2:AH$366,ROUNDDOWN($C6230/24,0)+1,1))-1)+IF('Standard Profiles'!$G$18=$B$10,7,0)+IF('Standard Profiles'!$G$18=$B$17,14,0)+IF('Standard Profiles'!$G$18=$B$24,21,0),MOD($C6230,24)+1)/SUM(INDEX($D$3:$AA$30,INDEX(Jesper!$R$2:$R$366,ROW(INDEX(Jesper!AH$2:AH$366,ROUNDDOWN($C6230/24,0)+1,1))-1)+IF('Standard Profiles'!$G$18=$B$10,7,0)+IF('Standard Profiles'!$G$18=$B$17,14,0)+IF('Standard Profiles'!$G$18=$B$24,21,0),0)),0)</f>
        <v>0</v>
      </c>
      <c r="E6230" cm="1">
        <f t="array" ref="E6230">IFERROR(INDEX(Jesper!AI$2:AI$366,ROUNDDOWN($C6230/24,0)+1,1)*INDEX($D$3:$AA$30,INDEX(Jesper!$R$2:$R$366,ROW(INDEX(Jesper!AI$2:AI$366,ROUNDDOWN($C6230/24,0)+1,1))-1)+IF('Standard Profiles'!$G$19=$B$10,7,0)+IF('Standard Profiles'!$G$19=$B$17,14,0)+IF('Standard Profiles'!$G$19=$B$24,21,0),MOD($C6230,24)+1)/SUM(INDEX($D$3:$AA$30,INDEX(Jesper!$R$2:$R$366,ROW(INDEX(Jesper!AI$2:AI$366,ROUNDDOWN($C6230/24,0)+1,1))-1)+IF('Standard Profiles'!$G$19=$B$10,7,0)+IF('Standard Profiles'!$G$19=$B$17,14,0)+IF('Standard Profiles'!$G$19=$B$24,21,0),0)),0)</f>
        <v>2.7108875436314124</v>
      </c>
      <c r="F6230" cm="1">
        <f t="array" ref="F6230">IFERROR(INDEX(Jesper!AJ$2:AJ$366,ROUNDDOWN($C6230/24,0)+1,1)*INDEX($D$3:$AA$30,INDEX(Jesper!$R$2:$R$366,ROW(INDEX(Jesper!AJ$2:AJ$366,ROUNDDOWN($C6230/24,0)+1,1))-1)+IF('Standard Profiles'!$G$20=$B$10,7,0)+IF('Standard Profiles'!$G$20=$B$17,14,0)+IF('Standard Profiles'!$G$20=$B$24,21,0),MOD($C6230,24)+1)/SUM(INDEX($D$3:$AA$30,INDEX(Jesper!$R$2:$R$366,ROW(INDEX(Jesper!AJ$2:AJ$366,ROUNDDOWN($C6230/24,0)+1,1))-1)+IF('Standard Profiles'!$G$20=$B$10,7,0)+IF('Standard Profiles'!$G$20=$B$17,14,0)+IF('Standard Profiles'!$G$20=$B$24,21,0),0)),0)</f>
        <v>1.1148124219813431</v>
      </c>
      <c r="G6230" cm="1">
        <f t="array" ref="G6230">IFERROR(INDEX(Jesper!AK$2:AK$366,ROUNDDOWN($C6230/24,0)+1,1)*INDEX($D$3:$AA$30,INDEX(Jesper!$R$2:$R$366,ROW(INDEX(Jesper!AK$2:AK$366,ROUNDDOWN($C6230/24,0)+1,1))-1)+IF('Standard Profiles'!$G$21=$B$10,7,0)+IF('Standard Profiles'!$G$21=$B$17,14,0)+IF('Standard Profiles'!$G$21=$B$24,21,0),MOD($C6230,24)+1)/SUM(INDEX($D$3:$AA$30,INDEX(Jesper!$R$2:$R$366,ROW(INDEX(Jesper!AK$2:AK$366,ROUNDDOWN($C6230/24,0)+1,1))-1)+IF('Standard Profiles'!$G$21=$B$10,7,0)+IF('Standard Profiles'!$G$21=$B$17,14,0)+IF('Standard Profiles'!$G$21=$B$24,21,0),0)),0)</f>
        <v>0.6008967442195009</v>
      </c>
      <c r="H6230" cm="1">
        <f t="array" ref="H6230">IFERROR(INDEX(Jesper!AL$2:AL$366,ROUNDDOWN($C6230/24,0)+1,1)*INDEX($D$3:$AA$30,INDEX(Jesper!$R$2:$R$366,ROW(INDEX(Jesper!AL$2:AL$366,ROUNDDOWN($C6230/24,0)+1,1))-1)+IF('Standard Profiles'!$G$22=$B$10,7,0)+IF('Standard Profiles'!$G$22=$B$17,14,0)+IF('Standard Profiles'!$G$22=$B$24,21,0),MOD($C6230,24)+1)/SUM(INDEX($D$3:$AA$30,INDEX(Jesper!$R$2:$R$366,ROW(INDEX(Jesper!AL$2:AL$366,ROUNDDOWN($C6230/24,0)+1,1))-1)+IF('Standard Profiles'!$G$22=$B$10,7,0)+IF('Standard Profiles'!$G$22=$B$17,14,0)+IF('Standard Profiles'!$G$22=$B$24,21,0),0)),0)</f>
        <v>0.17265392785958922</v>
      </c>
      <c r="I6230">
        <f t="shared" si="692"/>
        <v>0.16574777074520575</v>
      </c>
      <c r="J6230">
        <f t="shared" si="693"/>
        <v>4.1081963617108705</v>
      </c>
      <c r="K6230">
        <f t="shared" si="694"/>
        <v>0.216871003490513</v>
      </c>
      <c r="L6230">
        <f t="shared" si="695"/>
        <v>0.1084355017452565</v>
      </c>
      <c r="M6230">
        <f t="shared" si="696"/>
        <v>0</v>
      </c>
      <c r="N6230" s="45">
        <f t="shared" si="697"/>
        <v>45185.166666651639</v>
      </c>
    </row>
    <row r="6231" spans="2:14" x14ac:dyDescent="0.25">
      <c r="B6231">
        <f t="shared" si="691"/>
        <v>6</v>
      </c>
      <c r="C6231" s="16">
        <v>6197</v>
      </c>
      <c r="D6231" cm="1">
        <f t="array" ref="D6231">IFERROR(INDEX(Jesper!AH$2:AH$366,ROUNDDOWN($C6231/24,0)+1,1)*INDEX($D$3:$AA$30,INDEX(Jesper!$R$2:$R$366,ROW(INDEX(Jesper!AH$2:AH$366,ROUNDDOWN($C6231/24,0)+1,1))-1)+IF('Standard Profiles'!$G$18=$B$10,7,0)+IF('Standard Profiles'!$G$18=$B$17,14,0)+IF('Standard Profiles'!$G$18=$B$24,21,0),MOD($C6231,24)+1)/SUM(INDEX($D$3:$AA$30,INDEX(Jesper!$R$2:$R$366,ROW(INDEX(Jesper!AH$2:AH$366,ROUNDDOWN($C6231/24,0)+1,1))-1)+IF('Standard Profiles'!$G$18=$B$10,7,0)+IF('Standard Profiles'!$G$18=$B$17,14,0)+IF('Standard Profiles'!$G$18=$B$24,21,0),0)),0)</f>
        <v>0</v>
      </c>
      <c r="E6231" cm="1">
        <f t="array" ref="E6231">IFERROR(INDEX(Jesper!AI$2:AI$366,ROUNDDOWN($C6231/24,0)+1,1)*INDEX($D$3:$AA$30,INDEX(Jesper!$R$2:$R$366,ROW(INDEX(Jesper!AI$2:AI$366,ROUNDDOWN($C6231/24,0)+1,1))-1)+IF('Standard Profiles'!$G$19=$B$10,7,0)+IF('Standard Profiles'!$G$19=$B$17,14,0)+IF('Standard Profiles'!$G$19=$B$24,21,0),MOD($C6231,24)+1)/SUM(INDEX($D$3:$AA$30,INDEX(Jesper!$R$2:$R$366,ROW(INDEX(Jesper!AI$2:AI$366,ROUNDDOWN($C6231/24,0)+1,1))-1)+IF('Standard Profiles'!$G$19=$B$10,7,0)+IF('Standard Profiles'!$G$19=$B$17,14,0)+IF('Standard Profiles'!$G$19=$B$24,21,0),0)),0)</f>
        <v>2.7108875436314124</v>
      </c>
      <c r="F6231" cm="1">
        <f t="array" ref="F6231">IFERROR(INDEX(Jesper!AJ$2:AJ$366,ROUNDDOWN($C6231/24,0)+1,1)*INDEX($D$3:$AA$30,INDEX(Jesper!$R$2:$R$366,ROW(INDEX(Jesper!AJ$2:AJ$366,ROUNDDOWN($C6231/24,0)+1,1))-1)+IF('Standard Profiles'!$G$20=$B$10,7,0)+IF('Standard Profiles'!$G$20=$B$17,14,0)+IF('Standard Profiles'!$G$20=$B$24,21,0),MOD($C6231,24)+1)/SUM(INDEX($D$3:$AA$30,INDEX(Jesper!$R$2:$R$366,ROW(INDEX(Jesper!AJ$2:AJ$366,ROUNDDOWN($C6231/24,0)+1,1))-1)+IF('Standard Profiles'!$G$20=$B$10,7,0)+IF('Standard Profiles'!$G$20=$B$17,14,0)+IF('Standard Profiles'!$G$20=$B$24,21,0),0)),0)</f>
        <v>1.1148124219813431</v>
      </c>
      <c r="G6231" cm="1">
        <f t="array" ref="G6231">IFERROR(INDEX(Jesper!AK$2:AK$366,ROUNDDOWN($C6231/24,0)+1,1)*INDEX($D$3:$AA$30,INDEX(Jesper!$R$2:$R$366,ROW(INDEX(Jesper!AK$2:AK$366,ROUNDDOWN($C6231/24,0)+1,1))-1)+IF('Standard Profiles'!$G$21=$B$10,7,0)+IF('Standard Profiles'!$G$21=$B$17,14,0)+IF('Standard Profiles'!$G$21=$B$24,21,0),MOD($C6231,24)+1)/SUM(INDEX($D$3:$AA$30,INDEX(Jesper!$R$2:$R$366,ROW(INDEX(Jesper!AK$2:AK$366,ROUNDDOWN($C6231/24,0)+1,1))-1)+IF('Standard Profiles'!$G$21=$B$10,7,0)+IF('Standard Profiles'!$G$21=$B$17,14,0)+IF('Standard Profiles'!$G$21=$B$24,21,0),0)),0)</f>
        <v>0.6008967442195009</v>
      </c>
      <c r="H6231" cm="1">
        <f t="array" ref="H6231">IFERROR(INDEX(Jesper!AL$2:AL$366,ROUNDDOWN($C6231/24,0)+1,1)*INDEX($D$3:$AA$30,INDEX(Jesper!$R$2:$R$366,ROW(INDEX(Jesper!AL$2:AL$366,ROUNDDOWN($C6231/24,0)+1,1))-1)+IF('Standard Profiles'!$G$22=$B$10,7,0)+IF('Standard Profiles'!$G$22=$B$17,14,0)+IF('Standard Profiles'!$G$22=$B$24,21,0),MOD($C6231,24)+1)/SUM(INDEX($D$3:$AA$30,INDEX(Jesper!$R$2:$R$366,ROW(INDEX(Jesper!AL$2:AL$366,ROUNDDOWN($C6231/24,0)+1,1))-1)+IF('Standard Profiles'!$G$22=$B$10,7,0)+IF('Standard Profiles'!$G$22=$B$17,14,0)+IF('Standard Profiles'!$G$22=$B$24,21,0),0)),0)</f>
        <v>0.21476464197168416</v>
      </c>
      <c r="I6231">
        <f t="shared" si="692"/>
        <v>0.2061740562928169</v>
      </c>
      <c r="J6231">
        <f t="shared" si="693"/>
        <v>4.109880790275354</v>
      </c>
      <c r="K6231">
        <f t="shared" si="694"/>
        <v>0.216871003490513</v>
      </c>
      <c r="L6231">
        <f t="shared" si="695"/>
        <v>0.1084355017452565</v>
      </c>
      <c r="M6231">
        <f t="shared" si="696"/>
        <v>0</v>
      </c>
      <c r="N6231" s="45">
        <f t="shared" si="697"/>
        <v>45185.208333318304</v>
      </c>
    </row>
    <row r="6232" spans="2:14" x14ac:dyDescent="0.25">
      <c r="B6232">
        <f t="shared" si="691"/>
        <v>6</v>
      </c>
      <c r="C6232" s="16">
        <v>6198</v>
      </c>
      <c r="D6232" cm="1">
        <f t="array" ref="D6232">IFERROR(INDEX(Jesper!AH$2:AH$366,ROUNDDOWN($C6232/24,0)+1,1)*INDEX($D$3:$AA$30,INDEX(Jesper!$R$2:$R$366,ROW(INDEX(Jesper!AH$2:AH$366,ROUNDDOWN($C6232/24,0)+1,1))-1)+IF('Standard Profiles'!$G$18=$B$10,7,0)+IF('Standard Profiles'!$G$18=$B$17,14,0)+IF('Standard Profiles'!$G$18=$B$24,21,0),MOD($C6232,24)+1)/SUM(INDEX($D$3:$AA$30,INDEX(Jesper!$R$2:$R$366,ROW(INDEX(Jesper!AH$2:AH$366,ROUNDDOWN($C6232/24,0)+1,1))-1)+IF('Standard Profiles'!$G$18=$B$10,7,0)+IF('Standard Profiles'!$G$18=$B$17,14,0)+IF('Standard Profiles'!$G$18=$B$24,21,0),0)),0)</f>
        <v>0</v>
      </c>
      <c r="E6232" cm="1">
        <f t="array" ref="E6232">IFERROR(INDEX(Jesper!AI$2:AI$366,ROUNDDOWN($C6232/24,0)+1,1)*INDEX($D$3:$AA$30,INDEX(Jesper!$R$2:$R$366,ROW(INDEX(Jesper!AI$2:AI$366,ROUNDDOWN($C6232/24,0)+1,1))-1)+IF('Standard Profiles'!$G$19=$B$10,7,0)+IF('Standard Profiles'!$G$19=$B$17,14,0)+IF('Standard Profiles'!$G$19=$B$24,21,0),MOD($C6232,24)+1)/SUM(INDEX($D$3:$AA$30,INDEX(Jesper!$R$2:$R$366,ROW(INDEX(Jesper!AI$2:AI$366,ROUNDDOWN($C6232/24,0)+1,1))-1)+IF('Standard Profiles'!$G$19=$B$10,7,0)+IF('Standard Profiles'!$G$19=$B$17,14,0)+IF('Standard Profiles'!$G$19=$B$24,21,0),0)),0)</f>
        <v>2.7108875436314124</v>
      </c>
      <c r="F6232" cm="1">
        <f t="array" ref="F6232">IFERROR(INDEX(Jesper!AJ$2:AJ$366,ROUNDDOWN($C6232/24,0)+1,1)*INDEX($D$3:$AA$30,INDEX(Jesper!$R$2:$R$366,ROW(INDEX(Jesper!AJ$2:AJ$366,ROUNDDOWN($C6232/24,0)+1,1))-1)+IF('Standard Profiles'!$G$20=$B$10,7,0)+IF('Standard Profiles'!$G$20=$B$17,14,0)+IF('Standard Profiles'!$G$20=$B$24,21,0),MOD($C6232,24)+1)/SUM(INDEX($D$3:$AA$30,INDEX(Jesper!$R$2:$R$366,ROW(INDEX(Jesper!AJ$2:AJ$366,ROUNDDOWN($C6232/24,0)+1,1))-1)+IF('Standard Profiles'!$G$20=$B$10,7,0)+IF('Standard Profiles'!$G$20=$B$17,14,0)+IF('Standard Profiles'!$G$20=$B$24,21,0),0)),0)</f>
        <v>1.1148124219813431</v>
      </c>
      <c r="G6232" cm="1">
        <f t="array" ref="G6232">IFERROR(INDEX(Jesper!AK$2:AK$366,ROUNDDOWN($C6232/24,0)+1,1)*INDEX($D$3:$AA$30,INDEX(Jesper!$R$2:$R$366,ROW(INDEX(Jesper!AK$2:AK$366,ROUNDDOWN($C6232/24,0)+1,1))-1)+IF('Standard Profiles'!$G$21=$B$10,7,0)+IF('Standard Profiles'!$G$21=$B$17,14,0)+IF('Standard Profiles'!$G$21=$B$24,21,0),MOD($C6232,24)+1)/SUM(INDEX($D$3:$AA$30,INDEX(Jesper!$R$2:$R$366,ROW(INDEX(Jesper!AK$2:AK$366,ROUNDDOWN($C6232/24,0)+1,1))-1)+IF('Standard Profiles'!$G$21=$B$10,7,0)+IF('Standard Profiles'!$G$21=$B$17,14,0)+IF('Standard Profiles'!$G$21=$B$24,21,0),0)),0)</f>
        <v>0.6008967442195009</v>
      </c>
      <c r="H6232" cm="1">
        <f t="array" ref="H6232">IFERROR(INDEX(Jesper!AL$2:AL$366,ROUNDDOWN($C6232/24,0)+1,1)*INDEX($D$3:$AA$30,INDEX(Jesper!$R$2:$R$366,ROW(INDEX(Jesper!AL$2:AL$366,ROUNDDOWN($C6232/24,0)+1,1))-1)+IF('Standard Profiles'!$G$22=$B$10,7,0)+IF('Standard Profiles'!$G$22=$B$17,14,0)+IF('Standard Profiles'!$G$22=$B$24,21,0),MOD($C6232,24)+1)/SUM(INDEX($D$3:$AA$30,INDEX(Jesper!$R$2:$R$366,ROW(INDEX(Jesper!AL$2:AL$366,ROUNDDOWN($C6232/24,0)+1,1))-1)+IF('Standard Profiles'!$G$22=$B$10,7,0)+IF('Standard Profiles'!$G$22=$B$17,14,0)+IF('Standard Profiles'!$G$22=$B$24,21,0),0)),0)</f>
        <v>0.26950857031740755</v>
      </c>
      <c r="I6232">
        <f t="shared" si="692"/>
        <v>0.25872822750471136</v>
      </c>
      <c r="J6232">
        <f t="shared" si="693"/>
        <v>4.112070547409183</v>
      </c>
      <c r="K6232">
        <f t="shared" si="694"/>
        <v>0.216871003490513</v>
      </c>
      <c r="L6232">
        <f t="shared" si="695"/>
        <v>0.1084355017452565</v>
      </c>
      <c r="M6232">
        <f t="shared" si="696"/>
        <v>0</v>
      </c>
      <c r="N6232" s="45">
        <f t="shared" si="697"/>
        <v>45185.249999984968</v>
      </c>
    </row>
    <row r="6233" spans="2:14" x14ac:dyDescent="0.25">
      <c r="B6233">
        <f t="shared" si="691"/>
        <v>6</v>
      </c>
      <c r="C6233" s="16">
        <v>6199</v>
      </c>
      <c r="D6233" cm="1">
        <f t="array" ref="D6233">IFERROR(INDEX(Jesper!AH$2:AH$366,ROUNDDOWN($C6233/24,0)+1,1)*INDEX($D$3:$AA$30,INDEX(Jesper!$R$2:$R$366,ROW(INDEX(Jesper!AH$2:AH$366,ROUNDDOWN($C6233/24,0)+1,1))-1)+IF('Standard Profiles'!$G$18=$B$10,7,0)+IF('Standard Profiles'!$G$18=$B$17,14,0)+IF('Standard Profiles'!$G$18=$B$24,21,0),MOD($C6233,24)+1)/SUM(INDEX($D$3:$AA$30,INDEX(Jesper!$R$2:$R$366,ROW(INDEX(Jesper!AH$2:AH$366,ROUNDDOWN($C6233/24,0)+1,1))-1)+IF('Standard Profiles'!$G$18=$B$10,7,0)+IF('Standard Profiles'!$G$18=$B$17,14,0)+IF('Standard Profiles'!$G$18=$B$24,21,0),0)),0)</f>
        <v>0</v>
      </c>
      <c r="E6233" cm="1">
        <f t="array" ref="E6233">IFERROR(INDEX(Jesper!AI$2:AI$366,ROUNDDOWN($C6233/24,0)+1,1)*INDEX($D$3:$AA$30,INDEX(Jesper!$R$2:$R$366,ROW(INDEX(Jesper!AI$2:AI$366,ROUNDDOWN($C6233/24,0)+1,1))-1)+IF('Standard Profiles'!$G$19=$B$10,7,0)+IF('Standard Profiles'!$G$19=$B$17,14,0)+IF('Standard Profiles'!$G$19=$B$24,21,0),MOD($C6233,24)+1)/SUM(INDEX($D$3:$AA$30,INDEX(Jesper!$R$2:$R$366,ROW(INDEX(Jesper!AI$2:AI$366,ROUNDDOWN($C6233/24,0)+1,1))-1)+IF('Standard Profiles'!$G$19=$B$10,7,0)+IF('Standard Profiles'!$G$19=$B$17,14,0)+IF('Standard Profiles'!$G$19=$B$24,21,0),0)),0)</f>
        <v>2.7108875436314124</v>
      </c>
      <c r="F6233" cm="1">
        <f t="array" ref="F6233">IFERROR(INDEX(Jesper!AJ$2:AJ$366,ROUNDDOWN($C6233/24,0)+1,1)*INDEX($D$3:$AA$30,INDEX(Jesper!$R$2:$R$366,ROW(INDEX(Jesper!AJ$2:AJ$366,ROUNDDOWN($C6233/24,0)+1,1))-1)+IF('Standard Profiles'!$G$20=$B$10,7,0)+IF('Standard Profiles'!$G$20=$B$17,14,0)+IF('Standard Profiles'!$G$20=$B$24,21,0),MOD($C6233,24)+1)/SUM(INDEX($D$3:$AA$30,INDEX(Jesper!$R$2:$R$366,ROW(INDEX(Jesper!AJ$2:AJ$366,ROUNDDOWN($C6233/24,0)+1,1))-1)+IF('Standard Profiles'!$G$20=$B$10,7,0)+IF('Standard Profiles'!$G$20=$B$17,14,0)+IF('Standard Profiles'!$G$20=$B$24,21,0),0)),0)</f>
        <v>1.1148124219813431</v>
      </c>
      <c r="G6233" cm="1">
        <f t="array" ref="G6233">IFERROR(INDEX(Jesper!AK$2:AK$366,ROUNDDOWN($C6233/24,0)+1,1)*INDEX($D$3:$AA$30,INDEX(Jesper!$R$2:$R$366,ROW(INDEX(Jesper!AK$2:AK$366,ROUNDDOWN($C6233/24,0)+1,1))-1)+IF('Standard Profiles'!$G$21=$B$10,7,0)+IF('Standard Profiles'!$G$21=$B$17,14,0)+IF('Standard Profiles'!$G$21=$B$24,21,0),MOD($C6233,24)+1)/SUM(INDEX($D$3:$AA$30,INDEX(Jesper!$R$2:$R$366,ROW(INDEX(Jesper!AK$2:AK$366,ROUNDDOWN($C6233/24,0)+1,1))-1)+IF('Standard Profiles'!$G$21=$B$10,7,0)+IF('Standard Profiles'!$G$21=$B$17,14,0)+IF('Standard Profiles'!$G$21=$B$24,21,0),0)),0)</f>
        <v>0.6008967442195009</v>
      </c>
      <c r="H6233" cm="1">
        <f t="array" ref="H6233">IFERROR(INDEX(Jesper!AL$2:AL$366,ROUNDDOWN($C6233/24,0)+1,1)*INDEX($D$3:$AA$30,INDEX(Jesper!$R$2:$R$366,ROW(INDEX(Jesper!AL$2:AL$366,ROUNDDOWN($C6233/24,0)+1,1))-1)+IF('Standard Profiles'!$G$22=$B$10,7,0)+IF('Standard Profiles'!$G$22=$B$17,14,0)+IF('Standard Profiles'!$G$22=$B$24,21,0),MOD($C6233,24)+1)/SUM(INDEX($D$3:$AA$30,INDEX(Jesper!$R$2:$R$366,ROW(INDEX(Jesper!AL$2:AL$366,ROUNDDOWN($C6233/24,0)+1,1))-1)+IF('Standard Profiles'!$G$22=$B$10,7,0)+IF('Standard Profiles'!$G$22=$B$17,14,0)+IF('Standard Profiles'!$G$22=$B$24,21,0),0)),0)</f>
        <v>0.30740821301829302</v>
      </c>
      <c r="I6233">
        <f t="shared" si="692"/>
        <v>0.29511188449756148</v>
      </c>
      <c r="J6233">
        <f t="shared" si="693"/>
        <v>4.1135865331172186</v>
      </c>
      <c r="K6233">
        <f t="shared" si="694"/>
        <v>0.216871003490513</v>
      </c>
      <c r="L6233">
        <f t="shared" si="695"/>
        <v>0.1084355017452565</v>
      </c>
      <c r="M6233">
        <f t="shared" si="696"/>
        <v>0</v>
      </c>
      <c r="N6233" s="45">
        <f t="shared" si="697"/>
        <v>45185.291666651632</v>
      </c>
    </row>
    <row r="6234" spans="2:14" x14ac:dyDescent="0.25">
      <c r="B6234">
        <f t="shared" si="691"/>
        <v>6</v>
      </c>
      <c r="C6234" s="16">
        <v>6200</v>
      </c>
      <c r="D6234" cm="1">
        <f t="array" ref="D6234">IFERROR(INDEX(Jesper!AH$2:AH$366,ROUNDDOWN($C6234/24,0)+1,1)*INDEX($D$3:$AA$30,INDEX(Jesper!$R$2:$R$366,ROW(INDEX(Jesper!AH$2:AH$366,ROUNDDOWN($C6234/24,0)+1,1))-1)+IF('Standard Profiles'!$G$18=$B$10,7,0)+IF('Standard Profiles'!$G$18=$B$17,14,0)+IF('Standard Profiles'!$G$18=$B$24,21,0),MOD($C6234,24)+1)/SUM(INDEX($D$3:$AA$30,INDEX(Jesper!$R$2:$R$366,ROW(INDEX(Jesper!AH$2:AH$366,ROUNDDOWN($C6234/24,0)+1,1))-1)+IF('Standard Profiles'!$G$18=$B$10,7,0)+IF('Standard Profiles'!$G$18=$B$17,14,0)+IF('Standard Profiles'!$G$18=$B$24,21,0),0)),0)</f>
        <v>0</v>
      </c>
      <c r="E6234" cm="1">
        <f t="array" ref="E6234">IFERROR(INDEX(Jesper!AI$2:AI$366,ROUNDDOWN($C6234/24,0)+1,1)*INDEX($D$3:$AA$30,INDEX(Jesper!$R$2:$R$366,ROW(INDEX(Jesper!AI$2:AI$366,ROUNDDOWN($C6234/24,0)+1,1))-1)+IF('Standard Profiles'!$G$19=$B$10,7,0)+IF('Standard Profiles'!$G$19=$B$17,14,0)+IF('Standard Profiles'!$G$19=$B$24,21,0),MOD($C6234,24)+1)/SUM(INDEX($D$3:$AA$30,INDEX(Jesper!$R$2:$R$366,ROW(INDEX(Jesper!AI$2:AI$366,ROUNDDOWN($C6234/24,0)+1,1))-1)+IF('Standard Profiles'!$G$19=$B$10,7,0)+IF('Standard Profiles'!$G$19=$B$17,14,0)+IF('Standard Profiles'!$G$19=$B$24,21,0),0)),0)</f>
        <v>2.7108875436314124</v>
      </c>
      <c r="F6234" cm="1">
        <f t="array" ref="F6234">IFERROR(INDEX(Jesper!AJ$2:AJ$366,ROUNDDOWN($C6234/24,0)+1,1)*INDEX($D$3:$AA$30,INDEX(Jesper!$R$2:$R$366,ROW(INDEX(Jesper!AJ$2:AJ$366,ROUNDDOWN($C6234/24,0)+1,1))-1)+IF('Standard Profiles'!$G$20=$B$10,7,0)+IF('Standard Profiles'!$G$20=$B$17,14,0)+IF('Standard Profiles'!$G$20=$B$24,21,0),MOD($C6234,24)+1)/SUM(INDEX($D$3:$AA$30,INDEX(Jesper!$R$2:$R$366,ROW(INDEX(Jesper!AJ$2:AJ$366,ROUNDDOWN($C6234/24,0)+1,1))-1)+IF('Standard Profiles'!$G$20=$B$10,7,0)+IF('Standard Profiles'!$G$20=$B$17,14,0)+IF('Standard Profiles'!$G$20=$B$24,21,0),0)),0)</f>
        <v>1.1148124219813431</v>
      </c>
      <c r="G6234" cm="1">
        <f t="array" ref="G6234">IFERROR(INDEX(Jesper!AK$2:AK$366,ROUNDDOWN($C6234/24,0)+1,1)*INDEX($D$3:$AA$30,INDEX(Jesper!$R$2:$R$366,ROW(INDEX(Jesper!AK$2:AK$366,ROUNDDOWN($C6234/24,0)+1,1))-1)+IF('Standard Profiles'!$G$21=$B$10,7,0)+IF('Standard Profiles'!$G$21=$B$17,14,0)+IF('Standard Profiles'!$G$21=$B$24,21,0),MOD($C6234,24)+1)/SUM(INDEX($D$3:$AA$30,INDEX(Jesper!$R$2:$R$366,ROW(INDEX(Jesper!AK$2:AK$366,ROUNDDOWN($C6234/24,0)+1,1))-1)+IF('Standard Profiles'!$G$21=$B$10,7,0)+IF('Standard Profiles'!$G$21=$B$17,14,0)+IF('Standard Profiles'!$G$21=$B$24,21,0),0)),0)</f>
        <v>0.6008967442195009</v>
      </c>
      <c r="H6234" cm="1">
        <f t="array" ref="H6234">IFERROR(INDEX(Jesper!AL$2:AL$366,ROUNDDOWN($C6234/24,0)+1,1)*INDEX($D$3:$AA$30,INDEX(Jesper!$R$2:$R$366,ROW(INDEX(Jesper!AL$2:AL$366,ROUNDDOWN($C6234/24,0)+1,1))-1)+IF('Standard Profiles'!$G$22=$B$10,7,0)+IF('Standard Profiles'!$G$22=$B$17,14,0)+IF('Standard Profiles'!$G$22=$B$24,21,0),MOD($C6234,24)+1)/SUM(INDEX($D$3:$AA$30,INDEX(Jesper!$R$2:$R$366,ROW(INDEX(Jesper!AL$2:AL$366,ROUNDDOWN($C6234/24,0)+1,1))-1)+IF('Standard Profiles'!$G$22=$B$10,7,0)+IF('Standard Profiles'!$G$22=$B$17,14,0)+IF('Standard Profiles'!$G$22=$B$24,21,0),0)),0)</f>
        <v>0.30740821301829302</v>
      </c>
      <c r="I6234">
        <f t="shared" si="692"/>
        <v>0.29511188449756148</v>
      </c>
      <c r="J6234">
        <f t="shared" si="693"/>
        <v>4.1135865331172186</v>
      </c>
      <c r="K6234">
        <f t="shared" si="694"/>
        <v>0.216871003490513</v>
      </c>
      <c r="L6234">
        <f t="shared" si="695"/>
        <v>0.1084355017452565</v>
      </c>
      <c r="M6234">
        <f t="shared" si="696"/>
        <v>0</v>
      </c>
      <c r="N6234" s="45">
        <f t="shared" si="697"/>
        <v>45185.333333318296</v>
      </c>
    </row>
    <row r="6235" spans="2:14" x14ac:dyDescent="0.25">
      <c r="B6235">
        <f t="shared" si="691"/>
        <v>6</v>
      </c>
      <c r="C6235" s="16">
        <v>6201</v>
      </c>
      <c r="D6235" cm="1">
        <f t="array" ref="D6235">IFERROR(INDEX(Jesper!AH$2:AH$366,ROUNDDOWN($C6235/24,0)+1,1)*INDEX($D$3:$AA$30,INDEX(Jesper!$R$2:$R$366,ROW(INDEX(Jesper!AH$2:AH$366,ROUNDDOWN($C6235/24,0)+1,1))-1)+IF('Standard Profiles'!$G$18=$B$10,7,0)+IF('Standard Profiles'!$G$18=$B$17,14,0)+IF('Standard Profiles'!$G$18=$B$24,21,0),MOD($C6235,24)+1)/SUM(INDEX($D$3:$AA$30,INDEX(Jesper!$R$2:$R$366,ROW(INDEX(Jesper!AH$2:AH$366,ROUNDDOWN($C6235/24,0)+1,1))-1)+IF('Standard Profiles'!$G$18=$B$10,7,0)+IF('Standard Profiles'!$G$18=$B$17,14,0)+IF('Standard Profiles'!$G$18=$B$24,21,0),0)),0)</f>
        <v>0</v>
      </c>
      <c r="E6235" cm="1">
        <f t="array" ref="E6235">IFERROR(INDEX(Jesper!AI$2:AI$366,ROUNDDOWN($C6235/24,0)+1,1)*INDEX($D$3:$AA$30,INDEX(Jesper!$R$2:$R$366,ROW(INDEX(Jesper!AI$2:AI$366,ROUNDDOWN($C6235/24,0)+1,1))-1)+IF('Standard Profiles'!$G$19=$B$10,7,0)+IF('Standard Profiles'!$G$19=$B$17,14,0)+IF('Standard Profiles'!$G$19=$B$24,21,0),MOD($C6235,24)+1)/SUM(INDEX($D$3:$AA$30,INDEX(Jesper!$R$2:$R$366,ROW(INDEX(Jesper!AI$2:AI$366,ROUNDDOWN($C6235/24,0)+1,1))-1)+IF('Standard Profiles'!$G$19=$B$10,7,0)+IF('Standard Profiles'!$G$19=$B$17,14,0)+IF('Standard Profiles'!$G$19=$B$24,21,0),0)),0)</f>
        <v>2.7108875436314124</v>
      </c>
      <c r="F6235" cm="1">
        <f t="array" ref="F6235">IFERROR(INDEX(Jesper!AJ$2:AJ$366,ROUNDDOWN($C6235/24,0)+1,1)*INDEX($D$3:$AA$30,INDEX(Jesper!$R$2:$R$366,ROW(INDEX(Jesper!AJ$2:AJ$366,ROUNDDOWN($C6235/24,0)+1,1))-1)+IF('Standard Profiles'!$G$20=$B$10,7,0)+IF('Standard Profiles'!$G$20=$B$17,14,0)+IF('Standard Profiles'!$G$20=$B$24,21,0),MOD($C6235,24)+1)/SUM(INDEX($D$3:$AA$30,INDEX(Jesper!$R$2:$R$366,ROW(INDEX(Jesper!AJ$2:AJ$366,ROUNDDOWN($C6235/24,0)+1,1))-1)+IF('Standard Profiles'!$G$20=$B$10,7,0)+IF('Standard Profiles'!$G$20=$B$17,14,0)+IF('Standard Profiles'!$G$20=$B$24,21,0),0)),0)</f>
        <v>1.1148124219813431</v>
      </c>
      <c r="G6235" cm="1">
        <f t="array" ref="G6235">IFERROR(INDEX(Jesper!AK$2:AK$366,ROUNDDOWN($C6235/24,0)+1,1)*INDEX($D$3:$AA$30,INDEX(Jesper!$R$2:$R$366,ROW(INDEX(Jesper!AK$2:AK$366,ROUNDDOWN($C6235/24,0)+1,1))-1)+IF('Standard Profiles'!$G$21=$B$10,7,0)+IF('Standard Profiles'!$G$21=$B$17,14,0)+IF('Standard Profiles'!$G$21=$B$24,21,0),MOD($C6235,24)+1)/SUM(INDEX($D$3:$AA$30,INDEX(Jesper!$R$2:$R$366,ROW(INDEX(Jesper!AK$2:AK$366,ROUNDDOWN($C6235/24,0)+1,1))-1)+IF('Standard Profiles'!$G$21=$B$10,7,0)+IF('Standard Profiles'!$G$21=$B$17,14,0)+IF('Standard Profiles'!$G$21=$B$24,21,0),0)),0)</f>
        <v>0.6008967442195009</v>
      </c>
      <c r="H6235" cm="1">
        <f t="array" ref="H6235">IFERROR(INDEX(Jesper!AL$2:AL$366,ROUNDDOWN($C6235/24,0)+1,1)*INDEX($D$3:$AA$30,INDEX(Jesper!$R$2:$R$366,ROW(INDEX(Jesper!AL$2:AL$366,ROUNDDOWN($C6235/24,0)+1,1))-1)+IF('Standard Profiles'!$G$22=$B$10,7,0)+IF('Standard Profiles'!$G$22=$B$17,14,0)+IF('Standard Profiles'!$G$22=$B$24,21,0),MOD($C6235,24)+1)/SUM(INDEX($D$3:$AA$30,INDEX(Jesper!$R$2:$R$366,ROW(INDEX(Jesper!AL$2:AL$366,ROUNDDOWN($C6235/24,0)+1,1))-1)+IF('Standard Profiles'!$G$22=$B$10,7,0)+IF('Standard Profiles'!$G$22=$B$17,14,0)+IF('Standard Profiles'!$G$22=$B$24,21,0),0)),0)</f>
        <v>0.30740821301829302</v>
      </c>
      <c r="I6235">
        <f t="shared" si="692"/>
        <v>0.29511188449756148</v>
      </c>
      <c r="J6235">
        <f t="shared" si="693"/>
        <v>4.1135865331172186</v>
      </c>
      <c r="K6235">
        <f t="shared" si="694"/>
        <v>0.216871003490513</v>
      </c>
      <c r="L6235">
        <f t="shared" si="695"/>
        <v>0.1084355017452565</v>
      </c>
      <c r="M6235">
        <f t="shared" si="696"/>
        <v>0</v>
      </c>
      <c r="N6235" s="45">
        <f t="shared" si="697"/>
        <v>45185.374999984961</v>
      </c>
    </row>
    <row r="6236" spans="2:14" x14ac:dyDescent="0.25">
      <c r="B6236">
        <f t="shared" si="691"/>
        <v>6</v>
      </c>
      <c r="C6236" s="16">
        <v>6202</v>
      </c>
      <c r="D6236" cm="1">
        <f t="array" ref="D6236">IFERROR(INDEX(Jesper!AH$2:AH$366,ROUNDDOWN($C6236/24,0)+1,1)*INDEX($D$3:$AA$30,INDEX(Jesper!$R$2:$R$366,ROW(INDEX(Jesper!AH$2:AH$366,ROUNDDOWN($C6236/24,0)+1,1))-1)+IF('Standard Profiles'!$G$18=$B$10,7,0)+IF('Standard Profiles'!$G$18=$B$17,14,0)+IF('Standard Profiles'!$G$18=$B$24,21,0),MOD($C6236,24)+1)/SUM(INDEX($D$3:$AA$30,INDEX(Jesper!$R$2:$R$366,ROW(INDEX(Jesper!AH$2:AH$366,ROUNDDOWN($C6236/24,0)+1,1))-1)+IF('Standard Profiles'!$G$18=$B$10,7,0)+IF('Standard Profiles'!$G$18=$B$17,14,0)+IF('Standard Profiles'!$G$18=$B$24,21,0),0)),0)</f>
        <v>0</v>
      </c>
      <c r="E6236" cm="1">
        <f t="array" ref="E6236">IFERROR(INDEX(Jesper!AI$2:AI$366,ROUNDDOWN($C6236/24,0)+1,1)*INDEX($D$3:$AA$30,INDEX(Jesper!$R$2:$R$366,ROW(INDEX(Jesper!AI$2:AI$366,ROUNDDOWN($C6236/24,0)+1,1))-1)+IF('Standard Profiles'!$G$19=$B$10,7,0)+IF('Standard Profiles'!$G$19=$B$17,14,0)+IF('Standard Profiles'!$G$19=$B$24,21,0),MOD($C6236,24)+1)/SUM(INDEX($D$3:$AA$30,INDEX(Jesper!$R$2:$R$366,ROW(INDEX(Jesper!AI$2:AI$366,ROUNDDOWN($C6236/24,0)+1,1))-1)+IF('Standard Profiles'!$G$19=$B$10,7,0)+IF('Standard Profiles'!$G$19=$B$17,14,0)+IF('Standard Profiles'!$G$19=$B$24,21,0),0)),0)</f>
        <v>2.7108875436314124</v>
      </c>
      <c r="F6236" cm="1">
        <f t="array" ref="F6236">IFERROR(INDEX(Jesper!AJ$2:AJ$366,ROUNDDOWN($C6236/24,0)+1,1)*INDEX($D$3:$AA$30,INDEX(Jesper!$R$2:$R$366,ROW(INDEX(Jesper!AJ$2:AJ$366,ROUNDDOWN($C6236/24,0)+1,1))-1)+IF('Standard Profiles'!$G$20=$B$10,7,0)+IF('Standard Profiles'!$G$20=$B$17,14,0)+IF('Standard Profiles'!$G$20=$B$24,21,0),MOD($C6236,24)+1)/SUM(INDEX($D$3:$AA$30,INDEX(Jesper!$R$2:$R$366,ROW(INDEX(Jesper!AJ$2:AJ$366,ROUNDDOWN($C6236/24,0)+1,1))-1)+IF('Standard Profiles'!$G$20=$B$10,7,0)+IF('Standard Profiles'!$G$20=$B$17,14,0)+IF('Standard Profiles'!$G$20=$B$24,21,0),0)),0)</f>
        <v>1.1148124219813431</v>
      </c>
      <c r="G6236" cm="1">
        <f t="array" ref="G6236">IFERROR(INDEX(Jesper!AK$2:AK$366,ROUNDDOWN($C6236/24,0)+1,1)*INDEX($D$3:$AA$30,INDEX(Jesper!$R$2:$R$366,ROW(INDEX(Jesper!AK$2:AK$366,ROUNDDOWN($C6236/24,0)+1,1))-1)+IF('Standard Profiles'!$G$21=$B$10,7,0)+IF('Standard Profiles'!$G$21=$B$17,14,0)+IF('Standard Profiles'!$G$21=$B$24,21,0),MOD($C6236,24)+1)/SUM(INDEX($D$3:$AA$30,INDEX(Jesper!$R$2:$R$366,ROW(INDEX(Jesper!AK$2:AK$366,ROUNDDOWN($C6236/24,0)+1,1))-1)+IF('Standard Profiles'!$G$21=$B$10,7,0)+IF('Standard Profiles'!$G$21=$B$17,14,0)+IF('Standard Profiles'!$G$21=$B$24,21,0),0)),0)</f>
        <v>0.6008967442195009</v>
      </c>
      <c r="H6236" cm="1">
        <f t="array" ref="H6236">IFERROR(INDEX(Jesper!AL$2:AL$366,ROUNDDOWN($C6236/24,0)+1,1)*INDEX($D$3:$AA$30,INDEX(Jesper!$R$2:$R$366,ROW(INDEX(Jesper!AL$2:AL$366,ROUNDDOWN($C6236/24,0)+1,1))-1)+IF('Standard Profiles'!$G$22=$B$10,7,0)+IF('Standard Profiles'!$G$22=$B$17,14,0)+IF('Standard Profiles'!$G$22=$B$24,21,0),MOD($C6236,24)+1)/SUM(INDEX($D$3:$AA$30,INDEX(Jesper!$R$2:$R$366,ROW(INDEX(Jesper!AL$2:AL$366,ROUNDDOWN($C6236/24,0)+1,1))-1)+IF('Standard Profiles'!$G$22=$B$10,7,0)+IF('Standard Profiles'!$G$22=$B$17,14,0)+IF('Standard Profiles'!$G$22=$B$24,21,0),0)),0)</f>
        <v>0.30740821301829302</v>
      </c>
      <c r="I6236">
        <f t="shared" si="692"/>
        <v>0.29511188449756148</v>
      </c>
      <c r="J6236">
        <f t="shared" si="693"/>
        <v>4.1135865331172186</v>
      </c>
      <c r="K6236">
        <f t="shared" si="694"/>
        <v>0.216871003490513</v>
      </c>
      <c r="L6236">
        <f t="shared" si="695"/>
        <v>0.1084355017452565</v>
      </c>
      <c r="M6236">
        <f t="shared" si="696"/>
        <v>0</v>
      </c>
      <c r="N6236" s="45">
        <f t="shared" si="697"/>
        <v>45185.416666651625</v>
      </c>
    </row>
    <row r="6237" spans="2:14" x14ac:dyDescent="0.25">
      <c r="B6237">
        <f t="shared" si="691"/>
        <v>6</v>
      </c>
      <c r="C6237" s="16">
        <v>6203</v>
      </c>
      <c r="D6237" cm="1">
        <f t="array" ref="D6237">IFERROR(INDEX(Jesper!AH$2:AH$366,ROUNDDOWN($C6237/24,0)+1,1)*INDEX($D$3:$AA$30,INDEX(Jesper!$R$2:$R$366,ROW(INDEX(Jesper!AH$2:AH$366,ROUNDDOWN($C6237/24,0)+1,1))-1)+IF('Standard Profiles'!$G$18=$B$10,7,0)+IF('Standard Profiles'!$G$18=$B$17,14,0)+IF('Standard Profiles'!$G$18=$B$24,21,0),MOD($C6237,24)+1)/SUM(INDEX($D$3:$AA$30,INDEX(Jesper!$R$2:$R$366,ROW(INDEX(Jesper!AH$2:AH$366,ROUNDDOWN($C6237/24,0)+1,1))-1)+IF('Standard Profiles'!$G$18=$B$10,7,0)+IF('Standard Profiles'!$G$18=$B$17,14,0)+IF('Standard Profiles'!$G$18=$B$24,21,0),0)),0)</f>
        <v>0</v>
      </c>
      <c r="E6237" cm="1">
        <f t="array" ref="E6237">IFERROR(INDEX(Jesper!AI$2:AI$366,ROUNDDOWN($C6237/24,0)+1,1)*INDEX($D$3:$AA$30,INDEX(Jesper!$R$2:$R$366,ROW(INDEX(Jesper!AI$2:AI$366,ROUNDDOWN($C6237/24,0)+1,1))-1)+IF('Standard Profiles'!$G$19=$B$10,7,0)+IF('Standard Profiles'!$G$19=$B$17,14,0)+IF('Standard Profiles'!$G$19=$B$24,21,0),MOD($C6237,24)+1)/SUM(INDEX($D$3:$AA$30,INDEX(Jesper!$R$2:$R$366,ROW(INDEX(Jesper!AI$2:AI$366,ROUNDDOWN($C6237/24,0)+1,1))-1)+IF('Standard Profiles'!$G$19=$B$10,7,0)+IF('Standard Profiles'!$G$19=$B$17,14,0)+IF('Standard Profiles'!$G$19=$B$24,21,0),0)),0)</f>
        <v>2.7108875436314124</v>
      </c>
      <c r="F6237" cm="1">
        <f t="array" ref="F6237">IFERROR(INDEX(Jesper!AJ$2:AJ$366,ROUNDDOWN($C6237/24,0)+1,1)*INDEX($D$3:$AA$30,INDEX(Jesper!$R$2:$R$366,ROW(INDEX(Jesper!AJ$2:AJ$366,ROUNDDOWN($C6237/24,0)+1,1))-1)+IF('Standard Profiles'!$G$20=$B$10,7,0)+IF('Standard Profiles'!$G$20=$B$17,14,0)+IF('Standard Profiles'!$G$20=$B$24,21,0),MOD($C6237,24)+1)/SUM(INDEX($D$3:$AA$30,INDEX(Jesper!$R$2:$R$366,ROW(INDEX(Jesper!AJ$2:AJ$366,ROUNDDOWN($C6237/24,0)+1,1))-1)+IF('Standard Profiles'!$G$20=$B$10,7,0)+IF('Standard Profiles'!$G$20=$B$17,14,0)+IF('Standard Profiles'!$G$20=$B$24,21,0),0)),0)</f>
        <v>1.1148124219813431</v>
      </c>
      <c r="G6237" cm="1">
        <f t="array" ref="G6237">IFERROR(INDEX(Jesper!AK$2:AK$366,ROUNDDOWN($C6237/24,0)+1,1)*INDEX($D$3:$AA$30,INDEX(Jesper!$R$2:$R$366,ROW(INDEX(Jesper!AK$2:AK$366,ROUNDDOWN($C6237/24,0)+1,1))-1)+IF('Standard Profiles'!$G$21=$B$10,7,0)+IF('Standard Profiles'!$G$21=$B$17,14,0)+IF('Standard Profiles'!$G$21=$B$24,21,0),MOD($C6237,24)+1)/SUM(INDEX($D$3:$AA$30,INDEX(Jesper!$R$2:$R$366,ROW(INDEX(Jesper!AK$2:AK$366,ROUNDDOWN($C6237/24,0)+1,1))-1)+IF('Standard Profiles'!$G$21=$B$10,7,0)+IF('Standard Profiles'!$G$21=$B$17,14,0)+IF('Standard Profiles'!$G$21=$B$24,21,0),0)),0)</f>
        <v>0.6008967442195009</v>
      </c>
      <c r="H6237" cm="1">
        <f t="array" ref="H6237">IFERROR(INDEX(Jesper!AL$2:AL$366,ROUNDDOWN($C6237/24,0)+1,1)*INDEX($D$3:$AA$30,INDEX(Jesper!$R$2:$R$366,ROW(INDEX(Jesper!AL$2:AL$366,ROUNDDOWN($C6237/24,0)+1,1))-1)+IF('Standard Profiles'!$G$22=$B$10,7,0)+IF('Standard Profiles'!$G$22=$B$17,14,0)+IF('Standard Profiles'!$G$22=$B$24,21,0),MOD($C6237,24)+1)/SUM(INDEX($D$3:$AA$30,INDEX(Jesper!$R$2:$R$366,ROW(INDEX(Jesper!AL$2:AL$366,ROUNDDOWN($C6237/24,0)+1,1))-1)+IF('Standard Profiles'!$G$22=$B$10,7,0)+IF('Standard Profiles'!$G$22=$B$17,14,0)+IF('Standard Profiles'!$G$22=$B$24,21,0),0)),0)</f>
        <v>0.30740821301829302</v>
      </c>
      <c r="I6237">
        <f t="shared" si="692"/>
        <v>0.29511188449756148</v>
      </c>
      <c r="J6237">
        <f t="shared" si="693"/>
        <v>4.1135865331172186</v>
      </c>
      <c r="K6237">
        <f t="shared" si="694"/>
        <v>0.216871003490513</v>
      </c>
      <c r="L6237">
        <f t="shared" si="695"/>
        <v>0.1084355017452565</v>
      </c>
      <c r="M6237">
        <f t="shared" si="696"/>
        <v>0</v>
      </c>
      <c r="N6237" s="45">
        <f t="shared" si="697"/>
        <v>45185.458333318289</v>
      </c>
    </row>
    <row r="6238" spans="2:14" x14ac:dyDescent="0.25">
      <c r="B6238">
        <f t="shared" si="691"/>
        <v>6</v>
      </c>
      <c r="C6238" s="16">
        <v>6204</v>
      </c>
      <c r="D6238" cm="1">
        <f t="array" ref="D6238">IFERROR(INDEX(Jesper!AH$2:AH$366,ROUNDDOWN($C6238/24,0)+1,1)*INDEX($D$3:$AA$30,INDEX(Jesper!$R$2:$R$366,ROW(INDEX(Jesper!AH$2:AH$366,ROUNDDOWN($C6238/24,0)+1,1))-1)+IF('Standard Profiles'!$G$18=$B$10,7,0)+IF('Standard Profiles'!$G$18=$B$17,14,0)+IF('Standard Profiles'!$G$18=$B$24,21,0),MOD($C6238,24)+1)/SUM(INDEX($D$3:$AA$30,INDEX(Jesper!$R$2:$R$366,ROW(INDEX(Jesper!AH$2:AH$366,ROUNDDOWN($C6238/24,0)+1,1))-1)+IF('Standard Profiles'!$G$18=$B$10,7,0)+IF('Standard Profiles'!$G$18=$B$17,14,0)+IF('Standard Profiles'!$G$18=$B$24,21,0),0)),0)</f>
        <v>0</v>
      </c>
      <c r="E6238" cm="1">
        <f t="array" ref="E6238">IFERROR(INDEX(Jesper!AI$2:AI$366,ROUNDDOWN($C6238/24,0)+1,1)*INDEX($D$3:$AA$30,INDEX(Jesper!$R$2:$R$366,ROW(INDEX(Jesper!AI$2:AI$366,ROUNDDOWN($C6238/24,0)+1,1))-1)+IF('Standard Profiles'!$G$19=$B$10,7,0)+IF('Standard Profiles'!$G$19=$B$17,14,0)+IF('Standard Profiles'!$G$19=$B$24,21,0),MOD($C6238,24)+1)/SUM(INDEX($D$3:$AA$30,INDEX(Jesper!$R$2:$R$366,ROW(INDEX(Jesper!AI$2:AI$366,ROUNDDOWN($C6238/24,0)+1,1))-1)+IF('Standard Profiles'!$G$19=$B$10,7,0)+IF('Standard Profiles'!$G$19=$B$17,14,0)+IF('Standard Profiles'!$G$19=$B$24,21,0),0)),0)</f>
        <v>2.7108875436314124</v>
      </c>
      <c r="F6238" cm="1">
        <f t="array" ref="F6238">IFERROR(INDEX(Jesper!AJ$2:AJ$366,ROUNDDOWN($C6238/24,0)+1,1)*INDEX($D$3:$AA$30,INDEX(Jesper!$R$2:$R$366,ROW(INDEX(Jesper!AJ$2:AJ$366,ROUNDDOWN($C6238/24,0)+1,1))-1)+IF('Standard Profiles'!$G$20=$B$10,7,0)+IF('Standard Profiles'!$G$20=$B$17,14,0)+IF('Standard Profiles'!$G$20=$B$24,21,0),MOD($C6238,24)+1)/SUM(INDEX($D$3:$AA$30,INDEX(Jesper!$R$2:$R$366,ROW(INDEX(Jesper!AJ$2:AJ$366,ROUNDDOWN($C6238/24,0)+1,1))-1)+IF('Standard Profiles'!$G$20=$B$10,7,0)+IF('Standard Profiles'!$G$20=$B$17,14,0)+IF('Standard Profiles'!$G$20=$B$24,21,0),0)),0)</f>
        <v>1.1148124219813431</v>
      </c>
      <c r="G6238" cm="1">
        <f t="array" ref="G6238">IFERROR(INDEX(Jesper!AK$2:AK$366,ROUNDDOWN($C6238/24,0)+1,1)*INDEX($D$3:$AA$30,INDEX(Jesper!$R$2:$R$366,ROW(INDEX(Jesper!AK$2:AK$366,ROUNDDOWN($C6238/24,0)+1,1))-1)+IF('Standard Profiles'!$G$21=$B$10,7,0)+IF('Standard Profiles'!$G$21=$B$17,14,0)+IF('Standard Profiles'!$G$21=$B$24,21,0),MOD($C6238,24)+1)/SUM(INDEX($D$3:$AA$30,INDEX(Jesper!$R$2:$R$366,ROW(INDEX(Jesper!AK$2:AK$366,ROUNDDOWN($C6238/24,0)+1,1))-1)+IF('Standard Profiles'!$G$21=$B$10,7,0)+IF('Standard Profiles'!$G$21=$B$17,14,0)+IF('Standard Profiles'!$G$21=$B$24,21,0),0)),0)</f>
        <v>0.6008967442195009</v>
      </c>
      <c r="H6238" cm="1">
        <f t="array" ref="H6238">IFERROR(INDEX(Jesper!AL$2:AL$366,ROUNDDOWN($C6238/24,0)+1,1)*INDEX($D$3:$AA$30,INDEX(Jesper!$R$2:$R$366,ROW(INDEX(Jesper!AL$2:AL$366,ROUNDDOWN($C6238/24,0)+1,1))-1)+IF('Standard Profiles'!$G$22=$B$10,7,0)+IF('Standard Profiles'!$G$22=$B$17,14,0)+IF('Standard Profiles'!$G$22=$B$24,21,0),MOD($C6238,24)+1)/SUM(INDEX($D$3:$AA$30,INDEX(Jesper!$R$2:$R$366,ROW(INDEX(Jesper!AL$2:AL$366,ROUNDDOWN($C6238/24,0)+1,1))-1)+IF('Standard Profiles'!$G$22=$B$10,7,0)+IF('Standard Profiles'!$G$22=$B$17,14,0)+IF('Standard Profiles'!$G$22=$B$24,21,0),0)),0)</f>
        <v>0.30740821301829302</v>
      </c>
      <c r="I6238">
        <f t="shared" si="692"/>
        <v>0.29511188449756148</v>
      </c>
      <c r="J6238">
        <f t="shared" si="693"/>
        <v>4.1135865331172186</v>
      </c>
      <c r="K6238">
        <f t="shared" si="694"/>
        <v>0.216871003490513</v>
      </c>
      <c r="L6238">
        <f t="shared" si="695"/>
        <v>0.1084355017452565</v>
      </c>
      <c r="M6238">
        <f t="shared" si="696"/>
        <v>0</v>
      </c>
      <c r="N6238" s="45">
        <f t="shared" si="697"/>
        <v>45185.499999984953</v>
      </c>
    </row>
    <row r="6239" spans="2:14" x14ac:dyDescent="0.25">
      <c r="B6239">
        <f t="shared" si="691"/>
        <v>6</v>
      </c>
      <c r="C6239" s="16">
        <v>6205</v>
      </c>
      <c r="D6239" cm="1">
        <f t="array" ref="D6239">IFERROR(INDEX(Jesper!AH$2:AH$366,ROUNDDOWN($C6239/24,0)+1,1)*INDEX($D$3:$AA$30,INDEX(Jesper!$R$2:$R$366,ROW(INDEX(Jesper!AH$2:AH$366,ROUNDDOWN($C6239/24,0)+1,1))-1)+IF('Standard Profiles'!$G$18=$B$10,7,0)+IF('Standard Profiles'!$G$18=$B$17,14,0)+IF('Standard Profiles'!$G$18=$B$24,21,0),MOD($C6239,24)+1)/SUM(INDEX($D$3:$AA$30,INDEX(Jesper!$R$2:$R$366,ROW(INDEX(Jesper!AH$2:AH$366,ROUNDDOWN($C6239/24,0)+1,1))-1)+IF('Standard Profiles'!$G$18=$B$10,7,0)+IF('Standard Profiles'!$G$18=$B$17,14,0)+IF('Standard Profiles'!$G$18=$B$24,21,0),0)),0)</f>
        <v>0</v>
      </c>
      <c r="E6239" cm="1">
        <f t="array" ref="E6239">IFERROR(INDEX(Jesper!AI$2:AI$366,ROUNDDOWN($C6239/24,0)+1,1)*INDEX($D$3:$AA$30,INDEX(Jesper!$R$2:$R$366,ROW(INDEX(Jesper!AI$2:AI$366,ROUNDDOWN($C6239/24,0)+1,1))-1)+IF('Standard Profiles'!$G$19=$B$10,7,0)+IF('Standard Profiles'!$G$19=$B$17,14,0)+IF('Standard Profiles'!$G$19=$B$24,21,0),MOD($C6239,24)+1)/SUM(INDEX($D$3:$AA$30,INDEX(Jesper!$R$2:$R$366,ROW(INDEX(Jesper!AI$2:AI$366,ROUNDDOWN($C6239/24,0)+1,1))-1)+IF('Standard Profiles'!$G$19=$B$10,7,0)+IF('Standard Profiles'!$G$19=$B$17,14,0)+IF('Standard Profiles'!$G$19=$B$24,21,0),0)),0)</f>
        <v>2.7108875436314124</v>
      </c>
      <c r="F6239" cm="1">
        <f t="array" ref="F6239">IFERROR(INDEX(Jesper!AJ$2:AJ$366,ROUNDDOWN($C6239/24,0)+1,1)*INDEX($D$3:$AA$30,INDEX(Jesper!$R$2:$R$366,ROW(INDEX(Jesper!AJ$2:AJ$366,ROUNDDOWN($C6239/24,0)+1,1))-1)+IF('Standard Profiles'!$G$20=$B$10,7,0)+IF('Standard Profiles'!$G$20=$B$17,14,0)+IF('Standard Profiles'!$G$20=$B$24,21,0),MOD($C6239,24)+1)/SUM(INDEX($D$3:$AA$30,INDEX(Jesper!$R$2:$R$366,ROW(INDEX(Jesper!AJ$2:AJ$366,ROUNDDOWN($C6239/24,0)+1,1))-1)+IF('Standard Profiles'!$G$20=$B$10,7,0)+IF('Standard Profiles'!$G$20=$B$17,14,0)+IF('Standard Profiles'!$G$20=$B$24,21,0),0)),0)</f>
        <v>1.1148124219813431</v>
      </c>
      <c r="G6239" cm="1">
        <f t="array" ref="G6239">IFERROR(INDEX(Jesper!AK$2:AK$366,ROUNDDOWN($C6239/24,0)+1,1)*INDEX($D$3:$AA$30,INDEX(Jesper!$R$2:$R$366,ROW(INDEX(Jesper!AK$2:AK$366,ROUNDDOWN($C6239/24,0)+1,1))-1)+IF('Standard Profiles'!$G$21=$B$10,7,0)+IF('Standard Profiles'!$G$21=$B$17,14,0)+IF('Standard Profiles'!$G$21=$B$24,21,0),MOD($C6239,24)+1)/SUM(INDEX($D$3:$AA$30,INDEX(Jesper!$R$2:$R$366,ROW(INDEX(Jesper!AK$2:AK$366,ROUNDDOWN($C6239/24,0)+1,1))-1)+IF('Standard Profiles'!$G$21=$B$10,7,0)+IF('Standard Profiles'!$G$21=$B$17,14,0)+IF('Standard Profiles'!$G$21=$B$24,21,0),0)),0)</f>
        <v>0.6008967442195009</v>
      </c>
      <c r="H6239" cm="1">
        <f t="array" ref="H6239">IFERROR(INDEX(Jesper!AL$2:AL$366,ROUNDDOWN($C6239/24,0)+1,1)*INDEX($D$3:$AA$30,INDEX(Jesper!$R$2:$R$366,ROW(INDEX(Jesper!AL$2:AL$366,ROUNDDOWN($C6239/24,0)+1,1))-1)+IF('Standard Profiles'!$G$22=$B$10,7,0)+IF('Standard Profiles'!$G$22=$B$17,14,0)+IF('Standard Profiles'!$G$22=$B$24,21,0),MOD($C6239,24)+1)/SUM(INDEX($D$3:$AA$30,INDEX(Jesper!$R$2:$R$366,ROW(INDEX(Jesper!AL$2:AL$366,ROUNDDOWN($C6239/24,0)+1,1))-1)+IF('Standard Profiles'!$G$22=$B$10,7,0)+IF('Standard Profiles'!$G$22=$B$17,14,0)+IF('Standard Profiles'!$G$22=$B$24,21,0),0)),0)</f>
        <v>0.30740821301829302</v>
      </c>
      <c r="I6239">
        <f t="shared" si="692"/>
        <v>0.29511188449756148</v>
      </c>
      <c r="J6239">
        <f t="shared" si="693"/>
        <v>4.1135865331172186</v>
      </c>
      <c r="K6239">
        <f t="shared" si="694"/>
        <v>0.216871003490513</v>
      </c>
      <c r="L6239">
        <f t="shared" si="695"/>
        <v>0.1084355017452565</v>
      </c>
      <c r="M6239">
        <f t="shared" si="696"/>
        <v>0</v>
      </c>
      <c r="N6239" s="45">
        <f t="shared" si="697"/>
        <v>45185.541666651618</v>
      </c>
    </row>
    <row r="6240" spans="2:14" x14ac:dyDescent="0.25">
      <c r="B6240">
        <f t="shared" si="691"/>
        <v>6</v>
      </c>
      <c r="C6240" s="16">
        <v>6206</v>
      </c>
      <c r="D6240" cm="1">
        <f t="array" ref="D6240">IFERROR(INDEX(Jesper!AH$2:AH$366,ROUNDDOWN($C6240/24,0)+1,1)*INDEX($D$3:$AA$30,INDEX(Jesper!$R$2:$R$366,ROW(INDEX(Jesper!AH$2:AH$366,ROUNDDOWN($C6240/24,0)+1,1))-1)+IF('Standard Profiles'!$G$18=$B$10,7,0)+IF('Standard Profiles'!$G$18=$B$17,14,0)+IF('Standard Profiles'!$G$18=$B$24,21,0),MOD($C6240,24)+1)/SUM(INDEX($D$3:$AA$30,INDEX(Jesper!$R$2:$R$366,ROW(INDEX(Jesper!AH$2:AH$366,ROUNDDOWN($C6240/24,0)+1,1))-1)+IF('Standard Profiles'!$G$18=$B$10,7,0)+IF('Standard Profiles'!$G$18=$B$17,14,0)+IF('Standard Profiles'!$G$18=$B$24,21,0),0)),0)</f>
        <v>0</v>
      </c>
      <c r="E6240" cm="1">
        <f t="array" ref="E6240">IFERROR(INDEX(Jesper!AI$2:AI$366,ROUNDDOWN($C6240/24,0)+1,1)*INDEX($D$3:$AA$30,INDEX(Jesper!$R$2:$R$366,ROW(INDEX(Jesper!AI$2:AI$366,ROUNDDOWN($C6240/24,0)+1,1))-1)+IF('Standard Profiles'!$G$19=$B$10,7,0)+IF('Standard Profiles'!$G$19=$B$17,14,0)+IF('Standard Profiles'!$G$19=$B$24,21,0),MOD($C6240,24)+1)/SUM(INDEX($D$3:$AA$30,INDEX(Jesper!$R$2:$R$366,ROW(INDEX(Jesper!AI$2:AI$366,ROUNDDOWN($C6240/24,0)+1,1))-1)+IF('Standard Profiles'!$G$19=$B$10,7,0)+IF('Standard Profiles'!$G$19=$B$17,14,0)+IF('Standard Profiles'!$G$19=$B$24,21,0),0)),0)</f>
        <v>2.7108875436314124</v>
      </c>
      <c r="F6240" cm="1">
        <f t="array" ref="F6240">IFERROR(INDEX(Jesper!AJ$2:AJ$366,ROUNDDOWN($C6240/24,0)+1,1)*INDEX($D$3:$AA$30,INDEX(Jesper!$R$2:$R$366,ROW(INDEX(Jesper!AJ$2:AJ$366,ROUNDDOWN($C6240/24,0)+1,1))-1)+IF('Standard Profiles'!$G$20=$B$10,7,0)+IF('Standard Profiles'!$G$20=$B$17,14,0)+IF('Standard Profiles'!$G$20=$B$24,21,0),MOD($C6240,24)+1)/SUM(INDEX($D$3:$AA$30,INDEX(Jesper!$R$2:$R$366,ROW(INDEX(Jesper!AJ$2:AJ$366,ROUNDDOWN($C6240/24,0)+1,1))-1)+IF('Standard Profiles'!$G$20=$B$10,7,0)+IF('Standard Profiles'!$G$20=$B$17,14,0)+IF('Standard Profiles'!$G$20=$B$24,21,0),0)),0)</f>
        <v>1.1148124219813431</v>
      </c>
      <c r="G6240" cm="1">
        <f t="array" ref="G6240">IFERROR(INDEX(Jesper!AK$2:AK$366,ROUNDDOWN($C6240/24,0)+1,1)*INDEX($D$3:$AA$30,INDEX(Jesper!$R$2:$R$366,ROW(INDEX(Jesper!AK$2:AK$366,ROUNDDOWN($C6240/24,0)+1,1))-1)+IF('Standard Profiles'!$G$21=$B$10,7,0)+IF('Standard Profiles'!$G$21=$B$17,14,0)+IF('Standard Profiles'!$G$21=$B$24,21,0),MOD($C6240,24)+1)/SUM(INDEX($D$3:$AA$30,INDEX(Jesper!$R$2:$R$366,ROW(INDEX(Jesper!AK$2:AK$366,ROUNDDOWN($C6240/24,0)+1,1))-1)+IF('Standard Profiles'!$G$21=$B$10,7,0)+IF('Standard Profiles'!$G$21=$B$17,14,0)+IF('Standard Profiles'!$G$21=$B$24,21,0),0)),0)</f>
        <v>0.6008967442195009</v>
      </c>
      <c r="H6240" cm="1">
        <f t="array" ref="H6240">IFERROR(INDEX(Jesper!AL$2:AL$366,ROUNDDOWN($C6240/24,0)+1,1)*INDEX($D$3:$AA$30,INDEX(Jesper!$R$2:$R$366,ROW(INDEX(Jesper!AL$2:AL$366,ROUNDDOWN($C6240/24,0)+1,1))-1)+IF('Standard Profiles'!$G$22=$B$10,7,0)+IF('Standard Profiles'!$G$22=$B$17,14,0)+IF('Standard Profiles'!$G$22=$B$24,21,0),MOD($C6240,24)+1)/SUM(INDEX($D$3:$AA$30,INDEX(Jesper!$R$2:$R$366,ROW(INDEX(Jesper!AL$2:AL$366,ROUNDDOWN($C6240/24,0)+1,1))-1)+IF('Standard Profiles'!$G$22=$B$10,7,0)+IF('Standard Profiles'!$G$22=$B$17,14,0)+IF('Standard Profiles'!$G$22=$B$24,21,0),0)),0)</f>
        <v>0.30740821301829302</v>
      </c>
      <c r="I6240">
        <f t="shared" si="692"/>
        <v>0.29511188449756148</v>
      </c>
      <c r="J6240">
        <f t="shared" si="693"/>
        <v>4.1135865331172186</v>
      </c>
      <c r="K6240">
        <f t="shared" si="694"/>
        <v>0.216871003490513</v>
      </c>
      <c r="L6240">
        <f t="shared" si="695"/>
        <v>0.1084355017452565</v>
      </c>
      <c r="M6240">
        <f t="shared" si="696"/>
        <v>0</v>
      </c>
      <c r="N6240" s="45">
        <f t="shared" si="697"/>
        <v>45185.583333318282</v>
      </c>
    </row>
    <row r="6241" spans="2:14" x14ac:dyDescent="0.25">
      <c r="B6241">
        <f t="shared" si="691"/>
        <v>6</v>
      </c>
      <c r="C6241" s="16">
        <v>6207</v>
      </c>
      <c r="D6241" cm="1">
        <f t="array" ref="D6241">IFERROR(INDEX(Jesper!AH$2:AH$366,ROUNDDOWN($C6241/24,0)+1,1)*INDEX($D$3:$AA$30,INDEX(Jesper!$R$2:$R$366,ROW(INDEX(Jesper!AH$2:AH$366,ROUNDDOWN($C6241/24,0)+1,1))-1)+IF('Standard Profiles'!$G$18=$B$10,7,0)+IF('Standard Profiles'!$G$18=$B$17,14,0)+IF('Standard Profiles'!$G$18=$B$24,21,0),MOD($C6241,24)+1)/SUM(INDEX($D$3:$AA$30,INDEX(Jesper!$R$2:$R$366,ROW(INDEX(Jesper!AH$2:AH$366,ROUNDDOWN($C6241/24,0)+1,1))-1)+IF('Standard Profiles'!$G$18=$B$10,7,0)+IF('Standard Profiles'!$G$18=$B$17,14,0)+IF('Standard Profiles'!$G$18=$B$24,21,0),0)),0)</f>
        <v>0</v>
      </c>
      <c r="E6241" cm="1">
        <f t="array" ref="E6241">IFERROR(INDEX(Jesper!AI$2:AI$366,ROUNDDOWN($C6241/24,0)+1,1)*INDEX($D$3:$AA$30,INDEX(Jesper!$R$2:$R$366,ROW(INDEX(Jesper!AI$2:AI$366,ROUNDDOWN($C6241/24,0)+1,1))-1)+IF('Standard Profiles'!$G$19=$B$10,7,0)+IF('Standard Profiles'!$G$19=$B$17,14,0)+IF('Standard Profiles'!$G$19=$B$24,21,0),MOD($C6241,24)+1)/SUM(INDEX($D$3:$AA$30,INDEX(Jesper!$R$2:$R$366,ROW(INDEX(Jesper!AI$2:AI$366,ROUNDDOWN($C6241/24,0)+1,1))-1)+IF('Standard Profiles'!$G$19=$B$10,7,0)+IF('Standard Profiles'!$G$19=$B$17,14,0)+IF('Standard Profiles'!$G$19=$B$24,21,0),0)),0)</f>
        <v>2.7108875436314124</v>
      </c>
      <c r="F6241" cm="1">
        <f t="array" ref="F6241">IFERROR(INDEX(Jesper!AJ$2:AJ$366,ROUNDDOWN($C6241/24,0)+1,1)*INDEX($D$3:$AA$30,INDEX(Jesper!$R$2:$R$366,ROW(INDEX(Jesper!AJ$2:AJ$366,ROUNDDOWN($C6241/24,0)+1,1))-1)+IF('Standard Profiles'!$G$20=$B$10,7,0)+IF('Standard Profiles'!$G$20=$B$17,14,0)+IF('Standard Profiles'!$G$20=$B$24,21,0),MOD($C6241,24)+1)/SUM(INDEX($D$3:$AA$30,INDEX(Jesper!$R$2:$R$366,ROW(INDEX(Jesper!AJ$2:AJ$366,ROUNDDOWN($C6241/24,0)+1,1))-1)+IF('Standard Profiles'!$G$20=$B$10,7,0)+IF('Standard Profiles'!$G$20=$B$17,14,0)+IF('Standard Profiles'!$G$20=$B$24,21,0),0)),0)</f>
        <v>1.1148124219813431</v>
      </c>
      <c r="G6241" cm="1">
        <f t="array" ref="G6241">IFERROR(INDEX(Jesper!AK$2:AK$366,ROUNDDOWN($C6241/24,0)+1,1)*INDEX($D$3:$AA$30,INDEX(Jesper!$R$2:$R$366,ROW(INDEX(Jesper!AK$2:AK$366,ROUNDDOWN($C6241/24,0)+1,1))-1)+IF('Standard Profiles'!$G$21=$B$10,7,0)+IF('Standard Profiles'!$G$21=$B$17,14,0)+IF('Standard Profiles'!$G$21=$B$24,21,0),MOD($C6241,24)+1)/SUM(INDEX($D$3:$AA$30,INDEX(Jesper!$R$2:$R$366,ROW(INDEX(Jesper!AK$2:AK$366,ROUNDDOWN($C6241/24,0)+1,1))-1)+IF('Standard Profiles'!$G$21=$B$10,7,0)+IF('Standard Profiles'!$G$21=$B$17,14,0)+IF('Standard Profiles'!$G$21=$B$24,21,0),0)),0)</f>
        <v>0.6008967442195009</v>
      </c>
      <c r="H6241" cm="1">
        <f t="array" ref="H6241">IFERROR(INDEX(Jesper!AL$2:AL$366,ROUNDDOWN($C6241/24,0)+1,1)*INDEX($D$3:$AA$30,INDEX(Jesper!$R$2:$R$366,ROW(INDEX(Jesper!AL$2:AL$366,ROUNDDOWN($C6241/24,0)+1,1))-1)+IF('Standard Profiles'!$G$22=$B$10,7,0)+IF('Standard Profiles'!$G$22=$B$17,14,0)+IF('Standard Profiles'!$G$22=$B$24,21,0),MOD($C6241,24)+1)/SUM(INDEX($D$3:$AA$30,INDEX(Jesper!$R$2:$R$366,ROW(INDEX(Jesper!AL$2:AL$366,ROUNDDOWN($C6241/24,0)+1,1))-1)+IF('Standard Profiles'!$G$22=$B$10,7,0)+IF('Standard Profiles'!$G$22=$B$17,14,0)+IF('Standard Profiles'!$G$22=$B$24,21,0),0)),0)</f>
        <v>0.27793071313982654</v>
      </c>
      <c r="I6241">
        <f t="shared" si="692"/>
        <v>0.2668134846142336</v>
      </c>
      <c r="J6241">
        <f t="shared" si="693"/>
        <v>4.1124074331220797</v>
      </c>
      <c r="K6241">
        <f t="shared" si="694"/>
        <v>0.216871003490513</v>
      </c>
      <c r="L6241">
        <f t="shared" si="695"/>
        <v>0.1084355017452565</v>
      </c>
      <c r="M6241">
        <f t="shared" si="696"/>
        <v>0</v>
      </c>
      <c r="N6241" s="45">
        <f t="shared" si="697"/>
        <v>45185.624999984946</v>
      </c>
    </row>
    <row r="6242" spans="2:14" x14ac:dyDescent="0.25">
      <c r="B6242">
        <f t="shared" si="691"/>
        <v>6</v>
      </c>
      <c r="C6242" s="16">
        <v>6208</v>
      </c>
      <c r="D6242" cm="1">
        <f t="array" ref="D6242">IFERROR(INDEX(Jesper!AH$2:AH$366,ROUNDDOWN($C6242/24,0)+1,1)*INDEX($D$3:$AA$30,INDEX(Jesper!$R$2:$R$366,ROW(INDEX(Jesper!AH$2:AH$366,ROUNDDOWN($C6242/24,0)+1,1))-1)+IF('Standard Profiles'!$G$18=$B$10,7,0)+IF('Standard Profiles'!$G$18=$B$17,14,0)+IF('Standard Profiles'!$G$18=$B$24,21,0),MOD($C6242,24)+1)/SUM(INDEX($D$3:$AA$30,INDEX(Jesper!$R$2:$R$366,ROW(INDEX(Jesper!AH$2:AH$366,ROUNDDOWN($C6242/24,0)+1,1))-1)+IF('Standard Profiles'!$G$18=$B$10,7,0)+IF('Standard Profiles'!$G$18=$B$17,14,0)+IF('Standard Profiles'!$G$18=$B$24,21,0),0)),0)</f>
        <v>0</v>
      </c>
      <c r="E6242" cm="1">
        <f t="array" ref="E6242">IFERROR(INDEX(Jesper!AI$2:AI$366,ROUNDDOWN($C6242/24,0)+1,1)*INDEX($D$3:$AA$30,INDEX(Jesper!$R$2:$R$366,ROW(INDEX(Jesper!AI$2:AI$366,ROUNDDOWN($C6242/24,0)+1,1))-1)+IF('Standard Profiles'!$G$19=$B$10,7,0)+IF('Standard Profiles'!$G$19=$B$17,14,0)+IF('Standard Profiles'!$G$19=$B$24,21,0),MOD($C6242,24)+1)/SUM(INDEX($D$3:$AA$30,INDEX(Jesper!$R$2:$R$366,ROW(INDEX(Jesper!AI$2:AI$366,ROUNDDOWN($C6242/24,0)+1,1))-1)+IF('Standard Profiles'!$G$19=$B$10,7,0)+IF('Standard Profiles'!$G$19=$B$17,14,0)+IF('Standard Profiles'!$G$19=$B$24,21,0),0)),0)</f>
        <v>2.7108875436314124</v>
      </c>
      <c r="F6242" cm="1">
        <f t="array" ref="F6242">IFERROR(INDEX(Jesper!AJ$2:AJ$366,ROUNDDOWN($C6242/24,0)+1,1)*INDEX($D$3:$AA$30,INDEX(Jesper!$R$2:$R$366,ROW(INDEX(Jesper!AJ$2:AJ$366,ROUNDDOWN($C6242/24,0)+1,1))-1)+IF('Standard Profiles'!$G$20=$B$10,7,0)+IF('Standard Profiles'!$G$20=$B$17,14,0)+IF('Standard Profiles'!$G$20=$B$24,21,0),MOD($C6242,24)+1)/SUM(INDEX($D$3:$AA$30,INDEX(Jesper!$R$2:$R$366,ROW(INDEX(Jesper!AJ$2:AJ$366,ROUNDDOWN($C6242/24,0)+1,1))-1)+IF('Standard Profiles'!$G$20=$B$10,7,0)+IF('Standard Profiles'!$G$20=$B$17,14,0)+IF('Standard Profiles'!$G$20=$B$24,21,0),0)),0)</f>
        <v>1.1148124219813431</v>
      </c>
      <c r="G6242" cm="1">
        <f t="array" ref="G6242">IFERROR(INDEX(Jesper!AK$2:AK$366,ROUNDDOWN($C6242/24,0)+1,1)*INDEX($D$3:$AA$30,INDEX(Jesper!$R$2:$R$366,ROW(INDEX(Jesper!AK$2:AK$366,ROUNDDOWN($C6242/24,0)+1,1))-1)+IF('Standard Profiles'!$G$21=$B$10,7,0)+IF('Standard Profiles'!$G$21=$B$17,14,0)+IF('Standard Profiles'!$G$21=$B$24,21,0),MOD($C6242,24)+1)/SUM(INDEX($D$3:$AA$30,INDEX(Jesper!$R$2:$R$366,ROW(INDEX(Jesper!AK$2:AK$366,ROUNDDOWN($C6242/24,0)+1,1))-1)+IF('Standard Profiles'!$G$21=$B$10,7,0)+IF('Standard Profiles'!$G$21=$B$17,14,0)+IF('Standard Profiles'!$G$21=$B$24,21,0),0)),0)</f>
        <v>0.6008967442195009</v>
      </c>
      <c r="H6242" cm="1">
        <f t="array" ref="H6242">IFERROR(INDEX(Jesper!AL$2:AL$366,ROUNDDOWN($C6242/24,0)+1,1)*INDEX($D$3:$AA$30,INDEX(Jesper!$R$2:$R$366,ROW(INDEX(Jesper!AL$2:AL$366,ROUNDDOWN($C6242/24,0)+1,1))-1)+IF('Standard Profiles'!$G$22=$B$10,7,0)+IF('Standard Profiles'!$G$22=$B$17,14,0)+IF('Standard Profiles'!$G$22=$B$24,21,0),MOD($C6242,24)+1)/SUM(INDEX($D$3:$AA$30,INDEX(Jesper!$R$2:$R$366,ROW(INDEX(Jesper!AL$2:AL$366,ROUNDDOWN($C6242/24,0)+1,1))-1)+IF('Standard Profiles'!$G$22=$B$10,7,0)+IF('Standard Profiles'!$G$22=$B$17,14,0)+IF('Standard Profiles'!$G$22=$B$24,21,0),0)),0)</f>
        <v>0.25266428467256957</v>
      </c>
      <c r="I6242">
        <f t="shared" si="692"/>
        <v>0.24255771328566691</v>
      </c>
      <c r="J6242">
        <f t="shared" si="693"/>
        <v>4.1113967759833896</v>
      </c>
      <c r="K6242">
        <f t="shared" si="694"/>
        <v>0.216871003490513</v>
      </c>
      <c r="L6242">
        <f t="shared" si="695"/>
        <v>0.1084355017452565</v>
      </c>
      <c r="M6242">
        <f t="shared" si="696"/>
        <v>0</v>
      </c>
      <c r="N6242" s="45">
        <f t="shared" si="697"/>
        <v>45185.66666665161</v>
      </c>
    </row>
    <row r="6243" spans="2:14" x14ac:dyDescent="0.25">
      <c r="B6243">
        <f t="shared" ref="B6243:B6306" si="698">WEEKDAY(N6243,2)</f>
        <v>6</v>
      </c>
      <c r="C6243" s="16">
        <v>6209</v>
      </c>
      <c r="D6243" cm="1">
        <f t="array" ref="D6243">IFERROR(INDEX(Jesper!AH$2:AH$366,ROUNDDOWN($C6243/24,0)+1,1)*INDEX($D$3:$AA$30,INDEX(Jesper!$R$2:$R$366,ROW(INDEX(Jesper!AH$2:AH$366,ROUNDDOWN($C6243/24,0)+1,1))-1)+IF('Standard Profiles'!$G$18=$B$10,7,0)+IF('Standard Profiles'!$G$18=$B$17,14,0)+IF('Standard Profiles'!$G$18=$B$24,21,0),MOD($C6243,24)+1)/SUM(INDEX($D$3:$AA$30,INDEX(Jesper!$R$2:$R$366,ROW(INDEX(Jesper!AH$2:AH$366,ROUNDDOWN($C6243/24,0)+1,1))-1)+IF('Standard Profiles'!$G$18=$B$10,7,0)+IF('Standard Profiles'!$G$18=$B$17,14,0)+IF('Standard Profiles'!$G$18=$B$24,21,0),0)),0)</f>
        <v>0</v>
      </c>
      <c r="E6243" cm="1">
        <f t="array" ref="E6243">IFERROR(INDEX(Jesper!AI$2:AI$366,ROUNDDOWN($C6243/24,0)+1,1)*INDEX($D$3:$AA$30,INDEX(Jesper!$R$2:$R$366,ROW(INDEX(Jesper!AI$2:AI$366,ROUNDDOWN($C6243/24,0)+1,1))-1)+IF('Standard Profiles'!$G$19=$B$10,7,0)+IF('Standard Profiles'!$G$19=$B$17,14,0)+IF('Standard Profiles'!$G$19=$B$24,21,0),MOD($C6243,24)+1)/SUM(INDEX($D$3:$AA$30,INDEX(Jesper!$R$2:$R$366,ROW(INDEX(Jesper!AI$2:AI$366,ROUNDDOWN($C6243/24,0)+1,1))-1)+IF('Standard Profiles'!$G$19=$B$10,7,0)+IF('Standard Profiles'!$G$19=$B$17,14,0)+IF('Standard Profiles'!$G$19=$B$24,21,0),0)),0)</f>
        <v>2.7108875436314124</v>
      </c>
      <c r="F6243" cm="1">
        <f t="array" ref="F6243">IFERROR(INDEX(Jesper!AJ$2:AJ$366,ROUNDDOWN($C6243/24,0)+1,1)*INDEX($D$3:$AA$30,INDEX(Jesper!$R$2:$R$366,ROW(INDEX(Jesper!AJ$2:AJ$366,ROUNDDOWN($C6243/24,0)+1,1))-1)+IF('Standard Profiles'!$G$20=$B$10,7,0)+IF('Standard Profiles'!$G$20=$B$17,14,0)+IF('Standard Profiles'!$G$20=$B$24,21,0),MOD($C6243,24)+1)/SUM(INDEX($D$3:$AA$30,INDEX(Jesper!$R$2:$R$366,ROW(INDEX(Jesper!AJ$2:AJ$366,ROUNDDOWN($C6243/24,0)+1,1))-1)+IF('Standard Profiles'!$G$20=$B$10,7,0)+IF('Standard Profiles'!$G$20=$B$17,14,0)+IF('Standard Profiles'!$G$20=$B$24,21,0),0)),0)</f>
        <v>1.1148124219813431</v>
      </c>
      <c r="G6243" cm="1">
        <f t="array" ref="G6243">IFERROR(INDEX(Jesper!AK$2:AK$366,ROUNDDOWN($C6243/24,0)+1,1)*INDEX($D$3:$AA$30,INDEX(Jesper!$R$2:$R$366,ROW(INDEX(Jesper!AK$2:AK$366,ROUNDDOWN($C6243/24,0)+1,1))-1)+IF('Standard Profiles'!$G$21=$B$10,7,0)+IF('Standard Profiles'!$G$21=$B$17,14,0)+IF('Standard Profiles'!$G$21=$B$24,21,0),MOD($C6243,24)+1)/SUM(INDEX($D$3:$AA$30,INDEX(Jesper!$R$2:$R$366,ROW(INDEX(Jesper!AK$2:AK$366,ROUNDDOWN($C6243/24,0)+1,1))-1)+IF('Standard Profiles'!$G$21=$B$10,7,0)+IF('Standard Profiles'!$G$21=$B$17,14,0)+IF('Standard Profiles'!$G$21=$B$24,21,0),0)),0)</f>
        <v>0.6008967442195009</v>
      </c>
      <c r="H6243" cm="1">
        <f t="array" ref="H6243">IFERROR(INDEX(Jesper!AL$2:AL$366,ROUNDDOWN($C6243/24,0)+1,1)*INDEX($D$3:$AA$30,INDEX(Jesper!$R$2:$R$366,ROW(INDEX(Jesper!AL$2:AL$366,ROUNDDOWN($C6243/24,0)+1,1))-1)+IF('Standard Profiles'!$G$22=$B$10,7,0)+IF('Standard Profiles'!$G$22=$B$17,14,0)+IF('Standard Profiles'!$G$22=$B$24,21,0),MOD($C6243,24)+1)/SUM(INDEX($D$3:$AA$30,INDEX(Jesper!$R$2:$R$366,ROW(INDEX(Jesper!AL$2:AL$366,ROUNDDOWN($C6243/24,0)+1,1))-1)+IF('Standard Profiles'!$G$22=$B$10,7,0)+IF('Standard Profiles'!$G$22=$B$17,14,0)+IF('Standard Profiles'!$G$22=$B$24,21,0),0)),0)</f>
        <v>0.22739785620531264</v>
      </c>
      <c r="I6243">
        <f t="shared" ref="I6243:I6306" si="699">IF($B6243&lt;6,AC$37*$D6243+AC$38*$E6243+AC$39*$F6243+AC$40*$G6243,AC$46*$D6243+AC$47*$E6243+AC$48*$F6243+AC$49*$G6243+AC$50*$H6243)</f>
        <v>0.21830194195710026</v>
      </c>
      <c r="J6243">
        <f t="shared" ref="J6243:J6306" si="700">IF($B6243&lt;6,AD$37*$D6243+AD$38*$E6243+AD$39*$F6243+AD$40*$G6243,AD$46*$D6243+AD$47*$E6243+AD$48*$F6243+AD$49*$G6243+AD$50*$H6243)</f>
        <v>4.1103861188446995</v>
      </c>
      <c r="K6243">
        <f t="shared" ref="K6243:K6306" si="701">IF($B6243&lt;6,AE$37*$D6243+AE$38*$E6243+AE$39*$F6243+AE$40*$G6243,AE$46*$D6243+AE$47*$E6243+AE$48*$F6243+AE$49*$G6243+AE$50*$H6243)</f>
        <v>0.216871003490513</v>
      </c>
      <c r="L6243">
        <f t="shared" ref="L6243:L6306" si="702">IF($B6243&lt;6,AF$37*$D6243+AF$38*$E6243+AF$39*$F6243+AF$40*$G6243,AF$46*$D6243+AF$47*$E6243+AF$48*$F6243+AF$49*$G6243+AF$50*$H6243)</f>
        <v>0.1084355017452565</v>
      </c>
      <c r="M6243">
        <f t="shared" ref="M6243:M6306" si="703">IF($B6243&lt;6,AG$37*$D6243+AG$38*$E6243+AG$39*$F6243+AG$40*$G6243,AG$46*$D6243+AG$47*$E6243+AG$48*$F6243+AG$49*$G6243+AG$50*$H6243)</f>
        <v>0</v>
      </c>
      <c r="N6243" s="45">
        <f t="shared" si="697"/>
        <v>45185.708333318275</v>
      </c>
    </row>
    <row r="6244" spans="2:14" x14ac:dyDescent="0.25">
      <c r="B6244">
        <f t="shared" si="698"/>
        <v>6</v>
      </c>
      <c r="C6244" s="16">
        <v>6210</v>
      </c>
      <c r="D6244" cm="1">
        <f t="array" ref="D6244">IFERROR(INDEX(Jesper!AH$2:AH$366,ROUNDDOWN($C6244/24,0)+1,1)*INDEX($D$3:$AA$30,INDEX(Jesper!$R$2:$R$366,ROW(INDEX(Jesper!AH$2:AH$366,ROUNDDOWN($C6244/24,0)+1,1))-1)+IF('Standard Profiles'!$G$18=$B$10,7,0)+IF('Standard Profiles'!$G$18=$B$17,14,0)+IF('Standard Profiles'!$G$18=$B$24,21,0),MOD($C6244,24)+1)/SUM(INDEX($D$3:$AA$30,INDEX(Jesper!$R$2:$R$366,ROW(INDEX(Jesper!AH$2:AH$366,ROUNDDOWN($C6244/24,0)+1,1))-1)+IF('Standard Profiles'!$G$18=$B$10,7,0)+IF('Standard Profiles'!$G$18=$B$17,14,0)+IF('Standard Profiles'!$G$18=$B$24,21,0),0)),0)</f>
        <v>0</v>
      </c>
      <c r="E6244" cm="1">
        <f t="array" ref="E6244">IFERROR(INDEX(Jesper!AI$2:AI$366,ROUNDDOWN($C6244/24,0)+1,1)*INDEX($D$3:$AA$30,INDEX(Jesper!$R$2:$R$366,ROW(INDEX(Jesper!AI$2:AI$366,ROUNDDOWN($C6244/24,0)+1,1))-1)+IF('Standard Profiles'!$G$19=$B$10,7,0)+IF('Standard Profiles'!$G$19=$B$17,14,0)+IF('Standard Profiles'!$G$19=$B$24,21,0),MOD($C6244,24)+1)/SUM(INDEX($D$3:$AA$30,INDEX(Jesper!$R$2:$R$366,ROW(INDEX(Jesper!AI$2:AI$366,ROUNDDOWN($C6244/24,0)+1,1))-1)+IF('Standard Profiles'!$G$19=$B$10,7,0)+IF('Standard Profiles'!$G$19=$B$17,14,0)+IF('Standard Profiles'!$G$19=$B$24,21,0),0)),0)</f>
        <v>2.7108875436314124</v>
      </c>
      <c r="F6244" cm="1">
        <f t="array" ref="F6244">IFERROR(INDEX(Jesper!AJ$2:AJ$366,ROUNDDOWN($C6244/24,0)+1,1)*INDEX($D$3:$AA$30,INDEX(Jesper!$R$2:$R$366,ROW(INDEX(Jesper!AJ$2:AJ$366,ROUNDDOWN($C6244/24,0)+1,1))-1)+IF('Standard Profiles'!$G$20=$B$10,7,0)+IF('Standard Profiles'!$G$20=$B$17,14,0)+IF('Standard Profiles'!$G$20=$B$24,21,0),MOD($C6244,24)+1)/SUM(INDEX($D$3:$AA$30,INDEX(Jesper!$R$2:$R$366,ROW(INDEX(Jesper!AJ$2:AJ$366,ROUNDDOWN($C6244/24,0)+1,1))-1)+IF('Standard Profiles'!$G$20=$B$10,7,0)+IF('Standard Profiles'!$G$20=$B$17,14,0)+IF('Standard Profiles'!$G$20=$B$24,21,0),0)),0)</f>
        <v>1.1148124219813431</v>
      </c>
      <c r="G6244" cm="1">
        <f t="array" ref="G6244">IFERROR(INDEX(Jesper!AK$2:AK$366,ROUNDDOWN($C6244/24,0)+1,1)*INDEX($D$3:$AA$30,INDEX(Jesper!$R$2:$R$366,ROW(INDEX(Jesper!AK$2:AK$366,ROUNDDOWN($C6244/24,0)+1,1))-1)+IF('Standard Profiles'!$G$21=$B$10,7,0)+IF('Standard Profiles'!$G$21=$B$17,14,0)+IF('Standard Profiles'!$G$21=$B$24,21,0),MOD($C6244,24)+1)/SUM(INDEX($D$3:$AA$30,INDEX(Jesper!$R$2:$R$366,ROW(INDEX(Jesper!AK$2:AK$366,ROUNDDOWN($C6244/24,0)+1,1))-1)+IF('Standard Profiles'!$G$21=$B$10,7,0)+IF('Standard Profiles'!$G$21=$B$17,14,0)+IF('Standard Profiles'!$G$21=$B$24,21,0),0)),0)</f>
        <v>0.6008967442195009</v>
      </c>
      <c r="H6244" cm="1">
        <f t="array" ref="H6244">IFERROR(INDEX(Jesper!AL$2:AL$366,ROUNDDOWN($C6244/24,0)+1,1)*INDEX($D$3:$AA$30,INDEX(Jesper!$R$2:$R$366,ROW(INDEX(Jesper!AL$2:AL$366,ROUNDDOWN($C6244/24,0)+1,1))-1)+IF('Standard Profiles'!$G$22=$B$10,7,0)+IF('Standard Profiles'!$G$22=$B$17,14,0)+IF('Standard Profiles'!$G$22=$B$24,21,0),MOD($C6244,24)+1)/SUM(INDEX($D$3:$AA$30,INDEX(Jesper!$R$2:$R$366,ROW(INDEX(Jesper!AL$2:AL$366,ROUNDDOWN($C6244/24,0)+1,1))-1)+IF('Standard Profiles'!$G$22=$B$10,7,0)+IF('Standard Profiles'!$G$22=$B$17,14,0)+IF('Standard Profiles'!$G$22=$B$24,21,0),0)),0)</f>
        <v>0.21897571338289362</v>
      </c>
      <c r="I6244">
        <f t="shared" si="699"/>
        <v>0.21021668484757799</v>
      </c>
      <c r="J6244">
        <f t="shared" si="700"/>
        <v>4.1100492331318028</v>
      </c>
      <c r="K6244">
        <f t="shared" si="701"/>
        <v>0.216871003490513</v>
      </c>
      <c r="L6244">
        <f t="shared" si="702"/>
        <v>0.1084355017452565</v>
      </c>
      <c r="M6244">
        <f t="shared" si="703"/>
        <v>0</v>
      </c>
      <c r="N6244" s="45">
        <f t="shared" ref="N6244:N6307" si="704">N6243+1/24</f>
        <v>45185.749999984939</v>
      </c>
    </row>
    <row r="6245" spans="2:14" x14ac:dyDescent="0.25">
      <c r="B6245">
        <f t="shared" si="698"/>
        <v>6</v>
      </c>
      <c r="C6245" s="16">
        <v>6211</v>
      </c>
      <c r="D6245" cm="1">
        <f t="array" ref="D6245">IFERROR(INDEX(Jesper!AH$2:AH$366,ROUNDDOWN($C6245/24,0)+1,1)*INDEX($D$3:$AA$30,INDEX(Jesper!$R$2:$R$366,ROW(INDEX(Jesper!AH$2:AH$366,ROUNDDOWN($C6245/24,0)+1,1))-1)+IF('Standard Profiles'!$G$18=$B$10,7,0)+IF('Standard Profiles'!$G$18=$B$17,14,0)+IF('Standard Profiles'!$G$18=$B$24,21,0),MOD($C6245,24)+1)/SUM(INDEX($D$3:$AA$30,INDEX(Jesper!$R$2:$R$366,ROW(INDEX(Jesper!AH$2:AH$366,ROUNDDOWN($C6245/24,0)+1,1))-1)+IF('Standard Profiles'!$G$18=$B$10,7,0)+IF('Standard Profiles'!$G$18=$B$17,14,0)+IF('Standard Profiles'!$G$18=$B$24,21,0),0)),0)</f>
        <v>0</v>
      </c>
      <c r="E6245" cm="1">
        <f t="array" ref="E6245">IFERROR(INDEX(Jesper!AI$2:AI$366,ROUNDDOWN($C6245/24,0)+1,1)*INDEX($D$3:$AA$30,INDEX(Jesper!$R$2:$R$366,ROW(INDEX(Jesper!AI$2:AI$366,ROUNDDOWN($C6245/24,0)+1,1))-1)+IF('Standard Profiles'!$G$19=$B$10,7,0)+IF('Standard Profiles'!$G$19=$B$17,14,0)+IF('Standard Profiles'!$G$19=$B$24,21,0),MOD($C6245,24)+1)/SUM(INDEX($D$3:$AA$30,INDEX(Jesper!$R$2:$R$366,ROW(INDEX(Jesper!AI$2:AI$366,ROUNDDOWN($C6245/24,0)+1,1))-1)+IF('Standard Profiles'!$G$19=$B$10,7,0)+IF('Standard Profiles'!$G$19=$B$17,14,0)+IF('Standard Profiles'!$G$19=$B$24,21,0),0)),0)</f>
        <v>2.7108875436314124</v>
      </c>
      <c r="F6245" cm="1">
        <f t="array" ref="F6245">IFERROR(INDEX(Jesper!AJ$2:AJ$366,ROUNDDOWN($C6245/24,0)+1,1)*INDEX($D$3:$AA$30,INDEX(Jesper!$R$2:$R$366,ROW(INDEX(Jesper!AJ$2:AJ$366,ROUNDDOWN($C6245/24,0)+1,1))-1)+IF('Standard Profiles'!$G$20=$B$10,7,0)+IF('Standard Profiles'!$G$20=$B$17,14,0)+IF('Standard Profiles'!$G$20=$B$24,21,0),MOD($C6245,24)+1)/SUM(INDEX($D$3:$AA$30,INDEX(Jesper!$R$2:$R$366,ROW(INDEX(Jesper!AJ$2:AJ$366,ROUNDDOWN($C6245/24,0)+1,1))-1)+IF('Standard Profiles'!$G$20=$B$10,7,0)+IF('Standard Profiles'!$G$20=$B$17,14,0)+IF('Standard Profiles'!$G$20=$B$24,21,0),0)),0)</f>
        <v>1.1148124219813431</v>
      </c>
      <c r="G6245" cm="1">
        <f t="array" ref="G6245">IFERROR(INDEX(Jesper!AK$2:AK$366,ROUNDDOWN($C6245/24,0)+1,1)*INDEX($D$3:$AA$30,INDEX(Jesper!$R$2:$R$366,ROW(INDEX(Jesper!AK$2:AK$366,ROUNDDOWN($C6245/24,0)+1,1))-1)+IF('Standard Profiles'!$G$21=$B$10,7,0)+IF('Standard Profiles'!$G$21=$B$17,14,0)+IF('Standard Profiles'!$G$21=$B$24,21,0),MOD($C6245,24)+1)/SUM(INDEX($D$3:$AA$30,INDEX(Jesper!$R$2:$R$366,ROW(INDEX(Jesper!AK$2:AK$366,ROUNDDOWN($C6245/24,0)+1,1))-1)+IF('Standard Profiles'!$G$21=$B$10,7,0)+IF('Standard Profiles'!$G$21=$B$17,14,0)+IF('Standard Profiles'!$G$21=$B$24,21,0),0)),0)</f>
        <v>0.6008967442195009</v>
      </c>
      <c r="H6245" cm="1">
        <f t="array" ref="H6245">IFERROR(INDEX(Jesper!AL$2:AL$366,ROUNDDOWN($C6245/24,0)+1,1)*INDEX($D$3:$AA$30,INDEX(Jesper!$R$2:$R$366,ROW(INDEX(Jesper!AL$2:AL$366,ROUNDDOWN($C6245/24,0)+1,1))-1)+IF('Standard Profiles'!$G$22=$B$10,7,0)+IF('Standard Profiles'!$G$22=$B$17,14,0)+IF('Standard Profiles'!$G$22=$B$24,21,0),MOD($C6245,24)+1)/SUM(INDEX($D$3:$AA$30,INDEX(Jesper!$R$2:$R$366,ROW(INDEX(Jesper!AL$2:AL$366,ROUNDDOWN($C6245/24,0)+1,1))-1)+IF('Standard Profiles'!$G$22=$B$10,7,0)+IF('Standard Profiles'!$G$22=$B$17,14,0)+IF('Standard Profiles'!$G$22=$B$24,21,0),0)),0)</f>
        <v>0.17686499927079868</v>
      </c>
      <c r="I6245">
        <f t="shared" si="699"/>
        <v>0.16979039929996684</v>
      </c>
      <c r="J6245">
        <f t="shared" si="700"/>
        <v>4.1083648045673185</v>
      </c>
      <c r="K6245">
        <f t="shared" si="701"/>
        <v>0.216871003490513</v>
      </c>
      <c r="L6245">
        <f t="shared" si="702"/>
        <v>0.1084355017452565</v>
      </c>
      <c r="M6245">
        <f t="shared" si="703"/>
        <v>0</v>
      </c>
      <c r="N6245" s="45">
        <f t="shared" si="704"/>
        <v>45185.791666651603</v>
      </c>
    </row>
    <row r="6246" spans="2:14" x14ac:dyDescent="0.25">
      <c r="B6246">
        <f t="shared" si="698"/>
        <v>6</v>
      </c>
      <c r="C6246" s="16">
        <v>6212</v>
      </c>
      <c r="D6246" cm="1">
        <f t="array" ref="D6246">IFERROR(INDEX(Jesper!AH$2:AH$366,ROUNDDOWN($C6246/24,0)+1,1)*INDEX($D$3:$AA$30,INDEX(Jesper!$R$2:$R$366,ROW(INDEX(Jesper!AH$2:AH$366,ROUNDDOWN($C6246/24,0)+1,1))-1)+IF('Standard Profiles'!$G$18=$B$10,7,0)+IF('Standard Profiles'!$G$18=$B$17,14,0)+IF('Standard Profiles'!$G$18=$B$24,21,0),MOD($C6246,24)+1)/SUM(INDEX($D$3:$AA$30,INDEX(Jesper!$R$2:$R$366,ROW(INDEX(Jesper!AH$2:AH$366,ROUNDDOWN($C6246/24,0)+1,1))-1)+IF('Standard Profiles'!$G$18=$B$10,7,0)+IF('Standard Profiles'!$G$18=$B$17,14,0)+IF('Standard Profiles'!$G$18=$B$24,21,0),0)),0)</f>
        <v>0</v>
      </c>
      <c r="E6246" cm="1">
        <f t="array" ref="E6246">IFERROR(INDEX(Jesper!AI$2:AI$366,ROUNDDOWN($C6246/24,0)+1,1)*INDEX($D$3:$AA$30,INDEX(Jesper!$R$2:$R$366,ROW(INDEX(Jesper!AI$2:AI$366,ROUNDDOWN($C6246/24,0)+1,1))-1)+IF('Standard Profiles'!$G$19=$B$10,7,0)+IF('Standard Profiles'!$G$19=$B$17,14,0)+IF('Standard Profiles'!$G$19=$B$24,21,0),MOD($C6246,24)+1)/SUM(INDEX($D$3:$AA$30,INDEX(Jesper!$R$2:$R$366,ROW(INDEX(Jesper!AI$2:AI$366,ROUNDDOWN($C6246/24,0)+1,1))-1)+IF('Standard Profiles'!$G$19=$B$10,7,0)+IF('Standard Profiles'!$G$19=$B$17,14,0)+IF('Standard Profiles'!$G$19=$B$24,21,0),0)),0)</f>
        <v>2.7108875436314124</v>
      </c>
      <c r="F6246" cm="1">
        <f t="array" ref="F6246">IFERROR(INDEX(Jesper!AJ$2:AJ$366,ROUNDDOWN($C6246/24,0)+1,1)*INDEX($D$3:$AA$30,INDEX(Jesper!$R$2:$R$366,ROW(INDEX(Jesper!AJ$2:AJ$366,ROUNDDOWN($C6246/24,0)+1,1))-1)+IF('Standard Profiles'!$G$20=$B$10,7,0)+IF('Standard Profiles'!$G$20=$B$17,14,0)+IF('Standard Profiles'!$G$20=$B$24,21,0),MOD($C6246,24)+1)/SUM(INDEX($D$3:$AA$30,INDEX(Jesper!$R$2:$R$366,ROW(INDEX(Jesper!AJ$2:AJ$366,ROUNDDOWN($C6246/24,0)+1,1))-1)+IF('Standard Profiles'!$G$20=$B$10,7,0)+IF('Standard Profiles'!$G$20=$B$17,14,0)+IF('Standard Profiles'!$G$20=$B$24,21,0),0)),0)</f>
        <v>1.1148124219813431</v>
      </c>
      <c r="G6246" cm="1">
        <f t="array" ref="G6246">IFERROR(INDEX(Jesper!AK$2:AK$366,ROUNDDOWN($C6246/24,0)+1,1)*INDEX($D$3:$AA$30,INDEX(Jesper!$R$2:$R$366,ROW(INDEX(Jesper!AK$2:AK$366,ROUNDDOWN($C6246/24,0)+1,1))-1)+IF('Standard Profiles'!$G$21=$B$10,7,0)+IF('Standard Profiles'!$G$21=$B$17,14,0)+IF('Standard Profiles'!$G$21=$B$24,21,0),MOD($C6246,24)+1)/SUM(INDEX($D$3:$AA$30,INDEX(Jesper!$R$2:$R$366,ROW(INDEX(Jesper!AK$2:AK$366,ROUNDDOWN($C6246/24,0)+1,1))-1)+IF('Standard Profiles'!$G$21=$B$10,7,0)+IF('Standard Profiles'!$G$21=$B$17,14,0)+IF('Standard Profiles'!$G$21=$B$24,21,0),0)),0)</f>
        <v>0.6008967442195009</v>
      </c>
      <c r="H6246" cm="1">
        <f t="array" ref="H6246">IFERROR(INDEX(Jesper!AL$2:AL$366,ROUNDDOWN($C6246/24,0)+1,1)*INDEX($D$3:$AA$30,INDEX(Jesper!$R$2:$R$366,ROW(INDEX(Jesper!AL$2:AL$366,ROUNDDOWN($C6246/24,0)+1,1))-1)+IF('Standard Profiles'!$G$22=$B$10,7,0)+IF('Standard Profiles'!$G$22=$B$17,14,0)+IF('Standard Profiles'!$G$22=$B$24,21,0),MOD($C6246,24)+1)/SUM(INDEX($D$3:$AA$30,INDEX(Jesper!$R$2:$R$366,ROW(INDEX(Jesper!AL$2:AL$366,ROUNDDOWN($C6246/24,0)+1,1))-1)+IF('Standard Profiles'!$G$22=$B$10,7,0)+IF('Standard Profiles'!$G$22=$B$17,14,0)+IF('Standard Profiles'!$G$22=$B$24,21,0),0)),0)</f>
        <v>0.13054321374749428</v>
      </c>
      <c r="I6246">
        <f t="shared" si="699"/>
        <v>0.12532148519759459</v>
      </c>
      <c r="J6246">
        <f t="shared" si="700"/>
        <v>4.1065119331463871</v>
      </c>
      <c r="K6246">
        <f t="shared" si="701"/>
        <v>0.216871003490513</v>
      </c>
      <c r="L6246">
        <f t="shared" si="702"/>
        <v>0.1084355017452565</v>
      </c>
      <c r="M6246">
        <f t="shared" si="703"/>
        <v>0</v>
      </c>
      <c r="N6246" s="45">
        <f t="shared" si="704"/>
        <v>45185.833333318267</v>
      </c>
    </row>
    <row r="6247" spans="2:14" x14ac:dyDescent="0.25">
      <c r="B6247">
        <f t="shared" si="698"/>
        <v>6</v>
      </c>
      <c r="C6247" s="16">
        <v>6213</v>
      </c>
      <c r="D6247" cm="1">
        <f t="array" ref="D6247">IFERROR(INDEX(Jesper!AH$2:AH$366,ROUNDDOWN($C6247/24,0)+1,1)*INDEX($D$3:$AA$30,INDEX(Jesper!$R$2:$R$366,ROW(INDEX(Jesper!AH$2:AH$366,ROUNDDOWN($C6247/24,0)+1,1))-1)+IF('Standard Profiles'!$G$18=$B$10,7,0)+IF('Standard Profiles'!$G$18=$B$17,14,0)+IF('Standard Profiles'!$G$18=$B$24,21,0),MOD($C6247,24)+1)/SUM(INDEX($D$3:$AA$30,INDEX(Jesper!$R$2:$R$366,ROW(INDEX(Jesper!AH$2:AH$366,ROUNDDOWN($C6247/24,0)+1,1))-1)+IF('Standard Profiles'!$G$18=$B$10,7,0)+IF('Standard Profiles'!$G$18=$B$17,14,0)+IF('Standard Profiles'!$G$18=$B$24,21,0),0)),0)</f>
        <v>0</v>
      </c>
      <c r="E6247" cm="1">
        <f t="array" ref="E6247">IFERROR(INDEX(Jesper!AI$2:AI$366,ROUNDDOWN($C6247/24,0)+1,1)*INDEX($D$3:$AA$30,INDEX(Jesper!$R$2:$R$366,ROW(INDEX(Jesper!AI$2:AI$366,ROUNDDOWN($C6247/24,0)+1,1))-1)+IF('Standard Profiles'!$G$19=$B$10,7,0)+IF('Standard Profiles'!$G$19=$B$17,14,0)+IF('Standard Profiles'!$G$19=$B$24,21,0),MOD($C6247,24)+1)/SUM(INDEX($D$3:$AA$30,INDEX(Jesper!$R$2:$R$366,ROW(INDEX(Jesper!AI$2:AI$366,ROUNDDOWN($C6247/24,0)+1,1))-1)+IF('Standard Profiles'!$G$19=$B$10,7,0)+IF('Standard Profiles'!$G$19=$B$17,14,0)+IF('Standard Profiles'!$G$19=$B$24,21,0),0)),0)</f>
        <v>2.7108875436314124</v>
      </c>
      <c r="F6247" cm="1">
        <f t="array" ref="F6247">IFERROR(INDEX(Jesper!AJ$2:AJ$366,ROUNDDOWN($C6247/24,0)+1,1)*INDEX($D$3:$AA$30,INDEX(Jesper!$R$2:$R$366,ROW(INDEX(Jesper!AJ$2:AJ$366,ROUNDDOWN($C6247/24,0)+1,1))-1)+IF('Standard Profiles'!$G$20=$B$10,7,0)+IF('Standard Profiles'!$G$20=$B$17,14,0)+IF('Standard Profiles'!$G$20=$B$24,21,0),MOD($C6247,24)+1)/SUM(INDEX($D$3:$AA$30,INDEX(Jesper!$R$2:$R$366,ROW(INDEX(Jesper!AJ$2:AJ$366,ROUNDDOWN($C6247/24,0)+1,1))-1)+IF('Standard Profiles'!$G$20=$B$10,7,0)+IF('Standard Profiles'!$G$20=$B$17,14,0)+IF('Standard Profiles'!$G$20=$B$24,21,0),0)),0)</f>
        <v>1.1148124219813431</v>
      </c>
      <c r="G6247" cm="1">
        <f t="array" ref="G6247">IFERROR(INDEX(Jesper!AK$2:AK$366,ROUNDDOWN($C6247/24,0)+1,1)*INDEX($D$3:$AA$30,INDEX(Jesper!$R$2:$R$366,ROW(INDEX(Jesper!AK$2:AK$366,ROUNDDOWN($C6247/24,0)+1,1))-1)+IF('Standard Profiles'!$G$21=$B$10,7,0)+IF('Standard Profiles'!$G$21=$B$17,14,0)+IF('Standard Profiles'!$G$21=$B$24,21,0),MOD($C6247,24)+1)/SUM(INDEX($D$3:$AA$30,INDEX(Jesper!$R$2:$R$366,ROW(INDEX(Jesper!AK$2:AK$366,ROUNDDOWN($C6247/24,0)+1,1))-1)+IF('Standard Profiles'!$G$21=$B$10,7,0)+IF('Standard Profiles'!$G$21=$B$17,14,0)+IF('Standard Profiles'!$G$21=$B$24,21,0),0)),0)</f>
        <v>0.6008967442195009</v>
      </c>
      <c r="H6247" cm="1">
        <f t="array" ref="H6247">IFERROR(INDEX(Jesper!AL$2:AL$366,ROUNDDOWN($C6247/24,0)+1,1)*INDEX($D$3:$AA$30,INDEX(Jesper!$R$2:$R$366,ROW(INDEX(Jesper!AL$2:AL$366,ROUNDDOWN($C6247/24,0)+1,1))-1)+IF('Standard Profiles'!$G$22=$B$10,7,0)+IF('Standard Profiles'!$G$22=$B$17,14,0)+IF('Standard Profiles'!$G$22=$B$24,21,0),MOD($C6247,24)+1)/SUM(INDEX($D$3:$AA$30,INDEX(Jesper!$R$2:$R$366,ROW(INDEX(Jesper!AL$2:AL$366,ROUNDDOWN($C6247/24,0)+1,1))-1)+IF('Standard Profiles'!$G$22=$B$10,7,0)+IF('Standard Profiles'!$G$22=$B$17,14,0)+IF('Standard Profiles'!$G$22=$B$24,21,0),0)),0)</f>
        <v>0.13054321374749428</v>
      </c>
      <c r="I6247">
        <f t="shared" si="699"/>
        <v>0.12532148519759459</v>
      </c>
      <c r="J6247">
        <f t="shared" si="700"/>
        <v>4.1065119331463871</v>
      </c>
      <c r="K6247">
        <f t="shared" si="701"/>
        <v>0.216871003490513</v>
      </c>
      <c r="L6247">
        <f t="shared" si="702"/>
        <v>0.1084355017452565</v>
      </c>
      <c r="M6247">
        <f t="shared" si="703"/>
        <v>0</v>
      </c>
      <c r="N6247" s="45">
        <f t="shared" si="704"/>
        <v>45185.874999984931</v>
      </c>
    </row>
    <row r="6248" spans="2:14" x14ac:dyDescent="0.25">
      <c r="B6248">
        <f t="shared" si="698"/>
        <v>6</v>
      </c>
      <c r="C6248" s="16">
        <v>6214</v>
      </c>
      <c r="D6248" cm="1">
        <f t="array" ref="D6248">IFERROR(INDEX(Jesper!AH$2:AH$366,ROUNDDOWN($C6248/24,0)+1,1)*INDEX($D$3:$AA$30,INDEX(Jesper!$R$2:$R$366,ROW(INDEX(Jesper!AH$2:AH$366,ROUNDDOWN($C6248/24,0)+1,1))-1)+IF('Standard Profiles'!$G$18=$B$10,7,0)+IF('Standard Profiles'!$G$18=$B$17,14,0)+IF('Standard Profiles'!$G$18=$B$24,21,0),MOD($C6248,24)+1)/SUM(INDEX($D$3:$AA$30,INDEX(Jesper!$R$2:$R$366,ROW(INDEX(Jesper!AH$2:AH$366,ROUNDDOWN($C6248/24,0)+1,1))-1)+IF('Standard Profiles'!$G$18=$B$10,7,0)+IF('Standard Profiles'!$G$18=$B$17,14,0)+IF('Standard Profiles'!$G$18=$B$24,21,0),0)),0)</f>
        <v>0</v>
      </c>
      <c r="E6248" cm="1">
        <f t="array" ref="E6248">IFERROR(INDEX(Jesper!AI$2:AI$366,ROUNDDOWN($C6248/24,0)+1,1)*INDEX($D$3:$AA$30,INDEX(Jesper!$R$2:$R$366,ROW(INDEX(Jesper!AI$2:AI$366,ROUNDDOWN($C6248/24,0)+1,1))-1)+IF('Standard Profiles'!$G$19=$B$10,7,0)+IF('Standard Profiles'!$G$19=$B$17,14,0)+IF('Standard Profiles'!$G$19=$B$24,21,0),MOD($C6248,24)+1)/SUM(INDEX($D$3:$AA$30,INDEX(Jesper!$R$2:$R$366,ROW(INDEX(Jesper!AI$2:AI$366,ROUNDDOWN($C6248/24,0)+1,1))-1)+IF('Standard Profiles'!$G$19=$B$10,7,0)+IF('Standard Profiles'!$G$19=$B$17,14,0)+IF('Standard Profiles'!$G$19=$B$24,21,0),0)),0)</f>
        <v>2.7108875436314124</v>
      </c>
      <c r="F6248" cm="1">
        <f t="array" ref="F6248">IFERROR(INDEX(Jesper!AJ$2:AJ$366,ROUNDDOWN($C6248/24,0)+1,1)*INDEX($D$3:$AA$30,INDEX(Jesper!$R$2:$R$366,ROW(INDEX(Jesper!AJ$2:AJ$366,ROUNDDOWN($C6248/24,0)+1,1))-1)+IF('Standard Profiles'!$G$20=$B$10,7,0)+IF('Standard Profiles'!$G$20=$B$17,14,0)+IF('Standard Profiles'!$G$20=$B$24,21,0),MOD($C6248,24)+1)/SUM(INDEX($D$3:$AA$30,INDEX(Jesper!$R$2:$R$366,ROW(INDEX(Jesper!AJ$2:AJ$366,ROUNDDOWN($C6248/24,0)+1,1))-1)+IF('Standard Profiles'!$G$20=$B$10,7,0)+IF('Standard Profiles'!$G$20=$B$17,14,0)+IF('Standard Profiles'!$G$20=$B$24,21,0),0)),0)</f>
        <v>1.1148124219813431</v>
      </c>
      <c r="G6248" cm="1">
        <f t="array" ref="G6248">IFERROR(INDEX(Jesper!AK$2:AK$366,ROUNDDOWN($C6248/24,0)+1,1)*INDEX($D$3:$AA$30,INDEX(Jesper!$R$2:$R$366,ROW(INDEX(Jesper!AK$2:AK$366,ROUNDDOWN($C6248/24,0)+1,1))-1)+IF('Standard Profiles'!$G$21=$B$10,7,0)+IF('Standard Profiles'!$G$21=$B$17,14,0)+IF('Standard Profiles'!$G$21=$B$24,21,0),MOD($C6248,24)+1)/SUM(INDEX($D$3:$AA$30,INDEX(Jesper!$R$2:$R$366,ROW(INDEX(Jesper!AK$2:AK$366,ROUNDDOWN($C6248/24,0)+1,1))-1)+IF('Standard Profiles'!$G$21=$B$10,7,0)+IF('Standard Profiles'!$G$21=$B$17,14,0)+IF('Standard Profiles'!$G$21=$B$24,21,0),0)),0)</f>
        <v>0.6008967442195009</v>
      </c>
      <c r="H6248" cm="1">
        <f t="array" ref="H6248">IFERROR(INDEX(Jesper!AL$2:AL$366,ROUNDDOWN($C6248/24,0)+1,1)*INDEX($D$3:$AA$30,INDEX(Jesper!$R$2:$R$366,ROW(INDEX(Jesper!AL$2:AL$366,ROUNDDOWN($C6248/24,0)+1,1))-1)+IF('Standard Profiles'!$G$22=$B$10,7,0)+IF('Standard Profiles'!$G$22=$B$17,14,0)+IF('Standard Profiles'!$G$22=$B$24,21,0),MOD($C6248,24)+1)/SUM(INDEX($D$3:$AA$30,INDEX(Jesper!$R$2:$R$366,ROW(INDEX(Jesper!AL$2:AL$366,ROUNDDOWN($C6248/24,0)+1,1))-1)+IF('Standard Profiles'!$G$22=$B$10,7,0)+IF('Standard Profiles'!$G$22=$B$17,14,0)+IF('Standard Profiles'!$G$22=$B$24,21,0),0)),0)</f>
        <v>0.13054321374749428</v>
      </c>
      <c r="I6248">
        <f t="shared" si="699"/>
        <v>0.12532148519759459</v>
      </c>
      <c r="J6248">
        <f t="shared" si="700"/>
        <v>4.1065119331463871</v>
      </c>
      <c r="K6248">
        <f t="shared" si="701"/>
        <v>0.216871003490513</v>
      </c>
      <c r="L6248">
        <f t="shared" si="702"/>
        <v>0.1084355017452565</v>
      </c>
      <c r="M6248">
        <f t="shared" si="703"/>
        <v>0</v>
      </c>
      <c r="N6248" s="45">
        <f t="shared" si="704"/>
        <v>45185.916666651596</v>
      </c>
    </row>
    <row r="6249" spans="2:14" x14ac:dyDescent="0.25">
      <c r="B6249">
        <f t="shared" si="698"/>
        <v>6</v>
      </c>
      <c r="C6249" s="16">
        <v>6215</v>
      </c>
      <c r="D6249" cm="1">
        <f t="array" ref="D6249">IFERROR(INDEX(Jesper!AH$2:AH$366,ROUNDDOWN($C6249/24,0)+1,1)*INDEX($D$3:$AA$30,INDEX(Jesper!$R$2:$R$366,ROW(INDEX(Jesper!AH$2:AH$366,ROUNDDOWN($C6249/24,0)+1,1))-1)+IF('Standard Profiles'!$G$18=$B$10,7,0)+IF('Standard Profiles'!$G$18=$B$17,14,0)+IF('Standard Profiles'!$G$18=$B$24,21,0),MOD($C6249,24)+1)/SUM(INDEX($D$3:$AA$30,INDEX(Jesper!$R$2:$R$366,ROW(INDEX(Jesper!AH$2:AH$366,ROUNDDOWN($C6249/24,0)+1,1))-1)+IF('Standard Profiles'!$G$18=$B$10,7,0)+IF('Standard Profiles'!$G$18=$B$17,14,0)+IF('Standard Profiles'!$G$18=$B$24,21,0),0)),0)</f>
        <v>0</v>
      </c>
      <c r="E6249" cm="1">
        <f t="array" ref="E6249">IFERROR(INDEX(Jesper!AI$2:AI$366,ROUNDDOWN($C6249/24,0)+1,1)*INDEX($D$3:$AA$30,INDEX(Jesper!$R$2:$R$366,ROW(INDEX(Jesper!AI$2:AI$366,ROUNDDOWN($C6249/24,0)+1,1))-1)+IF('Standard Profiles'!$G$19=$B$10,7,0)+IF('Standard Profiles'!$G$19=$B$17,14,0)+IF('Standard Profiles'!$G$19=$B$24,21,0),MOD($C6249,24)+1)/SUM(INDEX($D$3:$AA$30,INDEX(Jesper!$R$2:$R$366,ROW(INDEX(Jesper!AI$2:AI$366,ROUNDDOWN($C6249/24,0)+1,1))-1)+IF('Standard Profiles'!$G$19=$B$10,7,0)+IF('Standard Profiles'!$G$19=$B$17,14,0)+IF('Standard Profiles'!$G$19=$B$24,21,0),0)),0)</f>
        <v>2.7108875436314124</v>
      </c>
      <c r="F6249" cm="1">
        <f t="array" ref="F6249">IFERROR(INDEX(Jesper!AJ$2:AJ$366,ROUNDDOWN($C6249/24,0)+1,1)*INDEX($D$3:$AA$30,INDEX(Jesper!$R$2:$R$366,ROW(INDEX(Jesper!AJ$2:AJ$366,ROUNDDOWN($C6249/24,0)+1,1))-1)+IF('Standard Profiles'!$G$20=$B$10,7,0)+IF('Standard Profiles'!$G$20=$B$17,14,0)+IF('Standard Profiles'!$G$20=$B$24,21,0),MOD($C6249,24)+1)/SUM(INDEX($D$3:$AA$30,INDEX(Jesper!$R$2:$R$366,ROW(INDEX(Jesper!AJ$2:AJ$366,ROUNDDOWN($C6249/24,0)+1,1))-1)+IF('Standard Profiles'!$G$20=$B$10,7,0)+IF('Standard Profiles'!$G$20=$B$17,14,0)+IF('Standard Profiles'!$G$20=$B$24,21,0),0)),0)</f>
        <v>1.1148124219813431</v>
      </c>
      <c r="G6249" cm="1">
        <f t="array" ref="G6249">IFERROR(INDEX(Jesper!AK$2:AK$366,ROUNDDOWN($C6249/24,0)+1,1)*INDEX($D$3:$AA$30,INDEX(Jesper!$R$2:$R$366,ROW(INDEX(Jesper!AK$2:AK$366,ROUNDDOWN($C6249/24,0)+1,1))-1)+IF('Standard Profiles'!$G$21=$B$10,7,0)+IF('Standard Profiles'!$G$21=$B$17,14,0)+IF('Standard Profiles'!$G$21=$B$24,21,0),MOD($C6249,24)+1)/SUM(INDEX($D$3:$AA$30,INDEX(Jesper!$R$2:$R$366,ROW(INDEX(Jesper!AK$2:AK$366,ROUNDDOWN($C6249/24,0)+1,1))-1)+IF('Standard Profiles'!$G$21=$B$10,7,0)+IF('Standard Profiles'!$G$21=$B$17,14,0)+IF('Standard Profiles'!$G$21=$B$24,21,0),0)),0)</f>
        <v>0.6008967442195009</v>
      </c>
      <c r="H6249" cm="1">
        <f t="array" ref="H6249">IFERROR(INDEX(Jesper!AL$2:AL$366,ROUNDDOWN($C6249/24,0)+1,1)*INDEX($D$3:$AA$30,INDEX(Jesper!$R$2:$R$366,ROW(INDEX(Jesper!AL$2:AL$366,ROUNDDOWN($C6249/24,0)+1,1))-1)+IF('Standard Profiles'!$G$22=$B$10,7,0)+IF('Standard Profiles'!$G$22=$B$17,14,0)+IF('Standard Profiles'!$G$22=$B$24,21,0),MOD($C6249,24)+1)/SUM(INDEX($D$3:$AA$30,INDEX(Jesper!$R$2:$R$366,ROW(INDEX(Jesper!AL$2:AL$366,ROUNDDOWN($C6249/24,0)+1,1))-1)+IF('Standard Profiles'!$G$22=$B$10,7,0)+IF('Standard Profiles'!$G$22=$B$17,14,0)+IF('Standard Profiles'!$G$22=$B$24,21,0),0)),0)</f>
        <v>0.13054321374749428</v>
      </c>
      <c r="I6249">
        <f t="shared" si="699"/>
        <v>0.12532148519759459</v>
      </c>
      <c r="J6249">
        <f t="shared" si="700"/>
        <v>4.1065119331463871</v>
      </c>
      <c r="K6249">
        <f t="shared" si="701"/>
        <v>0.216871003490513</v>
      </c>
      <c r="L6249">
        <f t="shared" si="702"/>
        <v>0.1084355017452565</v>
      </c>
      <c r="M6249">
        <f t="shared" si="703"/>
        <v>0</v>
      </c>
      <c r="N6249" s="45">
        <f t="shared" si="704"/>
        <v>45185.95833331826</v>
      </c>
    </row>
    <row r="6250" spans="2:14" x14ac:dyDescent="0.25">
      <c r="B6250">
        <f t="shared" si="698"/>
        <v>7</v>
      </c>
      <c r="C6250" s="16">
        <v>6216</v>
      </c>
      <c r="D6250" cm="1">
        <f t="array" ref="D6250">IFERROR(INDEX(Jesper!AH$2:AH$366,ROUNDDOWN($C6250/24,0)+1,1)*INDEX($D$3:$AA$30,INDEX(Jesper!$R$2:$R$366,ROW(INDEX(Jesper!AH$2:AH$366,ROUNDDOWN($C6250/24,0)+1,1))-1)+IF('Standard Profiles'!$G$18=$B$10,7,0)+IF('Standard Profiles'!$G$18=$B$17,14,0)+IF('Standard Profiles'!$G$18=$B$24,21,0),MOD($C6250,24)+1)/SUM(INDEX($D$3:$AA$30,INDEX(Jesper!$R$2:$R$366,ROW(INDEX(Jesper!AH$2:AH$366,ROUNDDOWN($C6250/24,0)+1,1))-1)+IF('Standard Profiles'!$G$18=$B$10,7,0)+IF('Standard Profiles'!$G$18=$B$17,14,0)+IF('Standard Profiles'!$G$18=$B$24,21,0),0)),0)</f>
        <v>0</v>
      </c>
      <c r="E6250" cm="1">
        <f t="array" ref="E6250">IFERROR(INDEX(Jesper!AI$2:AI$366,ROUNDDOWN($C6250/24,0)+1,1)*INDEX($D$3:$AA$30,INDEX(Jesper!$R$2:$R$366,ROW(INDEX(Jesper!AI$2:AI$366,ROUNDDOWN($C6250/24,0)+1,1))-1)+IF('Standard Profiles'!$G$19=$B$10,7,0)+IF('Standard Profiles'!$G$19=$B$17,14,0)+IF('Standard Profiles'!$G$19=$B$24,21,0),MOD($C6250,24)+1)/SUM(INDEX($D$3:$AA$30,INDEX(Jesper!$R$2:$R$366,ROW(INDEX(Jesper!AI$2:AI$366,ROUNDDOWN($C6250/24,0)+1,1))-1)+IF('Standard Profiles'!$G$19=$B$10,7,0)+IF('Standard Profiles'!$G$19=$B$17,14,0)+IF('Standard Profiles'!$G$19=$B$24,21,0),0)),0)</f>
        <v>2.7187876966375732</v>
      </c>
      <c r="F6250" cm="1">
        <f t="array" ref="F6250">IFERROR(INDEX(Jesper!AJ$2:AJ$366,ROUNDDOWN($C6250/24,0)+1,1)*INDEX($D$3:$AA$30,INDEX(Jesper!$R$2:$R$366,ROW(INDEX(Jesper!AJ$2:AJ$366,ROUNDDOWN($C6250/24,0)+1,1))-1)+IF('Standard Profiles'!$G$20=$B$10,7,0)+IF('Standard Profiles'!$G$20=$B$17,14,0)+IF('Standard Profiles'!$G$20=$B$24,21,0),MOD($C6250,24)+1)/SUM(INDEX($D$3:$AA$30,INDEX(Jesper!$R$2:$R$366,ROW(INDEX(Jesper!AJ$2:AJ$366,ROUNDDOWN($C6250/24,0)+1,1))-1)+IF('Standard Profiles'!$G$20=$B$10,7,0)+IF('Standard Profiles'!$G$20=$B$17,14,0)+IF('Standard Profiles'!$G$20=$B$24,21,0),0)),0)</f>
        <v>1.0900425659046233</v>
      </c>
      <c r="G6250" cm="1">
        <f t="array" ref="G6250">IFERROR(INDEX(Jesper!AK$2:AK$366,ROUNDDOWN($C6250/24,0)+1,1)*INDEX($D$3:$AA$30,INDEX(Jesper!$R$2:$R$366,ROW(INDEX(Jesper!AK$2:AK$366,ROUNDDOWN($C6250/24,0)+1,1))-1)+IF('Standard Profiles'!$G$21=$B$10,7,0)+IF('Standard Profiles'!$G$21=$B$17,14,0)+IF('Standard Profiles'!$G$21=$B$24,21,0),MOD($C6250,24)+1)/SUM(INDEX($D$3:$AA$30,INDEX(Jesper!$R$2:$R$366,ROW(INDEX(Jesper!AK$2:AK$366,ROUNDDOWN($C6250/24,0)+1,1))-1)+IF('Standard Profiles'!$G$21=$B$10,7,0)+IF('Standard Profiles'!$G$21=$B$17,14,0)+IF('Standard Profiles'!$G$21=$B$24,21,0),0)),0)</f>
        <v>0.56445079896021899</v>
      </c>
      <c r="H6250" cm="1">
        <f t="array" ref="H6250">IFERROR(INDEX(Jesper!AL$2:AL$366,ROUNDDOWN($C6250/24,0)+1,1)*INDEX($D$3:$AA$30,INDEX(Jesper!$R$2:$R$366,ROW(INDEX(Jesper!AL$2:AL$366,ROUNDDOWN($C6250/24,0)+1,1))-1)+IF('Standard Profiles'!$G$22=$B$10,7,0)+IF('Standard Profiles'!$G$22=$B$17,14,0)+IF('Standard Profiles'!$G$22=$B$24,21,0),MOD($C6250,24)+1)/SUM(INDEX($D$3:$AA$30,INDEX(Jesper!$R$2:$R$366,ROW(INDEX(Jesper!AL$2:AL$366,ROUNDDOWN($C6250/24,0)+1,1))-1)+IF('Standard Profiles'!$G$22=$B$10,7,0)+IF('Standard Profiles'!$G$22=$B$17,14,0)+IF('Standard Profiles'!$G$22=$B$24,21,0),0)),0)</f>
        <v>0.12684023758541088</v>
      </c>
      <c r="I6250">
        <f t="shared" si="699"/>
        <v>0.12176662808199451</v>
      </c>
      <c r="J6250">
        <f t="shared" si="700"/>
        <v>4.0521001474093223</v>
      </c>
      <c r="K6250">
        <f t="shared" si="701"/>
        <v>0.21750301573100586</v>
      </c>
      <c r="L6250">
        <f t="shared" si="702"/>
        <v>0.10875150786550293</v>
      </c>
      <c r="M6250">
        <f t="shared" si="703"/>
        <v>0</v>
      </c>
      <c r="N6250" s="45">
        <f t="shared" si="704"/>
        <v>45185.999999984924</v>
      </c>
    </row>
    <row r="6251" spans="2:14" x14ac:dyDescent="0.25">
      <c r="B6251">
        <f t="shared" si="698"/>
        <v>7</v>
      </c>
      <c r="C6251" s="16">
        <v>6217</v>
      </c>
      <c r="D6251" cm="1">
        <f t="array" ref="D6251">IFERROR(INDEX(Jesper!AH$2:AH$366,ROUNDDOWN($C6251/24,0)+1,1)*INDEX($D$3:$AA$30,INDEX(Jesper!$R$2:$R$366,ROW(INDEX(Jesper!AH$2:AH$366,ROUNDDOWN($C6251/24,0)+1,1))-1)+IF('Standard Profiles'!$G$18=$B$10,7,0)+IF('Standard Profiles'!$G$18=$B$17,14,0)+IF('Standard Profiles'!$G$18=$B$24,21,0),MOD($C6251,24)+1)/SUM(INDEX($D$3:$AA$30,INDEX(Jesper!$R$2:$R$366,ROW(INDEX(Jesper!AH$2:AH$366,ROUNDDOWN($C6251/24,0)+1,1))-1)+IF('Standard Profiles'!$G$18=$B$10,7,0)+IF('Standard Profiles'!$G$18=$B$17,14,0)+IF('Standard Profiles'!$G$18=$B$24,21,0),0)),0)</f>
        <v>0</v>
      </c>
      <c r="E6251" cm="1">
        <f t="array" ref="E6251">IFERROR(INDEX(Jesper!AI$2:AI$366,ROUNDDOWN($C6251/24,0)+1,1)*INDEX($D$3:$AA$30,INDEX(Jesper!$R$2:$R$366,ROW(INDEX(Jesper!AI$2:AI$366,ROUNDDOWN($C6251/24,0)+1,1))-1)+IF('Standard Profiles'!$G$19=$B$10,7,0)+IF('Standard Profiles'!$G$19=$B$17,14,0)+IF('Standard Profiles'!$G$19=$B$24,21,0),MOD($C6251,24)+1)/SUM(INDEX($D$3:$AA$30,INDEX(Jesper!$R$2:$R$366,ROW(INDEX(Jesper!AI$2:AI$366,ROUNDDOWN($C6251/24,0)+1,1))-1)+IF('Standard Profiles'!$G$19=$B$10,7,0)+IF('Standard Profiles'!$G$19=$B$17,14,0)+IF('Standard Profiles'!$G$19=$B$24,21,0),0)),0)</f>
        <v>2.7187876966375732</v>
      </c>
      <c r="F6251" cm="1">
        <f t="array" ref="F6251">IFERROR(INDEX(Jesper!AJ$2:AJ$366,ROUNDDOWN($C6251/24,0)+1,1)*INDEX($D$3:$AA$30,INDEX(Jesper!$R$2:$R$366,ROW(INDEX(Jesper!AJ$2:AJ$366,ROUNDDOWN($C6251/24,0)+1,1))-1)+IF('Standard Profiles'!$G$20=$B$10,7,0)+IF('Standard Profiles'!$G$20=$B$17,14,0)+IF('Standard Profiles'!$G$20=$B$24,21,0),MOD($C6251,24)+1)/SUM(INDEX($D$3:$AA$30,INDEX(Jesper!$R$2:$R$366,ROW(INDEX(Jesper!AJ$2:AJ$366,ROUNDDOWN($C6251/24,0)+1,1))-1)+IF('Standard Profiles'!$G$20=$B$10,7,0)+IF('Standard Profiles'!$G$20=$B$17,14,0)+IF('Standard Profiles'!$G$20=$B$24,21,0),0)),0)</f>
        <v>1.0900425659046233</v>
      </c>
      <c r="G6251" cm="1">
        <f t="array" ref="G6251">IFERROR(INDEX(Jesper!AK$2:AK$366,ROUNDDOWN($C6251/24,0)+1,1)*INDEX($D$3:$AA$30,INDEX(Jesper!$R$2:$R$366,ROW(INDEX(Jesper!AK$2:AK$366,ROUNDDOWN($C6251/24,0)+1,1))-1)+IF('Standard Profiles'!$G$21=$B$10,7,0)+IF('Standard Profiles'!$G$21=$B$17,14,0)+IF('Standard Profiles'!$G$21=$B$24,21,0),MOD($C6251,24)+1)/SUM(INDEX($D$3:$AA$30,INDEX(Jesper!$R$2:$R$366,ROW(INDEX(Jesper!AK$2:AK$366,ROUNDDOWN($C6251/24,0)+1,1))-1)+IF('Standard Profiles'!$G$21=$B$10,7,0)+IF('Standard Profiles'!$G$21=$B$17,14,0)+IF('Standard Profiles'!$G$21=$B$24,21,0),0)),0)</f>
        <v>0.56445079896021899</v>
      </c>
      <c r="H6251" cm="1">
        <f t="array" ref="H6251">IFERROR(INDEX(Jesper!AL$2:AL$366,ROUNDDOWN($C6251/24,0)+1,1)*INDEX($D$3:$AA$30,INDEX(Jesper!$R$2:$R$366,ROW(INDEX(Jesper!AL$2:AL$366,ROUNDDOWN($C6251/24,0)+1,1))-1)+IF('Standard Profiles'!$G$22=$B$10,7,0)+IF('Standard Profiles'!$G$22=$B$17,14,0)+IF('Standard Profiles'!$G$22=$B$24,21,0),MOD($C6251,24)+1)/SUM(INDEX($D$3:$AA$30,INDEX(Jesper!$R$2:$R$366,ROW(INDEX(Jesper!AL$2:AL$366,ROUNDDOWN($C6251/24,0)+1,1))-1)+IF('Standard Profiles'!$G$22=$B$10,7,0)+IF('Standard Profiles'!$G$22=$B$17,14,0)+IF('Standard Profiles'!$G$22=$B$24,21,0),0)),0)</f>
        <v>0.14729834042176745</v>
      </c>
      <c r="I6251">
        <f t="shared" si="699"/>
        <v>0.14140640680489683</v>
      </c>
      <c r="J6251">
        <f t="shared" si="700"/>
        <v>4.0529184715227773</v>
      </c>
      <c r="K6251">
        <f t="shared" si="701"/>
        <v>0.21750301573100586</v>
      </c>
      <c r="L6251">
        <f t="shared" si="702"/>
        <v>0.10875150786550293</v>
      </c>
      <c r="M6251">
        <f t="shared" si="703"/>
        <v>0</v>
      </c>
      <c r="N6251" s="45">
        <f t="shared" si="704"/>
        <v>45186.041666651588</v>
      </c>
    </row>
    <row r="6252" spans="2:14" x14ac:dyDescent="0.25">
      <c r="B6252">
        <f t="shared" si="698"/>
        <v>7</v>
      </c>
      <c r="C6252" s="16">
        <v>6218</v>
      </c>
      <c r="D6252" cm="1">
        <f t="array" ref="D6252">IFERROR(INDEX(Jesper!AH$2:AH$366,ROUNDDOWN($C6252/24,0)+1,1)*INDEX($D$3:$AA$30,INDEX(Jesper!$R$2:$R$366,ROW(INDEX(Jesper!AH$2:AH$366,ROUNDDOWN($C6252/24,0)+1,1))-1)+IF('Standard Profiles'!$G$18=$B$10,7,0)+IF('Standard Profiles'!$G$18=$B$17,14,0)+IF('Standard Profiles'!$G$18=$B$24,21,0),MOD($C6252,24)+1)/SUM(INDEX($D$3:$AA$30,INDEX(Jesper!$R$2:$R$366,ROW(INDEX(Jesper!AH$2:AH$366,ROUNDDOWN($C6252/24,0)+1,1))-1)+IF('Standard Profiles'!$G$18=$B$10,7,0)+IF('Standard Profiles'!$G$18=$B$17,14,0)+IF('Standard Profiles'!$G$18=$B$24,21,0),0)),0)</f>
        <v>0</v>
      </c>
      <c r="E6252" cm="1">
        <f t="array" ref="E6252">IFERROR(INDEX(Jesper!AI$2:AI$366,ROUNDDOWN($C6252/24,0)+1,1)*INDEX($D$3:$AA$30,INDEX(Jesper!$R$2:$R$366,ROW(INDEX(Jesper!AI$2:AI$366,ROUNDDOWN($C6252/24,0)+1,1))-1)+IF('Standard Profiles'!$G$19=$B$10,7,0)+IF('Standard Profiles'!$G$19=$B$17,14,0)+IF('Standard Profiles'!$G$19=$B$24,21,0),MOD($C6252,24)+1)/SUM(INDEX($D$3:$AA$30,INDEX(Jesper!$R$2:$R$366,ROW(INDEX(Jesper!AI$2:AI$366,ROUNDDOWN($C6252/24,0)+1,1))-1)+IF('Standard Profiles'!$G$19=$B$10,7,0)+IF('Standard Profiles'!$G$19=$B$17,14,0)+IF('Standard Profiles'!$G$19=$B$24,21,0),0)),0)</f>
        <v>2.7187876966375732</v>
      </c>
      <c r="F6252" cm="1">
        <f t="array" ref="F6252">IFERROR(INDEX(Jesper!AJ$2:AJ$366,ROUNDDOWN($C6252/24,0)+1,1)*INDEX($D$3:$AA$30,INDEX(Jesper!$R$2:$R$366,ROW(INDEX(Jesper!AJ$2:AJ$366,ROUNDDOWN($C6252/24,0)+1,1))-1)+IF('Standard Profiles'!$G$20=$B$10,7,0)+IF('Standard Profiles'!$G$20=$B$17,14,0)+IF('Standard Profiles'!$G$20=$B$24,21,0),MOD($C6252,24)+1)/SUM(INDEX($D$3:$AA$30,INDEX(Jesper!$R$2:$R$366,ROW(INDEX(Jesper!AJ$2:AJ$366,ROUNDDOWN($C6252/24,0)+1,1))-1)+IF('Standard Profiles'!$G$20=$B$10,7,0)+IF('Standard Profiles'!$G$20=$B$17,14,0)+IF('Standard Profiles'!$G$20=$B$24,21,0),0)),0)</f>
        <v>1.0900425659046233</v>
      </c>
      <c r="G6252" cm="1">
        <f t="array" ref="G6252">IFERROR(INDEX(Jesper!AK$2:AK$366,ROUNDDOWN($C6252/24,0)+1,1)*INDEX($D$3:$AA$30,INDEX(Jesper!$R$2:$R$366,ROW(INDEX(Jesper!AK$2:AK$366,ROUNDDOWN($C6252/24,0)+1,1))-1)+IF('Standard Profiles'!$G$21=$B$10,7,0)+IF('Standard Profiles'!$G$21=$B$17,14,0)+IF('Standard Profiles'!$G$21=$B$24,21,0),MOD($C6252,24)+1)/SUM(INDEX($D$3:$AA$30,INDEX(Jesper!$R$2:$R$366,ROW(INDEX(Jesper!AK$2:AK$366,ROUNDDOWN($C6252/24,0)+1,1))-1)+IF('Standard Profiles'!$G$21=$B$10,7,0)+IF('Standard Profiles'!$G$21=$B$17,14,0)+IF('Standard Profiles'!$G$21=$B$24,21,0),0)),0)</f>
        <v>0.56445079896021899</v>
      </c>
      <c r="H6252" cm="1">
        <f t="array" ref="H6252">IFERROR(INDEX(Jesper!AL$2:AL$366,ROUNDDOWN($C6252/24,0)+1,1)*INDEX($D$3:$AA$30,INDEX(Jesper!$R$2:$R$366,ROW(INDEX(Jesper!AL$2:AL$366,ROUNDDOWN($C6252/24,0)+1,1))-1)+IF('Standard Profiles'!$G$22=$B$10,7,0)+IF('Standard Profiles'!$G$22=$B$17,14,0)+IF('Standard Profiles'!$G$22=$B$24,21,0),MOD($C6252,24)+1)/SUM(INDEX($D$3:$AA$30,INDEX(Jesper!$R$2:$R$366,ROW(INDEX(Jesper!AL$2:AL$366,ROUNDDOWN($C6252/24,0)+1,1))-1)+IF('Standard Profiles'!$G$22=$B$10,7,0)+IF('Standard Profiles'!$G$22=$B$17,14,0)+IF('Standard Profiles'!$G$22=$B$24,21,0),0)),0)</f>
        <v>0.14729834042176745</v>
      </c>
      <c r="I6252">
        <f t="shared" si="699"/>
        <v>0.14140640680489683</v>
      </c>
      <c r="J6252">
        <f t="shared" si="700"/>
        <v>4.0529184715227773</v>
      </c>
      <c r="K6252">
        <f t="shared" si="701"/>
        <v>0.21750301573100586</v>
      </c>
      <c r="L6252">
        <f t="shared" si="702"/>
        <v>0.10875150786550293</v>
      </c>
      <c r="M6252">
        <f t="shared" si="703"/>
        <v>0</v>
      </c>
      <c r="N6252" s="45">
        <f t="shared" si="704"/>
        <v>45186.083333318253</v>
      </c>
    </row>
    <row r="6253" spans="2:14" x14ac:dyDescent="0.25">
      <c r="B6253">
        <f t="shared" si="698"/>
        <v>7</v>
      </c>
      <c r="C6253" s="16">
        <v>6219</v>
      </c>
      <c r="D6253" cm="1">
        <f t="array" ref="D6253">IFERROR(INDEX(Jesper!AH$2:AH$366,ROUNDDOWN($C6253/24,0)+1,1)*INDEX($D$3:$AA$30,INDEX(Jesper!$R$2:$R$366,ROW(INDEX(Jesper!AH$2:AH$366,ROUNDDOWN($C6253/24,0)+1,1))-1)+IF('Standard Profiles'!$G$18=$B$10,7,0)+IF('Standard Profiles'!$G$18=$B$17,14,0)+IF('Standard Profiles'!$G$18=$B$24,21,0),MOD($C6253,24)+1)/SUM(INDEX($D$3:$AA$30,INDEX(Jesper!$R$2:$R$366,ROW(INDEX(Jesper!AH$2:AH$366,ROUNDDOWN($C6253/24,0)+1,1))-1)+IF('Standard Profiles'!$G$18=$B$10,7,0)+IF('Standard Profiles'!$G$18=$B$17,14,0)+IF('Standard Profiles'!$G$18=$B$24,21,0),0)),0)</f>
        <v>0</v>
      </c>
      <c r="E6253" cm="1">
        <f t="array" ref="E6253">IFERROR(INDEX(Jesper!AI$2:AI$366,ROUNDDOWN($C6253/24,0)+1,1)*INDEX($D$3:$AA$30,INDEX(Jesper!$R$2:$R$366,ROW(INDEX(Jesper!AI$2:AI$366,ROUNDDOWN($C6253/24,0)+1,1))-1)+IF('Standard Profiles'!$G$19=$B$10,7,0)+IF('Standard Profiles'!$G$19=$B$17,14,0)+IF('Standard Profiles'!$G$19=$B$24,21,0),MOD($C6253,24)+1)/SUM(INDEX($D$3:$AA$30,INDEX(Jesper!$R$2:$R$366,ROW(INDEX(Jesper!AI$2:AI$366,ROUNDDOWN($C6253/24,0)+1,1))-1)+IF('Standard Profiles'!$G$19=$B$10,7,0)+IF('Standard Profiles'!$G$19=$B$17,14,0)+IF('Standard Profiles'!$G$19=$B$24,21,0),0)),0)</f>
        <v>2.7187876966375732</v>
      </c>
      <c r="F6253" cm="1">
        <f t="array" ref="F6253">IFERROR(INDEX(Jesper!AJ$2:AJ$366,ROUNDDOWN($C6253/24,0)+1,1)*INDEX($D$3:$AA$30,INDEX(Jesper!$R$2:$R$366,ROW(INDEX(Jesper!AJ$2:AJ$366,ROUNDDOWN($C6253/24,0)+1,1))-1)+IF('Standard Profiles'!$G$20=$B$10,7,0)+IF('Standard Profiles'!$G$20=$B$17,14,0)+IF('Standard Profiles'!$G$20=$B$24,21,0),MOD($C6253,24)+1)/SUM(INDEX($D$3:$AA$30,INDEX(Jesper!$R$2:$R$366,ROW(INDEX(Jesper!AJ$2:AJ$366,ROUNDDOWN($C6253/24,0)+1,1))-1)+IF('Standard Profiles'!$G$20=$B$10,7,0)+IF('Standard Profiles'!$G$20=$B$17,14,0)+IF('Standard Profiles'!$G$20=$B$24,21,0),0)),0)</f>
        <v>1.0900425659046233</v>
      </c>
      <c r="G6253" cm="1">
        <f t="array" ref="G6253">IFERROR(INDEX(Jesper!AK$2:AK$366,ROUNDDOWN($C6253/24,0)+1,1)*INDEX($D$3:$AA$30,INDEX(Jesper!$R$2:$R$366,ROW(INDEX(Jesper!AK$2:AK$366,ROUNDDOWN($C6253/24,0)+1,1))-1)+IF('Standard Profiles'!$G$21=$B$10,7,0)+IF('Standard Profiles'!$G$21=$B$17,14,0)+IF('Standard Profiles'!$G$21=$B$24,21,0),MOD($C6253,24)+1)/SUM(INDEX($D$3:$AA$30,INDEX(Jesper!$R$2:$R$366,ROW(INDEX(Jesper!AK$2:AK$366,ROUNDDOWN($C6253/24,0)+1,1))-1)+IF('Standard Profiles'!$G$21=$B$10,7,0)+IF('Standard Profiles'!$G$21=$B$17,14,0)+IF('Standard Profiles'!$G$21=$B$24,21,0),0)),0)</f>
        <v>0.56445079896021899</v>
      </c>
      <c r="H6253" cm="1">
        <f t="array" ref="H6253">IFERROR(INDEX(Jesper!AL$2:AL$366,ROUNDDOWN($C6253/24,0)+1,1)*INDEX($D$3:$AA$30,INDEX(Jesper!$R$2:$R$366,ROW(INDEX(Jesper!AL$2:AL$366,ROUNDDOWN($C6253/24,0)+1,1))-1)+IF('Standard Profiles'!$G$22=$B$10,7,0)+IF('Standard Profiles'!$G$22=$B$17,14,0)+IF('Standard Profiles'!$G$22=$B$24,21,0),MOD($C6253,24)+1)/SUM(INDEX($D$3:$AA$30,INDEX(Jesper!$R$2:$R$366,ROW(INDEX(Jesper!AL$2:AL$366,ROUNDDOWN($C6253/24,0)+1,1))-1)+IF('Standard Profiles'!$G$22=$B$10,7,0)+IF('Standard Profiles'!$G$22=$B$17,14,0)+IF('Standard Profiles'!$G$22=$B$24,21,0),0)),0)</f>
        <v>0.14729834042176745</v>
      </c>
      <c r="I6253">
        <f t="shared" si="699"/>
        <v>0.14140640680489683</v>
      </c>
      <c r="J6253">
        <f t="shared" si="700"/>
        <v>4.0529184715227773</v>
      </c>
      <c r="K6253">
        <f t="shared" si="701"/>
        <v>0.21750301573100586</v>
      </c>
      <c r="L6253">
        <f t="shared" si="702"/>
        <v>0.10875150786550293</v>
      </c>
      <c r="M6253">
        <f t="shared" si="703"/>
        <v>0</v>
      </c>
      <c r="N6253" s="45">
        <f t="shared" si="704"/>
        <v>45186.124999984917</v>
      </c>
    </row>
    <row r="6254" spans="2:14" x14ac:dyDescent="0.25">
      <c r="B6254">
        <f t="shared" si="698"/>
        <v>7</v>
      </c>
      <c r="C6254" s="16">
        <v>6220</v>
      </c>
      <c r="D6254" cm="1">
        <f t="array" ref="D6254">IFERROR(INDEX(Jesper!AH$2:AH$366,ROUNDDOWN($C6254/24,0)+1,1)*INDEX($D$3:$AA$30,INDEX(Jesper!$R$2:$R$366,ROW(INDEX(Jesper!AH$2:AH$366,ROUNDDOWN($C6254/24,0)+1,1))-1)+IF('Standard Profiles'!$G$18=$B$10,7,0)+IF('Standard Profiles'!$G$18=$B$17,14,0)+IF('Standard Profiles'!$G$18=$B$24,21,0),MOD($C6254,24)+1)/SUM(INDEX($D$3:$AA$30,INDEX(Jesper!$R$2:$R$366,ROW(INDEX(Jesper!AH$2:AH$366,ROUNDDOWN($C6254/24,0)+1,1))-1)+IF('Standard Profiles'!$G$18=$B$10,7,0)+IF('Standard Profiles'!$G$18=$B$17,14,0)+IF('Standard Profiles'!$G$18=$B$24,21,0),0)),0)</f>
        <v>0</v>
      </c>
      <c r="E6254" cm="1">
        <f t="array" ref="E6254">IFERROR(INDEX(Jesper!AI$2:AI$366,ROUNDDOWN($C6254/24,0)+1,1)*INDEX($D$3:$AA$30,INDEX(Jesper!$R$2:$R$366,ROW(INDEX(Jesper!AI$2:AI$366,ROUNDDOWN($C6254/24,0)+1,1))-1)+IF('Standard Profiles'!$G$19=$B$10,7,0)+IF('Standard Profiles'!$G$19=$B$17,14,0)+IF('Standard Profiles'!$G$19=$B$24,21,0),MOD($C6254,24)+1)/SUM(INDEX($D$3:$AA$30,INDEX(Jesper!$R$2:$R$366,ROW(INDEX(Jesper!AI$2:AI$366,ROUNDDOWN($C6254/24,0)+1,1))-1)+IF('Standard Profiles'!$G$19=$B$10,7,0)+IF('Standard Profiles'!$G$19=$B$17,14,0)+IF('Standard Profiles'!$G$19=$B$24,21,0),0)),0)</f>
        <v>2.7187876966375732</v>
      </c>
      <c r="F6254" cm="1">
        <f t="array" ref="F6254">IFERROR(INDEX(Jesper!AJ$2:AJ$366,ROUNDDOWN($C6254/24,0)+1,1)*INDEX($D$3:$AA$30,INDEX(Jesper!$R$2:$R$366,ROW(INDEX(Jesper!AJ$2:AJ$366,ROUNDDOWN($C6254/24,0)+1,1))-1)+IF('Standard Profiles'!$G$20=$B$10,7,0)+IF('Standard Profiles'!$G$20=$B$17,14,0)+IF('Standard Profiles'!$G$20=$B$24,21,0),MOD($C6254,24)+1)/SUM(INDEX($D$3:$AA$30,INDEX(Jesper!$R$2:$R$366,ROW(INDEX(Jesper!AJ$2:AJ$366,ROUNDDOWN($C6254/24,0)+1,1))-1)+IF('Standard Profiles'!$G$20=$B$10,7,0)+IF('Standard Profiles'!$G$20=$B$17,14,0)+IF('Standard Profiles'!$G$20=$B$24,21,0),0)),0)</f>
        <v>1.0900425659046233</v>
      </c>
      <c r="G6254" cm="1">
        <f t="array" ref="G6254">IFERROR(INDEX(Jesper!AK$2:AK$366,ROUNDDOWN($C6254/24,0)+1,1)*INDEX($D$3:$AA$30,INDEX(Jesper!$R$2:$R$366,ROW(INDEX(Jesper!AK$2:AK$366,ROUNDDOWN($C6254/24,0)+1,1))-1)+IF('Standard Profiles'!$G$21=$B$10,7,0)+IF('Standard Profiles'!$G$21=$B$17,14,0)+IF('Standard Profiles'!$G$21=$B$24,21,0),MOD($C6254,24)+1)/SUM(INDEX($D$3:$AA$30,INDEX(Jesper!$R$2:$R$366,ROW(INDEX(Jesper!AK$2:AK$366,ROUNDDOWN($C6254/24,0)+1,1))-1)+IF('Standard Profiles'!$G$21=$B$10,7,0)+IF('Standard Profiles'!$G$21=$B$17,14,0)+IF('Standard Profiles'!$G$21=$B$24,21,0),0)),0)</f>
        <v>0.56445079896021899</v>
      </c>
      <c r="H6254" cm="1">
        <f t="array" ref="H6254">IFERROR(INDEX(Jesper!AL$2:AL$366,ROUNDDOWN($C6254/24,0)+1,1)*INDEX($D$3:$AA$30,INDEX(Jesper!$R$2:$R$366,ROW(INDEX(Jesper!AL$2:AL$366,ROUNDDOWN($C6254/24,0)+1,1))-1)+IF('Standard Profiles'!$G$22=$B$10,7,0)+IF('Standard Profiles'!$G$22=$B$17,14,0)+IF('Standard Profiles'!$G$22=$B$24,21,0),MOD($C6254,24)+1)/SUM(INDEX($D$3:$AA$30,INDEX(Jesper!$R$2:$R$366,ROW(INDEX(Jesper!AL$2:AL$366,ROUNDDOWN($C6254/24,0)+1,1))-1)+IF('Standard Profiles'!$G$22=$B$10,7,0)+IF('Standard Profiles'!$G$22=$B$17,14,0)+IF('Standard Profiles'!$G$22=$B$24,21,0),0)),0)</f>
        <v>0.14729834042176745</v>
      </c>
      <c r="I6254">
        <f t="shared" si="699"/>
        <v>0.14140640680489683</v>
      </c>
      <c r="J6254">
        <f t="shared" si="700"/>
        <v>4.0529184715227773</v>
      </c>
      <c r="K6254">
        <f t="shared" si="701"/>
        <v>0.21750301573100586</v>
      </c>
      <c r="L6254">
        <f t="shared" si="702"/>
        <v>0.10875150786550293</v>
      </c>
      <c r="M6254">
        <f t="shared" si="703"/>
        <v>0</v>
      </c>
      <c r="N6254" s="45">
        <f t="shared" si="704"/>
        <v>45186.166666651581</v>
      </c>
    </row>
    <row r="6255" spans="2:14" x14ac:dyDescent="0.25">
      <c r="B6255">
        <f t="shared" si="698"/>
        <v>7</v>
      </c>
      <c r="C6255" s="16">
        <v>6221</v>
      </c>
      <c r="D6255" cm="1">
        <f t="array" ref="D6255">IFERROR(INDEX(Jesper!AH$2:AH$366,ROUNDDOWN($C6255/24,0)+1,1)*INDEX($D$3:$AA$30,INDEX(Jesper!$R$2:$R$366,ROW(INDEX(Jesper!AH$2:AH$366,ROUNDDOWN($C6255/24,0)+1,1))-1)+IF('Standard Profiles'!$G$18=$B$10,7,0)+IF('Standard Profiles'!$G$18=$B$17,14,0)+IF('Standard Profiles'!$G$18=$B$24,21,0),MOD($C6255,24)+1)/SUM(INDEX($D$3:$AA$30,INDEX(Jesper!$R$2:$R$366,ROW(INDEX(Jesper!AH$2:AH$366,ROUNDDOWN($C6255/24,0)+1,1))-1)+IF('Standard Profiles'!$G$18=$B$10,7,0)+IF('Standard Profiles'!$G$18=$B$17,14,0)+IF('Standard Profiles'!$G$18=$B$24,21,0),0)),0)</f>
        <v>0</v>
      </c>
      <c r="E6255" cm="1">
        <f t="array" ref="E6255">IFERROR(INDEX(Jesper!AI$2:AI$366,ROUNDDOWN($C6255/24,0)+1,1)*INDEX($D$3:$AA$30,INDEX(Jesper!$R$2:$R$366,ROW(INDEX(Jesper!AI$2:AI$366,ROUNDDOWN($C6255/24,0)+1,1))-1)+IF('Standard Profiles'!$G$19=$B$10,7,0)+IF('Standard Profiles'!$G$19=$B$17,14,0)+IF('Standard Profiles'!$G$19=$B$24,21,0),MOD($C6255,24)+1)/SUM(INDEX($D$3:$AA$30,INDEX(Jesper!$R$2:$R$366,ROW(INDEX(Jesper!AI$2:AI$366,ROUNDDOWN($C6255/24,0)+1,1))-1)+IF('Standard Profiles'!$G$19=$B$10,7,0)+IF('Standard Profiles'!$G$19=$B$17,14,0)+IF('Standard Profiles'!$G$19=$B$24,21,0),0)),0)</f>
        <v>2.7187876966375732</v>
      </c>
      <c r="F6255" cm="1">
        <f t="array" ref="F6255">IFERROR(INDEX(Jesper!AJ$2:AJ$366,ROUNDDOWN($C6255/24,0)+1,1)*INDEX($D$3:$AA$30,INDEX(Jesper!$R$2:$R$366,ROW(INDEX(Jesper!AJ$2:AJ$366,ROUNDDOWN($C6255/24,0)+1,1))-1)+IF('Standard Profiles'!$G$20=$B$10,7,0)+IF('Standard Profiles'!$G$20=$B$17,14,0)+IF('Standard Profiles'!$G$20=$B$24,21,0),MOD($C6255,24)+1)/SUM(INDEX($D$3:$AA$30,INDEX(Jesper!$R$2:$R$366,ROW(INDEX(Jesper!AJ$2:AJ$366,ROUNDDOWN($C6255/24,0)+1,1))-1)+IF('Standard Profiles'!$G$20=$B$10,7,0)+IF('Standard Profiles'!$G$20=$B$17,14,0)+IF('Standard Profiles'!$G$20=$B$24,21,0),0)),0)</f>
        <v>1.0900425659046233</v>
      </c>
      <c r="G6255" cm="1">
        <f t="array" ref="G6255">IFERROR(INDEX(Jesper!AK$2:AK$366,ROUNDDOWN($C6255/24,0)+1,1)*INDEX($D$3:$AA$30,INDEX(Jesper!$R$2:$R$366,ROW(INDEX(Jesper!AK$2:AK$366,ROUNDDOWN($C6255/24,0)+1,1))-1)+IF('Standard Profiles'!$G$21=$B$10,7,0)+IF('Standard Profiles'!$G$21=$B$17,14,0)+IF('Standard Profiles'!$G$21=$B$24,21,0),MOD($C6255,24)+1)/SUM(INDEX($D$3:$AA$30,INDEX(Jesper!$R$2:$R$366,ROW(INDEX(Jesper!AK$2:AK$366,ROUNDDOWN($C6255/24,0)+1,1))-1)+IF('Standard Profiles'!$G$21=$B$10,7,0)+IF('Standard Profiles'!$G$21=$B$17,14,0)+IF('Standard Profiles'!$G$21=$B$24,21,0),0)),0)</f>
        <v>0.56445079896021899</v>
      </c>
      <c r="H6255" cm="1">
        <f t="array" ref="H6255">IFERROR(INDEX(Jesper!AL$2:AL$366,ROUNDDOWN($C6255/24,0)+1,1)*INDEX($D$3:$AA$30,INDEX(Jesper!$R$2:$R$366,ROW(INDEX(Jesper!AL$2:AL$366,ROUNDDOWN($C6255/24,0)+1,1))-1)+IF('Standard Profiles'!$G$22=$B$10,7,0)+IF('Standard Profiles'!$G$22=$B$17,14,0)+IF('Standard Profiles'!$G$22=$B$24,21,0),MOD($C6255,24)+1)/SUM(INDEX($D$3:$AA$30,INDEX(Jesper!$R$2:$R$366,ROW(INDEX(Jesper!AL$2:AL$366,ROUNDDOWN($C6255/24,0)+1,1))-1)+IF('Standard Profiles'!$G$22=$B$10,7,0)+IF('Standard Profiles'!$G$22=$B$17,14,0)+IF('Standard Profiles'!$G$22=$B$24,21,0),0)),0)</f>
        <v>0.18412292552720935</v>
      </c>
      <c r="I6255">
        <f t="shared" si="699"/>
        <v>0.17675800850612108</v>
      </c>
      <c r="J6255">
        <f t="shared" si="700"/>
        <v>4.0543914549269946</v>
      </c>
      <c r="K6255">
        <f t="shared" si="701"/>
        <v>0.21750301573100586</v>
      </c>
      <c r="L6255">
        <f t="shared" si="702"/>
        <v>0.10875150786550293</v>
      </c>
      <c r="M6255">
        <f t="shared" si="703"/>
        <v>0</v>
      </c>
      <c r="N6255" s="45">
        <f t="shared" si="704"/>
        <v>45186.208333318245</v>
      </c>
    </row>
    <row r="6256" spans="2:14" x14ac:dyDescent="0.25">
      <c r="B6256">
        <f t="shared" si="698"/>
        <v>7</v>
      </c>
      <c r="C6256" s="16">
        <v>6222</v>
      </c>
      <c r="D6256" cm="1">
        <f t="array" ref="D6256">IFERROR(INDEX(Jesper!AH$2:AH$366,ROUNDDOWN($C6256/24,0)+1,1)*INDEX($D$3:$AA$30,INDEX(Jesper!$R$2:$R$366,ROW(INDEX(Jesper!AH$2:AH$366,ROUNDDOWN($C6256/24,0)+1,1))-1)+IF('Standard Profiles'!$G$18=$B$10,7,0)+IF('Standard Profiles'!$G$18=$B$17,14,0)+IF('Standard Profiles'!$G$18=$B$24,21,0),MOD($C6256,24)+1)/SUM(INDEX($D$3:$AA$30,INDEX(Jesper!$R$2:$R$366,ROW(INDEX(Jesper!AH$2:AH$366,ROUNDDOWN($C6256/24,0)+1,1))-1)+IF('Standard Profiles'!$G$18=$B$10,7,0)+IF('Standard Profiles'!$G$18=$B$17,14,0)+IF('Standard Profiles'!$G$18=$B$24,21,0),0)),0)</f>
        <v>0</v>
      </c>
      <c r="E6256" cm="1">
        <f t="array" ref="E6256">IFERROR(INDEX(Jesper!AI$2:AI$366,ROUNDDOWN($C6256/24,0)+1,1)*INDEX($D$3:$AA$30,INDEX(Jesper!$R$2:$R$366,ROW(INDEX(Jesper!AI$2:AI$366,ROUNDDOWN($C6256/24,0)+1,1))-1)+IF('Standard Profiles'!$G$19=$B$10,7,0)+IF('Standard Profiles'!$G$19=$B$17,14,0)+IF('Standard Profiles'!$G$19=$B$24,21,0),MOD($C6256,24)+1)/SUM(INDEX($D$3:$AA$30,INDEX(Jesper!$R$2:$R$366,ROW(INDEX(Jesper!AI$2:AI$366,ROUNDDOWN($C6256/24,0)+1,1))-1)+IF('Standard Profiles'!$G$19=$B$10,7,0)+IF('Standard Profiles'!$G$19=$B$17,14,0)+IF('Standard Profiles'!$G$19=$B$24,21,0),0)),0)</f>
        <v>2.7187876966375732</v>
      </c>
      <c r="F6256" cm="1">
        <f t="array" ref="F6256">IFERROR(INDEX(Jesper!AJ$2:AJ$366,ROUNDDOWN($C6256/24,0)+1,1)*INDEX($D$3:$AA$30,INDEX(Jesper!$R$2:$R$366,ROW(INDEX(Jesper!AJ$2:AJ$366,ROUNDDOWN($C6256/24,0)+1,1))-1)+IF('Standard Profiles'!$G$20=$B$10,7,0)+IF('Standard Profiles'!$G$20=$B$17,14,0)+IF('Standard Profiles'!$G$20=$B$24,21,0),MOD($C6256,24)+1)/SUM(INDEX($D$3:$AA$30,INDEX(Jesper!$R$2:$R$366,ROW(INDEX(Jesper!AJ$2:AJ$366,ROUNDDOWN($C6256/24,0)+1,1))-1)+IF('Standard Profiles'!$G$20=$B$10,7,0)+IF('Standard Profiles'!$G$20=$B$17,14,0)+IF('Standard Profiles'!$G$20=$B$24,21,0),0)),0)</f>
        <v>1.0900425659046233</v>
      </c>
      <c r="G6256" cm="1">
        <f t="array" ref="G6256">IFERROR(INDEX(Jesper!AK$2:AK$366,ROUNDDOWN($C6256/24,0)+1,1)*INDEX($D$3:$AA$30,INDEX(Jesper!$R$2:$R$366,ROW(INDEX(Jesper!AK$2:AK$366,ROUNDDOWN($C6256/24,0)+1,1))-1)+IF('Standard Profiles'!$G$21=$B$10,7,0)+IF('Standard Profiles'!$G$21=$B$17,14,0)+IF('Standard Profiles'!$G$21=$B$24,21,0),MOD($C6256,24)+1)/SUM(INDEX($D$3:$AA$30,INDEX(Jesper!$R$2:$R$366,ROW(INDEX(Jesper!AK$2:AK$366,ROUNDDOWN($C6256/24,0)+1,1))-1)+IF('Standard Profiles'!$G$21=$B$10,7,0)+IF('Standard Profiles'!$G$21=$B$17,14,0)+IF('Standard Profiles'!$G$21=$B$24,21,0),0)),0)</f>
        <v>0.56445079896021899</v>
      </c>
      <c r="H6256" cm="1">
        <f t="array" ref="H6256">IFERROR(INDEX(Jesper!AL$2:AL$366,ROUNDDOWN($C6256/24,0)+1,1)*INDEX($D$3:$AA$30,INDEX(Jesper!$R$2:$R$366,ROW(INDEX(Jesper!AL$2:AL$366,ROUNDDOWN($C6256/24,0)+1,1))-1)+IF('Standard Profiles'!$G$22=$B$10,7,0)+IF('Standard Profiles'!$G$22=$B$17,14,0)+IF('Standard Profiles'!$G$22=$B$24,21,0),MOD($C6256,24)+1)/SUM(INDEX($D$3:$AA$30,INDEX(Jesper!$R$2:$R$366,ROW(INDEX(Jesper!AL$2:AL$366,ROUNDDOWN($C6256/24,0)+1,1))-1)+IF('Standard Profiles'!$G$22=$B$10,7,0)+IF('Standard Profiles'!$G$22=$B$17,14,0)+IF('Standard Profiles'!$G$22=$B$24,21,0),0)),0)</f>
        <v>0.21685589006537989</v>
      </c>
      <c r="I6256">
        <f t="shared" si="699"/>
        <v>0.20818165446276482</v>
      </c>
      <c r="J6256">
        <f t="shared" si="700"/>
        <v>4.0557007735085211</v>
      </c>
      <c r="K6256">
        <f t="shared" si="701"/>
        <v>0.21750301573100586</v>
      </c>
      <c r="L6256">
        <f t="shared" si="702"/>
        <v>0.10875150786550293</v>
      </c>
      <c r="M6256">
        <f t="shared" si="703"/>
        <v>0</v>
      </c>
      <c r="N6256" s="45">
        <f t="shared" si="704"/>
        <v>45186.24999998491</v>
      </c>
    </row>
    <row r="6257" spans="2:14" x14ac:dyDescent="0.25">
      <c r="B6257">
        <f t="shared" si="698"/>
        <v>7</v>
      </c>
      <c r="C6257" s="16">
        <v>6223</v>
      </c>
      <c r="D6257" cm="1">
        <f t="array" ref="D6257">IFERROR(INDEX(Jesper!AH$2:AH$366,ROUNDDOWN($C6257/24,0)+1,1)*INDEX($D$3:$AA$30,INDEX(Jesper!$R$2:$R$366,ROW(INDEX(Jesper!AH$2:AH$366,ROUNDDOWN($C6257/24,0)+1,1))-1)+IF('Standard Profiles'!$G$18=$B$10,7,0)+IF('Standard Profiles'!$G$18=$B$17,14,0)+IF('Standard Profiles'!$G$18=$B$24,21,0),MOD($C6257,24)+1)/SUM(INDEX($D$3:$AA$30,INDEX(Jesper!$R$2:$R$366,ROW(INDEX(Jesper!AH$2:AH$366,ROUNDDOWN($C6257/24,0)+1,1))-1)+IF('Standard Profiles'!$G$18=$B$10,7,0)+IF('Standard Profiles'!$G$18=$B$17,14,0)+IF('Standard Profiles'!$G$18=$B$24,21,0),0)),0)</f>
        <v>0</v>
      </c>
      <c r="E6257" cm="1">
        <f t="array" ref="E6257">IFERROR(INDEX(Jesper!AI$2:AI$366,ROUNDDOWN($C6257/24,0)+1,1)*INDEX($D$3:$AA$30,INDEX(Jesper!$R$2:$R$366,ROW(INDEX(Jesper!AI$2:AI$366,ROUNDDOWN($C6257/24,0)+1,1))-1)+IF('Standard Profiles'!$G$19=$B$10,7,0)+IF('Standard Profiles'!$G$19=$B$17,14,0)+IF('Standard Profiles'!$G$19=$B$24,21,0),MOD($C6257,24)+1)/SUM(INDEX($D$3:$AA$30,INDEX(Jesper!$R$2:$R$366,ROW(INDEX(Jesper!AI$2:AI$366,ROUNDDOWN($C6257/24,0)+1,1))-1)+IF('Standard Profiles'!$G$19=$B$10,7,0)+IF('Standard Profiles'!$G$19=$B$17,14,0)+IF('Standard Profiles'!$G$19=$B$24,21,0),0)),0)</f>
        <v>2.7187876966375732</v>
      </c>
      <c r="F6257" cm="1">
        <f t="array" ref="F6257">IFERROR(INDEX(Jesper!AJ$2:AJ$366,ROUNDDOWN($C6257/24,0)+1,1)*INDEX($D$3:$AA$30,INDEX(Jesper!$R$2:$R$366,ROW(INDEX(Jesper!AJ$2:AJ$366,ROUNDDOWN($C6257/24,0)+1,1))-1)+IF('Standard Profiles'!$G$20=$B$10,7,0)+IF('Standard Profiles'!$G$20=$B$17,14,0)+IF('Standard Profiles'!$G$20=$B$24,21,0),MOD($C6257,24)+1)/SUM(INDEX($D$3:$AA$30,INDEX(Jesper!$R$2:$R$366,ROW(INDEX(Jesper!AJ$2:AJ$366,ROUNDDOWN($C6257/24,0)+1,1))-1)+IF('Standard Profiles'!$G$20=$B$10,7,0)+IF('Standard Profiles'!$G$20=$B$17,14,0)+IF('Standard Profiles'!$G$20=$B$24,21,0),0)),0)</f>
        <v>1.0900425659046233</v>
      </c>
      <c r="G6257" cm="1">
        <f t="array" ref="G6257">IFERROR(INDEX(Jesper!AK$2:AK$366,ROUNDDOWN($C6257/24,0)+1,1)*INDEX($D$3:$AA$30,INDEX(Jesper!$R$2:$R$366,ROW(INDEX(Jesper!AK$2:AK$366,ROUNDDOWN($C6257/24,0)+1,1))-1)+IF('Standard Profiles'!$G$21=$B$10,7,0)+IF('Standard Profiles'!$G$21=$B$17,14,0)+IF('Standard Profiles'!$G$21=$B$24,21,0),MOD($C6257,24)+1)/SUM(INDEX($D$3:$AA$30,INDEX(Jesper!$R$2:$R$366,ROW(INDEX(Jesper!AK$2:AK$366,ROUNDDOWN($C6257/24,0)+1,1))-1)+IF('Standard Profiles'!$G$21=$B$10,7,0)+IF('Standard Profiles'!$G$21=$B$17,14,0)+IF('Standard Profiles'!$G$21=$B$24,21,0),0)),0)</f>
        <v>0.56445079896021899</v>
      </c>
      <c r="H6257" cm="1">
        <f t="array" ref="H6257">IFERROR(INDEX(Jesper!AL$2:AL$366,ROUNDDOWN($C6257/24,0)+1,1)*INDEX($D$3:$AA$30,INDEX(Jesper!$R$2:$R$366,ROW(INDEX(Jesper!AL$2:AL$366,ROUNDDOWN($C6257/24,0)+1,1))-1)+IF('Standard Profiles'!$G$22=$B$10,7,0)+IF('Standard Profiles'!$G$22=$B$17,14,0)+IF('Standard Profiles'!$G$22=$B$24,21,0),MOD($C6257,24)+1)/SUM(INDEX($D$3:$AA$30,INDEX(Jesper!$R$2:$R$366,ROW(INDEX(Jesper!AL$2:AL$366,ROUNDDOWN($C6257/24,0)+1,1))-1)+IF('Standard Profiles'!$G$22=$B$10,7,0)+IF('Standard Profiles'!$G$22=$B$17,14,0)+IF('Standard Profiles'!$G$22=$B$24,21,0),0)),0)</f>
        <v>0.25777209573809307</v>
      </c>
      <c r="I6257">
        <f t="shared" si="699"/>
        <v>0.24746121190856948</v>
      </c>
      <c r="J6257">
        <f t="shared" si="700"/>
        <v>4.0573374217354301</v>
      </c>
      <c r="K6257">
        <f t="shared" si="701"/>
        <v>0.21750301573100586</v>
      </c>
      <c r="L6257">
        <f t="shared" si="702"/>
        <v>0.10875150786550293</v>
      </c>
      <c r="M6257">
        <f t="shared" si="703"/>
        <v>0</v>
      </c>
      <c r="N6257" s="45">
        <f t="shared" si="704"/>
        <v>45186.291666651574</v>
      </c>
    </row>
    <row r="6258" spans="2:14" x14ac:dyDescent="0.25">
      <c r="B6258">
        <f t="shared" si="698"/>
        <v>7</v>
      </c>
      <c r="C6258" s="16">
        <v>6224</v>
      </c>
      <c r="D6258" cm="1">
        <f t="array" ref="D6258">IFERROR(INDEX(Jesper!AH$2:AH$366,ROUNDDOWN($C6258/24,0)+1,1)*INDEX($D$3:$AA$30,INDEX(Jesper!$R$2:$R$366,ROW(INDEX(Jesper!AH$2:AH$366,ROUNDDOWN($C6258/24,0)+1,1))-1)+IF('Standard Profiles'!$G$18=$B$10,7,0)+IF('Standard Profiles'!$G$18=$B$17,14,0)+IF('Standard Profiles'!$G$18=$B$24,21,0),MOD($C6258,24)+1)/SUM(INDEX($D$3:$AA$30,INDEX(Jesper!$R$2:$R$366,ROW(INDEX(Jesper!AH$2:AH$366,ROUNDDOWN($C6258/24,0)+1,1))-1)+IF('Standard Profiles'!$G$18=$B$10,7,0)+IF('Standard Profiles'!$G$18=$B$17,14,0)+IF('Standard Profiles'!$G$18=$B$24,21,0),0)),0)</f>
        <v>0</v>
      </c>
      <c r="E6258" cm="1">
        <f t="array" ref="E6258">IFERROR(INDEX(Jesper!AI$2:AI$366,ROUNDDOWN($C6258/24,0)+1,1)*INDEX($D$3:$AA$30,INDEX(Jesper!$R$2:$R$366,ROW(INDEX(Jesper!AI$2:AI$366,ROUNDDOWN($C6258/24,0)+1,1))-1)+IF('Standard Profiles'!$G$19=$B$10,7,0)+IF('Standard Profiles'!$G$19=$B$17,14,0)+IF('Standard Profiles'!$G$19=$B$24,21,0),MOD($C6258,24)+1)/SUM(INDEX($D$3:$AA$30,INDEX(Jesper!$R$2:$R$366,ROW(INDEX(Jesper!AI$2:AI$366,ROUNDDOWN($C6258/24,0)+1,1))-1)+IF('Standard Profiles'!$G$19=$B$10,7,0)+IF('Standard Profiles'!$G$19=$B$17,14,0)+IF('Standard Profiles'!$G$19=$B$24,21,0),0)),0)</f>
        <v>2.7187876966375732</v>
      </c>
      <c r="F6258" cm="1">
        <f t="array" ref="F6258">IFERROR(INDEX(Jesper!AJ$2:AJ$366,ROUNDDOWN($C6258/24,0)+1,1)*INDEX($D$3:$AA$30,INDEX(Jesper!$R$2:$R$366,ROW(INDEX(Jesper!AJ$2:AJ$366,ROUNDDOWN($C6258/24,0)+1,1))-1)+IF('Standard Profiles'!$G$20=$B$10,7,0)+IF('Standard Profiles'!$G$20=$B$17,14,0)+IF('Standard Profiles'!$G$20=$B$24,21,0),MOD($C6258,24)+1)/SUM(INDEX($D$3:$AA$30,INDEX(Jesper!$R$2:$R$366,ROW(INDEX(Jesper!AJ$2:AJ$366,ROUNDDOWN($C6258/24,0)+1,1))-1)+IF('Standard Profiles'!$G$20=$B$10,7,0)+IF('Standard Profiles'!$G$20=$B$17,14,0)+IF('Standard Profiles'!$G$20=$B$24,21,0),0)),0)</f>
        <v>1.0900425659046233</v>
      </c>
      <c r="G6258" cm="1">
        <f t="array" ref="G6258">IFERROR(INDEX(Jesper!AK$2:AK$366,ROUNDDOWN($C6258/24,0)+1,1)*INDEX($D$3:$AA$30,INDEX(Jesper!$R$2:$R$366,ROW(INDEX(Jesper!AK$2:AK$366,ROUNDDOWN($C6258/24,0)+1,1))-1)+IF('Standard Profiles'!$G$21=$B$10,7,0)+IF('Standard Profiles'!$G$21=$B$17,14,0)+IF('Standard Profiles'!$G$21=$B$24,21,0),MOD($C6258,24)+1)/SUM(INDEX($D$3:$AA$30,INDEX(Jesper!$R$2:$R$366,ROW(INDEX(Jesper!AK$2:AK$366,ROUNDDOWN($C6258/24,0)+1,1))-1)+IF('Standard Profiles'!$G$21=$B$10,7,0)+IF('Standard Profiles'!$G$21=$B$17,14,0)+IF('Standard Profiles'!$G$21=$B$24,21,0),0)),0)</f>
        <v>0.56445079896021899</v>
      </c>
      <c r="H6258" cm="1">
        <f t="array" ref="H6258">IFERROR(INDEX(Jesper!AL$2:AL$366,ROUNDDOWN($C6258/24,0)+1,1)*INDEX($D$3:$AA$30,INDEX(Jesper!$R$2:$R$366,ROW(INDEX(Jesper!AL$2:AL$366,ROUNDDOWN($C6258/24,0)+1,1))-1)+IF('Standard Profiles'!$G$22=$B$10,7,0)+IF('Standard Profiles'!$G$22=$B$17,14,0)+IF('Standard Profiles'!$G$22=$B$24,21,0),MOD($C6258,24)+1)/SUM(INDEX($D$3:$AA$30,INDEX(Jesper!$R$2:$R$366,ROW(INDEX(Jesper!AL$2:AL$366,ROUNDDOWN($C6258/24,0)+1,1))-1)+IF('Standard Profiles'!$G$22=$B$10,7,0)+IF('Standard Profiles'!$G$22=$B$17,14,0)+IF('Standard Profiles'!$G$22=$B$24,21,0),0)),0)</f>
        <v>0.25777209573809307</v>
      </c>
      <c r="I6258">
        <f t="shared" si="699"/>
        <v>0.24746121190856948</v>
      </c>
      <c r="J6258">
        <f t="shared" si="700"/>
        <v>4.0573374217354301</v>
      </c>
      <c r="K6258">
        <f t="shared" si="701"/>
        <v>0.21750301573100586</v>
      </c>
      <c r="L6258">
        <f t="shared" si="702"/>
        <v>0.10875150786550293</v>
      </c>
      <c r="M6258">
        <f t="shared" si="703"/>
        <v>0</v>
      </c>
      <c r="N6258" s="45">
        <f t="shared" si="704"/>
        <v>45186.333333318238</v>
      </c>
    </row>
    <row r="6259" spans="2:14" x14ac:dyDescent="0.25">
      <c r="B6259">
        <f t="shared" si="698"/>
        <v>7</v>
      </c>
      <c r="C6259" s="16">
        <v>6225</v>
      </c>
      <c r="D6259" cm="1">
        <f t="array" ref="D6259">IFERROR(INDEX(Jesper!AH$2:AH$366,ROUNDDOWN($C6259/24,0)+1,1)*INDEX($D$3:$AA$30,INDEX(Jesper!$R$2:$R$366,ROW(INDEX(Jesper!AH$2:AH$366,ROUNDDOWN($C6259/24,0)+1,1))-1)+IF('Standard Profiles'!$G$18=$B$10,7,0)+IF('Standard Profiles'!$G$18=$B$17,14,0)+IF('Standard Profiles'!$G$18=$B$24,21,0),MOD($C6259,24)+1)/SUM(INDEX($D$3:$AA$30,INDEX(Jesper!$R$2:$R$366,ROW(INDEX(Jesper!AH$2:AH$366,ROUNDDOWN($C6259/24,0)+1,1))-1)+IF('Standard Profiles'!$G$18=$B$10,7,0)+IF('Standard Profiles'!$G$18=$B$17,14,0)+IF('Standard Profiles'!$G$18=$B$24,21,0),0)),0)</f>
        <v>0</v>
      </c>
      <c r="E6259" cm="1">
        <f t="array" ref="E6259">IFERROR(INDEX(Jesper!AI$2:AI$366,ROUNDDOWN($C6259/24,0)+1,1)*INDEX($D$3:$AA$30,INDEX(Jesper!$R$2:$R$366,ROW(INDEX(Jesper!AI$2:AI$366,ROUNDDOWN($C6259/24,0)+1,1))-1)+IF('Standard Profiles'!$G$19=$B$10,7,0)+IF('Standard Profiles'!$G$19=$B$17,14,0)+IF('Standard Profiles'!$G$19=$B$24,21,0),MOD($C6259,24)+1)/SUM(INDEX($D$3:$AA$30,INDEX(Jesper!$R$2:$R$366,ROW(INDEX(Jesper!AI$2:AI$366,ROUNDDOWN($C6259/24,0)+1,1))-1)+IF('Standard Profiles'!$G$19=$B$10,7,0)+IF('Standard Profiles'!$G$19=$B$17,14,0)+IF('Standard Profiles'!$G$19=$B$24,21,0),0)),0)</f>
        <v>2.7187876966375732</v>
      </c>
      <c r="F6259" cm="1">
        <f t="array" ref="F6259">IFERROR(INDEX(Jesper!AJ$2:AJ$366,ROUNDDOWN($C6259/24,0)+1,1)*INDEX($D$3:$AA$30,INDEX(Jesper!$R$2:$R$366,ROW(INDEX(Jesper!AJ$2:AJ$366,ROUNDDOWN($C6259/24,0)+1,1))-1)+IF('Standard Profiles'!$G$20=$B$10,7,0)+IF('Standard Profiles'!$G$20=$B$17,14,0)+IF('Standard Profiles'!$G$20=$B$24,21,0),MOD($C6259,24)+1)/SUM(INDEX($D$3:$AA$30,INDEX(Jesper!$R$2:$R$366,ROW(INDEX(Jesper!AJ$2:AJ$366,ROUNDDOWN($C6259/24,0)+1,1))-1)+IF('Standard Profiles'!$G$20=$B$10,7,0)+IF('Standard Profiles'!$G$20=$B$17,14,0)+IF('Standard Profiles'!$G$20=$B$24,21,0),0)),0)</f>
        <v>1.0900425659046233</v>
      </c>
      <c r="G6259" cm="1">
        <f t="array" ref="G6259">IFERROR(INDEX(Jesper!AK$2:AK$366,ROUNDDOWN($C6259/24,0)+1,1)*INDEX($D$3:$AA$30,INDEX(Jesper!$R$2:$R$366,ROW(INDEX(Jesper!AK$2:AK$366,ROUNDDOWN($C6259/24,0)+1,1))-1)+IF('Standard Profiles'!$G$21=$B$10,7,0)+IF('Standard Profiles'!$G$21=$B$17,14,0)+IF('Standard Profiles'!$G$21=$B$24,21,0),MOD($C6259,24)+1)/SUM(INDEX($D$3:$AA$30,INDEX(Jesper!$R$2:$R$366,ROW(INDEX(Jesper!AK$2:AK$366,ROUNDDOWN($C6259/24,0)+1,1))-1)+IF('Standard Profiles'!$G$21=$B$10,7,0)+IF('Standard Profiles'!$G$21=$B$17,14,0)+IF('Standard Profiles'!$G$21=$B$24,21,0),0)),0)</f>
        <v>0.56445079896021899</v>
      </c>
      <c r="H6259" cm="1">
        <f t="array" ref="H6259">IFERROR(INDEX(Jesper!AL$2:AL$366,ROUNDDOWN($C6259/24,0)+1,1)*INDEX($D$3:$AA$30,INDEX(Jesper!$R$2:$R$366,ROW(INDEX(Jesper!AL$2:AL$366,ROUNDDOWN($C6259/24,0)+1,1))-1)+IF('Standard Profiles'!$G$22=$B$10,7,0)+IF('Standard Profiles'!$G$22=$B$17,14,0)+IF('Standard Profiles'!$G$22=$B$24,21,0),MOD($C6259,24)+1)/SUM(INDEX($D$3:$AA$30,INDEX(Jesper!$R$2:$R$366,ROW(INDEX(Jesper!AL$2:AL$366,ROUNDDOWN($C6259/24,0)+1,1))-1)+IF('Standard Profiles'!$G$22=$B$10,7,0)+IF('Standard Profiles'!$G$22=$B$17,14,0)+IF('Standard Profiles'!$G$22=$B$24,21,0),0)),0)</f>
        <v>0.25777209573809307</v>
      </c>
      <c r="I6259">
        <f t="shared" si="699"/>
        <v>0.24746121190856948</v>
      </c>
      <c r="J6259">
        <f t="shared" si="700"/>
        <v>4.0573374217354301</v>
      </c>
      <c r="K6259">
        <f t="shared" si="701"/>
        <v>0.21750301573100586</v>
      </c>
      <c r="L6259">
        <f t="shared" si="702"/>
        <v>0.10875150786550293</v>
      </c>
      <c r="M6259">
        <f t="shared" si="703"/>
        <v>0</v>
      </c>
      <c r="N6259" s="45">
        <f t="shared" si="704"/>
        <v>45186.374999984902</v>
      </c>
    </row>
    <row r="6260" spans="2:14" x14ac:dyDescent="0.25">
      <c r="B6260">
        <f t="shared" si="698"/>
        <v>7</v>
      </c>
      <c r="C6260" s="16">
        <v>6226</v>
      </c>
      <c r="D6260" cm="1">
        <f t="array" ref="D6260">IFERROR(INDEX(Jesper!AH$2:AH$366,ROUNDDOWN($C6260/24,0)+1,1)*INDEX($D$3:$AA$30,INDEX(Jesper!$R$2:$R$366,ROW(INDEX(Jesper!AH$2:AH$366,ROUNDDOWN($C6260/24,0)+1,1))-1)+IF('Standard Profiles'!$G$18=$B$10,7,0)+IF('Standard Profiles'!$G$18=$B$17,14,0)+IF('Standard Profiles'!$G$18=$B$24,21,0),MOD($C6260,24)+1)/SUM(INDEX($D$3:$AA$30,INDEX(Jesper!$R$2:$R$366,ROW(INDEX(Jesper!AH$2:AH$366,ROUNDDOWN($C6260/24,0)+1,1))-1)+IF('Standard Profiles'!$G$18=$B$10,7,0)+IF('Standard Profiles'!$G$18=$B$17,14,0)+IF('Standard Profiles'!$G$18=$B$24,21,0),0)),0)</f>
        <v>0</v>
      </c>
      <c r="E6260" cm="1">
        <f t="array" ref="E6260">IFERROR(INDEX(Jesper!AI$2:AI$366,ROUNDDOWN($C6260/24,0)+1,1)*INDEX($D$3:$AA$30,INDEX(Jesper!$R$2:$R$366,ROW(INDEX(Jesper!AI$2:AI$366,ROUNDDOWN($C6260/24,0)+1,1))-1)+IF('Standard Profiles'!$G$19=$B$10,7,0)+IF('Standard Profiles'!$G$19=$B$17,14,0)+IF('Standard Profiles'!$G$19=$B$24,21,0),MOD($C6260,24)+1)/SUM(INDEX($D$3:$AA$30,INDEX(Jesper!$R$2:$R$366,ROW(INDEX(Jesper!AI$2:AI$366,ROUNDDOWN($C6260/24,0)+1,1))-1)+IF('Standard Profiles'!$G$19=$B$10,7,0)+IF('Standard Profiles'!$G$19=$B$17,14,0)+IF('Standard Profiles'!$G$19=$B$24,21,0),0)),0)</f>
        <v>2.7187876966375732</v>
      </c>
      <c r="F6260" cm="1">
        <f t="array" ref="F6260">IFERROR(INDEX(Jesper!AJ$2:AJ$366,ROUNDDOWN($C6260/24,0)+1,1)*INDEX($D$3:$AA$30,INDEX(Jesper!$R$2:$R$366,ROW(INDEX(Jesper!AJ$2:AJ$366,ROUNDDOWN($C6260/24,0)+1,1))-1)+IF('Standard Profiles'!$G$20=$B$10,7,0)+IF('Standard Profiles'!$G$20=$B$17,14,0)+IF('Standard Profiles'!$G$20=$B$24,21,0),MOD($C6260,24)+1)/SUM(INDEX($D$3:$AA$30,INDEX(Jesper!$R$2:$R$366,ROW(INDEX(Jesper!AJ$2:AJ$366,ROUNDDOWN($C6260/24,0)+1,1))-1)+IF('Standard Profiles'!$G$20=$B$10,7,0)+IF('Standard Profiles'!$G$20=$B$17,14,0)+IF('Standard Profiles'!$G$20=$B$24,21,0),0)),0)</f>
        <v>1.0900425659046233</v>
      </c>
      <c r="G6260" cm="1">
        <f t="array" ref="G6260">IFERROR(INDEX(Jesper!AK$2:AK$366,ROUNDDOWN($C6260/24,0)+1,1)*INDEX($D$3:$AA$30,INDEX(Jesper!$R$2:$R$366,ROW(INDEX(Jesper!AK$2:AK$366,ROUNDDOWN($C6260/24,0)+1,1))-1)+IF('Standard Profiles'!$G$21=$B$10,7,0)+IF('Standard Profiles'!$G$21=$B$17,14,0)+IF('Standard Profiles'!$G$21=$B$24,21,0),MOD($C6260,24)+1)/SUM(INDEX($D$3:$AA$30,INDEX(Jesper!$R$2:$R$366,ROW(INDEX(Jesper!AK$2:AK$366,ROUNDDOWN($C6260/24,0)+1,1))-1)+IF('Standard Profiles'!$G$21=$B$10,7,0)+IF('Standard Profiles'!$G$21=$B$17,14,0)+IF('Standard Profiles'!$G$21=$B$24,21,0),0)),0)</f>
        <v>0.56445079896021899</v>
      </c>
      <c r="H6260" cm="1">
        <f t="array" ref="H6260">IFERROR(INDEX(Jesper!AL$2:AL$366,ROUNDDOWN($C6260/24,0)+1,1)*INDEX($D$3:$AA$30,INDEX(Jesper!$R$2:$R$366,ROW(INDEX(Jesper!AL$2:AL$366,ROUNDDOWN($C6260/24,0)+1,1))-1)+IF('Standard Profiles'!$G$22=$B$10,7,0)+IF('Standard Profiles'!$G$22=$B$17,14,0)+IF('Standard Profiles'!$G$22=$B$24,21,0),MOD($C6260,24)+1)/SUM(INDEX($D$3:$AA$30,INDEX(Jesper!$R$2:$R$366,ROW(INDEX(Jesper!AL$2:AL$366,ROUNDDOWN($C6260/24,0)+1,1))-1)+IF('Standard Profiles'!$G$22=$B$10,7,0)+IF('Standard Profiles'!$G$22=$B$17,14,0)+IF('Standard Profiles'!$G$22=$B$24,21,0),0)),0)</f>
        <v>0.25777209573809307</v>
      </c>
      <c r="I6260">
        <f t="shared" si="699"/>
        <v>0.24746121190856948</v>
      </c>
      <c r="J6260">
        <f t="shared" si="700"/>
        <v>4.0573374217354301</v>
      </c>
      <c r="K6260">
        <f t="shared" si="701"/>
        <v>0.21750301573100586</v>
      </c>
      <c r="L6260">
        <f t="shared" si="702"/>
        <v>0.10875150786550293</v>
      </c>
      <c r="M6260">
        <f t="shared" si="703"/>
        <v>0</v>
      </c>
      <c r="N6260" s="45">
        <f t="shared" si="704"/>
        <v>45186.416666651567</v>
      </c>
    </row>
    <row r="6261" spans="2:14" x14ac:dyDescent="0.25">
      <c r="B6261">
        <f t="shared" si="698"/>
        <v>7</v>
      </c>
      <c r="C6261" s="16">
        <v>6227</v>
      </c>
      <c r="D6261" cm="1">
        <f t="array" ref="D6261">IFERROR(INDEX(Jesper!AH$2:AH$366,ROUNDDOWN($C6261/24,0)+1,1)*INDEX($D$3:$AA$30,INDEX(Jesper!$R$2:$R$366,ROW(INDEX(Jesper!AH$2:AH$366,ROUNDDOWN($C6261/24,0)+1,1))-1)+IF('Standard Profiles'!$G$18=$B$10,7,0)+IF('Standard Profiles'!$G$18=$B$17,14,0)+IF('Standard Profiles'!$G$18=$B$24,21,0),MOD($C6261,24)+1)/SUM(INDEX($D$3:$AA$30,INDEX(Jesper!$R$2:$R$366,ROW(INDEX(Jesper!AH$2:AH$366,ROUNDDOWN($C6261/24,0)+1,1))-1)+IF('Standard Profiles'!$G$18=$B$10,7,0)+IF('Standard Profiles'!$G$18=$B$17,14,0)+IF('Standard Profiles'!$G$18=$B$24,21,0),0)),0)</f>
        <v>0</v>
      </c>
      <c r="E6261" cm="1">
        <f t="array" ref="E6261">IFERROR(INDEX(Jesper!AI$2:AI$366,ROUNDDOWN($C6261/24,0)+1,1)*INDEX($D$3:$AA$30,INDEX(Jesper!$R$2:$R$366,ROW(INDEX(Jesper!AI$2:AI$366,ROUNDDOWN($C6261/24,0)+1,1))-1)+IF('Standard Profiles'!$G$19=$B$10,7,0)+IF('Standard Profiles'!$G$19=$B$17,14,0)+IF('Standard Profiles'!$G$19=$B$24,21,0),MOD($C6261,24)+1)/SUM(INDEX($D$3:$AA$30,INDEX(Jesper!$R$2:$R$366,ROW(INDEX(Jesper!AI$2:AI$366,ROUNDDOWN($C6261/24,0)+1,1))-1)+IF('Standard Profiles'!$G$19=$B$10,7,0)+IF('Standard Profiles'!$G$19=$B$17,14,0)+IF('Standard Profiles'!$G$19=$B$24,21,0),0)),0)</f>
        <v>2.7187876966375732</v>
      </c>
      <c r="F6261" cm="1">
        <f t="array" ref="F6261">IFERROR(INDEX(Jesper!AJ$2:AJ$366,ROUNDDOWN($C6261/24,0)+1,1)*INDEX($D$3:$AA$30,INDEX(Jesper!$R$2:$R$366,ROW(INDEX(Jesper!AJ$2:AJ$366,ROUNDDOWN($C6261/24,0)+1,1))-1)+IF('Standard Profiles'!$G$20=$B$10,7,0)+IF('Standard Profiles'!$G$20=$B$17,14,0)+IF('Standard Profiles'!$G$20=$B$24,21,0),MOD($C6261,24)+1)/SUM(INDEX($D$3:$AA$30,INDEX(Jesper!$R$2:$R$366,ROW(INDEX(Jesper!AJ$2:AJ$366,ROUNDDOWN($C6261/24,0)+1,1))-1)+IF('Standard Profiles'!$G$20=$B$10,7,0)+IF('Standard Profiles'!$G$20=$B$17,14,0)+IF('Standard Profiles'!$G$20=$B$24,21,0),0)),0)</f>
        <v>1.0900425659046233</v>
      </c>
      <c r="G6261" cm="1">
        <f t="array" ref="G6261">IFERROR(INDEX(Jesper!AK$2:AK$366,ROUNDDOWN($C6261/24,0)+1,1)*INDEX($D$3:$AA$30,INDEX(Jesper!$R$2:$R$366,ROW(INDEX(Jesper!AK$2:AK$366,ROUNDDOWN($C6261/24,0)+1,1))-1)+IF('Standard Profiles'!$G$21=$B$10,7,0)+IF('Standard Profiles'!$G$21=$B$17,14,0)+IF('Standard Profiles'!$G$21=$B$24,21,0),MOD($C6261,24)+1)/SUM(INDEX($D$3:$AA$30,INDEX(Jesper!$R$2:$R$366,ROW(INDEX(Jesper!AK$2:AK$366,ROUNDDOWN($C6261/24,0)+1,1))-1)+IF('Standard Profiles'!$G$21=$B$10,7,0)+IF('Standard Profiles'!$G$21=$B$17,14,0)+IF('Standard Profiles'!$G$21=$B$24,21,0),0)),0)</f>
        <v>0.56445079896021899</v>
      </c>
      <c r="H6261" cm="1">
        <f t="array" ref="H6261">IFERROR(INDEX(Jesper!AL$2:AL$366,ROUNDDOWN($C6261/24,0)+1,1)*INDEX($D$3:$AA$30,INDEX(Jesper!$R$2:$R$366,ROW(INDEX(Jesper!AL$2:AL$366,ROUNDDOWN($C6261/24,0)+1,1))-1)+IF('Standard Profiles'!$G$22=$B$10,7,0)+IF('Standard Profiles'!$G$22=$B$17,14,0)+IF('Standard Profiles'!$G$22=$B$24,21,0),MOD($C6261,24)+1)/SUM(INDEX($D$3:$AA$30,INDEX(Jesper!$R$2:$R$366,ROW(INDEX(Jesper!AL$2:AL$366,ROUNDDOWN($C6261/24,0)+1,1))-1)+IF('Standard Profiles'!$G$22=$B$10,7,0)+IF('Standard Profiles'!$G$22=$B$17,14,0)+IF('Standard Profiles'!$G$22=$B$24,21,0),0)),0)</f>
        <v>0.25777209573809307</v>
      </c>
      <c r="I6261">
        <f t="shared" si="699"/>
        <v>0.24746121190856948</v>
      </c>
      <c r="J6261">
        <f t="shared" si="700"/>
        <v>4.0573374217354301</v>
      </c>
      <c r="K6261">
        <f t="shared" si="701"/>
        <v>0.21750301573100586</v>
      </c>
      <c r="L6261">
        <f t="shared" si="702"/>
        <v>0.10875150786550293</v>
      </c>
      <c r="M6261">
        <f t="shared" si="703"/>
        <v>0</v>
      </c>
      <c r="N6261" s="45">
        <f t="shared" si="704"/>
        <v>45186.458333318231</v>
      </c>
    </row>
    <row r="6262" spans="2:14" x14ac:dyDescent="0.25">
      <c r="B6262">
        <f t="shared" si="698"/>
        <v>7</v>
      </c>
      <c r="C6262" s="16">
        <v>6228</v>
      </c>
      <c r="D6262" cm="1">
        <f t="array" ref="D6262">IFERROR(INDEX(Jesper!AH$2:AH$366,ROUNDDOWN($C6262/24,0)+1,1)*INDEX($D$3:$AA$30,INDEX(Jesper!$R$2:$R$366,ROW(INDEX(Jesper!AH$2:AH$366,ROUNDDOWN($C6262/24,0)+1,1))-1)+IF('Standard Profiles'!$G$18=$B$10,7,0)+IF('Standard Profiles'!$G$18=$B$17,14,0)+IF('Standard Profiles'!$G$18=$B$24,21,0),MOD($C6262,24)+1)/SUM(INDEX($D$3:$AA$30,INDEX(Jesper!$R$2:$R$366,ROW(INDEX(Jesper!AH$2:AH$366,ROUNDDOWN($C6262/24,0)+1,1))-1)+IF('Standard Profiles'!$G$18=$B$10,7,0)+IF('Standard Profiles'!$G$18=$B$17,14,0)+IF('Standard Profiles'!$G$18=$B$24,21,0),0)),0)</f>
        <v>0</v>
      </c>
      <c r="E6262" cm="1">
        <f t="array" ref="E6262">IFERROR(INDEX(Jesper!AI$2:AI$366,ROUNDDOWN($C6262/24,0)+1,1)*INDEX($D$3:$AA$30,INDEX(Jesper!$R$2:$R$366,ROW(INDEX(Jesper!AI$2:AI$366,ROUNDDOWN($C6262/24,0)+1,1))-1)+IF('Standard Profiles'!$G$19=$B$10,7,0)+IF('Standard Profiles'!$G$19=$B$17,14,0)+IF('Standard Profiles'!$G$19=$B$24,21,0),MOD($C6262,24)+1)/SUM(INDEX($D$3:$AA$30,INDEX(Jesper!$R$2:$R$366,ROW(INDEX(Jesper!AI$2:AI$366,ROUNDDOWN($C6262/24,0)+1,1))-1)+IF('Standard Profiles'!$G$19=$B$10,7,0)+IF('Standard Profiles'!$G$19=$B$17,14,0)+IF('Standard Profiles'!$G$19=$B$24,21,0),0)),0)</f>
        <v>2.7187876966375732</v>
      </c>
      <c r="F6262" cm="1">
        <f t="array" ref="F6262">IFERROR(INDEX(Jesper!AJ$2:AJ$366,ROUNDDOWN($C6262/24,0)+1,1)*INDEX($D$3:$AA$30,INDEX(Jesper!$R$2:$R$366,ROW(INDEX(Jesper!AJ$2:AJ$366,ROUNDDOWN($C6262/24,0)+1,1))-1)+IF('Standard Profiles'!$G$20=$B$10,7,0)+IF('Standard Profiles'!$G$20=$B$17,14,0)+IF('Standard Profiles'!$G$20=$B$24,21,0),MOD($C6262,24)+1)/SUM(INDEX($D$3:$AA$30,INDEX(Jesper!$R$2:$R$366,ROW(INDEX(Jesper!AJ$2:AJ$366,ROUNDDOWN($C6262/24,0)+1,1))-1)+IF('Standard Profiles'!$G$20=$B$10,7,0)+IF('Standard Profiles'!$G$20=$B$17,14,0)+IF('Standard Profiles'!$G$20=$B$24,21,0),0)),0)</f>
        <v>1.0900425659046233</v>
      </c>
      <c r="G6262" cm="1">
        <f t="array" ref="G6262">IFERROR(INDEX(Jesper!AK$2:AK$366,ROUNDDOWN($C6262/24,0)+1,1)*INDEX($D$3:$AA$30,INDEX(Jesper!$R$2:$R$366,ROW(INDEX(Jesper!AK$2:AK$366,ROUNDDOWN($C6262/24,0)+1,1))-1)+IF('Standard Profiles'!$G$21=$B$10,7,0)+IF('Standard Profiles'!$G$21=$B$17,14,0)+IF('Standard Profiles'!$G$21=$B$24,21,0),MOD($C6262,24)+1)/SUM(INDEX($D$3:$AA$30,INDEX(Jesper!$R$2:$R$366,ROW(INDEX(Jesper!AK$2:AK$366,ROUNDDOWN($C6262/24,0)+1,1))-1)+IF('Standard Profiles'!$G$21=$B$10,7,0)+IF('Standard Profiles'!$G$21=$B$17,14,0)+IF('Standard Profiles'!$G$21=$B$24,21,0),0)),0)</f>
        <v>0.56445079896021899</v>
      </c>
      <c r="H6262" cm="1">
        <f t="array" ref="H6262">IFERROR(INDEX(Jesper!AL$2:AL$366,ROUNDDOWN($C6262/24,0)+1,1)*INDEX($D$3:$AA$30,INDEX(Jesper!$R$2:$R$366,ROW(INDEX(Jesper!AL$2:AL$366,ROUNDDOWN($C6262/24,0)+1,1))-1)+IF('Standard Profiles'!$G$22=$B$10,7,0)+IF('Standard Profiles'!$G$22=$B$17,14,0)+IF('Standard Profiles'!$G$22=$B$24,21,0),MOD($C6262,24)+1)/SUM(INDEX($D$3:$AA$30,INDEX(Jesper!$R$2:$R$366,ROW(INDEX(Jesper!AL$2:AL$366,ROUNDDOWN($C6262/24,0)+1,1))-1)+IF('Standard Profiles'!$G$22=$B$10,7,0)+IF('Standard Profiles'!$G$22=$B$17,14,0)+IF('Standard Profiles'!$G$22=$B$24,21,0),0)),0)</f>
        <v>0.25777209573809307</v>
      </c>
      <c r="I6262">
        <f t="shared" si="699"/>
        <v>0.24746121190856948</v>
      </c>
      <c r="J6262">
        <f t="shared" si="700"/>
        <v>4.0573374217354301</v>
      </c>
      <c r="K6262">
        <f t="shared" si="701"/>
        <v>0.21750301573100586</v>
      </c>
      <c r="L6262">
        <f t="shared" si="702"/>
        <v>0.10875150786550293</v>
      </c>
      <c r="M6262">
        <f t="shared" si="703"/>
        <v>0</v>
      </c>
      <c r="N6262" s="45">
        <f t="shared" si="704"/>
        <v>45186.499999984895</v>
      </c>
    </row>
    <row r="6263" spans="2:14" x14ac:dyDescent="0.25">
      <c r="B6263">
        <f t="shared" si="698"/>
        <v>7</v>
      </c>
      <c r="C6263" s="16">
        <v>6229</v>
      </c>
      <c r="D6263" cm="1">
        <f t="array" ref="D6263">IFERROR(INDEX(Jesper!AH$2:AH$366,ROUNDDOWN($C6263/24,0)+1,1)*INDEX($D$3:$AA$30,INDEX(Jesper!$R$2:$R$366,ROW(INDEX(Jesper!AH$2:AH$366,ROUNDDOWN($C6263/24,0)+1,1))-1)+IF('Standard Profiles'!$G$18=$B$10,7,0)+IF('Standard Profiles'!$G$18=$B$17,14,0)+IF('Standard Profiles'!$G$18=$B$24,21,0),MOD($C6263,24)+1)/SUM(INDEX($D$3:$AA$30,INDEX(Jesper!$R$2:$R$366,ROW(INDEX(Jesper!AH$2:AH$366,ROUNDDOWN($C6263/24,0)+1,1))-1)+IF('Standard Profiles'!$G$18=$B$10,7,0)+IF('Standard Profiles'!$G$18=$B$17,14,0)+IF('Standard Profiles'!$G$18=$B$24,21,0),0)),0)</f>
        <v>0</v>
      </c>
      <c r="E6263" cm="1">
        <f t="array" ref="E6263">IFERROR(INDEX(Jesper!AI$2:AI$366,ROUNDDOWN($C6263/24,0)+1,1)*INDEX($D$3:$AA$30,INDEX(Jesper!$R$2:$R$366,ROW(INDEX(Jesper!AI$2:AI$366,ROUNDDOWN($C6263/24,0)+1,1))-1)+IF('Standard Profiles'!$G$19=$B$10,7,0)+IF('Standard Profiles'!$G$19=$B$17,14,0)+IF('Standard Profiles'!$G$19=$B$24,21,0),MOD($C6263,24)+1)/SUM(INDEX($D$3:$AA$30,INDEX(Jesper!$R$2:$R$366,ROW(INDEX(Jesper!AI$2:AI$366,ROUNDDOWN($C6263/24,0)+1,1))-1)+IF('Standard Profiles'!$G$19=$B$10,7,0)+IF('Standard Profiles'!$G$19=$B$17,14,0)+IF('Standard Profiles'!$G$19=$B$24,21,0),0)),0)</f>
        <v>2.7187876966375732</v>
      </c>
      <c r="F6263" cm="1">
        <f t="array" ref="F6263">IFERROR(INDEX(Jesper!AJ$2:AJ$366,ROUNDDOWN($C6263/24,0)+1,1)*INDEX($D$3:$AA$30,INDEX(Jesper!$R$2:$R$366,ROW(INDEX(Jesper!AJ$2:AJ$366,ROUNDDOWN($C6263/24,0)+1,1))-1)+IF('Standard Profiles'!$G$20=$B$10,7,0)+IF('Standard Profiles'!$G$20=$B$17,14,0)+IF('Standard Profiles'!$G$20=$B$24,21,0),MOD($C6263,24)+1)/SUM(INDEX($D$3:$AA$30,INDEX(Jesper!$R$2:$R$366,ROW(INDEX(Jesper!AJ$2:AJ$366,ROUNDDOWN($C6263/24,0)+1,1))-1)+IF('Standard Profiles'!$G$20=$B$10,7,0)+IF('Standard Profiles'!$G$20=$B$17,14,0)+IF('Standard Profiles'!$G$20=$B$24,21,0),0)),0)</f>
        <v>1.0900425659046233</v>
      </c>
      <c r="G6263" cm="1">
        <f t="array" ref="G6263">IFERROR(INDEX(Jesper!AK$2:AK$366,ROUNDDOWN($C6263/24,0)+1,1)*INDEX($D$3:$AA$30,INDEX(Jesper!$R$2:$R$366,ROW(INDEX(Jesper!AK$2:AK$366,ROUNDDOWN($C6263/24,0)+1,1))-1)+IF('Standard Profiles'!$G$21=$B$10,7,0)+IF('Standard Profiles'!$G$21=$B$17,14,0)+IF('Standard Profiles'!$G$21=$B$24,21,0),MOD($C6263,24)+1)/SUM(INDEX($D$3:$AA$30,INDEX(Jesper!$R$2:$R$366,ROW(INDEX(Jesper!AK$2:AK$366,ROUNDDOWN($C6263/24,0)+1,1))-1)+IF('Standard Profiles'!$G$21=$B$10,7,0)+IF('Standard Profiles'!$G$21=$B$17,14,0)+IF('Standard Profiles'!$G$21=$B$24,21,0),0)),0)</f>
        <v>0.56445079896021899</v>
      </c>
      <c r="H6263" cm="1">
        <f t="array" ref="H6263">IFERROR(INDEX(Jesper!AL$2:AL$366,ROUNDDOWN($C6263/24,0)+1,1)*INDEX($D$3:$AA$30,INDEX(Jesper!$R$2:$R$366,ROW(INDEX(Jesper!AL$2:AL$366,ROUNDDOWN($C6263/24,0)+1,1))-1)+IF('Standard Profiles'!$G$22=$B$10,7,0)+IF('Standard Profiles'!$G$22=$B$17,14,0)+IF('Standard Profiles'!$G$22=$B$24,21,0),MOD($C6263,24)+1)/SUM(INDEX($D$3:$AA$30,INDEX(Jesper!$R$2:$R$366,ROW(INDEX(Jesper!AL$2:AL$366,ROUNDDOWN($C6263/24,0)+1,1))-1)+IF('Standard Profiles'!$G$22=$B$10,7,0)+IF('Standard Profiles'!$G$22=$B$17,14,0)+IF('Standard Profiles'!$G$22=$B$24,21,0),0)),0)</f>
        <v>0.25777209573809307</v>
      </c>
      <c r="I6263">
        <f t="shared" si="699"/>
        <v>0.24746121190856948</v>
      </c>
      <c r="J6263">
        <f t="shared" si="700"/>
        <v>4.0573374217354301</v>
      </c>
      <c r="K6263">
        <f t="shared" si="701"/>
        <v>0.21750301573100586</v>
      </c>
      <c r="L6263">
        <f t="shared" si="702"/>
        <v>0.10875150786550293</v>
      </c>
      <c r="M6263">
        <f t="shared" si="703"/>
        <v>0</v>
      </c>
      <c r="N6263" s="45">
        <f t="shared" si="704"/>
        <v>45186.541666651559</v>
      </c>
    </row>
    <row r="6264" spans="2:14" x14ac:dyDescent="0.25">
      <c r="B6264">
        <f t="shared" si="698"/>
        <v>7</v>
      </c>
      <c r="C6264" s="16">
        <v>6230</v>
      </c>
      <c r="D6264" cm="1">
        <f t="array" ref="D6264">IFERROR(INDEX(Jesper!AH$2:AH$366,ROUNDDOWN($C6264/24,0)+1,1)*INDEX($D$3:$AA$30,INDEX(Jesper!$R$2:$R$366,ROW(INDEX(Jesper!AH$2:AH$366,ROUNDDOWN($C6264/24,0)+1,1))-1)+IF('Standard Profiles'!$G$18=$B$10,7,0)+IF('Standard Profiles'!$G$18=$B$17,14,0)+IF('Standard Profiles'!$G$18=$B$24,21,0),MOD($C6264,24)+1)/SUM(INDEX($D$3:$AA$30,INDEX(Jesper!$R$2:$R$366,ROW(INDEX(Jesper!AH$2:AH$366,ROUNDDOWN($C6264/24,0)+1,1))-1)+IF('Standard Profiles'!$G$18=$B$10,7,0)+IF('Standard Profiles'!$G$18=$B$17,14,0)+IF('Standard Profiles'!$G$18=$B$24,21,0),0)),0)</f>
        <v>0</v>
      </c>
      <c r="E6264" cm="1">
        <f t="array" ref="E6264">IFERROR(INDEX(Jesper!AI$2:AI$366,ROUNDDOWN($C6264/24,0)+1,1)*INDEX($D$3:$AA$30,INDEX(Jesper!$R$2:$R$366,ROW(INDEX(Jesper!AI$2:AI$366,ROUNDDOWN($C6264/24,0)+1,1))-1)+IF('Standard Profiles'!$G$19=$B$10,7,0)+IF('Standard Profiles'!$G$19=$B$17,14,0)+IF('Standard Profiles'!$G$19=$B$24,21,0),MOD($C6264,24)+1)/SUM(INDEX($D$3:$AA$30,INDEX(Jesper!$R$2:$R$366,ROW(INDEX(Jesper!AI$2:AI$366,ROUNDDOWN($C6264/24,0)+1,1))-1)+IF('Standard Profiles'!$G$19=$B$10,7,0)+IF('Standard Profiles'!$G$19=$B$17,14,0)+IF('Standard Profiles'!$G$19=$B$24,21,0),0)),0)</f>
        <v>2.7187876966375732</v>
      </c>
      <c r="F6264" cm="1">
        <f t="array" ref="F6264">IFERROR(INDEX(Jesper!AJ$2:AJ$366,ROUNDDOWN($C6264/24,0)+1,1)*INDEX($D$3:$AA$30,INDEX(Jesper!$R$2:$R$366,ROW(INDEX(Jesper!AJ$2:AJ$366,ROUNDDOWN($C6264/24,0)+1,1))-1)+IF('Standard Profiles'!$G$20=$B$10,7,0)+IF('Standard Profiles'!$G$20=$B$17,14,0)+IF('Standard Profiles'!$G$20=$B$24,21,0),MOD($C6264,24)+1)/SUM(INDEX($D$3:$AA$30,INDEX(Jesper!$R$2:$R$366,ROW(INDEX(Jesper!AJ$2:AJ$366,ROUNDDOWN($C6264/24,0)+1,1))-1)+IF('Standard Profiles'!$G$20=$B$10,7,0)+IF('Standard Profiles'!$G$20=$B$17,14,0)+IF('Standard Profiles'!$G$20=$B$24,21,0),0)),0)</f>
        <v>1.0900425659046233</v>
      </c>
      <c r="G6264" cm="1">
        <f t="array" ref="G6264">IFERROR(INDEX(Jesper!AK$2:AK$366,ROUNDDOWN($C6264/24,0)+1,1)*INDEX($D$3:$AA$30,INDEX(Jesper!$R$2:$R$366,ROW(INDEX(Jesper!AK$2:AK$366,ROUNDDOWN($C6264/24,0)+1,1))-1)+IF('Standard Profiles'!$G$21=$B$10,7,0)+IF('Standard Profiles'!$G$21=$B$17,14,0)+IF('Standard Profiles'!$G$21=$B$24,21,0),MOD($C6264,24)+1)/SUM(INDEX($D$3:$AA$30,INDEX(Jesper!$R$2:$R$366,ROW(INDEX(Jesper!AK$2:AK$366,ROUNDDOWN($C6264/24,0)+1,1))-1)+IF('Standard Profiles'!$G$21=$B$10,7,0)+IF('Standard Profiles'!$G$21=$B$17,14,0)+IF('Standard Profiles'!$G$21=$B$24,21,0),0)),0)</f>
        <v>0.56445079896021899</v>
      </c>
      <c r="H6264" cm="1">
        <f t="array" ref="H6264">IFERROR(INDEX(Jesper!AL$2:AL$366,ROUNDDOWN($C6264/24,0)+1,1)*INDEX($D$3:$AA$30,INDEX(Jesper!$R$2:$R$366,ROW(INDEX(Jesper!AL$2:AL$366,ROUNDDOWN($C6264/24,0)+1,1))-1)+IF('Standard Profiles'!$G$22=$B$10,7,0)+IF('Standard Profiles'!$G$22=$B$17,14,0)+IF('Standard Profiles'!$G$22=$B$24,21,0),MOD($C6264,24)+1)/SUM(INDEX($D$3:$AA$30,INDEX(Jesper!$R$2:$R$366,ROW(INDEX(Jesper!AL$2:AL$366,ROUNDDOWN($C6264/24,0)+1,1))-1)+IF('Standard Profiles'!$G$22=$B$10,7,0)+IF('Standard Profiles'!$G$22=$B$17,14,0)+IF('Standard Profiles'!$G$22=$B$24,21,0),0)),0)</f>
        <v>0.25777209573809307</v>
      </c>
      <c r="I6264">
        <f t="shared" si="699"/>
        <v>0.24746121190856948</v>
      </c>
      <c r="J6264">
        <f t="shared" si="700"/>
        <v>4.0573374217354301</v>
      </c>
      <c r="K6264">
        <f t="shared" si="701"/>
        <v>0.21750301573100586</v>
      </c>
      <c r="L6264">
        <f t="shared" si="702"/>
        <v>0.10875150786550293</v>
      </c>
      <c r="M6264">
        <f t="shared" si="703"/>
        <v>0</v>
      </c>
      <c r="N6264" s="45">
        <f t="shared" si="704"/>
        <v>45186.583333318224</v>
      </c>
    </row>
    <row r="6265" spans="2:14" x14ac:dyDescent="0.25">
      <c r="B6265">
        <f t="shared" si="698"/>
        <v>7</v>
      </c>
      <c r="C6265" s="16">
        <v>6231</v>
      </c>
      <c r="D6265" cm="1">
        <f t="array" ref="D6265">IFERROR(INDEX(Jesper!AH$2:AH$366,ROUNDDOWN($C6265/24,0)+1,1)*INDEX($D$3:$AA$30,INDEX(Jesper!$R$2:$R$366,ROW(INDEX(Jesper!AH$2:AH$366,ROUNDDOWN($C6265/24,0)+1,1))-1)+IF('Standard Profiles'!$G$18=$B$10,7,0)+IF('Standard Profiles'!$G$18=$B$17,14,0)+IF('Standard Profiles'!$G$18=$B$24,21,0),MOD($C6265,24)+1)/SUM(INDEX($D$3:$AA$30,INDEX(Jesper!$R$2:$R$366,ROW(INDEX(Jesper!AH$2:AH$366,ROUNDDOWN($C6265/24,0)+1,1))-1)+IF('Standard Profiles'!$G$18=$B$10,7,0)+IF('Standard Profiles'!$G$18=$B$17,14,0)+IF('Standard Profiles'!$G$18=$B$24,21,0),0)),0)</f>
        <v>0</v>
      </c>
      <c r="E6265" cm="1">
        <f t="array" ref="E6265">IFERROR(INDEX(Jesper!AI$2:AI$366,ROUNDDOWN($C6265/24,0)+1,1)*INDEX($D$3:$AA$30,INDEX(Jesper!$R$2:$R$366,ROW(INDEX(Jesper!AI$2:AI$366,ROUNDDOWN($C6265/24,0)+1,1))-1)+IF('Standard Profiles'!$G$19=$B$10,7,0)+IF('Standard Profiles'!$G$19=$B$17,14,0)+IF('Standard Profiles'!$G$19=$B$24,21,0),MOD($C6265,24)+1)/SUM(INDEX($D$3:$AA$30,INDEX(Jesper!$R$2:$R$366,ROW(INDEX(Jesper!AI$2:AI$366,ROUNDDOWN($C6265/24,0)+1,1))-1)+IF('Standard Profiles'!$G$19=$B$10,7,0)+IF('Standard Profiles'!$G$19=$B$17,14,0)+IF('Standard Profiles'!$G$19=$B$24,21,0),0)),0)</f>
        <v>2.7187876966375732</v>
      </c>
      <c r="F6265" cm="1">
        <f t="array" ref="F6265">IFERROR(INDEX(Jesper!AJ$2:AJ$366,ROUNDDOWN($C6265/24,0)+1,1)*INDEX($D$3:$AA$30,INDEX(Jesper!$R$2:$R$366,ROW(INDEX(Jesper!AJ$2:AJ$366,ROUNDDOWN($C6265/24,0)+1,1))-1)+IF('Standard Profiles'!$G$20=$B$10,7,0)+IF('Standard Profiles'!$G$20=$B$17,14,0)+IF('Standard Profiles'!$G$20=$B$24,21,0),MOD($C6265,24)+1)/SUM(INDEX($D$3:$AA$30,INDEX(Jesper!$R$2:$R$366,ROW(INDEX(Jesper!AJ$2:AJ$366,ROUNDDOWN($C6265/24,0)+1,1))-1)+IF('Standard Profiles'!$G$20=$B$10,7,0)+IF('Standard Profiles'!$G$20=$B$17,14,0)+IF('Standard Profiles'!$G$20=$B$24,21,0),0)),0)</f>
        <v>1.0900425659046233</v>
      </c>
      <c r="G6265" cm="1">
        <f t="array" ref="G6265">IFERROR(INDEX(Jesper!AK$2:AK$366,ROUNDDOWN($C6265/24,0)+1,1)*INDEX($D$3:$AA$30,INDEX(Jesper!$R$2:$R$366,ROW(INDEX(Jesper!AK$2:AK$366,ROUNDDOWN($C6265/24,0)+1,1))-1)+IF('Standard Profiles'!$G$21=$B$10,7,0)+IF('Standard Profiles'!$G$21=$B$17,14,0)+IF('Standard Profiles'!$G$21=$B$24,21,0),MOD($C6265,24)+1)/SUM(INDEX($D$3:$AA$30,INDEX(Jesper!$R$2:$R$366,ROW(INDEX(Jesper!AK$2:AK$366,ROUNDDOWN($C6265/24,0)+1,1))-1)+IF('Standard Profiles'!$G$21=$B$10,7,0)+IF('Standard Profiles'!$G$21=$B$17,14,0)+IF('Standard Profiles'!$G$21=$B$24,21,0),0)),0)</f>
        <v>0.56445079896021899</v>
      </c>
      <c r="H6265" cm="1">
        <f t="array" ref="H6265">IFERROR(INDEX(Jesper!AL$2:AL$366,ROUNDDOWN($C6265/24,0)+1,1)*INDEX($D$3:$AA$30,INDEX(Jesper!$R$2:$R$366,ROW(INDEX(Jesper!AL$2:AL$366,ROUNDDOWN($C6265/24,0)+1,1))-1)+IF('Standard Profiles'!$G$22=$B$10,7,0)+IF('Standard Profiles'!$G$22=$B$17,14,0)+IF('Standard Profiles'!$G$22=$B$24,21,0),MOD($C6265,24)+1)/SUM(INDEX($D$3:$AA$30,INDEX(Jesper!$R$2:$R$366,ROW(INDEX(Jesper!AL$2:AL$366,ROUNDDOWN($C6265/24,0)+1,1))-1)+IF('Standard Profiles'!$G$22=$B$10,7,0)+IF('Standard Profiles'!$G$22=$B$17,14,0)+IF('Standard Profiles'!$G$22=$B$24,21,0),0)),0)</f>
        <v>0.22913075176719386</v>
      </c>
      <c r="I6265">
        <f t="shared" si="699"/>
        <v>0.21996552169650621</v>
      </c>
      <c r="J6265">
        <f t="shared" si="700"/>
        <v>4.0561917679765935</v>
      </c>
      <c r="K6265">
        <f t="shared" si="701"/>
        <v>0.21750301573100586</v>
      </c>
      <c r="L6265">
        <f t="shared" si="702"/>
        <v>0.10875150786550293</v>
      </c>
      <c r="M6265">
        <f t="shared" si="703"/>
        <v>0</v>
      </c>
      <c r="N6265" s="45">
        <f t="shared" si="704"/>
        <v>45186.624999984888</v>
      </c>
    </row>
    <row r="6266" spans="2:14" x14ac:dyDescent="0.25">
      <c r="B6266">
        <f t="shared" si="698"/>
        <v>7</v>
      </c>
      <c r="C6266" s="16">
        <v>6232</v>
      </c>
      <c r="D6266" cm="1">
        <f t="array" ref="D6266">IFERROR(INDEX(Jesper!AH$2:AH$366,ROUNDDOWN($C6266/24,0)+1,1)*INDEX($D$3:$AA$30,INDEX(Jesper!$R$2:$R$366,ROW(INDEX(Jesper!AH$2:AH$366,ROUNDDOWN($C6266/24,0)+1,1))-1)+IF('Standard Profiles'!$G$18=$B$10,7,0)+IF('Standard Profiles'!$G$18=$B$17,14,0)+IF('Standard Profiles'!$G$18=$B$24,21,0),MOD($C6266,24)+1)/SUM(INDEX($D$3:$AA$30,INDEX(Jesper!$R$2:$R$366,ROW(INDEX(Jesper!AH$2:AH$366,ROUNDDOWN($C6266/24,0)+1,1))-1)+IF('Standard Profiles'!$G$18=$B$10,7,0)+IF('Standard Profiles'!$G$18=$B$17,14,0)+IF('Standard Profiles'!$G$18=$B$24,21,0),0)),0)</f>
        <v>0</v>
      </c>
      <c r="E6266" cm="1">
        <f t="array" ref="E6266">IFERROR(INDEX(Jesper!AI$2:AI$366,ROUNDDOWN($C6266/24,0)+1,1)*INDEX($D$3:$AA$30,INDEX(Jesper!$R$2:$R$366,ROW(INDEX(Jesper!AI$2:AI$366,ROUNDDOWN($C6266/24,0)+1,1))-1)+IF('Standard Profiles'!$G$19=$B$10,7,0)+IF('Standard Profiles'!$G$19=$B$17,14,0)+IF('Standard Profiles'!$G$19=$B$24,21,0),MOD($C6266,24)+1)/SUM(INDEX($D$3:$AA$30,INDEX(Jesper!$R$2:$R$366,ROW(INDEX(Jesper!AI$2:AI$366,ROUNDDOWN($C6266/24,0)+1,1))-1)+IF('Standard Profiles'!$G$19=$B$10,7,0)+IF('Standard Profiles'!$G$19=$B$17,14,0)+IF('Standard Profiles'!$G$19=$B$24,21,0),0)),0)</f>
        <v>2.7187876966375732</v>
      </c>
      <c r="F6266" cm="1">
        <f t="array" ref="F6266">IFERROR(INDEX(Jesper!AJ$2:AJ$366,ROUNDDOWN($C6266/24,0)+1,1)*INDEX($D$3:$AA$30,INDEX(Jesper!$R$2:$R$366,ROW(INDEX(Jesper!AJ$2:AJ$366,ROUNDDOWN($C6266/24,0)+1,1))-1)+IF('Standard Profiles'!$G$20=$B$10,7,0)+IF('Standard Profiles'!$G$20=$B$17,14,0)+IF('Standard Profiles'!$G$20=$B$24,21,0),MOD($C6266,24)+1)/SUM(INDEX($D$3:$AA$30,INDEX(Jesper!$R$2:$R$366,ROW(INDEX(Jesper!AJ$2:AJ$366,ROUNDDOWN($C6266/24,0)+1,1))-1)+IF('Standard Profiles'!$G$20=$B$10,7,0)+IF('Standard Profiles'!$G$20=$B$17,14,0)+IF('Standard Profiles'!$G$20=$B$24,21,0),0)),0)</f>
        <v>1.0900425659046233</v>
      </c>
      <c r="G6266" cm="1">
        <f t="array" ref="G6266">IFERROR(INDEX(Jesper!AK$2:AK$366,ROUNDDOWN($C6266/24,0)+1,1)*INDEX($D$3:$AA$30,INDEX(Jesper!$R$2:$R$366,ROW(INDEX(Jesper!AK$2:AK$366,ROUNDDOWN($C6266/24,0)+1,1))-1)+IF('Standard Profiles'!$G$21=$B$10,7,0)+IF('Standard Profiles'!$G$21=$B$17,14,0)+IF('Standard Profiles'!$G$21=$B$24,21,0),MOD($C6266,24)+1)/SUM(INDEX($D$3:$AA$30,INDEX(Jesper!$R$2:$R$366,ROW(INDEX(Jesper!AK$2:AK$366,ROUNDDOWN($C6266/24,0)+1,1))-1)+IF('Standard Profiles'!$G$21=$B$10,7,0)+IF('Standard Profiles'!$G$21=$B$17,14,0)+IF('Standard Profiles'!$G$21=$B$24,21,0),0)),0)</f>
        <v>0.56445079896021899</v>
      </c>
      <c r="H6266" cm="1">
        <f t="array" ref="H6266">IFERROR(INDEX(Jesper!AL$2:AL$366,ROUNDDOWN($C6266/24,0)+1,1)*INDEX($D$3:$AA$30,INDEX(Jesper!$R$2:$R$366,ROW(INDEX(Jesper!AL$2:AL$366,ROUNDDOWN($C6266/24,0)+1,1))-1)+IF('Standard Profiles'!$G$22=$B$10,7,0)+IF('Standard Profiles'!$G$22=$B$17,14,0)+IF('Standard Profiles'!$G$22=$B$24,21,0),MOD($C6266,24)+1)/SUM(INDEX($D$3:$AA$30,INDEX(Jesper!$R$2:$R$366,ROW(INDEX(Jesper!AL$2:AL$366,ROUNDDOWN($C6266/24,0)+1,1))-1)+IF('Standard Profiles'!$G$22=$B$10,7,0)+IF('Standard Profiles'!$G$22=$B$17,14,0)+IF('Standard Profiles'!$G$22=$B$24,21,0),0)),0)</f>
        <v>0.2250391311999225</v>
      </c>
      <c r="I6266">
        <f t="shared" si="699"/>
        <v>0.21603756595192572</v>
      </c>
      <c r="J6266">
        <f t="shared" si="700"/>
        <v>4.0560281031539027</v>
      </c>
      <c r="K6266">
        <f t="shared" si="701"/>
        <v>0.21750301573100586</v>
      </c>
      <c r="L6266">
        <f t="shared" si="702"/>
        <v>0.10875150786550293</v>
      </c>
      <c r="M6266">
        <f t="shared" si="703"/>
        <v>0</v>
      </c>
      <c r="N6266" s="45">
        <f t="shared" si="704"/>
        <v>45186.666666651552</v>
      </c>
    </row>
    <row r="6267" spans="2:14" x14ac:dyDescent="0.25">
      <c r="B6267">
        <f t="shared" si="698"/>
        <v>7</v>
      </c>
      <c r="C6267" s="16">
        <v>6233</v>
      </c>
      <c r="D6267" cm="1">
        <f t="array" ref="D6267">IFERROR(INDEX(Jesper!AH$2:AH$366,ROUNDDOWN($C6267/24,0)+1,1)*INDEX($D$3:$AA$30,INDEX(Jesper!$R$2:$R$366,ROW(INDEX(Jesper!AH$2:AH$366,ROUNDDOWN($C6267/24,0)+1,1))-1)+IF('Standard Profiles'!$G$18=$B$10,7,0)+IF('Standard Profiles'!$G$18=$B$17,14,0)+IF('Standard Profiles'!$G$18=$B$24,21,0),MOD($C6267,24)+1)/SUM(INDEX($D$3:$AA$30,INDEX(Jesper!$R$2:$R$366,ROW(INDEX(Jesper!AH$2:AH$366,ROUNDDOWN($C6267/24,0)+1,1))-1)+IF('Standard Profiles'!$G$18=$B$10,7,0)+IF('Standard Profiles'!$G$18=$B$17,14,0)+IF('Standard Profiles'!$G$18=$B$24,21,0),0)),0)</f>
        <v>0</v>
      </c>
      <c r="E6267" cm="1">
        <f t="array" ref="E6267">IFERROR(INDEX(Jesper!AI$2:AI$366,ROUNDDOWN($C6267/24,0)+1,1)*INDEX($D$3:$AA$30,INDEX(Jesper!$R$2:$R$366,ROW(INDEX(Jesper!AI$2:AI$366,ROUNDDOWN($C6267/24,0)+1,1))-1)+IF('Standard Profiles'!$G$19=$B$10,7,0)+IF('Standard Profiles'!$G$19=$B$17,14,0)+IF('Standard Profiles'!$G$19=$B$24,21,0),MOD($C6267,24)+1)/SUM(INDEX($D$3:$AA$30,INDEX(Jesper!$R$2:$R$366,ROW(INDEX(Jesper!AI$2:AI$366,ROUNDDOWN($C6267/24,0)+1,1))-1)+IF('Standard Profiles'!$G$19=$B$10,7,0)+IF('Standard Profiles'!$G$19=$B$17,14,0)+IF('Standard Profiles'!$G$19=$B$24,21,0),0)),0)</f>
        <v>2.7187876966375732</v>
      </c>
      <c r="F6267" cm="1">
        <f t="array" ref="F6267">IFERROR(INDEX(Jesper!AJ$2:AJ$366,ROUNDDOWN($C6267/24,0)+1,1)*INDEX($D$3:$AA$30,INDEX(Jesper!$R$2:$R$366,ROW(INDEX(Jesper!AJ$2:AJ$366,ROUNDDOWN($C6267/24,0)+1,1))-1)+IF('Standard Profiles'!$G$20=$B$10,7,0)+IF('Standard Profiles'!$G$20=$B$17,14,0)+IF('Standard Profiles'!$G$20=$B$24,21,0),MOD($C6267,24)+1)/SUM(INDEX($D$3:$AA$30,INDEX(Jesper!$R$2:$R$366,ROW(INDEX(Jesper!AJ$2:AJ$366,ROUNDDOWN($C6267/24,0)+1,1))-1)+IF('Standard Profiles'!$G$20=$B$10,7,0)+IF('Standard Profiles'!$G$20=$B$17,14,0)+IF('Standard Profiles'!$G$20=$B$24,21,0),0)),0)</f>
        <v>1.0900425659046233</v>
      </c>
      <c r="G6267" cm="1">
        <f t="array" ref="G6267">IFERROR(INDEX(Jesper!AK$2:AK$366,ROUNDDOWN($C6267/24,0)+1,1)*INDEX($D$3:$AA$30,INDEX(Jesper!$R$2:$R$366,ROW(INDEX(Jesper!AK$2:AK$366,ROUNDDOWN($C6267/24,0)+1,1))-1)+IF('Standard Profiles'!$G$21=$B$10,7,0)+IF('Standard Profiles'!$G$21=$B$17,14,0)+IF('Standard Profiles'!$G$21=$B$24,21,0),MOD($C6267,24)+1)/SUM(INDEX($D$3:$AA$30,INDEX(Jesper!$R$2:$R$366,ROW(INDEX(Jesper!AK$2:AK$366,ROUNDDOWN($C6267/24,0)+1,1))-1)+IF('Standard Profiles'!$G$21=$B$10,7,0)+IF('Standard Profiles'!$G$21=$B$17,14,0)+IF('Standard Profiles'!$G$21=$B$24,21,0),0)),0)</f>
        <v>0.56445079896021899</v>
      </c>
      <c r="H6267" cm="1">
        <f t="array" ref="H6267">IFERROR(INDEX(Jesper!AL$2:AL$366,ROUNDDOWN($C6267/24,0)+1,1)*INDEX($D$3:$AA$30,INDEX(Jesper!$R$2:$R$366,ROW(INDEX(Jesper!AL$2:AL$366,ROUNDDOWN($C6267/24,0)+1,1))-1)+IF('Standard Profiles'!$G$22=$B$10,7,0)+IF('Standard Profiles'!$G$22=$B$17,14,0)+IF('Standard Profiles'!$G$22=$B$24,21,0),MOD($C6267,24)+1)/SUM(INDEX($D$3:$AA$30,INDEX(Jesper!$R$2:$R$366,ROW(INDEX(Jesper!AL$2:AL$366,ROUNDDOWN($C6267/24,0)+1,1))-1)+IF('Standard Profiles'!$G$22=$B$10,7,0)+IF('Standard Profiles'!$G$22=$B$17,14,0)+IF('Standard Profiles'!$G$22=$B$24,21,0),0)),0)</f>
        <v>0.19230616666175199</v>
      </c>
      <c r="I6267">
        <f t="shared" si="699"/>
        <v>0.18461391999528201</v>
      </c>
      <c r="J6267">
        <f t="shared" si="700"/>
        <v>4.0547187845723762</v>
      </c>
      <c r="K6267">
        <f t="shared" si="701"/>
        <v>0.21750301573100586</v>
      </c>
      <c r="L6267">
        <f t="shared" si="702"/>
        <v>0.10875150786550293</v>
      </c>
      <c r="M6267">
        <f t="shared" si="703"/>
        <v>0</v>
      </c>
      <c r="N6267" s="45">
        <f t="shared" si="704"/>
        <v>45186.708333318216</v>
      </c>
    </row>
    <row r="6268" spans="2:14" x14ac:dyDescent="0.25">
      <c r="B6268">
        <f t="shared" si="698"/>
        <v>7</v>
      </c>
      <c r="C6268" s="16">
        <v>6234</v>
      </c>
      <c r="D6268" cm="1">
        <f t="array" ref="D6268">IFERROR(INDEX(Jesper!AH$2:AH$366,ROUNDDOWN($C6268/24,0)+1,1)*INDEX($D$3:$AA$30,INDEX(Jesper!$R$2:$R$366,ROW(INDEX(Jesper!AH$2:AH$366,ROUNDDOWN($C6268/24,0)+1,1))-1)+IF('Standard Profiles'!$G$18=$B$10,7,0)+IF('Standard Profiles'!$G$18=$B$17,14,0)+IF('Standard Profiles'!$G$18=$B$24,21,0),MOD($C6268,24)+1)/SUM(INDEX($D$3:$AA$30,INDEX(Jesper!$R$2:$R$366,ROW(INDEX(Jesper!AH$2:AH$366,ROUNDDOWN($C6268/24,0)+1,1))-1)+IF('Standard Profiles'!$G$18=$B$10,7,0)+IF('Standard Profiles'!$G$18=$B$17,14,0)+IF('Standard Profiles'!$G$18=$B$24,21,0),0)),0)</f>
        <v>0</v>
      </c>
      <c r="E6268" cm="1">
        <f t="array" ref="E6268">IFERROR(INDEX(Jesper!AI$2:AI$366,ROUNDDOWN($C6268/24,0)+1,1)*INDEX($D$3:$AA$30,INDEX(Jesper!$R$2:$R$366,ROW(INDEX(Jesper!AI$2:AI$366,ROUNDDOWN($C6268/24,0)+1,1))-1)+IF('Standard Profiles'!$G$19=$B$10,7,0)+IF('Standard Profiles'!$G$19=$B$17,14,0)+IF('Standard Profiles'!$G$19=$B$24,21,0),MOD($C6268,24)+1)/SUM(INDEX($D$3:$AA$30,INDEX(Jesper!$R$2:$R$366,ROW(INDEX(Jesper!AI$2:AI$366,ROUNDDOWN($C6268/24,0)+1,1))-1)+IF('Standard Profiles'!$G$19=$B$10,7,0)+IF('Standard Profiles'!$G$19=$B$17,14,0)+IF('Standard Profiles'!$G$19=$B$24,21,0),0)),0)</f>
        <v>2.7187876966375732</v>
      </c>
      <c r="F6268" cm="1">
        <f t="array" ref="F6268">IFERROR(INDEX(Jesper!AJ$2:AJ$366,ROUNDDOWN($C6268/24,0)+1,1)*INDEX($D$3:$AA$30,INDEX(Jesper!$R$2:$R$366,ROW(INDEX(Jesper!AJ$2:AJ$366,ROUNDDOWN($C6268/24,0)+1,1))-1)+IF('Standard Profiles'!$G$20=$B$10,7,0)+IF('Standard Profiles'!$G$20=$B$17,14,0)+IF('Standard Profiles'!$G$20=$B$24,21,0),MOD($C6268,24)+1)/SUM(INDEX($D$3:$AA$30,INDEX(Jesper!$R$2:$R$366,ROW(INDEX(Jesper!AJ$2:AJ$366,ROUNDDOWN($C6268/24,0)+1,1))-1)+IF('Standard Profiles'!$G$20=$B$10,7,0)+IF('Standard Profiles'!$G$20=$B$17,14,0)+IF('Standard Profiles'!$G$20=$B$24,21,0),0)),0)</f>
        <v>1.0900425659046233</v>
      </c>
      <c r="G6268" cm="1">
        <f t="array" ref="G6268">IFERROR(INDEX(Jesper!AK$2:AK$366,ROUNDDOWN($C6268/24,0)+1,1)*INDEX($D$3:$AA$30,INDEX(Jesper!$R$2:$R$366,ROW(INDEX(Jesper!AK$2:AK$366,ROUNDDOWN($C6268/24,0)+1,1))-1)+IF('Standard Profiles'!$G$21=$B$10,7,0)+IF('Standard Profiles'!$G$21=$B$17,14,0)+IF('Standard Profiles'!$G$21=$B$24,21,0),MOD($C6268,24)+1)/SUM(INDEX($D$3:$AA$30,INDEX(Jesper!$R$2:$R$366,ROW(INDEX(Jesper!AK$2:AK$366,ROUNDDOWN($C6268/24,0)+1,1))-1)+IF('Standard Profiles'!$G$21=$B$10,7,0)+IF('Standard Profiles'!$G$21=$B$17,14,0)+IF('Standard Profiles'!$G$21=$B$24,21,0),0)),0)</f>
        <v>0.56445079896021899</v>
      </c>
      <c r="H6268" cm="1">
        <f t="array" ref="H6268">IFERROR(INDEX(Jesper!AL$2:AL$366,ROUNDDOWN($C6268/24,0)+1,1)*INDEX($D$3:$AA$30,INDEX(Jesper!$R$2:$R$366,ROW(INDEX(Jesper!AL$2:AL$366,ROUNDDOWN($C6268/24,0)+1,1))-1)+IF('Standard Profiles'!$G$22=$B$10,7,0)+IF('Standard Profiles'!$G$22=$B$17,14,0)+IF('Standard Profiles'!$G$22=$B$24,21,0),MOD($C6268,24)+1)/SUM(INDEX($D$3:$AA$30,INDEX(Jesper!$R$2:$R$366,ROW(INDEX(Jesper!AL$2:AL$366,ROUNDDOWN($C6268/24,0)+1,1))-1)+IF('Standard Profiles'!$G$22=$B$10,7,0)+IF('Standard Profiles'!$G$22=$B$17,14,0)+IF('Standard Profiles'!$G$22=$B$24,21,0),0)),0)</f>
        <v>0.18003130495993802</v>
      </c>
      <c r="I6268">
        <f t="shared" si="699"/>
        <v>0.17283005276154059</v>
      </c>
      <c r="J6268">
        <f t="shared" si="700"/>
        <v>4.0542277901043038</v>
      </c>
      <c r="K6268">
        <f t="shared" si="701"/>
        <v>0.21750301573100586</v>
      </c>
      <c r="L6268">
        <f t="shared" si="702"/>
        <v>0.10875150786550293</v>
      </c>
      <c r="M6268">
        <f t="shared" si="703"/>
        <v>0</v>
      </c>
      <c r="N6268" s="45">
        <f t="shared" si="704"/>
        <v>45186.749999984881</v>
      </c>
    </row>
    <row r="6269" spans="2:14" x14ac:dyDescent="0.25">
      <c r="B6269">
        <f t="shared" si="698"/>
        <v>7</v>
      </c>
      <c r="C6269" s="16">
        <v>6235</v>
      </c>
      <c r="D6269" cm="1">
        <f t="array" ref="D6269">IFERROR(INDEX(Jesper!AH$2:AH$366,ROUNDDOWN($C6269/24,0)+1,1)*INDEX($D$3:$AA$30,INDEX(Jesper!$R$2:$R$366,ROW(INDEX(Jesper!AH$2:AH$366,ROUNDDOWN($C6269/24,0)+1,1))-1)+IF('Standard Profiles'!$G$18=$B$10,7,0)+IF('Standard Profiles'!$G$18=$B$17,14,0)+IF('Standard Profiles'!$G$18=$B$24,21,0),MOD($C6269,24)+1)/SUM(INDEX($D$3:$AA$30,INDEX(Jesper!$R$2:$R$366,ROW(INDEX(Jesper!AH$2:AH$366,ROUNDDOWN($C6269/24,0)+1,1))-1)+IF('Standard Profiles'!$G$18=$B$10,7,0)+IF('Standard Profiles'!$G$18=$B$17,14,0)+IF('Standard Profiles'!$G$18=$B$24,21,0),0)),0)</f>
        <v>0</v>
      </c>
      <c r="E6269" cm="1">
        <f t="array" ref="E6269">IFERROR(INDEX(Jesper!AI$2:AI$366,ROUNDDOWN($C6269/24,0)+1,1)*INDEX($D$3:$AA$30,INDEX(Jesper!$R$2:$R$366,ROW(INDEX(Jesper!AI$2:AI$366,ROUNDDOWN($C6269/24,0)+1,1))-1)+IF('Standard Profiles'!$G$19=$B$10,7,0)+IF('Standard Profiles'!$G$19=$B$17,14,0)+IF('Standard Profiles'!$G$19=$B$24,21,0),MOD($C6269,24)+1)/SUM(INDEX($D$3:$AA$30,INDEX(Jesper!$R$2:$R$366,ROW(INDEX(Jesper!AI$2:AI$366,ROUNDDOWN($C6269/24,0)+1,1))-1)+IF('Standard Profiles'!$G$19=$B$10,7,0)+IF('Standard Profiles'!$G$19=$B$17,14,0)+IF('Standard Profiles'!$G$19=$B$24,21,0),0)),0)</f>
        <v>2.7187876966375732</v>
      </c>
      <c r="F6269" cm="1">
        <f t="array" ref="F6269">IFERROR(INDEX(Jesper!AJ$2:AJ$366,ROUNDDOWN($C6269/24,0)+1,1)*INDEX($D$3:$AA$30,INDEX(Jesper!$R$2:$R$366,ROW(INDEX(Jesper!AJ$2:AJ$366,ROUNDDOWN($C6269/24,0)+1,1))-1)+IF('Standard Profiles'!$G$20=$B$10,7,0)+IF('Standard Profiles'!$G$20=$B$17,14,0)+IF('Standard Profiles'!$G$20=$B$24,21,0),MOD($C6269,24)+1)/SUM(INDEX($D$3:$AA$30,INDEX(Jesper!$R$2:$R$366,ROW(INDEX(Jesper!AJ$2:AJ$366,ROUNDDOWN($C6269/24,0)+1,1))-1)+IF('Standard Profiles'!$G$20=$B$10,7,0)+IF('Standard Profiles'!$G$20=$B$17,14,0)+IF('Standard Profiles'!$G$20=$B$24,21,0),0)),0)</f>
        <v>1.0900425659046233</v>
      </c>
      <c r="G6269" cm="1">
        <f t="array" ref="G6269">IFERROR(INDEX(Jesper!AK$2:AK$366,ROUNDDOWN($C6269/24,0)+1,1)*INDEX($D$3:$AA$30,INDEX(Jesper!$R$2:$R$366,ROW(INDEX(Jesper!AK$2:AK$366,ROUNDDOWN($C6269/24,0)+1,1))-1)+IF('Standard Profiles'!$G$21=$B$10,7,0)+IF('Standard Profiles'!$G$21=$B$17,14,0)+IF('Standard Profiles'!$G$21=$B$24,21,0),MOD($C6269,24)+1)/SUM(INDEX($D$3:$AA$30,INDEX(Jesper!$R$2:$R$366,ROW(INDEX(Jesper!AK$2:AK$366,ROUNDDOWN($C6269/24,0)+1,1))-1)+IF('Standard Profiles'!$G$21=$B$10,7,0)+IF('Standard Profiles'!$G$21=$B$17,14,0)+IF('Standard Profiles'!$G$21=$B$24,21,0),0)),0)</f>
        <v>0.56445079896021899</v>
      </c>
      <c r="H6269" cm="1">
        <f t="array" ref="H6269">IFERROR(INDEX(Jesper!AL$2:AL$366,ROUNDDOWN($C6269/24,0)+1,1)*INDEX($D$3:$AA$30,INDEX(Jesper!$R$2:$R$366,ROW(INDEX(Jesper!AL$2:AL$366,ROUNDDOWN($C6269/24,0)+1,1))-1)+IF('Standard Profiles'!$G$22=$B$10,7,0)+IF('Standard Profiles'!$G$22=$B$17,14,0)+IF('Standard Profiles'!$G$22=$B$24,21,0),MOD($C6269,24)+1)/SUM(INDEX($D$3:$AA$30,INDEX(Jesper!$R$2:$R$366,ROW(INDEX(Jesper!AL$2:AL$366,ROUNDDOWN($C6269/24,0)+1,1))-1)+IF('Standard Profiles'!$G$22=$B$10,7,0)+IF('Standard Profiles'!$G$22=$B$17,14,0)+IF('Standard Profiles'!$G$22=$B$24,21,0),0)),0)</f>
        <v>0.15138996098903879</v>
      </c>
      <c r="I6269">
        <f t="shared" si="699"/>
        <v>0.14533436254947732</v>
      </c>
      <c r="J6269">
        <f t="shared" si="700"/>
        <v>4.0530821363454681</v>
      </c>
      <c r="K6269">
        <f t="shared" si="701"/>
        <v>0.21750301573100586</v>
      </c>
      <c r="L6269">
        <f t="shared" si="702"/>
        <v>0.10875150786550293</v>
      </c>
      <c r="M6269">
        <f t="shared" si="703"/>
        <v>0</v>
      </c>
      <c r="N6269" s="45">
        <f t="shared" si="704"/>
        <v>45186.791666651545</v>
      </c>
    </row>
    <row r="6270" spans="2:14" x14ac:dyDescent="0.25">
      <c r="B6270">
        <f t="shared" si="698"/>
        <v>7</v>
      </c>
      <c r="C6270" s="16">
        <v>6236</v>
      </c>
      <c r="D6270" cm="1">
        <f t="array" ref="D6270">IFERROR(INDEX(Jesper!AH$2:AH$366,ROUNDDOWN($C6270/24,0)+1,1)*INDEX($D$3:$AA$30,INDEX(Jesper!$R$2:$R$366,ROW(INDEX(Jesper!AH$2:AH$366,ROUNDDOWN($C6270/24,0)+1,1))-1)+IF('Standard Profiles'!$G$18=$B$10,7,0)+IF('Standard Profiles'!$G$18=$B$17,14,0)+IF('Standard Profiles'!$G$18=$B$24,21,0),MOD($C6270,24)+1)/SUM(INDEX($D$3:$AA$30,INDEX(Jesper!$R$2:$R$366,ROW(INDEX(Jesper!AH$2:AH$366,ROUNDDOWN($C6270/24,0)+1,1))-1)+IF('Standard Profiles'!$G$18=$B$10,7,0)+IF('Standard Profiles'!$G$18=$B$17,14,0)+IF('Standard Profiles'!$G$18=$B$24,21,0),0)),0)</f>
        <v>0</v>
      </c>
      <c r="E6270" cm="1">
        <f t="array" ref="E6270">IFERROR(INDEX(Jesper!AI$2:AI$366,ROUNDDOWN($C6270/24,0)+1,1)*INDEX($D$3:$AA$30,INDEX(Jesper!$R$2:$R$366,ROW(INDEX(Jesper!AI$2:AI$366,ROUNDDOWN($C6270/24,0)+1,1))-1)+IF('Standard Profiles'!$G$19=$B$10,7,0)+IF('Standard Profiles'!$G$19=$B$17,14,0)+IF('Standard Profiles'!$G$19=$B$24,21,0),MOD($C6270,24)+1)/SUM(INDEX($D$3:$AA$30,INDEX(Jesper!$R$2:$R$366,ROW(INDEX(Jesper!AI$2:AI$366,ROUNDDOWN($C6270/24,0)+1,1))-1)+IF('Standard Profiles'!$G$19=$B$10,7,0)+IF('Standard Profiles'!$G$19=$B$17,14,0)+IF('Standard Profiles'!$G$19=$B$24,21,0),0)),0)</f>
        <v>2.7187876966375732</v>
      </c>
      <c r="F6270" cm="1">
        <f t="array" ref="F6270">IFERROR(INDEX(Jesper!AJ$2:AJ$366,ROUNDDOWN($C6270/24,0)+1,1)*INDEX($D$3:$AA$30,INDEX(Jesper!$R$2:$R$366,ROW(INDEX(Jesper!AJ$2:AJ$366,ROUNDDOWN($C6270/24,0)+1,1))-1)+IF('Standard Profiles'!$G$20=$B$10,7,0)+IF('Standard Profiles'!$G$20=$B$17,14,0)+IF('Standard Profiles'!$G$20=$B$24,21,0),MOD($C6270,24)+1)/SUM(INDEX($D$3:$AA$30,INDEX(Jesper!$R$2:$R$366,ROW(INDEX(Jesper!AJ$2:AJ$366,ROUNDDOWN($C6270/24,0)+1,1))-1)+IF('Standard Profiles'!$G$20=$B$10,7,0)+IF('Standard Profiles'!$G$20=$B$17,14,0)+IF('Standard Profiles'!$G$20=$B$24,21,0),0)),0)</f>
        <v>1.0900425659046233</v>
      </c>
      <c r="G6270" cm="1">
        <f t="array" ref="G6270">IFERROR(INDEX(Jesper!AK$2:AK$366,ROUNDDOWN($C6270/24,0)+1,1)*INDEX($D$3:$AA$30,INDEX(Jesper!$R$2:$R$366,ROW(INDEX(Jesper!AK$2:AK$366,ROUNDDOWN($C6270/24,0)+1,1))-1)+IF('Standard Profiles'!$G$21=$B$10,7,0)+IF('Standard Profiles'!$G$21=$B$17,14,0)+IF('Standard Profiles'!$G$21=$B$24,21,0),MOD($C6270,24)+1)/SUM(INDEX($D$3:$AA$30,INDEX(Jesper!$R$2:$R$366,ROW(INDEX(Jesper!AK$2:AK$366,ROUNDDOWN($C6270/24,0)+1,1))-1)+IF('Standard Profiles'!$G$21=$B$10,7,0)+IF('Standard Profiles'!$G$21=$B$17,14,0)+IF('Standard Profiles'!$G$21=$B$24,21,0),0)),0)</f>
        <v>0.56445079896021899</v>
      </c>
      <c r="H6270" cm="1">
        <f t="array" ref="H6270">IFERROR(INDEX(Jesper!AL$2:AL$366,ROUNDDOWN($C6270/24,0)+1,1)*INDEX($D$3:$AA$30,INDEX(Jesper!$R$2:$R$366,ROW(INDEX(Jesper!AL$2:AL$366,ROUNDDOWN($C6270/24,0)+1,1))-1)+IF('Standard Profiles'!$G$22=$B$10,7,0)+IF('Standard Profiles'!$G$22=$B$17,14,0)+IF('Standard Profiles'!$G$22=$B$24,21,0),MOD($C6270,24)+1)/SUM(INDEX($D$3:$AA$30,INDEX(Jesper!$R$2:$R$366,ROW(INDEX(Jesper!AL$2:AL$366,ROUNDDOWN($C6270/24,0)+1,1))-1)+IF('Standard Profiles'!$G$22=$B$10,7,0)+IF('Standard Profiles'!$G$22=$B$17,14,0)+IF('Standard Profiles'!$G$22=$B$24,21,0),0)),0)</f>
        <v>0.12684023758541088</v>
      </c>
      <c r="I6270">
        <f t="shared" si="699"/>
        <v>0.12176662808199451</v>
      </c>
      <c r="J6270">
        <f t="shared" si="700"/>
        <v>4.0521001474093223</v>
      </c>
      <c r="K6270">
        <f t="shared" si="701"/>
        <v>0.21750301573100586</v>
      </c>
      <c r="L6270">
        <f t="shared" si="702"/>
        <v>0.10875150786550293</v>
      </c>
      <c r="M6270">
        <f t="shared" si="703"/>
        <v>0</v>
      </c>
      <c r="N6270" s="45">
        <f t="shared" si="704"/>
        <v>45186.833333318209</v>
      </c>
    </row>
    <row r="6271" spans="2:14" x14ac:dyDescent="0.25">
      <c r="B6271">
        <f t="shared" si="698"/>
        <v>7</v>
      </c>
      <c r="C6271" s="16">
        <v>6237</v>
      </c>
      <c r="D6271" cm="1">
        <f t="array" ref="D6271">IFERROR(INDEX(Jesper!AH$2:AH$366,ROUNDDOWN($C6271/24,0)+1,1)*INDEX($D$3:$AA$30,INDEX(Jesper!$R$2:$R$366,ROW(INDEX(Jesper!AH$2:AH$366,ROUNDDOWN($C6271/24,0)+1,1))-1)+IF('Standard Profiles'!$G$18=$B$10,7,0)+IF('Standard Profiles'!$G$18=$B$17,14,0)+IF('Standard Profiles'!$G$18=$B$24,21,0),MOD($C6271,24)+1)/SUM(INDEX($D$3:$AA$30,INDEX(Jesper!$R$2:$R$366,ROW(INDEX(Jesper!AH$2:AH$366,ROUNDDOWN($C6271/24,0)+1,1))-1)+IF('Standard Profiles'!$G$18=$B$10,7,0)+IF('Standard Profiles'!$G$18=$B$17,14,0)+IF('Standard Profiles'!$G$18=$B$24,21,0),0)),0)</f>
        <v>0</v>
      </c>
      <c r="E6271" cm="1">
        <f t="array" ref="E6271">IFERROR(INDEX(Jesper!AI$2:AI$366,ROUNDDOWN($C6271/24,0)+1,1)*INDEX($D$3:$AA$30,INDEX(Jesper!$R$2:$R$366,ROW(INDEX(Jesper!AI$2:AI$366,ROUNDDOWN($C6271/24,0)+1,1))-1)+IF('Standard Profiles'!$G$19=$B$10,7,0)+IF('Standard Profiles'!$G$19=$B$17,14,0)+IF('Standard Profiles'!$G$19=$B$24,21,0),MOD($C6271,24)+1)/SUM(INDEX($D$3:$AA$30,INDEX(Jesper!$R$2:$R$366,ROW(INDEX(Jesper!AI$2:AI$366,ROUNDDOWN($C6271/24,0)+1,1))-1)+IF('Standard Profiles'!$G$19=$B$10,7,0)+IF('Standard Profiles'!$G$19=$B$17,14,0)+IF('Standard Profiles'!$G$19=$B$24,21,0),0)),0)</f>
        <v>2.7187876966375732</v>
      </c>
      <c r="F6271" cm="1">
        <f t="array" ref="F6271">IFERROR(INDEX(Jesper!AJ$2:AJ$366,ROUNDDOWN($C6271/24,0)+1,1)*INDEX($D$3:$AA$30,INDEX(Jesper!$R$2:$R$366,ROW(INDEX(Jesper!AJ$2:AJ$366,ROUNDDOWN($C6271/24,0)+1,1))-1)+IF('Standard Profiles'!$G$20=$B$10,7,0)+IF('Standard Profiles'!$G$20=$B$17,14,0)+IF('Standard Profiles'!$G$20=$B$24,21,0),MOD($C6271,24)+1)/SUM(INDEX($D$3:$AA$30,INDEX(Jesper!$R$2:$R$366,ROW(INDEX(Jesper!AJ$2:AJ$366,ROUNDDOWN($C6271/24,0)+1,1))-1)+IF('Standard Profiles'!$G$20=$B$10,7,0)+IF('Standard Profiles'!$G$20=$B$17,14,0)+IF('Standard Profiles'!$G$20=$B$24,21,0),0)),0)</f>
        <v>1.0900425659046233</v>
      </c>
      <c r="G6271" cm="1">
        <f t="array" ref="G6271">IFERROR(INDEX(Jesper!AK$2:AK$366,ROUNDDOWN($C6271/24,0)+1,1)*INDEX($D$3:$AA$30,INDEX(Jesper!$R$2:$R$366,ROW(INDEX(Jesper!AK$2:AK$366,ROUNDDOWN($C6271/24,0)+1,1))-1)+IF('Standard Profiles'!$G$21=$B$10,7,0)+IF('Standard Profiles'!$G$21=$B$17,14,0)+IF('Standard Profiles'!$G$21=$B$24,21,0),MOD($C6271,24)+1)/SUM(INDEX($D$3:$AA$30,INDEX(Jesper!$R$2:$R$366,ROW(INDEX(Jesper!AK$2:AK$366,ROUNDDOWN($C6271/24,0)+1,1))-1)+IF('Standard Profiles'!$G$21=$B$10,7,0)+IF('Standard Profiles'!$G$21=$B$17,14,0)+IF('Standard Profiles'!$G$21=$B$24,21,0),0)),0)</f>
        <v>0.56445079896021899</v>
      </c>
      <c r="H6271" cm="1">
        <f t="array" ref="H6271">IFERROR(INDEX(Jesper!AL$2:AL$366,ROUNDDOWN($C6271/24,0)+1,1)*INDEX($D$3:$AA$30,INDEX(Jesper!$R$2:$R$366,ROW(INDEX(Jesper!AL$2:AL$366,ROUNDDOWN($C6271/24,0)+1,1))-1)+IF('Standard Profiles'!$G$22=$B$10,7,0)+IF('Standard Profiles'!$G$22=$B$17,14,0)+IF('Standard Profiles'!$G$22=$B$24,21,0),MOD($C6271,24)+1)/SUM(INDEX($D$3:$AA$30,INDEX(Jesper!$R$2:$R$366,ROW(INDEX(Jesper!AL$2:AL$366,ROUNDDOWN($C6271/24,0)+1,1))-1)+IF('Standard Profiles'!$G$22=$B$10,7,0)+IF('Standard Profiles'!$G$22=$B$17,14,0)+IF('Standard Profiles'!$G$22=$B$24,21,0),0)),0)</f>
        <v>0.11047375531632561</v>
      </c>
      <c r="I6271">
        <f t="shared" si="699"/>
        <v>0.10605480510367264</v>
      </c>
      <c r="J6271">
        <f t="shared" si="700"/>
        <v>4.0514454881185591</v>
      </c>
      <c r="K6271">
        <f t="shared" si="701"/>
        <v>0.21750301573100586</v>
      </c>
      <c r="L6271">
        <f t="shared" si="702"/>
        <v>0.10875150786550293</v>
      </c>
      <c r="M6271">
        <f t="shared" si="703"/>
        <v>0</v>
      </c>
      <c r="N6271" s="45">
        <f t="shared" si="704"/>
        <v>45186.874999984873</v>
      </c>
    </row>
    <row r="6272" spans="2:14" x14ac:dyDescent="0.25">
      <c r="B6272">
        <f t="shared" si="698"/>
        <v>7</v>
      </c>
      <c r="C6272" s="16">
        <v>6238</v>
      </c>
      <c r="D6272" cm="1">
        <f t="array" ref="D6272">IFERROR(INDEX(Jesper!AH$2:AH$366,ROUNDDOWN($C6272/24,0)+1,1)*INDEX($D$3:$AA$30,INDEX(Jesper!$R$2:$R$366,ROW(INDEX(Jesper!AH$2:AH$366,ROUNDDOWN($C6272/24,0)+1,1))-1)+IF('Standard Profiles'!$G$18=$B$10,7,0)+IF('Standard Profiles'!$G$18=$B$17,14,0)+IF('Standard Profiles'!$G$18=$B$24,21,0),MOD($C6272,24)+1)/SUM(INDEX($D$3:$AA$30,INDEX(Jesper!$R$2:$R$366,ROW(INDEX(Jesper!AH$2:AH$366,ROUNDDOWN($C6272/24,0)+1,1))-1)+IF('Standard Profiles'!$G$18=$B$10,7,0)+IF('Standard Profiles'!$G$18=$B$17,14,0)+IF('Standard Profiles'!$G$18=$B$24,21,0),0)),0)</f>
        <v>0</v>
      </c>
      <c r="E6272" cm="1">
        <f t="array" ref="E6272">IFERROR(INDEX(Jesper!AI$2:AI$366,ROUNDDOWN($C6272/24,0)+1,1)*INDEX($D$3:$AA$30,INDEX(Jesper!$R$2:$R$366,ROW(INDEX(Jesper!AI$2:AI$366,ROUNDDOWN($C6272/24,0)+1,1))-1)+IF('Standard Profiles'!$G$19=$B$10,7,0)+IF('Standard Profiles'!$G$19=$B$17,14,0)+IF('Standard Profiles'!$G$19=$B$24,21,0),MOD($C6272,24)+1)/SUM(INDEX($D$3:$AA$30,INDEX(Jesper!$R$2:$R$366,ROW(INDEX(Jesper!AI$2:AI$366,ROUNDDOWN($C6272/24,0)+1,1))-1)+IF('Standard Profiles'!$G$19=$B$10,7,0)+IF('Standard Profiles'!$G$19=$B$17,14,0)+IF('Standard Profiles'!$G$19=$B$24,21,0),0)),0)</f>
        <v>2.7187876966375732</v>
      </c>
      <c r="F6272" cm="1">
        <f t="array" ref="F6272">IFERROR(INDEX(Jesper!AJ$2:AJ$366,ROUNDDOWN($C6272/24,0)+1,1)*INDEX($D$3:$AA$30,INDEX(Jesper!$R$2:$R$366,ROW(INDEX(Jesper!AJ$2:AJ$366,ROUNDDOWN($C6272/24,0)+1,1))-1)+IF('Standard Profiles'!$G$20=$B$10,7,0)+IF('Standard Profiles'!$G$20=$B$17,14,0)+IF('Standard Profiles'!$G$20=$B$24,21,0),MOD($C6272,24)+1)/SUM(INDEX($D$3:$AA$30,INDEX(Jesper!$R$2:$R$366,ROW(INDEX(Jesper!AJ$2:AJ$366,ROUNDDOWN($C6272/24,0)+1,1))-1)+IF('Standard Profiles'!$G$20=$B$10,7,0)+IF('Standard Profiles'!$G$20=$B$17,14,0)+IF('Standard Profiles'!$G$20=$B$24,21,0),0)),0)</f>
        <v>1.0900425659046233</v>
      </c>
      <c r="G6272" cm="1">
        <f t="array" ref="G6272">IFERROR(INDEX(Jesper!AK$2:AK$366,ROUNDDOWN($C6272/24,0)+1,1)*INDEX($D$3:$AA$30,INDEX(Jesper!$R$2:$R$366,ROW(INDEX(Jesper!AK$2:AK$366,ROUNDDOWN($C6272/24,0)+1,1))-1)+IF('Standard Profiles'!$G$21=$B$10,7,0)+IF('Standard Profiles'!$G$21=$B$17,14,0)+IF('Standard Profiles'!$G$21=$B$24,21,0),MOD($C6272,24)+1)/SUM(INDEX($D$3:$AA$30,INDEX(Jesper!$R$2:$R$366,ROW(INDEX(Jesper!AK$2:AK$366,ROUNDDOWN($C6272/24,0)+1,1))-1)+IF('Standard Profiles'!$G$21=$B$10,7,0)+IF('Standard Profiles'!$G$21=$B$17,14,0)+IF('Standard Profiles'!$G$21=$B$24,21,0),0)),0)</f>
        <v>0.56445079896021899</v>
      </c>
      <c r="H6272" cm="1">
        <f t="array" ref="H6272">IFERROR(INDEX(Jesper!AL$2:AL$366,ROUNDDOWN($C6272/24,0)+1,1)*INDEX($D$3:$AA$30,INDEX(Jesper!$R$2:$R$366,ROW(INDEX(Jesper!AL$2:AL$366,ROUNDDOWN($C6272/24,0)+1,1))-1)+IF('Standard Profiles'!$G$22=$B$10,7,0)+IF('Standard Profiles'!$G$22=$B$17,14,0)+IF('Standard Profiles'!$G$22=$B$24,21,0),MOD($C6272,24)+1)/SUM(INDEX($D$3:$AA$30,INDEX(Jesper!$R$2:$R$366,ROW(INDEX(Jesper!AL$2:AL$366,ROUNDDOWN($C6272/24,0)+1,1))-1)+IF('Standard Profiles'!$G$22=$B$10,7,0)+IF('Standard Profiles'!$G$22=$B$17,14,0)+IF('Standard Profiles'!$G$22=$B$24,21,0),0)),0)</f>
        <v>0.11047375531632561</v>
      </c>
      <c r="I6272">
        <f t="shared" si="699"/>
        <v>0.10605480510367264</v>
      </c>
      <c r="J6272">
        <f t="shared" si="700"/>
        <v>4.0514454881185591</v>
      </c>
      <c r="K6272">
        <f t="shared" si="701"/>
        <v>0.21750301573100586</v>
      </c>
      <c r="L6272">
        <f t="shared" si="702"/>
        <v>0.10875150786550293</v>
      </c>
      <c r="M6272">
        <f t="shared" si="703"/>
        <v>0</v>
      </c>
      <c r="N6272" s="45">
        <f t="shared" si="704"/>
        <v>45186.916666651538</v>
      </c>
    </row>
    <row r="6273" spans="2:14" x14ac:dyDescent="0.25">
      <c r="B6273">
        <f t="shared" si="698"/>
        <v>7</v>
      </c>
      <c r="C6273" s="16">
        <v>6239</v>
      </c>
      <c r="D6273" cm="1">
        <f t="array" ref="D6273">IFERROR(INDEX(Jesper!AH$2:AH$366,ROUNDDOWN($C6273/24,0)+1,1)*INDEX($D$3:$AA$30,INDEX(Jesper!$R$2:$R$366,ROW(INDEX(Jesper!AH$2:AH$366,ROUNDDOWN($C6273/24,0)+1,1))-1)+IF('Standard Profiles'!$G$18=$B$10,7,0)+IF('Standard Profiles'!$G$18=$B$17,14,0)+IF('Standard Profiles'!$G$18=$B$24,21,0),MOD($C6273,24)+1)/SUM(INDEX($D$3:$AA$30,INDEX(Jesper!$R$2:$R$366,ROW(INDEX(Jesper!AH$2:AH$366,ROUNDDOWN($C6273/24,0)+1,1))-1)+IF('Standard Profiles'!$G$18=$B$10,7,0)+IF('Standard Profiles'!$G$18=$B$17,14,0)+IF('Standard Profiles'!$G$18=$B$24,21,0),0)),0)</f>
        <v>0</v>
      </c>
      <c r="E6273" cm="1">
        <f t="array" ref="E6273">IFERROR(INDEX(Jesper!AI$2:AI$366,ROUNDDOWN($C6273/24,0)+1,1)*INDEX($D$3:$AA$30,INDEX(Jesper!$R$2:$R$366,ROW(INDEX(Jesper!AI$2:AI$366,ROUNDDOWN($C6273/24,0)+1,1))-1)+IF('Standard Profiles'!$G$19=$B$10,7,0)+IF('Standard Profiles'!$G$19=$B$17,14,0)+IF('Standard Profiles'!$G$19=$B$24,21,0),MOD($C6273,24)+1)/SUM(INDEX($D$3:$AA$30,INDEX(Jesper!$R$2:$R$366,ROW(INDEX(Jesper!AI$2:AI$366,ROUNDDOWN($C6273/24,0)+1,1))-1)+IF('Standard Profiles'!$G$19=$B$10,7,0)+IF('Standard Profiles'!$G$19=$B$17,14,0)+IF('Standard Profiles'!$G$19=$B$24,21,0),0)),0)</f>
        <v>2.7187876966375732</v>
      </c>
      <c r="F6273" cm="1">
        <f t="array" ref="F6273">IFERROR(INDEX(Jesper!AJ$2:AJ$366,ROUNDDOWN($C6273/24,0)+1,1)*INDEX($D$3:$AA$30,INDEX(Jesper!$R$2:$R$366,ROW(INDEX(Jesper!AJ$2:AJ$366,ROUNDDOWN($C6273/24,0)+1,1))-1)+IF('Standard Profiles'!$G$20=$B$10,7,0)+IF('Standard Profiles'!$G$20=$B$17,14,0)+IF('Standard Profiles'!$G$20=$B$24,21,0),MOD($C6273,24)+1)/SUM(INDEX($D$3:$AA$30,INDEX(Jesper!$R$2:$R$366,ROW(INDEX(Jesper!AJ$2:AJ$366,ROUNDDOWN($C6273/24,0)+1,1))-1)+IF('Standard Profiles'!$G$20=$B$10,7,0)+IF('Standard Profiles'!$G$20=$B$17,14,0)+IF('Standard Profiles'!$G$20=$B$24,21,0),0)),0)</f>
        <v>1.0900425659046233</v>
      </c>
      <c r="G6273" cm="1">
        <f t="array" ref="G6273">IFERROR(INDEX(Jesper!AK$2:AK$366,ROUNDDOWN($C6273/24,0)+1,1)*INDEX($D$3:$AA$30,INDEX(Jesper!$R$2:$R$366,ROW(INDEX(Jesper!AK$2:AK$366,ROUNDDOWN($C6273/24,0)+1,1))-1)+IF('Standard Profiles'!$G$21=$B$10,7,0)+IF('Standard Profiles'!$G$21=$B$17,14,0)+IF('Standard Profiles'!$G$21=$B$24,21,0),MOD($C6273,24)+1)/SUM(INDEX($D$3:$AA$30,INDEX(Jesper!$R$2:$R$366,ROW(INDEX(Jesper!AK$2:AK$366,ROUNDDOWN($C6273/24,0)+1,1))-1)+IF('Standard Profiles'!$G$21=$B$10,7,0)+IF('Standard Profiles'!$G$21=$B$17,14,0)+IF('Standard Profiles'!$G$21=$B$24,21,0),0)),0)</f>
        <v>0.56445079896021899</v>
      </c>
      <c r="H6273" cm="1">
        <f t="array" ref="H6273">IFERROR(INDEX(Jesper!AL$2:AL$366,ROUNDDOWN($C6273/24,0)+1,1)*INDEX($D$3:$AA$30,INDEX(Jesper!$R$2:$R$366,ROW(INDEX(Jesper!AL$2:AL$366,ROUNDDOWN($C6273/24,0)+1,1))-1)+IF('Standard Profiles'!$G$22=$B$10,7,0)+IF('Standard Profiles'!$G$22=$B$17,14,0)+IF('Standard Profiles'!$G$22=$B$24,21,0),MOD($C6273,24)+1)/SUM(INDEX($D$3:$AA$30,INDEX(Jesper!$R$2:$R$366,ROW(INDEX(Jesper!AL$2:AL$366,ROUNDDOWN($C6273/24,0)+1,1))-1)+IF('Standard Profiles'!$G$22=$B$10,7,0)+IF('Standard Profiles'!$G$22=$B$17,14,0)+IF('Standard Profiles'!$G$22=$B$24,21,0),0)),0)</f>
        <v>0.11047375531632561</v>
      </c>
      <c r="I6273">
        <f t="shared" si="699"/>
        <v>0.10605480510367264</v>
      </c>
      <c r="J6273">
        <f t="shared" si="700"/>
        <v>4.0514454881185591</v>
      </c>
      <c r="K6273">
        <f t="shared" si="701"/>
        <v>0.21750301573100586</v>
      </c>
      <c r="L6273">
        <f t="shared" si="702"/>
        <v>0.10875150786550293</v>
      </c>
      <c r="M6273">
        <f t="shared" si="703"/>
        <v>0</v>
      </c>
      <c r="N6273" s="45">
        <f t="shared" si="704"/>
        <v>45186.958333318202</v>
      </c>
    </row>
    <row r="6274" spans="2:14" x14ac:dyDescent="0.25">
      <c r="B6274">
        <f t="shared" si="698"/>
        <v>1</v>
      </c>
      <c r="C6274" s="16">
        <v>6240</v>
      </c>
      <c r="D6274" cm="1">
        <f t="array" ref="D6274">IFERROR(INDEX(Jesper!AH$2:AH$366,ROUNDDOWN($C6274/24,0)+1,1)*INDEX($D$3:$AA$30,INDEX(Jesper!$R$2:$R$366,ROW(INDEX(Jesper!AH$2:AH$366,ROUNDDOWN($C6274/24,0)+1,1))-1)+IF('Standard Profiles'!$G$18=$B$10,7,0)+IF('Standard Profiles'!$G$18=$B$17,14,0)+IF('Standard Profiles'!$G$18=$B$24,21,0),MOD($C6274,24)+1)/SUM(INDEX($D$3:$AA$30,INDEX(Jesper!$R$2:$R$366,ROW(INDEX(Jesper!AH$2:AH$366,ROUNDDOWN($C6274/24,0)+1,1))-1)+IF('Standard Profiles'!$G$18=$B$10,7,0)+IF('Standard Profiles'!$G$18=$B$17,14,0)+IF('Standard Profiles'!$G$18=$B$24,21,0),0)),0)</f>
        <v>5.090758056292966</v>
      </c>
      <c r="E6274" cm="1">
        <f t="array" ref="E6274">IFERROR(INDEX(Jesper!AI$2:AI$366,ROUNDDOWN($C6274/24,0)+1,1)*INDEX($D$3:$AA$30,INDEX(Jesper!$R$2:$R$366,ROW(INDEX(Jesper!AI$2:AI$366,ROUNDDOWN($C6274/24,0)+1,1))-1)+IF('Standard Profiles'!$G$19=$B$10,7,0)+IF('Standard Profiles'!$G$19=$B$17,14,0)+IF('Standard Profiles'!$G$19=$B$24,21,0),MOD($C6274,24)+1)/SUM(INDEX($D$3:$AA$30,INDEX(Jesper!$R$2:$R$366,ROW(INDEX(Jesper!AI$2:AI$366,ROUNDDOWN($C6274/24,0)+1,1))-1)+IF('Standard Profiles'!$G$19=$B$10,7,0)+IF('Standard Profiles'!$G$19=$B$17,14,0)+IF('Standard Profiles'!$G$19=$B$24,21,0),0)),0)</f>
        <v>2.1024480646774641</v>
      </c>
      <c r="F6274" cm="1">
        <f t="array" ref="F6274">IFERROR(INDEX(Jesper!AJ$2:AJ$366,ROUNDDOWN($C6274/24,0)+1,1)*INDEX($D$3:$AA$30,INDEX(Jesper!$R$2:$R$366,ROW(INDEX(Jesper!AJ$2:AJ$366,ROUNDDOWN($C6274/24,0)+1,1))-1)+IF('Standard Profiles'!$G$20=$B$10,7,0)+IF('Standard Profiles'!$G$20=$B$17,14,0)+IF('Standard Profiles'!$G$20=$B$24,21,0),MOD($C6274,24)+1)/SUM(INDEX($D$3:$AA$30,INDEX(Jesper!$R$2:$R$366,ROW(INDEX(Jesper!AJ$2:AJ$366,ROUNDDOWN($C6274/24,0)+1,1))-1)+IF('Standard Profiles'!$G$20=$B$10,7,0)+IF('Standard Profiles'!$G$20=$B$17,14,0)+IF('Standard Profiles'!$G$20=$B$24,21,0),0)),0)</f>
        <v>0</v>
      </c>
      <c r="G6274" cm="1">
        <f t="array" ref="G6274">IFERROR(INDEX(Jesper!AK$2:AK$366,ROUNDDOWN($C6274/24,0)+1,1)*INDEX($D$3:$AA$30,INDEX(Jesper!$R$2:$R$366,ROW(INDEX(Jesper!AK$2:AK$366,ROUNDDOWN($C6274/24,0)+1,1))-1)+IF('Standard Profiles'!$G$21=$B$10,7,0)+IF('Standard Profiles'!$G$21=$B$17,14,0)+IF('Standard Profiles'!$G$21=$B$24,21,0),MOD($C6274,24)+1)/SUM(INDEX($D$3:$AA$30,INDEX(Jesper!$R$2:$R$366,ROW(INDEX(Jesper!AK$2:AK$366,ROUNDDOWN($C6274/24,0)+1,1))-1)+IF('Standard Profiles'!$G$21=$B$10,7,0)+IF('Standard Profiles'!$G$21=$B$17,14,0)+IF('Standard Profiles'!$G$21=$B$24,21,0),0)),0)</f>
        <v>7.5990484896347757E-2</v>
      </c>
      <c r="H6274" cm="1">
        <f t="array" ref="H6274">IFERROR(INDEX(Jesper!AL$2:AL$366,ROUNDDOWN($C6274/24,0)+1,1)*INDEX($D$3:$AA$30,INDEX(Jesper!$R$2:$R$366,ROW(INDEX(Jesper!AL$2:AL$366,ROUNDDOWN($C6274/24,0)+1,1))-1)+IF('Standard Profiles'!$G$22=$B$10,7,0)+IF('Standard Profiles'!$G$22=$B$17,14,0)+IF('Standard Profiles'!$G$22=$B$24,21,0),MOD($C6274,24)+1)/SUM(INDEX($D$3:$AA$30,INDEX(Jesper!$R$2:$R$366,ROW(INDEX(Jesper!AL$2:AL$366,ROUNDDOWN($C6274/24,0)+1,1))-1)+IF('Standard Profiles'!$G$22=$B$10,7,0)+IF('Standard Profiles'!$G$22=$B$17,14,0)+IF('Standard Profiles'!$G$22=$B$24,21,0),0)),0)</f>
        <v>0</v>
      </c>
      <c r="I6274">
        <f t="shared" si="699"/>
        <v>3.6475432750246908E-2</v>
      </c>
      <c r="J6274">
        <f t="shared" si="700"/>
        <v>6.4181998841096561</v>
      </c>
      <c r="K6274">
        <f t="shared" si="701"/>
        <v>0.54301419267124973</v>
      </c>
      <c r="L6274">
        <f t="shared" si="702"/>
        <v>0.27150709633562486</v>
      </c>
      <c r="M6274">
        <f t="shared" si="703"/>
        <v>0</v>
      </c>
      <c r="N6274" s="45">
        <f t="shared" si="704"/>
        <v>45186.999999984866</v>
      </c>
    </row>
    <row r="6275" spans="2:14" x14ac:dyDescent="0.25">
      <c r="B6275">
        <f t="shared" si="698"/>
        <v>1</v>
      </c>
      <c r="C6275" s="16">
        <v>6241</v>
      </c>
      <c r="D6275" cm="1">
        <f t="array" ref="D6275">IFERROR(INDEX(Jesper!AH$2:AH$366,ROUNDDOWN($C6275/24,0)+1,1)*INDEX($D$3:$AA$30,INDEX(Jesper!$R$2:$R$366,ROW(INDEX(Jesper!AH$2:AH$366,ROUNDDOWN($C6275/24,0)+1,1))-1)+IF('Standard Profiles'!$G$18=$B$10,7,0)+IF('Standard Profiles'!$G$18=$B$17,14,0)+IF('Standard Profiles'!$G$18=$B$24,21,0),MOD($C6275,24)+1)/SUM(INDEX($D$3:$AA$30,INDEX(Jesper!$R$2:$R$366,ROW(INDEX(Jesper!AH$2:AH$366,ROUNDDOWN($C6275/24,0)+1,1))-1)+IF('Standard Profiles'!$G$18=$B$10,7,0)+IF('Standard Profiles'!$G$18=$B$17,14,0)+IF('Standard Profiles'!$G$18=$B$24,21,0),0)),0)</f>
        <v>5.090758056292966</v>
      </c>
      <c r="E6275" cm="1">
        <f t="array" ref="E6275">IFERROR(INDEX(Jesper!AI$2:AI$366,ROUNDDOWN($C6275/24,0)+1,1)*INDEX($D$3:$AA$30,INDEX(Jesper!$R$2:$R$366,ROW(INDEX(Jesper!AI$2:AI$366,ROUNDDOWN($C6275/24,0)+1,1))-1)+IF('Standard Profiles'!$G$19=$B$10,7,0)+IF('Standard Profiles'!$G$19=$B$17,14,0)+IF('Standard Profiles'!$G$19=$B$24,21,0),MOD($C6275,24)+1)/SUM(INDEX($D$3:$AA$30,INDEX(Jesper!$R$2:$R$366,ROW(INDEX(Jesper!AI$2:AI$366,ROUNDDOWN($C6275/24,0)+1,1))-1)+IF('Standard Profiles'!$G$19=$B$10,7,0)+IF('Standard Profiles'!$G$19=$B$17,14,0)+IF('Standard Profiles'!$G$19=$B$24,21,0),0)),0)</f>
        <v>2.1024480646774641</v>
      </c>
      <c r="F6275" cm="1">
        <f t="array" ref="F6275">IFERROR(INDEX(Jesper!AJ$2:AJ$366,ROUNDDOWN($C6275/24,0)+1,1)*INDEX($D$3:$AA$30,INDEX(Jesper!$R$2:$R$366,ROW(INDEX(Jesper!AJ$2:AJ$366,ROUNDDOWN($C6275/24,0)+1,1))-1)+IF('Standard Profiles'!$G$20=$B$10,7,0)+IF('Standard Profiles'!$G$20=$B$17,14,0)+IF('Standard Profiles'!$G$20=$B$24,21,0),MOD($C6275,24)+1)/SUM(INDEX($D$3:$AA$30,INDEX(Jesper!$R$2:$R$366,ROW(INDEX(Jesper!AJ$2:AJ$366,ROUNDDOWN($C6275/24,0)+1,1))-1)+IF('Standard Profiles'!$G$20=$B$10,7,0)+IF('Standard Profiles'!$G$20=$B$17,14,0)+IF('Standard Profiles'!$G$20=$B$24,21,0),0)),0)</f>
        <v>0</v>
      </c>
      <c r="G6275" cm="1">
        <f t="array" ref="G6275">IFERROR(INDEX(Jesper!AK$2:AK$366,ROUNDDOWN($C6275/24,0)+1,1)*INDEX($D$3:$AA$30,INDEX(Jesper!$R$2:$R$366,ROW(INDEX(Jesper!AK$2:AK$366,ROUNDDOWN($C6275/24,0)+1,1))-1)+IF('Standard Profiles'!$G$21=$B$10,7,0)+IF('Standard Profiles'!$G$21=$B$17,14,0)+IF('Standard Profiles'!$G$21=$B$24,21,0),MOD($C6275,24)+1)/SUM(INDEX($D$3:$AA$30,INDEX(Jesper!$R$2:$R$366,ROW(INDEX(Jesper!AK$2:AK$366,ROUNDDOWN($C6275/24,0)+1,1))-1)+IF('Standard Profiles'!$G$21=$B$10,7,0)+IF('Standard Profiles'!$G$21=$B$17,14,0)+IF('Standard Profiles'!$G$21=$B$24,21,0),0)),0)</f>
        <v>7.5990484896347757E-2</v>
      </c>
      <c r="H6275" cm="1">
        <f t="array" ref="H6275">IFERROR(INDEX(Jesper!AL$2:AL$366,ROUNDDOWN($C6275/24,0)+1,1)*INDEX($D$3:$AA$30,INDEX(Jesper!$R$2:$R$366,ROW(INDEX(Jesper!AL$2:AL$366,ROUNDDOWN($C6275/24,0)+1,1))-1)+IF('Standard Profiles'!$G$22=$B$10,7,0)+IF('Standard Profiles'!$G$22=$B$17,14,0)+IF('Standard Profiles'!$G$22=$B$24,21,0),MOD($C6275,24)+1)/SUM(INDEX($D$3:$AA$30,INDEX(Jesper!$R$2:$R$366,ROW(INDEX(Jesper!AL$2:AL$366,ROUNDDOWN($C6275/24,0)+1,1))-1)+IF('Standard Profiles'!$G$22=$B$10,7,0)+IF('Standard Profiles'!$G$22=$B$17,14,0)+IF('Standard Profiles'!$G$22=$B$24,21,0),0)),0)</f>
        <v>0</v>
      </c>
      <c r="I6275">
        <f t="shared" si="699"/>
        <v>3.6475432750246908E-2</v>
      </c>
      <c r="J6275">
        <f t="shared" si="700"/>
        <v>6.4181998841096561</v>
      </c>
      <c r="K6275">
        <f t="shared" si="701"/>
        <v>0.54301419267124973</v>
      </c>
      <c r="L6275">
        <f t="shared" si="702"/>
        <v>0.27150709633562486</v>
      </c>
      <c r="M6275">
        <f t="shared" si="703"/>
        <v>0</v>
      </c>
      <c r="N6275" s="45">
        <f t="shared" si="704"/>
        <v>45187.04166665153</v>
      </c>
    </row>
    <row r="6276" spans="2:14" x14ac:dyDescent="0.25">
      <c r="B6276">
        <f t="shared" si="698"/>
        <v>1</v>
      </c>
      <c r="C6276" s="16">
        <v>6242</v>
      </c>
      <c r="D6276" cm="1">
        <f t="array" ref="D6276">IFERROR(INDEX(Jesper!AH$2:AH$366,ROUNDDOWN($C6276/24,0)+1,1)*INDEX($D$3:$AA$30,INDEX(Jesper!$R$2:$R$366,ROW(INDEX(Jesper!AH$2:AH$366,ROUNDDOWN($C6276/24,0)+1,1))-1)+IF('Standard Profiles'!$G$18=$B$10,7,0)+IF('Standard Profiles'!$G$18=$B$17,14,0)+IF('Standard Profiles'!$G$18=$B$24,21,0),MOD($C6276,24)+1)/SUM(INDEX($D$3:$AA$30,INDEX(Jesper!$R$2:$R$366,ROW(INDEX(Jesper!AH$2:AH$366,ROUNDDOWN($C6276/24,0)+1,1))-1)+IF('Standard Profiles'!$G$18=$B$10,7,0)+IF('Standard Profiles'!$G$18=$B$17,14,0)+IF('Standard Profiles'!$G$18=$B$24,21,0),0)),0)</f>
        <v>5.090758056292966</v>
      </c>
      <c r="E6276" cm="1">
        <f t="array" ref="E6276">IFERROR(INDEX(Jesper!AI$2:AI$366,ROUNDDOWN($C6276/24,0)+1,1)*INDEX($D$3:$AA$30,INDEX(Jesper!$R$2:$R$366,ROW(INDEX(Jesper!AI$2:AI$366,ROUNDDOWN($C6276/24,0)+1,1))-1)+IF('Standard Profiles'!$G$19=$B$10,7,0)+IF('Standard Profiles'!$G$19=$B$17,14,0)+IF('Standard Profiles'!$G$19=$B$24,21,0),MOD($C6276,24)+1)/SUM(INDEX($D$3:$AA$30,INDEX(Jesper!$R$2:$R$366,ROW(INDEX(Jesper!AI$2:AI$366,ROUNDDOWN($C6276/24,0)+1,1))-1)+IF('Standard Profiles'!$G$19=$B$10,7,0)+IF('Standard Profiles'!$G$19=$B$17,14,0)+IF('Standard Profiles'!$G$19=$B$24,21,0),0)),0)</f>
        <v>2.1024480646774641</v>
      </c>
      <c r="F6276" cm="1">
        <f t="array" ref="F6276">IFERROR(INDEX(Jesper!AJ$2:AJ$366,ROUNDDOWN($C6276/24,0)+1,1)*INDEX($D$3:$AA$30,INDEX(Jesper!$R$2:$R$366,ROW(INDEX(Jesper!AJ$2:AJ$366,ROUNDDOWN($C6276/24,0)+1,1))-1)+IF('Standard Profiles'!$G$20=$B$10,7,0)+IF('Standard Profiles'!$G$20=$B$17,14,0)+IF('Standard Profiles'!$G$20=$B$24,21,0),MOD($C6276,24)+1)/SUM(INDEX($D$3:$AA$30,INDEX(Jesper!$R$2:$R$366,ROW(INDEX(Jesper!AJ$2:AJ$366,ROUNDDOWN($C6276/24,0)+1,1))-1)+IF('Standard Profiles'!$G$20=$B$10,7,0)+IF('Standard Profiles'!$G$20=$B$17,14,0)+IF('Standard Profiles'!$G$20=$B$24,21,0),0)),0)</f>
        <v>0</v>
      </c>
      <c r="G6276" cm="1">
        <f t="array" ref="G6276">IFERROR(INDEX(Jesper!AK$2:AK$366,ROUNDDOWN($C6276/24,0)+1,1)*INDEX($D$3:$AA$30,INDEX(Jesper!$R$2:$R$366,ROW(INDEX(Jesper!AK$2:AK$366,ROUNDDOWN($C6276/24,0)+1,1))-1)+IF('Standard Profiles'!$G$21=$B$10,7,0)+IF('Standard Profiles'!$G$21=$B$17,14,0)+IF('Standard Profiles'!$G$21=$B$24,21,0),MOD($C6276,24)+1)/SUM(INDEX($D$3:$AA$30,INDEX(Jesper!$R$2:$R$366,ROW(INDEX(Jesper!AK$2:AK$366,ROUNDDOWN($C6276/24,0)+1,1))-1)+IF('Standard Profiles'!$G$21=$B$10,7,0)+IF('Standard Profiles'!$G$21=$B$17,14,0)+IF('Standard Profiles'!$G$21=$B$24,21,0),0)),0)</f>
        <v>7.5990484896347757E-2</v>
      </c>
      <c r="H6276" cm="1">
        <f t="array" ref="H6276">IFERROR(INDEX(Jesper!AL$2:AL$366,ROUNDDOWN($C6276/24,0)+1,1)*INDEX($D$3:$AA$30,INDEX(Jesper!$R$2:$R$366,ROW(INDEX(Jesper!AL$2:AL$366,ROUNDDOWN($C6276/24,0)+1,1))-1)+IF('Standard Profiles'!$G$22=$B$10,7,0)+IF('Standard Profiles'!$G$22=$B$17,14,0)+IF('Standard Profiles'!$G$22=$B$24,21,0),MOD($C6276,24)+1)/SUM(INDEX($D$3:$AA$30,INDEX(Jesper!$R$2:$R$366,ROW(INDEX(Jesper!AL$2:AL$366,ROUNDDOWN($C6276/24,0)+1,1))-1)+IF('Standard Profiles'!$G$22=$B$10,7,0)+IF('Standard Profiles'!$G$22=$B$17,14,0)+IF('Standard Profiles'!$G$22=$B$24,21,0),0)),0)</f>
        <v>0</v>
      </c>
      <c r="I6276">
        <f t="shared" si="699"/>
        <v>3.6475432750246908E-2</v>
      </c>
      <c r="J6276">
        <f t="shared" si="700"/>
        <v>6.4181998841096561</v>
      </c>
      <c r="K6276">
        <f t="shared" si="701"/>
        <v>0.54301419267124973</v>
      </c>
      <c r="L6276">
        <f t="shared" si="702"/>
        <v>0.27150709633562486</v>
      </c>
      <c r="M6276">
        <f t="shared" si="703"/>
        <v>0</v>
      </c>
      <c r="N6276" s="45">
        <f t="shared" si="704"/>
        <v>45187.083333318194</v>
      </c>
    </row>
    <row r="6277" spans="2:14" x14ac:dyDescent="0.25">
      <c r="B6277">
        <f t="shared" si="698"/>
        <v>1</v>
      </c>
      <c r="C6277" s="16">
        <v>6243</v>
      </c>
      <c r="D6277" cm="1">
        <f t="array" ref="D6277">IFERROR(INDEX(Jesper!AH$2:AH$366,ROUNDDOWN($C6277/24,0)+1,1)*INDEX($D$3:$AA$30,INDEX(Jesper!$R$2:$R$366,ROW(INDEX(Jesper!AH$2:AH$366,ROUNDDOWN($C6277/24,0)+1,1))-1)+IF('Standard Profiles'!$G$18=$B$10,7,0)+IF('Standard Profiles'!$G$18=$B$17,14,0)+IF('Standard Profiles'!$G$18=$B$24,21,0),MOD($C6277,24)+1)/SUM(INDEX($D$3:$AA$30,INDEX(Jesper!$R$2:$R$366,ROW(INDEX(Jesper!AH$2:AH$366,ROUNDDOWN($C6277/24,0)+1,1))-1)+IF('Standard Profiles'!$G$18=$B$10,7,0)+IF('Standard Profiles'!$G$18=$B$17,14,0)+IF('Standard Profiles'!$G$18=$B$24,21,0),0)),0)</f>
        <v>5.090758056292966</v>
      </c>
      <c r="E6277" cm="1">
        <f t="array" ref="E6277">IFERROR(INDEX(Jesper!AI$2:AI$366,ROUNDDOWN($C6277/24,0)+1,1)*INDEX($D$3:$AA$30,INDEX(Jesper!$R$2:$R$366,ROW(INDEX(Jesper!AI$2:AI$366,ROUNDDOWN($C6277/24,0)+1,1))-1)+IF('Standard Profiles'!$G$19=$B$10,7,0)+IF('Standard Profiles'!$G$19=$B$17,14,0)+IF('Standard Profiles'!$G$19=$B$24,21,0),MOD($C6277,24)+1)/SUM(INDEX($D$3:$AA$30,INDEX(Jesper!$R$2:$R$366,ROW(INDEX(Jesper!AI$2:AI$366,ROUNDDOWN($C6277/24,0)+1,1))-1)+IF('Standard Profiles'!$G$19=$B$10,7,0)+IF('Standard Profiles'!$G$19=$B$17,14,0)+IF('Standard Profiles'!$G$19=$B$24,21,0),0)),0)</f>
        <v>2.1024480646774641</v>
      </c>
      <c r="F6277" cm="1">
        <f t="array" ref="F6277">IFERROR(INDEX(Jesper!AJ$2:AJ$366,ROUNDDOWN($C6277/24,0)+1,1)*INDEX($D$3:$AA$30,INDEX(Jesper!$R$2:$R$366,ROW(INDEX(Jesper!AJ$2:AJ$366,ROUNDDOWN($C6277/24,0)+1,1))-1)+IF('Standard Profiles'!$G$20=$B$10,7,0)+IF('Standard Profiles'!$G$20=$B$17,14,0)+IF('Standard Profiles'!$G$20=$B$24,21,0),MOD($C6277,24)+1)/SUM(INDEX($D$3:$AA$30,INDEX(Jesper!$R$2:$R$366,ROW(INDEX(Jesper!AJ$2:AJ$366,ROUNDDOWN($C6277/24,0)+1,1))-1)+IF('Standard Profiles'!$G$20=$B$10,7,0)+IF('Standard Profiles'!$G$20=$B$17,14,0)+IF('Standard Profiles'!$G$20=$B$24,21,0),0)),0)</f>
        <v>0</v>
      </c>
      <c r="G6277" cm="1">
        <f t="array" ref="G6277">IFERROR(INDEX(Jesper!AK$2:AK$366,ROUNDDOWN($C6277/24,0)+1,1)*INDEX($D$3:$AA$30,INDEX(Jesper!$R$2:$R$366,ROW(INDEX(Jesper!AK$2:AK$366,ROUNDDOWN($C6277/24,0)+1,1))-1)+IF('Standard Profiles'!$G$21=$B$10,7,0)+IF('Standard Profiles'!$G$21=$B$17,14,0)+IF('Standard Profiles'!$G$21=$B$24,21,0),MOD($C6277,24)+1)/SUM(INDEX($D$3:$AA$30,INDEX(Jesper!$R$2:$R$366,ROW(INDEX(Jesper!AK$2:AK$366,ROUNDDOWN($C6277/24,0)+1,1))-1)+IF('Standard Profiles'!$G$21=$B$10,7,0)+IF('Standard Profiles'!$G$21=$B$17,14,0)+IF('Standard Profiles'!$G$21=$B$24,21,0),0)),0)</f>
        <v>7.5990484896347757E-2</v>
      </c>
      <c r="H6277" cm="1">
        <f t="array" ref="H6277">IFERROR(INDEX(Jesper!AL$2:AL$366,ROUNDDOWN($C6277/24,0)+1,1)*INDEX($D$3:$AA$30,INDEX(Jesper!$R$2:$R$366,ROW(INDEX(Jesper!AL$2:AL$366,ROUNDDOWN($C6277/24,0)+1,1))-1)+IF('Standard Profiles'!$G$22=$B$10,7,0)+IF('Standard Profiles'!$G$22=$B$17,14,0)+IF('Standard Profiles'!$G$22=$B$24,21,0),MOD($C6277,24)+1)/SUM(INDEX($D$3:$AA$30,INDEX(Jesper!$R$2:$R$366,ROW(INDEX(Jesper!AL$2:AL$366,ROUNDDOWN($C6277/24,0)+1,1))-1)+IF('Standard Profiles'!$G$22=$B$10,7,0)+IF('Standard Profiles'!$G$22=$B$17,14,0)+IF('Standard Profiles'!$G$22=$B$24,21,0),0)),0)</f>
        <v>0</v>
      </c>
      <c r="I6277">
        <f t="shared" si="699"/>
        <v>3.6475432750246908E-2</v>
      </c>
      <c r="J6277">
        <f t="shared" si="700"/>
        <v>6.4181998841096561</v>
      </c>
      <c r="K6277">
        <f t="shared" si="701"/>
        <v>0.54301419267124973</v>
      </c>
      <c r="L6277">
        <f t="shared" si="702"/>
        <v>0.27150709633562486</v>
      </c>
      <c r="M6277">
        <f t="shared" si="703"/>
        <v>0</v>
      </c>
      <c r="N6277" s="45">
        <f t="shared" si="704"/>
        <v>45187.124999984859</v>
      </c>
    </row>
    <row r="6278" spans="2:14" x14ac:dyDescent="0.25">
      <c r="B6278">
        <f t="shared" si="698"/>
        <v>1</v>
      </c>
      <c r="C6278" s="16">
        <v>6244</v>
      </c>
      <c r="D6278" cm="1">
        <f t="array" ref="D6278">IFERROR(INDEX(Jesper!AH$2:AH$366,ROUNDDOWN($C6278/24,0)+1,1)*INDEX($D$3:$AA$30,INDEX(Jesper!$R$2:$R$366,ROW(INDEX(Jesper!AH$2:AH$366,ROUNDDOWN($C6278/24,0)+1,1))-1)+IF('Standard Profiles'!$G$18=$B$10,7,0)+IF('Standard Profiles'!$G$18=$B$17,14,0)+IF('Standard Profiles'!$G$18=$B$24,21,0),MOD($C6278,24)+1)/SUM(INDEX($D$3:$AA$30,INDEX(Jesper!$R$2:$R$366,ROW(INDEX(Jesper!AH$2:AH$366,ROUNDDOWN($C6278/24,0)+1,1))-1)+IF('Standard Profiles'!$G$18=$B$10,7,0)+IF('Standard Profiles'!$G$18=$B$17,14,0)+IF('Standard Profiles'!$G$18=$B$24,21,0),0)),0)</f>
        <v>5.090758056292966</v>
      </c>
      <c r="E6278" cm="1">
        <f t="array" ref="E6278">IFERROR(INDEX(Jesper!AI$2:AI$366,ROUNDDOWN($C6278/24,0)+1,1)*INDEX($D$3:$AA$30,INDEX(Jesper!$R$2:$R$366,ROW(INDEX(Jesper!AI$2:AI$366,ROUNDDOWN($C6278/24,0)+1,1))-1)+IF('Standard Profiles'!$G$19=$B$10,7,0)+IF('Standard Profiles'!$G$19=$B$17,14,0)+IF('Standard Profiles'!$G$19=$B$24,21,0),MOD($C6278,24)+1)/SUM(INDEX($D$3:$AA$30,INDEX(Jesper!$R$2:$R$366,ROW(INDEX(Jesper!AI$2:AI$366,ROUNDDOWN($C6278/24,0)+1,1))-1)+IF('Standard Profiles'!$G$19=$B$10,7,0)+IF('Standard Profiles'!$G$19=$B$17,14,0)+IF('Standard Profiles'!$G$19=$B$24,21,0),0)),0)</f>
        <v>2.1024480646774641</v>
      </c>
      <c r="F6278" cm="1">
        <f t="array" ref="F6278">IFERROR(INDEX(Jesper!AJ$2:AJ$366,ROUNDDOWN($C6278/24,0)+1,1)*INDEX($D$3:$AA$30,INDEX(Jesper!$R$2:$R$366,ROW(INDEX(Jesper!AJ$2:AJ$366,ROUNDDOWN($C6278/24,0)+1,1))-1)+IF('Standard Profiles'!$G$20=$B$10,7,0)+IF('Standard Profiles'!$G$20=$B$17,14,0)+IF('Standard Profiles'!$G$20=$B$24,21,0),MOD($C6278,24)+1)/SUM(INDEX($D$3:$AA$30,INDEX(Jesper!$R$2:$R$366,ROW(INDEX(Jesper!AJ$2:AJ$366,ROUNDDOWN($C6278/24,0)+1,1))-1)+IF('Standard Profiles'!$G$20=$B$10,7,0)+IF('Standard Profiles'!$G$20=$B$17,14,0)+IF('Standard Profiles'!$G$20=$B$24,21,0),0)),0)</f>
        <v>0</v>
      </c>
      <c r="G6278" cm="1">
        <f t="array" ref="G6278">IFERROR(INDEX(Jesper!AK$2:AK$366,ROUNDDOWN($C6278/24,0)+1,1)*INDEX($D$3:$AA$30,INDEX(Jesper!$R$2:$R$366,ROW(INDEX(Jesper!AK$2:AK$366,ROUNDDOWN($C6278/24,0)+1,1))-1)+IF('Standard Profiles'!$G$21=$B$10,7,0)+IF('Standard Profiles'!$G$21=$B$17,14,0)+IF('Standard Profiles'!$G$21=$B$24,21,0),MOD($C6278,24)+1)/SUM(INDEX($D$3:$AA$30,INDEX(Jesper!$R$2:$R$366,ROW(INDEX(Jesper!AK$2:AK$366,ROUNDDOWN($C6278/24,0)+1,1))-1)+IF('Standard Profiles'!$G$21=$B$10,7,0)+IF('Standard Profiles'!$G$21=$B$17,14,0)+IF('Standard Profiles'!$G$21=$B$24,21,0),0)),0)</f>
        <v>7.5990484896347757E-2</v>
      </c>
      <c r="H6278" cm="1">
        <f t="array" ref="H6278">IFERROR(INDEX(Jesper!AL$2:AL$366,ROUNDDOWN($C6278/24,0)+1,1)*INDEX($D$3:$AA$30,INDEX(Jesper!$R$2:$R$366,ROW(INDEX(Jesper!AL$2:AL$366,ROUNDDOWN($C6278/24,0)+1,1))-1)+IF('Standard Profiles'!$G$22=$B$10,7,0)+IF('Standard Profiles'!$G$22=$B$17,14,0)+IF('Standard Profiles'!$G$22=$B$24,21,0),MOD($C6278,24)+1)/SUM(INDEX($D$3:$AA$30,INDEX(Jesper!$R$2:$R$366,ROW(INDEX(Jesper!AL$2:AL$366,ROUNDDOWN($C6278/24,0)+1,1))-1)+IF('Standard Profiles'!$G$22=$B$10,7,0)+IF('Standard Profiles'!$G$22=$B$17,14,0)+IF('Standard Profiles'!$G$22=$B$24,21,0),0)),0)</f>
        <v>0</v>
      </c>
      <c r="I6278">
        <f t="shared" si="699"/>
        <v>3.6475432750246908E-2</v>
      </c>
      <c r="J6278">
        <f t="shared" si="700"/>
        <v>6.4181998841096561</v>
      </c>
      <c r="K6278">
        <f t="shared" si="701"/>
        <v>0.54301419267124973</v>
      </c>
      <c r="L6278">
        <f t="shared" si="702"/>
        <v>0.27150709633562486</v>
      </c>
      <c r="M6278">
        <f t="shared" si="703"/>
        <v>0</v>
      </c>
      <c r="N6278" s="45">
        <f t="shared" si="704"/>
        <v>45187.166666651523</v>
      </c>
    </row>
    <row r="6279" spans="2:14" x14ac:dyDescent="0.25">
      <c r="B6279">
        <f t="shared" si="698"/>
        <v>1</v>
      </c>
      <c r="C6279" s="16">
        <v>6245</v>
      </c>
      <c r="D6279" cm="1">
        <f t="array" ref="D6279">IFERROR(INDEX(Jesper!AH$2:AH$366,ROUNDDOWN($C6279/24,0)+1,1)*INDEX($D$3:$AA$30,INDEX(Jesper!$R$2:$R$366,ROW(INDEX(Jesper!AH$2:AH$366,ROUNDDOWN($C6279/24,0)+1,1))-1)+IF('Standard Profiles'!$G$18=$B$10,7,0)+IF('Standard Profiles'!$G$18=$B$17,14,0)+IF('Standard Profiles'!$G$18=$B$24,21,0),MOD($C6279,24)+1)/SUM(INDEX($D$3:$AA$30,INDEX(Jesper!$R$2:$R$366,ROW(INDEX(Jesper!AH$2:AH$366,ROUNDDOWN($C6279/24,0)+1,1))-1)+IF('Standard Profiles'!$G$18=$B$10,7,0)+IF('Standard Profiles'!$G$18=$B$17,14,0)+IF('Standard Profiles'!$G$18=$B$24,21,0),0)),0)</f>
        <v>5.090758056292966</v>
      </c>
      <c r="E6279" cm="1">
        <f t="array" ref="E6279">IFERROR(INDEX(Jesper!AI$2:AI$366,ROUNDDOWN($C6279/24,0)+1,1)*INDEX($D$3:$AA$30,INDEX(Jesper!$R$2:$R$366,ROW(INDEX(Jesper!AI$2:AI$366,ROUNDDOWN($C6279/24,0)+1,1))-1)+IF('Standard Profiles'!$G$19=$B$10,7,0)+IF('Standard Profiles'!$G$19=$B$17,14,0)+IF('Standard Profiles'!$G$19=$B$24,21,0),MOD($C6279,24)+1)/SUM(INDEX($D$3:$AA$30,INDEX(Jesper!$R$2:$R$366,ROW(INDEX(Jesper!AI$2:AI$366,ROUNDDOWN($C6279/24,0)+1,1))-1)+IF('Standard Profiles'!$G$19=$B$10,7,0)+IF('Standard Profiles'!$G$19=$B$17,14,0)+IF('Standard Profiles'!$G$19=$B$24,21,0),0)),0)</f>
        <v>2.1024480646774641</v>
      </c>
      <c r="F6279" cm="1">
        <f t="array" ref="F6279">IFERROR(INDEX(Jesper!AJ$2:AJ$366,ROUNDDOWN($C6279/24,0)+1,1)*INDEX($D$3:$AA$30,INDEX(Jesper!$R$2:$R$366,ROW(INDEX(Jesper!AJ$2:AJ$366,ROUNDDOWN($C6279/24,0)+1,1))-1)+IF('Standard Profiles'!$G$20=$B$10,7,0)+IF('Standard Profiles'!$G$20=$B$17,14,0)+IF('Standard Profiles'!$G$20=$B$24,21,0),MOD($C6279,24)+1)/SUM(INDEX($D$3:$AA$30,INDEX(Jesper!$R$2:$R$366,ROW(INDEX(Jesper!AJ$2:AJ$366,ROUNDDOWN($C6279/24,0)+1,1))-1)+IF('Standard Profiles'!$G$20=$B$10,7,0)+IF('Standard Profiles'!$G$20=$B$17,14,0)+IF('Standard Profiles'!$G$20=$B$24,21,0),0)),0)</f>
        <v>0</v>
      </c>
      <c r="G6279" cm="1">
        <f t="array" ref="G6279">IFERROR(INDEX(Jesper!AK$2:AK$366,ROUNDDOWN($C6279/24,0)+1,1)*INDEX($D$3:$AA$30,INDEX(Jesper!$R$2:$R$366,ROW(INDEX(Jesper!AK$2:AK$366,ROUNDDOWN($C6279/24,0)+1,1))-1)+IF('Standard Profiles'!$G$21=$B$10,7,0)+IF('Standard Profiles'!$G$21=$B$17,14,0)+IF('Standard Profiles'!$G$21=$B$24,21,0),MOD($C6279,24)+1)/SUM(INDEX($D$3:$AA$30,INDEX(Jesper!$R$2:$R$366,ROW(INDEX(Jesper!AK$2:AK$366,ROUNDDOWN($C6279/24,0)+1,1))-1)+IF('Standard Profiles'!$G$21=$B$10,7,0)+IF('Standard Profiles'!$G$21=$B$17,14,0)+IF('Standard Profiles'!$G$21=$B$24,21,0),0)),0)</f>
        <v>7.5990484896347757E-2</v>
      </c>
      <c r="H6279" cm="1">
        <f t="array" ref="H6279">IFERROR(INDEX(Jesper!AL$2:AL$366,ROUNDDOWN($C6279/24,0)+1,1)*INDEX($D$3:$AA$30,INDEX(Jesper!$R$2:$R$366,ROW(INDEX(Jesper!AL$2:AL$366,ROUNDDOWN($C6279/24,0)+1,1))-1)+IF('Standard Profiles'!$G$22=$B$10,7,0)+IF('Standard Profiles'!$G$22=$B$17,14,0)+IF('Standard Profiles'!$G$22=$B$24,21,0),MOD($C6279,24)+1)/SUM(INDEX($D$3:$AA$30,INDEX(Jesper!$R$2:$R$366,ROW(INDEX(Jesper!AL$2:AL$366,ROUNDDOWN($C6279/24,0)+1,1))-1)+IF('Standard Profiles'!$G$22=$B$10,7,0)+IF('Standard Profiles'!$G$22=$B$17,14,0)+IF('Standard Profiles'!$G$22=$B$24,21,0),0)),0)</f>
        <v>0</v>
      </c>
      <c r="I6279">
        <f t="shared" si="699"/>
        <v>3.6475432750246908E-2</v>
      </c>
      <c r="J6279">
        <f t="shared" si="700"/>
        <v>6.4181998841096561</v>
      </c>
      <c r="K6279">
        <f t="shared" si="701"/>
        <v>0.54301419267124973</v>
      </c>
      <c r="L6279">
        <f t="shared" si="702"/>
        <v>0.27150709633562486</v>
      </c>
      <c r="M6279">
        <f t="shared" si="703"/>
        <v>0</v>
      </c>
      <c r="N6279" s="45">
        <f t="shared" si="704"/>
        <v>45187.208333318187</v>
      </c>
    </row>
    <row r="6280" spans="2:14" x14ac:dyDescent="0.25">
      <c r="B6280">
        <f t="shared" si="698"/>
        <v>1</v>
      </c>
      <c r="C6280" s="16">
        <v>6246</v>
      </c>
      <c r="D6280" cm="1">
        <f t="array" ref="D6280">IFERROR(INDEX(Jesper!AH$2:AH$366,ROUNDDOWN($C6280/24,0)+1,1)*INDEX($D$3:$AA$30,INDEX(Jesper!$R$2:$R$366,ROW(INDEX(Jesper!AH$2:AH$366,ROUNDDOWN($C6280/24,0)+1,1))-1)+IF('Standard Profiles'!$G$18=$B$10,7,0)+IF('Standard Profiles'!$G$18=$B$17,14,0)+IF('Standard Profiles'!$G$18=$B$24,21,0),MOD($C6280,24)+1)/SUM(INDEX($D$3:$AA$30,INDEX(Jesper!$R$2:$R$366,ROW(INDEX(Jesper!AH$2:AH$366,ROUNDDOWN($C6280/24,0)+1,1))-1)+IF('Standard Profiles'!$G$18=$B$10,7,0)+IF('Standard Profiles'!$G$18=$B$17,14,0)+IF('Standard Profiles'!$G$18=$B$24,21,0),0)),0)</f>
        <v>5.090758056292966</v>
      </c>
      <c r="E6280" cm="1">
        <f t="array" ref="E6280">IFERROR(INDEX(Jesper!AI$2:AI$366,ROUNDDOWN($C6280/24,0)+1,1)*INDEX($D$3:$AA$30,INDEX(Jesper!$R$2:$R$366,ROW(INDEX(Jesper!AI$2:AI$366,ROUNDDOWN($C6280/24,0)+1,1))-1)+IF('Standard Profiles'!$G$19=$B$10,7,0)+IF('Standard Profiles'!$G$19=$B$17,14,0)+IF('Standard Profiles'!$G$19=$B$24,21,0),MOD($C6280,24)+1)/SUM(INDEX($D$3:$AA$30,INDEX(Jesper!$R$2:$R$366,ROW(INDEX(Jesper!AI$2:AI$366,ROUNDDOWN($C6280/24,0)+1,1))-1)+IF('Standard Profiles'!$G$19=$B$10,7,0)+IF('Standard Profiles'!$G$19=$B$17,14,0)+IF('Standard Profiles'!$G$19=$B$24,21,0),0)),0)</f>
        <v>2.1024480646774641</v>
      </c>
      <c r="F6280" cm="1">
        <f t="array" ref="F6280">IFERROR(INDEX(Jesper!AJ$2:AJ$366,ROUNDDOWN($C6280/24,0)+1,1)*INDEX($D$3:$AA$30,INDEX(Jesper!$R$2:$R$366,ROW(INDEX(Jesper!AJ$2:AJ$366,ROUNDDOWN($C6280/24,0)+1,1))-1)+IF('Standard Profiles'!$G$20=$B$10,7,0)+IF('Standard Profiles'!$G$20=$B$17,14,0)+IF('Standard Profiles'!$G$20=$B$24,21,0),MOD($C6280,24)+1)/SUM(INDEX($D$3:$AA$30,INDEX(Jesper!$R$2:$R$366,ROW(INDEX(Jesper!AJ$2:AJ$366,ROUNDDOWN($C6280/24,0)+1,1))-1)+IF('Standard Profiles'!$G$20=$B$10,7,0)+IF('Standard Profiles'!$G$20=$B$17,14,0)+IF('Standard Profiles'!$G$20=$B$24,21,0),0)),0)</f>
        <v>0</v>
      </c>
      <c r="G6280" cm="1">
        <f t="array" ref="G6280">IFERROR(INDEX(Jesper!AK$2:AK$366,ROUNDDOWN($C6280/24,0)+1,1)*INDEX($D$3:$AA$30,INDEX(Jesper!$R$2:$R$366,ROW(INDEX(Jesper!AK$2:AK$366,ROUNDDOWN($C6280/24,0)+1,1))-1)+IF('Standard Profiles'!$G$21=$B$10,7,0)+IF('Standard Profiles'!$G$21=$B$17,14,0)+IF('Standard Profiles'!$G$21=$B$24,21,0),MOD($C6280,24)+1)/SUM(INDEX($D$3:$AA$30,INDEX(Jesper!$R$2:$R$366,ROW(INDEX(Jesper!AK$2:AK$366,ROUNDDOWN($C6280/24,0)+1,1))-1)+IF('Standard Profiles'!$G$21=$B$10,7,0)+IF('Standard Profiles'!$G$21=$B$17,14,0)+IF('Standard Profiles'!$G$21=$B$24,21,0),0)),0)</f>
        <v>7.5990484896347757E-2</v>
      </c>
      <c r="H6280" cm="1">
        <f t="array" ref="H6280">IFERROR(INDEX(Jesper!AL$2:AL$366,ROUNDDOWN($C6280/24,0)+1,1)*INDEX($D$3:$AA$30,INDEX(Jesper!$R$2:$R$366,ROW(INDEX(Jesper!AL$2:AL$366,ROUNDDOWN($C6280/24,0)+1,1))-1)+IF('Standard Profiles'!$G$22=$B$10,7,0)+IF('Standard Profiles'!$G$22=$B$17,14,0)+IF('Standard Profiles'!$G$22=$B$24,21,0),MOD($C6280,24)+1)/SUM(INDEX($D$3:$AA$30,INDEX(Jesper!$R$2:$R$366,ROW(INDEX(Jesper!AL$2:AL$366,ROUNDDOWN($C6280/24,0)+1,1))-1)+IF('Standard Profiles'!$G$22=$B$10,7,0)+IF('Standard Profiles'!$G$22=$B$17,14,0)+IF('Standard Profiles'!$G$22=$B$24,21,0),0)),0)</f>
        <v>0</v>
      </c>
      <c r="I6280">
        <f t="shared" si="699"/>
        <v>3.6475432750246908E-2</v>
      </c>
      <c r="J6280">
        <f t="shared" si="700"/>
        <v>6.4181998841096561</v>
      </c>
      <c r="K6280">
        <f t="shared" si="701"/>
        <v>0.54301419267124973</v>
      </c>
      <c r="L6280">
        <f t="shared" si="702"/>
        <v>0.27150709633562486</v>
      </c>
      <c r="M6280">
        <f t="shared" si="703"/>
        <v>0</v>
      </c>
      <c r="N6280" s="45">
        <f t="shared" si="704"/>
        <v>45187.249999984851</v>
      </c>
    </row>
    <row r="6281" spans="2:14" x14ac:dyDescent="0.25">
      <c r="B6281">
        <f t="shared" si="698"/>
        <v>1</v>
      </c>
      <c r="C6281" s="16">
        <v>6247</v>
      </c>
      <c r="D6281" cm="1">
        <f t="array" ref="D6281">IFERROR(INDEX(Jesper!AH$2:AH$366,ROUNDDOWN($C6281/24,0)+1,1)*INDEX($D$3:$AA$30,INDEX(Jesper!$R$2:$R$366,ROW(INDEX(Jesper!AH$2:AH$366,ROUNDDOWN($C6281/24,0)+1,1))-1)+IF('Standard Profiles'!$G$18=$B$10,7,0)+IF('Standard Profiles'!$G$18=$B$17,14,0)+IF('Standard Profiles'!$G$18=$B$24,21,0),MOD($C6281,24)+1)/SUM(INDEX($D$3:$AA$30,INDEX(Jesper!$R$2:$R$366,ROW(INDEX(Jesper!AH$2:AH$366,ROUNDDOWN($C6281/24,0)+1,1))-1)+IF('Standard Profiles'!$G$18=$B$10,7,0)+IF('Standard Profiles'!$G$18=$B$17,14,0)+IF('Standard Profiles'!$G$18=$B$24,21,0),0)),0)</f>
        <v>21.686629319808034</v>
      </c>
      <c r="E6281" cm="1">
        <f t="array" ref="E6281">IFERROR(INDEX(Jesper!AI$2:AI$366,ROUNDDOWN($C6281/24,0)+1,1)*INDEX($D$3:$AA$30,INDEX(Jesper!$R$2:$R$366,ROW(INDEX(Jesper!AI$2:AI$366,ROUNDDOWN($C6281/24,0)+1,1))-1)+IF('Standard Profiles'!$G$19=$B$10,7,0)+IF('Standard Profiles'!$G$19=$B$17,14,0)+IF('Standard Profiles'!$G$19=$B$24,21,0),MOD($C6281,24)+1)/SUM(INDEX($D$3:$AA$30,INDEX(Jesper!$R$2:$R$366,ROW(INDEX(Jesper!AI$2:AI$366,ROUNDDOWN($C6281/24,0)+1,1))-1)+IF('Standard Profiles'!$G$19=$B$10,7,0)+IF('Standard Profiles'!$G$19=$B$17,14,0)+IF('Standard Profiles'!$G$19=$B$24,21,0),0)),0)</f>
        <v>8.956428755525998</v>
      </c>
      <c r="F6281" cm="1">
        <f t="array" ref="F6281">IFERROR(INDEX(Jesper!AJ$2:AJ$366,ROUNDDOWN($C6281/24,0)+1,1)*INDEX($D$3:$AA$30,INDEX(Jesper!$R$2:$R$366,ROW(INDEX(Jesper!AJ$2:AJ$366,ROUNDDOWN($C6281/24,0)+1,1))-1)+IF('Standard Profiles'!$G$20=$B$10,7,0)+IF('Standard Profiles'!$G$20=$B$17,14,0)+IF('Standard Profiles'!$G$20=$B$24,21,0),MOD($C6281,24)+1)/SUM(INDEX($D$3:$AA$30,INDEX(Jesper!$R$2:$R$366,ROW(INDEX(Jesper!AJ$2:AJ$366,ROUNDDOWN($C6281/24,0)+1,1))-1)+IF('Standard Profiles'!$G$20=$B$10,7,0)+IF('Standard Profiles'!$G$20=$B$17,14,0)+IF('Standard Profiles'!$G$20=$B$24,21,0),0)),0)</f>
        <v>0</v>
      </c>
      <c r="G6281" cm="1">
        <f t="array" ref="G6281">IFERROR(INDEX(Jesper!AK$2:AK$366,ROUNDDOWN($C6281/24,0)+1,1)*INDEX($D$3:$AA$30,INDEX(Jesper!$R$2:$R$366,ROW(INDEX(Jesper!AK$2:AK$366,ROUNDDOWN($C6281/24,0)+1,1))-1)+IF('Standard Profiles'!$G$21=$B$10,7,0)+IF('Standard Profiles'!$G$21=$B$17,14,0)+IF('Standard Profiles'!$G$21=$B$24,21,0),MOD($C6281,24)+1)/SUM(INDEX($D$3:$AA$30,INDEX(Jesper!$R$2:$R$366,ROW(INDEX(Jesper!AK$2:AK$366,ROUNDDOWN($C6281/24,0)+1,1))-1)+IF('Standard Profiles'!$G$21=$B$10,7,0)+IF('Standard Profiles'!$G$21=$B$17,14,0)+IF('Standard Profiles'!$G$21=$B$24,21,0),0)),0)</f>
        <v>0.33055860929911274</v>
      </c>
      <c r="H6281" cm="1">
        <f t="array" ref="H6281">IFERROR(INDEX(Jesper!AL$2:AL$366,ROUNDDOWN($C6281/24,0)+1,1)*INDEX($D$3:$AA$30,INDEX(Jesper!$R$2:$R$366,ROW(INDEX(Jesper!AL$2:AL$366,ROUNDDOWN($C6281/24,0)+1,1))-1)+IF('Standard Profiles'!$G$22=$B$10,7,0)+IF('Standard Profiles'!$G$22=$B$17,14,0)+IF('Standard Profiles'!$G$22=$B$24,21,0),MOD($C6281,24)+1)/SUM(INDEX($D$3:$AA$30,INDEX(Jesper!$R$2:$R$366,ROW(INDEX(Jesper!AL$2:AL$366,ROUNDDOWN($C6281/24,0)+1,1))-1)+IF('Standard Profiles'!$G$22=$B$10,7,0)+IF('Standard Profiles'!$G$22=$B$17,14,0)+IF('Standard Profiles'!$G$22=$B$24,21,0),0)),0)</f>
        <v>0</v>
      </c>
      <c r="I6281">
        <f t="shared" si="699"/>
        <v>0.15866813246357403</v>
      </c>
      <c r="J6281">
        <f t="shared" si="700"/>
        <v>27.345087861000284</v>
      </c>
      <c r="K6281">
        <f t="shared" si="701"/>
        <v>2.3132404607795238</v>
      </c>
      <c r="L6281">
        <f t="shared" si="702"/>
        <v>1.1566202303897619</v>
      </c>
      <c r="M6281">
        <f t="shared" si="703"/>
        <v>0</v>
      </c>
      <c r="N6281" s="45">
        <f t="shared" si="704"/>
        <v>45187.291666651516</v>
      </c>
    </row>
    <row r="6282" spans="2:14" x14ac:dyDescent="0.25">
      <c r="B6282">
        <f t="shared" si="698"/>
        <v>1</v>
      </c>
      <c r="C6282" s="16">
        <v>6248</v>
      </c>
      <c r="D6282" cm="1">
        <f t="array" ref="D6282">IFERROR(INDEX(Jesper!AH$2:AH$366,ROUNDDOWN($C6282/24,0)+1,1)*INDEX($D$3:$AA$30,INDEX(Jesper!$R$2:$R$366,ROW(INDEX(Jesper!AH$2:AH$366,ROUNDDOWN($C6282/24,0)+1,1))-1)+IF('Standard Profiles'!$G$18=$B$10,7,0)+IF('Standard Profiles'!$G$18=$B$17,14,0)+IF('Standard Profiles'!$G$18=$B$24,21,0),MOD($C6282,24)+1)/SUM(INDEX($D$3:$AA$30,INDEX(Jesper!$R$2:$R$366,ROW(INDEX(Jesper!AH$2:AH$366,ROUNDDOWN($C6282/24,0)+1,1))-1)+IF('Standard Profiles'!$G$18=$B$10,7,0)+IF('Standard Profiles'!$G$18=$B$17,14,0)+IF('Standard Profiles'!$G$18=$B$24,21,0),0)),0)</f>
        <v>24.39745798478404</v>
      </c>
      <c r="E6282" cm="1">
        <f t="array" ref="E6282">IFERROR(INDEX(Jesper!AI$2:AI$366,ROUNDDOWN($C6282/24,0)+1,1)*INDEX($D$3:$AA$30,INDEX(Jesper!$R$2:$R$366,ROW(INDEX(Jesper!AI$2:AI$366,ROUNDDOWN($C6282/24,0)+1,1))-1)+IF('Standard Profiles'!$G$19=$B$10,7,0)+IF('Standard Profiles'!$G$19=$B$17,14,0)+IF('Standard Profiles'!$G$19=$B$24,21,0),MOD($C6282,24)+1)/SUM(INDEX($D$3:$AA$30,INDEX(Jesper!$R$2:$R$366,ROW(INDEX(Jesper!AI$2:AI$366,ROUNDDOWN($C6282/24,0)+1,1))-1)+IF('Standard Profiles'!$G$19=$B$10,7,0)+IF('Standard Profiles'!$G$19=$B$17,14,0)+IF('Standard Profiles'!$G$19=$B$24,21,0),0)),0)</f>
        <v>10.075982349966747</v>
      </c>
      <c r="F6282" cm="1">
        <f t="array" ref="F6282">IFERROR(INDEX(Jesper!AJ$2:AJ$366,ROUNDDOWN($C6282/24,0)+1,1)*INDEX($D$3:$AA$30,INDEX(Jesper!$R$2:$R$366,ROW(INDEX(Jesper!AJ$2:AJ$366,ROUNDDOWN($C6282/24,0)+1,1))-1)+IF('Standard Profiles'!$G$20=$B$10,7,0)+IF('Standard Profiles'!$G$20=$B$17,14,0)+IF('Standard Profiles'!$G$20=$B$24,21,0),MOD($C6282,24)+1)/SUM(INDEX($D$3:$AA$30,INDEX(Jesper!$R$2:$R$366,ROW(INDEX(Jesper!AJ$2:AJ$366,ROUNDDOWN($C6282/24,0)+1,1))-1)+IF('Standard Profiles'!$G$20=$B$10,7,0)+IF('Standard Profiles'!$G$20=$B$17,14,0)+IF('Standard Profiles'!$G$20=$B$24,21,0),0)),0)</f>
        <v>0</v>
      </c>
      <c r="G6282" cm="1">
        <f t="array" ref="G6282">IFERROR(INDEX(Jesper!AK$2:AK$366,ROUNDDOWN($C6282/24,0)+1,1)*INDEX($D$3:$AA$30,INDEX(Jesper!$R$2:$R$366,ROW(INDEX(Jesper!AK$2:AK$366,ROUNDDOWN($C6282/24,0)+1,1))-1)+IF('Standard Profiles'!$G$21=$B$10,7,0)+IF('Standard Profiles'!$G$21=$B$17,14,0)+IF('Standard Profiles'!$G$21=$B$24,21,0),MOD($C6282,24)+1)/SUM(INDEX($D$3:$AA$30,INDEX(Jesper!$R$2:$R$366,ROW(INDEX(Jesper!AK$2:AK$366,ROUNDDOWN($C6282/24,0)+1,1))-1)+IF('Standard Profiles'!$G$21=$B$10,7,0)+IF('Standard Profiles'!$G$21=$B$17,14,0)+IF('Standard Profiles'!$G$21=$B$24,21,0),0)),0)</f>
        <v>0.37187843546150179</v>
      </c>
      <c r="H6282" cm="1">
        <f t="array" ref="H6282">IFERROR(INDEX(Jesper!AL$2:AL$366,ROUNDDOWN($C6282/24,0)+1,1)*INDEX($D$3:$AA$30,INDEX(Jesper!$R$2:$R$366,ROW(INDEX(Jesper!AL$2:AL$366,ROUNDDOWN($C6282/24,0)+1,1))-1)+IF('Standard Profiles'!$G$22=$B$10,7,0)+IF('Standard Profiles'!$G$22=$B$17,14,0)+IF('Standard Profiles'!$G$22=$B$24,21,0),MOD($C6282,24)+1)/SUM(INDEX($D$3:$AA$30,INDEX(Jesper!$R$2:$R$366,ROW(INDEX(Jesper!AL$2:AL$366,ROUNDDOWN($C6282/24,0)+1,1))-1)+IF('Standard Profiles'!$G$22=$B$10,7,0)+IF('Standard Profiles'!$G$22=$B$17,14,0)+IF('Standard Profiles'!$G$22=$B$24,21,0),0)),0)</f>
        <v>0</v>
      </c>
      <c r="I6282">
        <f t="shared" si="699"/>
        <v>0.17850164902152077</v>
      </c>
      <c r="J6282">
        <f t="shared" si="700"/>
        <v>30.763223843625319</v>
      </c>
      <c r="K6282">
        <f t="shared" si="701"/>
        <v>2.6023955183769645</v>
      </c>
      <c r="L6282">
        <f t="shared" si="702"/>
        <v>1.3011977591884822</v>
      </c>
      <c r="M6282">
        <f t="shared" si="703"/>
        <v>0</v>
      </c>
      <c r="N6282" s="45">
        <f t="shared" si="704"/>
        <v>45187.33333331818</v>
      </c>
    </row>
    <row r="6283" spans="2:14" x14ac:dyDescent="0.25">
      <c r="B6283">
        <f t="shared" si="698"/>
        <v>1</v>
      </c>
      <c r="C6283" s="16">
        <v>6249</v>
      </c>
      <c r="D6283" cm="1">
        <f t="array" ref="D6283">IFERROR(INDEX(Jesper!AH$2:AH$366,ROUNDDOWN($C6283/24,0)+1,1)*INDEX($D$3:$AA$30,INDEX(Jesper!$R$2:$R$366,ROW(INDEX(Jesper!AH$2:AH$366,ROUNDDOWN($C6283/24,0)+1,1))-1)+IF('Standard Profiles'!$G$18=$B$10,7,0)+IF('Standard Profiles'!$G$18=$B$17,14,0)+IF('Standard Profiles'!$G$18=$B$24,21,0),MOD($C6283,24)+1)/SUM(INDEX($D$3:$AA$30,INDEX(Jesper!$R$2:$R$366,ROW(INDEX(Jesper!AH$2:AH$366,ROUNDDOWN($C6283/24,0)+1,1))-1)+IF('Standard Profiles'!$G$18=$B$10,7,0)+IF('Standard Profiles'!$G$18=$B$17,14,0)+IF('Standard Profiles'!$G$18=$B$24,21,0),0)),0)</f>
        <v>27.108286649760043</v>
      </c>
      <c r="E6283" cm="1">
        <f t="array" ref="E6283">IFERROR(INDEX(Jesper!AI$2:AI$366,ROUNDDOWN($C6283/24,0)+1,1)*INDEX($D$3:$AA$30,INDEX(Jesper!$R$2:$R$366,ROW(INDEX(Jesper!AI$2:AI$366,ROUNDDOWN($C6283/24,0)+1,1))-1)+IF('Standard Profiles'!$G$19=$B$10,7,0)+IF('Standard Profiles'!$G$19=$B$17,14,0)+IF('Standard Profiles'!$G$19=$B$24,21,0),MOD($C6283,24)+1)/SUM(INDEX($D$3:$AA$30,INDEX(Jesper!$R$2:$R$366,ROW(INDEX(Jesper!AI$2:AI$366,ROUNDDOWN($C6283/24,0)+1,1))-1)+IF('Standard Profiles'!$G$19=$B$10,7,0)+IF('Standard Profiles'!$G$19=$B$17,14,0)+IF('Standard Profiles'!$G$19=$B$24,21,0),0)),0)</f>
        <v>11.195535944407496</v>
      </c>
      <c r="F6283" cm="1">
        <f t="array" ref="F6283">IFERROR(INDEX(Jesper!AJ$2:AJ$366,ROUNDDOWN($C6283/24,0)+1,1)*INDEX($D$3:$AA$30,INDEX(Jesper!$R$2:$R$366,ROW(INDEX(Jesper!AJ$2:AJ$366,ROUNDDOWN($C6283/24,0)+1,1))-1)+IF('Standard Profiles'!$G$20=$B$10,7,0)+IF('Standard Profiles'!$G$20=$B$17,14,0)+IF('Standard Profiles'!$G$20=$B$24,21,0),MOD($C6283,24)+1)/SUM(INDEX($D$3:$AA$30,INDEX(Jesper!$R$2:$R$366,ROW(INDEX(Jesper!AJ$2:AJ$366,ROUNDDOWN($C6283/24,0)+1,1))-1)+IF('Standard Profiles'!$G$20=$B$10,7,0)+IF('Standard Profiles'!$G$20=$B$17,14,0)+IF('Standard Profiles'!$G$20=$B$24,21,0),0)),0)</f>
        <v>0</v>
      </c>
      <c r="G6283" cm="1">
        <f t="array" ref="G6283">IFERROR(INDEX(Jesper!AK$2:AK$366,ROUNDDOWN($C6283/24,0)+1,1)*INDEX($D$3:$AA$30,INDEX(Jesper!$R$2:$R$366,ROW(INDEX(Jesper!AK$2:AK$366,ROUNDDOWN($C6283/24,0)+1,1))-1)+IF('Standard Profiles'!$G$21=$B$10,7,0)+IF('Standard Profiles'!$G$21=$B$17,14,0)+IF('Standard Profiles'!$G$21=$B$24,21,0),MOD($C6283,24)+1)/SUM(INDEX($D$3:$AA$30,INDEX(Jesper!$R$2:$R$366,ROW(INDEX(Jesper!AK$2:AK$366,ROUNDDOWN($C6283/24,0)+1,1))-1)+IF('Standard Profiles'!$G$21=$B$10,7,0)+IF('Standard Profiles'!$G$21=$B$17,14,0)+IF('Standard Profiles'!$G$21=$B$24,21,0),0)),0)</f>
        <v>0.41319826162389089</v>
      </c>
      <c r="H6283" cm="1">
        <f t="array" ref="H6283">IFERROR(INDEX(Jesper!AL$2:AL$366,ROUNDDOWN($C6283/24,0)+1,1)*INDEX($D$3:$AA$30,INDEX(Jesper!$R$2:$R$366,ROW(INDEX(Jesper!AL$2:AL$366,ROUNDDOWN($C6283/24,0)+1,1))-1)+IF('Standard Profiles'!$G$22=$B$10,7,0)+IF('Standard Profiles'!$G$22=$B$17,14,0)+IF('Standard Profiles'!$G$22=$B$24,21,0),MOD($C6283,24)+1)/SUM(INDEX($D$3:$AA$30,INDEX(Jesper!$R$2:$R$366,ROW(INDEX(Jesper!AL$2:AL$366,ROUNDDOWN($C6283/24,0)+1,1))-1)+IF('Standard Profiles'!$G$22=$B$10,7,0)+IF('Standard Profiles'!$G$22=$B$17,14,0)+IF('Standard Profiles'!$G$22=$B$24,21,0),0)),0)</f>
        <v>0</v>
      </c>
      <c r="I6283">
        <f t="shared" si="699"/>
        <v>0.19833516557946754</v>
      </c>
      <c r="J6283">
        <f t="shared" si="700"/>
        <v>34.181359826250358</v>
      </c>
      <c r="K6283">
        <f t="shared" si="701"/>
        <v>2.8915505759744047</v>
      </c>
      <c r="L6283">
        <f t="shared" si="702"/>
        <v>1.4457752879872023</v>
      </c>
      <c r="M6283">
        <f t="shared" si="703"/>
        <v>0</v>
      </c>
      <c r="N6283" s="45">
        <f t="shared" si="704"/>
        <v>45187.374999984844</v>
      </c>
    </row>
    <row r="6284" spans="2:14" x14ac:dyDescent="0.25">
      <c r="B6284">
        <f t="shared" si="698"/>
        <v>1</v>
      </c>
      <c r="C6284" s="16">
        <v>6250</v>
      </c>
      <c r="D6284" cm="1">
        <f t="array" ref="D6284">IFERROR(INDEX(Jesper!AH$2:AH$366,ROUNDDOWN($C6284/24,0)+1,1)*INDEX($D$3:$AA$30,INDEX(Jesper!$R$2:$R$366,ROW(INDEX(Jesper!AH$2:AH$366,ROUNDDOWN($C6284/24,0)+1,1))-1)+IF('Standard Profiles'!$G$18=$B$10,7,0)+IF('Standard Profiles'!$G$18=$B$17,14,0)+IF('Standard Profiles'!$G$18=$B$24,21,0),MOD($C6284,24)+1)/SUM(INDEX($D$3:$AA$30,INDEX(Jesper!$R$2:$R$366,ROW(INDEX(Jesper!AH$2:AH$366,ROUNDDOWN($C6284/24,0)+1,1))-1)+IF('Standard Profiles'!$G$18=$B$10,7,0)+IF('Standard Profiles'!$G$18=$B$17,14,0)+IF('Standard Profiles'!$G$18=$B$24,21,0),0)),0)</f>
        <v>27.108286649760043</v>
      </c>
      <c r="E6284" cm="1">
        <f t="array" ref="E6284">IFERROR(INDEX(Jesper!AI$2:AI$366,ROUNDDOWN($C6284/24,0)+1,1)*INDEX($D$3:$AA$30,INDEX(Jesper!$R$2:$R$366,ROW(INDEX(Jesper!AI$2:AI$366,ROUNDDOWN($C6284/24,0)+1,1))-1)+IF('Standard Profiles'!$G$19=$B$10,7,0)+IF('Standard Profiles'!$G$19=$B$17,14,0)+IF('Standard Profiles'!$G$19=$B$24,21,0),MOD($C6284,24)+1)/SUM(INDEX($D$3:$AA$30,INDEX(Jesper!$R$2:$R$366,ROW(INDEX(Jesper!AI$2:AI$366,ROUNDDOWN($C6284/24,0)+1,1))-1)+IF('Standard Profiles'!$G$19=$B$10,7,0)+IF('Standard Profiles'!$G$19=$B$17,14,0)+IF('Standard Profiles'!$G$19=$B$24,21,0),0)),0)</f>
        <v>11.195535944407496</v>
      </c>
      <c r="F6284" cm="1">
        <f t="array" ref="F6284">IFERROR(INDEX(Jesper!AJ$2:AJ$366,ROUNDDOWN($C6284/24,0)+1,1)*INDEX($D$3:$AA$30,INDEX(Jesper!$R$2:$R$366,ROW(INDEX(Jesper!AJ$2:AJ$366,ROUNDDOWN($C6284/24,0)+1,1))-1)+IF('Standard Profiles'!$G$20=$B$10,7,0)+IF('Standard Profiles'!$G$20=$B$17,14,0)+IF('Standard Profiles'!$G$20=$B$24,21,0),MOD($C6284,24)+1)/SUM(INDEX($D$3:$AA$30,INDEX(Jesper!$R$2:$R$366,ROW(INDEX(Jesper!AJ$2:AJ$366,ROUNDDOWN($C6284/24,0)+1,1))-1)+IF('Standard Profiles'!$G$20=$B$10,7,0)+IF('Standard Profiles'!$G$20=$B$17,14,0)+IF('Standard Profiles'!$G$20=$B$24,21,0),0)),0)</f>
        <v>0</v>
      </c>
      <c r="G6284" cm="1">
        <f t="array" ref="G6284">IFERROR(INDEX(Jesper!AK$2:AK$366,ROUNDDOWN($C6284/24,0)+1,1)*INDEX($D$3:$AA$30,INDEX(Jesper!$R$2:$R$366,ROW(INDEX(Jesper!AK$2:AK$366,ROUNDDOWN($C6284/24,0)+1,1))-1)+IF('Standard Profiles'!$G$21=$B$10,7,0)+IF('Standard Profiles'!$G$21=$B$17,14,0)+IF('Standard Profiles'!$G$21=$B$24,21,0),MOD($C6284,24)+1)/SUM(INDEX($D$3:$AA$30,INDEX(Jesper!$R$2:$R$366,ROW(INDEX(Jesper!AK$2:AK$366,ROUNDDOWN($C6284/24,0)+1,1))-1)+IF('Standard Profiles'!$G$21=$B$10,7,0)+IF('Standard Profiles'!$G$21=$B$17,14,0)+IF('Standard Profiles'!$G$21=$B$24,21,0),0)),0)</f>
        <v>0.41319826162389089</v>
      </c>
      <c r="H6284" cm="1">
        <f t="array" ref="H6284">IFERROR(INDEX(Jesper!AL$2:AL$366,ROUNDDOWN($C6284/24,0)+1,1)*INDEX($D$3:$AA$30,INDEX(Jesper!$R$2:$R$366,ROW(INDEX(Jesper!AL$2:AL$366,ROUNDDOWN($C6284/24,0)+1,1))-1)+IF('Standard Profiles'!$G$22=$B$10,7,0)+IF('Standard Profiles'!$G$22=$B$17,14,0)+IF('Standard Profiles'!$G$22=$B$24,21,0),MOD($C6284,24)+1)/SUM(INDEX($D$3:$AA$30,INDEX(Jesper!$R$2:$R$366,ROW(INDEX(Jesper!AL$2:AL$366,ROUNDDOWN($C6284/24,0)+1,1))-1)+IF('Standard Profiles'!$G$22=$B$10,7,0)+IF('Standard Profiles'!$G$22=$B$17,14,0)+IF('Standard Profiles'!$G$22=$B$24,21,0),0)),0)</f>
        <v>0</v>
      </c>
      <c r="I6284">
        <f t="shared" si="699"/>
        <v>0.19833516557946754</v>
      </c>
      <c r="J6284">
        <f t="shared" si="700"/>
        <v>34.181359826250358</v>
      </c>
      <c r="K6284">
        <f t="shared" si="701"/>
        <v>2.8915505759744047</v>
      </c>
      <c r="L6284">
        <f t="shared" si="702"/>
        <v>1.4457752879872023</v>
      </c>
      <c r="M6284">
        <f t="shared" si="703"/>
        <v>0</v>
      </c>
      <c r="N6284" s="45">
        <f t="shared" si="704"/>
        <v>45187.416666651508</v>
      </c>
    </row>
    <row r="6285" spans="2:14" x14ac:dyDescent="0.25">
      <c r="B6285">
        <f t="shared" si="698"/>
        <v>1</v>
      </c>
      <c r="C6285" s="16">
        <v>6251</v>
      </c>
      <c r="D6285" cm="1">
        <f t="array" ref="D6285">IFERROR(INDEX(Jesper!AH$2:AH$366,ROUNDDOWN($C6285/24,0)+1,1)*INDEX($D$3:$AA$30,INDEX(Jesper!$R$2:$R$366,ROW(INDEX(Jesper!AH$2:AH$366,ROUNDDOWN($C6285/24,0)+1,1))-1)+IF('Standard Profiles'!$G$18=$B$10,7,0)+IF('Standard Profiles'!$G$18=$B$17,14,0)+IF('Standard Profiles'!$G$18=$B$24,21,0),MOD($C6285,24)+1)/SUM(INDEX($D$3:$AA$30,INDEX(Jesper!$R$2:$R$366,ROW(INDEX(Jesper!AH$2:AH$366,ROUNDDOWN($C6285/24,0)+1,1))-1)+IF('Standard Profiles'!$G$18=$B$10,7,0)+IF('Standard Profiles'!$G$18=$B$17,14,0)+IF('Standard Profiles'!$G$18=$B$24,21,0),0)),0)</f>
        <v>32.529943979712044</v>
      </c>
      <c r="E6285" cm="1">
        <f t="array" ref="E6285">IFERROR(INDEX(Jesper!AI$2:AI$366,ROUNDDOWN($C6285/24,0)+1,1)*INDEX($D$3:$AA$30,INDEX(Jesper!$R$2:$R$366,ROW(INDEX(Jesper!AI$2:AI$366,ROUNDDOWN($C6285/24,0)+1,1))-1)+IF('Standard Profiles'!$G$19=$B$10,7,0)+IF('Standard Profiles'!$G$19=$B$17,14,0)+IF('Standard Profiles'!$G$19=$B$24,21,0),MOD($C6285,24)+1)/SUM(INDEX($D$3:$AA$30,INDEX(Jesper!$R$2:$R$366,ROW(INDEX(Jesper!AI$2:AI$366,ROUNDDOWN($C6285/24,0)+1,1))-1)+IF('Standard Profiles'!$G$19=$B$10,7,0)+IF('Standard Profiles'!$G$19=$B$17,14,0)+IF('Standard Profiles'!$G$19=$B$24,21,0),0)),0)</f>
        <v>13.434643133288994</v>
      </c>
      <c r="F6285" cm="1">
        <f t="array" ref="F6285">IFERROR(INDEX(Jesper!AJ$2:AJ$366,ROUNDDOWN($C6285/24,0)+1,1)*INDEX($D$3:$AA$30,INDEX(Jesper!$R$2:$R$366,ROW(INDEX(Jesper!AJ$2:AJ$366,ROUNDDOWN($C6285/24,0)+1,1))-1)+IF('Standard Profiles'!$G$20=$B$10,7,0)+IF('Standard Profiles'!$G$20=$B$17,14,0)+IF('Standard Profiles'!$G$20=$B$24,21,0),MOD($C6285,24)+1)/SUM(INDEX($D$3:$AA$30,INDEX(Jesper!$R$2:$R$366,ROW(INDEX(Jesper!AJ$2:AJ$366,ROUNDDOWN($C6285/24,0)+1,1))-1)+IF('Standard Profiles'!$G$20=$B$10,7,0)+IF('Standard Profiles'!$G$20=$B$17,14,0)+IF('Standard Profiles'!$G$20=$B$24,21,0),0)),0)</f>
        <v>0</v>
      </c>
      <c r="G6285" cm="1">
        <f t="array" ref="G6285">IFERROR(INDEX(Jesper!AK$2:AK$366,ROUNDDOWN($C6285/24,0)+1,1)*INDEX($D$3:$AA$30,INDEX(Jesper!$R$2:$R$366,ROW(INDEX(Jesper!AK$2:AK$366,ROUNDDOWN($C6285/24,0)+1,1))-1)+IF('Standard Profiles'!$G$21=$B$10,7,0)+IF('Standard Profiles'!$G$21=$B$17,14,0)+IF('Standard Profiles'!$G$21=$B$24,21,0),MOD($C6285,24)+1)/SUM(INDEX($D$3:$AA$30,INDEX(Jesper!$R$2:$R$366,ROW(INDEX(Jesper!AK$2:AK$366,ROUNDDOWN($C6285/24,0)+1,1))-1)+IF('Standard Profiles'!$G$21=$B$10,7,0)+IF('Standard Profiles'!$G$21=$B$17,14,0)+IF('Standard Profiles'!$G$21=$B$24,21,0),0)),0)</f>
        <v>0.495837913948669</v>
      </c>
      <c r="H6285" cm="1">
        <f t="array" ref="H6285">IFERROR(INDEX(Jesper!AL$2:AL$366,ROUNDDOWN($C6285/24,0)+1,1)*INDEX($D$3:$AA$30,INDEX(Jesper!$R$2:$R$366,ROW(INDEX(Jesper!AL$2:AL$366,ROUNDDOWN($C6285/24,0)+1,1))-1)+IF('Standard Profiles'!$G$22=$B$10,7,0)+IF('Standard Profiles'!$G$22=$B$17,14,0)+IF('Standard Profiles'!$G$22=$B$24,21,0),MOD($C6285,24)+1)/SUM(INDEX($D$3:$AA$30,INDEX(Jesper!$R$2:$R$366,ROW(INDEX(Jesper!AL$2:AL$366,ROUNDDOWN($C6285/24,0)+1,1))-1)+IF('Standard Profiles'!$G$22=$B$10,7,0)+IF('Standard Profiles'!$G$22=$B$17,14,0)+IF('Standard Profiles'!$G$22=$B$24,21,0),0)),0)</f>
        <v>0</v>
      </c>
      <c r="I6285">
        <f t="shared" si="699"/>
        <v>0.23800219869536099</v>
      </c>
      <c r="J6285">
        <f t="shared" si="700"/>
        <v>41.01763179150042</v>
      </c>
      <c r="K6285">
        <f t="shared" si="701"/>
        <v>3.4698606911692851</v>
      </c>
      <c r="L6285">
        <f t="shared" si="702"/>
        <v>1.7349303455846425</v>
      </c>
      <c r="M6285">
        <f t="shared" si="703"/>
        <v>0</v>
      </c>
      <c r="N6285" s="45">
        <f t="shared" si="704"/>
        <v>45187.458333318173</v>
      </c>
    </row>
    <row r="6286" spans="2:14" x14ac:dyDescent="0.25">
      <c r="B6286">
        <f t="shared" si="698"/>
        <v>1</v>
      </c>
      <c r="C6286" s="16">
        <v>6252</v>
      </c>
      <c r="D6286" cm="1">
        <f t="array" ref="D6286">IFERROR(INDEX(Jesper!AH$2:AH$366,ROUNDDOWN($C6286/24,0)+1,1)*INDEX($D$3:$AA$30,INDEX(Jesper!$R$2:$R$366,ROW(INDEX(Jesper!AH$2:AH$366,ROUNDDOWN($C6286/24,0)+1,1))-1)+IF('Standard Profiles'!$G$18=$B$10,7,0)+IF('Standard Profiles'!$G$18=$B$17,14,0)+IF('Standard Profiles'!$G$18=$B$24,21,0),MOD($C6286,24)+1)/SUM(INDEX($D$3:$AA$30,INDEX(Jesper!$R$2:$R$366,ROW(INDEX(Jesper!AH$2:AH$366,ROUNDDOWN($C6286/24,0)+1,1))-1)+IF('Standard Profiles'!$G$18=$B$10,7,0)+IF('Standard Profiles'!$G$18=$B$17,14,0)+IF('Standard Profiles'!$G$18=$B$24,21,0),0)),0)</f>
        <v>32.529943979712044</v>
      </c>
      <c r="E6286" cm="1">
        <f t="array" ref="E6286">IFERROR(INDEX(Jesper!AI$2:AI$366,ROUNDDOWN($C6286/24,0)+1,1)*INDEX($D$3:$AA$30,INDEX(Jesper!$R$2:$R$366,ROW(INDEX(Jesper!AI$2:AI$366,ROUNDDOWN($C6286/24,0)+1,1))-1)+IF('Standard Profiles'!$G$19=$B$10,7,0)+IF('Standard Profiles'!$G$19=$B$17,14,0)+IF('Standard Profiles'!$G$19=$B$24,21,0),MOD($C6286,24)+1)/SUM(INDEX($D$3:$AA$30,INDEX(Jesper!$R$2:$R$366,ROW(INDEX(Jesper!AI$2:AI$366,ROUNDDOWN($C6286/24,0)+1,1))-1)+IF('Standard Profiles'!$G$19=$B$10,7,0)+IF('Standard Profiles'!$G$19=$B$17,14,0)+IF('Standard Profiles'!$G$19=$B$24,21,0),0)),0)</f>
        <v>13.434643133288994</v>
      </c>
      <c r="F6286" cm="1">
        <f t="array" ref="F6286">IFERROR(INDEX(Jesper!AJ$2:AJ$366,ROUNDDOWN($C6286/24,0)+1,1)*INDEX($D$3:$AA$30,INDEX(Jesper!$R$2:$R$366,ROW(INDEX(Jesper!AJ$2:AJ$366,ROUNDDOWN($C6286/24,0)+1,1))-1)+IF('Standard Profiles'!$G$20=$B$10,7,0)+IF('Standard Profiles'!$G$20=$B$17,14,0)+IF('Standard Profiles'!$G$20=$B$24,21,0),MOD($C6286,24)+1)/SUM(INDEX($D$3:$AA$30,INDEX(Jesper!$R$2:$R$366,ROW(INDEX(Jesper!AJ$2:AJ$366,ROUNDDOWN($C6286/24,0)+1,1))-1)+IF('Standard Profiles'!$G$20=$B$10,7,0)+IF('Standard Profiles'!$G$20=$B$17,14,0)+IF('Standard Profiles'!$G$20=$B$24,21,0),0)),0)</f>
        <v>0</v>
      </c>
      <c r="G6286" cm="1">
        <f t="array" ref="G6286">IFERROR(INDEX(Jesper!AK$2:AK$366,ROUNDDOWN($C6286/24,0)+1,1)*INDEX($D$3:$AA$30,INDEX(Jesper!$R$2:$R$366,ROW(INDEX(Jesper!AK$2:AK$366,ROUNDDOWN($C6286/24,0)+1,1))-1)+IF('Standard Profiles'!$G$21=$B$10,7,0)+IF('Standard Profiles'!$G$21=$B$17,14,0)+IF('Standard Profiles'!$G$21=$B$24,21,0),MOD($C6286,24)+1)/SUM(INDEX($D$3:$AA$30,INDEX(Jesper!$R$2:$R$366,ROW(INDEX(Jesper!AK$2:AK$366,ROUNDDOWN($C6286/24,0)+1,1))-1)+IF('Standard Profiles'!$G$21=$B$10,7,0)+IF('Standard Profiles'!$G$21=$B$17,14,0)+IF('Standard Profiles'!$G$21=$B$24,21,0),0)),0)</f>
        <v>0.495837913948669</v>
      </c>
      <c r="H6286" cm="1">
        <f t="array" ref="H6286">IFERROR(INDEX(Jesper!AL$2:AL$366,ROUNDDOWN($C6286/24,0)+1,1)*INDEX($D$3:$AA$30,INDEX(Jesper!$R$2:$R$366,ROW(INDEX(Jesper!AL$2:AL$366,ROUNDDOWN($C6286/24,0)+1,1))-1)+IF('Standard Profiles'!$G$22=$B$10,7,0)+IF('Standard Profiles'!$G$22=$B$17,14,0)+IF('Standard Profiles'!$G$22=$B$24,21,0),MOD($C6286,24)+1)/SUM(INDEX($D$3:$AA$30,INDEX(Jesper!$R$2:$R$366,ROW(INDEX(Jesper!AL$2:AL$366,ROUNDDOWN($C6286/24,0)+1,1))-1)+IF('Standard Profiles'!$G$22=$B$10,7,0)+IF('Standard Profiles'!$G$22=$B$17,14,0)+IF('Standard Profiles'!$G$22=$B$24,21,0),0)),0)</f>
        <v>0</v>
      </c>
      <c r="I6286">
        <f t="shared" si="699"/>
        <v>0.23800219869536099</v>
      </c>
      <c r="J6286">
        <f t="shared" si="700"/>
        <v>41.01763179150042</v>
      </c>
      <c r="K6286">
        <f t="shared" si="701"/>
        <v>3.4698606911692851</v>
      </c>
      <c r="L6286">
        <f t="shared" si="702"/>
        <v>1.7349303455846425</v>
      </c>
      <c r="M6286">
        <f t="shared" si="703"/>
        <v>0</v>
      </c>
      <c r="N6286" s="45">
        <f t="shared" si="704"/>
        <v>45187.499999984837</v>
      </c>
    </row>
    <row r="6287" spans="2:14" x14ac:dyDescent="0.25">
      <c r="B6287">
        <f t="shared" si="698"/>
        <v>1</v>
      </c>
      <c r="C6287" s="16">
        <v>6253</v>
      </c>
      <c r="D6287" cm="1">
        <f t="array" ref="D6287">IFERROR(INDEX(Jesper!AH$2:AH$366,ROUNDDOWN($C6287/24,0)+1,1)*INDEX($D$3:$AA$30,INDEX(Jesper!$R$2:$R$366,ROW(INDEX(Jesper!AH$2:AH$366,ROUNDDOWN($C6287/24,0)+1,1))-1)+IF('Standard Profiles'!$G$18=$B$10,7,0)+IF('Standard Profiles'!$G$18=$B$17,14,0)+IF('Standard Profiles'!$G$18=$B$24,21,0),MOD($C6287,24)+1)/SUM(INDEX($D$3:$AA$30,INDEX(Jesper!$R$2:$R$366,ROW(INDEX(Jesper!AH$2:AH$366,ROUNDDOWN($C6287/24,0)+1,1))-1)+IF('Standard Profiles'!$G$18=$B$10,7,0)+IF('Standard Profiles'!$G$18=$B$17,14,0)+IF('Standard Profiles'!$G$18=$B$24,21,0),0)),0)</f>
        <v>21.686629319808034</v>
      </c>
      <c r="E6287" cm="1">
        <f t="array" ref="E6287">IFERROR(INDEX(Jesper!AI$2:AI$366,ROUNDDOWN($C6287/24,0)+1,1)*INDEX($D$3:$AA$30,INDEX(Jesper!$R$2:$R$366,ROW(INDEX(Jesper!AI$2:AI$366,ROUNDDOWN($C6287/24,0)+1,1))-1)+IF('Standard Profiles'!$G$19=$B$10,7,0)+IF('Standard Profiles'!$G$19=$B$17,14,0)+IF('Standard Profiles'!$G$19=$B$24,21,0),MOD($C6287,24)+1)/SUM(INDEX($D$3:$AA$30,INDEX(Jesper!$R$2:$R$366,ROW(INDEX(Jesper!AI$2:AI$366,ROUNDDOWN($C6287/24,0)+1,1))-1)+IF('Standard Profiles'!$G$19=$B$10,7,0)+IF('Standard Profiles'!$G$19=$B$17,14,0)+IF('Standard Profiles'!$G$19=$B$24,21,0),0)),0)</f>
        <v>8.956428755525998</v>
      </c>
      <c r="F6287" cm="1">
        <f t="array" ref="F6287">IFERROR(INDEX(Jesper!AJ$2:AJ$366,ROUNDDOWN($C6287/24,0)+1,1)*INDEX($D$3:$AA$30,INDEX(Jesper!$R$2:$R$366,ROW(INDEX(Jesper!AJ$2:AJ$366,ROUNDDOWN($C6287/24,0)+1,1))-1)+IF('Standard Profiles'!$G$20=$B$10,7,0)+IF('Standard Profiles'!$G$20=$B$17,14,0)+IF('Standard Profiles'!$G$20=$B$24,21,0),MOD($C6287,24)+1)/SUM(INDEX($D$3:$AA$30,INDEX(Jesper!$R$2:$R$366,ROW(INDEX(Jesper!AJ$2:AJ$366,ROUNDDOWN($C6287/24,0)+1,1))-1)+IF('Standard Profiles'!$G$20=$B$10,7,0)+IF('Standard Profiles'!$G$20=$B$17,14,0)+IF('Standard Profiles'!$G$20=$B$24,21,0),0)),0)</f>
        <v>0</v>
      </c>
      <c r="G6287" cm="1">
        <f t="array" ref="G6287">IFERROR(INDEX(Jesper!AK$2:AK$366,ROUNDDOWN($C6287/24,0)+1,1)*INDEX($D$3:$AA$30,INDEX(Jesper!$R$2:$R$366,ROW(INDEX(Jesper!AK$2:AK$366,ROUNDDOWN($C6287/24,0)+1,1))-1)+IF('Standard Profiles'!$G$21=$B$10,7,0)+IF('Standard Profiles'!$G$21=$B$17,14,0)+IF('Standard Profiles'!$G$21=$B$24,21,0),MOD($C6287,24)+1)/SUM(INDEX($D$3:$AA$30,INDEX(Jesper!$R$2:$R$366,ROW(INDEX(Jesper!AK$2:AK$366,ROUNDDOWN($C6287/24,0)+1,1))-1)+IF('Standard Profiles'!$G$21=$B$10,7,0)+IF('Standard Profiles'!$G$21=$B$17,14,0)+IF('Standard Profiles'!$G$21=$B$24,21,0),0)),0)</f>
        <v>0.33055860929911274</v>
      </c>
      <c r="H6287" cm="1">
        <f t="array" ref="H6287">IFERROR(INDEX(Jesper!AL$2:AL$366,ROUNDDOWN($C6287/24,0)+1,1)*INDEX($D$3:$AA$30,INDEX(Jesper!$R$2:$R$366,ROW(INDEX(Jesper!AL$2:AL$366,ROUNDDOWN($C6287/24,0)+1,1))-1)+IF('Standard Profiles'!$G$22=$B$10,7,0)+IF('Standard Profiles'!$G$22=$B$17,14,0)+IF('Standard Profiles'!$G$22=$B$24,21,0),MOD($C6287,24)+1)/SUM(INDEX($D$3:$AA$30,INDEX(Jesper!$R$2:$R$366,ROW(INDEX(Jesper!AL$2:AL$366,ROUNDDOWN($C6287/24,0)+1,1))-1)+IF('Standard Profiles'!$G$22=$B$10,7,0)+IF('Standard Profiles'!$G$22=$B$17,14,0)+IF('Standard Profiles'!$G$22=$B$24,21,0),0)),0)</f>
        <v>0</v>
      </c>
      <c r="I6287">
        <f t="shared" si="699"/>
        <v>0.15866813246357403</v>
      </c>
      <c r="J6287">
        <f t="shared" si="700"/>
        <v>27.345087861000284</v>
      </c>
      <c r="K6287">
        <f t="shared" si="701"/>
        <v>2.3132404607795238</v>
      </c>
      <c r="L6287">
        <f t="shared" si="702"/>
        <v>1.1566202303897619</v>
      </c>
      <c r="M6287">
        <f t="shared" si="703"/>
        <v>0</v>
      </c>
      <c r="N6287" s="45">
        <f t="shared" si="704"/>
        <v>45187.541666651501</v>
      </c>
    </row>
    <row r="6288" spans="2:14" x14ac:dyDescent="0.25">
      <c r="B6288">
        <f t="shared" si="698"/>
        <v>1</v>
      </c>
      <c r="C6288" s="16">
        <v>6254</v>
      </c>
      <c r="D6288" cm="1">
        <f t="array" ref="D6288">IFERROR(INDEX(Jesper!AH$2:AH$366,ROUNDDOWN($C6288/24,0)+1,1)*INDEX($D$3:$AA$30,INDEX(Jesper!$R$2:$R$366,ROW(INDEX(Jesper!AH$2:AH$366,ROUNDDOWN($C6288/24,0)+1,1))-1)+IF('Standard Profiles'!$G$18=$B$10,7,0)+IF('Standard Profiles'!$G$18=$B$17,14,0)+IF('Standard Profiles'!$G$18=$B$24,21,0),MOD($C6288,24)+1)/SUM(INDEX($D$3:$AA$30,INDEX(Jesper!$R$2:$R$366,ROW(INDEX(Jesper!AH$2:AH$366,ROUNDDOWN($C6288/24,0)+1,1))-1)+IF('Standard Profiles'!$G$18=$B$10,7,0)+IF('Standard Profiles'!$G$18=$B$17,14,0)+IF('Standard Profiles'!$G$18=$B$24,21,0),0)),0)</f>
        <v>32.529943979712044</v>
      </c>
      <c r="E6288" cm="1">
        <f t="array" ref="E6288">IFERROR(INDEX(Jesper!AI$2:AI$366,ROUNDDOWN($C6288/24,0)+1,1)*INDEX($D$3:$AA$30,INDEX(Jesper!$R$2:$R$366,ROW(INDEX(Jesper!AI$2:AI$366,ROUNDDOWN($C6288/24,0)+1,1))-1)+IF('Standard Profiles'!$G$19=$B$10,7,0)+IF('Standard Profiles'!$G$19=$B$17,14,0)+IF('Standard Profiles'!$G$19=$B$24,21,0),MOD($C6288,24)+1)/SUM(INDEX($D$3:$AA$30,INDEX(Jesper!$R$2:$R$366,ROW(INDEX(Jesper!AI$2:AI$366,ROUNDDOWN($C6288/24,0)+1,1))-1)+IF('Standard Profiles'!$G$19=$B$10,7,0)+IF('Standard Profiles'!$G$19=$B$17,14,0)+IF('Standard Profiles'!$G$19=$B$24,21,0),0)),0)</f>
        <v>13.434643133288994</v>
      </c>
      <c r="F6288" cm="1">
        <f t="array" ref="F6288">IFERROR(INDEX(Jesper!AJ$2:AJ$366,ROUNDDOWN($C6288/24,0)+1,1)*INDEX($D$3:$AA$30,INDEX(Jesper!$R$2:$R$366,ROW(INDEX(Jesper!AJ$2:AJ$366,ROUNDDOWN($C6288/24,0)+1,1))-1)+IF('Standard Profiles'!$G$20=$B$10,7,0)+IF('Standard Profiles'!$G$20=$B$17,14,0)+IF('Standard Profiles'!$G$20=$B$24,21,0),MOD($C6288,24)+1)/SUM(INDEX($D$3:$AA$30,INDEX(Jesper!$R$2:$R$366,ROW(INDEX(Jesper!AJ$2:AJ$366,ROUNDDOWN($C6288/24,0)+1,1))-1)+IF('Standard Profiles'!$G$20=$B$10,7,0)+IF('Standard Profiles'!$G$20=$B$17,14,0)+IF('Standard Profiles'!$G$20=$B$24,21,0),0)),0)</f>
        <v>0</v>
      </c>
      <c r="G6288" cm="1">
        <f t="array" ref="G6288">IFERROR(INDEX(Jesper!AK$2:AK$366,ROUNDDOWN($C6288/24,0)+1,1)*INDEX($D$3:$AA$30,INDEX(Jesper!$R$2:$R$366,ROW(INDEX(Jesper!AK$2:AK$366,ROUNDDOWN($C6288/24,0)+1,1))-1)+IF('Standard Profiles'!$G$21=$B$10,7,0)+IF('Standard Profiles'!$G$21=$B$17,14,0)+IF('Standard Profiles'!$G$21=$B$24,21,0),MOD($C6288,24)+1)/SUM(INDEX($D$3:$AA$30,INDEX(Jesper!$R$2:$R$366,ROW(INDEX(Jesper!AK$2:AK$366,ROUNDDOWN($C6288/24,0)+1,1))-1)+IF('Standard Profiles'!$G$21=$B$10,7,0)+IF('Standard Profiles'!$G$21=$B$17,14,0)+IF('Standard Profiles'!$G$21=$B$24,21,0),0)),0)</f>
        <v>0.495837913948669</v>
      </c>
      <c r="H6288" cm="1">
        <f t="array" ref="H6288">IFERROR(INDEX(Jesper!AL$2:AL$366,ROUNDDOWN($C6288/24,0)+1,1)*INDEX($D$3:$AA$30,INDEX(Jesper!$R$2:$R$366,ROW(INDEX(Jesper!AL$2:AL$366,ROUNDDOWN($C6288/24,0)+1,1))-1)+IF('Standard Profiles'!$G$22=$B$10,7,0)+IF('Standard Profiles'!$G$22=$B$17,14,0)+IF('Standard Profiles'!$G$22=$B$24,21,0),MOD($C6288,24)+1)/SUM(INDEX($D$3:$AA$30,INDEX(Jesper!$R$2:$R$366,ROW(INDEX(Jesper!AL$2:AL$366,ROUNDDOWN($C6288/24,0)+1,1))-1)+IF('Standard Profiles'!$G$22=$B$10,7,0)+IF('Standard Profiles'!$G$22=$B$17,14,0)+IF('Standard Profiles'!$G$22=$B$24,21,0),0)),0)</f>
        <v>0</v>
      </c>
      <c r="I6288">
        <f t="shared" si="699"/>
        <v>0.23800219869536099</v>
      </c>
      <c r="J6288">
        <f t="shared" si="700"/>
        <v>41.01763179150042</v>
      </c>
      <c r="K6288">
        <f t="shared" si="701"/>
        <v>3.4698606911692851</v>
      </c>
      <c r="L6288">
        <f t="shared" si="702"/>
        <v>1.7349303455846425</v>
      </c>
      <c r="M6288">
        <f t="shared" si="703"/>
        <v>0</v>
      </c>
      <c r="N6288" s="45">
        <f t="shared" si="704"/>
        <v>45187.583333318165</v>
      </c>
    </row>
    <row r="6289" spans="2:14" x14ac:dyDescent="0.25">
      <c r="B6289">
        <f t="shared" si="698"/>
        <v>1</v>
      </c>
      <c r="C6289" s="16">
        <v>6255</v>
      </c>
      <c r="D6289" cm="1">
        <f t="array" ref="D6289">IFERROR(INDEX(Jesper!AH$2:AH$366,ROUNDDOWN($C6289/24,0)+1,1)*INDEX($D$3:$AA$30,INDEX(Jesper!$R$2:$R$366,ROW(INDEX(Jesper!AH$2:AH$366,ROUNDDOWN($C6289/24,0)+1,1))-1)+IF('Standard Profiles'!$G$18=$B$10,7,0)+IF('Standard Profiles'!$G$18=$B$17,14,0)+IF('Standard Profiles'!$G$18=$B$24,21,0),MOD($C6289,24)+1)/SUM(INDEX($D$3:$AA$30,INDEX(Jesper!$R$2:$R$366,ROW(INDEX(Jesper!AH$2:AH$366,ROUNDDOWN($C6289/24,0)+1,1))-1)+IF('Standard Profiles'!$G$18=$B$10,7,0)+IF('Standard Profiles'!$G$18=$B$17,14,0)+IF('Standard Profiles'!$G$18=$B$24,21,0),0)),0)</f>
        <v>32.529943979712044</v>
      </c>
      <c r="E6289" cm="1">
        <f t="array" ref="E6289">IFERROR(INDEX(Jesper!AI$2:AI$366,ROUNDDOWN($C6289/24,0)+1,1)*INDEX($D$3:$AA$30,INDEX(Jesper!$R$2:$R$366,ROW(INDEX(Jesper!AI$2:AI$366,ROUNDDOWN($C6289/24,0)+1,1))-1)+IF('Standard Profiles'!$G$19=$B$10,7,0)+IF('Standard Profiles'!$G$19=$B$17,14,0)+IF('Standard Profiles'!$G$19=$B$24,21,0),MOD($C6289,24)+1)/SUM(INDEX($D$3:$AA$30,INDEX(Jesper!$R$2:$R$366,ROW(INDEX(Jesper!AI$2:AI$366,ROUNDDOWN($C6289/24,0)+1,1))-1)+IF('Standard Profiles'!$G$19=$B$10,7,0)+IF('Standard Profiles'!$G$19=$B$17,14,0)+IF('Standard Profiles'!$G$19=$B$24,21,0),0)),0)</f>
        <v>13.434643133288994</v>
      </c>
      <c r="F6289" cm="1">
        <f t="array" ref="F6289">IFERROR(INDEX(Jesper!AJ$2:AJ$366,ROUNDDOWN($C6289/24,0)+1,1)*INDEX($D$3:$AA$30,INDEX(Jesper!$R$2:$R$366,ROW(INDEX(Jesper!AJ$2:AJ$366,ROUNDDOWN($C6289/24,0)+1,1))-1)+IF('Standard Profiles'!$G$20=$B$10,7,0)+IF('Standard Profiles'!$G$20=$B$17,14,0)+IF('Standard Profiles'!$G$20=$B$24,21,0),MOD($C6289,24)+1)/SUM(INDEX($D$3:$AA$30,INDEX(Jesper!$R$2:$R$366,ROW(INDEX(Jesper!AJ$2:AJ$366,ROUNDDOWN($C6289/24,0)+1,1))-1)+IF('Standard Profiles'!$G$20=$B$10,7,0)+IF('Standard Profiles'!$G$20=$B$17,14,0)+IF('Standard Profiles'!$G$20=$B$24,21,0),0)),0)</f>
        <v>0</v>
      </c>
      <c r="G6289" cm="1">
        <f t="array" ref="G6289">IFERROR(INDEX(Jesper!AK$2:AK$366,ROUNDDOWN($C6289/24,0)+1,1)*INDEX($D$3:$AA$30,INDEX(Jesper!$R$2:$R$366,ROW(INDEX(Jesper!AK$2:AK$366,ROUNDDOWN($C6289/24,0)+1,1))-1)+IF('Standard Profiles'!$G$21=$B$10,7,0)+IF('Standard Profiles'!$G$21=$B$17,14,0)+IF('Standard Profiles'!$G$21=$B$24,21,0),MOD($C6289,24)+1)/SUM(INDEX($D$3:$AA$30,INDEX(Jesper!$R$2:$R$366,ROW(INDEX(Jesper!AK$2:AK$366,ROUNDDOWN($C6289/24,0)+1,1))-1)+IF('Standard Profiles'!$G$21=$B$10,7,0)+IF('Standard Profiles'!$G$21=$B$17,14,0)+IF('Standard Profiles'!$G$21=$B$24,21,0),0)),0)</f>
        <v>0.495837913948669</v>
      </c>
      <c r="H6289" cm="1">
        <f t="array" ref="H6289">IFERROR(INDEX(Jesper!AL$2:AL$366,ROUNDDOWN($C6289/24,0)+1,1)*INDEX($D$3:$AA$30,INDEX(Jesper!$R$2:$R$366,ROW(INDEX(Jesper!AL$2:AL$366,ROUNDDOWN($C6289/24,0)+1,1))-1)+IF('Standard Profiles'!$G$22=$B$10,7,0)+IF('Standard Profiles'!$G$22=$B$17,14,0)+IF('Standard Profiles'!$G$22=$B$24,21,0),MOD($C6289,24)+1)/SUM(INDEX($D$3:$AA$30,INDEX(Jesper!$R$2:$R$366,ROW(INDEX(Jesper!AL$2:AL$366,ROUNDDOWN($C6289/24,0)+1,1))-1)+IF('Standard Profiles'!$G$22=$B$10,7,0)+IF('Standard Profiles'!$G$22=$B$17,14,0)+IF('Standard Profiles'!$G$22=$B$24,21,0),0)),0)</f>
        <v>0</v>
      </c>
      <c r="I6289">
        <f t="shared" si="699"/>
        <v>0.23800219869536099</v>
      </c>
      <c r="J6289">
        <f t="shared" si="700"/>
        <v>41.01763179150042</v>
      </c>
      <c r="K6289">
        <f t="shared" si="701"/>
        <v>3.4698606911692851</v>
      </c>
      <c r="L6289">
        <f t="shared" si="702"/>
        <v>1.7349303455846425</v>
      </c>
      <c r="M6289">
        <f t="shared" si="703"/>
        <v>0</v>
      </c>
      <c r="N6289" s="45">
        <f t="shared" si="704"/>
        <v>45187.62499998483</v>
      </c>
    </row>
    <row r="6290" spans="2:14" x14ac:dyDescent="0.25">
      <c r="B6290">
        <f t="shared" si="698"/>
        <v>1</v>
      </c>
      <c r="C6290" s="16">
        <v>6256</v>
      </c>
      <c r="D6290" cm="1">
        <f t="array" ref="D6290">IFERROR(INDEX(Jesper!AH$2:AH$366,ROUNDDOWN($C6290/24,0)+1,1)*INDEX($D$3:$AA$30,INDEX(Jesper!$R$2:$R$366,ROW(INDEX(Jesper!AH$2:AH$366,ROUNDDOWN($C6290/24,0)+1,1))-1)+IF('Standard Profiles'!$G$18=$B$10,7,0)+IF('Standard Profiles'!$G$18=$B$17,14,0)+IF('Standard Profiles'!$G$18=$B$24,21,0),MOD($C6290,24)+1)/SUM(INDEX($D$3:$AA$30,INDEX(Jesper!$R$2:$R$366,ROW(INDEX(Jesper!AH$2:AH$366,ROUNDDOWN($C6290/24,0)+1,1))-1)+IF('Standard Profiles'!$G$18=$B$10,7,0)+IF('Standard Profiles'!$G$18=$B$17,14,0)+IF('Standard Profiles'!$G$18=$B$24,21,0),0)),0)</f>
        <v>18.975800654832028</v>
      </c>
      <c r="E6290" cm="1">
        <f t="array" ref="E6290">IFERROR(INDEX(Jesper!AI$2:AI$366,ROUNDDOWN($C6290/24,0)+1,1)*INDEX($D$3:$AA$30,INDEX(Jesper!$R$2:$R$366,ROW(INDEX(Jesper!AI$2:AI$366,ROUNDDOWN($C6290/24,0)+1,1))-1)+IF('Standard Profiles'!$G$19=$B$10,7,0)+IF('Standard Profiles'!$G$19=$B$17,14,0)+IF('Standard Profiles'!$G$19=$B$24,21,0),MOD($C6290,24)+1)/SUM(INDEX($D$3:$AA$30,INDEX(Jesper!$R$2:$R$366,ROW(INDEX(Jesper!AI$2:AI$366,ROUNDDOWN($C6290/24,0)+1,1))-1)+IF('Standard Profiles'!$G$19=$B$10,7,0)+IF('Standard Profiles'!$G$19=$B$17,14,0)+IF('Standard Profiles'!$G$19=$B$24,21,0),0)),0)</f>
        <v>7.8368751610852465</v>
      </c>
      <c r="F6290" cm="1">
        <f t="array" ref="F6290">IFERROR(INDEX(Jesper!AJ$2:AJ$366,ROUNDDOWN($C6290/24,0)+1,1)*INDEX($D$3:$AA$30,INDEX(Jesper!$R$2:$R$366,ROW(INDEX(Jesper!AJ$2:AJ$366,ROUNDDOWN($C6290/24,0)+1,1))-1)+IF('Standard Profiles'!$G$20=$B$10,7,0)+IF('Standard Profiles'!$G$20=$B$17,14,0)+IF('Standard Profiles'!$G$20=$B$24,21,0),MOD($C6290,24)+1)/SUM(INDEX($D$3:$AA$30,INDEX(Jesper!$R$2:$R$366,ROW(INDEX(Jesper!AJ$2:AJ$366,ROUNDDOWN($C6290/24,0)+1,1))-1)+IF('Standard Profiles'!$G$20=$B$10,7,0)+IF('Standard Profiles'!$G$20=$B$17,14,0)+IF('Standard Profiles'!$G$20=$B$24,21,0),0)),0)</f>
        <v>0</v>
      </c>
      <c r="G6290" cm="1">
        <f t="array" ref="G6290">IFERROR(INDEX(Jesper!AK$2:AK$366,ROUNDDOWN($C6290/24,0)+1,1)*INDEX($D$3:$AA$30,INDEX(Jesper!$R$2:$R$366,ROW(INDEX(Jesper!AK$2:AK$366,ROUNDDOWN($C6290/24,0)+1,1))-1)+IF('Standard Profiles'!$G$21=$B$10,7,0)+IF('Standard Profiles'!$G$21=$B$17,14,0)+IF('Standard Profiles'!$G$21=$B$24,21,0),MOD($C6290,24)+1)/SUM(INDEX($D$3:$AA$30,INDEX(Jesper!$R$2:$R$366,ROW(INDEX(Jesper!AK$2:AK$366,ROUNDDOWN($C6290/24,0)+1,1))-1)+IF('Standard Profiles'!$G$21=$B$10,7,0)+IF('Standard Profiles'!$G$21=$B$17,14,0)+IF('Standard Profiles'!$G$21=$B$24,21,0),0)),0)</f>
        <v>0.41319826162389089</v>
      </c>
      <c r="H6290" cm="1">
        <f t="array" ref="H6290">IFERROR(INDEX(Jesper!AL$2:AL$366,ROUNDDOWN($C6290/24,0)+1,1)*INDEX($D$3:$AA$30,INDEX(Jesper!$R$2:$R$366,ROW(INDEX(Jesper!AL$2:AL$366,ROUNDDOWN($C6290/24,0)+1,1))-1)+IF('Standard Profiles'!$G$22=$B$10,7,0)+IF('Standard Profiles'!$G$22=$B$17,14,0)+IF('Standard Profiles'!$G$22=$B$24,21,0),MOD($C6290,24)+1)/SUM(INDEX($D$3:$AA$30,INDEX(Jesper!$R$2:$R$366,ROW(INDEX(Jesper!AL$2:AL$366,ROUNDDOWN($C6290/24,0)+1,1))-1)+IF('Standard Profiles'!$G$22=$B$10,7,0)+IF('Standard Profiles'!$G$22=$B$17,14,0)+IF('Standard Profiles'!$G$22=$B$24,21,0),0)),0)</f>
        <v>0</v>
      </c>
      <c r="I6290">
        <f t="shared" si="699"/>
        <v>0.19833516557946754</v>
      </c>
      <c r="J6290">
        <f t="shared" si="700"/>
        <v>23.991410807188576</v>
      </c>
      <c r="K6290">
        <f t="shared" si="701"/>
        <v>2.0240854031820832</v>
      </c>
      <c r="L6290">
        <f t="shared" si="702"/>
        <v>1.0120427015910416</v>
      </c>
      <c r="M6290">
        <f t="shared" si="703"/>
        <v>0</v>
      </c>
      <c r="N6290" s="45">
        <f t="shared" si="704"/>
        <v>45187.666666651494</v>
      </c>
    </row>
    <row r="6291" spans="2:14" x14ac:dyDescent="0.25">
      <c r="B6291">
        <f t="shared" si="698"/>
        <v>1</v>
      </c>
      <c r="C6291" s="16">
        <v>6257</v>
      </c>
      <c r="D6291" cm="1">
        <f t="array" ref="D6291">IFERROR(INDEX(Jesper!AH$2:AH$366,ROUNDDOWN($C6291/24,0)+1,1)*INDEX($D$3:$AA$30,INDEX(Jesper!$R$2:$R$366,ROW(INDEX(Jesper!AH$2:AH$366,ROUNDDOWN($C6291/24,0)+1,1))-1)+IF('Standard Profiles'!$G$18=$B$10,7,0)+IF('Standard Profiles'!$G$18=$B$17,14,0)+IF('Standard Profiles'!$G$18=$B$24,21,0),MOD($C6291,24)+1)/SUM(INDEX($D$3:$AA$30,INDEX(Jesper!$R$2:$R$366,ROW(INDEX(Jesper!AH$2:AH$366,ROUNDDOWN($C6291/24,0)+1,1))-1)+IF('Standard Profiles'!$G$18=$B$10,7,0)+IF('Standard Profiles'!$G$18=$B$17,14,0)+IF('Standard Profiles'!$G$18=$B$24,21,0),0)),0)</f>
        <v>5.4216573299520086</v>
      </c>
      <c r="E6291" cm="1">
        <f t="array" ref="E6291">IFERROR(INDEX(Jesper!AI$2:AI$366,ROUNDDOWN($C6291/24,0)+1,1)*INDEX($D$3:$AA$30,INDEX(Jesper!$R$2:$R$366,ROW(INDEX(Jesper!AI$2:AI$366,ROUNDDOWN($C6291/24,0)+1,1))-1)+IF('Standard Profiles'!$G$19=$B$10,7,0)+IF('Standard Profiles'!$G$19=$B$17,14,0)+IF('Standard Profiles'!$G$19=$B$24,21,0),MOD($C6291,24)+1)/SUM(INDEX($D$3:$AA$30,INDEX(Jesper!$R$2:$R$366,ROW(INDEX(Jesper!AI$2:AI$366,ROUNDDOWN($C6291/24,0)+1,1))-1)+IF('Standard Profiles'!$G$19=$B$10,7,0)+IF('Standard Profiles'!$G$19=$B$17,14,0)+IF('Standard Profiles'!$G$19=$B$24,21,0),0)),0)</f>
        <v>2.2391071888814995</v>
      </c>
      <c r="F6291" cm="1">
        <f t="array" ref="F6291">IFERROR(INDEX(Jesper!AJ$2:AJ$366,ROUNDDOWN($C6291/24,0)+1,1)*INDEX($D$3:$AA$30,INDEX(Jesper!$R$2:$R$366,ROW(INDEX(Jesper!AJ$2:AJ$366,ROUNDDOWN($C6291/24,0)+1,1))-1)+IF('Standard Profiles'!$G$20=$B$10,7,0)+IF('Standard Profiles'!$G$20=$B$17,14,0)+IF('Standard Profiles'!$G$20=$B$24,21,0),MOD($C6291,24)+1)/SUM(INDEX($D$3:$AA$30,INDEX(Jesper!$R$2:$R$366,ROW(INDEX(Jesper!AJ$2:AJ$366,ROUNDDOWN($C6291/24,0)+1,1))-1)+IF('Standard Profiles'!$G$20=$B$10,7,0)+IF('Standard Profiles'!$G$20=$B$17,14,0)+IF('Standard Profiles'!$G$20=$B$24,21,0),0)),0)</f>
        <v>0</v>
      </c>
      <c r="G6291" cm="1">
        <f t="array" ref="G6291">IFERROR(INDEX(Jesper!AK$2:AK$366,ROUNDDOWN($C6291/24,0)+1,1)*INDEX($D$3:$AA$30,INDEX(Jesper!$R$2:$R$366,ROW(INDEX(Jesper!AK$2:AK$366,ROUNDDOWN($C6291/24,0)+1,1))-1)+IF('Standard Profiles'!$G$21=$B$10,7,0)+IF('Standard Profiles'!$G$21=$B$17,14,0)+IF('Standard Profiles'!$G$21=$B$24,21,0),MOD($C6291,24)+1)/SUM(INDEX($D$3:$AA$30,INDEX(Jesper!$R$2:$R$366,ROW(INDEX(Jesper!AK$2:AK$366,ROUNDDOWN($C6291/24,0)+1,1))-1)+IF('Standard Profiles'!$G$21=$B$10,7,0)+IF('Standard Profiles'!$G$21=$B$17,14,0)+IF('Standard Profiles'!$G$21=$B$24,21,0),0)),0)</f>
        <v>0.3324583714215214</v>
      </c>
      <c r="H6291" cm="1">
        <f t="array" ref="H6291">IFERROR(INDEX(Jesper!AL$2:AL$366,ROUNDDOWN($C6291/24,0)+1,1)*INDEX($D$3:$AA$30,INDEX(Jesper!$R$2:$R$366,ROW(INDEX(Jesper!AL$2:AL$366,ROUNDDOWN($C6291/24,0)+1,1))-1)+IF('Standard Profiles'!$G$22=$B$10,7,0)+IF('Standard Profiles'!$G$22=$B$17,14,0)+IF('Standard Profiles'!$G$22=$B$24,21,0),MOD($C6291,24)+1)/SUM(INDEX($D$3:$AA$30,INDEX(Jesper!$R$2:$R$366,ROW(INDEX(Jesper!AL$2:AL$366,ROUNDDOWN($C6291/24,0)+1,1))-1)+IF('Standard Profiles'!$G$22=$B$10,7,0)+IF('Standard Profiles'!$G$22=$B$17,14,0)+IF('Standard Profiles'!$G$22=$B$24,21,0),0)),0)</f>
        <v>0</v>
      </c>
      <c r="I6291">
        <f t="shared" si="699"/>
        <v>0.1595800182823302</v>
      </c>
      <c r="J6291">
        <f t="shared" si="700"/>
        <v>6.9661776991803777</v>
      </c>
      <c r="K6291">
        <f t="shared" si="701"/>
        <v>0.57831011519488096</v>
      </c>
      <c r="L6291">
        <f t="shared" si="702"/>
        <v>0.28915505759744048</v>
      </c>
      <c r="M6291">
        <f t="shared" si="703"/>
        <v>0</v>
      </c>
      <c r="N6291" s="45">
        <f t="shared" si="704"/>
        <v>45187.708333318158</v>
      </c>
    </row>
    <row r="6292" spans="2:14" x14ac:dyDescent="0.25">
      <c r="B6292">
        <f t="shared" si="698"/>
        <v>1</v>
      </c>
      <c r="C6292" s="16">
        <v>6258</v>
      </c>
      <c r="D6292" cm="1">
        <f t="array" ref="D6292">IFERROR(INDEX(Jesper!AH$2:AH$366,ROUNDDOWN($C6292/24,0)+1,1)*INDEX($D$3:$AA$30,INDEX(Jesper!$R$2:$R$366,ROW(INDEX(Jesper!AH$2:AH$366,ROUNDDOWN($C6292/24,0)+1,1))-1)+IF('Standard Profiles'!$G$18=$B$10,7,0)+IF('Standard Profiles'!$G$18=$B$17,14,0)+IF('Standard Profiles'!$G$18=$B$24,21,0),MOD($C6292,24)+1)/SUM(INDEX($D$3:$AA$30,INDEX(Jesper!$R$2:$R$366,ROW(INDEX(Jesper!AH$2:AH$366,ROUNDDOWN($C6292/24,0)+1,1))-1)+IF('Standard Profiles'!$G$18=$B$10,7,0)+IF('Standard Profiles'!$G$18=$B$17,14,0)+IF('Standard Profiles'!$G$18=$B$24,21,0),0)),0)</f>
        <v>5.3452959591076139</v>
      </c>
      <c r="E6292" cm="1">
        <f t="array" ref="E6292">IFERROR(INDEX(Jesper!AI$2:AI$366,ROUNDDOWN($C6292/24,0)+1,1)*INDEX($D$3:$AA$30,INDEX(Jesper!$R$2:$R$366,ROW(INDEX(Jesper!AI$2:AI$366,ROUNDDOWN($C6292/24,0)+1,1))-1)+IF('Standard Profiles'!$G$19=$B$10,7,0)+IF('Standard Profiles'!$G$19=$B$17,14,0)+IF('Standard Profiles'!$G$19=$B$24,21,0),MOD($C6292,24)+1)/SUM(INDEX($D$3:$AA$30,INDEX(Jesper!$R$2:$R$366,ROW(INDEX(Jesper!AI$2:AI$366,ROUNDDOWN($C6292/24,0)+1,1))-1)+IF('Standard Profiles'!$G$19=$B$10,7,0)+IF('Standard Profiles'!$G$19=$B$17,14,0)+IF('Standard Profiles'!$G$19=$B$24,21,0),0)),0)</f>
        <v>2.2075704679113373</v>
      </c>
      <c r="F6292" cm="1">
        <f t="array" ref="F6292">IFERROR(INDEX(Jesper!AJ$2:AJ$366,ROUNDDOWN($C6292/24,0)+1,1)*INDEX($D$3:$AA$30,INDEX(Jesper!$R$2:$R$366,ROW(INDEX(Jesper!AJ$2:AJ$366,ROUNDDOWN($C6292/24,0)+1,1))-1)+IF('Standard Profiles'!$G$20=$B$10,7,0)+IF('Standard Profiles'!$G$20=$B$17,14,0)+IF('Standard Profiles'!$G$20=$B$24,21,0),MOD($C6292,24)+1)/SUM(INDEX($D$3:$AA$30,INDEX(Jesper!$R$2:$R$366,ROW(INDEX(Jesper!AJ$2:AJ$366,ROUNDDOWN($C6292/24,0)+1,1))-1)+IF('Standard Profiles'!$G$20=$B$10,7,0)+IF('Standard Profiles'!$G$20=$B$17,14,0)+IF('Standard Profiles'!$G$20=$B$24,21,0),0)),0)</f>
        <v>0</v>
      </c>
      <c r="G6292" cm="1">
        <f t="array" ref="G6292">IFERROR(INDEX(Jesper!AK$2:AK$366,ROUNDDOWN($C6292/24,0)+1,1)*INDEX($D$3:$AA$30,INDEX(Jesper!$R$2:$R$366,ROW(INDEX(Jesper!AK$2:AK$366,ROUNDDOWN($C6292/24,0)+1,1))-1)+IF('Standard Profiles'!$G$21=$B$10,7,0)+IF('Standard Profiles'!$G$21=$B$17,14,0)+IF('Standard Profiles'!$G$21=$B$24,21,0),MOD($C6292,24)+1)/SUM(INDEX($D$3:$AA$30,INDEX(Jesper!$R$2:$R$366,ROW(INDEX(Jesper!AK$2:AK$366,ROUNDDOWN($C6292/24,0)+1,1))-1)+IF('Standard Profiles'!$G$21=$B$10,7,0)+IF('Standard Profiles'!$G$21=$B$17,14,0)+IF('Standard Profiles'!$G$21=$B$24,21,0),0)),0)</f>
        <v>0.11873513265054336</v>
      </c>
      <c r="H6292" cm="1">
        <f t="array" ref="H6292">IFERROR(INDEX(Jesper!AL$2:AL$366,ROUNDDOWN($C6292/24,0)+1,1)*INDEX($D$3:$AA$30,INDEX(Jesper!$R$2:$R$366,ROW(INDEX(Jesper!AL$2:AL$366,ROUNDDOWN($C6292/24,0)+1,1))-1)+IF('Standard Profiles'!$G$22=$B$10,7,0)+IF('Standard Profiles'!$G$22=$B$17,14,0)+IF('Standard Profiles'!$G$22=$B$24,21,0),MOD($C6292,24)+1)/SUM(INDEX($D$3:$AA$30,INDEX(Jesper!$R$2:$R$366,ROW(INDEX(Jesper!AL$2:AL$366,ROUNDDOWN($C6292/24,0)+1,1))-1)+IF('Standard Profiles'!$G$22=$B$10,7,0)+IF('Standard Profiles'!$G$22=$B$17,14,0)+IF('Standard Profiles'!$G$22=$B$24,21,0),0)),0)</f>
        <v>0</v>
      </c>
      <c r="I6292">
        <f t="shared" si="699"/>
        <v>5.6992863672260786E-2</v>
      </c>
      <c r="J6292">
        <f t="shared" si="700"/>
        <v>6.7593613425400152</v>
      </c>
      <c r="K6292">
        <f t="shared" si="701"/>
        <v>0.5701649023048122</v>
      </c>
      <c r="L6292">
        <f t="shared" si="702"/>
        <v>0.2850824511524061</v>
      </c>
      <c r="M6292">
        <f t="shared" si="703"/>
        <v>0</v>
      </c>
      <c r="N6292" s="45">
        <f t="shared" si="704"/>
        <v>45187.749999984822</v>
      </c>
    </row>
    <row r="6293" spans="2:14" x14ac:dyDescent="0.25">
      <c r="B6293">
        <f t="shared" si="698"/>
        <v>1</v>
      </c>
      <c r="C6293" s="16">
        <v>6259</v>
      </c>
      <c r="D6293" cm="1">
        <f t="array" ref="D6293">IFERROR(INDEX(Jesper!AH$2:AH$366,ROUNDDOWN($C6293/24,0)+1,1)*INDEX($D$3:$AA$30,INDEX(Jesper!$R$2:$R$366,ROW(INDEX(Jesper!AH$2:AH$366,ROUNDDOWN($C6293/24,0)+1,1))-1)+IF('Standard Profiles'!$G$18=$B$10,7,0)+IF('Standard Profiles'!$G$18=$B$17,14,0)+IF('Standard Profiles'!$G$18=$B$24,21,0),MOD($C6293,24)+1)/SUM(INDEX($D$3:$AA$30,INDEX(Jesper!$R$2:$R$366,ROW(INDEX(Jesper!AH$2:AH$366,ROUNDDOWN($C6293/24,0)+1,1))-1)+IF('Standard Profiles'!$G$18=$B$10,7,0)+IF('Standard Profiles'!$G$18=$B$17,14,0)+IF('Standard Profiles'!$G$18=$B$24,21,0),0)),0)</f>
        <v>5.3452959591076139</v>
      </c>
      <c r="E6293" cm="1">
        <f t="array" ref="E6293">IFERROR(INDEX(Jesper!AI$2:AI$366,ROUNDDOWN($C6293/24,0)+1,1)*INDEX($D$3:$AA$30,INDEX(Jesper!$R$2:$R$366,ROW(INDEX(Jesper!AI$2:AI$366,ROUNDDOWN($C6293/24,0)+1,1))-1)+IF('Standard Profiles'!$G$19=$B$10,7,0)+IF('Standard Profiles'!$G$19=$B$17,14,0)+IF('Standard Profiles'!$G$19=$B$24,21,0),MOD($C6293,24)+1)/SUM(INDEX($D$3:$AA$30,INDEX(Jesper!$R$2:$R$366,ROW(INDEX(Jesper!AI$2:AI$366,ROUNDDOWN($C6293/24,0)+1,1))-1)+IF('Standard Profiles'!$G$19=$B$10,7,0)+IF('Standard Profiles'!$G$19=$B$17,14,0)+IF('Standard Profiles'!$G$19=$B$24,21,0),0)),0)</f>
        <v>2.2075704679113373</v>
      </c>
      <c r="F6293" cm="1">
        <f t="array" ref="F6293">IFERROR(INDEX(Jesper!AJ$2:AJ$366,ROUNDDOWN($C6293/24,0)+1,1)*INDEX($D$3:$AA$30,INDEX(Jesper!$R$2:$R$366,ROW(INDEX(Jesper!AJ$2:AJ$366,ROUNDDOWN($C6293/24,0)+1,1))-1)+IF('Standard Profiles'!$G$20=$B$10,7,0)+IF('Standard Profiles'!$G$20=$B$17,14,0)+IF('Standard Profiles'!$G$20=$B$24,21,0),MOD($C6293,24)+1)/SUM(INDEX($D$3:$AA$30,INDEX(Jesper!$R$2:$R$366,ROW(INDEX(Jesper!AJ$2:AJ$366,ROUNDDOWN($C6293/24,0)+1,1))-1)+IF('Standard Profiles'!$G$20=$B$10,7,0)+IF('Standard Profiles'!$G$20=$B$17,14,0)+IF('Standard Profiles'!$G$20=$B$24,21,0),0)),0)</f>
        <v>0</v>
      </c>
      <c r="G6293" cm="1">
        <f t="array" ref="G6293">IFERROR(INDEX(Jesper!AK$2:AK$366,ROUNDDOWN($C6293/24,0)+1,1)*INDEX($D$3:$AA$30,INDEX(Jesper!$R$2:$R$366,ROW(INDEX(Jesper!AK$2:AK$366,ROUNDDOWN($C6293/24,0)+1,1))-1)+IF('Standard Profiles'!$G$21=$B$10,7,0)+IF('Standard Profiles'!$G$21=$B$17,14,0)+IF('Standard Profiles'!$G$21=$B$24,21,0),MOD($C6293,24)+1)/SUM(INDEX($D$3:$AA$30,INDEX(Jesper!$R$2:$R$366,ROW(INDEX(Jesper!AK$2:AK$366,ROUNDDOWN($C6293/24,0)+1,1))-1)+IF('Standard Profiles'!$G$21=$B$10,7,0)+IF('Standard Profiles'!$G$21=$B$17,14,0)+IF('Standard Profiles'!$G$21=$B$24,21,0),0)),0)</f>
        <v>0.11873513265054336</v>
      </c>
      <c r="H6293" cm="1">
        <f t="array" ref="H6293">IFERROR(INDEX(Jesper!AL$2:AL$366,ROUNDDOWN($C6293/24,0)+1,1)*INDEX($D$3:$AA$30,INDEX(Jesper!$R$2:$R$366,ROW(INDEX(Jesper!AL$2:AL$366,ROUNDDOWN($C6293/24,0)+1,1))-1)+IF('Standard Profiles'!$G$22=$B$10,7,0)+IF('Standard Profiles'!$G$22=$B$17,14,0)+IF('Standard Profiles'!$G$22=$B$24,21,0),MOD($C6293,24)+1)/SUM(INDEX($D$3:$AA$30,INDEX(Jesper!$R$2:$R$366,ROW(INDEX(Jesper!AL$2:AL$366,ROUNDDOWN($C6293/24,0)+1,1))-1)+IF('Standard Profiles'!$G$22=$B$10,7,0)+IF('Standard Profiles'!$G$22=$B$17,14,0)+IF('Standard Profiles'!$G$22=$B$24,21,0),0)),0)</f>
        <v>0</v>
      </c>
      <c r="I6293">
        <f t="shared" si="699"/>
        <v>5.6992863672260786E-2</v>
      </c>
      <c r="J6293">
        <f t="shared" si="700"/>
        <v>6.7593613425400152</v>
      </c>
      <c r="K6293">
        <f t="shared" si="701"/>
        <v>0.5701649023048122</v>
      </c>
      <c r="L6293">
        <f t="shared" si="702"/>
        <v>0.2850824511524061</v>
      </c>
      <c r="M6293">
        <f t="shared" si="703"/>
        <v>0</v>
      </c>
      <c r="N6293" s="45">
        <f t="shared" si="704"/>
        <v>45187.791666651487</v>
      </c>
    </row>
    <row r="6294" spans="2:14" x14ac:dyDescent="0.25">
      <c r="B6294">
        <f t="shared" si="698"/>
        <v>1</v>
      </c>
      <c r="C6294" s="16">
        <v>6260</v>
      </c>
      <c r="D6294" cm="1">
        <f t="array" ref="D6294">IFERROR(INDEX(Jesper!AH$2:AH$366,ROUNDDOWN($C6294/24,0)+1,1)*INDEX($D$3:$AA$30,INDEX(Jesper!$R$2:$R$366,ROW(INDEX(Jesper!AH$2:AH$366,ROUNDDOWN($C6294/24,0)+1,1))-1)+IF('Standard Profiles'!$G$18=$B$10,7,0)+IF('Standard Profiles'!$G$18=$B$17,14,0)+IF('Standard Profiles'!$G$18=$B$24,21,0),MOD($C6294,24)+1)/SUM(INDEX($D$3:$AA$30,INDEX(Jesper!$R$2:$R$366,ROW(INDEX(Jesper!AH$2:AH$366,ROUNDDOWN($C6294/24,0)+1,1))-1)+IF('Standard Profiles'!$G$18=$B$10,7,0)+IF('Standard Profiles'!$G$18=$B$17,14,0)+IF('Standard Profiles'!$G$18=$B$24,21,0),0)),0)</f>
        <v>5.3452959591076139</v>
      </c>
      <c r="E6294" cm="1">
        <f t="array" ref="E6294">IFERROR(INDEX(Jesper!AI$2:AI$366,ROUNDDOWN($C6294/24,0)+1,1)*INDEX($D$3:$AA$30,INDEX(Jesper!$R$2:$R$366,ROW(INDEX(Jesper!AI$2:AI$366,ROUNDDOWN($C6294/24,0)+1,1))-1)+IF('Standard Profiles'!$G$19=$B$10,7,0)+IF('Standard Profiles'!$G$19=$B$17,14,0)+IF('Standard Profiles'!$G$19=$B$24,21,0),MOD($C6294,24)+1)/SUM(INDEX($D$3:$AA$30,INDEX(Jesper!$R$2:$R$366,ROW(INDEX(Jesper!AI$2:AI$366,ROUNDDOWN($C6294/24,0)+1,1))-1)+IF('Standard Profiles'!$G$19=$B$10,7,0)+IF('Standard Profiles'!$G$19=$B$17,14,0)+IF('Standard Profiles'!$G$19=$B$24,21,0),0)),0)</f>
        <v>2.2075704679113373</v>
      </c>
      <c r="F6294" cm="1">
        <f t="array" ref="F6294">IFERROR(INDEX(Jesper!AJ$2:AJ$366,ROUNDDOWN($C6294/24,0)+1,1)*INDEX($D$3:$AA$30,INDEX(Jesper!$R$2:$R$366,ROW(INDEX(Jesper!AJ$2:AJ$366,ROUNDDOWN($C6294/24,0)+1,1))-1)+IF('Standard Profiles'!$G$20=$B$10,7,0)+IF('Standard Profiles'!$G$20=$B$17,14,0)+IF('Standard Profiles'!$G$20=$B$24,21,0),MOD($C6294,24)+1)/SUM(INDEX($D$3:$AA$30,INDEX(Jesper!$R$2:$R$366,ROW(INDEX(Jesper!AJ$2:AJ$366,ROUNDDOWN($C6294/24,0)+1,1))-1)+IF('Standard Profiles'!$G$20=$B$10,7,0)+IF('Standard Profiles'!$G$20=$B$17,14,0)+IF('Standard Profiles'!$G$20=$B$24,21,0),0)),0)</f>
        <v>0</v>
      </c>
      <c r="G6294" cm="1">
        <f t="array" ref="G6294">IFERROR(INDEX(Jesper!AK$2:AK$366,ROUNDDOWN($C6294/24,0)+1,1)*INDEX($D$3:$AA$30,INDEX(Jesper!$R$2:$R$366,ROW(INDEX(Jesper!AK$2:AK$366,ROUNDDOWN($C6294/24,0)+1,1))-1)+IF('Standard Profiles'!$G$21=$B$10,7,0)+IF('Standard Profiles'!$G$21=$B$17,14,0)+IF('Standard Profiles'!$G$21=$B$24,21,0),MOD($C6294,24)+1)/SUM(INDEX($D$3:$AA$30,INDEX(Jesper!$R$2:$R$366,ROW(INDEX(Jesper!AK$2:AK$366,ROUNDDOWN($C6294/24,0)+1,1))-1)+IF('Standard Profiles'!$G$21=$B$10,7,0)+IF('Standard Profiles'!$G$21=$B$17,14,0)+IF('Standard Profiles'!$G$21=$B$24,21,0),0)),0)</f>
        <v>0.11873513265054336</v>
      </c>
      <c r="H6294" cm="1">
        <f t="array" ref="H6294">IFERROR(INDEX(Jesper!AL$2:AL$366,ROUNDDOWN($C6294/24,0)+1,1)*INDEX($D$3:$AA$30,INDEX(Jesper!$R$2:$R$366,ROW(INDEX(Jesper!AL$2:AL$366,ROUNDDOWN($C6294/24,0)+1,1))-1)+IF('Standard Profiles'!$G$22=$B$10,7,0)+IF('Standard Profiles'!$G$22=$B$17,14,0)+IF('Standard Profiles'!$G$22=$B$24,21,0),MOD($C6294,24)+1)/SUM(INDEX($D$3:$AA$30,INDEX(Jesper!$R$2:$R$366,ROW(INDEX(Jesper!AL$2:AL$366,ROUNDDOWN($C6294/24,0)+1,1))-1)+IF('Standard Profiles'!$G$22=$B$10,7,0)+IF('Standard Profiles'!$G$22=$B$17,14,0)+IF('Standard Profiles'!$G$22=$B$24,21,0),0)),0)</f>
        <v>0</v>
      </c>
      <c r="I6294">
        <f t="shared" si="699"/>
        <v>5.6992863672260786E-2</v>
      </c>
      <c r="J6294">
        <f t="shared" si="700"/>
        <v>6.7593613425400152</v>
      </c>
      <c r="K6294">
        <f t="shared" si="701"/>
        <v>0.5701649023048122</v>
      </c>
      <c r="L6294">
        <f t="shared" si="702"/>
        <v>0.2850824511524061</v>
      </c>
      <c r="M6294">
        <f t="shared" si="703"/>
        <v>0</v>
      </c>
      <c r="N6294" s="45">
        <f t="shared" si="704"/>
        <v>45187.833333318151</v>
      </c>
    </row>
    <row r="6295" spans="2:14" x14ac:dyDescent="0.25">
      <c r="B6295">
        <f t="shared" si="698"/>
        <v>1</v>
      </c>
      <c r="C6295" s="16">
        <v>6261</v>
      </c>
      <c r="D6295" cm="1">
        <f t="array" ref="D6295">IFERROR(INDEX(Jesper!AH$2:AH$366,ROUNDDOWN($C6295/24,0)+1,1)*INDEX($D$3:$AA$30,INDEX(Jesper!$R$2:$R$366,ROW(INDEX(Jesper!AH$2:AH$366,ROUNDDOWN($C6295/24,0)+1,1))-1)+IF('Standard Profiles'!$G$18=$B$10,7,0)+IF('Standard Profiles'!$G$18=$B$17,14,0)+IF('Standard Profiles'!$G$18=$B$24,21,0),MOD($C6295,24)+1)/SUM(INDEX($D$3:$AA$30,INDEX(Jesper!$R$2:$R$366,ROW(INDEX(Jesper!AH$2:AH$366,ROUNDDOWN($C6295/24,0)+1,1))-1)+IF('Standard Profiles'!$G$18=$B$10,7,0)+IF('Standard Profiles'!$G$18=$B$17,14,0)+IF('Standard Profiles'!$G$18=$B$24,21,0),0)),0)</f>
        <v>5.3452959591076139</v>
      </c>
      <c r="E6295" cm="1">
        <f t="array" ref="E6295">IFERROR(INDEX(Jesper!AI$2:AI$366,ROUNDDOWN($C6295/24,0)+1,1)*INDEX($D$3:$AA$30,INDEX(Jesper!$R$2:$R$366,ROW(INDEX(Jesper!AI$2:AI$366,ROUNDDOWN($C6295/24,0)+1,1))-1)+IF('Standard Profiles'!$G$19=$B$10,7,0)+IF('Standard Profiles'!$G$19=$B$17,14,0)+IF('Standard Profiles'!$G$19=$B$24,21,0),MOD($C6295,24)+1)/SUM(INDEX($D$3:$AA$30,INDEX(Jesper!$R$2:$R$366,ROW(INDEX(Jesper!AI$2:AI$366,ROUNDDOWN($C6295/24,0)+1,1))-1)+IF('Standard Profiles'!$G$19=$B$10,7,0)+IF('Standard Profiles'!$G$19=$B$17,14,0)+IF('Standard Profiles'!$G$19=$B$24,21,0),0)),0)</f>
        <v>2.2075704679113373</v>
      </c>
      <c r="F6295" cm="1">
        <f t="array" ref="F6295">IFERROR(INDEX(Jesper!AJ$2:AJ$366,ROUNDDOWN($C6295/24,0)+1,1)*INDEX($D$3:$AA$30,INDEX(Jesper!$R$2:$R$366,ROW(INDEX(Jesper!AJ$2:AJ$366,ROUNDDOWN($C6295/24,0)+1,1))-1)+IF('Standard Profiles'!$G$20=$B$10,7,0)+IF('Standard Profiles'!$G$20=$B$17,14,0)+IF('Standard Profiles'!$G$20=$B$24,21,0),MOD($C6295,24)+1)/SUM(INDEX($D$3:$AA$30,INDEX(Jesper!$R$2:$R$366,ROW(INDEX(Jesper!AJ$2:AJ$366,ROUNDDOWN($C6295/24,0)+1,1))-1)+IF('Standard Profiles'!$G$20=$B$10,7,0)+IF('Standard Profiles'!$G$20=$B$17,14,0)+IF('Standard Profiles'!$G$20=$B$24,21,0),0)),0)</f>
        <v>0</v>
      </c>
      <c r="G6295" cm="1">
        <f t="array" ref="G6295">IFERROR(INDEX(Jesper!AK$2:AK$366,ROUNDDOWN($C6295/24,0)+1,1)*INDEX($D$3:$AA$30,INDEX(Jesper!$R$2:$R$366,ROW(INDEX(Jesper!AK$2:AK$366,ROUNDDOWN($C6295/24,0)+1,1))-1)+IF('Standard Profiles'!$G$21=$B$10,7,0)+IF('Standard Profiles'!$G$21=$B$17,14,0)+IF('Standard Profiles'!$G$21=$B$24,21,0),MOD($C6295,24)+1)/SUM(INDEX($D$3:$AA$30,INDEX(Jesper!$R$2:$R$366,ROW(INDEX(Jesper!AK$2:AK$366,ROUNDDOWN($C6295/24,0)+1,1))-1)+IF('Standard Profiles'!$G$21=$B$10,7,0)+IF('Standard Profiles'!$G$21=$B$17,14,0)+IF('Standard Profiles'!$G$21=$B$24,21,0),0)),0)</f>
        <v>0.11873513265054336</v>
      </c>
      <c r="H6295" cm="1">
        <f t="array" ref="H6295">IFERROR(INDEX(Jesper!AL$2:AL$366,ROUNDDOWN($C6295/24,0)+1,1)*INDEX($D$3:$AA$30,INDEX(Jesper!$R$2:$R$366,ROW(INDEX(Jesper!AL$2:AL$366,ROUNDDOWN($C6295/24,0)+1,1))-1)+IF('Standard Profiles'!$G$22=$B$10,7,0)+IF('Standard Profiles'!$G$22=$B$17,14,0)+IF('Standard Profiles'!$G$22=$B$24,21,0),MOD($C6295,24)+1)/SUM(INDEX($D$3:$AA$30,INDEX(Jesper!$R$2:$R$366,ROW(INDEX(Jesper!AL$2:AL$366,ROUNDDOWN($C6295/24,0)+1,1))-1)+IF('Standard Profiles'!$G$22=$B$10,7,0)+IF('Standard Profiles'!$G$22=$B$17,14,0)+IF('Standard Profiles'!$G$22=$B$24,21,0),0)),0)</f>
        <v>0</v>
      </c>
      <c r="I6295">
        <f t="shared" si="699"/>
        <v>5.6992863672260786E-2</v>
      </c>
      <c r="J6295">
        <f t="shared" si="700"/>
        <v>6.7593613425400152</v>
      </c>
      <c r="K6295">
        <f t="shared" si="701"/>
        <v>0.5701649023048122</v>
      </c>
      <c r="L6295">
        <f t="shared" si="702"/>
        <v>0.2850824511524061</v>
      </c>
      <c r="M6295">
        <f t="shared" si="703"/>
        <v>0</v>
      </c>
      <c r="N6295" s="45">
        <f t="shared" si="704"/>
        <v>45187.874999984815</v>
      </c>
    </row>
    <row r="6296" spans="2:14" x14ac:dyDescent="0.25">
      <c r="B6296">
        <f t="shared" si="698"/>
        <v>1</v>
      </c>
      <c r="C6296" s="16">
        <v>6262</v>
      </c>
      <c r="D6296" cm="1">
        <f t="array" ref="D6296">IFERROR(INDEX(Jesper!AH$2:AH$366,ROUNDDOWN($C6296/24,0)+1,1)*INDEX($D$3:$AA$30,INDEX(Jesper!$R$2:$R$366,ROW(INDEX(Jesper!AH$2:AH$366,ROUNDDOWN($C6296/24,0)+1,1))-1)+IF('Standard Profiles'!$G$18=$B$10,7,0)+IF('Standard Profiles'!$G$18=$B$17,14,0)+IF('Standard Profiles'!$G$18=$B$24,21,0),MOD($C6296,24)+1)/SUM(INDEX($D$3:$AA$30,INDEX(Jesper!$R$2:$R$366,ROW(INDEX(Jesper!AH$2:AH$366,ROUNDDOWN($C6296/24,0)+1,1))-1)+IF('Standard Profiles'!$G$18=$B$10,7,0)+IF('Standard Profiles'!$G$18=$B$17,14,0)+IF('Standard Profiles'!$G$18=$B$24,21,0),0)),0)</f>
        <v>5.3452959591076139</v>
      </c>
      <c r="E6296" cm="1">
        <f t="array" ref="E6296">IFERROR(INDEX(Jesper!AI$2:AI$366,ROUNDDOWN($C6296/24,0)+1,1)*INDEX($D$3:$AA$30,INDEX(Jesper!$R$2:$R$366,ROW(INDEX(Jesper!AI$2:AI$366,ROUNDDOWN($C6296/24,0)+1,1))-1)+IF('Standard Profiles'!$G$19=$B$10,7,0)+IF('Standard Profiles'!$G$19=$B$17,14,0)+IF('Standard Profiles'!$G$19=$B$24,21,0),MOD($C6296,24)+1)/SUM(INDEX($D$3:$AA$30,INDEX(Jesper!$R$2:$R$366,ROW(INDEX(Jesper!AI$2:AI$366,ROUNDDOWN($C6296/24,0)+1,1))-1)+IF('Standard Profiles'!$G$19=$B$10,7,0)+IF('Standard Profiles'!$G$19=$B$17,14,0)+IF('Standard Profiles'!$G$19=$B$24,21,0),0)),0)</f>
        <v>2.2075704679113373</v>
      </c>
      <c r="F6296" cm="1">
        <f t="array" ref="F6296">IFERROR(INDEX(Jesper!AJ$2:AJ$366,ROUNDDOWN($C6296/24,0)+1,1)*INDEX($D$3:$AA$30,INDEX(Jesper!$R$2:$R$366,ROW(INDEX(Jesper!AJ$2:AJ$366,ROUNDDOWN($C6296/24,0)+1,1))-1)+IF('Standard Profiles'!$G$20=$B$10,7,0)+IF('Standard Profiles'!$G$20=$B$17,14,0)+IF('Standard Profiles'!$G$20=$B$24,21,0),MOD($C6296,24)+1)/SUM(INDEX($D$3:$AA$30,INDEX(Jesper!$R$2:$R$366,ROW(INDEX(Jesper!AJ$2:AJ$366,ROUNDDOWN($C6296/24,0)+1,1))-1)+IF('Standard Profiles'!$G$20=$B$10,7,0)+IF('Standard Profiles'!$G$20=$B$17,14,0)+IF('Standard Profiles'!$G$20=$B$24,21,0),0)),0)</f>
        <v>0</v>
      </c>
      <c r="G6296" cm="1">
        <f t="array" ref="G6296">IFERROR(INDEX(Jesper!AK$2:AK$366,ROUNDDOWN($C6296/24,0)+1,1)*INDEX($D$3:$AA$30,INDEX(Jesper!$R$2:$R$366,ROW(INDEX(Jesper!AK$2:AK$366,ROUNDDOWN($C6296/24,0)+1,1))-1)+IF('Standard Profiles'!$G$21=$B$10,7,0)+IF('Standard Profiles'!$G$21=$B$17,14,0)+IF('Standard Profiles'!$G$21=$B$24,21,0),MOD($C6296,24)+1)/SUM(INDEX($D$3:$AA$30,INDEX(Jesper!$R$2:$R$366,ROW(INDEX(Jesper!AK$2:AK$366,ROUNDDOWN($C6296/24,0)+1,1))-1)+IF('Standard Profiles'!$G$21=$B$10,7,0)+IF('Standard Profiles'!$G$21=$B$17,14,0)+IF('Standard Profiles'!$G$21=$B$24,21,0),0)),0)</f>
        <v>0.11873513265054336</v>
      </c>
      <c r="H6296" cm="1">
        <f t="array" ref="H6296">IFERROR(INDEX(Jesper!AL$2:AL$366,ROUNDDOWN($C6296/24,0)+1,1)*INDEX($D$3:$AA$30,INDEX(Jesper!$R$2:$R$366,ROW(INDEX(Jesper!AL$2:AL$366,ROUNDDOWN($C6296/24,0)+1,1))-1)+IF('Standard Profiles'!$G$22=$B$10,7,0)+IF('Standard Profiles'!$G$22=$B$17,14,0)+IF('Standard Profiles'!$G$22=$B$24,21,0),MOD($C6296,24)+1)/SUM(INDEX($D$3:$AA$30,INDEX(Jesper!$R$2:$R$366,ROW(INDEX(Jesper!AL$2:AL$366,ROUNDDOWN($C6296/24,0)+1,1))-1)+IF('Standard Profiles'!$G$22=$B$10,7,0)+IF('Standard Profiles'!$G$22=$B$17,14,0)+IF('Standard Profiles'!$G$22=$B$24,21,0),0)),0)</f>
        <v>0</v>
      </c>
      <c r="I6296">
        <f t="shared" si="699"/>
        <v>5.6992863672260786E-2</v>
      </c>
      <c r="J6296">
        <f t="shared" si="700"/>
        <v>6.7593613425400152</v>
      </c>
      <c r="K6296">
        <f t="shared" si="701"/>
        <v>0.5701649023048122</v>
      </c>
      <c r="L6296">
        <f t="shared" si="702"/>
        <v>0.2850824511524061</v>
      </c>
      <c r="M6296">
        <f t="shared" si="703"/>
        <v>0</v>
      </c>
      <c r="N6296" s="45">
        <f t="shared" si="704"/>
        <v>45187.916666651479</v>
      </c>
    </row>
    <row r="6297" spans="2:14" x14ac:dyDescent="0.25">
      <c r="B6297">
        <f t="shared" si="698"/>
        <v>1</v>
      </c>
      <c r="C6297" s="16">
        <v>6263</v>
      </c>
      <c r="D6297" cm="1">
        <f t="array" ref="D6297">IFERROR(INDEX(Jesper!AH$2:AH$366,ROUNDDOWN($C6297/24,0)+1,1)*INDEX($D$3:$AA$30,INDEX(Jesper!$R$2:$R$366,ROW(INDEX(Jesper!AH$2:AH$366,ROUNDDOWN($C6297/24,0)+1,1))-1)+IF('Standard Profiles'!$G$18=$B$10,7,0)+IF('Standard Profiles'!$G$18=$B$17,14,0)+IF('Standard Profiles'!$G$18=$B$24,21,0),MOD($C6297,24)+1)/SUM(INDEX($D$3:$AA$30,INDEX(Jesper!$R$2:$R$366,ROW(INDEX(Jesper!AH$2:AH$366,ROUNDDOWN($C6297/24,0)+1,1))-1)+IF('Standard Profiles'!$G$18=$B$10,7,0)+IF('Standard Profiles'!$G$18=$B$17,14,0)+IF('Standard Profiles'!$G$18=$B$24,21,0),0)),0)</f>
        <v>5.3452959591076139</v>
      </c>
      <c r="E6297" cm="1">
        <f t="array" ref="E6297">IFERROR(INDEX(Jesper!AI$2:AI$366,ROUNDDOWN($C6297/24,0)+1,1)*INDEX($D$3:$AA$30,INDEX(Jesper!$R$2:$R$366,ROW(INDEX(Jesper!AI$2:AI$366,ROUNDDOWN($C6297/24,0)+1,1))-1)+IF('Standard Profiles'!$G$19=$B$10,7,0)+IF('Standard Profiles'!$G$19=$B$17,14,0)+IF('Standard Profiles'!$G$19=$B$24,21,0),MOD($C6297,24)+1)/SUM(INDEX($D$3:$AA$30,INDEX(Jesper!$R$2:$R$366,ROW(INDEX(Jesper!AI$2:AI$366,ROUNDDOWN($C6297/24,0)+1,1))-1)+IF('Standard Profiles'!$G$19=$B$10,7,0)+IF('Standard Profiles'!$G$19=$B$17,14,0)+IF('Standard Profiles'!$G$19=$B$24,21,0),0)),0)</f>
        <v>2.2075704679113373</v>
      </c>
      <c r="F6297" cm="1">
        <f t="array" ref="F6297">IFERROR(INDEX(Jesper!AJ$2:AJ$366,ROUNDDOWN($C6297/24,0)+1,1)*INDEX($D$3:$AA$30,INDEX(Jesper!$R$2:$R$366,ROW(INDEX(Jesper!AJ$2:AJ$366,ROUNDDOWN($C6297/24,0)+1,1))-1)+IF('Standard Profiles'!$G$20=$B$10,7,0)+IF('Standard Profiles'!$G$20=$B$17,14,0)+IF('Standard Profiles'!$G$20=$B$24,21,0),MOD($C6297,24)+1)/SUM(INDEX($D$3:$AA$30,INDEX(Jesper!$R$2:$R$366,ROW(INDEX(Jesper!AJ$2:AJ$366,ROUNDDOWN($C6297/24,0)+1,1))-1)+IF('Standard Profiles'!$G$20=$B$10,7,0)+IF('Standard Profiles'!$G$20=$B$17,14,0)+IF('Standard Profiles'!$G$20=$B$24,21,0),0)),0)</f>
        <v>0</v>
      </c>
      <c r="G6297" cm="1">
        <f t="array" ref="G6297">IFERROR(INDEX(Jesper!AK$2:AK$366,ROUNDDOWN($C6297/24,0)+1,1)*INDEX($D$3:$AA$30,INDEX(Jesper!$R$2:$R$366,ROW(INDEX(Jesper!AK$2:AK$366,ROUNDDOWN($C6297/24,0)+1,1))-1)+IF('Standard Profiles'!$G$21=$B$10,7,0)+IF('Standard Profiles'!$G$21=$B$17,14,0)+IF('Standard Profiles'!$G$21=$B$24,21,0),MOD($C6297,24)+1)/SUM(INDEX($D$3:$AA$30,INDEX(Jesper!$R$2:$R$366,ROW(INDEX(Jesper!AK$2:AK$366,ROUNDDOWN($C6297/24,0)+1,1))-1)+IF('Standard Profiles'!$G$21=$B$10,7,0)+IF('Standard Profiles'!$G$21=$B$17,14,0)+IF('Standard Profiles'!$G$21=$B$24,21,0),0)),0)</f>
        <v>0.11873513265054336</v>
      </c>
      <c r="H6297" cm="1">
        <f t="array" ref="H6297">IFERROR(INDEX(Jesper!AL$2:AL$366,ROUNDDOWN($C6297/24,0)+1,1)*INDEX($D$3:$AA$30,INDEX(Jesper!$R$2:$R$366,ROW(INDEX(Jesper!AL$2:AL$366,ROUNDDOWN($C6297/24,0)+1,1))-1)+IF('Standard Profiles'!$G$22=$B$10,7,0)+IF('Standard Profiles'!$G$22=$B$17,14,0)+IF('Standard Profiles'!$G$22=$B$24,21,0),MOD($C6297,24)+1)/SUM(INDEX($D$3:$AA$30,INDEX(Jesper!$R$2:$R$366,ROW(INDEX(Jesper!AL$2:AL$366,ROUNDDOWN($C6297/24,0)+1,1))-1)+IF('Standard Profiles'!$G$22=$B$10,7,0)+IF('Standard Profiles'!$G$22=$B$17,14,0)+IF('Standard Profiles'!$G$22=$B$24,21,0),0)),0)</f>
        <v>0</v>
      </c>
      <c r="I6297">
        <f t="shared" si="699"/>
        <v>5.6992863672260786E-2</v>
      </c>
      <c r="J6297">
        <f t="shared" si="700"/>
        <v>6.7593613425400152</v>
      </c>
      <c r="K6297">
        <f t="shared" si="701"/>
        <v>0.5701649023048122</v>
      </c>
      <c r="L6297">
        <f t="shared" si="702"/>
        <v>0.2850824511524061</v>
      </c>
      <c r="M6297">
        <f t="shared" si="703"/>
        <v>0</v>
      </c>
      <c r="N6297" s="45">
        <f t="shared" si="704"/>
        <v>45187.958333318144</v>
      </c>
    </row>
    <row r="6298" spans="2:14" x14ac:dyDescent="0.25">
      <c r="B6298">
        <f t="shared" si="698"/>
        <v>2</v>
      </c>
      <c r="C6298" s="16">
        <v>6264</v>
      </c>
      <c r="D6298" cm="1">
        <f t="array" ref="D6298">IFERROR(INDEX(Jesper!AH$2:AH$366,ROUNDDOWN($C6298/24,0)+1,1)*INDEX($D$3:$AA$30,INDEX(Jesper!$R$2:$R$366,ROW(INDEX(Jesper!AH$2:AH$366,ROUNDDOWN($C6298/24,0)+1,1))-1)+IF('Standard Profiles'!$G$18=$B$10,7,0)+IF('Standard Profiles'!$G$18=$B$17,14,0)+IF('Standard Profiles'!$G$18=$B$24,21,0),MOD($C6298,24)+1)/SUM(INDEX($D$3:$AA$30,INDEX(Jesper!$R$2:$R$366,ROW(INDEX(Jesper!AH$2:AH$366,ROUNDDOWN($C6298/24,0)+1,1))-1)+IF('Standard Profiles'!$G$18=$B$10,7,0)+IF('Standard Profiles'!$G$18=$B$17,14,0)+IF('Standard Profiles'!$G$18=$B$24,21,0),0)),0)</f>
        <v>3.4504633633739443</v>
      </c>
      <c r="E6298" cm="1">
        <f t="array" ref="E6298">IFERROR(INDEX(Jesper!AI$2:AI$366,ROUNDDOWN($C6298/24,0)+1,1)*INDEX($D$3:$AA$30,INDEX(Jesper!$R$2:$R$366,ROW(INDEX(Jesper!AI$2:AI$366,ROUNDDOWN($C6298/24,0)+1,1))-1)+IF('Standard Profiles'!$G$19=$B$10,7,0)+IF('Standard Profiles'!$G$19=$B$17,14,0)+IF('Standard Profiles'!$G$19=$B$24,21,0),MOD($C6298,24)+1)/SUM(INDEX($D$3:$AA$30,INDEX(Jesper!$R$2:$R$366,ROW(INDEX(Jesper!AI$2:AI$366,ROUNDDOWN($C6298/24,0)+1,1))-1)+IF('Standard Profiles'!$G$19=$B$10,7,0)+IF('Standard Profiles'!$G$19=$B$17,14,0)+IF('Standard Profiles'!$G$19=$B$24,21,0),0)),0)</f>
        <v>1.491738595265488</v>
      </c>
      <c r="F6298" cm="1">
        <f t="array" ref="F6298">IFERROR(INDEX(Jesper!AJ$2:AJ$366,ROUNDDOWN($C6298/24,0)+1,1)*INDEX($D$3:$AA$30,INDEX(Jesper!$R$2:$R$366,ROW(INDEX(Jesper!AJ$2:AJ$366,ROUNDDOWN($C6298/24,0)+1,1))-1)+IF('Standard Profiles'!$G$20=$B$10,7,0)+IF('Standard Profiles'!$G$20=$B$17,14,0)+IF('Standard Profiles'!$G$20=$B$24,21,0),MOD($C6298,24)+1)/SUM(INDEX($D$3:$AA$30,INDEX(Jesper!$R$2:$R$366,ROW(INDEX(Jesper!AJ$2:AJ$366,ROUNDDOWN($C6298/24,0)+1,1))-1)+IF('Standard Profiles'!$G$20=$B$10,7,0)+IF('Standard Profiles'!$G$20=$B$17,14,0)+IF('Standard Profiles'!$G$20=$B$24,21,0),0)),0)</f>
        <v>0</v>
      </c>
      <c r="G6298" cm="1">
        <f t="array" ref="G6298">IFERROR(INDEX(Jesper!AK$2:AK$366,ROUNDDOWN($C6298/24,0)+1,1)*INDEX($D$3:$AA$30,INDEX(Jesper!$R$2:$R$366,ROW(INDEX(Jesper!AK$2:AK$366,ROUNDDOWN($C6298/24,0)+1,1))-1)+IF('Standard Profiles'!$G$21=$B$10,7,0)+IF('Standard Profiles'!$G$21=$B$17,14,0)+IF('Standard Profiles'!$G$21=$B$24,21,0),MOD($C6298,24)+1)/SUM(INDEX($D$3:$AA$30,INDEX(Jesper!$R$2:$R$366,ROW(INDEX(Jesper!AK$2:AK$366,ROUNDDOWN($C6298/24,0)+1,1))-1)+IF('Standard Profiles'!$G$21=$B$10,7,0)+IF('Standard Profiles'!$G$21=$B$17,14,0)+IF('Standard Profiles'!$G$21=$B$24,21,0),0)),0)</f>
        <v>0.28991287490514023</v>
      </c>
      <c r="H6298" cm="1">
        <f t="array" ref="H6298">IFERROR(INDEX(Jesper!AL$2:AL$366,ROUNDDOWN($C6298/24,0)+1,1)*INDEX($D$3:$AA$30,INDEX(Jesper!$R$2:$R$366,ROW(INDEX(Jesper!AL$2:AL$366,ROUNDDOWN($C6298/24,0)+1,1))-1)+IF('Standard Profiles'!$G$22=$B$10,7,0)+IF('Standard Profiles'!$G$22=$B$17,14,0)+IF('Standard Profiles'!$G$22=$B$24,21,0),MOD($C6298,24)+1)/SUM(INDEX($D$3:$AA$30,INDEX(Jesper!$R$2:$R$366,ROW(INDEX(Jesper!AL$2:AL$366,ROUNDDOWN($C6298/24,0)+1,1))-1)+IF('Standard Profiles'!$G$22=$B$10,7,0)+IF('Standard Profiles'!$G$22=$B$17,14,0)+IF('Standard Profiles'!$G$22=$B$24,21,0),0)),0)</f>
        <v>0</v>
      </c>
      <c r="I6298">
        <f t="shared" si="699"/>
        <v>0.13915817995446725</v>
      </c>
      <c r="J6298">
        <f t="shared" si="700"/>
        <v>4.5408825154502743</v>
      </c>
      <c r="K6298">
        <f t="shared" si="701"/>
        <v>0.36804942542655411</v>
      </c>
      <c r="L6298">
        <f t="shared" si="702"/>
        <v>0.18402471271327706</v>
      </c>
      <c r="M6298">
        <f t="shared" si="703"/>
        <v>0</v>
      </c>
      <c r="N6298" s="45">
        <f t="shared" si="704"/>
        <v>45187.999999984808</v>
      </c>
    </row>
    <row r="6299" spans="2:14" x14ac:dyDescent="0.25">
      <c r="B6299">
        <f t="shared" si="698"/>
        <v>2</v>
      </c>
      <c r="C6299" s="16">
        <v>6265</v>
      </c>
      <c r="D6299" cm="1">
        <f t="array" ref="D6299">IFERROR(INDEX(Jesper!AH$2:AH$366,ROUNDDOWN($C6299/24,0)+1,1)*INDEX($D$3:$AA$30,INDEX(Jesper!$R$2:$R$366,ROW(INDEX(Jesper!AH$2:AH$366,ROUNDDOWN($C6299/24,0)+1,1))-1)+IF('Standard Profiles'!$G$18=$B$10,7,0)+IF('Standard Profiles'!$G$18=$B$17,14,0)+IF('Standard Profiles'!$G$18=$B$24,21,0),MOD($C6299,24)+1)/SUM(INDEX($D$3:$AA$30,INDEX(Jesper!$R$2:$R$366,ROW(INDEX(Jesper!AH$2:AH$366,ROUNDDOWN($C6299/24,0)+1,1))-1)+IF('Standard Profiles'!$G$18=$B$10,7,0)+IF('Standard Profiles'!$G$18=$B$17,14,0)+IF('Standard Profiles'!$G$18=$B$24,21,0),0)),0)</f>
        <v>5.2578489346650583</v>
      </c>
      <c r="E6299" cm="1">
        <f t="array" ref="E6299">IFERROR(INDEX(Jesper!AI$2:AI$366,ROUNDDOWN($C6299/24,0)+1,1)*INDEX($D$3:$AA$30,INDEX(Jesper!$R$2:$R$366,ROW(INDEX(Jesper!AI$2:AI$366,ROUNDDOWN($C6299/24,0)+1,1))-1)+IF('Standard Profiles'!$G$19=$B$10,7,0)+IF('Standard Profiles'!$G$19=$B$17,14,0)+IF('Standard Profiles'!$G$19=$B$24,21,0),MOD($C6299,24)+1)/SUM(INDEX($D$3:$AA$30,INDEX(Jesper!$R$2:$R$366,ROW(INDEX(Jesper!AI$2:AI$366,ROUNDDOWN($C6299/24,0)+1,1))-1)+IF('Standard Profiles'!$G$19=$B$10,7,0)+IF('Standard Profiles'!$G$19=$B$17,14,0)+IF('Standard Profiles'!$G$19=$B$24,21,0),0)),0)</f>
        <v>2.2731254784997916</v>
      </c>
      <c r="F6299" cm="1">
        <f t="array" ref="F6299">IFERROR(INDEX(Jesper!AJ$2:AJ$366,ROUNDDOWN($C6299/24,0)+1,1)*INDEX($D$3:$AA$30,INDEX(Jesper!$R$2:$R$366,ROW(INDEX(Jesper!AJ$2:AJ$366,ROUNDDOWN($C6299/24,0)+1,1))-1)+IF('Standard Profiles'!$G$20=$B$10,7,0)+IF('Standard Profiles'!$G$20=$B$17,14,0)+IF('Standard Profiles'!$G$20=$B$24,21,0),MOD($C6299,24)+1)/SUM(INDEX($D$3:$AA$30,INDEX(Jesper!$R$2:$R$366,ROW(INDEX(Jesper!AJ$2:AJ$366,ROUNDDOWN($C6299/24,0)+1,1))-1)+IF('Standard Profiles'!$G$20=$B$10,7,0)+IF('Standard Profiles'!$G$20=$B$17,14,0)+IF('Standard Profiles'!$G$20=$B$24,21,0),0)),0)</f>
        <v>0</v>
      </c>
      <c r="G6299" cm="1">
        <f t="array" ref="G6299">IFERROR(INDEX(Jesper!AK$2:AK$366,ROUNDDOWN($C6299/24,0)+1,1)*INDEX($D$3:$AA$30,INDEX(Jesper!$R$2:$R$366,ROW(INDEX(Jesper!AK$2:AK$366,ROUNDDOWN($C6299/24,0)+1,1))-1)+IF('Standard Profiles'!$G$21=$B$10,7,0)+IF('Standard Profiles'!$G$21=$B$17,14,0)+IF('Standard Profiles'!$G$21=$B$24,21,0),MOD($C6299,24)+1)/SUM(INDEX($D$3:$AA$30,INDEX(Jesper!$R$2:$R$366,ROW(INDEX(Jesper!AK$2:AK$366,ROUNDDOWN($C6299/24,0)+1,1))-1)+IF('Standard Profiles'!$G$21=$B$10,7,0)+IF('Standard Profiles'!$G$21=$B$17,14,0)+IF('Standard Profiles'!$G$21=$B$24,21,0),0)),0)</f>
        <v>0.28991287490514023</v>
      </c>
      <c r="H6299" cm="1">
        <f t="array" ref="H6299">IFERROR(INDEX(Jesper!AL$2:AL$366,ROUNDDOWN($C6299/24,0)+1,1)*INDEX($D$3:$AA$30,INDEX(Jesper!$R$2:$R$366,ROW(INDEX(Jesper!AL$2:AL$366,ROUNDDOWN($C6299/24,0)+1,1))-1)+IF('Standard Profiles'!$G$22=$B$10,7,0)+IF('Standard Profiles'!$G$22=$B$17,14,0)+IF('Standard Profiles'!$G$22=$B$24,21,0),MOD($C6299,24)+1)/SUM(INDEX($D$3:$AA$30,INDEX(Jesper!$R$2:$R$366,ROW(INDEX(Jesper!AL$2:AL$366,ROUNDDOWN($C6299/24,0)+1,1))-1)+IF('Standard Profiles'!$G$22=$B$10,7,0)+IF('Standard Profiles'!$G$22=$B$17,14,0)+IF('Standard Profiles'!$G$22=$B$24,21,0),0)),0)</f>
        <v>0</v>
      </c>
      <c r="I6299">
        <f t="shared" si="699"/>
        <v>0.13915817995446725</v>
      </c>
      <c r="J6299">
        <f t="shared" si="700"/>
        <v>6.8404732785691129</v>
      </c>
      <c r="K6299">
        <f t="shared" si="701"/>
        <v>0.56083721969760625</v>
      </c>
      <c r="L6299">
        <f t="shared" si="702"/>
        <v>0.28041860984880312</v>
      </c>
      <c r="M6299">
        <f t="shared" si="703"/>
        <v>0</v>
      </c>
      <c r="N6299" s="45">
        <f t="shared" si="704"/>
        <v>45188.041666651472</v>
      </c>
    </row>
    <row r="6300" spans="2:14" x14ac:dyDescent="0.25">
      <c r="B6300">
        <f t="shared" si="698"/>
        <v>2</v>
      </c>
      <c r="C6300" s="16">
        <v>6266</v>
      </c>
      <c r="D6300" cm="1">
        <f t="array" ref="D6300">IFERROR(INDEX(Jesper!AH$2:AH$366,ROUNDDOWN($C6300/24,0)+1,1)*INDEX($D$3:$AA$30,INDEX(Jesper!$R$2:$R$366,ROW(INDEX(Jesper!AH$2:AH$366,ROUNDDOWN($C6300/24,0)+1,1))-1)+IF('Standard Profiles'!$G$18=$B$10,7,0)+IF('Standard Profiles'!$G$18=$B$17,14,0)+IF('Standard Profiles'!$G$18=$B$24,21,0),MOD($C6300,24)+1)/SUM(INDEX($D$3:$AA$30,INDEX(Jesper!$R$2:$R$366,ROW(INDEX(Jesper!AH$2:AH$366,ROUNDDOWN($C6300/24,0)+1,1))-1)+IF('Standard Profiles'!$G$18=$B$10,7,0)+IF('Standard Profiles'!$G$18=$B$17,14,0)+IF('Standard Profiles'!$G$18=$B$24,21,0),0)),0)</f>
        <v>5.2578489346650583</v>
      </c>
      <c r="E6300" cm="1">
        <f t="array" ref="E6300">IFERROR(INDEX(Jesper!AI$2:AI$366,ROUNDDOWN($C6300/24,0)+1,1)*INDEX($D$3:$AA$30,INDEX(Jesper!$R$2:$R$366,ROW(INDEX(Jesper!AI$2:AI$366,ROUNDDOWN($C6300/24,0)+1,1))-1)+IF('Standard Profiles'!$G$19=$B$10,7,0)+IF('Standard Profiles'!$G$19=$B$17,14,0)+IF('Standard Profiles'!$G$19=$B$24,21,0),MOD($C6300,24)+1)/SUM(INDEX($D$3:$AA$30,INDEX(Jesper!$R$2:$R$366,ROW(INDEX(Jesper!AI$2:AI$366,ROUNDDOWN($C6300/24,0)+1,1))-1)+IF('Standard Profiles'!$G$19=$B$10,7,0)+IF('Standard Profiles'!$G$19=$B$17,14,0)+IF('Standard Profiles'!$G$19=$B$24,21,0),0)),0)</f>
        <v>2.2731254784997916</v>
      </c>
      <c r="F6300" cm="1">
        <f t="array" ref="F6300">IFERROR(INDEX(Jesper!AJ$2:AJ$366,ROUNDDOWN($C6300/24,0)+1,1)*INDEX($D$3:$AA$30,INDEX(Jesper!$R$2:$R$366,ROW(INDEX(Jesper!AJ$2:AJ$366,ROUNDDOWN($C6300/24,0)+1,1))-1)+IF('Standard Profiles'!$G$20=$B$10,7,0)+IF('Standard Profiles'!$G$20=$B$17,14,0)+IF('Standard Profiles'!$G$20=$B$24,21,0),MOD($C6300,24)+1)/SUM(INDEX($D$3:$AA$30,INDEX(Jesper!$R$2:$R$366,ROW(INDEX(Jesper!AJ$2:AJ$366,ROUNDDOWN($C6300/24,0)+1,1))-1)+IF('Standard Profiles'!$G$20=$B$10,7,0)+IF('Standard Profiles'!$G$20=$B$17,14,0)+IF('Standard Profiles'!$G$20=$B$24,21,0),0)),0)</f>
        <v>0</v>
      </c>
      <c r="G6300" cm="1">
        <f t="array" ref="G6300">IFERROR(INDEX(Jesper!AK$2:AK$366,ROUNDDOWN($C6300/24,0)+1,1)*INDEX($D$3:$AA$30,INDEX(Jesper!$R$2:$R$366,ROW(INDEX(Jesper!AK$2:AK$366,ROUNDDOWN($C6300/24,0)+1,1))-1)+IF('Standard Profiles'!$G$21=$B$10,7,0)+IF('Standard Profiles'!$G$21=$B$17,14,0)+IF('Standard Profiles'!$G$21=$B$24,21,0),MOD($C6300,24)+1)/SUM(INDEX($D$3:$AA$30,INDEX(Jesper!$R$2:$R$366,ROW(INDEX(Jesper!AK$2:AK$366,ROUNDDOWN($C6300/24,0)+1,1))-1)+IF('Standard Profiles'!$G$21=$B$10,7,0)+IF('Standard Profiles'!$G$21=$B$17,14,0)+IF('Standard Profiles'!$G$21=$B$24,21,0),0)),0)</f>
        <v>0.28991287490514023</v>
      </c>
      <c r="H6300" cm="1">
        <f t="array" ref="H6300">IFERROR(INDEX(Jesper!AL$2:AL$366,ROUNDDOWN($C6300/24,0)+1,1)*INDEX($D$3:$AA$30,INDEX(Jesper!$R$2:$R$366,ROW(INDEX(Jesper!AL$2:AL$366,ROUNDDOWN($C6300/24,0)+1,1))-1)+IF('Standard Profiles'!$G$22=$B$10,7,0)+IF('Standard Profiles'!$G$22=$B$17,14,0)+IF('Standard Profiles'!$G$22=$B$24,21,0),MOD($C6300,24)+1)/SUM(INDEX($D$3:$AA$30,INDEX(Jesper!$R$2:$R$366,ROW(INDEX(Jesper!AL$2:AL$366,ROUNDDOWN($C6300/24,0)+1,1))-1)+IF('Standard Profiles'!$G$22=$B$10,7,0)+IF('Standard Profiles'!$G$22=$B$17,14,0)+IF('Standard Profiles'!$G$22=$B$24,21,0),0)),0)</f>
        <v>0</v>
      </c>
      <c r="I6300">
        <f t="shared" si="699"/>
        <v>0.13915817995446725</v>
      </c>
      <c r="J6300">
        <f t="shared" si="700"/>
        <v>6.8404732785691129</v>
      </c>
      <c r="K6300">
        <f t="shared" si="701"/>
        <v>0.56083721969760625</v>
      </c>
      <c r="L6300">
        <f t="shared" si="702"/>
        <v>0.28041860984880312</v>
      </c>
      <c r="M6300">
        <f t="shared" si="703"/>
        <v>0</v>
      </c>
      <c r="N6300" s="45">
        <f t="shared" si="704"/>
        <v>45188.083333318136</v>
      </c>
    </row>
    <row r="6301" spans="2:14" x14ac:dyDescent="0.25">
      <c r="B6301">
        <f t="shared" si="698"/>
        <v>2</v>
      </c>
      <c r="C6301" s="16">
        <v>6267</v>
      </c>
      <c r="D6301" cm="1">
        <f t="array" ref="D6301">IFERROR(INDEX(Jesper!AH$2:AH$366,ROUNDDOWN($C6301/24,0)+1,1)*INDEX($D$3:$AA$30,INDEX(Jesper!$R$2:$R$366,ROW(INDEX(Jesper!AH$2:AH$366,ROUNDDOWN($C6301/24,0)+1,1))-1)+IF('Standard Profiles'!$G$18=$B$10,7,0)+IF('Standard Profiles'!$G$18=$B$17,14,0)+IF('Standard Profiles'!$G$18=$B$24,21,0),MOD($C6301,24)+1)/SUM(INDEX($D$3:$AA$30,INDEX(Jesper!$R$2:$R$366,ROW(INDEX(Jesper!AH$2:AH$366,ROUNDDOWN($C6301/24,0)+1,1))-1)+IF('Standard Profiles'!$G$18=$B$10,7,0)+IF('Standard Profiles'!$G$18=$B$17,14,0)+IF('Standard Profiles'!$G$18=$B$24,21,0),0)),0)</f>
        <v>5.2578489346650583</v>
      </c>
      <c r="E6301" cm="1">
        <f t="array" ref="E6301">IFERROR(INDEX(Jesper!AI$2:AI$366,ROUNDDOWN($C6301/24,0)+1,1)*INDEX($D$3:$AA$30,INDEX(Jesper!$R$2:$R$366,ROW(INDEX(Jesper!AI$2:AI$366,ROUNDDOWN($C6301/24,0)+1,1))-1)+IF('Standard Profiles'!$G$19=$B$10,7,0)+IF('Standard Profiles'!$G$19=$B$17,14,0)+IF('Standard Profiles'!$G$19=$B$24,21,0),MOD($C6301,24)+1)/SUM(INDEX($D$3:$AA$30,INDEX(Jesper!$R$2:$R$366,ROW(INDEX(Jesper!AI$2:AI$366,ROUNDDOWN($C6301/24,0)+1,1))-1)+IF('Standard Profiles'!$G$19=$B$10,7,0)+IF('Standard Profiles'!$G$19=$B$17,14,0)+IF('Standard Profiles'!$G$19=$B$24,21,0),0)),0)</f>
        <v>2.2731254784997916</v>
      </c>
      <c r="F6301" cm="1">
        <f t="array" ref="F6301">IFERROR(INDEX(Jesper!AJ$2:AJ$366,ROUNDDOWN($C6301/24,0)+1,1)*INDEX($D$3:$AA$30,INDEX(Jesper!$R$2:$R$366,ROW(INDEX(Jesper!AJ$2:AJ$366,ROUNDDOWN($C6301/24,0)+1,1))-1)+IF('Standard Profiles'!$G$20=$B$10,7,0)+IF('Standard Profiles'!$G$20=$B$17,14,0)+IF('Standard Profiles'!$G$20=$B$24,21,0),MOD($C6301,24)+1)/SUM(INDEX($D$3:$AA$30,INDEX(Jesper!$R$2:$R$366,ROW(INDEX(Jesper!AJ$2:AJ$366,ROUNDDOWN($C6301/24,0)+1,1))-1)+IF('Standard Profiles'!$G$20=$B$10,7,0)+IF('Standard Profiles'!$G$20=$B$17,14,0)+IF('Standard Profiles'!$G$20=$B$24,21,0),0)),0)</f>
        <v>0</v>
      </c>
      <c r="G6301" cm="1">
        <f t="array" ref="G6301">IFERROR(INDEX(Jesper!AK$2:AK$366,ROUNDDOWN($C6301/24,0)+1,1)*INDEX($D$3:$AA$30,INDEX(Jesper!$R$2:$R$366,ROW(INDEX(Jesper!AK$2:AK$366,ROUNDDOWN($C6301/24,0)+1,1))-1)+IF('Standard Profiles'!$G$21=$B$10,7,0)+IF('Standard Profiles'!$G$21=$B$17,14,0)+IF('Standard Profiles'!$G$21=$B$24,21,0),MOD($C6301,24)+1)/SUM(INDEX($D$3:$AA$30,INDEX(Jesper!$R$2:$R$366,ROW(INDEX(Jesper!AK$2:AK$366,ROUNDDOWN($C6301/24,0)+1,1))-1)+IF('Standard Profiles'!$G$21=$B$10,7,0)+IF('Standard Profiles'!$G$21=$B$17,14,0)+IF('Standard Profiles'!$G$21=$B$24,21,0),0)),0)</f>
        <v>0.28991287490514023</v>
      </c>
      <c r="H6301" cm="1">
        <f t="array" ref="H6301">IFERROR(INDEX(Jesper!AL$2:AL$366,ROUNDDOWN($C6301/24,0)+1,1)*INDEX($D$3:$AA$30,INDEX(Jesper!$R$2:$R$366,ROW(INDEX(Jesper!AL$2:AL$366,ROUNDDOWN($C6301/24,0)+1,1))-1)+IF('Standard Profiles'!$G$22=$B$10,7,0)+IF('Standard Profiles'!$G$22=$B$17,14,0)+IF('Standard Profiles'!$G$22=$B$24,21,0),MOD($C6301,24)+1)/SUM(INDEX($D$3:$AA$30,INDEX(Jesper!$R$2:$R$366,ROW(INDEX(Jesper!AL$2:AL$366,ROUNDDOWN($C6301/24,0)+1,1))-1)+IF('Standard Profiles'!$G$22=$B$10,7,0)+IF('Standard Profiles'!$G$22=$B$17,14,0)+IF('Standard Profiles'!$G$22=$B$24,21,0),0)),0)</f>
        <v>0</v>
      </c>
      <c r="I6301">
        <f t="shared" si="699"/>
        <v>0.13915817995446725</v>
      </c>
      <c r="J6301">
        <f t="shared" si="700"/>
        <v>6.8404732785691129</v>
      </c>
      <c r="K6301">
        <f t="shared" si="701"/>
        <v>0.56083721969760625</v>
      </c>
      <c r="L6301">
        <f t="shared" si="702"/>
        <v>0.28041860984880312</v>
      </c>
      <c r="M6301">
        <f t="shared" si="703"/>
        <v>0</v>
      </c>
      <c r="N6301" s="45">
        <f t="shared" si="704"/>
        <v>45188.124999984801</v>
      </c>
    </row>
    <row r="6302" spans="2:14" x14ac:dyDescent="0.25">
      <c r="B6302">
        <f t="shared" si="698"/>
        <v>2</v>
      </c>
      <c r="C6302" s="16">
        <v>6268</v>
      </c>
      <c r="D6302" cm="1">
        <f t="array" ref="D6302">IFERROR(INDEX(Jesper!AH$2:AH$366,ROUNDDOWN($C6302/24,0)+1,1)*INDEX($D$3:$AA$30,INDEX(Jesper!$R$2:$R$366,ROW(INDEX(Jesper!AH$2:AH$366,ROUNDDOWN($C6302/24,0)+1,1))-1)+IF('Standard Profiles'!$G$18=$B$10,7,0)+IF('Standard Profiles'!$G$18=$B$17,14,0)+IF('Standard Profiles'!$G$18=$B$24,21,0),MOD($C6302,24)+1)/SUM(INDEX($D$3:$AA$30,INDEX(Jesper!$R$2:$R$366,ROW(INDEX(Jesper!AH$2:AH$366,ROUNDDOWN($C6302/24,0)+1,1))-1)+IF('Standard Profiles'!$G$18=$B$10,7,0)+IF('Standard Profiles'!$G$18=$B$17,14,0)+IF('Standard Profiles'!$G$18=$B$24,21,0),0)),0)</f>
        <v>5.2578489346650583</v>
      </c>
      <c r="E6302" cm="1">
        <f t="array" ref="E6302">IFERROR(INDEX(Jesper!AI$2:AI$366,ROUNDDOWN($C6302/24,0)+1,1)*INDEX($D$3:$AA$30,INDEX(Jesper!$R$2:$R$366,ROW(INDEX(Jesper!AI$2:AI$366,ROUNDDOWN($C6302/24,0)+1,1))-1)+IF('Standard Profiles'!$G$19=$B$10,7,0)+IF('Standard Profiles'!$G$19=$B$17,14,0)+IF('Standard Profiles'!$G$19=$B$24,21,0),MOD($C6302,24)+1)/SUM(INDEX($D$3:$AA$30,INDEX(Jesper!$R$2:$R$366,ROW(INDEX(Jesper!AI$2:AI$366,ROUNDDOWN($C6302/24,0)+1,1))-1)+IF('Standard Profiles'!$G$19=$B$10,7,0)+IF('Standard Profiles'!$G$19=$B$17,14,0)+IF('Standard Profiles'!$G$19=$B$24,21,0),0)),0)</f>
        <v>2.2731254784997916</v>
      </c>
      <c r="F6302" cm="1">
        <f t="array" ref="F6302">IFERROR(INDEX(Jesper!AJ$2:AJ$366,ROUNDDOWN($C6302/24,0)+1,1)*INDEX($D$3:$AA$30,INDEX(Jesper!$R$2:$R$366,ROW(INDEX(Jesper!AJ$2:AJ$366,ROUNDDOWN($C6302/24,0)+1,1))-1)+IF('Standard Profiles'!$G$20=$B$10,7,0)+IF('Standard Profiles'!$G$20=$B$17,14,0)+IF('Standard Profiles'!$G$20=$B$24,21,0),MOD($C6302,24)+1)/SUM(INDEX($D$3:$AA$30,INDEX(Jesper!$R$2:$R$366,ROW(INDEX(Jesper!AJ$2:AJ$366,ROUNDDOWN($C6302/24,0)+1,1))-1)+IF('Standard Profiles'!$G$20=$B$10,7,0)+IF('Standard Profiles'!$G$20=$B$17,14,0)+IF('Standard Profiles'!$G$20=$B$24,21,0),0)),0)</f>
        <v>0</v>
      </c>
      <c r="G6302" cm="1">
        <f t="array" ref="G6302">IFERROR(INDEX(Jesper!AK$2:AK$366,ROUNDDOWN($C6302/24,0)+1,1)*INDEX($D$3:$AA$30,INDEX(Jesper!$R$2:$R$366,ROW(INDEX(Jesper!AK$2:AK$366,ROUNDDOWN($C6302/24,0)+1,1))-1)+IF('Standard Profiles'!$G$21=$B$10,7,0)+IF('Standard Profiles'!$G$21=$B$17,14,0)+IF('Standard Profiles'!$G$21=$B$24,21,0),MOD($C6302,24)+1)/SUM(INDEX($D$3:$AA$30,INDEX(Jesper!$R$2:$R$366,ROW(INDEX(Jesper!AK$2:AK$366,ROUNDDOWN($C6302/24,0)+1,1))-1)+IF('Standard Profiles'!$G$21=$B$10,7,0)+IF('Standard Profiles'!$G$21=$B$17,14,0)+IF('Standard Profiles'!$G$21=$B$24,21,0),0)),0)</f>
        <v>0.28991287490514023</v>
      </c>
      <c r="H6302" cm="1">
        <f t="array" ref="H6302">IFERROR(INDEX(Jesper!AL$2:AL$366,ROUNDDOWN($C6302/24,0)+1,1)*INDEX($D$3:$AA$30,INDEX(Jesper!$R$2:$R$366,ROW(INDEX(Jesper!AL$2:AL$366,ROUNDDOWN($C6302/24,0)+1,1))-1)+IF('Standard Profiles'!$G$22=$B$10,7,0)+IF('Standard Profiles'!$G$22=$B$17,14,0)+IF('Standard Profiles'!$G$22=$B$24,21,0),MOD($C6302,24)+1)/SUM(INDEX($D$3:$AA$30,INDEX(Jesper!$R$2:$R$366,ROW(INDEX(Jesper!AL$2:AL$366,ROUNDDOWN($C6302/24,0)+1,1))-1)+IF('Standard Profiles'!$G$22=$B$10,7,0)+IF('Standard Profiles'!$G$22=$B$17,14,0)+IF('Standard Profiles'!$G$22=$B$24,21,0),0)),0)</f>
        <v>0</v>
      </c>
      <c r="I6302">
        <f t="shared" si="699"/>
        <v>0.13915817995446725</v>
      </c>
      <c r="J6302">
        <f t="shared" si="700"/>
        <v>6.8404732785691129</v>
      </c>
      <c r="K6302">
        <f t="shared" si="701"/>
        <v>0.56083721969760625</v>
      </c>
      <c r="L6302">
        <f t="shared" si="702"/>
        <v>0.28041860984880312</v>
      </c>
      <c r="M6302">
        <f t="shared" si="703"/>
        <v>0</v>
      </c>
      <c r="N6302" s="45">
        <f t="shared" si="704"/>
        <v>45188.166666651465</v>
      </c>
    </row>
    <row r="6303" spans="2:14" x14ac:dyDescent="0.25">
      <c r="B6303">
        <f t="shared" si="698"/>
        <v>2</v>
      </c>
      <c r="C6303" s="16">
        <v>6269</v>
      </c>
      <c r="D6303" cm="1">
        <f t="array" ref="D6303">IFERROR(INDEX(Jesper!AH$2:AH$366,ROUNDDOWN($C6303/24,0)+1,1)*INDEX($D$3:$AA$30,INDEX(Jesper!$R$2:$R$366,ROW(INDEX(Jesper!AH$2:AH$366,ROUNDDOWN($C6303/24,0)+1,1))-1)+IF('Standard Profiles'!$G$18=$B$10,7,0)+IF('Standard Profiles'!$G$18=$B$17,14,0)+IF('Standard Profiles'!$G$18=$B$24,21,0),MOD($C6303,24)+1)/SUM(INDEX($D$3:$AA$30,INDEX(Jesper!$R$2:$R$366,ROW(INDEX(Jesper!AH$2:AH$366,ROUNDDOWN($C6303/24,0)+1,1))-1)+IF('Standard Profiles'!$G$18=$B$10,7,0)+IF('Standard Profiles'!$G$18=$B$17,14,0)+IF('Standard Profiles'!$G$18=$B$24,21,0),0)),0)</f>
        <v>5.2578489346650583</v>
      </c>
      <c r="E6303" cm="1">
        <f t="array" ref="E6303">IFERROR(INDEX(Jesper!AI$2:AI$366,ROUNDDOWN($C6303/24,0)+1,1)*INDEX($D$3:$AA$30,INDEX(Jesper!$R$2:$R$366,ROW(INDEX(Jesper!AI$2:AI$366,ROUNDDOWN($C6303/24,0)+1,1))-1)+IF('Standard Profiles'!$G$19=$B$10,7,0)+IF('Standard Profiles'!$G$19=$B$17,14,0)+IF('Standard Profiles'!$G$19=$B$24,21,0),MOD($C6303,24)+1)/SUM(INDEX($D$3:$AA$30,INDEX(Jesper!$R$2:$R$366,ROW(INDEX(Jesper!AI$2:AI$366,ROUNDDOWN($C6303/24,0)+1,1))-1)+IF('Standard Profiles'!$G$19=$B$10,7,0)+IF('Standard Profiles'!$G$19=$B$17,14,0)+IF('Standard Profiles'!$G$19=$B$24,21,0),0)),0)</f>
        <v>2.2731254784997916</v>
      </c>
      <c r="F6303" cm="1">
        <f t="array" ref="F6303">IFERROR(INDEX(Jesper!AJ$2:AJ$366,ROUNDDOWN($C6303/24,0)+1,1)*INDEX($D$3:$AA$30,INDEX(Jesper!$R$2:$R$366,ROW(INDEX(Jesper!AJ$2:AJ$366,ROUNDDOWN($C6303/24,0)+1,1))-1)+IF('Standard Profiles'!$G$20=$B$10,7,0)+IF('Standard Profiles'!$G$20=$B$17,14,0)+IF('Standard Profiles'!$G$20=$B$24,21,0),MOD($C6303,24)+1)/SUM(INDEX($D$3:$AA$30,INDEX(Jesper!$R$2:$R$366,ROW(INDEX(Jesper!AJ$2:AJ$366,ROUNDDOWN($C6303/24,0)+1,1))-1)+IF('Standard Profiles'!$G$20=$B$10,7,0)+IF('Standard Profiles'!$G$20=$B$17,14,0)+IF('Standard Profiles'!$G$20=$B$24,21,0),0)),0)</f>
        <v>0</v>
      </c>
      <c r="G6303" cm="1">
        <f t="array" ref="G6303">IFERROR(INDEX(Jesper!AK$2:AK$366,ROUNDDOWN($C6303/24,0)+1,1)*INDEX($D$3:$AA$30,INDEX(Jesper!$R$2:$R$366,ROW(INDEX(Jesper!AK$2:AK$366,ROUNDDOWN($C6303/24,0)+1,1))-1)+IF('Standard Profiles'!$G$21=$B$10,7,0)+IF('Standard Profiles'!$G$21=$B$17,14,0)+IF('Standard Profiles'!$G$21=$B$24,21,0),MOD($C6303,24)+1)/SUM(INDEX($D$3:$AA$30,INDEX(Jesper!$R$2:$R$366,ROW(INDEX(Jesper!AK$2:AK$366,ROUNDDOWN($C6303/24,0)+1,1))-1)+IF('Standard Profiles'!$G$21=$B$10,7,0)+IF('Standard Profiles'!$G$21=$B$17,14,0)+IF('Standard Profiles'!$G$21=$B$24,21,0),0)),0)</f>
        <v>0.28991287490514023</v>
      </c>
      <c r="H6303" cm="1">
        <f t="array" ref="H6303">IFERROR(INDEX(Jesper!AL$2:AL$366,ROUNDDOWN($C6303/24,0)+1,1)*INDEX($D$3:$AA$30,INDEX(Jesper!$R$2:$R$366,ROW(INDEX(Jesper!AL$2:AL$366,ROUNDDOWN($C6303/24,0)+1,1))-1)+IF('Standard Profiles'!$G$22=$B$10,7,0)+IF('Standard Profiles'!$G$22=$B$17,14,0)+IF('Standard Profiles'!$G$22=$B$24,21,0),MOD($C6303,24)+1)/SUM(INDEX($D$3:$AA$30,INDEX(Jesper!$R$2:$R$366,ROW(INDEX(Jesper!AL$2:AL$366,ROUNDDOWN($C6303/24,0)+1,1))-1)+IF('Standard Profiles'!$G$22=$B$10,7,0)+IF('Standard Profiles'!$G$22=$B$17,14,0)+IF('Standard Profiles'!$G$22=$B$24,21,0),0)),0)</f>
        <v>0</v>
      </c>
      <c r="I6303">
        <f t="shared" si="699"/>
        <v>0.13915817995446725</v>
      </c>
      <c r="J6303">
        <f t="shared" si="700"/>
        <v>6.8404732785691129</v>
      </c>
      <c r="K6303">
        <f t="shared" si="701"/>
        <v>0.56083721969760625</v>
      </c>
      <c r="L6303">
        <f t="shared" si="702"/>
        <v>0.28041860984880312</v>
      </c>
      <c r="M6303">
        <f t="shared" si="703"/>
        <v>0</v>
      </c>
      <c r="N6303" s="45">
        <f t="shared" si="704"/>
        <v>45188.208333318129</v>
      </c>
    </row>
    <row r="6304" spans="2:14" x14ac:dyDescent="0.25">
      <c r="B6304">
        <f t="shared" si="698"/>
        <v>2</v>
      </c>
      <c r="C6304" s="16">
        <v>6270</v>
      </c>
      <c r="D6304" cm="1">
        <f t="array" ref="D6304">IFERROR(INDEX(Jesper!AH$2:AH$366,ROUNDDOWN($C6304/24,0)+1,1)*INDEX($D$3:$AA$30,INDEX(Jesper!$R$2:$R$366,ROW(INDEX(Jesper!AH$2:AH$366,ROUNDDOWN($C6304/24,0)+1,1))-1)+IF('Standard Profiles'!$G$18=$B$10,7,0)+IF('Standard Profiles'!$G$18=$B$17,14,0)+IF('Standard Profiles'!$G$18=$B$24,21,0),MOD($C6304,24)+1)/SUM(INDEX($D$3:$AA$30,INDEX(Jesper!$R$2:$R$366,ROW(INDEX(Jesper!AH$2:AH$366,ROUNDDOWN($C6304/24,0)+1,1))-1)+IF('Standard Profiles'!$G$18=$B$10,7,0)+IF('Standard Profiles'!$G$18=$B$17,14,0)+IF('Standard Profiles'!$G$18=$B$24,21,0),0)),0)</f>
        <v>5.2578489346650583</v>
      </c>
      <c r="E6304" cm="1">
        <f t="array" ref="E6304">IFERROR(INDEX(Jesper!AI$2:AI$366,ROUNDDOWN($C6304/24,0)+1,1)*INDEX($D$3:$AA$30,INDEX(Jesper!$R$2:$R$366,ROW(INDEX(Jesper!AI$2:AI$366,ROUNDDOWN($C6304/24,0)+1,1))-1)+IF('Standard Profiles'!$G$19=$B$10,7,0)+IF('Standard Profiles'!$G$19=$B$17,14,0)+IF('Standard Profiles'!$G$19=$B$24,21,0),MOD($C6304,24)+1)/SUM(INDEX($D$3:$AA$30,INDEX(Jesper!$R$2:$R$366,ROW(INDEX(Jesper!AI$2:AI$366,ROUNDDOWN($C6304/24,0)+1,1))-1)+IF('Standard Profiles'!$G$19=$B$10,7,0)+IF('Standard Profiles'!$G$19=$B$17,14,0)+IF('Standard Profiles'!$G$19=$B$24,21,0),0)),0)</f>
        <v>2.2731254784997916</v>
      </c>
      <c r="F6304" cm="1">
        <f t="array" ref="F6304">IFERROR(INDEX(Jesper!AJ$2:AJ$366,ROUNDDOWN($C6304/24,0)+1,1)*INDEX($D$3:$AA$30,INDEX(Jesper!$R$2:$R$366,ROW(INDEX(Jesper!AJ$2:AJ$366,ROUNDDOWN($C6304/24,0)+1,1))-1)+IF('Standard Profiles'!$G$20=$B$10,7,0)+IF('Standard Profiles'!$G$20=$B$17,14,0)+IF('Standard Profiles'!$G$20=$B$24,21,0),MOD($C6304,24)+1)/SUM(INDEX($D$3:$AA$30,INDEX(Jesper!$R$2:$R$366,ROW(INDEX(Jesper!AJ$2:AJ$366,ROUNDDOWN($C6304/24,0)+1,1))-1)+IF('Standard Profiles'!$G$20=$B$10,7,0)+IF('Standard Profiles'!$G$20=$B$17,14,0)+IF('Standard Profiles'!$G$20=$B$24,21,0),0)),0)</f>
        <v>0</v>
      </c>
      <c r="G6304" cm="1">
        <f t="array" ref="G6304">IFERROR(INDEX(Jesper!AK$2:AK$366,ROUNDDOWN($C6304/24,0)+1,1)*INDEX($D$3:$AA$30,INDEX(Jesper!$R$2:$R$366,ROW(INDEX(Jesper!AK$2:AK$366,ROUNDDOWN($C6304/24,0)+1,1))-1)+IF('Standard Profiles'!$G$21=$B$10,7,0)+IF('Standard Profiles'!$G$21=$B$17,14,0)+IF('Standard Profiles'!$G$21=$B$24,21,0),MOD($C6304,24)+1)/SUM(INDEX($D$3:$AA$30,INDEX(Jesper!$R$2:$R$366,ROW(INDEX(Jesper!AK$2:AK$366,ROUNDDOWN($C6304/24,0)+1,1))-1)+IF('Standard Profiles'!$G$21=$B$10,7,0)+IF('Standard Profiles'!$G$21=$B$17,14,0)+IF('Standard Profiles'!$G$21=$B$24,21,0),0)),0)</f>
        <v>0.28991287490514023</v>
      </c>
      <c r="H6304" cm="1">
        <f t="array" ref="H6304">IFERROR(INDEX(Jesper!AL$2:AL$366,ROUNDDOWN($C6304/24,0)+1,1)*INDEX($D$3:$AA$30,INDEX(Jesper!$R$2:$R$366,ROW(INDEX(Jesper!AL$2:AL$366,ROUNDDOWN($C6304/24,0)+1,1))-1)+IF('Standard Profiles'!$G$22=$B$10,7,0)+IF('Standard Profiles'!$G$22=$B$17,14,0)+IF('Standard Profiles'!$G$22=$B$24,21,0),MOD($C6304,24)+1)/SUM(INDEX($D$3:$AA$30,INDEX(Jesper!$R$2:$R$366,ROW(INDEX(Jesper!AL$2:AL$366,ROUNDDOWN($C6304/24,0)+1,1))-1)+IF('Standard Profiles'!$G$22=$B$10,7,0)+IF('Standard Profiles'!$G$22=$B$17,14,0)+IF('Standard Profiles'!$G$22=$B$24,21,0),0)),0)</f>
        <v>0</v>
      </c>
      <c r="I6304">
        <f t="shared" si="699"/>
        <v>0.13915817995446725</v>
      </c>
      <c r="J6304">
        <f t="shared" si="700"/>
        <v>6.8404732785691129</v>
      </c>
      <c r="K6304">
        <f t="shared" si="701"/>
        <v>0.56083721969760625</v>
      </c>
      <c r="L6304">
        <f t="shared" si="702"/>
        <v>0.28041860984880312</v>
      </c>
      <c r="M6304">
        <f t="shared" si="703"/>
        <v>0</v>
      </c>
      <c r="N6304" s="45">
        <f t="shared" si="704"/>
        <v>45188.249999984793</v>
      </c>
    </row>
    <row r="6305" spans="2:14" x14ac:dyDescent="0.25">
      <c r="B6305">
        <f t="shared" si="698"/>
        <v>2</v>
      </c>
      <c r="C6305" s="16">
        <v>6271</v>
      </c>
      <c r="D6305" cm="1">
        <f t="array" ref="D6305">IFERROR(INDEX(Jesper!AH$2:AH$366,ROUNDDOWN($C6305/24,0)+1,1)*INDEX($D$3:$AA$30,INDEX(Jesper!$R$2:$R$366,ROW(INDEX(Jesper!AH$2:AH$366,ROUNDDOWN($C6305/24,0)+1,1))-1)+IF('Standard Profiles'!$G$18=$B$10,7,0)+IF('Standard Profiles'!$G$18=$B$17,14,0)+IF('Standard Profiles'!$G$18=$B$24,21,0),MOD($C6305,24)+1)/SUM(INDEX($D$3:$AA$30,INDEX(Jesper!$R$2:$R$366,ROW(INDEX(Jesper!AH$2:AH$366,ROUNDDOWN($C6305/24,0)+1,1))-1)+IF('Standard Profiles'!$G$18=$B$10,7,0)+IF('Standard Profiles'!$G$18=$B$17,14,0)+IF('Standard Profiles'!$G$18=$B$24,21,0),0)),0)</f>
        <v>22.165119415197381</v>
      </c>
      <c r="E6305" cm="1">
        <f t="array" ref="E6305">IFERROR(INDEX(Jesper!AI$2:AI$366,ROUNDDOWN($C6305/24,0)+1,1)*INDEX($D$3:$AA$30,INDEX(Jesper!$R$2:$R$366,ROW(INDEX(Jesper!AI$2:AI$366,ROUNDDOWN($C6305/24,0)+1,1))-1)+IF('Standard Profiles'!$G$19=$B$10,7,0)+IF('Standard Profiles'!$G$19=$B$17,14,0)+IF('Standard Profiles'!$G$19=$B$24,21,0),MOD($C6305,24)+1)/SUM(INDEX($D$3:$AA$30,INDEX(Jesper!$R$2:$R$366,ROW(INDEX(Jesper!AI$2:AI$366,ROUNDDOWN($C6305/24,0)+1,1))-1)+IF('Standard Profiles'!$G$19=$B$10,7,0)+IF('Standard Profiles'!$G$19=$B$17,14,0)+IF('Standard Profiles'!$G$19=$B$24,21,0),0)),0)</f>
        <v>9.5826445953006836</v>
      </c>
      <c r="F6305" cm="1">
        <f t="array" ref="F6305">IFERROR(INDEX(Jesper!AJ$2:AJ$366,ROUNDDOWN($C6305/24,0)+1,1)*INDEX($D$3:$AA$30,INDEX(Jesper!$R$2:$R$366,ROW(INDEX(Jesper!AJ$2:AJ$366,ROUNDDOWN($C6305/24,0)+1,1))-1)+IF('Standard Profiles'!$G$20=$B$10,7,0)+IF('Standard Profiles'!$G$20=$B$17,14,0)+IF('Standard Profiles'!$G$20=$B$24,21,0),MOD($C6305,24)+1)/SUM(INDEX($D$3:$AA$30,INDEX(Jesper!$R$2:$R$366,ROW(INDEX(Jesper!AJ$2:AJ$366,ROUNDDOWN($C6305/24,0)+1,1))-1)+IF('Standard Profiles'!$G$20=$B$10,7,0)+IF('Standard Profiles'!$G$20=$B$17,14,0)+IF('Standard Profiles'!$G$20=$B$24,21,0),0)),0)</f>
        <v>0</v>
      </c>
      <c r="G6305" cm="1">
        <f t="array" ref="G6305">IFERROR(INDEX(Jesper!AK$2:AK$366,ROUNDDOWN($C6305/24,0)+1,1)*INDEX($D$3:$AA$30,INDEX(Jesper!$R$2:$R$366,ROW(INDEX(Jesper!AK$2:AK$366,ROUNDDOWN($C6305/24,0)+1,1))-1)+IF('Standard Profiles'!$G$21=$B$10,7,0)+IF('Standard Profiles'!$G$21=$B$17,14,0)+IF('Standard Profiles'!$G$21=$B$24,21,0),MOD($C6305,24)+1)/SUM(INDEX($D$3:$AA$30,INDEX(Jesper!$R$2:$R$366,ROW(INDEX(Jesper!AK$2:AK$366,ROUNDDOWN($C6305/24,0)+1,1))-1)+IF('Standard Profiles'!$G$21=$B$10,7,0)+IF('Standard Profiles'!$G$21=$B$17,14,0)+IF('Standard Profiles'!$G$21=$B$24,21,0),0)),0)</f>
        <v>0.83513612029125872</v>
      </c>
      <c r="H6305" cm="1">
        <f t="array" ref="H6305">IFERROR(INDEX(Jesper!AL$2:AL$366,ROUNDDOWN($C6305/24,0)+1,1)*INDEX($D$3:$AA$30,INDEX(Jesper!$R$2:$R$366,ROW(INDEX(Jesper!AL$2:AL$366,ROUNDDOWN($C6305/24,0)+1,1))-1)+IF('Standard Profiles'!$G$22=$B$10,7,0)+IF('Standard Profiles'!$G$22=$B$17,14,0)+IF('Standard Profiles'!$G$22=$B$24,21,0),MOD($C6305,24)+1)/SUM(INDEX($D$3:$AA$30,INDEX(Jesper!$R$2:$R$366,ROW(INDEX(Jesper!AL$2:AL$366,ROUNDDOWN($C6305/24,0)+1,1))-1)+IF('Standard Profiles'!$G$22=$B$10,7,0)+IF('Standard Profiles'!$G$22=$B$17,14,0)+IF('Standard Profiles'!$G$22=$B$24,21,0),0)),0)</f>
        <v>0</v>
      </c>
      <c r="I6305">
        <f t="shared" si="699"/>
        <v>0.40086533773980398</v>
      </c>
      <c r="J6305">
        <f t="shared" si="700"/>
        <v>28.635615686617935</v>
      </c>
      <c r="K6305">
        <f t="shared" si="701"/>
        <v>2.3642794042877209</v>
      </c>
      <c r="L6305">
        <f t="shared" si="702"/>
        <v>1.1821397021438604</v>
      </c>
      <c r="M6305">
        <f t="shared" si="703"/>
        <v>0</v>
      </c>
      <c r="N6305" s="45">
        <f t="shared" si="704"/>
        <v>45188.291666651457</v>
      </c>
    </row>
    <row r="6306" spans="2:14" x14ac:dyDescent="0.25">
      <c r="B6306">
        <f t="shared" si="698"/>
        <v>2</v>
      </c>
      <c r="C6306" s="16">
        <v>6272</v>
      </c>
      <c r="D6306" cm="1">
        <f t="array" ref="D6306">IFERROR(INDEX(Jesper!AH$2:AH$366,ROUNDDOWN($C6306/24,0)+1,1)*INDEX($D$3:$AA$30,INDEX(Jesper!$R$2:$R$366,ROW(INDEX(Jesper!AH$2:AH$366,ROUNDDOWN($C6306/24,0)+1,1))-1)+IF('Standard Profiles'!$G$18=$B$10,7,0)+IF('Standard Profiles'!$G$18=$B$17,14,0)+IF('Standard Profiles'!$G$18=$B$24,21,0),MOD($C6306,24)+1)/SUM(INDEX($D$3:$AA$30,INDEX(Jesper!$R$2:$R$366,ROW(INDEX(Jesper!AH$2:AH$366,ROUNDDOWN($C6306/24,0)+1,1))-1)+IF('Standard Profiles'!$G$18=$B$10,7,0)+IF('Standard Profiles'!$G$18=$B$17,14,0)+IF('Standard Profiles'!$G$18=$B$24,21,0),0)),0)</f>
        <v>24.731606926430764</v>
      </c>
      <c r="E6306" cm="1">
        <f t="array" ref="E6306">IFERROR(INDEX(Jesper!AI$2:AI$366,ROUNDDOWN($C6306/24,0)+1,1)*INDEX($D$3:$AA$30,INDEX(Jesper!$R$2:$R$366,ROW(INDEX(Jesper!AI$2:AI$366,ROUNDDOWN($C6306/24,0)+1,1))-1)+IF('Standard Profiles'!$G$19=$B$10,7,0)+IF('Standard Profiles'!$G$19=$B$17,14,0)+IF('Standard Profiles'!$G$19=$B$24,21,0),MOD($C6306,24)+1)/SUM(INDEX($D$3:$AA$30,INDEX(Jesper!$R$2:$R$366,ROW(INDEX(Jesper!AI$2:AI$366,ROUNDDOWN($C6306/24,0)+1,1))-1)+IF('Standard Profiles'!$G$19=$B$10,7,0)+IF('Standard Profiles'!$G$19=$B$17,14,0)+IF('Standard Profiles'!$G$19=$B$24,21,0),0)),0)</f>
        <v>10.692213969493396</v>
      </c>
      <c r="F6306" cm="1">
        <f t="array" ref="F6306">IFERROR(INDEX(Jesper!AJ$2:AJ$366,ROUNDDOWN($C6306/24,0)+1,1)*INDEX($D$3:$AA$30,INDEX(Jesper!$R$2:$R$366,ROW(INDEX(Jesper!AJ$2:AJ$366,ROUNDDOWN($C6306/24,0)+1,1))-1)+IF('Standard Profiles'!$G$20=$B$10,7,0)+IF('Standard Profiles'!$G$20=$B$17,14,0)+IF('Standard Profiles'!$G$20=$B$24,21,0),MOD($C6306,24)+1)/SUM(INDEX($D$3:$AA$30,INDEX(Jesper!$R$2:$R$366,ROW(INDEX(Jesper!AJ$2:AJ$366,ROUNDDOWN($C6306/24,0)+1,1))-1)+IF('Standard Profiles'!$G$20=$B$10,7,0)+IF('Standard Profiles'!$G$20=$B$17,14,0)+IF('Standard Profiles'!$G$20=$B$24,21,0),0)),0)</f>
        <v>0</v>
      </c>
      <c r="G6306" cm="1">
        <f t="array" ref="G6306">IFERROR(INDEX(Jesper!AK$2:AK$366,ROUNDDOWN($C6306/24,0)+1,1)*INDEX($D$3:$AA$30,INDEX(Jesper!$R$2:$R$366,ROW(INDEX(Jesper!AK$2:AK$366,ROUNDDOWN($C6306/24,0)+1,1))-1)+IF('Standard Profiles'!$G$21=$B$10,7,0)+IF('Standard Profiles'!$G$21=$B$17,14,0)+IF('Standard Profiles'!$G$21=$B$24,21,0),MOD($C6306,24)+1)/SUM(INDEX($D$3:$AA$30,INDEX(Jesper!$R$2:$R$366,ROW(INDEX(Jesper!AK$2:AK$366,ROUNDDOWN($C6306/24,0)+1,1))-1)+IF('Standard Profiles'!$G$21=$B$10,7,0)+IF('Standard Profiles'!$G$21=$B$17,14,0)+IF('Standard Profiles'!$G$21=$B$24,21,0),0)),0)</f>
        <v>0.93183609211445717</v>
      </c>
      <c r="H6306" cm="1">
        <f t="array" ref="H6306">IFERROR(INDEX(Jesper!AL$2:AL$366,ROUNDDOWN($C6306/24,0)+1,1)*INDEX($D$3:$AA$30,INDEX(Jesper!$R$2:$R$366,ROW(INDEX(Jesper!AL$2:AL$366,ROUNDDOWN($C6306/24,0)+1,1))-1)+IF('Standard Profiles'!$G$22=$B$10,7,0)+IF('Standard Profiles'!$G$22=$B$17,14,0)+IF('Standard Profiles'!$G$22=$B$24,21,0),MOD($C6306,24)+1)/SUM(INDEX($D$3:$AA$30,INDEX(Jesper!$R$2:$R$366,ROW(INDEX(Jesper!AL$2:AL$366,ROUNDDOWN($C6306/24,0)+1,1))-1)+IF('Standard Profiles'!$G$22=$B$10,7,0)+IF('Standard Profiles'!$G$22=$B$17,14,0)+IF('Standard Profiles'!$G$22=$B$24,21,0),0)),0)</f>
        <v>0</v>
      </c>
      <c r="I6306">
        <f t="shared" si="699"/>
        <v>0.44728132421493921</v>
      </c>
      <c r="J6306">
        <f t="shared" si="700"/>
        <v>31.951318555594753</v>
      </c>
      <c r="K6306">
        <f t="shared" si="701"/>
        <v>2.6380380721526149</v>
      </c>
      <c r="L6306">
        <f t="shared" si="702"/>
        <v>1.3190190360763074</v>
      </c>
      <c r="M6306">
        <f t="shared" si="703"/>
        <v>0</v>
      </c>
      <c r="N6306" s="45">
        <f t="shared" si="704"/>
        <v>45188.333333318122</v>
      </c>
    </row>
    <row r="6307" spans="2:14" x14ac:dyDescent="0.25">
      <c r="B6307">
        <f t="shared" ref="B6307:B6370" si="705">WEEKDAY(N6307,2)</f>
        <v>2</v>
      </c>
      <c r="C6307" s="16">
        <v>6273</v>
      </c>
      <c r="D6307" cm="1">
        <f t="array" ref="D6307">IFERROR(INDEX(Jesper!AH$2:AH$366,ROUNDDOWN($C6307/24,0)+1,1)*INDEX($D$3:$AA$30,INDEX(Jesper!$R$2:$R$366,ROW(INDEX(Jesper!AH$2:AH$366,ROUNDDOWN($C6307/24,0)+1,1))-1)+IF('Standard Profiles'!$G$18=$B$10,7,0)+IF('Standard Profiles'!$G$18=$B$17,14,0)+IF('Standard Profiles'!$G$18=$B$24,21,0),MOD($C6307,24)+1)/SUM(INDEX($D$3:$AA$30,INDEX(Jesper!$R$2:$R$366,ROW(INDEX(Jesper!AH$2:AH$366,ROUNDDOWN($C6307/24,0)+1,1))-1)+IF('Standard Profiles'!$G$18=$B$10,7,0)+IF('Standard Profiles'!$G$18=$B$17,14,0)+IF('Standard Profiles'!$G$18=$B$24,21,0),0)),0)</f>
        <v>27.298094437664147</v>
      </c>
      <c r="E6307" cm="1">
        <f t="array" ref="E6307">IFERROR(INDEX(Jesper!AI$2:AI$366,ROUNDDOWN($C6307/24,0)+1,1)*INDEX($D$3:$AA$30,INDEX(Jesper!$R$2:$R$366,ROW(INDEX(Jesper!AI$2:AI$366,ROUNDDOWN($C6307/24,0)+1,1))-1)+IF('Standard Profiles'!$G$19=$B$10,7,0)+IF('Standard Profiles'!$G$19=$B$17,14,0)+IF('Standard Profiles'!$G$19=$B$24,21,0),MOD($C6307,24)+1)/SUM(INDEX($D$3:$AA$30,INDEX(Jesper!$R$2:$R$366,ROW(INDEX(Jesper!AI$2:AI$366,ROUNDDOWN($C6307/24,0)+1,1))-1)+IF('Standard Profiles'!$G$19=$B$10,7,0)+IF('Standard Profiles'!$G$19=$B$17,14,0)+IF('Standard Profiles'!$G$19=$B$24,21,0),0)),0)</f>
        <v>11.801783343686107</v>
      </c>
      <c r="F6307" cm="1">
        <f t="array" ref="F6307">IFERROR(INDEX(Jesper!AJ$2:AJ$366,ROUNDDOWN($C6307/24,0)+1,1)*INDEX($D$3:$AA$30,INDEX(Jesper!$R$2:$R$366,ROW(INDEX(Jesper!AJ$2:AJ$366,ROUNDDOWN($C6307/24,0)+1,1))-1)+IF('Standard Profiles'!$G$20=$B$10,7,0)+IF('Standard Profiles'!$G$20=$B$17,14,0)+IF('Standard Profiles'!$G$20=$B$24,21,0),MOD($C6307,24)+1)/SUM(INDEX($D$3:$AA$30,INDEX(Jesper!$R$2:$R$366,ROW(INDEX(Jesper!AJ$2:AJ$366,ROUNDDOWN($C6307/24,0)+1,1))-1)+IF('Standard Profiles'!$G$20=$B$10,7,0)+IF('Standard Profiles'!$G$20=$B$17,14,0)+IF('Standard Profiles'!$G$20=$B$24,21,0),0)),0)</f>
        <v>0</v>
      </c>
      <c r="G6307" cm="1">
        <f t="array" ref="G6307">IFERROR(INDEX(Jesper!AK$2:AK$366,ROUNDDOWN($C6307/24,0)+1,1)*INDEX($D$3:$AA$30,INDEX(Jesper!$R$2:$R$366,ROW(INDEX(Jesper!AK$2:AK$366,ROUNDDOWN($C6307/24,0)+1,1))-1)+IF('Standard Profiles'!$G$21=$B$10,7,0)+IF('Standard Profiles'!$G$21=$B$17,14,0)+IF('Standard Profiles'!$G$21=$B$24,21,0),MOD($C6307,24)+1)/SUM(INDEX($D$3:$AA$30,INDEX(Jesper!$R$2:$R$366,ROW(INDEX(Jesper!AK$2:AK$366,ROUNDDOWN($C6307/24,0)+1,1))-1)+IF('Standard Profiles'!$G$21=$B$10,7,0)+IF('Standard Profiles'!$G$21=$B$17,14,0)+IF('Standard Profiles'!$G$21=$B$24,21,0),0)),0)</f>
        <v>1.0285360639376555</v>
      </c>
      <c r="H6307" cm="1">
        <f t="array" ref="H6307">IFERROR(INDEX(Jesper!AL$2:AL$366,ROUNDDOWN($C6307/24,0)+1,1)*INDEX($D$3:$AA$30,INDEX(Jesper!$R$2:$R$366,ROW(INDEX(Jesper!AL$2:AL$366,ROUNDDOWN($C6307/24,0)+1,1))-1)+IF('Standard Profiles'!$G$22=$B$10,7,0)+IF('Standard Profiles'!$G$22=$B$17,14,0)+IF('Standard Profiles'!$G$22=$B$24,21,0),MOD($C6307,24)+1)/SUM(INDEX($D$3:$AA$30,INDEX(Jesper!$R$2:$R$366,ROW(INDEX(Jesper!AL$2:AL$366,ROUNDDOWN($C6307/24,0)+1,1))-1)+IF('Standard Profiles'!$G$22=$B$10,7,0)+IF('Standard Profiles'!$G$22=$B$17,14,0)+IF('Standard Profiles'!$G$22=$B$24,21,0),0)),0)</f>
        <v>0</v>
      </c>
      <c r="I6307">
        <f t="shared" ref="I6307:I6370" si="706">IF($B6307&lt;6,AC$37*$D6307+AC$38*$E6307+AC$39*$F6307+AC$40*$G6307,AC$46*$D6307+AC$47*$E6307+AC$48*$F6307+AC$49*$G6307+AC$50*$H6307)</f>
        <v>0.49369731069007439</v>
      </c>
      <c r="J6307">
        <f t="shared" ref="J6307:J6370" si="707">IF($B6307&lt;6,AD$37*$D6307+AD$38*$E6307+AD$39*$F6307+AD$40*$G6307,AD$46*$D6307+AD$47*$E6307+AD$48*$F6307+AD$49*$G6307+AD$50*$H6307)</f>
        <v>35.267021424571574</v>
      </c>
      <c r="K6307">
        <f t="shared" ref="K6307:K6370" si="708">IF($B6307&lt;6,AE$37*$D6307+AE$38*$E6307+AE$39*$F6307+AE$40*$G6307,AE$46*$D6307+AE$47*$E6307+AE$48*$F6307+AE$49*$G6307+AE$50*$H6307)</f>
        <v>2.9117967400175093</v>
      </c>
      <c r="L6307">
        <f t="shared" ref="L6307:L6370" si="709">IF($B6307&lt;6,AF$37*$D6307+AF$38*$E6307+AF$39*$F6307+AF$40*$G6307,AF$46*$D6307+AF$47*$E6307+AF$48*$F6307+AF$49*$G6307+AF$50*$H6307)</f>
        <v>1.4558983700087547</v>
      </c>
      <c r="M6307">
        <f t="shared" ref="M6307:M6370" si="710">IF($B6307&lt;6,AG$37*$D6307+AG$38*$E6307+AG$39*$F6307+AG$40*$G6307,AG$46*$D6307+AG$47*$E6307+AG$48*$F6307+AG$49*$G6307+AG$50*$H6307)</f>
        <v>0</v>
      </c>
      <c r="N6307" s="45">
        <f t="shared" si="704"/>
        <v>45188.374999984786</v>
      </c>
    </row>
    <row r="6308" spans="2:14" x14ac:dyDescent="0.25">
      <c r="B6308">
        <f t="shared" si="705"/>
        <v>2</v>
      </c>
      <c r="C6308" s="16">
        <v>6274</v>
      </c>
      <c r="D6308" cm="1">
        <f t="array" ref="D6308">IFERROR(INDEX(Jesper!AH$2:AH$366,ROUNDDOWN($C6308/24,0)+1,1)*INDEX($D$3:$AA$30,INDEX(Jesper!$R$2:$R$366,ROW(INDEX(Jesper!AH$2:AH$366,ROUNDDOWN($C6308/24,0)+1,1))-1)+IF('Standard Profiles'!$G$18=$B$10,7,0)+IF('Standard Profiles'!$G$18=$B$17,14,0)+IF('Standard Profiles'!$G$18=$B$24,21,0),MOD($C6308,24)+1)/SUM(INDEX($D$3:$AA$30,INDEX(Jesper!$R$2:$R$366,ROW(INDEX(Jesper!AH$2:AH$366,ROUNDDOWN($C6308/24,0)+1,1))-1)+IF('Standard Profiles'!$G$18=$B$10,7,0)+IF('Standard Profiles'!$G$18=$B$17,14,0)+IF('Standard Profiles'!$G$18=$B$24,21,0),0)),0)</f>
        <v>27.298094437664147</v>
      </c>
      <c r="E6308" cm="1">
        <f t="array" ref="E6308">IFERROR(INDEX(Jesper!AI$2:AI$366,ROUNDDOWN($C6308/24,0)+1,1)*INDEX($D$3:$AA$30,INDEX(Jesper!$R$2:$R$366,ROW(INDEX(Jesper!AI$2:AI$366,ROUNDDOWN($C6308/24,0)+1,1))-1)+IF('Standard Profiles'!$G$19=$B$10,7,0)+IF('Standard Profiles'!$G$19=$B$17,14,0)+IF('Standard Profiles'!$G$19=$B$24,21,0),MOD($C6308,24)+1)/SUM(INDEX($D$3:$AA$30,INDEX(Jesper!$R$2:$R$366,ROW(INDEX(Jesper!AI$2:AI$366,ROUNDDOWN($C6308/24,0)+1,1))-1)+IF('Standard Profiles'!$G$19=$B$10,7,0)+IF('Standard Profiles'!$G$19=$B$17,14,0)+IF('Standard Profiles'!$G$19=$B$24,21,0),0)),0)</f>
        <v>11.801783343686107</v>
      </c>
      <c r="F6308" cm="1">
        <f t="array" ref="F6308">IFERROR(INDEX(Jesper!AJ$2:AJ$366,ROUNDDOWN($C6308/24,0)+1,1)*INDEX($D$3:$AA$30,INDEX(Jesper!$R$2:$R$366,ROW(INDEX(Jesper!AJ$2:AJ$366,ROUNDDOWN($C6308/24,0)+1,1))-1)+IF('Standard Profiles'!$G$20=$B$10,7,0)+IF('Standard Profiles'!$G$20=$B$17,14,0)+IF('Standard Profiles'!$G$20=$B$24,21,0),MOD($C6308,24)+1)/SUM(INDEX($D$3:$AA$30,INDEX(Jesper!$R$2:$R$366,ROW(INDEX(Jesper!AJ$2:AJ$366,ROUNDDOWN($C6308/24,0)+1,1))-1)+IF('Standard Profiles'!$G$20=$B$10,7,0)+IF('Standard Profiles'!$G$20=$B$17,14,0)+IF('Standard Profiles'!$G$20=$B$24,21,0),0)),0)</f>
        <v>0</v>
      </c>
      <c r="G6308" cm="1">
        <f t="array" ref="G6308">IFERROR(INDEX(Jesper!AK$2:AK$366,ROUNDDOWN($C6308/24,0)+1,1)*INDEX($D$3:$AA$30,INDEX(Jesper!$R$2:$R$366,ROW(INDEX(Jesper!AK$2:AK$366,ROUNDDOWN($C6308/24,0)+1,1))-1)+IF('Standard Profiles'!$G$21=$B$10,7,0)+IF('Standard Profiles'!$G$21=$B$17,14,0)+IF('Standard Profiles'!$G$21=$B$24,21,0),MOD($C6308,24)+1)/SUM(INDEX($D$3:$AA$30,INDEX(Jesper!$R$2:$R$366,ROW(INDEX(Jesper!AK$2:AK$366,ROUNDDOWN($C6308/24,0)+1,1))-1)+IF('Standard Profiles'!$G$21=$B$10,7,0)+IF('Standard Profiles'!$G$21=$B$17,14,0)+IF('Standard Profiles'!$G$21=$B$24,21,0),0)),0)</f>
        <v>1.0285360639376555</v>
      </c>
      <c r="H6308" cm="1">
        <f t="array" ref="H6308">IFERROR(INDEX(Jesper!AL$2:AL$366,ROUNDDOWN($C6308/24,0)+1,1)*INDEX($D$3:$AA$30,INDEX(Jesper!$R$2:$R$366,ROW(INDEX(Jesper!AL$2:AL$366,ROUNDDOWN($C6308/24,0)+1,1))-1)+IF('Standard Profiles'!$G$22=$B$10,7,0)+IF('Standard Profiles'!$G$22=$B$17,14,0)+IF('Standard Profiles'!$G$22=$B$24,21,0),MOD($C6308,24)+1)/SUM(INDEX($D$3:$AA$30,INDEX(Jesper!$R$2:$R$366,ROW(INDEX(Jesper!AL$2:AL$366,ROUNDDOWN($C6308/24,0)+1,1))-1)+IF('Standard Profiles'!$G$22=$B$10,7,0)+IF('Standard Profiles'!$G$22=$B$17,14,0)+IF('Standard Profiles'!$G$22=$B$24,21,0),0)),0)</f>
        <v>0</v>
      </c>
      <c r="I6308">
        <f t="shared" si="706"/>
        <v>0.49369731069007439</v>
      </c>
      <c r="J6308">
        <f t="shared" si="707"/>
        <v>35.267021424571574</v>
      </c>
      <c r="K6308">
        <f t="shared" si="708"/>
        <v>2.9117967400175093</v>
      </c>
      <c r="L6308">
        <f t="shared" si="709"/>
        <v>1.4558983700087547</v>
      </c>
      <c r="M6308">
        <f t="shared" si="710"/>
        <v>0</v>
      </c>
      <c r="N6308" s="45">
        <f t="shared" ref="N6308:N6371" si="711">N6307+1/24</f>
        <v>45188.41666665145</v>
      </c>
    </row>
    <row r="6309" spans="2:14" x14ac:dyDescent="0.25">
      <c r="B6309">
        <f t="shared" si="705"/>
        <v>2</v>
      </c>
      <c r="C6309" s="16">
        <v>6275</v>
      </c>
      <c r="D6309" cm="1">
        <f t="array" ref="D6309">IFERROR(INDEX(Jesper!AH$2:AH$366,ROUNDDOWN($C6309/24,0)+1,1)*INDEX($D$3:$AA$30,INDEX(Jesper!$R$2:$R$366,ROW(INDEX(Jesper!AH$2:AH$366,ROUNDDOWN($C6309/24,0)+1,1))-1)+IF('Standard Profiles'!$G$18=$B$10,7,0)+IF('Standard Profiles'!$G$18=$B$17,14,0)+IF('Standard Profiles'!$G$18=$B$24,21,0),MOD($C6309,24)+1)/SUM(INDEX($D$3:$AA$30,INDEX(Jesper!$R$2:$R$366,ROW(INDEX(Jesper!AH$2:AH$366,ROUNDDOWN($C6309/24,0)+1,1))-1)+IF('Standard Profiles'!$G$18=$B$10,7,0)+IF('Standard Profiles'!$G$18=$B$17,14,0)+IF('Standard Profiles'!$G$18=$B$24,21,0),0)),0)</f>
        <v>32.664386506606675</v>
      </c>
      <c r="E6309" cm="1">
        <f t="array" ref="E6309">IFERROR(INDEX(Jesper!AI$2:AI$366,ROUNDDOWN($C6309/24,0)+1,1)*INDEX($D$3:$AA$30,INDEX(Jesper!$R$2:$R$366,ROW(INDEX(Jesper!AI$2:AI$366,ROUNDDOWN($C6309/24,0)+1,1))-1)+IF('Standard Profiles'!$G$19=$B$10,7,0)+IF('Standard Profiles'!$G$19=$B$17,14,0)+IF('Standard Profiles'!$G$19=$B$24,21,0),MOD($C6309,24)+1)/SUM(INDEX($D$3:$AA$30,INDEX(Jesper!$R$2:$R$366,ROW(INDEX(Jesper!AI$2:AI$366,ROUNDDOWN($C6309/24,0)+1,1))-1)+IF('Standard Profiles'!$G$19=$B$10,7,0)+IF('Standard Profiles'!$G$19=$B$17,14,0)+IF('Standard Profiles'!$G$19=$B$24,21,0),0)),0)</f>
        <v>14.121792035179956</v>
      </c>
      <c r="F6309" cm="1">
        <f t="array" ref="F6309">IFERROR(INDEX(Jesper!AJ$2:AJ$366,ROUNDDOWN($C6309/24,0)+1,1)*INDEX($D$3:$AA$30,INDEX(Jesper!$R$2:$R$366,ROW(INDEX(Jesper!AJ$2:AJ$366,ROUNDDOWN($C6309/24,0)+1,1))-1)+IF('Standard Profiles'!$G$20=$B$10,7,0)+IF('Standard Profiles'!$G$20=$B$17,14,0)+IF('Standard Profiles'!$G$20=$B$24,21,0),MOD($C6309,24)+1)/SUM(INDEX($D$3:$AA$30,INDEX(Jesper!$R$2:$R$366,ROW(INDEX(Jesper!AJ$2:AJ$366,ROUNDDOWN($C6309/24,0)+1,1))-1)+IF('Standard Profiles'!$G$20=$B$10,7,0)+IF('Standard Profiles'!$G$20=$B$17,14,0)+IF('Standard Profiles'!$G$20=$B$24,21,0),0)),0)</f>
        <v>0</v>
      </c>
      <c r="G6309" cm="1">
        <f t="array" ref="G6309">IFERROR(INDEX(Jesper!AK$2:AK$366,ROUNDDOWN($C6309/24,0)+1,1)*INDEX($D$3:$AA$30,INDEX(Jesper!$R$2:$R$366,ROW(INDEX(Jesper!AK$2:AK$366,ROUNDDOWN($C6309/24,0)+1,1))-1)+IF('Standard Profiles'!$G$21=$B$10,7,0)+IF('Standard Profiles'!$G$21=$B$17,14,0)+IF('Standard Profiles'!$G$21=$B$24,21,0),MOD($C6309,24)+1)/SUM(INDEX($D$3:$AA$30,INDEX(Jesper!$R$2:$R$366,ROW(INDEX(Jesper!AK$2:AK$366,ROUNDDOWN($C6309/24,0)+1,1))-1)+IF('Standard Profiles'!$G$21=$B$10,7,0)+IF('Standard Profiles'!$G$21=$B$17,14,0)+IF('Standard Profiles'!$G$21=$B$24,21,0),0)),0)</f>
        <v>1.230726914113434</v>
      </c>
      <c r="H6309" cm="1">
        <f t="array" ref="H6309">IFERROR(INDEX(Jesper!AL$2:AL$366,ROUNDDOWN($C6309/24,0)+1,1)*INDEX($D$3:$AA$30,INDEX(Jesper!$R$2:$R$366,ROW(INDEX(Jesper!AL$2:AL$366,ROUNDDOWN($C6309/24,0)+1,1))-1)+IF('Standard Profiles'!$G$22=$B$10,7,0)+IF('Standard Profiles'!$G$22=$B$17,14,0)+IF('Standard Profiles'!$G$22=$B$24,21,0),MOD($C6309,24)+1)/SUM(INDEX($D$3:$AA$30,INDEX(Jesper!$R$2:$R$366,ROW(INDEX(Jesper!AL$2:AL$366,ROUNDDOWN($C6309/24,0)+1,1))-1)+IF('Standard Profiles'!$G$22=$B$10,7,0)+IF('Standard Profiles'!$G$22=$B$17,14,0)+IF('Standard Profiles'!$G$22=$B$24,21,0),0)),0)</f>
        <v>0</v>
      </c>
      <c r="I6309">
        <f t="shared" si="706"/>
        <v>0.59074891877444802</v>
      </c>
      <c r="J6309">
        <f t="shared" si="707"/>
        <v>42.199854696068549</v>
      </c>
      <c r="K6309">
        <f t="shared" si="708"/>
        <v>3.4842012273713787</v>
      </c>
      <c r="L6309">
        <f t="shared" si="709"/>
        <v>1.7421006136856894</v>
      </c>
      <c r="M6309">
        <f t="shared" si="710"/>
        <v>0</v>
      </c>
      <c r="N6309" s="45">
        <f t="shared" si="711"/>
        <v>45188.458333318114</v>
      </c>
    </row>
    <row r="6310" spans="2:14" x14ac:dyDescent="0.25">
      <c r="B6310">
        <f t="shared" si="705"/>
        <v>2</v>
      </c>
      <c r="C6310" s="16">
        <v>6276</v>
      </c>
      <c r="D6310" cm="1">
        <f t="array" ref="D6310">IFERROR(INDEX(Jesper!AH$2:AH$366,ROUNDDOWN($C6310/24,0)+1,1)*INDEX($D$3:$AA$30,INDEX(Jesper!$R$2:$R$366,ROW(INDEX(Jesper!AH$2:AH$366,ROUNDDOWN($C6310/24,0)+1,1))-1)+IF('Standard Profiles'!$G$18=$B$10,7,0)+IF('Standard Profiles'!$G$18=$B$17,14,0)+IF('Standard Profiles'!$G$18=$B$24,21,0),MOD($C6310,24)+1)/SUM(INDEX($D$3:$AA$30,INDEX(Jesper!$R$2:$R$366,ROW(INDEX(Jesper!AH$2:AH$366,ROUNDDOWN($C6310/24,0)+1,1))-1)+IF('Standard Profiles'!$G$18=$B$10,7,0)+IF('Standard Profiles'!$G$18=$B$17,14,0)+IF('Standard Profiles'!$G$18=$B$24,21,0),0)),0)</f>
        <v>32.664386506606675</v>
      </c>
      <c r="E6310" cm="1">
        <f t="array" ref="E6310">IFERROR(INDEX(Jesper!AI$2:AI$366,ROUNDDOWN($C6310/24,0)+1,1)*INDEX($D$3:$AA$30,INDEX(Jesper!$R$2:$R$366,ROW(INDEX(Jesper!AI$2:AI$366,ROUNDDOWN($C6310/24,0)+1,1))-1)+IF('Standard Profiles'!$G$19=$B$10,7,0)+IF('Standard Profiles'!$G$19=$B$17,14,0)+IF('Standard Profiles'!$G$19=$B$24,21,0),MOD($C6310,24)+1)/SUM(INDEX($D$3:$AA$30,INDEX(Jesper!$R$2:$R$366,ROW(INDEX(Jesper!AI$2:AI$366,ROUNDDOWN($C6310/24,0)+1,1))-1)+IF('Standard Profiles'!$G$19=$B$10,7,0)+IF('Standard Profiles'!$G$19=$B$17,14,0)+IF('Standard Profiles'!$G$19=$B$24,21,0),0)),0)</f>
        <v>14.121792035179956</v>
      </c>
      <c r="F6310" cm="1">
        <f t="array" ref="F6310">IFERROR(INDEX(Jesper!AJ$2:AJ$366,ROUNDDOWN($C6310/24,0)+1,1)*INDEX($D$3:$AA$30,INDEX(Jesper!$R$2:$R$366,ROW(INDEX(Jesper!AJ$2:AJ$366,ROUNDDOWN($C6310/24,0)+1,1))-1)+IF('Standard Profiles'!$G$20=$B$10,7,0)+IF('Standard Profiles'!$G$20=$B$17,14,0)+IF('Standard Profiles'!$G$20=$B$24,21,0),MOD($C6310,24)+1)/SUM(INDEX($D$3:$AA$30,INDEX(Jesper!$R$2:$R$366,ROW(INDEX(Jesper!AJ$2:AJ$366,ROUNDDOWN($C6310/24,0)+1,1))-1)+IF('Standard Profiles'!$G$20=$B$10,7,0)+IF('Standard Profiles'!$G$20=$B$17,14,0)+IF('Standard Profiles'!$G$20=$B$24,21,0),0)),0)</f>
        <v>0</v>
      </c>
      <c r="G6310" cm="1">
        <f t="array" ref="G6310">IFERROR(INDEX(Jesper!AK$2:AK$366,ROUNDDOWN($C6310/24,0)+1,1)*INDEX($D$3:$AA$30,INDEX(Jesper!$R$2:$R$366,ROW(INDEX(Jesper!AK$2:AK$366,ROUNDDOWN($C6310/24,0)+1,1))-1)+IF('Standard Profiles'!$G$21=$B$10,7,0)+IF('Standard Profiles'!$G$21=$B$17,14,0)+IF('Standard Profiles'!$G$21=$B$24,21,0),MOD($C6310,24)+1)/SUM(INDEX($D$3:$AA$30,INDEX(Jesper!$R$2:$R$366,ROW(INDEX(Jesper!AK$2:AK$366,ROUNDDOWN($C6310/24,0)+1,1))-1)+IF('Standard Profiles'!$G$21=$B$10,7,0)+IF('Standard Profiles'!$G$21=$B$17,14,0)+IF('Standard Profiles'!$G$21=$B$24,21,0),0)),0)</f>
        <v>1.230726914113434</v>
      </c>
      <c r="H6310" cm="1">
        <f t="array" ref="H6310">IFERROR(INDEX(Jesper!AL$2:AL$366,ROUNDDOWN($C6310/24,0)+1,1)*INDEX($D$3:$AA$30,INDEX(Jesper!$R$2:$R$366,ROW(INDEX(Jesper!AL$2:AL$366,ROUNDDOWN($C6310/24,0)+1,1))-1)+IF('Standard Profiles'!$G$22=$B$10,7,0)+IF('Standard Profiles'!$G$22=$B$17,14,0)+IF('Standard Profiles'!$G$22=$B$24,21,0),MOD($C6310,24)+1)/SUM(INDEX($D$3:$AA$30,INDEX(Jesper!$R$2:$R$366,ROW(INDEX(Jesper!AL$2:AL$366,ROUNDDOWN($C6310/24,0)+1,1))-1)+IF('Standard Profiles'!$G$22=$B$10,7,0)+IF('Standard Profiles'!$G$22=$B$17,14,0)+IF('Standard Profiles'!$G$22=$B$24,21,0),0)),0)</f>
        <v>0</v>
      </c>
      <c r="I6310">
        <f t="shared" si="706"/>
        <v>0.59074891877444802</v>
      </c>
      <c r="J6310">
        <f t="shared" si="707"/>
        <v>42.199854696068549</v>
      </c>
      <c r="K6310">
        <f t="shared" si="708"/>
        <v>3.4842012273713787</v>
      </c>
      <c r="L6310">
        <f t="shared" si="709"/>
        <v>1.7421006136856894</v>
      </c>
      <c r="M6310">
        <f t="shared" si="710"/>
        <v>0</v>
      </c>
      <c r="N6310" s="45">
        <f t="shared" si="711"/>
        <v>45188.499999984779</v>
      </c>
    </row>
    <row r="6311" spans="2:14" x14ac:dyDescent="0.25">
      <c r="B6311">
        <f t="shared" si="705"/>
        <v>2</v>
      </c>
      <c r="C6311" s="16">
        <v>6277</v>
      </c>
      <c r="D6311" cm="1">
        <f t="array" ref="D6311">IFERROR(INDEX(Jesper!AH$2:AH$366,ROUNDDOWN($C6311/24,0)+1,1)*INDEX($D$3:$AA$30,INDEX(Jesper!$R$2:$R$366,ROW(INDEX(Jesper!AH$2:AH$366,ROUNDDOWN($C6311/24,0)+1,1))-1)+IF('Standard Profiles'!$G$18=$B$10,7,0)+IF('Standard Profiles'!$G$18=$B$17,14,0)+IF('Standard Profiles'!$G$18=$B$24,21,0),MOD($C6311,24)+1)/SUM(INDEX($D$3:$AA$30,INDEX(Jesper!$R$2:$R$366,ROW(INDEX(Jesper!AH$2:AH$366,ROUNDDOWN($C6311/24,0)+1,1))-1)+IF('Standard Profiles'!$G$18=$B$10,7,0)+IF('Standard Profiles'!$G$18=$B$17,14,0)+IF('Standard Profiles'!$G$18=$B$24,21,0),0)),0)</f>
        <v>21.698485322245862</v>
      </c>
      <c r="E6311" cm="1">
        <f t="array" ref="E6311">IFERROR(INDEX(Jesper!AI$2:AI$366,ROUNDDOWN($C6311/24,0)+1,1)*INDEX($D$3:$AA$30,INDEX(Jesper!$R$2:$R$366,ROW(INDEX(Jesper!AI$2:AI$366,ROUNDDOWN($C6311/24,0)+1,1))-1)+IF('Standard Profiles'!$G$19=$B$10,7,0)+IF('Standard Profiles'!$G$19=$B$17,14,0)+IF('Standard Profiles'!$G$19=$B$24,21,0),MOD($C6311,24)+1)/SUM(INDEX($D$3:$AA$30,INDEX(Jesper!$R$2:$R$366,ROW(INDEX(Jesper!AI$2:AI$366,ROUNDDOWN($C6311/24,0)+1,1))-1)+IF('Standard Profiles'!$G$19=$B$10,7,0)+IF('Standard Profiles'!$G$19=$B$17,14,0)+IF('Standard Profiles'!$G$19=$B$24,21,0),0)),0)</f>
        <v>9.3809047090838273</v>
      </c>
      <c r="F6311" cm="1">
        <f t="array" ref="F6311">IFERROR(INDEX(Jesper!AJ$2:AJ$366,ROUNDDOWN($C6311/24,0)+1,1)*INDEX($D$3:$AA$30,INDEX(Jesper!$R$2:$R$366,ROW(INDEX(Jesper!AJ$2:AJ$366,ROUNDDOWN($C6311/24,0)+1,1))-1)+IF('Standard Profiles'!$G$20=$B$10,7,0)+IF('Standard Profiles'!$G$20=$B$17,14,0)+IF('Standard Profiles'!$G$20=$B$24,21,0),MOD($C6311,24)+1)/SUM(INDEX($D$3:$AA$30,INDEX(Jesper!$R$2:$R$366,ROW(INDEX(Jesper!AJ$2:AJ$366,ROUNDDOWN($C6311/24,0)+1,1))-1)+IF('Standard Profiles'!$G$20=$B$10,7,0)+IF('Standard Profiles'!$G$20=$B$17,14,0)+IF('Standard Profiles'!$G$20=$B$24,21,0),0)),0)</f>
        <v>0</v>
      </c>
      <c r="G6311" cm="1">
        <f t="array" ref="G6311">IFERROR(INDEX(Jesper!AK$2:AK$366,ROUNDDOWN($C6311/24,0)+1,1)*INDEX($D$3:$AA$30,INDEX(Jesper!$R$2:$R$366,ROW(INDEX(Jesper!AK$2:AK$366,ROUNDDOWN($C6311/24,0)+1,1))-1)+IF('Standard Profiles'!$G$21=$B$10,7,0)+IF('Standard Profiles'!$G$21=$B$17,14,0)+IF('Standard Profiles'!$G$21=$B$24,21,0),MOD($C6311,24)+1)/SUM(INDEX($D$3:$AA$30,INDEX(Jesper!$R$2:$R$366,ROW(INDEX(Jesper!AK$2:AK$366,ROUNDDOWN($C6311/24,0)+1,1))-1)+IF('Standard Profiles'!$G$21=$B$10,7,0)+IF('Standard Profiles'!$G$21=$B$17,14,0)+IF('Standard Profiles'!$G$21=$B$24,21,0),0)),0)</f>
        <v>0.81755430723249534</v>
      </c>
      <c r="H6311" cm="1">
        <f t="array" ref="H6311">IFERROR(INDEX(Jesper!AL$2:AL$366,ROUNDDOWN($C6311/24,0)+1,1)*INDEX($D$3:$AA$30,INDEX(Jesper!$R$2:$R$366,ROW(INDEX(Jesper!AL$2:AL$366,ROUNDDOWN($C6311/24,0)+1,1))-1)+IF('Standard Profiles'!$G$22=$B$10,7,0)+IF('Standard Profiles'!$G$22=$B$17,14,0)+IF('Standard Profiles'!$G$22=$B$24,21,0),MOD($C6311,24)+1)/SUM(INDEX($D$3:$AA$30,INDEX(Jesper!$R$2:$R$366,ROW(INDEX(Jesper!AL$2:AL$366,ROUNDDOWN($C6311/24,0)+1,1))-1)+IF('Standard Profiles'!$G$22=$B$10,7,0)+IF('Standard Profiles'!$G$22=$B$17,14,0)+IF('Standard Profiles'!$G$22=$B$24,21,0),0)),0)</f>
        <v>0</v>
      </c>
      <c r="I6311">
        <f t="shared" si="706"/>
        <v>0.39242606747159758</v>
      </c>
      <c r="J6311">
        <f t="shared" si="707"/>
        <v>28.032760619531249</v>
      </c>
      <c r="K6311">
        <f t="shared" si="708"/>
        <v>2.3145051010395585</v>
      </c>
      <c r="L6311">
        <f t="shared" si="709"/>
        <v>1.1572525505197793</v>
      </c>
      <c r="M6311">
        <f t="shared" si="710"/>
        <v>0</v>
      </c>
      <c r="N6311" s="45">
        <f t="shared" si="711"/>
        <v>45188.541666651443</v>
      </c>
    </row>
    <row r="6312" spans="2:14" x14ac:dyDescent="0.25">
      <c r="B6312">
        <f t="shared" si="705"/>
        <v>2</v>
      </c>
      <c r="C6312" s="16">
        <v>6278</v>
      </c>
      <c r="D6312" cm="1">
        <f t="array" ref="D6312">IFERROR(INDEX(Jesper!AH$2:AH$366,ROUNDDOWN($C6312/24,0)+1,1)*INDEX($D$3:$AA$30,INDEX(Jesper!$R$2:$R$366,ROW(INDEX(Jesper!AH$2:AH$366,ROUNDDOWN($C6312/24,0)+1,1))-1)+IF('Standard Profiles'!$G$18=$B$10,7,0)+IF('Standard Profiles'!$G$18=$B$17,14,0)+IF('Standard Profiles'!$G$18=$B$24,21,0),MOD($C6312,24)+1)/SUM(INDEX($D$3:$AA$30,INDEX(Jesper!$R$2:$R$366,ROW(INDEX(Jesper!AH$2:AH$366,ROUNDDOWN($C6312/24,0)+1,1))-1)+IF('Standard Profiles'!$G$18=$B$10,7,0)+IF('Standard Profiles'!$G$18=$B$17,14,0)+IF('Standard Profiles'!$G$18=$B$24,21,0),0)),0)</f>
        <v>32.664386506606675</v>
      </c>
      <c r="E6312" cm="1">
        <f t="array" ref="E6312">IFERROR(INDEX(Jesper!AI$2:AI$366,ROUNDDOWN($C6312/24,0)+1,1)*INDEX($D$3:$AA$30,INDEX(Jesper!$R$2:$R$366,ROW(INDEX(Jesper!AI$2:AI$366,ROUNDDOWN($C6312/24,0)+1,1))-1)+IF('Standard Profiles'!$G$19=$B$10,7,0)+IF('Standard Profiles'!$G$19=$B$17,14,0)+IF('Standard Profiles'!$G$19=$B$24,21,0),MOD($C6312,24)+1)/SUM(INDEX($D$3:$AA$30,INDEX(Jesper!$R$2:$R$366,ROW(INDEX(Jesper!AI$2:AI$366,ROUNDDOWN($C6312/24,0)+1,1))-1)+IF('Standard Profiles'!$G$19=$B$10,7,0)+IF('Standard Profiles'!$G$19=$B$17,14,0)+IF('Standard Profiles'!$G$19=$B$24,21,0),0)),0)</f>
        <v>14.121792035179956</v>
      </c>
      <c r="F6312" cm="1">
        <f t="array" ref="F6312">IFERROR(INDEX(Jesper!AJ$2:AJ$366,ROUNDDOWN($C6312/24,0)+1,1)*INDEX($D$3:$AA$30,INDEX(Jesper!$R$2:$R$366,ROW(INDEX(Jesper!AJ$2:AJ$366,ROUNDDOWN($C6312/24,0)+1,1))-1)+IF('Standard Profiles'!$G$20=$B$10,7,0)+IF('Standard Profiles'!$G$20=$B$17,14,0)+IF('Standard Profiles'!$G$20=$B$24,21,0),MOD($C6312,24)+1)/SUM(INDEX($D$3:$AA$30,INDEX(Jesper!$R$2:$R$366,ROW(INDEX(Jesper!AJ$2:AJ$366,ROUNDDOWN($C6312/24,0)+1,1))-1)+IF('Standard Profiles'!$G$20=$B$10,7,0)+IF('Standard Profiles'!$G$20=$B$17,14,0)+IF('Standard Profiles'!$G$20=$B$24,21,0),0)),0)</f>
        <v>0</v>
      </c>
      <c r="G6312" cm="1">
        <f t="array" ref="G6312">IFERROR(INDEX(Jesper!AK$2:AK$366,ROUNDDOWN($C6312/24,0)+1,1)*INDEX($D$3:$AA$30,INDEX(Jesper!$R$2:$R$366,ROW(INDEX(Jesper!AK$2:AK$366,ROUNDDOWN($C6312/24,0)+1,1))-1)+IF('Standard Profiles'!$G$21=$B$10,7,0)+IF('Standard Profiles'!$G$21=$B$17,14,0)+IF('Standard Profiles'!$G$21=$B$24,21,0),MOD($C6312,24)+1)/SUM(INDEX($D$3:$AA$30,INDEX(Jesper!$R$2:$R$366,ROW(INDEX(Jesper!AK$2:AK$366,ROUNDDOWN($C6312/24,0)+1,1))-1)+IF('Standard Profiles'!$G$21=$B$10,7,0)+IF('Standard Profiles'!$G$21=$B$17,14,0)+IF('Standard Profiles'!$G$21=$B$24,21,0),0)),0)</f>
        <v>1.230726914113434</v>
      </c>
      <c r="H6312" cm="1">
        <f t="array" ref="H6312">IFERROR(INDEX(Jesper!AL$2:AL$366,ROUNDDOWN($C6312/24,0)+1,1)*INDEX($D$3:$AA$30,INDEX(Jesper!$R$2:$R$366,ROW(INDEX(Jesper!AL$2:AL$366,ROUNDDOWN($C6312/24,0)+1,1))-1)+IF('Standard Profiles'!$G$22=$B$10,7,0)+IF('Standard Profiles'!$G$22=$B$17,14,0)+IF('Standard Profiles'!$G$22=$B$24,21,0),MOD($C6312,24)+1)/SUM(INDEX($D$3:$AA$30,INDEX(Jesper!$R$2:$R$366,ROW(INDEX(Jesper!AL$2:AL$366,ROUNDDOWN($C6312/24,0)+1,1))-1)+IF('Standard Profiles'!$G$22=$B$10,7,0)+IF('Standard Profiles'!$G$22=$B$17,14,0)+IF('Standard Profiles'!$G$22=$B$24,21,0),0)),0)</f>
        <v>0</v>
      </c>
      <c r="I6312">
        <f t="shared" si="706"/>
        <v>0.59074891877444802</v>
      </c>
      <c r="J6312">
        <f t="shared" si="707"/>
        <v>42.199854696068549</v>
      </c>
      <c r="K6312">
        <f t="shared" si="708"/>
        <v>3.4842012273713787</v>
      </c>
      <c r="L6312">
        <f t="shared" si="709"/>
        <v>1.7421006136856894</v>
      </c>
      <c r="M6312">
        <f t="shared" si="710"/>
        <v>0</v>
      </c>
      <c r="N6312" s="45">
        <f t="shared" si="711"/>
        <v>45188.583333318107</v>
      </c>
    </row>
    <row r="6313" spans="2:14" x14ac:dyDescent="0.25">
      <c r="B6313">
        <f t="shared" si="705"/>
        <v>2</v>
      </c>
      <c r="C6313" s="16">
        <v>6279</v>
      </c>
      <c r="D6313" cm="1">
        <f t="array" ref="D6313">IFERROR(INDEX(Jesper!AH$2:AH$366,ROUNDDOWN($C6313/24,0)+1,1)*INDEX($D$3:$AA$30,INDEX(Jesper!$R$2:$R$366,ROW(INDEX(Jesper!AH$2:AH$366,ROUNDDOWN($C6313/24,0)+1,1))-1)+IF('Standard Profiles'!$G$18=$B$10,7,0)+IF('Standard Profiles'!$G$18=$B$17,14,0)+IF('Standard Profiles'!$G$18=$B$24,21,0),MOD($C6313,24)+1)/SUM(INDEX($D$3:$AA$30,INDEX(Jesper!$R$2:$R$366,ROW(INDEX(Jesper!AH$2:AH$366,ROUNDDOWN($C6313/24,0)+1,1))-1)+IF('Standard Profiles'!$G$18=$B$10,7,0)+IF('Standard Profiles'!$G$18=$B$17,14,0)+IF('Standard Profiles'!$G$18=$B$24,21,0),0)),0)</f>
        <v>32.664386506606675</v>
      </c>
      <c r="E6313" cm="1">
        <f t="array" ref="E6313">IFERROR(INDEX(Jesper!AI$2:AI$366,ROUNDDOWN($C6313/24,0)+1,1)*INDEX($D$3:$AA$30,INDEX(Jesper!$R$2:$R$366,ROW(INDEX(Jesper!AI$2:AI$366,ROUNDDOWN($C6313/24,0)+1,1))-1)+IF('Standard Profiles'!$G$19=$B$10,7,0)+IF('Standard Profiles'!$G$19=$B$17,14,0)+IF('Standard Profiles'!$G$19=$B$24,21,0),MOD($C6313,24)+1)/SUM(INDEX($D$3:$AA$30,INDEX(Jesper!$R$2:$R$366,ROW(INDEX(Jesper!AI$2:AI$366,ROUNDDOWN($C6313/24,0)+1,1))-1)+IF('Standard Profiles'!$G$19=$B$10,7,0)+IF('Standard Profiles'!$G$19=$B$17,14,0)+IF('Standard Profiles'!$G$19=$B$24,21,0),0)),0)</f>
        <v>14.121792035179956</v>
      </c>
      <c r="F6313" cm="1">
        <f t="array" ref="F6313">IFERROR(INDEX(Jesper!AJ$2:AJ$366,ROUNDDOWN($C6313/24,0)+1,1)*INDEX($D$3:$AA$30,INDEX(Jesper!$R$2:$R$366,ROW(INDEX(Jesper!AJ$2:AJ$366,ROUNDDOWN($C6313/24,0)+1,1))-1)+IF('Standard Profiles'!$G$20=$B$10,7,0)+IF('Standard Profiles'!$G$20=$B$17,14,0)+IF('Standard Profiles'!$G$20=$B$24,21,0),MOD($C6313,24)+1)/SUM(INDEX($D$3:$AA$30,INDEX(Jesper!$R$2:$R$366,ROW(INDEX(Jesper!AJ$2:AJ$366,ROUNDDOWN($C6313/24,0)+1,1))-1)+IF('Standard Profiles'!$G$20=$B$10,7,0)+IF('Standard Profiles'!$G$20=$B$17,14,0)+IF('Standard Profiles'!$G$20=$B$24,21,0),0)),0)</f>
        <v>0</v>
      </c>
      <c r="G6313" cm="1">
        <f t="array" ref="G6313">IFERROR(INDEX(Jesper!AK$2:AK$366,ROUNDDOWN($C6313/24,0)+1,1)*INDEX($D$3:$AA$30,INDEX(Jesper!$R$2:$R$366,ROW(INDEX(Jesper!AK$2:AK$366,ROUNDDOWN($C6313/24,0)+1,1))-1)+IF('Standard Profiles'!$G$21=$B$10,7,0)+IF('Standard Profiles'!$G$21=$B$17,14,0)+IF('Standard Profiles'!$G$21=$B$24,21,0),MOD($C6313,24)+1)/SUM(INDEX($D$3:$AA$30,INDEX(Jesper!$R$2:$R$366,ROW(INDEX(Jesper!AK$2:AK$366,ROUNDDOWN($C6313/24,0)+1,1))-1)+IF('Standard Profiles'!$G$21=$B$10,7,0)+IF('Standard Profiles'!$G$21=$B$17,14,0)+IF('Standard Profiles'!$G$21=$B$24,21,0),0)),0)</f>
        <v>1.230726914113434</v>
      </c>
      <c r="H6313" cm="1">
        <f t="array" ref="H6313">IFERROR(INDEX(Jesper!AL$2:AL$366,ROUNDDOWN($C6313/24,0)+1,1)*INDEX($D$3:$AA$30,INDEX(Jesper!$R$2:$R$366,ROW(INDEX(Jesper!AL$2:AL$366,ROUNDDOWN($C6313/24,0)+1,1))-1)+IF('Standard Profiles'!$G$22=$B$10,7,0)+IF('Standard Profiles'!$G$22=$B$17,14,0)+IF('Standard Profiles'!$G$22=$B$24,21,0),MOD($C6313,24)+1)/SUM(INDEX($D$3:$AA$30,INDEX(Jesper!$R$2:$R$366,ROW(INDEX(Jesper!AL$2:AL$366,ROUNDDOWN($C6313/24,0)+1,1))-1)+IF('Standard Profiles'!$G$22=$B$10,7,0)+IF('Standard Profiles'!$G$22=$B$17,14,0)+IF('Standard Profiles'!$G$22=$B$24,21,0),0)),0)</f>
        <v>0</v>
      </c>
      <c r="I6313">
        <f t="shared" si="706"/>
        <v>0.59074891877444802</v>
      </c>
      <c r="J6313">
        <f t="shared" si="707"/>
        <v>42.199854696068549</v>
      </c>
      <c r="K6313">
        <f t="shared" si="708"/>
        <v>3.4842012273713787</v>
      </c>
      <c r="L6313">
        <f t="shared" si="709"/>
        <v>1.7421006136856894</v>
      </c>
      <c r="M6313">
        <f t="shared" si="710"/>
        <v>0</v>
      </c>
      <c r="N6313" s="45">
        <f t="shared" si="711"/>
        <v>45188.624999984771</v>
      </c>
    </row>
    <row r="6314" spans="2:14" x14ac:dyDescent="0.25">
      <c r="B6314">
        <f t="shared" si="705"/>
        <v>2</v>
      </c>
      <c r="C6314" s="16">
        <v>6280</v>
      </c>
      <c r="D6314" cm="1">
        <f t="array" ref="D6314">IFERROR(INDEX(Jesper!AH$2:AH$366,ROUNDDOWN($C6314/24,0)+1,1)*INDEX($D$3:$AA$30,INDEX(Jesper!$R$2:$R$366,ROW(INDEX(Jesper!AH$2:AH$366,ROUNDDOWN($C6314/24,0)+1,1))-1)+IF('Standard Profiles'!$G$18=$B$10,7,0)+IF('Standard Profiles'!$G$18=$B$17,14,0)+IF('Standard Profiles'!$G$18=$B$24,21,0),MOD($C6314,24)+1)/SUM(INDEX($D$3:$AA$30,INDEX(Jesper!$R$2:$R$366,ROW(INDEX(Jesper!AH$2:AH$366,ROUNDDOWN($C6314/24,0)+1,1))-1)+IF('Standard Profiles'!$G$18=$B$10,7,0)+IF('Standard Profiles'!$G$18=$B$17,14,0)+IF('Standard Profiles'!$G$18=$B$24,21,0),0)),0)</f>
        <v>19.248656334250363</v>
      </c>
      <c r="E6314" cm="1">
        <f t="array" ref="E6314">IFERROR(INDEX(Jesper!AI$2:AI$366,ROUNDDOWN($C6314/24,0)+1,1)*INDEX($D$3:$AA$30,INDEX(Jesper!$R$2:$R$366,ROW(INDEX(Jesper!AI$2:AI$366,ROUNDDOWN($C6314/24,0)+1,1))-1)+IF('Standard Profiles'!$G$19=$B$10,7,0)+IF('Standard Profiles'!$G$19=$B$17,14,0)+IF('Standard Profiles'!$G$19=$B$24,21,0),MOD($C6314,24)+1)/SUM(INDEX($D$3:$AA$30,INDEX(Jesper!$R$2:$R$366,ROW(INDEX(Jesper!AI$2:AI$366,ROUNDDOWN($C6314/24,0)+1,1))-1)+IF('Standard Profiles'!$G$19=$B$10,7,0)+IF('Standard Profiles'!$G$19=$B$17,14,0)+IF('Standard Profiles'!$G$19=$B$24,21,0),0)),0)</f>
        <v>8.3217703064453321</v>
      </c>
      <c r="F6314" cm="1">
        <f t="array" ref="F6314">IFERROR(INDEX(Jesper!AJ$2:AJ$366,ROUNDDOWN($C6314/24,0)+1,1)*INDEX($D$3:$AA$30,INDEX(Jesper!$R$2:$R$366,ROW(INDEX(Jesper!AJ$2:AJ$366,ROUNDDOWN($C6314/24,0)+1,1))-1)+IF('Standard Profiles'!$G$20=$B$10,7,0)+IF('Standard Profiles'!$G$20=$B$17,14,0)+IF('Standard Profiles'!$G$20=$B$24,21,0),MOD($C6314,24)+1)/SUM(INDEX($D$3:$AA$30,INDEX(Jesper!$R$2:$R$366,ROW(INDEX(Jesper!AJ$2:AJ$366,ROUNDDOWN($C6314/24,0)+1,1))-1)+IF('Standard Profiles'!$G$20=$B$10,7,0)+IF('Standard Profiles'!$G$20=$B$17,14,0)+IF('Standard Profiles'!$G$20=$B$24,21,0),0)),0)</f>
        <v>0</v>
      </c>
      <c r="G6314" cm="1">
        <f t="array" ref="G6314">IFERROR(INDEX(Jesper!AK$2:AK$366,ROUNDDOWN($C6314/24,0)+1,1)*INDEX($D$3:$AA$30,INDEX(Jesper!$R$2:$R$366,ROW(INDEX(Jesper!AK$2:AK$366,ROUNDDOWN($C6314/24,0)+1,1))-1)+IF('Standard Profiles'!$G$21=$B$10,7,0)+IF('Standard Profiles'!$G$21=$B$17,14,0)+IF('Standard Profiles'!$G$21=$B$24,21,0),MOD($C6314,24)+1)/SUM(INDEX($D$3:$AA$30,INDEX(Jesper!$R$2:$R$366,ROW(INDEX(Jesper!AK$2:AK$366,ROUNDDOWN($C6314/24,0)+1,1))-1)+IF('Standard Profiles'!$G$21=$B$10,7,0)+IF('Standard Profiles'!$G$21=$B$17,14,0)+IF('Standard Profiles'!$G$21=$B$24,21,0),0)),0)</f>
        <v>1.0287231045021104</v>
      </c>
      <c r="H6314" cm="1">
        <f t="array" ref="H6314">IFERROR(INDEX(Jesper!AL$2:AL$366,ROUNDDOWN($C6314/24,0)+1,1)*INDEX($D$3:$AA$30,INDEX(Jesper!$R$2:$R$366,ROW(INDEX(Jesper!AL$2:AL$366,ROUNDDOWN($C6314/24,0)+1,1))-1)+IF('Standard Profiles'!$G$22=$B$10,7,0)+IF('Standard Profiles'!$G$22=$B$17,14,0)+IF('Standard Profiles'!$G$22=$B$24,21,0),MOD($C6314,24)+1)/SUM(INDEX($D$3:$AA$30,INDEX(Jesper!$R$2:$R$366,ROW(INDEX(Jesper!AL$2:AL$366,ROUNDDOWN($C6314/24,0)+1,1))-1)+IF('Standard Profiles'!$G$22=$B$10,7,0)+IF('Standard Profiles'!$G$22=$B$17,14,0)+IF('Standard Profiles'!$G$22=$B$24,21,0),0)),0)</f>
        <v>0</v>
      </c>
      <c r="I6314">
        <f t="shared" si="706"/>
        <v>0.49378709016101274</v>
      </c>
      <c r="J6314">
        <f t="shared" si="707"/>
        <v>25.025577641556737</v>
      </c>
      <c r="K6314">
        <f t="shared" si="708"/>
        <v>2.0531900089867055</v>
      </c>
      <c r="L6314">
        <f t="shared" si="709"/>
        <v>1.0265950044933527</v>
      </c>
      <c r="M6314">
        <f t="shared" si="710"/>
        <v>0</v>
      </c>
      <c r="N6314" s="45">
        <f t="shared" si="711"/>
        <v>45188.666666651436</v>
      </c>
    </row>
    <row r="6315" spans="2:14" x14ac:dyDescent="0.25">
      <c r="B6315">
        <f t="shared" si="705"/>
        <v>2</v>
      </c>
      <c r="C6315" s="16">
        <v>6281</v>
      </c>
      <c r="D6315" cm="1">
        <f t="array" ref="D6315">IFERROR(INDEX(Jesper!AH$2:AH$366,ROUNDDOWN($C6315/24,0)+1,1)*INDEX($D$3:$AA$30,INDEX(Jesper!$R$2:$R$366,ROW(INDEX(Jesper!AH$2:AH$366,ROUNDDOWN($C6315/24,0)+1,1))-1)+IF('Standard Profiles'!$G$18=$B$10,7,0)+IF('Standard Profiles'!$G$18=$B$17,14,0)+IF('Standard Profiles'!$G$18=$B$24,21,0),MOD($C6315,24)+1)/SUM(INDEX($D$3:$AA$30,INDEX(Jesper!$R$2:$R$366,ROW(INDEX(Jesper!AH$2:AH$366,ROUNDDOWN($C6315/24,0)+1,1))-1)+IF('Standard Profiles'!$G$18=$B$10,7,0)+IF('Standard Profiles'!$G$18=$B$17,14,0)+IF('Standard Profiles'!$G$18=$B$24,21,0),0)),0)</f>
        <v>8.2153889604141543</v>
      </c>
      <c r="E6315" cm="1">
        <f t="array" ref="E6315">IFERROR(INDEX(Jesper!AI$2:AI$366,ROUNDDOWN($C6315/24,0)+1,1)*INDEX($D$3:$AA$30,INDEX(Jesper!$R$2:$R$366,ROW(INDEX(Jesper!AI$2:AI$366,ROUNDDOWN($C6315/24,0)+1,1))-1)+IF('Standard Profiles'!$G$19=$B$10,7,0)+IF('Standard Profiles'!$G$19=$B$17,14,0)+IF('Standard Profiles'!$G$19=$B$24,21,0),MOD($C6315,24)+1)/SUM(INDEX($D$3:$AA$30,INDEX(Jesper!$R$2:$R$366,ROW(INDEX(Jesper!AI$2:AI$366,ROUNDDOWN($C6315/24,0)+1,1))-1)+IF('Standard Profiles'!$G$19=$B$10,7,0)+IF('Standard Profiles'!$G$19=$B$17,14,0)+IF('Standard Profiles'!$G$19=$B$24,21,0),0)),0)</f>
        <v>3.5517585601559247</v>
      </c>
      <c r="F6315" cm="1">
        <f t="array" ref="F6315">IFERROR(INDEX(Jesper!AJ$2:AJ$366,ROUNDDOWN($C6315/24,0)+1,1)*INDEX($D$3:$AA$30,INDEX(Jesper!$R$2:$R$366,ROW(INDEX(Jesper!AJ$2:AJ$366,ROUNDDOWN($C6315/24,0)+1,1))-1)+IF('Standard Profiles'!$G$20=$B$10,7,0)+IF('Standard Profiles'!$G$20=$B$17,14,0)+IF('Standard Profiles'!$G$20=$B$24,21,0),MOD($C6315,24)+1)/SUM(INDEX($D$3:$AA$30,INDEX(Jesper!$R$2:$R$366,ROW(INDEX(Jesper!AJ$2:AJ$366,ROUNDDOWN($C6315/24,0)+1,1))-1)+IF('Standard Profiles'!$G$20=$B$10,7,0)+IF('Standard Profiles'!$G$20=$B$17,14,0)+IF('Standard Profiles'!$G$20=$B$24,21,0),0)),0)</f>
        <v>0</v>
      </c>
      <c r="G6315" cm="1">
        <f t="array" ref="G6315">IFERROR(INDEX(Jesper!AK$2:AK$366,ROUNDDOWN($C6315/24,0)+1,1)*INDEX($D$3:$AA$30,INDEX(Jesper!$R$2:$R$366,ROW(INDEX(Jesper!AK$2:AK$366,ROUNDDOWN($C6315/24,0)+1,1))-1)+IF('Standard Profiles'!$G$21=$B$10,7,0)+IF('Standard Profiles'!$G$21=$B$17,14,0)+IF('Standard Profiles'!$G$21=$B$24,21,0),MOD($C6315,24)+1)/SUM(INDEX($D$3:$AA$30,INDEX(Jesper!$R$2:$R$366,ROW(INDEX(Jesper!AK$2:AK$366,ROUNDDOWN($C6315/24,0)+1,1))-1)+IF('Standard Profiles'!$G$21=$B$10,7,0)+IF('Standard Profiles'!$G$21=$B$17,14,0)+IF('Standard Profiles'!$G$21=$B$24,21,0),0)),0)</f>
        <v>0.81736726666804049</v>
      </c>
      <c r="H6315" cm="1">
        <f t="array" ref="H6315">IFERROR(INDEX(Jesper!AL$2:AL$366,ROUNDDOWN($C6315/24,0)+1,1)*INDEX($D$3:$AA$30,INDEX(Jesper!$R$2:$R$366,ROW(INDEX(Jesper!AL$2:AL$366,ROUNDDOWN($C6315/24,0)+1,1))-1)+IF('Standard Profiles'!$G$22=$B$10,7,0)+IF('Standard Profiles'!$G$22=$B$17,14,0)+IF('Standard Profiles'!$G$22=$B$24,21,0),MOD($C6315,24)+1)/SUM(INDEX($D$3:$AA$30,INDEX(Jesper!$R$2:$R$366,ROW(INDEX(Jesper!AL$2:AL$366,ROUNDDOWN($C6315/24,0)+1,1))-1)+IF('Standard Profiles'!$G$22=$B$10,7,0)+IF('Standard Profiles'!$G$22=$B$17,14,0)+IF('Standard Profiles'!$G$22=$B$24,21,0),0)),0)</f>
        <v>0</v>
      </c>
      <c r="I6315">
        <f t="shared" si="706"/>
        <v>0.39233628800065923</v>
      </c>
      <c r="J6315">
        <f t="shared" si="707"/>
        <v>10.877716265571197</v>
      </c>
      <c r="K6315">
        <f t="shared" si="708"/>
        <v>0.87630815577750987</v>
      </c>
      <c r="L6315">
        <f t="shared" si="709"/>
        <v>0.43815407788875493</v>
      </c>
      <c r="M6315">
        <f t="shared" si="710"/>
        <v>0</v>
      </c>
      <c r="N6315" s="45">
        <f t="shared" si="711"/>
        <v>45188.7083333181</v>
      </c>
    </row>
    <row r="6316" spans="2:14" x14ac:dyDescent="0.25">
      <c r="B6316">
        <f t="shared" si="705"/>
        <v>2</v>
      </c>
      <c r="C6316" s="16">
        <v>6282</v>
      </c>
      <c r="D6316" cm="1">
        <f t="array" ref="D6316">IFERROR(INDEX(Jesper!AH$2:AH$366,ROUNDDOWN($C6316/24,0)+1,1)*INDEX($D$3:$AA$30,INDEX(Jesper!$R$2:$R$366,ROW(INDEX(Jesper!AH$2:AH$366,ROUNDDOWN($C6316/24,0)+1,1))-1)+IF('Standard Profiles'!$G$18=$B$10,7,0)+IF('Standard Profiles'!$G$18=$B$17,14,0)+IF('Standard Profiles'!$G$18=$B$24,21,0),MOD($C6316,24)+1)/SUM(INDEX($D$3:$AA$30,INDEX(Jesper!$R$2:$R$366,ROW(INDEX(Jesper!AH$2:AH$366,ROUNDDOWN($C6316/24,0)+1,1))-1)+IF('Standard Profiles'!$G$18=$B$10,7,0)+IF('Standard Profiles'!$G$18=$B$17,14,0)+IF('Standard Profiles'!$G$18=$B$24,21,0),0)),0)</f>
        <v>5.4221567138733411</v>
      </c>
      <c r="E6316" cm="1">
        <f t="array" ref="E6316">IFERROR(INDEX(Jesper!AI$2:AI$366,ROUNDDOWN($C6316/24,0)+1,1)*INDEX($D$3:$AA$30,INDEX(Jesper!$R$2:$R$366,ROW(INDEX(Jesper!AI$2:AI$366,ROUNDDOWN($C6316/24,0)+1,1))-1)+IF('Standard Profiles'!$G$19=$B$10,7,0)+IF('Standard Profiles'!$G$19=$B$17,14,0)+IF('Standard Profiles'!$G$19=$B$24,21,0),MOD($C6316,24)+1)/SUM(INDEX($D$3:$AA$30,INDEX(Jesper!$R$2:$R$366,ROW(INDEX(Jesper!AI$2:AI$366,ROUNDDOWN($C6316/24,0)+1,1))-1)+IF('Standard Profiles'!$G$19=$B$10,7,0)+IF('Standard Profiles'!$G$19=$B$17,14,0)+IF('Standard Profiles'!$G$19=$B$24,21,0),0)),0)</f>
        <v>2.3441606497029102</v>
      </c>
      <c r="F6316" cm="1">
        <f t="array" ref="F6316">IFERROR(INDEX(Jesper!AJ$2:AJ$366,ROUNDDOWN($C6316/24,0)+1,1)*INDEX($D$3:$AA$30,INDEX(Jesper!$R$2:$R$366,ROW(INDEX(Jesper!AJ$2:AJ$366,ROUNDDOWN($C6316/24,0)+1,1))-1)+IF('Standard Profiles'!$G$20=$B$10,7,0)+IF('Standard Profiles'!$G$20=$B$17,14,0)+IF('Standard Profiles'!$G$20=$B$24,21,0),MOD($C6316,24)+1)/SUM(INDEX($D$3:$AA$30,INDEX(Jesper!$R$2:$R$366,ROW(INDEX(Jesper!AJ$2:AJ$366,ROUNDDOWN($C6316/24,0)+1,1))-1)+IF('Standard Profiles'!$G$20=$B$10,7,0)+IF('Standard Profiles'!$G$20=$B$17,14,0)+IF('Standard Profiles'!$G$20=$B$24,21,0),0)),0)</f>
        <v>0</v>
      </c>
      <c r="G6316" cm="1">
        <f t="array" ref="G6316">IFERROR(INDEX(Jesper!AK$2:AK$366,ROUNDDOWN($C6316/24,0)+1,1)*INDEX($D$3:$AA$30,INDEX(Jesper!$R$2:$R$366,ROW(INDEX(Jesper!AK$2:AK$366,ROUNDDOWN($C6316/24,0)+1,1))-1)+IF('Standard Profiles'!$G$21=$B$10,7,0)+IF('Standard Profiles'!$G$21=$B$17,14,0)+IF('Standard Profiles'!$G$21=$B$24,21,0),MOD($C6316,24)+1)/SUM(INDEX($D$3:$AA$30,INDEX(Jesper!$R$2:$R$366,ROW(INDEX(Jesper!AK$2:AK$366,ROUNDDOWN($C6316/24,0)+1,1))-1)+IF('Standard Profiles'!$G$21=$B$10,7,0)+IF('Standard Profiles'!$G$21=$B$17,14,0)+IF('Standard Profiles'!$G$21=$B$24,21,0),0)),0)</f>
        <v>0.28991287490514023</v>
      </c>
      <c r="H6316" cm="1">
        <f t="array" ref="H6316">IFERROR(INDEX(Jesper!AL$2:AL$366,ROUNDDOWN($C6316/24,0)+1,1)*INDEX($D$3:$AA$30,INDEX(Jesper!$R$2:$R$366,ROW(INDEX(Jesper!AL$2:AL$366,ROUNDDOWN($C6316/24,0)+1,1))-1)+IF('Standard Profiles'!$G$22=$B$10,7,0)+IF('Standard Profiles'!$G$22=$B$17,14,0)+IF('Standard Profiles'!$G$22=$B$24,21,0),MOD($C6316,24)+1)/SUM(INDEX($D$3:$AA$30,INDEX(Jesper!$R$2:$R$366,ROW(INDEX(Jesper!AL$2:AL$366,ROUNDDOWN($C6316/24,0)+1,1))-1)+IF('Standard Profiles'!$G$22=$B$10,7,0)+IF('Standard Profiles'!$G$22=$B$17,14,0)+IF('Standard Profiles'!$G$22=$B$24,21,0),0)),0)</f>
        <v>0</v>
      </c>
      <c r="I6316">
        <f t="shared" si="706"/>
        <v>0.13915817995446725</v>
      </c>
      <c r="J6316">
        <f t="shared" si="707"/>
        <v>7.0495269843071897</v>
      </c>
      <c r="K6316">
        <f t="shared" si="708"/>
        <v>0.57836338281315647</v>
      </c>
      <c r="L6316">
        <f t="shared" si="709"/>
        <v>0.28918169140657823</v>
      </c>
      <c r="M6316">
        <f t="shared" si="710"/>
        <v>0</v>
      </c>
      <c r="N6316" s="45">
        <f t="shared" si="711"/>
        <v>45188.749999984764</v>
      </c>
    </row>
    <row r="6317" spans="2:14" x14ac:dyDescent="0.25">
      <c r="B6317">
        <f t="shared" si="705"/>
        <v>2</v>
      </c>
      <c r="C6317" s="16">
        <v>6283</v>
      </c>
      <c r="D6317" cm="1">
        <f t="array" ref="D6317">IFERROR(INDEX(Jesper!AH$2:AH$366,ROUNDDOWN($C6317/24,0)+1,1)*INDEX($D$3:$AA$30,INDEX(Jesper!$R$2:$R$366,ROW(INDEX(Jesper!AH$2:AH$366,ROUNDDOWN($C6317/24,0)+1,1))-1)+IF('Standard Profiles'!$G$18=$B$10,7,0)+IF('Standard Profiles'!$G$18=$B$17,14,0)+IF('Standard Profiles'!$G$18=$B$24,21,0),MOD($C6317,24)+1)/SUM(INDEX($D$3:$AA$30,INDEX(Jesper!$R$2:$R$366,ROW(INDEX(Jesper!AH$2:AH$366,ROUNDDOWN($C6317/24,0)+1,1))-1)+IF('Standard Profiles'!$G$18=$B$10,7,0)+IF('Standard Profiles'!$G$18=$B$17,14,0)+IF('Standard Profiles'!$G$18=$B$24,21,0),0)),0)</f>
        <v>5.4221567138733411</v>
      </c>
      <c r="E6317" cm="1">
        <f t="array" ref="E6317">IFERROR(INDEX(Jesper!AI$2:AI$366,ROUNDDOWN($C6317/24,0)+1,1)*INDEX($D$3:$AA$30,INDEX(Jesper!$R$2:$R$366,ROW(INDEX(Jesper!AI$2:AI$366,ROUNDDOWN($C6317/24,0)+1,1))-1)+IF('Standard Profiles'!$G$19=$B$10,7,0)+IF('Standard Profiles'!$G$19=$B$17,14,0)+IF('Standard Profiles'!$G$19=$B$24,21,0),MOD($C6317,24)+1)/SUM(INDEX($D$3:$AA$30,INDEX(Jesper!$R$2:$R$366,ROW(INDEX(Jesper!AI$2:AI$366,ROUNDDOWN($C6317/24,0)+1,1))-1)+IF('Standard Profiles'!$G$19=$B$10,7,0)+IF('Standard Profiles'!$G$19=$B$17,14,0)+IF('Standard Profiles'!$G$19=$B$24,21,0),0)),0)</f>
        <v>2.3441606497029102</v>
      </c>
      <c r="F6317" cm="1">
        <f t="array" ref="F6317">IFERROR(INDEX(Jesper!AJ$2:AJ$366,ROUNDDOWN($C6317/24,0)+1,1)*INDEX($D$3:$AA$30,INDEX(Jesper!$R$2:$R$366,ROW(INDEX(Jesper!AJ$2:AJ$366,ROUNDDOWN($C6317/24,0)+1,1))-1)+IF('Standard Profiles'!$G$20=$B$10,7,0)+IF('Standard Profiles'!$G$20=$B$17,14,0)+IF('Standard Profiles'!$G$20=$B$24,21,0),MOD($C6317,24)+1)/SUM(INDEX($D$3:$AA$30,INDEX(Jesper!$R$2:$R$366,ROW(INDEX(Jesper!AJ$2:AJ$366,ROUNDDOWN($C6317/24,0)+1,1))-1)+IF('Standard Profiles'!$G$20=$B$10,7,0)+IF('Standard Profiles'!$G$20=$B$17,14,0)+IF('Standard Profiles'!$G$20=$B$24,21,0),0)),0)</f>
        <v>0</v>
      </c>
      <c r="G6317" cm="1">
        <f t="array" ref="G6317">IFERROR(INDEX(Jesper!AK$2:AK$366,ROUNDDOWN($C6317/24,0)+1,1)*INDEX($D$3:$AA$30,INDEX(Jesper!$R$2:$R$366,ROW(INDEX(Jesper!AK$2:AK$366,ROUNDDOWN($C6317/24,0)+1,1))-1)+IF('Standard Profiles'!$G$21=$B$10,7,0)+IF('Standard Profiles'!$G$21=$B$17,14,0)+IF('Standard Profiles'!$G$21=$B$24,21,0),MOD($C6317,24)+1)/SUM(INDEX($D$3:$AA$30,INDEX(Jesper!$R$2:$R$366,ROW(INDEX(Jesper!AK$2:AK$366,ROUNDDOWN($C6317/24,0)+1,1))-1)+IF('Standard Profiles'!$G$21=$B$10,7,0)+IF('Standard Profiles'!$G$21=$B$17,14,0)+IF('Standard Profiles'!$G$21=$B$24,21,0),0)),0)</f>
        <v>0.28991287490514023</v>
      </c>
      <c r="H6317" cm="1">
        <f t="array" ref="H6317">IFERROR(INDEX(Jesper!AL$2:AL$366,ROUNDDOWN($C6317/24,0)+1,1)*INDEX($D$3:$AA$30,INDEX(Jesper!$R$2:$R$366,ROW(INDEX(Jesper!AL$2:AL$366,ROUNDDOWN($C6317/24,0)+1,1))-1)+IF('Standard Profiles'!$G$22=$B$10,7,0)+IF('Standard Profiles'!$G$22=$B$17,14,0)+IF('Standard Profiles'!$G$22=$B$24,21,0),MOD($C6317,24)+1)/SUM(INDEX($D$3:$AA$30,INDEX(Jesper!$R$2:$R$366,ROW(INDEX(Jesper!AL$2:AL$366,ROUNDDOWN($C6317/24,0)+1,1))-1)+IF('Standard Profiles'!$G$22=$B$10,7,0)+IF('Standard Profiles'!$G$22=$B$17,14,0)+IF('Standard Profiles'!$G$22=$B$24,21,0),0)),0)</f>
        <v>0</v>
      </c>
      <c r="I6317">
        <f t="shared" si="706"/>
        <v>0.13915817995446725</v>
      </c>
      <c r="J6317">
        <f t="shared" si="707"/>
        <v>7.0495269843071897</v>
      </c>
      <c r="K6317">
        <f t="shared" si="708"/>
        <v>0.57836338281315647</v>
      </c>
      <c r="L6317">
        <f t="shared" si="709"/>
        <v>0.28918169140657823</v>
      </c>
      <c r="M6317">
        <f t="shared" si="710"/>
        <v>0</v>
      </c>
      <c r="N6317" s="45">
        <f t="shared" si="711"/>
        <v>45188.791666651428</v>
      </c>
    </row>
    <row r="6318" spans="2:14" x14ac:dyDescent="0.25">
      <c r="B6318">
        <f t="shared" si="705"/>
        <v>2</v>
      </c>
      <c r="C6318" s="16">
        <v>6284</v>
      </c>
      <c r="D6318" cm="1">
        <f t="array" ref="D6318">IFERROR(INDEX(Jesper!AH$2:AH$366,ROUNDDOWN($C6318/24,0)+1,1)*INDEX($D$3:$AA$30,INDEX(Jesper!$R$2:$R$366,ROW(INDEX(Jesper!AH$2:AH$366,ROUNDDOWN($C6318/24,0)+1,1))-1)+IF('Standard Profiles'!$G$18=$B$10,7,0)+IF('Standard Profiles'!$G$18=$B$17,14,0)+IF('Standard Profiles'!$G$18=$B$24,21,0),MOD($C6318,24)+1)/SUM(INDEX($D$3:$AA$30,INDEX(Jesper!$R$2:$R$366,ROW(INDEX(Jesper!AH$2:AH$366,ROUNDDOWN($C6318/24,0)+1,1))-1)+IF('Standard Profiles'!$G$18=$B$10,7,0)+IF('Standard Profiles'!$G$18=$B$17,14,0)+IF('Standard Profiles'!$G$18=$B$24,21,0),0)),0)</f>
        <v>5.4221567138733411</v>
      </c>
      <c r="E6318" cm="1">
        <f t="array" ref="E6318">IFERROR(INDEX(Jesper!AI$2:AI$366,ROUNDDOWN($C6318/24,0)+1,1)*INDEX($D$3:$AA$30,INDEX(Jesper!$R$2:$R$366,ROW(INDEX(Jesper!AI$2:AI$366,ROUNDDOWN($C6318/24,0)+1,1))-1)+IF('Standard Profiles'!$G$19=$B$10,7,0)+IF('Standard Profiles'!$G$19=$B$17,14,0)+IF('Standard Profiles'!$G$19=$B$24,21,0),MOD($C6318,24)+1)/SUM(INDEX($D$3:$AA$30,INDEX(Jesper!$R$2:$R$366,ROW(INDEX(Jesper!AI$2:AI$366,ROUNDDOWN($C6318/24,0)+1,1))-1)+IF('Standard Profiles'!$G$19=$B$10,7,0)+IF('Standard Profiles'!$G$19=$B$17,14,0)+IF('Standard Profiles'!$G$19=$B$24,21,0),0)),0)</f>
        <v>2.3441606497029102</v>
      </c>
      <c r="F6318" cm="1">
        <f t="array" ref="F6318">IFERROR(INDEX(Jesper!AJ$2:AJ$366,ROUNDDOWN($C6318/24,0)+1,1)*INDEX($D$3:$AA$30,INDEX(Jesper!$R$2:$R$366,ROW(INDEX(Jesper!AJ$2:AJ$366,ROUNDDOWN($C6318/24,0)+1,1))-1)+IF('Standard Profiles'!$G$20=$B$10,7,0)+IF('Standard Profiles'!$G$20=$B$17,14,0)+IF('Standard Profiles'!$G$20=$B$24,21,0),MOD($C6318,24)+1)/SUM(INDEX($D$3:$AA$30,INDEX(Jesper!$R$2:$R$366,ROW(INDEX(Jesper!AJ$2:AJ$366,ROUNDDOWN($C6318/24,0)+1,1))-1)+IF('Standard Profiles'!$G$20=$B$10,7,0)+IF('Standard Profiles'!$G$20=$B$17,14,0)+IF('Standard Profiles'!$G$20=$B$24,21,0),0)),0)</f>
        <v>0</v>
      </c>
      <c r="G6318" cm="1">
        <f t="array" ref="G6318">IFERROR(INDEX(Jesper!AK$2:AK$366,ROUNDDOWN($C6318/24,0)+1,1)*INDEX($D$3:$AA$30,INDEX(Jesper!$R$2:$R$366,ROW(INDEX(Jesper!AK$2:AK$366,ROUNDDOWN($C6318/24,0)+1,1))-1)+IF('Standard Profiles'!$G$21=$B$10,7,0)+IF('Standard Profiles'!$G$21=$B$17,14,0)+IF('Standard Profiles'!$G$21=$B$24,21,0),MOD($C6318,24)+1)/SUM(INDEX($D$3:$AA$30,INDEX(Jesper!$R$2:$R$366,ROW(INDEX(Jesper!AK$2:AK$366,ROUNDDOWN($C6318/24,0)+1,1))-1)+IF('Standard Profiles'!$G$21=$B$10,7,0)+IF('Standard Profiles'!$G$21=$B$17,14,0)+IF('Standard Profiles'!$G$21=$B$24,21,0),0)),0)</f>
        <v>0.28991287490514023</v>
      </c>
      <c r="H6318" cm="1">
        <f t="array" ref="H6318">IFERROR(INDEX(Jesper!AL$2:AL$366,ROUNDDOWN($C6318/24,0)+1,1)*INDEX($D$3:$AA$30,INDEX(Jesper!$R$2:$R$366,ROW(INDEX(Jesper!AL$2:AL$366,ROUNDDOWN($C6318/24,0)+1,1))-1)+IF('Standard Profiles'!$G$22=$B$10,7,0)+IF('Standard Profiles'!$G$22=$B$17,14,0)+IF('Standard Profiles'!$G$22=$B$24,21,0),MOD($C6318,24)+1)/SUM(INDEX($D$3:$AA$30,INDEX(Jesper!$R$2:$R$366,ROW(INDEX(Jesper!AL$2:AL$366,ROUNDDOWN($C6318/24,0)+1,1))-1)+IF('Standard Profiles'!$G$22=$B$10,7,0)+IF('Standard Profiles'!$G$22=$B$17,14,0)+IF('Standard Profiles'!$G$22=$B$24,21,0),0)),0)</f>
        <v>0</v>
      </c>
      <c r="I6318">
        <f t="shared" si="706"/>
        <v>0.13915817995446725</v>
      </c>
      <c r="J6318">
        <f t="shared" si="707"/>
        <v>7.0495269843071897</v>
      </c>
      <c r="K6318">
        <f t="shared" si="708"/>
        <v>0.57836338281315647</v>
      </c>
      <c r="L6318">
        <f t="shared" si="709"/>
        <v>0.28918169140657823</v>
      </c>
      <c r="M6318">
        <f t="shared" si="710"/>
        <v>0</v>
      </c>
      <c r="N6318" s="45">
        <f t="shared" si="711"/>
        <v>45188.833333318093</v>
      </c>
    </row>
    <row r="6319" spans="2:14" x14ac:dyDescent="0.25">
      <c r="B6319">
        <f t="shared" si="705"/>
        <v>2</v>
      </c>
      <c r="C6319" s="16">
        <v>6285</v>
      </c>
      <c r="D6319" cm="1">
        <f t="array" ref="D6319">IFERROR(INDEX(Jesper!AH$2:AH$366,ROUNDDOWN($C6319/24,0)+1,1)*INDEX($D$3:$AA$30,INDEX(Jesper!$R$2:$R$366,ROW(INDEX(Jesper!AH$2:AH$366,ROUNDDOWN($C6319/24,0)+1,1))-1)+IF('Standard Profiles'!$G$18=$B$10,7,0)+IF('Standard Profiles'!$G$18=$B$17,14,0)+IF('Standard Profiles'!$G$18=$B$24,21,0),MOD($C6319,24)+1)/SUM(INDEX($D$3:$AA$30,INDEX(Jesper!$R$2:$R$366,ROW(INDEX(Jesper!AH$2:AH$366,ROUNDDOWN($C6319/24,0)+1,1))-1)+IF('Standard Profiles'!$G$18=$B$10,7,0)+IF('Standard Profiles'!$G$18=$B$17,14,0)+IF('Standard Profiles'!$G$18=$B$24,21,0),0)),0)</f>
        <v>5.4221567138733411</v>
      </c>
      <c r="E6319" cm="1">
        <f t="array" ref="E6319">IFERROR(INDEX(Jesper!AI$2:AI$366,ROUNDDOWN($C6319/24,0)+1,1)*INDEX($D$3:$AA$30,INDEX(Jesper!$R$2:$R$366,ROW(INDEX(Jesper!AI$2:AI$366,ROUNDDOWN($C6319/24,0)+1,1))-1)+IF('Standard Profiles'!$G$19=$B$10,7,0)+IF('Standard Profiles'!$G$19=$B$17,14,0)+IF('Standard Profiles'!$G$19=$B$24,21,0),MOD($C6319,24)+1)/SUM(INDEX($D$3:$AA$30,INDEX(Jesper!$R$2:$R$366,ROW(INDEX(Jesper!AI$2:AI$366,ROUNDDOWN($C6319/24,0)+1,1))-1)+IF('Standard Profiles'!$G$19=$B$10,7,0)+IF('Standard Profiles'!$G$19=$B$17,14,0)+IF('Standard Profiles'!$G$19=$B$24,21,0),0)),0)</f>
        <v>2.3441606497029102</v>
      </c>
      <c r="F6319" cm="1">
        <f t="array" ref="F6319">IFERROR(INDEX(Jesper!AJ$2:AJ$366,ROUNDDOWN($C6319/24,0)+1,1)*INDEX($D$3:$AA$30,INDEX(Jesper!$R$2:$R$366,ROW(INDEX(Jesper!AJ$2:AJ$366,ROUNDDOWN($C6319/24,0)+1,1))-1)+IF('Standard Profiles'!$G$20=$B$10,7,0)+IF('Standard Profiles'!$G$20=$B$17,14,0)+IF('Standard Profiles'!$G$20=$B$24,21,0),MOD($C6319,24)+1)/SUM(INDEX($D$3:$AA$30,INDEX(Jesper!$R$2:$R$366,ROW(INDEX(Jesper!AJ$2:AJ$366,ROUNDDOWN($C6319/24,0)+1,1))-1)+IF('Standard Profiles'!$G$20=$B$10,7,0)+IF('Standard Profiles'!$G$20=$B$17,14,0)+IF('Standard Profiles'!$G$20=$B$24,21,0),0)),0)</f>
        <v>0</v>
      </c>
      <c r="G6319" cm="1">
        <f t="array" ref="G6319">IFERROR(INDEX(Jesper!AK$2:AK$366,ROUNDDOWN($C6319/24,0)+1,1)*INDEX($D$3:$AA$30,INDEX(Jesper!$R$2:$R$366,ROW(INDEX(Jesper!AK$2:AK$366,ROUNDDOWN($C6319/24,0)+1,1))-1)+IF('Standard Profiles'!$G$21=$B$10,7,0)+IF('Standard Profiles'!$G$21=$B$17,14,0)+IF('Standard Profiles'!$G$21=$B$24,21,0),MOD($C6319,24)+1)/SUM(INDEX($D$3:$AA$30,INDEX(Jesper!$R$2:$R$366,ROW(INDEX(Jesper!AK$2:AK$366,ROUNDDOWN($C6319/24,0)+1,1))-1)+IF('Standard Profiles'!$G$21=$B$10,7,0)+IF('Standard Profiles'!$G$21=$B$17,14,0)+IF('Standard Profiles'!$G$21=$B$24,21,0),0)),0)</f>
        <v>0.28991287490514023</v>
      </c>
      <c r="H6319" cm="1">
        <f t="array" ref="H6319">IFERROR(INDEX(Jesper!AL$2:AL$366,ROUNDDOWN($C6319/24,0)+1,1)*INDEX($D$3:$AA$30,INDEX(Jesper!$R$2:$R$366,ROW(INDEX(Jesper!AL$2:AL$366,ROUNDDOWN($C6319/24,0)+1,1))-1)+IF('Standard Profiles'!$G$22=$B$10,7,0)+IF('Standard Profiles'!$G$22=$B$17,14,0)+IF('Standard Profiles'!$G$22=$B$24,21,0),MOD($C6319,24)+1)/SUM(INDEX($D$3:$AA$30,INDEX(Jesper!$R$2:$R$366,ROW(INDEX(Jesper!AL$2:AL$366,ROUNDDOWN($C6319/24,0)+1,1))-1)+IF('Standard Profiles'!$G$22=$B$10,7,0)+IF('Standard Profiles'!$G$22=$B$17,14,0)+IF('Standard Profiles'!$G$22=$B$24,21,0),0)),0)</f>
        <v>0</v>
      </c>
      <c r="I6319">
        <f t="shared" si="706"/>
        <v>0.13915817995446725</v>
      </c>
      <c r="J6319">
        <f t="shared" si="707"/>
        <v>7.0495269843071897</v>
      </c>
      <c r="K6319">
        <f t="shared" si="708"/>
        <v>0.57836338281315647</v>
      </c>
      <c r="L6319">
        <f t="shared" si="709"/>
        <v>0.28918169140657823</v>
      </c>
      <c r="M6319">
        <f t="shared" si="710"/>
        <v>0</v>
      </c>
      <c r="N6319" s="45">
        <f t="shared" si="711"/>
        <v>45188.874999984757</v>
      </c>
    </row>
    <row r="6320" spans="2:14" x14ac:dyDescent="0.25">
      <c r="B6320">
        <f t="shared" si="705"/>
        <v>2</v>
      </c>
      <c r="C6320" s="16">
        <v>6286</v>
      </c>
      <c r="D6320" cm="1">
        <f t="array" ref="D6320">IFERROR(INDEX(Jesper!AH$2:AH$366,ROUNDDOWN($C6320/24,0)+1,1)*INDEX($D$3:$AA$30,INDEX(Jesper!$R$2:$R$366,ROW(INDEX(Jesper!AH$2:AH$366,ROUNDDOWN($C6320/24,0)+1,1))-1)+IF('Standard Profiles'!$G$18=$B$10,7,0)+IF('Standard Profiles'!$G$18=$B$17,14,0)+IF('Standard Profiles'!$G$18=$B$24,21,0),MOD($C6320,24)+1)/SUM(INDEX($D$3:$AA$30,INDEX(Jesper!$R$2:$R$366,ROW(INDEX(Jesper!AH$2:AH$366,ROUNDDOWN($C6320/24,0)+1,1))-1)+IF('Standard Profiles'!$G$18=$B$10,7,0)+IF('Standard Profiles'!$G$18=$B$17,14,0)+IF('Standard Profiles'!$G$18=$B$24,21,0),0)),0)</f>
        <v>5.4221567138733411</v>
      </c>
      <c r="E6320" cm="1">
        <f t="array" ref="E6320">IFERROR(INDEX(Jesper!AI$2:AI$366,ROUNDDOWN($C6320/24,0)+1,1)*INDEX($D$3:$AA$30,INDEX(Jesper!$R$2:$R$366,ROW(INDEX(Jesper!AI$2:AI$366,ROUNDDOWN($C6320/24,0)+1,1))-1)+IF('Standard Profiles'!$G$19=$B$10,7,0)+IF('Standard Profiles'!$G$19=$B$17,14,0)+IF('Standard Profiles'!$G$19=$B$24,21,0),MOD($C6320,24)+1)/SUM(INDEX($D$3:$AA$30,INDEX(Jesper!$R$2:$R$366,ROW(INDEX(Jesper!AI$2:AI$366,ROUNDDOWN($C6320/24,0)+1,1))-1)+IF('Standard Profiles'!$G$19=$B$10,7,0)+IF('Standard Profiles'!$G$19=$B$17,14,0)+IF('Standard Profiles'!$G$19=$B$24,21,0),0)),0)</f>
        <v>2.3441606497029102</v>
      </c>
      <c r="F6320" cm="1">
        <f t="array" ref="F6320">IFERROR(INDEX(Jesper!AJ$2:AJ$366,ROUNDDOWN($C6320/24,0)+1,1)*INDEX($D$3:$AA$30,INDEX(Jesper!$R$2:$R$366,ROW(INDEX(Jesper!AJ$2:AJ$366,ROUNDDOWN($C6320/24,0)+1,1))-1)+IF('Standard Profiles'!$G$20=$B$10,7,0)+IF('Standard Profiles'!$G$20=$B$17,14,0)+IF('Standard Profiles'!$G$20=$B$24,21,0),MOD($C6320,24)+1)/SUM(INDEX($D$3:$AA$30,INDEX(Jesper!$R$2:$R$366,ROW(INDEX(Jesper!AJ$2:AJ$366,ROUNDDOWN($C6320/24,0)+1,1))-1)+IF('Standard Profiles'!$G$20=$B$10,7,0)+IF('Standard Profiles'!$G$20=$B$17,14,0)+IF('Standard Profiles'!$G$20=$B$24,21,0),0)),0)</f>
        <v>0</v>
      </c>
      <c r="G6320" cm="1">
        <f t="array" ref="G6320">IFERROR(INDEX(Jesper!AK$2:AK$366,ROUNDDOWN($C6320/24,0)+1,1)*INDEX($D$3:$AA$30,INDEX(Jesper!$R$2:$R$366,ROW(INDEX(Jesper!AK$2:AK$366,ROUNDDOWN($C6320/24,0)+1,1))-1)+IF('Standard Profiles'!$G$21=$B$10,7,0)+IF('Standard Profiles'!$G$21=$B$17,14,0)+IF('Standard Profiles'!$G$21=$B$24,21,0),MOD($C6320,24)+1)/SUM(INDEX($D$3:$AA$30,INDEX(Jesper!$R$2:$R$366,ROW(INDEX(Jesper!AK$2:AK$366,ROUNDDOWN($C6320/24,0)+1,1))-1)+IF('Standard Profiles'!$G$21=$B$10,7,0)+IF('Standard Profiles'!$G$21=$B$17,14,0)+IF('Standard Profiles'!$G$21=$B$24,21,0),0)),0)</f>
        <v>0.28991287490514023</v>
      </c>
      <c r="H6320" cm="1">
        <f t="array" ref="H6320">IFERROR(INDEX(Jesper!AL$2:AL$366,ROUNDDOWN($C6320/24,0)+1,1)*INDEX($D$3:$AA$30,INDEX(Jesper!$R$2:$R$366,ROW(INDEX(Jesper!AL$2:AL$366,ROUNDDOWN($C6320/24,0)+1,1))-1)+IF('Standard Profiles'!$G$22=$B$10,7,0)+IF('Standard Profiles'!$G$22=$B$17,14,0)+IF('Standard Profiles'!$G$22=$B$24,21,0),MOD($C6320,24)+1)/SUM(INDEX($D$3:$AA$30,INDEX(Jesper!$R$2:$R$366,ROW(INDEX(Jesper!AL$2:AL$366,ROUNDDOWN($C6320/24,0)+1,1))-1)+IF('Standard Profiles'!$G$22=$B$10,7,0)+IF('Standard Profiles'!$G$22=$B$17,14,0)+IF('Standard Profiles'!$G$22=$B$24,21,0),0)),0)</f>
        <v>0</v>
      </c>
      <c r="I6320">
        <f t="shared" si="706"/>
        <v>0.13915817995446725</v>
      </c>
      <c r="J6320">
        <f t="shared" si="707"/>
        <v>7.0495269843071897</v>
      </c>
      <c r="K6320">
        <f t="shared" si="708"/>
        <v>0.57836338281315647</v>
      </c>
      <c r="L6320">
        <f t="shared" si="709"/>
        <v>0.28918169140657823</v>
      </c>
      <c r="M6320">
        <f t="shared" si="710"/>
        <v>0</v>
      </c>
      <c r="N6320" s="45">
        <f t="shared" si="711"/>
        <v>45188.916666651421</v>
      </c>
    </row>
    <row r="6321" spans="2:14" x14ac:dyDescent="0.25">
      <c r="B6321">
        <f t="shared" si="705"/>
        <v>2</v>
      </c>
      <c r="C6321" s="16">
        <v>6287</v>
      </c>
      <c r="D6321" cm="1">
        <f t="array" ref="D6321">IFERROR(INDEX(Jesper!AH$2:AH$366,ROUNDDOWN($C6321/24,0)+1,1)*INDEX($D$3:$AA$30,INDEX(Jesper!$R$2:$R$366,ROW(INDEX(Jesper!AH$2:AH$366,ROUNDDOWN($C6321/24,0)+1,1))-1)+IF('Standard Profiles'!$G$18=$B$10,7,0)+IF('Standard Profiles'!$G$18=$B$17,14,0)+IF('Standard Profiles'!$G$18=$B$24,21,0),MOD($C6321,24)+1)/SUM(INDEX($D$3:$AA$30,INDEX(Jesper!$R$2:$R$366,ROW(INDEX(Jesper!AH$2:AH$366,ROUNDDOWN($C6321/24,0)+1,1))-1)+IF('Standard Profiles'!$G$18=$B$10,7,0)+IF('Standard Profiles'!$G$18=$B$17,14,0)+IF('Standard Profiles'!$G$18=$B$24,21,0),0)),0)</f>
        <v>5.4221567138733411</v>
      </c>
      <c r="E6321" cm="1">
        <f t="array" ref="E6321">IFERROR(INDEX(Jesper!AI$2:AI$366,ROUNDDOWN($C6321/24,0)+1,1)*INDEX($D$3:$AA$30,INDEX(Jesper!$R$2:$R$366,ROW(INDEX(Jesper!AI$2:AI$366,ROUNDDOWN($C6321/24,0)+1,1))-1)+IF('Standard Profiles'!$G$19=$B$10,7,0)+IF('Standard Profiles'!$G$19=$B$17,14,0)+IF('Standard Profiles'!$G$19=$B$24,21,0),MOD($C6321,24)+1)/SUM(INDEX($D$3:$AA$30,INDEX(Jesper!$R$2:$R$366,ROW(INDEX(Jesper!AI$2:AI$366,ROUNDDOWN($C6321/24,0)+1,1))-1)+IF('Standard Profiles'!$G$19=$B$10,7,0)+IF('Standard Profiles'!$G$19=$B$17,14,0)+IF('Standard Profiles'!$G$19=$B$24,21,0),0)),0)</f>
        <v>2.3441606497029102</v>
      </c>
      <c r="F6321" cm="1">
        <f t="array" ref="F6321">IFERROR(INDEX(Jesper!AJ$2:AJ$366,ROUNDDOWN($C6321/24,0)+1,1)*INDEX($D$3:$AA$30,INDEX(Jesper!$R$2:$R$366,ROW(INDEX(Jesper!AJ$2:AJ$366,ROUNDDOWN($C6321/24,0)+1,1))-1)+IF('Standard Profiles'!$G$20=$B$10,7,0)+IF('Standard Profiles'!$G$20=$B$17,14,0)+IF('Standard Profiles'!$G$20=$B$24,21,0),MOD($C6321,24)+1)/SUM(INDEX($D$3:$AA$30,INDEX(Jesper!$R$2:$R$366,ROW(INDEX(Jesper!AJ$2:AJ$366,ROUNDDOWN($C6321/24,0)+1,1))-1)+IF('Standard Profiles'!$G$20=$B$10,7,0)+IF('Standard Profiles'!$G$20=$B$17,14,0)+IF('Standard Profiles'!$G$20=$B$24,21,0),0)),0)</f>
        <v>0</v>
      </c>
      <c r="G6321" cm="1">
        <f t="array" ref="G6321">IFERROR(INDEX(Jesper!AK$2:AK$366,ROUNDDOWN($C6321/24,0)+1,1)*INDEX($D$3:$AA$30,INDEX(Jesper!$R$2:$R$366,ROW(INDEX(Jesper!AK$2:AK$366,ROUNDDOWN($C6321/24,0)+1,1))-1)+IF('Standard Profiles'!$G$21=$B$10,7,0)+IF('Standard Profiles'!$G$21=$B$17,14,0)+IF('Standard Profiles'!$G$21=$B$24,21,0),MOD($C6321,24)+1)/SUM(INDEX($D$3:$AA$30,INDEX(Jesper!$R$2:$R$366,ROW(INDEX(Jesper!AK$2:AK$366,ROUNDDOWN($C6321/24,0)+1,1))-1)+IF('Standard Profiles'!$G$21=$B$10,7,0)+IF('Standard Profiles'!$G$21=$B$17,14,0)+IF('Standard Profiles'!$G$21=$B$24,21,0),0)),0)</f>
        <v>0.28991287490514023</v>
      </c>
      <c r="H6321" cm="1">
        <f t="array" ref="H6321">IFERROR(INDEX(Jesper!AL$2:AL$366,ROUNDDOWN($C6321/24,0)+1,1)*INDEX($D$3:$AA$30,INDEX(Jesper!$R$2:$R$366,ROW(INDEX(Jesper!AL$2:AL$366,ROUNDDOWN($C6321/24,0)+1,1))-1)+IF('Standard Profiles'!$G$22=$B$10,7,0)+IF('Standard Profiles'!$G$22=$B$17,14,0)+IF('Standard Profiles'!$G$22=$B$24,21,0),MOD($C6321,24)+1)/SUM(INDEX($D$3:$AA$30,INDEX(Jesper!$R$2:$R$366,ROW(INDEX(Jesper!AL$2:AL$366,ROUNDDOWN($C6321/24,0)+1,1))-1)+IF('Standard Profiles'!$G$22=$B$10,7,0)+IF('Standard Profiles'!$G$22=$B$17,14,0)+IF('Standard Profiles'!$G$22=$B$24,21,0),0)),0)</f>
        <v>0</v>
      </c>
      <c r="I6321">
        <f t="shared" si="706"/>
        <v>0.13915817995446725</v>
      </c>
      <c r="J6321">
        <f t="shared" si="707"/>
        <v>7.0495269843071897</v>
      </c>
      <c r="K6321">
        <f t="shared" si="708"/>
        <v>0.57836338281315647</v>
      </c>
      <c r="L6321">
        <f t="shared" si="709"/>
        <v>0.28918169140657823</v>
      </c>
      <c r="M6321">
        <f t="shared" si="710"/>
        <v>0</v>
      </c>
      <c r="N6321" s="45">
        <f t="shared" si="711"/>
        <v>45188.958333318085</v>
      </c>
    </row>
    <row r="6322" spans="2:14" x14ac:dyDescent="0.25">
      <c r="B6322">
        <f t="shared" si="705"/>
        <v>3</v>
      </c>
      <c r="C6322" s="16">
        <v>6288</v>
      </c>
      <c r="D6322" cm="1">
        <f t="array" ref="D6322">IFERROR(INDEX(Jesper!AH$2:AH$366,ROUNDDOWN($C6322/24,0)+1,1)*INDEX($D$3:$AA$30,INDEX(Jesper!$R$2:$R$366,ROW(INDEX(Jesper!AH$2:AH$366,ROUNDDOWN($C6322/24,0)+1,1))-1)+IF('Standard Profiles'!$G$18=$B$10,7,0)+IF('Standard Profiles'!$G$18=$B$17,14,0)+IF('Standard Profiles'!$G$18=$B$24,21,0),MOD($C6322,24)+1)/SUM(INDEX($D$3:$AA$30,INDEX(Jesper!$R$2:$R$366,ROW(INDEX(Jesper!AH$2:AH$366,ROUNDDOWN($C6322/24,0)+1,1))-1)+IF('Standard Profiles'!$G$18=$B$10,7,0)+IF('Standard Profiles'!$G$18=$B$17,14,0)+IF('Standard Profiles'!$G$18=$B$24,21,0),0)),0)</f>
        <v>5.3639753366720306</v>
      </c>
      <c r="E6322" cm="1">
        <f t="array" ref="E6322">IFERROR(INDEX(Jesper!AI$2:AI$366,ROUNDDOWN($C6322/24,0)+1,1)*INDEX($D$3:$AA$30,INDEX(Jesper!$R$2:$R$366,ROW(INDEX(Jesper!AI$2:AI$366,ROUNDDOWN($C6322/24,0)+1,1))-1)+IF('Standard Profiles'!$G$19=$B$10,7,0)+IF('Standard Profiles'!$G$19=$B$17,14,0)+IF('Standard Profiles'!$G$19=$B$24,21,0),MOD($C6322,24)+1)/SUM(INDEX($D$3:$AA$30,INDEX(Jesper!$R$2:$R$366,ROW(INDEX(Jesper!AI$2:AI$366,ROUNDDOWN($C6322/24,0)+1,1))-1)+IF('Standard Profiles'!$G$19=$B$10,7,0)+IF('Standard Profiles'!$G$19=$B$17,14,0)+IF('Standard Profiles'!$G$19=$B$24,21,0),0)),0)</f>
        <v>2.3009038028184379</v>
      </c>
      <c r="F6322" cm="1">
        <f t="array" ref="F6322">IFERROR(INDEX(Jesper!AJ$2:AJ$366,ROUNDDOWN($C6322/24,0)+1,1)*INDEX($D$3:$AA$30,INDEX(Jesper!$R$2:$R$366,ROW(INDEX(Jesper!AJ$2:AJ$366,ROUNDDOWN($C6322/24,0)+1,1))-1)+IF('Standard Profiles'!$G$20=$B$10,7,0)+IF('Standard Profiles'!$G$20=$B$17,14,0)+IF('Standard Profiles'!$G$20=$B$24,21,0),MOD($C6322,24)+1)/SUM(INDEX($D$3:$AA$30,INDEX(Jesper!$R$2:$R$366,ROW(INDEX(Jesper!AJ$2:AJ$366,ROUNDDOWN($C6322/24,0)+1,1))-1)+IF('Standard Profiles'!$G$20=$B$10,7,0)+IF('Standard Profiles'!$G$20=$B$17,14,0)+IF('Standard Profiles'!$G$20=$B$24,21,0),0)),0)</f>
        <v>0</v>
      </c>
      <c r="G6322" cm="1">
        <f t="array" ref="G6322">IFERROR(INDEX(Jesper!AK$2:AK$366,ROUNDDOWN($C6322/24,0)+1,1)*INDEX($D$3:$AA$30,INDEX(Jesper!$R$2:$R$366,ROW(INDEX(Jesper!AK$2:AK$366,ROUNDDOWN($C6322/24,0)+1,1))-1)+IF('Standard Profiles'!$G$21=$B$10,7,0)+IF('Standard Profiles'!$G$21=$B$17,14,0)+IF('Standard Profiles'!$G$21=$B$24,21,0),MOD($C6322,24)+1)/SUM(INDEX($D$3:$AA$30,INDEX(Jesper!$R$2:$R$366,ROW(INDEX(Jesper!AK$2:AK$366,ROUNDDOWN($C6322/24,0)+1,1))-1)+IF('Standard Profiles'!$G$21=$B$10,7,0)+IF('Standard Profiles'!$G$21=$B$17,14,0)+IF('Standard Profiles'!$G$21=$B$24,21,0),0)),0)</f>
        <v>0.26717039176228419</v>
      </c>
      <c r="H6322" cm="1">
        <f t="array" ref="H6322">IFERROR(INDEX(Jesper!AL$2:AL$366,ROUNDDOWN($C6322/24,0)+1,1)*INDEX($D$3:$AA$30,INDEX(Jesper!$R$2:$R$366,ROW(INDEX(Jesper!AL$2:AL$366,ROUNDDOWN($C6322/24,0)+1,1))-1)+IF('Standard Profiles'!$G$22=$B$10,7,0)+IF('Standard Profiles'!$G$22=$B$17,14,0)+IF('Standard Profiles'!$G$22=$B$24,21,0),MOD($C6322,24)+1)/SUM(INDEX($D$3:$AA$30,INDEX(Jesper!$R$2:$R$366,ROW(INDEX(Jesper!AL$2:AL$366,ROUNDDOWN($C6322/24,0)+1,1))-1)+IF('Standard Profiles'!$G$22=$B$10,7,0)+IF('Standard Profiles'!$G$22=$B$17,14,0)+IF('Standard Profiles'!$G$22=$B$24,21,0),0)),0)</f>
        <v>0</v>
      </c>
      <c r="I6322">
        <f t="shared" si="706"/>
        <v>0.12824178804589634</v>
      </c>
      <c r="J6322">
        <f t="shared" si="707"/>
        <v>6.9455716893393307</v>
      </c>
      <c r="K6322">
        <f t="shared" si="708"/>
        <v>0.57215736924501659</v>
      </c>
      <c r="L6322">
        <f t="shared" si="709"/>
        <v>0.28607868462250829</v>
      </c>
      <c r="M6322">
        <f t="shared" si="710"/>
        <v>0</v>
      </c>
      <c r="N6322" s="45">
        <f t="shared" si="711"/>
        <v>45188.99999998475</v>
      </c>
    </row>
    <row r="6323" spans="2:14" x14ac:dyDescent="0.25">
      <c r="B6323">
        <f t="shared" si="705"/>
        <v>3</v>
      </c>
      <c r="C6323" s="16">
        <v>6289</v>
      </c>
      <c r="D6323" cm="1">
        <f t="array" ref="D6323">IFERROR(INDEX(Jesper!AH$2:AH$366,ROUNDDOWN($C6323/24,0)+1,1)*INDEX($D$3:$AA$30,INDEX(Jesper!$R$2:$R$366,ROW(INDEX(Jesper!AH$2:AH$366,ROUNDDOWN($C6323/24,0)+1,1))-1)+IF('Standard Profiles'!$G$18=$B$10,7,0)+IF('Standard Profiles'!$G$18=$B$17,14,0)+IF('Standard Profiles'!$G$18=$B$24,21,0),MOD($C6323,24)+1)/SUM(INDEX($D$3:$AA$30,INDEX(Jesper!$R$2:$R$366,ROW(INDEX(Jesper!AH$2:AH$366,ROUNDDOWN($C6323/24,0)+1,1))-1)+IF('Standard Profiles'!$G$18=$B$10,7,0)+IF('Standard Profiles'!$G$18=$B$17,14,0)+IF('Standard Profiles'!$G$18=$B$24,21,0),0)),0)</f>
        <v>5.3639753366720306</v>
      </c>
      <c r="E6323" cm="1">
        <f t="array" ref="E6323">IFERROR(INDEX(Jesper!AI$2:AI$366,ROUNDDOWN($C6323/24,0)+1,1)*INDEX($D$3:$AA$30,INDEX(Jesper!$R$2:$R$366,ROW(INDEX(Jesper!AI$2:AI$366,ROUNDDOWN($C6323/24,0)+1,1))-1)+IF('Standard Profiles'!$G$19=$B$10,7,0)+IF('Standard Profiles'!$G$19=$B$17,14,0)+IF('Standard Profiles'!$G$19=$B$24,21,0),MOD($C6323,24)+1)/SUM(INDEX($D$3:$AA$30,INDEX(Jesper!$R$2:$R$366,ROW(INDEX(Jesper!AI$2:AI$366,ROUNDDOWN($C6323/24,0)+1,1))-1)+IF('Standard Profiles'!$G$19=$B$10,7,0)+IF('Standard Profiles'!$G$19=$B$17,14,0)+IF('Standard Profiles'!$G$19=$B$24,21,0),0)),0)</f>
        <v>2.3009038028184379</v>
      </c>
      <c r="F6323" cm="1">
        <f t="array" ref="F6323">IFERROR(INDEX(Jesper!AJ$2:AJ$366,ROUNDDOWN($C6323/24,0)+1,1)*INDEX($D$3:$AA$30,INDEX(Jesper!$R$2:$R$366,ROW(INDEX(Jesper!AJ$2:AJ$366,ROUNDDOWN($C6323/24,0)+1,1))-1)+IF('Standard Profiles'!$G$20=$B$10,7,0)+IF('Standard Profiles'!$G$20=$B$17,14,0)+IF('Standard Profiles'!$G$20=$B$24,21,0),MOD($C6323,24)+1)/SUM(INDEX($D$3:$AA$30,INDEX(Jesper!$R$2:$R$366,ROW(INDEX(Jesper!AJ$2:AJ$366,ROUNDDOWN($C6323/24,0)+1,1))-1)+IF('Standard Profiles'!$G$20=$B$10,7,0)+IF('Standard Profiles'!$G$20=$B$17,14,0)+IF('Standard Profiles'!$G$20=$B$24,21,0),0)),0)</f>
        <v>0</v>
      </c>
      <c r="G6323" cm="1">
        <f t="array" ref="G6323">IFERROR(INDEX(Jesper!AK$2:AK$366,ROUNDDOWN($C6323/24,0)+1,1)*INDEX($D$3:$AA$30,INDEX(Jesper!$R$2:$R$366,ROW(INDEX(Jesper!AK$2:AK$366,ROUNDDOWN($C6323/24,0)+1,1))-1)+IF('Standard Profiles'!$G$21=$B$10,7,0)+IF('Standard Profiles'!$G$21=$B$17,14,0)+IF('Standard Profiles'!$G$21=$B$24,21,0),MOD($C6323,24)+1)/SUM(INDEX($D$3:$AA$30,INDEX(Jesper!$R$2:$R$366,ROW(INDEX(Jesper!AK$2:AK$366,ROUNDDOWN($C6323/24,0)+1,1))-1)+IF('Standard Profiles'!$G$21=$B$10,7,0)+IF('Standard Profiles'!$G$21=$B$17,14,0)+IF('Standard Profiles'!$G$21=$B$24,21,0),0)),0)</f>
        <v>0.26717039176228419</v>
      </c>
      <c r="H6323" cm="1">
        <f t="array" ref="H6323">IFERROR(INDEX(Jesper!AL$2:AL$366,ROUNDDOWN($C6323/24,0)+1,1)*INDEX($D$3:$AA$30,INDEX(Jesper!$R$2:$R$366,ROW(INDEX(Jesper!AL$2:AL$366,ROUNDDOWN($C6323/24,0)+1,1))-1)+IF('Standard Profiles'!$G$22=$B$10,7,0)+IF('Standard Profiles'!$G$22=$B$17,14,0)+IF('Standard Profiles'!$G$22=$B$24,21,0),MOD($C6323,24)+1)/SUM(INDEX($D$3:$AA$30,INDEX(Jesper!$R$2:$R$366,ROW(INDEX(Jesper!AL$2:AL$366,ROUNDDOWN($C6323/24,0)+1,1))-1)+IF('Standard Profiles'!$G$22=$B$10,7,0)+IF('Standard Profiles'!$G$22=$B$17,14,0)+IF('Standard Profiles'!$G$22=$B$24,21,0),0)),0)</f>
        <v>0</v>
      </c>
      <c r="I6323">
        <f t="shared" si="706"/>
        <v>0.12824178804589634</v>
      </c>
      <c r="J6323">
        <f t="shared" si="707"/>
        <v>6.9455716893393307</v>
      </c>
      <c r="K6323">
        <f t="shared" si="708"/>
        <v>0.57215736924501659</v>
      </c>
      <c r="L6323">
        <f t="shared" si="709"/>
        <v>0.28607868462250829</v>
      </c>
      <c r="M6323">
        <f t="shared" si="710"/>
        <v>0</v>
      </c>
      <c r="N6323" s="45">
        <f t="shared" si="711"/>
        <v>45189.041666651414</v>
      </c>
    </row>
    <row r="6324" spans="2:14" x14ac:dyDescent="0.25">
      <c r="B6324">
        <f t="shared" si="705"/>
        <v>3</v>
      </c>
      <c r="C6324" s="16">
        <v>6290</v>
      </c>
      <c r="D6324" cm="1">
        <f t="array" ref="D6324">IFERROR(INDEX(Jesper!AH$2:AH$366,ROUNDDOWN($C6324/24,0)+1,1)*INDEX($D$3:$AA$30,INDEX(Jesper!$R$2:$R$366,ROW(INDEX(Jesper!AH$2:AH$366,ROUNDDOWN($C6324/24,0)+1,1))-1)+IF('Standard Profiles'!$G$18=$B$10,7,0)+IF('Standard Profiles'!$G$18=$B$17,14,0)+IF('Standard Profiles'!$G$18=$B$24,21,0),MOD($C6324,24)+1)/SUM(INDEX($D$3:$AA$30,INDEX(Jesper!$R$2:$R$366,ROW(INDEX(Jesper!AH$2:AH$366,ROUNDDOWN($C6324/24,0)+1,1))-1)+IF('Standard Profiles'!$G$18=$B$10,7,0)+IF('Standard Profiles'!$G$18=$B$17,14,0)+IF('Standard Profiles'!$G$18=$B$24,21,0),0)),0)</f>
        <v>5.3639753366720306</v>
      </c>
      <c r="E6324" cm="1">
        <f t="array" ref="E6324">IFERROR(INDEX(Jesper!AI$2:AI$366,ROUNDDOWN($C6324/24,0)+1,1)*INDEX($D$3:$AA$30,INDEX(Jesper!$R$2:$R$366,ROW(INDEX(Jesper!AI$2:AI$366,ROUNDDOWN($C6324/24,0)+1,1))-1)+IF('Standard Profiles'!$G$19=$B$10,7,0)+IF('Standard Profiles'!$G$19=$B$17,14,0)+IF('Standard Profiles'!$G$19=$B$24,21,0),MOD($C6324,24)+1)/SUM(INDEX($D$3:$AA$30,INDEX(Jesper!$R$2:$R$366,ROW(INDEX(Jesper!AI$2:AI$366,ROUNDDOWN($C6324/24,0)+1,1))-1)+IF('Standard Profiles'!$G$19=$B$10,7,0)+IF('Standard Profiles'!$G$19=$B$17,14,0)+IF('Standard Profiles'!$G$19=$B$24,21,0),0)),0)</f>
        <v>2.3009038028184379</v>
      </c>
      <c r="F6324" cm="1">
        <f t="array" ref="F6324">IFERROR(INDEX(Jesper!AJ$2:AJ$366,ROUNDDOWN($C6324/24,0)+1,1)*INDEX($D$3:$AA$30,INDEX(Jesper!$R$2:$R$366,ROW(INDEX(Jesper!AJ$2:AJ$366,ROUNDDOWN($C6324/24,0)+1,1))-1)+IF('Standard Profiles'!$G$20=$B$10,7,0)+IF('Standard Profiles'!$G$20=$B$17,14,0)+IF('Standard Profiles'!$G$20=$B$24,21,0),MOD($C6324,24)+1)/SUM(INDEX($D$3:$AA$30,INDEX(Jesper!$R$2:$R$366,ROW(INDEX(Jesper!AJ$2:AJ$366,ROUNDDOWN($C6324/24,0)+1,1))-1)+IF('Standard Profiles'!$G$20=$B$10,7,0)+IF('Standard Profiles'!$G$20=$B$17,14,0)+IF('Standard Profiles'!$G$20=$B$24,21,0),0)),0)</f>
        <v>0</v>
      </c>
      <c r="G6324" cm="1">
        <f t="array" ref="G6324">IFERROR(INDEX(Jesper!AK$2:AK$366,ROUNDDOWN($C6324/24,0)+1,1)*INDEX($D$3:$AA$30,INDEX(Jesper!$R$2:$R$366,ROW(INDEX(Jesper!AK$2:AK$366,ROUNDDOWN($C6324/24,0)+1,1))-1)+IF('Standard Profiles'!$G$21=$B$10,7,0)+IF('Standard Profiles'!$G$21=$B$17,14,0)+IF('Standard Profiles'!$G$21=$B$24,21,0),MOD($C6324,24)+1)/SUM(INDEX($D$3:$AA$30,INDEX(Jesper!$R$2:$R$366,ROW(INDEX(Jesper!AK$2:AK$366,ROUNDDOWN($C6324/24,0)+1,1))-1)+IF('Standard Profiles'!$G$21=$B$10,7,0)+IF('Standard Profiles'!$G$21=$B$17,14,0)+IF('Standard Profiles'!$G$21=$B$24,21,0),0)),0)</f>
        <v>0.26717039176228419</v>
      </c>
      <c r="H6324" cm="1">
        <f t="array" ref="H6324">IFERROR(INDEX(Jesper!AL$2:AL$366,ROUNDDOWN($C6324/24,0)+1,1)*INDEX($D$3:$AA$30,INDEX(Jesper!$R$2:$R$366,ROW(INDEX(Jesper!AL$2:AL$366,ROUNDDOWN($C6324/24,0)+1,1))-1)+IF('Standard Profiles'!$G$22=$B$10,7,0)+IF('Standard Profiles'!$G$22=$B$17,14,0)+IF('Standard Profiles'!$G$22=$B$24,21,0),MOD($C6324,24)+1)/SUM(INDEX($D$3:$AA$30,INDEX(Jesper!$R$2:$R$366,ROW(INDEX(Jesper!AL$2:AL$366,ROUNDDOWN($C6324/24,0)+1,1))-1)+IF('Standard Profiles'!$G$22=$B$10,7,0)+IF('Standard Profiles'!$G$22=$B$17,14,0)+IF('Standard Profiles'!$G$22=$B$24,21,0),0)),0)</f>
        <v>0</v>
      </c>
      <c r="I6324">
        <f t="shared" si="706"/>
        <v>0.12824178804589634</v>
      </c>
      <c r="J6324">
        <f t="shared" si="707"/>
        <v>6.9455716893393307</v>
      </c>
      <c r="K6324">
        <f t="shared" si="708"/>
        <v>0.57215736924501659</v>
      </c>
      <c r="L6324">
        <f t="shared" si="709"/>
        <v>0.28607868462250829</v>
      </c>
      <c r="M6324">
        <f t="shared" si="710"/>
        <v>0</v>
      </c>
      <c r="N6324" s="45">
        <f t="shared" si="711"/>
        <v>45189.083333318078</v>
      </c>
    </row>
    <row r="6325" spans="2:14" x14ac:dyDescent="0.25">
      <c r="B6325">
        <f t="shared" si="705"/>
        <v>3</v>
      </c>
      <c r="C6325" s="16">
        <v>6291</v>
      </c>
      <c r="D6325" cm="1">
        <f t="array" ref="D6325">IFERROR(INDEX(Jesper!AH$2:AH$366,ROUNDDOWN($C6325/24,0)+1,1)*INDEX($D$3:$AA$30,INDEX(Jesper!$R$2:$R$366,ROW(INDEX(Jesper!AH$2:AH$366,ROUNDDOWN($C6325/24,0)+1,1))-1)+IF('Standard Profiles'!$G$18=$B$10,7,0)+IF('Standard Profiles'!$G$18=$B$17,14,0)+IF('Standard Profiles'!$G$18=$B$24,21,0),MOD($C6325,24)+1)/SUM(INDEX($D$3:$AA$30,INDEX(Jesper!$R$2:$R$366,ROW(INDEX(Jesper!AH$2:AH$366,ROUNDDOWN($C6325/24,0)+1,1))-1)+IF('Standard Profiles'!$G$18=$B$10,7,0)+IF('Standard Profiles'!$G$18=$B$17,14,0)+IF('Standard Profiles'!$G$18=$B$24,21,0),0)),0)</f>
        <v>5.3639753366720306</v>
      </c>
      <c r="E6325" cm="1">
        <f t="array" ref="E6325">IFERROR(INDEX(Jesper!AI$2:AI$366,ROUNDDOWN($C6325/24,0)+1,1)*INDEX($D$3:$AA$30,INDEX(Jesper!$R$2:$R$366,ROW(INDEX(Jesper!AI$2:AI$366,ROUNDDOWN($C6325/24,0)+1,1))-1)+IF('Standard Profiles'!$G$19=$B$10,7,0)+IF('Standard Profiles'!$G$19=$B$17,14,0)+IF('Standard Profiles'!$G$19=$B$24,21,0),MOD($C6325,24)+1)/SUM(INDEX($D$3:$AA$30,INDEX(Jesper!$R$2:$R$366,ROW(INDEX(Jesper!AI$2:AI$366,ROUNDDOWN($C6325/24,0)+1,1))-1)+IF('Standard Profiles'!$G$19=$B$10,7,0)+IF('Standard Profiles'!$G$19=$B$17,14,0)+IF('Standard Profiles'!$G$19=$B$24,21,0),0)),0)</f>
        <v>2.3009038028184379</v>
      </c>
      <c r="F6325" cm="1">
        <f t="array" ref="F6325">IFERROR(INDEX(Jesper!AJ$2:AJ$366,ROUNDDOWN($C6325/24,0)+1,1)*INDEX($D$3:$AA$30,INDEX(Jesper!$R$2:$R$366,ROW(INDEX(Jesper!AJ$2:AJ$366,ROUNDDOWN($C6325/24,0)+1,1))-1)+IF('Standard Profiles'!$G$20=$B$10,7,0)+IF('Standard Profiles'!$G$20=$B$17,14,0)+IF('Standard Profiles'!$G$20=$B$24,21,0),MOD($C6325,24)+1)/SUM(INDEX($D$3:$AA$30,INDEX(Jesper!$R$2:$R$366,ROW(INDEX(Jesper!AJ$2:AJ$366,ROUNDDOWN($C6325/24,0)+1,1))-1)+IF('Standard Profiles'!$G$20=$B$10,7,0)+IF('Standard Profiles'!$G$20=$B$17,14,0)+IF('Standard Profiles'!$G$20=$B$24,21,0),0)),0)</f>
        <v>0</v>
      </c>
      <c r="G6325" cm="1">
        <f t="array" ref="G6325">IFERROR(INDEX(Jesper!AK$2:AK$366,ROUNDDOWN($C6325/24,0)+1,1)*INDEX($D$3:$AA$30,INDEX(Jesper!$R$2:$R$366,ROW(INDEX(Jesper!AK$2:AK$366,ROUNDDOWN($C6325/24,0)+1,1))-1)+IF('Standard Profiles'!$G$21=$B$10,7,0)+IF('Standard Profiles'!$G$21=$B$17,14,0)+IF('Standard Profiles'!$G$21=$B$24,21,0),MOD($C6325,24)+1)/SUM(INDEX($D$3:$AA$30,INDEX(Jesper!$R$2:$R$366,ROW(INDEX(Jesper!AK$2:AK$366,ROUNDDOWN($C6325/24,0)+1,1))-1)+IF('Standard Profiles'!$G$21=$B$10,7,0)+IF('Standard Profiles'!$G$21=$B$17,14,0)+IF('Standard Profiles'!$G$21=$B$24,21,0),0)),0)</f>
        <v>0.26717039176228419</v>
      </c>
      <c r="H6325" cm="1">
        <f t="array" ref="H6325">IFERROR(INDEX(Jesper!AL$2:AL$366,ROUNDDOWN($C6325/24,0)+1,1)*INDEX($D$3:$AA$30,INDEX(Jesper!$R$2:$R$366,ROW(INDEX(Jesper!AL$2:AL$366,ROUNDDOWN($C6325/24,0)+1,1))-1)+IF('Standard Profiles'!$G$22=$B$10,7,0)+IF('Standard Profiles'!$G$22=$B$17,14,0)+IF('Standard Profiles'!$G$22=$B$24,21,0),MOD($C6325,24)+1)/SUM(INDEX($D$3:$AA$30,INDEX(Jesper!$R$2:$R$366,ROW(INDEX(Jesper!AL$2:AL$366,ROUNDDOWN($C6325/24,0)+1,1))-1)+IF('Standard Profiles'!$G$22=$B$10,7,0)+IF('Standard Profiles'!$G$22=$B$17,14,0)+IF('Standard Profiles'!$G$22=$B$24,21,0),0)),0)</f>
        <v>0</v>
      </c>
      <c r="I6325">
        <f t="shared" si="706"/>
        <v>0.12824178804589634</v>
      </c>
      <c r="J6325">
        <f t="shared" si="707"/>
        <v>6.9455716893393307</v>
      </c>
      <c r="K6325">
        <f t="shared" si="708"/>
        <v>0.57215736924501659</v>
      </c>
      <c r="L6325">
        <f t="shared" si="709"/>
        <v>0.28607868462250829</v>
      </c>
      <c r="M6325">
        <f t="shared" si="710"/>
        <v>0</v>
      </c>
      <c r="N6325" s="45">
        <f t="shared" si="711"/>
        <v>45189.124999984742</v>
      </c>
    </row>
    <row r="6326" spans="2:14" x14ac:dyDescent="0.25">
      <c r="B6326">
        <f t="shared" si="705"/>
        <v>3</v>
      </c>
      <c r="C6326" s="16">
        <v>6292</v>
      </c>
      <c r="D6326" cm="1">
        <f t="array" ref="D6326">IFERROR(INDEX(Jesper!AH$2:AH$366,ROUNDDOWN($C6326/24,0)+1,1)*INDEX($D$3:$AA$30,INDEX(Jesper!$R$2:$R$366,ROW(INDEX(Jesper!AH$2:AH$366,ROUNDDOWN($C6326/24,0)+1,1))-1)+IF('Standard Profiles'!$G$18=$B$10,7,0)+IF('Standard Profiles'!$G$18=$B$17,14,0)+IF('Standard Profiles'!$G$18=$B$24,21,0),MOD($C6326,24)+1)/SUM(INDEX($D$3:$AA$30,INDEX(Jesper!$R$2:$R$366,ROW(INDEX(Jesper!AH$2:AH$366,ROUNDDOWN($C6326/24,0)+1,1))-1)+IF('Standard Profiles'!$G$18=$B$10,7,0)+IF('Standard Profiles'!$G$18=$B$17,14,0)+IF('Standard Profiles'!$G$18=$B$24,21,0),0)),0)</f>
        <v>5.3639753366720306</v>
      </c>
      <c r="E6326" cm="1">
        <f t="array" ref="E6326">IFERROR(INDEX(Jesper!AI$2:AI$366,ROUNDDOWN($C6326/24,0)+1,1)*INDEX($D$3:$AA$30,INDEX(Jesper!$R$2:$R$366,ROW(INDEX(Jesper!AI$2:AI$366,ROUNDDOWN($C6326/24,0)+1,1))-1)+IF('Standard Profiles'!$G$19=$B$10,7,0)+IF('Standard Profiles'!$G$19=$B$17,14,0)+IF('Standard Profiles'!$G$19=$B$24,21,0),MOD($C6326,24)+1)/SUM(INDEX($D$3:$AA$30,INDEX(Jesper!$R$2:$R$366,ROW(INDEX(Jesper!AI$2:AI$366,ROUNDDOWN($C6326/24,0)+1,1))-1)+IF('Standard Profiles'!$G$19=$B$10,7,0)+IF('Standard Profiles'!$G$19=$B$17,14,0)+IF('Standard Profiles'!$G$19=$B$24,21,0),0)),0)</f>
        <v>2.3009038028184379</v>
      </c>
      <c r="F6326" cm="1">
        <f t="array" ref="F6326">IFERROR(INDEX(Jesper!AJ$2:AJ$366,ROUNDDOWN($C6326/24,0)+1,1)*INDEX($D$3:$AA$30,INDEX(Jesper!$R$2:$R$366,ROW(INDEX(Jesper!AJ$2:AJ$366,ROUNDDOWN($C6326/24,0)+1,1))-1)+IF('Standard Profiles'!$G$20=$B$10,7,0)+IF('Standard Profiles'!$G$20=$B$17,14,0)+IF('Standard Profiles'!$G$20=$B$24,21,0),MOD($C6326,24)+1)/SUM(INDEX($D$3:$AA$30,INDEX(Jesper!$R$2:$R$366,ROW(INDEX(Jesper!AJ$2:AJ$366,ROUNDDOWN($C6326/24,0)+1,1))-1)+IF('Standard Profiles'!$G$20=$B$10,7,0)+IF('Standard Profiles'!$G$20=$B$17,14,0)+IF('Standard Profiles'!$G$20=$B$24,21,0),0)),0)</f>
        <v>0</v>
      </c>
      <c r="G6326" cm="1">
        <f t="array" ref="G6326">IFERROR(INDEX(Jesper!AK$2:AK$366,ROUNDDOWN($C6326/24,0)+1,1)*INDEX($D$3:$AA$30,INDEX(Jesper!$R$2:$R$366,ROW(INDEX(Jesper!AK$2:AK$366,ROUNDDOWN($C6326/24,0)+1,1))-1)+IF('Standard Profiles'!$G$21=$B$10,7,0)+IF('Standard Profiles'!$G$21=$B$17,14,0)+IF('Standard Profiles'!$G$21=$B$24,21,0),MOD($C6326,24)+1)/SUM(INDEX($D$3:$AA$30,INDEX(Jesper!$R$2:$R$366,ROW(INDEX(Jesper!AK$2:AK$366,ROUNDDOWN($C6326/24,0)+1,1))-1)+IF('Standard Profiles'!$G$21=$B$10,7,0)+IF('Standard Profiles'!$G$21=$B$17,14,0)+IF('Standard Profiles'!$G$21=$B$24,21,0),0)),0)</f>
        <v>0.26717039176228419</v>
      </c>
      <c r="H6326" cm="1">
        <f t="array" ref="H6326">IFERROR(INDEX(Jesper!AL$2:AL$366,ROUNDDOWN($C6326/24,0)+1,1)*INDEX($D$3:$AA$30,INDEX(Jesper!$R$2:$R$366,ROW(INDEX(Jesper!AL$2:AL$366,ROUNDDOWN($C6326/24,0)+1,1))-1)+IF('Standard Profiles'!$G$22=$B$10,7,0)+IF('Standard Profiles'!$G$22=$B$17,14,0)+IF('Standard Profiles'!$G$22=$B$24,21,0),MOD($C6326,24)+1)/SUM(INDEX($D$3:$AA$30,INDEX(Jesper!$R$2:$R$366,ROW(INDEX(Jesper!AL$2:AL$366,ROUNDDOWN($C6326/24,0)+1,1))-1)+IF('Standard Profiles'!$G$22=$B$10,7,0)+IF('Standard Profiles'!$G$22=$B$17,14,0)+IF('Standard Profiles'!$G$22=$B$24,21,0),0)),0)</f>
        <v>0</v>
      </c>
      <c r="I6326">
        <f t="shared" si="706"/>
        <v>0.12824178804589634</v>
      </c>
      <c r="J6326">
        <f t="shared" si="707"/>
        <v>6.9455716893393307</v>
      </c>
      <c r="K6326">
        <f t="shared" si="708"/>
        <v>0.57215736924501659</v>
      </c>
      <c r="L6326">
        <f t="shared" si="709"/>
        <v>0.28607868462250829</v>
      </c>
      <c r="M6326">
        <f t="shared" si="710"/>
        <v>0</v>
      </c>
      <c r="N6326" s="45">
        <f t="shared" si="711"/>
        <v>45189.166666651407</v>
      </c>
    </row>
    <row r="6327" spans="2:14" x14ac:dyDescent="0.25">
      <c r="B6327">
        <f t="shared" si="705"/>
        <v>3</v>
      </c>
      <c r="C6327" s="16">
        <v>6293</v>
      </c>
      <c r="D6327" cm="1">
        <f t="array" ref="D6327">IFERROR(INDEX(Jesper!AH$2:AH$366,ROUNDDOWN($C6327/24,0)+1,1)*INDEX($D$3:$AA$30,INDEX(Jesper!$R$2:$R$366,ROW(INDEX(Jesper!AH$2:AH$366,ROUNDDOWN($C6327/24,0)+1,1))-1)+IF('Standard Profiles'!$G$18=$B$10,7,0)+IF('Standard Profiles'!$G$18=$B$17,14,0)+IF('Standard Profiles'!$G$18=$B$24,21,0),MOD($C6327,24)+1)/SUM(INDEX($D$3:$AA$30,INDEX(Jesper!$R$2:$R$366,ROW(INDEX(Jesper!AH$2:AH$366,ROUNDDOWN($C6327/24,0)+1,1))-1)+IF('Standard Profiles'!$G$18=$B$10,7,0)+IF('Standard Profiles'!$G$18=$B$17,14,0)+IF('Standard Profiles'!$G$18=$B$24,21,0),0)),0)</f>
        <v>5.3639753366720306</v>
      </c>
      <c r="E6327" cm="1">
        <f t="array" ref="E6327">IFERROR(INDEX(Jesper!AI$2:AI$366,ROUNDDOWN($C6327/24,0)+1,1)*INDEX($D$3:$AA$30,INDEX(Jesper!$R$2:$R$366,ROW(INDEX(Jesper!AI$2:AI$366,ROUNDDOWN($C6327/24,0)+1,1))-1)+IF('Standard Profiles'!$G$19=$B$10,7,0)+IF('Standard Profiles'!$G$19=$B$17,14,0)+IF('Standard Profiles'!$G$19=$B$24,21,0),MOD($C6327,24)+1)/SUM(INDEX($D$3:$AA$30,INDEX(Jesper!$R$2:$R$366,ROW(INDEX(Jesper!AI$2:AI$366,ROUNDDOWN($C6327/24,0)+1,1))-1)+IF('Standard Profiles'!$G$19=$B$10,7,0)+IF('Standard Profiles'!$G$19=$B$17,14,0)+IF('Standard Profiles'!$G$19=$B$24,21,0),0)),0)</f>
        <v>2.3009038028184379</v>
      </c>
      <c r="F6327" cm="1">
        <f t="array" ref="F6327">IFERROR(INDEX(Jesper!AJ$2:AJ$366,ROUNDDOWN($C6327/24,0)+1,1)*INDEX($D$3:$AA$30,INDEX(Jesper!$R$2:$R$366,ROW(INDEX(Jesper!AJ$2:AJ$366,ROUNDDOWN($C6327/24,0)+1,1))-1)+IF('Standard Profiles'!$G$20=$B$10,7,0)+IF('Standard Profiles'!$G$20=$B$17,14,0)+IF('Standard Profiles'!$G$20=$B$24,21,0),MOD($C6327,24)+1)/SUM(INDEX($D$3:$AA$30,INDEX(Jesper!$R$2:$R$366,ROW(INDEX(Jesper!AJ$2:AJ$366,ROUNDDOWN($C6327/24,0)+1,1))-1)+IF('Standard Profiles'!$G$20=$B$10,7,0)+IF('Standard Profiles'!$G$20=$B$17,14,0)+IF('Standard Profiles'!$G$20=$B$24,21,0),0)),0)</f>
        <v>0</v>
      </c>
      <c r="G6327" cm="1">
        <f t="array" ref="G6327">IFERROR(INDEX(Jesper!AK$2:AK$366,ROUNDDOWN($C6327/24,0)+1,1)*INDEX($D$3:$AA$30,INDEX(Jesper!$R$2:$R$366,ROW(INDEX(Jesper!AK$2:AK$366,ROUNDDOWN($C6327/24,0)+1,1))-1)+IF('Standard Profiles'!$G$21=$B$10,7,0)+IF('Standard Profiles'!$G$21=$B$17,14,0)+IF('Standard Profiles'!$G$21=$B$24,21,0),MOD($C6327,24)+1)/SUM(INDEX($D$3:$AA$30,INDEX(Jesper!$R$2:$R$366,ROW(INDEX(Jesper!AK$2:AK$366,ROUNDDOWN($C6327/24,0)+1,1))-1)+IF('Standard Profiles'!$G$21=$B$10,7,0)+IF('Standard Profiles'!$G$21=$B$17,14,0)+IF('Standard Profiles'!$G$21=$B$24,21,0),0)),0)</f>
        <v>0.26717039176228419</v>
      </c>
      <c r="H6327" cm="1">
        <f t="array" ref="H6327">IFERROR(INDEX(Jesper!AL$2:AL$366,ROUNDDOWN($C6327/24,0)+1,1)*INDEX($D$3:$AA$30,INDEX(Jesper!$R$2:$R$366,ROW(INDEX(Jesper!AL$2:AL$366,ROUNDDOWN($C6327/24,0)+1,1))-1)+IF('Standard Profiles'!$G$22=$B$10,7,0)+IF('Standard Profiles'!$G$22=$B$17,14,0)+IF('Standard Profiles'!$G$22=$B$24,21,0),MOD($C6327,24)+1)/SUM(INDEX($D$3:$AA$30,INDEX(Jesper!$R$2:$R$366,ROW(INDEX(Jesper!AL$2:AL$366,ROUNDDOWN($C6327/24,0)+1,1))-1)+IF('Standard Profiles'!$G$22=$B$10,7,0)+IF('Standard Profiles'!$G$22=$B$17,14,0)+IF('Standard Profiles'!$G$22=$B$24,21,0),0)),0)</f>
        <v>0</v>
      </c>
      <c r="I6327">
        <f t="shared" si="706"/>
        <v>0.12824178804589634</v>
      </c>
      <c r="J6327">
        <f t="shared" si="707"/>
        <v>6.9455716893393307</v>
      </c>
      <c r="K6327">
        <f t="shared" si="708"/>
        <v>0.57215736924501659</v>
      </c>
      <c r="L6327">
        <f t="shared" si="709"/>
        <v>0.28607868462250829</v>
      </c>
      <c r="M6327">
        <f t="shared" si="710"/>
        <v>0</v>
      </c>
      <c r="N6327" s="45">
        <f t="shared" si="711"/>
        <v>45189.208333318071</v>
      </c>
    </row>
    <row r="6328" spans="2:14" x14ac:dyDescent="0.25">
      <c r="B6328">
        <f t="shared" si="705"/>
        <v>3</v>
      </c>
      <c r="C6328" s="16">
        <v>6294</v>
      </c>
      <c r="D6328" cm="1">
        <f t="array" ref="D6328">IFERROR(INDEX(Jesper!AH$2:AH$366,ROUNDDOWN($C6328/24,0)+1,1)*INDEX($D$3:$AA$30,INDEX(Jesper!$R$2:$R$366,ROW(INDEX(Jesper!AH$2:AH$366,ROUNDDOWN($C6328/24,0)+1,1))-1)+IF('Standard Profiles'!$G$18=$B$10,7,0)+IF('Standard Profiles'!$G$18=$B$17,14,0)+IF('Standard Profiles'!$G$18=$B$24,21,0),MOD($C6328,24)+1)/SUM(INDEX($D$3:$AA$30,INDEX(Jesper!$R$2:$R$366,ROW(INDEX(Jesper!AH$2:AH$366,ROUNDDOWN($C6328/24,0)+1,1))-1)+IF('Standard Profiles'!$G$18=$B$10,7,0)+IF('Standard Profiles'!$G$18=$B$17,14,0)+IF('Standard Profiles'!$G$18=$B$24,21,0),0)),0)</f>
        <v>5.3639753366720306</v>
      </c>
      <c r="E6328" cm="1">
        <f t="array" ref="E6328">IFERROR(INDEX(Jesper!AI$2:AI$366,ROUNDDOWN($C6328/24,0)+1,1)*INDEX($D$3:$AA$30,INDEX(Jesper!$R$2:$R$366,ROW(INDEX(Jesper!AI$2:AI$366,ROUNDDOWN($C6328/24,0)+1,1))-1)+IF('Standard Profiles'!$G$19=$B$10,7,0)+IF('Standard Profiles'!$G$19=$B$17,14,0)+IF('Standard Profiles'!$G$19=$B$24,21,0),MOD($C6328,24)+1)/SUM(INDEX($D$3:$AA$30,INDEX(Jesper!$R$2:$R$366,ROW(INDEX(Jesper!AI$2:AI$366,ROUNDDOWN($C6328/24,0)+1,1))-1)+IF('Standard Profiles'!$G$19=$B$10,7,0)+IF('Standard Profiles'!$G$19=$B$17,14,0)+IF('Standard Profiles'!$G$19=$B$24,21,0),0)),0)</f>
        <v>2.3009038028184379</v>
      </c>
      <c r="F6328" cm="1">
        <f t="array" ref="F6328">IFERROR(INDEX(Jesper!AJ$2:AJ$366,ROUNDDOWN($C6328/24,0)+1,1)*INDEX($D$3:$AA$30,INDEX(Jesper!$R$2:$R$366,ROW(INDEX(Jesper!AJ$2:AJ$366,ROUNDDOWN($C6328/24,0)+1,1))-1)+IF('Standard Profiles'!$G$20=$B$10,7,0)+IF('Standard Profiles'!$G$20=$B$17,14,0)+IF('Standard Profiles'!$G$20=$B$24,21,0),MOD($C6328,24)+1)/SUM(INDEX($D$3:$AA$30,INDEX(Jesper!$R$2:$R$366,ROW(INDEX(Jesper!AJ$2:AJ$366,ROUNDDOWN($C6328/24,0)+1,1))-1)+IF('Standard Profiles'!$G$20=$B$10,7,0)+IF('Standard Profiles'!$G$20=$B$17,14,0)+IF('Standard Profiles'!$G$20=$B$24,21,0),0)),0)</f>
        <v>0</v>
      </c>
      <c r="G6328" cm="1">
        <f t="array" ref="G6328">IFERROR(INDEX(Jesper!AK$2:AK$366,ROUNDDOWN($C6328/24,0)+1,1)*INDEX($D$3:$AA$30,INDEX(Jesper!$R$2:$R$366,ROW(INDEX(Jesper!AK$2:AK$366,ROUNDDOWN($C6328/24,0)+1,1))-1)+IF('Standard Profiles'!$G$21=$B$10,7,0)+IF('Standard Profiles'!$G$21=$B$17,14,0)+IF('Standard Profiles'!$G$21=$B$24,21,0),MOD($C6328,24)+1)/SUM(INDEX($D$3:$AA$30,INDEX(Jesper!$R$2:$R$366,ROW(INDEX(Jesper!AK$2:AK$366,ROUNDDOWN($C6328/24,0)+1,1))-1)+IF('Standard Profiles'!$G$21=$B$10,7,0)+IF('Standard Profiles'!$G$21=$B$17,14,0)+IF('Standard Profiles'!$G$21=$B$24,21,0),0)),0)</f>
        <v>0.26717039176228419</v>
      </c>
      <c r="H6328" cm="1">
        <f t="array" ref="H6328">IFERROR(INDEX(Jesper!AL$2:AL$366,ROUNDDOWN($C6328/24,0)+1,1)*INDEX($D$3:$AA$30,INDEX(Jesper!$R$2:$R$366,ROW(INDEX(Jesper!AL$2:AL$366,ROUNDDOWN($C6328/24,0)+1,1))-1)+IF('Standard Profiles'!$G$22=$B$10,7,0)+IF('Standard Profiles'!$G$22=$B$17,14,0)+IF('Standard Profiles'!$G$22=$B$24,21,0),MOD($C6328,24)+1)/SUM(INDEX($D$3:$AA$30,INDEX(Jesper!$R$2:$R$366,ROW(INDEX(Jesper!AL$2:AL$366,ROUNDDOWN($C6328/24,0)+1,1))-1)+IF('Standard Profiles'!$G$22=$B$10,7,0)+IF('Standard Profiles'!$G$22=$B$17,14,0)+IF('Standard Profiles'!$G$22=$B$24,21,0),0)),0)</f>
        <v>0</v>
      </c>
      <c r="I6328">
        <f t="shared" si="706"/>
        <v>0.12824178804589634</v>
      </c>
      <c r="J6328">
        <f t="shared" si="707"/>
        <v>6.9455716893393307</v>
      </c>
      <c r="K6328">
        <f t="shared" si="708"/>
        <v>0.57215736924501659</v>
      </c>
      <c r="L6328">
        <f t="shared" si="709"/>
        <v>0.28607868462250829</v>
      </c>
      <c r="M6328">
        <f t="shared" si="710"/>
        <v>0</v>
      </c>
      <c r="N6328" s="45">
        <f t="shared" si="711"/>
        <v>45189.249999984735</v>
      </c>
    </row>
    <row r="6329" spans="2:14" x14ac:dyDescent="0.25">
      <c r="B6329">
        <f t="shared" si="705"/>
        <v>3</v>
      </c>
      <c r="C6329" s="16">
        <v>6295</v>
      </c>
      <c r="D6329" cm="1">
        <f t="array" ref="D6329">IFERROR(INDEX(Jesper!AH$2:AH$366,ROUNDDOWN($C6329/24,0)+1,1)*INDEX($D$3:$AA$30,INDEX(Jesper!$R$2:$R$366,ROW(INDEX(Jesper!AH$2:AH$366,ROUNDDOWN($C6329/24,0)+1,1))-1)+IF('Standard Profiles'!$G$18=$B$10,7,0)+IF('Standard Profiles'!$G$18=$B$17,14,0)+IF('Standard Profiles'!$G$18=$B$24,21,0),MOD($C6329,24)+1)/SUM(INDEX($D$3:$AA$30,INDEX(Jesper!$R$2:$R$366,ROW(INDEX(Jesper!AH$2:AH$366,ROUNDDOWN($C6329/24,0)+1,1))-1)+IF('Standard Profiles'!$G$18=$B$10,7,0)+IF('Standard Profiles'!$G$18=$B$17,14,0)+IF('Standard Profiles'!$G$18=$B$24,21,0),0)),0)</f>
        <v>21.927280997486573</v>
      </c>
      <c r="E6329" cm="1">
        <f t="array" ref="E6329">IFERROR(INDEX(Jesper!AI$2:AI$366,ROUNDDOWN($C6329/24,0)+1,1)*INDEX($D$3:$AA$30,INDEX(Jesper!$R$2:$R$366,ROW(INDEX(Jesper!AI$2:AI$366,ROUNDDOWN($C6329/24,0)+1,1))-1)+IF('Standard Profiles'!$G$19=$B$10,7,0)+IF('Standard Profiles'!$G$19=$B$17,14,0)+IF('Standard Profiles'!$G$19=$B$24,21,0),MOD($C6329,24)+1)/SUM(INDEX($D$3:$AA$30,INDEX(Jesper!$R$2:$R$366,ROW(INDEX(Jesper!AI$2:AI$366,ROUNDDOWN($C6329/24,0)+1,1))-1)+IF('Standard Profiles'!$G$19=$B$10,7,0)+IF('Standard Profiles'!$G$19=$B$17,14,0)+IF('Standard Profiles'!$G$19=$B$24,21,0),0)),0)</f>
        <v>9.4058158484911285</v>
      </c>
      <c r="F6329" cm="1">
        <f t="array" ref="F6329">IFERROR(INDEX(Jesper!AJ$2:AJ$366,ROUNDDOWN($C6329/24,0)+1,1)*INDEX($D$3:$AA$30,INDEX(Jesper!$R$2:$R$366,ROW(INDEX(Jesper!AJ$2:AJ$366,ROUNDDOWN($C6329/24,0)+1,1))-1)+IF('Standard Profiles'!$G$20=$B$10,7,0)+IF('Standard Profiles'!$G$20=$B$17,14,0)+IF('Standard Profiles'!$G$20=$B$24,21,0),MOD($C6329,24)+1)/SUM(INDEX($D$3:$AA$30,INDEX(Jesper!$R$2:$R$366,ROW(INDEX(Jesper!AJ$2:AJ$366,ROUNDDOWN($C6329/24,0)+1,1))-1)+IF('Standard Profiles'!$G$20=$B$10,7,0)+IF('Standard Profiles'!$G$20=$B$17,14,0)+IF('Standard Profiles'!$G$20=$B$24,21,0),0)),0)</f>
        <v>0</v>
      </c>
      <c r="G6329" cm="1">
        <f t="array" ref="G6329">IFERROR(INDEX(Jesper!AK$2:AK$366,ROUNDDOWN($C6329/24,0)+1,1)*INDEX($D$3:$AA$30,INDEX(Jesper!$R$2:$R$366,ROW(INDEX(Jesper!AK$2:AK$366,ROUNDDOWN($C6329/24,0)+1,1))-1)+IF('Standard Profiles'!$G$21=$B$10,7,0)+IF('Standard Profiles'!$G$21=$B$17,14,0)+IF('Standard Profiles'!$G$21=$B$24,21,0),MOD($C6329,24)+1)/SUM(INDEX($D$3:$AA$30,INDEX(Jesper!$R$2:$R$366,ROW(INDEX(Jesper!AK$2:AK$366,ROUNDDOWN($C6329/24,0)+1,1))-1)+IF('Standard Profiles'!$G$21=$B$10,7,0)+IF('Standard Profiles'!$G$21=$B$17,14,0)+IF('Standard Profiles'!$G$21=$B$24,21,0),0)),0)</f>
        <v>0.73605442930509279</v>
      </c>
      <c r="H6329" cm="1">
        <f t="array" ref="H6329">IFERROR(INDEX(Jesper!AL$2:AL$366,ROUNDDOWN($C6329/24,0)+1,1)*INDEX($D$3:$AA$30,INDEX(Jesper!$R$2:$R$366,ROW(INDEX(Jesper!AL$2:AL$366,ROUNDDOWN($C6329/24,0)+1,1))-1)+IF('Standard Profiles'!$G$22=$B$10,7,0)+IF('Standard Profiles'!$G$22=$B$17,14,0)+IF('Standard Profiles'!$G$22=$B$24,21,0),MOD($C6329,24)+1)/SUM(INDEX($D$3:$AA$30,INDEX(Jesper!$R$2:$R$366,ROW(INDEX(Jesper!AL$2:AL$366,ROUNDDOWN($C6329/24,0)+1,1))-1)+IF('Standard Profiles'!$G$22=$B$10,7,0)+IF('Standard Profiles'!$G$22=$B$17,14,0)+IF('Standard Profiles'!$G$22=$B$24,21,0),0)),0)</f>
        <v>0</v>
      </c>
      <c r="I6329">
        <f t="shared" si="706"/>
        <v>0.35330612606644435</v>
      </c>
      <c r="J6329">
        <f t="shared" si="707"/>
        <v>28.207480189618501</v>
      </c>
      <c r="K6329">
        <f t="shared" si="708"/>
        <v>2.3389099730652347</v>
      </c>
      <c r="L6329">
        <f t="shared" si="709"/>
        <v>1.1694549865326174</v>
      </c>
      <c r="M6329">
        <f t="shared" si="710"/>
        <v>0</v>
      </c>
      <c r="N6329" s="45">
        <f t="shared" si="711"/>
        <v>45189.291666651399</v>
      </c>
    </row>
    <row r="6330" spans="2:14" x14ac:dyDescent="0.25">
      <c r="B6330">
        <f t="shared" si="705"/>
        <v>3</v>
      </c>
      <c r="C6330" s="16">
        <v>6296</v>
      </c>
      <c r="D6330" cm="1">
        <f t="array" ref="D6330">IFERROR(INDEX(Jesper!AH$2:AH$366,ROUNDDOWN($C6330/24,0)+1,1)*INDEX($D$3:$AA$30,INDEX(Jesper!$R$2:$R$366,ROW(INDEX(Jesper!AH$2:AH$366,ROUNDDOWN($C6330/24,0)+1,1))-1)+IF('Standard Profiles'!$G$18=$B$10,7,0)+IF('Standard Profiles'!$G$18=$B$17,14,0)+IF('Standard Profiles'!$G$18=$B$24,21,0),MOD($C6330,24)+1)/SUM(INDEX($D$3:$AA$30,INDEX(Jesper!$R$2:$R$366,ROW(INDEX(Jesper!AH$2:AH$366,ROUNDDOWN($C6330/24,0)+1,1))-1)+IF('Standard Profiles'!$G$18=$B$10,7,0)+IF('Standard Profiles'!$G$18=$B$17,14,0)+IF('Standard Profiles'!$G$18=$B$24,21,0),0)),0)</f>
        <v>24.466229323511332</v>
      </c>
      <c r="E6330" cm="1">
        <f t="array" ref="E6330">IFERROR(INDEX(Jesper!AI$2:AI$366,ROUNDDOWN($C6330/24,0)+1,1)*INDEX($D$3:$AA$30,INDEX(Jesper!$R$2:$R$366,ROW(INDEX(Jesper!AI$2:AI$366,ROUNDDOWN($C6330/24,0)+1,1))-1)+IF('Standard Profiles'!$G$19=$B$10,7,0)+IF('Standard Profiles'!$G$19=$B$17,14,0)+IF('Standard Profiles'!$G$19=$B$24,21,0),MOD($C6330,24)+1)/SUM(INDEX($D$3:$AA$30,INDEX(Jesper!$R$2:$R$366,ROW(INDEX(Jesper!AI$2:AI$366,ROUNDDOWN($C6330/24,0)+1,1))-1)+IF('Standard Profiles'!$G$19=$B$10,7,0)+IF('Standard Profiles'!$G$19=$B$17,14,0)+IF('Standard Profiles'!$G$19=$B$24,21,0),0)),0)</f>
        <v>10.494910315158522</v>
      </c>
      <c r="F6330" cm="1">
        <f t="array" ref="F6330">IFERROR(INDEX(Jesper!AJ$2:AJ$366,ROUNDDOWN($C6330/24,0)+1,1)*INDEX($D$3:$AA$30,INDEX(Jesper!$R$2:$R$366,ROW(INDEX(Jesper!AJ$2:AJ$366,ROUNDDOWN($C6330/24,0)+1,1))-1)+IF('Standard Profiles'!$G$20=$B$10,7,0)+IF('Standard Profiles'!$G$20=$B$17,14,0)+IF('Standard Profiles'!$G$20=$B$24,21,0),MOD($C6330,24)+1)/SUM(INDEX($D$3:$AA$30,INDEX(Jesper!$R$2:$R$366,ROW(INDEX(Jesper!AJ$2:AJ$366,ROUNDDOWN($C6330/24,0)+1,1))-1)+IF('Standard Profiles'!$G$20=$B$10,7,0)+IF('Standard Profiles'!$G$20=$B$17,14,0)+IF('Standard Profiles'!$G$20=$B$24,21,0),0)),0)</f>
        <v>0</v>
      </c>
      <c r="G6330" cm="1">
        <f t="array" ref="G6330">IFERROR(INDEX(Jesper!AK$2:AK$366,ROUNDDOWN($C6330/24,0)+1,1)*INDEX($D$3:$AA$30,INDEX(Jesper!$R$2:$R$366,ROW(INDEX(Jesper!AK$2:AK$366,ROUNDDOWN($C6330/24,0)+1,1))-1)+IF('Standard Profiles'!$G$21=$B$10,7,0)+IF('Standard Profiles'!$G$21=$B$17,14,0)+IF('Standard Profiles'!$G$21=$B$24,21,0),MOD($C6330,24)+1)/SUM(INDEX($D$3:$AA$30,INDEX(Jesper!$R$2:$R$366,ROW(INDEX(Jesper!AK$2:AK$366,ROUNDDOWN($C6330/24,0)+1,1))-1)+IF('Standard Profiles'!$G$21=$B$10,7,0)+IF('Standard Profiles'!$G$21=$B$17,14,0)+IF('Standard Profiles'!$G$21=$B$24,21,0),0)),0)</f>
        <v>0.82128178427726162</v>
      </c>
      <c r="H6330" cm="1">
        <f t="array" ref="H6330">IFERROR(INDEX(Jesper!AL$2:AL$366,ROUNDDOWN($C6330/24,0)+1,1)*INDEX($D$3:$AA$30,INDEX(Jesper!$R$2:$R$366,ROW(INDEX(Jesper!AL$2:AL$366,ROUNDDOWN($C6330/24,0)+1,1))-1)+IF('Standard Profiles'!$G$22=$B$10,7,0)+IF('Standard Profiles'!$G$22=$B$17,14,0)+IF('Standard Profiles'!$G$22=$B$24,21,0),MOD($C6330,24)+1)/SUM(INDEX($D$3:$AA$30,INDEX(Jesper!$R$2:$R$366,ROW(INDEX(Jesper!AL$2:AL$366,ROUNDDOWN($C6330/24,0)+1,1))-1)+IF('Standard Profiles'!$G$22=$B$10,7,0)+IF('Standard Profiles'!$G$22=$B$17,14,0)+IF('Standard Profiles'!$G$22=$B$24,21,0),0)),0)</f>
        <v>0</v>
      </c>
      <c r="I6330">
        <f t="shared" si="706"/>
        <v>0.39421525645308536</v>
      </c>
      <c r="J6330">
        <f t="shared" si="707"/>
        <v>31.473609474732218</v>
      </c>
      <c r="K6330">
        <f t="shared" si="708"/>
        <v>2.6097311278412088</v>
      </c>
      <c r="L6330">
        <f t="shared" si="709"/>
        <v>1.3048655639206044</v>
      </c>
      <c r="M6330">
        <f t="shared" si="710"/>
        <v>0</v>
      </c>
      <c r="N6330" s="45">
        <f t="shared" si="711"/>
        <v>45189.333333318064</v>
      </c>
    </row>
    <row r="6331" spans="2:14" x14ac:dyDescent="0.25">
      <c r="B6331">
        <f t="shared" si="705"/>
        <v>3</v>
      </c>
      <c r="C6331" s="16">
        <v>6297</v>
      </c>
      <c r="D6331" cm="1">
        <f t="array" ref="D6331">IFERROR(INDEX(Jesper!AH$2:AH$366,ROUNDDOWN($C6331/24,0)+1,1)*INDEX($D$3:$AA$30,INDEX(Jesper!$R$2:$R$366,ROW(INDEX(Jesper!AH$2:AH$366,ROUNDDOWN($C6331/24,0)+1,1))-1)+IF('Standard Profiles'!$G$18=$B$10,7,0)+IF('Standard Profiles'!$G$18=$B$17,14,0)+IF('Standard Profiles'!$G$18=$B$24,21,0),MOD($C6331,24)+1)/SUM(INDEX($D$3:$AA$30,INDEX(Jesper!$R$2:$R$366,ROW(INDEX(Jesper!AH$2:AH$366,ROUNDDOWN($C6331/24,0)+1,1))-1)+IF('Standard Profiles'!$G$18=$B$10,7,0)+IF('Standard Profiles'!$G$18=$B$17,14,0)+IF('Standard Profiles'!$G$18=$B$24,21,0),0)),0)</f>
        <v>27.005177649536098</v>
      </c>
      <c r="E6331" cm="1">
        <f t="array" ref="E6331">IFERROR(INDEX(Jesper!AI$2:AI$366,ROUNDDOWN($C6331/24,0)+1,1)*INDEX($D$3:$AA$30,INDEX(Jesper!$R$2:$R$366,ROW(INDEX(Jesper!AI$2:AI$366,ROUNDDOWN($C6331/24,0)+1,1))-1)+IF('Standard Profiles'!$G$19=$B$10,7,0)+IF('Standard Profiles'!$G$19=$B$17,14,0)+IF('Standard Profiles'!$G$19=$B$24,21,0),MOD($C6331,24)+1)/SUM(INDEX($D$3:$AA$30,INDEX(Jesper!$R$2:$R$366,ROW(INDEX(Jesper!AI$2:AI$366,ROUNDDOWN($C6331/24,0)+1,1))-1)+IF('Standard Profiles'!$G$19=$B$10,7,0)+IF('Standard Profiles'!$G$19=$B$17,14,0)+IF('Standard Profiles'!$G$19=$B$24,21,0),0)),0)</f>
        <v>11.584004781825916</v>
      </c>
      <c r="F6331" cm="1">
        <f t="array" ref="F6331">IFERROR(INDEX(Jesper!AJ$2:AJ$366,ROUNDDOWN($C6331/24,0)+1,1)*INDEX($D$3:$AA$30,INDEX(Jesper!$R$2:$R$366,ROW(INDEX(Jesper!AJ$2:AJ$366,ROUNDDOWN($C6331/24,0)+1,1))-1)+IF('Standard Profiles'!$G$20=$B$10,7,0)+IF('Standard Profiles'!$G$20=$B$17,14,0)+IF('Standard Profiles'!$G$20=$B$24,21,0),MOD($C6331,24)+1)/SUM(INDEX($D$3:$AA$30,INDEX(Jesper!$R$2:$R$366,ROW(INDEX(Jesper!AJ$2:AJ$366,ROUNDDOWN($C6331/24,0)+1,1))-1)+IF('Standard Profiles'!$G$20=$B$10,7,0)+IF('Standard Profiles'!$G$20=$B$17,14,0)+IF('Standard Profiles'!$G$20=$B$24,21,0),0)),0)</f>
        <v>0</v>
      </c>
      <c r="G6331" cm="1">
        <f t="array" ref="G6331">IFERROR(INDEX(Jesper!AK$2:AK$366,ROUNDDOWN($C6331/24,0)+1,1)*INDEX($D$3:$AA$30,INDEX(Jesper!$R$2:$R$366,ROW(INDEX(Jesper!AK$2:AK$366,ROUNDDOWN($C6331/24,0)+1,1))-1)+IF('Standard Profiles'!$G$21=$B$10,7,0)+IF('Standard Profiles'!$G$21=$B$17,14,0)+IF('Standard Profiles'!$G$21=$B$24,21,0),MOD($C6331,24)+1)/SUM(INDEX($D$3:$AA$30,INDEX(Jesper!$R$2:$R$366,ROW(INDEX(Jesper!AK$2:AK$366,ROUNDDOWN($C6331/24,0)+1,1))-1)+IF('Standard Profiles'!$G$21=$B$10,7,0)+IF('Standard Profiles'!$G$21=$B$17,14,0)+IF('Standard Profiles'!$G$21=$B$24,21,0),0)),0)</f>
        <v>0.90650913924943022</v>
      </c>
      <c r="H6331" cm="1">
        <f t="array" ref="H6331">IFERROR(INDEX(Jesper!AL$2:AL$366,ROUNDDOWN($C6331/24,0)+1,1)*INDEX($D$3:$AA$30,INDEX(Jesper!$R$2:$R$366,ROW(INDEX(Jesper!AL$2:AL$366,ROUNDDOWN($C6331/24,0)+1,1))-1)+IF('Standard Profiles'!$G$22=$B$10,7,0)+IF('Standard Profiles'!$G$22=$B$17,14,0)+IF('Standard Profiles'!$G$22=$B$24,21,0),MOD($C6331,24)+1)/SUM(INDEX($D$3:$AA$30,INDEX(Jesper!$R$2:$R$366,ROW(INDEX(Jesper!AL$2:AL$366,ROUNDDOWN($C6331/24,0)+1,1))-1)+IF('Standard Profiles'!$G$22=$B$10,7,0)+IF('Standard Profiles'!$G$22=$B$17,14,0)+IF('Standard Profiles'!$G$22=$B$24,21,0),0)),0)</f>
        <v>0</v>
      </c>
      <c r="I6331">
        <f t="shared" si="706"/>
        <v>0.43512438683972626</v>
      </c>
      <c r="J6331">
        <f t="shared" si="707"/>
        <v>34.739738759845942</v>
      </c>
      <c r="K6331">
        <f t="shared" si="708"/>
        <v>2.8805522826171841</v>
      </c>
      <c r="L6331">
        <f t="shared" si="709"/>
        <v>1.4402761413085921</v>
      </c>
      <c r="M6331">
        <f t="shared" si="710"/>
        <v>0</v>
      </c>
      <c r="N6331" s="45">
        <f t="shared" si="711"/>
        <v>45189.374999984728</v>
      </c>
    </row>
    <row r="6332" spans="2:14" x14ac:dyDescent="0.25">
      <c r="B6332">
        <f t="shared" si="705"/>
        <v>3</v>
      </c>
      <c r="C6332" s="16">
        <v>6298</v>
      </c>
      <c r="D6332" cm="1">
        <f t="array" ref="D6332">IFERROR(INDEX(Jesper!AH$2:AH$366,ROUNDDOWN($C6332/24,0)+1,1)*INDEX($D$3:$AA$30,INDEX(Jesper!$R$2:$R$366,ROW(INDEX(Jesper!AH$2:AH$366,ROUNDDOWN($C6332/24,0)+1,1))-1)+IF('Standard Profiles'!$G$18=$B$10,7,0)+IF('Standard Profiles'!$G$18=$B$17,14,0)+IF('Standard Profiles'!$G$18=$B$24,21,0),MOD($C6332,24)+1)/SUM(INDEX($D$3:$AA$30,INDEX(Jesper!$R$2:$R$366,ROW(INDEX(Jesper!AH$2:AH$366,ROUNDDOWN($C6332/24,0)+1,1))-1)+IF('Standard Profiles'!$G$18=$B$10,7,0)+IF('Standard Profiles'!$G$18=$B$17,14,0)+IF('Standard Profiles'!$G$18=$B$24,21,0),0)),0)</f>
        <v>27.005177649536098</v>
      </c>
      <c r="E6332" cm="1">
        <f t="array" ref="E6332">IFERROR(INDEX(Jesper!AI$2:AI$366,ROUNDDOWN($C6332/24,0)+1,1)*INDEX($D$3:$AA$30,INDEX(Jesper!$R$2:$R$366,ROW(INDEX(Jesper!AI$2:AI$366,ROUNDDOWN($C6332/24,0)+1,1))-1)+IF('Standard Profiles'!$G$19=$B$10,7,0)+IF('Standard Profiles'!$G$19=$B$17,14,0)+IF('Standard Profiles'!$G$19=$B$24,21,0),MOD($C6332,24)+1)/SUM(INDEX($D$3:$AA$30,INDEX(Jesper!$R$2:$R$366,ROW(INDEX(Jesper!AI$2:AI$366,ROUNDDOWN($C6332/24,0)+1,1))-1)+IF('Standard Profiles'!$G$19=$B$10,7,0)+IF('Standard Profiles'!$G$19=$B$17,14,0)+IF('Standard Profiles'!$G$19=$B$24,21,0),0)),0)</f>
        <v>11.584004781825916</v>
      </c>
      <c r="F6332" cm="1">
        <f t="array" ref="F6332">IFERROR(INDEX(Jesper!AJ$2:AJ$366,ROUNDDOWN($C6332/24,0)+1,1)*INDEX($D$3:$AA$30,INDEX(Jesper!$R$2:$R$366,ROW(INDEX(Jesper!AJ$2:AJ$366,ROUNDDOWN($C6332/24,0)+1,1))-1)+IF('Standard Profiles'!$G$20=$B$10,7,0)+IF('Standard Profiles'!$G$20=$B$17,14,0)+IF('Standard Profiles'!$G$20=$B$24,21,0),MOD($C6332,24)+1)/SUM(INDEX($D$3:$AA$30,INDEX(Jesper!$R$2:$R$366,ROW(INDEX(Jesper!AJ$2:AJ$366,ROUNDDOWN($C6332/24,0)+1,1))-1)+IF('Standard Profiles'!$G$20=$B$10,7,0)+IF('Standard Profiles'!$G$20=$B$17,14,0)+IF('Standard Profiles'!$G$20=$B$24,21,0),0)),0)</f>
        <v>0</v>
      </c>
      <c r="G6332" cm="1">
        <f t="array" ref="G6332">IFERROR(INDEX(Jesper!AK$2:AK$366,ROUNDDOWN($C6332/24,0)+1,1)*INDEX($D$3:$AA$30,INDEX(Jesper!$R$2:$R$366,ROW(INDEX(Jesper!AK$2:AK$366,ROUNDDOWN($C6332/24,0)+1,1))-1)+IF('Standard Profiles'!$G$21=$B$10,7,0)+IF('Standard Profiles'!$G$21=$B$17,14,0)+IF('Standard Profiles'!$G$21=$B$24,21,0),MOD($C6332,24)+1)/SUM(INDEX($D$3:$AA$30,INDEX(Jesper!$R$2:$R$366,ROW(INDEX(Jesper!AK$2:AK$366,ROUNDDOWN($C6332/24,0)+1,1))-1)+IF('Standard Profiles'!$G$21=$B$10,7,0)+IF('Standard Profiles'!$G$21=$B$17,14,0)+IF('Standard Profiles'!$G$21=$B$24,21,0),0)),0)</f>
        <v>0.90650913924943022</v>
      </c>
      <c r="H6332" cm="1">
        <f t="array" ref="H6332">IFERROR(INDEX(Jesper!AL$2:AL$366,ROUNDDOWN($C6332/24,0)+1,1)*INDEX($D$3:$AA$30,INDEX(Jesper!$R$2:$R$366,ROW(INDEX(Jesper!AL$2:AL$366,ROUNDDOWN($C6332/24,0)+1,1))-1)+IF('Standard Profiles'!$G$22=$B$10,7,0)+IF('Standard Profiles'!$G$22=$B$17,14,0)+IF('Standard Profiles'!$G$22=$B$24,21,0),MOD($C6332,24)+1)/SUM(INDEX($D$3:$AA$30,INDEX(Jesper!$R$2:$R$366,ROW(INDEX(Jesper!AL$2:AL$366,ROUNDDOWN($C6332/24,0)+1,1))-1)+IF('Standard Profiles'!$G$22=$B$10,7,0)+IF('Standard Profiles'!$G$22=$B$17,14,0)+IF('Standard Profiles'!$G$22=$B$24,21,0),0)),0)</f>
        <v>0</v>
      </c>
      <c r="I6332">
        <f t="shared" si="706"/>
        <v>0.43512438683972626</v>
      </c>
      <c r="J6332">
        <f t="shared" si="707"/>
        <v>34.739738759845942</v>
      </c>
      <c r="K6332">
        <f t="shared" si="708"/>
        <v>2.8805522826171841</v>
      </c>
      <c r="L6332">
        <f t="shared" si="709"/>
        <v>1.4402761413085921</v>
      </c>
      <c r="M6332">
        <f t="shared" si="710"/>
        <v>0</v>
      </c>
      <c r="N6332" s="45">
        <f t="shared" si="711"/>
        <v>45189.416666651392</v>
      </c>
    </row>
    <row r="6333" spans="2:14" x14ac:dyDescent="0.25">
      <c r="B6333">
        <f t="shared" si="705"/>
        <v>3</v>
      </c>
      <c r="C6333" s="16">
        <v>6299</v>
      </c>
      <c r="D6333" cm="1">
        <f t="array" ref="D6333">IFERROR(INDEX(Jesper!AH$2:AH$366,ROUNDDOWN($C6333/24,0)+1,1)*INDEX($D$3:$AA$30,INDEX(Jesper!$R$2:$R$366,ROW(INDEX(Jesper!AH$2:AH$366,ROUNDDOWN($C6333/24,0)+1,1))-1)+IF('Standard Profiles'!$G$18=$B$10,7,0)+IF('Standard Profiles'!$G$18=$B$17,14,0)+IF('Standard Profiles'!$G$18=$B$24,21,0),MOD($C6333,24)+1)/SUM(INDEX($D$3:$AA$30,INDEX(Jesper!$R$2:$R$366,ROW(INDEX(Jesper!AH$2:AH$366,ROUNDDOWN($C6333/24,0)+1,1))-1)+IF('Standard Profiles'!$G$18=$B$10,7,0)+IF('Standard Profiles'!$G$18=$B$17,14,0)+IF('Standard Profiles'!$G$18=$B$24,21,0),0)),0)</f>
        <v>32.313887785769687</v>
      </c>
      <c r="E6333" cm="1">
        <f t="array" ref="E6333">IFERROR(INDEX(Jesper!AI$2:AI$366,ROUNDDOWN($C6333/24,0)+1,1)*INDEX($D$3:$AA$30,INDEX(Jesper!$R$2:$R$366,ROW(INDEX(Jesper!AI$2:AI$366,ROUNDDOWN($C6333/24,0)+1,1))-1)+IF('Standard Profiles'!$G$19=$B$10,7,0)+IF('Standard Profiles'!$G$19=$B$17,14,0)+IF('Standard Profiles'!$G$19=$B$24,21,0),MOD($C6333,24)+1)/SUM(INDEX($D$3:$AA$30,INDEX(Jesper!$R$2:$R$366,ROW(INDEX(Jesper!AI$2:AI$366,ROUNDDOWN($C6333/24,0)+1,1))-1)+IF('Standard Profiles'!$G$19=$B$10,7,0)+IF('Standard Profiles'!$G$19=$B$17,14,0)+IF('Standard Profiles'!$G$19=$B$24,21,0),0)),0)</f>
        <v>13.861202303039558</v>
      </c>
      <c r="F6333" cm="1">
        <f t="array" ref="F6333">IFERROR(INDEX(Jesper!AJ$2:AJ$366,ROUNDDOWN($C6333/24,0)+1,1)*INDEX($D$3:$AA$30,INDEX(Jesper!$R$2:$R$366,ROW(INDEX(Jesper!AJ$2:AJ$366,ROUNDDOWN($C6333/24,0)+1,1))-1)+IF('Standard Profiles'!$G$20=$B$10,7,0)+IF('Standard Profiles'!$G$20=$B$17,14,0)+IF('Standard Profiles'!$G$20=$B$24,21,0),MOD($C6333,24)+1)/SUM(INDEX($D$3:$AA$30,INDEX(Jesper!$R$2:$R$366,ROW(INDEX(Jesper!AJ$2:AJ$366,ROUNDDOWN($C6333/24,0)+1,1))-1)+IF('Standard Profiles'!$G$20=$B$10,7,0)+IF('Standard Profiles'!$G$20=$B$17,14,0)+IF('Standard Profiles'!$G$20=$B$24,21,0),0)),0)</f>
        <v>0</v>
      </c>
      <c r="G6333" cm="1">
        <f t="array" ref="G6333">IFERROR(INDEX(Jesper!AK$2:AK$366,ROUNDDOWN($C6333/24,0)+1,1)*INDEX($D$3:$AA$30,INDEX(Jesper!$R$2:$R$366,ROW(INDEX(Jesper!AK$2:AK$366,ROUNDDOWN($C6333/24,0)+1,1))-1)+IF('Standard Profiles'!$G$21=$B$10,7,0)+IF('Standard Profiles'!$G$21=$B$17,14,0)+IF('Standard Profiles'!$G$21=$B$24,21,0),MOD($C6333,24)+1)/SUM(INDEX($D$3:$AA$30,INDEX(Jesper!$R$2:$R$366,ROW(INDEX(Jesper!AK$2:AK$366,ROUNDDOWN($C6333/24,0)+1,1))-1)+IF('Standard Profiles'!$G$21=$B$10,7,0)+IF('Standard Profiles'!$G$21=$B$17,14,0)+IF('Standard Profiles'!$G$21=$B$24,21,0),0)),0)</f>
        <v>1.0847117905548738</v>
      </c>
      <c r="H6333" cm="1">
        <f t="array" ref="H6333">IFERROR(INDEX(Jesper!AL$2:AL$366,ROUNDDOWN($C6333/24,0)+1,1)*INDEX($D$3:$AA$30,INDEX(Jesper!$R$2:$R$366,ROW(INDEX(Jesper!AL$2:AL$366,ROUNDDOWN($C6333/24,0)+1,1))-1)+IF('Standard Profiles'!$G$22=$B$10,7,0)+IF('Standard Profiles'!$G$22=$B$17,14,0)+IF('Standard Profiles'!$G$22=$B$24,21,0),MOD($C6333,24)+1)/SUM(INDEX($D$3:$AA$30,INDEX(Jesper!$R$2:$R$366,ROW(INDEX(Jesper!AL$2:AL$366,ROUNDDOWN($C6333/24,0)+1,1))-1)+IF('Standard Profiles'!$G$22=$B$10,7,0)+IF('Standard Profiles'!$G$22=$B$17,14,0)+IF('Standard Profiles'!$G$22=$B$24,21,0),0)),0)</f>
        <v>0</v>
      </c>
      <c r="I6333">
        <f t="shared" si="706"/>
        <v>0.52066165946633913</v>
      </c>
      <c r="J6333">
        <f t="shared" si="707"/>
        <v>41.568918174174627</v>
      </c>
      <c r="K6333">
        <f t="shared" si="708"/>
        <v>3.446814697148767</v>
      </c>
      <c r="L6333">
        <f t="shared" si="709"/>
        <v>1.7234073485743835</v>
      </c>
      <c r="M6333">
        <f t="shared" si="710"/>
        <v>0</v>
      </c>
      <c r="N6333" s="45">
        <f t="shared" si="711"/>
        <v>45189.458333318056</v>
      </c>
    </row>
    <row r="6334" spans="2:14" x14ac:dyDescent="0.25">
      <c r="B6334">
        <f t="shared" si="705"/>
        <v>3</v>
      </c>
      <c r="C6334" s="16">
        <v>6300</v>
      </c>
      <c r="D6334" cm="1">
        <f t="array" ref="D6334">IFERROR(INDEX(Jesper!AH$2:AH$366,ROUNDDOWN($C6334/24,0)+1,1)*INDEX($D$3:$AA$30,INDEX(Jesper!$R$2:$R$366,ROW(INDEX(Jesper!AH$2:AH$366,ROUNDDOWN($C6334/24,0)+1,1))-1)+IF('Standard Profiles'!$G$18=$B$10,7,0)+IF('Standard Profiles'!$G$18=$B$17,14,0)+IF('Standard Profiles'!$G$18=$B$24,21,0),MOD($C6334,24)+1)/SUM(INDEX($D$3:$AA$30,INDEX(Jesper!$R$2:$R$366,ROW(INDEX(Jesper!AH$2:AH$366,ROUNDDOWN($C6334/24,0)+1,1))-1)+IF('Standard Profiles'!$G$18=$B$10,7,0)+IF('Standard Profiles'!$G$18=$B$17,14,0)+IF('Standard Profiles'!$G$18=$B$24,21,0),0)),0)</f>
        <v>32.313887785769687</v>
      </c>
      <c r="E6334" cm="1">
        <f t="array" ref="E6334">IFERROR(INDEX(Jesper!AI$2:AI$366,ROUNDDOWN($C6334/24,0)+1,1)*INDEX($D$3:$AA$30,INDEX(Jesper!$R$2:$R$366,ROW(INDEX(Jesper!AI$2:AI$366,ROUNDDOWN($C6334/24,0)+1,1))-1)+IF('Standard Profiles'!$G$19=$B$10,7,0)+IF('Standard Profiles'!$G$19=$B$17,14,0)+IF('Standard Profiles'!$G$19=$B$24,21,0),MOD($C6334,24)+1)/SUM(INDEX($D$3:$AA$30,INDEX(Jesper!$R$2:$R$366,ROW(INDEX(Jesper!AI$2:AI$366,ROUNDDOWN($C6334/24,0)+1,1))-1)+IF('Standard Profiles'!$G$19=$B$10,7,0)+IF('Standard Profiles'!$G$19=$B$17,14,0)+IF('Standard Profiles'!$G$19=$B$24,21,0),0)),0)</f>
        <v>13.861202303039558</v>
      </c>
      <c r="F6334" cm="1">
        <f t="array" ref="F6334">IFERROR(INDEX(Jesper!AJ$2:AJ$366,ROUNDDOWN($C6334/24,0)+1,1)*INDEX($D$3:$AA$30,INDEX(Jesper!$R$2:$R$366,ROW(INDEX(Jesper!AJ$2:AJ$366,ROUNDDOWN($C6334/24,0)+1,1))-1)+IF('Standard Profiles'!$G$20=$B$10,7,0)+IF('Standard Profiles'!$G$20=$B$17,14,0)+IF('Standard Profiles'!$G$20=$B$24,21,0),MOD($C6334,24)+1)/SUM(INDEX($D$3:$AA$30,INDEX(Jesper!$R$2:$R$366,ROW(INDEX(Jesper!AJ$2:AJ$366,ROUNDDOWN($C6334/24,0)+1,1))-1)+IF('Standard Profiles'!$G$20=$B$10,7,0)+IF('Standard Profiles'!$G$20=$B$17,14,0)+IF('Standard Profiles'!$G$20=$B$24,21,0),0)),0)</f>
        <v>0</v>
      </c>
      <c r="G6334" cm="1">
        <f t="array" ref="G6334">IFERROR(INDEX(Jesper!AK$2:AK$366,ROUNDDOWN($C6334/24,0)+1,1)*INDEX($D$3:$AA$30,INDEX(Jesper!$R$2:$R$366,ROW(INDEX(Jesper!AK$2:AK$366,ROUNDDOWN($C6334/24,0)+1,1))-1)+IF('Standard Profiles'!$G$21=$B$10,7,0)+IF('Standard Profiles'!$G$21=$B$17,14,0)+IF('Standard Profiles'!$G$21=$B$24,21,0),MOD($C6334,24)+1)/SUM(INDEX($D$3:$AA$30,INDEX(Jesper!$R$2:$R$366,ROW(INDEX(Jesper!AK$2:AK$366,ROUNDDOWN($C6334/24,0)+1,1))-1)+IF('Standard Profiles'!$G$21=$B$10,7,0)+IF('Standard Profiles'!$G$21=$B$17,14,0)+IF('Standard Profiles'!$G$21=$B$24,21,0),0)),0)</f>
        <v>1.0847117905548738</v>
      </c>
      <c r="H6334" cm="1">
        <f t="array" ref="H6334">IFERROR(INDEX(Jesper!AL$2:AL$366,ROUNDDOWN($C6334/24,0)+1,1)*INDEX($D$3:$AA$30,INDEX(Jesper!$R$2:$R$366,ROW(INDEX(Jesper!AL$2:AL$366,ROUNDDOWN($C6334/24,0)+1,1))-1)+IF('Standard Profiles'!$G$22=$B$10,7,0)+IF('Standard Profiles'!$G$22=$B$17,14,0)+IF('Standard Profiles'!$G$22=$B$24,21,0),MOD($C6334,24)+1)/SUM(INDEX($D$3:$AA$30,INDEX(Jesper!$R$2:$R$366,ROW(INDEX(Jesper!AL$2:AL$366,ROUNDDOWN($C6334/24,0)+1,1))-1)+IF('Standard Profiles'!$G$22=$B$10,7,0)+IF('Standard Profiles'!$G$22=$B$17,14,0)+IF('Standard Profiles'!$G$22=$B$24,21,0),0)),0)</f>
        <v>0</v>
      </c>
      <c r="I6334">
        <f t="shared" si="706"/>
        <v>0.52066165946633913</v>
      </c>
      <c r="J6334">
        <f t="shared" si="707"/>
        <v>41.568918174174627</v>
      </c>
      <c r="K6334">
        <f t="shared" si="708"/>
        <v>3.446814697148767</v>
      </c>
      <c r="L6334">
        <f t="shared" si="709"/>
        <v>1.7234073485743835</v>
      </c>
      <c r="M6334">
        <f t="shared" si="710"/>
        <v>0</v>
      </c>
      <c r="N6334" s="45">
        <f t="shared" si="711"/>
        <v>45189.49999998472</v>
      </c>
    </row>
    <row r="6335" spans="2:14" x14ac:dyDescent="0.25">
      <c r="B6335">
        <f t="shared" si="705"/>
        <v>3</v>
      </c>
      <c r="C6335" s="16">
        <v>6301</v>
      </c>
      <c r="D6335" cm="1">
        <f t="array" ref="D6335">IFERROR(INDEX(Jesper!AH$2:AH$366,ROUNDDOWN($C6335/24,0)+1,1)*INDEX($D$3:$AA$30,INDEX(Jesper!$R$2:$R$366,ROW(INDEX(Jesper!AH$2:AH$366,ROUNDDOWN($C6335/24,0)+1,1))-1)+IF('Standard Profiles'!$G$18=$B$10,7,0)+IF('Standard Profiles'!$G$18=$B$17,14,0)+IF('Standard Profiles'!$G$18=$B$24,21,0),MOD($C6335,24)+1)/SUM(INDEX($D$3:$AA$30,INDEX(Jesper!$R$2:$R$366,ROW(INDEX(Jesper!AH$2:AH$366,ROUNDDOWN($C6335/24,0)+1,1))-1)+IF('Standard Profiles'!$G$18=$B$10,7,0)+IF('Standard Profiles'!$G$18=$B$17,14,0)+IF('Standard Profiles'!$G$18=$B$24,21,0),0)),0)</f>
        <v>21.465654029118433</v>
      </c>
      <c r="E6335" cm="1">
        <f t="array" ref="E6335">IFERROR(INDEX(Jesper!AI$2:AI$366,ROUNDDOWN($C6335/24,0)+1,1)*INDEX($D$3:$AA$30,INDEX(Jesper!$R$2:$R$366,ROW(INDEX(Jesper!AI$2:AI$366,ROUNDDOWN($C6335/24,0)+1,1))-1)+IF('Standard Profiles'!$G$19=$B$10,7,0)+IF('Standard Profiles'!$G$19=$B$17,14,0)+IF('Standard Profiles'!$G$19=$B$24,21,0),MOD($C6335,24)+1)/SUM(INDEX($D$3:$AA$30,INDEX(Jesper!$R$2:$R$366,ROW(INDEX(Jesper!AI$2:AI$366,ROUNDDOWN($C6335/24,0)+1,1))-1)+IF('Standard Profiles'!$G$19=$B$10,7,0)+IF('Standard Profiles'!$G$19=$B$17,14,0)+IF('Standard Profiles'!$G$19=$B$24,21,0),0)),0)</f>
        <v>9.2077986727334213</v>
      </c>
      <c r="F6335" cm="1">
        <f t="array" ref="F6335">IFERROR(INDEX(Jesper!AJ$2:AJ$366,ROUNDDOWN($C6335/24,0)+1,1)*INDEX($D$3:$AA$30,INDEX(Jesper!$R$2:$R$366,ROW(INDEX(Jesper!AJ$2:AJ$366,ROUNDDOWN($C6335/24,0)+1,1))-1)+IF('Standard Profiles'!$G$20=$B$10,7,0)+IF('Standard Profiles'!$G$20=$B$17,14,0)+IF('Standard Profiles'!$G$20=$B$24,21,0),MOD($C6335,24)+1)/SUM(INDEX($D$3:$AA$30,INDEX(Jesper!$R$2:$R$366,ROW(INDEX(Jesper!AJ$2:AJ$366,ROUNDDOWN($C6335/24,0)+1,1))-1)+IF('Standard Profiles'!$G$20=$B$10,7,0)+IF('Standard Profiles'!$G$20=$B$17,14,0)+IF('Standard Profiles'!$G$20=$B$24,21,0),0)),0)</f>
        <v>0</v>
      </c>
      <c r="G6335" cm="1">
        <f t="array" ref="G6335">IFERROR(INDEX(Jesper!AK$2:AK$366,ROUNDDOWN($C6335/24,0)+1,1)*INDEX($D$3:$AA$30,INDEX(Jesper!$R$2:$R$366,ROW(INDEX(Jesper!AK$2:AK$366,ROUNDDOWN($C6335/24,0)+1,1))-1)+IF('Standard Profiles'!$G$21=$B$10,7,0)+IF('Standard Profiles'!$G$21=$B$17,14,0)+IF('Standard Profiles'!$G$21=$B$24,21,0),MOD($C6335,24)+1)/SUM(INDEX($D$3:$AA$30,INDEX(Jesper!$R$2:$R$366,ROW(INDEX(Jesper!AK$2:AK$366,ROUNDDOWN($C6335/24,0)+1,1))-1)+IF('Standard Profiles'!$G$21=$B$10,7,0)+IF('Standard Profiles'!$G$21=$B$17,14,0)+IF('Standard Profiles'!$G$21=$B$24,21,0),0)),0)</f>
        <v>0.72055854658288054</v>
      </c>
      <c r="H6335" cm="1">
        <f t="array" ref="H6335">IFERROR(INDEX(Jesper!AL$2:AL$366,ROUNDDOWN($C6335/24,0)+1,1)*INDEX($D$3:$AA$30,INDEX(Jesper!$R$2:$R$366,ROW(INDEX(Jesper!AL$2:AL$366,ROUNDDOWN($C6335/24,0)+1,1))-1)+IF('Standard Profiles'!$G$22=$B$10,7,0)+IF('Standard Profiles'!$G$22=$B$17,14,0)+IF('Standard Profiles'!$G$22=$B$24,21,0),MOD($C6335,24)+1)/SUM(INDEX($D$3:$AA$30,INDEX(Jesper!$R$2:$R$366,ROW(INDEX(Jesper!AL$2:AL$366,ROUNDDOWN($C6335/24,0)+1,1))-1)+IF('Standard Profiles'!$G$22=$B$10,7,0)+IF('Standard Profiles'!$G$22=$B$17,14,0)+IF('Standard Profiles'!$G$22=$B$24,21,0),0)),0)</f>
        <v>0</v>
      </c>
      <c r="I6335">
        <f t="shared" si="706"/>
        <v>0.34586810235978249</v>
      </c>
      <c r="J6335">
        <f t="shared" si="707"/>
        <v>27.613638501416002</v>
      </c>
      <c r="K6335">
        <f t="shared" si="708"/>
        <v>2.2896697631059664</v>
      </c>
      <c r="L6335">
        <f t="shared" si="709"/>
        <v>1.1448348815529832</v>
      </c>
      <c r="M6335">
        <f t="shared" si="710"/>
        <v>0</v>
      </c>
      <c r="N6335" s="45">
        <f t="shared" si="711"/>
        <v>45189.541666651385</v>
      </c>
    </row>
    <row r="6336" spans="2:14" x14ac:dyDescent="0.25">
      <c r="B6336">
        <f t="shared" si="705"/>
        <v>3</v>
      </c>
      <c r="C6336" s="16">
        <v>6302</v>
      </c>
      <c r="D6336" cm="1">
        <f t="array" ref="D6336">IFERROR(INDEX(Jesper!AH$2:AH$366,ROUNDDOWN($C6336/24,0)+1,1)*INDEX($D$3:$AA$30,INDEX(Jesper!$R$2:$R$366,ROW(INDEX(Jesper!AH$2:AH$366,ROUNDDOWN($C6336/24,0)+1,1))-1)+IF('Standard Profiles'!$G$18=$B$10,7,0)+IF('Standard Profiles'!$G$18=$B$17,14,0)+IF('Standard Profiles'!$G$18=$B$24,21,0),MOD($C6336,24)+1)/SUM(INDEX($D$3:$AA$30,INDEX(Jesper!$R$2:$R$366,ROW(INDEX(Jesper!AH$2:AH$366,ROUNDDOWN($C6336/24,0)+1,1))-1)+IF('Standard Profiles'!$G$18=$B$10,7,0)+IF('Standard Profiles'!$G$18=$B$17,14,0)+IF('Standard Profiles'!$G$18=$B$24,21,0),0)),0)</f>
        <v>32.313887785769687</v>
      </c>
      <c r="E6336" cm="1">
        <f t="array" ref="E6336">IFERROR(INDEX(Jesper!AI$2:AI$366,ROUNDDOWN($C6336/24,0)+1,1)*INDEX($D$3:$AA$30,INDEX(Jesper!$R$2:$R$366,ROW(INDEX(Jesper!AI$2:AI$366,ROUNDDOWN($C6336/24,0)+1,1))-1)+IF('Standard Profiles'!$G$19=$B$10,7,0)+IF('Standard Profiles'!$G$19=$B$17,14,0)+IF('Standard Profiles'!$G$19=$B$24,21,0),MOD($C6336,24)+1)/SUM(INDEX($D$3:$AA$30,INDEX(Jesper!$R$2:$R$366,ROW(INDEX(Jesper!AI$2:AI$366,ROUNDDOWN($C6336/24,0)+1,1))-1)+IF('Standard Profiles'!$G$19=$B$10,7,0)+IF('Standard Profiles'!$G$19=$B$17,14,0)+IF('Standard Profiles'!$G$19=$B$24,21,0),0)),0)</f>
        <v>13.861202303039558</v>
      </c>
      <c r="F6336" cm="1">
        <f t="array" ref="F6336">IFERROR(INDEX(Jesper!AJ$2:AJ$366,ROUNDDOWN($C6336/24,0)+1,1)*INDEX($D$3:$AA$30,INDEX(Jesper!$R$2:$R$366,ROW(INDEX(Jesper!AJ$2:AJ$366,ROUNDDOWN($C6336/24,0)+1,1))-1)+IF('Standard Profiles'!$G$20=$B$10,7,0)+IF('Standard Profiles'!$G$20=$B$17,14,0)+IF('Standard Profiles'!$G$20=$B$24,21,0),MOD($C6336,24)+1)/SUM(INDEX($D$3:$AA$30,INDEX(Jesper!$R$2:$R$366,ROW(INDEX(Jesper!AJ$2:AJ$366,ROUNDDOWN($C6336/24,0)+1,1))-1)+IF('Standard Profiles'!$G$20=$B$10,7,0)+IF('Standard Profiles'!$G$20=$B$17,14,0)+IF('Standard Profiles'!$G$20=$B$24,21,0),0)),0)</f>
        <v>0</v>
      </c>
      <c r="G6336" cm="1">
        <f t="array" ref="G6336">IFERROR(INDEX(Jesper!AK$2:AK$366,ROUNDDOWN($C6336/24,0)+1,1)*INDEX($D$3:$AA$30,INDEX(Jesper!$R$2:$R$366,ROW(INDEX(Jesper!AK$2:AK$366,ROUNDDOWN($C6336/24,0)+1,1))-1)+IF('Standard Profiles'!$G$21=$B$10,7,0)+IF('Standard Profiles'!$G$21=$B$17,14,0)+IF('Standard Profiles'!$G$21=$B$24,21,0),MOD($C6336,24)+1)/SUM(INDEX($D$3:$AA$30,INDEX(Jesper!$R$2:$R$366,ROW(INDEX(Jesper!AK$2:AK$366,ROUNDDOWN($C6336/24,0)+1,1))-1)+IF('Standard Profiles'!$G$21=$B$10,7,0)+IF('Standard Profiles'!$G$21=$B$17,14,0)+IF('Standard Profiles'!$G$21=$B$24,21,0),0)),0)</f>
        <v>1.0847117905548738</v>
      </c>
      <c r="H6336" cm="1">
        <f t="array" ref="H6336">IFERROR(INDEX(Jesper!AL$2:AL$366,ROUNDDOWN($C6336/24,0)+1,1)*INDEX($D$3:$AA$30,INDEX(Jesper!$R$2:$R$366,ROW(INDEX(Jesper!AL$2:AL$366,ROUNDDOWN($C6336/24,0)+1,1))-1)+IF('Standard Profiles'!$G$22=$B$10,7,0)+IF('Standard Profiles'!$G$22=$B$17,14,0)+IF('Standard Profiles'!$G$22=$B$24,21,0),MOD($C6336,24)+1)/SUM(INDEX($D$3:$AA$30,INDEX(Jesper!$R$2:$R$366,ROW(INDEX(Jesper!AL$2:AL$366,ROUNDDOWN($C6336/24,0)+1,1))-1)+IF('Standard Profiles'!$G$22=$B$10,7,0)+IF('Standard Profiles'!$G$22=$B$17,14,0)+IF('Standard Profiles'!$G$22=$B$24,21,0),0)),0)</f>
        <v>0</v>
      </c>
      <c r="I6336">
        <f t="shared" si="706"/>
        <v>0.52066165946633913</v>
      </c>
      <c r="J6336">
        <f t="shared" si="707"/>
        <v>41.568918174174627</v>
      </c>
      <c r="K6336">
        <f t="shared" si="708"/>
        <v>3.446814697148767</v>
      </c>
      <c r="L6336">
        <f t="shared" si="709"/>
        <v>1.7234073485743835</v>
      </c>
      <c r="M6336">
        <f t="shared" si="710"/>
        <v>0</v>
      </c>
      <c r="N6336" s="45">
        <f t="shared" si="711"/>
        <v>45189.583333318049</v>
      </c>
    </row>
    <row r="6337" spans="2:14" x14ac:dyDescent="0.25">
      <c r="B6337">
        <f t="shared" si="705"/>
        <v>3</v>
      </c>
      <c r="C6337" s="16">
        <v>6303</v>
      </c>
      <c r="D6337" cm="1">
        <f t="array" ref="D6337">IFERROR(INDEX(Jesper!AH$2:AH$366,ROUNDDOWN($C6337/24,0)+1,1)*INDEX($D$3:$AA$30,INDEX(Jesper!$R$2:$R$366,ROW(INDEX(Jesper!AH$2:AH$366,ROUNDDOWN($C6337/24,0)+1,1))-1)+IF('Standard Profiles'!$G$18=$B$10,7,0)+IF('Standard Profiles'!$G$18=$B$17,14,0)+IF('Standard Profiles'!$G$18=$B$24,21,0),MOD($C6337,24)+1)/SUM(INDEX($D$3:$AA$30,INDEX(Jesper!$R$2:$R$366,ROW(INDEX(Jesper!AH$2:AH$366,ROUNDDOWN($C6337/24,0)+1,1))-1)+IF('Standard Profiles'!$G$18=$B$10,7,0)+IF('Standard Profiles'!$G$18=$B$17,14,0)+IF('Standard Profiles'!$G$18=$B$24,21,0),0)),0)</f>
        <v>32.313887785769687</v>
      </c>
      <c r="E6337" cm="1">
        <f t="array" ref="E6337">IFERROR(INDEX(Jesper!AI$2:AI$366,ROUNDDOWN($C6337/24,0)+1,1)*INDEX($D$3:$AA$30,INDEX(Jesper!$R$2:$R$366,ROW(INDEX(Jesper!AI$2:AI$366,ROUNDDOWN($C6337/24,0)+1,1))-1)+IF('Standard Profiles'!$G$19=$B$10,7,0)+IF('Standard Profiles'!$G$19=$B$17,14,0)+IF('Standard Profiles'!$G$19=$B$24,21,0),MOD($C6337,24)+1)/SUM(INDEX($D$3:$AA$30,INDEX(Jesper!$R$2:$R$366,ROW(INDEX(Jesper!AI$2:AI$366,ROUNDDOWN($C6337/24,0)+1,1))-1)+IF('Standard Profiles'!$G$19=$B$10,7,0)+IF('Standard Profiles'!$G$19=$B$17,14,0)+IF('Standard Profiles'!$G$19=$B$24,21,0),0)),0)</f>
        <v>13.861202303039558</v>
      </c>
      <c r="F6337" cm="1">
        <f t="array" ref="F6337">IFERROR(INDEX(Jesper!AJ$2:AJ$366,ROUNDDOWN($C6337/24,0)+1,1)*INDEX($D$3:$AA$30,INDEX(Jesper!$R$2:$R$366,ROW(INDEX(Jesper!AJ$2:AJ$366,ROUNDDOWN($C6337/24,0)+1,1))-1)+IF('Standard Profiles'!$G$20=$B$10,7,0)+IF('Standard Profiles'!$G$20=$B$17,14,0)+IF('Standard Profiles'!$G$20=$B$24,21,0),MOD($C6337,24)+1)/SUM(INDEX($D$3:$AA$30,INDEX(Jesper!$R$2:$R$366,ROW(INDEX(Jesper!AJ$2:AJ$366,ROUNDDOWN($C6337/24,0)+1,1))-1)+IF('Standard Profiles'!$G$20=$B$10,7,0)+IF('Standard Profiles'!$G$20=$B$17,14,0)+IF('Standard Profiles'!$G$20=$B$24,21,0),0)),0)</f>
        <v>0</v>
      </c>
      <c r="G6337" cm="1">
        <f t="array" ref="G6337">IFERROR(INDEX(Jesper!AK$2:AK$366,ROUNDDOWN($C6337/24,0)+1,1)*INDEX($D$3:$AA$30,INDEX(Jesper!$R$2:$R$366,ROW(INDEX(Jesper!AK$2:AK$366,ROUNDDOWN($C6337/24,0)+1,1))-1)+IF('Standard Profiles'!$G$21=$B$10,7,0)+IF('Standard Profiles'!$G$21=$B$17,14,0)+IF('Standard Profiles'!$G$21=$B$24,21,0),MOD($C6337,24)+1)/SUM(INDEX($D$3:$AA$30,INDEX(Jesper!$R$2:$R$366,ROW(INDEX(Jesper!AK$2:AK$366,ROUNDDOWN($C6337/24,0)+1,1))-1)+IF('Standard Profiles'!$G$21=$B$10,7,0)+IF('Standard Profiles'!$G$21=$B$17,14,0)+IF('Standard Profiles'!$G$21=$B$24,21,0),0)),0)</f>
        <v>1.0847117905548738</v>
      </c>
      <c r="H6337" cm="1">
        <f t="array" ref="H6337">IFERROR(INDEX(Jesper!AL$2:AL$366,ROUNDDOWN($C6337/24,0)+1,1)*INDEX($D$3:$AA$30,INDEX(Jesper!$R$2:$R$366,ROW(INDEX(Jesper!AL$2:AL$366,ROUNDDOWN($C6337/24,0)+1,1))-1)+IF('Standard Profiles'!$G$22=$B$10,7,0)+IF('Standard Profiles'!$G$22=$B$17,14,0)+IF('Standard Profiles'!$G$22=$B$24,21,0),MOD($C6337,24)+1)/SUM(INDEX($D$3:$AA$30,INDEX(Jesper!$R$2:$R$366,ROW(INDEX(Jesper!AL$2:AL$366,ROUNDDOWN($C6337/24,0)+1,1))-1)+IF('Standard Profiles'!$G$22=$B$10,7,0)+IF('Standard Profiles'!$G$22=$B$17,14,0)+IF('Standard Profiles'!$G$22=$B$24,21,0),0)),0)</f>
        <v>0</v>
      </c>
      <c r="I6337">
        <f t="shared" si="706"/>
        <v>0.52066165946633913</v>
      </c>
      <c r="J6337">
        <f t="shared" si="707"/>
        <v>41.568918174174627</v>
      </c>
      <c r="K6337">
        <f t="shared" si="708"/>
        <v>3.446814697148767</v>
      </c>
      <c r="L6337">
        <f t="shared" si="709"/>
        <v>1.7234073485743835</v>
      </c>
      <c r="M6337">
        <f t="shared" si="710"/>
        <v>0</v>
      </c>
      <c r="N6337" s="45">
        <f t="shared" si="711"/>
        <v>45189.624999984713</v>
      </c>
    </row>
    <row r="6338" spans="2:14" x14ac:dyDescent="0.25">
      <c r="B6338">
        <f t="shared" si="705"/>
        <v>3</v>
      </c>
      <c r="C6338" s="16">
        <v>6304</v>
      </c>
      <c r="D6338" cm="1">
        <f t="array" ref="D6338">IFERROR(INDEX(Jesper!AH$2:AH$366,ROUNDDOWN($C6338/24,0)+1,1)*INDEX($D$3:$AA$30,INDEX(Jesper!$R$2:$R$366,ROW(INDEX(Jesper!AH$2:AH$366,ROUNDDOWN($C6338/24,0)+1,1))-1)+IF('Standard Profiles'!$G$18=$B$10,7,0)+IF('Standard Profiles'!$G$18=$B$17,14,0)+IF('Standard Profiles'!$G$18=$B$24,21,0),MOD($C6338,24)+1)/SUM(INDEX($D$3:$AA$30,INDEX(Jesper!$R$2:$R$366,ROW(INDEX(Jesper!AH$2:AH$366,ROUNDDOWN($C6338/24,0)+1,1))-1)+IF('Standard Profiles'!$G$18=$B$10,7,0)+IF('Standard Profiles'!$G$18=$B$17,14,0)+IF('Standard Profiles'!$G$18=$B$24,21,0),0)),0)</f>
        <v>19.042112445185708</v>
      </c>
      <c r="E6338" cm="1">
        <f t="array" ref="E6338">IFERROR(INDEX(Jesper!AI$2:AI$366,ROUNDDOWN($C6338/24,0)+1,1)*INDEX($D$3:$AA$30,INDEX(Jesper!$R$2:$R$366,ROW(INDEX(Jesper!AI$2:AI$366,ROUNDDOWN($C6338/24,0)+1,1))-1)+IF('Standard Profiles'!$G$19=$B$10,7,0)+IF('Standard Profiles'!$G$19=$B$17,14,0)+IF('Standard Profiles'!$G$19=$B$24,21,0),MOD($C6338,24)+1)/SUM(INDEX($D$3:$AA$30,INDEX(Jesper!$R$2:$R$366,ROW(INDEX(Jesper!AI$2:AI$366,ROUNDDOWN($C6338/24,0)+1,1))-1)+IF('Standard Profiles'!$G$19=$B$10,7,0)+IF('Standard Profiles'!$G$19=$B$17,14,0)+IF('Standard Profiles'!$G$19=$B$24,21,0),0)),0)</f>
        <v>8.1682085000054538</v>
      </c>
      <c r="F6338" cm="1">
        <f t="array" ref="F6338">IFERROR(INDEX(Jesper!AJ$2:AJ$366,ROUNDDOWN($C6338/24,0)+1,1)*INDEX($D$3:$AA$30,INDEX(Jesper!$R$2:$R$366,ROW(INDEX(Jesper!AJ$2:AJ$366,ROUNDDOWN($C6338/24,0)+1,1))-1)+IF('Standard Profiles'!$G$20=$B$10,7,0)+IF('Standard Profiles'!$G$20=$B$17,14,0)+IF('Standard Profiles'!$G$20=$B$24,21,0),MOD($C6338,24)+1)/SUM(INDEX($D$3:$AA$30,INDEX(Jesper!$R$2:$R$366,ROW(INDEX(Jesper!AJ$2:AJ$366,ROUNDDOWN($C6338/24,0)+1,1))-1)+IF('Standard Profiles'!$G$20=$B$10,7,0)+IF('Standard Profiles'!$G$20=$B$17,14,0)+IF('Standard Profiles'!$G$20=$B$24,21,0),0)),0)</f>
        <v>0</v>
      </c>
      <c r="G6338" cm="1">
        <f t="array" ref="G6338">IFERROR(INDEX(Jesper!AK$2:AK$366,ROUNDDOWN($C6338/24,0)+1,1)*INDEX($D$3:$AA$30,INDEX(Jesper!$R$2:$R$366,ROW(INDEX(Jesper!AK$2:AK$366,ROUNDDOWN($C6338/24,0)+1,1))-1)+IF('Standard Profiles'!$G$21=$B$10,7,0)+IF('Standard Profiles'!$G$21=$B$17,14,0)+IF('Standard Profiles'!$G$21=$B$24,21,0),MOD($C6338,24)+1)/SUM(INDEX($D$3:$AA$30,INDEX(Jesper!$R$2:$R$366,ROW(INDEX(Jesper!AK$2:AK$366,ROUNDDOWN($C6338/24,0)+1,1))-1)+IF('Standard Profiles'!$G$21=$B$10,7,0)+IF('Standard Profiles'!$G$21=$B$17,14,0)+IF('Standard Profiles'!$G$21=$B$24,21,0),0)),0)</f>
        <v>0.90637555405354919</v>
      </c>
      <c r="H6338" cm="1">
        <f t="array" ref="H6338">IFERROR(INDEX(Jesper!AL$2:AL$366,ROUNDDOWN($C6338/24,0)+1,1)*INDEX($D$3:$AA$30,INDEX(Jesper!$R$2:$R$366,ROW(INDEX(Jesper!AL$2:AL$366,ROUNDDOWN($C6338/24,0)+1,1))-1)+IF('Standard Profiles'!$G$22=$B$10,7,0)+IF('Standard Profiles'!$G$22=$B$17,14,0)+IF('Standard Profiles'!$G$22=$B$24,21,0),MOD($C6338,24)+1)/SUM(INDEX($D$3:$AA$30,INDEX(Jesper!$R$2:$R$366,ROW(INDEX(Jesper!AL$2:AL$366,ROUNDDOWN($C6338/24,0)+1,1))-1)+IF('Standard Profiles'!$G$22=$B$10,7,0)+IF('Standard Profiles'!$G$22=$B$17,14,0)+IF('Standard Profiles'!$G$22=$B$24,21,0),0)),0)</f>
        <v>0</v>
      </c>
      <c r="I6338">
        <f t="shared" si="706"/>
        <v>0.43506026594570341</v>
      </c>
      <c r="J6338">
        <f t="shared" si="707"/>
        <v>24.634898242069294</v>
      </c>
      <c r="K6338">
        <f t="shared" si="708"/>
        <v>2.0311586608198091</v>
      </c>
      <c r="L6338">
        <f t="shared" si="709"/>
        <v>1.0155793304099046</v>
      </c>
      <c r="M6338">
        <f t="shared" si="710"/>
        <v>0</v>
      </c>
      <c r="N6338" s="45">
        <f t="shared" si="711"/>
        <v>45189.666666651377</v>
      </c>
    </row>
    <row r="6339" spans="2:14" x14ac:dyDescent="0.25">
      <c r="B6339">
        <f t="shared" si="705"/>
        <v>3</v>
      </c>
      <c r="C6339" s="16">
        <v>6305</v>
      </c>
      <c r="D6339" cm="1">
        <f t="array" ref="D6339">IFERROR(INDEX(Jesper!AH$2:AH$366,ROUNDDOWN($C6339/24,0)+1,1)*INDEX($D$3:$AA$30,INDEX(Jesper!$R$2:$R$366,ROW(INDEX(Jesper!AH$2:AH$366,ROUNDDOWN($C6339/24,0)+1,1))-1)+IF('Standard Profiles'!$G$18=$B$10,7,0)+IF('Standard Profiles'!$G$18=$B$17,14,0)+IF('Standard Profiles'!$G$18=$B$24,21,0),MOD($C6339,24)+1)/SUM(INDEX($D$3:$AA$30,INDEX(Jesper!$R$2:$R$366,ROW(INDEX(Jesper!AH$2:AH$366,ROUNDDOWN($C6339/24,0)+1,1))-1)+IF('Standard Profiles'!$G$18=$B$10,7,0)+IF('Standard Profiles'!$G$18=$B$17,14,0)+IF('Standard Profiles'!$G$18=$B$24,21,0),0)),0)</f>
        <v>8.1272353585939854</v>
      </c>
      <c r="E6339" cm="1">
        <f t="array" ref="E6339">IFERROR(INDEX(Jesper!AI$2:AI$366,ROUNDDOWN($C6339/24,0)+1,1)*INDEX($D$3:$AA$30,INDEX(Jesper!$R$2:$R$366,ROW(INDEX(Jesper!AI$2:AI$366,ROUNDDOWN($C6339/24,0)+1,1))-1)+IF('Standard Profiles'!$G$19=$B$10,7,0)+IF('Standard Profiles'!$G$19=$B$17,14,0)+IF('Standard Profiles'!$G$19=$B$24,21,0),MOD($C6339,24)+1)/SUM(INDEX($D$3:$AA$30,INDEX(Jesper!$R$2:$R$366,ROW(INDEX(Jesper!AI$2:AI$366,ROUNDDOWN($C6339/24,0)+1,1))-1)+IF('Standard Profiles'!$G$19=$B$10,7,0)+IF('Standard Profiles'!$G$19=$B$17,14,0)+IF('Standard Profiles'!$G$19=$B$24,21,0),0)),0)</f>
        <v>3.4862178830582393</v>
      </c>
      <c r="F6339" cm="1">
        <f t="array" ref="F6339">IFERROR(INDEX(Jesper!AJ$2:AJ$366,ROUNDDOWN($C6339/24,0)+1,1)*INDEX($D$3:$AA$30,INDEX(Jesper!$R$2:$R$366,ROW(INDEX(Jesper!AJ$2:AJ$366,ROUNDDOWN($C6339/24,0)+1,1))-1)+IF('Standard Profiles'!$G$20=$B$10,7,0)+IF('Standard Profiles'!$G$20=$B$17,14,0)+IF('Standard Profiles'!$G$20=$B$24,21,0),MOD($C6339,24)+1)/SUM(INDEX($D$3:$AA$30,INDEX(Jesper!$R$2:$R$366,ROW(INDEX(Jesper!AJ$2:AJ$366,ROUNDDOWN($C6339/24,0)+1,1))-1)+IF('Standard Profiles'!$G$20=$B$10,7,0)+IF('Standard Profiles'!$G$20=$B$17,14,0)+IF('Standard Profiles'!$G$20=$B$24,21,0),0)),0)</f>
        <v>0</v>
      </c>
      <c r="G6339" cm="1">
        <f t="array" ref="G6339">IFERROR(INDEX(Jesper!AK$2:AK$366,ROUNDDOWN($C6339/24,0)+1,1)*INDEX($D$3:$AA$30,INDEX(Jesper!$R$2:$R$366,ROW(INDEX(Jesper!AK$2:AK$366,ROUNDDOWN($C6339/24,0)+1,1))-1)+IF('Standard Profiles'!$G$21=$B$10,7,0)+IF('Standard Profiles'!$G$21=$B$17,14,0)+IF('Standard Profiles'!$G$21=$B$24,21,0),MOD($C6339,24)+1)/SUM(INDEX($D$3:$AA$30,INDEX(Jesper!$R$2:$R$366,ROW(INDEX(Jesper!AK$2:AK$366,ROUNDDOWN($C6339/24,0)+1,1))-1)+IF('Standard Profiles'!$G$21=$B$10,7,0)+IF('Standard Profiles'!$G$21=$B$17,14,0)+IF('Standard Profiles'!$G$21=$B$24,21,0),0)),0)</f>
        <v>0.72069213177876157</v>
      </c>
      <c r="H6339" cm="1">
        <f t="array" ref="H6339">IFERROR(INDEX(Jesper!AL$2:AL$366,ROUNDDOWN($C6339/24,0)+1,1)*INDEX($D$3:$AA$30,INDEX(Jesper!$R$2:$R$366,ROW(INDEX(Jesper!AL$2:AL$366,ROUNDDOWN($C6339/24,0)+1,1))-1)+IF('Standard Profiles'!$G$22=$B$10,7,0)+IF('Standard Profiles'!$G$22=$B$17,14,0)+IF('Standard Profiles'!$G$22=$B$24,21,0),MOD($C6339,24)+1)/SUM(INDEX($D$3:$AA$30,INDEX(Jesper!$R$2:$R$366,ROW(INDEX(Jesper!AL$2:AL$366,ROUNDDOWN($C6339/24,0)+1,1))-1)+IF('Standard Profiles'!$G$22=$B$10,7,0)+IF('Standard Profiles'!$G$22=$B$17,14,0)+IF('Standard Profiles'!$G$22=$B$24,21,0),0)),0)</f>
        <v>0</v>
      </c>
      <c r="I6339">
        <f t="shared" si="706"/>
        <v>0.3459322232538054</v>
      </c>
      <c r="J6339">
        <f t="shared" si="707"/>
        <v>10.687855492802143</v>
      </c>
      <c r="K6339">
        <f t="shared" si="708"/>
        <v>0.86690510491669182</v>
      </c>
      <c r="L6339">
        <f t="shared" si="709"/>
        <v>0.43345255245834591</v>
      </c>
      <c r="M6339">
        <f t="shared" si="710"/>
        <v>0</v>
      </c>
      <c r="N6339" s="45">
        <f t="shared" si="711"/>
        <v>45189.708333318042</v>
      </c>
    </row>
    <row r="6340" spans="2:14" x14ac:dyDescent="0.25">
      <c r="B6340">
        <f t="shared" si="705"/>
        <v>3</v>
      </c>
      <c r="C6340" s="16">
        <v>6306</v>
      </c>
      <c r="D6340" cm="1">
        <f t="array" ref="D6340">IFERROR(INDEX(Jesper!AH$2:AH$366,ROUNDDOWN($C6340/24,0)+1,1)*INDEX($D$3:$AA$30,INDEX(Jesper!$R$2:$R$366,ROW(INDEX(Jesper!AH$2:AH$366,ROUNDDOWN($C6340/24,0)+1,1))-1)+IF('Standard Profiles'!$G$18=$B$10,7,0)+IF('Standard Profiles'!$G$18=$B$17,14,0)+IF('Standard Profiles'!$G$18=$B$24,21,0),MOD($C6340,24)+1)/SUM(INDEX($D$3:$AA$30,INDEX(Jesper!$R$2:$R$366,ROW(INDEX(Jesper!AH$2:AH$366,ROUNDDOWN($C6340/24,0)+1,1))-1)+IF('Standard Profiles'!$G$18=$B$10,7,0)+IF('Standard Profiles'!$G$18=$B$17,14,0)+IF('Standard Profiles'!$G$18=$B$24,21,0),0)),0)</f>
        <v>5.3639753366720306</v>
      </c>
      <c r="E6340" cm="1">
        <f t="array" ref="E6340">IFERROR(INDEX(Jesper!AI$2:AI$366,ROUNDDOWN($C6340/24,0)+1,1)*INDEX($D$3:$AA$30,INDEX(Jesper!$R$2:$R$366,ROW(INDEX(Jesper!AI$2:AI$366,ROUNDDOWN($C6340/24,0)+1,1))-1)+IF('Standard Profiles'!$G$19=$B$10,7,0)+IF('Standard Profiles'!$G$19=$B$17,14,0)+IF('Standard Profiles'!$G$19=$B$24,21,0),MOD($C6340,24)+1)/SUM(INDEX($D$3:$AA$30,INDEX(Jesper!$R$2:$R$366,ROW(INDEX(Jesper!AI$2:AI$366,ROUNDDOWN($C6340/24,0)+1,1))-1)+IF('Standard Profiles'!$G$19=$B$10,7,0)+IF('Standard Profiles'!$G$19=$B$17,14,0)+IF('Standard Profiles'!$G$19=$B$24,21,0),0)),0)</f>
        <v>2.3009038028184379</v>
      </c>
      <c r="F6340" cm="1">
        <f t="array" ref="F6340">IFERROR(INDEX(Jesper!AJ$2:AJ$366,ROUNDDOWN($C6340/24,0)+1,1)*INDEX($D$3:$AA$30,INDEX(Jesper!$R$2:$R$366,ROW(INDEX(Jesper!AJ$2:AJ$366,ROUNDDOWN($C6340/24,0)+1,1))-1)+IF('Standard Profiles'!$G$20=$B$10,7,0)+IF('Standard Profiles'!$G$20=$B$17,14,0)+IF('Standard Profiles'!$G$20=$B$24,21,0),MOD($C6340,24)+1)/SUM(INDEX($D$3:$AA$30,INDEX(Jesper!$R$2:$R$366,ROW(INDEX(Jesper!AJ$2:AJ$366,ROUNDDOWN($C6340/24,0)+1,1))-1)+IF('Standard Profiles'!$G$20=$B$10,7,0)+IF('Standard Profiles'!$G$20=$B$17,14,0)+IF('Standard Profiles'!$G$20=$B$24,21,0),0)),0)</f>
        <v>0</v>
      </c>
      <c r="G6340" cm="1">
        <f t="array" ref="G6340">IFERROR(INDEX(Jesper!AK$2:AK$366,ROUNDDOWN($C6340/24,0)+1,1)*INDEX($D$3:$AA$30,INDEX(Jesper!$R$2:$R$366,ROW(INDEX(Jesper!AK$2:AK$366,ROUNDDOWN($C6340/24,0)+1,1))-1)+IF('Standard Profiles'!$G$21=$B$10,7,0)+IF('Standard Profiles'!$G$21=$B$17,14,0)+IF('Standard Profiles'!$G$21=$B$24,21,0),MOD($C6340,24)+1)/SUM(INDEX($D$3:$AA$30,INDEX(Jesper!$R$2:$R$366,ROW(INDEX(Jesper!AK$2:AK$366,ROUNDDOWN($C6340/24,0)+1,1))-1)+IF('Standard Profiles'!$G$21=$B$10,7,0)+IF('Standard Profiles'!$G$21=$B$17,14,0)+IF('Standard Profiles'!$G$21=$B$24,21,0),0)),0)</f>
        <v>0.26717039176228419</v>
      </c>
      <c r="H6340" cm="1">
        <f t="array" ref="H6340">IFERROR(INDEX(Jesper!AL$2:AL$366,ROUNDDOWN($C6340/24,0)+1,1)*INDEX($D$3:$AA$30,INDEX(Jesper!$R$2:$R$366,ROW(INDEX(Jesper!AL$2:AL$366,ROUNDDOWN($C6340/24,0)+1,1))-1)+IF('Standard Profiles'!$G$22=$B$10,7,0)+IF('Standard Profiles'!$G$22=$B$17,14,0)+IF('Standard Profiles'!$G$22=$B$24,21,0),MOD($C6340,24)+1)/SUM(INDEX($D$3:$AA$30,INDEX(Jesper!$R$2:$R$366,ROW(INDEX(Jesper!AL$2:AL$366,ROUNDDOWN($C6340/24,0)+1,1))-1)+IF('Standard Profiles'!$G$22=$B$10,7,0)+IF('Standard Profiles'!$G$22=$B$17,14,0)+IF('Standard Profiles'!$G$22=$B$24,21,0),0)),0)</f>
        <v>0</v>
      </c>
      <c r="I6340">
        <f t="shared" si="706"/>
        <v>0.12824178804589634</v>
      </c>
      <c r="J6340">
        <f t="shared" si="707"/>
        <v>6.9455716893393307</v>
      </c>
      <c r="K6340">
        <f t="shared" si="708"/>
        <v>0.57215736924501659</v>
      </c>
      <c r="L6340">
        <f t="shared" si="709"/>
        <v>0.28607868462250829</v>
      </c>
      <c r="M6340">
        <f t="shared" si="710"/>
        <v>0</v>
      </c>
      <c r="N6340" s="45">
        <f t="shared" si="711"/>
        <v>45189.749999984706</v>
      </c>
    </row>
    <row r="6341" spans="2:14" x14ac:dyDescent="0.25">
      <c r="B6341">
        <f t="shared" si="705"/>
        <v>3</v>
      </c>
      <c r="C6341" s="16">
        <v>6307</v>
      </c>
      <c r="D6341" cm="1">
        <f t="array" ref="D6341">IFERROR(INDEX(Jesper!AH$2:AH$366,ROUNDDOWN($C6341/24,0)+1,1)*INDEX($D$3:$AA$30,INDEX(Jesper!$R$2:$R$366,ROW(INDEX(Jesper!AH$2:AH$366,ROUNDDOWN($C6341/24,0)+1,1))-1)+IF('Standard Profiles'!$G$18=$B$10,7,0)+IF('Standard Profiles'!$G$18=$B$17,14,0)+IF('Standard Profiles'!$G$18=$B$24,21,0),MOD($C6341,24)+1)/SUM(INDEX($D$3:$AA$30,INDEX(Jesper!$R$2:$R$366,ROW(INDEX(Jesper!AH$2:AH$366,ROUNDDOWN($C6341/24,0)+1,1))-1)+IF('Standard Profiles'!$G$18=$B$10,7,0)+IF('Standard Profiles'!$G$18=$B$17,14,0)+IF('Standard Profiles'!$G$18=$B$24,21,0),0)),0)</f>
        <v>5.3639753366720306</v>
      </c>
      <c r="E6341" cm="1">
        <f t="array" ref="E6341">IFERROR(INDEX(Jesper!AI$2:AI$366,ROUNDDOWN($C6341/24,0)+1,1)*INDEX($D$3:$AA$30,INDEX(Jesper!$R$2:$R$366,ROW(INDEX(Jesper!AI$2:AI$366,ROUNDDOWN($C6341/24,0)+1,1))-1)+IF('Standard Profiles'!$G$19=$B$10,7,0)+IF('Standard Profiles'!$G$19=$B$17,14,0)+IF('Standard Profiles'!$G$19=$B$24,21,0),MOD($C6341,24)+1)/SUM(INDEX($D$3:$AA$30,INDEX(Jesper!$R$2:$R$366,ROW(INDEX(Jesper!AI$2:AI$366,ROUNDDOWN($C6341/24,0)+1,1))-1)+IF('Standard Profiles'!$G$19=$B$10,7,0)+IF('Standard Profiles'!$G$19=$B$17,14,0)+IF('Standard Profiles'!$G$19=$B$24,21,0),0)),0)</f>
        <v>2.3009038028184379</v>
      </c>
      <c r="F6341" cm="1">
        <f t="array" ref="F6341">IFERROR(INDEX(Jesper!AJ$2:AJ$366,ROUNDDOWN($C6341/24,0)+1,1)*INDEX($D$3:$AA$30,INDEX(Jesper!$R$2:$R$366,ROW(INDEX(Jesper!AJ$2:AJ$366,ROUNDDOWN($C6341/24,0)+1,1))-1)+IF('Standard Profiles'!$G$20=$B$10,7,0)+IF('Standard Profiles'!$G$20=$B$17,14,0)+IF('Standard Profiles'!$G$20=$B$24,21,0),MOD($C6341,24)+1)/SUM(INDEX($D$3:$AA$30,INDEX(Jesper!$R$2:$R$366,ROW(INDEX(Jesper!AJ$2:AJ$366,ROUNDDOWN($C6341/24,0)+1,1))-1)+IF('Standard Profiles'!$G$20=$B$10,7,0)+IF('Standard Profiles'!$G$20=$B$17,14,0)+IF('Standard Profiles'!$G$20=$B$24,21,0),0)),0)</f>
        <v>0</v>
      </c>
      <c r="G6341" cm="1">
        <f t="array" ref="G6341">IFERROR(INDEX(Jesper!AK$2:AK$366,ROUNDDOWN($C6341/24,0)+1,1)*INDEX($D$3:$AA$30,INDEX(Jesper!$R$2:$R$366,ROW(INDEX(Jesper!AK$2:AK$366,ROUNDDOWN($C6341/24,0)+1,1))-1)+IF('Standard Profiles'!$G$21=$B$10,7,0)+IF('Standard Profiles'!$G$21=$B$17,14,0)+IF('Standard Profiles'!$G$21=$B$24,21,0),MOD($C6341,24)+1)/SUM(INDEX($D$3:$AA$30,INDEX(Jesper!$R$2:$R$366,ROW(INDEX(Jesper!AK$2:AK$366,ROUNDDOWN($C6341/24,0)+1,1))-1)+IF('Standard Profiles'!$G$21=$B$10,7,0)+IF('Standard Profiles'!$G$21=$B$17,14,0)+IF('Standard Profiles'!$G$21=$B$24,21,0),0)),0)</f>
        <v>0.26717039176228419</v>
      </c>
      <c r="H6341" cm="1">
        <f t="array" ref="H6341">IFERROR(INDEX(Jesper!AL$2:AL$366,ROUNDDOWN($C6341/24,0)+1,1)*INDEX($D$3:$AA$30,INDEX(Jesper!$R$2:$R$366,ROW(INDEX(Jesper!AL$2:AL$366,ROUNDDOWN($C6341/24,0)+1,1))-1)+IF('Standard Profiles'!$G$22=$B$10,7,0)+IF('Standard Profiles'!$G$22=$B$17,14,0)+IF('Standard Profiles'!$G$22=$B$24,21,0),MOD($C6341,24)+1)/SUM(INDEX($D$3:$AA$30,INDEX(Jesper!$R$2:$R$366,ROW(INDEX(Jesper!AL$2:AL$366,ROUNDDOWN($C6341/24,0)+1,1))-1)+IF('Standard Profiles'!$G$22=$B$10,7,0)+IF('Standard Profiles'!$G$22=$B$17,14,0)+IF('Standard Profiles'!$G$22=$B$24,21,0),0)),0)</f>
        <v>0</v>
      </c>
      <c r="I6341">
        <f t="shared" si="706"/>
        <v>0.12824178804589634</v>
      </c>
      <c r="J6341">
        <f t="shared" si="707"/>
        <v>6.9455716893393307</v>
      </c>
      <c r="K6341">
        <f t="shared" si="708"/>
        <v>0.57215736924501659</v>
      </c>
      <c r="L6341">
        <f t="shared" si="709"/>
        <v>0.28607868462250829</v>
      </c>
      <c r="M6341">
        <f t="shared" si="710"/>
        <v>0</v>
      </c>
      <c r="N6341" s="45">
        <f t="shared" si="711"/>
        <v>45189.79166665137</v>
      </c>
    </row>
    <row r="6342" spans="2:14" x14ac:dyDescent="0.25">
      <c r="B6342">
        <f t="shared" si="705"/>
        <v>3</v>
      </c>
      <c r="C6342" s="16">
        <v>6308</v>
      </c>
      <c r="D6342" cm="1">
        <f t="array" ref="D6342">IFERROR(INDEX(Jesper!AH$2:AH$366,ROUNDDOWN($C6342/24,0)+1,1)*INDEX($D$3:$AA$30,INDEX(Jesper!$R$2:$R$366,ROW(INDEX(Jesper!AH$2:AH$366,ROUNDDOWN($C6342/24,0)+1,1))-1)+IF('Standard Profiles'!$G$18=$B$10,7,0)+IF('Standard Profiles'!$G$18=$B$17,14,0)+IF('Standard Profiles'!$G$18=$B$24,21,0),MOD($C6342,24)+1)/SUM(INDEX($D$3:$AA$30,INDEX(Jesper!$R$2:$R$366,ROW(INDEX(Jesper!AH$2:AH$366,ROUNDDOWN($C6342/24,0)+1,1))-1)+IF('Standard Profiles'!$G$18=$B$10,7,0)+IF('Standard Profiles'!$G$18=$B$17,14,0)+IF('Standard Profiles'!$G$18=$B$24,21,0),0)),0)</f>
        <v>5.3639753366720306</v>
      </c>
      <c r="E6342" cm="1">
        <f t="array" ref="E6342">IFERROR(INDEX(Jesper!AI$2:AI$366,ROUNDDOWN($C6342/24,0)+1,1)*INDEX($D$3:$AA$30,INDEX(Jesper!$R$2:$R$366,ROW(INDEX(Jesper!AI$2:AI$366,ROUNDDOWN($C6342/24,0)+1,1))-1)+IF('Standard Profiles'!$G$19=$B$10,7,0)+IF('Standard Profiles'!$G$19=$B$17,14,0)+IF('Standard Profiles'!$G$19=$B$24,21,0),MOD($C6342,24)+1)/SUM(INDEX($D$3:$AA$30,INDEX(Jesper!$R$2:$R$366,ROW(INDEX(Jesper!AI$2:AI$366,ROUNDDOWN($C6342/24,0)+1,1))-1)+IF('Standard Profiles'!$G$19=$B$10,7,0)+IF('Standard Profiles'!$G$19=$B$17,14,0)+IF('Standard Profiles'!$G$19=$B$24,21,0),0)),0)</f>
        <v>2.3009038028184379</v>
      </c>
      <c r="F6342" cm="1">
        <f t="array" ref="F6342">IFERROR(INDEX(Jesper!AJ$2:AJ$366,ROUNDDOWN($C6342/24,0)+1,1)*INDEX($D$3:$AA$30,INDEX(Jesper!$R$2:$R$366,ROW(INDEX(Jesper!AJ$2:AJ$366,ROUNDDOWN($C6342/24,0)+1,1))-1)+IF('Standard Profiles'!$G$20=$B$10,7,0)+IF('Standard Profiles'!$G$20=$B$17,14,0)+IF('Standard Profiles'!$G$20=$B$24,21,0),MOD($C6342,24)+1)/SUM(INDEX($D$3:$AA$30,INDEX(Jesper!$R$2:$R$366,ROW(INDEX(Jesper!AJ$2:AJ$366,ROUNDDOWN($C6342/24,0)+1,1))-1)+IF('Standard Profiles'!$G$20=$B$10,7,0)+IF('Standard Profiles'!$G$20=$B$17,14,0)+IF('Standard Profiles'!$G$20=$B$24,21,0),0)),0)</f>
        <v>0</v>
      </c>
      <c r="G6342" cm="1">
        <f t="array" ref="G6342">IFERROR(INDEX(Jesper!AK$2:AK$366,ROUNDDOWN($C6342/24,0)+1,1)*INDEX($D$3:$AA$30,INDEX(Jesper!$R$2:$R$366,ROW(INDEX(Jesper!AK$2:AK$366,ROUNDDOWN($C6342/24,0)+1,1))-1)+IF('Standard Profiles'!$G$21=$B$10,7,0)+IF('Standard Profiles'!$G$21=$B$17,14,0)+IF('Standard Profiles'!$G$21=$B$24,21,0),MOD($C6342,24)+1)/SUM(INDEX($D$3:$AA$30,INDEX(Jesper!$R$2:$R$366,ROW(INDEX(Jesper!AK$2:AK$366,ROUNDDOWN($C6342/24,0)+1,1))-1)+IF('Standard Profiles'!$G$21=$B$10,7,0)+IF('Standard Profiles'!$G$21=$B$17,14,0)+IF('Standard Profiles'!$G$21=$B$24,21,0),0)),0)</f>
        <v>0.26717039176228419</v>
      </c>
      <c r="H6342" cm="1">
        <f t="array" ref="H6342">IFERROR(INDEX(Jesper!AL$2:AL$366,ROUNDDOWN($C6342/24,0)+1,1)*INDEX($D$3:$AA$30,INDEX(Jesper!$R$2:$R$366,ROW(INDEX(Jesper!AL$2:AL$366,ROUNDDOWN($C6342/24,0)+1,1))-1)+IF('Standard Profiles'!$G$22=$B$10,7,0)+IF('Standard Profiles'!$G$22=$B$17,14,0)+IF('Standard Profiles'!$G$22=$B$24,21,0),MOD($C6342,24)+1)/SUM(INDEX($D$3:$AA$30,INDEX(Jesper!$R$2:$R$366,ROW(INDEX(Jesper!AL$2:AL$366,ROUNDDOWN($C6342/24,0)+1,1))-1)+IF('Standard Profiles'!$G$22=$B$10,7,0)+IF('Standard Profiles'!$G$22=$B$17,14,0)+IF('Standard Profiles'!$G$22=$B$24,21,0),0)),0)</f>
        <v>0</v>
      </c>
      <c r="I6342">
        <f t="shared" si="706"/>
        <v>0.12824178804589634</v>
      </c>
      <c r="J6342">
        <f t="shared" si="707"/>
        <v>6.9455716893393307</v>
      </c>
      <c r="K6342">
        <f t="shared" si="708"/>
        <v>0.57215736924501659</v>
      </c>
      <c r="L6342">
        <f t="shared" si="709"/>
        <v>0.28607868462250829</v>
      </c>
      <c r="M6342">
        <f t="shared" si="710"/>
        <v>0</v>
      </c>
      <c r="N6342" s="45">
        <f t="shared" si="711"/>
        <v>45189.833333318034</v>
      </c>
    </row>
    <row r="6343" spans="2:14" x14ac:dyDescent="0.25">
      <c r="B6343">
        <f t="shared" si="705"/>
        <v>3</v>
      </c>
      <c r="C6343" s="16">
        <v>6309</v>
      </c>
      <c r="D6343" cm="1">
        <f t="array" ref="D6343">IFERROR(INDEX(Jesper!AH$2:AH$366,ROUNDDOWN($C6343/24,0)+1,1)*INDEX($D$3:$AA$30,INDEX(Jesper!$R$2:$R$366,ROW(INDEX(Jesper!AH$2:AH$366,ROUNDDOWN($C6343/24,0)+1,1))-1)+IF('Standard Profiles'!$G$18=$B$10,7,0)+IF('Standard Profiles'!$G$18=$B$17,14,0)+IF('Standard Profiles'!$G$18=$B$24,21,0),MOD($C6343,24)+1)/SUM(INDEX($D$3:$AA$30,INDEX(Jesper!$R$2:$R$366,ROW(INDEX(Jesper!AH$2:AH$366,ROUNDDOWN($C6343/24,0)+1,1))-1)+IF('Standard Profiles'!$G$18=$B$10,7,0)+IF('Standard Profiles'!$G$18=$B$17,14,0)+IF('Standard Profiles'!$G$18=$B$24,21,0),0)),0)</f>
        <v>5.3639753366720306</v>
      </c>
      <c r="E6343" cm="1">
        <f t="array" ref="E6343">IFERROR(INDEX(Jesper!AI$2:AI$366,ROUNDDOWN($C6343/24,0)+1,1)*INDEX($D$3:$AA$30,INDEX(Jesper!$R$2:$R$366,ROW(INDEX(Jesper!AI$2:AI$366,ROUNDDOWN($C6343/24,0)+1,1))-1)+IF('Standard Profiles'!$G$19=$B$10,7,0)+IF('Standard Profiles'!$G$19=$B$17,14,0)+IF('Standard Profiles'!$G$19=$B$24,21,0),MOD($C6343,24)+1)/SUM(INDEX($D$3:$AA$30,INDEX(Jesper!$R$2:$R$366,ROW(INDEX(Jesper!AI$2:AI$366,ROUNDDOWN($C6343/24,0)+1,1))-1)+IF('Standard Profiles'!$G$19=$B$10,7,0)+IF('Standard Profiles'!$G$19=$B$17,14,0)+IF('Standard Profiles'!$G$19=$B$24,21,0),0)),0)</f>
        <v>2.3009038028184379</v>
      </c>
      <c r="F6343" cm="1">
        <f t="array" ref="F6343">IFERROR(INDEX(Jesper!AJ$2:AJ$366,ROUNDDOWN($C6343/24,0)+1,1)*INDEX($D$3:$AA$30,INDEX(Jesper!$R$2:$R$366,ROW(INDEX(Jesper!AJ$2:AJ$366,ROUNDDOWN($C6343/24,0)+1,1))-1)+IF('Standard Profiles'!$G$20=$B$10,7,0)+IF('Standard Profiles'!$G$20=$B$17,14,0)+IF('Standard Profiles'!$G$20=$B$24,21,0),MOD($C6343,24)+1)/SUM(INDEX($D$3:$AA$30,INDEX(Jesper!$R$2:$R$366,ROW(INDEX(Jesper!AJ$2:AJ$366,ROUNDDOWN($C6343/24,0)+1,1))-1)+IF('Standard Profiles'!$G$20=$B$10,7,0)+IF('Standard Profiles'!$G$20=$B$17,14,0)+IF('Standard Profiles'!$G$20=$B$24,21,0),0)),0)</f>
        <v>0</v>
      </c>
      <c r="G6343" cm="1">
        <f t="array" ref="G6343">IFERROR(INDEX(Jesper!AK$2:AK$366,ROUNDDOWN($C6343/24,0)+1,1)*INDEX($D$3:$AA$30,INDEX(Jesper!$R$2:$R$366,ROW(INDEX(Jesper!AK$2:AK$366,ROUNDDOWN($C6343/24,0)+1,1))-1)+IF('Standard Profiles'!$G$21=$B$10,7,0)+IF('Standard Profiles'!$G$21=$B$17,14,0)+IF('Standard Profiles'!$G$21=$B$24,21,0),MOD($C6343,24)+1)/SUM(INDEX($D$3:$AA$30,INDEX(Jesper!$R$2:$R$366,ROW(INDEX(Jesper!AK$2:AK$366,ROUNDDOWN($C6343/24,0)+1,1))-1)+IF('Standard Profiles'!$G$21=$B$10,7,0)+IF('Standard Profiles'!$G$21=$B$17,14,0)+IF('Standard Profiles'!$G$21=$B$24,21,0),0)),0)</f>
        <v>0.26717039176228419</v>
      </c>
      <c r="H6343" cm="1">
        <f t="array" ref="H6343">IFERROR(INDEX(Jesper!AL$2:AL$366,ROUNDDOWN($C6343/24,0)+1,1)*INDEX($D$3:$AA$30,INDEX(Jesper!$R$2:$R$366,ROW(INDEX(Jesper!AL$2:AL$366,ROUNDDOWN($C6343/24,0)+1,1))-1)+IF('Standard Profiles'!$G$22=$B$10,7,0)+IF('Standard Profiles'!$G$22=$B$17,14,0)+IF('Standard Profiles'!$G$22=$B$24,21,0),MOD($C6343,24)+1)/SUM(INDEX($D$3:$AA$30,INDEX(Jesper!$R$2:$R$366,ROW(INDEX(Jesper!AL$2:AL$366,ROUNDDOWN($C6343/24,0)+1,1))-1)+IF('Standard Profiles'!$G$22=$B$10,7,0)+IF('Standard Profiles'!$G$22=$B$17,14,0)+IF('Standard Profiles'!$G$22=$B$24,21,0),0)),0)</f>
        <v>0</v>
      </c>
      <c r="I6343">
        <f t="shared" si="706"/>
        <v>0.12824178804589634</v>
      </c>
      <c r="J6343">
        <f t="shared" si="707"/>
        <v>6.9455716893393307</v>
      </c>
      <c r="K6343">
        <f t="shared" si="708"/>
        <v>0.57215736924501659</v>
      </c>
      <c r="L6343">
        <f t="shared" si="709"/>
        <v>0.28607868462250829</v>
      </c>
      <c r="M6343">
        <f t="shared" si="710"/>
        <v>0</v>
      </c>
      <c r="N6343" s="45">
        <f t="shared" si="711"/>
        <v>45189.874999984699</v>
      </c>
    </row>
    <row r="6344" spans="2:14" x14ac:dyDescent="0.25">
      <c r="B6344">
        <f t="shared" si="705"/>
        <v>3</v>
      </c>
      <c r="C6344" s="16">
        <v>6310</v>
      </c>
      <c r="D6344" cm="1">
        <f t="array" ref="D6344">IFERROR(INDEX(Jesper!AH$2:AH$366,ROUNDDOWN($C6344/24,0)+1,1)*INDEX($D$3:$AA$30,INDEX(Jesper!$R$2:$R$366,ROW(INDEX(Jesper!AH$2:AH$366,ROUNDDOWN($C6344/24,0)+1,1))-1)+IF('Standard Profiles'!$G$18=$B$10,7,0)+IF('Standard Profiles'!$G$18=$B$17,14,0)+IF('Standard Profiles'!$G$18=$B$24,21,0),MOD($C6344,24)+1)/SUM(INDEX($D$3:$AA$30,INDEX(Jesper!$R$2:$R$366,ROW(INDEX(Jesper!AH$2:AH$366,ROUNDDOWN($C6344/24,0)+1,1))-1)+IF('Standard Profiles'!$G$18=$B$10,7,0)+IF('Standard Profiles'!$G$18=$B$17,14,0)+IF('Standard Profiles'!$G$18=$B$24,21,0),0)),0)</f>
        <v>5.3639753366720306</v>
      </c>
      <c r="E6344" cm="1">
        <f t="array" ref="E6344">IFERROR(INDEX(Jesper!AI$2:AI$366,ROUNDDOWN($C6344/24,0)+1,1)*INDEX($D$3:$AA$30,INDEX(Jesper!$R$2:$R$366,ROW(INDEX(Jesper!AI$2:AI$366,ROUNDDOWN($C6344/24,0)+1,1))-1)+IF('Standard Profiles'!$G$19=$B$10,7,0)+IF('Standard Profiles'!$G$19=$B$17,14,0)+IF('Standard Profiles'!$G$19=$B$24,21,0),MOD($C6344,24)+1)/SUM(INDEX($D$3:$AA$30,INDEX(Jesper!$R$2:$R$366,ROW(INDEX(Jesper!AI$2:AI$366,ROUNDDOWN($C6344/24,0)+1,1))-1)+IF('Standard Profiles'!$G$19=$B$10,7,0)+IF('Standard Profiles'!$G$19=$B$17,14,0)+IF('Standard Profiles'!$G$19=$B$24,21,0),0)),0)</f>
        <v>2.3009038028184379</v>
      </c>
      <c r="F6344" cm="1">
        <f t="array" ref="F6344">IFERROR(INDEX(Jesper!AJ$2:AJ$366,ROUNDDOWN($C6344/24,0)+1,1)*INDEX($D$3:$AA$30,INDEX(Jesper!$R$2:$R$366,ROW(INDEX(Jesper!AJ$2:AJ$366,ROUNDDOWN($C6344/24,0)+1,1))-1)+IF('Standard Profiles'!$G$20=$B$10,7,0)+IF('Standard Profiles'!$G$20=$B$17,14,0)+IF('Standard Profiles'!$G$20=$B$24,21,0),MOD($C6344,24)+1)/SUM(INDEX($D$3:$AA$30,INDEX(Jesper!$R$2:$R$366,ROW(INDEX(Jesper!AJ$2:AJ$366,ROUNDDOWN($C6344/24,0)+1,1))-1)+IF('Standard Profiles'!$G$20=$B$10,7,0)+IF('Standard Profiles'!$G$20=$B$17,14,0)+IF('Standard Profiles'!$G$20=$B$24,21,0),0)),0)</f>
        <v>0</v>
      </c>
      <c r="G6344" cm="1">
        <f t="array" ref="G6344">IFERROR(INDEX(Jesper!AK$2:AK$366,ROUNDDOWN($C6344/24,0)+1,1)*INDEX($D$3:$AA$30,INDEX(Jesper!$R$2:$R$366,ROW(INDEX(Jesper!AK$2:AK$366,ROUNDDOWN($C6344/24,0)+1,1))-1)+IF('Standard Profiles'!$G$21=$B$10,7,0)+IF('Standard Profiles'!$G$21=$B$17,14,0)+IF('Standard Profiles'!$G$21=$B$24,21,0),MOD($C6344,24)+1)/SUM(INDEX($D$3:$AA$30,INDEX(Jesper!$R$2:$R$366,ROW(INDEX(Jesper!AK$2:AK$366,ROUNDDOWN($C6344/24,0)+1,1))-1)+IF('Standard Profiles'!$G$21=$B$10,7,0)+IF('Standard Profiles'!$G$21=$B$17,14,0)+IF('Standard Profiles'!$G$21=$B$24,21,0),0)),0)</f>
        <v>0.26717039176228419</v>
      </c>
      <c r="H6344" cm="1">
        <f t="array" ref="H6344">IFERROR(INDEX(Jesper!AL$2:AL$366,ROUNDDOWN($C6344/24,0)+1,1)*INDEX($D$3:$AA$30,INDEX(Jesper!$R$2:$R$366,ROW(INDEX(Jesper!AL$2:AL$366,ROUNDDOWN($C6344/24,0)+1,1))-1)+IF('Standard Profiles'!$G$22=$B$10,7,0)+IF('Standard Profiles'!$G$22=$B$17,14,0)+IF('Standard Profiles'!$G$22=$B$24,21,0),MOD($C6344,24)+1)/SUM(INDEX($D$3:$AA$30,INDEX(Jesper!$R$2:$R$366,ROW(INDEX(Jesper!AL$2:AL$366,ROUNDDOWN($C6344/24,0)+1,1))-1)+IF('Standard Profiles'!$G$22=$B$10,7,0)+IF('Standard Profiles'!$G$22=$B$17,14,0)+IF('Standard Profiles'!$G$22=$B$24,21,0),0)),0)</f>
        <v>0</v>
      </c>
      <c r="I6344">
        <f t="shared" si="706"/>
        <v>0.12824178804589634</v>
      </c>
      <c r="J6344">
        <f t="shared" si="707"/>
        <v>6.9455716893393307</v>
      </c>
      <c r="K6344">
        <f t="shared" si="708"/>
        <v>0.57215736924501659</v>
      </c>
      <c r="L6344">
        <f t="shared" si="709"/>
        <v>0.28607868462250829</v>
      </c>
      <c r="M6344">
        <f t="shared" si="710"/>
        <v>0</v>
      </c>
      <c r="N6344" s="45">
        <f t="shared" si="711"/>
        <v>45189.916666651363</v>
      </c>
    </row>
    <row r="6345" spans="2:14" x14ac:dyDescent="0.25">
      <c r="B6345">
        <f t="shared" si="705"/>
        <v>3</v>
      </c>
      <c r="C6345" s="16">
        <v>6311</v>
      </c>
      <c r="D6345" cm="1">
        <f t="array" ref="D6345">IFERROR(INDEX(Jesper!AH$2:AH$366,ROUNDDOWN($C6345/24,0)+1,1)*INDEX($D$3:$AA$30,INDEX(Jesper!$R$2:$R$366,ROW(INDEX(Jesper!AH$2:AH$366,ROUNDDOWN($C6345/24,0)+1,1))-1)+IF('Standard Profiles'!$G$18=$B$10,7,0)+IF('Standard Profiles'!$G$18=$B$17,14,0)+IF('Standard Profiles'!$G$18=$B$24,21,0),MOD($C6345,24)+1)/SUM(INDEX($D$3:$AA$30,INDEX(Jesper!$R$2:$R$366,ROW(INDEX(Jesper!AH$2:AH$366,ROUNDDOWN($C6345/24,0)+1,1))-1)+IF('Standard Profiles'!$G$18=$B$10,7,0)+IF('Standard Profiles'!$G$18=$B$17,14,0)+IF('Standard Profiles'!$G$18=$B$24,21,0),0)),0)</f>
        <v>5.3639753366720306</v>
      </c>
      <c r="E6345" cm="1">
        <f t="array" ref="E6345">IFERROR(INDEX(Jesper!AI$2:AI$366,ROUNDDOWN($C6345/24,0)+1,1)*INDEX($D$3:$AA$30,INDEX(Jesper!$R$2:$R$366,ROW(INDEX(Jesper!AI$2:AI$366,ROUNDDOWN($C6345/24,0)+1,1))-1)+IF('Standard Profiles'!$G$19=$B$10,7,0)+IF('Standard Profiles'!$G$19=$B$17,14,0)+IF('Standard Profiles'!$G$19=$B$24,21,0),MOD($C6345,24)+1)/SUM(INDEX($D$3:$AA$30,INDEX(Jesper!$R$2:$R$366,ROW(INDEX(Jesper!AI$2:AI$366,ROUNDDOWN($C6345/24,0)+1,1))-1)+IF('Standard Profiles'!$G$19=$B$10,7,0)+IF('Standard Profiles'!$G$19=$B$17,14,0)+IF('Standard Profiles'!$G$19=$B$24,21,0),0)),0)</f>
        <v>2.3009038028184379</v>
      </c>
      <c r="F6345" cm="1">
        <f t="array" ref="F6345">IFERROR(INDEX(Jesper!AJ$2:AJ$366,ROUNDDOWN($C6345/24,0)+1,1)*INDEX($D$3:$AA$30,INDEX(Jesper!$R$2:$R$366,ROW(INDEX(Jesper!AJ$2:AJ$366,ROUNDDOWN($C6345/24,0)+1,1))-1)+IF('Standard Profiles'!$G$20=$B$10,7,0)+IF('Standard Profiles'!$G$20=$B$17,14,0)+IF('Standard Profiles'!$G$20=$B$24,21,0),MOD($C6345,24)+1)/SUM(INDEX($D$3:$AA$30,INDEX(Jesper!$R$2:$R$366,ROW(INDEX(Jesper!AJ$2:AJ$366,ROUNDDOWN($C6345/24,0)+1,1))-1)+IF('Standard Profiles'!$G$20=$B$10,7,0)+IF('Standard Profiles'!$G$20=$B$17,14,0)+IF('Standard Profiles'!$G$20=$B$24,21,0),0)),0)</f>
        <v>0</v>
      </c>
      <c r="G6345" cm="1">
        <f t="array" ref="G6345">IFERROR(INDEX(Jesper!AK$2:AK$366,ROUNDDOWN($C6345/24,0)+1,1)*INDEX($D$3:$AA$30,INDEX(Jesper!$R$2:$R$366,ROW(INDEX(Jesper!AK$2:AK$366,ROUNDDOWN($C6345/24,0)+1,1))-1)+IF('Standard Profiles'!$G$21=$B$10,7,0)+IF('Standard Profiles'!$G$21=$B$17,14,0)+IF('Standard Profiles'!$G$21=$B$24,21,0),MOD($C6345,24)+1)/SUM(INDEX($D$3:$AA$30,INDEX(Jesper!$R$2:$R$366,ROW(INDEX(Jesper!AK$2:AK$366,ROUNDDOWN($C6345/24,0)+1,1))-1)+IF('Standard Profiles'!$G$21=$B$10,7,0)+IF('Standard Profiles'!$G$21=$B$17,14,0)+IF('Standard Profiles'!$G$21=$B$24,21,0),0)),0)</f>
        <v>0.26717039176228419</v>
      </c>
      <c r="H6345" cm="1">
        <f t="array" ref="H6345">IFERROR(INDEX(Jesper!AL$2:AL$366,ROUNDDOWN($C6345/24,0)+1,1)*INDEX($D$3:$AA$30,INDEX(Jesper!$R$2:$R$366,ROW(INDEX(Jesper!AL$2:AL$366,ROUNDDOWN($C6345/24,0)+1,1))-1)+IF('Standard Profiles'!$G$22=$B$10,7,0)+IF('Standard Profiles'!$G$22=$B$17,14,0)+IF('Standard Profiles'!$G$22=$B$24,21,0),MOD($C6345,24)+1)/SUM(INDEX($D$3:$AA$30,INDEX(Jesper!$R$2:$R$366,ROW(INDEX(Jesper!AL$2:AL$366,ROUNDDOWN($C6345/24,0)+1,1))-1)+IF('Standard Profiles'!$G$22=$B$10,7,0)+IF('Standard Profiles'!$G$22=$B$17,14,0)+IF('Standard Profiles'!$G$22=$B$24,21,0),0)),0)</f>
        <v>0</v>
      </c>
      <c r="I6345">
        <f t="shared" si="706"/>
        <v>0.12824178804589634</v>
      </c>
      <c r="J6345">
        <f t="shared" si="707"/>
        <v>6.9455716893393307</v>
      </c>
      <c r="K6345">
        <f t="shared" si="708"/>
        <v>0.57215736924501659</v>
      </c>
      <c r="L6345">
        <f t="shared" si="709"/>
        <v>0.28607868462250829</v>
      </c>
      <c r="M6345">
        <f t="shared" si="710"/>
        <v>0</v>
      </c>
      <c r="N6345" s="45">
        <f t="shared" si="711"/>
        <v>45189.958333318027</v>
      </c>
    </row>
    <row r="6346" spans="2:14" x14ac:dyDescent="0.25">
      <c r="B6346">
        <f t="shared" si="705"/>
        <v>4</v>
      </c>
      <c r="C6346" s="16">
        <v>6312</v>
      </c>
      <c r="D6346" cm="1">
        <f t="array" ref="D6346">IFERROR(INDEX(Jesper!AH$2:AH$366,ROUNDDOWN($C6346/24,0)+1,1)*INDEX($D$3:$AA$30,INDEX(Jesper!$R$2:$R$366,ROW(INDEX(Jesper!AH$2:AH$366,ROUNDDOWN($C6346/24,0)+1,1))-1)+IF('Standard Profiles'!$G$18=$B$10,7,0)+IF('Standard Profiles'!$G$18=$B$17,14,0)+IF('Standard Profiles'!$G$18=$B$24,21,0),MOD($C6346,24)+1)/SUM(INDEX($D$3:$AA$30,INDEX(Jesper!$R$2:$R$366,ROW(INDEX(Jesper!AH$2:AH$366,ROUNDDOWN($C6346/24,0)+1,1))-1)+IF('Standard Profiles'!$G$18=$B$10,7,0)+IF('Standard Profiles'!$G$18=$B$17,14,0)+IF('Standard Profiles'!$G$18=$B$24,21,0),0)),0)</f>
        <v>5.2967854954157847</v>
      </c>
      <c r="E6346" cm="1">
        <f t="array" ref="E6346">IFERROR(INDEX(Jesper!AI$2:AI$366,ROUNDDOWN($C6346/24,0)+1,1)*INDEX($D$3:$AA$30,INDEX(Jesper!$R$2:$R$366,ROW(INDEX(Jesper!AI$2:AI$366,ROUNDDOWN($C6346/24,0)+1,1))-1)+IF('Standard Profiles'!$G$19=$B$10,7,0)+IF('Standard Profiles'!$G$19=$B$17,14,0)+IF('Standard Profiles'!$G$19=$B$24,21,0),MOD($C6346,24)+1)/SUM(INDEX($D$3:$AA$30,INDEX(Jesper!$R$2:$R$366,ROW(INDEX(Jesper!AI$2:AI$366,ROUNDDOWN($C6346/24,0)+1,1))-1)+IF('Standard Profiles'!$G$19=$B$10,7,0)+IF('Standard Profiles'!$G$19=$B$17,14,0)+IF('Standard Profiles'!$G$19=$B$24,21,0),0)),0)</f>
        <v>2.1753047114109321</v>
      </c>
      <c r="F6346" cm="1">
        <f t="array" ref="F6346">IFERROR(INDEX(Jesper!AJ$2:AJ$366,ROUNDDOWN($C6346/24,0)+1,1)*INDEX($D$3:$AA$30,INDEX(Jesper!$R$2:$R$366,ROW(INDEX(Jesper!AJ$2:AJ$366,ROUNDDOWN($C6346/24,0)+1,1))-1)+IF('Standard Profiles'!$G$20=$B$10,7,0)+IF('Standard Profiles'!$G$20=$B$17,14,0)+IF('Standard Profiles'!$G$20=$B$24,21,0),MOD($C6346,24)+1)/SUM(INDEX($D$3:$AA$30,INDEX(Jesper!$R$2:$R$366,ROW(INDEX(Jesper!AJ$2:AJ$366,ROUNDDOWN($C6346/24,0)+1,1))-1)+IF('Standard Profiles'!$G$20=$B$10,7,0)+IF('Standard Profiles'!$G$20=$B$17,14,0)+IF('Standard Profiles'!$G$20=$B$24,21,0),0)),0)</f>
        <v>0</v>
      </c>
      <c r="G6346" cm="1">
        <f t="array" ref="G6346">IFERROR(INDEX(Jesper!AK$2:AK$366,ROUNDDOWN($C6346/24,0)+1,1)*INDEX($D$3:$AA$30,INDEX(Jesper!$R$2:$R$366,ROW(INDEX(Jesper!AK$2:AK$366,ROUNDDOWN($C6346/24,0)+1,1))-1)+IF('Standard Profiles'!$G$21=$B$10,7,0)+IF('Standard Profiles'!$G$21=$B$17,14,0)+IF('Standard Profiles'!$G$21=$B$24,21,0),MOD($C6346,24)+1)/SUM(INDEX($D$3:$AA$30,INDEX(Jesper!$R$2:$R$366,ROW(INDEX(Jesper!AK$2:AK$366,ROUNDDOWN($C6346/24,0)+1,1))-1)+IF('Standard Profiles'!$G$21=$B$10,7,0)+IF('Standard Profiles'!$G$21=$B$17,14,0)+IF('Standard Profiles'!$G$21=$B$24,21,0),0)),0)</f>
        <v>9.3462553021988526E-2</v>
      </c>
      <c r="H6346" cm="1">
        <f t="array" ref="H6346">IFERROR(INDEX(Jesper!AL$2:AL$366,ROUNDDOWN($C6346/24,0)+1,1)*INDEX($D$3:$AA$30,INDEX(Jesper!$R$2:$R$366,ROW(INDEX(Jesper!AL$2:AL$366,ROUNDDOWN($C6346/24,0)+1,1))-1)+IF('Standard Profiles'!$G$22=$B$10,7,0)+IF('Standard Profiles'!$G$22=$B$17,14,0)+IF('Standard Profiles'!$G$22=$B$24,21,0),MOD($C6346,24)+1)/SUM(INDEX($D$3:$AA$30,INDEX(Jesper!$R$2:$R$366,ROW(INDEX(Jesper!AL$2:AL$366,ROUNDDOWN($C6346/24,0)+1,1))-1)+IF('Standard Profiles'!$G$22=$B$10,7,0)+IF('Standard Profiles'!$G$22=$B$17,14,0)+IF('Standard Profiles'!$G$22=$B$24,21,0),0)),0)</f>
        <v>0</v>
      </c>
      <c r="I6346">
        <f t="shared" si="706"/>
        <v>4.4862025450554469E-2</v>
      </c>
      <c r="J6346">
        <f t="shared" si="707"/>
        <v>6.6732050551316249</v>
      </c>
      <c r="K6346">
        <f t="shared" si="708"/>
        <v>0.56499045284435045</v>
      </c>
      <c r="L6346">
        <f t="shared" si="709"/>
        <v>0.28249522642217523</v>
      </c>
      <c r="M6346">
        <f t="shared" si="710"/>
        <v>0</v>
      </c>
      <c r="N6346" s="45">
        <f t="shared" si="711"/>
        <v>45189.999999984691</v>
      </c>
    </row>
    <row r="6347" spans="2:14" x14ac:dyDescent="0.25">
      <c r="B6347">
        <f t="shared" si="705"/>
        <v>4</v>
      </c>
      <c r="C6347" s="16">
        <v>6313</v>
      </c>
      <c r="D6347" cm="1">
        <f t="array" ref="D6347">IFERROR(INDEX(Jesper!AH$2:AH$366,ROUNDDOWN($C6347/24,0)+1,1)*INDEX($D$3:$AA$30,INDEX(Jesper!$R$2:$R$366,ROW(INDEX(Jesper!AH$2:AH$366,ROUNDDOWN($C6347/24,0)+1,1))-1)+IF('Standard Profiles'!$G$18=$B$10,7,0)+IF('Standard Profiles'!$G$18=$B$17,14,0)+IF('Standard Profiles'!$G$18=$B$24,21,0),MOD($C6347,24)+1)/SUM(INDEX($D$3:$AA$30,INDEX(Jesper!$R$2:$R$366,ROW(INDEX(Jesper!AH$2:AH$366,ROUNDDOWN($C6347/24,0)+1,1))-1)+IF('Standard Profiles'!$G$18=$B$10,7,0)+IF('Standard Profiles'!$G$18=$B$17,14,0)+IF('Standard Profiles'!$G$18=$B$24,21,0),0)),0)</f>
        <v>5.2967854954157847</v>
      </c>
      <c r="E6347" cm="1">
        <f t="array" ref="E6347">IFERROR(INDEX(Jesper!AI$2:AI$366,ROUNDDOWN($C6347/24,0)+1,1)*INDEX($D$3:$AA$30,INDEX(Jesper!$R$2:$R$366,ROW(INDEX(Jesper!AI$2:AI$366,ROUNDDOWN($C6347/24,0)+1,1))-1)+IF('Standard Profiles'!$G$19=$B$10,7,0)+IF('Standard Profiles'!$G$19=$B$17,14,0)+IF('Standard Profiles'!$G$19=$B$24,21,0),MOD($C6347,24)+1)/SUM(INDEX($D$3:$AA$30,INDEX(Jesper!$R$2:$R$366,ROW(INDEX(Jesper!AI$2:AI$366,ROUNDDOWN($C6347/24,0)+1,1))-1)+IF('Standard Profiles'!$G$19=$B$10,7,0)+IF('Standard Profiles'!$G$19=$B$17,14,0)+IF('Standard Profiles'!$G$19=$B$24,21,0),0)),0)</f>
        <v>2.1753047114109321</v>
      </c>
      <c r="F6347" cm="1">
        <f t="array" ref="F6347">IFERROR(INDEX(Jesper!AJ$2:AJ$366,ROUNDDOWN($C6347/24,0)+1,1)*INDEX($D$3:$AA$30,INDEX(Jesper!$R$2:$R$366,ROW(INDEX(Jesper!AJ$2:AJ$366,ROUNDDOWN($C6347/24,0)+1,1))-1)+IF('Standard Profiles'!$G$20=$B$10,7,0)+IF('Standard Profiles'!$G$20=$B$17,14,0)+IF('Standard Profiles'!$G$20=$B$24,21,0),MOD($C6347,24)+1)/SUM(INDEX($D$3:$AA$30,INDEX(Jesper!$R$2:$R$366,ROW(INDEX(Jesper!AJ$2:AJ$366,ROUNDDOWN($C6347/24,0)+1,1))-1)+IF('Standard Profiles'!$G$20=$B$10,7,0)+IF('Standard Profiles'!$G$20=$B$17,14,0)+IF('Standard Profiles'!$G$20=$B$24,21,0),0)),0)</f>
        <v>0</v>
      </c>
      <c r="G6347" cm="1">
        <f t="array" ref="G6347">IFERROR(INDEX(Jesper!AK$2:AK$366,ROUNDDOWN($C6347/24,0)+1,1)*INDEX($D$3:$AA$30,INDEX(Jesper!$R$2:$R$366,ROW(INDEX(Jesper!AK$2:AK$366,ROUNDDOWN($C6347/24,0)+1,1))-1)+IF('Standard Profiles'!$G$21=$B$10,7,0)+IF('Standard Profiles'!$G$21=$B$17,14,0)+IF('Standard Profiles'!$G$21=$B$24,21,0),MOD($C6347,24)+1)/SUM(INDEX($D$3:$AA$30,INDEX(Jesper!$R$2:$R$366,ROW(INDEX(Jesper!AK$2:AK$366,ROUNDDOWN($C6347/24,0)+1,1))-1)+IF('Standard Profiles'!$G$21=$B$10,7,0)+IF('Standard Profiles'!$G$21=$B$17,14,0)+IF('Standard Profiles'!$G$21=$B$24,21,0),0)),0)</f>
        <v>9.3462553021988526E-2</v>
      </c>
      <c r="H6347" cm="1">
        <f t="array" ref="H6347">IFERROR(INDEX(Jesper!AL$2:AL$366,ROUNDDOWN($C6347/24,0)+1,1)*INDEX($D$3:$AA$30,INDEX(Jesper!$R$2:$R$366,ROW(INDEX(Jesper!AL$2:AL$366,ROUNDDOWN($C6347/24,0)+1,1))-1)+IF('Standard Profiles'!$G$22=$B$10,7,0)+IF('Standard Profiles'!$G$22=$B$17,14,0)+IF('Standard Profiles'!$G$22=$B$24,21,0),MOD($C6347,24)+1)/SUM(INDEX($D$3:$AA$30,INDEX(Jesper!$R$2:$R$366,ROW(INDEX(Jesper!AL$2:AL$366,ROUNDDOWN($C6347/24,0)+1,1))-1)+IF('Standard Profiles'!$G$22=$B$10,7,0)+IF('Standard Profiles'!$G$22=$B$17,14,0)+IF('Standard Profiles'!$G$22=$B$24,21,0),0)),0)</f>
        <v>0</v>
      </c>
      <c r="I6347">
        <f t="shared" si="706"/>
        <v>4.4862025450554469E-2</v>
      </c>
      <c r="J6347">
        <f t="shared" si="707"/>
        <v>6.6732050551316249</v>
      </c>
      <c r="K6347">
        <f t="shared" si="708"/>
        <v>0.56499045284435045</v>
      </c>
      <c r="L6347">
        <f t="shared" si="709"/>
        <v>0.28249522642217523</v>
      </c>
      <c r="M6347">
        <f t="shared" si="710"/>
        <v>0</v>
      </c>
      <c r="N6347" s="45">
        <f t="shared" si="711"/>
        <v>45190.041666651356</v>
      </c>
    </row>
    <row r="6348" spans="2:14" x14ac:dyDescent="0.25">
      <c r="B6348">
        <f t="shared" si="705"/>
        <v>4</v>
      </c>
      <c r="C6348" s="16">
        <v>6314</v>
      </c>
      <c r="D6348" cm="1">
        <f t="array" ref="D6348">IFERROR(INDEX(Jesper!AH$2:AH$366,ROUNDDOWN($C6348/24,0)+1,1)*INDEX($D$3:$AA$30,INDEX(Jesper!$R$2:$R$366,ROW(INDEX(Jesper!AH$2:AH$366,ROUNDDOWN($C6348/24,0)+1,1))-1)+IF('Standard Profiles'!$G$18=$B$10,7,0)+IF('Standard Profiles'!$G$18=$B$17,14,0)+IF('Standard Profiles'!$G$18=$B$24,21,0),MOD($C6348,24)+1)/SUM(INDEX($D$3:$AA$30,INDEX(Jesper!$R$2:$R$366,ROW(INDEX(Jesper!AH$2:AH$366,ROUNDDOWN($C6348/24,0)+1,1))-1)+IF('Standard Profiles'!$G$18=$B$10,7,0)+IF('Standard Profiles'!$G$18=$B$17,14,0)+IF('Standard Profiles'!$G$18=$B$24,21,0),0)),0)</f>
        <v>5.2967854954157847</v>
      </c>
      <c r="E6348" cm="1">
        <f t="array" ref="E6348">IFERROR(INDEX(Jesper!AI$2:AI$366,ROUNDDOWN($C6348/24,0)+1,1)*INDEX($D$3:$AA$30,INDEX(Jesper!$R$2:$R$366,ROW(INDEX(Jesper!AI$2:AI$366,ROUNDDOWN($C6348/24,0)+1,1))-1)+IF('Standard Profiles'!$G$19=$B$10,7,0)+IF('Standard Profiles'!$G$19=$B$17,14,0)+IF('Standard Profiles'!$G$19=$B$24,21,0),MOD($C6348,24)+1)/SUM(INDEX($D$3:$AA$30,INDEX(Jesper!$R$2:$R$366,ROW(INDEX(Jesper!AI$2:AI$366,ROUNDDOWN($C6348/24,0)+1,1))-1)+IF('Standard Profiles'!$G$19=$B$10,7,0)+IF('Standard Profiles'!$G$19=$B$17,14,0)+IF('Standard Profiles'!$G$19=$B$24,21,0),0)),0)</f>
        <v>2.1753047114109321</v>
      </c>
      <c r="F6348" cm="1">
        <f t="array" ref="F6348">IFERROR(INDEX(Jesper!AJ$2:AJ$366,ROUNDDOWN($C6348/24,0)+1,1)*INDEX($D$3:$AA$30,INDEX(Jesper!$R$2:$R$366,ROW(INDEX(Jesper!AJ$2:AJ$366,ROUNDDOWN($C6348/24,0)+1,1))-1)+IF('Standard Profiles'!$G$20=$B$10,7,0)+IF('Standard Profiles'!$G$20=$B$17,14,0)+IF('Standard Profiles'!$G$20=$B$24,21,0),MOD($C6348,24)+1)/SUM(INDEX($D$3:$AA$30,INDEX(Jesper!$R$2:$R$366,ROW(INDEX(Jesper!AJ$2:AJ$366,ROUNDDOWN($C6348/24,0)+1,1))-1)+IF('Standard Profiles'!$G$20=$B$10,7,0)+IF('Standard Profiles'!$G$20=$B$17,14,0)+IF('Standard Profiles'!$G$20=$B$24,21,0),0)),0)</f>
        <v>0</v>
      </c>
      <c r="G6348" cm="1">
        <f t="array" ref="G6348">IFERROR(INDEX(Jesper!AK$2:AK$366,ROUNDDOWN($C6348/24,0)+1,1)*INDEX($D$3:$AA$30,INDEX(Jesper!$R$2:$R$366,ROW(INDEX(Jesper!AK$2:AK$366,ROUNDDOWN($C6348/24,0)+1,1))-1)+IF('Standard Profiles'!$G$21=$B$10,7,0)+IF('Standard Profiles'!$G$21=$B$17,14,0)+IF('Standard Profiles'!$G$21=$B$24,21,0),MOD($C6348,24)+1)/SUM(INDEX($D$3:$AA$30,INDEX(Jesper!$R$2:$R$366,ROW(INDEX(Jesper!AK$2:AK$366,ROUNDDOWN($C6348/24,0)+1,1))-1)+IF('Standard Profiles'!$G$21=$B$10,7,0)+IF('Standard Profiles'!$G$21=$B$17,14,0)+IF('Standard Profiles'!$G$21=$B$24,21,0),0)),0)</f>
        <v>9.3462553021988526E-2</v>
      </c>
      <c r="H6348" cm="1">
        <f t="array" ref="H6348">IFERROR(INDEX(Jesper!AL$2:AL$366,ROUNDDOWN($C6348/24,0)+1,1)*INDEX($D$3:$AA$30,INDEX(Jesper!$R$2:$R$366,ROW(INDEX(Jesper!AL$2:AL$366,ROUNDDOWN($C6348/24,0)+1,1))-1)+IF('Standard Profiles'!$G$22=$B$10,7,0)+IF('Standard Profiles'!$G$22=$B$17,14,0)+IF('Standard Profiles'!$G$22=$B$24,21,0),MOD($C6348,24)+1)/SUM(INDEX($D$3:$AA$30,INDEX(Jesper!$R$2:$R$366,ROW(INDEX(Jesper!AL$2:AL$366,ROUNDDOWN($C6348/24,0)+1,1))-1)+IF('Standard Profiles'!$G$22=$B$10,7,0)+IF('Standard Profiles'!$G$22=$B$17,14,0)+IF('Standard Profiles'!$G$22=$B$24,21,0),0)),0)</f>
        <v>0</v>
      </c>
      <c r="I6348">
        <f t="shared" si="706"/>
        <v>4.4862025450554469E-2</v>
      </c>
      <c r="J6348">
        <f t="shared" si="707"/>
        <v>6.6732050551316249</v>
      </c>
      <c r="K6348">
        <f t="shared" si="708"/>
        <v>0.56499045284435045</v>
      </c>
      <c r="L6348">
        <f t="shared" si="709"/>
        <v>0.28249522642217523</v>
      </c>
      <c r="M6348">
        <f t="shared" si="710"/>
        <v>0</v>
      </c>
      <c r="N6348" s="45">
        <f t="shared" si="711"/>
        <v>45190.08333331802</v>
      </c>
    </row>
    <row r="6349" spans="2:14" x14ac:dyDescent="0.25">
      <c r="B6349">
        <f t="shared" si="705"/>
        <v>4</v>
      </c>
      <c r="C6349" s="16">
        <v>6315</v>
      </c>
      <c r="D6349" cm="1">
        <f t="array" ref="D6349">IFERROR(INDEX(Jesper!AH$2:AH$366,ROUNDDOWN($C6349/24,0)+1,1)*INDEX($D$3:$AA$30,INDEX(Jesper!$R$2:$R$366,ROW(INDEX(Jesper!AH$2:AH$366,ROUNDDOWN($C6349/24,0)+1,1))-1)+IF('Standard Profiles'!$G$18=$B$10,7,0)+IF('Standard Profiles'!$G$18=$B$17,14,0)+IF('Standard Profiles'!$G$18=$B$24,21,0),MOD($C6349,24)+1)/SUM(INDEX($D$3:$AA$30,INDEX(Jesper!$R$2:$R$366,ROW(INDEX(Jesper!AH$2:AH$366,ROUNDDOWN($C6349/24,0)+1,1))-1)+IF('Standard Profiles'!$G$18=$B$10,7,0)+IF('Standard Profiles'!$G$18=$B$17,14,0)+IF('Standard Profiles'!$G$18=$B$24,21,0),0)),0)</f>
        <v>5.2967854954157847</v>
      </c>
      <c r="E6349" cm="1">
        <f t="array" ref="E6349">IFERROR(INDEX(Jesper!AI$2:AI$366,ROUNDDOWN($C6349/24,0)+1,1)*INDEX($D$3:$AA$30,INDEX(Jesper!$R$2:$R$366,ROW(INDEX(Jesper!AI$2:AI$366,ROUNDDOWN($C6349/24,0)+1,1))-1)+IF('Standard Profiles'!$G$19=$B$10,7,0)+IF('Standard Profiles'!$G$19=$B$17,14,0)+IF('Standard Profiles'!$G$19=$B$24,21,0),MOD($C6349,24)+1)/SUM(INDEX($D$3:$AA$30,INDEX(Jesper!$R$2:$R$366,ROW(INDEX(Jesper!AI$2:AI$366,ROUNDDOWN($C6349/24,0)+1,1))-1)+IF('Standard Profiles'!$G$19=$B$10,7,0)+IF('Standard Profiles'!$G$19=$B$17,14,0)+IF('Standard Profiles'!$G$19=$B$24,21,0),0)),0)</f>
        <v>2.1753047114109321</v>
      </c>
      <c r="F6349" cm="1">
        <f t="array" ref="F6349">IFERROR(INDEX(Jesper!AJ$2:AJ$366,ROUNDDOWN($C6349/24,0)+1,1)*INDEX($D$3:$AA$30,INDEX(Jesper!$R$2:$R$366,ROW(INDEX(Jesper!AJ$2:AJ$366,ROUNDDOWN($C6349/24,0)+1,1))-1)+IF('Standard Profiles'!$G$20=$B$10,7,0)+IF('Standard Profiles'!$G$20=$B$17,14,0)+IF('Standard Profiles'!$G$20=$B$24,21,0),MOD($C6349,24)+1)/SUM(INDEX($D$3:$AA$30,INDEX(Jesper!$R$2:$R$366,ROW(INDEX(Jesper!AJ$2:AJ$366,ROUNDDOWN($C6349/24,0)+1,1))-1)+IF('Standard Profiles'!$G$20=$B$10,7,0)+IF('Standard Profiles'!$G$20=$B$17,14,0)+IF('Standard Profiles'!$G$20=$B$24,21,0),0)),0)</f>
        <v>0</v>
      </c>
      <c r="G6349" cm="1">
        <f t="array" ref="G6349">IFERROR(INDEX(Jesper!AK$2:AK$366,ROUNDDOWN($C6349/24,0)+1,1)*INDEX($D$3:$AA$30,INDEX(Jesper!$R$2:$R$366,ROW(INDEX(Jesper!AK$2:AK$366,ROUNDDOWN($C6349/24,0)+1,1))-1)+IF('Standard Profiles'!$G$21=$B$10,7,0)+IF('Standard Profiles'!$G$21=$B$17,14,0)+IF('Standard Profiles'!$G$21=$B$24,21,0),MOD($C6349,24)+1)/SUM(INDEX($D$3:$AA$30,INDEX(Jesper!$R$2:$R$366,ROW(INDEX(Jesper!AK$2:AK$366,ROUNDDOWN($C6349/24,0)+1,1))-1)+IF('Standard Profiles'!$G$21=$B$10,7,0)+IF('Standard Profiles'!$G$21=$B$17,14,0)+IF('Standard Profiles'!$G$21=$B$24,21,0),0)),0)</f>
        <v>9.3462553021988526E-2</v>
      </c>
      <c r="H6349" cm="1">
        <f t="array" ref="H6349">IFERROR(INDEX(Jesper!AL$2:AL$366,ROUNDDOWN($C6349/24,0)+1,1)*INDEX($D$3:$AA$30,INDEX(Jesper!$R$2:$R$366,ROW(INDEX(Jesper!AL$2:AL$366,ROUNDDOWN($C6349/24,0)+1,1))-1)+IF('Standard Profiles'!$G$22=$B$10,7,0)+IF('Standard Profiles'!$G$22=$B$17,14,0)+IF('Standard Profiles'!$G$22=$B$24,21,0),MOD($C6349,24)+1)/SUM(INDEX($D$3:$AA$30,INDEX(Jesper!$R$2:$R$366,ROW(INDEX(Jesper!AL$2:AL$366,ROUNDDOWN($C6349/24,0)+1,1))-1)+IF('Standard Profiles'!$G$22=$B$10,7,0)+IF('Standard Profiles'!$G$22=$B$17,14,0)+IF('Standard Profiles'!$G$22=$B$24,21,0),0)),0)</f>
        <v>0</v>
      </c>
      <c r="I6349">
        <f t="shared" si="706"/>
        <v>4.4862025450554469E-2</v>
      </c>
      <c r="J6349">
        <f t="shared" si="707"/>
        <v>6.6732050551316249</v>
      </c>
      <c r="K6349">
        <f t="shared" si="708"/>
        <v>0.56499045284435045</v>
      </c>
      <c r="L6349">
        <f t="shared" si="709"/>
        <v>0.28249522642217523</v>
      </c>
      <c r="M6349">
        <f t="shared" si="710"/>
        <v>0</v>
      </c>
      <c r="N6349" s="45">
        <f t="shared" si="711"/>
        <v>45190.124999984684</v>
      </c>
    </row>
    <row r="6350" spans="2:14" x14ac:dyDescent="0.25">
      <c r="B6350">
        <f t="shared" si="705"/>
        <v>4</v>
      </c>
      <c r="C6350" s="16">
        <v>6316</v>
      </c>
      <c r="D6350" cm="1">
        <f t="array" ref="D6350">IFERROR(INDEX(Jesper!AH$2:AH$366,ROUNDDOWN($C6350/24,0)+1,1)*INDEX($D$3:$AA$30,INDEX(Jesper!$R$2:$R$366,ROW(INDEX(Jesper!AH$2:AH$366,ROUNDDOWN($C6350/24,0)+1,1))-1)+IF('Standard Profiles'!$G$18=$B$10,7,0)+IF('Standard Profiles'!$G$18=$B$17,14,0)+IF('Standard Profiles'!$G$18=$B$24,21,0),MOD($C6350,24)+1)/SUM(INDEX($D$3:$AA$30,INDEX(Jesper!$R$2:$R$366,ROW(INDEX(Jesper!AH$2:AH$366,ROUNDDOWN($C6350/24,0)+1,1))-1)+IF('Standard Profiles'!$G$18=$B$10,7,0)+IF('Standard Profiles'!$G$18=$B$17,14,0)+IF('Standard Profiles'!$G$18=$B$24,21,0),0)),0)</f>
        <v>5.2967854954157847</v>
      </c>
      <c r="E6350" cm="1">
        <f t="array" ref="E6350">IFERROR(INDEX(Jesper!AI$2:AI$366,ROUNDDOWN($C6350/24,0)+1,1)*INDEX($D$3:$AA$30,INDEX(Jesper!$R$2:$R$366,ROW(INDEX(Jesper!AI$2:AI$366,ROUNDDOWN($C6350/24,0)+1,1))-1)+IF('Standard Profiles'!$G$19=$B$10,7,0)+IF('Standard Profiles'!$G$19=$B$17,14,0)+IF('Standard Profiles'!$G$19=$B$24,21,0),MOD($C6350,24)+1)/SUM(INDEX($D$3:$AA$30,INDEX(Jesper!$R$2:$R$366,ROW(INDEX(Jesper!AI$2:AI$366,ROUNDDOWN($C6350/24,0)+1,1))-1)+IF('Standard Profiles'!$G$19=$B$10,7,0)+IF('Standard Profiles'!$G$19=$B$17,14,0)+IF('Standard Profiles'!$G$19=$B$24,21,0),0)),0)</f>
        <v>2.1753047114109321</v>
      </c>
      <c r="F6350" cm="1">
        <f t="array" ref="F6350">IFERROR(INDEX(Jesper!AJ$2:AJ$366,ROUNDDOWN($C6350/24,0)+1,1)*INDEX($D$3:$AA$30,INDEX(Jesper!$R$2:$R$366,ROW(INDEX(Jesper!AJ$2:AJ$366,ROUNDDOWN($C6350/24,0)+1,1))-1)+IF('Standard Profiles'!$G$20=$B$10,7,0)+IF('Standard Profiles'!$G$20=$B$17,14,0)+IF('Standard Profiles'!$G$20=$B$24,21,0),MOD($C6350,24)+1)/SUM(INDEX($D$3:$AA$30,INDEX(Jesper!$R$2:$R$366,ROW(INDEX(Jesper!AJ$2:AJ$366,ROUNDDOWN($C6350/24,0)+1,1))-1)+IF('Standard Profiles'!$G$20=$B$10,7,0)+IF('Standard Profiles'!$G$20=$B$17,14,0)+IF('Standard Profiles'!$G$20=$B$24,21,0),0)),0)</f>
        <v>0</v>
      </c>
      <c r="G6350" cm="1">
        <f t="array" ref="G6350">IFERROR(INDEX(Jesper!AK$2:AK$366,ROUNDDOWN($C6350/24,0)+1,1)*INDEX($D$3:$AA$30,INDEX(Jesper!$R$2:$R$366,ROW(INDEX(Jesper!AK$2:AK$366,ROUNDDOWN($C6350/24,0)+1,1))-1)+IF('Standard Profiles'!$G$21=$B$10,7,0)+IF('Standard Profiles'!$G$21=$B$17,14,0)+IF('Standard Profiles'!$G$21=$B$24,21,0),MOD($C6350,24)+1)/SUM(INDEX($D$3:$AA$30,INDEX(Jesper!$R$2:$R$366,ROW(INDEX(Jesper!AK$2:AK$366,ROUNDDOWN($C6350/24,0)+1,1))-1)+IF('Standard Profiles'!$G$21=$B$10,7,0)+IF('Standard Profiles'!$G$21=$B$17,14,0)+IF('Standard Profiles'!$G$21=$B$24,21,0),0)),0)</f>
        <v>9.3462553021988526E-2</v>
      </c>
      <c r="H6350" cm="1">
        <f t="array" ref="H6350">IFERROR(INDEX(Jesper!AL$2:AL$366,ROUNDDOWN($C6350/24,0)+1,1)*INDEX($D$3:$AA$30,INDEX(Jesper!$R$2:$R$366,ROW(INDEX(Jesper!AL$2:AL$366,ROUNDDOWN($C6350/24,0)+1,1))-1)+IF('Standard Profiles'!$G$22=$B$10,7,0)+IF('Standard Profiles'!$G$22=$B$17,14,0)+IF('Standard Profiles'!$G$22=$B$24,21,0),MOD($C6350,24)+1)/SUM(INDEX($D$3:$AA$30,INDEX(Jesper!$R$2:$R$366,ROW(INDEX(Jesper!AL$2:AL$366,ROUNDDOWN($C6350/24,0)+1,1))-1)+IF('Standard Profiles'!$G$22=$B$10,7,0)+IF('Standard Profiles'!$G$22=$B$17,14,0)+IF('Standard Profiles'!$G$22=$B$24,21,0),0)),0)</f>
        <v>0</v>
      </c>
      <c r="I6350">
        <f t="shared" si="706"/>
        <v>4.4862025450554469E-2</v>
      </c>
      <c r="J6350">
        <f t="shared" si="707"/>
        <v>6.6732050551316249</v>
      </c>
      <c r="K6350">
        <f t="shared" si="708"/>
        <v>0.56499045284435045</v>
      </c>
      <c r="L6350">
        <f t="shared" si="709"/>
        <v>0.28249522642217523</v>
      </c>
      <c r="M6350">
        <f t="shared" si="710"/>
        <v>0</v>
      </c>
      <c r="N6350" s="45">
        <f t="shared" si="711"/>
        <v>45190.166666651348</v>
      </c>
    </row>
    <row r="6351" spans="2:14" x14ac:dyDescent="0.25">
      <c r="B6351">
        <f t="shared" si="705"/>
        <v>4</v>
      </c>
      <c r="C6351" s="16">
        <v>6317</v>
      </c>
      <c r="D6351" cm="1">
        <f t="array" ref="D6351">IFERROR(INDEX(Jesper!AH$2:AH$366,ROUNDDOWN($C6351/24,0)+1,1)*INDEX($D$3:$AA$30,INDEX(Jesper!$R$2:$R$366,ROW(INDEX(Jesper!AH$2:AH$366,ROUNDDOWN($C6351/24,0)+1,1))-1)+IF('Standard Profiles'!$G$18=$B$10,7,0)+IF('Standard Profiles'!$G$18=$B$17,14,0)+IF('Standard Profiles'!$G$18=$B$24,21,0),MOD($C6351,24)+1)/SUM(INDEX($D$3:$AA$30,INDEX(Jesper!$R$2:$R$366,ROW(INDEX(Jesper!AH$2:AH$366,ROUNDDOWN($C6351/24,0)+1,1))-1)+IF('Standard Profiles'!$G$18=$B$10,7,0)+IF('Standard Profiles'!$G$18=$B$17,14,0)+IF('Standard Profiles'!$G$18=$B$24,21,0),0)),0)</f>
        <v>5.2967854954157847</v>
      </c>
      <c r="E6351" cm="1">
        <f t="array" ref="E6351">IFERROR(INDEX(Jesper!AI$2:AI$366,ROUNDDOWN($C6351/24,0)+1,1)*INDEX($D$3:$AA$30,INDEX(Jesper!$R$2:$R$366,ROW(INDEX(Jesper!AI$2:AI$366,ROUNDDOWN($C6351/24,0)+1,1))-1)+IF('Standard Profiles'!$G$19=$B$10,7,0)+IF('Standard Profiles'!$G$19=$B$17,14,0)+IF('Standard Profiles'!$G$19=$B$24,21,0),MOD($C6351,24)+1)/SUM(INDEX($D$3:$AA$30,INDEX(Jesper!$R$2:$R$366,ROW(INDEX(Jesper!AI$2:AI$366,ROUNDDOWN($C6351/24,0)+1,1))-1)+IF('Standard Profiles'!$G$19=$B$10,7,0)+IF('Standard Profiles'!$G$19=$B$17,14,0)+IF('Standard Profiles'!$G$19=$B$24,21,0),0)),0)</f>
        <v>2.1753047114109321</v>
      </c>
      <c r="F6351" cm="1">
        <f t="array" ref="F6351">IFERROR(INDEX(Jesper!AJ$2:AJ$366,ROUNDDOWN($C6351/24,0)+1,1)*INDEX($D$3:$AA$30,INDEX(Jesper!$R$2:$R$366,ROW(INDEX(Jesper!AJ$2:AJ$366,ROUNDDOWN($C6351/24,0)+1,1))-1)+IF('Standard Profiles'!$G$20=$B$10,7,0)+IF('Standard Profiles'!$G$20=$B$17,14,0)+IF('Standard Profiles'!$G$20=$B$24,21,0),MOD($C6351,24)+1)/SUM(INDEX($D$3:$AA$30,INDEX(Jesper!$R$2:$R$366,ROW(INDEX(Jesper!AJ$2:AJ$366,ROUNDDOWN($C6351/24,0)+1,1))-1)+IF('Standard Profiles'!$G$20=$B$10,7,0)+IF('Standard Profiles'!$G$20=$B$17,14,0)+IF('Standard Profiles'!$G$20=$B$24,21,0),0)),0)</f>
        <v>0</v>
      </c>
      <c r="G6351" cm="1">
        <f t="array" ref="G6351">IFERROR(INDEX(Jesper!AK$2:AK$366,ROUNDDOWN($C6351/24,0)+1,1)*INDEX($D$3:$AA$30,INDEX(Jesper!$R$2:$R$366,ROW(INDEX(Jesper!AK$2:AK$366,ROUNDDOWN($C6351/24,0)+1,1))-1)+IF('Standard Profiles'!$G$21=$B$10,7,0)+IF('Standard Profiles'!$G$21=$B$17,14,0)+IF('Standard Profiles'!$G$21=$B$24,21,0),MOD($C6351,24)+1)/SUM(INDEX($D$3:$AA$30,INDEX(Jesper!$R$2:$R$366,ROW(INDEX(Jesper!AK$2:AK$366,ROUNDDOWN($C6351/24,0)+1,1))-1)+IF('Standard Profiles'!$G$21=$B$10,7,0)+IF('Standard Profiles'!$G$21=$B$17,14,0)+IF('Standard Profiles'!$G$21=$B$24,21,0),0)),0)</f>
        <v>9.3462553021988526E-2</v>
      </c>
      <c r="H6351" cm="1">
        <f t="array" ref="H6351">IFERROR(INDEX(Jesper!AL$2:AL$366,ROUNDDOWN($C6351/24,0)+1,1)*INDEX($D$3:$AA$30,INDEX(Jesper!$R$2:$R$366,ROW(INDEX(Jesper!AL$2:AL$366,ROUNDDOWN($C6351/24,0)+1,1))-1)+IF('Standard Profiles'!$G$22=$B$10,7,0)+IF('Standard Profiles'!$G$22=$B$17,14,0)+IF('Standard Profiles'!$G$22=$B$24,21,0),MOD($C6351,24)+1)/SUM(INDEX($D$3:$AA$30,INDEX(Jesper!$R$2:$R$366,ROW(INDEX(Jesper!AL$2:AL$366,ROUNDDOWN($C6351/24,0)+1,1))-1)+IF('Standard Profiles'!$G$22=$B$10,7,0)+IF('Standard Profiles'!$G$22=$B$17,14,0)+IF('Standard Profiles'!$G$22=$B$24,21,0),0)),0)</f>
        <v>0</v>
      </c>
      <c r="I6351">
        <f t="shared" si="706"/>
        <v>4.4862025450554469E-2</v>
      </c>
      <c r="J6351">
        <f t="shared" si="707"/>
        <v>6.6732050551316249</v>
      </c>
      <c r="K6351">
        <f t="shared" si="708"/>
        <v>0.56499045284435045</v>
      </c>
      <c r="L6351">
        <f t="shared" si="709"/>
        <v>0.28249522642217523</v>
      </c>
      <c r="M6351">
        <f t="shared" si="710"/>
        <v>0</v>
      </c>
      <c r="N6351" s="45">
        <f t="shared" si="711"/>
        <v>45190.208333318013</v>
      </c>
    </row>
    <row r="6352" spans="2:14" x14ac:dyDescent="0.25">
      <c r="B6352">
        <f t="shared" si="705"/>
        <v>4</v>
      </c>
      <c r="C6352" s="16">
        <v>6318</v>
      </c>
      <c r="D6352" cm="1">
        <f t="array" ref="D6352">IFERROR(INDEX(Jesper!AH$2:AH$366,ROUNDDOWN($C6352/24,0)+1,1)*INDEX($D$3:$AA$30,INDEX(Jesper!$R$2:$R$366,ROW(INDEX(Jesper!AH$2:AH$366,ROUNDDOWN($C6352/24,0)+1,1))-1)+IF('Standard Profiles'!$G$18=$B$10,7,0)+IF('Standard Profiles'!$G$18=$B$17,14,0)+IF('Standard Profiles'!$G$18=$B$24,21,0),MOD($C6352,24)+1)/SUM(INDEX($D$3:$AA$30,INDEX(Jesper!$R$2:$R$366,ROW(INDEX(Jesper!AH$2:AH$366,ROUNDDOWN($C6352/24,0)+1,1))-1)+IF('Standard Profiles'!$G$18=$B$10,7,0)+IF('Standard Profiles'!$G$18=$B$17,14,0)+IF('Standard Profiles'!$G$18=$B$24,21,0),0)),0)</f>
        <v>5.2967854954157847</v>
      </c>
      <c r="E6352" cm="1">
        <f t="array" ref="E6352">IFERROR(INDEX(Jesper!AI$2:AI$366,ROUNDDOWN($C6352/24,0)+1,1)*INDEX($D$3:$AA$30,INDEX(Jesper!$R$2:$R$366,ROW(INDEX(Jesper!AI$2:AI$366,ROUNDDOWN($C6352/24,0)+1,1))-1)+IF('Standard Profiles'!$G$19=$B$10,7,0)+IF('Standard Profiles'!$G$19=$B$17,14,0)+IF('Standard Profiles'!$G$19=$B$24,21,0),MOD($C6352,24)+1)/SUM(INDEX($D$3:$AA$30,INDEX(Jesper!$R$2:$R$366,ROW(INDEX(Jesper!AI$2:AI$366,ROUNDDOWN($C6352/24,0)+1,1))-1)+IF('Standard Profiles'!$G$19=$B$10,7,0)+IF('Standard Profiles'!$G$19=$B$17,14,0)+IF('Standard Profiles'!$G$19=$B$24,21,0),0)),0)</f>
        <v>2.1753047114109321</v>
      </c>
      <c r="F6352" cm="1">
        <f t="array" ref="F6352">IFERROR(INDEX(Jesper!AJ$2:AJ$366,ROUNDDOWN($C6352/24,0)+1,1)*INDEX($D$3:$AA$30,INDEX(Jesper!$R$2:$R$366,ROW(INDEX(Jesper!AJ$2:AJ$366,ROUNDDOWN($C6352/24,0)+1,1))-1)+IF('Standard Profiles'!$G$20=$B$10,7,0)+IF('Standard Profiles'!$G$20=$B$17,14,0)+IF('Standard Profiles'!$G$20=$B$24,21,0),MOD($C6352,24)+1)/SUM(INDEX($D$3:$AA$30,INDEX(Jesper!$R$2:$R$366,ROW(INDEX(Jesper!AJ$2:AJ$366,ROUNDDOWN($C6352/24,0)+1,1))-1)+IF('Standard Profiles'!$G$20=$B$10,7,0)+IF('Standard Profiles'!$G$20=$B$17,14,0)+IF('Standard Profiles'!$G$20=$B$24,21,0),0)),0)</f>
        <v>0</v>
      </c>
      <c r="G6352" cm="1">
        <f t="array" ref="G6352">IFERROR(INDEX(Jesper!AK$2:AK$366,ROUNDDOWN($C6352/24,0)+1,1)*INDEX($D$3:$AA$30,INDEX(Jesper!$R$2:$R$366,ROW(INDEX(Jesper!AK$2:AK$366,ROUNDDOWN($C6352/24,0)+1,1))-1)+IF('Standard Profiles'!$G$21=$B$10,7,0)+IF('Standard Profiles'!$G$21=$B$17,14,0)+IF('Standard Profiles'!$G$21=$B$24,21,0),MOD($C6352,24)+1)/SUM(INDEX($D$3:$AA$30,INDEX(Jesper!$R$2:$R$366,ROW(INDEX(Jesper!AK$2:AK$366,ROUNDDOWN($C6352/24,0)+1,1))-1)+IF('Standard Profiles'!$G$21=$B$10,7,0)+IF('Standard Profiles'!$G$21=$B$17,14,0)+IF('Standard Profiles'!$G$21=$B$24,21,0),0)),0)</f>
        <v>9.3462553021988526E-2</v>
      </c>
      <c r="H6352" cm="1">
        <f t="array" ref="H6352">IFERROR(INDEX(Jesper!AL$2:AL$366,ROUNDDOWN($C6352/24,0)+1,1)*INDEX($D$3:$AA$30,INDEX(Jesper!$R$2:$R$366,ROW(INDEX(Jesper!AL$2:AL$366,ROUNDDOWN($C6352/24,0)+1,1))-1)+IF('Standard Profiles'!$G$22=$B$10,7,0)+IF('Standard Profiles'!$G$22=$B$17,14,0)+IF('Standard Profiles'!$G$22=$B$24,21,0),MOD($C6352,24)+1)/SUM(INDEX($D$3:$AA$30,INDEX(Jesper!$R$2:$R$366,ROW(INDEX(Jesper!AL$2:AL$366,ROUNDDOWN($C6352/24,0)+1,1))-1)+IF('Standard Profiles'!$G$22=$B$10,7,0)+IF('Standard Profiles'!$G$22=$B$17,14,0)+IF('Standard Profiles'!$G$22=$B$24,21,0),0)),0)</f>
        <v>0</v>
      </c>
      <c r="I6352">
        <f t="shared" si="706"/>
        <v>4.4862025450554469E-2</v>
      </c>
      <c r="J6352">
        <f t="shared" si="707"/>
        <v>6.6732050551316249</v>
      </c>
      <c r="K6352">
        <f t="shared" si="708"/>
        <v>0.56499045284435045</v>
      </c>
      <c r="L6352">
        <f t="shared" si="709"/>
        <v>0.28249522642217523</v>
      </c>
      <c r="M6352">
        <f t="shared" si="710"/>
        <v>0</v>
      </c>
      <c r="N6352" s="45">
        <f t="shared" si="711"/>
        <v>45190.249999984677</v>
      </c>
    </row>
    <row r="6353" spans="2:14" x14ac:dyDescent="0.25">
      <c r="B6353">
        <f t="shared" si="705"/>
        <v>4</v>
      </c>
      <c r="C6353" s="16">
        <v>6319</v>
      </c>
      <c r="D6353" cm="1">
        <f t="array" ref="D6353">IFERROR(INDEX(Jesper!AH$2:AH$366,ROUNDDOWN($C6353/24,0)+1,1)*INDEX($D$3:$AA$30,INDEX(Jesper!$R$2:$R$366,ROW(INDEX(Jesper!AH$2:AH$366,ROUNDDOWN($C6353/24,0)+1,1))-1)+IF('Standard Profiles'!$G$18=$B$10,7,0)+IF('Standard Profiles'!$G$18=$B$17,14,0)+IF('Standard Profiles'!$G$18=$B$24,21,0),MOD($C6353,24)+1)/SUM(INDEX($D$3:$AA$30,INDEX(Jesper!$R$2:$R$366,ROW(INDEX(Jesper!AH$2:AH$366,ROUNDDOWN($C6353/24,0)+1,1))-1)+IF('Standard Profiles'!$G$18=$B$10,7,0)+IF('Standard Profiles'!$G$18=$B$17,14,0)+IF('Standard Profiles'!$G$18=$B$24,21,0),0)),0)</f>
        <v>21.652617070654223</v>
      </c>
      <c r="E6353" cm="1">
        <f t="array" ref="E6353">IFERROR(INDEX(Jesper!AI$2:AI$366,ROUNDDOWN($C6353/24,0)+1,1)*INDEX($D$3:$AA$30,INDEX(Jesper!$R$2:$R$366,ROW(INDEX(Jesper!AI$2:AI$366,ROUNDDOWN($C6353/24,0)+1,1))-1)+IF('Standard Profiles'!$G$19=$B$10,7,0)+IF('Standard Profiles'!$G$19=$B$17,14,0)+IF('Standard Profiles'!$G$19=$B$24,21,0),MOD($C6353,24)+1)/SUM(INDEX($D$3:$AA$30,INDEX(Jesper!$R$2:$R$366,ROW(INDEX(Jesper!AI$2:AI$366,ROUNDDOWN($C6353/24,0)+1,1))-1)+IF('Standard Profiles'!$G$19=$B$10,7,0)+IF('Standard Profiles'!$G$19=$B$17,14,0)+IF('Standard Profiles'!$G$19=$B$24,21,0),0)),0)</f>
        <v>8.8923819869495375</v>
      </c>
      <c r="F6353" cm="1">
        <f t="array" ref="F6353">IFERROR(INDEX(Jesper!AJ$2:AJ$366,ROUNDDOWN($C6353/24,0)+1,1)*INDEX($D$3:$AA$30,INDEX(Jesper!$R$2:$R$366,ROW(INDEX(Jesper!AJ$2:AJ$366,ROUNDDOWN($C6353/24,0)+1,1))-1)+IF('Standard Profiles'!$G$20=$B$10,7,0)+IF('Standard Profiles'!$G$20=$B$17,14,0)+IF('Standard Profiles'!$G$20=$B$24,21,0),MOD($C6353,24)+1)/SUM(INDEX($D$3:$AA$30,INDEX(Jesper!$R$2:$R$366,ROW(INDEX(Jesper!AJ$2:AJ$366,ROUNDDOWN($C6353/24,0)+1,1))-1)+IF('Standard Profiles'!$G$20=$B$10,7,0)+IF('Standard Profiles'!$G$20=$B$17,14,0)+IF('Standard Profiles'!$G$20=$B$24,21,0),0)),0)</f>
        <v>0</v>
      </c>
      <c r="G6353" cm="1">
        <f t="array" ref="G6353">IFERROR(INDEX(Jesper!AK$2:AK$366,ROUNDDOWN($C6353/24,0)+1,1)*INDEX($D$3:$AA$30,INDEX(Jesper!$R$2:$R$366,ROW(INDEX(Jesper!AK$2:AK$366,ROUNDDOWN($C6353/24,0)+1,1))-1)+IF('Standard Profiles'!$G$21=$B$10,7,0)+IF('Standard Profiles'!$G$21=$B$17,14,0)+IF('Standard Profiles'!$G$21=$B$24,21,0),MOD($C6353,24)+1)/SUM(INDEX($D$3:$AA$30,INDEX(Jesper!$R$2:$R$366,ROW(INDEX(Jesper!AK$2:AK$366,ROUNDDOWN($C6353/24,0)+1,1))-1)+IF('Standard Profiles'!$G$21=$B$10,7,0)+IF('Standard Profiles'!$G$21=$B$17,14,0)+IF('Standard Profiles'!$G$21=$B$24,21,0),0)),0)</f>
        <v>0.25748933357557835</v>
      </c>
      <c r="H6353" cm="1">
        <f t="array" ref="H6353">IFERROR(INDEX(Jesper!AL$2:AL$366,ROUNDDOWN($C6353/24,0)+1,1)*INDEX($D$3:$AA$30,INDEX(Jesper!$R$2:$R$366,ROW(INDEX(Jesper!AL$2:AL$366,ROUNDDOWN($C6353/24,0)+1,1))-1)+IF('Standard Profiles'!$G$22=$B$10,7,0)+IF('Standard Profiles'!$G$22=$B$17,14,0)+IF('Standard Profiles'!$G$22=$B$24,21,0),MOD($C6353,24)+1)/SUM(INDEX($D$3:$AA$30,INDEX(Jesper!$R$2:$R$366,ROW(INDEX(Jesper!AL$2:AL$366,ROUNDDOWN($C6353/24,0)+1,1))-1)+IF('Standard Profiles'!$G$22=$B$10,7,0)+IF('Standard Profiles'!$G$22=$B$17,14,0)+IF('Standard Profiles'!$G$22=$B$24,21,0),0)),0)</f>
        <v>0</v>
      </c>
      <c r="I6353">
        <f t="shared" si="706"/>
        <v>0.12359488011627755</v>
      </c>
      <c r="J6353">
        <f t="shared" si="707"/>
        <v>27.214474779758387</v>
      </c>
      <c r="K6353">
        <f t="shared" si="708"/>
        <v>2.3096124875364508</v>
      </c>
      <c r="L6353">
        <f t="shared" si="709"/>
        <v>1.1548062437682254</v>
      </c>
      <c r="M6353">
        <f t="shared" si="710"/>
        <v>0</v>
      </c>
      <c r="N6353" s="45">
        <f t="shared" si="711"/>
        <v>45190.291666651341</v>
      </c>
    </row>
    <row r="6354" spans="2:14" x14ac:dyDescent="0.25">
      <c r="B6354">
        <f t="shared" si="705"/>
        <v>4</v>
      </c>
      <c r="C6354" s="16">
        <v>6320</v>
      </c>
      <c r="D6354" cm="1">
        <f t="array" ref="D6354">IFERROR(INDEX(Jesper!AH$2:AH$366,ROUNDDOWN($C6354/24,0)+1,1)*INDEX($D$3:$AA$30,INDEX(Jesper!$R$2:$R$366,ROW(INDEX(Jesper!AH$2:AH$366,ROUNDDOWN($C6354/24,0)+1,1))-1)+IF('Standard Profiles'!$G$18=$B$10,7,0)+IF('Standard Profiles'!$G$18=$B$17,14,0)+IF('Standard Profiles'!$G$18=$B$24,21,0),MOD($C6354,24)+1)/SUM(INDEX($D$3:$AA$30,INDEX(Jesper!$R$2:$R$366,ROW(INDEX(Jesper!AH$2:AH$366,ROUNDDOWN($C6354/24,0)+1,1))-1)+IF('Standard Profiles'!$G$18=$B$10,7,0)+IF('Standard Profiles'!$G$18=$B$17,14,0)+IF('Standard Profiles'!$G$18=$B$24,21,0),0)),0)</f>
        <v>24.159762205151026</v>
      </c>
      <c r="E6354" cm="1">
        <f t="array" ref="E6354">IFERROR(INDEX(Jesper!AI$2:AI$366,ROUNDDOWN($C6354/24,0)+1,1)*INDEX($D$3:$AA$30,INDEX(Jesper!$R$2:$R$366,ROW(INDEX(Jesper!AI$2:AI$366,ROUNDDOWN($C6354/24,0)+1,1))-1)+IF('Standard Profiles'!$G$19=$B$10,7,0)+IF('Standard Profiles'!$G$19=$B$17,14,0)+IF('Standard Profiles'!$G$19=$B$24,21,0),MOD($C6354,24)+1)/SUM(INDEX($D$3:$AA$30,INDEX(Jesper!$R$2:$R$366,ROW(INDEX(Jesper!AI$2:AI$366,ROUNDDOWN($C6354/24,0)+1,1))-1)+IF('Standard Profiles'!$G$19=$B$10,7,0)+IF('Standard Profiles'!$G$19=$B$17,14,0)+IF('Standard Profiles'!$G$19=$B$24,21,0),0)),0)</f>
        <v>9.922026217017379</v>
      </c>
      <c r="F6354" cm="1">
        <f t="array" ref="F6354">IFERROR(INDEX(Jesper!AJ$2:AJ$366,ROUNDDOWN($C6354/24,0)+1,1)*INDEX($D$3:$AA$30,INDEX(Jesper!$R$2:$R$366,ROW(INDEX(Jesper!AJ$2:AJ$366,ROUNDDOWN($C6354/24,0)+1,1))-1)+IF('Standard Profiles'!$G$20=$B$10,7,0)+IF('Standard Profiles'!$G$20=$B$17,14,0)+IF('Standard Profiles'!$G$20=$B$24,21,0),MOD($C6354,24)+1)/SUM(INDEX($D$3:$AA$30,INDEX(Jesper!$R$2:$R$366,ROW(INDEX(Jesper!AJ$2:AJ$366,ROUNDDOWN($C6354/24,0)+1,1))-1)+IF('Standard Profiles'!$G$20=$B$10,7,0)+IF('Standard Profiles'!$G$20=$B$17,14,0)+IF('Standard Profiles'!$G$20=$B$24,21,0),0)),0)</f>
        <v>0</v>
      </c>
      <c r="G6354" cm="1">
        <f t="array" ref="G6354">IFERROR(INDEX(Jesper!AK$2:AK$366,ROUNDDOWN($C6354/24,0)+1,1)*INDEX($D$3:$AA$30,INDEX(Jesper!$R$2:$R$366,ROW(INDEX(Jesper!AK$2:AK$366,ROUNDDOWN($C6354/24,0)+1,1))-1)+IF('Standard Profiles'!$G$21=$B$10,7,0)+IF('Standard Profiles'!$G$21=$B$17,14,0)+IF('Standard Profiles'!$G$21=$B$24,21,0),MOD($C6354,24)+1)/SUM(INDEX($D$3:$AA$30,INDEX(Jesper!$R$2:$R$366,ROW(INDEX(Jesper!AK$2:AK$366,ROUNDDOWN($C6354/24,0)+1,1))-1)+IF('Standard Profiles'!$G$21=$B$10,7,0)+IF('Standard Profiles'!$G$21=$B$17,14,0)+IF('Standard Profiles'!$G$21=$B$24,21,0),0)),0)</f>
        <v>0.28730388798959272</v>
      </c>
      <c r="H6354" cm="1">
        <f t="array" ref="H6354">IFERROR(INDEX(Jesper!AL$2:AL$366,ROUNDDOWN($C6354/24,0)+1,1)*INDEX($D$3:$AA$30,INDEX(Jesper!$R$2:$R$366,ROW(INDEX(Jesper!AL$2:AL$366,ROUNDDOWN($C6354/24,0)+1,1))-1)+IF('Standard Profiles'!$G$22=$B$10,7,0)+IF('Standard Profiles'!$G$22=$B$17,14,0)+IF('Standard Profiles'!$G$22=$B$24,21,0),MOD($C6354,24)+1)/SUM(INDEX($D$3:$AA$30,INDEX(Jesper!$R$2:$R$366,ROW(INDEX(Jesper!AL$2:AL$366,ROUNDDOWN($C6354/24,0)+1,1))-1)+IF('Standard Profiles'!$G$22=$B$10,7,0)+IF('Standard Profiles'!$G$22=$B$17,14,0)+IF('Standard Profiles'!$G$22=$B$24,21,0),0)),0)</f>
        <v>0</v>
      </c>
      <c r="I6354">
        <f t="shared" si="706"/>
        <v>0.13790586623500445</v>
      </c>
      <c r="J6354">
        <f t="shared" si="707"/>
        <v>30.365624491098828</v>
      </c>
      <c r="K6354">
        <f t="shared" si="708"/>
        <v>2.577041301882776</v>
      </c>
      <c r="L6354">
        <f t="shared" si="709"/>
        <v>1.288520650941388</v>
      </c>
      <c r="M6354">
        <f t="shared" si="710"/>
        <v>0</v>
      </c>
      <c r="N6354" s="45">
        <f t="shared" si="711"/>
        <v>45190.333333318005</v>
      </c>
    </row>
    <row r="6355" spans="2:14" x14ac:dyDescent="0.25">
      <c r="B6355">
        <f t="shared" si="705"/>
        <v>4</v>
      </c>
      <c r="C6355" s="16">
        <v>6321</v>
      </c>
      <c r="D6355" cm="1">
        <f t="array" ref="D6355">IFERROR(INDEX(Jesper!AH$2:AH$366,ROUNDDOWN($C6355/24,0)+1,1)*INDEX($D$3:$AA$30,INDEX(Jesper!$R$2:$R$366,ROW(INDEX(Jesper!AH$2:AH$366,ROUNDDOWN($C6355/24,0)+1,1))-1)+IF('Standard Profiles'!$G$18=$B$10,7,0)+IF('Standard Profiles'!$G$18=$B$17,14,0)+IF('Standard Profiles'!$G$18=$B$24,21,0),MOD($C6355,24)+1)/SUM(INDEX($D$3:$AA$30,INDEX(Jesper!$R$2:$R$366,ROW(INDEX(Jesper!AH$2:AH$366,ROUNDDOWN($C6355/24,0)+1,1))-1)+IF('Standard Profiles'!$G$18=$B$10,7,0)+IF('Standard Profiles'!$G$18=$B$17,14,0)+IF('Standard Profiles'!$G$18=$B$24,21,0),0)),0)</f>
        <v>26.666907339647832</v>
      </c>
      <c r="E6355" cm="1">
        <f t="array" ref="E6355">IFERROR(INDEX(Jesper!AI$2:AI$366,ROUNDDOWN($C6355/24,0)+1,1)*INDEX($D$3:$AA$30,INDEX(Jesper!$R$2:$R$366,ROW(INDEX(Jesper!AI$2:AI$366,ROUNDDOWN($C6355/24,0)+1,1))-1)+IF('Standard Profiles'!$G$19=$B$10,7,0)+IF('Standard Profiles'!$G$19=$B$17,14,0)+IF('Standard Profiles'!$G$19=$B$24,21,0),MOD($C6355,24)+1)/SUM(INDEX($D$3:$AA$30,INDEX(Jesper!$R$2:$R$366,ROW(INDEX(Jesper!AI$2:AI$366,ROUNDDOWN($C6355/24,0)+1,1))-1)+IF('Standard Profiles'!$G$19=$B$10,7,0)+IF('Standard Profiles'!$G$19=$B$17,14,0)+IF('Standard Profiles'!$G$19=$B$24,21,0),0)),0)</f>
        <v>10.951670447085222</v>
      </c>
      <c r="F6355" cm="1">
        <f t="array" ref="F6355">IFERROR(INDEX(Jesper!AJ$2:AJ$366,ROUNDDOWN($C6355/24,0)+1,1)*INDEX($D$3:$AA$30,INDEX(Jesper!$R$2:$R$366,ROW(INDEX(Jesper!AJ$2:AJ$366,ROUNDDOWN($C6355/24,0)+1,1))-1)+IF('Standard Profiles'!$G$20=$B$10,7,0)+IF('Standard Profiles'!$G$20=$B$17,14,0)+IF('Standard Profiles'!$G$20=$B$24,21,0),MOD($C6355,24)+1)/SUM(INDEX($D$3:$AA$30,INDEX(Jesper!$R$2:$R$366,ROW(INDEX(Jesper!AJ$2:AJ$366,ROUNDDOWN($C6355/24,0)+1,1))-1)+IF('Standard Profiles'!$G$20=$B$10,7,0)+IF('Standard Profiles'!$G$20=$B$17,14,0)+IF('Standard Profiles'!$G$20=$B$24,21,0),0)),0)</f>
        <v>0</v>
      </c>
      <c r="G6355" cm="1">
        <f t="array" ref="G6355">IFERROR(INDEX(Jesper!AK$2:AK$366,ROUNDDOWN($C6355/24,0)+1,1)*INDEX($D$3:$AA$30,INDEX(Jesper!$R$2:$R$366,ROW(INDEX(Jesper!AK$2:AK$366,ROUNDDOWN($C6355/24,0)+1,1))-1)+IF('Standard Profiles'!$G$21=$B$10,7,0)+IF('Standard Profiles'!$G$21=$B$17,14,0)+IF('Standard Profiles'!$G$21=$B$24,21,0),MOD($C6355,24)+1)/SUM(INDEX($D$3:$AA$30,INDEX(Jesper!$R$2:$R$366,ROW(INDEX(Jesper!AK$2:AK$366,ROUNDDOWN($C6355/24,0)+1,1))-1)+IF('Standard Profiles'!$G$21=$B$10,7,0)+IF('Standard Profiles'!$G$21=$B$17,14,0)+IF('Standard Profiles'!$G$21=$B$24,21,0),0)),0)</f>
        <v>0.31711844240360704</v>
      </c>
      <c r="H6355" cm="1">
        <f t="array" ref="H6355">IFERROR(INDEX(Jesper!AL$2:AL$366,ROUNDDOWN($C6355/24,0)+1,1)*INDEX($D$3:$AA$30,INDEX(Jesper!$R$2:$R$366,ROW(INDEX(Jesper!AL$2:AL$366,ROUNDDOWN($C6355/24,0)+1,1))-1)+IF('Standard Profiles'!$G$22=$B$10,7,0)+IF('Standard Profiles'!$G$22=$B$17,14,0)+IF('Standard Profiles'!$G$22=$B$24,21,0),MOD($C6355,24)+1)/SUM(INDEX($D$3:$AA$30,INDEX(Jesper!$R$2:$R$366,ROW(INDEX(Jesper!AL$2:AL$366,ROUNDDOWN($C6355/24,0)+1,1))-1)+IF('Standard Profiles'!$G$22=$B$10,7,0)+IF('Standard Profiles'!$G$22=$B$17,14,0)+IF('Standard Profiles'!$G$22=$B$24,21,0),0)),0)</f>
        <v>0</v>
      </c>
      <c r="I6355">
        <f t="shared" si="706"/>
        <v>0.15221685235373131</v>
      </c>
      <c r="J6355">
        <f t="shared" si="707"/>
        <v>33.516774202439272</v>
      </c>
      <c r="K6355">
        <f t="shared" si="708"/>
        <v>2.8444701162291022</v>
      </c>
      <c r="L6355">
        <f t="shared" si="709"/>
        <v>1.4222350581145511</v>
      </c>
      <c r="M6355">
        <f t="shared" si="710"/>
        <v>0</v>
      </c>
      <c r="N6355" s="45">
        <f t="shared" si="711"/>
        <v>45190.37499998467</v>
      </c>
    </row>
    <row r="6356" spans="2:14" x14ac:dyDescent="0.25">
      <c r="B6356">
        <f t="shared" si="705"/>
        <v>4</v>
      </c>
      <c r="C6356" s="16">
        <v>6322</v>
      </c>
      <c r="D6356" cm="1">
        <f t="array" ref="D6356">IFERROR(INDEX(Jesper!AH$2:AH$366,ROUNDDOWN($C6356/24,0)+1,1)*INDEX($D$3:$AA$30,INDEX(Jesper!$R$2:$R$366,ROW(INDEX(Jesper!AH$2:AH$366,ROUNDDOWN($C6356/24,0)+1,1))-1)+IF('Standard Profiles'!$G$18=$B$10,7,0)+IF('Standard Profiles'!$G$18=$B$17,14,0)+IF('Standard Profiles'!$G$18=$B$24,21,0),MOD($C6356,24)+1)/SUM(INDEX($D$3:$AA$30,INDEX(Jesper!$R$2:$R$366,ROW(INDEX(Jesper!AH$2:AH$366,ROUNDDOWN($C6356/24,0)+1,1))-1)+IF('Standard Profiles'!$G$18=$B$10,7,0)+IF('Standard Profiles'!$G$18=$B$17,14,0)+IF('Standard Profiles'!$G$18=$B$24,21,0),0)),0)</f>
        <v>26.666907339647832</v>
      </c>
      <c r="E6356" cm="1">
        <f t="array" ref="E6356">IFERROR(INDEX(Jesper!AI$2:AI$366,ROUNDDOWN($C6356/24,0)+1,1)*INDEX($D$3:$AA$30,INDEX(Jesper!$R$2:$R$366,ROW(INDEX(Jesper!AI$2:AI$366,ROUNDDOWN($C6356/24,0)+1,1))-1)+IF('Standard Profiles'!$G$19=$B$10,7,0)+IF('Standard Profiles'!$G$19=$B$17,14,0)+IF('Standard Profiles'!$G$19=$B$24,21,0),MOD($C6356,24)+1)/SUM(INDEX($D$3:$AA$30,INDEX(Jesper!$R$2:$R$366,ROW(INDEX(Jesper!AI$2:AI$366,ROUNDDOWN($C6356/24,0)+1,1))-1)+IF('Standard Profiles'!$G$19=$B$10,7,0)+IF('Standard Profiles'!$G$19=$B$17,14,0)+IF('Standard Profiles'!$G$19=$B$24,21,0),0)),0)</f>
        <v>10.951670447085222</v>
      </c>
      <c r="F6356" cm="1">
        <f t="array" ref="F6356">IFERROR(INDEX(Jesper!AJ$2:AJ$366,ROUNDDOWN($C6356/24,0)+1,1)*INDEX($D$3:$AA$30,INDEX(Jesper!$R$2:$R$366,ROW(INDEX(Jesper!AJ$2:AJ$366,ROUNDDOWN($C6356/24,0)+1,1))-1)+IF('Standard Profiles'!$G$20=$B$10,7,0)+IF('Standard Profiles'!$G$20=$B$17,14,0)+IF('Standard Profiles'!$G$20=$B$24,21,0),MOD($C6356,24)+1)/SUM(INDEX($D$3:$AA$30,INDEX(Jesper!$R$2:$R$366,ROW(INDEX(Jesper!AJ$2:AJ$366,ROUNDDOWN($C6356/24,0)+1,1))-1)+IF('Standard Profiles'!$G$20=$B$10,7,0)+IF('Standard Profiles'!$G$20=$B$17,14,0)+IF('Standard Profiles'!$G$20=$B$24,21,0),0)),0)</f>
        <v>0</v>
      </c>
      <c r="G6356" cm="1">
        <f t="array" ref="G6356">IFERROR(INDEX(Jesper!AK$2:AK$366,ROUNDDOWN($C6356/24,0)+1,1)*INDEX($D$3:$AA$30,INDEX(Jesper!$R$2:$R$366,ROW(INDEX(Jesper!AK$2:AK$366,ROUNDDOWN($C6356/24,0)+1,1))-1)+IF('Standard Profiles'!$G$21=$B$10,7,0)+IF('Standard Profiles'!$G$21=$B$17,14,0)+IF('Standard Profiles'!$G$21=$B$24,21,0),MOD($C6356,24)+1)/SUM(INDEX($D$3:$AA$30,INDEX(Jesper!$R$2:$R$366,ROW(INDEX(Jesper!AK$2:AK$366,ROUNDDOWN($C6356/24,0)+1,1))-1)+IF('Standard Profiles'!$G$21=$B$10,7,0)+IF('Standard Profiles'!$G$21=$B$17,14,0)+IF('Standard Profiles'!$G$21=$B$24,21,0),0)),0)</f>
        <v>0.31711844240360704</v>
      </c>
      <c r="H6356" cm="1">
        <f t="array" ref="H6356">IFERROR(INDEX(Jesper!AL$2:AL$366,ROUNDDOWN($C6356/24,0)+1,1)*INDEX($D$3:$AA$30,INDEX(Jesper!$R$2:$R$366,ROW(INDEX(Jesper!AL$2:AL$366,ROUNDDOWN($C6356/24,0)+1,1))-1)+IF('Standard Profiles'!$G$22=$B$10,7,0)+IF('Standard Profiles'!$G$22=$B$17,14,0)+IF('Standard Profiles'!$G$22=$B$24,21,0),MOD($C6356,24)+1)/SUM(INDEX($D$3:$AA$30,INDEX(Jesper!$R$2:$R$366,ROW(INDEX(Jesper!AL$2:AL$366,ROUNDDOWN($C6356/24,0)+1,1))-1)+IF('Standard Profiles'!$G$22=$B$10,7,0)+IF('Standard Profiles'!$G$22=$B$17,14,0)+IF('Standard Profiles'!$G$22=$B$24,21,0),0)),0)</f>
        <v>0</v>
      </c>
      <c r="I6356">
        <f t="shared" si="706"/>
        <v>0.15221685235373131</v>
      </c>
      <c r="J6356">
        <f t="shared" si="707"/>
        <v>33.516774202439272</v>
      </c>
      <c r="K6356">
        <f t="shared" si="708"/>
        <v>2.8444701162291022</v>
      </c>
      <c r="L6356">
        <f t="shared" si="709"/>
        <v>1.4222350581145511</v>
      </c>
      <c r="M6356">
        <f t="shared" si="710"/>
        <v>0</v>
      </c>
      <c r="N6356" s="45">
        <f t="shared" si="711"/>
        <v>45190.416666651334</v>
      </c>
    </row>
    <row r="6357" spans="2:14" x14ac:dyDescent="0.25">
      <c r="B6357">
        <f t="shared" si="705"/>
        <v>4</v>
      </c>
      <c r="C6357" s="16">
        <v>6323</v>
      </c>
      <c r="D6357" cm="1">
        <f t="array" ref="D6357">IFERROR(INDEX(Jesper!AH$2:AH$366,ROUNDDOWN($C6357/24,0)+1,1)*INDEX($D$3:$AA$30,INDEX(Jesper!$R$2:$R$366,ROW(INDEX(Jesper!AH$2:AH$366,ROUNDDOWN($C6357/24,0)+1,1))-1)+IF('Standard Profiles'!$G$18=$B$10,7,0)+IF('Standard Profiles'!$G$18=$B$17,14,0)+IF('Standard Profiles'!$G$18=$B$24,21,0),MOD($C6357,24)+1)/SUM(INDEX($D$3:$AA$30,INDEX(Jesper!$R$2:$R$366,ROW(INDEX(Jesper!AH$2:AH$366,ROUNDDOWN($C6357/24,0)+1,1))-1)+IF('Standard Profiles'!$G$18=$B$10,7,0)+IF('Standard Profiles'!$G$18=$B$17,14,0)+IF('Standard Profiles'!$G$18=$B$24,21,0),0)),0)</f>
        <v>31.909119893595697</v>
      </c>
      <c r="E6357" cm="1">
        <f t="array" ref="E6357">IFERROR(INDEX(Jesper!AI$2:AI$366,ROUNDDOWN($C6357/24,0)+1,1)*INDEX($D$3:$AA$30,INDEX(Jesper!$R$2:$R$366,ROW(INDEX(Jesper!AI$2:AI$366,ROUNDDOWN($C6357/24,0)+1,1))-1)+IF('Standard Profiles'!$G$19=$B$10,7,0)+IF('Standard Profiles'!$G$19=$B$17,14,0)+IF('Standard Profiles'!$G$19=$B$24,21,0),MOD($C6357,24)+1)/SUM(INDEX($D$3:$AA$30,INDEX(Jesper!$R$2:$R$366,ROW(INDEX(Jesper!AI$2:AI$366,ROUNDDOWN($C6357/24,0)+1,1))-1)+IF('Standard Profiles'!$G$19=$B$10,7,0)+IF('Standard Profiles'!$G$19=$B$17,14,0)+IF('Standard Profiles'!$G$19=$B$24,21,0),0)),0)</f>
        <v>13.104562928136161</v>
      </c>
      <c r="F6357" cm="1">
        <f t="array" ref="F6357">IFERROR(INDEX(Jesper!AJ$2:AJ$366,ROUNDDOWN($C6357/24,0)+1,1)*INDEX($D$3:$AA$30,INDEX(Jesper!$R$2:$R$366,ROW(INDEX(Jesper!AJ$2:AJ$366,ROUNDDOWN($C6357/24,0)+1,1))-1)+IF('Standard Profiles'!$G$20=$B$10,7,0)+IF('Standard Profiles'!$G$20=$B$17,14,0)+IF('Standard Profiles'!$G$20=$B$24,21,0),MOD($C6357,24)+1)/SUM(INDEX($D$3:$AA$30,INDEX(Jesper!$R$2:$R$366,ROW(INDEX(Jesper!AJ$2:AJ$366,ROUNDDOWN($C6357/24,0)+1,1))-1)+IF('Standard Profiles'!$G$20=$B$10,7,0)+IF('Standard Profiles'!$G$20=$B$17,14,0)+IF('Standard Profiles'!$G$20=$B$24,21,0),0)),0)</f>
        <v>0</v>
      </c>
      <c r="G6357" cm="1">
        <f t="array" ref="G6357">IFERROR(INDEX(Jesper!AK$2:AK$366,ROUNDDOWN($C6357/24,0)+1,1)*INDEX($D$3:$AA$30,INDEX(Jesper!$R$2:$R$366,ROW(INDEX(Jesper!AK$2:AK$366,ROUNDDOWN($C6357/24,0)+1,1))-1)+IF('Standard Profiles'!$G$21=$B$10,7,0)+IF('Standard Profiles'!$G$21=$B$17,14,0)+IF('Standard Profiles'!$G$21=$B$24,21,0),MOD($C6357,24)+1)/SUM(INDEX($D$3:$AA$30,INDEX(Jesper!$R$2:$R$366,ROW(INDEX(Jesper!AK$2:AK$366,ROUNDDOWN($C6357/24,0)+1,1))-1)+IF('Standard Profiles'!$G$21=$B$10,7,0)+IF('Standard Profiles'!$G$21=$B$17,14,0)+IF('Standard Profiles'!$G$21=$B$24,21,0),0)),0)</f>
        <v>0.37945796526927333</v>
      </c>
      <c r="H6357" cm="1">
        <f t="array" ref="H6357">IFERROR(INDEX(Jesper!AL$2:AL$366,ROUNDDOWN($C6357/24,0)+1,1)*INDEX($D$3:$AA$30,INDEX(Jesper!$R$2:$R$366,ROW(INDEX(Jesper!AL$2:AL$366,ROUNDDOWN($C6357/24,0)+1,1))-1)+IF('Standard Profiles'!$G$22=$B$10,7,0)+IF('Standard Profiles'!$G$22=$B$17,14,0)+IF('Standard Profiles'!$G$22=$B$24,21,0),MOD($C6357,24)+1)/SUM(INDEX($D$3:$AA$30,INDEX(Jesper!$R$2:$R$366,ROW(INDEX(Jesper!AL$2:AL$366,ROUNDDOWN($C6357/24,0)+1,1))-1)+IF('Standard Profiles'!$G$22=$B$10,7,0)+IF('Standard Profiles'!$G$22=$B$17,14,0)+IF('Standard Profiles'!$G$22=$B$24,21,0),0)),0)</f>
        <v>0</v>
      </c>
      <c r="I6357">
        <f t="shared" si="706"/>
        <v>0.1821398233292511</v>
      </c>
      <c r="J6357">
        <f t="shared" si="707"/>
        <v>40.105541780696569</v>
      </c>
      <c r="K6357">
        <f t="shared" si="708"/>
        <v>3.4036394553168745</v>
      </c>
      <c r="L6357">
        <f t="shared" si="709"/>
        <v>1.7018197276584373</v>
      </c>
      <c r="M6357">
        <f t="shared" si="710"/>
        <v>0</v>
      </c>
      <c r="N6357" s="45">
        <f t="shared" si="711"/>
        <v>45190.458333317998</v>
      </c>
    </row>
    <row r="6358" spans="2:14" x14ac:dyDescent="0.25">
      <c r="B6358">
        <f t="shared" si="705"/>
        <v>4</v>
      </c>
      <c r="C6358" s="16">
        <v>6324</v>
      </c>
      <c r="D6358" cm="1">
        <f t="array" ref="D6358">IFERROR(INDEX(Jesper!AH$2:AH$366,ROUNDDOWN($C6358/24,0)+1,1)*INDEX($D$3:$AA$30,INDEX(Jesper!$R$2:$R$366,ROW(INDEX(Jesper!AH$2:AH$366,ROUNDDOWN($C6358/24,0)+1,1))-1)+IF('Standard Profiles'!$G$18=$B$10,7,0)+IF('Standard Profiles'!$G$18=$B$17,14,0)+IF('Standard Profiles'!$G$18=$B$24,21,0),MOD($C6358,24)+1)/SUM(INDEX($D$3:$AA$30,INDEX(Jesper!$R$2:$R$366,ROW(INDEX(Jesper!AH$2:AH$366,ROUNDDOWN($C6358/24,0)+1,1))-1)+IF('Standard Profiles'!$G$18=$B$10,7,0)+IF('Standard Profiles'!$G$18=$B$17,14,0)+IF('Standard Profiles'!$G$18=$B$24,21,0),0)),0)</f>
        <v>31.909119893595697</v>
      </c>
      <c r="E6358" cm="1">
        <f t="array" ref="E6358">IFERROR(INDEX(Jesper!AI$2:AI$366,ROUNDDOWN($C6358/24,0)+1,1)*INDEX($D$3:$AA$30,INDEX(Jesper!$R$2:$R$366,ROW(INDEX(Jesper!AI$2:AI$366,ROUNDDOWN($C6358/24,0)+1,1))-1)+IF('Standard Profiles'!$G$19=$B$10,7,0)+IF('Standard Profiles'!$G$19=$B$17,14,0)+IF('Standard Profiles'!$G$19=$B$24,21,0),MOD($C6358,24)+1)/SUM(INDEX($D$3:$AA$30,INDEX(Jesper!$R$2:$R$366,ROW(INDEX(Jesper!AI$2:AI$366,ROUNDDOWN($C6358/24,0)+1,1))-1)+IF('Standard Profiles'!$G$19=$B$10,7,0)+IF('Standard Profiles'!$G$19=$B$17,14,0)+IF('Standard Profiles'!$G$19=$B$24,21,0),0)),0)</f>
        <v>13.104562928136161</v>
      </c>
      <c r="F6358" cm="1">
        <f t="array" ref="F6358">IFERROR(INDEX(Jesper!AJ$2:AJ$366,ROUNDDOWN($C6358/24,0)+1,1)*INDEX($D$3:$AA$30,INDEX(Jesper!$R$2:$R$366,ROW(INDEX(Jesper!AJ$2:AJ$366,ROUNDDOWN($C6358/24,0)+1,1))-1)+IF('Standard Profiles'!$G$20=$B$10,7,0)+IF('Standard Profiles'!$G$20=$B$17,14,0)+IF('Standard Profiles'!$G$20=$B$24,21,0),MOD($C6358,24)+1)/SUM(INDEX($D$3:$AA$30,INDEX(Jesper!$R$2:$R$366,ROW(INDEX(Jesper!AJ$2:AJ$366,ROUNDDOWN($C6358/24,0)+1,1))-1)+IF('Standard Profiles'!$G$20=$B$10,7,0)+IF('Standard Profiles'!$G$20=$B$17,14,0)+IF('Standard Profiles'!$G$20=$B$24,21,0),0)),0)</f>
        <v>0</v>
      </c>
      <c r="G6358" cm="1">
        <f t="array" ref="G6358">IFERROR(INDEX(Jesper!AK$2:AK$366,ROUNDDOWN($C6358/24,0)+1,1)*INDEX($D$3:$AA$30,INDEX(Jesper!$R$2:$R$366,ROW(INDEX(Jesper!AK$2:AK$366,ROUNDDOWN($C6358/24,0)+1,1))-1)+IF('Standard Profiles'!$G$21=$B$10,7,0)+IF('Standard Profiles'!$G$21=$B$17,14,0)+IF('Standard Profiles'!$G$21=$B$24,21,0),MOD($C6358,24)+1)/SUM(INDEX($D$3:$AA$30,INDEX(Jesper!$R$2:$R$366,ROW(INDEX(Jesper!AK$2:AK$366,ROUNDDOWN($C6358/24,0)+1,1))-1)+IF('Standard Profiles'!$G$21=$B$10,7,0)+IF('Standard Profiles'!$G$21=$B$17,14,0)+IF('Standard Profiles'!$G$21=$B$24,21,0),0)),0)</f>
        <v>0.37945796526927333</v>
      </c>
      <c r="H6358" cm="1">
        <f t="array" ref="H6358">IFERROR(INDEX(Jesper!AL$2:AL$366,ROUNDDOWN($C6358/24,0)+1,1)*INDEX($D$3:$AA$30,INDEX(Jesper!$R$2:$R$366,ROW(INDEX(Jesper!AL$2:AL$366,ROUNDDOWN($C6358/24,0)+1,1))-1)+IF('Standard Profiles'!$G$22=$B$10,7,0)+IF('Standard Profiles'!$G$22=$B$17,14,0)+IF('Standard Profiles'!$G$22=$B$24,21,0),MOD($C6358,24)+1)/SUM(INDEX($D$3:$AA$30,INDEX(Jesper!$R$2:$R$366,ROW(INDEX(Jesper!AL$2:AL$366,ROUNDDOWN($C6358/24,0)+1,1))-1)+IF('Standard Profiles'!$G$22=$B$10,7,0)+IF('Standard Profiles'!$G$22=$B$17,14,0)+IF('Standard Profiles'!$G$22=$B$24,21,0),0)),0)</f>
        <v>0</v>
      </c>
      <c r="I6358">
        <f t="shared" si="706"/>
        <v>0.1821398233292511</v>
      </c>
      <c r="J6358">
        <f t="shared" si="707"/>
        <v>40.105541780696569</v>
      </c>
      <c r="K6358">
        <f t="shared" si="708"/>
        <v>3.4036394553168745</v>
      </c>
      <c r="L6358">
        <f t="shared" si="709"/>
        <v>1.7018197276584373</v>
      </c>
      <c r="M6358">
        <f t="shared" si="710"/>
        <v>0</v>
      </c>
      <c r="N6358" s="45">
        <f t="shared" si="711"/>
        <v>45190.499999984662</v>
      </c>
    </row>
    <row r="6359" spans="2:14" x14ac:dyDescent="0.25">
      <c r="B6359">
        <f t="shared" si="705"/>
        <v>4</v>
      </c>
      <c r="C6359" s="16">
        <v>6325</v>
      </c>
      <c r="D6359" cm="1">
        <f t="array" ref="D6359">IFERROR(INDEX(Jesper!AH$2:AH$366,ROUNDDOWN($C6359/24,0)+1,1)*INDEX($D$3:$AA$30,INDEX(Jesper!$R$2:$R$366,ROW(INDEX(Jesper!AH$2:AH$366,ROUNDDOWN($C6359/24,0)+1,1))-1)+IF('Standard Profiles'!$G$18=$B$10,7,0)+IF('Standard Profiles'!$G$18=$B$17,14,0)+IF('Standard Profiles'!$G$18=$B$24,21,0),MOD($C6359,24)+1)/SUM(INDEX($D$3:$AA$30,INDEX(Jesper!$R$2:$R$366,ROW(INDEX(Jesper!AH$2:AH$366,ROUNDDOWN($C6359/24,0)+1,1))-1)+IF('Standard Profiles'!$G$18=$B$10,7,0)+IF('Standard Profiles'!$G$18=$B$17,14,0)+IF('Standard Profiles'!$G$18=$B$24,21,0),0)),0)</f>
        <v>21.196772500745713</v>
      </c>
      <c r="E6359" cm="1">
        <f t="array" ref="E6359">IFERROR(INDEX(Jesper!AI$2:AI$366,ROUNDDOWN($C6359/24,0)+1,1)*INDEX($D$3:$AA$30,INDEX(Jesper!$R$2:$R$366,ROW(INDEX(Jesper!AI$2:AI$366,ROUNDDOWN($C6359/24,0)+1,1))-1)+IF('Standard Profiles'!$G$19=$B$10,7,0)+IF('Standard Profiles'!$G$19=$B$17,14,0)+IF('Standard Profiles'!$G$19=$B$24,21,0),MOD($C6359,24)+1)/SUM(INDEX($D$3:$AA$30,INDEX(Jesper!$R$2:$R$366,ROW(INDEX(Jesper!AI$2:AI$366,ROUNDDOWN($C6359/24,0)+1,1))-1)+IF('Standard Profiles'!$G$19=$B$10,7,0)+IF('Standard Profiles'!$G$19=$B$17,14,0)+IF('Standard Profiles'!$G$19=$B$24,21,0),0)),0)</f>
        <v>8.7051739451190215</v>
      </c>
      <c r="F6359" cm="1">
        <f t="array" ref="F6359">IFERROR(INDEX(Jesper!AJ$2:AJ$366,ROUNDDOWN($C6359/24,0)+1,1)*INDEX($D$3:$AA$30,INDEX(Jesper!$R$2:$R$366,ROW(INDEX(Jesper!AJ$2:AJ$366,ROUNDDOWN($C6359/24,0)+1,1))-1)+IF('Standard Profiles'!$G$20=$B$10,7,0)+IF('Standard Profiles'!$G$20=$B$17,14,0)+IF('Standard Profiles'!$G$20=$B$24,21,0),MOD($C6359,24)+1)/SUM(INDEX($D$3:$AA$30,INDEX(Jesper!$R$2:$R$366,ROW(INDEX(Jesper!AJ$2:AJ$366,ROUNDDOWN($C6359/24,0)+1,1))-1)+IF('Standard Profiles'!$G$20=$B$10,7,0)+IF('Standard Profiles'!$G$20=$B$17,14,0)+IF('Standard Profiles'!$G$20=$B$24,21,0),0)),0)</f>
        <v>0</v>
      </c>
      <c r="G6359" cm="1">
        <f t="array" ref="G6359">IFERROR(INDEX(Jesper!AK$2:AK$366,ROUNDDOWN($C6359/24,0)+1,1)*INDEX($D$3:$AA$30,INDEX(Jesper!$R$2:$R$366,ROW(INDEX(Jesper!AK$2:AK$366,ROUNDDOWN($C6359/24,0)+1,1))-1)+IF('Standard Profiles'!$G$21=$B$10,7,0)+IF('Standard Profiles'!$G$21=$B$17,14,0)+IF('Standard Profiles'!$G$21=$B$24,21,0),MOD($C6359,24)+1)/SUM(INDEX($D$3:$AA$30,INDEX(Jesper!$R$2:$R$366,ROW(INDEX(Jesper!AK$2:AK$366,ROUNDDOWN($C6359/24,0)+1,1))-1)+IF('Standard Profiles'!$G$21=$B$10,7,0)+IF('Standard Profiles'!$G$21=$B$17,14,0)+IF('Standard Profiles'!$G$21=$B$24,21,0),0)),0)</f>
        <v>0.25206850550030302</v>
      </c>
      <c r="H6359" cm="1">
        <f t="array" ref="H6359">IFERROR(INDEX(Jesper!AL$2:AL$366,ROUNDDOWN($C6359/24,0)+1,1)*INDEX($D$3:$AA$30,INDEX(Jesper!$R$2:$R$366,ROW(INDEX(Jesper!AL$2:AL$366,ROUNDDOWN($C6359/24,0)+1,1))-1)+IF('Standard Profiles'!$G$22=$B$10,7,0)+IF('Standard Profiles'!$G$22=$B$17,14,0)+IF('Standard Profiles'!$G$22=$B$24,21,0),MOD($C6359,24)+1)/SUM(INDEX($D$3:$AA$30,INDEX(Jesper!$R$2:$R$366,ROW(INDEX(Jesper!AL$2:AL$366,ROUNDDOWN($C6359/24,0)+1,1))-1)+IF('Standard Profiles'!$G$22=$B$10,7,0)+IF('Standard Profiles'!$G$22=$B$17,14,0)+IF('Standard Profiles'!$G$22=$B$24,21,0),0)),0)</f>
        <v>0</v>
      </c>
      <c r="I6359">
        <f t="shared" si="706"/>
        <v>0.12099288264014539</v>
      </c>
      <c r="J6359">
        <f t="shared" si="707"/>
        <v>26.641538468605578</v>
      </c>
      <c r="K6359">
        <f t="shared" si="708"/>
        <v>2.2609890667462094</v>
      </c>
      <c r="L6359">
        <f t="shared" si="709"/>
        <v>1.1304945333731047</v>
      </c>
      <c r="M6359">
        <f t="shared" si="710"/>
        <v>0</v>
      </c>
      <c r="N6359" s="45">
        <f t="shared" si="711"/>
        <v>45190.541666651327</v>
      </c>
    </row>
    <row r="6360" spans="2:14" x14ac:dyDescent="0.25">
      <c r="B6360">
        <f t="shared" si="705"/>
        <v>4</v>
      </c>
      <c r="C6360" s="16">
        <v>6326</v>
      </c>
      <c r="D6360" cm="1">
        <f t="array" ref="D6360">IFERROR(INDEX(Jesper!AH$2:AH$366,ROUNDDOWN($C6360/24,0)+1,1)*INDEX($D$3:$AA$30,INDEX(Jesper!$R$2:$R$366,ROW(INDEX(Jesper!AH$2:AH$366,ROUNDDOWN($C6360/24,0)+1,1))-1)+IF('Standard Profiles'!$G$18=$B$10,7,0)+IF('Standard Profiles'!$G$18=$B$17,14,0)+IF('Standard Profiles'!$G$18=$B$24,21,0),MOD($C6360,24)+1)/SUM(INDEX($D$3:$AA$30,INDEX(Jesper!$R$2:$R$366,ROW(INDEX(Jesper!AH$2:AH$366,ROUNDDOWN($C6360/24,0)+1,1))-1)+IF('Standard Profiles'!$G$18=$B$10,7,0)+IF('Standard Profiles'!$G$18=$B$17,14,0)+IF('Standard Profiles'!$G$18=$B$24,21,0),0)),0)</f>
        <v>31.909119893595697</v>
      </c>
      <c r="E6360" cm="1">
        <f t="array" ref="E6360">IFERROR(INDEX(Jesper!AI$2:AI$366,ROUNDDOWN($C6360/24,0)+1,1)*INDEX($D$3:$AA$30,INDEX(Jesper!$R$2:$R$366,ROW(INDEX(Jesper!AI$2:AI$366,ROUNDDOWN($C6360/24,0)+1,1))-1)+IF('Standard Profiles'!$G$19=$B$10,7,0)+IF('Standard Profiles'!$G$19=$B$17,14,0)+IF('Standard Profiles'!$G$19=$B$24,21,0),MOD($C6360,24)+1)/SUM(INDEX($D$3:$AA$30,INDEX(Jesper!$R$2:$R$366,ROW(INDEX(Jesper!AI$2:AI$366,ROUNDDOWN($C6360/24,0)+1,1))-1)+IF('Standard Profiles'!$G$19=$B$10,7,0)+IF('Standard Profiles'!$G$19=$B$17,14,0)+IF('Standard Profiles'!$G$19=$B$24,21,0),0)),0)</f>
        <v>13.104562928136161</v>
      </c>
      <c r="F6360" cm="1">
        <f t="array" ref="F6360">IFERROR(INDEX(Jesper!AJ$2:AJ$366,ROUNDDOWN($C6360/24,0)+1,1)*INDEX($D$3:$AA$30,INDEX(Jesper!$R$2:$R$366,ROW(INDEX(Jesper!AJ$2:AJ$366,ROUNDDOWN($C6360/24,0)+1,1))-1)+IF('Standard Profiles'!$G$20=$B$10,7,0)+IF('Standard Profiles'!$G$20=$B$17,14,0)+IF('Standard Profiles'!$G$20=$B$24,21,0),MOD($C6360,24)+1)/SUM(INDEX($D$3:$AA$30,INDEX(Jesper!$R$2:$R$366,ROW(INDEX(Jesper!AJ$2:AJ$366,ROUNDDOWN($C6360/24,0)+1,1))-1)+IF('Standard Profiles'!$G$20=$B$10,7,0)+IF('Standard Profiles'!$G$20=$B$17,14,0)+IF('Standard Profiles'!$G$20=$B$24,21,0),0)),0)</f>
        <v>0</v>
      </c>
      <c r="G6360" cm="1">
        <f t="array" ref="G6360">IFERROR(INDEX(Jesper!AK$2:AK$366,ROUNDDOWN($C6360/24,0)+1,1)*INDEX($D$3:$AA$30,INDEX(Jesper!$R$2:$R$366,ROW(INDEX(Jesper!AK$2:AK$366,ROUNDDOWN($C6360/24,0)+1,1))-1)+IF('Standard Profiles'!$G$21=$B$10,7,0)+IF('Standard Profiles'!$G$21=$B$17,14,0)+IF('Standard Profiles'!$G$21=$B$24,21,0),MOD($C6360,24)+1)/SUM(INDEX($D$3:$AA$30,INDEX(Jesper!$R$2:$R$366,ROW(INDEX(Jesper!AK$2:AK$366,ROUNDDOWN($C6360/24,0)+1,1))-1)+IF('Standard Profiles'!$G$21=$B$10,7,0)+IF('Standard Profiles'!$G$21=$B$17,14,0)+IF('Standard Profiles'!$G$21=$B$24,21,0),0)),0)</f>
        <v>0.37945796526927333</v>
      </c>
      <c r="H6360" cm="1">
        <f t="array" ref="H6360">IFERROR(INDEX(Jesper!AL$2:AL$366,ROUNDDOWN($C6360/24,0)+1,1)*INDEX($D$3:$AA$30,INDEX(Jesper!$R$2:$R$366,ROW(INDEX(Jesper!AL$2:AL$366,ROUNDDOWN($C6360/24,0)+1,1))-1)+IF('Standard Profiles'!$G$22=$B$10,7,0)+IF('Standard Profiles'!$G$22=$B$17,14,0)+IF('Standard Profiles'!$G$22=$B$24,21,0),MOD($C6360,24)+1)/SUM(INDEX($D$3:$AA$30,INDEX(Jesper!$R$2:$R$366,ROW(INDEX(Jesper!AL$2:AL$366,ROUNDDOWN($C6360/24,0)+1,1))-1)+IF('Standard Profiles'!$G$22=$B$10,7,0)+IF('Standard Profiles'!$G$22=$B$17,14,0)+IF('Standard Profiles'!$G$22=$B$24,21,0),0)),0)</f>
        <v>0</v>
      </c>
      <c r="I6360">
        <f t="shared" si="706"/>
        <v>0.1821398233292511</v>
      </c>
      <c r="J6360">
        <f t="shared" si="707"/>
        <v>40.105541780696569</v>
      </c>
      <c r="K6360">
        <f t="shared" si="708"/>
        <v>3.4036394553168745</v>
      </c>
      <c r="L6360">
        <f t="shared" si="709"/>
        <v>1.7018197276584373</v>
      </c>
      <c r="M6360">
        <f t="shared" si="710"/>
        <v>0</v>
      </c>
      <c r="N6360" s="45">
        <f t="shared" si="711"/>
        <v>45190.583333317991</v>
      </c>
    </row>
    <row r="6361" spans="2:14" x14ac:dyDescent="0.25">
      <c r="B6361">
        <f t="shared" si="705"/>
        <v>4</v>
      </c>
      <c r="C6361" s="16">
        <v>6327</v>
      </c>
      <c r="D6361" cm="1">
        <f t="array" ref="D6361">IFERROR(INDEX(Jesper!AH$2:AH$366,ROUNDDOWN($C6361/24,0)+1,1)*INDEX($D$3:$AA$30,INDEX(Jesper!$R$2:$R$366,ROW(INDEX(Jesper!AH$2:AH$366,ROUNDDOWN($C6361/24,0)+1,1))-1)+IF('Standard Profiles'!$G$18=$B$10,7,0)+IF('Standard Profiles'!$G$18=$B$17,14,0)+IF('Standard Profiles'!$G$18=$B$24,21,0),MOD($C6361,24)+1)/SUM(INDEX($D$3:$AA$30,INDEX(Jesper!$R$2:$R$366,ROW(INDEX(Jesper!AH$2:AH$366,ROUNDDOWN($C6361/24,0)+1,1))-1)+IF('Standard Profiles'!$G$18=$B$10,7,0)+IF('Standard Profiles'!$G$18=$B$17,14,0)+IF('Standard Profiles'!$G$18=$B$24,21,0),0)),0)</f>
        <v>31.909119893595697</v>
      </c>
      <c r="E6361" cm="1">
        <f t="array" ref="E6361">IFERROR(INDEX(Jesper!AI$2:AI$366,ROUNDDOWN($C6361/24,0)+1,1)*INDEX($D$3:$AA$30,INDEX(Jesper!$R$2:$R$366,ROW(INDEX(Jesper!AI$2:AI$366,ROUNDDOWN($C6361/24,0)+1,1))-1)+IF('Standard Profiles'!$G$19=$B$10,7,0)+IF('Standard Profiles'!$G$19=$B$17,14,0)+IF('Standard Profiles'!$G$19=$B$24,21,0),MOD($C6361,24)+1)/SUM(INDEX($D$3:$AA$30,INDEX(Jesper!$R$2:$R$366,ROW(INDEX(Jesper!AI$2:AI$366,ROUNDDOWN($C6361/24,0)+1,1))-1)+IF('Standard Profiles'!$G$19=$B$10,7,0)+IF('Standard Profiles'!$G$19=$B$17,14,0)+IF('Standard Profiles'!$G$19=$B$24,21,0),0)),0)</f>
        <v>13.104562928136161</v>
      </c>
      <c r="F6361" cm="1">
        <f t="array" ref="F6361">IFERROR(INDEX(Jesper!AJ$2:AJ$366,ROUNDDOWN($C6361/24,0)+1,1)*INDEX($D$3:$AA$30,INDEX(Jesper!$R$2:$R$366,ROW(INDEX(Jesper!AJ$2:AJ$366,ROUNDDOWN($C6361/24,0)+1,1))-1)+IF('Standard Profiles'!$G$20=$B$10,7,0)+IF('Standard Profiles'!$G$20=$B$17,14,0)+IF('Standard Profiles'!$G$20=$B$24,21,0),MOD($C6361,24)+1)/SUM(INDEX($D$3:$AA$30,INDEX(Jesper!$R$2:$R$366,ROW(INDEX(Jesper!AJ$2:AJ$366,ROUNDDOWN($C6361/24,0)+1,1))-1)+IF('Standard Profiles'!$G$20=$B$10,7,0)+IF('Standard Profiles'!$G$20=$B$17,14,0)+IF('Standard Profiles'!$G$20=$B$24,21,0),0)),0)</f>
        <v>0</v>
      </c>
      <c r="G6361" cm="1">
        <f t="array" ref="G6361">IFERROR(INDEX(Jesper!AK$2:AK$366,ROUNDDOWN($C6361/24,0)+1,1)*INDEX($D$3:$AA$30,INDEX(Jesper!$R$2:$R$366,ROW(INDEX(Jesper!AK$2:AK$366,ROUNDDOWN($C6361/24,0)+1,1))-1)+IF('Standard Profiles'!$G$21=$B$10,7,0)+IF('Standard Profiles'!$G$21=$B$17,14,0)+IF('Standard Profiles'!$G$21=$B$24,21,0),MOD($C6361,24)+1)/SUM(INDEX($D$3:$AA$30,INDEX(Jesper!$R$2:$R$366,ROW(INDEX(Jesper!AK$2:AK$366,ROUNDDOWN($C6361/24,0)+1,1))-1)+IF('Standard Profiles'!$G$21=$B$10,7,0)+IF('Standard Profiles'!$G$21=$B$17,14,0)+IF('Standard Profiles'!$G$21=$B$24,21,0),0)),0)</f>
        <v>0.37945796526927333</v>
      </c>
      <c r="H6361" cm="1">
        <f t="array" ref="H6361">IFERROR(INDEX(Jesper!AL$2:AL$366,ROUNDDOWN($C6361/24,0)+1,1)*INDEX($D$3:$AA$30,INDEX(Jesper!$R$2:$R$366,ROW(INDEX(Jesper!AL$2:AL$366,ROUNDDOWN($C6361/24,0)+1,1))-1)+IF('Standard Profiles'!$G$22=$B$10,7,0)+IF('Standard Profiles'!$G$22=$B$17,14,0)+IF('Standard Profiles'!$G$22=$B$24,21,0),MOD($C6361,24)+1)/SUM(INDEX($D$3:$AA$30,INDEX(Jesper!$R$2:$R$366,ROW(INDEX(Jesper!AL$2:AL$366,ROUNDDOWN($C6361/24,0)+1,1))-1)+IF('Standard Profiles'!$G$22=$B$10,7,0)+IF('Standard Profiles'!$G$22=$B$17,14,0)+IF('Standard Profiles'!$G$22=$B$24,21,0),0)),0)</f>
        <v>0</v>
      </c>
      <c r="I6361">
        <f t="shared" si="706"/>
        <v>0.1821398233292511</v>
      </c>
      <c r="J6361">
        <f t="shared" si="707"/>
        <v>40.105541780696569</v>
      </c>
      <c r="K6361">
        <f t="shared" si="708"/>
        <v>3.4036394553168745</v>
      </c>
      <c r="L6361">
        <f t="shared" si="709"/>
        <v>1.7018197276584373</v>
      </c>
      <c r="M6361">
        <f t="shared" si="710"/>
        <v>0</v>
      </c>
      <c r="N6361" s="45">
        <f t="shared" si="711"/>
        <v>45190.624999984655</v>
      </c>
    </row>
    <row r="6362" spans="2:14" x14ac:dyDescent="0.25">
      <c r="B6362">
        <f t="shared" si="705"/>
        <v>4</v>
      </c>
      <c r="C6362" s="16">
        <v>6328</v>
      </c>
      <c r="D6362" cm="1">
        <f t="array" ref="D6362">IFERROR(INDEX(Jesper!AH$2:AH$366,ROUNDDOWN($C6362/24,0)+1,1)*INDEX($D$3:$AA$30,INDEX(Jesper!$R$2:$R$366,ROW(INDEX(Jesper!AH$2:AH$366,ROUNDDOWN($C6362/24,0)+1,1))-1)+IF('Standard Profiles'!$G$18=$B$10,7,0)+IF('Standard Profiles'!$G$18=$B$17,14,0)+IF('Standard Profiles'!$G$18=$B$24,21,0),MOD($C6362,24)+1)/SUM(INDEX($D$3:$AA$30,INDEX(Jesper!$R$2:$R$366,ROW(INDEX(Jesper!AH$2:AH$366,ROUNDDOWN($C6362/24,0)+1,1))-1)+IF('Standard Profiles'!$G$18=$B$10,7,0)+IF('Standard Profiles'!$G$18=$B$17,14,0)+IF('Standard Profiles'!$G$18=$B$24,21,0),0)),0)</f>
        <v>18.803588508726037</v>
      </c>
      <c r="E6362" cm="1">
        <f t="array" ref="E6362">IFERROR(INDEX(Jesper!AI$2:AI$366,ROUNDDOWN($C6362/24,0)+1,1)*INDEX($D$3:$AA$30,INDEX(Jesper!$R$2:$R$366,ROW(INDEX(Jesper!AI$2:AI$366,ROUNDDOWN($C6362/24,0)+1,1))-1)+IF('Standard Profiles'!$G$19=$B$10,7,0)+IF('Standard Profiles'!$G$19=$B$17,14,0)+IF('Standard Profiles'!$G$19=$B$24,21,0),MOD($C6362,24)+1)/SUM(INDEX($D$3:$AA$30,INDEX(Jesper!$R$2:$R$366,ROW(INDEX(Jesper!AI$2:AI$366,ROUNDDOWN($C6362/24,0)+1,1))-1)+IF('Standard Profiles'!$G$19=$B$10,7,0)+IF('Standard Profiles'!$G$19=$B$17,14,0)+IF('Standard Profiles'!$G$19=$B$24,21,0),0)),0)</f>
        <v>7.7223317255088091</v>
      </c>
      <c r="F6362" cm="1">
        <f t="array" ref="F6362">IFERROR(INDEX(Jesper!AJ$2:AJ$366,ROUNDDOWN($C6362/24,0)+1,1)*INDEX($D$3:$AA$30,INDEX(Jesper!$R$2:$R$366,ROW(INDEX(Jesper!AJ$2:AJ$366,ROUNDDOWN($C6362/24,0)+1,1))-1)+IF('Standard Profiles'!$G$20=$B$10,7,0)+IF('Standard Profiles'!$G$20=$B$17,14,0)+IF('Standard Profiles'!$G$20=$B$24,21,0),MOD($C6362,24)+1)/SUM(INDEX($D$3:$AA$30,INDEX(Jesper!$R$2:$R$366,ROW(INDEX(Jesper!AJ$2:AJ$366,ROUNDDOWN($C6362/24,0)+1,1))-1)+IF('Standard Profiles'!$G$20=$B$10,7,0)+IF('Standard Profiles'!$G$20=$B$17,14,0)+IF('Standard Profiles'!$G$20=$B$24,21,0),0)),0)</f>
        <v>0</v>
      </c>
      <c r="G6362" cm="1">
        <f t="array" ref="G6362">IFERROR(INDEX(Jesper!AK$2:AK$366,ROUNDDOWN($C6362/24,0)+1,1)*INDEX($D$3:$AA$30,INDEX(Jesper!$R$2:$R$366,ROW(INDEX(Jesper!AK$2:AK$366,ROUNDDOWN($C6362/24,0)+1,1))-1)+IF('Standard Profiles'!$G$21=$B$10,7,0)+IF('Standard Profiles'!$G$21=$B$17,14,0)+IF('Standard Profiles'!$G$21=$B$24,21,0),MOD($C6362,24)+1)/SUM(INDEX($D$3:$AA$30,INDEX(Jesper!$R$2:$R$366,ROW(INDEX(Jesper!AK$2:AK$366,ROUNDDOWN($C6362/24,0)+1,1))-1)+IF('Standard Profiles'!$G$21=$B$10,7,0)+IF('Standard Profiles'!$G$21=$B$17,14,0)+IF('Standard Profiles'!$G$21=$B$24,21,0),0)),0)</f>
        <v>0.31707171112709609</v>
      </c>
      <c r="H6362" cm="1">
        <f t="array" ref="H6362">IFERROR(INDEX(Jesper!AL$2:AL$366,ROUNDDOWN($C6362/24,0)+1,1)*INDEX($D$3:$AA$30,INDEX(Jesper!$R$2:$R$366,ROW(INDEX(Jesper!AL$2:AL$366,ROUNDDOWN($C6362/24,0)+1,1))-1)+IF('Standard Profiles'!$G$22=$B$10,7,0)+IF('Standard Profiles'!$G$22=$B$17,14,0)+IF('Standard Profiles'!$G$22=$B$24,21,0),MOD($C6362,24)+1)/SUM(INDEX($D$3:$AA$30,INDEX(Jesper!$R$2:$R$366,ROW(INDEX(Jesper!AL$2:AL$366,ROUNDDOWN($C6362/24,0)+1,1))-1)+IF('Standard Profiles'!$G$22=$B$10,7,0)+IF('Standard Profiles'!$G$22=$B$17,14,0)+IF('Standard Profiles'!$G$22=$B$24,21,0),0)),0)</f>
        <v>0</v>
      </c>
      <c r="I6362">
        <f t="shared" si="706"/>
        <v>0.15219442134100605</v>
      </c>
      <c r="J6362">
        <f t="shared" si="707"/>
        <v>23.682223362624768</v>
      </c>
      <c r="K6362">
        <f t="shared" si="708"/>
        <v>2.0057161075974439</v>
      </c>
      <c r="L6362">
        <f t="shared" si="709"/>
        <v>1.0028580537987219</v>
      </c>
      <c r="M6362">
        <f t="shared" si="710"/>
        <v>0</v>
      </c>
      <c r="N6362" s="45">
        <f t="shared" si="711"/>
        <v>45190.666666651319</v>
      </c>
    </row>
    <row r="6363" spans="2:14" x14ac:dyDescent="0.25">
      <c r="B6363">
        <f t="shared" si="705"/>
        <v>4</v>
      </c>
      <c r="C6363" s="16">
        <v>6329</v>
      </c>
      <c r="D6363" cm="1">
        <f t="array" ref="D6363">IFERROR(INDEX(Jesper!AH$2:AH$366,ROUNDDOWN($C6363/24,0)+1,1)*INDEX($D$3:$AA$30,INDEX(Jesper!$R$2:$R$366,ROW(INDEX(Jesper!AH$2:AH$366,ROUNDDOWN($C6363/24,0)+1,1))-1)+IF('Standard Profiles'!$G$18=$B$10,7,0)+IF('Standard Profiles'!$G$18=$B$17,14,0)+IF('Standard Profiles'!$G$18=$B$24,21,0),MOD($C6363,24)+1)/SUM(INDEX($D$3:$AA$30,INDEX(Jesper!$R$2:$R$366,ROW(INDEX(Jesper!AH$2:AH$366,ROUNDDOWN($C6363/24,0)+1,1))-1)+IF('Standard Profiles'!$G$18=$B$10,7,0)+IF('Standard Profiles'!$G$18=$B$17,14,0)+IF('Standard Profiles'!$G$18=$B$24,21,0),0)),0)</f>
        <v>8.0254325688117962</v>
      </c>
      <c r="E6363" cm="1">
        <f t="array" ref="E6363">IFERROR(INDEX(Jesper!AI$2:AI$366,ROUNDDOWN($C6363/24,0)+1,1)*INDEX($D$3:$AA$30,INDEX(Jesper!$R$2:$R$366,ROW(INDEX(Jesper!AI$2:AI$366,ROUNDDOWN($C6363/24,0)+1,1))-1)+IF('Standard Profiles'!$G$19=$B$10,7,0)+IF('Standard Profiles'!$G$19=$B$17,14,0)+IF('Standard Profiles'!$G$19=$B$24,21,0),MOD($C6363,24)+1)/SUM(INDEX($D$3:$AA$30,INDEX(Jesper!$R$2:$R$366,ROW(INDEX(Jesper!AI$2:AI$366,ROUNDDOWN($C6363/24,0)+1,1))-1)+IF('Standard Profiles'!$G$19=$B$10,7,0)+IF('Standard Profiles'!$G$19=$B$17,14,0)+IF('Standard Profiles'!$G$19=$B$24,21,0),0)),0)</f>
        <v>3.2959162294105036</v>
      </c>
      <c r="F6363" cm="1">
        <f t="array" ref="F6363">IFERROR(INDEX(Jesper!AJ$2:AJ$366,ROUNDDOWN($C6363/24,0)+1,1)*INDEX($D$3:$AA$30,INDEX(Jesper!$R$2:$R$366,ROW(INDEX(Jesper!AJ$2:AJ$366,ROUNDDOWN($C6363/24,0)+1,1))-1)+IF('Standard Profiles'!$G$20=$B$10,7,0)+IF('Standard Profiles'!$G$20=$B$17,14,0)+IF('Standard Profiles'!$G$20=$B$24,21,0),MOD($C6363,24)+1)/SUM(INDEX($D$3:$AA$30,INDEX(Jesper!$R$2:$R$366,ROW(INDEX(Jesper!AJ$2:AJ$366,ROUNDDOWN($C6363/24,0)+1,1))-1)+IF('Standard Profiles'!$G$20=$B$10,7,0)+IF('Standard Profiles'!$G$20=$B$17,14,0)+IF('Standard Profiles'!$G$20=$B$24,21,0),0)),0)</f>
        <v>0</v>
      </c>
      <c r="G6363" cm="1">
        <f t="array" ref="G6363">IFERROR(INDEX(Jesper!AK$2:AK$366,ROUNDDOWN($C6363/24,0)+1,1)*INDEX($D$3:$AA$30,INDEX(Jesper!$R$2:$R$366,ROW(INDEX(Jesper!AK$2:AK$366,ROUNDDOWN($C6363/24,0)+1,1))-1)+IF('Standard Profiles'!$G$21=$B$10,7,0)+IF('Standard Profiles'!$G$21=$B$17,14,0)+IF('Standard Profiles'!$G$21=$B$24,21,0),MOD($C6363,24)+1)/SUM(INDEX($D$3:$AA$30,INDEX(Jesper!$R$2:$R$366,ROW(INDEX(Jesper!AK$2:AK$366,ROUNDDOWN($C6363/24,0)+1,1))-1)+IF('Standard Profiles'!$G$21=$B$10,7,0)+IF('Standard Profiles'!$G$21=$B$17,14,0)+IF('Standard Profiles'!$G$21=$B$24,21,0),0)),0)</f>
        <v>0.25211523677681402</v>
      </c>
      <c r="H6363" cm="1">
        <f t="array" ref="H6363">IFERROR(INDEX(Jesper!AL$2:AL$366,ROUNDDOWN($C6363/24,0)+1,1)*INDEX($D$3:$AA$30,INDEX(Jesper!$R$2:$R$366,ROW(INDEX(Jesper!AL$2:AL$366,ROUNDDOWN($C6363/24,0)+1,1))-1)+IF('Standard Profiles'!$G$22=$B$10,7,0)+IF('Standard Profiles'!$G$22=$B$17,14,0)+IF('Standard Profiles'!$G$22=$B$24,21,0),MOD($C6363,24)+1)/SUM(INDEX($D$3:$AA$30,INDEX(Jesper!$R$2:$R$366,ROW(INDEX(Jesper!AL$2:AL$366,ROUNDDOWN($C6363/24,0)+1,1))-1)+IF('Standard Profiles'!$G$22=$B$10,7,0)+IF('Standard Profiles'!$G$22=$B$17,14,0)+IF('Standard Profiles'!$G$22=$B$24,21,0),0)),0)</f>
        <v>0</v>
      </c>
      <c r="I6363">
        <f t="shared" si="706"/>
        <v>0.12101531365287067</v>
      </c>
      <c r="J6363">
        <f t="shared" si="707"/>
        <v>10.168379510336354</v>
      </c>
      <c r="K6363">
        <f t="shared" si="708"/>
        <v>0.85604614067325835</v>
      </c>
      <c r="L6363">
        <f t="shared" si="709"/>
        <v>0.42802307033662917</v>
      </c>
      <c r="M6363">
        <f t="shared" si="710"/>
        <v>0</v>
      </c>
      <c r="N6363" s="45">
        <f t="shared" si="711"/>
        <v>45190.708333317983</v>
      </c>
    </row>
    <row r="6364" spans="2:14" x14ac:dyDescent="0.25">
      <c r="B6364">
        <f t="shared" si="705"/>
        <v>4</v>
      </c>
      <c r="C6364" s="16">
        <v>6330</v>
      </c>
      <c r="D6364" cm="1">
        <f t="array" ref="D6364">IFERROR(INDEX(Jesper!AH$2:AH$366,ROUNDDOWN($C6364/24,0)+1,1)*INDEX($D$3:$AA$30,INDEX(Jesper!$R$2:$R$366,ROW(INDEX(Jesper!AH$2:AH$366,ROUNDDOWN($C6364/24,0)+1,1))-1)+IF('Standard Profiles'!$G$18=$B$10,7,0)+IF('Standard Profiles'!$G$18=$B$17,14,0)+IF('Standard Profiles'!$G$18=$B$24,21,0),MOD($C6364,24)+1)/SUM(INDEX($D$3:$AA$30,INDEX(Jesper!$R$2:$R$366,ROW(INDEX(Jesper!AH$2:AH$366,ROUNDDOWN($C6364/24,0)+1,1))-1)+IF('Standard Profiles'!$G$18=$B$10,7,0)+IF('Standard Profiles'!$G$18=$B$17,14,0)+IF('Standard Profiles'!$G$18=$B$24,21,0),0)),0)</f>
        <v>5.2967854954157847</v>
      </c>
      <c r="E6364" cm="1">
        <f t="array" ref="E6364">IFERROR(INDEX(Jesper!AI$2:AI$366,ROUNDDOWN($C6364/24,0)+1,1)*INDEX($D$3:$AA$30,INDEX(Jesper!$R$2:$R$366,ROW(INDEX(Jesper!AI$2:AI$366,ROUNDDOWN($C6364/24,0)+1,1))-1)+IF('Standard Profiles'!$G$19=$B$10,7,0)+IF('Standard Profiles'!$G$19=$B$17,14,0)+IF('Standard Profiles'!$G$19=$B$24,21,0),MOD($C6364,24)+1)/SUM(INDEX($D$3:$AA$30,INDEX(Jesper!$R$2:$R$366,ROW(INDEX(Jesper!AI$2:AI$366,ROUNDDOWN($C6364/24,0)+1,1))-1)+IF('Standard Profiles'!$G$19=$B$10,7,0)+IF('Standard Profiles'!$G$19=$B$17,14,0)+IF('Standard Profiles'!$G$19=$B$24,21,0),0)),0)</f>
        <v>2.1753047114109321</v>
      </c>
      <c r="F6364" cm="1">
        <f t="array" ref="F6364">IFERROR(INDEX(Jesper!AJ$2:AJ$366,ROUNDDOWN($C6364/24,0)+1,1)*INDEX($D$3:$AA$30,INDEX(Jesper!$R$2:$R$366,ROW(INDEX(Jesper!AJ$2:AJ$366,ROUNDDOWN($C6364/24,0)+1,1))-1)+IF('Standard Profiles'!$G$20=$B$10,7,0)+IF('Standard Profiles'!$G$20=$B$17,14,0)+IF('Standard Profiles'!$G$20=$B$24,21,0),MOD($C6364,24)+1)/SUM(INDEX($D$3:$AA$30,INDEX(Jesper!$R$2:$R$366,ROW(INDEX(Jesper!AJ$2:AJ$366,ROUNDDOWN($C6364/24,0)+1,1))-1)+IF('Standard Profiles'!$G$20=$B$10,7,0)+IF('Standard Profiles'!$G$20=$B$17,14,0)+IF('Standard Profiles'!$G$20=$B$24,21,0),0)),0)</f>
        <v>0</v>
      </c>
      <c r="G6364" cm="1">
        <f t="array" ref="G6364">IFERROR(INDEX(Jesper!AK$2:AK$366,ROUNDDOWN($C6364/24,0)+1,1)*INDEX($D$3:$AA$30,INDEX(Jesper!$R$2:$R$366,ROW(INDEX(Jesper!AK$2:AK$366,ROUNDDOWN($C6364/24,0)+1,1))-1)+IF('Standard Profiles'!$G$21=$B$10,7,0)+IF('Standard Profiles'!$G$21=$B$17,14,0)+IF('Standard Profiles'!$G$21=$B$24,21,0),MOD($C6364,24)+1)/SUM(INDEX($D$3:$AA$30,INDEX(Jesper!$R$2:$R$366,ROW(INDEX(Jesper!AK$2:AK$366,ROUNDDOWN($C6364/24,0)+1,1))-1)+IF('Standard Profiles'!$G$21=$B$10,7,0)+IF('Standard Profiles'!$G$21=$B$17,14,0)+IF('Standard Profiles'!$G$21=$B$24,21,0),0)),0)</f>
        <v>9.3462553021988526E-2</v>
      </c>
      <c r="H6364" cm="1">
        <f t="array" ref="H6364">IFERROR(INDEX(Jesper!AL$2:AL$366,ROUNDDOWN($C6364/24,0)+1,1)*INDEX($D$3:$AA$30,INDEX(Jesper!$R$2:$R$366,ROW(INDEX(Jesper!AL$2:AL$366,ROUNDDOWN($C6364/24,0)+1,1))-1)+IF('Standard Profiles'!$G$22=$B$10,7,0)+IF('Standard Profiles'!$G$22=$B$17,14,0)+IF('Standard Profiles'!$G$22=$B$24,21,0),MOD($C6364,24)+1)/SUM(INDEX($D$3:$AA$30,INDEX(Jesper!$R$2:$R$366,ROW(INDEX(Jesper!AL$2:AL$366,ROUNDDOWN($C6364/24,0)+1,1))-1)+IF('Standard Profiles'!$G$22=$B$10,7,0)+IF('Standard Profiles'!$G$22=$B$17,14,0)+IF('Standard Profiles'!$G$22=$B$24,21,0),0)),0)</f>
        <v>0</v>
      </c>
      <c r="I6364">
        <f t="shared" si="706"/>
        <v>4.4862025450554469E-2</v>
      </c>
      <c r="J6364">
        <f t="shared" si="707"/>
        <v>6.6732050551316249</v>
      </c>
      <c r="K6364">
        <f t="shared" si="708"/>
        <v>0.56499045284435045</v>
      </c>
      <c r="L6364">
        <f t="shared" si="709"/>
        <v>0.28249522642217523</v>
      </c>
      <c r="M6364">
        <f t="shared" si="710"/>
        <v>0</v>
      </c>
      <c r="N6364" s="45">
        <f t="shared" si="711"/>
        <v>45190.749999984648</v>
      </c>
    </row>
    <row r="6365" spans="2:14" x14ac:dyDescent="0.25">
      <c r="B6365">
        <f t="shared" si="705"/>
        <v>4</v>
      </c>
      <c r="C6365" s="16">
        <v>6331</v>
      </c>
      <c r="D6365" cm="1">
        <f t="array" ref="D6365">IFERROR(INDEX(Jesper!AH$2:AH$366,ROUNDDOWN($C6365/24,0)+1,1)*INDEX($D$3:$AA$30,INDEX(Jesper!$R$2:$R$366,ROW(INDEX(Jesper!AH$2:AH$366,ROUNDDOWN($C6365/24,0)+1,1))-1)+IF('Standard Profiles'!$G$18=$B$10,7,0)+IF('Standard Profiles'!$G$18=$B$17,14,0)+IF('Standard Profiles'!$G$18=$B$24,21,0),MOD($C6365,24)+1)/SUM(INDEX($D$3:$AA$30,INDEX(Jesper!$R$2:$R$366,ROW(INDEX(Jesper!AH$2:AH$366,ROUNDDOWN($C6365/24,0)+1,1))-1)+IF('Standard Profiles'!$G$18=$B$10,7,0)+IF('Standard Profiles'!$G$18=$B$17,14,0)+IF('Standard Profiles'!$G$18=$B$24,21,0),0)),0)</f>
        <v>5.2967854954157847</v>
      </c>
      <c r="E6365" cm="1">
        <f t="array" ref="E6365">IFERROR(INDEX(Jesper!AI$2:AI$366,ROUNDDOWN($C6365/24,0)+1,1)*INDEX($D$3:$AA$30,INDEX(Jesper!$R$2:$R$366,ROW(INDEX(Jesper!AI$2:AI$366,ROUNDDOWN($C6365/24,0)+1,1))-1)+IF('Standard Profiles'!$G$19=$B$10,7,0)+IF('Standard Profiles'!$G$19=$B$17,14,0)+IF('Standard Profiles'!$G$19=$B$24,21,0),MOD($C6365,24)+1)/SUM(INDEX($D$3:$AA$30,INDEX(Jesper!$R$2:$R$366,ROW(INDEX(Jesper!AI$2:AI$366,ROUNDDOWN($C6365/24,0)+1,1))-1)+IF('Standard Profiles'!$G$19=$B$10,7,0)+IF('Standard Profiles'!$G$19=$B$17,14,0)+IF('Standard Profiles'!$G$19=$B$24,21,0),0)),0)</f>
        <v>2.1753047114109321</v>
      </c>
      <c r="F6365" cm="1">
        <f t="array" ref="F6365">IFERROR(INDEX(Jesper!AJ$2:AJ$366,ROUNDDOWN($C6365/24,0)+1,1)*INDEX($D$3:$AA$30,INDEX(Jesper!$R$2:$R$366,ROW(INDEX(Jesper!AJ$2:AJ$366,ROUNDDOWN($C6365/24,0)+1,1))-1)+IF('Standard Profiles'!$G$20=$B$10,7,0)+IF('Standard Profiles'!$G$20=$B$17,14,0)+IF('Standard Profiles'!$G$20=$B$24,21,0),MOD($C6365,24)+1)/SUM(INDEX($D$3:$AA$30,INDEX(Jesper!$R$2:$R$366,ROW(INDEX(Jesper!AJ$2:AJ$366,ROUNDDOWN($C6365/24,0)+1,1))-1)+IF('Standard Profiles'!$G$20=$B$10,7,0)+IF('Standard Profiles'!$G$20=$B$17,14,0)+IF('Standard Profiles'!$G$20=$B$24,21,0),0)),0)</f>
        <v>0</v>
      </c>
      <c r="G6365" cm="1">
        <f t="array" ref="G6365">IFERROR(INDEX(Jesper!AK$2:AK$366,ROUNDDOWN($C6365/24,0)+1,1)*INDEX($D$3:$AA$30,INDEX(Jesper!$R$2:$R$366,ROW(INDEX(Jesper!AK$2:AK$366,ROUNDDOWN($C6365/24,0)+1,1))-1)+IF('Standard Profiles'!$G$21=$B$10,7,0)+IF('Standard Profiles'!$G$21=$B$17,14,0)+IF('Standard Profiles'!$G$21=$B$24,21,0),MOD($C6365,24)+1)/SUM(INDEX($D$3:$AA$30,INDEX(Jesper!$R$2:$R$366,ROW(INDEX(Jesper!AK$2:AK$366,ROUNDDOWN($C6365/24,0)+1,1))-1)+IF('Standard Profiles'!$G$21=$B$10,7,0)+IF('Standard Profiles'!$G$21=$B$17,14,0)+IF('Standard Profiles'!$G$21=$B$24,21,0),0)),0)</f>
        <v>9.3462553021988526E-2</v>
      </c>
      <c r="H6365" cm="1">
        <f t="array" ref="H6365">IFERROR(INDEX(Jesper!AL$2:AL$366,ROUNDDOWN($C6365/24,0)+1,1)*INDEX($D$3:$AA$30,INDEX(Jesper!$R$2:$R$366,ROW(INDEX(Jesper!AL$2:AL$366,ROUNDDOWN($C6365/24,0)+1,1))-1)+IF('Standard Profiles'!$G$22=$B$10,7,0)+IF('Standard Profiles'!$G$22=$B$17,14,0)+IF('Standard Profiles'!$G$22=$B$24,21,0),MOD($C6365,24)+1)/SUM(INDEX($D$3:$AA$30,INDEX(Jesper!$R$2:$R$366,ROW(INDEX(Jesper!AL$2:AL$366,ROUNDDOWN($C6365/24,0)+1,1))-1)+IF('Standard Profiles'!$G$22=$B$10,7,0)+IF('Standard Profiles'!$G$22=$B$17,14,0)+IF('Standard Profiles'!$G$22=$B$24,21,0),0)),0)</f>
        <v>0</v>
      </c>
      <c r="I6365">
        <f t="shared" si="706"/>
        <v>4.4862025450554469E-2</v>
      </c>
      <c r="J6365">
        <f t="shared" si="707"/>
        <v>6.6732050551316249</v>
      </c>
      <c r="K6365">
        <f t="shared" si="708"/>
        <v>0.56499045284435045</v>
      </c>
      <c r="L6365">
        <f t="shared" si="709"/>
        <v>0.28249522642217523</v>
      </c>
      <c r="M6365">
        <f t="shared" si="710"/>
        <v>0</v>
      </c>
      <c r="N6365" s="45">
        <f t="shared" si="711"/>
        <v>45190.791666651312</v>
      </c>
    </row>
    <row r="6366" spans="2:14" x14ac:dyDescent="0.25">
      <c r="B6366">
        <f t="shared" si="705"/>
        <v>4</v>
      </c>
      <c r="C6366" s="16">
        <v>6332</v>
      </c>
      <c r="D6366" cm="1">
        <f t="array" ref="D6366">IFERROR(INDEX(Jesper!AH$2:AH$366,ROUNDDOWN($C6366/24,0)+1,1)*INDEX($D$3:$AA$30,INDEX(Jesper!$R$2:$R$366,ROW(INDEX(Jesper!AH$2:AH$366,ROUNDDOWN($C6366/24,0)+1,1))-1)+IF('Standard Profiles'!$G$18=$B$10,7,0)+IF('Standard Profiles'!$G$18=$B$17,14,0)+IF('Standard Profiles'!$G$18=$B$24,21,0),MOD($C6366,24)+1)/SUM(INDEX($D$3:$AA$30,INDEX(Jesper!$R$2:$R$366,ROW(INDEX(Jesper!AH$2:AH$366,ROUNDDOWN($C6366/24,0)+1,1))-1)+IF('Standard Profiles'!$G$18=$B$10,7,0)+IF('Standard Profiles'!$G$18=$B$17,14,0)+IF('Standard Profiles'!$G$18=$B$24,21,0),0)),0)</f>
        <v>5.2967854954157847</v>
      </c>
      <c r="E6366" cm="1">
        <f t="array" ref="E6366">IFERROR(INDEX(Jesper!AI$2:AI$366,ROUNDDOWN($C6366/24,0)+1,1)*INDEX($D$3:$AA$30,INDEX(Jesper!$R$2:$R$366,ROW(INDEX(Jesper!AI$2:AI$366,ROUNDDOWN($C6366/24,0)+1,1))-1)+IF('Standard Profiles'!$G$19=$B$10,7,0)+IF('Standard Profiles'!$G$19=$B$17,14,0)+IF('Standard Profiles'!$G$19=$B$24,21,0),MOD($C6366,24)+1)/SUM(INDEX($D$3:$AA$30,INDEX(Jesper!$R$2:$R$366,ROW(INDEX(Jesper!AI$2:AI$366,ROUNDDOWN($C6366/24,0)+1,1))-1)+IF('Standard Profiles'!$G$19=$B$10,7,0)+IF('Standard Profiles'!$G$19=$B$17,14,0)+IF('Standard Profiles'!$G$19=$B$24,21,0),0)),0)</f>
        <v>2.1753047114109321</v>
      </c>
      <c r="F6366" cm="1">
        <f t="array" ref="F6366">IFERROR(INDEX(Jesper!AJ$2:AJ$366,ROUNDDOWN($C6366/24,0)+1,1)*INDEX($D$3:$AA$30,INDEX(Jesper!$R$2:$R$366,ROW(INDEX(Jesper!AJ$2:AJ$366,ROUNDDOWN($C6366/24,0)+1,1))-1)+IF('Standard Profiles'!$G$20=$B$10,7,0)+IF('Standard Profiles'!$G$20=$B$17,14,0)+IF('Standard Profiles'!$G$20=$B$24,21,0),MOD($C6366,24)+1)/SUM(INDEX($D$3:$AA$30,INDEX(Jesper!$R$2:$R$366,ROW(INDEX(Jesper!AJ$2:AJ$366,ROUNDDOWN($C6366/24,0)+1,1))-1)+IF('Standard Profiles'!$G$20=$B$10,7,0)+IF('Standard Profiles'!$G$20=$B$17,14,0)+IF('Standard Profiles'!$G$20=$B$24,21,0),0)),0)</f>
        <v>0</v>
      </c>
      <c r="G6366" cm="1">
        <f t="array" ref="G6366">IFERROR(INDEX(Jesper!AK$2:AK$366,ROUNDDOWN($C6366/24,0)+1,1)*INDEX($D$3:$AA$30,INDEX(Jesper!$R$2:$R$366,ROW(INDEX(Jesper!AK$2:AK$366,ROUNDDOWN($C6366/24,0)+1,1))-1)+IF('Standard Profiles'!$G$21=$B$10,7,0)+IF('Standard Profiles'!$G$21=$B$17,14,0)+IF('Standard Profiles'!$G$21=$B$24,21,0),MOD($C6366,24)+1)/SUM(INDEX($D$3:$AA$30,INDEX(Jesper!$R$2:$R$366,ROW(INDEX(Jesper!AK$2:AK$366,ROUNDDOWN($C6366/24,0)+1,1))-1)+IF('Standard Profiles'!$G$21=$B$10,7,0)+IF('Standard Profiles'!$G$21=$B$17,14,0)+IF('Standard Profiles'!$G$21=$B$24,21,0),0)),0)</f>
        <v>9.3462553021988526E-2</v>
      </c>
      <c r="H6366" cm="1">
        <f t="array" ref="H6366">IFERROR(INDEX(Jesper!AL$2:AL$366,ROUNDDOWN($C6366/24,0)+1,1)*INDEX($D$3:$AA$30,INDEX(Jesper!$R$2:$R$366,ROW(INDEX(Jesper!AL$2:AL$366,ROUNDDOWN($C6366/24,0)+1,1))-1)+IF('Standard Profiles'!$G$22=$B$10,7,0)+IF('Standard Profiles'!$G$22=$B$17,14,0)+IF('Standard Profiles'!$G$22=$B$24,21,0),MOD($C6366,24)+1)/SUM(INDEX($D$3:$AA$30,INDEX(Jesper!$R$2:$R$366,ROW(INDEX(Jesper!AL$2:AL$366,ROUNDDOWN($C6366/24,0)+1,1))-1)+IF('Standard Profiles'!$G$22=$B$10,7,0)+IF('Standard Profiles'!$G$22=$B$17,14,0)+IF('Standard Profiles'!$G$22=$B$24,21,0),0)),0)</f>
        <v>0</v>
      </c>
      <c r="I6366">
        <f t="shared" si="706"/>
        <v>4.4862025450554469E-2</v>
      </c>
      <c r="J6366">
        <f t="shared" si="707"/>
        <v>6.6732050551316249</v>
      </c>
      <c r="K6366">
        <f t="shared" si="708"/>
        <v>0.56499045284435045</v>
      </c>
      <c r="L6366">
        <f t="shared" si="709"/>
        <v>0.28249522642217523</v>
      </c>
      <c r="M6366">
        <f t="shared" si="710"/>
        <v>0</v>
      </c>
      <c r="N6366" s="45">
        <f t="shared" si="711"/>
        <v>45190.833333317976</v>
      </c>
    </row>
    <row r="6367" spans="2:14" x14ac:dyDescent="0.25">
      <c r="B6367">
        <f t="shared" si="705"/>
        <v>4</v>
      </c>
      <c r="C6367" s="16">
        <v>6333</v>
      </c>
      <c r="D6367" cm="1">
        <f t="array" ref="D6367">IFERROR(INDEX(Jesper!AH$2:AH$366,ROUNDDOWN($C6367/24,0)+1,1)*INDEX($D$3:$AA$30,INDEX(Jesper!$R$2:$R$366,ROW(INDEX(Jesper!AH$2:AH$366,ROUNDDOWN($C6367/24,0)+1,1))-1)+IF('Standard Profiles'!$G$18=$B$10,7,0)+IF('Standard Profiles'!$G$18=$B$17,14,0)+IF('Standard Profiles'!$G$18=$B$24,21,0),MOD($C6367,24)+1)/SUM(INDEX($D$3:$AA$30,INDEX(Jesper!$R$2:$R$366,ROW(INDEX(Jesper!AH$2:AH$366,ROUNDDOWN($C6367/24,0)+1,1))-1)+IF('Standard Profiles'!$G$18=$B$10,7,0)+IF('Standard Profiles'!$G$18=$B$17,14,0)+IF('Standard Profiles'!$G$18=$B$24,21,0),0)),0)</f>
        <v>5.2967854954157847</v>
      </c>
      <c r="E6367" cm="1">
        <f t="array" ref="E6367">IFERROR(INDEX(Jesper!AI$2:AI$366,ROUNDDOWN($C6367/24,0)+1,1)*INDEX($D$3:$AA$30,INDEX(Jesper!$R$2:$R$366,ROW(INDEX(Jesper!AI$2:AI$366,ROUNDDOWN($C6367/24,0)+1,1))-1)+IF('Standard Profiles'!$G$19=$B$10,7,0)+IF('Standard Profiles'!$G$19=$B$17,14,0)+IF('Standard Profiles'!$G$19=$B$24,21,0),MOD($C6367,24)+1)/SUM(INDEX($D$3:$AA$30,INDEX(Jesper!$R$2:$R$366,ROW(INDEX(Jesper!AI$2:AI$366,ROUNDDOWN($C6367/24,0)+1,1))-1)+IF('Standard Profiles'!$G$19=$B$10,7,0)+IF('Standard Profiles'!$G$19=$B$17,14,0)+IF('Standard Profiles'!$G$19=$B$24,21,0),0)),0)</f>
        <v>2.1753047114109321</v>
      </c>
      <c r="F6367" cm="1">
        <f t="array" ref="F6367">IFERROR(INDEX(Jesper!AJ$2:AJ$366,ROUNDDOWN($C6367/24,0)+1,1)*INDEX($D$3:$AA$30,INDEX(Jesper!$R$2:$R$366,ROW(INDEX(Jesper!AJ$2:AJ$366,ROUNDDOWN($C6367/24,0)+1,1))-1)+IF('Standard Profiles'!$G$20=$B$10,7,0)+IF('Standard Profiles'!$G$20=$B$17,14,0)+IF('Standard Profiles'!$G$20=$B$24,21,0),MOD($C6367,24)+1)/SUM(INDEX($D$3:$AA$30,INDEX(Jesper!$R$2:$R$366,ROW(INDEX(Jesper!AJ$2:AJ$366,ROUNDDOWN($C6367/24,0)+1,1))-1)+IF('Standard Profiles'!$G$20=$B$10,7,0)+IF('Standard Profiles'!$G$20=$B$17,14,0)+IF('Standard Profiles'!$G$20=$B$24,21,0),0)),0)</f>
        <v>0</v>
      </c>
      <c r="G6367" cm="1">
        <f t="array" ref="G6367">IFERROR(INDEX(Jesper!AK$2:AK$366,ROUNDDOWN($C6367/24,0)+1,1)*INDEX($D$3:$AA$30,INDEX(Jesper!$R$2:$R$366,ROW(INDEX(Jesper!AK$2:AK$366,ROUNDDOWN($C6367/24,0)+1,1))-1)+IF('Standard Profiles'!$G$21=$B$10,7,0)+IF('Standard Profiles'!$G$21=$B$17,14,0)+IF('Standard Profiles'!$G$21=$B$24,21,0),MOD($C6367,24)+1)/SUM(INDEX($D$3:$AA$30,INDEX(Jesper!$R$2:$R$366,ROW(INDEX(Jesper!AK$2:AK$366,ROUNDDOWN($C6367/24,0)+1,1))-1)+IF('Standard Profiles'!$G$21=$B$10,7,0)+IF('Standard Profiles'!$G$21=$B$17,14,0)+IF('Standard Profiles'!$G$21=$B$24,21,0),0)),0)</f>
        <v>9.3462553021988526E-2</v>
      </c>
      <c r="H6367" cm="1">
        <f t="array" ref="H6367">IFERROR(INDEX(Jesper!AL$2:AL$366,ROUNDDOWN($C6367/24,0)+1,1)*INDEX($D$3:$AA$30,INDEX(Jesper!$R$2:$R$366,ROW(INDEX(Jesper!AL$2:AL$366,ROUNDDOWN($C6367/24,0)+1,1))-1)+IF('Standard Profiles'!$G$22=$B$10,7,0)+IF('Standard Profiles'!$G$22=$B$17,14,0)+IF('Standard Profiles'!$G$22=$B$24,21,0),MOD($C6367,24)+1)/SUM(INDEX($D$3:$AA$30,INDEX(Jesper!$R$2:$R$366,ROW(INDEX(Jesper!AL$2:AL$366,ROUNDDOWN($C6367/24,0)+1,1))-1)+IF('Standard Profiles'!$G$22=$B$10,7,0)+IF('Standard Profiles'!$G$22=$B$17,14,0)+IF('Standard Profiles'!$G$22=$B$24,21,0),0)),0)</f>
        <v>0</v>
      </c>
      <c r="I6367">
        <f t="shared" si="706"/>
        <v>4.4862025450554469E-2</v>
      </c>
      <c r="J6367">
        <f t="shared" si="707"/>
        <v>6.6732050551316249</v>
      </c>
      <c r="K6367">
        <f t="shared" si="708"/>
        <v>0.56499045284435045</v>
      </c>
      <c r="L6367">
        <f t="shared" si="709"/>
        <v>0.28249522642217523</v>
      </c>
      <c r="M6367">
        <f t="shared" si="710"/>
        <v>0</v>
      </c>
      <c r="N6367" s="45">
        <f t="shared" si="711"/>
        <v>45190.87499998464</v>
      </c>
    </row>
    <row r="6368" spans="2:14" x14ac:dyDescent="0.25">
      <c r="B6368">
        <f t="shared" si="705"/>
        <v>4</v>
      </c>
      <c r="C6368" s="16">
        <v>6334</v>
      </c>
      <c r="D6368" cm="1">
        <f t="array" ref="D6368">IFERROR(INDEX(Jesper!AH$2:AH$366,ROUNDDOWN($C6368/24,0)+1,1)*INDEX($D$3:$AA$30,INDEX(Jesper!$R$2:$R$366,ROW(INDEX(Jesper!AH$2:AH$366,ROUNDDOWN($C6368/24,0)+1,1))-1)+IF('Standard Profiles'!$G$18=$B$10,7,0)+IF('Standard Profiles'!$G$18=$B$17,14,0)+IF('Standard Profiles'!$G$18=$B$24,21,0),MOD($C6368,24)+1)/SUM(INDEX($D$3:$AA$30,INDEX(Jesper!$R$2:$R$366,ROW(INDEX(Jesper!AH$2:AH$366,ROUNDDOWN($C6368/24,0)+1,1))-1)+IF('Standard Profiles'!$G$18=$B$10,7,0)+IF('Standard Profiles'!$G$18=$B$17,14,0)+IF('Standard Profiles'!$G$18=$B$24,21,0),0)),0)</f>
        <v>5.2967854954157847</v>
      </c>
      <c r="E6368" cm="1">
        <f t="array" ref="E6368">IFERROR(INDEX(Jesper!AI$2:AI$366,ROUNDDOWN($C6368/24,0)+1,1)*INDEX($D$3:$AA$30,INDEX(Jesper!$R$2:$R$366,ROW(INDEX(Jesper!AI$2:AI$366,ROUNDDOWN($C6368/24,0)+1,1))-1)+IF('Standard Profiles'!$G$19=$B$10,7,0)+IF('Standard Profiles'!$G$19=$B$17,14,0)+IF('Standard Profiles'!$G$19=$B$24,21,0),MOD($C6368,24)+1)/SUM(INDEX($D$3:$AA$30,INDEX(Jesper!$R$2:$R$366,ROW(INDEX(Jesper!AI$2:AI$366,ROUNDDOWN($C6368/24,0)+1,1))-1)+IF('Standard Profiles'!$G$19=$B$10,7,0)+IF('Standard Profiles'!$G$19=$B$17,14,0)+IF('Standard Profiles'!$G$19=$B$24,21,0),0)),0)</f>
        <v>2.1753047114109321</v>
      </c>
      <c r="F6368" cm="1">
        <f t="array" ref="F6368">IFERROR(INDEX(Jesper!AJ$2:AJ$366,ROUNDDOWN($C6368/24,0)+1,1)*INDEX($D$3:$AA$30,INDEX(Jesper!$R$2:$R$366,ROW(INDEX(Jesper!AJ$2:AJ$366,ROUNDDOWN($C6368/24,0)+1,1))-1)+IF('Standard Profiles'!$G$20=$B$10,7,0)+IF('Standard Profiles'!$G$20=$B$17,14,0)+IF('Standard Profiles'!$G$20=$B$24,21,0),MOD($C6368,24)+1)/SUM(INDEX($D$3:$AA$30,INDEX(Jesper!$R$2:$R$366,ROW(INDEX(Jesper!AJ$2:AJ$366,ROUNDDOWN($C6368/24,0)+1,1))-1)+IF('Standard Profiles'!$G$20=$B$10,7,0)+IF('Standard Profiles'!$G$20=$B$17,14,0)+IF('Standard Profiles'!$G$20=$B$24,21,0),0)),0)</f>
        <v>0</v>
      </c>
      <c r="G6368" cm="1">
        <f t="array" ref="G6368">IFERROR(INDEX(Jesper!AK$2:AK$366,ROUNDDOWN($C6368/24,0)+1,1)*INDEX($D$3:$AA$30,INDEX(Jesper!$R$2:$R$366,ROW(INDEX(Jesper!AK$2:AK$366,ROUNDDOWN($C6368/24,0)+1,1))-1)+IF('Standard Profiles'!$G$21=$B$10,7,0)+IF('Standard Profiles'!$G$21=$B$17,14,0)+IF('Standard Profiles'!$G$21=$B$24,21,0),MOD($C6368,24)+1)/SUM(INDEX($D$3:$AA$30,INDEX(Jesper!$R$2:$R$366,ROW(INDEX(Jesper!AK$2:AK$366,ROUNDDOWN($C6368/24,0)+1,1))-1)+IF('Standard Profiles'!$G$21=$B$10,7,0)+IF('Standard Profiles'!$G$21=$B$17,14,0)+IF('Standard Profiles'!$G$21=$B$24,21,0),0)),0)</f>
        <v>9.3462553021988526E-2</v>
      </c>
      <c r="H6368" cm="1">
        <f t="array" ref="H6368">IFERROR(INDEX(Jesper!AL$2:AL$366,ROUNDDOWN($C6368/24,0)+1,1)*INDEX($D$3:$AA$30,INDEX(Jesper!$R$2:$R$366,ROW(INDEX(Jesper!AL$2:AL$366,ROUNDDOWN($C6368/24,0)+1,1))-1)+IF('Standard Profiles'!$G$22=$B$10,7,0)+IF('Standard Profiles'!$G$22=$B$17,14,0)+IF('Standard Profiles'!$G$22=$B$24,21,0),MOD($C6368,24)+1)/SUM(INDEX($D$3:$AA$30,INDEX(Jesper!$R$2:$R$366,ROW(INDEX(Jesper!AL$2:AL$366,ROUNDDOWN($C6368/24,0)+1,1))-1)+IF('Standard Profiles'!$G$22=$B$10,7,0)+IF('Standard Profiles'!$G$22=$B$17,14,0)+IF('Standard Profiles'!$G$22=$B$24,21,0),0)),0)</f>
        <v>0</v>
      </c>
      <c r="I6368">
        <f t="shared" si="706"/>
        <v>4.4862025450554469E-2</v>
      </c>
      <c r="J6368">
        <f t="shared" si="707"/>
        <v>6.6732050551316249</v>
      </c>
      <c r="K6368">
        <f t="shared" si="708"/>
        <v>0.56499045284435045</v>
      </c>
      <c r="L6368">
        <f t="shared" si="709"/>
        <v>0.28249522642217523</v>
      </c>
      <c r="M6368">
        <f t="shared" si="710"/>
        <v>0</v>
      </c>
      <c r="N6368" s="45">
        <f t="shared" si="711"/>
        <v>45190.916666651305</v>
      </c>
    </row>
    <row r="6369" spans="2:14" x14ac:dyDescent="0.25">
      <c r="B6369">
        <f t="shared" si="705"/>
        <v>4</v>
      </c>
      <c r="C6369" s="16">
        <v>6335</v>
      </c>
      <c r="D6369" cm="1">
        <f t="array" ref="D6369">IFERROR(INDEX(Jesper!AH$2:AH$366,ROUNDDOWN($C6369/24,0)+1,1)*INDEX($D$3:$AA$30,INDEX(Jesper!$R$2:$R$366,ROW(INDEX(Jesper!AH$2:AH$366,ROUNDDOWN($C6369/24,0)+1,1))-1)+IF('Standard Profiles'!$G$18=$B$10,7,0)+IF('Standard Profiles'!$G$18=$B$17,14,0)+IF('Standard Profiles'!$G$18=$B$24,21,0),MOD($C6369,24)+1)/SUM(INDEX($D$3:$AA$30,INDEX(Jesper!$R$2:$R$366,ROW(INDEX(Jesper!AH$2:AH$366,ROUNDDOWN($C6369/24,0)+1,1))-1)+IF('Standard Profiles'!$G$18=$B$10,7,0)+IF('Standard Profiles'!$G$18=$B$17,14,0)+IF('Standard Profiles'!$G$18=$B$24,21,0),0)),0)</f>
        <v>5.2967854954157847</v>
      </c>
      <c r="E6369" cm="1">
        <f t="array" ref="E6369">IFERROR(INDEX(Jesper!AI$2:AI$366,ROUNDDOWN($C6369/24,0)+1,1)*INDEX($D$3:$AA$30,INDEX(Jesper!$R$2:$R$366,ROW(INDEX(Jesper!AI$2:AI$366,ROUNDDOWN($C6369/24,0)+1,1))-1)+IF('Standard Profiles'!$G$19=$B$10,7,0)+IF('Standard Profiles'!$G$19=$B$17,14,0)+IF('Standard Profiles'!$G$19=$B$24,21,0),MOD($C6369,24)+1)/SUM(INDEX($D$3:$AA$30,INDEX(Jesper!$R$2:$R$366,ROW(INDEX(Jesper!AI$2:AI$366,ROUNDDOWN($C6369/24,0)+1,1))-1)+IF('Standard Profiles'!$G$19=$B$10,7,0)+IF('Standard Profiles'!$G$19=$B$17,14,0)+IF('Standard Profiles'!$G$19=$B$24,21,0),0)),0)</f>
        <v>2.1753047114109321</v>
      </c>
      <c r="F6369" cm="1">
        <f t="array" ref="F6369">IFERROR(INDEX(Jesper!AJ$2:AJ$366,ROUNDDOWN($C6369/24,0)+1,1)*INDEX($D$3:$AA$30,INDEX(Jesper!$R$2:$R$366,ROW(INDEX(Jesper!AJ$2:AJ$366,ROUNDDOWN($C6369/24,0)+1,1))-1)+IF('Standard Profiles'!$G$20=$B$10,7,0)+IF('Standard Profiles'!$G$20=$B$17,14,0)+IF('Standard Profiles'!$G$20=$B$24,21,0),MOD($C6369,24)+1)/SUM(INDEX($D$3:$AA$30,INDEX(Jesper!$R$2:$R$366,ROW(INDEX(Jesper!AJ$2:AJ$366,ROUNDDOWN($C6369/24,0)+1,1))-1)+IF('Standard Profiles'!$G$20=$B$10,7,0)+IF('Standard Profiles'!$G$20=$B$17,14,0)+IF('Standard Profiles'!$G$20=$B$24,21,0),0)),0)</f>
        <v>0</v>
      </c>
      <c r="G6369" cm="1">
        <f t="array" ref="G6369">IFERROR(INDEX(Jesper!AK$2:AK$366,ROUNDDOWN($C6369/24,0)+1,1)*INDEX($D$3:$AA$30,INDEX(Jesper!$R$2:$R$366,ROW(INDEX(Jesper!AK$2:AK$366,ROUNDDOWN($C6369/24,0)+1,1))-1)+IF('Standard Profiles'!$G$21=$B$10,7,0)+IF('Standard Profiles'!$G$21=$B$17,14,0)+IF('Standard Profiles'!$G$21=$B$24,21,0),MOD($C6369,24)+1)/SUM(INDEX($D$3:$AA$30,INDEX(Jesper!$R$2:$R$366,ROW(INDEX(Jesper!AK$2:AK$366,ROUNDDOWN($C6369/24,0)+1,1))-1)+IF('Standard Profiles'!$G$21=$B$10,7,0)+IF('Standard Profiles'!$G$21=$B$17,14,0)+IF('Standard Profiles'!$G$21=$B$24,21,0),0)),0)</f>
        <v>9.3462553021988526E-2</v>
      </c>
      <c r="H6369" cm="1">
        <f t="array" ref="H6369">IFERROR(INDEX(Jesper!AL$2:AL$366,ROUNDDOWN($C6369/24,0)+1,1)*INDEX($D$3:$AA$30,INDEX(Jesper!$R$2:$R$366,ROW(INDEX(Jesper!AL$2:AL$366,ROUNDDOWN($C6369/24,0)+1,1))-1)+IF('Standard Profiles'!$G$22=$B$10,7,0)+IF('Standard Profiles'!$G$22=$B$17,14,0)+IF('Standard Profiles'!$G$22=$B$24,21,0),MOD($C6369,24)+1)/SUM(INDEX($D$3:$AA$30,INDEX(Jesper!$R$2:$R$366,ROW(INDEX(Jesper!AL$2:AL$366,ROUNDDOWN($C6369/24,0)+1,1))-1)+IF('Standard Profiles'!$G$22=$B$10,7,0)+IF('Standard Profiles'!$G$22=$B$17,14,0)+IF('Standard Profiles'!$G$22=$B$24,21,0),0)),0)</f>
        <v>0</v>
      </c>
      <c r="I6369">
        <f t="shared" si="706"/>
        <v>4.4862025450554469E-2</v>
      </c>
      <c r="J6369">
        <f t="shared" si="707"/>
        <v>6.6732050551316249</v>
      </c>
      <c r="K6369">
        <f t="shared" si="708"/>
        <v>0.56499045284435045</v>
      </c>
      <c r="L6369">
        <f t="shared" si="709"/>
        <v>0.28249522642217523</v>
      </c>
      <c r="M6369">
        <f t="shared" si="710"/>
        <v>0</v>
      </c>
      <c r="N6369" s="45">
        <f t="shared" si="711"/>
        <v>45190.958333317969</v>
      </c>
    </row>
    <row r="6370" spans="2:14" x14ac:dyDescent="0.25">
      <c r="B6370">
        <f t="shared" si="705"/>
        <v>5</v>
      </c>
      <c r="C6370" s="16">
        <v>6336</v>
      </c>
      <c r="D6370" cm="1">
        <f t="array" ref="D6370">IFERROR(INDEX(Jesper!AH$2:AH$366,ROUNDDOWN($C6370/24,0)+1,1)*INDEX($D$3:$AA$30,INDEX(Jesper!$R$2:$R$366,ROW(INDEX(Jesper!AH$2:AH$366,ROUNDDOWN($C6370/24,0)+1,1))-1)+IF('Standard Profiles'!$G$18=$B$10,7,0)+IF('Standard Profiles'!$G$18=$B$17,14,0)+IF('Standard Profiles'!$G$18=$B$24,21,0),MOD($C6370,24)+1)/SUM(INDEX($D$3:$AA$30,INDEX(Jesper!$R$2:$R$366,ROW(INDEX(Jesper!AH$2:AH$366,ROUNDDOWN($C6370/24,0)+1,1))-1)+IF('Standard Profiles'!$G$18=$B$10,7,0)+IF('Standard Profiles'!$G$18=$B$17,14,0)+IF('Standard Profiles'!$G$18=$B$24,21,0),0)),0)</f>
        <v>8.1480194278544804</v>
      </c>
      <c r="E6370" cm="1">
        <f t="array" ref="E6370">IFERROR(INDEX(Jesper!AI$2:AI$366,ROUNDDOWN($C6370/24,0)+1,1)*INDEX($D$3:$AA$30,INDEX(Jesper!$R$2:$R$366,ROW(INDEX(Jesper!AI$2:AI$366,ROUNDDOWN($C6370/24,0)+1,1))-1)+IF('Standard Profiles'!$G$19=$B$10,7,0)+IF('Standard Profiles'!$G$19=$B$17,14,0)+IF('Standard Profiles'!$G$19=$B$24,21,0),MOD($C6370,24)+1)/SUM(INDEX($D$3:$AA$30,INDEX(Jesper!$R$2:$R$366,ROW(INDEX(Jesper!AI$2:AI$366,ROUNDDOWN($C6370/24,0)+1,1))-1)+IF('Standard Profiles'!$G$19=$B$10,7,0)+IF('Standard Profiles'!$G$19=$B$17,14,0)+IF('Standard Profiles'!$G$19=$B$24,21,0),0)),0)</f>
        <v>3.4211661354685674</v>
      </c>
      <c r="F6370" cm="1">
        <f t="array" ref="F6370">IFERROR(INDEX(Jesper!AJ$2:AJ$366,ROUNDDOWN($C6370/24,0)+1,1)*INDEX($D$3:$AA$30,INDEX(Jesper!$R$2:$R$366,ROW(INDEX(Jesper!AJ$2:AJ$366,ROUNDDOWN($C6370/24,0)+1,1))-1)+IF('Standard Profiles'!$G$20=$B$10,7,0)+IF('Standard Profiles'!$G$20=$B$17,14,0)+IF('Standard Profiles'!$G$20=$B$24,21,0),MOD($C6370,24)+1)/SUM(INDEX($D$3:$AA$30,INDEX(Jesper!$R$2:$R$366,ROW(INDEX(Jesper!AJ$2:AJ$366,ROUNDDOWN($C6370/24,0)+1,1))-1)+IF('Standard Profiles'!$G$20=$B$10,7,0)+IF('Standard Profiles'!$G$20=$B$17,14,0)+IF('Standard Profiles'!$G$20=$B$24,21,0),0)),0)</f>
        <v>0</v>
      </c>
      <c r="G6370" cm="1">
        <f t="array" ref="G6370">IFERROR(INDEX(Jesper!AK$2:AK$366,ROUNDDOWN($C6370/24,0)+1,1)*INDEX($D$3:$AA$30,INDEX(Jesper!$R$2:$R$366,ROW(INDEX(Jesper!AK$2:AK$366,ROUNDDOWN($C6370/24,0)+1,1))-1)+IF('Standard Profiles'!$G$21=$B$10,7,0)+IF('Standard Profiles'!$G$21=$B$17,14,0)+IF('Standard Profiles'!$G$21=$B$24,21,0),MOD($C6370,24)+1)/SUM(INDEX($D$3:$AA$30,INDEX(Jesper!$R$2:$R$366,ROW(INDEX(Jesper!AK$2:AK$366,ROUNDDOWN($C6370/24,0)+1,1))-1)+IF('Standard Profiles'!$G$21=$B$10,7,0)+IF('Standard Profiles'!$G$21=$B$17,14,0)+IF('Standard Profiles'!$G$21=$B$24,21,0),0)),0)</f>
        <v>0.17404192477181638</v>
      </c>
      <c r="H6370" cm="1">
        <f t="array" ref="H6370">IFERROR(INDEX(Jesper!AL$2:AL$366,ROUNDDOWN($C6370/24,0)+1,1)*INDEX($D$3:$AA$30,INDEX(Jesper!$R$2:$R$366,ROW(INDEX(Jesper!AL$2:AL$366,ROUNDDOWN($C6370/24,0)+1,1))-1)+IF('Standard Profiles'!$G$22=$B$10,7,0)+IF('Standard Profiles'!$G$22=$B$17,14,0)+IF('Standard Profiles'!$G$22=$B$24,21,0),MOD($C6370,24)+1)/SUM(INDEX($D$3:$AA$30,INDEX(Jesper!$R$2:$R$366,ROW(INDEX(Jesper!AL$2:AL$366,ROUNDDOWN($C6370/24,0)+1,1))-1)+IF('Standard Profiles'!$G$22=$B$10,7,0)+IF('Standard Profiles'!$G$22=$B$17,14,0)+IF('Standard Profiles'!$G$22=$B$24,21,0),0)),0)</f>
        <v>0</v>
      </c>
      <c r="I6370">
        <f t="shared" si="706"/>
        <v>8.3540123890471815E-2</v>
      </c>
      <c r="J6370">
        <f t="shared" si="707"/>
        <v>10.356004255747676</v>
      </c>
      <c r="K6370">
        <f t="shared" si="708"/>
        <v>0.86912207230447802</v>
      </c>
      <c r="L6370">
        <f t="shared" si="709"/>
        <v>0.43456103615223901</v>
      </c>
      <c r="M6370">
        <f t="shared" si="710"/>
        <v>0</v>
      </c>
      <c r="N6370" s="45">
        <f t="shared" si="711"/>
        <v>45190.999999984633</v>
      </c>
    </row>
    <row r="6371" spans="2:14" x14ac:dyDescent="0.25">
      <c r="B6371">
        <f t="shared" ref="B6371:B6434" si="712">WEEKDAY(N6371,2)</f>
        <v>5</v>
      </c>
      <c r="C6371" s="16">
        <v>6337</v>
      </c>
      <c r="D6371" cm="1">
        <f t="array" ref="D6371">IFERROR(INDEX(Jesper!AH$2:AH$366,ROUNDDOWN($C6371/24,0)+1,1)*INDEX($D$3:$AA$30,INDEX(Jesper!$R$2:$R$366,ROW(INDEX(Jesper!AH$2:AH$366,ROUNDDOWN($C6371/24,0)+1,1))-1)+IF('Standard Profiles'!$G$18=$B$10,7,0)+IF('Standard Profiles'!$G$18=$B$17,14,0)+IF('Standard Profiles'!$G$18=$B$24,21,0),MOD($C6371,24)+1)/SUM(INDEX($D$3:$AA$30,INDEX(Jesper!$R$2:$R$366,ROW(INDEX(Jesper!AH$2:AH$366,ROUNDDOWN($C6371/24,0)+1,1))-1)+IF('Standard Profiles'!$G$18=$B$10,7,0)+IF('Standard Profiles'!$G$18=$B$17,14,0)+IF('Standard Profiles'!$G$18=$B$24,21,0),0)),0)</f>
        <v>4.9381935926390792</v>
      </c>
      <c r="E6371" cm="1">
        <f t="array" ref="E6371">IFERROR(INDEX(Jesper!AI$2:AI$366,ROUNDDOWN($C6371/24,0)+1,1)*INDEX($D$3:$AA$30,INDEX(Jesper!$R$2:$R$366,ROW(INDEX(Jesper!AI$2:AI$366,ROUNDDOWN($C6371/24,0)+1,1))-1)+IF('Standard Profiles'!$G$19=$B$10,7,0)+IF('Standard Profiles'!$G$19=$B$17,14,0)+IF('Standard Profiles'!$G$19=$B$24,21,0),MOD($C6371,24)+1)/SUM(INDEX($D$3:$AA$30,INDEX(Jesper!$R$2:$R$366,ROW(INDEX(Jesper!AI$2:AI$366,ROUNDDOWN($C6371/24,0)+1,1))-1)+IF('Standard Profiles'!$G$19=$B$10,7,0)+IF('Standard Profiles'!$G$19=$B$17,14,0)+IF('Standard Profiles'!$G$19=$B$24,21,0),0)),0)</f>
        <v>2.0734340214961016</v>
      </c>
      <c r="F6371" cm="1">
        <f t="array" ref="F6371">IFERROR(INDEX(Jesper!AJ$2:AJ$366,ROUNDDOWN($C6371/24,0)+1,1)*INDEX($D$3:$AA$30,INDEX(Jesper!$R$2:$R$366,ROW(INDEX(Jesper!AJ$2:AJ$366,ROUNDDOWN($C6371/24,0)+1,1))-1)+IF('Standard Profiles'!$G$20=$B$10,7,0)+IF('Standard Profiles'!$G$20=$B$17,14,0)+IF('Standard Profiles'!$G$20=$B$24,21,0),MOD($C6371,24)+1)/SUM(INDEX($D$3:$AA$30,INDEX(Jesper!$R$2:$R$366,ROW(INDEX(Jesper!AJ$2:AJ$366,ROUNDDOWN($C6371/24,0)+1,1))-1)+IF('Standard Profiles'!$G$20=$B$10,7,0)+IF('Standard Profiles'!$G$20=$B$17,14,0)+IF('Standard Profiles'!$G$20=$B$24,21,0),0)),0)</f>
        <v>0</v>
      </c>
      <c r="G6371" cm="1">
        <f t="array" ref="G6371">IFERROR(INDEX(Jesper!AK$2:AK$366,ROUNDDOWN($C6371/24,0)+1,1)*INDEX($D$3:$AA$30,INDEX(Jesper!$R$2:$R$366,ROW(INDEX(Jesper!AK$2:AK$366,ROUNDDOWN($C6371/24,0)+1,1))-1)+IF('Standard Profiles'!$G$21=$B$10,7,0)+IF('Standard Profiles'!$G$21=$B$17,14,0)+IF('Standard Profiles'!$G$21=$B$24,21,0),MOD($C6371,24)+1)/SUM(INDEX($D$3:$AA$30,INDEX(Jesper!$R$2:$R$366,ROW(INDEX(Jesper!AK$2:AK$366,ROUNDDOWN($C6371/24,0)+1,1))-1)+IF('Standard Profiles'!$G$21=$B$10,7,0)+IF('Standard Profiles'!$G$21=$B$17,14,0)+IF('Standard Profiles'!$G$21=$B$24,21,0),0)),0)</f>
        <v>0.17404192477181638</v>
      </c>
      <c r="H6371" cm="1">
        <f t="array" ref="H6371">IFERROR(INDEX(Jesper!AL$2:AL$366,ROUNDDOWN($C6371/24,0)+1,1)*INDEX($D$3:$AA$30,INDEX(Jesper!$R$2:$R$366,ROW(INDEX(Jesper!AL$2:AL$366,ROUNDDOWN($C6371/24,0)+1,1))-1)+IF('Standard Profiles'!$G$22=$B$10,7,0)+IF('Standard Profiles'!$G$22=$B$17,14,0)+IF('Standard Profiles'!$G$22=$B$24,21,0),MOD($C6371,24)+1)/SUM(INDEX($D$3:$AA$30,INDEX(Jesper!$R$2:$R$366,ROW(INDEX(Jesper!AL$2:AL$366,ROUNDDOWN($C6371/24,0)+1,1))-1)+IF('Standard Profiles'!$G$22=$B$10,7,0)+IF('Standard Profiles'!$G$22=$B$17,14,0)+IF('Standard Profiles'!$G$22=$B$24,21,0),0)),0)</f>
        <v>0</v>
      </c>
      <c r="I6371">
        <f t="shared" ref="I6371:I6434" si="713">IF($B6371&lt;6,AC$37*$D6371+AC$38*$E6371+AC$39*$F6371+AC$40*$G6371,AC$46*$D6371+AC$47*$E6371+AC$48*$F6371+AC$49*$G6371+AC$50*$H6371)</f>
        <v>8.3540123890471815E-2</v>
      </c>
      <c r="J6371">
        <f t="shared" ref="J6371:J6434" si="714">IF($B6371&lt;6,AD$37*$D6371+AD$38*$E6371+AD$39*$F6371+AD$40*$G6371,AD$46*$D6371+AD$47*$E6371+AD$48*$F6371+AD$49*$G6371+AD$50*$H6371)</f>
        <v>6.3120184401942732</v>
      </c>
      <c r="K6371">
        <f t="shared" ref="K6371:K6434" si="715">IF($B6371&lt;6,AE$37*$D6371+AE$38*$E6371+AE$39*$F6371+AE$40*$G6371,AE$46*$D6371+AE$47*$E6371+AE$48*$F6371+AE$49*$G6371+AE$50*$H6371)</f>
        <v>0.52674064988150182</v>
      </c>
      <c r="L6371">
        <f t="shared" ref="L6371:L6434" si="716">IF($B6371&lt;6,AF$37*$D6371+AF$38*$E6371+AF$39*$F6371+AF$40*$G6371,AF$46*$D6371+AF$47*$E6371+AF$48*$F6371+AF$49*$G6371+AF$50*$H6371)</f>
        <v>0.26337032494075091</v>
      </c>
      <c r="M6371">
        <f t="shared" ref="M6371:M6434" si="717">IF($B6371&lt;6,AG$37*$D6371+AG$38*$E6371+AG$39*$F6371+AG$40*$G6371,AG$46*$D6371+AG$47*$E6371+AG$48*$F6371+AG$49*$G6371+AG$50*$H6371)</f>
        <v>0</v>
      </c>
      <c r="N6371" s="45">
        <f t="shared" si="711"/>
        <v>45191.041666651297</v>
      </c>
    </row>
    <row r="6372" spans="2:14" x14ac:dyDescent="0.25">
      <c r="B6372">
        <f t="shared" si="712"/>
        <v>5</v>
      </c>
      <c r="C6372" s="16">
        <v>6338</v>
      </c>
      <c r="D6372" cm="1">
        <f t="array" ref="D6372">IFERROR(INDEX(Jesper!AH$2:AH$366,ROUNDDOWN($C6372/24,0)+1,1)*INDEX($D$3:$AA$30,INDEX(Jesper!$R$2:$R$366,ROW(INDEX(Jesper!AH$2:AH$366,ROUNDDOWN($C6372/24,0)+1,1))-1)+IF('Standard Profiles'!$G$18=$B$10,7,0)+IF('Standard Profiles'!$G$18=$B$17,14,0)+IF('Standard Profiles'!$G$18=$B$24,21,0),MOD($C6372,24)+1)/SUM(INDEX($D$3:$AA$30,INDEX(Jesper!$R$2:$R$366,ROW(INDEX(Jesper!AH$2:AH$366,ROUNDDOWN($C6372/24,0)+1,1))-1)+IF('Standard Profiles'!$G$18=$B$10,7,0)+IF('Standard Profiles'!$G$18=$B$17,14,0)+IF('Standard Profiles'!$G$18=$B$24,21,0),0)),0)</f>
        <v>4.9381935926390792</v>
      </c>
      <c r="E6372" cm="1">
        <f t="array" ref="E6372">IFERROR(INDEX(Jesper!AI$2:AI$366,ROUNDDOWN($C6372/24,0)+1,1)*INDEX($D$3:$AA$30,INDEX(Jesper!$R$2:$R$366,ROW(INDEX(Jesper!AI$2:AI$366,ROUNDDOWN($C6372/24,0)+1,1))-1)+IF('Standard Profiles'!$G$19=$B$10,7,0)+IF('Standard Profiles'!$G$19=$B$17,14,0)+IF('Standard Profiles'!$G$19=$B$24,21,0),MOD($C6372,24)+1)/SUM(INDEX($D$3:$AA$30,INDEX(Jesper!$R$2:$R$366,ROW(INDEX(Jesper!AI$2:AI$366,ROUNDDOWN($C6372/24,0)+1,1))-1)+IF('Standard Profiles'!$G$19=$B$10,7,0)+IF('Standard Profiles'!$G$19=$B$17,14,0)+IF('Standard Profiles'!$G$19=$B$24,21,0),0)),0)</f>
        <v>2.0734340214961016</v>
      </c>
      <c r="F6372" cm="1">
        <f t="array" ref="F6372">IFERROR(INDEX(Jesper!AJ$2:AJ$366,ROUNDDOWN($C6372/24,0)+1,1)*INDEX($D$3:$AA$30,INDEX(Jesper!$R$2:$R$366,ROW(INDEX(Jesper!AJ$2:AJ$366,ROUNDDOWN($C6372/24,0)+1,1))-1)+IF('Standard Profiles'!$G$20=$B$10,7,0)+IF('Standard Profiles'!$G$20=$B$17,14,0)+IF('Standard Profiles'!$G$20=$B$24,21,0),MOD($C6372,24)+1)/SUM(INDEX($D$3:$AA$30,INDEX(Jesper!$R$2:$R$366,ROW(INDEX(Jesper!AJ$2:AJ$366,ROUNDDOWN($C6372/24,0)+1,1))-1)+IF('Standard Profiles'!$G$20=$B$10,7,0)+IF('Standard Profiles'!$G$20=$B$17,14,0)+IF('Standard Profiles'!$G$20=$B$24,21,0),0)),0)</f>
        <v>0</v>
      </c>
      <c r="G6372" cm="1">
        <f t="array" ref="G6372">IFERROR(INDEX(Jesper!AK$2:AK$366,ROUNDDOWN($C6372/24,0)+1,1)*INDEX($D$3:$AA$30,INDEX(Jesper!$R$2:$R$366,ROW(INDEX(Jesper!AK$2:AK$366,ROUNDDOWN($C6372/24,0)+1,1))-1)+IF('Standard Profiles'!$G$21=$B$10,7,0)+IF('Standard Profiles'!$G$21=$B$17,14,0)+IF('Standard Profiles'!$G$21=$B$24,21,0),MOD($C6372,24)+1)/SUM(INDEX($D$3:$AA$30,INDEX(Jesper!$R$2:$R$366,ROW(INDEX(Jesper!AK$2:AK$366,ROUNDDOWN($C6372/24,0)+1,1))-1)+IF('Standard Profiles'!$G$21=$B$10,7,0)+IF('Standard Profiles'!$G$21=$B$17,14,0)+IF('Standard Profiles'!$G$21=$B$24,21,0),0)),0)</f>
        <v>0.17404192477181638</v>
      </c>
      <c r="H6372" cm="1">
        <f t="array" ref="H6372">IFERROR(INDEX(Jesper!AL$2:AL$366,ROUNDDOWN($C6372/24,0)+1,1)*INDEX($D$3:$AA$30,INDEX(Jesper!$R$2:$R$366,ROW(INDEX(Jesper!AL$2:AL$366,ROUNDDOWN($C6372/24,0)+1,1))-1)+IF('Standard Profiles'!$G$22=$B$10,7,0)+IF('Standard Profiles'!$G$22=$B$17,14,0)+IF('Standard Profiles'!$G$22=$B$24,21,0),MOD($C6372,24)+1)/SUM(INDEX($D$3:$AA$30,INDEX(Jesper!$R$2:$R$366,ROW(INDEX(Jesper!AL$2:AL$366,ROUNDDOWN($C6372/24,0)+1,1))-1)+IF('Standard Profiles'!$G$22=$B$10,7,0)+IF('Standard Profiles'!$G$22=$B$17,14,0)+IF('Standard Profiles'!$G$22=$B$24,21,0),0)),0)</f>
        <v>0</v>
      </c>
      <c r="I6372">
        <f t="shared" si="713"/>
        <v>8.3540123890471815E-2</v>
      </c>
      <c r="J6372">
        <f t="shared" si="714"/>
        <v>6.3120184401942732</v>
      </c>
      <c r="K6372">
        <f t="shared" si="715"/>
        <v>0.52674064988150182</v>
      </c>
      <c r="L6372">
        <f t="shared" si="716"/>
        <v>0.26337032494075091</v>
      </c>
      <c r="M6372">
        <f t="shared" si="717"/>
        <v>0</v>
      </c>
      <c r="N6372" s="45">
        <f t="shared" ref="N6372:N6435" si="718">N6371+1/24</f>
        <v>45191.083333317962</v>
      </c>
    </row>
    <row r="6373" spans="2:14" x14ac:dyDescent="0.25">
      <c r="B6373">
        <f t="shared" si="712"/>
        <v>5</v>
      </c>
      <c r="C6373" s="16">
        <v>6339</v>
      </c>
      <c r="D6373" cm="1">
        <f t="array" ref="D6373">IFERROR(INDEX(Jesper!AH$2:AH$366,ROUNDDOWN($C6373/24,0)+1,1)*INDEX($D$3:$AA$30,INDEX(Jesper!$R$2:$R$366,ROW(INDEX(Jesper!AH$2:AH$366,ROUNDDOWN($C6373/24,0)+1,1))-1)+IF('Standard Profiles'!$G$18=$B$10,7,0)+IF('Standard Profiles'!$G$18=$B$17,14,0)+IF('Standard Profiles'!$G$18=$B$24,21,0),MOD($C6373,24)+1)/SUM(INDEX($D$3:$AA$30,INDEX(Jesper!$R$2:$R$366,ROW(INDEX(Jesper!AH$2:AH$366,ROUNDDOWN($C6373/24,0)+1,1))-1)+IF('Standard Profiles'!$G$18=$B$10,7,0)+IF('Standard Profiles'!$G$18=$B$17,14,0)+IF('Standard Profiles'!$G$18=$B$24,21,0),0)),0)</f>
        <v>4.9381935926390792</v>
      </c>
      <c r="E6373" cm="1">
        <f t="array" ref="E6373">IFERROR(INDEX(Jesper!AI$2:AI$366,ROUNDDOWN($C6373/24,0)+1,1)*INDEX($D$3:$AA$30,INDEX(Jesper!$R$2:$R$366,ROW(INDEX(Jesper!AI$2:AI$366,ROUNDDOWN($C6373/24,0)+1,1))-1)+IF('Standard Profiles'!$G$19=$B$10,7,0)+IF('Standard Profiles'!$G$19=$B$17,14,0)+IF('Standard Profiles'!$G$19=$B$24,21,0),MOD($C6373,24)+1)/SUM(INDEX($D$3:$AA$30,INDEX(Jesper!$R$2:$R$366,ROW(INDEX(Jesper!AI$2:AI$366,ROUNDDOWN($C6373/24,0)+1,1))-1)+IF('Standard Profiles'!$G$19=$B$10,7,0)+IF('Standard Profiles'!$G$19=$B$17,14,0)+IF('Standard Profiles'!$G$19=$B$24,21,0),0)),0)</f>
        <v>2.0734340214961016</v>
      </c>
      <c r="F6373" cm="1">
        <f t="array" ref="F6373">IFERROR(INDEX(Jesper!AJ$2:AJ$366,ROUNDDOWN($C6373/24,0)+1,1)*INDEX($D$3:$AA$30,INDEX(Jesper!$R$2:$R$366,ROW(INDEX(Jesper!AJ$2:AJ$366,ROUNDDOWN($C6373/24,0)+1,1))-1)+IF('Standard Profiles'!$G$20=$B$10,7,0)+IF('Standard Profiles'!$G$20=$B$17,14,0)+IF('Standard Profiles'!$G$20=$B$24,21,0),MOD($C6373,24)+1)/SUM(INDEX($D$3:$AA$30,INDEX(Jesper!$R$2:$R$366,ROW(INDEX(Jesper!AJ$2:AJ$366,ROUNDDOWN($C6373/24,0)+1,1))-1)+IF('Standard Profiles'!$G$20=$B$10,7,0)+IF('Standard Profiles'!$G$20=$B$17,14,0)+IF('Standard Profiles'!$G$20=$B$24,21,0),0)),0)</f>
        <v>0</v>
      </c>
      <c r="G6373" cm="1">
        <f t="array" ref="G6373">IFERROR(INDEX(Jesper!AK$2:AK$366,ROUNDDOWN($C6373/24,0)+1,1)*INDEX($D$3:$AA$30,INDEX(Jesper!$R$2:$R$366,ROW(INDEX(Jesper!AK$2:AK$366,ROUNDDOWN($C6373/24,0)+1,1))-1)+IF('Standard Profiles'!$G$21=$B$10,7,0)+IF('Standard Profiles'!$G$21=$B$17,14,0)+IF('Standard Profiles'!$G$21=$B$24,21,0),MOD($C6373,24)+1)/SUM(INDEX($D$3:$AA$30,INDEX(Jesper!$R$2:$R$366,ROW(INDEX(Jesper!AK$2:AK$366,ROUNDDOWN($C6373/24,0)+1,1))-1)+IF('Standard Profiles'!$G$21=$B$10,7,0)+IF('Standard Profiles'!$G$21=$B$17,14,0)+IF('Standard Profiles'!$G$21=$B$24,21,0),0)),0)</f>
        <v>0.17404192477181638</v>
      </c>
      <c r="H6373" cm="1">
        <f t="array" ref="H6373">IFERROR(INDEX(Jesper!AL$2:AL$366,ROUNDDOWN($C6373/24,0)+1,1)*INDEX($D$3:$AA$30,INDEX(Jesper!$R$2:$R$366,ROW(INDEX(Jesper!AL$2:AL$366,ROUNDDOWN($C6373/24,0)+1,1))-1)+IF('Standard Profiles'!$G$22=$B$10,7,0)+IF('Standard Profiles'!$G$22=$B$17,14,0)+IF('Standard Profiles'!$G$22=$B$24,21,0),MOD($C6373,24)+1)/SUM(INDEX($D$3:$AA$30,INDEX(Jesper!$R$2:$R$366,ROW(INDEX(Jesper!AL$2:AL$366,ROUNDDOWN($C6373/24,0)+1,1))-1)+IF('Standard Profiles'!$G$22=$B$10,7,0)+IF('Standard Profiles'!$G$22=$B$17,14,0)+IF('Standard Profiles'!$G$22=$B$24,21,0),0)),0)</f>
        <v>0</v>
      </c>
      <c r="I6373">
        <f t="shared" si="713"/>
        <v>8.3540123890471815E-2</v>
      </c>
      <c r="J6373">
        <f t="shared" si="714"/>
        <v>6.3120184401942732</v>
      </c>
      <c r="K6373">
        <f t="shared" si="715"/>
        <v>0.52674064988150182</v>
      </c>
      <c r="L6373">
        <f t="shared" si="716"/>
        <v>0.26337032494075091</v>
      </c>
      <c r="M6373">
        <f t="shared" si="717"/>
        <v>0</v>
      </c>
      <c r="N6373" s="45">
        <f t="shared" si="718"/>
        <v>45191.124999984626</v>
      </c>
    </row>
    <row r="6374" spans="2:14" x14ac:dyDescent="0.25">
      <c r="B6374">
        <f t="shared" si="712"/>
        <v>5</v>
      </c>
      <c r="C6374" s="16">
        <v>6340</v>
      </c>
      <c r="D6374" cm="1">
        <f t="array" ref="D6374">IFERROR(INDEX(Jesper!AH$2:AH$366,ROUNDDOWN($C6374/24,0)+1,1)*INDEX($D$3:$AA$30,INDEX(Jesper!$R$2:$R$366,ROW(INDEX(Jesper!AH$2:AH$366,ROUNDDOWN($C6374/24,0)+1,1))-1)+IF('Standard Profiles'!$G$18=$B$10,7,0)+IF('Standard Profiles'!$G$18=$B$17,14,0)+IF('Standard Profiles'!$G$18=$B$24,21,0),MOD($C6374,24)+1)/SUM(INDEX($D$3:$AA$30,INDEX(Jesper!$R$2:$R$366,ROW(INDEX(Jesper!AH$2:AH$366,ROUNDDOWN($C6374/24,0)+1,1))-1)+IF('Standard Profiles'!$G$18=$B$10,7,0)+IF('Standard Profiles'!$G$18=$B$17,14,0)+IF('Standard Profiles'!$G$18=$B$24,21,0),0)),0)</f>
        <v>4.9381935926390792</v>
      </c>
      <c r="E6374" cm="1">
        <f t="array" ref="E6374">IFERROR(INDEX(Jesper!AI$2:AI$366,ROUNDDOWN($C6374/24,0)+1,1)*INDEX($D$3:$AA$30,INDEX(Jesper!$R$2:$R$366,ROW(INDEX(Jesper!AI$2:AI$366,ROUNDDOWN($C6374/24,0)+1,1))-1)+IF('Standard Profiles'!$G$19=$B$10,7,0)+IF('Standard Profiles'!$G$19=$B$17,14,0)+IF('Standard Profiles'!$G$19=$B$24,21,0),MOD($C6374,24)+1)/SUM(INDEX($D$3:$AA$30,INDEX(Jesper!$R$2:$R$366,ROW(INDEX(Jesper!AI$2:AI$366,ROUNDDOWN($C6374/24,0)+1,1))-1)+IF('Standard Profiles'!$G$19=$B$10,7,0)+IF('Standard Profiles'!$G$19=$B$17,14,0)+IF('Standard Profiles'!$G$19=$B$24,21,0),0)),0)</f>
        <v>2.0734340214961016</v>
      </c>
      <c r="F6374" cm="1">
        <f t="array" ref="F6374">IFERROR(INDEX(Jesper!AJ$2:AJ$366,ROUNDDOWN($C6374/24,0)+1,1)*INDEX($D$3:$AA$30,INDEX(Jesper!$R$2:$R$366,ROW(INDEX(Jesper!AJ$2:AJ$366,ROUNDDOWN($C6374/24,0)+1,1))-1)+IF('Standard Profiles'!$G$20=$B$10,7,0)+IF('Standard Profiles'!$G$20=$B$17,14,0)+IF('Standard Profiles'!$G$20=$B$24,21,0),MOD($C6374,24)+1)/SUM(INDEX($D$3:$AA$30,INDEX(Jesper!$R$2:$R$366,ROW(INDEX(Jesper!AJ$2:AJ$366,ROUNDDOWN($C6374/24,0)+1,1))-1)+IF('Standard Profiles'!$G$20=$B$10,7,0)+IF('Standard Profiles'!$G$20=$B$17,14,0)+IF('Standard Profiles'!$G$20=$B$24,21,0),0)),0)</f>
        <v>0</v>
      </c>
      <c r="G6374" cm="1">
        <f t="array" ref="G6374">IFERROR(INDEX(Jesper!AK$2:AK$366,ROUNDDOWN($C6374/24,0)+1,1)*INDEX($D$3:$AA$30,INDEX(Jesper!$R$2:$R$366,ROW(INDEX(Jesper!AK$2:AK$366,ROUNDDOWN($C6374/24,0)+1,1))-1)+IF('Standard Profiles'!$G$21=$B$10,7,0)+IF('Standard Profiles'!$G$21=$B$17,14,0)+IF('Standard Profiles'!$G$21=$B$24,21,0),MOD($C6374,24)+1)/SUM(INDEX($D$3:$AA$30,INDEX(Jesper!$R$2:$R$366,ROW(INDEX(Jesper!AK$2:AK$366,ROUNDDOWN($C6374/24,0)+1,1))-1)+IF('Standard Profiles'!$G$21=$B$10,7,0)+IF('Standard Profiles'!$G$21=$B$17,14,0)+IF('Standard Profiles'!$G$21=$B$24,21,0),0)),0)</f>
        <v>0.17404192477181638</v>
      </c>
      <c r="H6374" cm="1">
        <f t="array" ref="H6374">IFERROR(INDEX(Jesper!AL$2:AL$366,ROUNDDOWN($C6374/24,0)+1,1)*INDEX($D$3:$AA$30,INDEX(Jesper!$R$2:$R$366,ROW(INDEX(Jesper!AL$2:AL$366,ROUNDDOWN($C6374/24,0)+1,1))-1)+IF('Standard Profiles'!$G$22=$B$10,7,0)+IF('Standard Profiles'!$G$22=$B$17,14,0)+IF('Standard Profiles'!$G$22=$B$24,21,0),MOD($C6374,24)+1)/SUM(INDEX($D$3:$AA$30,INDEX(Jesper!$R$2:$R$366,ROW(INDEX(Jesper!AL$2:AL$366,ROUNDDOWN($C6374/24,0)+1,1))-1)+IF('Standard Profiles'!$G$22=$B$10,7,0)+IF('Standard Profiles'!$G$22=$B$17,14,0)+IF('Standard Profiles'!$G$22=$B$24,21,0),0)),0)</f>
        <v>0</v>
      </c>
      <c r="I6374">
        <f t="shared" si="713"/>
        <v>8.3540123890471815E-2</v>
      </c>
      <c r="J6374">
        <f t="shared" si="714"/>
        <v>6.3120184401942732</v>
      </c>
      <c r="K6374">
        <f t="shared" si="715"/>
        <v>0.52674064988150182</v>
      </c>
      <c r="L6374">
        <f t="shared" si="716"/>
        <v>0.26337032494075091</v>
      </c>
      <c r="M6374">
        <f t="shared" si="717"/>
        <v>0</v>
      </c>
      <c r="N6374" s="45">
        <f t="shared" si="718"/>
        <v>45191.16666665129</v>
      </c>
    </row>
    <row r="6375" spans="2:14" x14ac:dyDescent="0.25">
      <c r="B6375">
        <f t="shared" si="712"/>
        <v>5</v>
      </c>
      <c r="C6375" s="16">
        <v>6341</v>
      </c>
      <c r="D6375" cm="1">
        <f t="array" ref="D6375">IFERROR(INDEX(Jesper!AH$2:AH$366,ROUNDDOWN($C6375/24,0)+1,1)*INDEX($D$3:$AA$30,INDEX(Jesper!$R$2:$R$366,ROW(INDEX(Jesper!AH$2:AH$366,ROUNDDOWN($C6375/24,0)+1,1))-1)+IF('Standard Profiles'!$G$18=$B$10,7,0)+IF('Standard Profiles'!$G$18=$B$17,14,0)+IF('Standard Profiles'!$G$18=$B$24,21,0),MOD($C6375,24)+1)/SUM(INDEX($D$3:$AA$30,INDEX(Jesper!$R$2:$R$366,ROW(INDEX(Jesper!AH$2:AH$366,ROUNDDOWN($C6375/24,0)+1,1))-1)+IF('Standard Profiles'!$G$18=$B$10,7,0)+IF('Standard Profiles'!$G$18=$B$17,14,0)+IF('Standard Profiles'!$G$18=$B$24,21,0),0)),0)</f>
        <v>4.9381935926390792</v>
      </c>
      <c r="E6375" cm="1">
        <f t="array" ref="E6375">IFERROR(INDEX(Jesper!AI$2:AI$366,ROUNDDOWN($C6375/24,0)+1,1)*INDEX($D$3:$AA$30,INDEX(Jesper!$R$2:$R$366,ROW(INDEX(Jesper!AI$2:AI$366,ROUNDDOWN($C6375/24,0)+1,1))-1)+IF('Standard Profiles'!$G$19=$B$10,7,0)+IF('Standard Profiles'!$G$19=$B$17,14,0)+IF('Standard Profiles'!$G$19=$B$24,21,0),MOD($C6375,24)+1)/SUM(INDEX($D$3:$AA$30,INDEX(Jesper!$R$2:$R$366,ROW(INDEX(Jesper!AI$2:AI$366,ROUNDDOWN($C6375/24,0)+1,1))-1)+IF('Standard Profiles'!$G$19=$B$10,7,0)+IF('Standard Profiles'!$G$19=$B$17,14,0)+IF('Standard Profiles'!$G$19=$B$24,21,0),0)),0)</f>
        <v>2.0734340214961016</v>
      </c>
      <c r="F6375" cm="1">
        <f t="array" ref="F6375">IFERROR(INDEX(Jesper!AJ$2:AJ$366,ROUNDDOWN($C6375/24,0)+1,1)*INDEX($D$3:$AA$30,INDEX(Jesper!$R$2:$R$366,ROW(INDEX(Jesper!AJ$2:AJ$366,ROUNDDOWN($C6375/24,0)+1,1))-1)+IF('Standard Profiles'!$G$20=$B$10,7,0)+IF('Standard Profiles'!$G$20=$B$17,14,0)+IF('Standard Profiles'!$G$20=$B$24,21,0),MOD($C6375,24)+1)/SUM(INDEX($D$3:$AA$30,INDEX(Jesper!$R$2:$R$366,ROW(INDEX(Jesper!AJ$2:AJ$366,ROUNDDOWN($C6375/24,0)+1,1))-1)+IF('Standard Profiles'!$G$20=$B$10,7,0)+IF('Standard Profiles'!$G$20=$B$17,14,0)+IF('Standard Profiles'!$G$20=$B$24,21,0),0)),0)</f>
        <v>0</v>
      </c>
      <c r="G6375" cm="1">
        <f t="array" ref="G6375">IFERROR(INDEX(Jesper!AK$2:AK$366,ROUNDDOWN($C6375/24,0)+1,1)*INDEX($D$3:$AA$30,INDEX(Jesper!$R$2:$R$366,ROW(INDEX(Jesper!AK$2:AK$366,ROUNDDOWN($C6375/24,0)+1,1))-1)+IF('Standard Profiles'!$G$21=$B$10,7,0)+IF('Standard Profiles'!$G$21=$B$17,14,0)+IF('Standard Profiles'!$G$21=$B$24,21,0),MOD($C6375,24)+1)/SUM(INDEX($D$3:$AA$30,INDEX(Jesper!$R$2:$R$366,ROW(INDEX(Jesper!AK$2:AK$366,ROUNDDOWN($C6375/24,0)+1,1))-1)+IF('Standard Profiles'!$G$21=$B$10,7,0)+IF('Standard Profiles'!$G$21=$B$17,14,0)+IF('Standard Profiles'!$G$21=$B$24,21,0),0)),0)</f>
        <v>0.17404192477181638</v>
      </c>
      <c r="H6375" cm="1">
        <f t="array" ref="H6375">IFERROR(INDEX(Jesper!AL$2:AL$366,ROUNDDOWN($C6375/24,0)+1,1)*INDEX($D$3:$AA$30,INDEX(Jesper!$R$2:$R$366,ROW(INDEX(Jesper!AL$2:AL$366,ROUNDDOWN($C6375/24,0)+1,1))-1)+IF('Standard Profiles'!$G$22=$B$10,7,0)+IF('Standard Profiles'!$G$22=$B$17,14,0)+IF('Standard Profiles'!$G$22=$B$24,21,0),MOD($C6375,24)+1)/SUM(INDEX($D$3:$AA$30,INDEX(Jesper!$R$2:$R$366,ROW(INDEX(Jesper!AL$2:AL$366,ROUNDDOWN($C6375/24,0)+1,1))-1)+IF('Standard Profiles'!$G$22=$B$10,7,0)+IF('Standard Profiles'!$G$22=$B$17,14,0)+IF('Standard Profiles'!$G$22=$B$24,21,0),0)),0)</f>
        <v>0</v>
      </c>
      <c r="I6375">
        <f t="shared" si="713"/>
        <v>8.3540123890471815E-2</v>
      </c>
      <c r="J6375">
        <f t="shared" si="714"/>
        <v>6.3120184401942732</v>
      </c>
      <c r="K6375">
        <f t="shared" si="715"/>
        <v>0.52674064988150182</v>
      </c>
      <c r="L6375">
        <f t="shared" si="716"/>
        <v>0.26337032494075091</v>
      </c>
      <c r="M6375">
        <f t="shared" si="717"/>
        <v>0</v>
      </c>
      <c r="N6375" s="45">
        <f t="shared" si="718"/>
        <v>45191.208333317954</v>
      </c>
    </row>
    <row r="6376" spans="2:14" x14ac:dyDescent="0.25">
      <c r="B6376">
        <f t="shared" si="712"/>
        <v>5</v>
      </c>
      <c r="C6376" s="16">
        <v>6342</v>
      </c>
      <c r="D6376" cm="1">
        <f t="array" ref="D6376">IFERROR(INDEX(Jesper!AH$2:AH$366,ROUNDDOWN($C6376/24,0)+1,1)*INDEX($D$3:$AA$30,INDEX(Jesper!$R$2:$R$366,ROW(INDEX(Jesper!AH$2:AH$366,ROUNDDOWN($C6376/24,0)+1,1))-1)+IF('Standard Profiles'!$G$18=$B$10,7,0)+IF('Standard Profiles'!$G$18=$B$17,14,0)+IF('Standard Profiles'!$G$18=$B$24,21,0),MOD($C6376,24)+1)/SUM(INDEX($D$3:$AA$30,INDEX(Jesper!$R$2:$R$366,ROW(INDEX(Jesper!AH$2:AH$366,ROUNDDOWN($C6376/24,0)+1,1))-1)+IF('Standard Profiles'!$G$18=$B$10,7,0)+IF('Standard Profiles'!$G$18=$B$17,14,0)+IF('Standard Profiles'!$G$18=$B$24,21,0),0)),0)</f>
        <v>4.9381935926390792</v>
      </c>
      <c r="E6376" cm="1">
        <f t="array" ref="E6376">IFERROR(INDEX(Jesper!AI$2:AI$366,ROUNDDOWN($C6376/24,0)+1,1)*INDEX($D$3:$AA$30,INDEX(Jesper!$R$2:$R$366,ROW(INDEX(Jesper!AI$2:AI$366,ROUNDDOWN($C6376/24,0)+1,1))-1)+IF('Standard Profiles'!$G$19=$B$10,7,0)+IF('Standard Profiles'!$G$19=$B$17,14,0)+IF('Standard Profiles'!$G$19=$B$24,21,0),MOD($C6376,24)+1)/SUM(INDEX($D$3:$AA$30,INDEX(Jesper!$R$2:$R$366,ROW(INDEX(Jesper!AI$2:AI$366,ROUNDDOWN($C6376/24,0)+1,1))-1)+IF('Standard Profiles'!$G$19=$B$10,7,0)+IF('Standard Profiles'!$G$19=$B$17,14,0)+IF('Standard Profiles'!$G$19=$B$24,21,0),0)),0)</f>
        <v>2.0734340214961016</v>
      </c>
      <c r="F6376" cm="1">
        <f t="array" ref="F6376">IFERROR(INDEX(Jesper!AJ$2:AJ$366,ROUNDDOWN($C6376/24,0)+1,1)*INDEX($D$3:$AA$30,INDEX(Jesper!$R$2:$R$366,ROW(INDEX(Jesper!AJ$2:AJ$366,ROUNDDOWN($C6376/24,0)+1,1))-1)+IF('Standard Profiles'!$G$20=$B$10,7,0)+IF('Standard Profiles'!$G$20=$B$17,14,0)+IF('Standard Profiles'!$G$20=$B$24,21,0),MOD($C6376,24)+1)/SUM(INDEX($D$3:$AA$30,INDEX(Jesper!$R$2:$R$366,ROW(INDEX(Jesper!AJ$2:AJ$366,ROUNDDOWN($C6376/24,0)+1,1))-1)+IF('Standard Profiles'!$G$20=$B$10,7,0)+IF('Standard Profiles'!$G$20=$B$17,14,0)+IF('Standard Profiles'!$G$20=$B$24,21,0),0)),0)</f>
        <v>0</v>
      </c>
      <c r="G6376" cm="1">
        <f t="array" ref="G6376">IFERROR(INDEX(Jesper!AK$2:AK$366,ROUNDDOWN($C6376/24,0)+1,1)*INDEX($D$3:$AA$30,INDEX(Jesper!$R$2:$R$366,ROW(INDEX(Jesper!AK$2:AK$366,ROUNDDOWN($C6376/24,0)+1,1))-1)+IF('Standard Profiles'!$G$21=$B$10,7,0)+IF('Standard Profiles'!$G$21=$B$17,14,0)+IF('Standard Profiles'!$G$21=$B$24,21,0),MOD($C6376,24)+1)/SUM(INDEX($D$3:$AA$30,INDEX(Jesper!$R$2:$R$366,ROW(INDEX(Jesper!AK$2:AK$366,ROUNDDOWN($C6376/24,0)+1,1))-1)+IF('Standard Profiles'!$G$21=$B$10,7,0)+IF('Standard Profiles'!$G$21=$B$17,14,0)+IF('Standard Profiles'!$G$21=$B$24,21,0),0)),0)</f>
        <v>0.17404192477181638</v>
      </c>
      <c r="H6376" cm="1">
        <f t="array" ref="H6376">IFERROR(INDEX(Jesper!AL$2:AL$366,ROUNDDOWN($C6376/24,0)+1,1)*INDEX($D$3:$AA$30,INDEX(Jesper!$R$2:$R$366,ROW(INDEX(Jesper!AL$2:AL$366,ROUNDDOWN($C6376/24,0)+1,1))-1)+IF('Standard Profiles'!$G$22=$B$10,7,0)+IF('Standard Profiles'!$G$22=$B$17,14,0)+IF('Standard Profiles'!$G$22=$B$24,21,0),MOD($C6376,24)+1)/SUM(INDEX($D$3:$AA$30,INDEX(Jesper!$R$2:$R$366,ROW(INDEX(Jesper!AL$2:AL$366,ROUNDDOWN($C6376/24,0)+1,1))-1)+IF('Standard Profiles'!$G$22=$B$10,7,0)+IF('Standard Profiles'!$G$22=$B$17,14,0)+IF('Standard Profiles'!$G$22=$B$24,21,0),0)),0)</f>
        <v>0</v>
      </c>
      <c r="I6376">
        <f t="shared" si="713"/>
        <v>8.3540123890471815E-2</v>
      </c>
      <c r="J6376">
        <f t="shared" si="714"/>
        <v>6.3120184401942732</v>
      </c>
      <c r="K6376">
        <f t="shared" si="715"/>
        <v>0.52674064988150182</v>
      </c>
      <c r="L6376">
        <f t="shared" si="716"/>
        <v>0.26337032494075091</v>
      </c>
      <c r="M6376">
        <f t="shared" si="717"/>
        <v>0</v>
      </c>
      <c r="N6376" s="45">
        <f t="shared" si="718"/>
        <v>45191.249999984619</v>
      </c>
    </row>
    <row r="6377" spans="2:14" x14ac:dyDescent="0.25">
      <c r="B6377">
        <f t="shared" si="712"/>
        <v>5</v>
      </c>
      <c r="C6377" s="16">
        <v>6343</v>
      </c>
      <c r="D6377" cm="1">
        <f t="array" ref="D6377">IFERROR(INDEX(Jesper!AH$2:AH$366,ROUNDDOWN($C6377/24,0)+1,1)*INDEX($D$3:$AA$30,INDEX(Jesper!$R$2:$R$366,ROW(INDEX(Jesper!AH$2:AH$366,ROUNDDOWN($C6377/24,0)+1,1))-1)+IF('Standard Profiles'!$G$18=$B$10,7,0)+IF('Standard Profiles'!$G$18=$B$17,14,0)+IF('Standard Profiles'!$G$18=$B$24,21,0),MOD($C6377,24)+1)/SUM(INDEX($D$3:$AA$30,INDEX(Jesper!$R$2:$R$366,ROW(INDEX(Jesper!AH$2:AH$366,ROUNDDOWN($C6377/24,0)+1,1))-1)+IF('Standard Profiles'!$G$18=$B$10,7,0)+IF('Standard Profiles'!$G$18=$B$17,14,0)+IF('Standard Profiles'!$G$18=$B$24,21,0),0)),0)</f>
        <v>21.036704704642478</v>
      </c>
      <c r="E6377" cm="1">
        <f t="array" ref="E6377">IFERROR(INDEX(Jesper!AI$2:AI$366,ROUNDDOWN($C6377/24,0)+1,1)*INDEX($D$3:$AA$30,INDEX(Jesper!$R$2:$R$366,ROW(INDEX(Jesper!AI$2:AI$366,ROUNDDOWN($C6377/24,0)+1,1))-1)+IF('Standard Profiles'!$G$19=$B$10,7,0)+IF('Standard Profiles'!$G$19=$B$17,14,0)+IF('Standard Profiles'!$G$19=$B$24,21,0),MOD($C6377,24)+1)/SUM(INDEX($D$3:$AA$30,INDEX(Jesper!$R$2:$R$366,ROW(INDEX(Jesper!AI$2:AI$366,ROUNDDOWN($C6377/24,0)+1,1))-1)+IF('Standard Profiles'!$G$19=$B$10,7,0)+IF('Standard Profiles'!$G$19=$B$17,14,0)+IF('Standard Profiles'!$G$19=$B$24,21,0),0)),0)</f>
        <v>8.8328289315733919</v>
      </c>
      <c r="F6377" cm="1">
        <f t="array" ref="F6377">IFERROR(INDEX(Jesper!AJ$2:AJ$366,ROUNDDOWN($C6377/24,0)+1,1)*INDEX($D$3:$AA$30,INDEX(Jesper!$R$2:$R$366,ROW(INDEX(Jesper!AJ$2:AJ$366,ROUNDDOWN($C6377/24,0)+1,1))-1)+IF('Standard Profiles'!$G$20=$B$10,7,0)+IF('Standard Profiles'!$G$20=$B$17,14,0)+IF('Standard Profiles'!$G$20=$B$24,21,0),MOD($C6377,24)+1)/SUM(INDEX($D$3:$AA$30,INDEX(Jesper!$R$2:$R$366,ROW(INDEX(Jesper!AJ$2:AJ$366,ROUNDDOWN($C6377/24,0)+1,1))-1)+IF('Standard Profiles'!$G$20=$B$10,7,0)+IF('Standard Profiles'!$G$20=$B$17,14,0)+IF('Standard Profiles'!$G$20=$B$24,21,0),0)),0)</f>
        <v>0</v>
      </c>
      <c r="G6377" cm="1">
        <f t="array" ref="G6377">IFERROR(INDEX(Jesper!AK$2:AK$366,ROUNDDOWN($C6377/24,0)+1,1)*INDEX($D$3:$AA$30,INDEX(Jesper!$R$2:$R$366,ROW(INDEX(Jesper!AK$2:AK$366,ROUNDDOWN($C6377/24,0)+1,1))-1)+IF('Standard Profiles'!$G$21=$B$10,7,0)+IF('Standard Profiles'!$G$21=$B$17,14,0)+IF('Standard Profiles'!$G$21=$B$24,21,0),MOD($C6377,24)+1)/SUM(INDEX($D$3:$AA$30,INDEX(Jesper!$R$2:$R$366,ROW(INDEX(Jesper!AK$2:AK$366,ROUNDDOWN($C6377/24,0)+1,1))-1)+IF('Standard Profiles'!$G$21=$B$10,7,0)+IF('Standard Profiles'!$G$21=$B$17,14,0)+IF('Standard Profiles'!$G$21=$B$24,21,0),0)),0)</f>
        <v>0.4715974735752444</v>
      </c>
      <c r="H6377" cm="1">
        <f t="array" ref="H6377">IFERROR(INDEX(Jesper!AL$2:AL$366,ROUNDDOWN($C6377/24,0)+1,1)*INDEX($D$3:$AA$30,INDEX(Jesper!$R$2:$R$366,ROW(INDEX(Jesper!AL$2:AL$366,ROUNDDOWN($C6377/24,0)+1,1))-1)+IF('Standard Profiles'!$G$22=$B$10,7,0)+IF('Standard Profiles'!$G$22=$B$17,14,0)+IF('Standard Profiles'!$G$22=$B$24,21,0),MOD($C6377,24)+1)/SUM(INDEX($D$3:$AA$30,INDEX(Jesper!$R$2:$R$366,ROW(INDEX(Jesper!AL$2:AL$366,ROUNDDOWN($C6377/24,0)+1,1))-1)+IF('Standard Profiles'!$G$22=$B$10,7,0)+IF('Standard Profiles'!$G$22=$B$17,14,0)+IF('Standard Profiles'!$G$22=$B$24,21,0),0)),0)</f>
        <v>0</v>
      </c>
      <c r="I6377">
        <f t="shared" si="713"/>
        <v>0.2263667873161172</v>
      </c>
      <c r="J6377">
        <f t="shared" si="714"/>
        <v>26.748891569732201</v>
      </c>
      <c r="K6377">
        <f t="shared" si="715"/>
        <v>2.2439151684951977</v>
      </c>
      <c r="L6377">
        <f t="shared" si="716"/>
        <v>1.1219575842475988</v>
      </c>
      <c r="M6377">
        <f t="shared" si="717"/>
        <v>0</v>
      </c>
      <c r="N6377" s="45">
        <f t="shared" si="718"/>
        <v>45191.291666651283</v>
      </c>
    </row>
    <row r="6378" spans="2:14" x14ac:dyDescent="0.25">
      <c r="B6378">
        <f t="shared" si="712"/>
        <v>5</v>
      </c>
      <c r="C6378" s="16">
        <v>6344</v>
      </c>
      <c r="D6378" cm="1">
        <f t="array" ref="D6378">IFERROR(INDEX(Jesper!AH$2:AH$366,ROUNDDOWN($C6378/24,0)+1,1)*INDEX($D$3:$AA$30,INDEX(Jesper!$R$2:$R$366,ROW(INDEX(Jesper!AH$2:AH$366,ROUNDDOWN($C6378/24,0)+1,1))-1)+IF('Standard Profiles'!$G$18=$B$10,7,0)+IF('Standard Profiles'!$G$18=$B$17,14,0)+IF('Standard Profiles'!$G$18=$B$24,21,0),MOD($C6378,24)+1)/SUM(INDEX($D$3:$AA$30,INDEX(Jesper!$R$2:$R$366,ROW(INDEX(Jesper!AH$2:AH$366,ROUNDDOWN($C6378/24,0)+1,1))-1)+IF('Standard Profiles'!$G$18=$B$10,7,0)+IF('Standard Profiles'!$G$18=$B$17,14,0)+IF('Standard Profiles'!$G$18=$B$24,21,0),0)),0)</f>
        <v>26.295880880803097</v>
      </c>
      <c r="E6378" cm="1">
        <f t="array" ref="E6378">IFERROR(INDEX(Jesper!AI$2:AI$366,ROUNDDOWN($C6378/24,0)+1,1)*INDEX($D$3:$AA$30,INDEX(Jesper!$R$2:$R$366,ROW(INDEX(Jesper!AI$2:AI$366,ROUNDDOWN($C6378/24,0)+1,1))-1)+IF('Standard Profiles'!$G$19=$B$10,7,0)+IF('Standard Profiles'!$G$19=$B$17,14,0)+IF('Standard Profiles'!$G$19=$B$24,21,0),MOD($C6378,24)+1)/SUM(INDEX($D$3:$AA$30,INDEX(Jesper!$R$2:$R$366,ROW(INDEX(Jesper!AI$2:AI$366,ROUNDDOWN($C6378/24,0)+1,1))-1)+IF('Standard Profiles'!$G$19=$B$10,7,0)+IF('Standard Profiles'!$G$19=$B$17,14,0)+IF('Standard Profiles'!$G$19=$B$24,21,0),0)),0)</f>
        <v>11.041036164466739</v>
      </c>
      <c r="F6378" cm="1">
        <f t="array" ref="F6378">IFERROR(INDEX(Jesper!AJ$2:AJ$366,ROUNDDOWN($C6378/24,0)+1,1)*INDEX($D$3:$AA$30,INDEX(Jesper!$R$2:$R$366,ROW(INDEX(Jesper!AJ$2:AJ$366,ROUNDDOWN($C6378/24,0)+1,1))-1)+IF('Standard Profiles'!$G$20=$B$10,7,0)+IF('Standard Profiles'!$G$20=$B$17,14,0)+IF('Standard Profiles'!$G$20=$B$24,21,0),MOD($C6378,24)+1)/SUM(INDEX($D$3:$AA$30,INDEX(Jesper!$R$2:$R$366,ROW(INDEX(Jesper!AJ$2:AJ$366,ROUNDDOWN($C6378/24,0)+1,1))-1)+IF('Standard Profiles'!$G$20=$B$10,7,0)+IF('Standard Profiles'!$G$20=$B$17,14,0)+IF('Standard Profiles'!$G$20=$B$24,21,0),0)),0)</f>
        <v>0</v>
      </c>
      <c r="G6378" cm="1">
        <f t="array" ref="G6378">IFERROR(INDEX(Jesper!AK$2:AK$366,ROUNDDOWN($C6378/24,0)+1,1)*INDEX($D$3:$AA$30,INDEX(Jesper!$R$2:$R$366,ROW(INDEX(Jesper!AK$2:AK$366,ROUNDDOWN($C6378/24,0)+1,1))-1)+IF('Standard Profiles'!$G$21=$B$10,7,0)+IF('Standard Profiles'!$G$21=$B$17,14,0)+IF('Standard Profiles'!$G$21=$B$24,21,0),MOD($C6378,24)+1)/SUM(INDEX($D$3:$AA$30,INDEX(Jesper!$R$2:$R$366,ROW(INDEX(Jesper!AK$2:AK$366,ROUNDDOWN($C6378/24,0)+1,1))-1)+IF('Standard Profiles'!$G$21=$B$10,7,0)+IF('Standard Profiles'!$G$21=$B$17,14,0)+IF('Standard Profiles'!$G$21=$B$24,21,0),0)),0)</f>
        <v>0.5894968419690555</v>
      </c>
      <c r="H6378" cm="1">
        <f t="array" ref="H6378">IFERROR(INDEX(Jesper!AL$2:AL$366,ROUNDDOWN($C6378/24,0)+1,1)*INDEX($D$3:$AA$30,INDEX(Jesper!$R$2:$R$366,ROW(INDEX(Jesper!AL$2:AL$366,ROUNDDOWN($C6378/24,0)+1,1))-1)+IF('Standard Profiles'!$G$22=$B$10,7,0)+IF('Standard Profiles'!$G$22=$B$17,14,0)+IF('Standard Profiles'!$G$22=$B$24,21,0),MOD($C6378,24)+1)/SUM(INDEX($D$3:$AA$30,INDEX(Jesper!$R$2:$R$366,ROW(INDEX(Jesper!AL$2:AL$366,ROUNDDOWN($C6378/24,0)+1,1))-1)+IF('Standard Profiles'!$G$22=$B$10,7,0)+IF('Standard Profiles'!$G$22=$B$17,14,0)+IF('Standard Profiles'!$G$22=$B$24,21,0),0)),0)</f>
        <v>0</v>
      </c>
      <c r="I6378">
        <f t="shared" si="713"/>
        <v>0.28295848414514652</v>
      </c>
      <c r="J6378">
        <f t="shared" si="714"/>
        <v>33.43611446216525</v>
      </c>
      <c r="K6378">
        <f t="shared" si="715"/>
        <v>2.8048939606189971</v>
      </c>
      <c r="L6378">
        <f t="shared" si="716"/>
        <v>1.4024469803094985</v>
      </c>
      <c r="M6378">
        <f t="shared" si="717"/>
        <v>0</v>
      </c>
      <c r="N6378" s="45">
        <f t="shared" si="718"/>
        <v>45191.333333317947</v>
      </c>
    </row>
    <row r="6379" spans="2:14" x14ac:dyDescent="0.25">
      <c r="B6379">
        <f t="shared" si="712"/>
        <v>5</v>
      </c>
      <c r="C6379" s="16">
        <v>6345</v>
      </c>
      <c r="D6379" cm="1">
        <f t="array" ref="D6379">IFERROR(INDEX(Jesper!AH$2:AH$366,ROUNDDOWN($C6379/24,0)+1,1)*INDEX($D$3:$AA$30,INDEX(Jesper!$R$2:$R$366,ROW(INDEX(Jesper!AH$2:AH$366,ROUNDDOWN($C6379/24,0)+1,1))-1)+IF('Standard Profiles'!$G$18=$B$10,7,0)+IF('Standard Profiles'!$G$18=$B$17,14,0)+IF('Standard Profiles'!$G$18=$B$24,21,0),MOD($C6379,24)+1)/SUM(INDEX($D$3:$AA$30,INDEX(Jesper!$R$2:$R$366,ROW(INDEX(Jesper!AH$2:AH$366,ROUNDDOWN($C6379/24,0)+1,1))-1)+IF('Standard Profiles'!$G$18=$B$10,7,0)+IF('Standard Profiles'!$G$18=$B$17,14,0)+IF('Standard Profiles'!$G$18=$B$24,21,0),0)),0)</f>
        <v>28.925468968883404</v>
      </c>
      <c r="E6379" cm="1">
        <f t="array" ref="E6379">IFERROR(INDEX(Jesper!AI$2:AI$366,ROUNDDOWN($C6379/24,0)+1,1)*INDEX($D$3:$AA$30,INDEX(Jesper!$R$2:$R$366,ROW(INDEX(Jesper!AI$2:AI$366,ROUNDDOWN($C6379/24,0)+1,1))-1)+IF('Standard Profiles'!$G$19=$B$10,7,0)+IF('Standard Profiles'!$G$19=$B$17,14,0)+IF('Standard Profiles'!$G$19=$B$24,21,0),MOD($C6379,24)+1)/SUM(INDEX($D$3:$AA$30,INDEX(Jesper!$R$2:$R$366,ROW(INDEX(Jesper!AI$2:AI$366,ROUNDDOWN($C6379/24,0)+1,1))-1)+IF('Standard Profiles'!$G$19=$B$10,7,0)+IF('Standard Profiles'!$G$19=$B$17,14,0)+IF('Standard Profiles'!$G$19=$B$24,21,0),0)),0)</f>
        <v>12.145139780913414</v>
      </c>
      <c r="F6379" cm="1">
        <f t="array" ref="F6379">IFERROR(INDEX(Jesper!AJ$2:AJ$366,ROUNDDOWN($C6379/24,0)+1,1)*INDEX($D$3:$AA$30,INDEX(Jesper!$R$2:$R$366,ROW(INDEX(Jesper!AJ$2:AJ$366,ROUNDDOWN($C6379/24,0)+1,1))-1)+IF('Standard Profiles'!$G$20=$B$10,7,0)+IF('Standard Profiles'!$G$20=$B$17,14,0)+IF('Standard Profiles'!$G$20=$B$24,21,0),MOD($C6379,24)+1)/SUM(INDEX($D$3:$AA$30,INDEX(Jesper!$R$2:$R$366,ROW(INDEX(Jesper!AJ$2:AJ$366,ROUNDDOWN($C6379/24,0)+1,1))-1)+IF('Standard Profiles'!$G$20=$B$10,7,0)+IF('Standard Profiles'!$G$20=$B$17,14,0)+IF('Standard Profiles'!$G$20=$B$24,21,0),0)),0)</f>
        <v>0</v>
      </c>
      <c r="G6379" cm="1">
        <f t="array" ref="G6379">IFERROR(INDEX(Jesper!AK$2:AK$366,ROUNDDOWN($C6379/24,0)+1,1)*INDEX($D$3:$AA$30,INDEX(Jesper!$R$2:$R$366,ROW(INDEX(Jesper!AK$2:AK$366,ROUNDDOWN($C6379/24,0)+1,1))-1)+IF('Standard Profiles'!$G$21=$B$10,7,0)+IF('Standard Profiles'!$G$21=$B$17,14,0)+IF('Standard Profiles'!$G$21=$B$24,21,0),MOD($C6379,24)+1)/SUM(INDEX($D$3:$AA$30,INDEX(Jesper!$R$2:$R$366,ROW(INDEX(Jesper!AK$2:AK$366,ROUNDDOWN($C6379/24,0)+1,1))-1)+IF('Standard Profiles'!$G$21=$B$10,7,0)+IF('Standard Profiles'!$G$21=$B$17,14,0)+IF('Standard Profiles'!$G$21=$B$24,21,0),0)),0)</f>
        <v>0.6484465261659611</v>
      </c>
      <c r="H6379" cm="1">
        <f t="array" ref="H6379">IFERROR(INDEX(Jesper!AL$2:AL$366,ROUNDDOWN($C6379/24,0)+1,1)*INDEX($D$3:$AA$30,INDEX(Jesper!$R$2:$R$366,ROW(INDEX(Jesper!AL$2:AL$366,ROUNDDOWN($C6379/24,0)+1,1))-1)+IF('Standard Profiles'!$G$22=$B$10,7,0)+IF('Standard Profiles'!$G$22=$B$17,14,0)+IF('Standard Profiles'!$G$22=$B$24,21,0),MOD($C6379,24)+1)/SUM(INDEX($D$3:$AA$30,INDEX(Jesper!$R$2:$R$366,ROW(INDEX(Jesper!AL$2:AL$366,ROUNDDOWN($C6379/24,0)+1,1))-1)+IF('Standard Profiles'!$G$22=$B$10,7,0)+IF('Standard Profiles'!$G$22=$B$17,14,0)+IF('Standard Profiles'!$G$22=$B$24,21,0),0)),0)</f>
        <v>0</v>
      </c>
      <c r="I6379">
        <f t="shared" si="713"/>
        <v>0.31125433255966117</v>
      </c>
      <c r="J6379">
        <f t="shared" si="714"/>
        <v>36.779725908381771</v>
      </c>
      <c r="K6379">
        <f t="shared" si="715"/>
        <v>3.0853833566808966</v>
      </c>
      <c r="L6379">
        <f t="shared" si="716"/>
        <v>1.5426916783404483</v>
      </c>
      <c r="M6379">
        <f t="shared" si="717"/>
        <v>0</v>
      </c>
      <c r="N6379" s="45">
        <f t="shared" si="718"/>
        <v>45191.374999984611</v>
      </c>
    </row>
    <row r="6380" spans="2:14" x14ac:dyDescent="0.25">
      <c r="B6380">
        <f t="shared" si="712"/>
        <v>5</v>
      </c>
      <c r="C6380" s="16">
        <v>6346</v>
      </c>
      <c r="D6380" cm="1">
        <f t="array" ref="D6380">IFERROR(INDEX(Jesper!AH$2:AH$366,ROUNDDOWN($C6380/24,0)+1,1)*INDEX($D$3:$AA$30,INDEX(Jesper!$R$2:$R$366,ROW(INDEX(Jesper!AH$2:AH$366,ROUNDDOWN($C6380/24,0)+1,1))-1)+IF('Standard Profiles'!$G$18=$B$10,7,0)+IF('Standard Profiles'!$G$18=$B$17,14,0)+IF('Standard Profiles'!$G$18=$B$24,21,0),MOD($C6380,24)+1)/SUM(INDEX($D$3:$AA$30,INDEX(Jesper!$R$2:$R$366,ROW(INDEX(Jesper!AH$2:AH$366,ROUNDDOWN($C6380/24,0)+1,1))-1)+IF('Standard Profiles'!$G$18=$B$10,7,0)+IF('Standard Profiles'!$G$18=$B$17,14,0)+IF('Standard Profiles'!$G$18=$B$24,21,0),0)),0)</f>
        <v>28.925468968883404</v>
      </c>
      <c r="E6380" cm="1">
        <f t="array" ref="E6380">IFERROR(INDEX(Jesper!AI$2:AI$366,ROUNDDOWN($C6380/24,0)+1,1)*INDEX($D$3:$AA$30,INDEX(Jesper!$R$2:$R$366,ROW(INDEX(Jesper!AI$2:AI$366,ROUNDDOWN($C6380/24,0)+1,1))-1)+IF('Standard Profiles'!$G$19=$B$10,7,0)+IF('Standard Profiles'!$G$19=$B$17,14,0)+IF('Standard Profiles'!$G$19=$B$24,21,0),MOD($C6380,24)+1)/SUM(INDEX($D$3:$AA$30,INDEX(Jesper!$R$2:$R$366,ROW(INDEX(Jesper!AI$2:AI$366,ROUNDDOWN($C6380/24,0)+1,1))-1)+IF('Standard Profiles'!$G$19=$B$10,7,0)+IF('Standard Profiles'!$G$19=$B$17,14,0)+IF('Standard Profiles'!$G$19=$B$24,21,0),0)),0)</f>
        <v>12.145139780913414</v>
      </c>
      <c r="F6380" cm="1">
        <f t="array" ref="F6380">IFERROR(INDEX(Jesper!AJ$2:AJ$366,ROUNDDOWN($C6380/24,0)+1,1)*INDEX($D$3:$AA$30,INDEX(Jesper!$R$2:$R$366,ROW(INDEX(Jesper!AJ$2:AJ$366,ROUNDDOWN($C6380/24,0)+1,1))-1)+IF('Standard Profiles'!$G$20=$B$10,7,0)+IF('Standard Profiles'!$G$20=$B$17,14,0)+IF('Standard Profiles'!$G$20=$B$24,21,0),MOD($C6380,24)+1)/SUM(INDEX($D$3:$AA$30,INDEX(Jesper!$R$2:$R$366,ROW(INDEX(Jesper!AJ$2:AJ$366,ROUNDDOWN($C6380/24,0)+1,1))-1)+IF('Standard Profiles'!$G$20=$B$10,7,0)+IF('Standard Profiles'!$G$20=$B$17,14,0)+IF('Standard Profiles'!$G$20=$B$24,21,0),0)),0)</f>
        <v>0</v>
      </c>
      <c r="G6380" cm="1">
        <f t="array" ref="G6380">IFERROR(INDEX(Jesper!AK$2:AK$366,ROUNDDOWN($C6380/24,0)+1,1)*INDEX($D$3:$AA$30,INDEX(Jesper!$R$2:$R$366,ROW(INDEX(Jesper!AK$2:AK$366,ROUNDDOWN($C6380/24,0)+1,1))-1)+IF('Standard Profiles'!$G$21=$B$10,7,0)+IF('Standard Profiles'!$G$21=$B$17,14,0)+IF('Standard Profiles'!$G$21=$B$24,21,0),MOD($C6380,24)+1)/SUM(INDEX($D$3:$AA$30,INDEX(Jesper!$R$2:$R$366,ROW(INDEX(Jesper!AK$2:AK$366,ROUNDDOWN($C6380/24,0)+1,1))-1)+IF('Standard Profiles'!$G$21=$B$10,7,0)+IF('Standard Profiles'!$G$21=$B$17,14,0)+IF('Standard Profiles'!$G$21=$B$24,21,0),0)),0)</f>
        <v>0.6484465261659611</v>
      </c>
      <c r="H6380" cm="1">
        <f t="array" ref="H6380">IFERROR(INDEX(Jesper!AL$2:AL$366,ROUNDDOWN($C6380/24,0)+1,1)*INDEX($D$3:$AA$30,INDEX(Jesper!$R$2:$R$366,ROW(INDEX(Jesper!AL$2:AL$366,ROUNDDOWN($C6380/24,0)+1,1))-1)+IF('Standard Profiles'!$G$22=$B$10,7,0)+IF('Standard Profiles'!$G$22=$B$17,14,0)+IF('Standard Profiles'!$G$22=$B$24,21,0),MOD($C6380,24)+1)/SUM(INDEX($D$3:$AA$30,INDEX(Jesper!$R$2:$R$366,ROW(INDEX(Jesper!AL$2:AL$366,ROUNDDOWN($C6380/24,0)+1,1))-1)+IF('Standard Profiles'!$G$22=$B$10,7,0)+IF('Standard Profiles'!$G$22=$B$17,14,0)+IF('Standard Profiles'!$G$22=$B$24,21,0),0)),0)</f>
        <v>0</v>
      </c>
      <c r="I6380">
        <f t="shared" si="713"/>
        <v>0.31125433255966117</v>
      </c>
      <c r="J6380">
        <f t="shared" si="714"/>
        <v>36.779725908381771</v>
      </c>
      <c r="K6380">
        <f t="shared" si="715"/>
        <v>3.0853833566808966</v>
      </c>
      <c r="L6380">
        <f t="shared" si="716"/>
        <v>1.5426916783404483</v>
      </c>
      <c r="M6380">
        <f t="shared" si="717"/>
        <v>0</v>
      </c>
      <c r="N6380" s="45">
        <f t="shared" si="718"/>
        <v>45191.416666651276</v>
      </c>
    </row>
    <row r="6381" spans="2:14" x14ac:dyDescent="0.25">
      <c r="B6381">
        <f t="shared" si="712"/>
        <v>5</v>
      </c>
      <c r="C6381" s="16">
        <v>6347</v>
      </c>
      <c r="D6381" cm="1">
        <f t="array" ref="D6381">IFERROR(INDEX(Jesper!AH$2:AH$366,ROUNDDOWN($C6381/24,0)+1,1)*INDEX($D$3:$AA$30,INDEX(Jesper!$R$2:$R$366,ROW(INDEX(Jesper!AH$2:AH$366,ROUNDDOWN($C6381/24,0)+1,1))-1)+IF('Standard Profiles'!$G$18=$B$10,7,0)+IF('Standard Profiles'!$G$18=$B$17,14,0)+IF('Standard Profiles'!$G$18=$B$24,21,0),MOD($C6381,24)+1)/SUM(INDEX($D$3:$AA$30,INDEX(Jesper!$R$2:$R$366,ROW(INDEX(Jesper!AH$2:AH$366,ROUNDDOWN($C6381/24,0)+1,1))-1)+IF('Standard Profiles'!$G$18=$B$10,7,0)+IF('Standard Profiles'!$G$18=$B$17,14,0)+IF('Standard Profiles'!$G$18=$B$24,21,0),0)),0)</f>
        <v>34.184645145044023</v>
      </c>
      <c r="E6381" cm="1">
        <f t="array" ref="E6381">IFERROR(INDEX(Jesper!AI$2:AI$366,ROUNDDOWN($C6381/24,0)+1,1)*INDEX($D$3:$AA$30,INDEX(Jesper!$R$2:$R$366,ROW(INDEX(Jesper!AI$2:AI$366,ROUNDDOWN($C6381/24,0)+1,1))-1)+IF('Standard Profiles'!$G$19=$B$10,7,0)+IF('Standard Profiles'!$G$19=$B$17,14,0)+IF('Standard Profiles'!$G$19=$B$24,21,0),MOD($C6381,24)+1)/SUM(INDEX($D$3:$AA$30,INDEX(Jesper!$R$2:$R$366,ROW(INDEX(Jesper!AI$2:AI$366,ROUNDDOWN($C6381/24,0)+1,1))-1)+IF('Standard Profiles'!$G$19=$B$10,7,0)+IF('Standard Profiles'!$G$19=$B$17,14,0)+IF('Standard Profiles'!$G$19=$B$24,21,0),0)),0)</f>
        <v>14.353347013806761</v>
      </c>
      <c r="F6381" cm="1">
        <f t="array" ref="F6381">IFERROR(INDEX(Jesper!AJ$2:AJ$366,ROUNDDOWN($C6381/24,0)+1,1)*INDEX($D$3:$AA$30,INDEX(Jesper!$R$2:$R$366,ROW(INDEX(Jesper!AJ$2:AJ$366,ROUNDDOWN($C6381/24,0)+1,1))-1)+IF('Standard Profiles'!$G$20=$B$10,7,0)+IF('Standard Profiles'!$G$20=$B$17,14,0)+IF('Standard Profiles'!$G$20=$B$24,21,0),MOD($C6381,24)+1)/SUM(INDEX($D$3:$AA$30,INDEX(Jesper!$R$2:$R$366,ROW(INDEX(Jesper!AJ$2:AJ$366,ROUNDDOWN($C6381/24,0)+1,1))-1)+IF('Standard Profiles'!$G$20=$B$10,7,0)+IF('Standard Profiles'!$G$20=$B$17,14,0)+IF('Standard Profiles'!$G$20=$B$24,21,0),0)),0)</f>
        <v>0</v>
      </c>
      <c r="G6381" cm="1">
        <f t="array" ref="G6381">IFERROR(INDEX(Jesper!AK$2:AK$366,ROUNDDOWN($C6381/24,0)+1,1)*INDEX($D$3:$AA$30,INDEX(Jesper!$R$2:$R$366,ROW(INDEX(Jesper!AK$2:AK$366,ROUNDDOWN($C6381/24,0)+1,1))-1)+IF('Standard Profiles'!$G$21=$B$10,7,0)+IF('Standard Profiles'!$G$21=$B$17,14,0)+IF('Standard Profiles'!$G$21=$B$24,21,0),MOD($C6381,24)+1)/SUM(INDEX($D$3:$AA$30,INDEX(Jesper!$R$2:$R$366,ROW(INDEX(Jesper!AK$2:AK$366,ROUNDDOWN($C6381/24,0)+1,1))-1)+IF('Standard Profiles'!$G$21=$B$10,7,0)+IF('Standard Profiles'!$G$21=$B$17,14,0)+IF('Standard Profiles'!$G$21=$B$24,21,0),0)),0)</f>
        <v>0.7663458945597722</v>
      </c>
      <c r="H6381" cm="1">
        <f t="array" ref="H6381">IFERROR(INDEX(Jesper!AL$2:AL$366,ROUNDDOWN($C6381/24,0)+1,1)*INDEX($D$3:$AA$30,INDEX(Jesper!$R$2:$R$366,ROW(INDEX(Jesper!AL$2:AL$366,ROUNDDOWN($C6381/24,0)+1,1))-1)+IF('Standard Profiles'!$G$22=$B$10,7,0)+IF('Standard Profiles'!$G$22=$B$17,14,0)+IF('Standard Profiles'!$G$22=$B$24,21,0),MOD($C6381,24)+1)/SUM(INDEX($D$3:$AA$30,INDEX(Jesper!$R$2:$R$366,ROW(INDEX(Jesper!AL$2:AL$366,ROUNDDOWN($C6381/24,0)+1,1))-1)+IF('Standard Profiles'!$G$22=$B$10,7,0)+IF('Standard Profiles'!$G$22=$B$17,14,0)+IF('Standard Profiles'!$G$22=$B$24,21,0),0)),0)</f>
        <v>0</v>
      </c>
      <c r="I6381">
        <f t="shared" si="713"/>
        <v>0.36784602938869049</v>
      </c>
      <c r="J6381">
        <f t="shared" si="714"/>
        <v>43.466948800814826</v>
      </c>
      <c r="K6381">
        <f t="shared" si="715"/>
        <v>3.646362148804696</v>
      </c>
      <c r="L6381">
        <f t="shared" si="716"/>
        <v>1.823181074402348</v>
      </c>
      <c r="M6381">
        <f t="shared" si="717"/>
        <v>0</v>
      </c>
      <c r="N6381" s="45">
        <f t="shared" si="718"/>
        <v>45191.45833331794</v>
      </c>
    </row>
    <row r="6382" spans="2:14" x14ac:dyDescent="0.25">
      <c r="B6382">
        <f t="shared" si="712"/>
        <v>5</v>
      </c>
      <c r="C6382" s="16">
        <v>6348</v>
      </c>
      <c r="D6382" cm="1">
        <f t="array" ref="D6382">IFERROR(INDEX(Jesper!AH$2:AH$366,ROUNDDOWN($C6382/24,0)+1,1)*INDEX($D$3:$AA$30,INDEX(Jesper!$R$2:$R$366,ROW(INDEX(Jesper!AH$2:AH$366,ROUNDDOWN($C6382/24,0)+1,1))-1)+IF('Standard Profiles'!$G$18=$B$10,7,0)+IF('Standard Profiles'!$G$18=$B$17,14,0)+IF('Standard Profiles'!$G$18=$B$24,21,0),MOD($C6382,24)+1)/SUM(INDEX($D$3:$AA$30,INDEX(Jesper!$R$2:$R$366,ROW(INDEX(Jesper!AH$2:AH$366,ROUNDDOWN($C6382/24,0)+1,1))-1)+IF('Standard Profiles'!$G$18=$B$10,7,0)+IF('Standard Profiles'!$G$18=$B$17,14,0)+IF('Standard Profiles'!$G$18=$B$24,21,0),0)),0)</f>
        <v>34.184645145044023</v>
      </c>
      <c r="E6382" cm="1">
        <f t="array" ref="E6382">IFERROR(INDEX(Jesper!AI$2:AI$366,ROUNDDOWN($C6382/24,0)+1,1)*INDEX($D$3:$AA$30,INDEX(Jesper!$R$2:$R$366,ROW(INDEX(Jesper!AI$2:AI$366,ROUNDDOWN($C6382/24,0)+1,1))-1)+IF('Standard Profiles'!$G$19=$B$10,7,0)+IF('Standard Profiles'!$G$19=$B$17,14,0)+IF('Standard Profiles'!$G$19=$B$24,21,0),MOD($C6382,24)+1)/SUM(INDEX($D$3:$AA$30,INDEX(Jesper!$R$2:$R$366,ROW(INDEX(Jesper!AI$2:AI$366,ROUNDDOWN($C6382/24,0)+1,1))-1)+IF('Standard Profiles'!$G$19=$B$10,7,0)+IF('Standard Profiles'!$G$19=$B$17,14,0)+IF('Standard Profiles'!$G$19=$B$24,21,0),0)),0)</f>
        <v>14.353347013806761</v>
      </c>
      <c r="F6382" cm="1">
        <f t="array" ref="F6382">IFERROR(INDEX(Jesper!AJ$2:AJ$366,ROUNDDOWN($C6382/24,0)+1,1)*INDEX($D$3:$AA$30,INDEX(Jesper!$R$2:$R$366,ROW(INDEX(Jesper!AJ$2:AJ$366,ROUNDDOWN($C6382/24,0)+1,1))-1)+IF('Standard Profiles'!$G$20=$B$10,7,0)+IF('Standard Profiles'!$G$20=$B$17,14,0)+IF('Standard Profiles'!$G$20=$B$24,21,0),MOD($C6382,24)+1)/SUM(INDEX($D$3:$AA$30,INDEX(Jesper!$R$2:$R$366,ROW(INDEX(Jesper!AJ$2:AJ$366,ROUNDDOWN($C6382/24,0)+1,1))-1)+IF('Standard Profiles'!$G$20=$B$10,7,0)+IF('Standard Profiles'!$G$20=$B$17,14,0)+IF('Standard Profiles'!$G$20=$B$24,21,0),0)),0)</f>
        <v>0</v>
      </c>
      <c r="G6382" cm="1">
        <f t="array" ref="G6382">IFERROR(INDEX(Jesper!AK$2:AK$366,ROUNDDOWN($C6382/24,0)+1,1)*INDEX($D$3:$AA$30,INDEX(Jesper!$R$2:$R$366,ROW(INDEX(Jesper!AK$2:AK$366,ROUNDDOWN($C6382/24,0)+1,1))-1)+IF('Standard Profiles'!$G$21=$B$10,7,0)+IF('Standard Profiles'!$G$21=$B$17,14,0)+IF('Standard Profiles'!$G$21=$B$24,21,0),MOD($C6382,24)+1)/SUM(INDEX($D$3:$AA$30,INDEX(Jesper!$R$2:$R$366,ROW(INDEX(Jesper!AK$2:AK$366,ROUNDDOWN($C6382/24,0)+1,1))-1)+IF('Standard Profiles'!$G$21=$B$10,7,0)+IF('Standard Profiles'!$G$21=$B$17,14,0)+IF('Standard Profiles'!$G$21=$B$24,21,0),0)),0)</f>
        <v>0.7663458945597722</v>
      </c>
      <c r="H6382" cm="1">
        <f t="array" ref="H6382">IFERROR(INDEX(Jesper!AL$2:AL$366,ROUNDDOWN($C6382/24,0)+1,1)*INDEX($D$3:$AA$30,INDEX(Jesper!$R$2:$R$366,ROW(INDEX(Jesper!AL$2:AL$366,ROUNDDOWN($C6382/24,0)+1,1))-1)+IF('Standard Profiles'!$G$22=$B$10,7,0)+IF('Standard Profiles'!$G$22=$B$17,14,0)+IF('Standard Profiles'!$G$22=$B$24,21,0),MOD($C6382,24)+1)/SUM(INDEX($D$3:$AA$30,INDEX(Jesper!$R$2:$R$366,ROW(INDEX(Jesper!AL$2:AL$366,ROUNDDOWN($C6382/24,0)+1,1))-1)+IF('Standard Profiles'!$G$22=$B$10,7,0)+IF('Standard Profiles'!$G$22=$B$17,14,0)+IF('Standard Profiles'!$G$22=$B$24,21,0),0)),0)</f>
        <v>0</v>
      </c>
      <c r="I6382">
        <f t="shared" si="713"/>
        <v>0.36784602938869049</v>
      </c>
      <c r="J6382">
        <f t="shared" si="714"/>
        <v>43.466948800814826</v>
      </c>
      <c r="K6382">
        <f t="shared" si="715"/>
        <v>3.646362148804696</v>
      </c>
      <c r="L6382">
        <f t="shared" si="716"/>
        <v>1.823181074402348</v>
      </c>
      <c r="M6382">
        <f t="shared" si="717"/>
        <v>0</v>
      </c>
      <c r="N6382" s="45">
        <f t="shared" si="718"/>
        <v>45191.499999984604</v>
      </c>
    </row>
    <row r="6383" spans="2:14" x14ac:dyDescent="0.25">
      <c r="B6383">
        <f t="shared" si="712"/>
        <v>5</v>
      </c>
      <c r="C6383" s="16">
        <v>6349</v>
      </c>
      <c r="D6383" cm="1">
        <f t="array" ref="D6383">IFERROR(INDEX(Jesper!AH$2:AH$366,ROUNDDOWN($C6383/24,0)+1,1)*INDEX($D$3:$AA$30,INDEX(Jesper!$R$2:$R$366,ROW(INDEX(Jesper!AH$2:AH$366,ROUNDDOWN($C6383/24,0)+1,1))-1)+IF('Standard Profiles'!$G$18=$B$10,7,0)+IF('Standard Profiles'!$G$18=$B$17,14,0)+IF('Standard Profiles'!$G$18=$B$24,21,0),MOD($C6383,24)+1)/SUM(INDEX($D$3:$AA$30,INDEX(Jesper!$R$2:$R$366,ROW(INDEX(Jesper!AH$2:AH$366,ROUNDDOWN($C6383/24,0)+1,1))-1)+IF('Standard Profiles'!$G$18=$B$10,7,0)+IF('Standard Profiles'!$G$18=$B$17,14,0)+IF('Standard Profiles'!$G$18=$B$24,21,0),0)),0)</f>
        <v>23.666292792722786</v>
      </c>
      <c r="E6383" cm="1">
        <f t="array" ref="E6383">IFERROR(INDEX(Jesper!AI$2:AI$366,ROUNDDOWN($C6383/24,0)+1,1)*INDEX($D$3:$AA$30,INDEX(Jesper!$R$2:$R$366,ROW(INDEX(Jesper!AI$2:AI$366,ROUNDDOWN($C6383/24,0)+1,1))-1)+IF('Standard Profiles'!$G$19=$B$10,7,0)+IF('Standard Profiles'!$G$19=$B$17,14,0)+IF('Standard Profiles'!$G$19=$B$24,21,0),MOD($C6383,24)+1)/SUM(INDEX($D$3:$AA$30,INDEX(Jesper!$R$2:$R$366,ROW(INDEX(Jesper!AI$2:AI$366,ROUNDDOWN($C6383/24,0)+1,1))-1)+IF('Standard Profiles'!$G$19=$B$10,7,0)+IF('Standard Profiles'!$G$19=$B$17,14,0)+IF('Standard Profiles'!$G$19=$B$24,21,0),0)),0)</f>
        <v>9.9369325480200654</v>
      </c>
      <c r="F6383" cm="1">
        <f t="array" ref="F6383">IFERROR(INDEX(Jesper!AJ$2:AJ$366,ROUNDDOWN($C6383/24,0)+1,1)*INDEX($D$3:$AA$30,INDEX(Jesper!$R$2:$R$366,ROW(INDEX(Jesper!AJ$2:AJ$366,ROUNDDOWN($C6383/24,0)+1,1))-1)+IF('Standard Profiles'!$G$20=$B$10,7,0)+IF('Standard Profiles'!$G$20=$B$17,14,0)+IF('Standard Profiles'!$G$20=$B$24,21,0),MOD($C6383,24)+1)/SUM(INDEX($D$3:$AA$30,INDEX(Jesper!$R$2:$R$366,ROW(INDEX(Jesper!AJ$2:AJ$366,ROUNDDOWN($C6383/24,0)+1,1))-1)+IF('Standard Profiles'!$G$20=$B$10,7,0)+IF('Standard Profiles'!$G$20=$B$17,14,0)+IF('Standard Profiles'!$G$20=$B$24,21,0),0)),0)</f>
        <v>0</v>
      </c>
      <c r="G6383" cm="1">
        <f t="array" ref="G6383">IFERROR(INDEX(Jesper!AK$2:AK$366,ROUNDDOWN($C6383/24,0)+1,1)*INDEX($D$3:$AA$30,INDEX(Jesper!$R$2:$R$366,ROW(INDEX(Jesper!AK$2:AK$366,ROUNDDOWN($C6383/24,0)+1,1))-1)+IF('Standard Profiles'!$G$21=$B$10,7,0)+IF('Standard Profiles'!$G$21=$B$17,14,0)+IF('Standard Profiles'!$G$21=$B$24,21,0),MOD($C6383,24)+1)/SUM(INDEX($D$3:$AA$30,INDEX(Jesper!$R$2:$R$366,ROW(INDEX(Jesper!AK$2:AK$366,ROUNDDOWN($C6383/24,0)+1,1))-1)+IF('Standard Profiles'!$G$21=$B$10,7,0)+IF('Standard Profiles'!$G$21=$B$17,14,0)+IF('Standard Profiles'!$G$21=$B$24,21,0),0)),0)</f>
        <v>0.53054715777215</v>
      </c>
      <c r="H6383" cm="1">
        <f t="array" ref="H6383">IFERROR(INDEX(Jesper!AL$2:AL$366,ROUNDDOWN($C6383/24,0)+1,1)*INDEX($D$3:$AA$30,INDEX(Jesper!$R$2:$R$366,ROW(INDEX(Jesper!AL$2:AL$366,ROUNDDOWN($C6383/24,0)+1,1))-1)+IF('Standard Profiles'!$G$22=$B$10,7,0)+IF('Standard Profiles'!$G$22=$B$17,14,0)+IF('Standard Profiles'!$G$22=$B$24,21,0),MOD($C6383,24)+1)/SUM(INDEX($D$3:$AA$30,INDEX(Jesper!$R$2:$R$366,ROW(INDEX(Jesper!AL$2:AL$366,ROUNDDOWN($C6383/24,0)+1,1))-1)+IF('Standard Profiles'!$G$22=$B$10,7,0)+IF('Standard Profiles'!$G$22=$B$17,14,0)+IF('Standard Profiles'!$G$22=$B$24,21,0),0)),0)</f>
        <v>0</v>
      </c>
      <c r="I6383">
        <f t="shared" si="713"/>
        <v>0.25466263573063186</v>
      </c>
      <c r="J6383">
        <f t="shared" si="714"/>
        <v>30.092503015948726</v>
      </c>
      <c r="K6383">
        <f t="shared" si="715"/>
        <v>2.5244045645570972</v>
      </c>
      <c r="L6383">
        <f t="shared" si="716"/>
        <v>1.2622022822785486</v>
      </c>
      <c r="M6383">
        <f t="shared" si="717"/>
        <v>0</v>
      </c>
      <c r="N6383" s="45">
        <f t="shared" si="718"/>
        <v>45191.541666651268</v>
      </c>
    </row>
    <row r="6384" spans="2:14" x14ac:dyDescent="0.25">
      <c r="B6384">
        <f t="shared" si="712"/>
        <v>5</v>
      </c>
      <c r="C6384" s="16">
        <v>6350</v>
      </c>
      <c r="D6384" cm="1">
        <f t="array" ref="D6384">IFERROR(INDEX(Jesper!AH$2:AH$366,ROUNDDOWN($C6384/24,0)+1,1)*INDEX($D$3:$AA$30,INDEX(Jesper!$R$2:$R$366,ROW(INDEX(Jesper!AH$2:AH$366,ROUNDDOWN($C6384/24,0)+1,1))-1)+IF('Standard Profiles'!$G$18=$B$10,7,0)+IF('Standard Profiles'!$G$18=$B$17,14,0)+IF('Standard Profiles'!$G$18=$B$24,21,0),MOD($C6384,24)+1)/SUM(INDEX($D$3:$AA$30,INDEX(Jesper!$R$2:$R$366,ROW(INDEX(Jesper!AH$2:AH$366,ROUNDDOWN($C6384/24,0)+1,1))-1)+IF('Standard Profiles'!$G$18=$B$10,7,0)+IF('Standard Profiles'!$G$18=$B$17,14,0)+IF('Standard Profiles'!$G$18=$B$24,21,0),0)),0)</f>
        <v>34.184645145044023</v>
      </c>
      <c r="E6384" cm="1">
        <f t="array" ref="E6384">IFERROR(INDEX(Jesper!AI$2:AI$366,ROUNDDOWN($C6384/24,0)+1,1)*INDEX($D$3:$AA$30,INDEX(Jesper!$R$2:$R$366,ROW(INDEX(Jesper!AI$2:AI$366,ROUNDDOWN($C6384/24,0)+1,1))-1)+IF('Standard Profiles'!$G$19=$B$10,7,0)+IF('Standard Profiles'!$G$19=$B$17,14,0)+IF('Standard Profiles'!$G$19=$B$24,21,0),MOD($C6384,24)+1)/SUM(INDEX($D$3:$AA$30,INDEX(Jesper!$R$2:$R$366,ROW(INDEX(Jesper!AI$2:AI$366,ROUNDDOWN($C6384/24,0)+1,1))-1)+IF('Standard Profiles'!$G$19=$B$10,7,0)+IF('Standard Profiles'!$G$19=$B$17,14,0)+IF('Standard Profiles'!$G$19=$B$24,21,0),0)),0)</f>
        <v>14.353347013806761</v>
      </c>
      <c r="F6384" cm="1">
        <f t="array" ref="F6384">IFERROR(INDEX(Jesper!AJ$2:AJ$366,ROUNDDOWN($C6384/24,0)+1,1)*INDEX($D$3:$AA$30,INDEX(Jesper!$R$2:$R$366,ROW(INDEX(Jesper!AJ$2:AJ$366,ROUNDDOWN($C6384/24,0)+1,1))-1)+IF('Standard Profiles'!$G$20=$B$10,7,0)+IF('Standard Profiles'!$G$20=$B$17,14,0)+IF('Standard Profiles'!$G$20=$B$24,21,0),MOD($C6384,24)+1)/SUM(INDEX($D$3:$AA$30,INDEX(Jesper!$R$2:$R$366,ROW(INDEX(Jesper!AJ$2:AJ$366,ROUNDDOWN($C6384/24,0)+1,1))-1)+IF('Standard Profiles'!$G$20=$B$10,7,0)+IF('Standard Profiles'!$G$20=$B$17,14,0)+IF('Standard Profiles'!$G$20=$B$24,21,0),0)),0)</f>
        <v>0</v>
      </c>
      <c r="G6384" cm="1">
        <f t="array" ref="G6384">IFERROR(INDEX(Jesper!AK$2:AK$366,ROUNDDOWN($C6384/24,0)+1,1)*INDEX($D$3:$AA$30,INDEX(Jesper!$R$2:$R$366,ROW(INDEX(Jesper!AK$2:AK$366,ROUNDDOWN($C6384/24,0)+1,1))-1)+IF('Standard Profiles'!$G$21=$B$10,7,0)+IF('Standard Profiles'!$G$21=$B$17,14,0)+IF('Standard Profiles'!$G$21=$B$24,21,0),MOD($C6384,24)+1)/SUM(INDEX($D$3:$AA$30,INDEX(Jesper!$R$2:$R$366,ROW(INDEX(Jesper!AK$2:AK$366,ROUNDDOWN($C6384/24,0)+1,1))-1)+IF('Standard Profiles'!$G$21=$B$10,7,0)+IF('Standard Profiles'!$G$21=$B$17,14,0)+IF('Standard Profiles'!$G$21=$B$24,21,0),0)),0)</f>
        <v>0.7663458945597722</v>
      </c>
      <c r="H6384" cm="1">
        <f t="array" ref="H6384">IFERROR(INDEX(Jesper!AL$2:AL$366,ROUNDDOWN($C6384/24,0)+1,1)*INDEX($D$3:$AA$30,INDEX(Jesper!$R$2:$R$366,ROW(INDEX(Jesper!AL$2:AL$366,ROUNDDOWN($C6384/24,0)+1,1))-1)+IF('Standard Profiles'!$G$22=$B$10,7,0)+IF('Standard Profiles'!$G$22=$B$17,14,0)+IF('Standard Profiles'!$G$22=$B$24,21,0),MOD($C6384,24)+1)/SUM(INDEX($D$3:$AA$30,INDEX(Jesper!$R$2:$R$366,ROW(INDEX(Jesper!AL$2:AL$366,ROUNDDOWN($C6384/24,0)+1,1))-1)+IF('Standard Profiles'!$G$22=$B$10,7,0)+IF('Standard Profiles'!$G$22=$B$17,14,0)+IF('Standard Profiles'!$G$22=$B$24,21,0),0)),0)</f>
        <v>0</v>
      </c>
      <c r="I6384">
        <f t="shared" si="713"/>
        <v>0.36784602938869049</v>
      </c>
      <c r="J6384">
        <f t="shared" si="714"/>
        <v>43.466948800814826</v>
      </c>
      <c r="K6384">
        <f t="shared" si="715"/>
        <v>3.646362148804696</v>
      </c>
      <c r="L6384">
        <f t="shared" si="716"/>
        <v>1.823181074402348</v>
      </c>
      <c r="M6384">
        <f t="shared" si="717"/>
        <v>0</v>
      </c>
      <c r="N6384" s="45">
        <f t="shared" si="718"/>
        <v>45191.583333317933</v>
      </c>
    </row>
    <row r="6385" spans="2:14" x14ac:dyDescent="0.25">
      <c r="B6385">
        <f t="shared" si="712"/>
        <v>5</v>
      </c>
      <c r="C6385" s="16">
        <v>6351</v>
      </c>
      <c r="D6385" cm="1">
        <f t="array" ref="D6385">IFERROR(INDEX(Jesper!AH$2:AH$366,ROUNDDOWN($C6385/24,0)+1,1)*INDEX($D$3:$AA$30,INDEX(Jesper!$R$2:$R$366,ROW(INDEX(Jesper!AH$2:AH$366,ROUNDDOWN($C6385/24,0)+1,1))-1)+IF('Standard Profiles'!$G$18=$B$10,7,0)+IF('Standard Profiles'!$G$18=$B$17,14,0)+IF('Standard Profiles'!$G$18=$B$24,21,0),MOD($C6385,24)+1)/SUM(INDEX($D$3:$AA$30,INDEX(Jesper!$R$2:$R$366,ROW(INDEX(Jesper!AH$2:AH$366,ROUNDDOWN($C6385/24,0)+1,1))-1)+IF('Standard Profiles'!$G$18=$B$10,7,0)+IF('Standard Profiles'!$G$18=$B$17,14,0)+IF('Standard Profiles'!$G$18=$B$24,21,0),0)),0)</f>
        <v>26.295880880803097</v>
      </c>
      <c r="E6385" cm="1">
        <f t="array" ref="E6385">IFERROR(INDEX(Jesper!AI$2:AI$366,ROUNDDOWN($C6385/24,0)+1,1)*INDEX($D$3:$AA$30,INDEX(Jesper!$R$2:$R$366,ROW(INDEX(Jesper!AI$2:AI$366,ROUNDDOWN($C6385/24,0)+1,1))-1)+IF('Standard Profiles'!$G$19=$B$10,7,0)+IF('Standard Profiles'!$G$19=$B$17,14,0)+IF('Standard Profiles'!$G$19=$B$24,21,0),MOD($C6385,24)+1)/SUM(INDEX($D$3:$AA$30,INDEX(Jesper!$R$2:$R$366,ROW(INDEX(Jesper!AI$2:AI$366,ROUNDDOWN($C6385/24,0)+1,1))-1)+IF('Standard Profiles'!$G$19=$B$10,7,0)+IF('Standard Profiles'!$G$19=$B$17,14,0)+IF('Standard Profiles'!$G$19=$B$24,21,0),0)),0)</f>
        <v>11.041036164466739</v>
      </c>
      <c r="F6385" cm="1">
        <f t="array" ref="F6385">IFERROR(INDEX(Jesper!AJ$2:AJ$366,ROUNDDOWN($C6385/24,0)+1,1)*INDEX($D$3:$AA$30,INDEX(Jesper!$R$2:$R$366,ROW(INDEX(Jesper!AJ$2:AJ$366,ROUNDDOWN($C6385/24,0)+1,1))-1)+IF('Standard Profiles'!$G$20=$B$10,7,0)+IF('Standard Profiles'!$G$20=$B$17,14,0)+IF('Standard Profiles'!$G$20=$B$24,21,0),MOD($C6385,24)+1)/SUM(INDEX($D$3:$AA$30,INDEX(Jesper!$R$2:$R$366,ROW(INDEX(Jesper!AJ$2:AJ$366,ROUNDDOWN($C6385/24,0)+1,1))-1)+IF('Standard Profiles'!$G$20=$B$10,7,0)+IF('Standard Profiles'!$G$20=$B$17,14,0)+IF('Standard Profiles'!$G$20=$B$24,21,0),0)),0)</f>
        <v>0</v>
      </c>
      <c r="G6385" cm="1">
        <f t="array" ref="G6385">IFERROR(INDEX(Jesper!AK$2:AK$366,ROUNDDOWN($C6385/24,0)+1,1)*INDEX($D$3:$AA$30,INDEX(Jesper!$R$2:$R$366,ROW(INDEX(Jesper!AK$2:AK$366,ROUNDDOWN($C6385/24,0)+1,1))-1)+IF('Standard Profiles'!$G$21=$B$10,7,0)+IF('Standard Profiles'!$G$21=$B$17,14,0)+IF('Standard Profiles'!$G$21=$B$24,21,0),MOD($C6385,24)+1)/SUM(INDEX($D$3:$AA$30,INDEX(Jesper!$R$2:$R$366,ROW(INDEX(Jesper!AK$2:AK$366,ROUNDDOWN($C6385/24,0)+1,1))-1)+IF('Standard Profiles'!$G$21=$B$10,7,0)+IF('Standard Profiles'!$G$21=$B$17,14,0)+IF('Standard Profiles'!$G$21=$B$24,21,0),0)),0)</f>
        <v>0.6484465261659611</v>
      </c>
      <c r="H6385" cm="1">
        <f t="array" ref="H6385">IFERROR(INDEX(Jesper!AL$2:AL$366,ROUNDDOWN($C6385/24,0)+1,1)*INDEX($D$3:$AA$30,INDEX(Jesper!$R$2:$R$366,ROW(INDEX(Jesper!AL$2:AL$366,ROUNDDOWN($C6385/24,0)+1,1))-1)+IF('Standard Profiles'!$G$22=$B$10,7,0)+IF('Standard Profiles'!$G$22=$B$17,14,0)+IF('Standard Profiles'!$G$22=$B$24,21,0),MOD($C6385,24)+1)/SUM(INDEX($D$3:$AA$30,INDEX(Jesper!$R$2:$R$366,ROW(INDEX(Jesper!AL$2:AL$366,ROUNDDOWN($C6385/24,0)+1,1))-1)+IF('Standard Profiles'!$G$22=$B$10,7,0)+IF('Standard Profiles'!$G$22=$B$17,14,0)+IF('Standard Profiles'!$G$22=$B$24,21,0),0)),0)</f>
        <v>0</v>
      </c>
      <c r="I6385">
        <f t="shared" si="713"/>
        <v>0.31125433255966117</v>
      </c>
      <c r="J6385">
        <f t="shared" si="714"/>
        <v>33.466768297947638</v>
      </c>
      <c r="K6385">
        <f t="shared" si="715"/>
        <v>2.8048939606189971</v>
      </c>
      <c r="L6385">
        <f t="shared" si="716"/>
        <v>1.4024469803094985</v>
      </c>
      <c r="M6385">
        <f t="shared" si="717"/>
        <v>0</v>
      </c>
      <c r="N6385" s="45">
        <f t="shared" si="718"/>
        <v>45191.624999984597</v>
      </c>
    </row>
    <row r="6386" spans="2:14" x14ac:dyDescent="0.25">
      <c r="B6386">
        <f t="shared" si="712"/>
        <v>5</v>
      </c>
      <c r="C6386" s="16">
        <v>6352</v>
      </c>
      <c r="D6386" cm="1">
        <f t="array" ref="D6386">IFERROR(INDEX(Jesper!AH$2:AH$366,ROUNDDOWN($C6386/24,0)+1,1)*INDEX($D$3:$AA$30,INDEX(Jesper!$R$2:$R$366,ROW(INDEX(Jesper!AH$2:AH$366,ROUNDDOWN($C6386/24,0)+1,1))-1)+IF('Standard Profiles'!$G$18=$B$10,7,0)+IF('Standard Profiles'!$G$18=$B$17,14,0)+IF('Standard Profiles'!$G$18=$B$24,21,0),MOD($C6386,24)+1)/SUM(INDEX($D$3:$AA$30,INDEX(Jesper!$R$2:$R$366,ROW(INDEX(Jesper!AH$2:AH$366,ROUNDDOWN($C6386/24,0)+1,1))-1)+IF('Standard Profiles'!$G$18=$B$10,7,0)+IF('Standard Profiles'!$G$18=$B$17,14,0)+IF('Standard Profiles'!$G$18=$B$24,21,0),0)),0)</f>
        <v>12.345483981597697</v>
      </c>
      <c r="E6386" cm="1">
        <f t="array" ref="E6386">IFERROR(INDEX(Jesper!AI$2:AI$366,ROUNDDOWN($C6386/24,0)+1,1)*INDEX($D$3:$AA$30,INDEX(Jesper!$R$2:$R$366,ROW(INDEX(Jesper!AI$2:AI$366,ROUNDDOWN($C6386/24,0)+1,1))-1)+IF('Standard Profiles'!$G$19=$B$10,7,0)+IF('Standard Profiles'!$G$19=$B$17,14,0)+IF('Standard Profiles'!$G$19=$B$24,21,0),MOD($C6386,24)+1)/SUM(INDEX($D$3:$AA$30,INDEX(Jesper!$R$2:$R$366,ROW(INDEX(Jesper!AI$2:AI$366,ROUNDDOWN($C6386/24,0)+1,1))-1)+IF('Standard Profiles'!$G$19=$B$10,7,0)+IF('Standard Profiles'!$G$19=$B$17,14,0)+IF('Standard Profiles'!$G$19=$B$24,21,0),0)),0)</f>
        <v>5.183585053740253</v>
      </c>
      <c r="F6386" cm="1">
        <f t="array" ref="F6386">IFERROR(INDEX(Jesper!AJ$2:AJ$366,ROUNDDOWN($C6386/24,0)+1,1)*INDEX($D$3:$AA$30,INDEX(Jesper!$R$2:$R$366,ROW(INDEX(Jesper!AJ$2:AJ$366,ROUNDDOWN($C6386/24,0)+1,1))-1)+IF('Standard Profiles'!$G$20=$B$10,7,0)+IF('Standard Profiles'!$G$20=$B$17,14,0)+IF('Standard Profiles'!$G$20=$B$24,21,0),MOD($C6386,24)+1)/SUM(INDEX($D$3:$AA$30,INDEX(Jesper!$R$2:$R$366,ROW(INDEX(Jesper!AJ$2:AJ$366,ROUNDDOWN($C6386/24,0)+1,1))-1)+IF('Standard Profiles'!$G$20=$B$10,7,0)+IF('Standard Profiles'!$G$20=$B$17,14,0)+IF('Standard Profiles'!$G$20=$B$24,21,0),0)),0)</f>
        <v>0</v>
      </c>
      <c r="G6386" cm="1">
        <f t="array" ref="G6386">IFERROR(INDEX(Jesper!AK$2:AK$366,ROUNDDOWN($C6386/24,0)+1,1)*INDEX($D$3:$AA$30,INDEX(Jesper!$R$2:$R$366,ROW(INDEX(Jesper!AK$2:AK$366,ROUNDDOWN($C6386/24,0)+1,1))-1)+IF('Standard Profiles'!$G$21=$B$10,7,0)+IF('Standard Profiles'!$G$21=$B$17,14,0)+IF('Standard Profiles'!$G$21=$B$24,21,0),MOD($C6386,24)+1)/SUM(INDEX($D$3:$AA$30,INDEX(Jesper!$R$2:$R$366,ROW(INDEX(Jesper!AK$2:AK$366,ROUNDDOWN($C6386/24,0)+1,1))-1)+IF('Standard Profiles'!$G$21=$B$10,7,0)+IF('Standard Profiles'!$G$21=$B$17,14,0)+IF('Standard Profiles'!$G$21=$B$24,21,0),0)),0)</f>
        <v>0.56142556378005293</v>
      </c>
      <c r="H6386" cm="1">
        <f t="array" ref="H6386">IFERROR(INDEX(Jesper!AL$2:AL$366,ROUNDDOWN($C6386/24,0)+1,1)*INDEX($D$3:$AA$30,INDEX(Jesper!$R$2:$R$366,ROW(INDEX(Jesper!AL$2:AL$366,ROUNDDOWN($C6386/24,0)+1,1))-1)+IF('Standard Profiles'!$G$22=$B$10,7,0)+IF('Standard Profiles'!$G$22=$B$17,14,0)+IF('Standard Profiles'!$G$22=$B$24,21,0),MOD($C6386,24)+1)/SUM(INDEX($D$3:$AA$30,INDEX(Jesper!$R$2:$R$366,ROW(INDEX(Jesper!AL$2:AL$366,ROUNDDOWN($C6386/24,0)+1,1))-1)+IF('Standard Profiles'!$G$22=$B$10,7,0)+IF('Standard Profiles'!$G$22=$B$17,14,0)+IF('Standard Profiles'!$G$22=$B$24,21,0),0)),0)</f>
        <v>0</v>
      </c>
      <c r="I6386">
        <f t="shared" si="713"/>
        <v>0.26948427061442526</v>
      </c>
      <c r="J6386">
        <f t="shared" si="714"/>
        <v>15.845732891447945</v>
      </c>
      <c r="K6386">
        <f t="shared" si="715"/>
        <v>1.3168516247037545</v>
      </c>
      <c r="L6386">
        <f t="shared" si="716"/>
        <v>0.65842581235187725</v>
      </c>
      <c r="M6386">
        <f t="shared" si="717"/>
        <v>0</v>
      </c>
      <c r="N6386" s="45">
        <f t="shared" si="718"/>
        <v>45191.666666651261</v>
      </c>
    </row>
    <row r="6387" spans="2:14" x14ac:dyDescent="0.25">
      <c r="B6387">
        <f t="shared" si="712"/>
        <v>5</v>
      </c>
      <c r="C6387" s="16">
        <v>6353</v>
      </c>
      <c r="D6387" cm="1">
        <f t="array" ref="D6387">IFERROR(INDEX(Jesper!AH$2:AH$366,ROUNDDOWN($C6387/24,0)+1,1)*INDEX($D$3:$AA$30,INDEX(Jesper!$R$2:$R$366,ROW(INDEX(Jesper!AH$2:AH$366,ROUNDDOWN($C6387/24,0)+1,1))-1)+IF('Standard Profiles'!$G$18=$B$10,7,0)+IF('Standard Profiles'!$G$18=$B$17,14,0)+IF('Standard Profiles'!$G$18=$B$24,21,0),MOD($C6387,24)+1)/SUM(INDEX($D$3:$AA$30,INDEX(Jesper!$R$2:$R$366,ROW(INDEX(Jesper!AH$2:AH$366,ROUNDDOWN($C6387/24,0)+1,1))-1)+IF('Standard Profiles'!$G$18=$B$10,7,0)+IF('Standard Profiles'!$G$18=$B$17,14,0)+IF('Standard Profiles'!$G$18=$B$24,21,0),0)),0)</f>
        <v>8.1480194278544804</v>
      </c>
      <c r="E6387" cm="1">
        <f t="array" ref="E6387">IFERROR(INDEX(Jesper!AI$2:AI$366,ROUNDDOWN($C6387/24,0)+1,1)*INDEX($D$3:$AA$30,INDEX(Jesper!$R$2:$R$366,ROW(INDEX(Jesper!AI$2:AI$366,ROUNDDOWN($C6387/24,0)+1,1))-1)+IF('Standard Profiles'!$G$19=$B$10,7,0)+IF('Standard Profiles'!$G$19=$B$17,14,0)+IF('Standard Profiles'!$G$19=$B$24,21,0),MOD($C6387,24)+1)/SUM(INDEX($D$3:$AA$30,INDEX(Jesper!$R$2:$R$366,ROW(INDEX(Jesper!AI$2:AI$366,ROUNDDOWN($C6387/24,0)+1,1))-1)+IF('Standard Profiles'!$G$19=$B$10,7,0)+IF('Standard Profiles'!$G$19=$B$17,14,0)+IF('Standard Profiles'!$G$19=$B$24,21,0),0)),0)</f>
        <v>3.4211661354685674</v>
      </c>
      <c r="F6387" cm="1">
        <f t="array" ref="F6387">IFERROR(INDEX(Jesper!AJ$2:AJ$366,ROUNDDOWN($C6387/24,0)+1,1)*INDEX($D$3:$AA$30,INDEX(Jesper!$R$2:$R$366,ROW(INDEX(Jesper!AJ$2:AJ$366,ROUNDDOWN($C6387/24,0)+1,1))-1)+IF('Standard Profiles'!$G$20=$B$10,7,0)+IF('Standard Profiles'!$G$20=$B$17,14,0)+IF('Standard Profiles'!$G$20=$B$24,21,0),MOD($C6387,24)+1)/SUM(INDEX($D$3:$AA$30,INDEX(Jesper!$R$2:$R$366,ROW(INDEX(Jesper!AJ$2:AJ$366,ROUNDDOWN($C6387/24,0)+1,1))-1)+IF('Standard Profiles'!$G$20=$B$10,7,0)+IF('Standard Profiles'!$G$20=$B$17,14,0)+IF('Standard Profiles'!$G$20=$B$24,21,0),0)),0)</f>
        <v>0</v>
      </c>
      <c r="G6387" cm="1">
        <f t="array" ref="G6387">IFERROR(INDEX(Jesper!AK$2:AK$366,ROUNDDOWN($C6387/24,0)+1,1)*INDEX($D$3:$AA$30,INDEX(Jesper!$R$2:$R$366,ROW(INDEX(Jesper!AK$2:AK$366,ROUNDDOWN($C6387/24,0)+1,1))-1)+IF('Standard Profiles'!$G$21=$B$10,7,0)+IF('Standard Profiles'!$G$21=$B$17,14,0)+IF('Standard Profiles'!$G$21=$B$24,21,0),MOD($C6387,24)+1)/SUM(INDEX($D$3:$AA$30,INDEX(Jesper!$R$2:$R$366,ROW(INDEX(Jesper!AK$2:AK$366,ROUNDDOWN($C6387/24,0)+1,1))-1)+IF('Standard Profiles'!$G$21=$B$10,7,0)+IF('Standard Profiles'!$G$21=$B$17,14,0)+IF('Standard Profiles'!$G$21=$B$24,21,0),0)),0)</f>
        <v>0.4715974735752444</v>
      </c>
      <c r="H6387" cm="1">
        <f t="array" ref="H6387">IFERROR(INDEX(Jesper!AL$2:AL$366,ROUNDDOWN($C6387/24,0)+1,1)*INDEX($D$3:$AA$30,INDEX(Jesper!$R$2:$R$366,ROW(INDEX(Jesper!AL$2:AL$366,ROUNDDOWN($C6387/24,0)+1,1))-1)+IF('Standard Profiles'!$G$22=$B$10,7,0)+IF('Standard Profiles'!$G$22=$B$17,14,0)+IF('Standard Profiles'!$G$22=$B$24,21,0),MOD($C6387,24)+1)/SUM(INDEX($D$3:$AA$30,INDEX(Jesper!$R$2:$R$366,ROW(INDEX(Jesper!AL$2:AL$366,ROUNDDOWN($C6387/24,0)+1,1))-1)+IF('Standard Profiles'!$G$22=$B$10,7,0)+IF('Standard Profiles'!$G$22=$B$17,14,0)+IF('Standard Profiles'!$G$22=$B$24,21,0),0)),0)</f>
        <v>0</v>
      </c>
      <c r="I6387">
        <f t="shared" si="713"/>
        <v>0.2263667873161172</v>
      </c>
      <c r="J6387">
        <f t="shared" si="714"/>
        <v>10.510733141125458</v>
      </c>
      <c r="K6387">
        <f t="shared" si="715"/>
        <v>0.86912207230447802</v>
      </c>
      <c r="L6387">
        <f t="shared" si="716"/>
        <v>0.43456103615223901</v>
      </c>
      <c r="M6387">
        <f t="shared" si="717"/>
        <v>0</v>
      </c>
      <c r="N6387" s="45">
        <f t="shared" si="718"/>
        <v>45191.708333317925</v>
      </c>
    </row>
    <row r="6388" spans="2:14" x14ac:dyDescent="0.25">
      <c r="B6388">
        <f t="shared" si="712"/>
        <v>5</v>
      </c>
      <c r="C6388" s="16">
        <v>6354</v>
      </c>
      <c r="D6388" cm="1">
        <f t="array" ref="D6388">IFERROR(INDEX(Jesper!AH$2:AH$366,ROUNDDOWN($C6388/24,0)+1,1)*INDEX($D$3:$AA$30,INDEX(Jesper!$R$2:$R$366,ROW(INDEX(Jesper!AH$2:AH$366,ROUNDDOWN($C6388/24,0)+1,1))-1)+IF('Standard Profiles'!$G$18=$B$10,7,0)+IF('Standard Profiles'!$G$18=$B$17,14,0)+IF('Standard Profiles'!$G$18=$B$24,21,0),MOD($C6388,24)+1)/SUM(INDEX($D$3:$AA$30,INDEX(Jesper!$R$2:$R$366,ROW(INDEX(Jesper!AH$2:AH$366,ROUNDDOWN($C6388/24,0)+1,1))-1)+IF('Standard Profiles'!$G$18=$B$10,7,0)+IF('Standard Profiles'!$G$18=$B$17,14,0)+IF('Standard Profiles'!$G$18=$B$24,21,0),0)),0)</f>
        <v>5.1851032722710322</v>
      </c>
      <c r="E6388" cm="1">
        <f t="array" ref="E6388">IFERROR(INDEX(Jesper!AI$2:AI$366,ROUNDDOWN($C6388/24,0)+1,1)*INDEX($D$3:$AA$30,INDEX(Jesper!$R$2:$R$366,ROW(INDEX(Jesper!AI$2:AI$366,ROUNDDOWN($C6388/24,0)+1,1))-1)+IF('Standard Profiles'!$G$19=$B$10,7,0)+IF('Standard Profiles'!$G$19=$B$17,14,0)+IF('Standard Profiles'!$G$19=$B$24,21,0),MOD($C6388,24)+1)/SUM(INDEX($D$3:$AA$30,INDEX(Jesper!$R$2:$R$366,ROW(INDEX(Jesper!AI$2:AI$366,ROUNDDOWN($C6388/24,0)+1,1))-1)+IF('Standard Profiles'!$G$19=$B$10,7,0)+IF('Standard Profiles'!$G$19=$B$17,14,0)+IF('Standard Profiles'!$G$19=$B$24,21,0),0)),0)</f>
        <v>2.1771057225709063</v>
      </c>
      <c r="F6388" cm="1">
        <f t="array" ref="F6388">IFERROR(INDEX(Jesper!AJ$2:AJ$366,ROUNDDOWN($C6388/24,0)+1,1)*INDEX($D$3:$AA$30,INDEX(Jesper!$R$2:$R$366,ROW(INDEX(Jesper!AJ$2:AJ$366,ROUNDDOWN($C6388/24,0)+1,1))-1)+IF('Standard Profiles'!$G$20=$B$10,7,0)+IF('Standard Profiles'!$G$20=$B$17,14,0)+IF('Standard Profiles'!$G$20=$B$24,21,0),MOD($C6388,24)+1)/SUM(INDEX($D$3:$AA$30,INDEX(Jesper!$R$2:$R$366,ROW(INDEX(Jesper!AJ$2:AJ$366,ROUNDDOWN($C6388/24,0)+1,1))-1)+IF('Standard Profiles'!$G$20=$B$10,7,0)+IF('Standard Profiles'!$G$20=$B$17,14,0)+IF('Standard Profiles'!$G$20=$B$24,21,0),0)),0)</f>
        <v>0</v>
      </c>
      <c r="G6388" cm="1">
        <f t="array" ref="G6388">IFERROR(INDEX(Jesper!AK$2:AK$366,ROUNDDOWN($C6388/24,0)+1,1)*INDEX($D$3:$AA$30,INDEX(Jesper!$R$2:$R$366,ROW(INDEX(Jesper!AK$2:AK$366,ROUNDDOWN($C6388/24,0)+1,1))-1)+IF('Standard Profiles'!$G$21=$B$10,7,0)+IF('Standard Profiles'!$G$21=$B$17,14,0)+IF('Standard Profiles'!$G$21=$B$24,21,0),MOD($C6388,24)+1)/SUM(INDEX($D$3:$AA$30,INDEX(Jesper!$R$2:$R$366,ROW(INDEX(Jesper!AK$2:AK$366,ROUNDDOWN($C6388/24,0)+1,1))-1)+IF('Standard Profiles'!$G$21=$B$10,7,0)+IF('Standard Profiles'!$G$21=$B$17,14,0)+IF('Standard Profiles'!$G$21=$B$24,21,0),0)),0)</f>
        <v>0.17404192477181638</v>
      </c>
      <c r="H6388" cm="1">
        <f t="array" ref="H6388">IFERROR(INDEX(Jesper!AL$2:AL$366,ROUNDDOWN($C6388/24,0)+1,1)*INDEX($D$3:$AA$30,INDEX(Jesper!$R$2:$R$366,ROW(INDEX(Jesper!AL$2:AL$366,ROUNDDOWN($C6388/24,0)+1,1))-1)+IF('Standard Profiles'!$G$22=$B$10,7,0)+IF('Standard Profiles'!$G$22=$B$17,14,0)+IF('Standard Profiles'!$G$22=$B$24,21,0),MOD($C6388,24)+1)/SUM(INDEX($D$3:$AA$30,INDEX(Jesper!$R$2:$R$366,ROW(INDEX(Jesper!AL$2:AL$366,ROUNDDOWN($C6388/24,0)+1,1))-1)+IF('Standard Profiles'!$G$22=$B$10,7,0)+IF('Standard Profiles'!$G$22=$B$17,14,0)+IF('Standard Profiles'!$G$22=$B$24,21,0),0)),0)</f>
        <v>0</v>
      </c>
      <c r="I6388">
        <f t="shared" si="713"/>
        <v>8.3540123890471815E-2</v>
      </c>
      <c r="J6388">
        <f t="shared" si="714"/>
        <v>6.6230942721599178</v>
      </c>
      <c r="K6388">
        <f t="shared" si="715"/>
        <v>0.55307768237557675</v>
      </c>
      <c r="L6388">
        <f t="shared" si="716"/>
        <v>0.27653884118778838</v>
      </c>
      <c r="M6388">
        <f t="shared" si="717"/>
        <v>0</v>
      </c>
      <c r="N6388" s="45">
        <f t="shared" si="718"/>
        <v>45191.74999998459</v>
      </c>
    </row>
    <row r="6389" spans="2:14" x14ac:dyDescent="0.25">
      <c r="B6389">
        <f t="shared" si="712"/>
        <v>5</v>
      </c>
      <c r="C6389" s="16">
        <v>6355</v>
      </c>
      <c r="D6389" cm="1">
        <f t="array" ref="D6389">IFERROR(INDEX(Jesper!AH$2:AH$366,ROUNDDOWN($C6389/24,0)+1,1)*INDEX($D$3:$AA$30,INDEX(Jesper!$R$2:$R$366,ROW(INDEX(Jesper!AH$2:AH$366,ROUNDDOWN($C6389/24,0)+1,1))-1)+IF('Standard Profiles'!$G$18=$B$10,7,0)+IF('Standard Profiles'!$G$18=$B$17,14,0)+IF('Standard Profiles'!$G$18=$B$24,21,0),MOD($C6389,24)+1)/SUM(INDEX($D$3:$AA$30,INDEX(Jesper!$R$2:$R$366,ROW(INDEX(Jesper!AH$2:AH$366,ROUNDDOWN($C6389/24,0)+1,1))-1)+IF('Standard Profiles'!$G$18=$B$10,7,0)+IF('Standard Profiles'!$G$18=$B$17,14,0)+IF('Standard Profiles'!$G$18=$B$24,21,0),0)),0)</f>
        <v>4.9381935926390792</v>
      </c>
      <c r="E6389" cm="1">
        <f t="array" ref="E6389">IFERROR(INDEX(Jesper!AI$2:AI$366,ROUNDDOWN($C6389/24,0)+1,1)*INDEX($D$3:$AA$30,INDEX(Jesper!$R$2:$R$366,ROW(INDEX(Jesper!AI$2:AI$366,ROUNDDOWN($C6389/24,0)+1,1))-1)+IF('Standard Profiles'!$G$19=$B$10,7,0)+IF('Standard Profiles'!$G$19=$B$17,14,0)+IF('Standard Profiles'!$G$19=$B$24,21,0),MOD($C6389,24)+1)/SUM(INDEX($D$3:$AA$30,INDEX(Jesper!$R$2:$R$366,ROW(INDEX(Jesper!AI$2:AI$366,ROUNDDOWN($C6389/24,0)+1,1))-1)+IF('Standard Profiles'!$G$19=$B$10,7,0)+IF('Standard Profiles'!$G$19=$B$17,14,0)+IF('Standard Profiles'!$G$19=$B$24,21,0),0)),0)</f>
        <v>2.0734340214961016</v>
      </c>
      <c r="F6389" cm="1">
        <f t="array" ref="F6389">IFERROR(INDEX(Jesper!AJ$2:AJ$366,ROUNDDOWN($C6389/24,0)+1,1)*INDEX($D$3:$AA$30,INDEX(Jesper!$R$2:$R$366,ROW(INDEX(Jesper!AJ$2:AJ$366,ROUNDDOWN($C6389/24,0)+1,1))-1)+IF('Standard Profiles'!$G$20=$B$10,7,0)+IF('Standard Profiles'!$G$20=$B$17,14,0)+IF('Standard Profiles'!$G$20=$B$24,21,0),MOD($C6389,24)+1)/SUM(INDEX($D$3:$AA$30,INDEX(Jesper!$R$2:$R$366,ROW(INDEX(Jesper!AJ$2:AJ$366,ROUNDDOWN($C6389/24,0)+1,1))-1)+IF('Standard Profiles'!$G$20=$B$10,7,0)+IF('Standard Profiles'!$G$20=$B$17,14,0)+IF('Standard Profiles'!$G$20=$B$24,21,0),0)),0)</f>
        <v>0</v>
      </c>
      <c r="G6389" cm="1">
        <f t="array" ref="G6389">IFERROR(INDEX(Jesper!AK$2:AK$366,ROUNDDOWN($C6389/24,0)+1,1)*INDEX($D$3:$AA$30,INDEX(Jesper!$R$2:$R$366,ROW(INDEX(Jesper!AK$2:AK$366,ROUNDDOWN($C6389/24,0)+1,1))-1)+IF('Standard Profiles'!$G$21=$B$10,7,0)+IF('Standard Profiles'!$G$21=$B$17,14,0)+IF('Standard Profiles'!$G$21=$B$24,21,0),MOD($C6389,24)+1)/SUM(INDEX($D$3:$AA$30,INDEX(Jesper!$R$2:$R$366,ROW(INDEX(Jesper!AK$2:AK$366,ROUNDDOWN($C6389/24,0)+1,1))-1)+IF('Standard Profiles'!$G$21=$B$10,7,0)+IF('Standard Profiles'!$G$21=$B$17,14,0)+IF('Standard Profiles'!$G$21=$B$24,21,0),0)),0)</f>
        <v>0.17404192477181638</v>
      </c>
      <c r="H6389" cm="1">
        <f t="array" ref="H6389">IFERROR(INDEX(Jesper!AL$2:AL$366,ROUNDDOWN($C6389/24,0)+1,1)*INDEX($D$3:$AA$30,INDEX(Jesper!$R$2:$R$366,ROW(INDEX(Jesper!AL$2:AL$366,ROUNDDOWN($C6389/24,0)+1,1))-1)+IF('Standard Profiles'!$G$22=$B$10,7,0)+IF('Standard Profiles'!$G$22=$B$17,14,0)+IF('Standard Profiles'!$G$22=$B$24,21,0),MOD($C6389,24)+1)/SUM(INDEX($D$3:$AA$30,INDEX(Jesper!$R$2:$R$366,ROW(INDEX(Jesper!AL$2:AL$366,ROUNDDOWN($C6389/24,0)+1,1))-1)+IF('Standard Profiles'!$G$22=$B$10,7,0)+IF('Standard Profiles'!$G$22=$B$17,14,0)+IF('Standard Profiles'!$G$22=$B$24,21,0),0)),0)</f>
        <v>0</v>
      </c>
      <c r="I6389">
        <f t="shared" si="713"/>
        <v>8.3540123890471815E-2</v>
      </c>
      <c r="J6389">
        <f t="shared" si="714"/>
        <v>6.3120184401942732</v>
      </c>
      <c r="K6389">
        <f t="shared" si="715"/>
        <v>0.52674064988150182</v>
      </c>
      <c r="L6389">
        <f t="shared" si="716"/>
        <v>0.26337032494075091</v>
      </c>
      <c r="M6389">
        <f t="shared" si="717"/>
        <v>0</v>
      </c>
      <c r="N6389" s="45">
        <f t="shared" si="718"/>
        <v>45191.791666651254</v>
      </c>
    </row>
    <row r="6390" spans="2:14" x14ac:dyDescent="0.25">
      <c r="B6390">
        <f t="shared" si="712"/>
        <v>5</v>
      </c>
      <c r="C6390" s="16">
        <v>6356</v>
      </c>
      <c r="D6390" cm="1">
        <f t="array" ref="D6390">IFERROR(INDEX(Jesper!AH$2:AH$366,ROUNDDOWN($C6390/24,0)+1,1)*INDEX($D$3:$AA$30,INDEX(Jesper!$R$2:$R$366,ROW(INDEX(Jesper!AH$2:AH$366,ROUNDDOWN($C6390/24,0)+1,1))-1)+IF('Standard Profiles'!$G$18=$B$10,7,0)+IF('Standard Profiles'!$G$18=$B$17,14,0)+IF('Standard Profiles'!$G$18=$B$24,21,0),MOD($C6390,24)+1)/SUM(INDEX($D$3:$AA$30,INDEX(Jesper!$R$2:$R$366,ROW(INDEX(Jesper!AH$2:AH$366,ROUNDDOWN($C6390/24,0)+1,1))-1)+IF('Standard Profiles'!$G$18=$B$10,7,0)+IF('Standard Profiles'!$G$18=$B$17,14,0)+IF('Standard Profiles'!$G$18=$B$24,21,0),0)),0)</f>
        <v>4.9381935926390792</v>
      </c>
      <c r="E6390" cm="1">
        <f t="array" ref="E6390">IFERROR(INDEX(Jesper!AI$2:AI$366,ROUNDDOWN($C6390/24,0)+1,1)*INDEX($D$3:$AA$30,INDEX(Jesper!$R$2:$R$366,ROW(INDEX(Jesper!AI$2:AI$366,ROUNDDOWN($C6390/24,0)+1,1))-1)+IF('Standard Profiles'!$G$19=$B$10,7,0)+IF('Standard Profiles'!$G$19=$B$17,14,0)+IF('Standard Profiles'!$G$19=$B$24,21,0),MOD($C6390,24)+1)/SUM(INDEX($D$3:$AA$30,INDEX(Jesper!$R$2:$R$366,ROW(INDEX(Jesper!AI$2:AI$366,ROUNDDOWN($C6390/24,0)+1,1))-1)+IF('Standard Profiles'!$G$19=$B$10,7,0)+IF('Standard Profiles'!$G$19=$B$17,14,0)+IF('Standard Profiles'!$G$19=$B$24,21,0),0)),0)</f>
        <v>2.0734340214961016</v>
      </c>
      <c r="F6390" cm="1">
        <f t="array" ref="F6390">IFERROR(INDEX(Jesper!AJ$2:AJ$366,ROUNDDOWN($C6390/24,0)+1,1)*INDEX($D$3:$AA$30,INDEX(Jesper!$R$2:$R$366,ROW(INDEX(Jesper!AJ$2:AJ$366,ROUNDDOWN($C6390/24,0)+1,1))-1)+IF('Standard Profiles'!$G$20=$B$10,7,0)+IF('Standard Profiles'!$G$20=$B$17,14,0)+IF('Standard Profiles'!$G$20=$B$24,21,0),MOD($C6390,24)+1)/SUM(INDEX($D$3:$AA$30,INDEX(Jesper!$R$2:$R$366,ROW(INDEX(Jesper!AJ$2:AJ$366,ROUNDDOWN($C6390/24,0)+1,1))-1)+IF('Standard Profiles'!$G$20=$B$10,7,0)+IF('Standard Profiles'!$G$20=$B$17,14,0)+IF('Standard Profiles'!$G$20=$B$24,21,0),0)),0)</f>
        <v>0</v>
      </c>
      <c r="G6390" cm="1">
        <f t="array" ref="G6390">IFERROR(INDEX(Jesper!AK$2:AK$366,ROUNDDOWN($C6390/24,0)+1,1)*INDEX($D$3:$AA$30,INDEX(Jesper!$R$2:$R$366,ROW(INDEX(Jesper!AK$2:AK$366,ROUNDDOWN($C6390/24,0)+1,1))-1)+IF('Standard Profiles'!$G$21=$B$10,7,0)+IF('Standard Profiles'!$G$21=$B$17,14,0)+IF('Standard Profiles'!$G$21=$B$24,21,0),MOD($C6390,24)+1)/SUM(INDEX($D$3:$AA$30,INDEX(Jesper!$R$2:$R$366,ROW(INDEX(Jesper!AK$2:AK$366,ROUNDDOWN($C6390/24,0)+1,1))-1)+IF('Standard Profiles'!$G$21=$B$10,7,0)+IF('Standard Profiles'!$G$21=$B$17,14,0)+IF('Standard Profiles'!$G$21=$B$24,21,0),0)),0)</f>
        <v>0.17404192477181638</v>
      </c>
      <c r="H6390" cm="1">
        <f t="array" ref="H6390">IFERROR(INDEX(Jesper!AL$2:AL$366,ROUNDDOWN($C6390/24,0)+1,1)*INDEX($D$3:$AA$30,INDEX(Jesper!$R$2:$R$366,ROW(INDEX(Jesper!AL$2:AL$366,ROUNDDOWN($C6390/24,0)+1,1))-1)+IF('Standard Profiles'!$G$22=$B$10,7,0)+IF('Standard Profiles'!$G$22=$B$17,14,0)+IF('Standard Profiles'!$G$22=$B$24,21,0),MOD($C6390,24)+1)/SUM(INDEX($D$3:$AA$30,INDEX(Jesper!$R$2:$R$366,ROW(INDEX(Jesper!AL$2:AL$366,ROUNDDOWN($C6390/24,0)+1,1))-1)+IF('Standard Profiles'!$G$22=$B$10,7,0)+IF('Standard Profiles'!$G$22=$B$17,14,0)+IF('Standard Profiles'!$G$22=$B$24,21,0),0)),0)</f>
        <v>0</v>
      </c>
      <c r="I6390">
        <f t="shared" si="713"/>
        <v>8.3540123890471815E-2</v>
      </c>
      <c r="J6390">
        <f t="shared" si="714"/>
        <v>6.3120184401942732</v>
      </c>
      <c r="K6390">
        <f t="shared" si="715"/>
        <v>0.52674064988150182</v>
      </c>
      <c r="L6390">
        <f t="shared" si="716"/>
        <v>0.26337032494075091</v>
      </c>
      <c r="M6390">
        <f t="shared" si="717"/>
        <v>0</v>
      </c>
      <c r="N6390" s="45">
        <f t="shared" si="718"/>
        <v>45191.833333317918</v>
      </c>
    </row>
    <row r="6391" spans="2:14" x14ac:dyDescent="0.25">
      <c r="B6391">
        <f t="shared" si="712"/>
        <v>5</v>
      </c>
      <c r="C6391" s="16">
        <v>6357</v>
      </c>
      <c r="D6391" cm="1">
        <f t="array" ref="D6391">IFERROR(INDEX(Jesper!AH$2:AH$366,ROUNDDOWN($C6391/24,0)+1,1)*INDEX($D$3:$AA$30,INDEX(Jesper!$R$2:$R$366,ROW(INDEX(Jesper!AH$2:AH$366,ROUNDDOWN($C6391/24,0)+1,1))-1)+IF('Standard Profiles'!$G$18=$B$10,7,0)+IF('Standard Profiles'!$G$18=$B$17,14,0)+IF('Standard Profiles'!$G$18=$B$24,21,0),MOD($C6391,24)+1)/SUM(INDEX($D$3:$AA$30,INDEX(Jesper!$R$2:$R$366,ROW(INDEX(Jesper!AH$2:AH$366,ROUNDDOWN($C6391/24,0)+1,1))-1)+IF('Standard Profiles'!$G$18=$B$10,7,0)+IF('Standard Profiles'!$G$18=$B$17,14,0)+IF('Standard Profiles'!$G$18=$B$24,21,0),0)),0)</f>
        <v>4.9381935926390792</v>
      </c>
      <c r="E6391" cm="1">
        <f t="array" ref="E6391">IFERROR(INDEX(Jesper!AI$2:AI$366,ROUNDDOWN($C6391/24,0)+1,1)*INDEX($D$3:$AA$30,INDEX(Jesper!$R$2:$R$366,ROW(INDEX(Jesper!AI$2:AI$366,ROUNDDOWN($C6391/24,0)+1,1))-1)+IF('Standard Profiles'!$G$19=$B$10,7,0)+IF('Standard Profiles'!$G$19=$B$17,14,0)+IF('Standard Profiles'!$G$19=$B$24,21,0),MOD($C6391,24)+1)/SUM(INDEX($D$3:$AA$30,INDEX(Jesper!$R$2:$R$366,ROW(INDEX(Jesper!AI$2:AI$366,ROUNDDOWN($C6391/24,0)+1,1))-1)+IF('Standard Profiles'!$G$19=$B$10,7,0)+IF('Standard Profiles'!$G$19=$B$17,14,0)+IF('Standard Profiles'!$G$19=$B$24,21,0),0)),0)</f>
        <v>2.0734340214961016</v>
      </c>
      <c r="F6391" cm="1">
        <f t="array" ref="F6391">IFERROR(INDEX(Jesper!AJ$2:AJ$366,ROUNDDOWN($C6391/24,0)+1,1)*INDEX($D$3:$AA$30,INDEX(Jesper!$R$2:$R$366,ROW(INDEX(Jesper!AJ$2:AJ$366,ROUNDDOWN($C6391/24,0)+1,1))-1)+IF('Standard Profiles'!$G$20=$B$10,7,0)+IF('Standard Profiles'!$G$20=$B$17,14,0)+IF('Standard Profiles'!$G$20=$B$24,21,0),MOD($C6391,24)+1)/SUM(INDEX($D$3:$AA$30,INDEX(Jesper!$R$2:$R$366,ROW(INDEX(Jesper!AJ$2:AJ$366,ROUNDDOWN($C6391/24,0)+1,1))-1)+IF('Standard Profiles'!$G$20=$B$10,7,0)+IF('Standard Profiles'!$G$20=$B$17,14,0)+IF('Standard Profiles'!$G$20=$B$24,21,0),0)),0)</f>
        <v>0</v>
      </c>
      <c r="G6391" cm="1">
        <f t="array" ref="G6391">IFERROR(INDEX(Jesper!AK$2:AK$366,ROUNDDOWN($C6391/24,0)+1,1)*INDEX($D$3:$AA$30,INDEX(Jesper!$R$2:$R$366,ROW(INDEX(Jesper!AK$2:AK$366,ROUNDDOWN($C6391/24,0)+1,1))-1)+IF('Standard Profiles'!$G$21=$B$10,7,0)+IF('Standard Profiles'!$G$21=$B$17,14,0)+IF('Standard Profiles'!$G$21=$B$24,21,0),MOD($C6391,24)+1)/SUM(INDEX($D$3:$AA$30,INDEX(Jesper!$R$2:$R$366,ROW(INDEX(Jesper!AK$2:AK$366,ROUNDDOWN($C6391/24,0)+1,1))-1)+IF('Standard Profiles'!$G$21=$B$10,7,0)+IF('Standard Profiles'!$G$21=$B$17,14,0)+IF('Standard Profiles'!$G$21=$B$24,21,0),0)),0)</f>
        <v>0.17404192477181638</v>
      </c>
      <c r="H6391" cm="1">
        <f t="array" ref="H6391">IFERROR(INDEX(Jesper!AL$2:AL$366,ROUNDDOWN($C6391/24,0)+1,1)*INDEX($D$3:$AA$30,INDEX(Jesper!$R$2:$R$366,ROW(INDEX(Jesper!AL$2:AL$366,ROUNDDOWN($C6391/24,0)+1,1))-1)+IF('Standard Profiles'!$G$22=$B$10,7,0)+IF('Standard Profiles'!$G$22=$B$17,14,0)+IF('Standard Profiles'!$G$22=$B$24,21,0),MOD($C6391,24)+1)/SUM(INDEX($D$3:$AA$30,INDEX(Jesper!$R$2:$R$366,ROW(INDEX(Jesper!AL$2:AL$366,ROUNDDOWN($C6391/24,0)+1,1))-1)+IF('Standard Profiles'!$G$22=$B$10,7,0)+IF('Standard Profiles'!$G$22=$B$17,14,0)+IF('Standard Profiles'!$G$22=$B$24,21,0),0)),0)</f>
        <v>0</v>
      </c>
      <c r="I6391">
        <f t="shared" si="713"/>
        <v>8.3540123890471815E-2</v>
      </c>
      <c r="J6391">
        <f t="shared" si="714"/>
        <v>6.3120184401942732</v>
      </c>
      <c r="K6391">
        <f t="shared" si="715"/>
        <v>0.52674064988150182</v>
      </c>
      <c r="L6391">
        <f t="shared" si="716"/>
        <v>0.26337032494075091</v>
      </c>
      <c r="M6391">
        <f t="shared" si="717"/>
        <v>0</v>
      </c>
      <c r="N6391" s="45">
        <f t="shared" si="718"/>
        <v>45191.874999984582</v>
      </c>
    </row>
    <row r="6392" spans="2:14" x14ac:dyDescent="0.25">
      <c r="B6392">
        <f t="shared" si="712"/>
        <v>5</v>
      </c>
      <c r="C6392" s="16">
        <v>6358</v>
      </c>
      <c r="D6392" cm="1">
        <f t="array" ref="D6392">IFERROR(INDEX(Jesper!AH$2:AH$366,ROUNDDOWN($C6392/24,0)+1,1)*INDEX($D$3:$AA$30,INDEX(Jesper!$R$2:$R$366,ROW(INDEX(Jesper!AH$2:AH$366,ROUNDDOWN($C6392/24,0)+1,1))-1)+IF('Standard Profiles'!$G$18=$B$10,7,0)+IF('Standard Profiles'!$G$18=$B$17,14,0)+IF('Standard Profiles'!$G$18=$B$24,21,0),MOD($C6392,24)+1)/SUM(INDEX($D$3:$AA$30,INDEX(Jesper!$R$2:$R$366,ROW(INDEX(Jesper!AH$2:AH$366,ROUNDDOWN($C6392/24,0)+1,1))-1)+IF('Standard Profiles'!$G$18=$B$10,7,0)+IF('Standard Profiles'!$G$18=$B$17,14,0)+IF('Standard Profiles'!$G$18=$B$24,21,0),0)),0)</f>
        <v>4.9381935926390792</v>
      </c>
      <c r="E6392" cm="1">
        <f t="array" ref="E6392">IFERROR(INDEX(Jesper!AI$2:AI$366,ROUNDDOWN($C6392/24,0)+1,1)*INDEX($D$3:$AA$30,INDEX(Jesper!$R$2:$R$366,ROW(INDEX(Jesper!AI$2:AI$366,ROUNDDOWN($C6392/24,0)+1,1))-1)+IF('Standard Profiles'!$G$19=$B$10,7,0)+IF('Standard Profiles'!$G$19=$B$17,14,0)+IF('Standard Profiles'!$G$19=$B$24,21,0),MOD($C6392,24)+1)/SUM(INDEX($D$3:$AA$30,INDEX(Jesper!$R$2:$R$366,ROW(INDEX(Jesper!AI$2:AI$366,ROUNDDOWN($C6392/24,0)+1,1))-1)+IF('Standard Profiles'!$G$19=$B$10,7,0)+IF('Standard Profiles'!$G$19=$B$17,14,0)+IF('Standard Profiles'!$G$19=$B$24,21,0),0)),0)</f>
        <v>2.0734340214961016</v>
      </c>
      <c r="F6392" cm="1">
        <f t="array" ref="F6392">IFERROR(INDEX(Jesper!AJ$2:AJ$366,ROUNDDOWN($C6392/24,0)+1,1)*INDEX($D$3:$AA$30,INDEX(Jesper!$R$2:$R$366,ROW(INDEX(Jesper!AJ$2:AJ$366,ROUNDDOWN($C6392/24,0)+1,1))-1)+IF('Standard Profiles'!$G$20=$B$10,7,0)+IF('Standard Profiles'!$G$20=$B$17,14,0)+IF('Standard Profiles'!$G$20=$B$24,21,0),MOD($C6392,24)+1)/SUM(INDEX($D$3:$AA$30,INDEX(Jesper!$R$2:$R$366,ROW(INDEX(Jesper!AJ$2:AJ$366,ROUNDDOWN($C6392/24,0)+1,1))-1)+IF('Standard Profiles'!$G$20=$B$10,7,0)+IF('Standard Profiles'!$G$20=$B$17,14,0)+IF('Standard Profiles'!$G$20=$B$24,21,0),0)),0)</f>
        <v>0</v>
      </c>
      <c r="G6392" cm="1">
        <f t="array" ref="G6392">IFERROR(INDEX(Jesper!AK$2:AK$366,ROUNDDOWN($C6392/24,0)+1,1)*INDEX($D$3:$AA$30,INDEX(Jesper!$R$2:$R$366,ROW(INDEX(Jesper!AK$2:AK$366,ROUNDDOWN($C6392/24,0)+1,1))-1)+IF('Standard Profiles'!$G$21=$B$10,7,0)+IF('Standard Profiles'!$G$21=$B$17,14,0)+IF('Standard Profiles'!$G$21=$B$24,21,0),MOD($C6392,24)+1)/SUM(INDEX($D$3:$AA$30,INDEX(Jesper!$R$2:$R$366,ROW(INDEX(Jesper!AK$2:AK$366,ROUNDDOWN($C6392/24,0)+1,1))-1)+IF('Standard Profiles'!$G$21=$B$10,7,0)+IF('Standard Profiles'!$G$21=$B$17,14,0)+IF('Standard Profiles'!$G$21=$B$24,21,0),0)),0)</f>
        <v>0.17404192477181638</v>
      </c>
      <c r="H6392" cm="1">
        <f t="array" ref="H6392">IFERROR(INDEX(Jesper!AL$2:AL$366,ROUNDDOWN($C6392/24,0)+1,1)*INDEX($D$3:$AA$30,INDEX(Jesper!$R$2:$R$366,ROW(INDEX(Jesper!AL$2:AL$366,ROUNDDOWN($C6392/24,0)+1,1))-1)+IF('Standard Profiles'!$G$22=$B$10,7,0)+IF('Standard Profiles'!$G$22=$B$17,14,0)+IF('Standard Profiles'!$G$22=$B$24,21,0),MOD($C6392,24)+1)/SUM(INDEX($D$3:$AA$30,INDEX(Jesper!$R$2:$R$366,ROW(INDEX(Jesper!AL$2:AL$366,ROUNDDOWN($C6392/24,0)+1,1))-1)+IF('Standard Profiles'!$G$22=$B$10,7,0)+IF('Standard Profiles'!$G$22=$B$17,14,0)+IF('Standard Profiles'!$G$22=$B$24,21,0),0)),0)</f>
        <v>0</v>
      </c>
      <c r="I6392">
        <f t="shared" si="713"/>
        <v>8.3540123890471815E-2</v>
      </c>
      <c r="J6392">
        <f t="shared" si="714"/>
        <v>6.3120184401942732</v>
      </c>
      <c r="K6392">
        <f t="shared" si="715"/>
        <v>0.52674064988150182</v>
      </c>
      <c r="L6392">
        <f t="shared" si="716"/>
        <v>0.26337032494075091</v>
      </c>
      <c r="M6392">
        <f t="shared" si="717"/>
        <v>0</v>
      </c>
      <c r="N6392" s="45">
        <f t="shared" si="718"/>
        <v>45191.916666651246</v>
      </c>
    </row>
    <row r="6393" spans="2:14" x14ac:dyDescent="0.25">
      <c r="B6393">
        <f t="shared" si="712"/>
        <v>5</v>
      </c>
      <c r="C6393" s="16">
        <v>6359</v>
      </c>
      <c r="D6393" cm="1">
        <f t="array" ref="D6393">IFERROR(INDEX(Jesper!AH$2:AH$366,ROUNDDOWN($C6393/24,0)+1,1)*INDEX($D$3:$AA$30,INDEX(Jesper!$R$2:$R$366,ROW(INDEX(Jesper!AH$2:AH$366,ROUNDDOWN($C6393/24,0)+1,1))-1)+IF('Standard Profiles'!$G$18=$B$10,7,0)+IF('Standard Profiles'!$G$18=$B$17,14,0)+IF('Standard Profiles'!$G$18=$B$24,21,0),MOD($C6393,24)+1)/SUM(INDEX($D$3:$AA$30,INDEX(Jesper!$R$2:$R$366,ROW(INDEX(Jesper!AH$2:AH$366,ROUNDDOWN($C6393/24,0)+1,1))-1)+IF('Standard Profiles'!$G$18=$B$10,7,0)+IF('Standard Profiles'!$G$18=$B$17,14,0)+IF('Standard Profiles'!$G$18=$B$24,21,0),0)),0)</f>
        <v>4.9381935926390792</v>
      </c>
      <c r="E6393" cm="1">
        <f t="array" ref="E6393">IFERROR(INDEX(Jesper!AI$2:AI$366,ROUNDDOWN($C6393/24,0)+1,1)*INDEX($D$3:$AA$30,INDEX(Jesper!$R$2:$R$366,ROW(INDEX(Jesper!AI$2:AI$366,ROUNDDOWN($C6393/24,0)+1,1))-1)+IF('Standard Profiles'!$G$19=$B$10,7,0)+IF('Standard Profiles'!$G$19=$B$17,14,0)+IF('Standard Profiles'!$G$19=$B$24,21,0),MOD($C6393,24)+1)/SUM(INDEX($D$3:$AA$30,INDEX(Jesper!$R$2:$R$366,ROW(INDEX(Jesper!AI$2:AI$366,ROUNDDOWN($C6393/24,0)+1,1))-1)+IF('Standard Profiles'!$G$19=$B$10,7,0)+IF('Standard Profiles'!$G$19=$B$17,14,0)+IF('Standard Profiles'!$G$19=$B$24,21,0),0)),0)</f>
        <v>2.0734340214961016</v>
      </c>
      <c r="F6393" cm="1">
        <f t="array" ref="F6393">IFERROR(INDEX(Jesper!AJ$2:AJ$366,ROUNDDOWN($C6393/24,0)+1,1)*INDEX($D$3:$AA$30,INDEX(Jesper!$R$2:$R$366,ROW(INDEX(Jesper!AJ$2:AJ$366,ROUNDDOWN($C6393/24,0)+1,1))-1)+IF('Standard Profiles'!$G$20=$B$10,7,0)+IF('Standard Profiles'!$G$20=$B$17,14,0)+IF('Standard Profiles'!$G$20=$B$24,21,0),MOD($C6393,24)+1)/SUM(INDEX($D$3:$AA$30,INDEX(Jesper!$R$2:$R$366,ROW(INDEX(Jesper!AJ$2:AJ$366,ROUNDDOWN($C6393/24,0)+1,1))-1)+IF('Standard Profiles'!$G$20=$B$10,7,0)+IF('Standard Profiles'!$G$20=$B$17,14,0)+IF('Standard Profiles'!$G$20=$B$24,21,0),0)),0)</f>
        <v>0</v>
      </c>
      <c r="G6393" cm="1">
        <f t="array" ref="G6393">IFERROR(INDEX(Jesper!AK$2:AK$366,ROUNDDOWN($C6393/24,0)+1,1)*INDEX($D$3:$AA$30,INDEX(Jesper!$R$2:$R$366,ROW(INDEX(Jesper!AK$2:AK$366,ROUNDDOWN($C6393/24,0)+1,1))-1)+IF('Standard Profiles'!$G$21=$B$10,7,0)+IF('Standard Profiles'!$G$21=$B$17,14,0)+IF('Standard Profiles'!$G$21=$B$24,21,0),MOD($C6393,24)+1)/SUM(INDEX($D$3:$AA$30,INDEX(Jesper!$R$2:$R$366,ROW(INDEX(Jesper!AK$2:AK$366,ROUNDDOWN($C6393/24,0)+1,1))-1)+IF('Standard Profiles'!$G$21=$B$10,7,0)+IF('Standard Profiles'!$G$21=$B$17,14,0)+IF('Standard Profiles'!$G$21=$B$24,21,0),0)),0)</f>
        <v>0.17404192477181638</v>
      </c>
      <c r="H6393" cm="1">
        <f t="array" ref="H6393">IFERROR(INDEX(Jesper!AL$2:AL$366,ROUNDDOWN($C6393/24,0)+1,1)*INDEX($D$3:$AA$30,INDEX(Jesper!$R$2:$R$366,ROW(INDEX(Jesper!AL$2:AL$366,ROUNDDOWN($C6393/24,0)+1,1))-1)+IF('Standard Profiles'!$G$22=$B$10,7,0)+IF('Standard Profiles'!$G$22=$B$17,14,0)+IF('Standard Profiles'!$G$22=$B$24,21,0),MOD($C6393,24)+1)/SUM(INDEX($D$3:$AA$30,INDEX(Jesper!$R$2:$R$366,ROW(INDEX(Jesper!AL$2:AL$366,ROUNDDOWN($C6393/24,0)+1,1))-1)+IF('Standard Profiles'!$G$22=$B$10,7,0)+IF('Standard Profiles'!$G$22=$B$17,14,0)+IF('Standard Profiles'!$G$22=$B$24,21,0),0)),0)</f>
        <v>0</v>
      </c>
      <c r="I6393">
        <f t="shared" si="713"/>
        <v>8.3540123890471815E-2</v>
      </c>
      <c r="J6393">
        <f t="shared" si="714"/>
        <v>6.3120184401942732</v>
      </c>
      <c r="K6393">
        <f t="shared" si="715"/>
        <v>0.52674064988150182</v>
      </c>
      <c r="L6393">
        <f t="shared" si="716"/>
        <v>0.26337032494075091</v>
      </c>
      <c r="M6393">
        <f t="shared" si="717"/>
        <v>0</v>
      </c>
      <c r="N6393" s="45">
        <f t="shared" si="718"/>
        <v>45191.958333317911</v>
      </c>
    </row>
    <row r="6394" spans="2:14" x14ac:dyDescent="0.25">
      <c r="B6394">
        <f t="shared" si="712"/>
        <v>6</v>
      </c>
      <c r="C6394" s="16">
        <v>6360</v>
      </c>
      <c r="D6394" cm="1">
        <f t="array" ref="D6394">IFERROR(INDEX(Jesper!AH$2:AH$366,ROUNDDOWN($C6394/24,0)+1,1)*INDEX($D$3:$AA$30,INDEX(Jesper!$R$2:$R$366,ROW(INDEX(Jesper!AH$2:AH$366,ROUNDDOWN($C6394/24,0)+1,1))-1)+IF('Standard Profiles'!$G$18=$B$10,7,0)+IF('Standard Profiles'!$G$18=$B$17,14,0)+IF('Standard Profiles'!$G$18=$B$24,21,0),MOD($C6394,24)+1)/SUM(INDEX($D$3:$AA$30,INDEX(Jesper!$R$2:$R$366,ROW(INDEX(Jesper!AH$2:AH$366,ROUNDDOWN($C6394/24,0)+1,1))-1)+IF('Standard Profiles'!$G$18=$B$10,7,0)+IF('Standard Profiles'!$G$18=$B$17,14,0)+IF('Standard Profiles'!$G$18=$B$24,21,0),0)),0)</f>
        <v>0</v>
      </c>
      <c r="E6394" cm="1">
        <f t="array" ref="E6394">IFERROR(INDEX(Jesper!AI$2:AI$366,ROUNDDOWN($C6394/24,0)+1,1)*INDEX($D$3:$AA$30,INDEX(Jesper!$R$2:$R$366,ROW(INDEX(Jesper!AI$2:AI$366,ROUNDDOWN($C6394/24,0)+1,1))-1)+IF('Standard Profiles'!$G$19=$B$10,7,0)+IF('Standard Profiles'!$G$19=$B$17,14,0)+IF('Standard Profiles'!$G$19=$B$24,21,0),MOD($C6394,24)+1)/SUM(INDEX($D$3:$AA$30,INDEX(Jesper!$R$2:$R$366,ROW(INDEX(Jesper!AI$2:AI$366,ROUNDDOWN($C6394/24,0)+1,1))-1)+IF('Standard Profiles'!$G$19=$B$10,7,0)+IF('Standard Profiles'!$G$19=$B$17,14,0)+IF('Standard Profiles'!$G$19=$B$24,21,0),0)),0)</f>
        <v>3.053242360073841</v>
      </c>
      <c r="F6394" cm="1">
        <f t="array" ref="F6394">IFERROR(INDEX(Jesper!AJ$2:AJ$366,ROUNDDOWN($C6394/24,0)+1,1)*INDEX($D$3:$AA$30,INDEX(Jesper!$R$2:$R$366,ROW(INDEX(Jesper!AJ$2:AJ$366,ROUNDDOWN($C6394/24,0)+1,1))-1)+IF('Standard Profiles'!$G$20=$B$10,7,0)+IF('Standard Profiles'!$G$20=$B$17,14,0)+IF('Standard Profiles'!$G$20=$B$24,21,0),MOD($C6394,24)+1)/SUM(INDEX($D$3:$AA$30,INDEX(Jesper!$R$2:$R$366,ROW(INDEX(Jesper!AJ$2:AJ$366,ROUNDDOWN($C6394/24,0)+1,1))-1)+IF('Standard Profiles'!$G$20=$B$10,7,0)+IF('Standard Profiles'!$G$20=$B$17,14,0)+IF('Standard Profiles'!$G$20=$B$24,21,0),0)),0)</f>
        <v>1.5035079684914219</v>
      </c>
      <c r="G6394" cm="1">
        <f t="array" ref="G6394">IFERROR(INDEX(Jesper!AK$2:AK$366,ROUNDDOWN($C6394/24,0)+1,1)*INDEX($D$3:$AA$30,INDEX(Jesper!$R$2:$R$366,ROW(INDEX(Jesper!AK$2:AK$366,ROUNDDOWN($C6394/24,0)+1,1))-1)+IF('Standard Profiles'!$G$21=$B$10,7,0)+IF('Standard Profiles'!$G$21=$B$17,14,0)+IF('Standard Profiles'!$G$21=$B$24,21,0),MOD($C6394,24)+1)/SUM(INDEX($D$3:$AA$30,INDEX(Jesper!$R$2:$R$366,ROW(INDEX(Jesper!AK$2:AK$366,ROUNDDOWN($C6394/24,0)+1,1))-1)+IF('Standard Profiles'!$G$21=$B$10,7,0)+IF('Standard Profiles'!$G$21=$B$17,14,0)+IF('Standard Profiles'!$G$21=$B$24,21,0),0)),0)</f>
        <v>0.89246430629375617</v>
      </c>
      <c r="H6394" cm="1">
        <f t="array" ref="H6394">IFERROR(INDEX(Jesper!AL$2:AL$366,ROUNDDOWN($C6394/24,0)+1,1)*INDEX($D$3:$AA$30,INDEX(Jesper!$R$2:$R$366,ROW(INDEX(Jesper!AL$2:AL$366,ROUNDDOWN($C6394/24,0)+1,1))-1)+IF('Standard Profiles'!$G$22=$B$10,7,0)+IF('Standard Profiles'!$G$22=$B$17,14,0)+IF('Standard Profiles'!$G$22=$B$24,21,0),MOD($C6394,24)+1)/SUM(INDEX($D$3:$AA$30,INDEX(Jesper!$R$2:$R$366,ROW(INDEX(Jesper!AL$2:AL$366,ROUNDDOWN($C6394/24,0)+1,1))-1)+IF('Standard Profiles'!$G$22=$B$10,7,0)+IF('Standard Profiles'!$G$22=$B$17,14,0)+IF('Standard Profiles'!$G$22=$B$24,21,0),0)),0)</f>
        <v>0.19107310203826386</v>
      </c>
      <c r="I6394">
        <f t="shared" si="713"/>
        <v>0.18343017795673341</v>
      </c>
      <c r="J6394">
        <f t="shared" si="714"/>
        <v>5.0904684757316883</v>
      </c>
      <c r="K6394">
        <f t="shared" si="715"/>
        <v>0.24425938880590728</v>
      </c>
      <c r="L6394">
        <f t="shared" si="716"/>
        <v>0.12212969440295364</v>
      </c>
      <c r="M6394">
        <f t="shared" si="717"/>
        <v>0</v>
      </c>
      <c r="N6394" s="45">
        <f t="shared" si="718"/>
        <v>45191.999999984575</v>
      </c>
    </row>
    <row r="6395" spans="2:14" x14ac:dyDescent="0.25">
      <c r="B6395">
        <f t="shared" si="712"/>
        <v>6</v>
      </c>
      <c r="C6395" s="16">
        <v>6361</v>
      </c>
      <c r="D6395" cm="1">
        <f t="array" ref="D6395">IFERROR(INDEX(Jesper!AH$2:AH$366,ROUNDDOWN($C6395/24,0)+1,1)*INDEX($D$3:$AA$30,INDEX(Jesper!$R$2:$R$366,ROW(INDEX(Jesper!AH$2:AH$366,ROUNDDOWN($C6395/24,0)+1,1))-1)+IF('Standard Profiles'!$G$18=$B$10,7,0)+IF('Standard Profiles'!$G$18=$B$17,14,0)+IF('Standard Profiles'!$G$18=$B$24,21,0),MOD($C6395,24)+1)/SUM(INDEX($D$3:$AA$30,INDEX(Jesper!$R$2:$R$366,ROW(INDEX(Jesper!AH$2:AH$366,ROUNDDOWN($C6395/24,0)+1,1))-1)+IF('Standard Profiles'!$G$18=$B$10,7,0)+IF('Standard Profiles'!$G$18=$B$17,14,0)+IF('Standard Profiles'!$G$18=$B$24,21,0),0)),0)</f>
        <v>0</v>
      </c>
      <c r="E6395" cm="1">
        <f t="array" ref="E6395">IFERROR(INDEX(Jesper!AI$2:AI$366,ROUNDDOWN($C6395/24,0)+1,1)*INDEX($D$3:$AA$30,INDEX(Jesper!$R$2:$R$366,ROW(INDEX(Jesper!AI$2:AI$366,ROUNDDOWN($C6395/24,0)+1,1))-1)+IF('Standard Profiles'!$G$19=$B$10,7,0)+IF('Standard Profiles'!$G$19=$B$17,14,0)+IF('Standard Profiles'!$G$19=$B$24,21,0),MOD($C6395,24)+1)/SUM(INDEX($D$3:$AA$30,INDEX(Jesper!$R$2:$R$366,ROW(INDEX(Jesper!AI$2:AI$366,ROUNDDOWN($C6395/24,0)+1,1))-1)+IF('Standard Profiles'!$G$19=$B$10,7,0)+IF('Standard Profiles'!$G$19=$B$17,14,0)+IF('Standard Profiles'!$G$19=$B$24,21,0),0)),0)</f>
        <v>2.747918124066457</v>
      </c>
      <c r="F6395" cm="1">
        <f t="array" ref="F6395">IFERROR(INDEX(Jesper!AJ$2:AJ$366,ROUNDDOWN($C6395/24,0)+1,1)*INDEX($D$3:$AA$30,INDEX(Jesper!$R$2:$R$366,ROW(INDEX(Jesper!AJ$2:AJ$366,ROUNDDOWN($C6395/24,0)+1,1))-1)+IF('Standard Profiles'!$G$20=$B$10,7,0)+IF('Standard Profiles'!$G$20=$B$17,14,0)+IF('Standard Profiles'!$G$20=$B$24,21,0),MOD($C6395,24)+1)/SUM(INDEX($D$3:$AA$30,INDEX(Jesper!$R$2:$R$366,ROW(INDEX(Jesper!AJ$2:AJ$366,ROUNDDOWN($C6395/24,0)+1,1))-1)+IF('Standard Profiles'!$G$20=$B$10,7,0)+IF('Standard Profiles'!$G$20=$B$17,14,0)+IF('Standard Profiles'!$G$20=$B$24,21,0),0)),0)</f>
        <v>1.3531571716422794</v>
      </c>
      <c r="G6395" cm="1">
        <f t="array" ref="G6395">IFERROR(INDEX(Jesper!AK$2:AK$366,ROUNDDOWN($C6395/24,0)+1,1)*INDEX($D$3:$AA$30,INDEX(Jesper!$R$2:$R$366,ROW(INDEX(Jesper!AK$2:AK$366,ROUNDDOWN($C6395/24,0)+1,1))-1)+IF('Standard Profiles'!$G$21=$B$10,7,0)+IF('Standard Profiles'!$G$21=$B$17,14,0)+IF('Standard Profiles'!$G$21=$B$24,21,0),MOD($C6395,24)+1)/SUM(INDEX($D$3:$AA$30,INDEX(Jesper!$R$2:$R$366,ROW(INDEX(Jesper!AK$2:AK$366,ROUNDDOWN($C6395/24,0)+1,1))-1)+IF('Standard Profiles'!$G$21=$B$10,7,0)+IF('Standard Profiles'!$G$21=$B$17,14,0)+IF('Standard Profiles'!$G$21=$B$24,21,0),0)),0)</f>
        <v>0.89246430629375617</v>
      </c>
      <c r="H6395" cm="1">
        <f t="array" ref="H6395">IFERROR(INDEX(Jesper!AL$2:AL$366,ROUNDDOWN($C6395/24,0)+1,1)*INDEX($D$3:$AA$30,INDEX(Jesper!$R$2:$R$366,ROW(INDEX(Jesper!AL$2:AL$366,ROUNDDOWN($C6395/24,0)+1,1))-1)+IF('Standard Profiles'!$G$22=$B$10,7,0)+IF('Standard Profiles'!$G$22=$B$17,14,0)+IF('Standard Profiles'!$G$22=$B$24,21,0),MOD($C6395,24)+1)/SUM(INDEX($D$3:$AA$30,INDEX(Jesper!$R$2:$R$366,ROW(INDEX(Jesper!AL$2:AL$366,ROUNDDOWN($C6395/24,0)+1,1))-1)+IF('Standard Profiles'!$G$22=$B$10,7,0)+IF('Standard Profiles'!$G$22=$B$17,14,0)+IF('Standard Profiles'!$G$22=$B$24,21,0),0)),0)</f>
        <v>0.37304748493184858</v>
      </c>
      <c r="I6395">
        <f t="shared" si="713"/>
        <v>0.35812558553457485</v>
      </c>
      <c r="J6395">
        <f t="shared" si="714"/>
        <v>4.6787113265117917</v>
      </c>
      <c r="K6395">
        <f t="shared" si="715"/>
        <v>0.21983344992531656</v>
      </c>
      <c r="L6395">
        <f t="shared" si="716"/>
        <v>0.10991672496265828</v>
      </c>
      <c r="M6395">
        <f t="shared" si="717"/>
        <v>0</v>
      </c>
      <c r="N6395" s="45">
        <f t="shared" si="718"/>
        <v>45192.041666651239</v>
      </c>
    </row>
    <row r="6396" spans="2:14" x14ac:dyDescent="0.25">
      <c r="B6396">
        <f t="shared" si="712"/>
        <v>6</v>
      </c>
      <c r="C6396" s="16">
        <v>6362</v>
      </c>
      <c r="D6396" cm="1">
        <f t="array" ref="D6396">IFERROR(INDEX(Jesper!AH$2:AH$366,ROUNDDOWN($C6396/24,0)+1,1)*INDEX($D$3:$AA$30,INDEX(Jesper!$R$2:$R$366,ROW(INDEX(Jesper!AH$2:AH$366,ROUNDDOWN($C6396/24,0)+1,1))-1)+IF('Standard Profiles'!$G$18=$B$10,7,0)+IF('Standard Profiles'!$G$18=$B$17,14,0)+IF('Standard Profiles'!$G$18=$B$24,21,0),MOD($C6396,24)+1)/SUM(INDEX($D$3:$AA$30,INDEX(Jesper!$R$2:$R$366,ROW(INDEX(Jesper!AH$2:AH$366,ROUNDDOWN($C6396/24,0)+1,1))-1)+IF('Standard Profiles'!$G$18=$B$10,7,0)+IF('Standard Profiles'!$G$18=$B$17,14,0)+IF('Standard Profiles'!$G$18=$B$24,21,0),0)),0)</f>
        <v>0</v>
      </c>
      <c r="E6396" cm="1">
        <f t="array" ref="E6396">IFERROR(INDEX(Jesper!AI$2:AI$366,ROUNDDOWN($C6396/24,0)+1,1)*INDEX($D$3:$AA$30,INDEX(Jesper!$R$2:$R$366,ROW(INDEX(Jesper!AI$2:AI$366,ROUNDDOWN($C6396/24,0)+1,1))-1)+IF('Standard Profiles'!$G$19=$B$10,7,0)+IF('Standard Profiles'!$G$19=$B$17,14,0)+IF('Standard Profiles'!$G$19=$B$24,21,0),MOD($C6396,24)+1)/SUM(INDEX($D$3:$AA$30,INDEX(Jesper!$R$2:$R$366,ROW(INDEX(Jesper!AI$2:AI$366,ROUNDDOWN($C6396/24,0)+1,1))-1)+IF('Standard Profiles'!$G$19=$B$10,7,0)+IF('Standard Profiles'!$G$19=$B$17,14,0)+IF('Standard Profiles'!$G$19=$B$24,21,0),0)),0)</f>
        <v>2.747918124066457</v>
      </c>
      <c r="F6396" cm="1">
        <f t="array" ref="F6396">IFERROR(INDEX(Jesper!AJ$2:AJ$366,ROUNDDOWN($C6396/24,0)+1,1)*INDEX($D$3:$AA$30,INDEX(Jesper!$R$2:$R$366,ROW(INDEX(Jesper!AJ$2:AJ$366,ROUNDDOWN($C6396/24,0)+1,1))-1)+IF('Standard Profiles'!$G$20=$B$10,7,0)+IF('Standard Profiles'!$G$20=$B$17,14,0)+IF('Standard Profiles'!$G$20=$B$24,21,0),MOD($C6396,24)+1)/SUM(INDEX($D$3:$AA$30,INDEX(Jesper!$R$2:$R$366,ROW(INDEX(Jesper!AJ$2:AJ$366,ROUNDDOWN($C6396/24,0)+1,1))-1)+IF('Standard Profiles'!$G$20=$B$10,7,0)+IF('Standard Profiles'!$G$20=$B$17,14,0)+IF('Standard Profiles'!$G$20=$B$24,21,0),0)),0)</f>
        <v>1.3531571716422794</v>
      </c>
      <c r="G6396" cm="1">
        <f t="array" ref="G6396">IFERROR(INDEX(Jesper!AK$2:AK$366,ROUNDDOWN($C6396/24,0)+1,1)*INDEX($D$3:$AA$30,INDEX(Jesper!$R$2:$R$366,ROW(INDEX(Jesper!AK$2:AK$366,ROUNDDOWN($C6396/24,0)+1,1))-1)+IF('Standard Profiles'!$G$21=$B$10,7,0)+IF('Standard Profiles'!$G$21=$B$17,14,0)+IF('Standard Profiles'!$G$21=$B$24,21,0),MOD($C6396,24)+1)/SUM(INDEX($D$3:$AA$30,INDEX(Jesper!$R$2:$R$366,ROW(INDEX(Jesper!AK$2:AK$366,ROUNDDOWN($C6396/24,0)+1,1))-1)+IF('Standard Profiles'!$G$21=$B$10,7,0)+IF('Standard Profiles'!$G$21=$B$17,14,0)+IF('Standard Profiles'!$G$21=$B$24,21,0),0)),0)</f>
        <v>0.89246430629375617</v>
      </c>
      <c r="H6396" cm="1">
        <f t="array" ref="H6396">IFERROR(INDEX(Jesper!AL$2:AL$366,ROUNDDOWN($C6396/24,0)+1,1)*INDEX($D$3:$AA$30,INDEX(Jesper!$R$2:$R$366,ROW(INDEX(Jesper!AL$2:AL$366,ROUNDDOWN($C6396/24,0)+1,1))-1)+IF('Standard Profiles'!$G$22=$B$10,7,0)+IF('Standard Profiles'!$G$22=$B$17,14,0)+IF('Standard Profiles'!$G$22=$B$24,21,0),MOD($C6396,24)+1)/SUM(INDEX($D$3:$AA$30,INDEX(Jesper!$R$2:$R$366,ROW(INDEX(Jesper!AL$2:AL$366,ROUNDDOWN($C6396/24,0)+1,1))-1)+IF('Standard Profiles'!$G$22=$B$10,7,0)+IF('Standard Profiles'!$G$22=$B$17,14,0)+IF('Standard Profiles'!$G$22=$B$24,21,0),0)),0)</f>
        <v>0.37304748493184858</v>
      </c>
      <c r="I6396">
        <f t="shared" si="713"/>
        <v>0.35812558553457485</v>
      </c>
      <c r="J6396">
        <f t="shared" si="714"/>
        <v>4.6787113265117917</v>
      </c>
      <c r="K6396">
        <f t="shared" si="715"/>
        <v>0.21983344992531656</v>
      </c>
      <c r="L6396">
        <f t="shared" si="716"/>
        <v>0.10991672496265828</v>
      </c>
      <c r="M6396">
        <f t="shared" si="717"/>
        <v>0</v>
      </c>
      <c r="N6396" s="45">
        <f t="shared" si="718"/>
        <v>45192.083333317903</v>
      </c>
    </row>
    <row r="6397" spans="2:14" x14ac:dyDescent="0.25">
      <c r="B6397">
        <f t="shared" si="712"/>
        <v>6</v>
      </c>
      <c r="C6397" s="16">
        <v>6363</v>
      </c>
      <c r="D6397" cm="1">
        <f t="array" ref="D6397">IFERROR(INDEX(Jesper!AH$2:AH$366,ROUNDDOWN($C6397/24,0)+1,1)*INDEX($D$3:$AA$30,INDEX(Jesper!$R$2:$R$366,ROW(INDEX(Jesper!AH$2:AH$366,ROUNDDOWN($C6397/24,0)+1,1))-1)+IF('Standard Profiles'!$G$18=$B$10,7,0)+IF('Standard Profiles'!$G$18=$B$17,14,0)+IF('Standard Profiles'!$G$18=$B$24,21,0),MOD($C6397,24)+1)/SUM(INDEX($D$3:$AA$30,INDEX(Jesper!$R$2:$R$366,ROW(INDEX(Jesper!AH$2:AH$366,ROUNDDOWN($C6397/24,0)+1,1))-1)+IF('Standard Profiles'!$G$18=$B$10,7,0)+IF('Standard Profiles'!$G$18=$B$17,14,0)+IF('Standard Profiles'!$G$18=$B$24,21,0),0)),0)</f>
        <v>0</v>
      </c>
      <c r="E6397" cm="1">
        <f t="array" ref="E6397">IFERROR(INDEX(Jesper!AI$2:AI$366,ROUNDDOWN($C6397/24,0)+1,1)*INDEX($D$3:$AA$30,INDEX(Jesper!$R$2:$R$366,ROW(INDEX(Jesper!AI$2:AI$366,ROUNDDOWN($C6397/24,0)+1,1))-1)+IF('Standard Profiles'!$G$19=$B$10,7,0)+IF('Standard Profiles'!$G$19=$B$17,14,0)+IF('Standard Profiles'!$G$19=$B$24,21,0),MOD($C6397,24)+1)/SUM(INDEX($D$3:$AA$30,INDEX(Jesper!$R$2:$R$366,ROW(INDEX(Jesper!AI$2:AI$366,ROUNDDOWN($C6397/24,0)+1,1))-1)+IF('Standard Profiles'!$G$19=$B$10,7,0)+IF('Standard Profiles'!$G$19=$B$17,14,0)+IF('Standard Profiles'!$G$19=$B$24,21,0),0)),0)</f>
        <v>2.747918124066457</v>
      </c>
      <c r="F6397" cm="1">
        <f t="array" ref="F6397">IFERROR(INDEX(Jesper!AJ$2:AJ$366,ROUNDDOWN($C6397/24,0)+1,1)*INDEX($D$3:$AA$30,INDEX(Jesper!$R$2:$R$366,ROW(INDEX(Jesper!AJ$2:AJ$366,ROUNDDOWN($C6397/24,0)+1,1))-1)+IF('Standard Profiles'!$G$20=$B$10,7,0)+IF('Standard Profiles'!$G$20=$B$17,14,0)+IF('Standard Profiles'!$G$20=$B$24,21,0),MOD($C6397,24)+1)/SUM(INDEX($D$3:$AA$30,INDEX(Jesper!$R$2:$R$366,ROW(INDEX(Jesper!AJ$2:AJ$366,ROUNDDOWN($C6397/24,0)+1,1))-1)+IF('Standard Profiles'!$G$20=$B$10,7,0)+IF('Standard Profiles'!$G$20=$B$17,14,0)+IF('Standard Profiles'!$G$20=$B$24,21,0),0)),0)</f>
        <v>1.3531571716422794</v>
      </c>
      <c r="G6397" cm="1">
        <f t="array" ref="G6397">IFERROR(INDEX(Jesper!AK$2:AK$366,ROUNDDOWN($C6397/24,0)+1,1)*INDEX($D$3:$AA$30,INDEX(Jesper!$R$2:$R$366,ROW(INDEX(Jesper!AK$2:AK$366,ROUNDDOWN($C6397/24,0)+1,1))-1)+IF('Standard Profiles'!$G$21=$B$10,7,0)+IF('Standard Profiles'!$G$21=$B$17,14,0)+IF('Standard Profiles'!$G$21=$B$24,21,0),MOD($C6397,24)+1)/SUM(INDEX($D$3:$AA$30,INDEX(Jesper!$R$2:$R$366,ROW(INDEX(Jesper!AK$2:AK$366,ROUNDDOWN($C6397/24,0)+1,1))-1)+IF('Standard Profiles'!$G$21=$B$10,7,0)+IF('Standard Profiles'!$G$21=$B$17,14,0)+IF('Standard Profiles'!$G$21=$B$24,21,0),0)),0)</f>
        <v>0.89246430629375617</v>
      </c>
      <c r="H6397" cm="1">
        <f t="array" ref="H6397">IFERROR(INDEX(Jesper!AL$2:AL$366,ROUNDDOWN($C6397/24,0)+1,1)*INDEX($D$3:$AA$30,INDEX(Jesper!$R$2:$R$366,ROW(INDEX(Jesper!AL$2:AL$366,ROUNDDOWN($C6397/24,0)+1,1))-1)+IF('Standard Profiles'!$G$22=$B$10,7,0)+IF('Standard Profiles'!$G$22=$B$17,14,0)+IF('Standard Profiles'!$G$22=$B$24,21,0),MOD($C6397,24)+1)/SUM(INDEX($D$3:$AA$30,INDEX(Jesper!$R$2:$R$366,ROW(INDEX(Jesper!AL$2:AL$366,ROUNDDOWN($C6397/24,0)+1,1))-1)+IF('Standard Profiles'!$G$22=$B$10,7,0)+IF('Standard Profiles'!$G$22=$B$17,14,0)+IF('Standard Profiles'!$G$22=$B$24,21,0),0)),0)</f>
        <v>0.37304748493184858</v>
      </c>
      <c r="I6397">
        <f t="shared" si="713"/>
        <v>0.35812558553457485</v>
      </c>
      <c r="J6397">
        <f t="shared" si="714"/>
        <v>4.6787113265117917</v>
      </c>
      <c r="K6397">
        <f t="shared" si="715"/>
        <v>0.21983344992531656</v>
      </c>
      <c r="L6397">
        <f t="shared" si="716"/>
        <v>0.10991672496265828</v>
      </c>
      <c r="M6397">
        <f t="shared" si="717"/>
        <v>0</v>
      </c>
      <c r="N6397" s="45">
        <f t="shared" si="718"/>
        <v>45192.124999984568</v>
      </c>
    </row>
    <row r="6398" spans="2:14" x14ac:dyDescent="0.25">
      <c r="B6398">
        <f t="shared" si="712"/>
        <v>6</v>
      </c>
      <c r="C6398" s="16">
        <v>6364</v>
      </c>
      <c r="D6398" cm="1">
        <f t="array" ref="D6398">IFERROR(INDEX(Jesper!AH$2:AH$366,ROUNDDOWN($C6398/24,0)+1,1)*INDEX($D$3:$AA$30,INDEX(Jesper!$R$2:$R$366,ROW(INDEX(Jesper!AH$2:AH$366,ROUNDDOWN($C6398/24,0)+1,1))-1)+IF('Standard Profiles'!$G$18=$B$10,7,0)+IF('Standard Profiles'!$G$18=$B$17,14,0)+IF('Standard Profiles'!$G$18=$B$24,21,0),MOD($C6398,24)+1)/SUM(INDEX($D$3:$AA$30,INDEX(Jesper!$R$2:$R$366,ROW(INDEX(Jesper!AH$2:AH$366,ROUNDDOWN($C6398/24,0)+1,1))-1)+IF('Standard Profiles'!$G$18=$B$10,7,0)+IF('Standard Profiles'!$G$18=$B$17,14,0)+IF('Standard Profiles'!$G$18=$B$24,21,0),0)),0)</f>
        <v>0</v>
      </c>
      <c r="E6398" cm="1">
        <f t="array" ref="E6398">IFERROR(INDEX(Jesper!AI$2:AI$366,ROUNDDOWN($C6398/24,0)+1,1)*INDEX($D$3:$AA$30,INDEX(Jesper!$R$2:$R$366,ROW(INDEX(Jesper!AI$2:AI$366,ROUNDDOWN($C6398/24,0)+1,1))-1)+IF('Standard Profiles'!$G$19=$B$10,7,0)+IF('Standard Profiles'!$G$19=$B$17,14,0)+IF('Standard Profiles'!$G$19=$B$24,21,0),MOD($C6398,24)+1)/SUM(INDEX($D$3:$AA$30,INDEX(Jesper!$R$2:$R$366,ROW(INDEX(Jesper!AI$2:AI$366,ROUNDDOWN($C6398/24,0)+1,1))-1)+IF('Standard Profiles'!$G$19=$B$10,7,0)+IF('Standard Profiles'!$G$19=$B$17,14,0)+IF('Standard Profiles'!$G$19=$B$24,21,0),0)),0)</f>
        <v>2.747918124066457</v>
      </c>
      <c r="F6398" cm="1">
        <f t="array" ref="F6398">IFERROR(INDEX(Jesper!AJ$2:AJ$366,ROUNDDOWN($C6398/24,0)+1,1)*INDEX($D$3:$AA$30,INDEX(Jesper!$R$2:$R$366,ROW(INDEX(Jesper!AJ$2:AJ$366,ROUNDDOWN($C6398/24,0)+1,1))-1)+IF('Standard Profiles'!$G$20=$B$10,7,0)+IF('Standard Profiles'!$G$20=$B$17,14,0)+IF('Standard Profiles'!$G$20=$B$24,21,0),MOD($C6398,24)+1)/SUM(INDEX($D$3:$AA$30,INDEX(Jesper!$R$2:$R$366,ROW(INDEX(Jesper!AJ$2:AJ$366,ROUNDDOWN($C6398/24,0)+1,1))-1)+IF('Standard Profiles'!$G$20=$B$10,7,0)+IF('Standard Profiles'!$G$20=$B$17,14,0)+IF('Standard Profiles'!$G$20=$B$24,21,0),0)),0)</f>
        <v>1.3531571716422794</v>
      </c>
      <c r="G6398" cm="1">
        <f t="array" ref="G6398">IFERROR(INDEX(Jesper!AK$2:AK$366,ROUNDDOWN($C6398/24,0)+1,1)*INDEX($D$3:$AA$30,INDEX(Jesper!$R$2:$R$366,ROW(INDEX(Jesper!AK$2:AK$366,ROUNDDOWN($C6398/24,0)+1,1))-1)+IF('Standard Profiles'!$G$21=$B$10,7,0)+IF('Standard Profiles'!$G$21=$B$17,14,0)+IF('Standard Profiles'!$G$21=$B$24,21,0),MOD($C6398,24)+1)/SUM(INDEX($D$3:$AA$30,INDEX(Jesper!$R$2:$R$366,ROW(INDEX(Jesper!AK$2:AK$366,ROUNDDOWN($C6398/24,0)+1,1))-1)+IF('Standard Profiles'!$G$21=$B$10,7,0)+IF('Standard Profiles'!$G$21=$B$17,14,0)+IF('Standard Profiles'!$G$21=$B$24,21,0),0)),0)</f>
        <v>0.89246430629375617</v>
      </c>
      <c r="H6398" cm="1">
        <f t="array" ref="H6398">IFERROR(INDEX(Jesper!AL$2:AL$366,ROUNDDOWN($C6398/24,0)+1,1)*INDEX($D$3:$AA$30,INDEX(Jesper!$R$2:$R$366,ROW(INDEX(Jesper!AL$2:AL$366,ROUNDDOWN($C6398/24,0)+1,1))-1)+IF('Standard Profiles'!$G$22=$B$10,7,0)+IF('Standard Profiles'!$G$22=$B$17,14,0)+IF('Standard Profiles'!$G$22=$B$24,21,0),MOD($C6398,24)+1)/SUM(INDEX($D$3:$AA$30,INDEX(Jesper!$R$2:$R$366,ROW(INDEX(Jesper!AL$2:AL$366,ROUNDDOWN($C6398/24,0)+1,1))-1)+IF('Standard Profiles'!$G$22=$B$10,7,0)+IF('Standard Profiles'!$G$22=$B$17,14,0)+IF('Standard Profiles'!$G$22=$B$24,21,0),0)),0)</f>
        <v>0.37304748493184858</v>
      </c>
      <c r="I6398">
        <f t="shared" si="713"/>
        <v>0.35812558553457485</v>
      </c>
      <c r="J6398">
        <f t="shared" si="714"/>
        <v>4.6787113265117917</v>
      </c>
      <c r="K6398">
        <f t="shared" si="715"/>
        <v>0.21983344992531656</v>
      </c>
      <c r="L6398">
        <f t="shared" si="716"/>
        <v>0.10991672496265828</v>
      </c>
      <c r="M6398">
        <f t="shared" si="717"/>
        <v>0</v>
      </c>
      <c r="N6398" s="45">
        <f t="shared" si="718"/>
        <v>45192.166666651232</v>
      </c>
    </row>
    <row r="6399" spans="2:14" x14ac:dyDescent="0.25">
      <c r="B6399">
        <f t="shared" si="712"/>
        <v>6</v>
      </c>
      <c r="C6399" s="16">
        <v>6365</v>
      </c>
      <c r="D6399" cm="1">
        <f t="array" ref="D6399">IFERROR(INDEX(Jesper!AH$2:AH$366,ROUNDDOWN($C6399/24,0)+1,1)*INDEX($D$3:$AA$30,INDEX(Jesper!$R$2:$R$366,ROW(INDEX(Jesper!AH$2:AH$366,ROUNDDOWN($C6399/24,0)+1,1))-1)+IF('Standard Profiles'!$G$18=$B$10,7,0)+IF('Standard Profiles'!$G$18=$B$17,14,0)+IF('Standard Profiles'!$G$18=$B$24,21,0),MOD($C6399,24)+1)/SUM(INDEX($D$3:$AA$30,INDEX(Jesper!$R$2:$R$366,ROW(INDEX(Jesper!AH$2:AH$366,ROUNDDOWN($C6399/24,0)+1,1))-1)+IF('Standard Profiles'!$G$18=$B$10,7,0)+IF('Standard Profiles'!$G$18=$B$17,14,0)+IF('Standard Profiles'!$G$18=$B$24,21,0),0)),0)</f>
        <v>0</v>
      </c>
      <c r="E6399" cm="1">
        <f t="array" ref="E6399">IFERROR(INDEX(Jesper!AI$2:AI$366,ROUNDDOWN($C6399/24,0)+1,1)*INDEX($D$3:$AA$30,INDEX(Jesper!$R$2:$R$366,ROW(INDEX(Jesper!AI$2:AI$366,ROUNDDOWN($C6399/24,0)+1,1))-1)+IF('Standard Profiles'!$G$19=$B$10,7,0)+IF('Standard Profiles'!$G$19=$B$17,14,0)+IF('Standard Profiles'!$G$19=$B$24,21,0),MOD($C6399,24)+1)/SUM(INDEX($D$3:$AA$30,INDEX(Jesper!$R$2:$R$366,ROW(INDEX(Jesper!AI$2:AI$366,ROUNDDOWN($C6399/24,0)+1,1))-1)+IF('Standard Profiles'!$G$19=$B$10,7,0)+IF('Standard Profiles'!$G$19=$B$17,14,0)+IF('Standard Profiles'!$G$19=$B$24,21,0),0)),0)</f>
        <v>2.747918124066457</v>
      </c>
      <c r="F6399" cm="1">
        <f t="array" ref="F6399">IFERROR(INDEX(Jesper!AJ$2:AJ$366,ROUNDDOWN($C6399/24,0)+1,1)*INDEX($D$3:$AA$30,INDEX(Jesper!$R$2:$R$366,ROW(INDEX(Jesper!AJ$2:AJ$366,ROUNDDOWN($C6399/24,0)+1,1))-1)+IF('Standard Profiles'!$G$20=$B$10,7,0)+IF('Standard Profiles'!$G$20=$B$17,14,0)+IF('Standard Profiles'!$G$20=$B$24,21,0),MOD($C6399,24)+1)/SUM(INDEX($D$3:$AA$30,INDEX(Jesper!$R$2:$R$366,ROW(INDEX(Jesper!AJ$2:AJ$366,ROUNDDOWN($C6399/24,0)+1,1))-1)+IF('Standard Profiles'!$G$20=$B$10,7,0)+IF('Standard Profiles'!$G$20=$B$17,14,0)+IF('Standard Profiles'!$G$20=$B$24,21,0),0)),0)</f>
        <v>1.3531571716422794</v>
      </c>
      <c r="G6399" cm="1">
        <f t="array" ref="G6399">IFERROR(INDEX(Jesper!AK$2:AK$366,ROUNDDOWN($C6399/24,0)+1,1)*INDEX($D$3:$AA$30,INDEX(Jesper!$R$2:$R$366,ROW(INDEX(Jesper!AK$2:AK$366,ROUNDDOWN($C6399/24,0)+1,1))-1)+IF('Standard Profiles'!$G$21=$B$10,7,0)+IF('Standard Profiles'!$G$21=$B$17,14,0)+IF('Standard Profiles'!$G$21=$B$24,21,0),MOD($C6399,24)+1)/SUM(INDEX($D$3:$AA$30,INDEX(Jesper!$R$2:$R$366,ROW(INDEX(Jesper!AK$2:AK$366,ROUNDDOWN($C6399/24,0)+1,1))-1)+IF('Standard Profiles'!$G$21=$B$10,7,0)+IF('Standard Profiles'!$G$21=$B$17,14,0)+IF('Standard Profiles'!$G$21=$B$24,21,0),0)),0)</f>
        <v>0.89246430629375617</v>
      </c>
      <c r="H6399" cm="1">
        <f t="array" ref="H6399">IFERROR(INDEX(Jesper!AL$2:AL$366,ROUNDDOWN($C6399/24,0)+1,1)*INDEX($D$3:$AA$30,INDEX(Jesper!$R$2:$R$366,ROW(INDEX(Jesper!AL$2:AL$366,ROUNDDOWN($C6399/24,0)+1,1))-1)+IF('Standard Profiles'!$G$22=$B$10,7,0)+IF('Standard Profiles'!$G$22=$B$17,14,0)+IF('Standard Profiles'!$G$22=$B$24,21,0),MOD($C6399,24)+1)/SUM(INDEX($D$3:$AA$30,INDEX(Jesper!$R$2:$R$366,ROW(INDEX(Jesper!AL$2:AL$366,ROUNDDOWN($C6399/24,0)+1,1))-1)+IF('Standard Profiles'!$G$22=$B$10,7,0)+IF('Standard Profiles'!$G$22=$B$17,14,0)+IF('Standard Profiles'!$G$22=$B$24,21,0),0)),0)</f>
        <v>0.46403467637864088</v>
      </c>
      <c r="I6399">
        <f t="shared" si="713"/>
        <v>0.4454732893234955</v>
      </c>
      <c r="J6399">
        <f t="shared" si="714"/>
        <v>4.6823508141696628</v>
      </c>
      <c r="K6399">
        <f t="shared" si="715"/>
        <v>0.21983344992531656</v>
      </c>
      <c r="L6399">
        <f t="shared" si="716"/>
        <v>0.10991672496265828</v>
      </c>
      <c r="M6399">
        <f t="shared" si="717"/>
        <v>0</v>
      </c>
      <c r="N6399" s="45">
        <f t="shared" si="718"/>
        <v>45192.208333317896</v>
      </c>
    </row>
    <row r="6400" spans="2:14" x14ac:dyDescent="0.25">
      <c r="B6400">
        <f t="shared" si="712"/>
        <v>6</v>
      </c>
      <c r="C6400" s="16">
        <v>6366</v>
      </c>
      <c r="D6400" cm="1">
        <f t="array" ref="D6400">IFERROR(INDEX(Jesper!AH$2:AH$366,ROUNDDOWN($C6400/24,0)+1,1)*INDEX($D$3:$AA$30,INDEX(Jesper!$R$2:$R$366,ROW(INDEX(Jesper!AH$2:AH$366,ROUNDDOWN($C6400/24,0)+1,1))-1)+IF('Standard Profiles'!$G$18=$B$10,7,0)+IF('Standard Profiles'!$G$18=$B$17,14,0)+IF('Standard Profiles'!$G$18=$B$24,21,0),MOD($C6400,24)+1)/SUM(INDEX($D$3:$AA$30,INDEX(Jesper!$R$2:$R$366,ROW(INDEX(Jesper!AH$2:AH$366,ROUNDDOWN($C6400/24,0)+1,1))-1)+IF('Standard Profiles'!$G$18=$B$10,7,0)+IF('Standard Profiles'!$G$18=$B$17,14,0)+IF('Standard Profiles'!$G$18=$B$24,21,0),0)),0)</f>
        <v>0</v>
      </c>
      <c r="E6400" cm="1">
        <f t="array" ref="E6400">IFERROR(INDEX(Jesper!AI$2:AI$366,ROUNDDOWN($C6400/24,0)+1,1)*INDEX($D$3:$AA$30,INDEX(Jesper!$R$2:$R$366,ROW(INDEX(Jesper!AI$2:AI$366,ROUNDDOWN($C6400/24,0)+1,1))-1)+IF('Standard Profiles'!$G$19=$B$10,7,0)+IF('Standard Profiles'!$G$19=$B$17,14,0)+IF('Standard Profiles'!$G$19=$B$24,21,0),MOD($C6400,24)+1)/SUM(INDEX($D$3:$AA$30,INDEX(Jesper!$R$2:$R$366,ROW(INDEX(Jesper!AI$2:AI$366,ROUNDDOWN($C6400/24,0)+1,1))-1)+IF('Standard Profiles'!$G$19=$B$10,7,0)+IF('Standard Profiles'!$G$19=$B$17,14,0)+IF('Standard Profiles'!$G$19=$B$24,21,0),0)),0)</f>
        <v>2.747918124066457</v>
      </c>
      <c r="F6400" cm="1">
        <f t="array" ref="F6400">IFERROR(INDEX(Jesper!AJ$2:AJ$366,ROUNDDOWN($C6400/24,0)+1,1)*INDEX($D$3:$AA$30,INDEX(Jesper!$R$2:$R$366,ROW(INDEX(Jesper!AJ$2:AJ$366,ROUNDDOWN($C6400/24,0)+1,1))-1)+IF('Standard Profiles'!$G$20=$B$10,7,0)+IF('Standard Profiles'!$G$20=$B$17,14,0)+IF('Standard Profiles'!$G$20=$B$24,21,0),MOD($C6400,24)+1)/SUM(INDEX($D$3:$AA$30,INDEX(Jesper!$R$2:$R$366,ROW(INDEX(Jesper!AJ$2:AJ$366,ROUNDDOWN($C6400/24,0)+1,1))-1)+IF('Standard Profiles'!$G$20=$B$10,7,0)+IF('Standard Profiles'!$G$20=$B$17,14,0)+IF('Standard Profiles'!$G$20=$B$24,21,0),0)),0)</f>
        <v>1.3531571716422794</v>
      </c>
      <c r="G6400" cm="1">
        <f t="array" ref="G6400">IFERROR(INDEX(Jesper!AK$2:AK$366,ROUNDDOWN($C6400/24,0)+1,1)*INDEX($D$3:$AA$30,INDEX(Jesper!$R$2:$R$366,ROW(INDEX(Jesper!AK$2:AK$366,ROUNDDOWN($C6400/24,0)+1,1))-1)+IF('Standard Profiles'!$G$21=$B$10,7,0)+IF('Standard Profiles'!$G$21=$B$17,14,0)+IF('Standard Profiles'!$G$21=$B$24,21,0),MOD($C6400,24)+1)/SUM(INDEX($D$3:$AA$30,INDEX(Jesper!$R$2:$R$366,ROW(INDEX(Jesper!AK$2:AK$366,ROUNDDOWN($C6400/24,0)+1,1))-1)+IF('Standard Profiles'!$G$21=$B$10,7,0)+IF('Standard Profiles'!$G$21=$B$17,14,0)+IF('Standard Profiles'!$G$21=$B$24,21,0),0)),0)</f>
        <v>0.89246430629375617</v>
      </c>
      <c r="H6400" cm="1">
        <f t="array" ref="H6400">IFERROR(INDEX(Jesper!AL$2:AL$366,ROUNDDOWN($C6400/24,0)+1,1)*INDEX($D$3:$AA$30,INDEX(Jesper!$R$2:$R$366,ROW(INDEX(Jesper!AL$2:AL$366,ROUNDDOWN($C6400/24,0)+1,1))-1)+IF('Standard Profiles'!$G$22=$B$10,7,0)+IF('Standard Profiles'!$G$22=$B$17,14,0)+IF('Standard Profiles'!$G$22=$B$24,21,0),MOD($C6400,24)+1)/SUM(INDEX($D$3:$AA$30,INDEX(Jesper!$R$2:$R$366,ROW(INDEX(Jesper!AL$2:AL$366,ROUNDDOWN($C6400/24,0)+1,1))-1)+IF('Standard Profiles'!$G$22=$B$10,7,0)+IF('Standard Profiles'!$G$22=$B$17,14,0)+IF('Standard Profiles'!$G$22=$B$24,21,0),0)),0)</f>
        <v>0.58231802525947085</v>
      </c>
      <c r="I6400">
        <f t="shared" si="713"/>
        <v>0.55902530424909236</v>
      </c>
      <c r="J6400">
        <f t="shared" si="714"/>
        <v>4.6870821481248957</v>
      </c>
      <c r="K6400">
        <f t="shared" si="715"/>
        <v>0.21983344992531656</v>
      </c>
      <c r="L6400">
        <f t="shared" si="716"/>
        <v>0.10991672496265828</v>
      </c>
      <c r="M6400">
        <f t="shared" si="717"/>
        <v>0</v>
      </c>
      <c r="N6400" s="45">
        <f t="shared" si="718"/>
        <v>45192.24999998456</v>
      </c>
    </row>
    <row r="6401" spans="2:14" x14ac:dyDescent="0.25">
      <c r="B6401">
        <f t="shared" si="712"/>
        <v>6</v>
      </c>
      <c r="C6401" s="16">
        <v>6367</v>
      </c>
      <c r="D6401" cm="1">
        <f t="array" ref="D6401">IFERROR(INDEX(Jesper!AH$2:AH$366,ROUNDDOWN($C6401/24,0)+1,1)*INDEX($D$3:$AA$30,INDEX(Jesper!$R$2:$R$366,ROW(INDEX(Jesper!AH$2:AH$366,ROUNDDOWN($C6401/24,0)+1,1))-1)+IF('Standard Profiles'!$G$18=$B$10,7,0)+IF('Standard Profiles'!$G$18=$B$17,14,0)+IF('Standard Profiles'!$G$18=$B$24,21,0),MOD($C6401,24)+1)/SUM(INDEX($D$3:$AA$30,INDEX(Jesper!$R$2:$R$366,ROW(INDEX(Jesper!AH$2:AH$366,ROUNDDOWN($C6401/24,0)+1,1))-1)+IF('Standard Profiles'!$G$18=$B$10,7,0)+IF('Standard Profiles'!$G$18=$B$17,14,0)+IF('Standard Profiles'!$G$18=$B$24,21,0),0)),0)</f>
        <v>0</v>
      </c>
      <c r="E6401" cm="1">
        <f t="array" ref="E6401">IFERROR(INDEX(Jesper!AI$2:AI$366,ROUNDDOWN($C6401/24,0)+1,1)*INDEX($D$3:$AA$30,INDEX(Jesper!$R$2:$R$366,ROW(INDEX(Jesper!AI$2:AI$366,ROUNDDOWN($C6401/24,0)+1,1))-1)+IF('Standard Profiles'!$G$19=$B$10,7,0)+IF('Standard Profiles'!$G$19=$B$17,14,0)+IF('Standard Profiles'!$G$19=$B$24,21,0),MOD($C6401,24)+1)/SUM(INDEX($D$3:$AA$30,INDEX(Jesper!$R$2:$R$366,ROW(INDEX(Jesper!AI$2:AI$366,ROUNDDOWN($C6401/24,0)+1,1))-1)+IF('Standard Profiles'!$G$19=$B$10,7,0)+IF('Standard Profiles'!$G$19=$B$17,14,0)+IF('Standard Profiles'!$G$19=$B$24,21,0),0)),0)</f>
        <v>2.747918124066457</v>
      </c>
      <c r="F6401" cm="1">
        <f t="array" ref="F6401">IFERROR(INDEX(Jesper!AJ$2:AJ$366,ROUNDDOWN($C6401/24,0)+1,1)*INDEX($D$3:$AA$30,INDEX(Jesper!$R$2:$R$366,ROW(INDEX(Jesper!AJ$2:AJ$366,ROUNDDOWN($C6401/24,0)+1,1))-1)+IF('Standard Profiles'!$G$20=$B$10,7,0)+IF('Standard Profiles'!$G$20=$B$17,14,0)+IF('Standard Profiles'!$G$20=$B$24,21,0),MOD($C6401,24)+1)/SUM(INDEX($D$3:$AA$30,INDEX(Jesper!$R$2:$R$366,ROW(INDEX(Jesper!AJ$2:AJ$366,ROUNDDOWN($C6401/24,0)+1,1))-1)+IF('Standard Profiles'!$G$20=$B$10,7,0)+IF('Standard Profiles'!$G$20=$B$17,14,0)+IF('Standard Profiles'!$G$20=$B$24,21,0),0)),0)</f>
        <v>1.3531571716422794</v>
      </c>
      <c r="G6401" cm="1">
        <f t="array" ref="G6401">IFERROR(INDEX(Jesper!AK$2:AK$366,ROUNDDOWN($C6401/24,0)+1,1)*INDEX($D$3:$AA$30,INDEX(Jesper!$R$2:$R$366,ROW(INDEX(Jesper!AK$2:AK$366,ROUNDDOWN($C6401/24,0)+1,1))-1)+IF('Standard Profiles'!$G$21=$B$10,7,0)+IF('Standard Profiles'!$G$21=$B$17,14,0)+IF('Standard Profiles'!$G$21=$B$24,21,0),MOD($C6401,24)+1)/SUM(INDEX($D$3:$AA$30,INDEX(Jesper!$R$2:$R$366,ROW(INDEX(Jesper!AK$2:AK$366,ROUNDDOWN($C6401/24,0)+1,1))-1)+IF('Standard Profiles'!$G$21=$B$10,7,0)+IF('Standard Profiles'!$G$21=$B$17,14,0)+IF('Standard Profiles'!$G$21=$B$24,21,0),0)),0)</f>
        <v>0.89246430629375617</v>
      </c>
      <c r="H6401" cm="1">
        <f t="array" ref="H6401">IFERROR(INDEX(Jesper!AL$2:AL$366,ROUNDDOWN($C6401/24,0)+1,1)*INDEX($D$3:$AA$30,INDEX(Jesper!$R$2:$R$366,ROW(INDEX(Jesper!AL$2:AL$366,ROUNDDOWN($C6401/24,0)+1,1))-1)+IF('Standard Profiles'!$G$22=$B$10,7,0)+IF('Standard Profiles'!$G$22=$B$17,14,0)+IF('Standard Profiles'!$G$22=$B$24,21,0),MOD($C6401,24)+1)/SUM(INDEX($D$3:$AA$30,INDEX(Jesper!$R$2:$R$366,ROW(INDEX(Jesper!AL$2:AL$366,ROUNDDOWN($C6401/24,0)+1,1))-1)+IF('Standard Profiles'!$G$22=$B$10,7,0)+IF('Standard Profiles'!$G$22=$B$17,14,0)+IF('Standard Profiles'!$G$22=$B$24,21,0),0)),0)</f>
        <v>0.66420649756158401</v>
      </c>
      <c r="I6401">
        <f t="shared" si="713"/>
        <v>0.63763823765912098</v>
      </c>
      <c r="J6401">
        <f t="shared" si="714"/>
        <v>4.6903576870169807</v>
      </c>
      <c r="K6401">
        <f t="shared" si="715"/>
        <v>0.21983344992531656</v>
      </c>
      <c r="L6401">
        <f t="shared" si="716"/>
        <v>0.10991672496265828</v>
      </c>
      <c r="M6401">
        <f t="shared" si="717"/>
        <v>0</v>
      </c>
      <c r="N6401" s="45">
        <f t="shared" si="718"/>
        <v>45192.291666651225</v>
      </c>
    </row>
    <row r="6402" spans="2:14" x14ac:dyDescent="0.25">
      <c r="B6402">
        <f t="shared" si="712"/>
        <v>6</v>
      </c>
      <c r="C6402" s="16">
        <v>6368</v>
      </c>
      <c r="D6402" cm="1">
        <f t="array" ref="D6402">IFERROR(INDEX(Jesper!AH$2:AH$366,ROUNDDOWN($C6402/24,0)+1,1)*INDEX($D$3:$AA$30,INDEX(Jesper!$R$2:$R$366,ROW(INDEX(Jesper!AH$2:AH$366,ROUNDDOWN($C6402/24,0)+1,1))-1)+IF('Standard Profiles'!$G$18=$B$10,7,0)+IF('Standard Profiles'!$G$18=$B$17,14,0)+IF('Standard Profiles'!$G$18=$B$24,21,0),MOD($C6402,24)+1)/SUM(INDEX($D$3:$AA$30,INDEX(Jesper!$R$2:$R$366,ROW(INDEX(Jesper!AH$2:AH$366,ROUNDDOWN($C6402/24,0)+1,1))-1)+IF('Standard Profiles'!$G$18=$B$10,7,0)+IF('Standard Profiles'!$G$18=$B$17,14,0)+IF('Standard Profiles'!$G$18=$B$24,21,0),0)),0)</f>
        <v>0</v>
      </c>
      <c r="E6402" cm="1">
        <f t="array" ref="E6402">IFERROR(INDEX(Jesper!AI$2:AI$366,ROUNDDOWN($C6402/24,0)+1,1)*INDEX($D$3:$AA$30,INDEX(Jesper!$R$2:$R$366,ROW(INDEX(Jesper!AI$2:AI$366,ROUNDDOWN($C6402/24,0)+1,1))-1)+IF('Standard Profiles'!$G$19=$B$10,7,0)+IF('Standard Profiles'!$G$19=$B$17,14,0)+IF('Standard Profiles'!$G$19=$B$24,21,0),MOD($C6402,24)+1)/SUM(INDEX($D$3:$AA$30,INDEX(Jesper!$R$2:$R$366,ROW(INDEX(Jesper!AI$2:AI$366,ROUNDDOWN($C6402/24,0)+1,1))-1)+IF('Standard Profiles'!$G$19=$B$10,7,0)+IF('Standard Profiles'!$G$19=$B$17,14,0)+IF('Standard Profiles'!$G$19=$B$24,21,0),0)),0)</f>
        <v>2.747918124066457</v>
      </c>
      <c r="F6402" cm="1">
        <f t="array" ref="F6402">IFERROR(INDEX(Jesper!AJ$2:AJ$366,ROUNDDOWN($C6402/24,0)+1,1)*INDEX($D$3:$AA$30,INDEX(Jesper!$R$2:$R$366,ROW(INDEX(Jesper!AJ$2:AJ$366,ROUNDDOWN($C6402/24,0)+1,1))-1)+IF('Standard Profiles'!$G$20=$B$10,7,0)+IF('Standard Profiles'!$G$20=$B$17,14,0)+IF('Standard Profiles'!$G$20=$B$24,21,0),MOD($C6402,24)+1)/SUM(INDEX($D$3:$AA$30,INDEX(Jesper!$R$2:$R$366,ROW(INDEX(Jesper!AJ$2:AJ$366,ROUNDDOWN($C6402/24,0)+1,1))-1)+IF('Standard Profiles'!$G$20=$B$10,7,0)+IF('Standard Profiles'!$G$20=$B$17,14,0)+IF('Standard Profiles'!$G$20=$B$24,21,0),0)),0)</f>
        <v>1.3531571716422794</v>
      </c>
      <c r="G6402" cm="1">
        <f t="array" ref="G6402">IFERROR(INDEX(Jesper!AK$2:AK$366,ROUNDDOWN($C6402/24,0)+1,1)*INDEX($D$3:$AA$30,INDEX(Jesper!$R$2:$R$366,ROW(INDEX(Jesper!AK$2:AK$366,ROUNDDOWN($C6402/24,0)+1,1))-1)+IF('Standard Profiles'!$G$21=$B$10,7,0)+IF('Standard Profiles'!$G$21=$B$17,14,0)+IF('Standard Profiles'!$G$21=$B$24,21,0),MOD($C6402,24)+1)/SUM(INDEX($D$3:$AA$30,INDEX(Jesper!$R$2:$R$366,ROW(INDEX(Jesper!AK$2:AK$366,ROUNDDOWN($C6402/24,0)+1,1))-1)+IF('Standard Profiles'!$G$21=$B$10,7,0)+IF('Standard Profiles'!$G$21=$B$17,14,0)+IF('Standard Profiles'!$G$21=$B$24,21,0),0)),0)</f>
        <v>0.89246430629375617</v>
      </c>
      <c r="H6402" cm="1">
        <f t="array" ref="H6402">IFERROR(INDEX(Jesper!AL$2:AL$366,ROUNDDOWN($C6402/24,0)+1,1)*INDEX($D$3:$AA$30,INDEX(Jesper!$R$2:$R$366,ROW(INDEX(Jesper!AL$2:AL$366,ROUNDDOWN($C6402/24,0)+1,1))-1)+IF('Standard Profiles'!$G$22=$B$10,7,0)+IF('Standard Profiles'!$G$22=$B$17,14,0)+IF('Standard Profiles'!$G$22=$B$24,21,0),MOD($C6402,24)+1)/SUM(INDEX($D$3:$AA$30,INDEX(Jesper!$R$2:$R$366,ROW(INDEX(Jesper!AL$2:AL$366,ROUNDDOWN($C6402/24,0)+1,1))-1)+IF('Standard Profiles'!$G$22=$B$10,7,0)+IF('Standard Profiles'!$G$22=$B$17,14,0)+IF('Standard Profiles'!$G$22=$B$24,21,0),0)),0)</f>
        <v>0.66420649756158401</v>
      </c>
      <c r="I6402">
        <f t="shared" si="713"/>
        <v>0.63763823765912098</v>
      </c>
      <c r="J6402">
        <f t="shared" si="714"/>
        <v>4.6903576870169807</v>
      </c>
      <c r="K6402">
        <f t="shared" si="715"/>
        <v>0.21983344992531656</v>
      </c>
      <c r="L6402">
        <f t="shared" si="716"/>
        <v>0.10991672496265828</v>
      </c>
      <c r="M6402">
        <f t="shared" si="717"/>
        <v>0</v>
      </c>
      <c r="N6402" s="45">
        <f t="shared" si="718"/>
        <v>45192.333333317889</v>
      </c>
    </row>
    <row r="6403" spans="2:14" x14ac:dyDescent="0.25">
      <c r="B6403">
        <f t="shared" si="712"/>
        <v>6</v>
      </c>
      <c r="C6403" s="16">
        <v>6369</v>
      </c>
      <c r="D6403" cm="1">
        <f t="array" ref="D6403">IFERROR(INDEX(Jesper!AH$2:AH$366,ROUNDDOWN($C6403/24,0)+1,1)*INDEX($D$3:$AA$30,INDEX(Jesper!$R$2:$R$366,ROW(INDEX(Jesper!AH$2:AH$366,ROUNDDOWN($C6403/24,0)+1,1))-1)+IF('Standard Profiles'!$G$18=$B$10,7,0)+IF('Standard Profiles'!$G$18=$B$17,14,0)+IF('Standard Profiles'!$G$18=$B$24,21,0),MOD($C6403,24)+1)/SUM(INDEX($D$3:$AA$30,INDEX(Jesper!$R$2:$R$366,ROW(INDEX(Jesper!AH$2:AH$366,ROUNDDOWN($C6403/24,0)+1,1))-1)+IF('Standard Profiles'!$G$18=$B$10,7,0)+IF('Standard Profiles'!$G$18=$B$17,14,0)+IF('Standard Profiles'!$G$18=$B$24,21,0),0)),0)</f>
        <v>0</v>
      </c>
      <c r="E6403" cm="1">
        <f t="array" ref="E6403">IFERROR(INDEX(Jesper!AI$2:AI$366,ROUNDDOWN($C6403/24,0)+1,1)*INDEX($D$3:$AA$30,INDEX(Jesper!$R$2:$R$366,ROW(INDEX(Jesper!AI$2:AI$366,ROUNDDOWN($C6403/24,0)+1,1))-1)+IF('Standard Profiles'!$G$19=$B$10,7,0)+IF('Standard Profiles'!$G$19=$B$17,14,0)+IF('Standard Profiles'!$G$19=$B$24,21,0),MOD($C6403,24)+1)/SUM(INDEX($D$3:$AA$30,INDEX(Jesper!$R$2:$R$366,ROW(INDEX(Jesper!AI$2:AI$366,ROUNDDOWN($C6403/24,0)+1,1))-1)+IF('Standard Profiles'!$G$19=$B$10,7,0)+IF('Standard Profiles'!$G$19=$B$17,14,0)+IF('Standard Profiles'!$G$19=$B$24,21,0),0)),0)</f>
        <v>2.747918124066457</v>
      </c>
      <c r="F6403" cm="1">
        <f t="array" ref="F6403">IFERROR(INDEX(Jesper!AJ$2:AJ$366,ROUNDDOWN($C6403/24,0)+1,1)*INDEX($D$3:$AA$30,INDEX(Jesper!$R$2:$R$366,ROW(INDEX(Jesper!AJ$2:AJ$366,ROUNDDOWN($C6403/24,0)+1,1))-1)+IF('Standard Profiles'!$G$20=$B$10,7,0)+IF('Standard Profiles'!$G$20=$B$17,14,0)+IF('Standard Profiles'!$G$20=$B$24,21,0),MOD($C6403,24)+1)/SUM(INDEX($D$3:$AA$30,INDEX(Jesper!$R$2:$R$366,ROW(INDEX(Jesper!AJ$2:AJ$366,ROUNDDOWN($C6403/24,0)+1,1))-1)+IF('Standard Profiles'!$G$20=$B$10,7,0)+IF('Standard Profiles'!$G$20=$B$17,14,0)+IF('Standard Profiles'!$G$20=$B$24,21,0),0)),0)</f>
        <v>1.3531571716422794</v>
      </c>
      <c r="G6403" cm="1">
        <f t="array" ref="G6403">IFERROR(INDEX(Jesper!AK$2:AK$366,ROUNDDOWN($C6403/24,0)+1,1)*INDEX($D$3:$AA$30,INDEX(Jesper!$R$2:$R$366,ROW(INDEX(Jesper!AK$2:AK$366,ROUNDDOWN($C6403/24,0)+1,1))-1)+IF('Standard Profiles'!$G$21=$B$10,7,0)+IF('Standard Profiles'!$G$21=$B$17,14,0)+IF('Standard Profiles'!$G$21=$B$24,21,0),MOD($C6403,24)+1)/SUM(INDEX($D$3:$AA$30,INDEX(Jesper!$R$2:$R$366,ROW(INDEX(Jesper!AK$2:AK$366,ROUNDDOWN($C6403/24,0)+1,1))-1)+IF('Standard Profiles'!$G$21=$B$10,7,0)+IF('Standard Profiles'!$G$21=$B$17,14,0)+IF('Standard Profiles'!$G$21=$B$24,21,0),0)),0)</f>
        <v>0.89246430629375617</v>
      </c>
      <c r="H6403" cm="1">
        <f t="array" ref="H6403">IFERROR(INDEX(Jesper!AL$2:AL$366,ROUNDDOWN($C6403/24,0)+1,1)*INDEX($D$3:$AA$30,INDEX(Jesper!$R$2:$R$366,ROW(INDEX(Jesper!AL$2:AL$366,ROUNDDOWN($C6403/24,0)+1,1))-1)+IF('Standard Profiles'!$G$22=$B$10,7,0)+IF('Standard Profiles'!$G$22=$B$17,14,0)+IF('Standard Profiles'!$G$22=$B$24,21,0),MOD($C6403,24)+1)/SUM(INDEX($D$3:$AA$30,INDEX(Jesper!$R$2:$R$366,ROW(INDEX(Jesper!AL$2:AL$366,ROUNDDOWN($C6403/24,0)+1,1))-1)+IF('Standard Profiles'!$G$22=$B$10,7,0)+IF('Standard Profiles'!$G$22=$B$17,14,0)+IF('Standard Profiles'!$G$22=$B$24,21,0),0)),0)</f>
        <v>0.66420649756158401</v>
      </c>
      <c r="I6403">
        <f t="shared" si="713"/>
        <v>0.63763823765912098</v>
      </c>
      <c r="J6403">
        <f t="shared" si="714"/>
        <v>4.6903576870169807</v>
      </c>
      <c r="K6403">
        <f t="shared" si="715"/>
        <v>0.21983344992531656</v>
      </c>
      <c r="L6403">
        <f t="shared" si="716"/>
        <v>0.10991672496265828</v>
      </c>
      <c r="M6403">
        <f t="shared" si="717"/>
        <v>0</v>
      </c>
      <c r="N6403" s="45">
        <f t="shared" si="718"/>
        <v>45192.374999984553</v>
      </c>
    </row>
    <row r="6404" spans="2:14" x14ac:dyDescent="0.25">
      <c r="B6404">
        <f t="shared" si="712"/>
        <v>6</v>
      </c>
      <c r="C6404" s="16">
        <v>6370</v>
      </c>
      <c r="D6404" cm="1">
        <f t="array" ref="D6404">IFERROR(INDEX(Jesper!AH$2:AH$366,ROUNDDOWN($C6404/24,0)+1,1)*INDEX($D$3:$AA$30,INDEX(Jesper!$R$2:$R$366,ROW(INDEX(Jesper!AH$2:AH$366,ROUNDDOWN($C6404/24,0)+1,1))-1)+IF('Standard Profiles'!$G$18=$B$10,7,0)+IF('Standard Profiles'!$G$18=$B$17,14,0)+IF('Standard Profiles'!$G$18=$B$24,21,0),MOD($C6404,24)+1)/SUM(INDEX($D$3:$AA$30,INDEX(Jesper!$R$2:$R$366,ROW(INDEX(Jesper!AH$2:AH$366,ROUNDDOWN($C6404/24,0)+1,1))-1)+IF('Standard Profiles'!$G$18=$B$10,7,0)+IF('Standard Profiles'!$G$18=$B$17,14,0)+IF('Standard Profiles'!$G$18=$B$24,21,0),0)),0)</f>
        <v>0</v>
      </c>
      <c r="E6404" cm="1">
        <f t="array" ref="E6404">IFERROR(INDEX(Jesper!AI$2:AI$366,ROUNDDOWN($C6404/24,0)+1,1)*INDEX($D$3:$AA$30,INDEX(Jesper!$R$2:$R$366,ROW(INDEX(Jesper!AI$2:AI$366,ROUNDDOWN($C6404/24,0)+1,1))-1)+IF('Standard Profiles'!$G$19=$B$10,7,0)+IF('Standard Profiles'!$G$19=$B$17,14,0)+IF('Standard Profiles'!$G$19=$B$24,21,0),MOD($C6404,24)+1)/SUM(INDEX($D$3:$AA$30,INDEX(Jesper!$R$2:$R$366,ROW(INDEX(Jesper!AI$2:AI$366,ROUNDDOWN($C6404/24,0)+1,1))-1)+IF('Standard Profiles'!$G$19=$B$10,7,0)+IF('Standard Profiles'!$G$19=$B$17,14,0)+IF('Standard Profiles'!$G$19=$B$24,21,0),0)),0)</f>
        <v>2.747918124066457</v>
      </c>
      <c r="F6404" cm="1">
        <f t="array" ref="F6404">IFERROR(INDEX(Jesper!AJ$2:AJ$366,ROUNDDOWN($C6404/24,0)+1,1)*INDEX($D$3:$AA$30,INDEX(Jesper!$R$2:$R$366,ROW(INDEX(Jesper!AJ$2:AJ$366,ROUNDDOWN($C6404/24,0)+1,1))-1)+IF('Standard Profiles'!$G$20=$B$10,7,0)+IF('Standard Profiles'!$G$20=$B$17,14,0)+IF('Standard Profiles'!$G$20=$B$24,21,0),MOD($C6404,24)+1)/SUM(INDEX($D$3:$AA$30,INDEX(Jesper!$R$2:$R$366,ROW(INDEX(Jesper!AJ$2:AJ$366,ROUNDDOWN($C6404/24,0)+1,1))-1)+IF('Standard Profiles'!$G$20=$B$10,7,0)+IF('Standard Profiles'!$G$20=$B$17,14,0)+IF('Standard Profiles'!$G$20=$B$24,21,0),0)),0)</f>
        <v>1.3531571716422794</v>
      </c>
      <c r="G6404" cm="1">
        <f t="array" ref="G6404">IFERROR(INDEX(Jesper!AK$2:AK$366,ROUNDDOWN($C6404/24,0)+1,1)*INDEX($D$3:$AA$30,INDEX(Jesper!$R$2:$R$366,ROW(INDEX(Jesper!AK$2:AK$366,ROUNDDOWN($C6404/24,0)+1,1))-1)+IF('Standard Profiles'!$G$21=$B$10,7,0)+IF('Standard Profiles'!$G$21=$B$17,14,0)+IF('Standard Profiles'!$G$21=$B$24,21,0),MOD($C6404,24)+1)/SUM(INDEX($D$3:$AA$30,INDEX(Jesper!$R$2:$R$366,ROW(INDEX(Jesper!AK$2:AK$366,ROUNDDOWN($C6404/24,0)+1,1))-1)+IF('Standard Profiles'!$G$21=$B$10,7,0)+IF('Standard Profiles'!$G$21=$B$17,14,0)+IF('Standard Profiles'!$G$21=$B$24,21,0),0)),0)</f>
        <v>0.89246430629375617</v>
      </c>
      <c r="H6404" cm="1">
        <f t="array" ref="H6404">IFERROR(INDEX(Jesper!AL$2:AL$366,ROUNDDOWN($C6404/24,0)+1,1)*INDEX($D$3:$AA$30,INDEX(Jesper!$R$2:$R$366,ROW(INDEX(Jesper!AL$2:AL$366,ROUNDDOWN($C6404/24,0)+1,1))-1)+IF('Standard Profiles'!$G$22=$B$10,7,0)+IF('Standard Profiles'!$G$22=$B$17,14,0)+IF('Standard Profiles'!$G$22=$B$24,21,0),MOD($C6404,24)+1)/SUM(INDEX($D$3:$AA$30,INDEX(Jesper!$R$2:$R$366,ROW(INDEX(Jesper!AL$2:AL$366,ROUNDDOWN($C6404/24,0)+1,1))-1)+IF('Standard Profiles'!$G$22=$B$10,7,0)+IF('Standard Profiles'!$G$22=$B$17,14,0)+IF('Standard Profiles'!$G$22=$B$24,21,0),0)),0)</f>
        <v>0.66420649756158401</v>
      </c>
      <c r="I6404">
        <f t="shared" si="713"/>
        <v>0.63763823765912098</v>
      </c>
      <c r="J6404">
        <f t="shared" si="714"/>
        <v>4.6903576870169807</v>
      </c>
      <c r="K6404">
        <f t="shared" si="715"/>
        <v>0.21983344992531656</v>
      </c>
      <c r="L6404">
        <f t="shared" si="716"/>
        <v>0.10991672496265828</v>
      </c>
      <c r="M6404">
        <f t="shared" si="717"/>
        <v>0</v>
      </c>
      <c r="N6404" s="45">
        <f t="shared" si="718"/>
        <v>45192.416666651217</v>
      </c>
    </row>
    <row r="6405" spans="2:14" x14ac:dyDescent="0.25">
      <c r="B6405">
        <f t="shared" si="712"/>
        <v>6</v>
      </c>
      <c r="C6405" s="16">
        <v>6371</v>
      </c>
      <c r="D6405" cm="1">
        <f t="array" ref="D6405">IFERROR(INDEX(Jesper!AH$2:AH$366,ROUNDDOWN($C6405/24,0)+1,1)*INDEX($D$3:$AA$30,INDEX(Jesper!$R$2:$R$366,ROW(INDEX(Jesper!AH$2:AH$366,ROUNDDOWN($C6405/24,0)+1,1))-1)+IF('Standard Profiles'!$G$18=$B$10,7,0)+IF('Standard Profiles'!$G$18=$B$17,14,0)+IF('Standard Profiles'!$G$18=$B$24,21,0),MOD($C6405,24)+1)/SUM(INDEX($D$3:$AA$30,INDEX(Jesper!$R$2:$R$366,ROW(INDEX(Jesper!AH$2:AH$366,ROUNDDOWN($C6405/24,0)+1,1))-1)+IF('Standard Profiles'!$G$18=$B$10,7,0)+IF('Standard Profiles'!$G$18=$B$17,14,0)+IF('Standard Profiles'!$G$18=$B$24,21,0),0)),0)</f>
        <v>0</v>
      </c>
      <c r="E6405" cm="1">
        <f t="array" ref="E6405">IFERROR(INDEX(Jesper!AI$2:AI$366,ROUNDDOWN($C6405/24,0)+1,1)*INDEX($D$3:$AA$30,INDEX(Jesper!$R$2:$R$366,ROW(INDEX(Jesper!AI$2:AI$366,ROUNDDOWN($C6405/24,0)+1,1))-1)+IF('Standard Profiles'!$G$19=$B$10,7,0)+IF('Standard Profiles'!$G$19=$B$17,14,0)+IF('Standard Profiles'!$G$19=$B$24,21,0),MOD($C6405,24)+1)/SUM(INDEX($D$3:$AA$30,INDEX(Jesper!$R$2:$R$366,ROW(INDEX(Jesper!AI$2:AI$366,ROUNDDOWN($C6405/24,0)+1,1))-1)+IF('Standard Profiles'!$G$19=$B$10,7,0)+IF('Standard Profiles'!$G$19=$B$17,14,0)+IF('Standard Profiles'!$G$19=$B$24,21,0),0)),0)</f>
        <v>2.747918124066457</v>
      </c>
      <c r="F6405" cm="1">
        <f t="array" ref="F6405">IFERROR(INDEX(Jesper!AJ$2:AJ$366,ROUNDDOWN($C6405/24,0)+1,1)*INDEX($D$3:$AA$30,INDEX(Jesper!$R$2:$R$366,ROW(INDEX(Jesper!AJ$2:AJ$366,ROUNDDOWN($C6405/24,0)+1,1))-1)+IF('Standard Profiles'!$G$20=$B$10,7,0)+IF('Standard Profiles'!$G$20=$B$17,14,0)+IF('Standard Profiles'!$G$20=$B$24,21,0),MOD($C6405,24)+1)/SUM(INDEX($D$3:$AA$30,INDEX(Jesper!$R$2:$R$366,ROW(INDEX(Jesper!AJ$2:AJ$366,ROUNDDOWN($C6405/24,0)+1,1))-1)+IF('Standard Profiles'!$G$20=$B$10,7,0)+IF('Standard Profiles'!$G$20=$B$17,14,0)+IF('Standard Profiles'!$G$20=$B$24,21,0),0)),0)</f>
        <v>1.3531571716422794</v>
      </c>
      <c r="G6405" cm="1">
        <f t="array" ref="G6405">IFERROR(INDEX(Jesper!AK$2:AK$366,ROUNDDOWN($C6405/24,0)+1,1)*INDEX($D$3:$AA$30,INDEX(Jesper!$R$2:$R$366,ROW(INDEX(Jesper!AK$2:AK$366,ROUNDDOWN($C6405/24,0)+1,1))-1)+IF('Standard Profiles'!$G$21=$B$10,7,0)+IF('Standard Profiles'!$G$21=$B$17,14,0)+IF('Standard Profiles'!$G$21=$B$24,21,0),MOD($C6405,24)+1)/SUM(INDEX($D$3:$AA$30,INDEX(Jesper!$R$2:$R$366,ROW(INDEX(Jesper!AK$2:AK$366,ROUNDDOWN($C6405/24,0)+1,1))-1)+IF('Standard Profiles'!$G$21=$B$10,7,0)+IF('Standard Profiles'!$G$21=$B$17,14,0)+IF('Standard Profiles'!$G$21=$B$24,21,0),0)),0)</f>
        <v>0.89246430629375617</v>
      </c>
      <c r="H6405" cm="1">
        <f t="array" ref="H6405">IFERROR(INDEX(Jesper!AL$2:AL$366,ROUNDDOWN($C6405/24,0)+1,1)*INDEX($D$3:$AA$30,INDEX(Jesper!$R$2:$R$366,ROW(INDEX(Jesper!AL$2:AL$366,ROUNDDOWN($C6405/24,0)+1,1))-1)+IF('Standard Profiles'!$G$22=$B$10,7,0)+IF('Standard Profiles'!$G$22=$B$17,14,0)+IF('Standard Profiles'!$G$22=$B$24,21,0),MOD($C6405,24)+1)/SUM(INDEX($D$3:$AA$30,INDEX(Jesper!$R$2:$R$366,ROW(INDEX(Jesper!AL$2:AL$366,ROUNDDOWN($C6405/24,0)+1,1))-1)+IF('Standard Profiles'!$G$22=$B$10,7,0)+IF('Standard Profiles'!$G$22=$B$17,14,0)+IF('Standard Profiles'!$G$22=$B$24,21,0),0)),0)</f>
        <v>0.66420649756158401</v>
      </c>
      <c r="I6405">
        <f t="shared" si="713"/>
        <v>0.63763823765912098</v>
      </c>
      <c r="J6405">
        <f t="shared" si="714"/>
        <v>4.6903576870169807</v>
      </c>
      <c r="K6405">
        <f t="shared" si="715"/>
        <v>0.21983344992531656</v>
      </c>
      <c r="L6405">
        <f t="shared" si="716"/>
        <v>0.10991672496265828</v>
      </c>
      <c r="M6405">
        <f t="shared" si="717"/>
        <v>0</v>
      </c>
      <c r="N6405" s="45">
        <f t="shared" si="718"/>
        <v>45192.458333317882</v>
      </c>
    </row>
    <row r="6406" spans="2:14" x14ac:dyDescent="0.25">
      <c r="B6406">
        <f t="shared" si="712"/>
        <v>6</v>
      </c>
      <c r="C6406" s="16">
        <v>6372</v>
      </c>
      <c r="D6406" cm="1">
        <f t="array" ref="D6406">IFERROR(INDEX(Jesper!AH$2:AH$366,ROUNDDOWN($C6406/24,0)+1,1)*INDEX($D$3:$AA$30,INDEX(Jesper!$R$2:$R$366,ROW(INDEX(Jesper!AH$2:AH$366,ROUNDDOWN($C6406/24,0)+1,1))-1)+IF('Standard Profiles'!$G$18=$B$10,7,0)+IF('Standard Profiles'!$G$18=$B$17,14,0)+IF('Standard Profiles'!$G$18=$B$24,21,0),MOD($C6406,24)+1)/SUM(INDEX($D$3:$AA$30,INDEX(Jesper!$R$2:$R$366,ROW(INDEX(Jesper!AH$2:AH$366,ROUNDDOWN($C6406/24,0)+1,1))-1)+IF('Standard Profiles'!$G$18=$B$10,7,0)+IF('Standard Profiles'!$G$18=$B$17,14,0)+IF('Standard Profiles'!$G$18=$B$24,21,0),0)),0)</f>
        <v>0</v>
      </c>
      <c r="E6406" cm="1">
        <f t="array" ref="E6406">IFERROR(INDEX(Jesper!AI$2:AI$366,ROUNDDOWN($C6406/24,0)+1,1)*INDEX($D$3:$AA$30,INDEX(Jesper!$R$2:$R$366,ROW(INDEX(Jesper!AI$2:AI$366,ROUNDDOWN($C6406/24,0)+1,1))-1)+IF('Standard Profiles'!$G$19=$B$10,7,0)+IF('Standard Profiles'!$G$19=$B$17,14,0)+IF('Standard Profiles'!$G$19=$B$24,21,0),MOD($C6406,24)+1)/SUM(INDEX($D$3:$AA$30,INDEX(Jesper!$R$2:$R$366,ROW(INDEX(Jesper!AI$2:AI$366,ROUNDDOWN($C6406/24,0)+1,1))-1)+IF('Standard Profiles'!$G$19=$B$10,7,0)+IF('Standard Profiles'!$G$19=$B$17,14,0)+IF('Standard Profiles'!$G$19=$B$24,21,0),0)),0)</f>
        <v>2.747918124066457</v>
      </c>
      <c r="F6406" cm="1">
        <f t="array" ref="F6406">IFERROR(INDEX(Jesper!AJ$2:AJ$366,ROUNDDOWN($C6406/24,0)+1,1)*INDEX($D$3:$AA$30,INDEX(Jesper!$R$2:$R$366,ROW(INDEX(Jesper!AJ$2:AJ$366,ROUNDDOWN($C6406/24,0)+1,1))-1)+IF('Standard Profiles'!$G$20=$B$10,7,0)+IF('Standard Profiles'!$G$20=$B$17,14,0)+IF('Standard Profiles'!$G$20=$B$24,21,0),MOD($C6406,24)+1)/SUM(INDEX($D$3:$AA$30,INDEX(Jesper!$R$2:$R$366,ROW(INDEX(Jesper!AJ$2:AJ$366,ROUNDDOWN($C6406/24,0)+1,1))-1)+IF('Standard Profiles'!$G$20=$B$10,7,0)+IF('Standard Profiles'!$G$20=$B$17,14,0)+IF('Standard Profiles'!$G$20=$B$24,21,0),0)),0)</f>
        <v>1.3531571716422794</v>
      </c>
      <c r="G6406" cm="1">
        <f t="array" ref="G6406">IFERROR(INDEX(Jesper!AK$2:AK$366,ROUNDDOWN($C6406/24,0)+1,1)*INDEX($D$3:$AA$30,INDEX(Jesper!$R$2:$R$366,ROW(INDEX(Jesper!AK$2:AK$366,ROUNDDOWN($C6406/24,0)+1,1))-1)+IF('Standard Profiles'!$G$21=$B$10,7,0)+IF('Standard Profiles'!$G$21=$B$17,14,0)+IF('Standard Profiles'!$G$21=$B$24,21,0),MOD($C6406,24)+1)/SUM(INDEX($D$3:$AA$30,INDEX(Jesper!$R$2:$R$366,ROW(INDEX(Jesper!AK$2:AK$366,ROUNDDOWN($C6406/24,0)+1,1))-1)+IF('Standard Profiles'!$G$21=$B$10,7,0)+IF('Standard Profiles'!$G$21=$B$17,14,0)+IF('Standard Profiles'!$G$21=$B$24,21,0),0)),0)</f>
        <v>0.89246430629375617</v>
      </c>
      <c r="H6406" cm="1">
        <f t="array" ref="H6406">IFERROR(INDEX(Jesper!AL$2:AL$366,ROUNDDOWN($C6406/24,0)+1,1)*INDEX($D$3:$AA$30,INDEX(Jesper!$R$2:$R$366,ROW(INDEX(Jesper!AL$2:AL$366,ROUNDDOWN($C6406/24,0)+1,1))-1)+IF('Standard Profiles'!$G$22=$B$10,7,0)+IF('Standard Profiles'!$G$22=$B$17,14,0)+IF('Standard Profiles'!$G$22=$B$24,21,0),MOD($C6406,24)+1)/SUM(INDEX($D$3:$AA$30,INDEX(Jesper!$R$2:$R$366,ROW(INDEX(Jesper!AL$2:AL$366,ROUNDDOWN($C6406/24,0)+1,1))-1)+IF('Standard Profiles'!$G$22=$B$10,7,0)+IF('Standard Profiles'!$G$22=$B$17,14,0)+IF('Standard Profiles'!$G$22=$B$24,21,0),0)),0)</f>
        <v>0.66420649756158401</v>
      </c>
      <c r="I6406">
        <f t="shared" si="713"/>
        <v>0.63763823765912098</v>
      </c>
      <c r="J6406">
        <f t="shared" si="714"/>
        <v>4.6903576870169807</v>
      </c>
      <c r="K6406">
        <f t="shared" si="715"/>
        <v>0.21983344992531656</v>
      </c>
      <c r="L6406">
        <f t="shared" si="716"/>
        <v>0.10991672496265828</v>
      </c>
      <c r="M6406">
        <f t="shared" si="717"/>
        <v>0</v>
      </c>
      <c r="N6406" s="45">
        <f t="shared" si="718"/>
        <v>45192.499999984546</v>
      </c>
    </row>
    <row r="6407" spans="2:14" x14ac:dyDescent="0.25">
      <c r="B6407">
        <f t="shared" si="712"/>
        <v>6</v>
      </c>
      <c r="C6407" s="16">
        <v>6373</v>
      </c>
      <c r="D6407" cm="1">
        <f t="array" ref="D6407">IFERROR(INDEX(Jesper!AH$2:AH$366,ROUNDDOWN($C6407/24,0)+1,1)*INDEX($D$3:$AA$30,INDEX(Jesper!$R$2:$R$366,ROW(INDEX(Jesper!AH$2:AH$366,ROUNDDOWN($C6407/24,0)+1,1))-1)+IF('Standard Profiles'!$G$18=$B$10,7,0)+IF('Standard Profiles'!$G$18=$B$17,14,0)+IF('Standard Profiles'!$G$18=$B$24,21,0),MOD($C6407,24)+1)/SUM(INDEX($D$3:$AA$30,INDEX(Jesper!$R$2:$R$366,ROW(INDEX(Jesper!AH$2:AH$366,ROUNDDOWN($C6407/24,0)+1,1))-1)+IF('Standard Profiles'!$G$18=$B$10,7,0)+IF('Standard Profiles'!$G$18=$B$17,14,0)+IF('Standard Profiles'!$G$18=$B$24,21,0),0)),0)</f>
        <v>0</v>
      </c>
      <c r="E6407" cm="1">
        <f t="array" ref="E6407">IFERROR(INDEX(Jesper!AI$2:AI$366,ROUNDDOWN($C6407/24,0)+1,1)*INDEX($D$3:$AA$30,INDEX(Jesper!$R$2:$R$366,ROW(INDEX(Jesper!AI$2:AI$366,ROUNDDOWN($C6407/24,0)+1,1))-1)+IF('Standard Profiles'!$G$19=$B$10,7,0)+IF('Standard Profiles'!$G$19=$B$17,14,0)+IF('Standard Profiles'!$G$19=$B$24,21,0),MOD($C6407,24)+1)/SUM(INDEX($D$3:$AA$30,INDEX(Jesper!$R$2:$R$366,ROW(INDEX(Jesper!AI$2:AI$366,ROUNDDOWN($C6407/24,0)+1,1))-1)+IF('Standard Profiles'!$G$19=$B$10,7,0)+IF('Standard Profiles'!$G$19=$B$17,14,0)+IF('Standard Profiles'!$G$19=$B$24,21,0),0)),0)</f>
        <v>2.747918124066457</v>
      </c>
      <c r="F6407" cm="1">
        <f t="array" ref="F6407">IFERROR(INDEX(Jesper!AJ$2:AJ$366,ROUNDDOWN($C6407/24,0)+1,1)*INDEX($D$3:$AA$30,INDEX(Jesper!$R$2:$R$366,ROW(INDEX(Jesper!AJ$2:AJ$366,ROUNDDOWN($C6407/24,0)+1,1))-1)+IF('Standard Profiles'!$G$20=$B$10,7,0)+IF('Standard Profiles'!$G$20=$B$17,14,0)+IF('Standard Profiles'!$G$20=$B$24,21,0),MOD($C6407,24)+1)/SUM(INDEX($D$3:$AA$30,INDEX(Jesper!$R$2:$R$366,ROW(INDEX(Jesper!AJ$2:AJ$366,ROUNDDOWN($C6407/24,0)+1,1))-1)+IF('Standard Profiles'!$G$20=$B$10,7,0)+IF('Standard Profiles'!$G$20=$B$17,14,0)+IF('Standard Profiles'!$G$20=$B$24,21,0),0)),0)</f>
        <v>1.3531571716422794</v>
      </c>
      <c r="G6407" cm="1">
        <f t="array" ref="G6407">IFERROR(INDEX(Jesper!AK$2:AK$366,ROUNDDOWN($C6407/24,0)+1,1)*INDEX($D$3:$AA$30,INDEX(Jesper!$R$2:$R$366,ROW(INDEX(Jesper!AK$2:AK$366,ROUNDDOWN($C6407/24,0)+1,1))-1)+IF('Standard Profiles'!$G$21=$B$10,7,0)+IF('Standard Profiles'!$G$21=$B$17,14,0)+IF('Standard Profiles'!$G$21=$B$24,21,0),MOD($C6407,24)+1)/SUM(INDEX($D$3:$AA$30,INDEX(Jesper!$R$2:$R$366,ROW(INDEX(Jesper!AK$2:AK$366,ROUNDDOWN($C6407/24,0)+1,1))-1)+IF('Standard Profiles'!$G$21=$B$10,7,0)+IF('Standard Profiles'!$G$21=$B$17,14,0)+IF('Standard Profiles'!$G$21=$B$24,21,0),0)),0)</f>
        <v>0.89246430629375617</v>
      </c>
      <c r="H6407" cm="1">
        <f t="array" ref="H6407">IFERROR(INDEX(Jesper!AL$2:AL$366,ROUNDDOWN($C6407/24,0)+1,1)*INDEX($D$3:$AA$30,INDEX(Jesper!$R$2:$R$366,ROW(INDEX(Jesper!AL$2:AL$366,ROUNDDOWN($C6407/24,0)+1,1))-1)+IF('Standard Profiles'!$G$22=$B$10,7,0)+IF('Standard Profiles'!$G$22=$B$17,14,0)+IF('Standard Profiles'!$G$22=$B$24,21,0),MOD($C6407,24)+1)/SUM(INDEX($D$3:$AA$30,INDEX(Jesper!$R$2:$R$366,ROW(INDEX(Jesper!AL$2:AL$366,ROUNDDOWN($C6407/24,0)+1,1))-1)+IF('Standard Profiles'!$G$22=$B$10,7,0)+IF('Standard Profiles'!$G$22=$B$17,14,0)+IF('Standard Profiles'!$G$22=$B$24,21,0),0)),0)</f>
        <v>0.66420649756158401</v>
      </c>
      <c r="I6407">
        <f t="shared" si="713"/>
        <v>0.63763823765912098</v>
      </c>
      <c r="J6407">
        <f t="shared" si="714"/>
        <v>4.6903576870169807</v>
      </c>
      <c r="K6407">
        <f t="shared" si="715"/>
        <v>0.21983344992531656</v>
      </c>
      <c r="L6407">
        <f t="shared" si="716"/>
        <v>0.10991672496265828</v>
      </c>
      <c r="M6407">
        <f t="shared" si="717"/>
        <v>0</v>
      </c>
      <c r="N6407" s="45">
        <f t="shared" si="718"/>
        <v>45192.54166665121</v>
      </c>
    </row>
    <row r="6408" spans="2:14" x14ac:dyDescent="0.25">
      <c r="B6408">
        <f t="shared" si="712"/>
        <v>6</v>
      </c>
      <c r="C6408" s="16">
        <v>6374</v>
      </c>
      <c r="D6408" cm="1">
        <f t="array" ref="D6408">IFERROR(INDEX(Jesper!AH$2:AH$366,ROUNDDOWN($C6408/24,0)+1,1)*INDEX($D$3:$AA$30,INDEX(Jesper!$R$2:$R$366,ROW(INDEX(Jesper!AH$2:AH$366,ROUNDDOWN($C6408/24,0)+1,1))-1)+IF('Standard Profiles'!$G$18=$B$10,7,0)+IF('Standard Profiles'!$G$18=$B$17,14,0)+IF('Standard Profiles'!$G$18=$B$24,21,0),MOD($C6408,24)+1)/SUM(INDEX($D$3:$AA$30,INDEX(Jesper!$R$2:$R$366,ROW(INDEX(Jesper!AH$2:AH$366,ROUNDDOWN($C6408/24,0)+1,1))-1)+IF('Standard Profiles'!$G$18=$B$10,7,0)+IF('Standard Profiles'!$G$18=$B$17,14,0)+IF('Standard Profiles'!$G$18=$B$24,21,0),0)),0)</f>
        <v>0</v>
      </c>
      <c r="E6408" cm="1">
        <f t="array" ref="E6408">IFERROR(INDEX(Jesper!AI$2:AI$366,ROUNDDOWN($C6408/24,0)+1,1)*INDEX($D$3:$AA$30,INDEX(Jesper!$R$2:$R$366,ROW(INDEX(Jesper!AI$2:AI$366,ROUNDDOWN($C6408/24,0)+1,1))-1)+IF('Standard Profiles'!$G$19=$B$10,7,0)+IF('Standard Profiles'!$G$19=$B$17,14,0)+IF('Standard Profiles'!$G$19=$B$24,21,0),MOD($C6408,24)+1)/SUM(INDEX($D$3:$AA$30,INDEX(Jesper!$R$2:$R$366,ROW(INDEX(Jesper!AI$2:AI$366,ROUNDDOWN($C6408/24,0)+1,1))-1)+IF('Standard Profiles'!$G$19=$B$10,7,0)+IF('Standard Profiles'!$G$19=$B$17,14,0)+IF('Standard Profiles'!$G$19=$B$24,21,0),0)),0)</f>
        <v>2.747918124066457</v>
      </c>
      <c r="F6408" cm="1">
        <f t="array" ref="F6408">IFERROR(INDEX(Jesper!AJ$2:AJ$366,ROUNDDOWN($C6408/24,0)+1,1)*INDEX($D$3:$AA$30,INDEX(Jesper!$R$2:$R$366,ROW(INDEX(Jesper!AJ$2:AJ$366,ROUNDDOWN($C6408/24,0)+1,1))-1)+IF('Standard Profiles'!$G$20=$B$10,7,0)+IF('Standard Profiles'!$G$20=$B$17,14,0)+IF('Standard Profiles'!$G$20=$B$24,21,0),MOD($C6408,24)+1)/SUM(INDEX($D$3:$AA$30,INDEX(Jesper!$R$2:$R$366,ROW(INDEX(Jesper!AJ$2:AJ$366,ROUNDDOWN($C6408/24,0)+1,1))-1)+IF('Standard Profiles'!$G$20=$B$10,7,0)+IF('Standard Profiles'!$G$20=$B$17,14,0)+IF('Standard Profiles'!$G$20=$B$24,21,0),0)),0)</f>
        <v>1.3531571716422794</v>
      </c>
      <c r="G6408" cm="1">
        <f t="array" ref="G6408">IFERROR(INDEX(Jesper!AK$2:AK$366,ROUNDDOWN($C6408/24,0)+1,1)*INDEX($D$3:$AA$30,INDEX(Jesper!$R$2:$R$366,ROW(INDEX(Jesper!AK$2:AK$366,ROUNDDOWN($C6408/24,0)+1,1))-1)+IF('Standard Profiles'!$G$21=$B$10,7,0)+IF('Standard Profiles'!$G$21=$B$17,14,0)+IF('Standard Profiles'!$G$21=$B$24,21,0),MOD($C6408,24)+1)/SUM(INDEX($D$3:$AA$30,INDEX(Jesper!$R$2:$R$366,ROW(INDEX(Jesper!AK$2:AK$366,ROUNDDOWN($C6408/24,0)+1,1))-1)+IF('Standard Profiles'!$G$21=$B$10,7,0)+IF('Standard Profiles'!$G$21=$B$17,14,0)+IF('Standard Profiles'!$G$21=$B$24,21,0),0)),0)</f>
        <v>0.89246430629375617</v>
      </c>
      <c r="H6408" cm="1">
        <f t="array" ref="H6408">IFERROR(INDEX(Jesper!AL$2:AL$366,ROUNDDOWN($C6408/24,0)+1,1)*INDEX($D$3:$AA$30,INDEX(Jesper!$R$2:$R$366,ROW(INDEX(Jesper!AL$2:AL$366,ROUNDDOWN($C6408/24,0)+1,1))-1)+IF('Standard Profiles'!$G$22=$B$10,7,0)+IF('Standard Profiles'!$G$22=$B$17,14,0)+IF('Standard Profiles'!$G$22=$B$24,21,0),MOD($C6408,24)+1)/SUM(INDEX($D$3:$AA$30,INDEX(Jesper!$R$2:$R$366,ROW(INDEX(Jesper!AL$2:AL$366,ROUNDDOWN($C6408/24,0)+1,1))-1)+IF('Standard Profiles'!$G$22=$B$10,7,0)+IF('Standard Profiles'!$G$22=$B$17,14,0)+IF('Standard Profiles'!$G$22=$B$24,21,0),0)),0)</f>
        <v>0.66420649756158401</v>
      </c>
      <c r="I6408">
        <f t="shared" si="713"/>
        <v>0.63763823765912098</v>
      </c>
      <c r="J6408">
        <f t="shared" si="714"/>
        <v>4.6903576870169807</v>
      </c>
      <c r="K6408">
        <f t="shared" si="715"/>
        <v>0.21983344992531656</v>
      </c>
      <c r="L6408">
        <f t="shared" si="716"/>
        <v>0.10991672496265828</v>
      </c>
      <c r="M6408">
        <f t="shared" si="717"/>
        <v>0</v>
      </c>
      <c r="N6408" s="45">
        <f t="shared" si="718"/>
        <v>45192.583333317874</v>
      </c>
    </row>
    <row r="6409" spans="2:14" x14ac:dyDescent="0.25">
      <c r="B6409">
        <f t="shared" si="712"/>
        <v>6</v>
      </c>
      <c r="C6409" s="16">
        <v>6375</v>
      </c>
      <c r="D6409" cm="1">
        <f t="array" ref="D6409">IFERROR(INDEX(Jesper!AH$2:AH$366,ROUNDDOWN($C6409/24,0)+1,1)*INDEX($D$3:$AA$30,INDEX(Jesper!$R$2:$R$366,ROW(INDEX(Jesper!AH$2:AH$366,ROUNDDOWN($C6409/24,0)+1,1))-1)+IF('Standard Profiles'!$G$18=$B$10,7,0)+IF('Standard Profiles'!$G$18=$B$17,14,0)+IF('Standard Profiles'!$G$18=$B$24,21,0),MOD($C6409,24)+1)/SUM(INDEX($D$3:$AA$30,INDEX(Jesper!$R$2:$R$366,ROW(INDEX(Jesper!AH$2:AH$366,ROUNDDOWN($C6409/24,0)+1,1))-1)+IF('Standard Profiles'!$G$18=$B$10,7,0)+IF('Standard Profiles'!$G$18=$B$17,14,0)+IF('Standard Profiles'!$G$18=$B$24,21,0),0)),0)</f>
        <v>0</v>
      </c>
      <c r="E6409" cm="1">
        <f t="array" ref="E6409">IFERROR(INDEX(Jesper!AI$2:AI$366,ROUNDDOWN($C6409/24,0)+1,1)*INDEX($D$3:$AA$30,INDEX(Jesper!$R$2:$R$366,ROW(INDEX(Jesper!AI$2:AI$366,ROUNDDOWN($C6409/24,0)+1,1))-1)+IF('Standard Profiles'!$G$19=$B$10,7,0)+IF('Standard Profiles'!$G$19=$B$17,14,0)+IF('Standard Profiles'!$G$19=$B$24,21,0),MOD($C6409,24)+1)/SUM(INDEX($D$3:$AA$30,INDEX(Jesper!$R$2:$R$366,ROW(INDEX(Jesper!AI$2:AI$366,ROUNDDOWN($C6409/24,0)+1,1))-1)+IF('Standard Profiles'!$G$19=$B$10,7,0)+IF('Standard Profiles'!$G$19=$B$17,14,0)+IF('Standard Profiles'!$G$19=$B$24,21,0),0)),0)</f>
        <v>2.747918124066457</v>
      </c>
      <c r="F6409" cm="1">
        <f t="array" ref="F6409">IFERROR(INDEX(Jesper!AJ$2:AJ$366,ROUNDDOWN($C6409/24,0)+1,1)*INDEX($D$3:$AA$30,INDEX(Jesper!$R$2:$R$366,ROW(INDEX(Jesper!AJ$2:AJ$366,ROUNDDOWN($C6409/24,0)+1,1))-1)+IF('Standard Profiles'!$G$20=$B$10,7,0)+IF('Standard Profiles'!$G$20=$B$17,14,0)+IF('Standard Profiles'!$G$20=$B$24,21,0),MOD($C6409,24)+1)/SUM(INDEX($D$3:$AA$30,INDEX(Jesper!$R$2:$R$366,ROW(INDEX(Jesper!AJ$2:AJ$366,ROUNDDOWN($C6409/24,0)+1,1))-1)+IF('Standard Profiles'!$G$20=$B$10,7,0)+IF('Standard Profiles'!$G$20=$B$17,14,0)+IF('Standard Profiles'!$G$20=$B$24,21,0),0)),0)</f>
        <v>1.3531571716422794</v>
      </c>
      <c r="G6409" cm="1">
        <f t="array" ref="G6409">IFERROR(INDEX(Jesper!AK$2:AK$366,ROUNDDOWN($C6409/24,0)+1,1)*INDEX($D$3:$AA$30,INDEX(Jesper!$R$2:$R$366,ROW(INDEX(Jesper!AK$2:AK$366,ROUNDDOWN($C6409/24,0)+1,1))-1)+IF('Standard Profiles'!$G$21=$B$10,7,0)+IF('Standard Profiles'!$G$21=$B$17,14,0)+IF('Standard Profiles'!$G$21=$B$24,21,0),MOD($C6409,24)+1)/SUM(INDEX($D$3:$AA$30,INDEX(Jesper!$R$2:$R$366,ROW(INDEX(Jesper!AK$2:AK$366,ROUNDDOWN($C6409/24,0)+1,1))-1)+IF('Standard Profiles'!$G$21=$B$10,7,0)+IF('Standard Profiles'!$G$21=$B$17,14,0)+IF('Standard Profiles'!$G$21=$B$24,21,0),0)),0)</f>
        <v>0.89246430629375617</v>
      </c>
      <c r="H6409" cm="1">
        <f t="array" ref="H6409">IFERROR(INDEX(Jesper!AL$2:AL$366,ROUNDDOWN($C6409/24,0)+1,1)*INDEX($D$3:$AA$30,INDEX(Jesper!$R$2:$R$366,ROW(INDEX(Jesper!AL$2:AL$366,ROUNDDOWN($C6409/24,0)+1,1))-1)+IF('Standard Profiles'!$G$22=$B$10,7,0)+IF('Standard Profiles'!$G$22=$B$17,14,0)+IF('Standard Profiles'!$G$22=$B$24,21,0),MOD($C6409,24)+1)/SUM(INDEX($D$3:$AA$30,INDEX(Jesper!$R$2:$R$366,ROW(INDEX(Jesper!AL$2:AL$366,ROUNDDOWN($C6409/24,0)+1,1))-1)+IF('Standard Profiles'!$G$22=$B$10,7,0)+IF('Standard Profiles'!$G$22=$B$17,14,0)+IF('Standard Profiles'!$G$22=$B$24,21,0),0)),0)</f>
        <v>0.60051546354882934</v>
      </c>
      <c r="I6409">
        <f t="shared" si="713"/>
        <v>0.57649484500687653</v>
      </c>
      <c r="J6409">
        <f t="shared" si="714"/>
        <v>4.6878100456564704</v>
      </c>
      <c r="K6409">
        <f t="shared" si="715"/>
        <v>0.21983344992531656</v>
      </c>
      <c r="L6409">
        <f t="shared" si="716"/>
        <v>0.10991672496265828</v>
      </c>
      <c r="M6409">
        <f t="shared" si="717"/>
        <v>0</v>
      </c>
      <c r="N6409" s="45">
        <f t="shared" si="718"/>
        <v>45192.624999984539</v>
      </c>
    </row>
    <row r="6410" spans="2:14" x14ac:dyDescent="0.25">
      <c r="B6410">
        <f t="shared" si="712"/>
        <v>6</v>
      </c>
      <c r="C6410" s="16">
        <v>6376</v>
      </c>
      <c r="D6410" cm="1">
        <f t="array" ref="D6410">IFERROR(INDEX(Jesper!AH$2:AH$366,ROUNDDOWN($C6410/24,0)+1,1)*INDEX($D$3:$AA$30,INDEX(Jesper!$R$2:$R$366,ROW(INDEX(Jesper!AH$2:AH$366,ROUNDDOWN($C6410/24,0)+1,1))-1)+IF('Standard Profiles'!$G$18=$B$10,7,0)+IF('Standard Profiles'!$G$18=$B$17,14,0)+IF('Standard Profiles'!$G$18=$B$24,21,0),MOD($C6410,24)+1)/SUM(INDEX($D$3:$AA$30,INDEX(Jesper!$R$2:$R$366,ROW(INDEX(Jesper!AH$2:AH$366,ROUNDDOWN($C6410/24,0)+1,1))-1)+IF('Standard Profiles'!$G$18=$B$10,7,0)+IF('Standard Profiles'!$G$18=$B$17,14,0)+IF('Standard Profiles'!$G$18=$B$24,21,0),0)),0)</f>
        <v>0</v>
      </c>
      <c r="E6410" cm="1">
        <f t="array" ref="E6410">IFERROR(INDEX(Jesper!AI$2:AI$366,ROUNDDOWN($C6410/24,0)+1,1)*INDEX($D$3:$AA$30,INDEX(Jesper!$R$2:$R$366,ROW(INDEX(Jesper!AI$2:AI$366,ROUNDDOWN($C6410/24,0)+1,1))-1)+IF('Standard Profiles'!$G$19=$B$10,7,0)+IF('Standard Profiles'!$G$19=$B$17,14,0)+IF('Standard Profiles'!$G$19=$B$24,21,0),MOD($C6410,24)+1)/SUM(INDEX($D$3:$AA$30,INDEX(Jesper!$R$2:$R$366,ROW(INDEX(Jesper!AI$2:AI$366,ROUNDDOWN($C6410/24,0)+1,1))-1)+IF('Standard Profiles'!$G$19=$B$10,7,0)+IF('Standard Profiles'!$G$19=$B$17,14,0)+IF('Standard Profiles'!$G$19=$B$24,21,0),0)),0)</f>
        <v>2.747918124066457</v>
      </c>
      <c r="F6410" cm="1">
        <f t="array" ref="F6410">IFERROR(INDEX(Jesper!AJ$2:AJ$366,ROUNDDOWN($C6410/24,0)+1,1)*INDEX($D$3:$AA$30,INDEX(Jesper!$R$2:$R$366,ROW(INDEX(Jesper!AJ$2:AJ$366,ROUNDDOWN($C6410/24,0)+1,1))-1)+IF('Standard Profiles'!$G$20=$B$10,7,0)+IF('Standard Profiles'!$G$20=$B$17,14,0)+IF('Standard Profiles'!$G$20=$B$24,21,0),MOD($C6410,24)+1)/SUM(INDEX($D$3:$AA$30,INDEX(Jesper!$R$2:$R$366,ROW(INDEX(Jesper!AJ$2:AJ$366,ROUNDDOWN($C6410/24,0)+1,1))-1)+IF('Standard Profiles'!$G$20=$B$10,7,0)+IF('Standard Profiles'!$G$20=$B$17,14,0)+IF('Standard Profiles'!$G$20=$B$24,21,0),0)),0)</f>
        <v>1.3531571716422794</v>
      </c>
      <c r="G6410" cm="1">
        <f t="array" ref="G6410">IFERROR(INDEX(Jesper!AK$2:AK$366,ROUNDDOWN($C6410/24,0)+1,1)*INDEX($D$3:$AA$30,INDEX(Jesper!$R$2:$R$366,ROW(INDEX(Jesper!AK$2:AK$366,ROUNDDOWN($C6410/24,0)+1,1))-1)+IF('Standard Profiles'!$G$21=$B$10,7,0)+IF('Standard Profiles'!$G$21=$B$17,14,0)+IF('Standard Profiles'!$G$21=$B$24,21,0),MOD($C6410,24)+1)/SUM(INDEX($D$3:$AA$30,INDEX(Jesper!$R$2:$R$366,ROW(INDEX(Jesper!AK$2:AK$366,ROUNDDOWN($C6410/24,0)+1,1))-1)+IF('Standard Profiles'!$G$21=$B$10,7,0)+IF('Standard Profiles'!$G$21=$B$17,14,0)+IF('Standard Profiles'!$G$21=$B$24,21,0),0)),0)</f>
        <v>0.89246430629375617</v>
      </c>
      <c r="H6410" cm="1">
        <f t="array" ref="H6410">IFERROR(INDEX(Jesper!AL$2:AL$366,ROUNDDOWN($C6410/24,0)+1,1)*INDEX($D$3:$AA$30,INDEX(Jesper!$R$2:$R$366,ROW(INDEX(Jesper!AL$2:AL$366,ROUNDDOWN($C6410/24,0)+1,1))-1)+IF('Standard Profiles'!$G$22=$B$10,7,0)+IF('Standard Profiles'!$G$22=$B$17,14,0)+IF('Standard Profiles'!$G$22=$B$24,21,0),MOD($C6410,24)+1)/SUM(INDEX($D$3:$AA$30,INDEX(Jesper!$R$2:$R$366,ROW(INDEX(Jesper!AL$2:AL$366,ROUNDDOWN($C6410/24,0)+1,1))-1)+IF('Standard Profiles'!$G$22=$B$10,7,0)+IF('Standard Profiles'!$G$22=$B$17,14,0)+IF('Standard Profiles'!$G$22=$B$24,21,0),0)),0)</f>
        <v>0.54592314868075387</v>
      </c>
      <c r="I6410">
        <f t="shared" si="713"/>
        <v>0.52408622273352401</v>
      </c>
      <c r="J6410">
        <f t="shared" si="714"/>
        <v>4.685626353061747</v>
      </c>
      <c r="K6410">
        <f t="shared" si="715"/>
        <v>0.21983344992531656</v>
      </c>
      <c r="L6410">
        <f t="shared" si="716"/>
        <v>0.10991672496265828</v>
      </c>
      <c r="M6410">
        <f t="shared" si="717"/>
        <v>0</v>
      </c>
      <c r="N6410" s="45">
        <f t="shared" si="718"/>
        <v>45192.666666651203</v>
      </c>
    </row>
    <row r="6411" spans="2:14" x14ac:dyDescent="0.25">
      <c r="B6411">
        <f t="shared" si="712"/>
        <v>6</v>
      </c>
      <c r="C6411" s="16">
        <v>6377</v>
      </c>
      <c r="D6411" cm="1">
        <f t="array" ref="D6411">IFERROR(INDEX(Jesper!AH$2:AH$366,ROUNDDOWN($C6411/24,0)+1,1)*INDEX($D$3:$AA$30,INDEX(Jesper!$R$2:$R$366,ROW(INDEX(Jesper!AH$2:AH$366,ROUNDDOWN($C6411/24,0)+1,1))-1)+IF('Standard Profiles'!$G$18=$B$10,7,0)+IF('Standard Profiles'!$G$18=$B$17,14,0)+IF('Standard Profiles'!$G$18=$B$24,21,0),MOD($C6411,24)+1)/SUM(INDEX($D$3:$AA$30,INDEX(Jesper!$R$2:$R$366,ROW(INDEX(Jesper!AH$2:AH$366,ROUNDDOWN($C6411/24,0)+1,1))-1)+IF('Standard Profiles'!$G$18=$B$10,7,0)+IF('Standard Profiles'!$G$18=$B$17,14,0)+IF('Standard Profiles'!$G$18=$B$24,21,0),0)),0)</f>
        <v>0</v>
      </c>
      <c r="E6411" cm="1">
        <f t="array" ref="E6411">IFERROR(INDEX(Jesper!AI$2:AI$366,ROUNDDOWN($C6411/24,0)+1,1)*INDEX($D$3:$AA$30,INDEX(Jesper!$R$2:$R$366,ROW(INDEX(Jesper!AI$2:AI$366,ROUNDDOWN($C6411/24,0)+1,1))-1)+IF('Standard Profiles'!$G$19=$B$10,7,0)+IF('Standard Profiles'!$G$19=$B$17,14,0)+IF('Standard Profiles'!$G$19=$B$24,21,0),MOD($C6411,24)+1)/SUM(INDEX($D$3:$AA$30,INDEX(Jesper!$R$2:$R$366,ROW(INDEX(Jesper!AI$2:AI$366,ROUNDDOWN($C6411/24,0)+1,1))-1)+IF('Standard Profiles'!$G$19=$B$10,7,0)+IF('Standard Profiles'!$G$19=$B$17,14,0)+IF('Standard Profiles'!$G$19=$B$24,21,0),0)),0)</f>
        <v>2.747918124066457</v>
      </c>
      <c r="F6411" cm="1">
        <f t="array" ref="F6411">IFERROR(INDEX(Jesper!AJ$2:AJ$366,ROUNDDOWN($C6411/24,0)+1,1)*INDEX($D$3:$AA$30,INDEX(Jesper!$R$2:$R$366,ROW(INDEX(Jesper!AJ$2:AJ$366,ROUNDDOWN($C6411/24,0)+1,1))-1)+IF('Standard Profiles'!$G$20=$B$10,7,0)+IF('Standard Profiles'!$G$20=$B$17,14,0)+IF('Standard Profiles'!$G$20=$B$24,21,0),MOD($C6411,24)+1)/SUM(INDEX($D$3:$AA$30,INDEX(Jesper!$R$2:$R$366,ROW(INDEX(Jesper!AJ$2:AJ$366,ROUNDDOWN($C6411/24,0)+1,1))-1)+IF('Standard Profiles'!$G$20=$B$10,7,0)+IF('Standard Profiles'!$G$20=$B$17,14,0)+IF('Standard Profiles'!$G$20=$B$24,21,0),0)),0)</f>
        <v>1.3531571716422794</v>
      </c>
      <c r="G6411" cm="1">
        <f t="array" ref="G6411">IFERROR(INDEX(Jesper!AK$2:AK$366,ROUNDDOWN($C6411/24,0)+1,1)*INDEX($D$3:$AA$30,INDEX(Jesper!$R$2:$R$366,ROW(INDEX(Jesper!AK$2:AK$366,ROUNDDOWN($C6411/24,0)+1,1))-1)+IF('Standard Profiles'!$G$21=$B$10,7,0)+IF('Standard Profiles'!$G$21=$B$17,14,0)+IF('Standard Profiles'!$G$21=$B$24,21,0),MOD($C6411,24)+1)/SUM(INDEX($D$3:$AA$30,INDEX(Jesper!$R$2:$R$366,ROW(INDEX(Jesper!AK$2:AK$366,ROUNDDOWN($C6411/24,0)+1,1))-1)+IF('Standard Profiles'!$G$21=$B$10,7,0)+IF('Standard Profiles'!$G$21=$B$17,14,0)+IF('Standard Profiles'!$G$21=$B$24,21,0),0)),0)</f>
        <v>0.89246430629375617</v>
      </c>
      <c r="H6411" cm="1">
        <f t="array" ref="H6411">IFERROR(INDEX(Jesper!AL$2:AL$366,ROUNDDOWN($C6411/24,0)+1,1)*INDEX($D$3:$AA$30,INDEX(Jesper!$R$2:$R$366,ROW(INDEX(Jesper!AL$2:AL$366,ROUNDDOWN($C6411/24,0)+1,1))-1)+IF('Standard Profiles'!$G$22=$B$10,7,0)+IF('Standard Profiles'!$G$22=$B$17,14,0)+IF('Standard Profiles'!$G$22=$B$24,21,0),MOD($C6411,24)+1)/SUM(INDEX($D$3:$AA$30,INDEX(Jesper!$R$2:$R$366,ROW(INDEX(Jesper!AL$2:AL$366,ROUNDDOWN($C6411/24,0)+1,1))-1)+IF('Standard Profiles'!$G$22=$B$10,7,0)+IF('Standard Profiles'!$G$22=$B$17,14,0)+IF('Standard Profiles'!$G$22=$B$24,21,0),0)),0)</f>
        <v>0.49133083381267856</v>
      </c>
      <c r="I6411">
        <f t="shared" si="713"/>
        <v>0.47167760046017165</v>
      </c>
      <c r="J6411">
        <f t="shared" si="714"/>
        <v>4.6834426604670245</v>
      </c>
      <c r="K6411">
        <f t="shared" si="715"/>
        <v>0.21983344992531656</v>
      </c>
      <c r="L6411">
        <f t="shared" si="716"/>
        <v>0.10991672496265828</v>
      </c>
      <c r="M6411">
        <f t="shared" si="717"/>
        <v>0</v>
      </c>
      <c r="N6411" s="45">
        <f t="shared" si="718"/>
        <v>45192.708333317867</v>
      </c>
    </row>
    <row r="6412" spans="2:14" x14ac:dyDescent="0.25">
      <c r="B6412">
        <f t="shared" si="712"/>
        <v>6</v>
      </c>
      <c r="C6412" s="16">
        <v>6378</v>
      </c>
      <c r="D6412" cm="1">
        <f t="array" ref="D6412">IFERROR(INDEX(Jesper!AH$2:AH$366,ROUNDDOWN($C6412/24,0)+1,1)*INDEX($D$3:$AA$30,INDEX(Jesper!$R$2:$R$366,ROW(INDEX(Jesper!AH$2:AH$366,ROUNDDOWN($C6412/24,0)+1,1))-1)+IF('Standard Profiles'!$G$18=$B$10,7,0)+IF('Standard Profiles'!$G$18=$B$17,14,0)+IF('Standard Profiles'!$G$18=$B$24,21,0),MOD($C6412,24)+1)/SUM(INDEX($D$3:$AA$30,INDEX(Jesper!$R$2:$R$366,ROW(INDEX(Jesper!AH$2:AH$366,ROUNDDOWN($C6412/24,0)+1,1))-1)+IF('Standard Profiles'!$G$18=$B$10,7,0)+IF('Standard Profiles'!$G$18=$B$17,14,0)+IF('Standard Profiles'!$G$18=$B$24,21,0),0)),0)</f>
        <v>0</v>
      </c>
      <c r="E6412" cm="1">
        <f t="array" ref="E6412">IFERROR(INDEX(Jesper!AI$2:AI$366,ROUNDDOWN($C6412/24,0)+1,1)*INDEX($D$3:$AA$30,INDEX(Jesper!$R$2:$R$366,ROW(INDEX(Jesper!AI$2:AI$366,ROUNDDOWN($C6412/24,0)+1,1))-1)+IF('Standard Profiles'!$G$19=$B$10,7,0)+IF('Standard Profiles'!$G$19=$B$17,14,0)+IF('Standard Profiles'!$G$19=$B$24,21,0),MOD($C6412,24)+1)/SUM(INDEX($D$3:$AA$30,INDEX(Jesper!$R$2:$R$366,ROW(INDEX(Jesper!AI$2:AI$366,ROUNDDOWN($C6412/24,0)+1,1))-1)+IF('Standard Profiles'!$G$19=$B$10,7,0)+IF('Standard Profiles'!$G$19=$B$17,14,0)+IF('Standard Profiles'!$G$19=$B$24,21,0),0)),0)</f>
        <v>2.747918124066457</v>
      </c>
      <c r="F6412" cm="1">
        <f t="array" ref="F6412">IFERROR(INDEX(Jesper!AJ$2:AJ$366,ROUNDDOWN($C6412/24,0)+1,1)*INDEX($D$3:$AA$30,INDEX(Jesper!$R$2:$R$366,ROW(INDEX(Jesper!AJ$2:AJ$366,ROUNDDOWN($C6412/24,0)+1,1))-1)+IF('Standard Profiles'!$G$20=$B$10,7,0)+IF('Standard Profiles'!$G$20=$B$17,14,0)+IF('Standard Profiles'!$G$20=$B$24,21,0),MOD($C6412,24)+1)/SUM(INDEX($D$3:$AA$30,INDEX(Jesper!$R$2:$R$366,ROW(INDEX(Jesper!AJ$2:AJ$366,ROUNDDOWN($C6412/24,0)+1,1))-1)+IF('Standard Profiles'!$G$20=$B$10,7,0)+IF('Standard Profiles'!$G$20=$B$17,14,0)+IF('Standard Profiles'!$G$20=$B$24,21,0),0)),0)</f>
        <v>1.3531571716422794</v>
      </c>
      <c r="G6412" cm="1">
        <f t="array" ref="G6412">IFERROR(INDEX(Jesper!AK$2:AK$366,ROUNDDOWN($C6412/24,0)+1,1)*INDEX($D$3:$AA$30,INDEX(Jesper!$R$2:$R$366,ROW(INDEX(Jesper!AK$2:AK$366,ROUNDDOWN($C6412/24,0)+1,1))-1)+IF('Standard Profiles'!$G$21=$B$10,7,0)+IF('Standard Profiles'!$G$21=$B$17,14,0)+IF('Standard Profiles'!$G$21=$B$24,21,0),MOD($C6412,24)+1)/SUM(INDEX($D$3:$AA$30,INDEX(Jesper!$R$2:$R$366,ROW(INDEX(Jesper!AK$2:AK$366,ROUNDDOWN($C6412/24,0)+1,1))-1)+IF('Standard Profiles'!$G$21=$B$10,7,0)+IF('Standard Profiles'!$G$21=$B$17,14,0)+IF('Standard Profiles'!$G$21=$B$24,21,0),0)),0)</f>
        <v>0.89246430629375617</v>
      </c>
      <c r="H6412" cm="1">
        <f t="array" ref="H6412">IFERROR(INDEX(Jesper!AL$2:AL$366,ROUNDDOWN($C6412/24,0)+1,1)*INDEX($D$3:$AA$30,INDEX(Jesper!$R$2:$R$366,ROW(INDEX(Jesper!AL$2:AL$366,ROUNDDOWN($C6412/24,0)+1,1))-1)+IF('Standard Profiles'!$G$22=$B$10,7,0)+IF('Standard Profiles'!$G$22=$B$17,14,0)+IF('Standard Profiles'!$G$22=$B$24,21,0),MOD($C6412,24)+1)/SUM(INDEX($D$3:$AA$30,INDEX(Jesper!$R$2:$R$366,ROW(INDEX(Jesper!AL$2:AL$366,ROUNDDOWN($C6412/24,0)+1,1))-1)+IF('Standard Profiles'!$G$22=$B$10,7,0)+IF('Standard Profiles'!$G$22=$B$17,14,0)+IF('Standard Profiles'!$G$22=$B$24,21,0),0)),0)</f>
        <v>0.47313339552332001</v>
      </c>
      <c r="I6412">
        <f t="shared" si="713"/>
        <v>0.45420805970238748</v>
      </c>
      <c r="J6412">
        <f t="shared" si="714"/>
        <v>4.6827147629354497</v>
      </c>
      <c r="K6412">
        <f t="shared" si="715"/>
        <v>0.21983344992531656</v>
      </c>
      <c r="L6412">
        <f t="shared" si="716"/>
        <v>0.10991672496265828</v>
      </c>
      <c r="M6412">
        <f t="shared" si="717"/>
        <v>0</v>
      </c>
      <c r="N6412" s="45">
        <f t="shared" si="718"/>
        <v>45192.749999984531</v>
      </c>
    </row>
    <row r="6413" spans="2:14" x14ac:dyDescent="0.25">
      <c r="B6413">
        <f t="shared" si="712"/>
        <v>6</v>
      </c>
      <c r="C6413" s="16">
        <v>6379</v>
      </c>
      <c r="D6413" cm="1">
        <f t="array" ref="D6413">IFERROR(INDEX(Jesper!AH$2:AH$366,ROUNDDOWN($C6413/24,0)+1,1)*INDEX($D$3:$AA$30,INDEX(Jesper!$R$2:$R$366,ROW(INDEX(Jesper!AH$2:AH$366,ROUNDDOWN($C6413/24,0)+1,1))-1)+IF('Standard Profiles'!$G$18=$B$10,7,0)+IF('Standard Profiles'!$G$18=$B$17,14,0)+IF('Standard Profiles'!$G$18=$B$24,21,0),MOD($C6413,24)+1)/SUM(INDEX($D$3:$AA$30,INDEX(Jesper!$R$2:$R$366,ROW(INDEX(Jesper!AH$2:AH$366,ROUNDDOWN($C6413/24,0)+1,1))-1)+IF('Standard Profiles'!$G$18=$B$10,7,0)+IF('Standard Profiles'!$G$18=$B$17,14,0)+IF('Standard Profiles'!$G$18=$B$24,21,0),0)),0)</f>
        <v>0</v>
      </c>
      <c r="E6413" cm="1">
        <f t="array" ref="E6413">IFERROR(INDEX(Jesper!AI$2:AI$366,ROUNDDOWN($C6413/24,0)+1,1)*INDEX($D$3:$AA$30,INDEX(Jesper!$R$2:$R$366,ROW(INDEX(Jesper!AI$2:AI$366,ROUNDDOWN($C6413/24,0)+1,1))-1)+IF('Standard Profiles'!$G$19=$B$10,7,0)+IF('Standard Profiles'!$G$19=$B$17,14,0)+IF('Standard Profiles'!$G$19=$B$24,21,0),MOD($C6413,24)+1)/SUM(INDEX($D$3:$AA$30,INDEX(Jesper!$R$2:$R$366,ROW(INDEX(Jesper!AI$2:AI$366,ROUNDDOWN($C6413/24,0)+1,1))-1)+IF('Standard Profiles'!$G$19=$B$10,7,0)+IF('Standard Profiles'!$G$19=$B$17,14,0)+IF('Standard Profiles'!$G$19=$B$24,21,0),0)),0)</f>
        <v>2.747918124066457</v>
      </c>
      <c r="F6413" cm="1">
        <f t="array" ref="F6413">IFERROR(INDEX(Jesper!AJ$2:AJ$366,ROUNDDOWN($C6413/24,0)+1,1)*INDEX($D$3:$AA$30,INDEX(Jesper!$R$2:$R$366,ROW(INDEX(Jesper!AJ$2:AJ$366,ROUNDDOWN($C6413/24,0)+1,1))-1)+IF('Standard Profiles'!$G$20=$B$10,7,0)+IF('Standard Profiles'!$G$20=$B$17,14,0)+IF('Standard Profiles'!$G$20=$B$24,21,0),MOD($C6413,24)+1)/SUM(INDEX($D$3:$AA$30,INDEX(Jesper!$R$2:$R$366,ROW(INDEX(Jesper!AJ$2:AJ$366,ROUNDDOWN($C6413/24,0)+1,1))-1)+IF('Standard Profiles'!$G$20=$B$10,7,0)+IF('Standard Profiles'!$G$20=$B$17,14,0)+IF('Standard Profiles'!$G$20=$B$24,21,0),0)),0)</f>
        <v>1.3531571716422794</v>
      </c>
      <c r="G6413" cm="1">
        <f t="array" ref="G6413">IFERROR(INDEX(Jesper!AK$2:AK$366,ROUNDDOWN($C6413/24,0)+1,1)*INDEX($D$3:$AA$30,INDEX(Jesper!$R$2:$R$366,ROW(INDEX(Jesper!AK$2:AK$366,ROUNDDOWN($C6413/24,0)+1,1))-1)+IF('Standard Profiles'!$G$21=$B$10,7,0)+IF('Standard Profiles'!$G$21=$B$17,14,0)+IF('Standard Profiles'!$G$21=$B$24,21,0),MOD($C6413,24)+1)/SUM(INDEX($D$3:$AA$30,INDEX(Jesper!$R$2:$R$366,ROW(INDEX(Jesper!AK$2:AK$366,ROUNDDOWN($C6413/24,0)+1,1))-1)+IF('Standard Profiles'!$G$21=$B$10,7,0)+IF('Standard Profiles'!$G$21=$B$17,14,0)+IF('Standard Profiles'!$G$21=$B$24,21,0),0)),0)</f>
        <v>0.89246430629375617</v>
      </c>
      <c r="H6413" cm="1">
        <f t="array" ref="H6413">IFERROR(INDEX(Jesper!AL$2:AL$366,ROUNDDOWN($C6413/24,0)+1,1)*INDEX($D$3:$AA$30,INDEX(Jesper!$R$2:$R$366,ROW(INDEX(Jesper!AL$2:AL$366,ROUNDDOWN($C6413/24,0)+1,1))-1)+IF('Standard Profiles'!$G$22=$B$10,7,0)+IF('Standard Profiles'!$G$22=$B$17,14,0)+IF('Standard Profiles'!$G$22=$B$24,21,0),MOD($C6413,24)+1)/SUM(INDEX($D$3:$AA$30,INDEX(Jesper!$R$2:$R$366,ROW(INDEX(Jesper!AL$2:AL$366,ROUNDDOWN($C6413/24,0)+1,1))-1)+IF('Standard Profiles'!$G$22=$B$10,7,0)+IF('Standard Profiles'!$G$22=$B$17,14,0)+IF('Standard Profiles'!$G$22=$B$24,21,0),0)),0)</f>
        <v>0.38214620407652772</v>
      </c>
      <c r="I6413">
        <f t="shared" si="713"/>
        <v>0.36686035591346683</v>
      </c>
      <c r="J6413">
        <f t="shared" si="714"/>
        <v>4.6790752752775786</v>
      </c>
      <c r="K6413">
        <f t="shared" si="715"/>
        <v>0.21983344992531656</v>
      </c>
      <c r="L6413">
        <f t="shared" si="716"/>
        <v>0.10991672496265828</v>
      </c>
      <c r="M6413">
        <f t="shared" si="717"/>
        <v>0</v>
      </c>
      <c r="N6413" s="45">
        <f t="shared" si="718"/>
        <v>45192.791666651196</v>
      </c>
    </row>
    <row r="6414" spans="2:14" x14ac:dyDescent="0.25">
      <c r="B6414">
        <f t="shared" si="712"/>
        <v>6</v>
      </c>
      <c r="C6414" s="16">
        <v>6380</v>
      </c>
      <c r="D6414" cm="1">
        <f t="array" ref="D6414">IFERROR(INDEX(Jesper!AH$2:AH$366,ROUNDDOWN($C6414/24,0)+1,1)*INDEX($D$3:$AA$30,INDEX(Jesper!$R$2:$R$366,ROW(INDEX(Jesper!AH$2:AH$366,ROUNDDOWN($C6414/24,0)+1,1))-1)+IF('Standard Profiles'!$G$18=$B$10,7,0)+IF('Standard Profiles'!$G$18=$B$17,14,0)+IF('Standard Profiles'!$G$18=$B$24,21,0),MOD($C6414,24)+1)/SUM(INDEX($D$3:$AA$30,INDEX(Jesper!$R$2:$R$366,ROW(INDEX(Jesper!AH$2:AH$366,ROUNDDOWN($C6414/24,0)+1,1))-1)+IF('Standard Profiles'!$G$18=$B$10,7,0)+IF('Standard Profiles'!$G$18=$B$17,14,0)+IF('Standard Profiles'!$G$18=$B$24,21,0),0)),0)</f>
        <v>0</v>
      </c>
      <c r="E6414" cm="1">
        <f t="array" ref="E6414">IFERROR(INDEX(Jesper!AI$2:AI$366,ROUNDDOWN($C6414/24,0)+1,1)*INDEX($D$3:$AA$30,INDEX(Jesper!$R$2:$R$366,ROW(INDEX(Jesper!AI$2:AI$366,ROUNDDOWN($C6414/24,0)+1,1))-1)+IF('Standard Profiles'!$G$19=$B$10,7,0)+IF('Standard Profiles'!$G$19=$B$17,14,0)+IF('Standard Profiles'!$G$19=$B$24,21,0),MOD($C6414,24)+1)/SUM(INDEX($D$3:$AA$30,INDEX(Jesper!$R$2:$R$366,ROW(INDEX(Jesper!AI$2:AI$366,ROUNDDOWN($C6414/24,0)+1,1))-1)+IF('Standard Profiles'!$G$19=$B$10,7,0)+IF('Standard Profiles'!$G$19=$B$17,14,0)+IF('Standard Profiles'!$G$19=$B$24,21,0),0)),0)</f>
        <v>2.747918124066457</v>
      </c>
      <c r="F6414" cm="1">
        <f t="array" ref="F6414">IFERROR(INDEX(Jesper!AJ$2:AJ$366,ROUNDDOWN($C6414/24,0)+1,1)*INDEX($D$3:$AA$30,INDEX(Jesper!$R$2:$R$366,ROW(INDEX(Jesper!AJ$2:AJ$366,ROUNDDOWN($C6414/24,0)+1,1))-1)+IF('Standard Profiles'!$G$20=$B$10,7,0)+IF('Standard Profiles'!$G$20=$B$17,14,0)+IF('Standard Profiles'!$G$20=$B$24,21,0),MOD($C6414,24)+1)/SUM(INDEX($D$3:$AA$30,INDEX(Jesper!$R$2:$R$366,ROW(INDEX(Jesper!AJ$2:AJ$366,ROUNDDOWN($C6414/24,0)+1,1))-1)+IF('Standard Profiles'!$G$20=$B$10,7,0)+IF('Standard Profiles'!$G$20=$B$17,14,0)+IF('Standard Profiles'!$G$20=$B$24,21,0),0)),0)</f>
        <v>1.3531571716422794</v>
      </c>
      <c r="G6414" cm="1">
        <f t="array" ref="G6414">IFERROR(INDEX(Jesper!AK$2:AK$366,ROUNDDOWN($C6414/24,0)+1,1)*INDEX($D$3:$AA$30,INDEX(Jesper!$R$2:$R$366,ROW(INDEX(Jesper!AK$2:AK$366,ROUNDDOWN($C6414/24,0)+1,1))-1)+IF('Standard Profiles'!$G$21=$B$10,7,0)+IF('Standard Profiles'!$G$21=$B$17,14,0)+IF('Standard Profiles'!$G$21=$B$24,21,0),MOD($C6414,24)+1)/SUM(INDEX($D$3:$AA$30,INDEX(Jesper!$R$2:$R$366,ROW(INDEX(Jesper!AK$2:AK$366,ROUNDDOWN($C6414/24,0)+1,1))-1)+IF('Standard Profiles'!$G$21=$B$10,7,0)+IF('Standard Profiles'!$G$21=$B$17,14,0)+IF('Standard Profiles'!$G$21=$B$24,21,0),0)),0)</f>
        <v>0.89246430629375617</v>
      </c>
      <c r="H6414" cm="1">
        <f t="array" ref="H6414">IFERROR(INDEX(Jesper!AL$2:AL$366,ROUNDDOWN($C6414/24,0)+1,1)*INDEX($D$3:$AA$30,INDEX(Jesper!$R$2:$R$366,ROW(INDEX(Jesper!AL$2:AL$366,ROUNDDOWN($C6414/24,0)+1,1))-1)+IF('Standard Profiles'!$G$22=$B$10,7,0)+IF('Standard Profiles'!$G$22=$B$17,14,0)+IF('Standard Profiles'!$G$22=$B$24,21,0),MOD($C6414,24)+1)/SUM(INDEX($D$3:$AA$30,INDEX(Jesper!$R$2:$R$366,ROW(INDEX(Jesper!AL$2:AL$366,ROUNDDOWN($C6414/24,0)+1,1))-1)+IF('Standard Profiles'!$G$22=$B$10,7,0)+IF('Standard Profiles'!$G$22=$B$17,14,0)+IF('Standard Profiles'!$G$22=$B$24,21,0),0)),0)</f>
        <v>0.28206029348505618</v>
      </c>
      <c r="I6414">
        <f t="shared" si="713"/>
        <v>0.27077788174565409</v>
      </c>
      <c r="J6414">
        <f t="shared" si="714"/>
        <v>4.6750718388539196</v>
      </c>
      <c r="K6414">
        <f t="shared" si="715"/>
        <v>0.21983344992531656</v>
      </c>
      <c r="L6414">
        <f t="shared" si="716"/>
        <v>0.10991672496265828</v>
      </c>
      <c r="M6414">
        <f t="shared" si="717"/>
        <v>0</v>
      </c>
      <c r="N6414" s="45">
        <f t="shared" si="718"/>
        <v>45192.83333331786</v>
      </c>
    </row>
    <row r="6415" spans="2:14" x14ac:dyDescent="0.25">
      <c r="B6415">
        <f t="shared" si="712"/>
        <v>6</v>
      </c>
      <c r="C6415" s="16">
        <v>6381</v>
      </c>
      <c r="D6415" cm="1">
        <f t="array" ref="D6415">IFERROR(INDEX(Jesper!AH$2:AH$366,ROUNDDOWN($C6415/24,0)+1,1)*INDEX($D$3:$AA$30,INDEX(Jesper!$R$2:$R$366,ROW(INDEX(Jesper!AH$2:AH$366,ROUNDDOWN($C6415/24,0)+1,1))-1)+IF('Standard Profiles'!$G$18=$B$10,7,0)+IF('Standard Profiles'!$G$18=$B$17,14,0)+IF('Standard Profiles'!$G$18=$B$24,21,0),MOD($C6415,24)+1)/SUM(INDEX($D$3:$AA$30,INDEX(Jesper!$R$2:$R$366,ROW(INDEX(Jesper!AH$2:AH$366,ROUNDDOWN($C6415/24,0)+1,1))-1)+IF('Standard Profiles'!$G$18=$B$10,7,0)+IF('Standard Profiles'!$G$18=$B$17,14,0)+IF('Standard Profiles'!$G$18=$B$24,21,0),0)),0)</f>
        <v>0</v>
      </c>
      <c r="E6415" cm="1">
        <f t="array" ref="E6415">IFERROR(INDEX(Jesper!AI$2:AI$366,ROUNDDOWN($C6415/24,0)+1,1)*INDEX($D$3:$AA$30,INDEX(Jesper!$R$2:$R$366,ROW(INDEX(Jesper!AI$2:AI$366,ROUNDDOWN($C6415/24,0)+1,1))-1)+IF('Standard Profiles'!$G$19=$B$10,7,0)+IF('Standard Profiles'!$G$19=$B$17,14,0)+IF('Standard Profiles'!$G$19=$B$24,21,0),MOD($C6415,24)+1)/SUM(INDEX($D$3:$AA$30,INDEX(Jesper!$R$2:$R$366,ROW(INDEX(Jesper!AI$2:AI$366,ROUNDDOWN($C6415/24,0)+1,1))-1)+IF('Standard Profiles'!$G$19=$B$10,7,0)+IF('Standard Profiles'!$G$19=$B$17,14,0)+IF('Standard Profiles'!$G$19=$B$24,21,0),0)),0)</f>
        <v>2.747918124066457</v>
      </c>
      <c r="F6415" cm="1">
        <f t="array" ref="F6415">IFERROR(INDEX(Jesper!AJ$2:AJ$366,ROUNDDOWN($C6415/24,0)+1,1)*INDEX($D$3:$AA$30,INDEX(Jesper!$R$2:$R$366,ROW(INDEX(Jesper!AJ$2:AJ$366,ROUNDDOWN($C6415/24,0)+1,1))-1)+IF('Standard Profiles'!$G$20=$B$10,7,0)+IF('Standard Profiles'!$G$20=$B$17,14,0)+IF('Standard Profiles'!$G$20=$B$24,21,0),MOD($C6415,24)+1)/SUM(INDEX($D$3:$AA$30,INDEX(Jesper!$R$2:$R$366,ROW(INDEX(Jesper!AJ$2:AJ$366,ROUNDDOWN($C6415/24,0)+1,1))-1)+IF('Standard Profiles'!$G$20=$B$10,7,0)+IF('Standard Profiles'!$G$20=$B$17,14,0)+IF('Standard Profiles'!$G$20=$B$24,21,0),0)),0)</f>
        <v>1.3531571716422794</v>
      </c>
      <c r="G6415" cm="1">
        <f t="array" ref="G6415">IFERROR(INDEX(Jesper!AK$2:AK$366,ROUNDDOWN($C6415/24,0)+1,1)*INDEX($D$3:$AA$30,INDEX(Jesper!$R$2:$R$366,ROW(INDEX(Jesper!AK$2:AK$366,ROUNDDOWN($C6415/24,0)+1,1))-1)+IF('Standard Profiles'!$G$21=$B$10,7,0)+IF('Standard Profiles'!$G$21=$B$17,14,0)+IF('Standard Profiles'!$G$21=$B$24,21,0),MOD($C6415,24)+1)/SUM(INDEX($D$3:$AA$30,INDEX(Jesper!$R$2:$R$366,ROW(INDEX(Jesper!AK$2:AK$366,ROUNDDOWN($C6415/24,0)+1,1))-1)+IF('Standard Profiles'!$G$21=$B$10,7,0)+IF('Standard Profiles'!$G$21=$B$17,14,0)+IF('Standard Profiles'!$G$21=$B$24,21,0),0)),0)</f>
        <v>0.89246430629375617</v>
      </c>
      <c r="H6415" cm="1">
        <f t="array" ref="H6415">IFERROR(INDEX(Jesper!AL$2:AL$366,ROUNDDOWN($C6415/24,0)+1,1)*INDEX($D$3:$AA$30,INDEX(Jesper!$R$2:$R$366,ROW(INDEX(Jesper!AL$2:AL$366,ROUNDDOWN($C6415/24,0)+1,1))-1)+IF('Standard Profiles'!$G$22=$B$10,7,0)+IF('Standard Profiles'!$G$22=$B$17,14,0)+IF('Standard Profiles'!$G$22=$B$24,21,0),MOD($C6415,24)+1)/SUM(INDEX($D$3:$AA$30,INDEX(Jesper!$R$2:$R$366,ROW(INDEX(Jesper!AL$2:AL$366,ROUNDDOWN($C6415/24,0)+1,1))-1)+IF('Standard Profiles'!$G$22=$B$10,7,0)+IF('Standard Profiles'!$G$22=$B$17,14,0)+IF('Standard Profiles'!$G$22=$B$24,21,0),0)),0)</f>
        <v>0.28206029348505618</v>
      </c>
      <c r="I6415">
        <f t="shared" si="713"/>
        <v>0.27077788174565409</v>
      </c>
      <c r="J6415">
        <f t="shared" si="714"/>
        <v>4.6750718388539196</v>
      </c>
      <c r="K6415">
        <f t="shared" si="715"/>
        <v>0.21983344992531656</v>
      </c>
      <c r="L6415">
        <f t="shared" si="716"/>
        <v>0.10991672496265828</v>
      </c>
      <c r="M6415">
        <f t="shared" si="717"/>
        <v>0</v>
      </c>
      <c r="N6415" s="45">
        <f t="shared" si="718"/>
        <v>45192.874999984524</v>
      </c>
    </row>
    <row r="6416" spans="2:14" x14ac:dyDescent="0.25">
      <c r="B6416">
        <f t="shared" si="712"/>
        <v>6</v>
      </c>
      <c r="C6416" s="16">
        <v>6382</v>
      </c>
      <c r="D6416" cm="1">
        <f t="array" ref="D6416">IFERROR(INDEX(Jesper!AH$2:AH$366,ROUNDDOWN($C6416/24,0)+1,1)*INDEX($D$3:$AA$30,INDEX(Jesper!$R$2:$R$366,ROW(INDEX(Jesper!AH$2:AH$366,ROUNDDOWN($C6416/24,0)+1,1))-1)+IF('Standard Profiles'!$G$18=$B$10,7,0)+IF('Standard Profiles'!$G$18=$B$17,14,0)+IF('Standard Profiles'!$G$18=$B$24,21,0),MOD($C6416,24)+1)/SUM(INDEX($D$3:$AA$30,INDEX(Jesper!$R$2:$R$366,ROW(INDEX(Jesper!AH$2:AH$366,ROUNDDOWN($C6416/24,0)+1,1))-1)+IF('Standard Profiles'!$G$18=$B$10,7,0)+IF('Standard Profiles'!$G$18=$B$17,14,0)+IF('Standard Profiles'!$G$18=$B$24,21,0),0)),0)</f>
        <v>0</v>
      </c>
      <c r="E6416" cm="1">
        <f t="array" ref="E6416">IFERROR(INDEX(Jesper!AI$2:AI$366,ROUNDDOWN($C6416/24,0)+1,1)*INDEX($D$3:$AA$30,INDEX(Jesper!$R$2:$R$366,ROW(INDEX(Jesper!AI$2:AI$366,ROUNDDOWN($C6416/24,0)+1,1))-1)+IF('Standard Profiles'!$G$19=$B$10,7,0)+IF('Standard Profiles'!$G$19=$B$17,14,0)+IF('Standard Profiles'!$G$19=$B$24,21,0),MOD($C6416,24)+1)/SUM(INDEX($D$3:$AA$30,INDEX(Jesper!$R$2:$R$366,ROW(INDEX(Jesper!AI$2:AI$366,ROUNDDOWN($C6416/24,0)+1,1))-1)+IF('Standard Profiles'!$G$19=$B$10,7,0)+IF('Standard Profiles'!$G$19=$B$17,14,0)+IF('Standard Profiles'!$G$19=$B$24,21,0),0)),0)</f>
        <v>2.747918124066457</v>
      </c>
      <c r="F6416" cm="1">
        <f t="array" ref="F6416">IFERROR(INDEX(Jesper!AJ$2:AJ$366,ROUNDDOWN($C6416/24,0)+1,1)*INDEX($D$3:$AA$30,INDEX(Jesper!$R$2:$R$366,ROW(INDEX(Jesper!AJ$2:AJ$366,ROUNDDOWN($C6416/24,0)+1,1))-1)+IF('Standard Profiles'!$G$20=$B$10,7,0)+IF('Standard Profiles'!$G$20=$B$17,14,0)+IF('Standard Profiles'!$G$20=$B$24,21,0),MOD($C6416,24)+1)/SUM(INDEX($D$3:$AA$30,INDEX(Jesper!$R$2:$R$366,ROW(INDEX(Jesper!AJ$2:AJ$366,ROUNDDOWN($C6416/24,0)+1,1))-1)+IF('Standard Profiles'!$G$20=$B$10,7,0)+IF('Standard Profiles'!$G$20=$B$17,14,0)+IF('Standard Profiles'!$G$20=$B$24,21,0),0)),0)</f>
        <v>1.3531571716422794</v>
      </c>
      <c r="G6416" cm="1">
        <f t="array" ref="G6416">IFERROR(INDEX(Jesper!AK$2:AK$366,ROUNDDOWN($C6416/24,0)+1,1)*INDEX($D$3:$AA$30,INDEX(Jesper!$R$2:$R$366,ROW(INDEX(Jesper!AK$2:AK$366,ROUNDDOWN($C6416/24,0)+1,1))-1)+IF('Standard Profiles'!$G$21=$B$10,7,0)+IF('Standard Profiles'!$G$21=$B$17,14,0)+IF('Standard Profiles'!$G$21=$B$24,21,0),MOD($C6416,24)+1)/SUM(INDEX($D$3:$AA$30,INDEX(Jesper!$R$2:$R$366,ROW(INDEX(Jesper!AK$2:AK$366,ROUNDDOWN($C6416/24,0)+1,1))-1)+IF('Standard Profiles'!$G$21=$B$10,7,0)+IF('Standard Profiles'!$G$21=$B$17,14,0)+IF('Standard Profiles'!$G$21=$B$24,21,0),0)),0)</f>
        <v>0.89246430629375617</v>
      </c>
      <c r="H6416" cm="1">
        <f t="array" ref="H6416">IFERROR(INDEX(Jesper!AL$2:AL$366,ROUNDDOWN($C6416/24,0)+1,1)*INDEX($D$3:$AA$30,INDEX(Jesper!$R$2:$R$366,ROW(INDEX(Jesper!AL$2:AL$366,ROUNDDOWN($C6416/24,0)+1,1))-1)+IF('Standard Profiles'!$G$22=$B$10,7,0)+IF('Standard Profiles'!$G$22=$B$17,14,0)+IF('Standard Profiles'!$G$22=$B$24,21,0),MOD($C6416,24)+1)/SUM(INDEX($D$3:$AA$30,INDEX(Jesper!$R$2:$R$366,ROW(INDEX(Jesper!AL$2:AL$366,ROUNDDOWN($C6416/24,0)+1,1))-1)+IF('Standard Profiles'!$G$22=$B$10,7,0)+IF('Standard Profiles'!$G$22=$B$17,14,0)+IF('Standard Profiles'!$G$22=$B$24,21,0),0)),0)</f>
        <v>0.28206029348505618</v>
      </c>
      <c r="I6416">
        <f t="shared" si="713"/>
        <v>0.27077788174565409</v>
      </c>
      <c r="J6416">
        <f t="shared" si="714"/>
        <v>4.6750718388539196</v>
      </c>
      <c r="K6416">
        <f t="shared" si="715"/>
        <v>0.21983344992531656</v>
      </c>
      <c r="L6416">
        <f t="shared" si="716"/>
        <v>0.10991672496265828</v>
      </c>
      <c r="M6416">
        <f t="shared" si="717"/>
        <v>0</v>
      </c>
      <c r="N6416" s="45">
        <f t="shared" si="718"/>
        <v>45192.916666651188</v>
      </c>
    </row>
    <row r="6417" spans="2:14" x14ac:dyDescent="0.25">
      <c r="B6417">
        <f t="shared" si="712"/>
        <v>6</v>
      </c>
      <c r="C6417" s="16">
        <v>6383</v>
      </c>
      <c r="D6417" cm="1">
        <f t="array" ref="D6417">IFERROR(INDEX(Jesper!AH$2:AH$366,ROUNDDOWN($C6417/24,0)+1,1)*INDEX($D$3:$AA$30,INDEX(Jesper!$R$2:$R$366,ROW(INDEX(Jesper!AH$2:AH$366,ROUNDDOWN($C6417/24,0)+1,1))-1)+IF('Standard Profiles'!$G$18=$B$10,7,0)+IF('Standard Profiles'!$G$18=$B$17,14,0)+IF('Standard Profiles'!$G$18=$B$24,21,0),MOD($C6417,24)+1)/SUM(INDEX($D$3:$AA$30,INDEX(Jesper!$R$2:$R$366,ROW(INDEX(Jesper!AH$2:AH$366,ROUNDDOWN($C6417/24,0)+1,1))-1)+IF('Standard Profiles'!$G$18=$B$10,7,0)+IF('Standard Profiles'!$G$18=$B$17,14,0)+IF('Standard Profiles'!$G$18=$B$24,21,0),0)),0)</f>
        <v>0</v>
      </c>
      <c r="E6417" cm="1">
        <f t="array" ref="E6417">IFERROR(INDEX(Jesper!AI$2:AI$366,ROUNDDOWN($C6417/24,0)+1,1)*INDEX($D$3:$AA$30,INDEX(Jesper!$R$2:$R$366,ROW(INDEX(Jesper!AI$2:AI$366,ROUNDDOWN($C6417/24,0)+1,1))-1)+IF('Standard Profiles'!$G$19=$B$10,7,0)+IF('Standard Profiles'!$G$19=$B$17,14,0)+IF('Standard Profiles'!$G$19=$B$24,21,0),MOD($C6417,24)+1)/SUM(INDEX($D$3:$AA$30,INDEX(Jesper!$R$2:$R$366,ROW(INDEX(Jesper!AI$2:AI$366,ROUNDDOWN($C6417/24,0)+1,1))-1)+IF('Standard Profiles'!$G$19=$B$10,7,0)+IF('Standard Profiles'!$G$19=$B$17,14,0)+IF('Standard Profiles'!$G$19=$B$24,21,0),0)),0)</f>
        <v>2.747918124066457</v>
      </c>
      <c r="F6417" cm="1">
        <f t="array" ref="F6417">IFERROR(INDEX(Jesper!AJ$2:AJ$366,ROUNDDOWN($C6417/24,0)+1,1)*INDEX($D$3:$AA$30,INDEX(Jesper!$R$2:$R$366,ROW(INDEX(Jesper!AJ$2:AJ$366,ROUNDDOWN($C6417/24,0)+1,1))-1)+IF('Standard Profiles'!$G$20=$B$10,7,0)+IF('Standard Profiles'!$G$20=$B$17,14,0)+IF('Standard Profiles'!$G$20=$B$24,21,0),MOD($C6417,24)+1)/SUM(INDEX($D$3:$AA$30,INDEX(Jesper!$R$2:$R$366,ROW(INDEX(Jesper!AJ$2:AJ$366,ROUNDDOWN($C6417/24,0)+1,1))-1)+IF('Standard Profiles'!$G$20=$B$10,7,0)+IF('Standard Profiles'!$G$20=$B$17,14,0)+IF('Standard Profiles'!$G$20=$B$24,21,0),0)),0)</f>
        <v>1.3531571716422794</v>
      </c>
      <c r="G6417" cm="1">
        <f t="array" ref="G6417">IFERROR(INDEX(Jesper!AK$2:AK$366,ROUNDDOWN($C6417/24,0)+1,1)*INDEX($D$3:$AA$30,INDEX(Jesper!$R$2:$R$366,ROW(INDEX(Jesper!AK$2:AK$366,ROUNDDOWN($C6417/24,0)+1,1))-1)+IF('Standard Profiles'!$G$21=$B$10,7,0)+IF('Standard Profiles'!$G$21=$B$17,14,0)+IF('Standard Profiles'!$G$21=$B$24,21,0),MOD($C6417,24)+1)/SUM(INDEX($D$3:$AA$30,INDEX(Jesper!$R$2:$R$366,ROW(INDEX(Jesper!AK$2:AK$366,ROUNDDOWN($C6417/24,0)+1,1))-1)+IF('Standard Profiles'!$G$21=$B$10,7,0)+IF('Standard Profiles'!$G$21=$B$17,14,0)+IF('Standard Profiles'!$G$21=$B$24,21,0),0)),0)</f>
        <v>0.89246430629375617</v>
      </c>
      <c r="H6417" cm="1">
        <f t="array" ref="H6417">IFERROR(INDEX(Jesper!AL$2:AL$366,ROUNDDOWN($C6417/24,0)+1,1)*INDEX($D$3:$AA$30,INDEX(Jesper!$R$2:$R$366,ROW(INDEX(Jesper!AL$2:AL$366,ROUNDDOWN($C6417/24,0)+1,1))-1)+IF('Standard Profiles'!$G$22=$B$10,7,0)+IF('Standard Profiles'!$G$22=$B$17,14,0)+IF('Standard Profiles'!$G$22=$B$24,21,0),MOD($C6417,24)+1)/SUM(INDEX($D$3:$AA$30,INDEX(Jesper!$R$2:$R$366,ROW(INDEX(Jesper!AL$2:AL$366,ROUNDDOWN($C6417/24,0)+1,1))-1)+IF('Standard Profiles'!$G$22=$B$10,7,0)+IF('Standard Profiles'!$G$22=$B$17,14,0)+IF('Standard Profiles'!$G$22=$B$24,21,0),0)),0)</f>
        <v>0.28206029348505618</v>
      </c>
      <c r="I6417">
        <f t="shared" si="713"/>
        <v>0.27077788174565409</v>
      </c>
      <c r="J6417">
        <f t="shared" si="714"/>
        <v>4.6750718388539196</v>
      </c>
      <c r="K6417">
        <f t="shared" si="715"/>
        <v>0.21983344992531656</v>
      </c>
      <c r="L6417">
        <f t="shared" si="716"/>
        <v>0.10991672496265828</v>
      </c>
      <c r="M6417">
        <f t="shared" si="717"/>
        <v>0</v>
      </c>
      <c r="N6417" s="45">
        <f t="shared" si="718"/>
        <v>45192.958333317853</v>
      </c>
    </row>
    <row r="6418" spans="2:14" x14ac:dyDescent="0.25">
      <c r="B6418">
        <f t="shared" si="712"/>
        <v>7</v>
      </c>
      <c r="C6418" s="16">
        <v>6384</v>
      </c>
      <c r="D6418" cm="1">
        <f t="array" ref="D6418">IFERROR(INDEX(Jesper!AH$2:AH$366,ROUNDDOWN($C6418/24,0)+1,1)*INDEX($D$3:$AA$30,INDEX(Jesper!$R$2:$R$366,ROW(INDEX(Jesper!AH$2:AH$366,ROUNDDOWN($C6418/24,0)+1,1))-1)+IF('Standard Profiles'!$G$18=$B$10,7,0)+IF('Standard Profiles'!$G$18=$B$17,14,0)+IF('Standard Profiles'!$G$18=$B$24,21,0),MOD($C6418,24)+1)/SUM(INDEX($D$3:$AA$30,INDEX(Jesper!$R$2:$R$366,ROW(INDEX(Jesper!AH$2:AH$366,ROUNDDOWN($C6418/24,0)+1,1))-1)+IF('Standard Profiles'!$G$18=$B$10,7,0)+IF('Standard Profiles'!$G$18=$B$17,14,0)+IF('Standard Profiles'!$G$18=$B$24,21,0),0)),0)</f>
        <v>0</v>
      </c>
      <c r="E6418" cm="1">
        <f t="array" ref="E6418">IFERROR(INDEX(Jesper!AI$2:AI$366,ROUNDDOWN($C6418/24,0)+1,1)*INDEX($D$3:$AA$30,INDEX(Jesper!$R$2:$R$366,ROW(INDEX(Jesper!AI$2:AI$366,ROUNDDOWN($C6418/24,0)+1,1))-1)+IF('Standard Profiles'!$G$19=$B$10,7,0)+IF('Standard Profiles'!$G$19=$B$17,14,0)+IF('Standard Profiles'!$G$19=$B$24,21,0),MOD($C6418,24)+1)/SUM(INDEX($D$3:$AA$30,INDEX(Jesper!$R$2:$R$366,ROW(INDEX(Jesper!AI$2:AI$366,ROUNDDOWN($C6418/24,0)+1,1))-1)+IF('Standard Profiles'!$G$19=$B$10,7,0)+IF('Standard Profiles'!$G$19=$B$17,14,0)+IF('Standard Profiles'!$G$19=$B$24,21,0),0)),0)</f>
        <v>2.8526667808014734</v>
      </c>
      <c r="F6418" cm="1">
        <f t="array" ref="F6418">IFERROR(INDEX(Jesper!AJ$2:AJ$366,ROUNDDOWN($C6418/24,0)+1,1)*INDEX($D$3:$AA$30,INDEX(Jesper!$R$2:$R$366,ROW(INDEX(Jesper!AJ$2:AJ$366,ROUNDDOWN($C6418/24,0)+1,1))-1)+IF('Standard Profiles'!$G$20=$B$10,7,0)+IF('Standard Profiles'!$G$20=$B$17,14,0)+IF('Standard Profiles'!$G$20=$B$24,21,0),MOD($C6418,24)+1)/SUM(INDEX($D$3:$AA$30,INDEX(Jesper!$R$2:$R$366,ROW(INDEX(Jesper!AJ$2:AJ$366,ROUNDDOWN($C6418/24,0)+1,1))-1)+IF('Standard Profiles'!$G$20=$B$10,7,0)+IF('Standard Profiles'!$G$20=$B$17,14,0)+IF('Standard Profiles'!$G$20=$B$24,21,0),0)),0)</f>
        <v>1.5232699900800839</v>
      </c>
      <c r="G6418" cm="1">
        <f t="array" ref="G6418">IFERROR(INDEX(Jesper!AK$2:AK$366,ROUNDDOWN($C6418/24,0)+1,1)*INDEX($D$3:$AA$30,INDEX(Jesper!$R$2:$R$366,ROW(INDEX(Jesper!AK$2:AK$366,ROUNDDOWN($C6418/24,0)+1,1))-1)+IF('Standard Profiles'!$G$21=$B$10,7,0)+IF('Standard Profiles'!$G$21=$B$17,14,0)+IF('Standard Profiles'!$G$21=$B$24,21,0),MOD($C6418,24)+1)/SUM(INDEX($D$3:$AA$30,INDEX(Jesper!$R$2:$R$366,ROW(INDEX(Jesper!AK$2:AK$366,ROUNDDOWN($C6418/24,0)+1,1))-1)+IF('Standard Profiles'!$G$21=$B$10,7,0)+IF('Standard Profiles'!$G$21=$B$17,14,0)+IF('Standard Profiles'!$G$21=$B$24,21,0),0)),0)</f>
        <v>1.0236697092271712</v>
      </c>
      <c r="H6418" cm="1">
        <f t="array" ref="H6418">IFERROR(INDEX(Jesper!AL$2:AL$366,ROUNDDOWN($C6418/24,0)+1,1)*INDEX($D$3:$AA$30,INDEX(Jesper!$R$2:$R$366,ROW(INDEX(Jesper!AL$2:AL$366,ROUNDDOWN($C6418/24,0)+1,1))-1)+IF('Standard Profiles'!$G$22=$B$10,7,0)+IF('Standard Profiles'!$G$22=$B$17,14,0)+IF('Standard Profiles'!$G$22=$B$24,21,0),MOD($C6418,24)+1)/SUM(INDEX($D$3:$AA$30,INDEX(Jesper!$R$2:$R$366,ROW(INDEX(Jesper!AL$2:AL$366,ROUNDDOWN($C6418/24,0)+1,1))-1)+IF('Standard Profiles'!$G$22=$B$10,7,0)+IF('Standard Profiles'!$G$22=$B$17,14,0)+IF('Standard Profiles'!$G$22=$B$24,21,0),0)),0)</f>
        <v>0.39805984002521427</v>
      </c>
      <c r="I6418">
        <f t="shared" si="713"/>
        <v>0.38213744642420588</v>
      </c>
      <c r="J6418">
        <f t="shared" si="714"/>
        <v>5.0732088600135601</v>
      </c>
      <c r="K6418">
        <f t="shared" si="715"/>
        <v>0.22821334246411787</v>
      </c>
      <c r="L6418">
        <f t="shared" si="716"/>
        <v>0.11410667123205893</v>
      </c>
      <c r="M6418">
        <f t="shared" si="717"/>
        <v>0</v>
      </c>
      <c r="N6418" s="45">
        <f t="shared" si="718"/>
        <v>45192.999999984517</v>
      </c>
    </row>
    <row r="6419" spans="2:14" x14ac:dyDescent="0.25">
      <c r="B6419">
        <f t="shared" si="712"/>
        <v>7</v>
      </c>
      <c r="C6419" s="16">
        <v>6385</v>
      </c>
      <c r="D6419" cm="1">
        <f t="array" ref="D6419">IFERROR(INDEX(Jesper!AH$2:AH$366,ROUNDDOWN($C6419/24,0)+1,1)*INDEX($D$3:$AA$30,INDEX(Jesper!$R$2:$R$366,ROW(INDEX(Jesper!AH$2:AH$366,ROUNDDOWN($C6419/24,0)+1,1))-1)+IF('Standard Profiles'!$G$18=$B$10,7,0)+IF('Standard Profiles'!$G$18=$B$17,14,0)+IF('Standard Profiles'!$G$18=$B$24,21,0),MOD($C6419,24)+1)/SUM(INDEX($D$3:$AA$30,INDEX(Jesper!$R$2:$R$366,ROW(INDEX(Jesper!AH$2:AH$366,ROUNDDOWN($C6419/24,0)+1,1))-1)+IF('Standard Profiles'!$G$18=$B$10,7,0)+IF('Standard Profiles'!$G$18=$B$17,14,0)+IF('Standard Profiles'!$G$18=$B$24,21,0),0)),0)</f>
        <v>0</v>
      </c>
      <c r="E6419" cm="1">
        <f t="array" ref="E6419">IFERROR(INDEX(Jesper!AI$2:AI$366,ROUNDDOWN($C6419/24,0)+1,1)*INDEX($D$3:$AA$30,INDEX(Jesper!$R$2:$R$366,ROW(INDEX(Jesper!AI$2:AI$366,ROUNDDOWN($C6419/24,0)+1,1))-1)+IF('Standard Profiles'!$G$19=$B$10,7,0)+IF('Standard Profiles'!$G$19=$B$17,14,0)+IF('Standard Profiles'!$G$19=$B$24,21,0),MOD($C6419,24)+1)/SUM(INDEX($D$3:$AA$30,INDEX(Jesper!$R$2:$R$366,ROW(INDEX(Jesper!AI$2:AI$366,ROUNDDOWN($C6419/24,0)+1,1))-1)+IF('Standard Profiles'!$G$19=$B$10,7,0)+IF('Standard Profiles'!$G$19=$B$17,14,0)+IF('Standard Profiles'!$G$19=$B$24,21,0),0)),0)</f>
        <v>2.8526667808014734</v>
      </c>
      <c r="F6419" cm="1">
        <f t="array" ref="F6419">IFERROR(INDEX(Jesper!AJ$2:AJ$366,ROUNDDOWN($C6419/24,0)+1,1)*INDEX($D$3:$AA$30,INDEX(Jesper!$R$2:$R$366,ROW(INDEX(Jesper!AJ$2:AJ$366,ROUNDDOWN($C6419/24,0)+1,1))-1)+IF('Standard Profiles'!$G$20=$B$10,7,0)+IF('Standard Profiles'!$G$20=$B$17,14,0)+IF('Standard Profiles'!$G$20=$B$24,21,0),MOD($C6419,24)+1)/SUM(INDEX($D$3:$AA$30,INDEX(Jesper!$R$2:$R$366,ROW(INDEX(Jesper!AJ$2:AJ$366,ROUNDDOWN($C6419/24,0)+1,1))-1)+IF('Standard Profiles'!$G$20=$B$10,7,0)+IF('Standard Profiles'!$G$20=$B$17,14,0)+IF('Standard Profiles'!$G$20=$B$24,21,0),0)),0)</f>
        <v>1.5232699900800839</v>
      </c>
      <c r="G6419" cm="1">
        <f t="array" ref="G6419">IFERROR(INDEX(Jesper!AK$2:AK$366,ROUNDDOWN($C6419/24,0)+1,1)*INDEX($D$3:$AA$30,INDEX(Jesper!$R$2:$R$366,ROW(INDEX(Jesper!AK$2:AK$366,ROUNDDOWN($C6419/24,0)+1,1))-1)+IF('Standard Profiles'!$G$21=$B$10,7,0)+IF('Standard Profiles'!$G$21=$B$17,14,0)+IF('Standard Profiles'!$G$21=$B$24,21,0),MOD($C6419,24)+1)/SUM(INDEX($D$3:$AA$30,INDEX(Jesper!$R$2:$R$366,ROW(INDEX(Jesper!AK$2:AK$366,ROUNDDOWN($C6419/24,0)+1,1))-1)+IF('Standard Profiles'!$G$21=$B$10,7,0)+IF('Standard Profiles'!$G$21=$B$17,14,0)+IF('Standard Profiles'!$G$21=$B$24,21,0),0)),0)</f>
        <v>1.0236697092271712</v>
      </c>
      <c r="H6419" cm="1">
        <f t="array" ref="H6419">IFERROR(INDEX(Jesper!AL$2:AL$366,ROUNDDOWN($C6419/24,0)+1,1)*INDEX($D$3:$AA$30,INDEX(Jesper!$R$2:$R$366,ROW(INDEX(Jesper!AL$2:AL$366,ROUNDDOWN($C6419/24,0)+1,1))-1)+IF('Standard Profiles'!$G$22=$B$10,7,0)+IF('Standard Profiles'!$G$22=$B$17,14,0)+IF('Standard Profiles'!$G$22=$B$24,21,0),MOD($C6419,24)+1)/SUM(INDEX($D$3:$AA$30,INDEX(Jesper!$R$2:$R$366,ROW(INDEX(Jesper!AL$2:AL$366,ROUNDDOWN($C6419/24,0)+1,1))-1)+IF('Standard Profiles'!$G$22=$B$10,7,0)+IF('Standard Profiles'!$G$22=$B$17,14,0)+IF('Standard Profiles'!$G$22=$B$24,21,0),0)),0)</f>
        <v>0.46226304002928109</v>
      </c>
      <c r="I6419">
        <f t="shared" si="713"/>
        <v>0.44377251842811011</v>
      </c>
      <c r="J6419">
        <f t="shared" si="714"/>
        <v>5.0757769880137227</v>
      </c>
      <c r="K6419">
        <f t="shared" si="715"/>
        <v>0.22821334246411787</v>
      </c>
      <c r="L6419">
        <f t="shared" si="716"/>
        <v>0.11410667123205893</v>
      </c>
      <c r="M6419">
        <f t="shared" si="717"/>
        <v>0</v>
      </c>
      <c r="N6419" s="45">
        <f t="shared" si="718"/>
        <v>45193.041666651181</v>
      </c>
    </row>
    <row r="6420" spans="2:14" x14ac:dyDescent="0.25">
      <c r="B6420">
        <f t="shared" si="712"/>
        <v>7</v>
      </c>
      <c r="C6420" s="16">
        <v>6386</v>
      </c>
      <c r="D6420" cm="1">
        <f t="array" ref="D6420">IFERROR(INDEX(Jesper!AH$2:AH$366,ROUNDDOWN($C6420/24,0)+1,1)*INDEX($D$3:$AA$30,INDEX(Jesper!$R$2:$R$366,ROW(INDEX(Jesper!AH$2:AH$366,ROUNDDOWN($C6420/24,0)+1,1))-1)+IF('Standard Profiles'!$G$18=$B$10,7,0)+IF('Standard Profiles'!$G$18=$B$17,14,0)+IF('Standard Profiles'!$G$18=$B$24,21,0),MOD($C6420,24)+1)/SUM(INDEX($D$3:$AA$30,INDEX(Jesper!$R$2:$R$366,ROW(INDEX(Jesper!AH$2:AH$366,ROUNDDOWN($C6420/24,0)+1,1))-1)+IF('Standard Profiles'!$G$18=$B$10,7,0)+IF('Standard Profiles'!$G$18=$B$17,14,0)+IF('Standard Profiles'!$G$18=$B$24,21,0),0)),0)</f>
        <v>0</v>
      </c>
      <c r="E6420" cm="1">
        <f t="array" ref="E6420">IFERROR(INDEX(Jesper!AI$2:AI$366,ROUNDDOWN($C6420/24,0)+1,1)*INDEX($D$3:$AA$30,INDEX(Jesper!$R$2:$R$366,ROW(INDEX(Jesper!AI$2:AI$366,ROUNDDOWN($C6420/24,0)+1,1))-1)+IF('Standard Profiles'!$G$19=$B$10,7,0)+IF('Standard Profiles'!$G$19=$B$17,14,0)+IF('Standard Profiles'!$G$19=$B$24,21,0),MOD($C6420,24)+1)/SUM(INDEX($D$3:$AA$30,INDEX(Jesper!$R$2:$R$366,ROW(INDEX(Jesper!AI$2:AI$366,ROUNDDOWN($C6420/24,0)+1,1))-1)+IF('Standard Profiles'!$G$19=$B$10,7,0)+IF('Standard Profiles'!$G$19=$B$17,14,0)+IF('Standard Profiles'!$G$19=$B$24,21,0),0)),0)</f>
        <v>2.8526667808014734</v>
      </c>
      <c r="F6420" cm="1">
        <f t="array" ref="F6420">IFERROR(INDEX(Jesper!AJ$2:AJ$366,ROUNDDOWN($C6420/24,0)+1,1)*INDEX($D$3:$AA$30,INDEX(Jesper!$R$2:$R$366,ROW(INDEX(Jesper!AJ$2:AJ$366,ROUNDDOWN($C6420/24,0)+1,1))-1)+IF('Standard Profiles'!$G$20=$B$10,7,0)+IF('Standard Profiles'!$G$20=$B$17,14,0)+IF('Standard Profiles'!$G$20=$B$24,21,0),MOD($C6420,24)+1)/SUM(INDEX($D$3:$AA$30,INDEX(Jesper!$R$2:$R$366,ROW(INDEX(Jesper!AJ$2:AJ$366,ROUNDDOWN($C6420/24,0)+1,1))-1)+IF('Standard Profiles'!$G$20=$B$10,7,0)+IF('Standard Profiles'!$G$20=$B$17,14,0)+IF('Standard Profiles'!$G$20=$B$24,21,0),0)),0)</f>
        <v>1.5232699900800839</v>
      </c>
      <c r="G6420" cm="1">
        <f t="array" ref="G6420">IFERROR(INDEX(Jesper!AK$2:AK$366,ROUNDDOWN($C6420/24,0)+1,1)*INDEX($D$3:$AA$30,INDEX(Jesper!$R$2:$R$366,ROW(INDEX(Jesper!AK$2:AK$366,ROUNDDOWN($C6420/24,0)+1,1))-1)+IF('Standard Profiles'!$G$21=$B$10,7,0)+IF('Standard Profiles'!$G$21=$B$17,14,0)+IF('Standard Profiles'!$G$21=$B$24,21,0),MOD($C6420,24)+1)/SUM(INDEX($D$3:$AA$30,INDEX(Jesper!$R$2:$R$366,ROW(INDEX(Jesper!AK$2:AK$366,ROUNDDOWN($C6420/24,0)+1,1))-1)+IF('Standard Profiles'!$G$21=$B$10,7,0)+IF('Standard Profiles'!$G$21=$B$17,14,0)+IF('Standard Profiles'!$G$21=$B$24,21,0),0)),0)</f>
        <v>1.0236697092271712</v>
      </c>
      <c r="H6420" cm="1">
        <f t="array" ref="H6420">IFERROR(INDEX(Jesper!AL$2:AL$366,ROUNDDOWN($C6420/24,0)+1,1)*INDEX($D$3:$AA$30,INDEX(Jesper!$R$2:$R$366,ROW(INDEX(Jesper!AL$2:AL$366,ROUNDDOWN($C6420/24,0)+1,1))-1)+IF('Standard Profiles'!$G$22=$B$10,7,0)+IF('Standard Profiles'!$G$22=$B$17,14,0)+IF('Standard Profiles'!$G$22=$B$24,21,0),MOD($C6420,24)+1)/SUM(INDEX($D$3:$AA$30,INDEX(Jesper!$R$2:$R$366,ROW(INDEX(Jesper!AL$2:AL$366,ROUNDDOWN($C6420/24,0)+1,1))-1)+IF('Standard Profiles'!$G$22=$B$10,7,0)+IF('Standard Profiles'!$G$22=$B$17,14,0)+IF('Standard Profiles'!$G$22=$B$24,21,0),0)),0)</f>
        <v>0.46226304002928109</v>
      </c>
      <c r="I6420">
        <f t="shared" si="713"/>
        <v>0.44377251842811011</v>
      </c>
      <c r="J6420">
        <f t="shared" si="714"/>
        <v>5.0757769880137227</v>
      </c>
      <c r="K6420">
        <f t="shared" si="715"/>
        <v>0.22821334246411787</v>
      </c>
      <c r="L6420">
        <f t="shared" si="716"/>
        <v>0.11410667123205893</v>
      </c>
      <c r="M6420">
        <f t="shared" si="717"/>
        <v>0</v>
      </c>
      <c r="N6420" s="45">
        <f t="shared" si="718"/>
        <v>45193.083333317845</v>
      </c>
    </row>
    <row r="6421" spans="2:14" x14ac:dyDescent="0.25">
      <c r="B6421">
        <f t="shared" si="712"/>
        <v>7</v>
      </c>
      <c r="C6421" s="16">
        <v>6387</v>
      </c>
      <c r="D6421" cm="1">
        <f t="array" ref="D6421">IFERROR(INDEX(Jesper!AH$2:AH$366,ROUNDDOWN($C6421/24,0)+1,1)*INDEX($D$3:$AA$30,INDEX(Jesper!$R$2:$R$366,ROW(INDEX(Jesper!AH$2:AH$366,ROUNDDOWN($C6421/24,0)+1,1))-1)+IF('Standard Profiles'!$G$18=$B$10,7,0)+IF('Standard Profiles'!$G$18=$B$17,14,0)+IF('Standard Profiles'!$G$18=$B$24,21,0),MOD($C6421,24)+1)/SUM(INDEX($D$3:$AA$30,INDEX(Jesper!$R$2:$R$366,ROW(INDEX(Jesper!AH$2:AH$366,ROUNDDOWN($C6421/24,0)+1,1))-1)+IF('Standard Profiles'!$G$18=$B$10,7,0)+IF('Standard Profiles'!$G$18=$B$17,14,0)+IF('Standard Profiles'!$G$18=$B$24,21,0),0)),0)</f>
        <v>0</v>
      </c>
      <c r="E6421" cm="1">
        <f t="array" ref="E6421">IFERROR(INDEX(Jesper!AI$2:AI$366,ROUNDDOWN($C6421/24,0)+1,1)*INDEX($D$3:$AA$30,INDEX(Jesper!$R$2:$R$366,ROW(INDEX(Jesper!AI$2:AI$366,ROUNDDOWN($C6421/24,0)+1,1))-1)+IF('Standard Profiles'!$G$19=$B$10,7,0)+IF('Standard Profiles'!$G$19=$B$17,14,0)+IF('Standard Profiles'!$G$19=$B$24,21,0),MOD($C6421,24)+1)/SUM(INDEX($D$3:$AA$30,INDEX(Jesper!$R$2:$R$366,ROW(INDEX(Jesper!AI$2:AI$366,ROUNDDOWN($C6421/24,0)+1,1))-1)+IF('Standard Profiles'!$G$19=$B$10,7,0)+IF('Standard Profiles'!$G$19=$B$17,14,0)+IF('Standard Profiles'!$G$19=$B$24,21,0),0)),0)</f>
        <v>2.8526667808014734</v>
      </c>
      <c r="F6421" cm="1">
        <f t="array" ref="F6421">IFERROR(INDEX(Jesper!AJ$2:AJ$366,ROUNDDOWN($C6421/24,0)+1,1)*INDEX($D$3:$AA$30,INDEX(Jesper!$R$2:$R$366,ROW(INDEX(Jesper!AJ$2:AJ$366,ROUNDDOWN($C6421/24,0)+1,1))-1)+IF('Standard Profiles'!$G$20=$B$10,7,0)+IF('Standard Profiles'!$G$20=$B$17,14,0)+IF('Standard Profiles'!$G$20=$B$24,21,0),MOD($C6421,24)+1)/SUM(INDEX($D$3:$AA$30,INDEX(Jesper!$R$2:$R$366,ROW(INDEX(Jesper!AJ$2:AJ$366,ROUNDDOWN($C6421/24,0)+1,1))-1)+IF('Standard Profiles'!$G$20=$B$10,7,0)+IF('Standard Profiles'!$G$20=$B$17,14,0)+IF('Standard Profiles'!$G$20=$B$24,21,0),0)),0)</f>
        <v>1.5232699900800839</v>
      </c>
      <c r="G6421" cm="1">
        <f t="array" ref="G6421">IFERROR(INDEX(Jesper!AK$2:AK$366,ROUNDDOWN($C6421/24,0)+1,1)*INDEX($D$3:$AA$30,INDEX(Jesper!$R$2:$R$366,ROW(INDEX(Jesper!AK$2:AK$366,ROUNDDOWN($C6421/24,0)+1,1))-1)+IF('Standard Profiles'!$G$21=$B$10,7,0)+IF('Standard Profiles'!$G$21=$B$17,14,0)+IF('Standard Profiles'!$G$21=$B$24,21,0),MOD($C6421,24)+1)/SUM(INDEX($D$3:$AA$30,INDEX(Jesper!$R$2:$R$366,ROW(INDEX(Jesper!AK$2:AK$366,ROUNDDOWN($C6421/24,0)+1,1))-1)+IF('Standard Profiles'!$G$21=$B$10,7,0)+IF('Standard Profiles'!$G$21=$B$17,14,0)+IF('Standard Profiles'!$G$21=$B$24,21,0),0)),0)</f>
        <v>1.0236697092271712</v>
      </c>
      <c r="H6421" cm="1">
        <f t="array" ref="H6421">IFERROR(INDEX(Jesper!AL$2:AL$366,ROUNDDOWN($C6421/24,0)+1,1)*INDEX($D$3:$AA$30,INDEX(Jesper!$R$2:$R$366,ROW(INDEX(Jesper!AL$2:AL$366,ROUNDDOWN($C6421/24,0)+1,1))-1)+IF('Standard Profiles'!$G$22=$B$10,7,0)+IF('Standard Profiles'!$G$22=$B$17,14,0)+IF('Standard Profiles'!$G$22=$B$24,21,0),MOD($C6421,24)+1)/SUM(INDEX($D$3:$AA$30,INDEX(Jesper!$R$2:$R$366,ROW(INDEX(Jesper!AL$2:AL$366,ROUNDDOWN($C6421/24,0)+1,1))-1)+IF('Standard Profiles'!$G$22=$B$10,7,0)+IF('Standard Profiles'!$G$22=$B$17,14,0)+IF('Standard Profiles'!$G$22=$B$24,21,0),0)),0)</f>
        <v>0.46226304002928109</v>
      </c>
      <c r="I6421">
        <f t="shared" si="713"/>
        <v>0.44377251842811011</v>
      </c>
      <c r="J6421">
        <f t="shared" si="714"/>
        <v>5.0757769880137227</v>
      </c>
      <c r="K6421">
        <f t="shared" si="715"/>
        <v>0.22821334246411787</v>
      </c>
      <c r="L6421">
        <f t="shared" si="716"/>
        <v>0.11410667123205893</v>
      </c>
      <c r="M6421">
        <f t="shared" si="717"/>
        <v>0</v>
      </c>
      <c r="N6421" s="45">
        <f t="shared" si="718"/>
        <v>45193.124999984509</v>
      </c>
    </row>
    <row r="6422" spans="2:14" x14ac:dyDescent="0.25">
      <c r="B6422">
        <f t="shared" si="712"/>
        <v>7</v>
      </c>
      <c r="C6422" s="16">
        <v>6388</v>
      </c>
      <c r="D6422" cm="1">
        <f t="array" ref="D6422">IFERROR(INDEX(Jesper!AH$2:AH$366,ROUNDDOWN($C6422/24,0)+1,1)*INDEX($D$3:$AA$30,INDEX(Jesper!$R$2:$R$366,ROW(INDEX(Jesper!AH$2:AH$366,ROUNDDOWN($C6422/24,0)+1,1))-1)+IF('Standard Profiles'!$G$18=$B$10,7,0)+IF('Standard Profiles'!$G$18=$B$17,14,0)+IF('Standard Profiles'!$G$18=$B$24,21,0),MOD($C6422,24)+1)/SUM(INDEX($D$3:$AA$30,INDEX(Jesper!$R$2:$R$366,ROW(INDEX(Jesper!AH$2:AH$366,ROUNDDOWN($C6422/24,0)+1,1))-1)+IF('Standard Profiles'!$G$18=$B$10,7,0)+IF('Standard Profiles'!$G$18=$B$17,14,0)+IF('Standard Profiles'!$G$18=$B$24,21,0),0)),0)</f>
        <v>0</v>
      </c>
      <c r="E6422" cm="1">
        <f t="array" ref="E6422">IFERROR(INDEX(Jesper!AI$2:AI$366,ROUNDDOWN($C6422/24,0)+1,1)*INDEX($D$3:$AA$30,INDEX(Jesper!$R$2:$R$366,ROW(INDEX(Jesper!AI$2:AI$366,ROUNDDOWN($C6422/24,0)+1,1))-1)+IF('Standard Profiles'!$G$19=$B$10,7,0)+IF('Standard Profiles'!$G$19=$B$17,14,0)+IF('Standard Profiles'!$G$19=$B$24,21,0),MOD($C6422,24)+1)/SUM(INDEX($D$3:$AA$30,INDEX(Jesper!$R$2:$R$366,ROW(INDEX(Jesper!AI$2:AI$366,ROUNDDOWN($C6422/24,0)+1,1))-1)+IF('Standard Profiles'!$G$19=$B$10,7,0)+IF('Standard Profiles'!$G$19=$B$17,14,0)+IF('Standard Profiles'!$G$19=$B$24,21,0),0)),0)</f>
        <v>2.8526667808014734</v>
      </c>
      <c r="F6422" cm="1">
        <f t="array" ref="F6422">IFERROR(INDEX(Jesper!AJ$2:AJ$366,ROUNDDOWN($C6422/24,0)+1,1)*INDEX($D$3:$AA$30,INDEX(Jesper!$R$2:$R$366,ROW(INDEX(Jesper!AJ$2:AJ$366,ROUNDDOWN($C6422/24,0)+1,1))-1)+IF('Standard Profiles'!$G$20=$B$10,7,0)+IF('Standard Profiles'!$G$20=$B$17,14,0)+IF('Standard Profiles'!$G$20=$B$24,21,0),MOD($C6422,24)+1)/SUM(INDEX($D$3:$AA$30,INDEX(Jesper!$R$2:$R$366,ROW(INDEX(Jesper!AJ$2:AJ$366,ROUNDDOWN($C6422/24,0)+1,1))-1)+IF('Standard Profiles'!$G$20=$B$10,7,0)+IF('Standard Profiles'!$G$20=$B$17,14,0)+IF('Standard Profiles'!$G$20=$B$24,21,0),0)),0)</f>
        <v>1.5232699900800839</v>
      </c>
      <c r="G6422" cm="1">
        <f t="array" ref="G6422">IFERROR(INDEX(Jesper!AK$2:AK$366,ROUNDDOWN($C6422/24,0)+1,1)*INDEX($D$3:$AA$30,INDEX(Jesper!$R$2:$R$366,ROW(INDEX(Jesper!AK$2:AK$366,ROUNDDOWN($C6422/24,0)+1,1))-1)+IF('Standard Profiles'!$G$21=$B$10,7,0)+IF('Standard Profiles'!$G$21=$B$17,14,0)+IF('Standard Profiles'!$G$21=$B$24,21,0),MOD($C6422,24)+1)/SUM(INDEX($D$3:$AA$30,INDEX(Jesper!$R$2:$R$366,ROW(INDEX(Jesper!AK$2:AK$366,ROUNDDOWN($C6422/24,0)+1,1))-1)+IF('Standard Profiles'!$G$21=$B$10,7,0)+IF('Standard Profiles'!$G$21=$B$17,14,0)+IF('Standard Profiles'!$G$21=$B$24,21,0),0)),0)</f>
        <v>1.0236697092271712</v>
      </c>
      <c r="H6422" cm="1">
        <f t="array" ref="H6422">IFERROR(INDEX(Jesper!AL$2:AL$366,ROUNDDOWN($C6422/24,0)+1,1)*INDEX($D$3:$AA$30,INDEX(Jesper!$R$2:$R$366,ROW(INDEX(Jesper!AL$2:AL$366,ROUNDDOWN($C6422/24,0)+1,1))-1)+IF('Standard Profiles'!$G$22=$B$10,7,0)+IF('Standard Profiles'!$G$22=$B$17,14,0)+IF('Standard Profiles'!$G$22=$B$24,21,0),MOD($C6422,24)+1)/SUM(INDEX($D$3:$AA$30,INDEX(Jesper!$R$2:$R$366,ROW(INDEX(Jesper!AL$2:AL$366,ROUNDDOWN($C6422/24,0)+1,1))-1)+IF('Standard Profiles'!$G$22=$B$10,7,0)+IF('Standard Profiles'!$G$22=$B$17,14,0)+IF('Standard Profiles'!$G$22=$B$24,21,0),0)),0)</f>
        <v>0.46226304002928109</v>
      </c>
      <c r="I6422">
        <f t="shared" si="713"/>
        <v>0.44377251842811011</v>
      </c>
      <c r="J6422">
        <f t="shared" si="714"/>
        <v>5.0757769880137227</v>
      </c>
      <c r="K6422">
        <f t="shared" si="715"/>
        <v>0.22821334246411787</v>
      </c>
      <c r="L6422">
        <f t="shared" si="716"/>
        <v>0.11410667123205893</v>
      </c>
      <c r="M6422">
        <f t="shared" si="717"/>
        <v>0</v>
      </c>
      <c r="N6422" s="45">
        <f t="shared" si="718"/>
        <v>45193.166666651174</v>
      </c>
    </row>
    <row r="6423" spans="2:14" x14ac:dyDescent="0.25">
      <c r="B6423">
        <f t="shared" si="712"/>
        <v>7</v>
      </c>
      <c r="C6423" s="16">
        <v>6389</v>
      </c>
      <c r="D6423" cm="1">
        <f t="array" ref="D6423">IFERROR(INDEX(Jesper!AH$2:AH$366,ROUNDDOWN($C6423/24,0)+1,1)*INDEX($D$3:$AA$30,INDEX(Jesper!$R$2:$R$366,ROW(INDEX(Jesper!AH$2:AH$366,ROUNDDOWN($C6423/24,0)+1,1))-1)+IF('Standard Profiles'!$G$18=$B$10,7,0)+IF('Standard Profiles'!$G$18=$B$17,14,0)+IF('Standard Profiles'!$G$18=$B$24,21,0),MOD($C6423,24)+1)/SUM(INDEX($D$3:$AA$30,INDEX(Jesper!$R$2:$R$366,ROW(INDEX(Jesper!AH$2:AH$366,ROUNDDOWN($C6423/24,0)+1,1))-1)+IF('Standard Profiles'!$G$18=$B$10,7,0)+IF('Standard Profiles'!$G$18=$B$17,14,0)+IF('Standard Profiles'!$G$18=$B$24,21,0),0)),0)</f>
        <v>0</v>
      </c>
      <c r="E6423" cm="1">
        <f t="array" ref="E6423">IFERROR(INDEX(Jesper!AI$2:AI$366,ROUNDDOWN($C6423/24,0)+1,1)*INDEX($D$3:$AA$30,INDEX(Jesper!$R$2:$R$366,ROW(INDEX(Jesper!AI$2:AI$366,ROUNDDOWN($C6423/24,0)+1,1))-1)+IF('Standard Profiles'!$G$19=$B$10,7,0)+IF('Standard Profiles'!$G$19=$B$17,14,0)+IF('Standard Profiles'!$G$19=$B$24,21,0),MOD($C6423,24)+1)/SUM(INDEX($D$3:$AA$30,INDEX(Jesper!$R$2:$R$366,ROW(INDEX(Jesper!AI$2:AI$366,ROUNDDOWN($C6423/24,0)+1,1))-1)+IF('Standard Profiles'!$G$19=$B$10,7,0)+IF('Standard Profiles'!$G$19=$B$17,14,0)+IF('Standard Profiles'!$G$19=$B$24,21,0),0)),0)</f>
        <v>2.8526667808014734</v>
      </c>
      <c r="F6423" cm="1">
        <f t="array" ref="F6423">IFERROR(INDEX(Jesper!AJ$2:AJ$366,ROUNDDOWN($C6423/24,0)+1,1)*INDEX($D$3:$AA$30,INDEX(Jesper!$R$2:$R$366,ROW(INDEX(Jesper!AJ$2:AJ$366,ROUNDDOWN($C6423/24,0)+1,1))-1)+IF('Standard Profiles'!$G$20=$B$10,7,0)+IF('Standard Profiles'!$G$20=$B$17,14,0)+IF('Standard Profiles'!$G$20=$B$24,21,0),MOD($C6423,24)+1)/SUM(INDEX($D$3:$AA$30,INDEX(Jesper!$R$2:$R$366,ROW(INDEX(Jesper!AJ$2:AJ$366,ROUNDDOWN($C6423/24,0)+1,1))-1)+IF('Standard Profiles'!$G$20=$B$10,7,0)+IF('Standard Profiles'!$G$20=$B$17,14,0)+IF('Standard Profiles'!$G$20=$B$24,21,0),0)),0)</f>
        <v>1.5232699900800839</v>
      </c>
      <c r="G6423" cm="1">
        <f t="array" ref="G6423">IFERROR(INDEX(Jesper!AK$2:AK$366,ROUNDDOWN($C6423/24,0)+1,1)*INDEX($D$3:$AA$30,INDEX(Jesper!$R$2:$R$366,ROW(INDEX(Jesper!AK$2:AK$366,ROUNDDOWN($C6423/24,0)+1,1))-1)+IF('Standard Profiles'!$G$21=$B$10,7,0)+IF('Standard Profiles'!$G$21=$B$17,14,0)+IF('Standard Profiles'!$G$21=$B$24,21,0),MOD($C6423,24)+1)/SUM(INDEX($D$3:$AA$30,INDEX(Jesper!$R$2:$R$366,ROW(INDEX(Jesper!AK$2:AK$366,ROUNDDOWN($C6423/24,0)+1,1))-1)+IF('Standard Profiles'!$G$21=$B$10,7,0)+IF('Standard Profiles'!$G$21=$B$17,14,0)+IF('Standard Profiles'!$G$21=$B$24,21,0),0)),0)</f>
        <v>1.0236697092271712</v>
      </c>
      <c r="H6423" cm="1">
        <f t="array" ref="H6423">IFERROR(INDEX(Jesper!AL$2:AL$366,ROUNDDOWN($C6423/24,0)+1,1)*INDEX($D$3:$AA$30,INDEX(Jesper!$R$2:$R$366,ROW(INDEX(Jesper!AL$2:AL$366,ROUNDDOWN($C6423/24,0)+1,1))-1)+IF('Standard Profiles'!$G$22=$B$10,7,0)+IF('Standard Profiles'!$G$22=$B$17,14,0)+IF('Standard Profiles'!$G$22=$B$24,21,0),MOD($C6423,24)+1)/SUM(INDEX($D$3:$AA$30,INDEX(Jesper!$R$2:$R$366,ROW(INDEX(Jesper!AL$2:AL$366,ROUNDDOWN($C6423/24,0)+1,1))-1)+IF('Standard Profiles'!$G$22=$B$10,7,0)+IF('Standard Profiles'!$G$22=$B$17,14,0)+IF('Standard Profiles'!$G$22=$B$24,21,0),0)),0)</f>
        <v>0.57782880003660142</v>
      </c>
      <c r="I6423">
        <f t="shared" si="713"/>
        <v>0.55471564803513762</v>
      </c>
      <c r="J6423">
        <f t="shared" si="714"/>
        <v>5.080399618414015</v>
      </c>
      <c r="K6423">
        <f t="shared" si="715"/>
        <v>0.22821334246411787</v>
      </c>
      <c r="L6423">
        <f t="shared" si="716"/>
        <v>0.11410667123205893</v>
      </c>
      <c r="M6423">
        <f t="shared" si="717"/>
        <v>0</v>
      </c>
      <c r="N6423" s="45">
        <f t="shared" si="718"/>
        <v>45193.208333317838</v>
      </c>
    </row>
    <row r="6424" spans="2:14" x14ac:dyDescent="0.25">
      <c r="B6424">
        <f t="shared" si="712"/>
        <v>7</v>
      </c>
      <c r="C6424" s="16">
        <v>6390</v>
      </c>
      <c r="D6424" cm="1">
        <f t="array" ref="D6424">IFERROR(INDEX(Jesper!AH$2:AH$366,ROUNDDOWN($C6424/24,0)+1,1)*INDEX($D$3:$AA$30,INDEX(Jesper!$R$2:$R$366,ROW(INDEX(Jesper!AH$2:AH$366,ROUNDDOWN($C6424/24,0)+1,1))-1)+IF('Standard Profiles'!$G$18=$B$10,7,0)+IF('Standard Profiles'!$G$18=$B$17,14,0)+IF('Standard Profiles'!$G$18=$B$24,21,0),MOD($C6424,24)+1)/SUM(INDEX($D$3:$AA$30,INDEX(Jesper!$R$2:$R$366,ROW(INDEX(Jesper!AH$2:AH$366,ROUNDDOWN($C6424/24,0)+1,1))-1)+IF('Standard Profiles'!$G$18=$B$10,7,0)+IF('Standard Profiles'!$G$18=$B$17,14,0)+IF('Standard Profiles'!$G$18=$B$24,21,0),0)),0)</f>
        <v>0</v>
      </c>
      <c r="E6424" cm="1">
        <f t="array" ref="E6424">IFERROR(INDEX(Jesper!AI$2:AI$366,ROUNDDOWN($C6424/24,0)+1,1)*INDEX($D$3:$AA$30,INDEX(Jesper!$R$2:$R$366,ROW(INDEX(Jesper!AI$2:AI$366,ROUNDDOWN($C6424/24,0)+1,1))-1)+IF('Standard Profiles'!$G$19=$B$10,7,0)+IF('Standard Profiles'!$G$19=$B$17,14,0)+IF('Standard Profiles'!$G$19=$B$24,21,0),MOD($C6424,24)+1)/SUM(INDEX($D$3:$AA$30,INDEX(Jesper!$R$2:$R$366,ROW(INDEX(Jesper!AI$2:AI$366,ROUNDDOWN($C6424/24,0)+1,1))-1)+IF('Standard Profiles'!$G$19=$B$10,7,0)+IF('Standard Profiles'!$G$19=$B$17,14,0)+IF('Standard Profiles'!$G$19=$B$24,21,0),0)),0)</f>
        <v>2.8526667808014734</v>
      </c>
      <c r="F6424" cm="1">
        <f t="array" ref="F6424">IFERROR(INDEX(Jesper!AJ$2:AJ$366,ROUNDDOWN($C6424/24,0)+1,1)*INDEX($D$3:$AA$30,INDEX(Jesper!$R$2:$R$366,ROW(INDEX(Jesper!AJ$2:AJ$366,ROUNDDOWN($C6424/24,0)+1,1))-1)+IF('Standard Profiles'!$G$20=$B$10,7,0)+IF('Standard Profiles'!$G$20=$B$17,14,0)+IF('Standard Profiles'!$G$20=$B$24,21,0),MOD($C6424,24)+1)/SUM(INDEX($D$3:$AA$30,INDEX(Jesper!$R$2:$R$366,ROW(INDEX(Jesper!AJ$2:AJ$366,ROUNDDOWN($C6424/24,0)+1,1))-1)+IF('Standard Profiles'!$G$20=$B$10,7,0)+IF('Standard Profiles'!$G$20=$B$17,14,0)+IF('Standard Profiles'!$G$20=$B$24,21,0),0)),0)</f>
        <v>1.5232699900800839</v>
      </c>
      <c r="G6424" cm="1">
        <f t="array" ref="G6424">IFERROR(INDEX(Jesper!AK$2:AK$366,ROUNDDOWN($C6424/24,0)+1,1)*INDEX($D$3:$AA$30,INDEX(Jesper!$R$2:$R$366,ROW(INDEX(Jesper!AK$2:AK$366,ROUNDDOWN($C6424/24,0)+1,1))-1)+IF('Standard Profiles'!$G$21=$B$10,7,0)+IF('Standard Profiles'!$G$21=$B$17,14,0)+IF('Standard Profiles'!$G$21=$B$24,21,0),MOD($C6424,24)+1)/SUM(INDEX($D$3:$AA$30,INDEX(Jesper!$R$2:$R$366,ROW(INDEX(Jesper!AK$2:AK$366,ROUNDDOWN($C6424/24,0)+1,1))-1)+IF('Standard Profiles'!$G$21=$B$10,7,0)+IF('Standard Profiles'!$G$21=$B$17,14,0)+IF('Standard Profiles'!$G$21=$B$24,21,0),0)),0)</f>
        <v>1.0236697092271712</v>
      </c>
      <c r="H6424" cm="1">
        <f t="array" ref="H6424">IFERROR(INDEX(Jesper!AL$2:AL$366,ROUNDDOWN($C6424/24,0)+1,1)*INDEX($D$3:$AA$30,INDEX(Jesper!$R$2:$R$366,ROW(INDEX(Jesper!AL$2:AL$366,ROUNDDOWN($C6424/24,0)+1,1))-1)+IF('Standard Profiles'!$G$22=$B$10,7,0)+IF('Standard Profiles'!$G$22=$B$17,14,0)+IF('Standard Profiles'!$G$22=$B$24,21,0),MOD($C6424,24)+1)/SUM(INDEX($D$3:$AA$30,INDEX(Jesper!$R$2:$R$366,ROW(INDEX(Jesper!AL$2:AL$366,ROUNDDOWN($C6424/24,0)+1,1))-1)+IF('Standard Profiles'!$G$22=$B$10,7,0)+IF('Standard Profiles'!$G$22=$B$17,14,0)+IF('Standard Profiles'!$G$22=$B$24,21,0),0)),0)</f>
        <v>0.68055392004310833</v>
      </c>
      <c r="I6424">
        <f t="shared" si="713"/>
        <v>0.65333176324138431</v>
      </c>
      <c r="J6424">
        <f t="shared" si="714"/>
        <v>5.0845086232142753</v>
      </c>
      <c r="K6424">
        <f t="shared" si="715"/>
        <v>0.22821334246411787</v>
      </c>
      <c r="L6424">
        <f t="shared" si="716"/>
        <v>0.11410667123205893</v>
      </c>
      <c r="M6424">
        <f t="shared" si="717"/>
        <v>0</v>
      </c>
      <c r="N6424" s="45">
        <f t="shared" si="718"/>
        <v>45193.249999984502</v>
      </c>
    </row>
    <row r="6425" spans="2:14" x14ac:dyDescent="0.25">
      <c r="B6425">
        <f t="shared" si="712"/>
        <v>7</v>
      </c>
      <c r="C6425" s="16">
        <v>6391</v>
      </c>
      <c r="D6425" cm="1">
        <f t="array" ref="D6425">IFERROR(INDEX(Jesper!AH$2:AH$366,ROUNDDOWN($C6425/24,0)+1,1)*INDEX($D$3:$AA$30,INDEX(Jesper!$R$2:$R$366,ROW(INDEX(Jesper!AH$2:AH$366,ROUNDDOWN($C6425/24,0)+1,1))-1)+IF('Standard Profiles'!$G$18=$B$10,7,0)+IF('Standard Profiles'!$G$18=$B$17,14,0)+IF('Standard Profiles'!$G$18=$B$24,21,0),MOD($C6425,24)+1)/SUM(INDEX($D$3:$AA$30,INDEX(Jesper!$R$2:$R$366,ROW(INDEX(Jesper!AH$2:AH$366,ROUNDDOWN($C6425/24,0)+1,1))-1)+IF('Standard Profiles'!$G$18=$B$10,7,0)+IF('Standard Profiles'!$G$18=$B$17,14,0)+IF('Standard Profiles'!$G$18=$B$24,21,0),0)),0)</f>
        <v>0</v>
      </c>
      <c r="E6425" cm="1">
        <f t="array" ref="E6425">IFERROR(INDEX(Jesper!AI$2:AI$366,ROUNDDOWN($C6425/24,0)+1,1)*INDEX($D$3:$AA$30,INDEX(Jesper!$R$2:$R$366,ROW(INDEX(Jesper!AI$2:AI$366,ROUNDDOWN($C6425/24,0)+1,1))-1)+IF('Standard Profiles'!$G$19=$B$10,7,0)+IF('Standard Profiles'!$G$19=$B$17,14,0)+IF('Standard Profiles'!$G$19=$B$24,21,0),MOD($C6425,24)+1)/SUM(INDEX($D$3:$AA$30,INDEX(Jesper!$R$2:$R$366,ROW(INDEX(Jesper!AI$2:AI$366,ROUNDDOWN($C6425/24,0)+1,1))-1)+IF('Standard Profiles'!$G$19=$B$10,7,0)+IF('Standard Profiles'!$G$19=$B$17,14,0)+IF('Standard Profiles'!$G$19=$B$24,21,0),0)),0)</f>
        <v>2.8526667808014734</v>
      </c>
      <c r="F6425" cm="1">
        <f t="array" ref="F6425">IFERROR(INDEX(Jesper!AJ$2:AJ$366,ROUNDDOWN($C6425/24,0)+1,1)*INDEX($D$3:$AA$30,INDEX(Jesper!$R$2:$R$366,ROW(INDEX(Jesper!AJ$2:AJ$366,ROUNDDOWN($C6425/24,0)+1,1))-1)+IF('Standard Profiles'!$G$20=$B$10,7,0)+IF('Standard Profiles'!$G$20=$B$17,14,0)+IF('Standard Profiles'!$G$20=$B$24,21,0),MOD($C6425,24)+1)/SUM(INDEX($D$3:$AA$30,INDEX(Jesper!$R$2:$R$366,ROW(INDEX(Jesper!AJ$2:AJ$366,ROUNDDOWN($C6425/24,0)+1,1))-1)+IF('Standard Profiles'!$G$20=$B$10,7,0)+IF('Standard Profiles'!$G$20=$B$17,14,0)+IF('Standard Profiles'!$G$20=$B$24,21,0),0)),0)</f>
        <v>1.5232699900800839</v>
      </c>
      <c r="G6425" cm="1">
        <f t="array" ref="G6425">IFERROR(INDEX(Jesper!AK$2:AK$366,ROUNDDOWN($C6425/24,0)+1,1)*INDEX($D$3:$AA$30,INDEX(Jesper!$R$2:$R$366,ROW(INDEX(Jesper!AK$2:AK$366,ROUNDDOWN($C6425/24,0)+1,1))-1)+IF('Standard Profiles'!$G$21=$B$10,7,0)+IF('Standard Profiles'!$G$21=$B$17,14,0)+IF('Standard Profiles'!$G$21=$B$24,21,0),MOD($C6425,24)+1)/SUM(INDEX($D$3:$AA$30,INDEX(Jesper!$R$2:$R$366,ROW(INDEX(Jesper!AK$2:AK$366,ROUNDDOWN($C6425/24,0)+1,1))-1)+IF('Standard Profiles'!$G$21=$B$10,7,0)+IF('Standard Profiles'!$G$21=$B$17,14,0)+IF('Standard Profiles'!$G$21=$B$24,21,0),0)),0)</f>
        <v>1.0236697092271712</v>
      </c>
      <c r="H6425" cm="1">
        <f t="array" ref="H6425">IFERROR(INDEX(Jesper!AL$2:AL$366,ROUNDDOWN($C6425/24,0)+1,1)*INDEX($D$3:$AA$30,INDEX(Jesper!$R$2:$R$366,ROW(INDEX(Jesper!AL$2:AL$366,ROUNDDOWN($C6425/24,0)+1,1))-1)+IF('Standard Profiles'!$G$22=$B$10,7,0)+IF('Standard Profiles'!$G$22=$B$17,14,0)+IF('Standard Profiles'!$G$22=$B$24,21,0),MOD($C6425,24)+1)/SUM(INDEX($D$3:$AA$30,INDEX(Jesper!$R$2:$R$366,ROW(INDEX(Jesper!AL$2:AL$366,ROUNDDOWN($C6425/24,0)+1,1))-1)+IF('Standard Profiles'!$G$22=$B$10,7,0)+IF('Standard Profiles'!$G$22=$B$17,14,0)+IF('Standard Profiles'!$G$22=$B$24,21,0),0)),0)</f>
        <v>0.80896032005124185</v>
      </c>
      <c r="I6425">
        <f t="shared" si="713"/>
        <v>0.77660190724919265</v>
      </c>
      <c r="J6425">
        <f t="shared" si="714"/>
        <v>5.0896448792146005</v>
      </c>
      <c r="K6425">
        <f t="shared" si="715"/>
        <v>0.22821334246411787</v>
      </c>
      <c r="L6425">
        <f t="shared" si="716"/>
        <v>0.11410667123205893</v>
      </c>
      <c r="M6425">
        <f t="shared" si="717"/>
        <v>0</v>
      </c>
      <c r="N6425" s="45">
        <f t="shared" si="718"/>
        <v>45193.291666651166</v>
      </c>
    </row>
    <row r="6426" spans="2:14" x14ac:dyDescent="0.25">
      <c r="B6426">
        <f t="shared" si="712"/>
        <v>7</v>
      </c>
      <c r="C6426" s="16">
        <v>6392</v>
      </c>
      <c r="D6426" cm="1">
        <f t="array" ref="D6426">IFERROR(INDEX(Jesper!AH$2:AH$366,ROUNDDOWN($C6426/24,0)+1,1)*INDEX($D$3:$AA$30,INDEX(Jesper!$R$2:$R$366,ROW(INDEX(Jesper!AH$2:AH$366,ROUNDDOWN($C6426/24,0)+1,1))-1)+IF('Standard Profiles'!$G$18=$B$10,7,0)+IF('Standard Profiles'!$G$18=$B$17,14,0)+IF('Standard Profiles'!$G$18=$B$24,21,0),MOD($C6426,24)+1)/SUM(INDEX($D$3:$AA$30,INDEX(Jesper!$R$2:$R$366,ROW(INDEX(Jesper!AH$2:AH$366,ROUNDDOWN($C6426/24,0)+1,1))-1)+IF('Standard Profiles'!$G$18=$B$10,7,0)+IF('Standard Profiles'!$G$18=$B$17,14,0)+IF('Standard Profiles'!$G$18=$B$24,21,0),0)),0)</f>
        <v>0</v>
      </c>
      <c r="E6426" cm="1">
        <f t="array" ref="E6426">IFERROR(INDEX(Jesper!AI$2:AI$366,ROUNDDOWN($C6426/24,0)+1,1)*INDEX($D$3:$AA$30,INDEX(Jesper!$R$2:$R$366,ROW(INDEX(Jesper!AI$2:AI$366,ROUNDDOWN($C6426/24,0)+1,1))-1)+IF('Standard Profiles'!$G$19=$B$10,7,0)+IF('Standard Profiles'!$G$19=$B$17,14,0)+IF('Standard Profiles'!$G$19=$B$24,21,0),MOD($C6426,24)+1)/SUM(INDEX($D$3:$AA$30,INDEX(Jesper!$R$2:$R$366,ROW(INDEX(Jesper!AI$2:AI$366,ROUNDDOWN($C6426/24,0)+1,1))-1)+IF('Standard Profiles'!$G$19=$B$10,7,0)+IF('Standard Profiles'!$G$19=$B$17,14,0)+IF('Standard Profiles'!$G$19=$B$24,21,0),0)),0)</f>
        <v>2.8526667808014734</v>
      </c>
      <c r="F6426" cm="1">
        <f t="array" ref="F6426">IFERROR(INDEX(Jesper!AJ$2:AJ$366,ROUNDDOWN($C6426/24,0)+1,1)*INDEX($D$3:$AA$30,INDEX(Jesper!$R$2:$R$366,ROW(INDEX(Jesper!AJ$2:AJ$366,ROUNDDOWN($C6426/24,0)+1,1))-1)+IF('Standard Profiles'!$G$20=$B$10,7,0)+IF('Standard Profiles'!$G$20=$B$17,14,0)+IF('Standard Profiles'!$G$20=$B$24,21,0),MOD($C6426,24)+1)/SUM(INDEX($D$3:$AA$30,INDEX(Jesper!$R$2:$R$366,ROW(INDEX(Jesper!AJ$2:AJ$366,ROUNDDOWN($C6426/24,0)+1,1))-1)+IF('Standard Profiles'!$G$20=$B$10,7,0)+IF('Standard Profiles'!$G$20=$B$17,14,0)+IF('Standard Profiles'!$G$20=$B$24,21,0),0)),0)</f>
        <v>1.5232699900800839</v>
      </c>
      <c r="G6426" cm="1">
        <f t="array" ref="G6426">IFERROR(INDEX(Jesper!AK$2:AK$366,ROUNDDOWN($C6426/24,0)+1,1)*INDEX($D$3:$AA$30,INDEX(Jesper!$R$2:$R$366,ROW(INDEX(Jesper!AK$2:AK$366,ROUNDDOWN($C6426/24,0)+1,1))-1)+IF('Standard Profiles'!$G$21=$B$10,7,0)+IF('Standard Profiles'!$G$21=$B$17,14,0)+IF('Standard Profiles'!$G$21=$B$24,21,0),MOD($C6426,24)+1)/SUM(INDEX($D$3:$AA$30,INDEX(Jesper!$R$2:$R$366,ROW(INDEX(Jesper!AK$2:AK$366,ROUNDDOWN($C6426/24,0)+1,1))-1)+IF('Standard Profiles'!$G$21=$B$10,7,0)+IF('Standard Profiles'!$G$21=$B$17,14,0)+IF('Standard Profiles'!$G$21=$B$24,21,0),0)),0)</f>
        <v>1.0236697092271712</v>
      </c>
      <c r="H6426" cm="1">
        <f t="array" ref="H6426">IFERROR(INDEX(Jesper!AL$2:AL$366,ROUNDDOWN($C6426/24,0)+1,1)*INDEX($D$3:$AA$30,INDEX(Jesper!$R$2:$R$366,ROW(INDEX(Jesper!AL$2:AL$366,ROUNDDOWN($C6426/24,0)+1,1))-1)+IF('Standard Profiles'!$G$22=$B$10,7,0)+IF('Standard Profiles'!$G$22=$B$17,14,0)+IF('Standard Profiles'!$G$22=$B$24,21,0),MOD($C6426,24)+1)/SUM(INDEX($D$3:$AA$30,INDEX(Jesper!$R$2:$R$366,ROW(INDEX(Jesper!AL$2:AL$366,ROUNDDOWN($C6426/24,0)+1,1))-1)+IF('Standard Profiles'!$G$22=$B$10,7,0)+IF('Standard Profiles'!$G$22=$B$17,14,0)+IF('Standard Profiles'!$G$22=$B$24,21,0),0)),0)</f>
        <v>0.80896032005124185</v>
      </c>
      <c r="I6426">
        <f t="shared" si="713"/>
        <v>0.77660190724919265</v>
      </c>
      <c r="J6426">
        <f t="shared" si="714"/>
        <v>5.0896448792146005</v>
      </c>
      <c r="K6426">
        <f t="shared" si="715"/>
        <v>0.22821334246411787</v>
      </c>
      <c r="L6426">
        <f t="shared" si="716"/>
        <v>0.11410667123205893</v>
      </c>
      <c r="M6426">
        <f t="shared" si="717"/>
        <v>0</v>
      </c>
      <c r="N6426" s="45">
        <f t="shared" si="718"/>
        <v>45193.333333317831</v>
      </c>
    </row>
    <row r="6427" spans="2:14" x14ac:dyDescent="0.25">
      <c r="B6427">
        <f t="shared" si="712"/>
        <v>7</v>
      </c>
      <c r="C6427" s="16">
        <v>6393</v>
      </c>
      <c r="D6427" cm="1">
        <f t="array" ref="D6427">IFERROR(INDEX(Jesper!AH$2:AH$366,ROUNDDOWN($C6427/24,0)+1,1)*INDEX($D$3:$AA$30,INDEX(Jesper!$R$2:$R$366,ROW(INDEX(Jesper!AH$2:AH$366,ROUNDDOWN($C6427/24,0)+1,1))-1)+IF('Standard Profiles'!$G$18=$B$10,7,0)+IF('Standard Profiles'!$G$18=$B$17,14,0)+IF('Standard Profiles'!$G$18=$B$24,21,0),MOD($C6427,24)+1)/SUM(INDEX($D$3:$AA$30,INDEX(Jesper!$R$2:$R$366,ROW(INDEX(Jesper!AH$2:AH$366,ROUNDDOWN($C6427/24,0)+1,1))-1)+IF('Standard Profiles'!$G$18=$B$10,7,0)+IF('Standard Profiles'!$G$18=$B$17,14,0)+IF('Standard Profiles'!$G$18=$B$24,21,0),0)),0)</f>
        <v>0</v>
      </c>
      <c r="E6427" cm="1">
        <f t="array" ref="E6427">IFERROR(INDEX(Jesper!AI$2:AI$366,ROUNDDOWN($C6427/24,0)+1,1)*INDEX($D$3:$AA$30,INDEX(Jesper!$R$2:$R$366,ROW(INDEX(Jesper!AI$2:AI$366,ROUNDDOWN($C6427/24,0)+1,1))-1)+IF('Standard Profiles'!$G$19=$B$10,7,0)+IF('Standard Profiles'!$G$19=$B$17,14,0)+IF('Standard Profiles'!$G$19=$B$24,21,0),MOD($C6427,24)+1)/SUM(INDEX($D$3:$AA$30,INDEX(Jesper!$R$2:$R$366,ROW(INDEX(Jesper!AI$2:AI$366,ROUNDDOWN($C6427/24,0)+1,1))-1)+IF('Standard Profiles'!$G$19=$B$10,7,0)+IF('Standard Profiles'!$G$19=$B$17,14,0)+IF('Standard Profiles'!$G$19=$B$24,21,0),0)),0)</f>
        <v>2.8526667808014734</v>
      </c>
      <c r="F6427" cm="1">
        <f t="array" ref="F6427">IFERROR(INDEX(Jesper!AJ$2:AJ$366,ROUNDDOWN($C6427/24,0)+1,1)*INDEX($D$3:$AA$30,INDEX(Jesper!$R$2:$R$366,ROW(INDEX(Jesper!AJ$2:AJ$366,ROUNDDOWN($C6427/24,0)+1,1))-1)+IF('Standard Profiles'!$G$20=$B$10,7,0)+IF('Standard Profiles'!$G$20=$B$17,14,0)+IF('Standard Profiles'!$G$20=$B$24,21,0),MOD($C6427,24)+1)/SUM(INDEX($D$3:$AA$30,INDEX(Jesper!$R$2:$R$366,ROW(INDEX(Jesper!AJ$2:AJ$366,ROUNDDOWN($C6427/24,0)+1,1))-1)+IF('Standard Profiles'!$G$20=$B$10,7,0)+IF('Standard Profiles'!$G$20=$B$17,14,0)+IF('Standard Profiles'!$G$20=$B$24,21,0),0)),0)</f>
        <v>1.5232699900800839</v>
      </c>
      <c r="G6427" cm="1">
        <f t="array" ref="G6427">IFERROR(INDEX(Jesper!AK$2:AK$366,ROUNDDOWN($C6427/24,0)+1,1)*INDEX($D$3:$AA$30,INDEX(Jesper!$R$2:$R$366,ROW(INDEX(Jesper!AK$2:AK$366,ROUNDDOWN($C6427/24,0)+1,1))-1)+IF('Standard Profiles'!$G$21=$B$10,7,0)+IF('Standard Profiles'!$G$21=$B$17,14,0)+IF('Standard Profiles'!$G$21=$B$24,21,0),MOD($C6427,24)+1)/SUM(INDEX($D$3:$AA$30,INDEX(Jesper!$R$2:$R$366,ROW(INDEX(Jesper!AK$2:AK$366,ROUNDDOWN($C6427/24,0)+1,1))-1)+IF('Standard Profiles'!$G$21=$B$10,7,0)+IF('Standard Profiles'!$G$21=$B$17,14,0)+IF('Standard Profiles'!$G$21=$B$24,21,0),0)),0)</f>
        <v>1.0236697092271712</v>
      </c>
      <c r="H6427" cm="1">
        <f t="array" ref="H6427">IFERROR(INDEX(Jesper!AL$2:AL$366,ROUNDDOWN($C6427/24,0)+1,1)*INDEX($D$3:$AA$30,INDEX(Jesper!$R$2:$R$366,ROW(INDEX(Jesper!AL$2:AL$366,ROUNDDOWN($C6427/24,0)+1,1))-1)+IF('Standard Profiles'!$G$22=$B$10,7,0)+IF('Standard Profiles'!$G$22=$B$17,14,0)+IF('Standard Profiles'!$G$22=$B$24,21,0),MOD($C6427,24)+1)/SUM(INDEX($D$3:$AA$30,INDEX(Jesper!$R$2:$R$366,ROW(INDEX(Jesper!AL$2:AL$366,ROUNDDOWN($C6427/24,0)+1,1))-1)+IF('Standard Profiles'!$G$22=$B$10,7,0)+IF('Standard Profiles'!$G$22=$B$17,14,0)+IF('Standard Profiles'!$G$22=$B$24,21,0),0)),0)</f>
        <v>0.80896032005124185</v>
      </c>
      <c r="I6427">
        <f t="shared" si="713"/>
        <v>0.77660190724919265</v>
      </c>
      <c r="J6427">
        <f t="shared" si="714"/>
        <v>5.0896448792146005</v>
      </c>
      <c r="K6427">
        <f t="shared" si="715"/>
        <v>0.22821334246411787</v>
      </c>
      <c r="L6427">
        <f t="shared" si="716"/>
        <v>0.11410667123205893</v>
      </c>
      <c r="M6427">
        <f t="shared" si="717"/>
        <v>0</v>
      </c>
      <c r="N6427" s="45">
        <f t="shared" si="718"/>
        <v>45193.374999984495</v>
      </c>
    </row>
    <row r="6428" spans="2:14" x14ac:dyDescent="0.25">
      <c r="B6428">
        <f t="shared" si="712"/>
        <v>7</v>
      </c>
      <c r="C6428" s="16">
        <v>6394</v>
      </c>
      <c r="D6428" cm="1">
        <f t="array" ref="D6428">IFERROR(INDEX(Jesper!AH$2:AH$366,ROUNDDOWN($C6428/24,0)+1,1)*INDEX($D$3:$AA$30,INDEX(Jesper!$R$2:$R$366,ROW(INDEX(Jesper!AH$2:AH$366,ROUNDDOWN($C6428/24,0)+1,1))-1)+IF('Standard Profiles'!$G$18=$B$10,7,0)+IF('Standard Profiles'!$G$18=$B$17,14,0)+IF('Standard Profiles'!$G$18=$B$24,21,0),MOD($C6428,24)+1)/SUM(INDEX($D$3:$AA$30,INDEX(Jesper!$R$2:$R$366,ROW(INDEX(Jesper!AH$2:AH$366,ROUNDDOWN($C6428/24,0)+1,1))-1)+IF('Standard Profiles'!$G$18=$B$10,7,0)+IF('Standard Profiles'!$G$18=$B$17,14,0)+IF('Standard Profiles'!$G$18=$B$24,21,0),0)),0)</f>
        <v>0</v>
      </c>
      <c r="E6428" cm="1">
        <f t="array" ref="E6428">IFERROR(INDEX(Jesper!AI$2:AI$366,ROUNDDOWN($C6428/24,0)+1,1)*INDEX($D$3:$AA$30,INDEX(Jesper!$R$2:$R$366,ROW(INDEX(Jesper!AI$2:AI$366,ROUNDDOWN($C6428/24,0)+1,1))-1)+IF('Standard Profiles'!$G$19=$B$10,7,0)+IF('Standard Profiles'!$G$19=$B$17,14,0)+IF('Standard Profiles'!$G$19=$B$24,21,0),MOD($C6428,24)+1)/SUM(INDEX($D$3:$AA$30,INDEX(Jesper!$R$2:$R$366,ROW(INDEX(Jesper!AI$2:AI$366,ROUNDDOWN($C6428/24,0)+1,1))-1)+IF('Standard Profiles'!$G$19=$B$10,7,0)+IF('Standard Profiles'!$G$19=$B$17,14,0)+IF('Standard Profiles'!$G$19=$B$24,21,0),0)),0)</f>
        <v>2.8526667808014734</v>
      </c>
      <c r="F6428" cm="1">
        <f t="array" ref="F6428">IFERROR(INDEX(Jesper!AJ$2:AJ$366,ROUNDDOWN($C6428/24,0)+1,1)*INDEX($D$3:$AA$30,INDEX(Jesper!$R$2:$R$366,ROW(INDEX(Jesper!AJ$2:AJ$366,ROUNDDOWN($C6428/24,0)+1,1))-1)+IF('Standard Profiles'!$G$20=$B$10,7,0)+IF('Standard Profiles'!$G$20=$B$17,14,0)+IF('Standard Profiles'!$G$20=$B$24,21,0),MOD($C6428,24)+1)/SUM(INDEX($D$3:$AA$30,INDEX(Jesper!$R$2:$R$366,ROW(INDEX(Jesper!AJ$2:AJ$366,ROUNDDOWN($C6428/24,0)+1,1))-1)+IF('Standard Profiles'!$G$20=$B$10,7,0)+IF('Standard Profiles'!$G$20=$B$17,14,0)+IF('Standard Profiles'!$G$20=$B$24,21,0),0)),0)</f>
        <v>1.5232699900800839</v>
      </c>
      <c r="G6428" cm="1">
        <f t="array" ref="G6428">IFERROR(INDEX(Jesper!AK$2:AK$366,ROUNDDOWN($C6428/24,0)+1,1)*INDEX($D$3:$AA$30,INDEX(Jesper!$R$2:$R$366,ROW(INDEX(Jesper!AK$2:AK$366,ROUNDDOWN($C6428/24,0)+1,1))-1)+IF('Standard Profiles'!$G$21=$B$10,7,0)+IF('Standard Profiles'!$G$21=$B$17,14,0)+IF('Standard Profiles'!$G$21=$B$24,21,0),MOD($C6428,24)+1)/SUM(INDEX($D$3:$AA$30,INDEX(Jesper!$R$2:$R$366,ROW(INDEX(Jesper!AK$2:AK$366,ROUNDDOWN($C6428/24,0)+1,1))-1)+IF('Standard Profiles'!$G$21=$B$10,7,0)+IF('Standard Profiles'!$G$21=$B$17,14,0)+IF('Standard Profiles'!$G$21=$B$24,21,0),0)),0)</f>
        <v>1.0236697092271712</v>
      </c>
      <c r="H6428" cm="1">
        <f t="array" ref="H6428">IFERROR(INDEX(Jesper!AL$2:AL$366,ROUNDDOWN($C6428/24,0)+1,1)*INDEX($D$3:$AA$30,INDEX(Jesper!$R$2:$R$366,ROW(INDEX(Jesper!AL$2:AL$366,ROUNDDOWN($C6428/24,0)+1,1))-1)+IF('Standard Profiles'!$G$22=$B$10,7,0)+IF('Standard Profiles'!$G$22=$B$17,14,0)+IF('Standard Profiles'!$G$22=$B$24,21,0),MOD($C6428,24)+1)/SUM(INDEX($D$3:$AA$30,INDEX(Jesper!$R$2:$R$366,ROW(INDEX(Jesper!AL$2:AL$366,ROUNDDOWN($C6428/24,0)+1,1))-1)+IF('Standard Profiles'!$G$22=$B$10,7,0)+IF('Standard Profiles'!$G$22=$B$17,14,0)+IF('Standard Profiles'!$G$22=$B$24,21,0),0)),0)</f>
        <v>0.80896032005124185</v>
      </c>
      <c r="I6428">
        <f t="shared" si="713"/>
        <v>0.77660190724919265</v>
      </c>
      <c r="J6428">
        <f t="shared" si="714"/>
        <v>5.0896448792146005</v>
      </c>
      <c r="K6428">
        <f t="shared" si="715"/>
        <v>0.22821334246411787</v>
      </c>
      <c r="L6428">
        <f t="shared" si="716"/>
        <v>0.11410667123205893</v>
      </c>
      <c r="M6428">
        <f t="shared" si="717"/>
        <v>0</v>
      </c>
      <c r="N6428" s="45">
        <f t="shared" si="718"/>
        <v>45193.416666651159</v>
      </c>
    </row>
    <row r="6429" spans="2:14" x14ac:dyDescent="0.25">
      <c r="B6429">
        <f t="shared" si="712"/>
        <v>7</v>
      </c>
      <c r="C6429" s="16">
        <v>6395</v>
      </c>
      <c r="D6429" cm="1">
        <f t="array" ref="D6429">IFERROR(INDEX(Jesper!AH$2:AH$366,ROUNDDOWN($C6429/24,0)+1,1)*INDEX($D$3:$AA$30,INDEX(Jesper!$R$2:$R$366,ROW(INDEX(Jesper!AH$2:AH$366,ROUNDDOWN($C6429/24,0)+1,1))-1)+IF('Standard Profiles'!$G$18=$B$10,7,0)+IF('Standard Profiles'!$G$18=$B$17,14,0)+IF('Standard Profiles'!$G$18=$B$24,21,0),MOD($C6429,24)+1)/SUM(INDEX($D$3:$AA$30,INDEX(Jesper!$R$2:$R$366,ROW(INDEX(Jesper!AH$2:AH$366,ROUNDDOWN($C6429/24,0)+1,1))-1)+IF('Standard Profiles'!$G$18=$B$10,7,0)+IF('Standard Profiles'!$G$18=$B$17,14,0)+IF('Standard Profiles'!$G$18=$B$24,21,0),0)),0)</f>
        <v>0</v>
      </c>
      <c r="E6429" cm="1">
        <f t="array" ref="E6429">IFERROR(INDEX(Jesper!AI$2:AI$366,ROUNDDOWN($C6429/24,0)+1,1)*INDEX($D$3:$AA$30,INDEX(Jesper!$R$2:$R$366,ROW(INDEX(Jesper!AI$2:AI$366,ROUNDDOWN($C6429/24,0)+1,1))-1)+IF('Standard Profiles'!$G$19=$B$10,7,0)+IF('Standard Profiles'!$G$19=$B$17,14,0)+IF('Standard Profiles'!$G$19=$B$24,21,0),MOD($C6429,24)+1)/SUM(INDEX($D$3:$AA$30,INDEX(Jesper!$R$2:$R$366,ROW(INDEX(Jesper!AI$2:AI$366,ROUNDDOWN($C6429/24,0)+1,1))-1)+IF('Standard Profiles'!$G$19=$B$10,7,0)+IF('Standard Profiles'!$G$19=$B$17,14,0)+IF('Standard Profiles'!$G$19=$B$24,21,0),0)),0)</f>
        <v>2.8526667808014734</v>
      </c>
      <c r="F6429" cm="1">
        <f t="array" ref="F6429">IFERROR(INDEX(Jesper!AJ$2:AJ$366,ROUNDDOWN($C6429/24,0)+1,1)*INDEX($D$3:$AA$30,INDEX(Jesper!$R$2:$R$366,ROW(INDEX(Jesper!AJ$2:AJ$366,ROUNDDOWN($C6429/24,0)+1,1))-1)+IF('Standard Profiles'!$G$20=$B$10,7,0)+IF('Standard Profiles'!$G$20=$B$17,14,0)+IF('Standard Profiles'!$G$20=$B$24,21,0),MOD($C6429,24)+1)/SUM(INDEX($D$3:$AA$30,INDEX(Jesper!$R$2:$R$366,ROW(INDEX(Jesper!AJ$2:AJ$366,ROUNDDOWN($C6429/24,0)+1,1))-1)+IF('Standard Profiles'!$G$20=$B$10,7,0)+IF('Standard Profiles'!$G$20=$B$17,14,0)+IF('Standard Profiles'!$G$20=$B$24,21,0),0)),0)</f>
        <v>1.5232699900800839</v>
      </c>
      <c r="G6429" cm="1">
        <f t="array" ref="G6429">IFERROR(INDEX(Jesper!AK$2:AK$366,ROUNDDOWN($C6429/24,0)+1,1)*INDEX($D$3:$AA$30,INDEX(Jesper!$R$2:$R$366,ROW(INDEX(Jesper!AK$2:AK$366,ROUNDDOWN($C6429/24,0)+1,1))-1)+IF('Standard Profiles'!$G$21=$B$10,7,0)+IF('Standard Profiles'!$G$21=$B$17,14,0)+IF('Standard Profiles'!$G$21=$B$24,21,0),MOD($C6429,24)+1)/SUM(INDEX($D$3:$AA$30,INDEX(Jesper!$R$2:$R$366,ROW(INDEX(Jesper!AK$2:AK$366,ROUNDDOWN($C6429/24,0)+1,1))-1)+IF('Standard Profiles'!$G$21=$B$10,7,0)+IF('Standard Profiles'!$G$21=$B$17,14,0)+IF('Standard Profiles'!$G$21=$B$24,21,0),0)),0)</f>
        <v>1.0236697092271712</v>
      </c>
      <c r="H6429" cm="1">
        <f t="array" ref="H6429">IFERROR(INDEX(Jesper!AL$2:AL$366,ROUNDDOWN($C6429/24,0)+1,1)*INDEX($D$3:$AA$30,INDEX(Jesper!$R$2:$R$366,ROW(INDEX(Jesper!AL$2:AL$366,ROUNDDOWN($C6429/24,0)+1,1))-1)+IF('Standard Profiles'!$G$22=$B$10,7,0)+IF('Standard Profiles'!$G$22=$B$17,14,0)+IF('Standard Profiles'!$G$22=$B$24,21,0),MOD($C6429,24)+1)/SUM(INDEX($D$3:$AA$30,INDEX(Jesper!$R$2:$R$366,ROW(INDEX(Jesper!AL$2:AL$366,ROUNDDOWN($C6429/24,0)+1,1))-1)+IF('Standard Profiles'!$G$22=$B$10,7,0)+IF('Standard Profiles'!$G$22=$B$17,14,0)+IF('Standard Profiles'!$G$22=$B$24,21,0),0)),0)</f>
        <v>0.80896032005124185</v>
      </c>
      <c r="I6429">
        <f t="shared" si="713"/>
        <v>0.77660190724919265</v>
      </c>
      <c r="J6429">
        <f t="shared" si="714"/>
        <v>5.0896448792146005</v>
      </c>
      <c r="K6429">
        <f t="shared" si="715"/>
        <v>0.22821334246411787</v>
      </c>
      <c r="L6429">
        <f t="shared" si="716"/>
        <v>0.11410667123205893</v>
      </c>
      <c r="M6429">
        <f t="shared" si="717"/>
        <v>0</v>
      </c>
      <c r="N6429" s="45">
        <f t="shared" si="718"/>
        <v>45193.458333317823</v>
      </c>
    </row>
    <row r="6430" spans="2:14" x14ac:dyDescent="0.25">
      <c r="B6430">
        <f t="shared" si="712"/>
        <v>7</v>
      </c>
      <c r="C6430" s="16">
        <v>6396</v>
      </c>
      <c r="D6430" cm="1">
        <f t="array" ref="D6430">IFERROR(INDEX(Jesper!AH$2:AH$366,ROUNDDOWN($C6430/24,0)+1,1)*INDEX($D$3:$AA$30,INDEX(Jesper!$R$2:$R$366,ROW(INDEX(Jesper!AH$2:AH$366,ROUNDDOWN($C6430/24,0)+1,1))-1)+IF('Standard Profiles'!$G$18=$B$10,7,0)+IF('Standard Profiles'!$G$18=$B$17,14,0)+IF('Standard Profiles'!$G$18=$B$24,21,0),MOD($C6430,24)+1)/SUM(INDEX($D$3:$AA$30,INDEX(Jesper!$R$2:$R$366,ROW(INDEX(Jesper!AH$2:AH$366,ROUNDDOWN($C6430/24,0)+1,1))-1)+IF('Standard Profiles'!$G$18=$B$10,7,0)+IF('Standard Profiles'!$G$18=$B$17,14,0)+IF('Standard Profiles'!$G$18=$B$24,21,0),0)),0)</f>
        <v>0</v>
      </c>
      <c r="E6430" cm="1">
        <f t="array" ref="E6430">IFERROR(INDEX(Jesper!AI$2:AI$366,ROUNDDOWN($C6430/24,0)+1,1)*INDEX($D$3:$AA$30,INDEX(Jesper!$R$2:$R$366,ROW(INDEX(Jesper!AI$2:AI$366,ROUNDDOWN($C6430/24,0)+1,1))-1)+IF('Standard Profiles'!$G$19=$B$10,7,0)+IF('Standard Profiles'!$G$19=$B$17,14,0)+IF('Standard Profiles'!$G$19=$B$24,21,0),MOD($C6430,24)+1)/SUM(INDEX($D$3:$AA$30,INDEX(Jesper!$R$2:$R$366,ROW(INDEX(Jesper!AI$2:AI$366,ROUNDDOWN($C6430/24,0)+1,1))-1)+IF('Standard Profiles'!$G$19=$B$10,7,0)+IF('Standard Profiles'!$G$19=$B$17,14,0)+IF('Standard Profiles'!$G$19=$B$24,21,0),0)),0)</f>
        <v>2.8526667808014734</v>
      </c>
      <c r="F6430" cm="1">
        <f t="array" ref="F6430">IFERROR(INDEX(Jesper!AJ$2:AJ$366,ROUNDDOWN($C6430/24,0)+1,1)*INDEX($D$3:$AA$30,INDEX(Jesper!$R$2:$R$366,ROW(INDEX(Jesper!AJ$2:AJ$366,ROUNDDOWN($C6430/24,0)+1,1))-1)+IF('Standard Profiles'!$G$20=$B$10,7,0)+IF('Standard Profiles'!$G$20=$B$17,14,0)+IF('Standard Profiles'!$G$20=$B$24,21,0),MOD($C6430,24)+1)/SUM(INDEX($D$3:$AA$30,INDEX(Jesper!$R$2:$R$366,ROW(INDEX(Jesper!AJ$2:AJ$366,ROUNDDOWN($C6430/24,0)+1,1))-1)+IF('Standard Profiles'!$G$20=$B$10,7,0)+IF('Standard Profiles'!$G$20=$B$17,14,0)+IF('Standard Profiles'!$G$20=$B$24,21,0),0)),0)</f>
        <v>1.5232699900800839</v>
      </c>
      <c r="G6430" cm="1">
        <f t="array" ref="G6430">IFERROR(INDEX(Jesper!AK$2:AK$366,ROUNDDOWN($C6430/24,0)+1,1)*INDEX($D$3:$AA$30,INDEX(Jesper!$R$2:$R$366,ROW(INDEX(Jesper!AK$2:AK$366,ROUNDDOWN($C6430/24,0)+1,1))-1)+IF('Standard Profiles'!$G$21=$B$10,7,0)+IF('Standard Profiles'!$G$21=$B$17,14,0)+IF('Standard Profiles'!$G$21=$B$24,21,0),MOD($C6430,24)+1)/SUM(INDEX($D$3:$AA$30,INDEX(Jesper!$R$2:$R$366,ROW(INDEX(Jesper!AK$2:AK$366,ROUNDDOWN($C6430/24,0)+1,1))-1)+IF('Standard Profiles'!$G$21=$B$10,7,0)+IF('Standard Profiles'!$G$21=$B$17,14,0)+IF('Standard Profiles'!$G$21=$B$24,21,0),0)),0)</f>
        <v>1.0236697092271712</v>
      </c>
      <c r="H6430" cm="1">
        <f t="array" ref="H6430">IFERROR(INDEX(Jesper!AL$2:AL$366,ROUNDDOWN($C6430/24,0)+1,1)*INDEX($D$3:$AA$30,INDEX(Jesper!$R$2:$R$366,ROW(INDEX(Jesper!AL$2:AL$366,ROUNDDOWN($C6430/24,0)+1,1))-1)+IF('Standard Profiles'!$G$22=$B$10,7,0)+IF('Standard Profiles'!$G$22=$B$17,14,0)+IF('Standard Profiles'!$G$22=$B$24,21,0),MOD($C6430,24)+1)/SUM(INDEX($D$3:$AA$30,INDEX(Jesper!$R$2:$R$366,ROW(INDEX(Jesper!AL$2:AL$366,ROUNDDOWN($C6430/24,0)+1,1))-1)+IF('Standard Profiles'!$G$22=$B$10,7,0)+IF('Standard Profiles'!$G$22=$B$17,14,0)+IF('Standard Profiles'!$G$22=$B$24,21,0),0)),0)</f>
        <v>0.80896032005124185</v>
      </c>
      <c r="I6430">
        <f t="shared" si="713"/>
        <v>0.77660190724919265</v>
      </c>
      <c r="J6430">
        <f t="shared" si="714"/>
        <v>5.0896448792146005</v>
      </c>
      <c r="K6430">
        <f t="shared" si="715"/>
        <v>0.22821334246411787</v>
      </c>
      <c r="L6430">
        <f t="shared" si="716"/>
        <v>0.11410667123205893</v>
      </c>
      <c r="M6430">
        <f t="shared" si="717"/>
        <v>0</v>
      </c>
      <c r="N6430" s="45">
        <f t="shared" si="718"/>
        <v>45193.499999984488</v>
      </c>
    </row>
    <row r="6431" spans="2:14" x14ac:dyDescent="0.25">
      <c r="B6431">
        <f t="shared" si="712"/>
        <v>7</v>
      </c>
      <c r="C6431" s="16">
        <v>6397</v>
      </c>
      <c r="D6431" cm="1">
        <f t="array" ref="D6431">IFERROR(INDEX(Jesper!AH$2:AH$366,ROUNDDOWN($C6431/24,0)+1,1)*INDEX($D$3:$AA$30,INDEX(Jesper!$R$2:$R$366,ROW(INDEX(Jesper!AH$2:AH$366,ROUNDDOWN($C6431/24,0)+1,1))-1)+IF('Standard Profiles'!$G$18=$B$10,7,0)+IF('Standard Profiles'!$G$18=$B$17,14,0)+IF('Standard Profiles'!$G$18=$B$24,21,0),MOD($C6431,24)+1)/SUM(INDEX($D$3:$AA$30,INDEX(Jesper!$R$2:$R$366,ROW(INDEX(Jesper!AH$2:AH$366,ROUNDDOWN($C6431/24,0)+1,1))-1)+IF('Standard Profiles'!$G$18=$B$10,7,0)+IF('Standard Profiles'!$G$18=$B$17,14,0)+IF('Standard Profiles'!$G$18=$B$24,21,0),0)),0)</f>
        <v>0</v>
      </c>
      <c r="E6431" cm="1">
        <f t="array" ref="E6431">IFERROR(INDEX(Jesper!AI$2:AI$366,ROUNDDOWN($C6431/24,0)+1,1)*INDEX($D$3:$AA$30,INDEX(Jesper!$R$2:$R$366,ROW(INDEX(Jesper!AI$2:AI$366,ROUNDDOWN($C6431/24,0)+1,1))-1)+IF('Standard Profiles'!$G$19=$B$10,7,0)+IF('Standard Profiles'!$G$19=$B$17,14,0)+IF('Standard Profiles'!$G$19=$B$24,21,0),MOD($C6431,24)+1)/SUM(INDEX($D$3:$AA$30,INDEX(Jesper!$R$2:$R$366,ROW(INDEX(Jesper!AI$2:AI$366,ROUNDDOWN($C6431/24,0)+1,1))-1)+IF('Standard Profiles'!$G$19=$B$10,7,0)+IF('Standard Profiles'!$G$19=$B$17,14,0)+IF('Standard Profiles'!$G$19=$B$24,21,0),0)),0)</f>
        <v>2.8526667808014734</v>
      </c>
      <c r="F6431" cm="1">
        <f t="array" ref="F6431">IFERROR(INDEX(Jesper!AJ$2:AJ$366,ROUNDDOWN($C6431/24,0)+1,1)*INDEX($D$3:$AA$30,INDEX(Jesper!$R$2:$R$366,ROW(INDEX(Jesper!AJ$2:AJ$366,ROUNDDOWN($C6431/24,0)+1,1))-1)+IF('Standard Profiles'!$G$20=$B$10,7,0)+IF('Standard Profiles'!$G$20=$B$17,14,0)+IF('Standard Profiles'!$G$20=$B$24,21,0),MOD($C6431,24)+1)/SUM(INDEX($D$3:$AA$30,INDEX(Jesper!$R$2:$R$366,ROW(INDEX(Jesper!AJ$2:AJ$366,ROUNDDOWN($C6431/24,0)+1,1))-1)+IF('Standard Profiles'!$G$20=$B$10,7,0)+IF('Standard Profiles'!$G$20=$B$17,14,0)+IF('Standard Profiles'!$G$20=$B$24,21,0),0)),0)</f>
        <v>1.5232699900800839</v>
      </c>
      <c r="G6431" cm="1">
        <f t="array" ref="G6431">IFERROR(INDEX(Jesper!AK$2:AK$366,ROUNDDOWN($C6431/24,0)+1,1)*INDEX($D$3:$AA$30,INDEX(Jesper!$R$2:$R$366,ROW(INDEX(Jesper!AK$2:AK$366,ROUNDDOWN($C6431/24,0)+1,1))-1)+IF('Standard Profiles'!$G$21=$B$10,7,0)+IF('Standard Profiles'!$G$21=$B$17,14,0)+IF('Standard Profiles'!$G$21=$B$24,21,0),MOD($C6431,24)+1)/SUM(INDEX($D$3:$AA$30,INDEX(Jesper!$R$2:$R$366,ROW(INDEX(Jesper!AK$2:AK$366,ROUNDDOWN($C6431/24,0)+1,1))-1)+IF('Standard Profiles'!$G$21=$B$10,7,0)+IF('Standard Profiles'!$G$21=$B$17,14,0)+IF('Standard Profiles'!$G$21=$B$24,21,0),0)),0)</f>
        <v>1.0236697092271712</v>
      </c>
      <c r="H6431" cm="1">
        <f t="array" ref="H6431">IFERROR(INDEX(Jesper!AL$2:AL$366,ROUNDDOWN($C6431/24,0)+1,1)*INDEX($D$3:$AA$30,INDEX(Jesper!$R$2:$R$366,ROW(INDEX(Jesper!AL$2:AL$366,ROUNDDOWN($C6431/24,0)+1,1))-1)+IF('Standard Profiles'!$G$22=$B$10,7,0)+IF('Standard Profiles'!$G$22=$B$17,14,0)+IF('Standard Profiles'!$G$22=$B$24,21,0),MOD($C6431,24)+1)/SUM(INDEX($D$3:$AA$30,INDEX(Jesper!$R$2:$R$366,ROW(INDEX(Jesper!AL$2:AL$366,ROUNDDOWN($C6431/24,0)+1,1))-1)+IF('Standard Profiles'!$G$22=$B$10,7,0)+IF('Standard Profiles'!$G$22=$B$17,14,0)+IF('Standard Profiles'!$G$22=$B$24,21,0),0)),0)</f>
        <v>0.80896032005124185</v>
      </c>
      <c r="I6431">
        <f t="shared" si="713"/>
        <v>0.77660190724919265</v>
      </c>
      <c r="J6431">
        <f t="shared" si="714"/>
        <v>5.0896448792146005</v>
      </c>
      <c r="K6431">
        <f t="shared" si="715"/>
        <v>0.22821334246411787</v>
      </c>
      <c r="L6431">
        <f t="shared" si="716"/>
        <v>0.11410667123205893</v>
      </c>
      <c r="M6431">
        <f t="shared" si="717"/>
        <v>0</v>
      </c>
      <c r="N6431" s="45">
        <f t="shared" si="718"/>
        <v>45193.541666651152</v>
      </c>
    </row>
    <row r="6432" spans="2:14" x14ac:dyDescent="0.25">
      <c r="B6432">
        <f t="shared" si="712"/>
        <v>7</v>
      </c>
      <c r="C6432" s="16">
        <v>6398</v>
      </c>
      <c r="D6432" cm="1">
        <f t="array" ref="D6432">IFERROR(INDEX(Jesper!AH$2:AH$366,ROUNDDOWN($C6432/24,0)+1,1)*INDEX($D$3:$AA$30,INDEX(Jesper!$R$2:$R$366,ROW(INDEX(Jesper!AH$2:AH$366,ROUNDDOWN($C6432/24,0)+1,1))-1)+IF('Standard Profiles'!$G$18=$B$10,7,0)+IF('Standard Profiles'!$G$18=$B$17,14,0)+IF('Standard Profiles'!$G$18=$B$24,21,0),MOD($C6432,24)+1)/SUM(INDEX($D$3:$AA$30,INDEX(Jesper!$R$2:$R$366,ROW(INDEX(Jesper!AH$2:AH$366,ROUNDDOWN($C6432/24,0)+1,1))-1)+IF('Standard Profiles'!$G$18=$B$10,7,0)+IF('Standard Profiles'!$G$18=$B$17,14,0)+IF('Standard Profiles'!$G$18=$B$24,21,0),0)),0)</f>
        <v>0</v>
      </c>
      <c r="E6432" cm="1">
        <f t="array" ref="E6432">IFERROR(INDEX(Jesper!AI$2:AI$366,ROUNDDOWN($C6432/24,0)+1,1)*INDEX($D$3:$AA$30,INDEX(Jesper!$R$2:$R$366,ROW(INDEX(Jesper!AI$2:AI$366,ROUNDDOWN($C6432/24,0)+1,1))-1)+IF('Standard Profiles'!$G$19=$B$10,7,0)+IF('Standard Profiles'!$G$19=$B$17,14,0)+IF('Standard Profiles'!$G$19=$B$24,21,0),MOD($C6432,24)+1)/SUM(INDEX($D$3:$AA$30,INDEX(Jesper!$R$2:$R$366,ROW(INDEX(Jesper!AI$2:AI$366,ROUNDDOWN($C6432/24,0)+1,1))-1)+IF('Standard Profiles'!$G$19=$B$10,7,0)+IF('Standard Profiles'!$G$19=$B$17,14,0)+IF('Standard Profiles'!$G$19=$B$24,21,0),0)),0)</f>
        <v>2.8526667808014734</v>
      </c>
      <c r="F6432" cm="1">
        <f t="array" ref="F6432">IFERROR(INDEX(Jesper!AJ$2:AJ$366,ROUNDDOWN($C6432/24,0)+1,1)*INDEX($D$3:$AA$30,INDEX(Jesper!$R$2:$R$366,ROW(INDEX(Jesper!AJ$2:AJ$366,ROUNDDOWN($C6432/24,0)+1,1))-1)+IF('Standard Profiles'!$G$20=$B$10,7,0)+IF('Standard Profiles'!$G$20=$B$17,14,0)+IF('Standard Profiles'!$G$20=$B$24,21,0),MOD($C6432,24)+1)/SUM(INDEX($D$3:$AA$30,INDEX(Jesper!$R$2:$R$366,ROW(INDEX(Jesper!AJ$2:AJ$366,ROUNDDOWN($C6432/24,0)+1,1))-1)+IF('Standard Profiles'!$G$20=$B$10,7,0)+IF('Standard Profiles'!$G$20=$B$17,14,0)+IF('Standard Profiles'!$G$20=$B$24,21,0),0)),0)</f>
        <v>1.5232699900800839</v>
      </c>
      <c r="G6432" cm="1">
        <f t="array" ref="G6432">IFERROR(INDEX(Jesper!AK$2:AK$366,ROUNDDOWN($C6432/24,0)+1,1)*INDEX($D$3:$AA$30,INDEX(Jesper!$R$2:$R$366,ROW(INDEX(Jesper!AK$2:AK$366,ROUNDDOWN($C6432/24,0)+1,1))-1)+IF('Standard Profiles'!$G$21=$B$10,7,0)+IF('Standard Profiles'!$G$21=$B$17,14,0)+IF('Standard Profiles'!$G$21=$B$24,21,0),MOD($C6432,24)+1)/SUM(INDEX($D$3:$AA$30,INDEX(Jesper!$R$2:$R$366,ROW(INDEX(Jesper!AK$2:AK$366,ROUNDDOWN($C6432/24,0)+1,1))-1)+IF('Standard Profiles'!$G$21=$B$10,7,0)+IF('Standard Profiles'!$G$21=$B$17,14,0)+IF('Standard Profiles'!$G$21=$B$24,21,0),0)),0)</f>
        <v>1.0236697092271712</v>
      </c>
      <c r="H6432" cm="1">
        <f t="array" ref="H6432">IFERROR(INDEX(Jesper!AL$2:AL$366,ROUNDDOWN($C6432/24,0)+1,1)*INDEX($D$3:$AA$30,INDEX(Jesper!$R$2:$R$366,ROW(INDEX(Jesper!AL$2:AL$366,ROUNDDOWN($C6432/24,0)+1,1))-1)+IF('Standard Profiles'!$G$22=$B$10,7,0)+IF('Standard Profiles'!$G$22=$B$17,14,0)+IF('Standard Profiles'!$G$22=$B$24,21,0),MOD($C6432,24)+1)/SUM(INDEX($D$3:$AA$30,INDEX(Jesper!$R$2:$R$366,ROW(INDEX(Jesper!AL$2:AL$366,ROUNDDOWN($C6432/24,0)+1,1))-1)+IF('Standard Profiles'!$G$22=$B$10,7,0)+IF('Standard Profiles'!$G$22=$B$17,14,0)+IF('Standard Profiles'!$G$22=$B$24,21,0),0)),0)</f>
        <v>0.80896032005124185</v>
      </c>
      <c r="I6432">
        <f t="shared" si="713"/>
        <v>0.77660190724919265</v>
      </c>
      <c r="J6432">
        <f t="shared" si="714"/>
        <v>5.0896448792146005</v>
      </c>
      <c r="K6432">
        <f t="shared" si="715"/>
        <v>0.22821334246411787</v>
      </c>
      <c r="L6432">
        <f t="shared" si="716"/>
        <v>0.11410667123205893</v>
      </c>
      <c r="M6432">
        <f t="shared" si="717"/>
        <v>0</v>
      </c>
      <c r="N6432" s="45">
        <f t="shared" si="718"/>
        <v>45193.583333317816</v>
      </c>
    </row>
    <row r="6433" spans="2:14" x14ac:dyDescent="0.25">
      <c r="B6433">
        <f t="shared" si="712"/>
        <v>7</v>
      </c>
      <c r="C6433" s="16">
        <v>6399</v>
      </c>
      <c r="D6433" cm="1">
        <f t="array" ref="D6433">IFERROR(INDEX(Jesper!AH$2:AH$366,ROUNDDOWN($C6433/24,0)+1,1)*INDEX($D$3:$AA$30,INDEX(Jesper!$R$2:$R$366,ROW(INDEX(Jesper!AH$2:AH$366,ROUNDDOWN($C6433/24,0)+1,1))-1)+IF('Standard Profiles'!$G$18=$B$10,7,0)+IF('Standard Profiles'!$G$18=$B$17,14,0)+IF('Standard Profiles'!$G$18=$B$24,21,0),MOD($C6433,24)+1)/SUM(INDEX($D$3:$AA$30,INDEX(Jesper!$R$2:$R$366,ROW(INDEX(Jesper!AH$2:AH$366,ROUNDDOWN($C6433/24,0)+1,1))-1)+IF('Standard Profiles'!$G$18=$B$10,7,0)+IF('Standard Profiles'!$G$18=$B$17,14,0)+IF('Standard Profiles'!$G$18=$B$24,21,0),0)),0)</f>
        <v>0</v>
      </c>
      <c r="E6433" cm="1">
        <f t="array" ref="E6433">IFERROR(INDEX(Jesper!AI$2:AI$366,ROUNDDOWN($C6433/24,0)+1,1)*INDEX($D$3:$AA$30,INDEX(Jesper!$R$2:$R$366,ROW(INDEX(Jesper!AI$2:AI$366,ROUNDDOWN($C6433/24,0)+1,1))-1)+IF('Standard Profiles'!$G$19=$B$10,7,0)+IF('Standard Profiles'!$G$19=$B$17,14,0)+IF('Standard Profiles'!$G$19=$B$24,21,0),MOD($C6433,24)+1)/SUM(INDEX($D$3:$AA$30,INDEX(Jesper!$R$2:$R$366,ROW(INDEX(Jesper!AI$2:AI$366,ROUNDDOWN($C6433/24,0)+1,1))-1)+IF('Standard Profiles'!$G$19=$B$10,7,0)+IF('Standard Profiles'!$G$19=$B$17,14,0)+IF('Standard Profiles'!$G$19=$B$24,21,0),0)),0)</f>
        <v>2.8526667808014734</v>
      </c>
      <c r="F6433" cm="1">
        <f t="array" ref="F6433">IFERROR(INDEX(Jesper!AJ$2:AJ$366,ROUNDDOWN($C6433/24,0)+1,1)*INDEX($D$3:$AA$30,INDEX(Jesper!$R$2:$R$366,ROW(INDEX(Jesper!AJ$2:AJ$366,ROUNDDOWN($C6433/24,0)+1,1))-1)+IF('Standard Profiles'!$G$20=$B$10,7,0)+IF('Standard Profiles'!$G$20=$B$17,14,0)+IF('Standard Profiles'!$G$20=$B$24,21,0),MOD($C6433,24)+1)/SUM(INDEX($D$3:$AA$30,INDEX(Jesper!$R$2:$R$366,ROW(INDEX(Jesper!AJ$2:AJ$366,ROUNDDOWN($C6433/24,0)+1,1))-1)+IF('Standard Profiles'!$G$20=$B$10,7,0)+IF('Standard Profiles'!$G$20=$B$17,14,0)+IF('Standard Profiles'!$G$20=$B$24,21,0),0)),0)</f>
        <v>1.5232699900800839</v>
      </c>
      <c r="G6433" cm="1">
        <f t="array" ref="G6433">IFERROR(INDEX(Jesper!AK$2:AK$366,ROUNDDOWN($C6433/24,0)+1,1)*INDEX($D$3:$AA$30,INDEX(Jesper!$R$2:$R$366,ROW(INDEX(Jesper!AK$2:AK$366,ROUNDDOWN($C6433/24,0)+1,1))-1)+IF('Standard Profiles'!$G$21=$B$10,7,0)+IF('Standard Profiles'!$G$21=$B$17,14,0)+IF('Standard Profiles'!$G$21=$B$24,21,0),MOD($C6433,24)+1)/SUM(INDEX($D$3:$AA$30,INDEX(Jesper!$R$2:$R$366,ROW(INDEX(Jesper!AK$2:AK$366,ROUNDDOWN($C6433/24,0)+1,1))-1)+IF('Standard Profiles'!$G$21=$B$10,7,0)+IF('Standard Profiles'!$G$21=$B$17,14,0)+IF('Standard Profiles'!$G$21=$B$24,21,0),0)),0)</f>
        <v>1.0236697092271712</v>
      </c>
      <c r="H6433" cm="1">
        <f t="array" ref="H6433">IFERROR(INDEX(Jesper!AL$2:AL$366,ROUNDDOWN($C6433/24,0)+1,1)*INDEX($D$3:$AA$30,INDEX(Jesper!$R$2:$R$366,ROW(INDEX(Jesper!AL$2:AL$366,ROUNDDOWN($C6433/24,0)+1,1))-1)+IF('Standard Profiles'!$G$22=$B$10,7,0)+IF('Standard Profiles'!$G$22=$B$17,14,0)+IF('Standard Profiles'!$G$22=$B$24,21,0),MOD($C6433,24)+1)/SUM(INDEX($D$3:$AA$30,INDEX(Jesper!$R$2:$R$366,ROW(INDEX(Jesper!AL$2:AL$366,ROUNDDOWN($C6433/24,0)+1,1))-1)+IF('Standard Profiles'!$G$22=$B$10,7,0)+IF('Standard Profiles'!$G$22=$B$17,14,0)+IF('Standard Profiles'!$G$22=$B$24,21,0),0)),0)</f>
        <v>0.71907584004554836</v>
      </c>
      <c r="I6433">
        <f t="shared" si="713"/>
        <v>0.69031280644372683</v>
      </c>
      <c r="J6433">
        <f t="shared" si="714"/>
        <v>5.0860495000143731</v>
      </c>
      <c r="K6433">
        <f t="shared" si="715"/>
        <v>0.22821334246411787</v>
      </c>
      <c r="L6433">
        <f t="shared" si="716"/>
        <v>0.11410667123205893</v>
      </c>
      <c r="M6433">
        <f t="shared" si="717"/>
        <v>0</v>
      </c>
      <c r="N6433" s="45">
        <f t="shared" si="718"/>
        <v>45193.62499998448</v>
      </c>
    </row>
    <row r="6434" spans="2:14" x14ac:dyDescent="0.25">
      <c r="B6434">
        <f t="shared" si="712"/>
        <v>7</v>
      </c>
      <c r="C6434" s="16">
        <v>6400</v>
      </c>
      <c r="D6434" cm="1">
        <f t="array" ref="D6434">IFERROR(INDEX(Jesper!AH$2:AH$366,ROUNDDOWN($C6434/24,0)+1,1)*INDEX($D$3:$AA$30,INDEX(Jesper!$R$2:$R$366,ROW(INDEX(Jesper!AH$2:AH$366,ROUNDDOWN($C6434/24,0)+1,1))-1)+IF('Standard Profiles'!$G$18=$B$10,7,0)+IF('Standard Profiles'!$G$18=$B$17,14,0)+IF('Standard Profiles'!$G$18=$B$24,21,0),MOD($C6434,24)+1)/SUM(INDEX($D$3:$AA$30,INDEX(Jesper!$R$2:$R$366,ROW(INDEX(Jesper!AH$2:AH$366,ROUNDDOWN($C6434/24,0)+1,1))-1)+IF('Standard Profiles'!$G$18=$B$10,7,0)+IF('Standard Profiles'!$G$18=$B$17,14,0)+IF('Standard Profiles'!$G$18=$B$24,21,0),0)),0)</f>
        <v>0</v>
      </c>
      <c r="E6434" cm="1">
        <f t="array" ref="E6434">IFERROR(INDEX(Jesper!AI$2:AI$366,ROUNDDOWN($C6434/24,0)+1,1)*INDEX($D$3:$AA$30,INDEX(Jesper!$R$2:$R$366,ROW(INDEX(Jesper!AI$2:AI$366,ROUNDDOWN($C6434/24,0)+1,1))-1)+IF('Standard Profiles'!$G$19=$B$10,7,0)+IF('Standard Profiles'!$G$19=$B$17,14,0)+IF('Standard Profiles'!$G$19=$B$24,21,0),MOD($C6434,24)+1)/SUM(INDEX($D$3:$AA$30,INDEX(Jesper!$R$2:$R$366,ROW(INDEX(Jesper!AI$2:AI$366,ROUNDDOWN($C6434/24,0)+1,1))-1)+IF('Standard Profiles'!$G$19=$B$10,7,0)+IF('Standard Profiles'!$G$19=$B$17,14,0)+IF('Standard Profiles'!$G$19=$B$24,21,0),0)),0)</f>
        <v>2.8526667808014734</v>
      </c>
      <c r="F6434" cm="1">
        <f t="array" ref="F6434">IFERROR(INDEX(Jesper!AJ$2:AJ$366,ROUNDDOWN($C6434/24,0)+1,1)*INDEX($D$3:$AA$30,INDEX(Jesper!$R$2:$R$366,ROW(INDEX(Jesper!AJ$2:AJ$366,ROUNDDOWN($C6434/24,0)+1,1))-1)+IF('Standard Profiles'!$G$20=$B$10,7,0)+IF('Standard Profiles'!$G$20=$B$17,14,0)+IF('Standard Profiles'!$G$20=$B$24,21,0),MOD($C6434,24)+1)/SUM(INDEX($D$3:$AA$30,INDEX(Jesper!$R$2:$R$366,ROW(INDEX(Jesper!AJ$2:AJ$366,ROUNDDOWN($C6434/24,0)+1,1))-1)+IF('Standard Profiles'!$G$20=$B$10,7,0)+IF('Standard Profiles'!$G$20=$B$17,14,0)+IF('Standard Profiles'!$G$20=$B$24,21,0),0)),0)</f>
        <v>1.5232699900800839</v>
      </c>
      <c r="G6434" cm="1">
        <f t="array" ref="G6434">IFERROR(INDEX(Jesper!AK$2:AK$366,ROUNDDOWN($C6434/24,0)+1,1)*INDEX($D$3:$AA$30,INDEX(Jesper!$R$2:$R$366,ROW(INDEX(Jesper!AK$2:AK$366,ROUNDDOWN($C6434/24,0)+1,1))-1)+IF('Standard Profiles'!$G$21=$B$10,7,0)+IF('Standard Profiles'!$G$21=$B$17,14,0)+IF('Standard Profiles'!$G$21=$B$24,21,0),MOD($C6434,24)+1)/SUM(INDEX($D$3:$AA$30,INDEX(Jesper!$R$2:$R$366,ROW(INDEX(Jesper!AK$2:AK$366,ROUNDDOWN($C6434/24,0)+1,1))-1)+IF('Standard Profiles'!$G$21=$B$10,7,0)+IF('Standard Profiles'!$G$21=$B$17,14,0)+IF('Standard Profiles'!$G$21=$B$24,21,0),0)),0)</f>
        <v>1.0236697092271712</v>
      </c>
      <c r="H6434" cm="1">
        <f t="array" ref="H6434">IFERROR(INDEX(Jesper!AL$2:AL$366,ROUNDDOWN($C6434/24,0)+1,1)*INDEX($D$3:$AA$30,INDEX(Jesper!$R$2:$R$366,ROW(INDEX(Jesper!AL$2:AL$366,ROUNDDOWN($C6434/24,0)+1,1))-1)+IF('Standard Profiles'!$G$22=$B$10,7,0)+IF('Standard Profiles'!$G$22=$B$17,14,0)+IF('Standard Profiles'!$G$22=$B$24,21,0),MOD($C6434,24)+1)/SUM(INDEX($D$3:$AA$30,INDEX(Jesper!$R$2:$R$366,ROW(INDEX(Jesper!AL$2:AL$366,ROUNDDOWN($C6434/24,0)+1,1))-1)+IF('Standard Profiles'!$G$22=$B$10,7,0)+IF('Standard Profiles'!$G$22=$B$17,14,0)+IF('Standard Profiles'!$G$22=$B$24,21,0),0)),0)</f>
        <v>0.70623520004473495</v>
      </c>
      <c r="I6434">
        <f t="shared" si="713"/>
        <v>0.67798579204294596</v>
      </c>
      <c r="J6434">
        <f t="shared" si="714"/>
        <v>5.0855358744143411</v>
      </c>
      <c r="K6434">
        <f t="shared" si="715"/>
        <v>0.22821334246411787</v>
      </c>
      <c r="L6434">
        <f t="shared" si="716"/>
        <v>0.11410667123205893</v>
      </c>
      <c r="M6434">
        <f t="shared" si="717"/>
        <v>0</v>
      </c>
      <c r="N6434" s="45">
        <f t="shared" si="718"/>
        <v>45193.666666651145</v>
      </c>
    </row>
    <row r="6435" spans="2:14" x14ac:dyDescent="0.25">
      <c r="B6435">
        <f t="shared" ref="B6435:B6498" si="719">WEEKDAY(N6435,2)</f>
        <v>7</v>
      </c>
      <c r="C6435" s="16">
        <v>6401</v>
      </c>
      <c r="D6435" cm="1">
        <f t="array" ref="D6435">IFERROR(INDEX(Jesper!AH$2:AH$366,ROUNDDOWN($C6435/24,0)+1,1)*INDEX($D$3:$AA$30,INDEX(Jesper!$R$2:$R$366,ROW(INDEX(Jesper!AH$2:AH$366,ROUNDDOWN($C6435/24,0)+1,1))-1)+IF('Standard Profiles'!$G$18=$B$10,7,0)+IF('Standard Profiles'!$G$18=$B$17,14,0)+IF('Standard Profiles'!$G$18=$B$24,21,0),MOD($C6435,24)+1)/SUM(INDEX($D$3:$AA$30,INDEX(Jesper!$R$2:$R$366,ROW(INDEX(Jesper!AH$2:AH$366,ROUNDDOWN($C6435/24,0)+1,1))-1)+IF('Standard Profiles'!$G$18=$B$10,7,0)+IF('Standard Profiles'!$G$18=$B$17,14,0)+IF('Standard Profiles'!$G$18=$B$24,21,0),0)),0)</f>
        <v>0</v>
      </c>
      <c r="E6435" cm="1">
        <f t="array" ref="E6435">IFERROR(INDEX(Jesper!AI$2:AI$366,ROUNDDOWN($C6435/24,0)+1,1)*INDEX($D$3:$AA$30,INDEX(Jesper!$R$2:$R$366,ROW(INDEX(Jesper!AI$2:AI$366,ROUNDDOWN($C6435/24,0)+1,1))-1)+IF('Standard Profiles'!$G$19=$B$10,7,0)+IF('Standard Profiles'!$G$19=$B$17,14,0)+IF('Standard Profiles'!$G$19=$B$24,21,0),MOD($C6435,24)+1)/SUM(INDEX($D$3:$AA$30,INDEX(Jesper!$R$2:$R$366,ROW(INDEX(Jesper!AI$2:AI$366,ROUNDDOWN($C6435/24,0)+1,1))-1)+IF('Standard Profiles'!$G$19=$B$10,7,0)+IF('Standard Profiles'!$G$19=$B$17,14,0)+IF('Standard Profiles'!$G$19=$B$24,21,0),0)),0)</f>
        <v>2.8526667808014734</v>
      </c>
      <c r="F6435" cm="1">
        <f t="array" ref="F6435">IFERROR(INDEX(Jesper!AJ$2:AJ$366,ROUNDDOWN($C6435/24,0)+1,1)*INDEX($D$3:$AA$30,INDEX(Jesper!$R$2:$R$366,ROW(INDEX(Jesper!AJ$2:AJ$366,ROUNDDOWN($C6435/24,0)+1,1))-1)+IF('Standard Profiles'!$G$20=$B$10,7,0)+IF('Standard Profiles'!$G$20=$B$17,14,0)+IF('Standard Profiles'!$G$20=$B$24,21,0),MOD($C6435,24)+1)/SUM(INDEX($D$3:$AA$30,INDEX(Jesper!$R$2:$R$366,ROW(INDEX(Jesper!AJ$2:AJ$366,ROUNDDOWN($C6435/24,0)+1,1))-1)+IF('Standard Profiles'!$G$20=$B$10,7,0)+IF('Standard Profiles'!$G$20=$B$17,14,0)+IF('Standard Profiles'!$G$20=$B$24,21,0),0)),0)</f>
        <v>1.5232699900800839</v>
      </c>
      <c r="G6435" cm="1">
        <f t="array" ref="G6435">IFERROR(INDEX(Jesper!AK$2:AK$366,ROUNDDOWN($C6435/24,0)+1,1)*INDEX($D$3:$AA$30,INDEX(Jesper!$R$2:$R$366,ROW(INDEX(Jesper!AK$2:AK$366,ROUNDDOWN($C6435/24,0)+1,1))-1)+IF('Standard Profiles'!$G$21=$B$10,7,0)+IF('Standard Profiles'!$G$21=$B$17,14,0)+IF('Standard Profiles'!$G$21=$B$24,21,0),MOD($C6435,24)+1)/SUM(INDEX($D$3:$AA$30,INDEX(Jesper!$R$2:$R$366,ROW(INDEX(Jesper!AK$2:AK$366,ROUNDDOWN($C6435/24,0)+1,1))-1)+IF('Standard Profiles'!$G$21=$B$10,7,0)+IF('Standard Profiles'!$G$21=$B$17,14,0)+IF('Standard Profiles'!$G$21=$B$24,21,0),0)),0)</f>
        <v>1.0236697092271712</v>
      </c>
      <c r="H6435" cm="1">
        <f t="array" ref="H6435">IFERROR(INDEX(Jesper!AL$2:AL$366,ROUNDDOWN($C6435/24,0)+1,1)*INDEX($D$3:$AA$30,INDEX(Jesper!$R$2:$R$366,ROW(INDEX(Jesper!AL$2:AL$366,ROUNDDOWN($C6435/24,0)+1,1))-1)+IF('Standard Profiles'!$G$22=$B$10,7,0)+IF('Standard Profiles'!$G$22=$B$17,14,0)+IF('Standard Profiles'!$G$22=$B$24,21,0),MOD($C6435,24)+1)/SUM(INDEX($D$3:$AA$30,INDEX(Jesper!$R$2:$R$366,ROW(INDEX(Jesper!AL$2:AL$366,ROUNDDOWN($C6435/24,0)+1,1))-1)+IF('Standard Profiles'!$G$22=$B$10,7,0)+IF('Standard Profiles'!$G$22=$B$17,14,0)+IF('Standard Profiles'!$G$22=$B$24,21,0),0)),0)</f>
        <v>0.60351008003822815</v>
      </c>
      <c r="I6435">
        <f t="shared" ref="I6435:I6498" si="720">IF($B6435&lt;6,AC$37*$D6435+AC$38*$E6435+AC$39*$F6435+AC$40*$G6435,AC$46*$D6435+AC$47*$E6435+AC$48*$F6435+AC$49*$G6435+AC$50*$H6435)</f>
        <v>0.57936967683669938</v>
      </c>
      <c r="J6435">
        <f t="shared" ref="J6435:J6498" si="721">IF($B6435&lt;6,AD$37*$D6435+AD$38*$E6435+AD$39*$F6435+AD$40*$G6435,AD$46*$D6435+AD$47*$E6435+AD$48*$F6435+AD$49*$G6435+AD$50*$H6435)</f>
        <v>5.0814268696140807</v>
      </c>
      <c r="K6435">
        <f t="shared" ref="K6435:K6498" si="722">IF($B6435&lt;6,AE$37*$D6435+AE$38*$E6435+AE$39*$F6435+AE$40*$G6435,AE$46*$D6435+AE$47*$E6435+AE$48*$F6435+AE$49*$G6435+AE$50*$H6435)</f>
        <v>0.22821334246411787</v>
      </c>
      <c r="L6435">
        <f t="shared" ref="L6435:L6498" si="723">IF($B6435&lt;6,AF$37*$D6435+AF$38*$E6435+AF$39*$F6435+AF$40*$G6435,AF$46*$D6435+AF$47*$E6435+AF$48*$F6435+AF$49*$G6435+AF$50*$H6435)</f>
        <v>0.11410667123205893</v>
      </c>
      <c r="M6435">
        <f t="shared" ref="M6435:M6498" si="724">IF($B6435&lt;6,AG$37*$D6435+AG$38*$E6435+AG$39*$F6435+AG$40*$G6435,AG$46*$D6435+AG$47*$E6435+AG$48*$F6435+AG$49*$G6435+AG$50*$H6435)</f>
        <v>0</v>
      </c>
      <c r="N6435" s="45">
        <f t="shared" si="718"/>
        <v>45193.708333317809</v>
      </c>
    </row>
    <row r="6436" spans="2:14" x14ac:dyDescent="0.25">
      <c r="B6436">
        <f t="shared" si="719"/>
        <v>7</v>
      </c>
      <c r="C6436" s="16">
        <v>6402</v>
      </c>
      <c r="D6436" cm="1">
        <f t="array" ref="D6436">IFERROR(INDEX(Jesper!AH$2:AH$366,ROUNDDOWN($C6436/24,0)+1,1)*INDEX($D$3:$AA$30,INDEX(Jesper!$R$2:$R$366,ROW(INDEX(Jesper!AH$2:AH$366,ROUNDDOWN($C6436/24,0)+1,1))-1)+IF('Standard Profiles'!$G$18=$B$10,7,0)+IF('Standard Profiles'!$G$18=$B$17,14,0)+IF('Standard Profiles'!$G$18=$B$24,21,0),MOD($C6436,24)+1)/SUM(INDEX($D$3:$AA$30,INDEX(Jesper!$R$2:$R$366,ROW(INDEX(Jesper!AH$2:AH$366,ROUNDDOWN($C6436/24,0)+1,1))-1)+IF('Standard Profiles'!$G$18=$B$10,7,0)+IF('Standard Profiles'!$G$18=$B$17,14,0)+IF('Standard Profiles'!$G$18=$B$24,21,0),0)),0)</f>
        <v>0</v>
      </c>
      <c r="E6436" cm="1">
        <f t="array" ref="E6436">IFERROR(INDEX(Jesper!AI$2:AI$366,ROUNDDOWN($C6436/24,0)+1,1)*INDEX($D$3:$AA$30,INDEX(Jesper!$R$2:$R$366,ROW(INDEX(Jesper!AI$2:AI$366,ROUNDDOWN($C6436/24,0)+1,1))-1)+IF('Standard Profiles'!$G$19=$B$10,7,0)+IF('Standard Profiles'!$G$19=$B$17,14,0)+IF('Standard Profiles'!$G$19=$B$24,21,0),MOD($C6436,24)+1)/SUM(INDEX($D$3:$AA$30,INDEX(Jesper!$R$2:$R$366,ROW(INDEX(Jesper!AI$2:AI$366,ROUNDDOWN($C6436/24,0)+1,1))-1)+IF('Standard Profiles'!$G$19=$B$10,7,0)+IF('Standard Profiles'!$G$19=$B$17,14,0)+IF('Standard Profiles'!$G$19=$B$24,21,0),0)),0)</f>
        <v>2.8526667808014734</v>
      </c>
      <c r="F6436" cm="1">
        <f t="array" ref="F6436">IFERROR(INDEX(Jesper!AJ$2:AJ$366,ROUNDDOWN($C6436/24,0)+1,1)*INDEX($D$3:$AA$30,INDEX(Jesper!$R$2:$R$366,ROW(INDEX(Jesper!AJ$2:AJ$366,ROUNDDOWN($C6436/24,0)+1,1))-1)+IF('Standard Profiles'!$G$20=$B$10,7,0)+IF('Standard Profiles'!$G$20=$B$17,14,0)+IF('Standard Profiles'!$G$20=$B$24,21,0),MOD($C6436,24)+1)/SUM(INDEX($D$3:$AA$30,INDEX(Jesper!$R$2:$R$366,ROW(INDEX(Jesper!AJ$2:AJ$366,ROUNDDOWN($C6436/24,0)+1,1))-1)+IF('Standard Profiles'!$G$20=$B$10,7,0)+IF('Standard Profiles'!$G$20=$B$17,14,0)+IF('Standard Profiles'!$G$20=$B$24,21,0),0)),0)</f>
        <v>1.5232699900800839</v>
      </c>
      <c r="G6436" cm="1">
        <f t="array" ref="G6436">IFERROR(INDEX(Jesper!AK$2:AK$366,ROUNDDOWN($C6436/24,0)+1,1)*INDEX($D$3:$AA$30,INDEX(Jesper!$R$2:$R$366,ROW(INDEX(Jesper!AK$2:AK$366,ROUNDDOWN($C6436/24,0)+1,1))-1)+IF('Standard Profiles'!$G$21=$B$10,7,0)+IF('Standard Profiles'!$G$21=$B$17,14,0)+IF('Standard Profiles'!$G$21=$B$24,21,0),MOD($C6436,24)+1)/SUM(INDEX($D$3:$AA$30,INDEX(Jesper!$R$2:$R$366,ROW(INDEX(Jesper!AK$2:AK$366,ROUNDDOWN($C6436/24,0)+1,1))-1)+IF('Standard Profiles'!$G$21=$B$10,7,0)+IF('Standard Profiles'!$G$21=$B$17,14,0)+IF('Standard Profiles'!$G$21=$B$24,21,0),0)),0)</f>
        <v>1.0236697092271712</v>
      </c>
      <c r="H6436" cm="1">
        <f t="array" ref="H6436">IFERROR(INDEX(Jesper!AL$2:AL$366,ROUNDDOWN($C6436/24,0)+1,1)*INDEX($D$3:$AA$30,INDEX(Jesper!$R$2:$R$366,ROW(INDEX(Jesper!AL$2:AL$366,ROUNDDOWN($C6436/24,0)+1,1))-1)+IF('Standard Profiles'!$G$22=$B$10,7,0)+IF('Standard Profiles'!$G$22=$B$17,14,0)+IF('Standard Profiles'!$G$22=$B$24,21,0),MOD($C6436,24)+1)/SUM(INDEX($D$3:$AA$30,INDEX(Jesper!$R$2:$R$366,ROW(INDEX(Jesper!AL$2:AL$366,ROUNDDOWN($C6436/24,0)+1,1))-1)+IF('Standard Profiles'!$G$22=$B$10,7,0)+IF('Standard Profiles'!$G$22=$B$17,14,0)+IF('Standard Profiles'!$G$22=$B$24,21,0),0)),0)</f>
        <v>0.564988160035788</v>
      </c>
      <c r="I6436">
        <f t="shared" si="720"/>
        <v>0.54238863363435674</v>
      </c>
      <c r="J6436">
        <f t="shared" si="721"/>
        <v>5.079885992813983</v>
      </c>
      <c r="K6436">
        <f t="shared" si="722"/>
        <v>0.22821334246411787</v>
      </c>
      <c r="L6436">
        <f t="shared" si="723"/>
        <v>0.11410667123205893</v>
      </c>
      <c r="M6436">
        <f t="shared" si="724"/>
        <v>0</v>
      </c>
      <c r="N6436" s="45">
        <f t="shared" ref="N6436:N6499" si="725">N6435+1/24</f>
        <v>45193.749999984473</v>
      </c>
    </row>
    <row r="6437" spans="2:14" x14ac:dyDescent="0.25">
      <c r="B6437">
        <f t="shared" si="719"/>
        <v>7</v>
      </c>
      <c r="C6437" s="16">
        <v>6403</v>
      </c>
      <c r="D6437" cm="1">
        <f t="array" ref="D6437">IFERROR(INDEX(Jesper!AH$2:AH$366,ROUNDDOWN($C6437/24,0)+1,1)*INDEX($D$3:$AA$30,INDEX(Jesper!$R$2:$R$366,ROW(INDEX(Jesper!AH$2:AH$366,ROUNDDOWN($C6437/24,0)+1,1))-1)+IF('Standard Profiles'!$G$18=$B$10,7,0)+IF('Standard Profiles'!$G$18=$B$17,14,0)+IF('Standard Profiles'!$G$18=$B$24,21,0),MOD($C6437,24)+1)/SUM(INDEX($D$3:$AA$30,INDEX(Jesper!$R$2:$R$366,ROW(INDEX(Jesper!AH$2:AH$366,ROUNDDOWN($C6437/24,0)+1,1))-1)+IF('Standard Profiles'!$G$18=$B$10,7,0)+IF('Standard Profiles'!$G$18=$B$17,14,0)+IF('Standard Profiles'!$G$18=$B$24,21,0),0)),0)</f>
        <v>0</v>
      </c>
      <c r="E6437" cm="1">
        <f t="array" ref="E6437">IFERROR(INDEX(Jesper!AI$2:AI$366,ROUNDDOWN($C6437/24,0)+1,1)*INDEX($D$3:$AA$30,INDEX(Jesper!$R$2:$R$366,ROW(INDEX(Jesper!AI$2:AI$366,ROUNDDOWN($C6437/24,0)+1,1))-1)+IF('Standard Profiles'!$G$19=$B$10,7,0)+IF('Standard Profiles'!$G$19=$B$17,14,0)+IF('Standard Profiles'!$G$19=$B$24,21,0),MOD($C6437,24)+1)/SUM(INDEX($D$3:$AA$30,INDEX(Jesper!$R$2:$R$366,ROW(INDEX(Jesper!AI$2:AI$366,ROUNDDOWN($C6437/24,0)+1,1))-1)+IF('Standard Profiles'!$G$19=$B$10,7,0)+IF('Standard Profiles'!$G$19=$B$17,14,0)+IF('Standard Profiles'!$G$19=$B$24,21,0),0)),0)</f>
        <v>2.8526667808014734</v>
      </c>
      <c r="F6437" cm="1">
        <f t="array" ref="F6437">IFERROR(INDEX(Jesper!AJ$2:AJ$366,ROUNDDOWN($C6437/24,0)+1,1)*INDEX($D$3:$AA$30,INDEX(Jesper!$R$2:$R$366,ROW(INDEX(Jesper!AJ$2:AJ$366,ROUNDDOWN($C6437/24,0)+1,1))-1)+IF('Standard Profiles'!$G$20=$B$10,7,0)+IF('Standard Profiles'!$G$20=$B$17,14,0)+IF('Standard Profiles'!$G$20=$B$24,21,0),MOD($C6437,24)+1)/SUM(INDEX($D$3:$AA$30,INDEX(Jesper!$R$2:$R$366,ROW(INDEX(Jesper!AJ$2:AJ$366,ROUNDDOWN($C6437/24,0)+1,1))-1)+IF('Standard Profiles'!$G$20=$B$10,7,0)+IF('Standard Profiles'!$G$20=$B$17,14,0)+IF('Standard Profiles'!$G$20=$B$24,21,0),0)),0)</f>
        <v>1.5232699900800839</v>
      </c>
      <c r="G6437" cm="1">
        <f t="array" ref="G6437">IFERROR(INDEX(Jesper!AK$2:AK$366,ROUNDDOWN($C6437/24,0)+1,1)*INDEX($D$3:$AA$30,INDEX(Jesper!$R$2:$R$366,ROW(INDEX(Jesper!AK$2:AK$366,ROUNDDOWN($C6437/24,0)+1,1))-1)+IF('Standard Profiles'!$G$21=$B$10,7,0)+IF('Standard Profiles'!$G$21=$B$17,14,0)+IF('Standard Profiles'!$G$21=$B$24,21,0),MOD($C6437,24)+1)/SUM(INDEX($D$3:$AA$30,INDEX(Jesper!$R$2:$R$366,ROW(INDEX(Jesper!AK$2:AK$366,ROUNDDOWN($C6437/24,0)+1,1))-1)+IF('Standard Profiles'!$G$21=$B$10,7,0)+IF('Standard Profiles'!$G$21=$B$17,14,0)+IF('Standard Profiles'!$G$21=$B$24,21,0),0)),0)</f>
        <v>1.0236697092271712</v>
      </c>
      <c r="H6437" cm="1">
        <f t="array" ref="H6437">IFERROR(INDEX(Jesper!AL$2:AL$366,ROUNDDOWN($C6437/24,0)+1,1)*INDEX($D$3:$AA$30,INDEX(Jesper!$R$2:$R$366,ROW(INDEX(Jesper!AL$2:AL$366,ROUNDDOWN($C6437/24,0)+1,1))-1)+IF('Standard Profiles'!$G$22=$B$10,7,0)+IF('Standard Profiles'!$G$22=$B$17,14,0)+IF('Standard Profiles'!$G$22=$B$24,21,0),MOD($C6437,24)+1)/SUM(INDEX($D$3:$AA$30,INDEX(Jesper!$R$2:$R$366,ROW(INDEX(Jesper!AL$2:AL$366,ROUNDDOWN($C6437/24,0)+1,1))-1)+IF('Standard Profiles'!$G$22=$B$10,7,0)+IF('Standard Profiles'!$G$22=$B$17,14,0)+IF('Standard Profiles'!$G$22=$B$24,21,0),0)),0)</f>
        <v>0.47510368003009451</v>
      </c>
      <c r="I6437">
        <f t="shared" si="720"/>
        <v>0.45609953282889099</v>
      </c>
      <c r="J6437">
        <f t="shared" si="721"/>
        <v>5.0762906136137556</v>
      </c>
      <c r="K6437">
        <f t="shared" si="722"/>
        <v>0.22821334246411787</v>
      </c>
      <c r="L6437">
        <f t="shared" si="723"/>
        <v>0.11410667123205893</v>
      </c>
      <c r="M6437">
        <f t="shared" si="724"/>
        <v>0</v>
      </c>
      <c r="N6437" s="45">
        <f t="shared" si="725"/>
        <v>45193.791666651137</v>
      </c>
    </row>
    <row r="6438" spans="2:14" x14ac:dyDescent="0.25">
      <c r="B6438">
        <f t="shared" si="719"/>
        <v>7</v>
      </c>
      <c r="C6438" s="16">
        <v>6404</v>
      </c>
      <c r="D6438" cm="1">
        <f t="array" ref="D6438">IFERROR(INDEX(Jesper!AH$2:AH$366,ROUNDDOWN($C6438/24,0)+1,1)*INDEX($D$3:$AA$30,INDEX(Jesper!$R$2:$R$366,ROW(INDEX(Jesper!AH$2:AH$366,ROUNDDOWN($C6438/24,0)+1,1))-1)+IF('Standard Profiles'!$G$18=$B$10,7,0)+IF('Standard Profiles'!$G$18=$B$17,14,0)+IF('Standard Profiles'!$G$18=$B$24,21,0),MOD($C6438,24)+1)/SUM(INDEX($D$3:$AA$30,INDEX(Jesper!$R$2:$R$366,ROW(INDEX(Jesper!AH$2:AH$366,ROUNDDOWN($C6438/24,0)+1,1))-1)+IF('Standard Profiles'!$G$18=$B$10,7,0)+IF('Standard Profiles'!$G$18=$B$17,14,0)+IF('Standard Profiles'!$G$18=$B$24,21,0),0)),0)</f>
        <v>0</v>
      </c>
      <c r="E6438" cm="1">
        <f t="array" ref="E6438">IFERROR(INDEX(Jesper!AI$2:AI$366,ROUNDDOWN($C6438/24,0)+1,1)*INDEX($D$3:$AA$30,INDEX(Jesper!$R$2:$R$366,ROW(INDEX(Jesper!AI$2:AI$366,ROUNDDOWN($C6438/24,0)+1,1))-1)+IF('Standard Profiles'!$G$19=$B$10,7,0)+IF('Standard Profiles'!$G$19=$B$17,14,0)+IF('Standard Profiles'!$G$19=$B$24,21,0),MOD($C6438,24)+1)/SUM(INDEX($D$3:$AA$30,INDEX(Jesper!$R$2:$R$366,ROW(INDEX(Jesper!AI$2:AI$366,ROUNDDOWN($C6438/24,0)+1,1))-1)+IF('Standard Profiles'!$G$19=$B$10,7,0)+IF('Standard Profiles'!$G$19=$B$17,14,0)+IF('Standard Profiles'!$G$19=$B$24,21,0),0)),0)</f>
        <v>2.8526667808014734</v>
      </c>
      <c r="F6438" cm="1">
        <f t="array" ref="F6438">IFERROR(INDEX(Jesper!AJ$2:AJ$366,ROUNDDOWN($C6438/24,0)+1,1)*INDEX($D$3:$AA$30,INDEX(Jesper!$R$2:$R$366,ROW(INDEX(Jesper!AJ$2:AJ$366,ROUNDDOWN($C6438/24,0)+1,1))-1)+IF('Standard Profiles'!$G$20=$B$10,7,0)+IF('Standard Profiles'!$G$20=$B$17,14,0)+IF('Standard Profiles'!$G$20=$B$24,21,0),MOD($C6438,24)+1)/SUM(INDEX($D$3:$AA$30,INDEX(Jesper!$R$2:$R$366,ROW(INDEX(Jesper!AJ$2:AJ$366,ROUNDDOWN($C6438/24,0)+1,1))-1)+IF('Standard Profiles'!$G$20=$B$10,7,0)+IF('Standard Profiles'!$G$20=$B$17,14,0)+IF('Standard Profiles'!$G$20=$B$24,21,0),0)),0)</f>
        <v>1.5232699900800839</v>
      </c>
      <c r="G6438" cm="1">
        <f t="array" ref="G6438">IFERROR(INDEX(Jesper!AK$2:AK$366,ROUNDDOWN($C6438/24,0)+1,1)*INDEX($D$3:$AA$30,INDEX(Jesper!$R$2:$R$366,ROW(INDEX(Jesper!AK$2:AK$366,ROUNDDOWN($C6438/24,0)+1,1))-1)+IF('Standard Profiles'!$G$21=$B$10,7,0)+IF('Standard Profiles'!$G$21=$B$17,14,0)+IF('Standard Profiles'!$G$21=$B$24,21,0),MOD($C6438,24)+1)/SUM(INDEX($D$3:$AA$30,INDEX(Jesper!$R$2:$R$366,ROW(INDEX(Jesper!AK$2:AK$366,ROUNDDOWN($C6438/24,0)+1,1))-1)+IF('Standard Profiles'!$G$21=$B$10,7,0)+IF('Standard Profiles'!$G$21=$B$17,14,0)+IF('Standard Profiles'!$G$21=$B$24,21,0),0)),0)</f>
        <v>1.0236697092271712</v>
      </c>
      <c r="H6438" cm="1">
        <f t="array" ref="H6438">IFERROR(INDEX(Jesper!AL$2:AL$366,ROUNDDOWN($C6438/24,0)+1,1)*INDEX($D$3:$AA$30,INDEX(Jesper!$R$2:$R$366,ROW(INDEX(Jesper!AL$2:AL$366,ROUNDDOWN($C6438/24,0)+1,1))-1)+IF('Standard Profiles'!$G$22=$B$10,7,0)+IF('Standard Profiles'!$G$22=$B$17,14,0)+IF('Standard Profiles'!$G$22=$B$24,21,0),MOD($C6438,24)+1)/SUM(INDEX($D$3:$AA$30,INDEX(Jesper!$R$2:$R$366,ROW(INDEX(Jesper!AL$2:AL$366,ROUNDDOWN($C6438/24,0)+1,1))-1)+IF('Standard Profiles'!$G$22=$B$10,7,0)+IF('Standard Profiles'!$G$22=$B$17,14,0)+IF('Standard Profiles'!$G$22=$B$24,21,0),0)),0)</f>
        <v>0.39805984002521427</v>
      </c>
      <c r="I6438">
        <f t="shared" si="720"/>
        <v>0.38213744642420588</v>
      </c>
      <c r="J6438">
        <f t="shared" si="721"/>
        <v>5.0732088600135601</v>
      </c>
      <c r="K6438">
        <f t="shared" si="722"/>
        <v>0.22821334246411787</v>
      </c>
      <c r="L6438">
        <f t="shared" si="723"/>
        <v>0.11410667123205893</v>
      </c>
      <c r="M6438">
        <f t="shared" si="724"/>
        <v>0</v>
      </c>
      <c r="N6438" s="45">
        <f t="shared" si="725"/>
        <v>45193.833333317802</v>
      </c>
    </row>
    <row r="6439" spans="2:14" x14ac:dyDescent="0.25">
      <c r="B6439">
        <f t="shared" si="719"/>
        <v>7</v>
      </c>
      <c r="C6439" s="16">
        <v>6405</v>
      </c>
      <c r="D6439" cm="1">
        <f t="array" ref="D6439">IFERROR(INDEX(Jesper!AH$2:AH$366,ROUNDDOWN($C6439/24,0)+1,1)*INDEX($D$3:$AA$30,INDEX(Jesper!$R$2:$R$366,ROW(INDEX(Jesper!AH$2:AH$366,ROUNDDOWN($C6439/24,0)+1,1))-1)+IF('Standard Profiles'!$G$18=$B$10,7,0)+IF('Standard Profiles'!$G$18=$B$17,14,0)+IF('Standard Profiles'!$G$18=$B$24,21,0),MOD($C6439,24)+1)/SUM(INDEX($D$3:$AA$30,INDEX(Jesper!$R$2:$R$366,ROW(INDEX(Jesper!AH$2:AH$366,ROUNDDOWN($C6439/24,0)+1,1))-1)+IF('Standard Profiles'!$G$18=$B$10,7,0)+IF('Standard Profiles'!$G$18=$B$17,14,0)+IF('Standard Profiles'!$G$18=$B$24,21,0),0)),0)</f>
        <v>0</v>
      </c>
      <c r="E6439" cm="1">
        <f t="array" ref="E6439">IFERROR(INDEX(Jesper!AI$2:AI$366,ROUNDDOWN($C6439/24,0)+1,1)*INDEX($D$3:$AA$30,INDEX(Jesper!$R$2:$R$366,ROW(INDEX(Jesper!AI$2:AI$366,ROUNDDOWN($C6439/24,0)+1,1))-1)+IF('Standard Profiles'!$G$19=$B$10,7,0)+IF('Standard Profiles'!$G$19=$B$17,14,0)+IF('Standard Profiles'!$G$19=$B$24,21,0),MOD($C6439,24)+1)/SUM(INDEX($D$3:$AA$30,INDEX(Jesper!$R$2:$R$366,ROW(INDEX(Jesper!AI$2:AI$366,ROUNDDOWN($C6439/24,0)+1,1))-1)+IF('Standard Profiles'!$G$19=$B$10,7,0)+IF('Standard Profiles'!$G$19=$B$17,14,0)+IF('Standard Profiles'!$G$19=$B$24,21,0),0)),0)</f>
        <v>2.8526667808014734</v>
      </c>
      <c r="F6439" cm="1">
        <f t="array" ref="F6439">IFERROR(INDEX(Jesper!AJ$2:AJ$366,ROUNDDOWN($C6439/24,0)+1,1)*INDEX($D$3:$AA$30,INDEX(Jesper!$R$2:$R$366,ROW(INDEX(Jesper!AJ$2:AJ$366,ROUNDDOWN($C6439/24,0)+1,1))-1)+IF('Standard Profiles'!$G$20=$B$10,7,0)+IF('Standard Profiles'!$G$20=$B$17,14,0)+IF('Standard Profiles'!$G$20=$B$24,21,0),MOD($C6439,24)+1)/SUM(INDEX($D$3:$AA$30,INDEX(Jesper!$R$2:$R$366,ROW(INDEX(Jesper!AJ$2:AJ$366,ROUNDDOWN($C6439/24,0)+1,1))-1)+IF('Standard Profiles'!$G$20=$B$10,7,0)+IF('Standard Profiles'!$G$20=$B$17,14,0)+IF('Standard Profiles'!$G$20=$B$24,21,0),0)),0)</f>
        <v>1.5232699900800839</v>
      </c>
      <c r="G6439" cm="1">
        <f t="array" ref="G6439">IFERROR(INDEX(Jesper!AK$2:AK$366,ROUNDDOWN($C6439/24,0)+1,1)*INDEX($D$3:$AA$30,INDEX(Jesper!$R$2:$R$366,ROW(INDEX(Jesper!AK$2:AK$366,ROUNDDOWN($C6439/24,0)+1,1))-1)+IF('Standard Profiles'!$G$21=$B$10,7,0)+IF('Standard Profiles'!$G$21=$B$17,14,0)+IF('Standard Profiles'!$G$21=$B$24,21,0),MOD($C6439,24)+1)/SUM(INDEX($D$3:$AA$30,INDEX(Jesper!$R$2:$R$366,ROW(INDEX(Jesper!AK$2:AK$366,ROUNDDOWN($C6439/24,0)+1,1))-1)+IF('Standard Profiles'!$G$21=$B$10,7,0)+IF('Standard Profiles'!$G$21=$B$17,14,0)+IF('Standard Profiles'!$G$21=$B$24,21,0),0)),0)</f>
        <v>1.0236697092271712</v>
      </c>
      <c r="H6439" cm="1">
        <f t="array" ref="H6439">IFERROR(INDEX(Jesper!AL$2:AL$366,ROUNDDOWN($C6439/24,0)+1,1)*INDEX($D$3:$AA$30,INDEX(Jesper!$R$2:$R$366,ROW(INDEX(Jesper!AL$2:AL$366,ROUNDDOWN($C6439/24,0)+1,1))-1)+IF('Standard Profiles'!$G$22=$B$10,7,0)+IF('Standard Profiles'!$G$22=$B$17,14,0)+IF('Standard Profiles'!$G$22=$B$24,21,0),MOD($C6439,24)+1)/SUM(INDEX($D$3:$AA$30,INDEX(Jesper!$R$2:$R$366,ROW(INDEX(Jesper!AL$2:AL$366,ROUNDDOWN($C6439/24,0)+1,1))-1)+IF('Standard Profiles'!$G$22=$B$10,7,0)+IF('Standard Profiles'!$G$22=$B$17,14,0)+IF('Standard Profiles'!$G$22=$B$24,21,0),0)),0)</f>
        <v>0.34669728002196087</v>
      </c>
      <c r="I6439">
        <f t="shared" si="720"/>
        <v>0.33282938882108259</v>
      </c>
      <c r="J6439">
        <f t="shared" si="721"/>
        <v>5.0711543576134295</v>
      </c>
      <c r="K6439">
        <f t="shared" si="722"/>
        <v>0.22821334246411787</v>
      </c>
      <c r="L6439">
        <f t="shared" si="723"/>
        <v>0.11410667123205893</v>
      </c>
      <c r="M6439">
        <f t="shared" si="724"/>
        <v>0</v>
      </c>
      <c r="N6439" s="45">
        <f t="shared" si="725"/>
        <v>45193.874999984466</v>
      </c>
    </row>
    <row r="6440" spans="2:14" x14ac:dyDescent="0.25">
      <c r="B6440">
        <f t="shared" si="719"/>
        <v>7</v>
      </c>
      <c r="C6440" s="16">
        <v>6406</v>
      </c>
      <c r="D6440" cm="1">
        <f t="array" ref="D6440">IFERROR(INDEX(Jesper!AH$2:AH$366,ROUNDDOWN($C6440/24,0)+1,1)*INDEX($D$3:$AA$30,INDEX(Jesper!$R$2:$R$366,ROW(INDEX(Jesper!AH$2:AH$366,ROUNDDOWN($C6440/24,0)+1,1))-1)+IF('Standard Profiles'!$G$18=$B$10,7,0)+IF('Standard Profiles'!$G$18=$B$17,14,0)+IF('Standard Profiles'!$G$18=$B$24,21,0),MOD($C6440,24)+1)/SUM(INDEX($D$3:$AA$30,INDEX(Jesper!$R$2:$R$366,ROW(INDEX(Jesper!AH$2:AH$366,ROUNDDOWN($C6440/24,0)+1,1))-1)+IF('Standard Profiles'!$G$18=$B$10,7,0)+IF('Standard Profiles'!$G$18=$B$17,14,0)+IF('Standard Profiles'!$G$18=$B$24,21,0),0)),0)</f>
        <v>0</v>
      </c>
      <c r="E6440" cm="1">
        <f t="array" ref="E6440">IFERROR(INDEX(Jesper!AI$2:AI$366,ROUNDDOWN($C6440/24,0)+1,1)*INDEX($D$3:$AA$30,INDEX(Jesper!$R$2:$R$366,ROW(INDEX(Jesper!AI$2:AI$366,ROUNDDOWN($C6440/24,0)+1,1))-1)+IF('Standard Profiles'!$G$19=$B$10,7,0)+IF('Standard Profiles'!$G$19=$B$17,14,0)+IF('Standard Profiles'!$G$19=$B$24,21,0),MOD($C6440,24)+1)/SUM(INDEX($D$3:$AA$30,INDEX(Jesper!$R$2:$R$366,ROW(INDEX(Jesper!AI$2:AI$366,ROUNDDOWN($C6440/24,0)+1,1))-1)+IF('Standard Profiles'!$G$19=$B$10,7,0)+IF('Standard Profiles'!$G$19=$B$17,14,0)+IF('Standard Profiles'!$G$19=$B$24,21,0),0)),0)</f>
        <v>2.8526667808014734</v>
      </c>
      <c r="F6440" cm="1">
        <f t="array" ref="F6440">IFERROR(INDEX(Jesper!AJ$2:AJ$366,ROUNDDOWN($C6440/24,0)+1,1)*INDEX($D$3:$AA$30,INDEX(Jesper!$R$2:$R$366,ROW(INDEX(Jesper!AJ$2:AJ$366,ROUNDDOWN($C6440/24,0)+1,1))-1)+IF('Standard Profiles'!$G$20=$B$10,7,0)+IF('Standard Profiles'!$G$20=$B$17,14,0)+IF('Standard Profiles'!$G$20=$B$24,21,0),MOD($C6440,24)+1)/SUM(INDEX($D$3:$AA$30,INDEX(Jesper!$R$2:$R$366,ROW(INDEX(Jesper!AJ$2:AJ$366,ROUNDDOWN($C6440/24,0)+1,1))-1)+IF('Standard Profiles'!$G$20=$B$10,7,0)+IF('Standard Profiles'!$G$20=$B$17,14,0)+IF('Standard Profiles'!$G$20=$B$24,21,0),0)),0)</f>
        <v>1.5232699900800839</v>
      </c>
      <c r="G6440" cm="1">
        <f t="array" ref="G6440">IFERROR(INDEX(Jesper!AK$2:AK$366,ROUNDDOWN($C6440/24,0)+1,1)*INDEX($D$3:$AA$30,INDEX(Jesper!$R$2:$R$366,ROW(INDEX(Jesper!AK$2:AK$366,ROUNDDOWN($C6440/24,0)+1,1))-1)+IF('Standard Profiles'!$G$21=$B$10,7,0)+IF('Standard Profiles'!$G$21=$B$17,14,0)+IF('Standard Profiles'!$G$21=$B$24,21,0),MOD($C6440,24)+1)/SUM(INDEX($D$3:$AA$30,INDEX(Jesper!$R$2:$R$366,ROW(INDEX(Jesper!AK$2:AK$366,ROUNDDOWN($C6440/24,0)+1,1))-1)+IF('Standard Profiles'!$G$21=$B$10,7,0)+IF('Standard Profiles'!$G$21=$B$17,14,0)+IF('Standard Profiles'!$G$21=$B$24,21,0),0)),0)</f>
        <v>1.0236697092271712</v>
      </c>
      <c r="H6440" cm="1">
        <f t="array" ref="H6440">IFERROR(INDEX(Jesper!AL$2:AL$366,ROUNDDOWN($C6440/24,0)+1,1)*INDEX($D$3:$AA$30,INDEX(Jesper!$R$2:$R$366,ROW(INDEX(Jesper!AL$2:AL$366,ROUNDDOWN($C6440/24,0)+1,1))-1)+IF('Standard Profiles'!$G$22=$B$10,7,0)+IF('Standard Profiles'!$G$22=$B$17,14,0)+IF('Standard Profiles'!$G$22=$B$24,21,0),MOD($C6440,24)+1)/SUM(INDEX($D$3:$AA$30,INDEX(Jesper!$R$2:$R$366,ROW(INDEX(Jesper!AL$2:AL$366,ROUNDDOWN($C6440/24,0)+1,1))-1)+IF('Standard Profiles'!$G$22=$B$10,7,0)+IF('Standard Profiles'!$G$22=$B$17,14,0)+IF('Standard Profiles'!$G$22=$B$24,21,0),0)),0)</f>
        <v>0.34669728002196087</v>
      </c>
      <c r="I6440">
        <f t="shared" si="720"/>
        <v>0.33282938882108259</v>
      </c>
      <c r="J6440">
        <f t="shared" si="721"/>
        <v>5.0711543576134295</v>
      </c>
      <c r="K6440">
        <f t="shared" si="722"/>
        <v>0.22821334246411787</v>
      </c>
      <c r="L6440">
        <f t="shared" si="723"/>
        <v>0.11410667123205893</v>
      </c>
      <c r="M6440">
        <f t="shared" si="724"/>
        <v>0</v>
      </c>
      <c r="N6440" s="45">
        <f t="shared" si="725"/>
        <v>45193.91666665113</v>
      </c>
    </row>
    <row r="6441" spans="2:14" x14ac:dyDescent="0.25">
      <c r="B6441">
        <f t="shared" si="719"/>
        <v>7</v>
      </c>
      <c r="C6441" s="16">
        <v>6407</v>
      </c>
      <c r="D6441" cm="1">
        <f t="array" ref="D6441">IFERROR(INDEX(Jesper!AH$2:AH$366,ROUNDDOWN($C6441/24,0)+1,1)*INDEX($D$3:$AA$30,INDEX(Jesper!$R$2:$R$366,ROW(INDEX(Jesper!AH$2:AH$366,ROUNDDOWN($C6441/24,0)+1,1))-1)+IF('Standard Profiles'!$G$18=$B$10,7,0)+IF('Standard Profiles'!$G$18=$B$17,14,0)+IF('Standard Profiles'!$G$18=$B$24,21,0),MOD($C6441,24)+1)/SUM(INDEX($D$3:$AA$30,INDEX(Jesper!$R$2:$R$366,ROW(INDEX(Jesper!AH$2:AH$366,ROUNDDOWN($C6441/24,0)+1,1))-1)+IF('Standard Profiles'!$G$18=$B$10,7,0)+IF('Standard Profiles'!$G$18=$B$17,14,0)+IF('Standard Profiles'!$G$18=$B$24,21,0),0)),0)</f>
        <v>0</v>
      </c>
      <c r="E6441" cm="1">
        <f t="array" ref="E6441">IFERROR(INDEX(Jesper!AI$2:AI$366,ROUNDDOWN($C6441/24,0)+1,1)*INDEX($D$3:$AA$30,INDEX(Jesper!$R$2:$R$366,ROW(INDEX(Jesper!AI$2:AI$366,ROUNDDOWN($C6441/24,0)+1,1))-1)+IF('Standard Profiles'!$G$19=$B$10,7,0)+IF('Standard Profiles'!$G$19=$B$17,14,0)+IF('Standard Profiles'!$G$19=$B$24,21,0),MOD($C6441,24)+1)/SUM(INDEX($D$3:$AA$30,INDEX(Jesper!$R$2:$R$366,ROW(INDEX(Jesper!AI$2:AI$366,ROUNDDOWN($C6441/24,0)+1,1))-1)+IF('Standard Profiles'!$G$19=$B$10,7,0)+IF('Standard Profiles'!$G$19=$B$17,14,0)+IF('Standard Profiles'!$G$19=$B$24,21,0),0)),0)</f>
        <v>2.8526667808014734</v>
      </c>
      <c r="F6441" cm="1">
        <f t="array" ref="F6441">IFERROR(INDEX(Jesper!AJ$2:AJ$366,ROUNDDOWN($C6441/24,0)+1,1)*INDEX($D$3:$AA$30,INDEX(Jesper!$R$2:$R$366,ROW(INDEX(Jesper!AJ$2:AJ$366,ROUNDDOWN($C6441/24,0)+1,1))-1)+IF('Standard Profiles'!$G$20=$B$10,7,0)+IF('Standard Profiles'!$G$20=$B$17,14,0)+IF('Standard Profiles'!$G$20=$B$24,21,0),MOD($C6441,24)+1)/SUM(INDEX($D$3:$AA$30,INDEX(Jesper!$R$2:$R$366,ROW(INDEX(Jesper!AJ$2:AJ$366,ROUNDDOWN($C6441/24,0)+1,1))-1)+IF('Standard Profiles'!$G$20=$B$10,7,0)+IF('Standard Profiles'!$G$20=$B$17,14,0)+IF('Standard Profiles'!$G$20=$B$24,21,0),0)),0)</f>
        <v>1.5232699900800839</v>
      </c>
      <c r="G6441" cm="1">
        <f t="array" ref="G6441">IFERROR(INDEX(Jesper!AK$2:AK$366,ROUNDDOWN($C6441/24,0)+1,1)*INDEX($D$3:$AA$30,INDEX(Jesper!$R$2:$R$366,ROW(INDEX(Jesper!AK$2:AK$366,ROUNDDOWN($C6441/24,0)+1,1))-1)+IF('Standard Profiles'!$G$21=$B$10,7,0)+IF('Standard Profiles'!$G$21=$B$17,14,0)+IF('Standard Profiles'!$G$21=$B$24,21,0),MOD($C6441,24)+1)/SUM(INDEX($D$3:$AA$30,INDEX(Jesper!$R$2:$R$366,ROW(INDEX(Jesper!AK$2:AK$366,ROUNDDOWN($C6441/24,0)+1,1))-1)+IF('Standard Profiles'!$G$21=$B$10,7,0)+IF('Standard Profiles'!$G$21=$B$17,14,0)+IF('Standard Profiles'!$G$21=$B$24,21,0),0)),0)</f>
        <v>1.0236697092271712</v>
      </c>
      <c r="H6441" cm="1">
        <f t="array" ref="H6441">IFERROR(INDEX(Jesper!AL$2:AL$366,ROUNDDOWN($C6441/24,0)+1,1)*INDEX($D$3:$AA$30,INDEX(Jesper!$R$2:$R$366,ROW(INDEX(Jesper!AL$2:AL$366,ROUNDDOWN($C6441/24,0)+1,1))-1)+IF('Standard Profiles'!$G$22=$B$10,7,0)+IF('Standard Profiles'!$G$22=$B$17,14,0)+IF('Standard Profiles'!$G$22=$B$24,21,0),MOD($C6441,24)+1)/SUM(INDEX($D$3:$AA$30,INDEX(Jesper!$R$2:$R$366,ROW(INDEX(Jesper!AL$2:AL$366,ROUNDDOWN($C6441/24,0)+1,1))-1)+IF('Standard Profiles'!$G$22=$B$10,7,0)+IF('Standard Profiles'!$G$22=$B$17,14,0)+IF('Standard Profiles'!$G$22=$B$24,21,0),0)),0)</f>
        <v>0.34669728002196087</v>
      </c>
      <c r="I6441">
        <f t="shared" si="720"/>
        <v>0.33282938882108259</v>
      </c>
      <c r="J6441">
        <f t="shared" si="721"/>
        <v>5.0711543576134295</v>
      </c>
      <c r="K6441">
        <f t="shared" si="722"/>
        <v>0.22821334246411787</v>
      </c>
      <c r="L6441">
        <f t="shared" si="723"/>
        <v>0.11410667123205893</v>
      </c>
      <c r="M6441">
        <f t="shared" si="724"/>
        <v>0</v>
      </c>
      <c r="N6441" s="45">
        <f t="shared" si="725"/>
        <v>45193.958333317794</v>
      </c>
    </row>
    <row r="6442" spans="2:14" x14ac:dyDescent="0.25">
      <c r="B6442">
        <f t="shared" si="719"/>
        <v>1</v>
      </c>
      <c r="C6442" s="16">
        <v>6408</v>
      </c>
      <c r="D6442" cm="1">
        <f t="array" ref="D6442">IFERROR(INDEX(Jesper!AH$2:AH$366,ROUNDDOWN($C6442/24,0)+1,1)*INDEX($D$3:$AA$30,INDEX(Jesper!$R$2:$R$366,ROW(INDEX(Jesper!AH$2:AH$366,ROUNDDOWN($C6442/24,0)+1,1))-1)+IF('Standard Profiles'!$G$18=$B$10,7,0)+IF('Standard Profiles'!$G$18=$B$17,14,0)+IF('Standard Profiles'!$G$18=$B$24,21,0),MOD($C6442,24)+1)/SUM(INDEX($D$3:$AA$30,INDEX(Jesper!$R$2:$R$366,ROW(INDEX(Jesper!AH$2:AH$366,ROUNDDOWN($C6442/24,0)+1,1))-1)+IF('Standard Profiles'!$G$18=$B$10,7,0)+IF('Standard Profiles'!$G$18=$B$17,14,0)+IF('Standard Profiles'!$G$18=$B$24,21,0),0)),0)</f>
        <v>5.2841804961928824</v>
      </c>
      <c r="E6442" cm="1">
        <f t="array" ref="E6442">IFERROR(INDEX(Jesper!AI$2:AI$366,ROUNDDOWN($C6442/24,0)+1,1)*INDEX($D$3:$AA$30,INDEX(Jesper!$R$2:$R$366,ROW(INDEX(Jesper!AI$2:AI$366,ROUNDDOWN($C6442/24,0)+1,1))-1)+IF('Standard Profiles'!$G$19=$B$10,7,0)+IF('Standard Profiles'!$G$19=$B$17,14,0)+IF('Standard Profiles'!$G$19=$B$24,21,0),MOD($C6442,24)+1)/SUM(INDEX($D$3:$AA$30,INDEX(Jesper!$R$2:$R$366,ROW(INDEX(Jesper!AI$2:AI$366,ROUNDDOWN($C6442/24,0)+1,1))-1)+IF('Standard Profiles'!$G$19=$B$10,7,0)+IF('Standard Profiles'!$G$19=$B$17,14,0)+IF('Standard Profiles'!$G$19=$B$24,21,0),0)),0)</f>
        <v>2.4640158590796273</v>
      </c>
      <c r="F6442" cm="1">
        <f t="array" ref="F6442">IFERROR(INDEX(Jesper!AJ$2:AJ$366,ROUNDDOWN($C6442/24,0)+1,1)*INDEX($D$3:$AA$30,INDEX(Jesper!$R$2:$R$366,ROW(INDEX(Jesper!AJ$2:AJ$366,ROUNDDOWN($C6442/24,0)+1,1))-1)+IF('Standard Profiles'!$G$20=$B$10,7,0)+IF('Standard Profiles'!$G$20=$B$17,14,0)+IF('Standard Profiles'!$G$20=$B$24,21,0),MOD($C6442,24)+1)/SUM(INDEX($D$3:$AA$30,INDEX(Jesper!$R$2:$R$366,ROW(INDEX(Jesper!AJ$2:AJ$366,ROUNDDOWN($C6442/24,0)+1,1))-1)+IF('Standard Profiles'!$G$20=$B$10,7,0)+IF('Standard Profiles'!$G$20=$B$17,14,0)+IF('Standard Profiles'!$G$20=$B$24,21,0),0)),0)</f>
        <v>0</v>
      </c>
      <c r="G6442" cm="1">
        <f t="array" ref="G6442">IFERROR(INDEX(Jesper!AK$2:AK$366,ROUNDDOWN($C6442/24,0)+1,1)*INDEX($D$3:$AA$30,INDEX(Jesper!$R$2:$R$366,ROW(INDEX(Jesper!AK$2:AK$366,ROUNDDOWN($C6442/24,0)+1,1))-1)+IF('Standard Profiles'!$G$21=$B$10,7,0)+IF('Standard Profiles'!$G$21=$B$17,14,0)+IF('Standard Profiles'!$G$21=$B$24,21,0),MOD($C6442,24)+1)/SUM(INDEX($D$3:$AA$30,INDEX(Jesper!$R$2:$R$366,ROW(INDEX(Jesper!AK$2:AK$366,ROUNDDOWN($C6442/24,0)+1,1))-1)+IF('Standard Profiles'!$G$21=$B$10,7,0)+IF('Standard Profiles'!$G$21=$B$17,14,0)+IF('Standard Profiles'!$G$21=$B$24,21,0),0)),0)</f>
        <v>0.41981573832467667</v>
      </c>
      <c r="H6442" cm="1">
        <f t="array" ref="H6442">IFERROR(INDEX(Jesper!AL$2:AL$366,ROUNDDOWN($C6442/24,0)+1,1)*INDEX($D$3:$AA$30,INDEX(Jesper!$R$2:$R$366,ROW(INDEX(Jesper!AL$2:AL$366,ROUNDDOWN($C6442/24,0)+1,1))-1)+IF('Standard Profiles'!$G$22=$B$10,7,0)+IF('Standard Profiles'!$G$22=$B$17,14,0)+IF('Standard Profiles'!$G$22=$B$24,21,0),MOD($C6442,24)+1)/SUM(INDEX($D$3:$AA$30,INDEX(Jesper!$R$2:$R$366,ROW(INDEX(Jesper!AL$2:AL$366,ROUNDDOWN($C6442/24,0)+1,1))-1)+IF('Standard Profiles'!$G$22=$B$10,7,0)+IF('Standard Profiles'!$G$22=$B$17,14,0)+IF('Standard Profiles'!$G$22=$B$24,21,0),0)),0)</f>
        <v>0</v>
      </c>
      <c r="I6442">
        <f t="shared" si="720"/>
        <v>0.2015115543958447</v>
      </c>
      <c r="J6442">
        <f t="shared" si="721"/>
        <v>7.1210316598104795</v>
      </c>
      <c r="K6442">
        <f t="shared" si="722"/>
        <v>0.56364591959390753</v>
      </c>
      <c r="L6442">
        <f t="shared" si="723"/>
        <v>0.28182295979695376</v>
      </c>
      <c r="M6442">
        <f t="shared" si="724"/>
        <v>0</v>
      </c>
      <c r="N6442" s="45">
        <f t="shared" si="725"/>
        <v>45193.999999984459</v>
      </c>
    </row>
    <row r="6443" spans="2:14" x14ac:dyDescent="0.25">
      <c r="B6443">
        <f t="shared" si="719"/>
        <v>1</v>
      </c>
      <c r="C6443" s="16">
        <v>6409</v>
      </c>
      <c r="D6443" cm="1">
        <f t="array" ref="D6443">IFERROR(INDEX(Jesper!AH$2:AH$366,ROUNDDOWN($C6443/24,0)+1,1)*INDEX($D$3:$AA$30,INDEX(Jesper!$R$2:$R$366,ROW(INDEX(Jesper!AH$2:AH$366,ROUNDDOWN($C6443/24,0)+1,1))-1)+IF('Standard Profiles'!$G$18=$B$10,7,0)+IF('Standard Profiles'!$G$18=$B$17,14,0)+IF('Standard Profiles'!$G$18=$B$24,21,0),MOD($C6443,24)+1)/SUM(INDEX($D$3:$AA$30,INDEX(Jesper!$R$2:$R$366,ROW(INDEX(Jesper!AH$2:AH$366,ROUNDDOWN($C6443/24,0)+1,1))-1)+IF('Standard Profiles'!$G$18=$B$10,7,0)+IF('Standard Profiles'!$G$18=$B$17,14,0)+IF('Standard Profiles'!$G$18=$B$24,21,0),0)),0)</f>
        <v>5.2841804961928824</v>
      </c>
      <c r="E6443" cm="1">
        <f t="array" ref="E6443">IFERROR(INDEX(Jesper!AI$2:AI$366,ROUNDDOWN($C6443/24,0)+1,1)*INDEX($D$3:$AA$30,INDEX(Jesper!$R$2:$R$366,ROW(INDEX(Jesper!AI$2:AI$366,ROUNDDOWN($C6443/24,0)+1,1))-1)+IF('Standard Profiles'!$G$19=$B$10,7,0)+IF('Standard Profiles'!$G$19=$B$17,14,0)+IF('Standard Profiles'!$G$19=$B$24,21,0),MOD($C6443,24)+1)/SUM(INDEX($D$3:$AA$30,INDEX(Jesper!$R$2:$R$366,ROW(INDEX(Jesper!AI$2:AI$366,ROUNDDOWN($C6443/24,0)+1,1))-1)+IF('Standard Profiles'!$G$19=$B$10,7,0)+IF('Standard Profiles'!$G$19=$B$17,14,0)+IF('Standard Profiles'!$G$19=$B$24,21,0),0)),0)</f>
        <v>2.4640158590796273</v>
      </c>
      <c r="F6443" cm="1">
        <f t="array" ref="F6443">IFERROR(INDEX(Jesper!AJ$2:AJ$366,ROUNDDOWN($C6443/24,0)+1,1)*INDEX($D$3:$AA$30,INDEX(Jesper!$R$2:$R$366,ROW(INDEX(Jesper!AJ$2:AJ$366,ROUNDDOWN($C6443/24,0)+1,1))-1)+IF('Standard Profiles'!$G$20=$B$10,7,0)+IF('Standard Profiles'!$G$20=$B$17,14,0)+IF('Standard Profiles'!$G$20=$B$24,21,0),MOD($C6443,24)+1)/SUM(INDEX($D$3:$AA$30,INDEX(Jesper!$R$2:$R$366,ROW(INDEX(Jesper!AJ$2:AJ$366,ROUNDDOWN($C6443/24,0)+1,1))-1)+IF('Standard Profiles'!$G$20=$B$10,7,0)+IF('Standard Profiles'!$G$20=$B$17,14,0)+IF('Standard Profiles'!$G$20=$B$24,21,0),0)),0)</f>
        <v>0</v>
      </c>
      <c r="G6443" cm="1">
        <f t="array" ref="G6443">IFERROR(INDEX(Jesper!AK$2:AK$366,ROUNDDOWN($C6443/24,0)+1,1)*INDEX($D$3:$AA$30,INDEX(Jesper!$R$2:$R$366,ROW(INDEX(Jesper!AK$2:AK$366,ROUNDDOWN($C6443/24,0)+1,1))-1)+IF('Standard Profiles'!$G$21=$B$10,7,0)+IF('Standard Profiles'!$G$21=$B$17,14,0)+IF('Standard Profiles'!$G$21=$B$24,21,0),MOD($C6443,24)+1)/SUM(INDEX($D$3:$AA$30,INDEX(Jesper!$R$2:$R$366,ROW(INDEX(Jesper!AK$2:AK$366,ROUNDDOWN($C6443/24,0)+1,1))-1)+IF('Standard Profiles'!$G$21=$B$10,7,0)+IF('Standard Profiles'!$G$21=$B$17,14,0)+IF('Standard Profiles'!$G$21=$B$24,21,0),0)),0)</f>
        <v>0.41981573832467667</v>
      </c>
      <c r="H6443" cm="1">
        <f t="array" ref="H6443">IFERROR(INDEX(Jesper!AL$2:AL$366,ROUNDDOWN($C6443/24,0)+1,1)*INDEX($D$3:$AA$30,INDEX(Jesper!$R$2:$R$366,ROW(INDEX(Jesper!AL$2:AL$366,ROUNDDOWN($C6443/24,0)+1,1))-1)+IF('Standard Profiles'!$G$22=$B$10,7,0)+IF('Standard Profiles'!$G$22=$B$17,14,0)+IF('Standard Profiles'!$G$22=$B$24,21,0),MOD($C6443,24)+1)/SUM(INDEX($D$3:$AA$30,INDEX(Jesper!$R$2:$R$366,ROW(INDEX(Jesper!AL$2:AL$366,ROUNDDOWN($C6443/24,0)+1,1))-1)+IF('Standard Profiles'!$G$22=$B$10,7,0)+IF('Standard Profiles'!$G$22=$B$17,14,0)+IF('Standard Profiles'!$G$22=$B$24,21,0),0)),0)</f>
        <v>0</v>
      </c>
      <c r="I6443">
        <f t="shared" si="720"/>
        <v>0.2015115543958447</v>
      </c>
      <c r="J6443">
        <f t="shared" si="721"/>
        <v>7.1210316598104795</v>
      </c>
      <c r="K6443">
        <f t="shared" si="722"/>
        <v>0.56364591959390753</v>
      </c>
      <c r="L6443">
        <f t="shared" si="723"/>
        <v>0.28182295979695376</v>
      </c>
      <c r="M6443">
        <f t="shared" si="724"/>
        <v>0</v>
      </c>
      <c r="N6443" s="45">
        <f t="shared" si="725"/>
        <v>45194.041666651123</v>
      </c>
    </row>
    <row r="6444" spans="2:14" x14ac:dyDescent="0.25">
      <c r="B6444">
        <f t="shared" si="719"/>
        <v>1</v>
      </c>
      <c r="C6444" s="16">
        <v>6410</v>
      </c>
      <c r="D6444" cm="1">
        <f t="array" ref="D6444">IFERROR(INDEX(Jesper!AH$2:AH$366,ROUNDDOWN($C6444/24,0)+1,1)*INDEX($D$3:$AA$30,INDEX(Jesper!$R$2:$R$366,ROW(INDEX(Jesper!AH$2:AH$366,ROUNDDOWN($C6444/24,0)+1,1))-1)+IF('Standard Profiles'!$G$18=$B$10,7,0)+IF('Standard Profiles'!$G$18=$B$17,14,0)+IF('Standard Profiles'!$G$18=$B$24,21,0),MOD($C6444,24)+1)/SUM(INDEX($D$3:$AA$30,INDEX(Jesper!$R$2:$R$366,ROW(INDEX(Jesper!AH$2:AH$366,ROUNDDOWN($C6444/24,0)+1,1))-1)+IF('Standard Profiles'!$G$18=$B$10,7,0)+IF('Standard Profiles'!$G$18=$B$17,14,0)+IF('Standard Profiles'!$G$18=$B$24,21,0),0)),0)</f>
        <v>5.2841804961928824</v>
      </c>
      <c r="E6444" cm="1">
        <f t="array" ref="E6444">IFERROR(INDEX(Jesper!AI$2:AI$366,ROUNDDOWN($C6444/24,0)+1,1)*INDEX($D$3:$AA$30,INDEX(Jesper!$R$2:$R$366,ROW(INDEX(Jesper!AI$2:AI$366,ROUNDDOWN($C6444/24,0)+1,1))-1)+IF('Standard Profiles'!$G$19=$B$10,7,0)+IF('Standard Profiles'!$G$19=$B$17,14,0)+IF('Standard Profiles'!$G$19=$B$24,21,0),MOD($C6444,24)+1)/SUM(INDEX($D$3:$AA$30,INDEX(Jesper!$R$2:$R$366,ROW(INDEX(Jesper!AI$2:AI$366,ROUNDDOWN($C6444/24,0)+1,1))-1)+IF('Standard Profiles'!$G$19=$B$10,7,0)+IF('Standard Profiles'!$G$19=$B$17,14,0)+IF('Standard Profiles'!$G$19=$B$24,21,0),0)),0)</f>
        <v>2.4640158590796273</v>
      </c>
      <c r="F6444" cm="1">
        <f t="array" ref="F6444">IFERROR(INDEX(Jesper!AJ$2:AJ$366,ROUNDDOWN($C6444/24,0)+1,1)*INDEX($D$3:$AA$30,INDEX(Jesper!$R$2:$R$366,ROW(INDEX(Jesper!AJ$2:AJ$366,ROUNDDOWN($C6444/24,0)+1,1))-1)+IF('Standard Profiles'!$G$20=$B$10,7,0)+IF('Standard Profiles'!$G$20=$B$17,14,0)+IF('Standard Profiles'!$G$20=$B$24,21,0),MOD($C6444,24)+1)/SUM(INDEX($D$3:$AA$30,INDEX(Jesper!$R$2:$R$366,ROW(INDEX(Jesper!AJ$2:AJ$366,ROUNDDOWN($C6444/24,0)+1,1))-1)+IF('Standard Profiles'!$G$20=$B$10,7,0)+IF('Standard Profiles'!$G$20=$B$17,14,0)+IF('Standard Profiles'!$G$20=$B$24,21,0),0)),0)</f>
        <v>0</v>
      </c>
      <c r="G6444" cm="1">
        <f t="array" ref="G6444">IFERROR(INDEX(Jesper!AK$2:AK$366,ROUNDDOWN($C6444/24,0)+1,1)*INDEX($D$3:$AA$30,INDEX(Jesper!$R$2:$R$366,ROW(INDEX(Jesper!AK$2:AK$366,ROUNDDOWN($C6444/24,0)+1,1))-1)+IF('Standard Profiles'!$G$21=$B$10,7,0)+IF('Standard Profiles'!$G$21=$B$17,14,0)+IF('Standard Profiles'!$G$21=$B$24,21,0),MOD($C6444,24)+1)/SUM(INDEX($D$3:$AA$30,INDEX(Jesper!$R$2:$R$366,ROW(INDEX(Jesper!AK$2:AK$366,ROUNDDOWN($C6444/24,0)+1,1))-1)+IF('Standard Profiles'!$G$21=$B$10,7,0)+IF('Standard Profiles'!$G$21=$B$17,14,0)+IF('Standard Profiles'!$G$21=$B$24,21,0),0)),0)</f>
        <v>0.41981573832467667</v>
      </c>
      <c r="H6444" cm="1">
        <f t="array" ref="H6444">IFERROR(INDEX(Jesper!AL$2:AL$366,ROUNDDOWN($C6444/24,0)+1,1)*INDEX($D$3:$AA$30,INDEX(Jesper!$R$2:$R$366,ROW(INDEX(Jesper!AL$2:AL$366,ROUNDDOWN($C6444/24,0)+1,1))-1)+IF('Standard Profiles'!$G$22=$B$10,7,0)+IF('Standard Profiles'!$G$22=$B$17,14,0)+IF('Standard Profiles'!$G$22=$B$24,21,0),MOD($C6444,24)+1)/SUM(INDEX($D$3:$AA$30,INDEX(Jesper!$R$2:$R$366,ROW(INDEX(Jesper!AL$2:AL$366,ROUNDDOWN($C6444/24,0)+1,1))-1)+IF('Standard Profiles'!$G$22=$B$10,7,0)+IF('Standard Profiles'!$G$22=$B$17,14,0)+IF('Standard Profiles'!$G$22=$B$24,21,0),0)),0)</f>
        <v>0</v>
      </c>
      <c r="I6444">
        <f t="shared" si="720"/>
        <v>0.2015115543958447</v>
      </c>
      <c r="J6444">
        <f t="shared" si="721"/>
        <v>7.1210316598104795</v>
      </c>
      <c r="K6444">
        <f t="shared" si="722"/>
        <v>0.56364591959390753</v>
      </c>
      <c r="L6444">
        <f t="shared" si="723"/>
        <v>0.28182295979695376</v>
      </c>
      <c r="M6444">
        <f t="shared" si="724"/>
        <v>0</v>
      </c>
      <c r="N6444" s="45">
        <f t="shared" si="725"/>
        <v>45194.083333317787</v>
      </c>
    </row>
    <row r="6445" spans="2:14" x14ac:dyDescent="0.25">
      <c r="B6445">
        <f t="shared" si="719"/>
        <v>1</v>
      </c>
      <c r="C6445" s="16">
        <v>6411</v>
      </c>
      <c r="D6445" cm="1">
        <f t="array" ref="D6445">IFERROR(INDEX(Jesper!AH$2:AH$366,ROUNDDOWN($C6445/24,0)+1,1)*INDEX($D$3:$AA$30,INDEX(Jesper!$R$2:$R$366,ROW(INDEX(Jesper!AH$2:AH$366,ROUNDDOWN($C6445/24,0)+1,1))-1)+IF('Standard Profiles'!$G$18=$B$10,7,0)+IF('Standard Profiles'!$G$18=$B$17,14,0)+IF('Standard Profiles'!$G$18=$B$24,21,0),MOD($C6445,24)+1)/SUM(INDEX($D$3:$AA$30,INDEX(Jesper!$R$2:$R$366,ROW(INDEX(Jesper!AH$2:AH$366,ROUNDDOWN($C6445/24,0)+1,1))-1)+IF('Standard Profiles'!$G$18=$B$10,7,0)+IF('Standard Profiles'!$G$18=$B$17,14,0)+IF('Standard Profiles'!$G$18=$B$24,21,0),0)),0)</f>
        <v>5.2841804961928824</v>
      </c>
      <c r="E6445" cm="1">
        <f t="array" ref="E6445">IFERROR(INDEX(Jesper!AI$2:AI$366,ROUNDDOWN($C6445/24,0)+1,1)*INDEX($D$3:$AA$30,INDEX(Jesper!$R$2:$R$366,ROW(INDEX(Jesper!AI$2:AI$366,ROUNDDOWN($C6445/24,0)+1,1))-1)+IF('Standard Profiles'!$G$19=$B$10,7,0)+IF('Standard Profiles'!$G$19=$B$17,14,0)+IF('Standard Profiles'!$G$19=$B$24,21,0),MOD($C6445,24)+1)/SUM(INDEX($D$3:$AA$30,INDEX(Jesper!$R$2:$R$366,ROW(INDEX(Jesper!AI$2:AI$366,ROUNDDOWN($C6445/24,0)+1,1))-1)+IF('Standard Profiles'!$G$19=$B$10,7,0)+IF('Standard Profiles'!$G$19=$B$17,14,0)+IF('Standard Profiles'!$G$19=$B$24,21,0),0)),0)</f>
        <v>2.4640158590796273</v>
      </c>
      <c r="F6445" cm="1">
        <f t="array" ref="F6445">IFERROR(INDEX(Jesper!AJ$2:AJ$366,ROUNDDOWN($C6445/24,0)+1,1)*INDEX($D$3:$AA$30,INDEX(Jesper!$R$2:$R$366,ROW(INDEX(Jesper!AJ$2:AJ$366,ROUNDDOWN($C6445/24,0)+1,1))-1)+IF('Standard Profiles'!$G$20=$B$10,7,0)+IF('Standard Profiles'!$G$20=$B$17,14,0)+IF('Standard Profiles'!$G$20=$B$24,21,0),MOD($C6445,24)+1)/SUM(INDEX($D$3:$AA$30,INDEX(Jesper!$R$2:$R$366,ROW(INDEX(Jesper!AJ$2:AJ$366,ROUNDDOWN($C6445/24,0)+1,1))-1)+IF('Standard Profiles'!$G$20=$B$10,7,0)+IF('Standard Profiles'!$G$20=$B$17,14,0)+IF('Standard Profiles'!$G$20=$B$24,21,0),0)),0)</f>
        <v>0</v>
      </c>
      <c r="G6445" cm="1">
        <f t="array" ref="G6445">IFERROR(INDEX(Jesper!AK$2:AK$366,ROUNDDOWN($C6445/24,0)+1,1)*INDEX($D$3:$AA$30,INDEX(Jesper!$R$2:$R$366,ROW(INDEX(Jesper!AK$2:AK$366,ROUNDDOWN($C6445/24,0)+1,1))-1)+IF('Standard Profiles'!$G$21=$B$10,7,0)+IF('Standard Profiles'!$G$21=$B$17,14,0)+IF('Standard Profiles'!$G$21=$B$24,21,0),MOD($C6445,24)+1)/SUM(INDEX($D$3:$AA$30,INDEX(Jesper!$R$2:$R$366,ROW(INDEX(Jesper!AK$2:AK$366,ROUNDDOWN($C6445/24,0)+1,1))-1)+IF('Standard Profiles'!$G$21=$B$10,7,0)+IF('Standard Profiles'!$G$21=$B$17,14,0)+IF('Standard Profiles'!$G$21=$B$24,21,0),0)),0)</f>
        <v>0.41981573832467667</v>
      </c>
      <c r="H6445" cm="1">
        <f t="array" ref="H6445">IFERROR(INDEX(Jesper!AL$2:AL$366,ROUNDDOWN($C6445/24,0)+1,1)*INDEX($D$3:$AA$30,INDEX(Jesper!$R$2:$R$366,ROW(INDEX(Jesper!AL$2:AL$366,ROUNDDOWN($C6445/24,0)+1,1))-1)+IF('Standard Profiles'!$G$22=$B$10,7,0)+IF('Standard Profiles'!$G$22=$B$17,14,0)+IF('Standard Profiles'!$G$22=$B$24,21,0),MOD($C6445,24)+1)/SUM(INDEX($D$3:$AA$30,INDEX(Jesper!$R$2:$R$366,ROW(INDEX(Jesper!AL$2:AL$366,ROUNDDOWN($C6445/24,0)+1,1))-1)+IF('Standard Profiles'!$G$22=$B$10,7,0)+IF('Standard Profiles'!$G$22=$B$17,14,0)+IF('Standard Profiles'!$G$22=$B$24,21,0),0)),0)</f>
        <v>0</v>
      </c>
      <c r="I6445">
        <f t="shared" si="720"/>
        <v>0.2015115543958447</v>
      </c>
      <c r="J6445">
        <f t="shared" si="721"/>
        <v>7.1210316598104795</v>
      </c>
      <c r="K6445">
        <f t="shared" si="722"/>
        <v>0.56364591959390753</v>
      </c>
      <c r="L6445">
        <f t="shared" si="723"/>
        <v>0.28182295979695376</v>
      </c>
      <c r="M6445">
        <f t="shared" si="724"/>
        <v>0</v>
      </c>
      <c r="N6445" s="45">
        <f t="shared" si="725"/>
        <v>45194.124999984451</v>
      </c>
    </row>
    <row r="6446" spans="2:14" x14ac:dyDescent="0.25">
      <c r="B6446">
        <f t="shared" si="719"/>
        <v>1</v>
      </c>
      <c r="C6446" s="16">
        <v>6412</v>
      </c>
      <c r="D6446" cm="1">
        <f t="array" ref="D6446">IFERROR(INDEX(Jesper!AH$2:AH$366,ROUNDDOWN($C6446/24,0)+1,1)*INDEX($D$3:$AA$30,INDEX(Jesper!$R$2:$R$366,ROW(INDEX(Jesper!AH$2:AH$366,ROUNDDOWN($C6446/24,0)+1,1))-1)+IF('Standard Profiles'!$G$18=$B$10,7,0)+IF('Standard Profiles'!$G$18=$B$17,14,0)+IF('Standard Profiles'!$G$18=$B$24,21,0),MOD($C6446,24)+1)/SUM(INDEX($D$3:$AA$30,INDEX(Jesper!$R$2:$R$366,ROW(INDEX(Jesper!AH$2:AH$366,ROUNDDOWN($C6446/24,0)+1,1))-1)+IF('Standard Profiles'!$G$18=$B$10,7,0)+IF('Standard Profiles'!$G$18=$B$17,14,0)+IF('Standard Profiles'!$G$18=$B$24,21,0),0)),0)</f>
        <v>5.2841804961928824</v>
      </c>
      <c r="E6446" cm="1">
        <f t="array" ref="E6446">IFERROR(INDEX(Jesper!AI$2:AI$366,ROUNDDOWN($C6446/24,0)+1,1)*INDEX($D$3:$AA$30,INDEX(Jesper!$R$2:$R$366,ROW(INDEX(Jesper!AI$2:AI$366,ROUNDDOWN($C6446/24,0)+1,1))-1)+IF('Standard Profiles'!$G$19=$B$10,7,0)+IF('Standard Profiles'!$G$19=$B$17,14,0)+IF('Standard Profiles'!$G$19=$B$24,21,0),MOD($C6446,24)+1)/SUM(INDEX($D$3:$AA$30,INDEX(Jesper!$R$2:$R$366,ROW(INDEX(Jesper!AI$2:AI$366,ROUNDDOWN($C6446/24,0)+1,1))-1)+IF('Standard Profiles'!$G$19=$B$10,7,0)+IF('Standard Profiles'!$G$19=$B$17,14,0)+IF('Standard Profiles'!$G$19=$B$24,21,0),0)),0)</f>
        <v>2.4640158590796273</v>
      </c>
      <c r="F6446" cm="1">
        <f t="array" ref="F6446">IFERROR(INDEX(Jesper!AJ$2:AJ$366,ROUNDDOWN($C6446/24,0)+1,1)*INDEX($D$3:$AA$30,INDEX(Jesper!$R$2:$R$366,ROW(INDEX(Jesper!AJ$2:AJ$366,ROUNDDOWN($C6446/24,0)+1,1))-1)+IF('Standard Profiles'!$G$20=$B$10,7,0)+IF('Standard Profiles'!$G$20=$B$17,14,0)+IF('Standard Profiles'!$G$20=$B$24,21,0),MOD($C6446,24)+1)/SUM(INDEX($D$3:$AA$30,INDEX(Jesper!$R$2:$R$366,ROW(INDEX(Jesper!AJ$2:AJ$366,ROUNDDOWN($C6446/24,0)+1,1))-1)+IF('Standard Profiles'!$G$20=$B$10,7,0)+IF('Standard Profiles'!$G$20=$B$17,14,0)+IF('Standard Profiles'!$G$20=$B$24,21,0),0)),0)</f>
        <v>0</v>
      </c>
      <c r="G6446" cm="1">
        <f t="array" ref="G6446">IFERROR(INDEX(Jesper!AK$2:AK$366,ROUNDDOWN($C6446/24,0)+1,1)*INDEX($D$3:$AA$30,INDEX(Jesper!$R$2:$R$366,ROW(INDEX(Jesper!AK$2:AK$366,ROUNDDOWN($C6446/24,0)+1,1))-1)+IF('Standard Profiles'!$G$21=$B$10,7,0)+IF('Standard Profiles'!$G$21=$B$17,14,0)+IF('Standard Profiles'!$G$21=$B$24,21,0),MOD($C6446,24)+1)/SUM(INDEX($D$3:$AA$30,INDEX(Jesper!$R$2:$R$366,ROW(INDEX(Jesper!AK$2:AK$366,ROUNDDOWN($C6446/24,0)+1,1))-1)+IF('Standard Profiles'!$G$21=$B$10,7,0)+IF('Standard Profiles'!$G$21=$B$17,14,0)+IF('Standard Profiles'!$G$21=$B$24,21,0),0)),0)</f>
        <v>0.41981573832467667</v>
      </c>
      <c r="H6446" cm="1">
        <f t="array" ref="H6446">IFERROR(INDEX(Jesper!AL$2:AL$366,ROUNDDOWN($C6446/24,0)+1,1)*INDEX($D$3:$AA$30,INDEX(Jesper!$R$2:$R$366,ROW(INDEX(Jesper!AL$2:AL$366,ROUNDDOWN($C6446/24,0)+1,1))-1)+IF('Standard Profiles'!$G$22=$B$10,7,0)+IF('Standard Profiles'!$G$22=$B$17,14,0)+IF('Standard Profiles'!$G$22=$B$24,21,0),MOD($C6446,24)+1)/SUM(INDEX($D$3:$AA$30,INDEX(Jesper!$R$2:$R$366,ROW(INDEX(Jesper!AL$2:AL$366,ROUNDDOWN($C6446/24,0)+1,1))-1)+IF('Standard Profiles'!$G$22=$B$10,7,0)+IF('Standard Profiles'!$G$22=$B$17,14,0)+IF('Standard Profiles'!$G$22=$B$24,21,0),0)),0)</f>
        <v>0</v>
      </c>
      <c r="I6446">
        <f t="shared" si="720"/>
        <v>0.2015115543958447</v>
      </c>
      <c r="J6446">
        <f t="shared" si="721"/>
        <v>7.1210316598104795</v>
      </c>
      <c r="K6446">
        <f t="shared" si="722"/>
        <v>0.56364591959390753</v>
      </c>
      <c r="L6446">
        <f t="shared" si="723"/>
        <v>0.28182295979695376</v>
      </c>
      <c r="M6446">
        <f t="shared" si="724"/>
        <v>0</v>
      </c>
      <c r="N6446" s="45">
        <f t="shared" si="725"/>
        <v>45194.166666651116</v>
      </c>
    </row>
    <row r="6447" spans="2:14" x14ac:dyDescent="0.25">
      <c r="B6447">
        <f t="shared" si="719"/>
        <v>1</v>
      </c>
      <c r="C6447" s="16">
        <v>6413</v>
      </c>
      <c r="D6447" cm="1">
        <f t="array" ref="D6447">IFERROR(INDEX(Jesper!AH$2:AH$366,ROUNDDOWN($C6447/24,0)+1,1)*INDEX($D$3:$AA$30,INDEX(Jesper!$R$2:$R$366,ROW(INDEX(Jesper!AH$2:AH$366,ROUNDDOWN($C6447/24,0)+1,1))-1)+IF('Standard Profiles'!$G$18=$B$10,7,0)+IF('Standard Profiles'!$G$18=$B$17,14,0)+IF('Standard Profiles'!$G$18=$B$24,21,0),MOD($C6447,24)+1)/SUM(INDEX($D$3:$AA$30,INDEX(Jesper!$R$2:$R$366,ROW(INDEX(Jesper!AH$2:AH$366,ROUNDDOWN($C6447/24,0)+1,1))-1)+IF('Standard Profiles'!$G$18=$B$10,7,0)+IF('Standard Profiles'!$G$18=$B$17,14,0)+IF('Standard Profiles'!$G$18=$B$24,21,0),0)),0)</f>
        <v>5.2841804961928824</v>
      </c>
      <c r="E6447" cm="1">
        <f t="array" ref="E6447">IFERROR(INDEX(Jesper!AI$2:AI$366,ROUNDDOWN($C6447/24,0)+1,1)*INDEX($D$3:$AA$30,INDEX(Jesper!$R$2:$R$366,ROW(INDEX(Jesper!AI$2:AI$366,ROUNDDOWN($C6447/24,0)+1,1))-1)+IF('Standard Profiles'!$G$19=$B$10,7,0)+IF('Standard Profiles'!$G$19=$B$17,14,0)+IF('Standard Profiles'!$G$19=$B$24,21,0),MOD($C6447,24)+1)/SUM(INDEX($D$3:$AA$30,INDEX(Jesper!$R$2:$R$366,ROW(INDEX(Jesper!AI$2:AI$366,ROUNDDOWN($C6447/24,0)+1,1))-1)+IF('Standard Profiles'!$G$19=$B$10,7,0)+IF('Standard Profiles'!$G$19=$B$17,14,0)+IF('Standard Profiles'!$G$19=$B$24,21,0),0)),0)</f>
        <v>2.4640158590796273</v>
      </c>
      <c r="F6447" cm="1">
        <f t="array" ref="F6447">IFERROR(INDEX(Jesper!AJ$2:AJ$366,ROUNDDOWN($C6447/24,0)+1,1)*INDEX($D$3:$AA$30,INDEX(Jesper!$R$2:$R$366,ROW(INDEX(Jesper!AJ$2:AJ$366,ROUNDDOWN($C6447/24,0)+1,1))-1)+IF('Standard Profiles'!$G$20=$B$10,7,0)+IF('Standard Profiles'!$G$20=$B$17,14,0)+IF('Standard Profiles'!$G$20=$B$24,21,0),MOD($C6447,24)+1)/SUM(INDEX($D$3:$AA$30,INDEX(Jesper!$R$2:$R$366,ROW(INDEX(Jesper!AJ$2:AJ$366,ROUNDDOWN($C6447/24,0)+1,1))-1)+IF('Standard Profiles'!$G$20=$B$10,7,0)+IF('Standard Profiles'!$G$20=$B$17,14,0)+IF('Standard Profiles'!$G$20=$B$24,21,0),0)),0)</f>
        <v>0</v>
      </c>
      <c r="G6447" cm="1">
        <f t="array" ref="G6447">IFERROR(INDEX(Jesper!AK$2:AK$366,ROUNDDOWN($C6447/24,0)+1,1)*INDEX($D$3:$AA$30,INDEX(Jesper!$R$2:$R$366,ROW(INDEX(Jesper!AK$2:AK$366,ROUNDDOWN($C6447/24,0)+1,1))-1)+IF('Standard Profiles'!$G$21=$B$10,7,0)+IF('Standard Profiles'!$G$21=$B$17,14,0)+IF('Standard Profiles'!$G$21=$B$24,21,0),MOD($C6447,24)+1)/SUM(INDEX($D$3:$AA$30,INDEX(Jesper!$R$2:$R$366,ROW(INDEX(Jesper!AK$2:AK$366,ROUNDDOWN($C6447/24,0)+1,1))-1)+IF('Standard Profiles'!$G$21=$B$10,7,0)+IF('Standard Profiles'!$G$21=$B$17,14,0)+IF('Standard Profiles'!$G$21=$B$24,21,0),0)),0)</f>
        <v>0.41981573832467667</v>
      </c>
      <c r="H6447" cm="1">
        <f t="array" ref="H6447">IFERROR(INDEX(Jesper!AL$2:AL$366,ROUNDDOWN($C6447/24,0)+1,1)*INDEX($D$3:$AA$30,INDEX(Jesper!$R$2:$R$366,ROW(INDEX(Jesper!AL$2:AL$366,ROUNDDOWN($C6447/24,0)+1,1))-1)+IF('Standard Profiles'!$G$22=$B$10,7,0)+IF('Standard Profiles'!$G$22=$B$17,14,0)+IF('Standard Profiles'!$G$22=$B$24,21,0),MOD($C6447,24)+1)/SUM(INDEX($D$3:$AA$30,INDEX(Jesper!$R$2:$R$366,ROW(INDEX(Jesper!AL$2:AL$366,ROUNDDOWN($C6447/24,0)+1,1))-1)+IF('Standard Profiles'!$G$22=$B$10,7,0)+IF('Standard Profiles'!$G$22=$B$17,14,0)+IF('Standard Profiles'!$G$22=$B$24,21,0),0)),0)</f>
        <v>0</v>
      </c>
      <c r="I6447">
        <f t="shared" si="720"/>
        <v>0.2015115543958447</v>
      </c>
      <c r="J6447">
        <f t="shared" si="721"/>
        <v>7.1210316598104795</v>
      </c>
      <c r="K6447">
        <f t="shared" si="722"/>
        <v>0.56364591959390753</v>
      </c>
      <c r="L6447">
        <f t="shared" si="723"/>
        <v>0.28182295979695376</v>
      </c>
      <c r="M6447">
        <f t="shared" si="724"/>
        <v>0</v>
      </c>
      <c r="N6447" s="45">
        <f t="shared" si="725"/>
        <v>45194.20833331778</v>
      </c>
    </row>
    <row r="6448" spans="2:14" x14ac:dyDescent="0.25">
      <c r="B6448">
        <f t="shared" si="719"/>
        <v>1</v>
      </c>
      <c r="C6448" s="16">
        <v>6414</v>
      </c>
      <c r="D6448" cm="1">
        <f t="array" ref="D6448">IFERROR(INDEX(Jesper!AH$2:AH$366,ROUNDDOWN($C6448/24,0)+1,1)*INDEX($D$3:$AA$30,INDEX(Jesper!$R$2:$R$366,ROW(INDEX(Jesper!AH$2:AH$366,ROUNDDOWN($C6448/24,0)+1,1))-1)+IF('Standard Profiles'!$G$18=$B$10,7,0)+IF('Standard Profiles'!$G$18=$B$17,14,0)+IF('Standard Profiles'!$G$18=$B$24,21,0),MOD($C6448,24)+1)/SUM(INDEX($D$3:$AA$30,INDEX(Jesper!$R$2:$R$366,ROW(INDEX(Jesper!AH$2:AH$366,ROUNDDOWN($C6448/24,0)+1,1))-1)+IF('Standard Profiles'!$G$18=$B$10,7,0)+IF('Standard Profiles'!$G$18=$B$17,14,0)+IF('Standard Profiles'!$G$18=$B$24,21,0),0)),0)</f>
        <v>5.2841804961928824</v>
      </c>
      <c r="E6448" cm="1">
        <f t="array" ref="E6448">IFERROR(INDEX(Jesper!AI$2:AI$366,ROUNDDOWN($C6448/24,0)+1,1)*INDEX($D$3:$AA$30,INDEX(Jesper!$R$2:$R$366,ROW(INDEX(Jesper!AI$2:AI$366,ROUNDDOWN($C6448/24,0)+1,1))-1)+IF('Standard Profiles'!$G$19=$B$10,7,0)+IF('Standard Profiles'!$G$19=$B$17,14,0)+IF('Standard Profiles'!$G$19=$B$24,21,0),MOD($C6448,24)+1)/SUM(INDEX($D$3:$AA$30,INDEX(Jesper!$R$2:$R$366,ROW(INDEX(Jesper!AI$2:AI$366,ROUNDDOWN($C6448/24,0)+1,1))-1)+IF('Standard Profiles'!$G$19=$B$10,7,0)+IF('Standard Profiles'!$G$19=$B$17,14,0)+IF('Standard Profiles'!$G$19=$B$24,21,0),0)),0)</f>
        <v>2.4640158590796273</v>
      </c>
      <c r="F6448" cm="1">
        <f t="array" ref="F6448">IFERROR(INDEX(Jesper!AJ$2:AJ$366,ROUNDDOWN($C6448/24,0)+1,1)*INDEX($D$3:$AA$30,INDEX(Jesper!$R$2:$R$366,ROW(INDEX(Jesper!AJ$2:AJ$366,ROUNDDOWN($C6448/24,0)+1,1))-1)+IF('Standard Profiles'!$G$20=$B$10,7,0)+IF('Standard Profiles'!$G$20=$B$17,14,0)+IF('Standard Profiles'!$G$20=$B$24,21,0),MOD($C6448,24)+1)/SUM(INDEX($D$3:$AA$30,INDEX(Jesper!$R$2:$R$366,ROW(INDEX(Jesper!AJ$2:AJ$366,ROUNDDOWN($C6448/24,0)+1,1))-1)+IF('Standard Profiles'!$G$20=$B$10,7,0)+IF('Standard Profiles'!$G$20=$B$17,14,0)+IF('Standard Profiles'!$G$20=$B$24,21,0),0)),0)</f>
        <v>0</v>
      </c>
      <c r="G6448" cm="1">
        <f t="array" ref="G6448">IFERROR(INDEX(Jesper!AK$2:AK$366,ROUNDDOWN($C6448/24,0)+1,1)*INDEX($D$3:$AA$30,INDEX(Jesper!$R$2:$R$366,ROW(INDEX(Jesper!AK$2:AK$366,ROUNDDOWN($C6448/24,0)+1,1))-1)+IF('Standard Profiles'!$G$21=$B$10,7,0)+IF('Standard Profiles'!$G$21=$B$17,14,0)+IF('Standard Profiles'!$G$21=$B$24,21,0),MOD($C6448,24)+1)/SUM(INDEX($D$3:$AA$30,INDEX(Jesper!$R$2:$R$366,ROW(INDEX(Jesper!AK$2:AK$366,ROUNDDOWN($C6448/24,0)+1,1))-1)+IF('Standard Profiles'!$G$21=$B$10,7,0)+IF('Standard Profiles'!$G$21=$B$17,14,0)+IF('Standard Profiles'!$G$21=$B$24,21,0),0)),0)</f>
        <v>0.41981573832467667</v>
      </c>
      <c r="H6448" cm="1">
        <f t="array" ref="H6448">IFERROR(INDEX(Jesper!AL$2:AL$366,ROUNDDOWN($C6448/24,0)+1,1)*INDEX($D$3:$AA$30,INDEX(Jesper!$R$2:$R$366,ROW(INDEX(Jesper!AL$2:AL$366,ROUNDDOWN($C6448/24,0)+1,1))-1)+IF('Standard Profiles'!$G$22=$B$10,7,0)+IF('Standard Profiles'!$G$22=$B$17,14,0)+IF('Standard Profiles'!$G$22=$B$24,21,0),MOD($C6448,24)+1)/SUM(INDEX($D$3:$AA$30,INDEX(Jesper!$R$2:$R$366,ROW(INDEX(Jesper!AL$2:AL$366,ROUNDDOWN($C6448/24,0)+1,1))-1)+IF('Standard Profiles'!$G$22=$B$10,7,0)+IF('Standard Profiles'!$G$22=$B$17,14,0)+IF('Standard Profiles'!$G$22=$B$24,21,0),0)),0)</f>
        <v>0</v>
      </c>
      <c r="I6448">
        <f t="shared" si="720"/>
        <v>0.2015115543958447</v>
      </c>
      <c r="J6448">
        <f t="shared" si="721"/>
        <v>7.1210316598104795</v>
      </c>
      <c r="K6448">
        <f t="shared" si="722"/>
        <v>0.56364591959390753</v>
      </c>
      <c r="L6448">
        <f t="shared" si="723"/>
        <v>0.28182295979695376</v>
      </c>
      <c r="M6448">
        <f t="shared" si="724"/>
        <v>0</v>
      </c>
      <c r="N6448" s="45">
        <f t="shared" si="725"/>
        <v>45194.249999984444</v>
      </c>
    </row>
    <row r="6449" spans="2:14" x14ac:dyDescent="0.25">
      <c r="B6449">
        <f t="shared" si="719"/>
        <v>1</v>
      </c>
      <c r="C6449" s="16">
        <v>6415</v>
      </c>
      <c r="D6449" cm="1">
        <f t="array" ref="D6449">IFERROR(INDEX(Jesper!AH$2:AH$366,ROUNDDOWN($C6449/24,0)+1,1)*INDEX($D$3:$AA$30,INDEX(Jesper!$R$2:$R$366,ROW(INDEX(Jesper!AH$2:AH$366,ROUNDDOWN($C6449/24,0)+1,1))-1)+IF('Standard Profiles'!$G$18=$B$10,7,0)+IF('Standard Profiles'!$G$18=$B$17,14,0)+IF('Standard Profiles'!$G$18=$B$24,21,0),MOD($C6449,24)+1)/SUM(INDEX($D$3:$AA$30,INDEX(Jesper!$R$2:$R$366,ROW(INDEX(Jesper!AH$2:AH$366,ROUNDDOWN($C6449/24,0)+1,1))-1)+IF('Standard Profiles'!$G$18=$B$10,7,0)+IF('Standard Profiles'!$G$18=$B$17,14,0)+IF('Standard Profiles'!$G$18=$B$24,21,0),0)),0)</f>
        <v>22.510608913781674</v>
      </c>
      <c r="E6449" cm="1">
        <f t="array" ref="E6449">IFERROR(INDEX(Jesper!AI$2:AI$366,ROUNDDOWN($C6449/24,0)+1,1)*INDEX($D$3:$AA$30,INDEX(Jesper!$R$2:$R$366,ROW(INDEX(Jesper!AI$2:AI$366,ROUNDDOWN($C6449/24,0)+1,1))-1)+IF('Standard Profiles'!$G$19=$B$10,7,0)+IF('Standard Profiles'!$G$19=$B$17,14,0)+IF('Standard Profiles'!$G$19=$B$24,21,0),MOD($C6449,24)+1)/SUM(INDEX($D$3:$AA$30,INDEX(Jesper!$R$2:$R$366,ROW(INDEX(Jesper!AI$2:AI$366,ROUNDDOWN($C6449/24,0)+1,1))-1)+IF('Standard Profiles'!$G$19=$B$10,7,0)+IF('Standard Profiles'!$G$19=$B$17,14,0)+IF('Standard Profiles'!$G$19=$B$24,21,0),0)),0)</f>
        <v>10.496707559679212</v>
      </c>
      <c r="F6449" cm="1">
        <f t="array" ref="F6449">IFERROR(INDEX(Jesper!AJ$2:AJ$366,ROUNDDOWN($C6449/24,0)+1,1)*INDEX($D$3:$AA$30,INDEX(Jesper!$R$2:$R$366,ROW(INDEX(Jesper!AJ$2:AJ$366,ROUNDDOWN($C6449/24,0)+1,1))-1)+IF('Standard Profiles'!$G$20=$B$10,7,0)+IF('Standard Profiles'!$G$20=$B$17,14,0)+IF('Standard Profiles'!$G$20=$B$24,21,0),MOD($C6449,24)+1)/SUM(INDEX($D$3:$AA$30,INDEX(Jesper!$R$2:$R$366,ROW(INDEX(Jesper!AJ$2:AJ$366,ROUNDDOWN($C6449/24,0)+1,1))-1)+IF('Standard Profiles'!$G$20=$B$10,7,0)+IF('Standard Profiles'!$G$20=$B$17,14,0)+IF('Standard Profiles'!$G$20=$B$24,21,0),0)),0)</f>
        <v>0</v>
      </c>
      <c r="G6449" cm="1">
        <f t="array" ref="G6449">IFERROR(INDEX(Jesper!AK$2:AK$366,ROUNDDOWN($C6449/24,0)+1,1)*INDEX($D$3:$AA$30,INDEX(Jesper!$R$2:$R$366,ROW(INDEX(Jesper!AK$2:AK$366,ROUNDDOWN($C6449/24,0)+1,1))-1)+IF('Standard Profiles'!$G$21=$B$10,7,0)+IF('Standard Profiles'!$G$21=$B$17,14,0)+IF('Standard Profiles'!$G$21=$B$24,21,0),MOD($C6449,24)+1)/SUM(INDEX($D$3:$AA$30,INDEX(Jesper!$R$2:$R$366,ROW(INDEX(Jesper!AK$2:AK$366,ROUNDDOWN($C6449/24,0)+1,1))-1)+IF('Standard Profiles'!$G$21=$B$10,7,0)+IF('Standard Profiles'!$G$21=$B$17,14,0)+IF('Standard Profiles'!$G$21=$B$24,21,0),0)),0)</f>
        <v>1.8261984617123432</v>
      </c>
      <c r="H6449" cm="1">
        <f t="array" ref="H6449">IFERROR(INDEX(Jesper!AL$2:AL$366,ROUNDDOWN($C6449/24,0)+1,1)*INDEX($D$3:$AA$30,INDEX(Jesper!$R$2:$R$366,ROW(INDEX(Jesper!AL$2:AL$366,ROUNDDOWN($C6449/24,0)+1,1))-1)+IF('Standard Profiles'!$G$22=$B$10,7,0)+IF('Standard Profiles'!$G$22=$B$17,14,0)+IF('Standard Profiles'!$G$22=$B$24,21,0),MOD($C6449,24)+1)/SUM(INDEX($D$3:$AA$30,INDEX(Jesper!$R$2:$R$366,ROW(INDEX(Jesper!AL$2:AL$366,ROUNDDOWN($C6449/24,0)+1,1))-1)+IF('Standard Profiles'!$G$22=$B$10,7,0)+IF('Standard Profiles'!$G$22=$B$17,14,0)+IF('Standard Profiles'!$G$22=$B$24,21,0),0)),0)</f>
        <v>0</v>
      </c>
      <c r="I6449">
        <f t="shared" si="720"/>
        <v>0.87657526162192434</v>
      </c>
      <c r="J6449">
        <f t="shared" si="721"/>
        <v>30.355242247346236</v>
      </c>
      <c r="K6449">
        <f t="shared" si="722"/>
        <v>2.4011316174700452</v>
      </c>
      <c r="L6449">
        <f t="shared" si="723"/>
        <v>1.2005658087350226</v>
      </c>
      <c r="M6449">
        <f t="shared" si="724"/>
        <v>0</v>
      </c>
      <c r="N6449" s="45">
        <f t="shared" si="725"/>
        <v>45194.291666651108</v>
      </c>
    </row>
    <row r="6450" spans="2:14" x14ac:dyDescent="0.25">
      <c r="B6450">
        <f t="shared" si="719"/>
        <v>1</v>
      </c>
      <c r="C6450" s="16">
        <v>6416</v>
      </c>
      <c r="D6450" cm="1">
        <f t="array" ref="D6450">IFERROR(INDEX(Jesper!AH$2:AH$366,ROUNDDOWN($C6450/24,0)+1,1)*INDEX($D$3:$AA$30,INDEX(Jesper!$R$2:$R$366,ROW(INDEX(Jesper!AH$2:AH$366,ROUNDDOWN($C6450/24,0)+1,1))-1)+IF('Standard Profiles'!$G$18=$B$10,7,0)+IF('Standard Profiles'!$G$18=$B$17,14,0)+IF('Standard Profiles'!$G$18=$B$24,21,0),MOD($C6450,24)+1)/SUM(INDEX($D$3:$AA$30,INDEX(Jesper!$R$2:$R$366,ROW(INDEX(Jesper!AH$2:AH$366,ROUNDDOWN($C6450/24,0)+1,1))-1)+IF('Standard Profiles'!$G$18=$B$10,7,0)+IF('Standard Profiles'!$G$18=$B$17,14,0)+IF('Standard Profiles'!$G$18=$B$24,21,0),0)),0)</f>
        <v>25.324435028004388</v>
      </c>
      <c r="E6450" cm="1">
        <f t="array" ref="E6450">IFERROR(INDEX(Jesper!AI$2:AI$366,ROUNDDOWN($C6450/24,0)+1,1)*INDEX($D$3:$AA$30,INDEX(Jesper!$R$2:$R$366,ROW(INDEX(Jesper!AI$2:AI$366,ROUNDDOWN($C6450/24,0)+1,1))-1)+IF('Standard Profiles'!$G$19=$B$10,7,0)+IF('Standard Profiles'!$G$19=$B$17,14,0)+IF('Standard Profiles'!$G$19=$B$24,21,0),MOD($C6450,24)+1)/SUM(INDEX($D$3:$AA$30,INDEX(Jesper!$R$2:$R$366,ROW(INDEX(Jesper!AI$2:AI$366,ROUNDDOWN($C6450/24,0)+1,1))-1)+IF('Standard Profiles'!$G$19=$B$10,7,0)+IF('Standard Profiles'!$G$19=$B$17,14,0)+IF('Standard Profiles'!$G$19=$B$24,21,0),0)),0)</f>
        <v>11.808796004639113</v>
      </c>
      <c r="F6450" cm="1">
        <f t="array" ref="F6450">IFERROR(INDEX(Jesper!AJ$2:AJ$366,ROUNDDOWN($C6450/24,0)+1,1)*INDEX($D$3:$AA$30,INDEX(Jesper!$R$2:$R$366,ROW(INDEX(Jesper!AJ$2:AJ$366,ROUNDDOWN($C6450/24,0)+1,1))-1)+IF('Standard Profiles'!$G$20=$B$10,7,0)+IF('Standard Profiles'!$G$20=$B$17,14,0)+IF('Standard Profiles'!$G$20=$B$24,21,0),MOD($C6450,24)+1)/SUM(INDEX($D$3:$AA$30,INDEX(Jesper!$R$2:$R$366,ROW(INDEX(Jesper!AJ$2:AJ$366,ROUNDDOWN($C6450/24,0)+1,1))-1)+IF('Standard Profiles'!$G$20=$B$10,7,0)+IF('Standard Profiles'!$G$20=$B$17,14,0)+IF('Standard Profiles'!$G$20=$B$24,21,0),0)),0)</f>
        <v>0</v>
      </c>
      <c r="G6450" cm="1">
        <f t="array" ref="G6450">IFERROR(INDEX(Jesper!AK$2:AK$366,ROUNDDOWN($C6450/24,0)+1,1)*INDEX($D$3:$AA$30,INDEX(Jesper!$R$2:$R$366,ROW(INDEX(Jesper!AK$2:AK$366,ROUNDDOWN($C6450/24,0)+1,1))-1)+IF('Standard Profiles'!$G$21=$B$10,7,0)+IF('Standard Profiles'!$G$21=$B$17,14,0)+IF('Standard Profiles'!$G$21=$B$24,21,0),MOD($C6450,24)+1)/SUM(INDEX($D$3:$AA$30,INDEX(Jesper!$R$2:$R$366,ROW(INDEX(Jesper!AK$2:AK$366,ROUNDDOWN($C6450/24,0)+1,1))-1)+IF('Standard Profiles'!$G$21=$B$10,7,0)+IF('Standard Profiles'!$G$21=$B$17,14,0)+IF('Standard Profiles'!$G$21=$B$24,21,0),0)),0)</f>
        <v>2.0544732694263863</v>
      </c>
      <c r="H6450" cm="1">
        <f t="array" ref="H6450">IFERROR(INDEX(Jesper!AL$2:AL$366,ROUNDDOWN($C6450/24,0)+1,1)*INDEX($D$3:$AA$30,INDEX(Jesper!$R$2:$R$366,ROW(INDEX(Jesper!AL$2:AL$366,ROUNDDOWN($C6450/24,0)+1,1))-1)+IF('Standard Profiles'!$G$22=$B$10,7,0)+IF('Standard Profiles'!$G$22=$B$17,14,0)+IF('Standard Profiles'!$G$22=$B$24,21,0),MOD($C6450,24)+1)/SUM(INDEX($D$3:$AA$30,INDEX(Jesper!$R$2:$R$366,ROW(INDEX(Jesper!AL$2:AL$366,ROUNDDOWN($C6450/24,0)+1,1))-1)+IF('Standard Profiles'!$G$22=$B$10,7,0)+IF('Standard Profiles'!$G$22=$B$17,14,0)+IF('Standard Profiles'!$G$22=$B$24,21,0),0)),0)</f>
        <v>0</v>
      </c>
      <c r="I6450">
        <f t="shared" si="720"/>
        <v>0.98614716932466495</v>
      </c>
      <c r="J6450">
        <f t="shared" si="721"/>
        <v>34.149647528264516</v>
      </c>
      <c r="K6450">
        <f t="shared" si="722"/>
        <v>2.7012730696538014</v>
      </c>
      <c r="L6450">
        <f t="shared" si="723"/>
        <v>1.3506365348269007</v>
      </c>
      <c r="M6450">
        <f t="shared" si="724"/>
        <v>0</v>
      </c>
      <c r="N6450" s="45">
        <f t="shared" si="725"/>
        <v>45194.333333317772</v>
      </c>
    </row>
    <row r="6451" spans="2:14" x14ac:dyDescent="0.25">
      <c r="B6451">
        <f t="shared" si="719"/>
        <v>1</v>
      </c>
      <c r="C6451" s="16">
        <v>6417</v>
      </c>
      <c r="D6451" cm="1">
        <f t="array" ref="D6451">IFERROR(INDEX(Jesper!AH$2:AH$366,ROUNDDOWN($C6451/24,0)+1,1)*INDEX($D$3:$AA$30,INDEX(Jesper!$R$2:$R$366,ROW(INDEX(Jesper!AH$2:AH$366,ROUNDDOWN($C6451/24,0)+1,1))-1)+IF('Standard Profiles'!$G$18=$B$10,7,0)+IF('Standard Profiles'!$G$18=$B$17,14,0)+IF('Standard Profiles'!$G$18=$B$24,21,0),MOD($C6451,24)+1)/SUM(INDEX($D$3:$AA$30,INDEX(Jesper!$R$2:$R$366,ROW(INDEX(Jesper!AH$2:AH$366,ROUNDDOWN($C6451/24,0)+1,1))-1)+IF('Standard Profiles'!$G$18=$B$10,7,0)+IF('Standard Profiles'!$G$18=$B$17,14,0)+IF('Standard Profiles'!$G$18=$B$24,21,0),0)),0)</f>
        <v>28.138261142227098</v>
      </c>
      <c r="E6451" cm="1">
        <f t="array" ref="E6451">IFERROR(INDEX(Jesper!AI$2:AI$366,ROUNDDOWN($C6451/24,0)+1,1)*INDEX($D$3:$AA$30,INDEX(Jesper!$R$2:$R$366,ROW(INDEX(Jesper!AI$2:AI$366,ROUNDDOWN($C6451/24,0)+1,1))-1)+IF('Standard Profiles'!$G$19=$B$10,7,0)+IF('Standard Profiles'!$G$19=$B$17,14,0)+IF('Standard Profiles'!$G$19=$B$24,21,0),MOD($C6451,24)+1)/SUM(INDEX($D$3:$AA$30,INDEX(Jesper!$R$2:$R$366,ROW(INDEX(Jesper!AI$2:AI$366,ROUNDDOWN($C6451/24,0)+1,1))-1)+IF('Standard Profiles'!$G$19=$B$10,7,0)+IF('Standard Profiles'!$G$19=$B$17,14,0)+IF('Standard Profiles'!$G$19=$B$24,21,0),0)),0)</f>
        <v>13.120884449599014</v>
      </c>
      <c r="F6451" cm="1">
        <f t="array" ref="F6451">IFERROR(INDEX(Jesper!AJ$2:AJ$366,ROUNDDOWN($C6451/24,0)+1,1)*INDEX($D$3:$AA$30,INDEX(Jesper!$R$2:$R$366,ROW(INDEX(Jesper!AJ$2:AJ$366,ROUNDDOWN($C6451/24,0)+1,1))-1)+IF('Standard Profiles'!$G$20=$B$10,7,0)+IF('Standard Profiles'!$G$20=$B$17,14,0)+IF('Standard Profiles'!$G$20=$B$24,21,0),MOD($C6451,24)+1)/SUM(INDEX($D$3:$AA$30,INDEX(Jesper!$R$2:$R$366,ROW(INDEX(Jesper!AJ$2:AJ$366,ROUNDDOWN($C6451/24,0)+1,1))-1)+IF('Standard Profiles'!$G$20=$B$10,7,0)+IF('Standard Profiles'!$G$20=$B$17,14,0)+IF('Standard Profiles'!$G$20=$B$24,21,0),0)),0)</f>
        <v>0</v>
      </c>
      <c r="G6451" cm="1">
        <f t="array" ref="G6451">IFERROR(INDEX(Jesper!AK$2:AK$366,ROUNDDOWN($C6451/24,0)+1,1)*INDEX($D$3:$AA$30,INDEX(Jesper!$R$2:$R$366,ROW(INDEX(Jesper!AK$2:AK$366,ROUNDDOWN($C6451/24,0)+1,1))-1)+IF('Standard Profiles'!$G$21=$B$10,7,0)+IF('Standard Profiles'!$G$21=$B$17,14,0)+IF('Standard Profiles'!$G$21=$B$24,21,0),MOD($C6451,24)+1)/SUM(INDEX($D$3:$AA$30,INDEX(Jesper!$R$2:$R$366,ROW(INDEX(Jesper!AK$2:AK$366,ROUNDDOWN($C6451/24,0)+1,1))-1)+IF('Standard Profiles'!$G$21=$B$10,7,0)+IF('Standard Profiles'!$G$21=$B$17,14,0)+IF('Standard Profiles'!$G$21=$B$24,21,0),0)),0)</f>
        <v>2.2827480771404289</v>
      </c>
      <c r="H6451" cm="1">
        <f t="array" ref="H6451">IFERROR(INDEX(Jesper!AL$2:AL$366,ROUNDDOWN($C6451/24,0)+1,1)*INDEX($D$3:$AA$30,INDEX(Jesper!$R$2:$R$366,ROW(INDEX(Jesper!AL$2:AL$366,ROUNDDOWN($C6451/24,0)+1,1))-1)+IF('Standard Profiles'!$G$22=$B$10,7,0)+IF('Standard Profiles'!$G$22=$B$17,14,0)+IF('Standard Profiles'!$G$22=$B$24,21,0),MOD($C6451,24)+1)/SUM(INDEX($D$3:$AA$30,INDEX(Jesper!$R$2:$R$366,ROW(INDEX(Jesper!AL$2:AL$366,ROUNDDOWN($C6451/24,0)+1,1))-1)+IF('Standard Profiles'!$G$22=$B$10,7,0)+IF('Standard Profiles'!$G$22=$B$17,14,0)+IF('Standard Profiles'!$G$22=$B$24,21,0),0)),0)</f>
        <v>0</v>
      </c>
      <c r="I6451">
        <f t="shared" si="720"/>
        <v>1.0957190770274052</v>
      </c>
      <c r="J6451">
        <f t="shared" si="721"/>
        <v>37.9440528091828</v>
      </c>
      <c r="K6451">
        <f t="shared" si="722"/>
        <v>3.0014145218375572</v>
      </c>
      <c r="L6451">
        <f t="shared" si="723"/>
        <v>1.5007072609187786</v>
      </c>
      <c r="M6451">
        <f t="shared" si="724"/>
        <v>0</v>
      </c>
      <c r="N6451" s="45">
        <f t="shared" si="725"/>
        <v>45194.374999984437</v>
      </c>
    </row>
    <row r="6452" spans="2:14" x14ac:dyDescent="0.25">
      <c r="B6452">
        <f t="shared" si="719"/>
        <v>1</v>
      </c>
      <c r="C6452" s="16">
        <v>6418</v>
      </c>
      <c r="D6452" cm="1">
        <f t="array" ref="D6452">IFERROR(INDEX(Jesper!AH$2:AH$366,ROUNDDOWN($C6452/24,0)+1,1)*INDEX($D$3:$AA$30,INDEX(Jesper!$R$2:$R$366,ROW(INDEX(Jesper!AH$2:AH$366,ROUNDDOWN($C6452/24,0)+1,1))-1)+IF('Standard Profiles'!$G$18=$B$10,7,0)+IF('Standard Profiles'!$G$18=$B$17,14,0)+IF('Standard Profiles'!$G$18=$B$24,21,0),MOD($C6452,24)+1)/SUM(INDEX($D$3:$AA$30,INDEX(Jesper!$R$2:$R$366,ROW(INDEX(Jesper!AH$2:AH$366,ROUNDDOWN($C6452/24,0)+1,1))-1)+IF('Standard Profiles'!$G$18=$B$10,7,0)+IF('Standard Profiles'!$G$18=$B$17,14,0)+IF('Standard Profiles'!$G$18=$B$24,21,0),0)),0)</f>
        <v>28.138261142227098</v>
      </c>
      <c r="E6452" cm="1">
        <f t="array" ref="E6452">IFERROR(INDEX(Jesper!AI$2:AI$366,ROUNDDOWN($C6452/24,0)+1,1)*INDEX($D$3:$AA$30,INDEX(Jesper!$R$2:$R$366,ROW(INDEX(Jesper!AI$2:AI$366,ROUNDDOWN($C6452/24,0)+1,1))-1)+IF('Standard Profiles'!$G$19=$B$10,7,0)+IF('Standard Profiles'!$G$19=$B$17,14,0)+IF('Standard Profiles'!$G$19=$B$24,21,0),MOD($C6452,24)+1)/SUM(INDEX($D$3:$AA$30,INDEX(Jesper!$R$2:$R$366,ROW(INDEX(Jesper!AI$2:AI$366,ROUNDDOWN($C6452/24,0)+1,1))-1)+IF('Standard Profiles'!$G$19=$B$10,7,0)+IF('Standard Profiles'!$G$19=$B$17,14,0)+IF('Standard Profiles'!$G$19=$B$24,21,0),0)),0)</f>
        <v>13.120884449599014</v>
      </c>
      <c r="F6452" cm="1">
        <f t="array" ref="F6452">IFERROR(INDEX(Jesper!AJ$2:AJ$366,ROUNDDOWN($C6452/24,0)+1,1)*INDEX($D$3:$AA$30,INDEX(Jesper!$R$2:$R$366,ROW(INDEX(Jesper!AJ$2:AJ$366,ROUNDDOWN($C6452/24,0)+1,1))-1)+IF('Standard Profiles'!$G$20=$B$10,7,0)+IF('Standard Profiles'!$G$20=$B$17,14,0)+IF('Standard Profiles'!$G$20=$B$24,21,0),MOD($C6452,24)+1)/SUM(INDEX($D$3:$AA$30,INDEX(Jesper!$R$2:$R$366,ROW(INDEX(Jesper!AJ$2:AJ$366,ROUNDDOWN($C6452/24,0)+1,1))-1)+IF('Standard Profiles'!$G$20=$B$10,7,0)+IF('Standard Profiles'!$G$20=$B$17,14,0)+IF('Standard Profiles'!$G$20=$B$24,21,0),0)),0)</f>
        <v>0</v>
      </c>
      <c r="G6452" cm="1">
        <f t="array" ref="G6452">IFERROR(INDEX(Jesper!AK$2:AK$366,ROUNDDOWN($C6452/24,0)+1,1)*INDEX($D$3:$AA$30,INDEX(Jesper!$R$2:$R$366,ROW(INDEX(Jesper!AK$2:AK$366,ROUNDDOWN($C6452/24,0)+1,1))-1)+IF('Standard Profiles'!$G$21=$B$10,7,0)+IF('Standard Profiles'!$G$21=$B$17,14,0)+IF('Standard Profiles'!$G$21=$B$24,21,0),MOD($C6452,24)+1)/SUM(INDEX($D$3:$AA$30,INDEX(Jesper!$R$2:$R$366,ROW(INDEX(Jesper!AK$2:AK$366,ROUNDDOWN($C6452/24,0)+1,1))-1)+IF('Standard Profiles'!$G$21=$B$10,7,0)+IF('Standard Profiles'!$G$21=$B$17,14,0)+IF('Standard Profiles'!$G$21=$B$24,21,0),0)),0)</f>
        <v>2.2827480771404289</v>
      </c>
      <c r="H6452" cm="1">
        <f t="array" ref="H6452">IFERROR(INDEX(Jesper!AL$2:AL$366,ROUNDDOWN($C6452/24,0)+1,1)*INDEX($D$3:$AA$30,INDEX(Jesper!$R$2:$R$366,ROW(INDEX(Jesper!AL$2:AL$366,ROUNDDOWN($C6452/24,0)+1,1))-1)+IF('Standard Profiles'!$G$22=$B$10,7,0)+IF('Standard Profiles'!$G$22=$B$17,14,0)+IF('Standard Profiles'!$G$22=$B$24,21,0),MOD($C6452,24)+1)/SUM(INDEX($D$3:$AA$30,INDEX(Jesper!$R$2:$R$366,ROW(INDEX(Jesper!AL$2:AL$366,ROUNDDOWN($C6452/24,0)+1,1))-1)+IF('Standard Profiles'!$G$22=$B$10,7,0)+IF('Standard Profiles'!$G$22=$B$17,14,0)+IF('Standard Profiles'!$G$22=$B$24,21,0),0)),0)</f>
        <v>0</v>
      </c>
      <c r="I6452">
        <f t="shared" si="720"/>
        <v>1.0957190770274052</v>
      </c>
      <c r="J6452">
        <f t="shared" si="721"/>
        <v>37.9440528091828</v>
      </c>
      <c r="K6452">
        <f t="shared" si="722"/>
        <v>3.0014145218375572</v>
      </c>
      <c r="L6452">
        <f t="shared" si="723"/>
        <v>1.5007072609187786</v>
      </c>
      <c r="M6452">
        <f t="shared" si="724"/>
        <v>0</v>
      </c>
      <c r="N6452" s="45">
        <f t="shared" si="725"/>
        <v>45194.416666651101</v>
      </c>
    </row>
    <row r="6453" spans="2:14" x14ac:dyDescent="0.25">
      <c r="B6453">
        <f t="shared" si="719"/>
        <v>1</v>
      </c>
      <c r="C6453" s="16">
        <v>6419</v>
      </c>
      <c r="D6453" cm="1">
        <f t="array" ref="D6453">IFERROR(INDEX(Jesper!AH$2:AH$366,ROUNDDOWN($C6453/24,0)+1,1)*INDEX($D$3:$AA$30,INDEX(Jesper!$R$2:$R$366,ROW(INDEX(Jesper!AH$2:AH$366,ROUNDDOWN($C6453/24,0)+1,1))-1)+IF('Standard Profiles'!$G$18=$B$10,7,0)+IF('Standard Profiles'!$G$18=$B$17,14,0)+IF('Standard Profiles'!$G$18=$B$24,21,0),MOD($C6453,24)+1)/SUM(INDEX($D$3:$AA$30,INDEX(Jesper!$R$2:$R$366,ROW(INDEX(Jesper!AH$2:AH$366,ROUNDDOWN($C6453/24,0)+1,1))-1)+IF('Standard Profiles'!$G$18=$B$10,7,0)+IF('Standard Profiles'!$G$18=$B$17,14,0)+IF('Standard Profiles'!$G$18=$B$24,21,0),0)),0)</f>
        <v>33.765913370672507</v>
      </c>
      <c r="E6453" cm="1">
        <f t="array" ref="E6453">IFERROR(INDEX(Jesper!AI$2:AI$366,ROUNDDOWN($C6453/24,0)+1,1)*INDEX($D$3:$AA$30,INDEX(Jesper!$R$2:$R$366,ROW(INDEX(Jesper!AI$2:AI$366,ROUNDDOWN($C6453/24,0)+1,1))-1)+IF('Standard Profiles'!$G$19=$B$10,7,0)+IF('Standard Profiles'!$G$19=$B$17,14,0)+IF('Standard Profiles'!$G$19=$B$24,21,0),MOD($C6453,24)+1)/SUM(INDEX($D$3:$AA$30,INDEX(Jesper!$R$2:$R$366,ROW(INDEX(Jesper!AI$2:AI$366,ROUNDDOWN($C6453/24,0)+1,1))-1)+IF('Standard Profiles'!$G$19=$B$10,7,0)+IF('Standard Profiles'!$G$19=$B$17,14,0)+IF('Standard Profiles'!$G$19=$B$24,21,0),0)),0)</f>
        <v>15.745061339518815</v>
      </c>
      <c r="F6453" cm="1">
        <f t="array" ref="F6453">IFERROR(INDEX(Jesper!AJ$2:AJ$366,ROUNDDOWN($C6453/24,0)+1,1)*INDEX($D$3:$AA$30,INDEX(Jesper!$R$2:$R$366,ROW(INDEX(Jesper!AJ$2:AJ$366,ROUNDDOWN($C6453/24,0)+1,1))-1)+IF('Standard Profiles'!$G$20=$B$10,7,0)+IF('Standard Profiles'!$G$20=$B$17,14,0)+IF('Standard Profiles'!$G$20=$B$24,21,0),MOD($C6453,24)+1)/SUM(INDEX($D$3:$AA$30,INDEX(Jesper!$R$2:$R$366,ROW(INDEX(Jesper!AJ$2:AJ$366,ROUNDDOWN($C6453/24,0)+1,1))-1)+IF('Standard Profiles'!$G$20=$B$10,7,0)+IF('Standard Profiles'!$G$20=$B$17,14,0)+IF('Standard Profiles'!$G$20=$B$24,21,0),0)),0)</f>
        <v>0</v>
      </c>
      <c r="G6453" cm="1">
        <f t="array" ref="G6453">IFERROR(INDEX(Jesper!AK$2:AK$366,ROUNDDOWN($C6453/24,0)+1,1)*INDEX($D$3:$AA$30,INDEX(Jesper!$R$2:$R$366,ROW(INDEX(Jesper!AK$2:AK$366,ROUNDDOWN($C6453/24,0)+1,1))-1)+IF('Standard Profiles'!$G$21=$B$10,7,0)+IF('Standard Profiles'!$G$21=$B$17,14,0)+IF('Standard Profiles'!$G$21=$B$24,21,0),MOD($C6453,24)+1)/SUM(INDEX($D$3:$AA$30,INDEX(Jesper!$R$2:$R$366,ROW(INDEX(Jesper!AK$2:AK$366,ROUNDDOWN($C6453/24,0)+1,1))-1)+IF('Standard Profiles'!$G$21=$B$10,7,0)+IF('Standard Profiles'!$G$21=$B$17,14,0)+IF('Standard Profiles'!$G$21=$B$24,21,0),0)),0)</f>
        <v>2.7392976925685146</v>
      </c>
      <c r="H6453" cm="1">
        <f t="array" ref="H6453">IFERROR(INDEX(Jesper!AL$2:AL$366,ROUNDDOWN($C6453/24,0)+1,1)*INDEX($D$3:$AA$30,INDEX(Jesper!$R$2:$R$366,ROW(INDEX(Jesper!AL$2:AL$366,ROUNDDOWN($C6453/24,0)+1,1))-1)+IF('Standard Profiles'!$G$22=$B$10,7,0)+IF('Standard Profiles'!$G$22=$B$17,14,0)+IF('Standard Profiles'!$G$22=$B$24,21,0),MOD($C6453,24)+1)/SUM(INDEX($D$3:$AA$30,INDEX(Jesper!$R$2:$R$366,ROW(INDEX(Jesper!AL$2:AL$366,ROUNDDOWN($C6453/24,0)+1,1))-1)+IF('Standard Profiles'!$G$22=$B$10,7,0)+IF('Standard Profiles'!$G$22=$B$17,14,0)+IF('Standard Profiles'!$G$22=$B$24,21,0),0)),0)</f>
        <v>0</v>
      </c>
      <c r="I6453">
        <f t="shared" si="720"/>
        <v>1.3148628924328865</v>
      </c>
      <c r="J6453">
        <f t="shared" si="721"/>
        <v>45.532863371019346</v>
      </c>
      <c r="K6453">
        <f t="shared" si="722"/>
        <v>3.6016974262050678</v>
      </c>
      <c r="L6453">
        <f t="shared" si="723"/>
        <v>1.8008487131025339</v>
      </c>
      <c r="M6453">
        <f t="shared" si="724"/>
        <v>0</v>
      </c>
      <c r="N6453" s="45">
        <f t="shared" si="725"/>
        <v>45194.458333317765</v>
      </c>
    </row>
    <row r="6454" spans="2:14" x14ac:dyDescent="0.25">
      <c r="B6454">
        <f t="shared" si="719"/>
        <v>1</v>
      </c>
      <c r="C6454" s="16">
        <v>6420</v>
      </c>
      <c r="D6454" cm="1">
        <f t="array" ref="D6454">IFERROR(INDEX(Jesper!AH$2:AH$366,ROUNDDOWN($C6454/24,0)+1,1)*INDEX($D$3:$AA$30,INDEX(Jesper!$R$2:$R$366,ROW(INDEX(Jesper!AH$2:AH$366,ROUNDDOWN($C6454/24,0)+1,1))-1)+IF('Standard Profiles'!$G$18=$B$10,7,0)+IF('Standard Profiles'!$G$18=$B$17,14,0)+IF('Standard Profiles'!$G$18=$B$24,21,0),MOD($C6454,24)+1)/SUM(INDEX($D$3:$AA$30,INDEX(Jesper!$R$2:$R$366,ROW(INDEX(Jesper!AH$2:AH$366,ROUNDDOWN($C6454/24,0)+1,1))-1)+IF('Standard Profiles'!$G$18=$B$10,7,0)+IF('Standard Profiles'!$G$18=$B$17,14,0)+IF('Standard Profiles'!$G$18=$B$24,21,0),0)),0)</f>
        <v>33.765913370672507</v>
      </c>
      <c r="E6454" cm="1">
        <f t="array" ref="E6454">IFERROR(INDEX(Jesper!AI$2:AI$366,ROUNDDOWN($C6454/24,0)+1,1)*INDEX($D$3:$AA$30,INDEX(Jesper!$R$2:$R$366,ROW(INDEX(Jesper!AI$2:AI$366,ROUNDDOWN($C6454/24,0)+1,1))-1)+IF('Standard Profiles'!$G$19=$B$10,7,0)+IF('Standard Profiles'!$G$19=$B$17,14,0)+IF('Standard Profiles'!$G$19=$B$24,21,0),MOD($C6454,24)+1)/SUM(INDEX($D$3:$AA$30,INDEX(Jesper!$R$2:$R$366,ROW(INDEX(Jesper!AI$2:AI$366,ROUNDDOWN($C6454/24,0)+1,1))-1)+IF('Standard Profiles'!$G$19=$B$10,7,0)+IF('Standard Profiles'!$G$19=$B$17,14,0)+IF('Standard Profiles'!$G$19=$B$24,21,0),0)),0)</f>
        <v>15.745061339518815</v>
      </c>
      <c r="F6454" cm="1">
        <f t="array" ref="F6454">IFERROR(INDEX(Jesper!AJ$2:AJ$366,ROUNDDOWN($C6454/24,0)+1,1)*INDEX($D$3:$AA$30,INDEX(Jesper!$R$2:$R$366,ROW(INDEX(Jesper!AJ$2:AJ$366,ROUNDDOWN($C6454/24,0)+1,1))-1)+IF('Standard Profiles'!$G$20=$B$10,7,0)+IF('Standard Profiles'!$G$20=$B$17,14,0)+IF('Standard Profiles'!$G$20=$B$24,21,0),MOD($C6454,24)+1)/SUM(INDEX($D$3:$AA$30,INDEX(Jesper!$R$2:$R$366,ROW(INDEX(Jesper!AJ$2:AJ$366,ROUNDDOWN($C6454/24,0)+1,1))-1)+IF('Standard Profiles'!$G$20=$B$10,7,0)+IF('Standard Profiles'!$G$20=$B$17,14,0)+IF('Standard Profiles'!$G$20=$B$24,21,0),0)),0)</f>
        <v>0</v>
      </c>
      <c r="G6454" cm="1">
        <f t="array" ref="G6454">IFERROR(INDEX(Jesper!AK$2:AK$366,ROUNDDOWN($C6454/24,0)+1,1)*INDEX($D$3:$AA$30,INDEX(Jesper!$R$2:$R$366,ROW(INDEX(Jesper!AK$2:AK$366,ROUNDDOWN($C6454/24,0)+1,1))-1)+IF('Standard Profiles'!$G$21=$B$10,7,0)+IF('Standard Profiles'!$G$21=$B$17,14,0)+IF('Standard Profiles'!$G$21=$B$24,21,0),MOD($C6454,24)+1)/SUM(INDEX($D$3:$AA$30,INDEX(Jesper!$R$2:$R$366,ROW(INDEX(Jesper!AK$2:AK$366,ROUNDDOWN($C6454/24,0)+1,1))-1)+IF('Standard Profiles'!$G$21=$B$10,7,0)+IF('Standard Profiles'!$G$21=$B$17,14,0)+IF('Standard Profiles'!$G$21=$B$24,21,0),0)),0)</f>
        <v>2.7392976925685146</v>
      </c>
      <c r="H6454" cm="1">
        <f t="array" ref="H6454">IFERROR(INDEX(Jesper!AL$2:AL$366,ROUNDDOWN($C6454/24,0)+1,1)*INDEX($D$3:$AA$30,INDEX(Jesper!$R$2:$R$366,ROW(INDEX(Jesper!AL$2:AL$366,ROUNDDOWN($C6454/24,0)+1,1))-1)+IF('Standard Profiles'!$G$22=$B$10,7,0)+IF('Standard Profiles'!$G$22=$B$17,14,0)+IF('Standard Profiles'!$G$22=$B$24,21,0),MOD($C6454,24)+1)/SUM(INDEX($D$3:$AA$30,INDEX(Jesper!$R$2:$R$366,ROW(INDEX(Jesper!AL$2:AL$366,ROUNDDOWN($C6454/24,0)+1,1))-1)+IF('Standard Profiles'!$G$22=$B$10,7,0)+IF('Standard Profiles'!$G$22=$B$17,14,0)+IF('Standard Profiles'!$G$22=$B$24,21,0),0)),0)</f>
        <v>0</v>
      </c>
      <c r="I6454">
        <f t="shared" si="720"/>
        <v>1.3148628924328865</v>
      </c>
      <c r="J6454">
        <f t="shared" si="721"/>
        <v>45.532863371019346</v>
      </c>
      <c r="K6454">
        <f t="shared" si="722"/>
        <v>3.6016974262050678</v>
      </c>
      <c r="L6454">
        <f t="shared" si="723"/>
        <v>1.8008487131025339</v>
      </c>
      <c r="M6454">
        <f t="shared" si="724"/>
        <v>0</v>
      </c>
      <c r="N6454" s="45">
        <f t="shared" si="725"/>
        <v>45194.499999984429</v>
      </c>
    </row>
    <row r="6455" spans="2:14" x14ac:dyDescent="0.25">
      <c r="B6455">
        <f t="shared" si="719"/>
        <v>1</v>
      </c>
      <c r="C6455" s="16">
        <v>6421</v>
      </c>
      <c r="D6455" cm="1">
        <f t="array" ref="D6455">IFERROR(INDEX(Jesper!AH$2:AH$366,ROUNDDOWN($C6455/24,0)+1,1)*INDEX($D$3:$AA$30,INDEX(Jesper!$R$2:$R$366,ROW(INDEX(Jesper!AH$2:AH$366,ROUNDDOWN($C6455/24,0)+1,1))-1)+IF('Standard Profiles'!$G$18=$B$10,7,0)+IF('Standard Profiles'!$G$18=$B$17,14,0)+IF('Standard Profiles'!$G$18=$B$24,21,0),MOD($C6455,24)+1)/SUM(INDEX($D$3:$AA$30,INDEX(Jesper!$R$2:$R$366,ROW(INDEX(Jesper!AH$2:AH$366,ROUNDDOWN($C6455/24,0)+1,1))-1)+IF('Standard Profiles'!$G$18=$B$10,7,0)+IF('Standard Profiles'!$G$18=$B$17,14,0)+IF('Standard Profiles'!$G$18=$B$24,21,0),0)),0)</f>
        <v>22.510608913781674</v>
      </c>
      <c r="E6455" cm="1">
        <f t="array" ref="E6455">IFERROR(INDEX(Jesper!AI$2:AI$366,ROUNDDOWN($C6455/24,0)+1,1)*INDEX($D$3:$AA$30,INDEX(Jesper!$R$2:$R$366,ROW(INDEX(Jesper!AI$2:AI$366,ROUNDDOWN($C6455/24,0)+1,1))-1)+IF('Standard Profiles'!$G$19=$B$10,7,0)+IF('Standard Profiles'!$G$19=$B$17,14,0)+IF('Standard Profiles'!$G$19=$B$24,21,0),MOD($C6455,24)+1)/SUM(INDEX($D$3:$AA$30,INDEX(Jesper!$R$2:$R$366,ROW(INDEX(Jesper!AI$2:AI$366,ROUNDDOWN($C6455/24,0)+1,1))-1)+IF('Standard Profiles'!$G$19=$B$10,7,0)+IF('Standard Profiles'!$G$19=$B$17,14,0)+IF('Standard Profiles'!$G$19=$B$24,21,0),0)),0)</f>
        <v>10.496707559679212</v>
      </c>
      <c r="F6455" cm="1">
        <f t="array" ref="F6455">IFERROR(INDEX(Jesper!AJ$2:AJ$366,ROUNDDOWN($C6455/24,0)+1,1)*INDEX($D$3:$AA$30,INDEX(Jesper!$R$2:$R$366,ROW(INDEX(Jesper!AJ$2:AJ$366,ROUNDDOWN($C6455/24,0)+1,1))-1)+IF('Standard Profiles'!$G$20=$B$10,7,0)+IF('Standard Profiles'!$G$20=$B$17,14,0)+IF('Standard Profiles'!$G$20=$B$24,21,0),MOD($C6455,24)+1)/SUM(INDEX($D$3:$AA$30,INDEX(Jesper!$R$2:$R$366,ROW(INDEX(Jesper!AJ$2:AJ$366,ROUNDDOWN($C6455/24,0)+1,1))-1)+IF('Standard Profiles'!$G$20=$B$10,7,0)+IF('Standard Profiles'!$G$20=$B$17,14,0)+IF('Standard Profiles'!$G$20=$B$24,21,0),0)),0)</f>
        <v>0</v>
      </c>
      <c r="G6455" cm="1">
        <f t="array" ref="G6455">IFERROR(INDEX(Jesper!AK$2:AK$366,ROUNDDOWN($C6455/24,0)+1,1)*INDEX($D$3:$AA$30,INDEX(Jesper!$R$2:$R$366,ROW(INDEX(Jesper!AK$2:AK$366,ROUNDDOWN($C6455/24,0)+1,1))-1)+IF('Standard Profiles'!$G$21=$B$10,7,0)+IF('Standard Profiles'!$G$21=$B$17,14,0)+IF('Standard Profiles'!$G$21=$B$24,21,0),MOD($C6455,24)+1)/SUM(INDEX($D$3:$AA$30,INDEX(Jesper!$R$2:$R$366,ROW(INDEX(Jesper!AK$2:AK$366,ROUNDDOWN($C6455/24,0)+1,1))-1)+IF('Standard Profiles'!$G$21=$B$10,7,0)+IF('Standard Profiles'!$G$21=$B$17,14,0)+IF('Standard Profiles'!$G$21=$B$24,21,0),0)),0)</f>
        <v>1.8261984617123432</v>
      </c>
      <c r="H6455" cm="1">
        <f t="array" ref="H6455">IFERROR(INDEX(Jesper!AL$2:AL$366,ROUNDDOWN($C6455/24,0)+1,1)*INDEX($D$3:$AA$30,INDEX(Jesper!$R$2:$R$366,ROW(INDEX(Jesper!AL$2:AL$366,ROUNDDOWN($C6455/24,0)+1,1))-1)+IF('Standard Profiles'!$G$22=$B$10,7,0)+IF('Standard Profiles'!$G$22=$B$17,14,0)+IF('Standard Profiles'!$G$22=$B$24,21,0),MOD($C6455,24)+1)/SUM(INDEX($D$3:$AA$30,INDEX(Jesper!$R$2:$R$366,ROW(INDEX(Jesper!AL$2:AL$366,ROUNDDOWN($C6455/24,0)+1,1))-1)+IF('Standard Profiles'!$G$22=$B$10,7,0)+IF('Standard Profiles'!$G$22=$B$17,14,0)+IF('Standard Profiles'!$G$22=$B$24,21,0),0)),0)</f>
        <v>0</v>
      </c>
      <c r="I6455">
        <f t="shared" si="720"/>
        <v>0.87657526162192434</v>
      </c>
      <c r="J6455">
        <f t="shared" si="721"/>
        <v>30.355242247346236</v>
      </c>
      <c r="K6455">
        <f t="shared" si="722"/>
        <v>2.4011316174700452</v>
      </c>
      <c r="L6455">
        <f t="shared" si="723"/>
        <v>1.2005658087350226</v>
      </c>
      <c r="M6455">
        <f t="shared" si="724"/>
        <v>0</v>
      </c>
      <c r="N6455" s="45">
        <f t="shared" si="725"/>
        <v>45194.541666651094</v>
      </c>
    </row>
    <row r="6456" spans="2:14" x14ac:dyDescent="0.25">
      <c r="B6456">
        <f t="shared" si="719"/>
        <v>1</v>
      </c>
      <c r="C6456" s="16">
        <v>6422</v>
      </c>
      <c r="D6456" cm="1">
        <f t="array" ref="D6456">IFERROR(INDEX(Jesper!AH$2:AH$366,ROUNDDOWN($C6456/24,0)+1,1)*INDEX($D$3:$AA$30,INDEX(Jesper!$R$2:$R$366,ROW(INDEX(Jesper!AH$2:AH$366,ROUNDDOWN($C6456/24,0)+1,1))-1)+IF('Standard Profiles'!$G$18=$B$10,7,0)+IF('Standard Profiles'!$G$18=$B$17,14,0)+IF('Standard Profiles'!$G$18=$B$24,21,0),MOD($C6456,24)+1)/SUM(INDEX($D$3:$AA$30,INDEX(Jesper!$R$2:$R$366,ROW(INDEX(Jesper!AH$2:AH$366,ROUNDDOWN($C6456/24,0)+1,1))-1)+IF('Standard Profiles'!$G$18=$B$10,7,0)+IF('Standard Profiles'!$G$18=$B$17,14,0)+IF('Standard Profiles'!$G$18=$B$24,21,0),0)),0)</f>
        <v>33.765913370672507</v>
      </c>
      <c r="E6456" cm="1">
        <f t="array" ref="E6456">IFERROR(INDEX(Jesper!AI$2:AI$366,ROUNDDOWN($C6456/24,0)+1,1)*INDEX($D$3:$AA$30,INDEX(Jesper!$R$2:$R$366,ROW(INDEX(Jesper!AI$2:AI$366,ROUNDDOWN($C6456/24,0)+1,1))-1)+IF('Standard Profiles'!$G$19=$B$10,7,0)+IF('Standard Profiles'!$G$19=$B$17,14,0)+IF('Standard Profiles'!$G$19=$B$24,21,0),MOD($C6456,24)+1)/SUM(INDEX($D$3:$AA$30,INDEX(Jesper!$R$2:$R$366,ROW(INDEX(Jesper!AI$2:AI$366,ROUNDDOWN($C6456/24,0)+1,1))-1)+IF('Standard Profiles'!$G$19=$B$10,7,0)+IF('Standard Profiles'!$G$19=$B$17,14,0)+IF('Standard Profiles'!$G$19=$B$24,21,0),0)),0)</f>
        <v>15.745061339518815</v>
      </c>
      <c r="F6456" cm="1">
        <f t="array" ref="F6456">IFERROR(INDEX(Jesper!AJ$2:AJ$366,ROUNDDOWN($C6456/24,0)+1,1)*INDEX($D$3:$AA$30,INDEX(Jesper!$R$2:$R$366,ROW(INDEX(Jesper!AJ$2:AJ$366,ROUNDDOWN($C6456/24,0)+1,1))-1)+IF('Standard Profiles'!$G$20=$B$10,7,0)+IF('Standard Profiles'!$G$20=$B$17,14,0)+IF('Standard Profiles'!$G$20=$B$24,21,0),MOD($C6456,24)+1)/SUM(INDEX($D$3:$AA$30,INDEX(Jesper!$R$2:$R$366,ROW(INDEX(Jesper!AJ$2:AJ$366,ROUNDDOWN($C6456/24,0)+1,1))-1)+IF('Standard Profiles'!$G$20=$B$10,7,0)+IF('Standard Profiles'!$G$20=$B$17,14,0)+IF('Standard Profiles'!$G$20=$B$24,21,0),0)),0)</f>
        <v>0</v>
      </c>
      <c r="G6456" cm="1">
        <f t="array" ref="G6456">IFERROR(INDEX(Jesper!AK$2:AK$366,ROUNDDOWN($C6456/24,0)+1,1)*INDEX($D$3:$AA$30,INDEX(Jesper!$R$2:$R$366,ROW(INDEX(Jesper!AK$2:AK$366,ROUNDDOWN($C6456/24,0)+1,1))-1)+IF('Standard Profiles'!$G$21=$B$10,7,0)+IF('Standard Profiles'!$G$21=$B$17,14,0)+IF('Standard Profiles'!$G$21=$B$24,21,0),MOD($C6456,24)+1)/SUM(INDEX($D$3:$AA$30,INDEX(Jesper!$R$2:$R$366,ROW(INDEX(Jesper!AK$2:AK$366,ROUNDDOWN($C6456/24,0)+1,1))-1)+IF('Standard Profiles'!$G$21=$B$10,7,0)+IF('Standard Profiles'!$G$21=$B$17,14,0)+IF('Standard Profiles'!$G$21=$B$24,21,0),0)),0)</f>
        <v>2.7392976925685146</v>
      </c>
      <c r="H6456" cm="1">
        <f t="array" ref="H6456">IFERROR(INDEX(Jesper!AL$2:AL$366,ROUNDDOWN($C6456/24,0)+1,1)*INDEX($D$3:$AA$30,INDEX(Jesper!$R$2:$R$366,ROW(INDEX(Jesper!AL$2:AL$366,ROUNDDOWN($C6456/24,0)+1,1))-1)+IF('Standard Profiles'!$G$22=$B$10,7,0)+IF('Standard Profiles'!$G$22=$B$17,14,0)+IF('Standard Profiles'!$G$22=$B$24,21,0),MOD($C6456,24)+1)/SUM(INDEX($D$3:$AA$30,INDEX(Jesper!$R$2:$R$366,ROW(INDEX(Jesper!AL$2:AL$366,ROUNDDOWN($C6456/24,0)+1,1))-1)+IF('Standard Profiles'!$G$22=$B$10,7,0)+IF('Standard Profiles'!$G$22=$B$17,14,0)+IF('Standard Profiles'!$G$22=$B$24,21,0),0)),0)</f>
        <v>0</v>
      </c>
      <c r="I6456">
        <f t="shared" si="720"/>
        <v>1.3148628924328865</v>
      </c>
      <c r="J6456">
        <f t="shared" si="721"/>
        <v>45.532863371019346</v>
      </c>
      <c r="K6456">
        <f t="shared" si="722"/>
        <v>3.6016974262050678</v>
      </c>
      <c r="L6456">
        <f t="shared" si="723"/>
        <v>1.8008487131025339</v>
      </c>
      <c r="M6456">
        <f t="shared" si="724"/>
        <v>0</v>
      </c>
      <c r="N6456" s="45">
        <f t="shared" si="725"/>
        <v>45194.583333317758</v>
      </c>
    </row>
    <row r="6457" spans="2:14" x14ac:dyDescent="0.25">
      <c r="B6457">
        <f t="shared" si="719"/>
        <v>1</v>
      </c>
      <c r="C6457" s="16">
        <v>6423</v>
      </c>
      <c r="D6457" cm="1">
        <f t="array" ref="D6457">IFERROR(INDEX(Jesper!AH$2:AH$366,ROUNDDOWN($C6457/24,0)+1,1)*INDEX($D$3:$AA$30,INDEX(Jesper!$R$2:$R$366,ROW(INDEX(Jesper!AH$2:AH$366,ROUNDDOWN($C6457/24,0)+1,1))-1)+IF('Standard Profiles'!$G$18=$B$10,7,0)+IF('Standard Profiles'!$G$18=$B$17,14,0)+IF('Standard Profiles'!$G$18=$B$24,21,0),MOD($C6457,24)+1)/SUM(INDEX($D$3:$AA$30,INDEX(Jesper!$R$2:$R$366,ROW(INDEX(Jesper!AH$2:AH$366,ROUNDDOWN($C6457/24,0)+1,1))-1)+IF('Standard Profiles'!$G$18=$B$10,7,0)+IF('Standard Profiles'!$G$18=$B$17,14,0)+IF('Standard Profiles'!$G$18=$B$24,21,0),0)),0)</f>
        <v>33.765913370672507</v>
      </c>
      <c r="E6457" cm="1">
        <f t="array" ref="E6457">IFERROR(INDEX(Jesper!AI$2:AI$366,ROUNDDOWN($C6457/24,0)+1,1)*INDEX($D$3:$AA$30,INDEX(Jesper!$R$2:$R$366,ROW(INDEX(Jesper!AI$2:AI$366,ROUNDDOWN($C6457/24,0)+1,1))-1)+IF('Standard Profiles'!$G$19=$B$10,7,0)+IF('Standard Profiles'!$G$19=$B$17,14,0)+IF('Standard Profiles'!$G$19=$B$24,21,0),MOD($C6457,24)+1)/SUM(INDEX($D$3:$AA$30,INDEX(Jesper!$R$2:$R$366,ROW(INDEX(Jesper!AI$2:AI$366,ROUNDDOWN($C6457/24,0)+1,1))-1)+IF('Standard Profiles'!$G$19=$B$10,7,0)+IF('Standard Profiles'!$G$19=$B$17,14,0)+IF('Standard Profiles'!$G$19=$B$24,21,0),0)),0)</f>
        <v>15.745061339518815</v>
      </c>
      <c r="F6457" cm="1">
        <f t="array" ref="F6457">IFERROR(INDEX(Jesper!AJ$2:AJ$366,ROUNDDOWN($C6457/24,0)+1,1)*INDEX($D$3:$AA$30,INDEX(Jesper!$R$2:$R$366,ROW(INDEX(Jesper!AJ$2:AJ$366,ROUNDDOWN($C6457/24,0)+1,1))-1)+IF('Standard Profiles'!$G$20=$B$10,7,0)+IF('Standard Profiles'!$G$20=$B$17,14,0)+IF('Standard Profiles'!$G$20=$B$24,21,0),MOD($C6457,24)+1)/SUM(INDEX($D$3:$AA$30,INDEX(Jesper!$R$2:$R$366,ROW(INDEX(Jesper!AJ$2:AJ$366,ROUNDDOWN($C6457/24,0)+1,1))-1)+IF('Standard Profiles'!$G$20=$B$10,7,0)+IF('Standard Profiles'!$G$20=$B$17,14,0)+IF('Standard Profiles'!$G$20=$B$24,21,0),0)),0)</f>
        <v>0</v>
      </c>
      <c r="G6457" cm="1">
        <f t="array" ref="G6457">IFERROR(INDEX(Jesper!AK$2:AK$366,ROUNDDOWN($C6457/24,0)+1,1)*INDEX($D$3:$AA$30,INDEX(Jesper!$R$2:$R$366,ROW(INDEX(Jesper!AK$2:AK$366,ROUNDDOWN($C6457/24,0)+1,1))-1)+IF('Standard Profiles'!$G$21=$B$10,7,0)+IF('Standard Profiles'!$G$21=$B$17,14,0)+IF('Standard Profiles'!$G$21=$B$24,21,0),MOD($C6457,24)+1)/SUM(INDEX($D$3:$AA$30,INDEX(Jesper!$R$2:$R$366,ROW(INDEX(Jesper!AK$2:AK$366,ROUNDDOWN($C6457/24,0)+1,1))-1)+IF('Standard Profiles'!$G$21=$B$10,7,0)+IF('Standard Profiles'!$G$21=$B$17,14,0)+IF('Standard Profiles'!$G$21=$B$24,21,0),0)),0)</f>
        <v>2.7392976925685146</v>
      </c>
      <c r="H6457" cm="1">
        <f t="array" ref="H6457">IFERROR(INDEX(Jesper!AL$2:AL$366,ROUNDDOWN($C6457/24,0)+1,1)*INDEX($D$3:$AA$30,INDEX(Jesper!$R$2:$R$366,ROW(INDEX(Jesper!AL$2:AL$366,ROUNDDOWN($C6457/24,0)+1,1))-1)+IF('Standard Profiles'!$G$22=$B$10,7,0)+IF('Standard Profiles'!$G$22=$B$17,14,0)+IF('Standard Profiles'!$G$22=$B$24,21,0),MOD($C6457,24)+1)/SUM(INDEX($D$3:$AA$30,INDEX(Jesper!$R$2:$R$366,ROW(INDEX(Jesper!AL$2:AL$366,ROUNDDOWN($C6457/24,0)+1,1))-1)+IF('Standard Profiles'!$G$22=$B$10,7,0)+IF('Standard Profiles'!$G$22=$B$17,14,0)+IF('Standard Profiles'!$G$22=$B$24,21,0),0)),0)</f>
        <v>0</v>
      </c>
      <c r="I6457">
        <f t="shared" si="720"/>
        <v>1.3148628924328865</v>
      </c>
      <c r="J6457">
        <f t="shared" si="721"/>
        <v>45.532863371019346</v>
      </c>
      <c r="K6457">
        <f t="shared" si="722"/>
        <v>3.6016974262050678</v>
      </c>
      <c r="L6457">
        <f t="shared" si="723"/>
        <v>1.8008487131025339</v>
      </c>
      <c r="M6457">
        <f t="shared" si="724"/>
        <v>0</v>
      </c>
      <c r="N6457" s="45">
        <f t="shared" si="725"/>
        <v>45194.624999984422</v>
      </c>
    </row>
    <row r="6458" spans="2:14" x14ac:dyDescent="0.25">
      <c r="B6458">
        <f t="shared" si="719"/>
        <v>1</v>
      </c>
      <c r="C6458" s="16">
        <v>6424</v>
      </c>
      <c r="D6458" cm="1">
        <f t="array" ref="D6458">IFERROR(INDEX(Jesper!AH$2:AH$366,ROUNDDOWN($C6458/24,0)+1,1)*INDEX($D$3:$AA$30,INDEX(Jesper!$R$2:$R$366,ROW(INDEX(Jesper!AH$2:AH$366,ROUNDDOWN($C6458/24,0)+1,1))-1)+IF('Standard Profiles'!$G$18=$B$10,7,0)+IF('Standard Profiles'!$G$18=$B$17,14,0)+IF('Standard Profiles'!$G$18=$B$24,21,0),MOD($C6458,24)+1)/SUM(INDEX($D$3:$AA$30,INDEX(Jesper!$R$2:$R$366,ROW(INDEX(Jesper!AH$2:AH$366,ROUNDDOWN($C6458/24,0)+1,1))-1)+IF('Standard Profiles'!$G$18=$B$10,7,0)+IF('Standard Profiles'!$G$18=$B$17,14,0)+IF('Standard Profiles'!$G$18=$B$24,21,0),0)),0)</f>
        <v>19.696782799558964</v>
      </c>
      <c r="E6458" cm="1">
        <f t="array" ref="E6458">IFERROR(INDEX(Jesper!AI$2:AI$366,ROUNDDOWN($C6458/24,0)+1,1)*INDEX($D$3:$AA$30,INDEX(Jesper!$R$2:$R$366,ROW(INDEX(Jesper!AI$2:AI$366,ROUNDDOWN($C6458/24,0)+1,1))-1)+IF('Standard Profiles'!$G$19=$B$10,7,0)+IF('Standard Profiles'!$G$19=$B$17,14,0)+IF('Standard Profiles'!$G$19=$B$24,21,0),MOD($C6458,24)+1)/SUM(INDEX($D$3:$AA$30,INDEX(Jesper!$R$2:$R$366,ROW(INDEX(Jesper!AI$2:AI$366,ROUNDDOWN($C6458/24,0)+1,1))-1)+IF('Standard Profiles'!$G$19=$B$10,7,0)+IF('Standard Profiles'!$G$19=$B$17,14,0)+IF('Standard Profiles'!$G$19=$B$24,21,0),0)),0)</f>
        <v>9.1846191147193093</v>
      </c>
      <c r="F6458" cm="1">
        <f t="array" ref="F6458">IFERROR(INDEX(Jesper!AJ$2:AJ$366,ROUNDDOWN($C6458/24,0)+1,1)*INDEX($D$3:$AA$30,INDEX(Jesper!$R$2:$R$366,ROW(INDEX(Jesper!AJ$2:AJ$366,ROUNDDOWN($C6458/24,0)+1,1))-1)+IF('Standard Profiles'!$G$20=$B$10,7,0)+IF('Standard Profiles'!$G$20=$B$17,14,0)+IF('Standard Profiles'!$G$20=$B$24,21,0),MOD($C6458,24)+1)/SUM(INDEX($D$3:$AA$30,INDEX(Jesper!$R$2:$R$366,ROW(INDEX(Jesper!AJ$2:AJ$366,ROUNDDOWN($C6458/24,0)+1,1))-1)+IF('Standard Profiles'!$G$20=$B$10,7,0)+IF('Standard Profiles'!$G$20=$B$17,14,0)+IF('Standard Profiles'!$G$20=$B$24,21,0),0)),0)</f>
        <v>0</v>
      </c>
      <c r="G6458" cm="1">
        <f t="array" ref="G6458">IFERROR(INDEX(Jesper!AK$2:AK$366,ROUNDDOWN($C6458/24,0)+1,1)*INDEX($D$3:$AA$30,INDEX(Jesper!$R$2:$R$366,ROW(INDEX(Jesper!AK$2:AK$366,ROUNDDOWN($C6458/24,0)+1,1))-1)+IF('Standard Profiles'!$G$21=$B$10,7,0)+IF('Standard Profiles'!$G$21=$B$17,14,0)+IF('Standard Profiles'!$G$21=$B$24,21,0),MOD($C6458,24)+1)/SUM(INDEX($D$3:$AA$30,INDEX(Jesper!$R$2:$R$366,ROW(INDEX(Jesper!AK$2:AK$366,ROUNDDOWN($C6458/24,0)+1,1))-1)+IF('Standard Profiles'!$G$21=$B$10,7,0)+IF('Standard Profiles'!$G$21=$B$17,14,0)+IF('Standard Profiles'!$G$21=$B$24,21,0),0)),0)</f>
        <v>2.2827480771404289</v>
      </c>
      <c r="H6458" cm="1">
        <f t="array" ref="H6458">IFERROR(INDEX(Jesper!AL$2:AL$366,ROUNDDOWN($C6458/24,0)+1,1)*INDEX($D$3:$AA$30,INDEX(Jesper!$R$2:$R$366,ROW(INDEX(Jesper!AL$2:AL$366,ROUNDDOWN($C6458/24,0)+1,1))-1)+IF('Standard Profiles'!$G$22=$B$10,7,0)+IF('Standard Profiles'!$G$22=$B$17,14,0)+IF('Standard Profiles'!$G$22=$B$24,21,0),MOD($C6458,24)+1)/SUM(INDEX($D$3:$AA$30,INDEX(Jesper!$R$2:$R$366,ROW(INDEX(Jesper!AL$2:AL$366,ROUNDDOWN($C6458/24,0)+1,1))-1)+IF('Standard Profiles'!$G$22=$B$10,7,0)+IF('Standard Profiles'!$G$22=$B$17,14,0)+IF('Standard Profiles'!$G$22=$B$24,21,0),0)),0)</f>
        <v>0</v>
      </c>
      <c r="I6458">
        <f t="shared" si="720"/>
        <v>1.0957190770274052</v>
      </c>
      <c r="J6458">
        <f t="shared" si="721"/>
        <v>26.91694566646186</v>
      </c>
      <c r="K6458">
        <f t="shared" si="722"/>
        <v>2.1009901652862895</v>
      </c>
      <c r="L6458">
        <f t="shared" si="723"/>
        <v>1.0504950826431447</v>
      </c>
      <c r="M6458">
        <f t="shared" si="724"/>
        <v>0</v>
      </c>
      <c r="N6458" s="45">
        <f t="shared" si="725"/>
        <v>45194.666666651086</v>
      </c>
    </row>
    <row r="6459" spans="2:14" x14ac:dyDescent="0.25">
      <c r="B6459">
        <f t="shared" si="719"/>
        <v>1</v>
      </c>
      <c r="C6459" s="16">
        <v>6425</v>
      </c>
      <c r="D6459" cm="1">
        <f t="array" ref="D6459">IFERROR(INDEX(Jesper!AH$2:AH$366,ROUNDDOWN($C6459/24,0)+1,1)*INDEX($D$3:$AA$30,INDEX(Jesper!$R$2:$R$366,ROW(INDEX(Jesper!AH$2:AH$366,ROUNDDOWN($C6459/24,0)+1,1))-1)+IF('Standard Profiles'!$G$18=$B$10,7,0)+IF('Standard Profiles'!$G$18=$B$17,14,0)+IF('Standard Profiles'!$G$18=$B$24,21,0),MOD($C6459,24)+1)/SUM(INDEX($D$3:$AA$30,INDEX(Jesper!$R$2:$R$366,ROW(INDEX(Jesper!AH$2:AH$366,ROUNDDOWN($C6459/24,0)+1,1))-1)+IF('Standard Profiles'!$G$18=$B$10,7,0)+IF('Standard Profiles'!$G$18=$B$17,14,0)+IF('Standard Profiles'!$G$18=$B$24,21,0),0)),0)</f>
        <v>5.6276522284454185</v>
      </c>
      <c r="E6459" cm="1">
        <f t="array" ref="E6459">IFERROR(INDEX(Jesper!AI$2:AI$366,ROUNDDOWN($C6459/24,0)+1,1)*INDEX($D$3:$AA$30,INDEX(Jesper!$R$2:$R$366,ROW(INDEX(Jesper!AI$2:AI$366,ROUNDDOWN($C6459/24,0)+1,1))-1)+IF('Standard Profiles'!$G$19=$B$10,7,0)+IF('Standard Profiles'!$G$19=$B$17,14,0)+IF('Standard Profiles'!$G$19=$B$24,21,0),MOD($C6459,24)+1)/SUM(INDEX($D$3:$AA$30,INDEX(Jesper!$R$2:$R$366,ROW(INDEX(Jesper!AI$2:AI$366,ROUNDDOWN($C6459/24,0)+1,1))-1)+IF('Standard Profiles'!$G$19=$B$10,7,0)+IF('Standard Profiles'!$G$19=$B$17,14,0)+IF('Standard Profiles'!$G$19=$B$24,21,0),0)),0)</f>
        <v>2.624176889919803</v>
      </c>
      <c r="F6459" cm="1">
        <f t="array" ref="F6459">IFERROR(INDEX(Jesper!AJ$2:AJ$366,ROUNDDOWN($C6459/24,0)+1,1)*INDEX($D$3:$AA$30,INDEX(Jesper!$R$2:$R$366,ROW(INDEX(Jesper!AJ$2:AJ$366,ROUNDDOWN($C6459/24,0)+1,1))-1)+IF('Standard Profiles'!$G$20=$B$10,7,0)+IF('Standard Profiles'!$G$20=$B$17,14,0)+IF('Standard Profiles'!$G$20=$B$24,21,0),MOD($C6459,24)+1)/SUM(INDEX($D$3:$AA$30,INDEX(Jesper!$R$2:$R$366,ROW(INDEX(Jesper!AJ$2:AJ$366,ROUNDDOWN($C6459/24,0)+1,1))-1)+IF('Standard Profiles'!$G$20=$B$10,7,0)+IF('Standard Profiles'!$G$20=$B$17,14,0)+IF('Standard Profiles'!$G$20=$B$24,21,0),0)),0)</f>
        <v>0</v>
      </c>
      <c r="G6459" cm="1">
        <f t="array" ref="G6459">IFERROR(INDEX(Jesper!AK$2:AK$366,ROUNDDOWN($C6459/24,0)+1,1)*INDEX($D$3:$AA$30,INDEX(Jesper!$R$2:$R$366,ROW(INDEX(Jesper!AK$2:AK$366,ROUNDDOWN($C6459/24,0)+1,1))-1)+IF('Standard Profiles'!$G$21=$B$10,7,0)+IF('Standard Profiles'!$G$21=$B$17,14,0)+IF('Standard Profiles'!$G$21=$B$24,21,0),MOD($C6459,24)+1)/SUM(INDEX($D$3:$AA$30,INDEX(Jesper!$R$2:$R$366,ROW(INDEX(Jesper!AK$2:AK$366,ROUNDDOWN($C6459/24,0)+1,1))-1)+IF('Standard Profiles'!$G$21=$B$10,7,0)+IF('Standard Profiles'!$G$21=$B$17,14,0)+IF('Standard Profiles'!$G$21=$B$24,21,0),0)),0)</f>
        <v>1.8366938551704604</v>
      </c>
      <c r="H6459" cm="1">
        <f t="array" ref="H6459">IFERROR(INDEX(Jesper!AL$2:AL$366,ROUNDDOWN($C6459/24,0)+1,1)*INDEX($D$3:$AA$30,INDEX(Jesper!$R$2:$R$366,ROW(INDEX(Jesper!AL$2:AL$366,ROUNDDOWN($C6459/24,0)+1,1))-1)+IF('Standard Profiles'!$G$22=$B$10,7,0)+IF('Standard Profiles'!$G$22=$B$17,14,0)+IF('Standard Profiles'!$G$22=$B$24,21,0),MOD($C6459,24)+1)/SUM(INDEX($D$3:$AA$30,INDEX(Jesper!$R$2:$R$366,ROW(INDEX(Jesper!AL$2:AL$366,ROUNDDOWN($C6459/24,0)+1,1))-1)+IF('Standard Profiles'!$G$22=$B$10,7,0)+IF('Standard Profiles'!$G$22=$B$17,14,0)+IF('Standard Profiles'!$G$22=$B$24,21,0),0)),0)</f>
        <v>0</v>
      </c>
      <c r="I6459">
        <f t="shared" si="720"/>
        <v>0.88161305048182048</v>
      </c>
      <c r="J6459">
        <f t="shared" si="721"/>
        <v>8.3064855665025945</v>
      </c>
      <c r="K6459">
        <f t="shared" si="722"/>
        <v>0.60028290436751131</v>
      </c>
      <c r="L6459">
        <f t="shared" si="723"/>
        <v>0.30014145218375565</v>
      </c>
      <c r="M6459">
        <f t="shared" si="724"/>
        <v>0</v>
      </c>
      <c r="N6459" s="45">
        <f t="shared" si="725"/>
        <v>45194.708333317751</v>
      </c>
    </row>
    <row r="6460" spans="2:14" x14ac:dyDescent="0.25">
      <c r="B6460">
        <f t="shared" si="719"/>
        <v>1</v>
      </c>
      <c r="C6460" s="16">
        <v>6426</v>
      </c>
      <c r="D6460" cm="1">
        <f t="array" ref="D6460">IFERROR(INDEX(Jesper!AH$2:AH$366,ROUNDDOWN($C6460/24,0)+1,1)*INDEX($D$3:$AA$30,INDEX(Jesper!$R$2:$R$366,ROW(INDEX(Jesper!AH$2:AH$366,ROUNDDOWN($C6460/24,0)+1,1))-1)+IF('Standard Profiles'!$G$18=$B$10,7,0)+IF('Standard Profiles'!$G$18=$B$17,14,0)+IF('Standard Profiles'!$G$18=$B$24,21,0),MOD($C6460,24)+1)/SUM(INDEX($D$3:$AA$30,INDEX(Jesper!$R$2:$R$366,ROW(INDEX(Jesper!AH$2:AH$366,ROUNDDOWN($C6460/24,0)+1,1))-1)+IF('Standard Profiles'!$G$18=$B$10,7,0)+IF('Standard Profiles'!$G$18=$B$17,14,0)+IF('Standard Profiles'!$G$18=$B$24,21,0),0)),0)</f>
        <v>5.5483895210025258</v>
      </c>
      <c r="E6460" cm="1">
        <f t="array" ref="E6460">IFERROR(INDEX(Jesper!AI$2:AI$366,ROUNDDOWN($C6460/24,0)+1,1)*INDEX($D$3:$AA$30,INDEX(Jesper!$R$2:$R$366,ROW(INDEX(Jesper!AI$2:AI$366,ROUNDDOWN($C6460/24,0)+1,1))-1)+IF('Standard Profiles'!$G$19=$B$10,7,0)+IF('Standard Profiles'!$G$19=$B$17,14,0)+IF('Standard Profiles'!$G$19=$B$24,21,0),MOD($C6460,24)+1)/SUM(INDEX($D$3:$AA$30,INDEX(Jesper!$R$2:$R$366,ROW(INDEX(Jesper!AI$2:AI$366,ROUNDDOWN($C6460/24,0)+1,1))-1)+IF('Standard Profiles'!$G$19=$B$10,7,0)+IF('Standard Profiles'!$G$19=$B$17,14,0)+IF('Standard Profiles'!$G$19=$B$24,21,0),0)),0)</f>
        <v>2.5872166520336082</v>
      </c>
      <c r="F6460" cm="1">
        <f t="array" ref="F6460">IFERROR(INDEX(Jesper!AJ$2:AJ$366,ROUNDDOWN($C6460/24,0)+1,1)*INDEX($D$3:$AA$30,INDEX(Jesper!$R$2:$R$366,ROW(INDEX(Jesper!AJ$2:AJ$366,ROUNDDOWN($C6460/24,0)+1,1))-1)+IF('Standard Profiles'!$G$20=$B$10,7,0)+IF('Standard Profiles'!$G$20=$B$17,14,0)+IF('Standard Profiles'!$G$20=$B$24,21,0),MOD($C6460,24)+1)/SUM(INDEX($D$3:$AA$30,INDEX(Jesper!$R$2:$R$366,ROW(INDEX(Jesper!AJ$2:AJ$366,ROUNDDOWN($C6460/24,0)+1,1))-1)+IF('Standard Profiles'!$G$20=$B$10,7,0)+IF('Standard Profiles'!$G$20=$B$17,14,0)+IF('Standard Profiles'!$G$20=$B$24,21,0),0)),0)</f>
        <v>0</v>
      </c>
      <c r="G6460" cm="1">
        <f t="array" ref="G6460">IFERROR(INDEX(Jesper!AK$2:AK$366,ROUNDDOWN($C6460/24,0)+1,1)*INDEX($D$3:$AA$30,INDEX(Jesper!$R$2:$R$366,ROW(INDEX(Jesper!AK$2:AK$366,ROUNDDOWN($C6460/24,0)+1,1))-1)+IF('Standard Profiles'!$G$21=$B$10,7,0)+IF('Standard Profiles'!$G$21=$B$17,14,0)+IF('Standard Profiles'!$G$21=$B$24,21,0),MOD($C6460,24)+1)/SUM(INDEX($D$3:$AA$30,INDEX(Jesper!$R$2:$R$366,ROW(INDEX(Jesper!AK$2:AK$366,ROUNDDOWN($C6460/24,0)+1,1))-1)+IF('Standard Profiles'!$G$21=$B$10,7,0)+IF('Standard Profiles'!$G$21=$B$17,14,0)+IF('Standard Profiles'!$G$21=$B$24,21,0),0)),0)</f>
        <v>0.65596209113230719</v>
      </c>
      <c r="H6460" cm="1">
        <f t="array" ref="H6460">IFERROR(INDEX(Jesper!AL$2:AL$366,ROUNDDOWN($C6460/24,0)+1,1)*INDEX($D$3:$AA$30,INDEX(Jesper!$R$2:$R$366,ROW(INDEX(Jesper!AL$2:AL$366,ROUNDDOWN($C6460/24,0)+1,1))-1)+IF('Standard Profiles'!$G$22=$B$10,7,0)+IF('Standard Profiles'!$G$22=$B$17,14,0)+IF('Standard Profiles'!$G$22=$B$24,21,0),MOD($C6460,24)+1)/SUM(INDEX($D$3:$AA$30,INDEX(Jesper!$R$2:$R$366,ROW(INDEX(Jesper!AL$2:AL$366,ROUNDDOWN($C6460/24,0)+1,1))-1)+IF('Standard Profiles'!$G$22=$B$10,7,0)+IF('Standard Profiles'!$G$22=$B$17,14,0)+IF('Standard Profiles'!$G$22=$B$24,21,0),0)),0)</f>
        <v>0</v>
      </c>
      <c r="I6460">
        <f t="shared" si="720"/>
        <v>0.31486180374350731</v>
      </c>
      <c r="J6460">
        <f t="shared" si="721"/>
        <v>7.5889641370645293</v>
      </c>
      <c r="K6460">
        <f t="shared" si="722"/>
        <v>0.59182821557360277</v>
      </c>
      <c r="L6460">
        <f t="shared" si="723"/>
        <v>0.29591410778680138</v>
      </c>
      <c r="M6460">
        <f t="shared" si="724"/>
        <v>0</v>
      </c>
      <c r="N6460" s="45">
        <f t="shared" si="725"/>
        <v>45194.749999984415</v>
      </c>
    </row>
    <row r="6461" spans="2:14" x14ac:dyDescent="0.25">
      <c r="B6461">
        <f t="shared" si="719"/>
        <v>1</v>
      </c>
      <c r="C6461" s="16">
        <v>6427</v>
      </c>
      <c r="D6461" cm="1">
        <f t="array" ref="D6461">IFERROR(INDEX(Jesper!AH$2:AH$366,ROUNDDOWN($C6461/24,0)+1,1)*INDEX($D$3:$AA$30,INDEX(Jesper!$R$2:$R$366,ROW(INDEX(Jesper!AH$2:AH$366,ROUNDDOWN($C6461/24,0)+1,1))-1)+IF('Standard Profiles'!$G$18=$B$10,7,0)+IF('Standard Profiles'!$G$18=$B$17,14,0)+IF('Standard Profiles'!$G$18=$B$24,21,0),MOD($C6461,24)+1)/SUM(INDEX($D$3:$AA$30,INDEX(Jesper!$R$2:$R$366,ROW(INDEX(Jesper!AH$2:AH$366,ROUNDDOWN($C6461/24,0)+1,1))-1)+IF('Standard Profiles'!$G$18=$B$10,7,0)+IF('Standard Profiles'!$G$18=$B$17,14,0)+IF('Standard Profiles'!$G$18=$B$24,21,0),0)),0)</f>
        <v>5.5483895210025258</v>
      </c>
      <c r="E6461" cm="1">
        <f t="array" ref="E6461">IFERROR(INDEX(Jesper!AI$2:AI$366,ROUNDDOWN($C6461/24,0)+1,1)*INDEX($D$3:$AA$30,INDEX(Jesper!$R$2:$R$366,ROW(INDEX(Jesper!AI$2:AI$366,ROUNDDOWN($C6461/24,0)+1,1))-1)+IF('Standard Profiles'!$G$19=$B$10,7,0)+IF('Standard Profiles'!$G$19=$B$17,14,0)+IF('Standard Profiles'!$G$19=$B$24,21,0),MOD($C6461,24)+1)/SUM(INDEX($D$3:$AA$30,INDEX(Jesper!$R$2:$R$366,ROW(INDEX(Jesper!AI$2:AI$366,ROUNDDOWN($C6461/24,0)+1,1))-1)+IF('Standard Profiles'!$G$19=$B$10,7,0)+IF('Standard Profiles'!$G$19=$B$17,14,0)+IF('Standard Profiles'!$G$19=$B$24,21,0),0)),0)</f>
        <v>2.5872166520336082</v>
      </c>
      <c r="F6461" cm="1">
        <f t="array" ref="F6461">IFERROR(INDEX(Jesper!AJ$2:AJ$366,ROUNDDOWN($C6461/24,0)+1,1)*INDEX($D$3:$AA$30,INDEX(Jesper!$R$2:$R$366,ROW(INDEX(Jesper!AJ$2:AJ$366,ROUNDDOWN($C6461/24,0)+1,1))-1)+IF('Standard Profiles'!$G$20=$B$10,7,0)+IF('Standard Profiles'!$G$20=$B$17,14,0)+IF('Standard Profiles'!$G$20=$B$24,21,0),MOD($C6461,24)+1)/SUM(INDEX($D$3:$AA$30,INDEX(Jesper!$R$2:$R$366,ROW(INDEX(Jesper!AJ$2:AJ$366,ROUNDDOWN($C6461/24,0)+1,1))-1)+IF('Standard Profiles'!$G$20=$B$10,7,0)+IF('Standard Profiles'!$G$20=$B$17,14,0)+IF('Standard Profiles'!$G$20=$B$24,21,0),0)),0)</f>
        <v>0</v>
      </c>
      <c r="G6461" cm="1">
        <f t="array" ref="G6461">IFERROR(INDEX(Jesper!AK$2:AK$366,ROUNDDOWN($C6461/24,0)+1,1)*INDEX($D$3:$AA$30,INDEX(Jesper!$R$2:$R$366,ROW(INDEX(Jesper!AK$2:AK$366,ROUNDDOWN($C6461/24,0)+1,1))-1)+IF('Standard Profiles'!$G$21=$B$10,7,0)+IF('Standard Profiles'!$G$21=$B$17,14,0)+IF('Standard Profiles'!$G$21=$B$24,21,0),MOD($C6461,24)+1)/SUM(INDEX($D$3:$AA$30,INDEX(Jesper!$R$2:$R$366,ROW(INDEX(Jesper!AK$2:AK$366,ROUNDDOWN($C6461/24,0)+1,1))-1)+IF('Standard Profiles'!$G$21=$B$10,7,0)+IF('Standard Profiles'!$G$21=$B$17,14,0)+IF('Standard Profiles'!$G$21=$B$24,21,0),0)),0)</f>
        <v>0.65596209113230719</v>
      </c>
      <c r="H6461" cm="1">
        <f t="array" ref="H6461">IFERROR(INDEX(Jesper!AL$2:AL$366,ROUNDDOWN($C6461/24,0)+1,1)*INDEX($D$3:$AA$30,INDEX(Jesper!$R$2:$R$366,ROW(INDEX(Jesper!AL$2:AL$366,ROUNDDOWN($C6461/24,0)+1,1))-1)+IF('Standard Profiles'!$G$22=$B$10,7,0)+IF('Standard Profiles'!$G$22=$B$17,14,0)+IF('Standard Profiles'!$G$22=$B$24,21,0),MOD($C6461,24)+1)/SUM(INDEX($D$3:$AA$30,INDEX(Jesper!$R$2:$R$366,ROW(INDEX(Jesper!AL$2:AL$366,ROUNDDOWN($C6461/24,0)+1,1))-1)+IF('Standard Profiles'!$G$22=$B$10,7,0)+IF('Standard Profiles'!$G$22=$B$17,14,0)+IF('Standard Profiles'!$G$22=$B$24,21,0),0)),0)</f>
        <v>0</v>
      </c>
      <c r="I6461">
        <f t="shared" si="720"/>
        <v>0.31486180374350731</v>
      </c>
      <c r="J6461">
        <f t="shared" si="721"/>
        <v>7.5889641370645293</v>
      </c>
      <c r="K6461">
        <f t="shared" si="722"/>
        <v>0.59182821557360277</v>
      </c>
      <c r="L6461">
        <f t="shared" si="723"/>
        <v>0.29591410778680138</v>
      </c>
      <c r="M6461">
        <f t="shared" si="724"/>
        <v>0</v>
      </c>
      <c r="N6461" s="45">
        <f t="shared" si="725"/>
        <v>45194.791666651079</v>
      </c>
    </row>
    <row r="6462" spans="2:14" x14ac:dyDescent="0.25">
      <c r="B6462">
        <f t="shared" si="719"/>
        <v>1</v>
      </c>
      <c r="C6462" s="16">
        <v>6428</v>
      </c>
      <c r="D6462" cm="1">
        <f t="array" ref="D6462">IFERROR(INDEX(Jesper!AH$2:AH$366,ROUNDDOWN($C6462/24,0)+1,1)*INDEX($D$3:$AA$30,INDEX(Jesper!$R$2:$R$366,ROW(INDEX(Jesper!AH$2:AH$366,ROUNDDOWN($C6462/24,0)+1,1))-1)+IF('Standard Profiles'!$G$18=$B$10,7,0)+IF('Standard Profiles'!$G$18=$B$17,14,0)+IF('Standard Profiles'!$G$18=$B$24,21,0),MOD($C6462,24)+1)/SUM(INDEX($D$3:$AA$30,INDEX(Jesper!$R$2:$R$366,ROW(INDEX(Jesper!AH$2:AH$366,ROUNDDOWN($C6462/24,0)+1,1))-1)+IF('Standard Profiles'!$G$18=$B$10,7,0)+IF('Standard Profiles'!$G$18=$B$17,14,0)+IF('Standard Profiles'!$G$18=$B$24,21,0),0)),0)</f>
        <v>5.5483895210025258</v>
      </c>
      <c r="E6462" cm="1">
        <f t="array" ref="E6462">IFERROR(INDEX(Jesper!AI$2:AI$366,ROUNDDOWN($C6462/24,0)+1,1)*INDEX($D$3:$AA$30,INDEX(Jesper!$R$2:$R$366,ROW(INDEX(Jesper!AI$2:AI$366,ROUNDDOWN($C6462/24,0)+1,1))-1)+IF('Standard Profiles'!$G$19=$B$10,7,0)+IF('Standard Profiles'!$G$19=$B$17,14,0)+IF('Standard Profiles'!$G$19=$B$24,21,0),MOD($C6462,24)+1)/SUM(INDEX($D$3:$AA$30,INDEX(Jesper!$R$2:$R$366,ROW(INDEX(Jesper!AI$2:AI$366,ROUNDDOWN($C6462/24,0)+1,1))-1)+IF('Standard Profiles'!$G$19=$B$10,7,0)+IF('Standard Profiles'!$G$19=$B$17,14,0)+IF('Standard Profiles'!$G$19=$B$24,21,0),0)),0)</f>
        <v>2.5872166520336082</v>
      </c>
      <c r="F6462" cm="1">
        <f t="array" ref="F6462">IFERROR(INDEX(Jesper!AJ$2:AJ$366,ROUNDDOWN($C6462/24,0)+1,1)*INDEX($D$3:$AA$30,INDEX(Jesper!$R$2:$R$366,ROW(INDEX(Jesper!AJ$2:AJ$366,ROUNDDOWN($C6462/24,0)+1,1))-1)+IF('Standard Profiles'!$G$20=$B$10,7,0)+IF('Standard Profiles'!$G$20=$B$17,14,0)+IF('Standard Profiles'!$G$20=$B$24,21,0),MOD($C6462,24)+1)/SUM(INDEX($D$3:$AA$30,INDEX(Jesper!$R$2:$R$366,ROW(INDEX(Jesper!AJ$2:AJ$366,ROUNDDOWN($C6462/24,0)+1,1))-1)+IF('Standard Profiles'!$G$20=$B$10,7,0)+IF('Standard Profiles'!$G$20=$B$17,14,0)+IF('Standard Profiles'!$G$20=$B$24,21,0),0)),0)</f>
        <v>0</v>
      </c>
      <c r="G6462" cm="1">
        <f t="array" ref="G6462">IFERROR(INDEX(Jesper!AK$2:AK$366,ROUNDDOWN($C6462/24,0)+1,1)*INDEX($D$3:$AA$30,INDEX(Jesper!$R$2:$R$366,ROW(INDEX(Jesper!AK$2:AK$366,ROUNDDOWN($C6462/24,0)+1,1))-1)+IF('Standard Profiles'!$G$21=$B$10,7,0)+IF('Standard Profiles'!$G$21=$B$17,14,0)+IF('Standard Profiles'!$G$21=$B$24,21,0),MOD($C6462,24)+1)/SUM(INDEX($D$3:$AA$30,INDEX(Jesper!$R$2:$R$366,ROW(INDEX(Jesper!AK$2:AK$366,ROUNDDOWN($C6462/24,0)+1,1))-1)+IF('Standard Profiles'!$G$21=$B$10,7,0)+IF('Standard Profiles'!$G$21=$B$17,14,0)+IF('Standard Profiles'!$G$21=$B$24,21,0),0)),0)</f>
        <v>0.65596209113230719</v>
      </c>
      <c r="H6462" cm="1">
        <f t="array" ref="H6462">IFERROR(INDEX(Jesper!AL$2:AL$366,ROUNDDOWN($C6462/24,0)+1,1)*INDEX($D$3:$AA$30,INDEX(Jesper!$R$2:$R$366,ROW(INDEX(Jesper!AL$2:AL$366,ROUNDDOWN($C6462/24,0)+1,1))-1)+IF('Standard Profiles'!$G$22=$B$10,7,0)+IF('Standard Profiles'!$G$22=$B$17,14,0)+IF('Standard Profiles'!$G$22=$B$24,21,0),MOD($C6462,24)+1)/SUM(INDEX($D$3:$AA$30,INDEX(Jesper!$R$2:$R$366,ROW(INDEX(Jesper!AL$2:AL$366,ROUNDDOWN($C6462/24,0)+1,1))-1)+IF('Standard Profiles'!$G$22=$B$10,7,0)+IF('Standard Profiles'!$G$22=$B$17,14,0)+IF('Standard Profiles'!$G$22=$B$24,21,0),0)),0)</f>
        <v>0</v>
      </c>
      <c r="I6462">
        <f t="shared" si="720"/>
        <v>0.31486180374350731</v>
      </c>
      <c r="J6462">
        <f t="shared" si="721"/>
        <v>7.5889641370645293</v>
      </c>
      <c r="K6462">
        <f t="shared" si="722"/>
        <v>0.59182821557360277</v>
      </c>
      <c r="L6462">
        <f t="shared" si="723"/>
        <v>0.29591410778680138</v>
      </c>
      <c r="M6462">
        <f t="shared" si="724"/>
        <v>0</v>
      </c>
      <c r="N6462" s="45">
        <f t="shared" si="725"/>
        <v>45194.833333317743</v>
      </c>
    </row>
    <row r="6463" spans="2:14" x14ac:dyDescent="0.25">
      <c r="B6463">
        <f t="shared" si="719"/>
        <v>1</v>
      </c>
      <c r="C6463" s="16">
        <v>6429</v>
      </c>
      <c r="D6463" cm="1">
        <f t="array" ref="D6463">IFERROR(INDEX(Jesper!AH$2:AH$366,ROUNDDOWN($C6463/24,0)+1,1)*INDEX($D$3:$AA$30,INDEX(Jesper!$R$2:$R$366,ROW(INDEX(Jesper!AH$2:AH$366,ROUNDDOWN($C6463/24,0)+1,1))-1)+IF('Standard Profiles'!$G$18=$B$10,7,0)+IF('Standard Profiles'!$G$18=$B$17,14,0)+IF('Standard Profiles'!$G$18=$B$24,21,0),MOD($C6463,24)+1)/SUM(INDEX($D$3:$AA$30,INDEX(Jesper!$R$2:$R$366,ROW(INDEX(Jesper!AH$2:AH$366,ROUNDDOWN($C6463/24,0)+1,1))-1)+IF('Standard Profiles'!$G$18=$B$10,7,0)+IF('Standard Profiles'!$G$18=$B$17,14,0)+IF('Standard Profiles'!$G$18=$B$24,21,0),0)),0)</f>
        <v>5.5483895210025258</v>
      </c>
      <c r="E6463" cm="1">
        <f t="array" ref="E6463">IFERROR(INDEX(Jesper!AI$2:AI$366,ROUNDDOWN($C6463/24,0)+1,1)*INDEX($D$3:$AA$30,INDEX(Jesper!$R$2:$R$366,ROW(INDEX(Jesper!AI$2:AI$366,ROUNDDOWN($C6463/24,0)+1,1))-1)+IF('Standard Profiles'!$G$19=$B$10,7,0)+IF('Standard Profiles'!$G$19=$B$17,14,0)+IF('Standard Profiles'!$G$19=$B$24,21,0),MOD($C6463,24)+1)/SUM(INDEX($D$3:$AA$30,INDEX(Jesper!$R$2:$R$366,ROW(INDEX(Jesper!AI$2:AI$366,ROUNDDOWN($C6463/24,0)+1,1))-1)+IF('Standard Profiles'!$G$19=$B$10,7,0)+IF('Standard Profiles'!$G$19=$B$17,14,0)+IF('Standard Profiles'!$G$19=$B$24,21,0),0)),0)</f>
        <v>2.5872166520336082</v>
      </c>
      <c r="F6463" cm="1">
        <f t="array" ref="F6463">IFERROR(INDEX(Jesper!AJ$2:AJ$366,ROUNDDOWN($C6463/24,0)+1,1)*INDEX($D$3:$AA$30,INDEX(Jesper!$R$2:$R$366,ROW(INDEX(Jesper!AJ$2:AJ$366,ROUNDDOWN($C6463/24,0)+1,1))-1)+IF('Standard Profiles'!$G$20=$B$10,7,0)+IF('Standard Profiles'!$G$20=$B$17,14,0)+IF('Standard Profiles'!$G$20=$B$24,21,0),MOD($C6463,24)+1)/SUM(INDEX($D$3:$AA$30,INDEX(Jesper!$R$2:$R$366,ROW(INDEX(Jesper!AJ$2:AJ$366,ROUNDDOWN($C6463/24,0)+1,1))-1)+IF('Standard Profiles'!$G$20=$B$10,7,0)+IF('Standard Profiles'!$G$20=$B$17,14,0)+IF('Standard Profiles'!$G$20=$B$24,21,0),0)),0)</f>
        <v>0</v>
      </c>
      <c r="G6463" cm="1">
        <f t="array" ref="G6463">IFERROR(INDEX(Jesper!AK$2:AK$366,ROUNDDOWN($C6463/24,0)+1,1)*INDEX($D$3:$AA$30,INDEX(Jesper!$R$2:$R$366,ROW(INDEX(Jesper!AK$2:AK$366,ROUNDDOWN($C6463/24,0)+1,1))-1)+IF('Standard Profiles'!$G$21=$B$10,7,0)+IF('Standard Profiles'!$G$21=$B$17,14,0)+IF('Standard Profiles'!$G$21=$B$24,21,0),MOD($C6463,24)+1)/SUM(INDEX($D$3:$AA$30,INDEX(Jesper!$R$2:$R$366,ROW(INDEX(Jesper!AK$2:AK$366,ROUNDDOWN($C6463/24,0)+1,1))-1)+IF('Standard Profiles'!$G$21=$B$10,7,0)+IF('Standard Profiles'!$G$21=$B$17,14,0)+IF('Standard Profiles'!$G$21=$B$24,21,0),0)),0)</f>
        <v>0.65596209113230719</v>
      </c>
      <c r="H6463" cm="1">
        <f t="array" ref="H6463">IFERROR(INDEX(Jesper!AL$2:AL$366,ROUNDDOWN($C6463/24,0)+1,1)*INDEX($D$3:$AA$30,INDEX(Jesper!$R$2:$R$366,ROW(INDEX(Jesper!AL$2:AL$366,ROUNDDOWN($C6463/24,0)+1,1))-1)+IF('Standard Profiles'!$G$22=$B$10,7,0)+IF('Standard Profiles'!$G$22=$B$17,14,0)+IF('Standard Profiles'!$G$22=$B$24,21,0),MOD($C6463,24)+1)/SUM(INDEX($D$3:$AA$30,INDEX(Jesper!$R$2:$R$366,ROW(INDEX(Jesper!AL$2:AL$366,ROUNDDOWN($C6463/24,0)+1,1))-1)+IF('Standard Profiles'!$G$22=$B$10,7,0)+IF('Standard Profiles'!$G$22=$B$17,14,0)+IF('Standard Profiles'!$G$22=$B$24,21,0),0)),0)</f>
        <v>0</v>
      </c>
      <c r="I6463">
        <f t="shared" si="720"/>
        <v>0.31486180374350731</v>
      </c>
      <c r="J6463">
        <f t="shared" si="721"/>
        <v>7.5889641370645293</v>
      </c>
      <c r="K6463">
        <f t="shared" si="722"/>
        <v>0.59182821557360277</v>
      </c>
      <c r="L6463">
        <f t="shared" si="723"/>
        <v>0.29591410778680138</v>
      </c>
      <c r="M6463">
        <f t="shared" si="724"/>
        <v>0</v>
      </c>
      <c r="N6463" s="45">
        <f t="shared" si="725"/>
        <v>45194.874999984408</v>
      </c>
    </row>
    <row r="6464" spans="2:14" x14ac:dyDescent="0.25">
      <c r="B6464">
        <f t="shared" si="719"/>
        <v>1</v>
      </c>
      <c r="C6464" s="16">
        <v>6430</v>
      </c>
      <c r="D6464" cm="1">
        <f t="array" ref="D6464">IFERROR(INDEX(Jesper!AH$2:AH$366,ROUNDDOWN($C6464/24,0)+1,1)*INDEX($D$3:$AA$30,INDEX(Jesper!$R$2:$R$366,ROW(INDEX(Jesper!AH$2:AH$366,ROUNDDOWN($C6464/24,0)+1,1))-1)+IF('Standard Profiles'!$G$18=$B$10,7,0)+IF('Standard Profiles'!$G$18=$B$17,14,0)+IF('Standard Profiles'!$G$18=$B$24,21,0),MOD($C6464,24)+1)/SUM(INDEX($D$3:$AA$30,INDEX(Jesper!$R$2:$R$366,ROW(INDEX(Jesper!AH$2:AH$366,ROUNDDOWN($C6464/24,0)+1,1))-1)+IF('Standard Profiles'!$G$18=$B$10,7,0)+IF('Standard Profiles'!$G$18=$B$17,14,0)+IF('Standard Profiles'!$G$18=$B$24,21,0),0)),0)</f>
        <v>5.5483895210025258</v>
      </c>
      <c r="E6464" cm="1">
        <f t="array" ref="E6464">IFERROR(INDEX(Jesper!AI$2:AI$366,ROUNDDOWN($C6464/24,0)+1,1)*INDEX($D$3:$AA$30,INDEX(Jesper!$R$2:$R$366,ROW(INDEX(Jesper!AI$2:AI$366,ROUNDDOWN($C6464/24,0)+1,1))-1)+IF('Standard Profiles'!$G$19=$B$10,7,0)+IF('Standard Profiles'!$G$19=$B$17,14,0)+IF('Standard Profiles'!$G$19=$B$24,21,0),MOD($C6464,24)+1)/SUM(INDEX($D$3:$AA$30,INDEX(Jesper!$R$2:$R$366,ROW(INDEX(Jesper!AI$2:AI$366,ROUNDDOWN($C6464/24,0)+1,1))-1)+IF('Standard Profiles'!$G$19=$B$10,7,0)+IF('Standard Profiles'!$G$19=$B$17,14,0)+IF('Standard Profiles'!$G$19=$B$24,21,0),0)),0)</f>
        <v>2.5872166520336082</v>
      </c>
      <c r="F6464" cm="1">
        <f t="array" ref="F6464">IFERROR(INDEX(Jesper!AJ$2:AJ$366,ROUNDDOWN($C6464/24,0)+1,1)*INDEX($D$3:$AA$30,INDEX(Jesper!$R$2:$R$366,ROW(INDEX(Jesper!AJ$2:AJ$366,ROUNDDOWN($C6464/24,0)+1,1))-1)+IF('Standard Profiles'!$G$20=$B$10,7,0)+IF('Standard Profiles'!$G$20=$B$17,14,0)+IF('Standard Profiles'!$G$20=$B$24,21,0),MOD($C6464,24)+1)/SUM(INDEX($D$3:$AA$30,INDEX(Jesper!$R$2:$R$366,ROW(INDEX(Jesper!AJ$2:AJ$366,ROUNDDOWN($C6464/24,0)+1,1))-1)+IF('Standard Profiles'!$G$20=$B$10,7,0)+IF('Standard Profiles'!$G$20=$B$17,14,0)+IF('Standard Profiles'!$G$20=$B$24,21,0),0)),0)</f>
        <v>0</v>
      </c>
      <c r="G6464" cm="1">
        <f t="array" ref="G6464">IFERROR(INDEX(Jesper!AK$2:AK$366,ROUNDDOWN($C6464/24,0)+1,1)*INDEX($D$3:$AA$30,INDEX(Jesper!$R$2:$R$366,ROW(INDEX(Jesper!AK$2:AK$366,ROUNDDOWN($C6464/24,0)+1,1))-1)+IF('Standard Profiles'!$G$21=$B$10,7,0)+IF('Standard Profiles'!$G$21=$B$17,14,0)+IF('Standard Profiles'!$G$21=$B$24,21,0),MOD($C6464,24)+1)/SUM(INDEX($D$3:$AA$30,INDEX(Jesper!$R$2:$R$366,ROW(INDEX(Jesper!AK$2:AK$366,ROUNDDOWN($C6464/24,0)+1,1))-1)+IF('Standard Profiles'!$G$21=$B$10,7,0)+IF('Standard Profiles'!$G$21=$B$17,14,0)+IF('Standard Profiles'!$G$21=$B$24,21,0),0)),0)</f>
        <v>0.65596209113230719</v>
      </c>
      <c r="H6464" cm="1">
        <f t="array" ref="H6464">IFERROR(INDEX(Jesper!AL$2:AL$366,ROUNDDOWN($C6464/24,0)+1,1)*INDEX($D$3:$AA$30,INDEX(Jesper!$R$2:$R$366,ROW(INDEX(Jesper!AL$2:AL$366,ROUNDDOWN($C6464/24,0)+1,1))-1)+IF('Standard Profiles'!$G$22=$B$10,7,0)+IF('Standard Profiles'!$G$22=$B$17,14,0)+IF('Standard Profiles'!$G$22=$B$24,21,0),MOD($C6464,24)+1)/SUM(INDEX($D$3:$AA$30,INDEX(Jesper!$R$2:$R$366,ROW(INDEX(Jesper!AL$2:AL$366,ROUNDDOWN($C6464/24,0)+1,1))-1)+IF('Standard Profiles'!$G$22=$B$10,7,0)+IF('Standard Profiles'!$G$22=$B$17,14,0)+IF('Standard Profiles'!$G$22=$B$24,21,0),0)),0)</f>
        <v>0</v>
      </c>
      <c r="I6464">
        <f t="shared" si="720"/>
        <v>0.31486180374350731</v>
      </c>
      <c r="J6464">
        <f t="shared" si="721"/>
        <v>7.5889641370645293</v>
      </c>
      <c r="K6464">
        <f t="shared" si="722"/>
        <v>0.59182821557360277</v>
      </c>
      <c r="L6464">
        <f t="shared" si="723"/>
        <v>0.29591410778680138</v>
      </c>
      <c r="M6464">
        <f t="shared" si="724"/>
        <v>0</v>
      </c>
      <c r="N6464" s="45">
        <f t="shared" si="725"/>
        <v>45194.916666651072</v>
      </c>
    </row>
    <row r="6465" spans="2:14" x14ac:dyDescent="0.25">
      <c r="B6465">
        <f t="shared" si="719"/>
        <v>1</v>
      </c>
      <c r="C6465" s="16">
        <v>6431</v>
      </c>
      <c r="D6465" cm="1">
        <f t="array" ref="D6465">IFERROR(INDEX(Jesper!AH$2:AH$366,ROUNDDOWN($C6465/24,0)+1,1)*INDEX($D$3:$AA$30,INDEX(Jesper!$R$2:$R$366,ROW(INDEX(Jesper!AH$2:AH$366,ROUNDDOWN($C6465/24,0)+1,1))-1)+IF('Standard Profiles'!$G$18=$B$10,7,0)+IF('Standard Profiles'!$G$18=$B$17,14,0)+IF('Standard Profiles'!$G$18=$B$24,21,0),MOD($C6465,24)+1)/SUM(INDEX($D$3:$AA$30,INDEX(Jesper!$R$2:$R$366,ROW(INDEX(Jesper!AH$2:AH$366,ROUNDDOWN($C6465/24,0)+1,1))-1)+IF('Standard Profiles'!$G$18=$B$10,7,0)+IF('Standard Profiles'!$G$18=$B$17,14,0)+IF('Standard Profiles'!$G$18=$B$24,21,0),0)),0)</f>
        <v>5.5483895210025258</v>
      </c>
      <c r="E6465" cm="1">
        <f t="array" ref="E6465">IFERROR(INDEX(Jesper!AI$2:AI$366,ROUNDDOWN($C6465/24,0)+1,1)*INDEX($D$3:$AA$30,INDEX(Jesper!$R$2:$R$366,ROW(INDEX(Jesper!AI$2:AI$366,ROUNDDOWN($C6465/24,0)+1,1))-1)+IF('Standard Profiles'!$G$19=$B$10,7,0)+IF('Standard Profiles'!$G$19=$B$17,14,0)+IF('Standard Profiles'!$G$19=$B$24,21,0),MOD($C6465,24)+1)/SUM(INDEX($D$3:$AA$30,INDEX(Jesper!$R$2:$R$366,ROW(INDEX(Jesper!AI$2:AI$366,ROUNDDOWN($C6465/24,0)+1,1))-1)+IF('Standard Profiles'!$G$19=$B$10,7,0)+IF('Standard Profiles'!$G$19=$B$17,14,0)+IF('Standard Profiles'!$G$19=$B$24,21,0),0)),0)</f>
        <v>2.5872166520336082</v>
      </c>
      <c r="F6465" cm="1">
        <f t="array" ref="F6465">IFERROR(INDEX(Jesper!AJ$2:AJ$366,ROUNDDOWN($C6465/24,0)+1,1)*INDEX($D$3:$AA$30,INDEX(Jesper!$R$2:$R$366,ROW(INDEX(Jesper!AJ$2:AJ$366,ROUNDDOWN($C6465/24,0)+1,1))-1)+IF('Standard Profiles'!$G$20=$B$10,7,0)+IF('Standard Profiles'!$G$20=$B$17,14,0)+IF('Standard Profiles'!$G$20=$B$24,21,0),MOD($C6465,24)+1)/SUM(INDEX($D$3:$AA$30,INDEX(Jesper!$R$2:$R$366,ROW(INDEX(Jesper!AJ$2:AJ$366,ROUNDDOWN($C6465/24,0)+1,1))-1)+IF('Standard Profiles'!$G$20=$B$10,7,0)+IF('Standard Profiles'!$G$20=$B$17,14,0)+IF('Standard Profiles'!$G$20=$B$24,21,0),0)),0)</f>
        <v>0</v>
      </c>
      <c r="G6465" cm="1">
        <f t="array" ref="G6465">IFERROR(INDEX(Jesper!AK$2:AK$366,ROUNDDOWN($C6465/24,0)+1,1)*INDEX($D$3:$AA$30,INDEX(Jesper!$R$2:$R$366,ROW(INDEX(Jesper!AK$2:AK$366,ROUNDDOWN($C6465/24,0)+1,1))-1)+IF('Standard Profiles'!$G$21=$B$10,7,0)+IF('Standard Profiles'!$G$21=$B$17,14,0)+IF('Standard Profiles'!$G$21=$B$24,21,0),MOD($C6465,24)+1)/SUM(INDEX($D$3:$AA$30,INDEX(Jesper!$R$2:$R$366,ROW(INDEX(Jesper!AK$2:AK$366,ROUNDDOWN($C6465/24,0)+1,1))-1)+IF('Standard Profiles'!$G$21=$B$10,7,0)+IF('Standard Profiles'!$G$21=$B$17,14,0)+IF('Standard Profiles'!$G$21=$B$24,21,0),0)),0)</f>
        <v>0.65596209113230719</v>
      </c>
      <c r="H6465" cm="1">
        <f t="array" ref="H6465">IFERROR(INDEX(Jesper!AL$2:AL$366,ROUNDDOWN($C6465/24,0)+1,1)*INDEX($D$3:$AA$30,INDEX(Jesper!$R$2:$R$366,ROW(INDEX(Jesper!AL$2:AL$366,ROUNDDOWN($C6465/24,0)+1,1))-1)+IF('Standard Profiles'!$G$22=$B$10,7,0)+IF('Standard Profiles'!$G$22=$B$17,14,0)+IF('Standard Profiles'!$G$22=$B$24,21,0),MOD($C6465,24)+1)/SUM(INDEX($D$3:$AA$30,INDEX(Jesper!$R$2:$R$366,ROW(INDEX(Jesper!AL$2:AL$366,ROUNDDOWN($C6465/24,0)+1,1))-1)+IF('Standard Profiles'!$G$22=$B$10,7,0)+IF('Standard Profiles'!$G$22=$B$17,14,0)+IF('Standard Profiles'!$G$22=$B$24,21,0),0)),0)</f>
        <v>0</v>
      </c>
      <c r="I6465">
        <f t="shared" si="720"/>
        <v>0.31486180374350731</v>
      </c>
      <c r="J6465">
        <f t="shared" si="721"/>
        <v>7.5889641370645293</v>
      </c>
      <c r="K6465">
        <f t="shared" si="722"/>
        <v>0.59182821557360277</v>
      </c>
      <c r="L6465">
        <f t="shared" si="723"/>
        <v>0.29591410778680138</v>
      </c>
      <c r="M6465">
        <f t="shared" si="724"/>
        <v>0</v>
      </c>
      <c r="N6465" s="45">
        <f t="shared" si="725"/>
        <v>45194.958333317736</v>
      </c>
    </row>
    <row r="6466" spans="2:14" x14ac:dyDescent="0.25">
      <c r="B6466">
        <f t="shared" si="719"/>
        <v>2</v>
      </c>
      <c r="C6466" s="16">
        <v>6432</v>
      </c>
      <c r="D6466" cm="1">
        <f t="array" ref="D6466">IFERROR(INDEX(Jesper!AH$2:AH$366,ROUNDDOWN($C6466/24,0)+1,1)*INDEX($D$3:$AA$30,INDEX(Jesper!$R$2:$R$366,ROW(INDEX(Jesper!AH$2:AH$366,ROUNDDOWN($C6466/24,0)+1,1))-1)+IF('Standard Profiles'!$G$18=$B$10,7,0)+IF('Standard Profiles'!$G$18=$B$17,14,0)+IF('Standard Profiles'!$G$18=$B$24,21,0),MOD($C6466,24)+1)/SUM(INDEX($D$3:$AA$30,INDEX(Jesper!$R$2:$R$366,ROW(INDEX(Jesper!AH$2:AH$366,ROUNDDOWN($C6466/24,0)+1,1))-1)+IF('Standard Profiles'!$G$18=$B$10,7,0)+IF('Standard Profiles'!$G$18=$B$17,14,0)+IF('Standard Profiles'!$G$18=$B$24,21,0),0)),0)</f>
        <v>3.4585483019708168</v>
      </c>
      <c r="E6466" cm="1">
        <f t="array" ref="E6466">IFERROR(INDEX(Jesper!AI$2:AI$366,ROUNDDOWN($C6466/24,0)+1,1)*INDEX($D$3:$AA$30,INDEX(Jesper!$R$2:$R$366,ROW(INDEX(Jesper!AI$2:AI$366,ROUNDDOWN($C6466/24,0)+1,1))-1)+IF('Standard Profiles'!$G$19=$B$10,7,0)+IF('Standard Profiles'!$G$19=$B$17,14,0)+IF('Standard Profiles'!$G$19=$B$24,21,0),MOD($C6466,24)+1)/SUM(INDEX($D$3:$AA$30,INDEX(Jesper!$R$2:$R$366,ROW(INDEX(Jesper!AI$2:AI$366,ROUNDDOWN($C6466/24,0)+1,1))-1)+IF('Standard Profiles'!$G$19=$B$10,7,0)+IF('Standard Profiles'!$G$19=$B$17,14,0)+IF('Standard Profiles'!$G$19=$B$24,21,0),0)),0)</f>
        <v>1.5068519058920145</v>
      </c>
      <c r="F6466" cm="1">
        <f t="array" ref="F6466">IFERROR(INDEX(Jesper!AJ$2:AJ$366,ROUNDDOWN($C6466/24,0)+1,1)*INDEX($D$3:$AA$30,INDEX(Jesper!$R$2:$R$366,ROW(INDEX(Jesper!AJ$2:AJ$366,ROUNDDOWN($C6466/24,0)+1,1))-1)+IF('Standard Profiles'!$G$20=$B$10,7,0)+IF('Standard Profiles'!$G$20=$B$17,14,0)+IF('Standard Profiles'!$G$20=$B$24,21,0),MOD($C6466,24)+1)/SUM(INDEX($D$3:$AA$30,INDEX(Jesper!$R$2:$R$366,ROW(INDEX(Jesper!AJ$2:AJ$366,ROUNDDOWN($C6466/24,0)+1,1))-1)+IF('Standard Profiles'!$G$20=$B$10,7,0)+IF('Standard Profiles'!$G$20=$B$17,14,0)+IF('Standard Profiles'!$G$20=$B$24,21,0),0)),0)</f>
        <v>0</v>
      </c>
      <c r="G6466" cm="1">
        <f t="array" ref="G6466">IFERROR(INDEX(Jesper!AK$2:AK$366,ROUNDDOWN($C6466/24,0)+1,1)*INDEX($D$3:$AA$30,INDEX(Jesper!$R$2:$R$366,ROW(INDEX(Jesper!AK$2:AK$366,ROUNDDOWN($C6466/24,0)+1,1))-1)+IF('Standard Profiles'!$G$21=$B$10,7,0)+IF('Standard Profiles'!$G$21=$B$17,14,0)+IF('Standard Profiles'!$G$21=$B$24,21,0),MOD($C6466,24)+1)/SUM(INDEX($D$3:$AA$30,INDEX(Jesper!$R$2:$R$366,ROW(INDEX(Jesper!AK$2:AK$366,ROUNDDOWN($C6466/24,0)+1,1))-1)+IF('Standard Profiles'!$G$21=$B$10,7,0)+IF('Standard Profiles'!$G$21=$B$17,14,0)+IF('Standard Profiles'!$G$21=$B$24,21,0),0)),0)</f>
        <v>0.32141519953156217</v>
      </c>
      <c r="H6466" cm="1">
        <f t="array" ref="H6466">IFERROR(INDEX(Jesper!AL$2:AL$366,ROUNDDOWN($C6466/24,0)+1,1)*INDEX($D$3:$AA$30,INDEX(Jesper!$R$2:$R$366,ROW(INDEX(Jesper!AL$2:AL$366,ROUNDDOWN($C6466/24,0)+1,1))-1)+IF('Standard Profiles'!$G$22=$B$10,7,0)+IF('Standard Profiles'!$G$22=$B$17,14,0)+IF('Standard Profiles'!$G$22=$B$24,21,0),MOD($C6466,24)+1)/SUM(INDEX($D$3:$AA$30,INDEX(Jesper!$R$2:$R$366,ROW(INDEX(Jesper!AL$2:AL$366,ROUNDDOWN($C6466/24,0)+1,1))-1)+IF('Standard Profiles'!$G$22=$B$10,7,0)+IF('Standard Profiles'!$G$22=$B$17,14,0)+IF('Standard Profiles'!$G$22=$B$24,21,0),0)),0)</f>
        <v>0</v>
      </c>
      <c r="I6466">
        <f t="shared" si="720"/>
        <v>0.15427929577514976</v>
      </c>
      <c r="J6466">
        <f t="shared" si="721"/>
        <v>4.5791683833039123</v>
      </c>
      <c r="K6466">
        <f t="shared" si="722"/>
        <v>0.36891181887688712</v>
      </c>
      <c r="L6466">
        <f t="shared" si="723"/>
        <v>0.18445590943844356</v>
      </c>
      <c r="M6466">
        <f t="shared" si="724"/>
        <v>0</v>
      </c>
      <c r="N6466" s="45">
        <f t="shared" si="725"/>
        <v>45194.9999999844</v>
      </c>
    </row>
    <row r="6467" spans="2:14" x14ac:dyDescent="0.25">
      <c r="B6467">
        <f t="shared" si="719"/>
        <v>2</v>
      </c>
      <c r="C6467" s="16">
        <v>6433</v>
      </c>
      <c r="D6467" cm="1">
        <f t="array" ref="D6467">IFERROR(INDEX(Jesper!AH$2:AH$366,ROUNDDOWN($C6467/24,0)+1,1)*INDEX($D$3:$AA$30,INDEX(Jesper!$R$2:$R$366,ROW(INDEX(Jesper!AH$2:AH$366,ROUNDDOWN($C6467/24,0)+1,1))-1)+IF('Standard Profiles'!$G$18=$B$10,7,0)+IF('Standard Profiles'!$G$18=$B$17,14,0)+IF('Standard Profiles'!$G$18=$B$24,21,0),MOD($C6467,24)+1)/SUM(INDEX($D$3:$AA$30,INDEX(Jesper!$R$2:$R$366,ROW(INDEX(Jesper!AH$2:AH$366,ROUNDDOWN($C6467/24,0)+1,1))-1)+IF('Standard Profiles'!$G$18=$B$10,7,0)+IF('Standard Profiles'!$G$18=$B$17,14,0)+IF('Standard Profiles'!$G$18=$B$24,21,0),0)),0)</f>
        <v>5.2701688410983882</v>
      </c>
      <c r="E6467" cm="1">
        <f t="array" ref="E6467">IFERROR(INDEX(Jesper!AI$2:AI$366,ROUNDDOWN($C6467/24,0)+1,1)*INDEX($D$3:$AA$30,INDEX(Jesper!$R$2:$R$366,ROW(INDEX(Jesper!AI$2:AI$366,ROUNDDOWN($C6467/24,0)+1,1))-1)+IF('Standard Profiles'!$G$19=$B$10,7,0)+IF('Standard Profiles'!$G$19=$B$17,14,0)+IF('Standard Profiles'!$G$19=$B$24,21,0),MOD($C6467,24)+1)/SUM(INDEX($D$3:$AA$30,INDEX(Jesper!$R$2:$R$366,ROW(INDEX(Jesper!AI$2:AI$366,ROUNDDOWN($C6467/24,0)+1,1))-1)+IF('Standard Profiles'!$G$19=$B$10,7,0)+IF('Standard Profiles'!$G$19=$B$17,14,0)+IF('Standard Profiles'!$G$19=$B$24,21,0),0)),0)</f>
        <v>2.2961552851687843</v>
      </c>
      <c r="F6467" cm="1">
        <f t="array" ref="F6467">IFERROR(INDEX(Jesper!AJ$2:AJ$366,ROUNDDOWN($C6467/24,0)+1,1)*INDEX($D$3:$AA$30,INDEX(Jesper!$R$2:$R$366,ROW(INDEX(Jesper!AJ$2:AJ$366,ROUNDDOWN($C6467/24,0)+1,1))-1)+IF('Standard Profiles'!$G$20=$B$10,7,0)+IF('Standard Profiles'!$G$20=$B$17,14,0)+IF('Standard Profiles'!$G$20=$B$24,21,0),MOD($C6467,24)+1)/SUM(INDEX($D$3:$AA$30,INDEX(Jesper!$R$2:$R$366,ROW(INDEX(Jesper!AJ$2:AJ$366,ROUNDDOWN($C6467/24,0)+1,1))-1)+IF('Standard Profiles'!$G$20=$B$10,7,0)+IF('Standard Profiles'!$G$20=$B$17,14,0)+IF('Standard Profiles'!$G$20=$B$24,21,0),0)),0)</f>
        <v>0</v>
      </c>
      <c r="G6467" cm="1">
        <f t="array" ref="G6467">IFERROR(INDEX(Jesper!AK$2:AK$366,ROUNDDOWN($C6467/24,0)+1,1)*INDEX($D$3:$AA$30,INDEX(Jesper!$R$2:$R$366,ROW(INDEX(Jesper!AK$2:AK$366,ROUNDDOWN($C6467/24,0)+1,1))-1)+IF('Standard Profiles'!$G$21=$B$10,7,0)+IF('Standard Profiles'!$G$21=$B$17,14,0)+IF('Standard Profiles'!$G$21=$B$24,21,0),MOD($C6467,24)+1)/SUM(INDEX($D$3:$AA$30,INDEX(Jesper!$R$2:$R$366,ROW(INDEX(Jesper!AK$2:AK$366,ROUNDDOWN($C6467/24,0)+1,1))-1)+IF('Standard Profiles'!$G$21=$B$10,7,0)+IF('Standard Profiles'!$G$21=$B$17,14,0)+IF('Standard Profiles'!$G$21=$B$24,21,0),0)),0)</f>
        <v>0.32141519953156217</v>
      </c>
      <c r="H6467" cm="1">
        <f t="array" ref="H6467">IFERROR(INDEX(Jesper!AL$2:AL$366,ROUNDDOWN($C6467/24,0)+1,1)*INDEX($D$3:$AA$30,INDEX(Jesper!$R$2:$R$366,ROW(INDEX(Jesper!AL$2:AL$366,ROUNDDOWN($C6467/24,0)+1,1))-1)+IF('Standard Profiles'!$G$22=$B$10,7,0)+IF('Standard Profiles'!$G$22=$B$17,14,0)+IF('Standard Profiles'!$G$22=$B$24,21,0),MOD($C6467,24)+1)/SUM(INDEX($D$3:$AA$30,INDEX(Jesper!$R$2:$R$366,ROW(INDEX(Jesper!AL$2:AL$366,ROUNDDOWN($C6467/24,0)+1,1))-1)+IF('Standard Profiles'!$G$22=$B$10,7,0)+IF('Standard Profiles'!$G$22=$B$17,14,0)+IF('Standard Profiles'!$G$22=$B$24,21,0),0)),0)</f>
        <v>0</v>
      </c>
      <c r="I6467">
        <f t="shared" si="720"/>
        <v>0.15427929577514976</v>
      </c>
      <c r="J6467">
        <f t="shared" si="721"/>
        <v>6.8902330154478424</v>
      </c>
      <c r="K6467">
        <f t="shared" si="722"/>
        <v>0.56215134305049475</v>
      </c>
      <c r="L6467">
        <f t="shared" si="723"/>
        <v>0.28107567152524737</v>
      </c>
      <c r="M6467">
        <f t="shared" si="724"/>
        <v>0</v>
      </c>
      <c r="N6467" s="45">
        <f t="shared" si="725"/>
        <v>45195.041666651065</v>
      </c>
    </row>
    <row r="6468" spans="2:14" x14ac:dyDescent="0.25">
      <c r="B6468">
        <f t="shared" si="719"/>
        <v>2</v>
      </c>
      <c r="C6468" s="16">
        <v>6434</v>
      </c>
      <c r="D6468" cm="1">
        <f t="array" ref="D6468">IFERROR(INDEX(Jesper!AH$2:AH$366,ROUNDDOWN($C6468/24,0)+1,1)*INDEX($D$3:$AA$30,INDEX(Jesper!$R$2:$R$366,ROW(INDEX(Jesper!AH$2:AH$366,ROUNDDOWN($C6468/24,0)+1,1))-1)+IF('Standard Profiles'!$G$18=$B$10,7,0)+IF('Standard Profiles'!$G$18=$B$17,14,0)+IF('Standard Profiles'!$G$18=$B$24,21,0),MOD($C6468,24)+1)/SUM(INDEX($D$3:$AA$30,INDEX(Jesper!$R$2:$R$366,ROW(INDEX(Jesper!AH$2:AH$366,ROUNDDOWN($C6468/24,0)+1,1))-1)+IF('Standard Profiles'!$G$18=$B$10,7,0)+IF('Standard Profiles'!$G$18=$B$17,14,0)+IF('Standard Profiles'!$G$18=$B$24,21,0),0)),0)</f>
        <v>5.2701688410983882</v>
      </c>
      <c r="E6468" cm="1">
        <f t="array" ref="E6468">IFERROR(INDEX(Jesper!AI$2:AI$366,ROUNDDOWN($C6468/24,0)+1,1)*INDEX($D$3:$AA$30,INDEX(Jesper!$R$2:$R$366,ROW(INDEX(Jesper!AI$2:AI$366,ROUNDDOWN($C6468/24,0)+1,1))-1)+IF('Standard Profiles'!$G$19=$B$10,7,0)+IF('Standard Profiles'!$G$19=$B$17,14,0)+IF('Standard Profiles'!$G$19=$B$24,21,0),MOD($C6468,24)+1)/SUM(INDEX($D$3:$AA$30,INDEX(Jesper!$R$2:$R$366,ROW(INDEX(Jesper!AI$2:AI$366,ROUNDDOWN($C6468/24,0)+1,1))-1)+IF('Standard Profiles'!$G$19=$B$10,7,0)+IF('Standard Profiles'!$G$19=$B$17,14,0)+IF('Standard Profiles'!$G$19=$B$24,21,0),0)),0)</f>
        <v>2.2961552851687843</v>
      </c>
      <c r="F6468" cm="1">
        <f t="array" ref="F6468">IFERROR(INDEX(Jesper!AJ$2:AJ$366,ROUNDDOWN($C6468/24,0)+1,1)*INDEX($D$3:$AA$30,INDEX(Jesper!$R$2:$R$366,ROW(INDEX(Jesper!AJ$2:AJ$366,ROUNDDOWN($C6468/24,0)+1,1))-1)+IF('Standard Profiles'!$G$20=$B$10,7,0)+IF('Standard Profiles'!$G$20=$B$17,14,0)+IF('Standard Profiles'!$G$20=$B$24,21,0),MOD($C6468,24)+1)/SUM(INDEX($D$3:$AA$30,INDEX(Jesper!$R$2:$R$366,ROW(INDEX(Jesper!AJ$2:AJ$366,ROUNDDOWN($C6468/24,0)+1,1))-1)+IF('Standard Profiles'!$G$20=$B$10,7,0)+IF('Standard Profiles'!$G$20=$B$17,14,0)+IF('Standard Profiles'!$G$20=$B$24,21,0),0)),0)</f>
        <v>0</v>
      </c>
      <c r="G6468" cm="1">
        <f t="array" ref="G6468">IFERROR(INDEX(Jesper!AK$2:AK$366,ROUNDDOWN($C6468/24,0)+1,1)*INDEX($D$3:$AA$30,INDEX(Jesper!$R$2:$R$366,ROW(INDEX(Jesper!AK$2:AK$366,ROUNDDOWN($C6468/24,0)+1,1))-1)+IF('Standard Profiles'!$G$21=$B$10,7,0)+IF('Standard Profiles'!$G$21=$B$17,14,0)+IF('Standard Profiles'!$G$21=$B$24,21,0),MOD($C6468,24)+1)/SUM(INDEX($D$3:$AA$30,INDEX(Jesper!$R$2:$R$366,ROW(INDEX(Jesper!AK$2:AK$366,ROUNDDOWN($C6468/24,0)+1,1))-1)+IF('Standard Profiles'!$G$21=$B$10,7,0)+IF('Standard Profiles'!$G$21=$B$17,14,0)+IF('Standard Profiles'!$G$21=$B$24,21,0),0)),0)</f>
        <v>0.32141519953156217</v>
      </c>
      <c r="H6468" cm="1">
        <f t="array" ref="H6468">IFERROR(INDEX(Jesper!AL$2:AL$366,ROUNDDOWN($C6468/24,0)+1,1)*INDEX($D$3:$AA$30,INDEX(Jesper!$R$2:$R$366,ROW(INDEX(Jesper!AL$2:AL$366,ROUNDDOWN($C6468/24,0)+1,1))-1)+IF('Standard Profiles'!$G$22=$B$10,7,0)+IF('Standard Profiles'!$G$22=$B$17,14,0)+IF('Standard Profiles'!$G$22=$B$24,21,0),MOD($C6468,24)+1)/SUM(INDEX($D$3:$AA$30,INDEX(Jesper!$R$2:$R$366,ROW(INDEX(Jesper!AL$2:AL$366,ROUNDDOWN($C6468/24,0)+1,1))-1)+IF('Standard Profiles'!$G$22=$B$10,7,0)+IF('Standard Profiles'!$G$22=$B$17,14,0)+IF('Standard Profiles'!$G$22=$B$24,21,0),0)),0)</f>
        <v>0</v>
      </c>
      <c r="I6468">
        <f t="shared" si="720"/>
        <v>0.15427929577514976</v>
      </c>
      <c r="J6468">
        <f t="shared" si="721"/>
        <v>6.8902330154478424</v>
      </c>
      <c r="K6468">
        <f t="shared" si="722"/>
        <v>0.56215134305049475</v>
      </c>
      <c r="L6468">
        <f t="shared" si="723"/>
        <v>0.28107567152524737</v>
      </c>
      <c r="M6468">
        <f t="shared" si="724"/>
        <v>0</v>
      </c>
      <c r="N6468" s="45">
        <f t="shared" si="725"/>
        <v>45195.083333317729</v>
      </c>
    </row>
    <row r="6469" spans="2:14" x14ac:dyDescent="0.25">
      <c r="B6469">
        <f t="shared" si="719"/>
        <v>2</v>
      </c>
      <c r="C6469" s="16">
        <v>6435</v>
      </c>
      <c r="D6469" cm="1">
        <f t="array" ref="D6469">IFERROR(INDEX(Jesper!AH$2:AH$366,ROUNDDOWN($C6469/24,0)+1,1)*INDEX($D$3:$AA$30,INDEX(Jesper!$R$2:$R$366,ROW(INDEX(Jesper!AH$2:AH$366,ROUNDDOWN($C6469/24,0)+1,1))-1)+IF('Standard Profiles'!$G$18=$B$10,7,0)+IF('Standard Profiles'!$G$18=$B$17,14,0)+IF('Standard Profiles'!$G$18=$B$24,21,0),MOD($C6469,24)+1)/SUM(INDEX($D$3:$AA$30,INDEX(Jesper!$R$2:$R$366,ROW(INDEX(Jesper!AH$2:AH$366,ROUNDDOWN($C6469/24,0)+1,1))-1)+IF('Standard Profiles'!$G$18=$B$10,7,0)+IF('Standard Profiles'!$G$18=$B$17,14,0)+IF('Standard Profiles'!$G$18=$B$24,21,0),0)),0)</f>
        <v>5.2701688410983882</v>
      </c>
      <c r="E6469" cm="1">
        <f t="array" ref="E6469">IFERROR(INDEX(Jesper!AI$2:AI$366,ROUNDDOWN($C6469/24,0)+1,1)*INDEX($D$3:$AA$30,INDEX(Jesper!$R$2:$R$366,ROW(INDEX(Jesper!AI$2:AI$366,ROUNDDOWN($C6469/24,0)+1,1))-1)+IF('Standard Profiles'!$G$19=$B$10,7,0)+IF('Standard Profiles'!$G$19=$B$17,14,0)+IF('Standard Profiles'!$G$19=$B$24,21,0),MOD($C6469,24)+1)/SUM(INDEX($D$3:$AA$30,INDEX(Jesper!$R$2:$R$366,ROW(INDEX(Jesper!AI$2:AI$366,ROUNDDOWN($C6469/24,0)+1,1))-1)+IF('Standard Profiles'!$G$19=$B$10,7,0)+IF('Standard Profiles'!$G$19=$B$17,14,0)+IF('Standard Profiles'!$G$19=$B$24,21,0),0)),0)</f>
        <v>2.2961552851687843</v>
      </c>
      <c r="F6469" cm="1">
        <f t="array" ref="F6469">IFERROR(INDEX(Jesper!AJ$2:AJ$366,ROUNDDOWN($C6469/24,0)+1,1)*INDEX($D$3:$AA$30,INDEX(Jesper!$R$2:$R$366,ROW(INDEX(Jesper!AJ$2:AJ$366,ROUNDDOWN($C6469/24,0)+1,1))-1)+IF('Standard Profiles'!$G$20=$B$10,7,0)+IF('Standard Profiles'!$G$20=$B$17,14,0)+IF('Standard Profiles'!$G$20=$B$24,21,0),MOD($C6469,24)+1)/SUM(INDEX($D$3:$AA$30,INDEX(Jesper!$R$2:$R$366,ROW(INDEX(Jesper!AJ$2:AJ$366,ROUNDDOWN($C6469/24,0)+1,1))-1)+IF('Standard Profiles'!$G$20=$B$10,7,0)+IF('Standard Profiles'!$G$20=$B$17,14,0)+IF('Standard Profiles'!$G$20=$B$24,21,0),0)),0)</f>
        <v>0</v>
      </c>
      <c r="G6469" cm="1">
        <f t="array" ref="G6469">IFERROR(INDEX(Jesper!AK$2:AK$366,ROUNDDOWN($C6469/24,0)+1,1)*INDEX($D$3:$AA$30,INDEX(Jesper!$R$2:$R$366,ROW(INDEX(Jesper!AK$2:AK$366,ROUNDDOWN($C6469/24,0)+1,1))-1)+IF('Standard Profiles'!$G$21=$B$10,7,0)+IF('Standard Profiles'!$G$21=$B$17,14,0)+IF('Standard Profiles'!$G$21=$B$24,21,0),MOD($C6469,24)+1)/SUM(INDEX($D$3:$AA$30,INDEX(Jesper!$R$2:$R$366,ROW(INDEX(Jesper!AK$2:AK$366,ROUNDDOWN($C6469/24,0)+1,1))-1)+IF('Standard Profiles'!$G$21=$B$10,7,0)+IF('Standard Profiles'!$G$21=$B$17,14,0)+IF('Standard Profiles'!$G$21=$B$24,21,0),0)),0)</f>
        <v>0.32141519953156217</v>
      </c>
      <c r="H6469" cm="1">
        <f t="array" ref="H6469">IFERROR(INDEX(Jesper!AL$2:AL$366,ROUNDDOWN($C6469/24,0)+1,1)*INDEX($D$3:$AA$30,INDEX(Jesper!$R$2:$R$366,ROW(INDEX(Jesper!AL$2:AL$366,ROUNDDOWN($C6469/24,0)+1,1))-1)+IF('Standard Profiles'!$G$22=$B$10,7,0)+IF('Standard Profiles'!$G$22=$B$17,14,0)+IF('Standard Profiles'!$G$22=$B$24,21,0),MOD($C6469,24)+1)/SUM(INDEX($D$3:$AA$30,INDEX(Jesper!$R$2:$R$366,ROW(INDEX(Jesper!AL$2:AL$366,ROUNDDOWN($C6469/24,0)+1,1))-1)+IF('Standard Profiles'!$G$22=$B$10,7,0)+IF('Standard Profiles'!$G$22=$B$17,14,0)+IF('Standard Profiles'!$G$22=$B$24,21,0),0)),0)</f>
        <v>0</v>
      </c>
      <c r="I6469">
        <f t="shared" si="720"/>
        <v>0.15427929577514976</v>
      </c>
      <c r="J6469">
        <f t="shared" si="721"/>
        <v>6.8902330154478424</v>
      </c>
      <c r="K6469">
        <f t="shared" si="722"/>
        <v>0.56215134305049475</v>
      </c>
      <c r="L6469">
        <f t="shared" si="723"/>
        <v>0.28107567152524737</v>
      </c>
      <c r="M6469">
        <f t="shared" si="724"/>
        <v>0</v>
      </c>
      <c r="N6469" s="45">
        <f t="shared" si="725"/>
        <v>45195.124999984393</v>
      </c>
    </row>
    <row r="6470" spans="2:14" x14ac:dyDescent="0.25">
      <c r="B6470">
        <f t="shared" si="719"/>
        <v>2</v>
      </c>
      <c r="C6470" s="16">
        <v>6436</v>
      </c>
      <c r="D6470" cm="1">
        <f t="array" ref="D6470">IFERROR(INDEX(Jesper!AH$2:AH$366,ROUNDDOWN($C6470/24,0)+1,1)*INDEX($D$3:$AA$30,INDEX(Jesper!$R$2:$R$366,ROW(INDEX(Jesper!AH$2:AH$366,ROUNDDOWN($C6470/24,0)+1,1))-1)+IF('Standard Profiles'!$G$18=$B$10,7,0)+IF('Standard Profiles'!$G$18=$B$17,14,0)+IF('Standard Profiles'!$G$18=$B$24,21,0),MOD($C6470,24)+1)/SUM(INDEX($D$3:$AA$30,INDEX(Jesper!$R$2:$R$366,ROW(INDEX(Jesper!AH$2:AH$366,ROUNDDOWN($C6470/24,0)+1,1))-1)+IF('Standard Profiles'!$G$18=$B$10,7,0)+IF('Standard Profiles'!$G$18=$B$17,14,0)+IF('Standard Profiles'!$G$18=$B$24,21,0),0)),0)</f>
        <v>5.2701688410983882</v>
      </c>
      <c r="E6470" cm="1">
        <f t="array" ref="E6470">IFERROR(INDEX(Jesper!AI$2:AI$366,ROUNDDOWN($C6470/24,0)+1,1)*INDEX($D$3:$AA$30,INDEX(Jesper!$R$2:$R$366,ROW(INDEX(Jesper!AI$2:AI$366,ROUNDDOWN($C6470/24,0)+1,1))-1)+IF('Standard Profiles'!$G$19=$B$10,7,0)+IF('Standard Profiles'!$G$19=$B$17,14,0)+IF('Standard Profiles'!$G$19=$B$24,21,0),MOD($C6470,24)+1)/SUM(INDEX($D$3:$AA$30,INDEX(Jesper!$R$2:$R$366,ROW(INDEX(Jesper!AI$2:AI$366,ROUNDDOWN($C6470/24,0)+1,1))-1)+IF('Standard Profiles'!$G$19=$B$10,7,0)+IF('Standard Profiles'!$G$19=$B$17,14,0)+IF('Standard Profiles'!$G$19=$B$24,21,0),0)),0)</f>
        <v>2.2961552851687843</v>
      </c>
      <c r="F6470" cm="1">
        <f t="array" ref="F6470">IFERROR(INDEX(Jesper!AJ$2:AJ$366,ROUNDDOWN($C6470/24,0)+1,1)*INDEX($D$3:$AA$30,INDEX(Jesper!$R$2:$R$366,ROW(INDEX(Jesper!AJ$2:AJ$366,ROUNDDOWN($C6470/24,0)+1,1))-1)+IF('Standard Profiles'!$G$20=$B$10,7,0)+IF('Standard Profiles'!$G$20=$B$17,14,0)+IF('Standard Profiles'!$G$20=$B$24,21,0),MOD($C6470,24)+1)/SUM(INDEX($D$3:$AA$30,INDEX(Jesper!$R$2:$R$366,ROW(INDEX(Jesper!AJ$2:AJ$366,ROUNDDOWN($C6470/24,0)+1,1))-1)+IF('Standard Profiles'!$G$20=$B$10,7,0)+IF('Standard Profiles'!$G$20=$B$17,14,0)+IF('Standard Profiles'!$G$20=$B$24,21,0),0)),0)</f>
        <v>0</v>
      </c>
      <c r="G6470" cm="1">
        <f t="array" ref="G6470">IFERROR(INDEX(Jesper!AK$2:AK$366,ROUNDDOWN($C6470/24,0)+1,1)*INDEX($D$3:$AA$30,INDEX(Jesper!$R$2:$R$366,ROW(INDEX(Jesper!AK$2:AK$366,ROUNDDOWN($C6470/24,0)+1,1))-1)+IF('Standard Profiles'!$G$21=$B$10,7,0)+IF('Standard Profiles'!$G$21=$B$17,14,0)+IF('Standard Profiles'!$G$21=$B$24,21,0),MOD($C6470,24)+1)/SUM(INDEX($D$3:$AA$30,INDEX(Jesper!$R$2:$R$366,ROW(INDEX(Jesper!AK$2:AK$366,ROUNDDOWN($C6470/24,0)+1,1))-1)+IF('Standard Profiles'!$G$21=$B$10,7,0)+IF('Standard Profiles'!$G$21=$B$17,14,0)+IF('Standard Profiles'!$G$21=$B$24,21,0),0)),0)</f>
        <v>0.32141519953156217</v>
      </c>
      <c r="H6470" cm="1">
        <f t="array" ref="H6470">IFERROR(INDEX(Jesper!AL$2:AL$366,ROUNDDOWN($C6470/24,0)+1,1)*INDEX($D$3:$AA$30,INDEX(Jesper!$R$2:$R$366,ROW(INDEX(Jesper!AL$2:AL$366,ROUNDDOWN($C6470/24,0)+1,1))-1)+IF('Standard Profiles'!$G$22=$B$10,7,0)+IF('Standard Profiles'!$G$22=$B$17,14,0)+IF('Standard Profiles'!$G$22=$B$24,21,0),MOD($C6470,24)+1)/SUM(INDEX($D$3:$AA$30,INDEX(Jesper!$R$2:$R$366,ROW(INDEX(Jesper!AL$2:AL$366,ROUNDDOWN($C6470/24,0)+1,1))-1)+IF('Standard Profiles'!$G$22=$B$10,7,0)+IF('Standard Profiles'!$G$22=$B$17,14,0)+IF('Standard Profiles'!$G$22=$B$24,21,0),0)),0)</f>
        <v>0</v>
      </c>
      <c r="I6470">
        <f t="shared" si="720"/>
        <v>0.15427929577514976</v>
      </c>
      <c r="J6470">
        <f t="shared" si="721"/>
        <v>6.8902330154478424</v>
      </c>
      <c r="K6470">
        <f t="shared" si="722"/>
        <v>0.56215134305049475</v>
      </c>
      <c r="L6470">
        <f t="shared" si="723"/>
        <v>0.28107567152524737</v>
      </c>
      <c r="M6470">
        <f t="shared" si="724"/>
        <v>0</v>
      </c>
      <c r="N6470" s="45">
        <f t="shared" si="725"/>
        <v>45195.166666651057</v>
      </c>
    </row>
    <row r="6471" spans="2:14" x14ac:dyDescent="0.25">
      <c r="B6471">
        <f t="shared" si="719"/>
        <v>2</v>
      </c>
      <c r="C6471" s="16">
        <v>6437</v>
      </c>
      <c r="D6471" cm="1">
        <f t="array" ref="D6471">IFERROR(INDEX(Jesper!AH$2:AH$366,ROUNDDOWN($C6471/24,0)+1,1)*INDEX($D$3:$AA$30,INDEX(Jesper!$R$2:$R$366,ROW(INDEX(Jesper!AH$2:AH$366,ROUNDDOWN($C6471/24,0)+1,1))-1)+IF('Standard Profiles'!$G$18=$B$10,7,0)+IF('Standard Profiles'!$G$18=$B$17,14,0)+IF('Standard Profiles'!$G$18=$B$24,21,0),MOD($C6471,24)+1)/SUM(INDEX($D$3:$AA$30,INDEX(Jesper!$R$2:$R$366,ROW(INDEX(Jesper!AH$2:AH$366,ROUNDDOWN($C6471/24,0)+1,1))-1)+IF('Standard Profiles'!$G$18=$B$10,7,0)+IF('Standard Profiles'!$G$18=$B$17,14,0)+IF('Standard Profiles'!$G$18=$B$24,21,0),0)),0)</f>
        <v>5.2701688410983882</v>
      </c>
      <c r="E6471" cm="1">
        <f t="array" ref="E6471">IFERROR(INDEX(Jesper!AI$2:AI$366,ROUNDDOWN($C6471/24,0)+1,1)*INDEX($D$3:$AA$30,INDEX(Jesper!$R$2:$R$366,ROW(INDEX(Jesper!AI$2:AI$366,ROUNDDOWN($C6471/24,0)+1,1))-1)+IF('Standard Profiles'!$G$19=$B$10,7,0)+IF('Standard Profiles'!$G$19=$B$17,14,0)+IF('Standard Profiles'!$G$19=$B$24,21,0),MOD($C6471,24)+1)/SUM(INDEX($D$3:$AA$30,INDEX(Jesper!$R$2:$R$366,ROW(INDEX(Jesper!AI$2:AI$366,ROUNDDOWN($C6471/24,0)+1,1))-1)+IF('Standard Profiles'!$G$19=$B$10,7,0)+IF('Standard Profiles'!$G$19=$B$17,14,0)+IF('Standard Profiles'!$G$19=$B$24,21,0),0)),0)</f>
        <v>2.2961552851687843</v>
      </c>
      <c r="F6471" cm="1">
        <f t="array" ref="F6471">IFERROR(INDEX(Jesper!AJ$2:AJ$366,ROUNDDOWN($C6471/24,0)+1,1)*INDEX($D$3:$AA$30,INDEX(Jesper!$R$2:$R$366,ROW(INDEX(Jesper!AJ$2:AJ$366,ROUNDDOWN($C6471/24,0)+1,1))-1)+IF('Standard Profiles'!$G$20=$B$10,7,0)+IF('Standard Profiles'!$G$20=$B$17,14,0)+IF('Standard Profiles'!$G$20=$B$24,21,0),MOD($C6471,24)+1)/SUM(INDEX($D$3:$AA$30,INDEX(Jesper!$R$2:$R$366,ROW(INDEX(Jesper!AJ$2:AJ$366,ROUNDDOWN($C6471/24,0)+1,1))-1)+IF('Standard Profiles'!$G$20=$B$10,7,0)+IF('Standard Profiles'!$G$20=$B$17,14,0)+IF('Standard Profiles'!$G$20=$B$24,21,0),0)),0)</f>
        <v>0</v>
      </c>
      <c r="G6471" cm="1">
        <f t="array" ref="G6471">IFERROR(INDEX(Jesper!AK$2:AK$366,ROUNDDOWN($C6471/24,0)+1,1)*INDEX($D$3:$AA$30,INDEX(Jesper!$R$2:$R$366,ROW(INDEX(Jesper!AK$2:AK$366,ROUNDDOWN($C6471/24,0)+1,1))-1)+IF('Standard Profiles'!$G$21=$B$10,7,0)+IF('Standard Profiles'!$G$21=$B$17,14,0)+IF('Standard Profiles'!$G$21=$B$24,21,0),MOD($C6471,24)+1)/SUM(INDEX($D$3:$AA$30,INDEX(Jesper!$R$2:$R$366,ROW(INDEX(Jesper!AK$2:AK$366,ROUNDDOWN($C6471/24,0)+1,1))-1)+IF('Standard Profiles'!$G$21=$B$10,7,0)+IF('Standard Profiles'!$G$21=$B$17,14,0)+IF('Standard Profiles'!$G$21=$B$24,21,0),0)),0)</f>
        <v>0.32141519953156217</v>
      </c>
      <c r="H6471" cm="1">
        <f t="array" ref="H6471">IFERROR(INDEX(Jesper!AL$2:AL$366,ROUNDDOWN($C6471/24,0)+1,1)*INDEX($D$3:$AA$30,INDEX(Jesper!$R$2:$R$366,ROW(INDEX(Jesper!AL$2:AL$366,ROUNDDOWN($C6471/24,0)+1,1))-1)+IF('Standard Profiles'!$G$22=$B$10,7,0)+IF('Standard Profiles'!$G$22=$B$17,14,0)+IF('Standard Profiles'!$G$22=$B$24,21,0),MOD($C6471,24)+1)/SUM(INDEX($D$3:$AA$30,INDEX(Jesper!$R$2:$R$366,ROW(INDEX(Jesper!AL$2:AL$366,ROUNDDOWN($C6471/24,0)+1,1))-1)+IF('Standard Profiles'!$G$22=$B$10,7,0)+IF('Standard Profiles'!$G$22=$B$17,14,0)+IF('Standard Profiles'!$G$22=$B$24,21,0),0)),0)</f>
        <v>0</v>
      </c>
      <c r="I6471">
        <f t="shared" si="720"/>
        <v>0.15427929577514976</v>
      </c>
      <c r="J6471">
        <f t="shared" si="721"/>
        <v>6.8902330154478424</v>
      </c>
      <c r="K6471">
        <f t="shared" si="722"/>
        <v>0.56215134305049475</v>
      </c>
      <c r="L6471">
        <f t="shared" si="723"/>
        <v>0.28107567152524737</v>
      </c>
      <c r="M6471">
        <f t="shared" si="724"/>
        <v>0</v>
      </c>
      <c r="N6471" s="45">
        <f t="shared" si="725"/>
        <v>45195.208333317722</v>
      </c>
    </row>
    <row r="6472" spans="2:14" x14ac:dyDescent="0.25">
      <c r="B6472">
        <f t="shared" si="719"/>
        <v>2</v>
      </c>
      <c r="C6472" s="16">
        <v>6438</v>
      </c>
      <c r="D6472" cm="1">
        <f t="array" ref="D6472">IFERROR(INDEX(Jesper!AH$2:AH$366,ROUNDDOWN($C6472/24,0)+1,1)*INDEX($D$3:$AA$30,INDEX(Jesper!$R$2:$R$366,ROW(INDEX(Jesper!AH$2:AH$366,ROUNDDOWN($C6472/24,0)+1,1))-1)+IF('Standard Profiles'!$G$18=$B$10,7,0)+IF('Standard Profiles'!$G$18=$B$17,14,0)+IF('Standard Profiles'!$G$18=$B$24,21,0),MOD($C6472,24)+1)/SUM(INDEX($D$3:$AA$30,INDEX(Jesper!$R$2:$R$366,ROW(INDEX(Jesper!AH$2:AH$366,ROUNDDOWN($C6472/24,0)+1,1))-1)+IF('Standard Profiles'!$G$18=$B$10,7,0)+IF('Standard Profiles'!$G$18=$B$17,14,0)+IF('Standard Profiles'!$G$18=$B$24,21,0),0)),0)</f>
        <v>5.2701688410983882</v>
      </c>
      <c r="E6472" cm="1">
        <f t="array" ref="E6472">IFERROR(INDEX(Jesper!AI$2:AI$366,ROUNDDOWN($C6472/24,0)+1,1)*INDEX($D$3:$AA$30,INDEX(Jesper!$R$2:$R$366,ROW(INDEX(Jesper!AI$2:AI$366,ROUNDDOWN($C6472/24,0)+1,1))-1)+IF('Standard Profiles'!$G$19=$B$10,7,0)+IF('Standard Profiles'!$G$19=$B$17,14,0)+IF('Standard Profiles'!$G$19=$B$24,21,0),MOD($C6472,24)+1)/SUM(INDEX($D$3:$AA$30,INDEX(Jesper!$R$2:$R$366,ROW(INDEX(Jesper!AI$2:AI$366,ROUNDDOWN($C6472/24,0)+1,1))-1)+IF('Standard Profiles'!$G$19=$B$10,7,0)+IF('Standard Profiles'!$G$19=$B$17,14,0)+IF('Standard Profiles'!$G$19=$B$24,21,0),0)),0)</f>
        <v>2.2961552851687843</v>
      </c>
      <c r="F6472" cm="1">
        <f t="array" ref="F6472">IFERROR(INDEX(Jesper!AJ$2:AJ$366,ROUNDDOWN($C6472/24,0)+1,1)*INDEX($D$3:$AA$30,INDEX(Jesper!$R$2:$R$366,ROW(INDEX(Jesper!AJ$2:AJ$366,ROUNDDOWN($C6472/24,0)+1,1))-1)+IF('Standard Profiles'!$G$20=$B$10,7,0)+IF('Standard Profiles'!$G$20=$B$17,14,0)+IF('Standard Profiles'!$G$20=$B$24,21,0),MOD($C6472,24)+1)/SUM(INDEX($D$3:$AA$30,INDEX(Jesper!$R$2:$R$366,ROW(INDEX(Jesper!AJ$2:AJ$366,ROUNDDOWN($C6472/24,0)+1,1))-1)+IF('Standard Profiles'!$G$20=$B$10,7,0)+IF('Standard Profiles'!$G$20=$B$17,14,0)+IF('Standard Profiles'!$G$20=$B$24,21,0),0)),0)</f>
        <v>0</v>
      </c>
      <c r="G6472" cm="1">
        <f t="array" ref="G6472">IFERROR(INDEX(Jesper!AK$2:AK$366,ROUNDDOWN($C6472/24,0)+1,1)*INDEX($D$3:$AA$30,INDEX(Jesper!$R$2:$R$366,ROW(INDEX(Jesper!AK$2:AK$366,ROUNDDOWN($C6472/24,0)+1,1))-1)+IF('Standard Profiles'!$G$21=$B$10,7,0)+IF('Standard Profiles'!$G$21=$B$17,14,0)+IF('Standard Profiles'!$G$21=$B$24,21,0),MOD($C6472,24)+1)/SUM(INDEX($D$3:$AA$30,INDEX(Jesper!$R$2:$R$366,ROW(INDEX(Jesper!AK$2:AK$366,ROUNDDOWN($C6472/24,0)+1,1))-1)+IF('Standard Profiles'!$G$21=$B$10,7,0)+IF('Standard Profiles'!$G$21=$B$17,14,0)+IF('Standard Profiles'!$G$21=$B$24,21,0),0)),0)</f>
        <v>0.32141519953156217</v>
      </c>
      <c r="H6472" cm="1">
        <f t="array" ref="H6472">IFERROR(INDEX(Jesper!AL$2:AL$366,ROUNDDOWN($C6472/24,0)+1,1)*INDEX($D$3:$AA$30,INDEX(Jesper!$R$2:$R$366,ROW(INDEX(Jesper!AL$2:AL$366,ROUNDDOWN($C6472/24,0)+1,1))-1)+IF('Standard Profiles'!$G$22=$B$10,7,0)+IF('Standard Profiles'!$G$22=$B$17,14,0)+IF('Standard Profiles'!$G$22=$B$24,21,0),MOD($C6472,24)+1)/SUM(INDEX($D$3:$AA$30,INDEX(Jesper!$R$2:$R$366,ROW(INDEX(Jesper!AL$2:AL$366,ROUNDDOWN($C6472/24,0)+1,1))-1)+IF('Standard Profiles'!$G$22=$B$10,7,0)+IF('Standard Profiles'!$G$22=$B$17,14,0)+IF('Standard Profiles'!$G$22=$B$24,21,0),0)),0)</f>
        <v>0</v>
      </c>
      <c r="I6472">
        <f t="shared" si="720"/>
        <v>0.15427929577514976</v>
      </c>
      <c r="J6472">
        <f t="shared" si="721"/>
        <v>6.8902330154478424</v>
      </c>
      <c r="K6472">
        <f t="shared" si="722"/>
        <v>0.56215134305049475</v>
      </c>
      <c r="L6472">
        <f t="shared" si="723"/>
        <v>0.28107567152524737</v>
      </c>
      <c r="M6472">
        <f t="shared" si="724"/>
        <v>0</v>
      </c>
      <c r="N6472" s="45">
        <f t="shared" si="725"/>
        <v>45195.249999984386</v>
      </c>
    </row>
    <row r="6473" spans="2:14" x14ac:dyDescent="0.25">
      <c r="B6473">
        <f t="shared" si="719"/>
        <v>2</v>
      </c>
      <c r="C6473" s="16">
        <v>6439</v>
      </c>
      <c r="D6473" cm="1">
        <f t="array" ref="D6473">IFERROR(INDEX(Jesper!AH$2:AH$366,ROUNDDOWN($C6473/24,0)+1,1)*INDEX($D$3:$AA$30,INDEX(Jesper!$R$2:$R$366,ROW(INDEX(Jesper!AH$2:AH$366,ROUNDDOWN($C6473/24,0)+1,1))-1)+IF('Standard Profiles'!$G$18=$B$10,7,0)+IF('Standard Profiles'!$G$18=$B$17,14,0)+IF('Standard Profiles'!$G$18=$B$24,21,0),MOD($C6473,24)+1)/SUM(INDEX($D$3:$AA$30,INDEX(Jesper!$R$2:$R$366,ROW(INDEX(Jesper!AH$2:AH$366,ROUNDDOWN($C6473/24,0)+1,1))-1)+IF('Standard Profiles'!$G$18=$B$10,7,0)+IF('Standard Profiles'!$G$18=$B$17,14,0)+IF('Standard Profiles'!$G$18=$B$24,21,0),0)),0)</f>
        <v>22.217055520755387</v>
      </c>
      <c r="E6473" cm="1">
        <f t="array" ref="E6473">IFERROR(INDEX(Jesper!AI$2:AI$366,ROUNDDOWN($C6473/24,0)+1,1)*INDEX($D$3:$AA$30,INDEX(Jesper!$R$2:$R$366,ROW(INDEX(Jesper!AI$2:AI$366,ROUNDDOWN($C6473/24,0)+1,1))-1)+IF('Standard Profiles'!$G$19=$B$10,7,0)+IF('Standard Profiles'!$G$19=$B$17,14,0)+IF('Standard Profiles'!$G$19=$B$24,21,0),MOD($C6473,24)+1)/SUM(INDEX($D$3:$AA$30,INDEX(Jesper!$R$2:$R$366,ROW(INDEX(Jesper!AI$2:AI$366,ROUNDDOWN($C6473/24,0)+1,1))-1)+IF('Standard Profiles'!$G$19=$B$10,7,0)+IF('Standard Profiles'!$G$19=$B$17,14,0)+IF('Standard Profiles'!$G$19=$B$24,21,0),0)),0)</f>
        <v>9.6797296240396555</v>
      </c>
      <c r="F6473" cm="1">
        <f t="array" ref="F6473">IFERROR(INDEX(Jesper!AJ$2:AJ$366,ROUNDDOWN($C6473/24,0)+1,1)*INDEX($D$3:$AA$30,INDEX(Jesper!$R$2:$R$366,ROW(INDEX(Jesper!AJ$2:AJ$366,ROUNDDOWN($C6473/24,0)+1,1))-1)+IF('Standard Profiles'!$G$20=$B$10,7,0)+IF('Standard Profiles'!$G$20=$B$17,14,0)+IF('Standard Profiles'!$G$20=$B$24,21,0),MOD($C6473,24)+1)/SUM(INDEX($D$3:$AA$30,INDEX(Jesper!$R$2:$R$366,ROW(INDEX(Jesper!AJ$2:AJ$366,ROUNDDOWN($C6473/24,0)+1,1))-1)+IF('Standard Profiles'!$G$20=$B$10,7,0)+IF('Standard Profiles'!$G$20=$B$17,14,0)+IF('Standard Profiles'!$G$20=$B$24,21,0),0)),0)</f>
        <v>0</v>
      </c>
      <c r="G6473" cm="1">
        <f t="array" ref="G6473">IFERROR(INDEX(Jesper!AK$2:AK$366,ROUNDDOWN($C6473/24,0)+1,1)*INDEX($D$3:$AA$30,INDEX(Jesper!$R$2:$R$366,ROW(INDEX(Jesper!AK$2:AK$366,ROUNDDOWN($C6473/24,0)+1,1))-1)+IF('Standard Profiles'!$G$21=$B$10,7,0)+IF('Standard Profiles'!$G$21=$B$17,14,0)+IF('Standard Profiles'!$G$21=$B$24,21,0),MOD($C6473,24)+1)/SUM(INDEX($D$3:$AA$30,INDEX(Jesper!$R$2:$R$366,ROW(INDEX(Jesper!AK$2:AK$366,ROUNDDOWN($C6473/24,0)+1,1))-1)+IF('Standard Profiles'!$G$21=$B$10,7,0)+IF('Standard Profiles'!$G$21=$B$17,14,0)+IF('Standard Profiles'!$G$21=$B$24,21,0),0)),0)</f>
        <v>0.92588313929575805</v>
      </c>
      <c r="H6473" cm="1">
        <f t="array" ref="H6473">IFERROR(INDEX(Jesper!AL$2:AL$366,ROUNDDOWN($C6473/24,0)+1,1)*INDEX($D$3:$AA$30,INDEX(Jesper!$R$2:$R$366,ROW(INDEX(Jesper!AL$2:AL$366,ROUNDDOWN($C6473/24,0)+1,1))-1)+IF('Standard Profiles'!$G$22=$B$10,7,0)+IF('Standard Profiles'!$G$22=$B$17,14,0)+IF('Standard Profiles'!$G$22=$B$24,21,0),MOD($C6473,24)+1)/SUM(INDEX($D$3:$AA$30,INDEX(Jesper!$R$2:$R$366,ROW(INDEX(Jesper!AL$2:AL$366,ROUNDDOWN($C6473/24,0)+1,1))-1)+IF('Standard Profiles'!$G$22=$B$10,7,0)+IF('Standard Profiles'!$G$22=$B$17,14,0)+IF('Standard Profiles'!$G$22=$B$24,21,0),0)),0)</f>
        <v>0</v>
      </c>
      <c r="I6473">
        <f t="shared" si="720"/>
        <v>0.44442390686196365</v>
      </c>
      <c r="J6473">
        <f t="shared" si="721"/>
        <v>28.823515493907976</v>
      </c>
      <c r="K6473">
        <f t="shared" si="722"/>
        <v>2.3698192555472413</v>
      </c>
      <c r="L6473">
        <f t="shared" si="723"/>
        <v>1.1849096277736206</v>
      </c>
      <c r="M6473">
        <f t="shared" si="724"/>
        <v>0</v>
      </c>
      <c r="N6473" s="45">
        <f t="shared" si="725"/>
        <v>45195.29166665105</v>
      </c>
    </row>
    <row r="6474" spans="2:14" x14ac:dyDescent="0.25">
      <c r="B6474">
        <f t="shared" si="719"/>
        <v>2</v>
      </c>
      <c r="C6474" s="16">
        <v>6440</v>
      </c>
      <c r="D6474" cm="1">
        <f t="array" ref="D6474">IFERROR(INDEX(Jesper!AH$2:AH$366,ROUNDDOWN($C6474/24,0)+1,1)*INDEX($D$3:$AA$30,INDEX(Jesper!$R$2:$R$366,ROW(INDEX(Jesper!AH$2:AH$366,ROUNDDOWN($C6474/24,0)+1,1))-1)+IF('Standard Profiles'!$G$18=$B$10,7,0)+IF('Standard Profiles'!$G$18=$B$17,14,0)+IF('Standard Profiles'!$G$18=$B$24,21,0),MOD($C6474,24)+1)/SUM(INDEX($D$3:$AA$30,INDEX(Jesper!$R$2:$R$366,ROW(INDEX(Jesper!AH$2:AH$366,ROUNDDOWN($C6474/24,0)+1,1))-1)+IF('Standard Profiles'!$G$18=$B$10,7,0)+IF('Standard Profiles'!$G$18=$B$17,14,0)+IF('Standard Profiles'!$G$18=$B$24,21,0),0)),0)</f>
        <v>24.789556686316537</v>
      </c>
      <c r="E6474" cm="1">
        <f t="array" ref="E6474">IFERROR(INDEX(Jesper!AI$2:AI$366,ROUNDDOWN($C6474/24,0)+1,1)*INDEX($D$3:$AA$30,INDEX(Jesper!$R$2:$R$366,ROW(INDEX(Jesper!AI$2:AI$366,ROUNDDOWN($C6474/24,0)+1,1))-1)+IF('Standard Profiles'!$G$19=$B$10,7,0)+IF('Standard Profiles'!$G$19=$B$17,14,0)+IF('Standard Profiles'!$G$19=$B$24,21,0),MOD($C6474,24)+1)/SUM(INDEX($D$3:$AA$30,INDEX(Jesper!$R$2:$R$366,ROW(INDEX(Jesper!AI$2:AI$366,ROUNDDOWN($C6474/24,0)+1,1))-1)+IF('Standard Profiles'!$G$19=$B$10,7,0)+IF('Standard Profiles'!$G$19=$B$17,14,0)+IF('Standard Profiles'!$G$19=$B$24,21,0),0)),0)</f>
        <v>10.800540422612668</v>
      </c>
      <c r="F6474" cm="1">
        <f t="array" ref="F6474">IFERROR(INDEX(Jesper!AJ$2:AJ$366,ROUNDDOWN($C6474/24,0)+1,1)*INDEX($D$3:$AA$30,INDEX(Jesper!$R$2:$R$366,ROW(INDEX(Jesper!AJ$2:AJ$366,ROUNDDOWN($C6474/24,0)+1,1))-1)+IF('Standard Profiles'!$G$20=$B$10,7,0)+IF('Standard Profiles'!$G$20=$B$17,14,0)+IF('Standard Profiles'!$G$20=$B$24,21,0),MOD($C6474,24)+1)/SUM(INDEX($D$3:$AA$30,INDEX(Jesper!$R$2:$R$366,ROW(INDEX(Jesper!AJ$2:AJ$366,ROUNDDOWN($C6474/24,0)+1,1))-1)+IF('Standard Profiles'!$G$20=$B$10,7,0)+IF('Standard Profiles'!$G$20=$B$17,14,0)+IF('Standard Profiles'!$G$20=$B$24,21,0),0)),0)</f>
        <v>0</v>
      </c>
      <c r="G6474" cm="1">
        <f t="array" ref="G6474">IFERROR(INDEX(Jesper!AK$2:AK$366,ROUNDDOWN($C6474/24,0)+1,1)*INDEX($D$3:$AA$30,INDEX(Jesper!$R$2:$R$366,ROW(INDEX(Jesper!AK$2:AK$366,ROUNDDOWN($C6474/24,0)+1,1))-1)+IF('Standard Profiles'!$G$21=$B$10,7,0)+IF('Standard Profiles'!$G$21=$B$17,14,0)+IF('Standard Profiles'!$G$21=$B$24,21,0),MOD($C6474,24)+1)/SUM(INDEX($D$3:$AA$30,INDEX(Jesper!$R$2:$R$366,ROW(INDEX(Jesper!AK$2:AK$366,ROUNDDOWN($C6474/24,0)+1,1))-1)+IF('Standard Profiles'!$G$21=$B$10,7,0)+IF('Standard Profiles'!$G$21=$B$17,14,0)+IF('Standard Profiles'!$G$21=$B$24,21,0),0)),0)</f>
        <v>1.0330906606878987</v>
      </c>
      <c r="H6474" cm="1">
        <f t="array" ref="H6474">IFERROR(INDEX(Jesper!AL$2:AL$366,ROUNDDOWN($C6474/24,0)+1,1)*INDEX($D$3:$AA$30,INDEX(Jesper!$R$2:$R$366,ROW(INDEX(Jesper!AL$2:AL$366,ROUNDDOWN($C6474/24,0)+1,1))-1)+IF('Standard Profiles'!$G$22=$B$10,7,0)+IF('Standard Profiles'!$G$22=$B$17,14,0)+IF('Standard Profiles'!$G$22=$B$24,21,0),MOD($C6474,24)+1)/SUM(INDEX($D$3:$AA$30,INDEX(Jesper!$R$2:$R$366,ROW(INDEX(Jesper!AL$2:AL$366,ROUNDDOWN($C6474/24,0)+1,1))-1)+IF('Standard Profiles'!$G$22=$B$10,7,0)+IF('Standard Profiles'!$G$22=$B$17,14,0)+IF('Standard Profiles'!$G$22=$B$24,21,0),0)),0)</f>
        <v>0</v>
      </c>
      <c r="I6474">
        <f t="shared" si="720"/>
        <v>0.49588351713019113</v>
      </c>
      <c r="J6474">
        <f t="shared" si="721"/>
        <v>32.160975182676268</v>
      </c>
      <c r="K6474">
        <f t="shared" si="722"/>
        <v>2.6442193798737641</v>
      </c>
      <c r="L6474">
        <f t="shared" si="723"/>
        <v>1.322109689936882</v>
      </c>
      <c r="M6474">
        <f t="shared" si="724"/>
        <v>0</v>
      </c>
      <c r="N6474" s="45">
        <f t="shared" si="725"/>
        <v>45195.333333317714</v>
      </c>
    </row>
    <row r="6475" spans="2:14" x14ac:dyDescent="0.25">
      <c r="B6475">
        <f t="shared" si="719"/>
        <v>2</v>
      </c>
      <c r="C6475" s="16">
        <v>6441</v>
      </c>
      <c r="D6475" cm="1">
        <f t="array" ref="D6475">IFERROR(INDEX(Jesper!AH$2:AH$366,ROUNDDOWN($C6475/24,0)+1,1)*INDEX($D$3:$AA$30,INDEX(Jesper!$R$2:$R$366,ROW(INDEX(Jesper!AH$2:AH$366,ROUNDDOWN($C6475/24,0)+1,1))-1)+IF('Standard Profiles'!$G$18=$B$10,7,0)+IF('Standard Profiles'!$G$18=$B$17,14,0)+IF('Standard Profiles'!$G$18=$B$24,21,0),MOD($C6475,24)+1)/SUM(INDEX($D$3:$AA$30,INDEX(Jesper!$R$2:$R$366,ROW(INDEX(Jesper!AH$2:AH$366,ROUNDDOWN($C6475/24,0)+1,1))-1)+IF('Standard Profiles'!$G$18=$B$10,7,0)+IF('Standard Profiles'!$G$18=$B$17,14,0)+IF('Standard Profiles'!$G$18=$B$24,21,0),0)),0)</f>
        <v>27.362057851877694</v>
      </c>
      <c r="E6475" cm="1">
        <f t="array" ref="E6475">IFERROR(INDEX(Jesper!AI$2:AI$366,ROUNDDOWN($C6475/24,0)+1,1)*INDEX($D$3:$AA$30,INDEX(Jesper!$R$2:$R$366,ROW(INDEX(Jesper!AI$2:AI$366,ROUNDDOWN($C6475/24,0)+1,1))-1)+IF('Standard Profiles'!$G$19=$B$10,7,0)+IF('Standard Profiles'!$G$19=$B$17,14,0)+IF('Standard Profiles'!$G$19=$B$24,21,0),MOD($C6475,24)+1)/SUM(INDEX($D$3:$AA$30,INDEX(Jesper!$R$2:$R$366,ROW(INDEX(Jesper!AI$2:AI$366,ROUNDDOWN($C6475/24,0)+1,1))-1)+IF('Standard Profiles'!$G$19=$B$10,7,0)+IF('Standard Profiles'!$G$19=$B$17,14,0)+IF('Standard Profiles'!$G$19=$B$24,21,0),0)),0)</f>
        <v>11.921351221185681</v>
      </c>
      <c r="F6475" cm="1">
        <f t="array" ref="F6475">IFERROR(INDEX(Jesper!AJ$2:AJ$366,ROUNDDOWN($C6475/24,0)+1,1)*INDEX($D$3:$AA$30,INDEX(Jesper!$R$2:$R$366,ROW(INDEX(Jesper!AJ$2:AJ$366,ROUNDDOWN($C6475/24,0)+1,1))-1)+IF('Standard Profiles'!$G$20=$B$10,7,0)+IF('Standard Profiles'!$G$20=$B$17,14,0)+IF('Standard Profiles'!$G$20=$B$24,21,0),MOD($C6475,24)+1)/SUM(INDEX($D$3:$AA$30,INDEX(Jesper!$R$2:$R$366,ROW(INDEX(Jesper!AJ$2:AJ$366,ROUNDDOWN($C6475/24,0)+1,1))-1)+IF('Standard Profiles'!$G$20=$B$10,7,0)+IF('Standard Profiles'!$G$20=$B$17,14,0)+IF('Standard Profiles'!$G$20=$B$24,21,0),0)),0)</f>
        <v>0</v>
      </c>
      <c r="G6475" cm="1">
        <f t="array" ref="G6475">IFERROR(INDEX(Jesper!AK$2:AK$366,ROUNDDOWN($C6475/24,0)+1,1)*INDEX($D$3:$AA$30,INDEX(Jesper!$R$2:$R$366,ROW(INDEX(Jesper!AK$2:AK$366,ROUNDDOWN($C6475/24,0)+1,1))-1)+IF('Standard Profiles'!$G$21=$B$10,7,0)+IF('Standard Profiles'!$G$21=$B$17,14,0)+IF('Standard Profiles'!$G$21=$B$24,21,0),MOD($C6475,24)+1)/SUM(INDEX($D$3:$AA$30,INDEX(Jesper!$R$2:$R$366,ROW(INDEX(Jesper!AK$2:AK$366,ROUNDDOWN($C6475/24,0)+1,1))-1)+IF('Standard Profiles'!$G$21=$B$10,7,0)+IF('Standard Profiles'!$G$21=$B$17,14,0)+IF('Standard Profiles'!$G$21=$B$24,21,0),0)),0)</f>
        <v>1.1402981820800391</v>
      </c>
      <c r="H6475" cm="1">
        <f t="array" ref="H6475">IFERROR(INDEX(Jesper!AL$2:AL$366,ROUNDDOWN($C6475/24,0)+1,1)*INDEX($D$3:$AA$30,INDEX(Jesper!$R$2:$R$366,ROW(INDEX(Jesper!AL$2:AL$366,ROUNDDOWN($C6475/24,0)+1,1))-1)+IF('Standard Profiles'!$G$22=$B$10,7,0)+IF('Standard Profiles'!$G$22=$B$17,14,0)+IF('Standard Profiles'!$G$22=$B$24,21,0),MOD($C6475,24)+1)/SUM(INDEX($D$3:$AA$30,INDEX(Jesper!$R$2:$R$366,ROW(INDEX(Jesper!AL$2:AL$366,ROUNDDOWN($C6475/24,0)+1,1))-1)+IF('Standard Profiles'!$G$22=$B$10,7,0)+IF('Standard Profiles'!$G$22=$B$17,14,0)+IF('Standard Profiles'!$G$22=$B$24,21,0),0)),0)</f>
        <v>0</v>
      </c>
      <c r="I6475">
        <f t="shared" si="720"/>
        <v>0.54734312739841851</v>
      </c>
      <c r="J6475">
        <f t="shared" si="721"/>
        <v>35.498434871444559</v>
      </c>
      <c r="K6475">
        <f t="shared" si="722"/>
        <v>2.9186195042002874</v>
      </c>
      <c r="L6475">
        <f t="shared" si="723"/>
        <v>1.4593097521001437</v>
      </c>
      <c r="M6475">
        <f t="shared" si="724"/>
        <v>0</v>
      </c>
      <c r="N6475" s="45">
        <f t="shared" si="725"/>
        <v>45195.374999984379</v>
      </c>
    </row>
    <row r="6476" spans="2:14" x14ac:dyDescent="0.25">
      <c r="B6476">
        <f t="shared" si="719"/>
        <v>2</v>
      </c>
      <c r="C6476" s="16">
        <v>6442</v>
      </c>
      <c r="D6476" cm="1">
        <f t="array" ref="D6476">IFERROR(INDEX(Jesper!AH$2:AH$366,ROUNDDOWN($C6476/24,0)+1,1)*INDEX($D$3:$AA$30,INDEX(Jesper!$R$2:$R$366,ROW(INDEX(Jesper!AH$2:AH$366,ROUNDDOWN($C6476/24,0)+1,1))-1)+IF('Standard Profiles'!$G$18=$B$10,7,0)+IF('Standard Profiles'!$G$18=$B$17,14,0)+IF('Standard Profiles'!$G$18=$B$24,21,0),MOD($C6476,24)+1)/SUM(INDEX($D$3:$AA$30,INDEX(Jesper!$R$2:$R$366,ROW(INDEX(Jesper!AH$2:AH$366,ROUNDDOWN($C6476/24,0)+1,1))-1)+IF('Standard Profiles'!$G$18=$B$10,7,0)+IF('Standard Profiles'!$G$18=$B$17,14,0)+IF('Standard Profiles'!$G$18=$B$24,21,0),0)),0)</f>
        <v>27.362057851877694</v>
      </c>
      <c r="E6476" cm="1">
        <f t="array" ref="E6476">IFERROR(INDEX(Jesper!AI$2:AI$366,ROUNDDOWN($C6476/24,0)+1,1)*INDEX($D$3:$AA$30,INDEX(Jesper!$R$2:$R$366,ROW(INDEX(Jesper!AI$2:AI$366,ROUNDDOWN($C6476/24,0)+1,1))-1)+IF('Standard Profiles'!$G$19=$B$10,7,0)+IF('Standard Profiles'!$G$19=$B$17,14,0)+IF('Standard Profiles'!$G$19=$B$24,21,0),MOD($C6476,24)+1)/SUM(INDEX($D$3:$AA$30,INDEX(Jesper!$R$2:$R$366,ROW(INDEX(Jesper!AI$2:AI$366,ROUNDDOWN($C6476/24,0)+1,1))-1)+IF('Standard Profiles'!$G$19=$B$10,7,0)+IF('Standard Profiles'!$G$19=$B$17,14,0)+IF('Standard Profiles'!$G$19=$B$24,21,0),0)),0)</f>
        <v>11.921351221185681</v>
      </c>
      <c r="F6476" cm="1">
        <f t="array" ref="F6476">IFERROR(INDEX(Jesper!AJ$2:AJ$366,ROUNDDOWN($C6476/24,0)+1,1)*INDEX($D$3:$AA$30,INDEX(Jesper!$R$2:$R$366,ROW(INDEX(Jesper!AJ$2:AJ$366,ROUNDDOWN($C6476/24,0)+1,1))-1)+IF('Standard Profiles'!$G$20=$B$10,7,0)+IF('Standard Profiles'!$G$20=$B$17,14,0)+IF('Standard Profiles'!$G$20=$B$24,21,0),MOD($C6476,24)+1)/SUM(INDEX($D$3:$AA$30,INDEX(Jesper!$R$2:$R$366,ROW(INDEX(Jesper!AJ$2:AJ$366,ROUNDDOWN($C6476/24,0)+1,1))-1)+IF('Standard Profiles'!$G$20=$B$10,7,0)+IF('Standard Profiles'!$G$20=$B$17,14,0)+IF('Standard Profiles'!$G$20=$B$24,21,0),0)),0)</f>
        <v>0</v>
      </c>
      <c r="G6476" cm="1">
        <f t="array" ref="G6476">IFERROR(INDEX(Jesper!AK$2:AK$366,ROUNDDOWN($C6476/24,0)+1,1)*INDEX($D$3:$AA$30,INDEX(Jesper!$R$2:$R$366,ROW(INDEX(Jesper!AK$2:AK$366,ROUNDDOWN($C6476/24,0)+1,1))-1)+IF('Standard Profiles'!$G$21=$B$10,7,0)+IF('Standard Profiles'!$G$21=$B$17,14,0)+IF('Standard Profiles'!$G$21=$B$24,21,0),MOD($C6476,24)+1)/SUM(INDEX($D$3:$AA$30,INDEX(Jesper!$R$2:$R$366,ROW(INDEX(Jesper!AK$2:AK$366,ROUNDDOWN($C6476/24,0)+1,1))-1)+IF('Standard Profiles'!$G$21=$B$10,7,0)+IF('Standard Profiles'!$G$21=$B$17,14,0)+IF('Standard Profiles'!$G$21=$B$24,21,0),0)),0)</f>
        <v>1.1402981820800391</v>
      </c>
      <c r="H6476" cm="1">
        <f t="array" ref="H6476">IFERROR(INDEX(Jesper!AL$2:AL$366,ROUNDDOWN($C6476/24,0)+1,1)*INDEX($D$3:$AA$30,INDEX(Jesper!$R$2:$R$366,ROW(INDEX(Jesper!AL$2:AL$366,ROUNDDOWN($C6476/24,0)+1,1))-1)+IF('Standard Profiles'!$G$22=$B$10,7,0)+IF('Standard Profiles'!$G$22=$B$17,14,0)+IF('Standard Profiles'!$G$22=$B$24,21,0),MOD($C6476,24)+1)/SUM(INDEX($D$3:$AA$30,INDEX(Jesper!$R$2:$R$366,ROW(INDEX(Jesper!AL$2:AL$366,ROUNDDOWN($C6476/24,0)+1,1))-1)+IF('Standard Profiles'!$G$22=$B$10,7,0)+IF('Standard Profiles'!$G$22=$B$17,14,0)+IF('Standard Profiles'!$G$22=$B$24,21,0),0)),0)</f>
        <v>0</v>
      </c>
      <c r="I6476">
        <f t="shared" si="720"/>
        <v>0.54734312739841851</v>
      </c>
      <c r="J6476">
        <f t="shared" si="721"/>
        <v>35.498434871444559</v>
      </c>
      <c r="K6476">
        <f t="shared" si="722"/>
        <v>2.9186195042002874</v>
      </c>
      <c r="L6476">
        <f t="shared" si="723"/>
        <v>1.4593097521001437</v>
      </c>
      <c r="M6476">
        <f t="shared" si="724"/>
        <v>0</v>
      </c>
      <c r="N6476" s="45">
        <f t="shared" si="725"/>
        <v>45195.416666651043</v>
      </c>
    </row>
    <row r="6477" spans="2:14" x14ac:dyDescent="0.25">
      <c r="B6477">
        <f t="shared" si="719"/>
        <v>2</v>
      </c>
      <c r="C6477" s="16">
        <v>6443</v>
      </c>
      <c r="D6477" cm="1">
        <f t="array" ref="D6477">IFERROR(INDEX(Jesper!AH$2:AH$366,ROUNDDOWN($C6477/24,0)+1,1)*INDEX($D$3:$AA$30,INDEX(Jesper!$R$2:$R$366,ROW(INDEX(Jesper!AH$2:AH$366,ROUNDDOWN($C6477/24,0)+1,1))-1)+IF('Standard Profiles'!$G$18=$B$10,7,0)+IF('Standard Profiles'!$G$18=$B$17,14,0)+IF('Standard Profiles'!$G$18=$B$24,21,0),MOD($C6477,24)+1)/SUM(INDEX($D$3:$AA$30,INDEX(Jesper!$R$2:$R$366,ROW(INDEX(Jesper!AH$2:AH$366,ROUNDDOWN($C6477/24,0)+1,1))-1)+IF('Standard Profiles'!$G$18=$B$10,7,0)+IF('Standard Profiles'!$G$18=$B$17,14,0)+IF('Standard Profiles'!$G$18=$B$24,21,0),0)),0)</f>
        <v>32.740923925323735</v>
      </c>
      <c r="E6477" cm="1">
        <f t="array" ref="E6477">IFERROR(INDEX(Jesper!AI$2:AI$366,ROUNDDOWN($C6477/24,0)+1,1)*INDEX($D$3:$AA$30,INDEX(Jesper!$R$2:$R$366,ROW(INDEX(Jesper!AI$2:AI$366,ROUNDDOWN($C6477/24,0)+1,1))-1)+IF('Standard Profiles'!$G$19=$B$10,7,0)+IF('Standard Profiles'!$G$19=$B$17,14,0)+IF('Standard Profiles'!$G$19=$B$24,21,0),MOD($C6477,24)+1)/SUM(INDEX($D$3:$AA$30,INDEX(Jesper!$R$2:$R$366,ROW(INDEX(Jesper!AI$2:AI$366,ROUNDDOWN($C6477/24,0)+1,1))-1)+IF('Standard Profiles'!$G$19=$B$10,7,0)+IF('Standard Profiles'!$G$19=$B$17,14,0)+IF('Standard Profiles'!$G$19=$B$24,21,0),0)),0)</f>
        <v>14.264864709111071</v>
      </c>
      <c r="F6477" cm="1">
        <f t="array" ref="F6477">IFERROR(INDEX(Jesper!AJ$2:AJ$366,ROUNDDOWN($C6477/24,0)+1,1)*INDEX($D$3:$AA$30,INDEX(Jesper!$R$2:$R$366,ROW(INDEX(Jesper!AJ$2:AJ$366,ROUNDDOWN($C6477/24,0)+1,1))-1)+IF('Standard Profiles'!$G$20=$B$10,7,0)+IF('Standard Profiles'!$G$20=$B$17,14,0)+IF('Standard Profiles'!$G$20=$B$24,21,0),MOD($C6477,24)+1)/SUM(INDEX($D$3:$AA$30,INDEX(Jesper!$R$2:$R$366,ROW(INDEX(Jesper!AJ$2:AJ$366,ROUNDDOWN($C6477/24,0)+1,1))-1)+IF('Standard Profiles'!$G$20=$B$10,7,0)+IF('Standard Profiles'!$G$20=$B$17,14,0)+IF('Standard Profiles'!$G$20=$B$24,21,0),0)),0)</f>
        <v>0</v>
      </c>
      <c r="G6477" cm="1">
        <f t="array" ref="G6477">IFERROR(INDEX(Jesper!AK$2:AK$366,ROUNDDOWN($C6477/24,0)+1,1)*INDEX($D$3:$AA$30,INDEX(Jesper!$R$2:$R$366,ROW(INDEX(Jesper!AK$2:AK$366,ROUNDDOWN($C6477/24,0)+1,1))-1)+IF('Standard Profiles'!$G$21=$B$10,7,0)+IF('Standard Profiles'!$G$21=$B$17,14,0)+IF('Standard Profiles'!$G$21=$B$24,21,0),MOD($C6477,24)+1)/SUM(INDEX($D$3:$AA$30,INDEX(Jesper!$R$2:$R$366,ROW(INDEX(Jesper!AK$2:AK$366,ROUNDDOWN($C6477/24,0)+1,1))-1)+IF('Standard Profiles'!$G$21=$B$10,7,0)+IF('Standard Profiles'!$G$21=$B$17,14,0)+IF('Standard Profiles'!$G$21=$B$24,21,0),0)),0)</f>
        <v>1.3644593631726964</v>
      </c>
      <c r="H6477" cm="1">
        <f t="array" ref="H6477">IFERROR(INDEX(Jesper!AL$2:AL$366,ROUNDDOWN($C6477/24,0)+1,1)*INDEX($D$3:$AA$30,INDEX(Jesper!$R$2:$R$366,ROW(INDEX(Jesper!AL$2:AL$366,ROUNDDOWN($C6477/24,0)+1,1))-1)+IF('Standard Profiles'!$G$22=$B$10,7,0)+IF('Standard Profiles'!$G$22=$B$17,14,0)+IF('Standard Profiles'!$G$22=$B$24,21,0),MOD($C6477,24)+1)/SUM(INDEX($D$3:$AA$30,INDEX(Jesper!$R$2:$R$366,ROW(INDEX(Jesper!AL$2:AL$366,ROUNDDOWN($C6477/24,0)+1,1))-1)+IF('Standard Profiles'!$G$22=$B$10,7,0)+IF('Standard Profiles'!$G$22=$B$17,14,0)+IF('Standard Profiles'!$G$22=$B$24,21,0),0)),0)</f>
        <v>0</v>
      </c>
      <c r="I6477">
        <f t="shared" si="720"/>
        <v>0.65494049432289392</v>
      </c>
      <c r="J6477">
        <f t="shared" si="721"/>
        <v>42.476759675232813</v>
      </c>
      <c r="K6477">
        <f t="shared" si="722"/>
        <v>3.4923652187011984</v>
      </c>
      <c r="L6477">
        <f t="shared" si="723"/>
        <v>1.7461826093505992</v>
      </c>
      <c r="M6477">
        <f t="shared" si="724"/>
        <v>0</v>
      </c>
      <c r="N6477" s="45">
        <f t="shared" si="725"/>
        <v>45195.458333317707</v>
      </c>
    </row>
    <row r="6478" spans="2:14" x14ac:dyDescent="0.25">
      <c r="B6478">
        <f t="shared" si="719"/>
        <v>2</v>
      </c>
      <c r="C6478" s="16">
        <v>6444</v>
      </c>
      <c r="D6478" cm="1">
        <f t="array" ref="D6478">IFERROR(INDEX(Jesper!AH$2:AH$366,ROUNDDOWN($C6478/24,0)+1,1)*INDEX($D$3:$AA$30,INDEX(Jesper!$R$2:$R$366,ROW(INDEX(Jesper!AH$2:AH$366,ROUNDDOWN($C6478/24,0)+1,1))-1)+IF('Standard Profiles'!$G$18=$B$10,7,0)+IF('Standard Profiles'!$G$18=$B$17,14,0)+IF('Standard Profiles'!$G$18=$B$24,21,0),MOD($C6478,24)+1)/SUM(INDEX($D$3:$AA$30,INDEX(Jesper!$R$2:$R$366,ROW(INDEX(Jesper!AH$2:AH$366,ROUNDDOWN($C6478/24,0)+1,1))-1)+IF('Standard Profiles'!$G$18=$B$10,7,0)+IF('Standard Profiles'!$G$18=$B$17,14,0)+IF('Standard Profiles'!$G$18=$B$24,21,0),0)),0)</f>
        <v>32.740923925323735</v>
      </c>
      <c r="E6478" cm="1">
        <f t="array" ref="E6478">IFERROR(INDEX(Jesper!AI$2:AI$366,ROUNDDOWN($C6478/24,0)+1,1)*INDEX($D$3:$AA$30,INDEX(Jesper!$R$2:$R$366,ROW(INDEX(Jesper!AI$2:AI$366,ROUNDDOWN($C6478/24,0)+1,1))-1)+IF('Standard Profiles'!$G$19=$B$10,7,0)+IF('Standard Profiles'!$G$19=$B$17,14,0)+IF('Standard Profiles'!$G$19=$B$24,21,0),MOD($C6478,24)+1)/SUM(INDEX($D$3:$AA$30,INDEX(Jesper!$R$2:$R$366,ROW(INDEX(Jesper!AI$2:AI$366,ROUNDDOWN($C6478/24,0)+1,1))-1)+IF('Standard Profiles'!$G$19=$B$10,7,0)+IF('Standard Profiles'!$G$19=$B$17,14,0)+IF('Standard Profiles'!$G$19=$B$24,21,0),0)),0)</f>
        <v>14.264864709111071</v>
      </c>
      <c r="F6478" cm="1">
        <f t="array" ref="F6478">IFERROR(INDEX(Jesper!AJ$2:AJ$366,ROUNDDOWN($C6478/24,0)+1,1)*INDEX($D$3:$AA$30,INDEX(Jesper!$R$2:$R$366,ROW(INDEX(Jesper!AJ$2:AJ$366,ROUNDDOWN($C6478/24,0)+1,1))-1)+IF('Standard Profiles'!$G$20=$B$10,7,0)+IF('Standard Profiles'!$G$20=$B$17,14,0)+IF('Standard Profiles'!$G$20=$B$24,21,0),MOD($C6478,24)+1)/SUM(INDEX($D$3:$AA$30,INDEX(Jesper!$R$2:$R$366,ROW(INDEX(Jesper!AJ$2:AJ$366,ROUNDDOWN($C6478/24,0)+1,1))-1)+IF('Standard Profiles'!$G$20=$B$10,7,0)+IF('Standard Profiles'!$G$20=$B$17,14,0)+IF('Standard Profiles'!$G$20=$B$24,21,0),0)),0)</f>
        <v>0</v>
      </c>
      <c r="G6478" cm="1">
        <f t="array" ref="G6478">IFERROR(INDEX(Jesper!AK$2:AK$366,ROUNDDOWN($C6478/24,0)+1,1)*INDEX($D$3:$AA$30,INDEX(Jesper!$R$2:$R$366,ROW(INDEX(Jesper!AK$2:AK$366,ROUNDDOWN($C6478/24,0)+1,1))-1)+IF('Standard Profiles'!$G$21=$B$10,7,0)+IF('Standard Profiles'!$G$21=$B$17,14,0)+IF('Standard Profiles'!$G$21=$B$24,21,0),MOD($C6478,24)+1)/SUM(INDEX($D$3:$AA$30,INDEX(Jesper!$R$2:$R$366,ROW(INDEX(Jesper!AK$2:AK$366,ROUNDDOWN($C6478/24,0)+1,1))-1)+IF('Standard Profiles'!$G$21=$B$10,7,0)+IF('Standard Profiles'!$G$21=$B$17,14,0)+IF('Standard Profiles'!$G$21=$B$24,21,0),0)),0)</f>
        <v>1.3644593631726964</v>
      </c>
      <c r="H6478" cm="1">
        <f t="array" ref="H6478">IFERROR(INDEX(Jesper!AL$2:AL$366,ROUNDDOWN($C6478/24,0)+1,1)*INDEX($D$3:$AA$30,INDEX(Jesper!$R$2:$R$366,ROW(INDEX(Jesper!AL$2:AL$366,ROUNDDOWN($C6478/24,0)+1,1))-1)+IF('Standard Profiles'!$G$22=$B$10,7,0)+IF('Standard Profiles'!$G$22=$B$17,14,0)+IF('Standard Profiles'!$G$22=$B$24,21,0),MOD($C6478,24)+1)/SUM(INDEX($D$3:$AA$30,INDEX(Jesper!$R$2:$R$366,ROW(INDEX(Jesper!AL$2:AL$366,ROUNDDOWN($C6478/24,0)+1,1))-1)+IF('Standard Profiles'!$G$22=$B$10,7,0)+IF('Standard Profiles'!$G$22=$B$17,14,0)+IF('Standard Profiles'!$G$22=$B$24,21,0),0)),0)</f>
        <v>0</v>
      </c>
      <c r="I6478">
        <f t="shared" si="720"/>
        <v>0.65494049432289392</v>
      </c>
      <c r="J6478">
        <f t="shared" si="721"/>
        <v>42.476759675232813</v>
      </c>
      <c r="K6478">
        <f t="shared" si="722"/>
        <v>3.4923652187011984</v>
      </c>
      <c r="L6478">
        <f t="shared" si="723"/>
        <v>1.7461826093505992</v>
      </c>
      <c r="M6478">
        <f t="shared" si="724"/>
        <v>0</v>
      </c>
      <c r="N6478" s="45">
        <f t="shared" si="725"/>
        <v>45195.499999984371</v>
      </c>
    </row>
    <row r="6479" spans="2:14" x14ac:dyDescent="0.25">
      <c r="B6479">
        <f t="shared" si="719"/>
        <v>2</v>
      </c>
      <c r="C6479" s="16">
        <v>6445</v>
      </c>
      <c r="D6479" cm="1">
        <f t="array" ref="D6479">IFERROR(INDEX(Jesper!AH$2:AH$366,ROUNDDOWN($C6479/24,0)+1,1)*INDEX($D$3:$AA$30,INDEX(Jesper!$R$2:$R$366,ROW(INDEX(Jesper!AH$2:AH$366,ROUNDDOWN($C6479/24,0)+1,1))-1)+IF('Standard Profiles'!$G$18=$B$10,7,0)+IF('Standard Profiles'!$G$18=$B$17,14,0)+IF('Standard Profiles'!$G$18=$B$24,21,0),MOD($C6479,24)+1)/SUM(INDEX($D$3:$AA$30,INDEX(Jesper!$R$2:$R$366,ROW(INDEX(Jesper!AH$2:AH$366,ROUNDDOWN($C6479/24,0)+1,1))-1)+IF('Standard Profiles'!$G$18=$B$10,7,0)+IF('Standard Profiles'!$G$18=$B$17,14,0)+IF('Standard Profiles'!$G$18=$B$24,21,0),0)),0)</f>
        <v>21.749328036107904</v>
      </c>
      <c r="E6479" cm="1">
        <f t="array" ref="E6479">IFERROR(INDEX(Jesper!AI$2:AI$366,ROUNDDOWN($C6479/24,0)+1,1)*INDEX($D$3:$AA$30,INDEX(Jesper!$R$2:$R$366,ROW(INDEX(Jesper!AI$2:AI$366,ROUNDDOWN($C6479/24,0)+1,1))-1)+IF('Standard Profiles'!$G$19=$B$10,7,0)+IF('Standard Profiles'!$G$19=$B$17,14,0)+IF('Standard Profiles'!$G$19=$B$24,21,0),MOD($C6479,24)+1)/SUM(INDEX($D$3:$AA$30,INDEX(Jesper!$R$2:$R$366,ROW(INDEX(Jesper!AI$2:AI$366,ROUNDDOWN($C6479/24,0)+1,1))-1)+IF('Standard Profiles'!$G$19=$B$10,7,0)+IF('Standard Profiles'!$G$19=$B$17,14,0)+IF('Standard Profiles'!$G$19=$B$24,21,0),0)),0)</f>
        <v>9.4759458424809253</v>
      </c>
      <c r="F6479" cm="1">
        <f t="array" ref="F6479">IFERROR(INDEX(Jesper!AJ$2:AJ$366,ROUNDDOWN($C6479/24,0)+1,1)*INDEX($D$3:$AA$30,INDEX(Jesper!$R$2:$R$366,ROW(INDEX(Jesper!AJ$2:AJ$366,ROUNDDOWN($C6479/24,0)+1,1))-1)+IF('Standard Profiles'!$G$20=$B$10,7,0)+IF('Standard Profiles'!$G$20=$B$17,14,0)+IF('Standard Profiles'!$G$20=$B$24,21,0),MOD($C6479,24)+1)/SUM(INDEX($D$3:$AA$30,INDEX(Jesper!$R$2:$R$366,ROW(INDEX(Jesper!AJ$2:AJ$366,ROUNDDOWN($C6479/24,0)+1,1))-1)+IF('Standard Profiles'!$G$20=$B$10,7,0)+IF('Standard Profiles'!$G$20=$B$17,14,0)+IF('Standard Profiles'!$G$20=$B$24,21,0),0)),0)</f>
        <v>0</v>
      </c>
      <c r="G6479" cm="1">
        <f t="array" ref="G6479">IFERROR(INDEX(Jesper!AK$2:AK$366,ROUNDDOWN($C6479/24,0)+1,1)*INDEX($D$3:$AA$30,INDEX(Jesper!$R$2:$R$366,ROW(INDEX(Jesper!AK$2:AK$366,ROUNDDOWN($C6479/24,0)+1,1))-1)+IF('Standard Profiles'!$G$21=$B$10,7,0)+IF('Standard Profiles'!$G$21=$B$17,14,0)+IF('Standard Profiles'!$G$21=$B$24,21,0),MOD($C6479,24)+1)/SUM(INDEX($D$3:$AA$30,INDEX(Jesper!$R$2:$R$366,ROW(INDEX(Jesper!AK$2:AK$366,ROUNDDOWN($C6479/24,0)+1,1))-1)+IF('Standard Profiles'!$G$21=$B$10,7,0)+IF('Standard Profiles'!$G$21=$B$17,14,0)+IF('Standard Profiles'!$G$21=$B$24,21,0),0)),0)</f>
        <v>0.90639086267900526</v>
      </c>
      <c r="H6479" cm="1">
        <f t="array" ref="H6479">IFERROR(INDEX(Jesper!AL$2:AL$366,ROUNDDOWN($C6479/24,0)+1,1)*INDEX($D$3:$AA$30,INDEX(Jesper!$R$2:$R$366,ROW(INDEX(Jesper!AL$2:AL$366,ROUNDDOWN($C6479/24,0)+1,1))-1)+IF('Standard Profiles'!$G$22=$B$10,7,0)+IF('Standard Profiles'!$G$22=$B$17,14,0)+IF('Standard Profiles'!$G$22=$B$24,21,0),MOD($C6479,24)+1)/SUM(INDEX($D$3:$AA$30,INDEX(Jesper!$R$2:$R$366,ROW(INDEX(Jesper!AL$2:AL$366,ROUNDDOWN($C6479/24,0)+1,1))-1)+IF('Standard Profiles'!$G$22=$B$10,7,0)+IF('Standard Profiles'!$G$22=$B$17,14,0)+IF('Standard Profiles'!$G$22=$B$24,21,0),0)),0)</f>
        <v>0</v>
      </c>
      <c r="I6479">
        <f t="shared" si="720"/>
        <v>0.43506761408592232</v>
      </c>
      <c r="J6479">
        <f t="shared" si="721"/>
        <v>28.216704641404647</v>
      </c>
      <c r="K6479">
        <f t="shared" si="722"/>
        <v>2.31992832385151</v>
      </c>
      <c r="L6479">
        <f t="shared" si="723"/>
        <v>1.159964161925755</v>
      </c>
      <c r="M6479">
        <f t="shared" si="724"/>
        <v>0</v>
      </c>
      <c r="N6479" s="45">
        <f t="shared" si="725"/>
        <v>45195.541666651035</v>
      </c>
    </row>
    <row r="6480" spans="2:14" x14ac:dyDescent="0.25">
      <c r="B6480">
        <f t="shared" si="719"/>
        <v>2</v>
      </c>
      <c r="C6480" s="16">
        <v>6446</v>
      </c>
      <c r="D6480" cm="1">
        <f t="array" ref="D6480">IFERROR(INDEX(Jesper!AH$2:AH$366,ROUNDDOWN($C6480/24,0)+1,1)*INDEX($D$3:$AA$30,INDEX(Jesper!$R$2:$R$366,ROW(INDEX(Jesper!AH$2:AH$366,ROUNDDOWN($C6480/24,0)+1,1))-1)+IF('Standard Profiles'!$G$18=$B$10,7,0)+IF('Standard Profiles'!$G$18=$B$17,14,0)+IF('Standard Profiles'!$G$18=$B$24,21,0),MOD($C6480,24)+1)/SUM(INDEX($D$3:$AA$30,INDEX(Jesper!$R$2:$R$366,ROW(INDEX(Jesper!AH$2:AH$366,ROUNDDOWN($C6480/24,0)+1,1))-1)+IF('Standard Profiles'!$G$18=$B$10,7,0)+IF('Standard Profiles'!$G$18=$B$17,14,0)+IF('Standard Profiles'!$G$18=$B$24,21,0),0)),0)</f>
        <v>32.740923925323735</v>
      </c>
      <c r="E6480" cm="1">
        <f t="array" ref="E6480">IFERROR(INDEX(Jesper!AI$2:AI$366,ROUNDDOWN($C6480/24,0)+1,1)*INDEX($D$3:$AA$30,INDEX(Jesper!$R$2:$R$366,ROW(INDEX(Jesper!AI$2:AI$366,ROUNDDOWN($C6480/24,0)+1,1))-1)+IF('Standard Profiles'!$G$19=$B$10,7,0)+IF('Standard Profiles'!$G$19=$B$17,14,0)+IF('Standard Profiles'!$G$19=$B$24,21,0),MOD($C6480,24)+1)/SUM(INDEX($D$3:$AA$30,INDEX(Jesper!$R$2:$R$366,ROW(INDEX(Jesper!AI$2:AI$366,ROUNDDOWN($C6480/24,0)+1,1))-1)+IF('Standard Profiles'!$G$19=$B$10,7,0)+IF('Standard Profiles'!$G$19=$B$17,14,0)+IF('Standard Profiles'!$G$19=$B$24,21,0),0)),0)</f>
        <v>14.264864709111071</v>
      </c>
      <c r="F6480" cm="1">
        <f t="array" ref="F6480">IFERROR(INDEX(Jesper!AJ$2:AJ$366,ROUNDDOWN($C6480/24,0)+1,1)*INDEX($D$3:$AA$30,INDEX(Jesper!$R$2:$R$366,ROW(INDEX(Jesper!AJ$2:AJ$366,ROUNDDOWN($C6480/24,0)+1,1))-1)+IF('Standard Profiles'!$G$20=$B$10,7,0)+IF('Standard Profiles'!$G$20=$B$17,14,0)+IF('Standard Profiles'!$G$20=$B$24,21,0),MOD($C6480,24)+1)/SUM(INDEX($D$3:$AA$30,INDEX(Jesper!$R$2:$R$366,ROW(INDEX(Jesper!AJ$2:AJ$366,ROUNDDOWN($C6480/24,0)+1,1))-1)+IF('Standard Profiles'!$G$20=$B$10,7,0)+IF('Standard Profiles'!$G$20=$B$17,14,0)+IF('Standard Profiles'!$G$20=$B$24,21,0),0)),0)</f>
        <v>0</v>
      </c>
      <c r="G6480" cm="1">
        <f t="array" ref="G6480">IFERROR(INDEX(Jesper!AK$2:AK$366,ROUNDDOWN($C6480/24,0)+1,1)*INDEX($D$3:$AA$30,INDEX(Jesper!$R$2:$R$366,ROW(INDEX(Jesper!AK$2:AK$366,ROUNDDOWN($C6480/24,0)+1,1))-1)+IF('Standard Profiles'!$G$21=$B$10,7,0)+IF('Standard Profiles'!$G$21=$B$17,14,0)+IF('Standard Profiles'!$G$21=$B$24,21,0),MOD($C6480,24)+1)/SUM(INDEX($D$3:$AA$30,INDEX(Jesper!$R$2:$R$366,ROW(INDEX(Jesper!AK$2:AK$366,ROUNDDOWN($C6480/24,0)+1,1))-1)+IF('Standard Profiles'!$G$21=$B$10,7,0)+IF('Standard Profiles'!$G$21=$B$17,14,0)+IF('Standard Profiles'!$G$21=$B$24,21,0),0)),0)</f>
        <v>1.3644593631726964</v>
      </c>
      <c r="H6480" cm="1">
        <f t="array" ref="H6480">IFERROR(INDEX(Jesper!AL$2:AL$366,ROUNDDOWN($C6480/24,0)+1,1)*INDEX($D$3:$AA$30,INDEX(Jesper!$R$2:$R$366,ROW(INDEX(Jesper!AL$2:AL$366,ROUNDDOWN($C6480/24,0)+1,1))-1)+IF('Standard Profiles'!$G$22=$B$10,7,0)+IF('Standard Profiles'!$G$22=$B$17,14,0)+IF('Standard Profiles'!$G$22=$B$24,21,0),MOD($C6480,24)+1)/SUM(INDEX($D$3:$AA$30,INDEX(Jesper!$R$2:$R$366,ROW(INDEX(Jesper!AL$2:AL$366,ROUNDDOWN($C6480/24,0)+1,1))-1)+IF('Standard Profiles'!$G$22=$B$10,7,0)+IF('Standard Profiles'!$G$22=$B$17,14,0)+IF('Standard Profiles'!$G$22=$B$24,21,0),0)),0)</f>
        <v>0</v>
      </c>
      <c r="I6480">
        <f t="shared" si="720"/>
        <v>0.65494049432289392</v>
      </c>
      <c r="J6480">
        <f t="shared" si="721"/>
        <v>42.476759675232813</v>
      </c>
      <c r="K6480">
        <f t="shared" si="722"/>
        <v>3.4923652187011984</v>
      </c>
      <c r="L6480">
        <f t="shared" si="723"/>
        <v>1.7461826093505992</v>
      </c>
      <c r="M6480">
        <f t="shared" si="724"/>
        <v>0</v>
      </c>
      <c r="N6480" s="45">
        <f t="shared" si="725"/>
        <v>45195.5833333177</v>
      </c>
    </row>
    <row r="6481" spans="2:14" x14ac:dyDescent="0.25">
      <c r="B6481">
        <f t="shared" si="719"/>
        <v>2</v>
      </c>
      <c r="C6481" s="16">
        <v>6447</v>
      </c>
      <c r="D6481" cm="1">
        <f t="array" ref="D6481">IFERROR(INDEX(Jesper!AH$2:AH$366,ROUNDDOWN($C6481/24,0)+1,1)*INDEX($D$3:$AA$30,INDEX(Jesper!$R$2:$R$366,ROW(INDEX(Jesper!AH$2:AH$366,ROUNDDOWN($C6481/24,0)+1,1))-1)+IF('Standard Profiles'!$G$18=$B$10,7,0)+IF('Standard Profiles'!$G$18=$B$17,14,0)+IF('Standard Profiles'!$G$18=$B$24,21,0),MOD($C6481,24)+1)/SUM(INDEX($D$3:$AA$30,INDEX(Jesper!$R$2:$R$366,ROW(INDEX(Jesper!AH$2:AH$366,ROUNDDOWN($C6481/24,0)+1,1))-1)+IF('Standard Profiles'!$G$18=$B$10,7,0)+IF('Standard Profiles'!$G$18=$B$17,14,0)+IF('Standard Profiles'!$G$18=$B$24,21,0),0)),0)</f>
        <v>32.740923925323735</v>
      </c>
      <c r="E6481" cm="1">
        <f t="array" ref="E6481">IFERROR(INDEX(Jesper!AI$2:AI$366,ROUNDDOWN($C6481/24,0)+1,1)*INDEX($D$3:$AA$30,INDEX(Jesper!$R$2:$R$366,ROW(INDEX(Jesper!AI$2:AI$366,ROUNDDOWN($C6481/24,0)+1,1))-1)+IF('Standard Profiles'!$G$19=$B$10,7,0)+IF('Standard Profiles'!$G$19=$B$17,14,0)+IF('Standard Profiles'!$G$19=$B$24,21,0),MOD($C6481,24)+1)/SUM(INDEX($D$3:$AA$30,INDEX(Jesper!$R$2:$R$366,ROW(INDEX(Jesper!AI$2:AI$366,ROUNDDOWN($C6481/24,0)+1,1))-1)+IF('Standard Profiles'!$G$19=$B$10,7,0)+IF('Standard Profiles'!$G$19=$B$17,14,0)+IF('Standard Profiles'!$G$19=$B$24,21,0),0)),0)</f>
        <v>14.264864709111071</v>
      </c>
      <c r="F6481" cm="1">
        <f t="array" ref="F6481">IFERROR(INDEX(Jesper!AJ$2:AJ$366,ROUNDDOWN($C6481/24,0)+1,1)*INDEX($D$3:$AA$30,INDEX(Jesper!$R$2:$R$366,ROW(INDEX(Jesper!AJ$2:AJ$366,ROUNDDOWN($C6481/24,0)+1,1))-1)+IF('Standard Profiles'!$G$20=$B$10,7,0)+IF('Standard Profiles'!$G$20=$B$17,14,0)+IF('Standard Profiles'!$G$20=$B$24,21,0),MOD($C6481,24)+1)/SUM(INDEX($D$3:$AA$30,INDEX(Jesper!$R$2:$R$366,ROW(INDEX(Jesper!AJ$2:AJ$366,ROUNDDOWN($C6481/24,0)+1,1))-1)+IF('Standard Profiles'!$G$20=$B$10,7,0)+IF('Standard Profiles'!$G$20=$B$17,14,0)+IF('Standard Profiles'!$G$20=$B$24,21,0),0)),0)</f>
        <v>0</v>
      </c>
      <c r="G6481" cm="1">
        <f t="array" ref="G6481">IFERROR(INDEX(Jesper!AK$2:AK$366,ROUNDDOWN($C6481/24,0)+1,1)*INDEX($D$3:$AA$30,INDEX(Jesper!$R$2:$R$366,ROW(INDEX(Jesper!AK$2:AK$366,ROUNDDOWN($C6481/24,0)+1,1))-1)+IF('Standard Profiles'!$G$21=$B$10,7,0)+IF('Standard Profiles'!$G$21=$B$17,14,0)+IF('Standard Profiles'!$G$21=$B$24,21,0),MOD($C6481,24)+1)/SUM(INDEX($D$3:$AA$30,INDEX(Jesper!$R$2:$R$366,ROW(INDEX(Jesper!AK$2:AK$366,ROUNDDOWN($C6481/24,0)+1,1))-1)+IF('Standard Profiles'!$G$21=$B$10,7,0)+IF('Standard Profiles'!$G$21=$B$17,14,0)+IF('Standard Profiles'!$G$21=$B$24,21,0),0)),0)</f>
        <v>1.3644593631726964</v>
      </c>
      <c r="H6481" cm="1">
        <f t="array" ref="H6481">IFERROR(INDEX(Jesper!AL$2:AL$366,ROUNDDOWN($C6481/24,0)+1,1)*INDEX($D$3:$AA$30,INDEX(Jesper!$R$2:$R$366,ROW(INDEX(Jesper!AL$2:AL$366,ROUNDDOWN($C6481/24,0)+1,1))-1)+IF('Standard Profiles'!$G$22=$B$10,7,0)+IF('Standard Profiles'!$G$22=$B$17,14,0)+IF('Standard Profiles'!$G$22=$B$24,21,0),MOD($C6481,24)+1)/SUM(INDEX($D$3:$AA$30,INDEX(Jesper!$R$2:$R$366,ROW(INDEX(Jesper!AL$2:AL$366,ROUNDDOWN($C6481/24,0)+1,1))-1)+IF('Standard Profiles'!$G$22=$B$10,7,0)+IF('Standard Profiles'!$G$22=$B$17,14,0)+IF('Standard Profiles'!$G$22=$B$24,21,0),0)),0)</f>
        <v>0</v>
      </c>
      <c r="I6481">
        <f t="shared" si="720"/>
        <v>0.65494049432289392</v>
      </c>
      <c r="J6481">
        <f t="shared" si="721"/>
        <v>42.476759675232813</v>
      </c>
      <c r="K6481">
        <f t="shared" si="722"/>
        <v>3.4923652187011984</v>
      </c>
      <c r="L6481">
        <f t="shared" si="723"/>
        <v>1.7461826093505992</v>
      </c>
      <c r="M6481">
        <f t="shared" si="724"/>
        <v>0</v>
      </c>
      <c r="N6481" s="45">
        <f t="shared" si="725"/>
        <v>45195.624999984364</v>
      </c>
    </row>
    <row r="6482" spans="2:14" x14ac:dyDescent="0.25">
      <c r="B6482">
        <f t="shared" si="719"/>
        <v>2</v>
      </c>
      <c r="C6482" s="16">
        <v>6448</v>
      </c>
      <c r="D6482" cm="1">
        <f t="array" ref="D6482">IFERROR(INDEX(Jesper!AH$2:AH$366,ROUNDDOWN($C6482/24,0)+1,1)*INDEX($D$3:$AA$30,INDEX(Jesper!$R$2:$R$366,ROW(INDEX(Jesper!AH$2:AH$366,ROUNDDOWN($C6482/24,0)+1,1))-1)+IF('Standard Profiles'!$G$18=$B$10,7,0)+IF('Standard Profiles'!$G$18=$B$17,14,0)+IF('Standard Profiles'!$G$18=$B$24,21,0),MOD($C6482,24)+1)/SUM(INDEX($D$3:$AA$30,INDEX(Jesper!$R$2:$R$366,ROW(INDEX(Jesper!AH$2:AH$366,ROUNDDOWN($C6482/24,0)+1,1))-1)+IF('Standard Profiles'!$G$18=$B$10,7,0)+IF('Standard Profiles'!$G$18=$B$17,14,0)+IF('Standard Profiles'!$G$18=$B$24,21,0),0)),0)</f>
        <v>19.293758741708626</v>
      </c>
      <c r="E6482" cm="1">
        <f t="array" ref="E6482">IFERROR(INDEX(Jesper!AI$2:AI$366,ROUNDDOWN($C6482/24,0)+1,1)*INDEX($D$3:$AA$30,INDEX(Jesper!$R$2:$R$366,ROW(INDEX(Jesper!AI$2:AI$366,ROUNDDOWN($C6482/24,0)+1,1))-1)+IF('Standard Profiles'!$G$19=$B$10,7,0)+IF('Standard Profiles'!$G$19=$B$17,14,0)+IF('Standard Profiles'!$G$19=$B$24,21,0),MOD($C6482,24)+1)/SUM(INDEX($D$3:$AA$30,INDEX(Jesper!$R$2:$R$366,ROW(INDEX(Jesper!AI$2:AI$366,ROUNDDOWN($C6482/24,0)+1,1))-1)+IF('Standard Profiles'!$G$19=$B$10,7,0)+IF('Standard Profiles'!$G$19=$B$17,14,0)+IF('Standard Profiles'!$G$19=$B$24,21,0),0)),0)</f>
        <v>8.4060809892975961</v>
      </c>
      <c r="F6482" cm="1">
        <f t="array" ref="F6482">IFERROR(INDEX(Jesper!AJ$2:AJ$366,ROUNDDOWN($C6482/24,0)+1,1)*INDEX($D$3:$AA$30,INDEX(Jesper!$R$2:$R$366,ROW(INDEX(Jesper!AJ$2:AJ$366,ROUNDDOWN($C6482/24,0)+1,1))-1)+IF('Standard Profiles'!$G$20=$B$10,7,0)+IF('Standard Profiles'!$G$20=$B$17,14,0)+IF('Standard Profiles'!$G$20=$B$24,21,0),MOD($C6482,24)+1)/SUM(INDEX($D$3:$AA$30,INDEX(Jesper!$R$2:$R$366,ROW(INDEX(Jesper!AJ$2:AJ$366,ROUNDDOWN($C6482/24,0)+1,1))-1)+IF('Standard Profiles'!$G$20=$B$10,7,0)+IF('Standard Profiles'!$G$20=$B$17,14,0)+IF('Standard Profiles'!$G$20=$B$24,21,0),0)),0)</f>
        <v>0</v>
      </c>
      <c r="G6482" cm="1">
        <f t="array" ref="G6482">IFERROR(INDEX(Jesper!AK$2:AK$366,ROUNDDOWN($C6482/24,0)+1,1)*INDEX($D$3:$AA$30,INDEX(Jesper!$R$2:$R$366,ROW(INDEX(Jesper!AK$2:AK$366,ROUNDDOWN($C6482/24,0)+1,1))-1)+IF('Standard Profiles'!$G$21=$B$10,7,0)+IF('Standard Profiles'!$G$21=$B$17,14,0)+IF('Standard Profiles'!$G$21=$B$24,21,0),MOD($C6482,24)+1)/SUM(INDEX($D$3:$AA$30,INDEX(Jesper!$R$2:$R$366,ROW(INDEX(Jesper!AK$2:AK$366,ROUNDDOWN($C6482/24,0)+1,1))-1)+IF('Standard Profiles'!$G$21=$B$10,7,0)+IF('Standard Profiles'!$G$21=$B$17,14,0)+IF('Standard Profiles'!$G$21=$B$24,21,0),0)),0)</f>
        <v>1.1405055467248981</v>
      </c>
      <c r="H6482" cm="1">
        <f t="array" ref="H6482">IFERROR(INDEX(Jesper!AL$2:AL$366,ROUNDDOWN($C6482/24,0)+1,1)*INDEX($D$3:$AA$30,INDEX(Jesper!$R$2:$R$366,ROW(INDEX(Jesper!AL$2:AL$366,ROUNDDOWN($C6482/24,0)+1,1))-1)+IF('Standard Profiles'!$G$22=$B$10,7,0)+IF('Standard Profiles'!$G$22=$B$17,14,0)+IF('Standard Profiles'!$G$22=$B$24,21,0),MOD($C6482,24)+1)/SUM(INDEX($D$3:$AA$30,INDEX(Jesper!$R$2:$R$366,ROW(INDEX(Jesper!AL$2:AL$366,ROUNDDOWN($C6482/24,0)+1,1))-1)+IF('Standard Profiles'!$G$22=$B$10,7,0)+IF('Standard Profiles'!$G$22=$B$17,14,0)+IF('Standard Profiles'!$G$22=$B$24,21,0),0)),0)</f>
        <v>0</v>
      </c>
      <c r="I6482">
        <f t="shared" si="720"/>
        <v>0.54744266242795081</v>
      </c>
      <c r="J6482">
        <f t="shared" si="721"/>
        <v>25.20590121662979</v>
      </c>
      <c r="K6482">
        <f t="shared" si="722"/>
        <v>2.0580009324489201</v>
      </c>
      <c r="L6482">
        <f t="shared" si="723"/>
        <v>1.0290004662244601</v>
      </c>
      <c r="M6482">
        <f t="shared" si="724"/>
        <v>0</v>
      </c>
      <c r="N6482" s="45">
        <f t="shared" si="725"/>
        <v>45195.666666651028</v>
      </c>
    </row>
    <row r="6483" spans="2:14" x14ac:dyDescent="0.25">
      <c r="B6483">
        <f t="shared" si="719"/>
        <v>2</v>
      </c>
      <c r="C6483" s="16">
        <v>6449</v>
      </c>
      <c r="D6483" cm="1">
        <f t="array" ref="D6483">IFERROR(INDEX(Jesper!AH$2:AH$366,ROUNDDOWN($C6483/24,0)+1,1)*INDEX($D$3:$AA$30,INDEX(Jesper!$R$2:$R$366,ROW(INDEX(Jesper!AH$2:AH$366,ROUNDDOWN($C6483/24,0)+1,1))-1)+IF('Standard Profiles'!$G$18=$B$10,7,0)+IF('Standard Profiles'!$G$18=$B$17,14,0)+IF('Standard Profiles'!$G$18=$B$24,21,0),MOD($C6483,24)+1)/SUM(INDEX($D$3:$AA$30,INDEX(Jesper!$R$2:$R$366,ROW(INDEX(Jesper!AH$2:AH$366,ROUNDDOWN($C6483/24,0)+1,1))-1)+IF('Standard Profiles'!$G$18=$B$10,7,0)+IF('Standard Profiles'!$G$18=$B$17,14,0)+IF('Standard Profiles'!$G$18=$B$24,21,0),0)),0)</f>
        <v>8.2346388142162308</v>
      </c>
      <c r="E6483" cm="1">
        <f t="array" ref="E6483">IFERROR(INDEX(Jesper!AI$2:AI$366,ROUNDDOWN($C6483/24,0)+1,1)*INDEX($D$3:$AA$30,INDEX(Jesper!$R$2:$R$366,ROW(INDEX(Jesper!AI$2:AI$366,ROUNDDOWN($C6483/24,0)+1,1))-1)+IF('Standard Profiles'!$G$19=$B$10,7,0)+IF('Standard Profiles'!$G$19=$B$17,14,0)+IF('Standard Profiles'!$G$19=$B$24,21,0),MOD($C6483,24)+1)/SUM(INDEX($D$3:$AA$30,INDEX(Jesper!$R$2:$R$366,ROW(INDEX(Jesper!AI$2:AI$366,ROUNDDOWN($C6483/24,0)+1,1))-1)+IF('Standard Profiles'!$G$19=$B$10,7,0)+IF('Standard Profiles'!$G$19=$B$17,14,0)+IF('Standard Profiles'!$G$19=$B$24,21,0),0)),0)</f>
        <v>3.5877426330762257</v>
      </c>
      <c r="F6483" cm="1">
        <f t="array" ref="F6483">IFERROR(INDEX(Jesper!AJ$2:AJ$366,ROUNDDOWN($C6483/24,0)+1,1)*INDEX($D$3:$AA$30,INDEX(Jesper!$R$2:$R$366,ROW(INDEX(Jesper!AJ$2:AJ$366,ROUNDDOWN($C6483/24,0)+1,1))-1)+IF('Standard Profiles'!$G$20=$B$10,7,0)+IF('Standard Profiles'!$G$20=$B$17,14,0)+IF('Standard Profiles'!$G$20=$B$24,21,0),MOD($C6483,24)+1)/SUM(INDEX($D$3:$AA$30,INDEX(Jesper!$R$2:$R$366,ROW(INDEX(Jesper!AJ$2:AJ$366,ROUNDDOWN($C6483/24,0)+1,1))-1)+IF('Standard Profiles'!$G$20=$B$10,7,0)+IF('Standard Profiles'!$G$20=$B$17,14,0)+IF('Standard Profiles'!$G$20=$B$24,21,0),0)),0)</f>
        <v>0</v>
      </c>
      <c r="G6483" cm="1">
        <f t="array" ref="G6483">IFERROR(INDEX(Jesper!AK$2:AK$366,ROUNDDOWN($C6483/24,0)+1,1)*INDEX($D$3:$AA$30,INDEX(Jesper!$R$2:$R$366,ROW(INDEX(Jesper!AK$2:AK$366,ROUNDDOWN($C6483/24,0)+1,1))-1)+IF('Standard Profiles'!$G$21=$B$10,7,0)+IF('Standard Profiles'!$G$21=$B$17,14,0)+IF('Standard Profiles'!$G$21=$B$24,21,0),MOD($C6483,24)+1)/SUM(INDEX($D$3:$AA$30,INDEX(Jesper!$R$2:$R$366,ROW(INDEX(Jesper!AK$2:AK$366,ROUNDDOWN($C6483/24,0)+1,1))-1)+IF('Standard Profiles'!$G$21=$B$10,7,0)+IF('Standard Profiles'!$G$21=$B$17,14,0)+IF('Standard Profiles'!$G$21=$B$24,21,0),0)),0)</f>
        <v>0.90618349803414644</v>
      </c>
      <c r="H6483" cm="1">
        <f t="array" ref="H6483">IFERROR(INDEX(Jesper!AL$2:AL$366,ROUNDDOWN($C6483/24,0)+1,1)*INDEX($D$3:$AA$30,INDEX(Jesper!$R$2:$R$366,ROW(INDEX(Jesper!AL$2:AL$366,ROUNDDOWN($C6483/24,0)+1,1))-1)+IF('Standard Profiles'!$G$22=$B$10,7,0)+IF('Standard Profiles'!$G$22=$B$17,14,0)+IF('Standard Profiles'!$G$22=$B$24,21,0),MOD($C6483,24)+1)/SUM(INDEX($D$3:$AA$30,INDEX(Jesper!$R$2:$R$366,ROW(INDEX(Jesper!AL$2:AL$366,ROUNDDOWN($C6483/24,0)+1,1))-1)+IF('Standard Profiles'!$G$22=$B$10,7,0)+IF('Standard Profiles'!$G$22=$B$17,14,0)+IF('Standard Profiles'!$G$22=$B$24,21,0),0)),0)</f>
        <v>0</v>
      </c>
      <c r="I6483">
        <f t="shared" si="720"/>
        <v>0.43496807905639007</v>
      </c>
      <c r="J6483">
        <f t="shared" si="721"/>
        <v>10.976054655995615</v>
      </c>
      <c r="K6483">
        <f t="shared" si="722"/>
        <v>0.87836147351639804</v>
      </c>
      <c r="L6483">
        <f t="shared" si="723"/>
        <v>0.43918073675819902</v>
      </c>
      <c r="M6483">
        <f t="shared" si="724"/>
        <v>0</v>
      </c>
      <c r="N6483" s="45">
        <f t="shared" si="725"/>
        <v>45195.708333317692</v>
      </c>
    </row>
    <row r="6484" spans="2:14" x14ac:dyDescent="0.25">
      <c r="B6484">
        <f t="shared" si="719"/>
        <v>2</v>
      </c>
      <c r="C6484" s="16">
        <v>6450</v>
      </c>
      <c r="D6484" cm="1">
        <f t="array" ref="D6484">IFERROR(INDEX(Jesper!AH$2:AH$366,ROUNDDOWN($C6484/24,0)+1,1)*INDEX($D$3:$AA$30,INDEX(Jesper!$R$2:$R$366,ROW(INDEX(Jesper!AH$2:AH$366,ROUNDDOWN($C6484/24,0)+1,1))-1)+IF('Standard Profiles'!$G$18=$B$10,7,0)+IF('Standard Profiles'!$G$18=$B$17,14,0)+IF('Standard Profiles'!$G$18=$B$24,21,0),MOD($C6484,24)+1)/SUM(INDEX($D$3:$AA$30,INDEX(Jesper!$R$2:$R$366,ROW(INDEX(Jesper!AH$2:AH$366,ROUNDDOWN($C6484/24,0)+1,1))-1)+IF('Standard Profiles'!$G$18=$B$10,7,0)+IF('Standard Profiles'!$G$18=$B$17,14,0)+IF('Standard Profiles'!$G$18=$B$24,21,0),0)),0)</f>
        <v>5.4348616173827127</v>
      </c>
      <c r="E6484" cm="1">
        <f t="array" ref="E6484">IFERROR(INDEX(Jesper!AI$2:AI$366,ROUNDDOWN($C6484/24,0)+1,1)*INDEX($D$3:$AA$30,INDEX(Jesper!$R$2:$R$366,ROW(INDEX(Jesper!AI$2:AI$366,ROUNDDOWN($C6484/24,0)+1,1))-1)+IF('Standard Profiles'!$G$19=$B$10,7,0)+IF('Standard Profiles'!$G$19=$B$17,14,0)+IF('Standard Profiles'!$G$19=$B$24,21,0),MOD($C6484,24)+1)/SUM(INDEX($D$3:$AA$30,INDEX(Jesper!$R$2:$R$366,ROW(INDEX(Jesper!AI$2:AI$366,ROUNDDOWN($C6484/24,0)+1,1))-1)+IF('Standard Profiles'!$G$19=$B$10,7,0)+IF('Standard Profiles'!$G$19=$B$17,14,0)+IF('Standard Profiles'!$G$19=$B$24,21,0),0)),0)</f>
        <v>2.3679101378303087</v>
      </c>
      <c r="F6484" cm="1">
        <f t="array" ref="F6484">IFERROR(INDEX(Jesper!AJ$2:AJ$366,ROUNDDOWN($C6484/24,0)+1,1)*INDEX($D$3:$AA$30,INDEX(Jesper!$R$2:$R$366,ROW(INDEX(Jesper!AJ$2:AJ$366,ROUNDDOWN($C6484/24,0)+1,1))-1)+IF('Standard Profiles'!$G$20=$B$10,7,0)+IF('Standard Profiles'!$G$20=$B$17,14,0)+IF('Standard Profiles'!$G$20=$B$24,21,0),MOD($C6484,24)+1)/SUM(INDEX($D$3:$AA$30,INDEX(Jesper!$R$2:$R$366,ROW(INDEX(Jesper!AJ$2:AJ$366,ROUNDDOWN($C6484/24,0)+1,1))-1)+IF('Standard Profiles'!$G$20=$B$10,7,0)+IF('Standard Profiles'!$G$20=$B$17,14,0)+IF('Standard Profiles'!$G$20=$B$24,21,0),0)),0)</f>
        <v>0</v>
      </c>
      <c r="G6484" cm="1">
        <f t="array" ref="G6484">IFERROR(INDEX(Jesper!AK$2:AK$366,ROUNDDOWN($C6484/24,0)+1,1)*INDEX($D$3:$AA$30,INDEX(Jesper!$R$2:$R$366,ROW(INDEX(Jesper!AK$2:AK$366,ROUNDDOWN($C6484/24,0)+1,1))-1)+IF('Standard Profiles'!$G$21=$B$10,7,0)+IF('Standard Profiles'!$G$21=$B$17,14,0)+IF('Standard Profiles'!$G$21=$B$24,21,0),MOD($C6484,24)+1)/SUM(INDEX($D$3:$AA$30,INDEX(Jesper!$R$2:$R$366,ROW(INDEX(Jesper!AK$2:AK$366,ROUNDDOWN($C6484/24,0)+1,1))-1)+IF('Standard Profiles'!$G$21=$B$10,7,0)+IF('Standard Profiles'!$G$21=$B$17,14,0)+IF('Standard Profiles'!$G$21=$B$24,21,0),0)),0)</f>
        <v>0.32141519953156217</v>
      </c>
      <c r="H6484" cm="1">
        <f t="array" ref="H6484">IFERROR(INDEX(Jesper!AL$2:AL$366,ROUNDDOWN($C6484/24,0)+1,1)*INDEX($D$3:$AA$30,INDEX(Jesper!$R$2:$R$366,ROW(INDEX(Jesper!AL$2:AL$366,ROUNDDOWN($C6484/24,0)+1,1))-1)+IF('Standard Profiles'!$G$22=$B$10,7,0)+IF('Standard Profiles'!$G$22=$B$17,14,0)+IF('Standard Profiles'!$G$22=$B$24,21,0),MOD($C6484,24)+1)/SUM(INDEX($D$3:$AA$30,INDEX(Jesper!$R$2:$R$366,ROW(INDEX(Jesper!AL$2:AL$366,ROUNDDOWN($C6484/24,0)+1,1))-1)+IF('Standard Profiles'!$G$22=$B$10,7,0)+IF('Standard Profiles'!$G$22=$B$17,14,0)+IF('Standard Profiles'!$G$22=$B$24,21,0),0)),0)</f>
        <v>0</v>
      </c>
      <c r="I6484">
        <f t="shared" si="720"/>
        <v>0.15427929577514976</v>
      </c>
      <c r="J6484">
        <f t="shared" si="721"/>
        <v>7.1003298001881987</v>
      </c>
      <c r="K6484">
        <f t="shared" si="722"/>
        <v>0.57971857252082271</v>
      </c>
      <c r="L6484">
        <f t="shared" si="723"/>
        <v>0.28985928626041135</v>
      </c>
      <c r="M6484">
        <f t="shared" si="724"/>
        <v>0</v>
      </c>
      <c r="N6484" s="45">
        <f t="shared" si="725"/>
        <v>45195.749999984357</v>
      </c>
    </row>
    <row r="6485" spans="2:14" x14ac:dyDescent="0.25">
      <c r="B6485">
        <f t="shared" si="719"/>
        <v>2</v>
      </c>
      <c r="C6485" s="16">
        <v>6451</v>
      </c>
      <c r="D6485" cm="1">
        <f t="array" ref="D6485">IFERROR(INDEX(Jesper!AH$2:AH$366,ROUNDDOWN($C6485/24,0)+1,1)*INDEX($D$3:$AA$30,INDEX(Jesper!$R$2:$R$366,ROW(INDEX(Jesper!AH$2:AH$366,ROUNDDOWN($C6485/24,0)+1,1))-1)+IF('Standard Profiles'!$G$18=$B$10,7,0)+IF('Standard Profiles'!$G$18=$B$17,14,0)+IF('Standard Profiles'!$G$18=$B$24,21,0),MOD($C6485,24)+1)/SUM(INDEX($D$3:$AA$30,INDEX(Jesper!$R$2:$R$366,ROW(INDEX(Jesper!AH$2:AH$366,ROUNDDOWN($C6485/24,0)+1,1))-1)+IF('Standard Profiles'!$G$18=$B$10,7,0)+IF('Standard Profiles'!$G$18=$B$17,14,0)+IF('Standard Profiles'!$G$18=$B$24,21,0),0)),0)</f>
        <v>5.4348616173827127</v>
      </c>
      <c r="E6485" cm="1">
        <f t="array" ref="E6485">IFERROR(INDEX(Jesper!AI$2:AI$366,ROUNDDOWN($C6485/24,0)+1,1)*INDEX($D$3:$AA$30,INDEX(Jesper!$R$2:$R$366,ROW(INDEX(Jesper!AI$2:AI$366,ROUNDDOWN($C6485/24,0)+1,1))-1)+IF('Standard Profiles'!$G$19=$B$10,7,0)+IF('Standard Profiles'!$G$19=$B$17,14,0)+IF('Standard Profiles'!$G$19=$B$24,21,0),MOD($C6485,24)+1)/SUM(INDEX($D$3:$AA$30,INDEX(Jesper!$R$2:$R$366,ROW(INDEX(Jesper!AI$2:AI$366,ROUNDDOWN($C6485/24,0)+1,1))-1)+IF('Standard Profiles'!$G$19=$B$10,7,0)+IF('Standard Profiles'!$G$19=$B$17,14,0)+IF('Standard Profiles'!$G$19=$B$24,21,0),0)),0)</f>
        <v>2.3679101378303087</v>
      </c>
      <c r="F6485" cm="1">
        <f t="array" ref="F6485">IFERROR(INDEX(Jesper!AJ$2:AJ$366,ROUNDDOWN($C6485/24,0)+1,1)*INDEX($D$3:$AA$30,INDEX(Jesper!$R$2:$R$366,ROW(INDEX(Jesper!AJ$2:AJ$366,ROUNDDOWN($C6485/24,0)+1,1))-1)+IF('Standard Profiles'!$G$20=$B$10,7,0)+IF('Standard Profiles'!$G$20=$B$17,14,0)+IF('Standard Profiles'!$G$20=$B$24,21,0),MOD($C6485,24)+1)/SUM(INDEX($D$3:$AA$30,INDEX(Jesper!$R$2:$R$366,ROW(INDEX(Jesper!AJ$2:AJ$366,ROUNDDOWN($C6485/24,0)+1,1))-1)+IF('Standard Profiles'!$G$20=$B$10,7,0)+IF('Standard Profiles'!$G$20=$B$17,14,0)+IF('Standard Profiles'!$G$20=$B$24,21,0),0)),0)</f>
        <v>0</v>
      </c>
      <c r="G6485" cm="1">
        <f t="array" ref="G6485">IFERROR(INDEX(Jesper!AK$2:AK$366,ROUNDDOWN($C6485/24,0)+1,1)*INDEX($D$3:$AA$30,INDEX(Jesper!$R$2:$R$366,ROW(INDEX(Jesper!AK$2:AK$366,ROUNDDOWN($C6485/24,0)+1,1))-1)+IF('Standard Profiles'!$G$21=$B$10,7,0)+IF('Standard Profiles'!$G$21=$B$17,14,0)+IF('Standard Profiles'!$G$21=$B$24,21,0),MOD($C6485,24)+1)/SUM(INDEX($D$3:$AA$30,INDEX(Jesper!$R$2:$R$366,ROW(INDEX(Jesper!AK$2:AK$366,ROUNDDOWN($C6485/24,0)+1,1))-1)+IF('Standard Profiles'!$G$21=$B$10,7,0)+IF('Standard Profiles'!$G$21=$B$17,14,0)+IF('Standard Profiles'!$G$21=$B$24,21,0),0)),0)</f>
        <v>0.32141519953156217</v>
      </c>
      <c r="H6485" cm="1">
        <f t="array" ref="H6485">IFERROR(INDEX(Jesper!AL$2:AL$366,ROUNDDOWN($C6485/24,0)+1,1)*INDEX($D$3:$AA$30,INDEX(Jesper!$R$2:$R$366,ROW(INDEX(Jesper!AL$2:AL$366,ROUNDDOWN($C6485/24,0)+1,1))-1)+IF('Standard Profiles'!$G$22=$B$10,7,0)+IF('Standard Profiles'!$G$22=$B$17,14,0)+IF('Standard Profiles'!$G$22=$B$24,21,0),MOD($C6485,24)+1)/SUM(INDEX($D$3:$AA$30,INDEX(Jesper!$R$2:$R$366,ROW(INDEX(Jesper!AL$2:AL$366,ROUNDDOWN($C6485/24,0)+1,1))-1)+IF('Standard Profiles'!$G$22=$B$10,7,0)+IF('Standard Profiles'!$G$22=$B$17,14,0)+IF('Standard Profiles'!$G$22=$B$24,21,0),0)),0)</f>
        <v>0</v>
      </c>
      <c r="I6485">
        <f t="shared" si="720"/>
        <v>0.15427929577514976</v>
      </c>
      <c r="J6485">
        <f t="shared" si="721"/>
        <v>7.1003298001881987</v>
      </c>
      <c r="K6485">
        <f t="shared" si="722"/>
        <v>0.57971857252082271</v>
      </c>
      <c r="L6485">
        <f t="shared" si="723"/>
        <v>0.28985928626041135</v>
      </c>
      <c r="M6485">
        <f t="shared" si="724"/>
        <v>0</v>
      </c>
      <c r="N6485" s="45">
        <f t="shared" si="725"/>
        <v>45195.791666651021</v>
      </c>
    </row>
    <row r="6486" spans="2:14" x14ac:dyDescent="0.25">
      <c r="B6486">
        <f t="shared" si="719"/>
        <v>2</v>
      </c>
      <c r="C6486" s="16">
        <v>6452</v>
      </c>
      <c r="D6486" cm="1">
        <f t="array" ref="D6486">IFERROR(INDEX(Jesper!AH$2:AH$366,ROUNDDOWN($C6486/24,0)+1,1)*INDEX($D$3:$AA$30,INDEX(Jesper!$R$2:$R$366,ROW(INDEX(Jesper!AH$2:AH$366,ROUNDDOWN($C6486/24,0)+1,1))-1)+IF('Standard Profiles'!$G$18=$B$10,7,0)+IF('Standard Profiles'!$G$18=$B$17,14,0)+IF('Standard Profiles'!$G$18=$B$24,21,0),MOD($C6486,24)+1)/SUM(INDEX($D$3:$AA$30,INDEX(Jesper!$R$2:$R$366,ROW(INDEX(Jesper!AH$2:AH$366,ROUNDDOWN($C6486/24,0)+1,1))-1)+IF('Standard Profiles'!$G$18=$B$10,7,0)+IF('Standard Profiles'!$G$18=$B$17,14,0)+IF('Standard Profiles'!$G$18=$B$24,21,0),0)),0)</f>
        <v>5.4348616173827127</v>
      </c>
      <c r="E6486" cm="1">
        <f t="array" ref="E6486">IFERROR(INDEX(Jesper!AI$2:AI$366,ROUNDDOWN($C6486/24,0)+1,1)*INDEX($D$3:$AA$30,INDEX(Jesper!$R$2:$R$366,ROW(INDEX(Jesper!AI$2:AI$366,ROUNDDOWN($C6486/24,0)+1,1))-1)+IF('Standard Profiles'!$G$19=$B$10,7,0)+IF('Standard Profiles'!$G$19=$B$17,14,0)+IF('Standard Profiles'!$G$19=$B$24,21,0),MOD($C6486,24)+1)/SUM(INDEX($D$3:$AA$30,INDEX(Jesper!$R$2:$R$366,ROW(INDEX(Jesper!AI$2:AI$366,ROUNDDOWN($C6486/24,0)+1,1))-1)+IF('Standard Profiles'!$G$19=$B$10,7,0)+IF('Standard Profiles'!$G$19=$B$17,14,0)+IF('Standard Profiles'!$G$19=$B$24,21,0),0)),0)</f>
        <v>2.3679101378303087</v>
      </c>
      <c r="F6486" cm="1">
        <f t="array" ref="F6486">IFERROR(INDEX(Jesper!AJ$2:AJ$366,ROUNDDOWN($C6486/24,0)+1,1)*INDEX($D$3:$AA$30,INDEX(Jesper!$R$2:$R$366,ROW(INDEX(Jesper!AJ$2:AJ$366,ROUNDDOWN($C6486/24,0)+1,1))-1)+IF('Standard Profiles'!$G$20=$B$10,7,0)+IF('Standard Profiles'!$G$20=$B$17,14,0)+IF('Standard Profiles'!$G$20=$B$24,21,0),MOD($C6486,24)+1)/SUM(INDEX($D$3:$AA$30,INDEX(Jesper!$R$2:$R$366,ROW(INDEX(Jesper!AJ$2:AJ$366,ROUNDDOWN($C6486/24,0)+1,1))-1)+IF('Standard Profiles'!$G$20=$B$10,7,0)+IF('Standard Profiles'!$G$20=$B$17,14,0)+IF('Standard Profiles'!$G$20=$B$24,21,0),0)),0)</f>
        <v>0</v>
      </c>
      <c r="G6486" cm="1">
        <f t="array" ref="G6486">IFERROR(INDEX(Jesper!AK$2:AK$366,ROUNDDOWN($C6486/24,0)+1,1)*INDEX($D$3:$AA$30,INDEX(Jesper!$R$2:$R$366,ROW(INDEX(Jesper!AK$2:AK$366,ROUNDDOWN($C6486/24,0)+1,1))-1)+IF('Standard Profiles'!$G$21=$B$10,7,0)+IF('Standard Profiles'!$G$21=$B$17,14,0)+IF('Standard Profiles'!$G$21=$B$24,21,0),MOD($C6486,24)+1)/SUM(INDEX($D$3:$AA$30,INDEX(Jesper!$R$2:$R$366,ROW(INDEX(Jesper!AK$2:AK$366,ROUNDDOWN($C6486/24,0)+1,1))-1)+IF('Standard Profiles'!$G$21=$B$10,7,0)+IF('Standard Profiles'!$G$21=$B$17,14,0)+IF('Standard Profiles'!$G$21=$B$24,21,0),0)),0)</f>
        <v>0.32141519953156217</v>
      </c>
      <c r="H6486" cm="1">
        <f t="array" ref="H6486">IFERROR(INDEX(Jesper!AL$2:AL$366,ROUNDDOWN($C6486/24,0)+1,1)*INDEX($D$3:$AA$30,INDEX(Jesper!$R$2:$R$366,ROW(INDEX(Jesper!AL$2:AL$366,ROUNDDOWN($C6486/24,0)+1,1))-1)+IF('Standard Profiles'!$G$22=$B$10,7,0)+IF('Standard Profiles'!$G$22=$B$17,14,0)+IF('Standard Profiles'!$G$22=$B$24,21,0),MOD($C6486,24)+1)/SUM(INDEX($D$3:$AA$30,INDEX(Jesper!$R$2:$R$366,ROW(INDEX(Jesper!AL$2:AL$366,ROUNDDOWN($C6486/24,0)+1,1))-1)+IF('Standard Profiles'!$G$22=$B$10,7,0)+IF('Standard Profiles'!$G$22=$B$17,14,0)+IF('Standard Profiles'!$G$22=$B$24,21,0),0)),0)</f>
        <v>0</v>
      </c>
      <c r="I6486">
        <f t="shared" si="720"/>
        <v>0.15427929577514976</v>
      </c>
      <c r="J6486">
        <f t="shared" si="721"/>
        <v>7.1003298001881987</v>
      </c>
      <c r="K6486">
        <f t="shared" si="722"/>
        <v>0.57971857252082271</v>
      </c>
      <c r="L6486">
        <f t="shared" si="723"/>
        <v>0.28985928626041135</v>
      </c>
      <c r="M6486">
        <f t="shared" si="724"/>
        <v>0</v>
      </c>
      <c r="N6486" s="45">
        <f t="shared" si="725"/>
        <v>45195.833333317685</v>
      </c>
    </row>
    <row r="6487" spans="2:14" x14ac:dyDescent="0.25">
      <c r="B6487">
        <f t="shared" si="719"/>
        <v>2</v>
      </c>
      <c r="C6487" s="16">
        <v>6453</v>
      </c>
      <c r="D6487" cm="1">
        <f t="array" ref="D6487">IFERROR(INDEX(Jesper!AH$2:AH$366,ROUNDDOWN($C6487/24,0)+1,1)*INDEX($D$3:$AA$30,INDEX(Jesper!$R$2:$R$366,ROW(INDEX(Jesper!AH$2:AH$366,ROUNDDOWN($C6487/24,0)+1,1))-1)+IF('Standard Profiles'!$G$18=$B$10,7,0)+IF('Standard Profiles'!$G$18=$B$17,14,0)+IF('Standard Profiles'!$G$18=$B$24,21,0),MOD($C6487,24)+1)/SUM(INDEX($D$3:$AA$30,INDEX(Jesper!$R$2:$R$366,ROW(INDEX(Jesper!AH$2:AH$366,ROUNDDOWN($C6487/24,0)+1,1))-1)+IF('Standard Profiles'!$G$18=$B$10,7,0)+IF('Standard Profiles'!$G$18=$B$17,14,0)+IF('Standard Profiles'!$G$18=$B$24,21,0),0)),0)</f>
        <v>5.4348616173827127</v>
      </c>
      <c r="E6487" cm="1">
        <f t="array" ref="E6487">IFERROR(INDEX(Jesper!AI$2:AI$366,ROUNDDOWN($C6487/24,0)+1,1)*INDEX($D$3:$AA$30,INDEX(Jesper!$R$2:$R$366,ROW(INDEX(Jesper!AI$2:AI$366,ROUNDDOWN($C6487/24,0)+1,1))-1)+IF('Standard Profiles'!$G$19=$B$10,7,0)+IF('Standard Profiles'!$G$19=$B$17,14,0)+IF('Standard Profiles'!$G$19=$B$24,21,0),MOD($C6487,24)+1)/SUM(INDEX($D$3:$AA$30,INDEX(Jesper!$R$2:$R$366,ROW(INDEX(Jesper!AI$2:AI$366,ROUNDDOWN($C6487/24,0)+1,1))-1)+IF('Standard Profiles'!$G$19=$B$10,7,0)+IF('Standard Profiles'!$G$19=$B$17,14,0)+IF('Standard Profiles'!$G$19=$B$24,21,0),0)),0)</f>
        <v>2.3679101378303087</v>
      </c>
      <c r="F6487" cm="1">
        <f t="array" ref="F6487">IFERROR(INDEX(Jesper!AJ$2:AJ$366,ROUNDDOWN($C6487/24,0)+1,1)*INDEX($D$3:$AA$30,INDEX(Jesper!$R$2:$R$366,ROW(INDEX(Jesper!AJ$2:AJ$366,ROUNDDOWN($C6487/24,0)+1,1))-1)+IF('Standard Profiles'!$G$20=$B$10,7,0)+IF('Standard Profiles'!$G$20=$B$17,14,0)+IF('Standard Profiles'!$G$20=$B$24,21,0),MOD($C6487,24)+1)/SUM(INDEX($D$3:$AA$30,INDEX(Jesper!$R$2:$R$366,ROW(INDEX(Jesper!AJ$2:AJ$366,ROUNDDOWN($C6487/24,0)+1,1))-1)+IF('Standard Profiles'!$G$20=$B$10,7,0)+IF('Standard Profiles'!$G$20=$B$17,14,0)+IF('Standard Profiles'!$G$20=$B$24,21,0),0)),0)</f>
        <v>0</v>
      </c>
      <c r="G6487" cm="1">
        <f t="array" ref="G6487">IFERROR(INDEX(Jesper!AK$2:AK$366,ROUNDDOWN($C6487/24,0)+1,1)*INDEX($D$3:$AA$30,INDEX(Jesper!$R$2:$R$366,ROW(INDEX(Jesper!AK$2:AK$366,ROUNDDOWN($C6487/24,0)+1,1))-1)+IF('Standard Profiles'!$G$21=$B$10,7,0)+IF('Standard Profiles'!$G$21=$B$17,14,0)+IF('Standard Profiles'!$G$21=$B$24,21,0),MOD($C6487,24)+1)/SUM(INDEX($D$3:$AA$30,INDEX(Jesper!$R$2:$R$366,ROW(INDEX(Jesper!AK$2:AK$366,ROUNDDOWN($C6487/24,0)+1,1))-1)+IF('Standard Profiles'!$G$21=$B$10,7,0)+IF('Standard Profiles'!$G$21=$B$17,14,0)+IF('Standard Profiles'!$G$21=$B$24,21,0),0)),0)</f>
        <v>0.32141519953156217</v>
      </c>
      <c r="H6487" cm="1">
        <f t="array" ref="H6487">IFERROR(INDEX(Jesper!AL$2:AL$366,ROUNDDOWN($C6487/24,0)+1,1)*INDEX($D$3:$AA$30,INDEX(Jesper!$R$2:$R$366,ROW(INDEX(Jesper!AL$2:AL$366,ROUNDDOWN($C6487/24,0)+1,1))-1)+IF('Standard Profiles'!$G$22=$B$10,7,0)+IF('Standard Profiles'!$G$22=$B$17,14,0)+IF('Standard Profiles'!$G$22=$B$24,21,0),MOD($C6487,24)+1)/SUM(INDEX($D$3:$AA$30,INDEX(Jesper!$R$2:$R$366,ROW(INDEX(Jesper!AL$2:AL$366,ROUNDDOWN($C6487/24,0)+1,1))-1)+IF('Standard Profiles'!$G$22=$B$10,7,0)+IF('Standard Profiles'!$G$22=$B$17,14,0)+IF('Standard Profiles'!$G$22=$B$24,21,0),0)),0)</f>
        <v>0</v>
      </c>
      <c r="I6487">
        <f t="shared" si="720"/>
        <v>0.15427929577514976</v>
      </c>
      <c r="J6487">
        <f t="shared" si="721"/>
        <v>7.1003298001881987</v>
      </c>
      <c r="K6487">
        <f t="shared" si="722"/>
        <v>0.57971857252082271</v>
      </c>
      <c r="L6487">
        <f t="shared" si="723"/>
        <v>0.28985928626041135</v>
      </c>
      <c r="M6487">
        <f t="shared" si="724"/>
        <v>0</v>
      </c>
      <c r="N6487" s="45">
        <f t="shared" si="725"/>
        <v>45195.874999984349</v>
      </c>
    </row>
    <row r="6488" spans="2:14" x14ac:dyDescent="0.25">
      <c r="B6488">
        <f t="shared" si="719"/>
        <v>2</v>
      </c>
      <c r="C6488" s="16">
        <v>6454</v>
      </c>
      <c r="D6488" cm="1">
        <f t="array" ref="D6488">IFERROR(INDEX(Jesper!AH$2:AH$366,ROUNDDOWN($C6488/24,0)+1,1)*INDEX($D$3:$AA$30,INDEX(Jesper!$R$2:$R$366,ROW(INDEX(Jesper!AH$2:AH$366,ROUNDDOWN($C6488/24,0)+1,1))-1)+IF('Standard Profiles'!$G$18=$B$10,7,0)+IF('Standard Profiles'!$G$18=$B$17,14,0)+IF('Standard Profiles'!$G$18=$B$24,21,0),MOD($C6488,24)+1)/SUM(INDEX($D$3:$AA$30,INDEX(Jesper!$R$2:$R$366,ROW(INDEX(Jesper!AH$2:AH$366,ROUNDDOWN($C6488/24,0)+1,1))-1)+IF('Standard Profiles'!$G$18=$B$10,7,0)+IF('Standard Profiles'!$G$18=$B$17,14,0)+IF('Standard Profiles'!$G$18=$B$24,21,0),0)),0)</f>
        <v>5.4348616173827127</v>
      </c>
      <c r="E6488" cm="1">
        <f t="array" ref="E6488">IFERROR(INDEX(Jesper!AI$2:AI$366,ROUNDDOWN($C6488/24,0)+1,1)*INDEX($D$3:$AA$30,INDEX(Jesper!$R$2:$R$366,ROW(INDEX(Jesper!AI$2:AI$366,ROUNDDOWN($C6488/24,0)+1,1))-1)+IF('Standard Profiles'!$G$19=$B$10,7,0)+IF('Standard Profiles'!$G$19=$B$17,14,0)+IF('Standard Profiles'!$G$19=$B$24,21,0),MOD($C6488,24)+1)/SUM(INDEX($D$3:$AA$30,INDEX(Jesper!$R$2:$R$366,ROW(INDEX(Jesper!AI$2:AI$366,ROUNDDOWN($C6488/24,0)+1,1))-1)+IF('Standard Profiles'!$G$19=$B$10,7,0)+IF('Standard Profiles'!$G$19=$B$17,14,0)+IF('Standard Profiles'!$G$19=$B$24,21,0),0)),0)</f>
        <v>2.3679101378303087</v>
      </c>
      <c r="F6488" cm="1">
        <f t="array" ref="F6488">IFERROR(INDEX(Jesper!AJ$2:AJ$366,ROUNDDOWN($C6488/24,0)+1,1)*INDEX($D$3:$AA$30,INDEX(Jesper!$R$2:$R$366,ROW(INDEX(Jesper!AJ$2:AJ$366,ROUNDDOWN($C6488/24,0)+1,1))-1)+IF('Standard Profiles'!$G$20=$B$10,7,0)+IF('Standard Profiles'!$G$20=$B$17,14,0)+IF('Standard Profiles'!$G$20=$B$24,21,0),MOD($C6488,24)+1)/SUM(INDEX($D$3:$AA$30,INDEX(Jesper!$R$2:$R$366,ROW(INDEX(Jesper!AJ$2:AJ$366,ROUNDDOWN($C6488/24,0)+1,1))-1)+IF('Standard Profiles'!$G$20=$B$10,7,0)+IF('Standard Profiles'!$G$20=$B$17,14,0)+IF('Standard Profiles'!$G$20=$B$24,21,0),0)),0)</f>
        <v>0</v>
      </c>
      <c r="G6488" cm="1">
        <f t="array" ref="G6488">IFERROR(INDEX(Jesper!AK$2:AK$366,ROUNDDOWN($C6488/24,0)+1,1)*INDEX($D$3:$AA$30,INDEX(Jesper!$R$2:$R$366,ROW(INDEX(Jesper!AK$2:AK$366,ROUNDDOWN($C6488/24,0)+1,1))-1)+IF('Standard Profiles'!$G$21=$B$10,7,0)+IF('Standard Profiles'!$G$21=$B$17,14,0)+IF('Standard Profiles'!$G$21=$B$24,21,0),MOD($C6488,24)+1)/SUM(INDEX($D$3:$AA$30,INDEX(Jesper!$R$2:$R$366,ROW(INDEX(Jesper!AK$2:AK$366,ROUNDDOWN($C6488/24,0)+1,1))-1)+IF('Standard Profiles'!$G$21=$B$10,7,0)+IF('Standard Profiles'!$G$21=$B$17,14,0)+IF('Standard Profiles'!$G$21=$B$24,21,0),0)),0)</f>
        <v>0.32141519953156217</v>
      </c>
      <c r="H6488" cm="1">
        <f t="array" ref="H6488">IFERROR(INDEX(Jesper!AL$2:AL$366,ROUNDDOWN($C6488/24,0)+1,1)*INDEX($D$3:$AA$30,INDEX(Jesper!$R$2:$R$366,ROW(INDEX(Jesper!AL$2:AL$366,ROUNDDOWN($C6488/24,0)+1,1))-1)+IF('Standard Profiles'!$G$22=$B$10,7,0)+IF('Standard Profiles'!$G$22=$B$17,14,0)+IF('Standard Profiles'!$G$22=$B$24,21,0),MOD($C6488,24)+1)/SUM(INDEX($D$3:$AA$30,INDEX(Jesper!$R$2:$R$366,ROW(INDEX(Jesper!AL$2:AL$366,ROUNDDOWN($C6488/24,0)+1,1))-1)+IF('Standard Profiles'!$G$22=$B$10,7,0)+IF('Standard Profiles'!$G$22=$B$17,14,0)+IF('Standard Profiles'!$G$22=$B$24,21,0),0)),0)</f>
        <v>0</v>
      </c>
      <c r="I6488">
        <f t="shared" si="720"/>
        <v>0.15427929577514976</v>
      </c>
      <c r="J6488">
        <f t="shared" si="721"/>
        <v>7.1003298001881987</v>
      </c>
      <c r="K6488">
        <f t="shared" si="722"/>
        <v>0.57971857252082271</v>
      </c>
      <c r="L6488">
        <f t="shared" si="723"/>
        <v>0.28985928626041135</v>
      </c>
      <c r="M6488">
        <f t="shared" si="724"/>
        <v>0</v>
      </c>
      <c r="N6488" s="45">
        <f t="shared" si="725"/>
        <v>45195.916666651014</v>
      </c>
    </row>
    <row r="6489" spans="2:14" x14ac:dyDescent="0.25">
      <c r="B6489">
        <f t="shared" si="719"/>
        <v>2</v>
      </c>
      <c r="C6489" s="16">
        <v>6455</v>
      </c>
      <c r="D6489" cm="1">
        <f t="array" ref="D6489">IFERROR(INDEX(Jesper!AH$2:AH$366,ROUNDDOWN($C6489/24,0)+1,1)*INDEX($D$3:$AA$30,INDEX(Jesper!$R$2:$R$366,ROW(INDEX(Jesper!AH$2:AH$366,ROUNDDOWN($C6489/24,0)+1,1))-1)+IF('Standard Profiles'!$G$18=$B$10,7,0)+IF('Standard Profiles'!$G$18=$B$17,14,0)+IF('Standard Profiles'!$G$18=$B$24,21,0),MOD($C6489,24)+1)/SUM(INDEX($D$3:$AA$30,INDEX(Jesper!$R$2:$R$366,ROW(INDEX(Jesper!AH$2:AH$366,ROUNDDOWN($C6489/24,0)+1,1))-1)+IF('Standard Profiles'!$G$18=$B$10,7,0)+IF('Standard Profiles'!$G$18=$B$17,14,0)+IF('Standard Profiles'!$G$18=$B$24,21,0),0)),0)</f>
        <v>5.4348616173827127</v>
      </c>
      <c r="E6489" cm="1">
        <f t="array" ref="E6489">IFERROR(INDEX(Jesper!AI$2:AI$366,ROUNDDOWN($C6489/24,0)+1,1)*INDEX($D$3:$AA$30,INDEX(Jesper!$R$2:$R$366,ROW(INDEX(Jesper!AI$2:AI$366,ROUNDDOWN($C6489/24,0)+1,1))-1)+IF('Standard Profiles'!$G$19=$B$10,7,0)+IF('Standard Profiles'!$G$19=$B$17,14,0)+IF('Standard Profiles'!$G$19=$B$24,21,0),MOD($C6489,24)+1)/SUM(INDEX($D$3:$AA$30,INDEX(Jesper!$R$2:$R$366,ROW(INDEX(Jesper!AI$2:AI$366,ROUNDDOWN($C6489/24,0)+1,1))-1)+IF('Standard Profiles'!$G$19=$B$10,7,0)+IF('Standard Profiles'!$G$19=$B$17,14,0)+IF('Standard Profiles'!$G$19=$B$24,21,0),0)),0)</f>
        <v>2.3679101378303087</v>
      </c>
      <c r="F6489" cm="1">
        <f t="array" ref="F6489">IFERROR(INDEX(Jesper!AJ$2:AJ$366,ROUNDDOWN($C6489/24,0)+1,1)*INDEX($D$3:$AA$30,INDEX(Jesper!$R$2:$R$366,ROW(INDEX(Jesper!AJ$2:AJ$366,ROUNDDOWN($C6489/24,0)+1,1))-1)+IF('Standard Profiles'!$G$20=$B$10,7,0)+IF('Standard Profiles'!$G$20=$B$17,14,0)+IF('Standard Profiles'!$G$20=$B$24,21,0),MOD($C6489,24)+1)/SUM(INDEX($D$3:$AA$30,INDEX(Jesper!$R$2:$R$366,ROW(INDEX(Jesper!AJ$2:AJ$366,ROUNDDOWN($C6489/24,0)+1,1))-1)+IF('Standard Profiles'!$G$20=$B$10,7,0)+IF('Standard Profiles'!$G$20=$B$17,14,0)+IF('Standard Profiles'!$G$20=$B$24,21,0),0)),0)</f>
        <v>0</v>
      </c>
      <c r="G6489" cm="1">
        <f t="array" ref="G6489">IFERROR(INDEX(Jesper!AK$2:AK$366,ROUNDDOWN($C6489/24,0)+1,1)*INDEX($D$3:$AA$30,INDEX(Jesper!$R$2:$R$366,ROW(INDEX(Jesper!AK$2:AK$366,ROUNDDOWN($C6489/24,0)+1,1))-1)+IF('Standard Profiles'!$G$21=$B$10,7,0)+IF('Standard Profiles'!$G$21=$B$17,14,0)+IF('Standard Profiles'!$G$21=$B$24,21,0),MOD($C6489,24)+1)/SUM(INDEX($D$3:$AA$30,INDEX(Jesper!$R$2:$R$366,ROW(INDEX(Jesper!AK$2:AK$366,ROUNDDOWN($C6489/24,0)+1,1))-1)+IF('Standard Profiles'!$G$21=$B$10,7,0)+IF('Standard Profiles'!$G$21=$B$17,14,0)+IF('Standard Profiles'!$G$21=$B$24,21,0),0)),0)</f>
        <v>0.32141519953156217</v>
      </c>
      <c r="H6489" cm="1">
        <f t="array" ref="H6489">IFERROR(INDEX(Jesper!AL$2:AL$366,ROUNDDOWN($C6489/24,0)+1,1)*INDEX($D$3:$AA$30,INDEX(Jesper!$R$2:$R$366,ROW(INDEX(Jesper!AL$2:AL$366,ROUNDDOWN($C6489/24,0)+1,1))-1)+IF('Standard Profiles'!$G$22=$B$10,7,0)+IF('Standard Profiles'!$G$22=$B$17,14,0)+IF('Standard Profiles'!$G$22=$B$24,21,0),MOD($C6489,24)+1)/SUM(INDEX($D$3:$AA$30,INDEX(Jesper!$R$2:$R$366,ROW(INDEX(Jesper!AL$2:AL$366,ROUNDDOWN($C6489/24,0)+1,1))-1)+IF('Standard Profiles'!$G$22=$B$10,7,0)+IF('Standard Profiles'!$G$22=$B$17,14,0)+IF('Standard Profiles'!$G$22=$B$24,21,0),0)),0)</f>
        <v>0</v>
      </c>
      <c r="I6489">
        <f t="shared" si="720"/>
        <v>0.15427929577514976</v>
      </c>
      <c r="J6489">
        <f t="shared" si="721"/>
        <v>7.1003298001881987</v>
      </c>
      <c r="K6489">
        <f t="shared" si="722"/>
        <v>0.57971857252082271</v>
      </c>
      <c r="L6489">
        <f t="shared" si="723"/>
        <v>0.28985928626041135</v>
      </c>
      <c r="M6489">
        <f t="shared" si="724"/>
        <v>0</v>
      </c>
      <c r="N6489" s="45">
        <f t="shared" si="725"/>
        <v>45195.958333317678</v>
      </c>
    </row>
    <row r="6490" spans="2:14" x14ac:dyDescent="0.25">
      <c r="B6490">
        <f t="shared" si="719"/>
        <v>3</v>
      </c>
      <c r="C6490" s="16">
        <v>6456</v>
      </c>
      <c r="D6490" cm="1">
        <f t="array" ref="D6490">IFERROR(INDEX(Jesper!AH$2:AH$366,ROUNDDOWN($C6490/24,0)+1,1)*INDEX($D$3:$AA$30,INDEX(Jesper!$R$2:$R$366,ROW(INDEX(Jesper!AH$2:AH$366,ROUNDDOWN($C6490/24,0)+1,1))-1)+IF('Standard Profiles'!$G$18=$B$10,7,0)+IF('Standard Profiles'!$G$18=$B$17,14,0)+IF('Standard Profiles'!$G$18=$B$24,21,0),MOD($C6490,24)+1)/SUM(INDEX($D$3:$AA$30,INDEX(Jesper!$R$2:$R$366,ROW(INDEX(Jesper!AH$2:AH$366,ROUNDDOWN($C6490/24,0)+1,1))-1)+IF('Standard Profiles'!$G$18=$B$10,7,0)+IF('Standard Profiles'!$G$18=$B$17,14,0)+IF('Standard Profiles'!$G$18=$B$24,21,0),0)),0)</f>
        <v>5.3471778763579696</v>
      </c>
      <c r="E6490" cm="1">
        <f t="array" ref="E6490">IFERROR(INDEX(Jesper!AI$2:AI$366,ROUNDDOWN($C6490/24,0)+1,1)*INDEX($D$3:$AA$30,INDEX(Jesper!$R$2:$R$366,ROW(INDEX(Jesper!AI$2:AI$366,ROUNDDOWN($C6490/24,0)+1,1))-1)+IF('Standard Profiles'!$G$19=$B$10,7,0)+IF('Standard Profiles'!$G$19=$B$17,14,0)+IF('Standard Profiles'!$G$19=$B$24,21,0),MOD($C6490,24)+1)/SUM(INDEX($D$3:$AA$30,INDEX(Jesper!$R$2:$R$366,ROW(INDEX(Jesper!AI$2:AI$366,ROUNDDOWN($C6490/24,0)+1,1))-1)+IF('Standard Profiles'!$G$19=$B$10,7,0)+IF('Standard Profiles'!$G$19=$B$17,14,0)+IF('Standard Profiles'!$G$19=$B$24,21,0),0)),0)</f>
        <v>2.2695040299665612</v>
      </c>
      <c r="F6490" cm="1">
        <f t="array" ref="F6490">IFERROR(INDEX(Jesper!AJ$2:AJ$366,ROUNDDOWN($C6490/24,0)+1,1)*INDEX($D$3:$AA$30,INDEX(Jesper!$R$2:$R$366,ROW(INDEX(Jesper!AJ$2:AJ$366,ROUNDDOWN($C6490/24,0)+1,1))-1)+IF('Standard Profiles'!$G$20=$B$10,7,0)+IF('Standard Profiles'!$G$20=$B$17,14,0)+IF('Standard Profiles'!$G$20=$B$24,21,0),MOD($C6490,24)+1)/SUM(INDEX($D$3:$AA$30,INDEX(Jesper!$R$2:$R$366,ROW(INDEX(Jesper!AJ$2:AJ$366,ROUNDDOWN($C6490/24,0)+1,1))-1)+IF('Standard Profiles'!$G$20=$B$10,7,0)+IF('Standard Profiles'!$G$20=$B$17,14,0)+IF('Standard Profiles'!$G$20=$B$24,21,0),0)),0)</f>
        <v>0</v>
      </c>
      <c r="G6490" cm="1">
        <f t="array" ref="G6490">IFERROR(INDEX(Jesper!AK$2:AK$366,ROUNDDOWN($C6490/24,0)+1,1)*INDEX($D$3:$AA$30,INDEX(Jesper!$R$2:$R$366,ROW(INDEX(Jesper!AK$2:AK$366,ROUNDDOWN($C6490/24,0)+1,1))-1)+IF('Standard Profiles'!$G$21=$B$10,7,0)+IF('Standard Profiles'!$G$21=$B$17,14,0)+IF('Standard Profiles'!$G$21=$B$24,21,0),MOD($C6490,24)+1)/SUM(INDEX($D$3:$AA$30,INDEX(Jesper!$R$2:$R$366,ROW(INDEX(Jesper!AK$2:AK$366,ROUNDDOWN($C6490/24,0)+1,1))-1)+IF('Standard Profiles'!$G$21=$B$10,7,0)+IF('Standard Profiles'!$G$21=$B$17,14,0)+IF('Standard Profiles'!$G$21=$B$24,21,0),0)),0)</f>
        <v>0.22374343207721029</v>
      </c>
      <c r="H6490" cm="1">
        <f t="array" ref="H6490">IFERROR(INDEX(Jesper!AL$2:AL$366,ROUNDDOWN($C6490/24,0)+1,1)*INDEX($D$3:$AA$30,INDEX(Jesper!$R$2:$R$366,ROW(INDEX(Jesper!AL$2:AL$366,ROUNDDOWN($C6490/24,0)+1,1))-1)+IF('Standard Profiles'!$G$22=$B$10,7,0)+IF('Standard Profiles'!$G$22=$B$17,14,0)+IF('Standard Profiles'!$G$22=$B$24,21,0),MOD($C6490,24)+1)/SUM(INDEX($D$3:$AA$30,INDEX(Jesper!$R$2:$R$366,ROW(INDEX(Jesper!AL$2:AL$366,ROUNDDOWN($C6490/24,0)+1,1))-1)+IF('Standard Profiles'!$G$22=$B$10,7,0)+IF('Standard Profiles'!$G$22=$B$17,14,0)+IF('Standard Profiles'!$G$22=$B$24,21,0),0)),0)</f>
        <v>0</v>
      </c>
      <c r="I6490">
        <f t="shared" si="720"/>
        <v>0.10739684739706089</v>
      </c>
      <c r="J6490">
        <f t="shared" si="721"/>
        <v>6.8774800307874049</v>
      </c>
      <c r="K6490">
        <f t="shared" si="722"/>
        <v>0.57036564014485014</v>
      </c>
      <c r="L6490">
        <f t="shared" si="723"/>
        <v>0.28518282007242507</v>
      </c>
      <c r="M6490">
        <f t="shared" si="724"/>
        <v>0</v>
      </c>
      <c r="N6490" s="45">
        <f t="shared" si="725"/>
        <v>45195.999999984342</v>
      </c>
    </row>
    <row r="6491" spans="2:14" x14ac:dyDescent="0.25">
      <c r="B6491">
        <f t="shared" si="719"/>
        <v>3</v>
      </c>
      <c r="C6491" s="16">
        <v>6457</v>
      </c>
      <c r="D6491" cm="1">
        <f t="array" ref="D6491">IFERROR(INDEX(Jesper!AH$2:AH$366,ROUNDDOWN($C6491/24,0)+1,1)*INDEX($D$3:$AA$30,INDEX(Jesper!$R$2:$R$366,ROW(INDEX(Jesper!AH$2:AH$366,ROUNDDOWN($C6491/24,0)+1,1))-1)+IF('Standard Profiles'!$G$18=$B$10,7,0)+IF('Standard Profiles'!$G$18=$B$17,14,0)+IF('Standard Profiles'!$G$18=$B$24,21,0),MOD($C6491,24)+1)/SUM(INDEX($D$3:$AA$30,INDEX(Jesper!$R$2:$R$366,ROW(INDEX(Jesper!AH$2:AH$366,ROUNDDOWN($C6491/24,0)+1,1))-1)+IF('Standard Profiles'!$G$18=$B$10,7,0)+IF('Standard Profiles'!$G$18=$B$17,14,0)+IF('Standard Profiles'!$G$18=$B$24,21,0),0)),0)</f>
        <v>5.3471778763579696</v>
      </c>
      <c r="E6491" cm="1">
        <f t="array" ref="E6491">IFERROR(INDEX(Jesper!AI$2:AI$366,ROUNDDOWN($C6491/24,0)+1,1)*INDEX($D$3:$AA$30,INDEX(Jesper!$R$2:$R$366,ROW(INDEX(Jesper!AI$2:AI$366,ROUNDDOWN($C6491/24,0)+1,1))-1)+IF('Standard Profiles'!$G$19=$B$10,7,0)+IF('Standard Profiles'!$G$19=$B$17,14,0)+IF('Standard Profiles'!$G$19=$B$24,21,0),MOD($C6491,24)+1)/SUM(INDEX($D$3:$AA$30,INDEX(Jesper!$R$2:$R$366,ROW(INDEX(Jesper!AI$2:AI$366,ROUNDDOWN($C6491/24,0)+1,1))-1)+IF('Standard Profiles'!$G$19=$B$10,7,0)+IF('Standard Profiles'!$G$19=$B$17,14,0)+IF('Standard Profiles'!$G$19=$B$24,21,0),0)),0)</f>
        <v>2.2695040299665612</v>
      </c>
      <c r="F6491" cm="1">
        <f t="array" ref="F6491">IFERROR(INDEX(Jesper!AJ$2:AJ$366,ROUNDDOWN($C6491/24,0)+1,1)*INDEX($D$3:$AA$30,INDEX(Jesper!$R$2:$R$366,ROW(INDEX(Jesper!AJ$2:AJ$366,ROUNDDOWN($C6491/24,0)+1,1))-1)+IF('Standard Profiles'!$G$20=$B$10,7,0)+IF('Standard Profiles'!$G$20=$B$17,14,0)+IF('Standard Profiles'!$G$20=$B$24,21,0),MOD($C6491,24)+1)/SUM(INDEX($D$3:$AA$30,INDEX(Jesper!$R$2:$R$366,ROW(INDEX(Jesper!AJ$2:AJ$366,ROUNDDOWN($C6491/24,0)+1,1))-1)+IF('Standard Profiles'!$G$20=$B$10,7,0)+IF('Standard Profiles'!$G$20=$B$17,14,0)+IF('Standard Profiles'!$G$20=$B$24,21,0),0)),0)</f>
        <v>0</v>
      </c>
      <c r="G6491" cm="1">
        <f t="array" ref="G6491">IFERROR(INDEX(Jesper!AK$2:AK$366,ROUNDDOWN($C6491/24,0)+1,1)*INDEX($D$3:$AA$30,INDEX(Jesper!$R$2:$R$366,ROW(INDEX(Jesper!AK$2:AK$366,ROUNDDOWN($C6491/24,0)+1,1))-1)+IF('Standard Profiles'!$G$21=$B$10,7,0)+IF('Standard Profiles'!$G$21=$B$17,14,0)+IF('Standard Profiles'!$G$21=$B$24,21,0),MOD($C6491,24)+1)/SUM(INDEX($D$3:$AA$30,INDEX(Jesper!$R$2:$R$366,ROW(INDEX(Jesper!AK$2:AK$366,ROUNDDOWN($C6491/24,0)+1,1))-1)+IF('Standard Profiles'!$G$21=$B$10,7,0)+IF('Standard Profiles'!$G$21=$B$17,14,0)+IF('Standard Profiles'!$G$21=$B$24,21,0),0)),0)</f>
        <v>0.22374343207721029</v>
      </c>
      <c r="H6491" cm="1">
        <f t="array" ref="H6491">IFERROR(INDEX(Jesper!AL$2:AL$366,ROUNDDOWN($C6491/24,0)+1,1)*INDEX($D$3:$AA$30,INDEX(Jesper!$R$2:$R$366,ROW(INDEX(Jesper!AL$2:AL$366,ROUNDDOWN($C6491/24,0)+1,1))-1)+IF('Standard Profiles'!$G$22=$B$10,7,0)+IF('Standard Profiles'!$G$22=$B$17,14,0)+IF('Standard Profiles'!$G$22=$B$24,21,0),MOD($C6491,24)+1)/SUM(INDEX($D$3:$AA$30,INDEX(Jesper!$R$2:$R$366,ROW(INDEX(Jesper!AL$2:AL$366,ROUNDDOWN($C6491/24,0)+1,1))-1)+IF('Standard Profiles'!$G$22=$B$10,7,0)+IF('Standard Profiles'!$G$22=$B$17,14,0)+IF('Standard Profiles'!$G$22=$B$24,21,0),0)),0)</f>
        <v>0</v>
      </c>
      <c r="I6491">
        <f t="shared" si="720"/>
        <v>0.10739684739706089</v>
      </c>
      <c r="J6491">
        <f t="shared" si="721"/>
        <v>6.8774800307874049</v>
      </c>
      <c r="K6491">
        <f t="shared" si="722"/>
        <v>0.57036564014485014</v>
      </c>
      <c r="L6491">
        <f t="shared" si="723"/>
        <v>0.28518282007242507</v>
      </c>
      <c r="M6491">
        <f t="shared" si="724"/>
        <v>0</v>
      </c>
      <c r="N6491" s="45">
        <f t="shared" si="725"/>
        <v>45196.041666651006</v>
      </c>
    </row>
    <row r="6492" spans="2:14" x14ac:dyDescent="0.25">
      <c r="B6492">
        <f t="shared" si="719"/>
        <v>3</v>
      </c>
      <c r="C6492" s="16">
        <v>6458</v>
      </c>
      <c r="D6492" cm="1">
        <f t="array" ref="D6492">IFERROR(INDEX(Jesper!AH$2:AH$366,ROUNDDOWN($C6492/24,0)+1,1)*INDEX($D$3:$AA$30,INDEX(Jesper!$R$2:$R$366,ROW(INDEX(Jesper!AH$2:AH$366,ROUNDDOWN($C6492/24,0)+1,1))-1)+IF('Standard Profiles'!$G$18=$B$10,7,0)+IF('Standard Profiles'!$G$18=$B$17,14,0)+IF('Standard Profiles'!$G$18=$B$24,21,0),MOD($C6492,24)+1)/SUM(INDEX($D$3:$AA$30,INDEX(Jesper!$R$2:$R$366,ROW(INDEX(Jesper!AH$2:AH$366,ROUNDDOWN($C6492/24,0)+1,1))-1)+IF('Standard Profiles'!$G$18=$B$10,7,0)+IF('Standard Profiles'!$G$18=$B$17,14,0)+IF('Standard Profiles'!$G$18=$B$24,21,0),0)),0)</f>
        <v>5.3471778763579696</v>
      </c>
      <c r="E6492" cm="1">
        <f t="array" ref="E6492">IFERROR(INDEX(Jesper!AI$2:AI$366,ROUNDDOWN($C6492/24,0)+1,1)*INDEX($D$3:$AA$30,INDEX(Jesper!$R$2:$R$366,ROW(INDEX(Jesper!AI$2:AI$366,ROUNDDOWN($C6492/24,0)+1,1))-1)+IF('Standard Profiles'!$G$19=$B$10,7,0)+IF('Standard Profiles'!$G$19=$B$17,14,0)+IF('Standard Profiles'!$G$19=$B$24,21,0),MOD($C6492,24)+1)/SUM(INDEX($D$3:$AA$30,INDEX(Jesper!$R$2:$R$366,ROW(INDEX(Jesper!AI$2:AI$366,ROUNDDOWN($C6492/24,0)+1,1))-1)+IF('Standard Profiles'!$G$19=$B$10,7,0)+IF('Standard Profiles'!$G$19=$B$17,14,0)+IF('Standard Profiles'!$G$19=$B$24,21,0),0)),0)</f>
        <v>2.2695040299665612</v>
      </c>
      <c r="F6492" cm="1">
        <f t="array" ref="F6492">IFERROR(INDEX(Jesper!AJ$2:AJ$366,ROUNDDOWN($C6492/24,0)+1,1)*INDEX($D$3:$AA$30,INDEX(Jesper!$R$2:$R$366,ROW(INDEX(Jesper!AJ$2:AJ$366,ROUNDDOWN($C6492/24,0)+1,1))-1)+IF('Standard Profiles'!$G$20=$B$10,7,0)+IF('Standard Profiles'!$G$20=$B$17,14,0)+IF('Standard Profiles'!$G$20=$B$24,21,0),MOD($C6492,24)+1)/SUM(INDEX($D$3:$AA$30,INDEX(Jesper!$R$2:$R$366,ROW(INDEX(Jesper!AJ$2:AJ$366,ROUNDDOWN($C6492/24,0)+1,1))-1)+IF('Standard Profiles'!$G$20=$B$10,7,0)+IF('Standard Profiles'!$G$20=$B$17,14,0)+IF('Standard Profiles'!$G$20=$B$24,21,0),0)),0)</f>
        <v>0</v>
      </c>
      <c r="G6492" cm="1">
        <f t="array" ref="G6492">IFERROR(INDEX(Jesper!AK$2:AK$366,ROUNDDOWN($C6492/24,0)+1,1)*INDEX($D$3:$AA$30,INDEX(Jesper!$R$2:$R$366,ROW(INDEX(Jesper!AK$2:AK$366,ROUNDDOWN($C6492/24,0)+1,1))-1)+IF('Standard Profiles'!$G$21=$B$10,7,0)+IF('Standard Profiles'!$G$21=$B$17,14,0)+IF('Standard Profiles'!$G$21=$B$24,21,0),MOD($C6492,24)+1)/SUM(INDEX($D$3:$AA$30,INDEX(Jesper!$R$2:$R$366,ROW(INDEX(Jesper!AK$2:AK$366,ROUNDDOWN($C6492/24,0)+1,1))-1)+IF('Standard Profiles'!$G$21=$B$10,7,0)+IF('Standard Profiles'!$G$21=$B$17,14,0)+IF('Standard Profiles'!$G$21=$B$24,21,0),0)),0)</f>
        <v>0.22374343207721029</v>
      </c>
      <c r="H6492" cm="1">
        <f t="array" ref="H6492">IFERROR(INDEX(Jesper!AL$2:AL$366,ROUNDDOWN($C6492/24,0)+1,1)*INDEX($D$3:$AA$30,INDEX(Jesper!$R$2:$R$366,ROW(INDEX(Jesper!AL$2:AL$366,ROUNDDOWN($C6492/24,0)+1,1))-1)+IF('Standard Profiles'!$G$22=$B$10,7,0)+IF('Standard Profiles'!$G$22=$B$17,14,0)+IF('Standard Profiles'!$G$22=$B$24,21,0),MOD($C6492,24)+1)/SUM(INDEX($D$3:$AA$30,INDEX(Jesper!$R$2:$R$366,ROW(INDEX(Jesper!AL$2:AL$366,ROUNDDOWN($C6492/24,0)+1,1))-1)+IF('Standard Profiles'!$G$22=$B$10,7,0)+IF('Standard Profiles'!$G$22=$B$17,14,0)+IF('Standard Profiles'!$G$22=$B$24,21,0),0)),0)</f>
        <v>0</v>
      </c>
      <c r="I6492">
        <f t="shared" si="720"/>
        <v>0.10739684739706089</v>
      </c>
      <c r="J6492">
        <f t="shared" si="721"/>
        <v>6.8774800307874049</v>
      </c>
      <c r="K6492">
        <f t="shared" si="722"/>
        <v>0.57036564014485014</v>
      </c>
      <c r="L6492">
        <f t="shared" si="723"/>
        <v>0.28518282007242507</v>
      </c>
      <c r="M6492">
        <f t="shared" si="724"/>
        <v>0</v>
      </c>
      <c r="N6492" s="45">
        <f t="shared" si="725"/>
        <v>45196.083333317671</v>
      </c>
    </row>
    <row r="6493" spans="2:14" x14ac:dyDescent="0.25">
      <c r="B6493">
        <f t="shared" si="719"/>
        <v>3</v>
      </c>
      <c r="C6493" s="16">
        <v>6459</v>
      </c>
      <c r="D6493" cm="1">
        <f t="array" ref="D6493">IFERROR(INDEX(Jesper!AH$2:AH$366,ROUNDDOWN($C6493/24,0)+1,1)*INDEX($D$3:$AA$30,INDEX(Jesper!$R$2:$R$366,ROW(INDEX(Jesper!AH$2:AH$366,ROUNDDOWN($C6493/24,0)+1,1))-1)+IF('Standard Profiles'!$G$18=$B$10,7,0)+IF('Standard Profiles'!$G$18=$B$17,14,0)+IF('Standard Profiles'!$G$18=$B$24,21,0),MOD($C6493,24)+1)/SUM(INDEX($D$3:$AA$30,INDEX(Jesper!$R$2:$R$366,ROW(INDEX(Jesper!AH$2:AH$366,ROUNDDOWN($C6493/24,0)+1,1))-1)+IF('Standard Profiles'!$G$18=$B$10,7,0)+IF('Standard Profiles'!$G$18=$B$17,14,0)+IF('Standard Profiles'!$G$18=$B$24,21,0),0)),0)</f>
        <v>5.3471778763579696</v>
      </c>
      <c r="E6493" cm="1">
        <f t="array" ref="E6493">IFERROR(INDEX(Jesper!AI$2:AI$366,ROUNDDOWN($C6493/24,0)+1,1)*INDEX($D$3:$AA$30,INDEX(Jesper!$R$2:$R$366,ROW(INDEX(Jesper!AI$2:AI$366,ROUNDDOWN($C6493/24,0)+1,1))-1)+IF('Standard Profiles'!$G$19=$B$10,7,0)+IF('Standard Profiles'!$G$19=$B$17,14,0)+IF('Standard Profiles'!$G$19=$B$24,21,0),MOD($C6493,24)+1)/SUM(INDEX($D$3:$AA$30,INDEX(Jesper!$R$2:$R$366,ROW(INDEX(Jesper!AI$2:AI$366,ROUNDDOWN($C6493/24,0)+1,1))-1)+IF('Standard Profiles'!$G$19=$B$10,7,0)+IF('Standard Profiles'!$G$19=$B$17,14,0)+IF('Standard Profiles'!$G$19=$B$24,21,0),0)),0)</f>
        <v>2.2695040299665612</v>
      </c>
      <c r="F6493" cm="1">
        <f t="array" ref="F6493">IFERROR(INDEX(Jesper!AJ$2:AJ$366,ROUNDDOWN($C6493/24,0)+1,1)*INDEX($D$3:$AA$30,INDEX(Jesper!$R$2:$R$366,ROW(INDEX(Jesper!AJ$2:AJ$366,ROUNDDOWN($C6493/24,0)+1,1))-1)+IF('Standard Profiles'!$G$20=$B$10,7,0)+IF('Standard Profiles'!$G$20=$B$17,14,0)+IF('Standard Profiles'!$G$20=$B$24,21,0),MOD($C6493,24)+1)/SUM(INDEX($D$3:$AA$30,INDEX(Jesper!$R$2:$R$366,ROW(INDEX(Jesper!AJ$2:AJ$366,ROUNDDOWN($C6493/24,0)+1,1))-1)+IF('Standard Profiles'!$G$20=$B$10,7,0)+IF('Standard Profiles'!$G$20=$B$17,14,0)+IF('Standard Profiles'!$G$20=$B$24,21,0),0)),0)</f>
        <v>0</v>
      </c>
      <c r="G6493" cm="1">
        <f t="array" ref="G6493">IFERROR(INDEX(Jesper!AK$2:AK$366,ROUNDDOWN($C6493/24,0)+1,1)*INDEX($D$3:$AA$30,INDEX(Jesper!$R$2:$R$366,ROW(INDEX(Jesper!AK$2:AK$366,ROUNDDOWN($C6493/24,0)+1,1))-1)+IF('Standard Profiles'!$G$21=$B$10,7,0)+IF('Standard Profiles'!$G$21=$B$17,14,0)+IF('Standard Profiles'!$G$21=$B$24,21,0),MOD($C6493,24)+1)/SUM(INDEX($D$3:$AA$30,INDEX(Jesper!$R$2:$R$366,ROW(INDEX(Jesper!AK$2:AK$366,ROUNDDOWN($C6493/24,0)+1,1))-1)+IF('Standard Profiles'!$G$21=$B$10,7,0)+IF('Standard Profiles'!$G$21=$B$17,14,0)+IF('Standard Profiles'!$G$21=$B$24,21,0),0)),0)</f>
        <v>0.22374343207721029</v>
      </c>
      <c r="H6493" cm="1">
        <f t="array" ref="H6493">IFERROR(INDEX(Jesper!AL$2:AL$366,ROUNDDOWN($C6493/24,0)+1,1)*INDEX($D$3:$AA$30,INDEX(Jesper!$R$2:$R$366,ROW(INDEX(Jesper!AL$2:AL$366,ROUNDDOWN($C6493/24,0)+1,1))-1)+IF('Standard Profiles'!$G$22=$B$10,7,0)+IF('Standard Profiles'!$G$22=$B$17,14,0)+IF('Standard Profiles'!$G$22=$B$24,21,0),MOD($C6493,24)+1)/SUM(INDEX($D$3:$AA$30,INDEX(Jesper!$R$2:$R$366,ROW(INDEX(Jesper!AL$2:AL$366,ROUNDDOWN($C6493/24,0)+1,1))-1)+IF('Standard Profiles'!$G$22=$B$10,7,0)+IF('Standard Profiles'!$G$22=$B$17,14,0)+IF('Standard Profiles'!$G$22=$B$24,21,0),0)),0)</f>
        <v>0</v>
      </c>
      <c r="I6493">
        <f t="shared" si="720"/>
        <v>0.10739684739706089</v>
      </c>
      <c r="J6493">
        <f t="shared" si="721"/>
        <v>6.8774800307874049</v>
      </c>
      <c r="K6493">
        <f t="shared" si="722"/>
        <v>0.57036564014485014</v>
      </c>
      <c r="L6493">
        <f t="shared" si="723"/>
        <v>0.28518282007242507</v>
      </c>
      <c r="M6493">
        <f t="shared" si="724"/>
        <v>0</v>
      </c>
      <c r="N6493" s="45">
        <f t="shared" si="725"/>
        <v>45196.124999984335</v>
      </c>
    </row>
    <row r="6494" spans="2:14" x14ac:dyDescent="0.25">
      <c r="B6494">
        <f t="shared" si="719"/>
        <v>3</v>
      </c>
      <c r="C6494" s="16">
        <v>6460</v>
      </c>
      <c r="D6494" cm="1">
        <f t="array" ref="D6494">IFERROR(INDEX(Jesper!AH$2:AH$366,ROUNDDOWN($C6494/24,0)+1,1)*INDEX($D$3:$AA$30,INDEX(Jesper!$R$2:$R$366,ROW(INDEX(Jesper!AH$2:AH$366,ROUNDDOWN($C6494/24,0)+1,1))-1)+IF('Standard Profiles'!$G$18=$B$10,7,0)+IF('Standard Profiles'!$G$18=$B$17,14,0)+IF('Standard Profiles'!$G$18=$B$24,21,0),MOD($C6494,24)+1)/SUM(INDEX($D$3:$AA$30,INDEX(Jesper!$R$2:$R$366,ROW(INDEX(Jesper!AH$2:AH$366,ROUNDDOWN($C6494/24,0)+1,1))-1)+IF('Standard Profiles'!$G$18=$B$10,7,0)+IF('Standard Profiles'!$G$18=$B$17,14,0)+IF('Standard Profiles'!$G$18=$B$24,21,0),0)),0)</f>
        <v>5.3471778763579696</v>
      </c>
      <c r="E6494" cm="1">
        <f t="array" ref="E6494">IFERROR(INDEX(Jesper!AI$2:AI$366,ROUNDDOWN($C6494/24,0)+1,1)*INDEX($D$3:$AA$30,INDEX(Jesper!$R$2:$R$366,ROW(INDEX(Jesper!AI$2:AI$366,ROUNDDOWN($C6494/24,0)+1,1))-1)+IF('Standard Profiles'!$G$19=$B$10,7,0)+IF('Standard Profiles'!$G$19=$B$17,14,0)+IF('Standard Profiles'!$G$19=$B$24,21,0),MOD($C6494,24)+1)/SUM(INDEX($D$3:$AA$30,INDEX(Jesper!$R$2:$R$366,ROW(INDEX(Jesper!AI$2:AI$366,ROUNDDOWN($C6494/24,0)+1,1))-1)+IF('Standard Profiles'!$G$19=$B$10,7,0)+IF('Standard Profiles'!$G$19=$B$17,14,0)+IF('Standard Profiles'!$G$19=$B$24,21,0),0)),0)</f>
        <v>2.2695040299665612</v>
      </c>
      <c r="F6494" cm="1">
        <f t="array" ref="F6494">IFERROR(INDEX(Jesper!AJ$2:AJ$366,ROUNDDOWN($C6494/24,0)+1,1)*INDEX($D$3:$AA$30,INDEX(Jesper!$R$2:$R$366,ROW(INDEX(Jesper!AJ$2:AJ$366,ROUNDDOWN($C6494/24,0)+1,1))-1)+IF('Standard Profiles'!$G$20=$B$10,7,0)+IF('Standard Profiles'!$G$20=$B$17,14,0)+IF('Standard Profiles'!$G$20=$B$24,21,0),MOD($C6494,24)+1)/SUM(INDEX($D$3:$AA$30,INDEX(Jesper!$R$2:$R$366,ROW(INDEX(Jesper!AJ$2:AJ$366,ROUNDDOWN($C6494/24,0)+1,1))-1)+IF('Standard Profiles'!$G$20=$B$10,7,0)+IF('Standard Profiles'!$G$20=$B$17,14,0)+IF('Standard Profiles'!$G$20=$B$24,21,0),0)),0)</f>
        <v>0</v>
      </c>
      <c r="G6494" cm="1">
        <f t="array" ref="G6494">IFERROR(INDEX(Jesper!AK$2:AK$366,ROUNDDOWN($C6494/24,0)+1,1)*INDEX($D$3:$AA$30,INDEX(Jesper!$R$2:$R$366,ROW(INDEX(Jesper!AK$2:AK$366,ROUNDDOWN($C6494/24,0)+1,1))-1)+IF('Standard Profiles'!$G$21=$B$10,7,0)+IF('Standard Profiles'!$G$21=$B$17,14,0)+IF('Standard Profiles'!$G$21=$B$24,21,0),MOD($C6494,24)+1)/SUM(INDEX($D$3:$AA$30,INDEX(Jesper!$R$2:$R$366,ROW(INDEX(Jesper!AK$2:AK$366,ROUNDDOWN($C6494/24,0)+1,1))-1)+IF('Standard Profiles'!$G$21=$B$10,7,0)+IF('Standard Profiles'!$G$21=$B$17,14,0)+IF('Standard Profiles'!$G$21=$B$24,21,0),0)),0)</f>
        <v>0.22374343207721029</v>
      </c>
      <c r="H6494" cm="1">
        <f t="array" ref="H6494">IFERROR(INDEX(Jesper!AL$2:AL$366,ROUNDDOWN($C6494/24,0)+1,1)*INDEX($D$3:$AA$30,INDEX(Jesper!$R$2:$R$366,ROW(INDEX(Jesper!AL$2:AL$366,ROUNDDOWN($C6494/24,0)+1,1))-1)+IF('Standard Profiles'!$G$22=$B$10,7,0)+IF('Standard Profiles'!$G$22=$B$17,14,0)+IF('Standard Profiles'!$G$22=$B$24,21,0),MOD($C6494,24)+1)/SUM(INDEX($D$3:$AA$30,INDEX(Jesper!$R$2:$R$366,ROW(INDEX(Jesper!AL$2:AL$366,ROUNDDOWN($C6494/24,0)+1,1))-1)+IF('Standard Profiles'!$G$22=$B$10,7,0)+IF('Standard Profiles'!$G$22=$B$17,14,0)+IF('Standard Profiles'!$G$22=$B$24,21,0),0)),0)</f>
        <v>0</v>
      </c>
      <c r="I6494">
        <f t="shared" si="720"/>
        <v>0.10739684739706089</v>
      </c>
      <c r="J6494">
        <f t="shared" si="721"/>
        <v>6.8774800307874049</v>
      </c>
      <c r="K6494">
        <f t="shared" si="722"/>
        <v>0.57036564014485014</v>
      </c>
      <c r="L6494">
        <f t="shared" si="723"/>
        <v>0.28518282007242507</v>
      </c>
      <c r="M6494">
        <f t="shared" si="724"/>
        <v>0</v>
      </c>
      <c r="N6494" s="45">
        <f t="shared" si="725"/>
        <v>45196.166666650999</v>
      </c>
    </row>
    <row r="6495" spans="2:14" x14ac:dyDescent="0.25">
      <c r="B6495">
        <f t="shared" si="719"/>
        <v>3</v>
      </c>
      <c r="C6495" s="16">
        <v>6461</v>
      </c>
      <c r="D6495" cm="1">
        <f t="array" ref="D6495">IFERROR(INDEX(Jesper!AH$2:AH$366,ROUNDDOWN($C6495/24,0)+1,1)*INDEX($D$3:$AA$30,INDEX(Jesper!$R$2:$R$366,ROW(INDEX(Jesper!AH$2:AH$366,ROUNDDOWN($C6495/24,0)+1,1))-1)+IF('Standard Profiles'!$G$18=$B$10,7,0)+IF('Standard Profiles'!$G$18=$B$17,14,0)+IF('Standard Profiles'!$G$18=$B$24,21,0),MOD($C6495,24)+1)/SUM(INDEX($D$3:$AA$30,INDEX(Jesper!$R$2:$R$366,ROW(INDEX(Jesper!AH$2:AH$366,ROUNDDOWN($C6495/24,0)+1,1))-1)+IF('Standard Profiles'!$G$18=$B$10,7,0)+IF('Standard Profiles'!$G$18=$B$17,14,0)+IF('Standard Profiles'!$G$18=$B$24,21,0),0)),0)</f>
        <v>5.3471778763579696</v>
      </c>
      <c r="E6495" cm="1">
        <f t="array" ref="E6495">IFERROR(INDEX(Jesper!AI$2:AI$366,ROUNDDOWN($C6495/24,0)+1,1)*INDEX($D$3:$AA$30,INDEX(Jesper!$R$2:$R$366,ROW(INDEX(Jesper!AI$2:AI$366,ROUNDDOWN($C6495/24,0)+1,1))-1)+IF('Standard Profiles'!$G$19=$B$10,7,0)+IF('Standard Profiles'!$G$19=$B$17,14,0)+IF('Standard Profiles'!$G$19=$B$24,21,0),MOD($C6495,24)+1)/SUM(INDEX($D$3:$AA$30,INDEX(Jesper!$R$2:$R$366,ROW(INDEX(Jesper!AI$2:AI$366,ROUNDDOWN($C6495/24,0)+1,1))-1)+IF('Standard Profiles'!$G$19=$B$10,7,0)+IF('Standard Profiles'!$G$19=$B$17,14,0)+IF('Standard Profiles'!$G$19=$B$24,21,0),0)),0)</f>
        <v>2.2695040299665612</v>
      </c>
      <c r="F6495" cm="1">
        <f t="array" ref="F6495">IFERROR(INDEX(Jesper!AJ$2:AJ$366,ROUNDDOWN($C6495/24,0)+1,1)*INDEX($D$3:$AA$30,INDEX(Jesper!$R$2:$R$366,ROW(INDEX(Jesper!AJ$2:AJ$366,ROUNDDOWN($C6495/24,0)+1,1))-1)+IF('Standard Profiles'!$G$20=$B$10,7,0)+IF('Standard Profiles'!$G$20=$B$17,14,0)+IF('Standard Profiles'!$G$20=$B$24,21,0),MOD($C6495,24)+1)/SUM(INDEX($D$3:$AA$30,INDEX(Jesper!$R$2:$R$366,ROW(INDEX(Jesper!AJ$2:AJ$366,ROUNDDOWN($C6495/24,0)+1,1))-1)+IF('Standard Profiles'!$G$20=$B$10,7,0)+IF('Standard Profiles'!$G$20=$B$17,14,0)+IF('Standard Profiles'!$G$20=$B$24,21,0),0)),0)</f>
        <v>0</v>
      </c>
      <c r="G6495" cm="1">
        <f t="array" ref="G6495">IFERROR(INDEX(Jesper!AK$2:AK$366,ROUNDDOWN($C6495/24,0)+1,1)*INDEX($D$3:$AA$30,INDEX(Jesper!$R$2:$R$366,ROW(INDEX(Jesper!AK$2:AK$366,ROUNDDOWN($C6495/24,0)+1,1))-1)+IF('Standard Profiles'!$G$21=$B$10,7,0)+IF('Standard Profiles'!$G$21=$B$17,14,0)+IF('Standard Profiles'!$G$21=$B$24,21,0),MOD($C6495,24)+1)/SUM(INDEX($D$3:$AA$30,INDEX(Jesper!$R$2:$R$366,ROW(INDEX(Jesper!AK$2:AK$366,ROUNDDOWN($C6495/24,0)+1,1))-1)+IF('Standard Profiles'!$G$21=$B$10,7,0)+IF('Standard Profiles'!$G$21=$B$17,14,0)+IF('Standard Profiles'!$G$21=$B$24,21,0),0)),0)</f>
        <v>0.22374343207721029</v>
      </c>
      <c r="H6495" cm="1">
        <f t="array" ref="H6495">IFERROR(INDEX(Jesper!AL$2:AL$366,ROUNDDOWN($C6495/24,0)+1,1)*INDEX($D$3:$AA$30,INDEX(Jesper!$R$2:$R$366,ROW(INDEX(Jesper!AL$2:AL$366,ROUNDDOWN($C6495/24,0)+1,1))-1)+IF('Standard Profiles'!$G$22=$B$10,7,0)+IF('Standard Profiles'!$G$22=$B$17,14,0)+IF('Standard Profiles'!$G$22=$B$24,21,0),MOD($C6495,24)+1)/SUM(INDEX($D$3:$AA$30,INDEX(Jesper!$R$2:$R$366,ROW(INDEX(Jesper!AL$2:AL$366,ROUNDDOWN($C6495/24,0)+1,1))-1)+IF('Standard Profiles'!$G$22=$B$10,7,0)+IF('Standard Profiles'!$G$22=$B$17,14,0)+IF('Standard Profiles'!$G$22=$B$24,21,0),0)),0)</f>
        <v>0</v>
      </c>
      <c r="I6495">
        <f t="shared" si="720"/>
        <v>0.10739684739706089</v>
      </c>
      <c r="J6495">
        <f t="shared" si="721"/>
        <v>6.8774800307874049</v>
      </c>
      <c r="K6495">
        <f t="shared" si="722"/>
        <v>0.57036564014485014</v>
      </c>
      <c r="L6495">
        <f t="shared" si="723"/>
        <v>0.28518282007242507</v>
      </c>
      <c r="M6495">
        <f t="shared" si="724"/>
        <v>0</v>
      </c>
      <c r="N6495" s="45">
        <f t="shared" si="725"/>
        <v>45196.208333317663</v>
      </c>
    </row>
    <row r="6496" spans="2:14" x14ac:dyDescent="0.25">
      <c r="B6496">
        <f t="shared" si="719"/>
        <v>3</v>
      </c>
      <c r="C6496" s="16">
        <v>6462</v>
      </c>
      <c r="D6496" cm="1">
        <f t="array" ref="D6496">IFERROR(INDEX(Jesper!AH$2:AH$366,ROUNDDOWN($C6496/24,0)+1,1)*INDEX($D$3:$AA$30,INDEX(Jesper!$R$2:$R$366,ROW(INDEX(Jesper!AH$2:AH$366,ROUNDDOWN($C6496/24,0)+1,1))-1)+IF('Standard Profiles'!$G$18=$B$10,7,0)+IF('Standard Profiles'!$G$18=$B$17,14,0)+IF('Standard Profiles'!$G$18=$B$24,21,0),MOD($C6496,24)+1)/SUM(INDEX($D$3:$AA$30,INDEX(Jesper!$R$2:$R$366,ROW(INDEX(Jesper!AH$2:AH$366,ROUNDDOWN($C6496/24,0)+1,1))-1)+IF('Standard Profiles'!$G$18=$B$10,7,0)+IF('Standard Profiles'!$G$18=$B$17,14,0)+IF('Standard Profiles'!$G$18=$B$24,21,0),0)),0)</f>
        <v>5.3471778763579696</v>
      </c>
      <c r="E6496" cm="1">
        <f t="array" ref="E6496">IFERROR(INDEX(Jesper!AI$2:AI$366,ROUNDDOWN($C6496/24,0)+1,1)*INDEX($D$3:$AA$30,INDEX(Jesper!$R$2:$R$366,ROW(INDEX(Jesper!AI$2:AI$366,ROUNDDOWN($C6496/24,0)+1,1))-1)+IF('Standard Profiles'!$G$19=$B$10,7,0)+IF('Standard Profiles'!$G$19=$B$17,14,0)+IF('Standard Profiles'!$G$19=$B$24,21,0),MOD($C6496,24)+1)/SUM(INDEX($D$3:$AA$30,INDEX(Jesper!$R$2:$R$366,ROW(INDEX(Jesper!AI$2:AI$366,ROUNDDOWN($C6496/24,0)+1,1))-1)+IF('Standard Profiles'!$G$19=$B$10,7,0)+IF('Standard Profiles'!$G$19=$B$17,14,0)+IF('Standard Profiles'!$G$19=$B$24,21,0),0)),0)</f>
        <v>2.2695040299665612</v>
      </c>
      <c r="F6496" cm="1">
        <f t="array" ref="F6496">IFERROR(INDEX(Jesper!AJ$2:AJ$366,ROUNDDOWN($C6496/24,0)+1,1)*INDEX($D$3:$AA$30,INDEX(Jesper!$R$2:$R$366,ROW(INDEX(Jesper!AJ$2:AJ$366,ROUNDDOWN($C6496/24,0)+1,1))-1)+IF('Standard Profiles'!$G$20=$B$10,7,0)+IF('Standard Profiles'!$G$20=$B$17,14,0)+IF('Standard Profiles'!$G$20=$B$24,21,0),MOD($C6496,24)+1)/SUM(INDEX($D$3:$AA$30,INDEX(Jesper!$R$2:$R$366,ROW(INDEX(Jesper!AJ$2:AJ$366,ROUNDDOWN($C6496/24,0)+1,1))-1)+IF('Standard Profiles'!$G$20=$B$10,7,0)+IF('Standard Profiles'!$G$20=$B$17,14,0)+IF('Standard Profiles'!$G$20=$B$24,21,0),0)),0)</f>
        <v>0</v>
      </c>
      <c r="G6496" cm="1">
        <f t="array" ref="G6496">IFERROR(INDEX(Jesper!AK$2:AK$366,ROUNDDOWN($C6496/24,0)+1,1)*INDEX($D$3:$AA$30,INDEX(Jesper!$R$2:$R$366,ROW(INDEX(Jesper!AK$2:AK$366,ROUNDDOWN($C6496/24,0)+1,1))-1)+IF('Standard Profiles'!$G$21=$B$10,7,0)+IF('Standard Profiles'!$G$21=$B$17,14,0)+IF('Standard Profiles'!$G$21=$B$24,21,0),MOD($C6496,24)+1)/SUM(INDEX($D$3:$AA$30,INDEX(Jesper!$R$2:$R$366,ROW(INDEX(Jesper!AK$2:AK$366,ROUNDDOWN($C6496/24,0)+1,1))-1)+IF('Standard Profiles'!$G$21=$B$10,7,0)+IF('Standard Profiles'!$G$21=$B$17,14,0)+IF('Standard Profiles'!$G$21=$B$24,21,0),0)),0)</f>
        <v>0.22374343207721029</v>
      </c>
      <c r="H6496" cm="1">
        <f t="array" ref="H6496">IFERROR(INDEX(Jesper!AL$2:AL$366,ROUNDDOWN($C6496/24,0)+1,1)*INDEX($D$3:$AA$30,INDEX(Jesper!$R$2:$R$366,ROW(INDEX(Jesper!AL$2:AL$366,ROUNDDOWN($C6496/24,0)+1,1))-1)+IF('Standard Profiles'!$G$22=$B$10,7,0)+IF('Standard Profiles'!$G$22=$B$17,14,0)+IF('Standard Profiles'!$G$22=$B$24,21,0),MOD($C6496,24)+1)/SUM(INDEX($D$3:$AA$30,INDEX(Jesper!$R$2:$R$366,ROW(INDEX(Jesper!AL$2:AL$366,ROUNDDOWN($C6496/24,0)+1,1))-1)+IF('Standard Profiles'!$G$22=$B$10,7,0)+IF('Standard Profiles'!$G$22=$B$17,14,0)+IF('Standard Profiles'!$G$22=$B$24,21,0),0)),0)</f>
        <v>0</v>
      </c>
      <c r="I6496">
        <f t="shared" si="720"/>
        <v>0.10739684739706089</v>
      </c>
      <c r="J6496">
        <f t="shared" si="721"/>
        <v>6.8774800307874049</v>
      </c>
      <c r="K6496">
        <f t="shared" si="722"/>
        <v>0.57036564014485014</v>
      </c>
      <c r="L6496">
        <f t="shared" si="723"/>
        <v>0.28518282007242507</v>
      </c>
      <c r="M6496">
        <f t="shared" si="724"/>
        <v>0</v>
      </c>
      <c r="N6496" s="45">
        <f t="shared" si="725"/>
        <v>45196.249999984328</v>
      </c>
    </row>
    <row r="6497" spans="2:14" x14ac:dyDescent="0.25">
      <c r="B6497">
        <f t="shared" si="719"/>
        <v>3</v>
      </c>
      <c r="C6497" s="16">
        <v>6463</v>
      </c>
      <c r="D6497" cm="1">
        <f t="array" ref="D6497">IFERROR(INDEX(Jesper!AH$2:AH$366,ROUNDDOWN($C6497/24,0)+1,1)*INDEX($D$3:$AA$30,INDEX(Jesper!$R$2:$R$366,ROW(INDEX(Jesper!AH$2:AH$366,ROUNDDOWN($C6497/24,0)+1,1))-1)+IF('Standard Profiles'!$G$18=$B$10,7,0)+IF('Standard Profiles'!$G$18=$B$17,14,0)+IF('Standard Profiles'!$G$18=$B$24,21,0),MOD($C6497,24)+1)/SUM(INDEX($D$3:$AA$30,INDEX(Jesper!$R$2:$R$366,ROW(INDEX(Jesper!AH$2:AH$366,ROUNDDOWN($C6497/24,0)+1,1))-1)+IF('Standard Profiles'!$G$18=$B$10,7,0)+IF('Standard Profiles'!$G$18=$B$17,14,0)+IF('Standard Profiles'!$G$18=$B$24,21,0),0)),0)</f>
        <v>21.858615015778483</v>
      </c>
      <c r="E6497" cm="1">
        <f t="array" ref="E6497">IFERROR(INDEX(Jesper!AI$2:AI$366,ROUNDDOWN($C6497/24,0)+1,1)*INDEX($D$3:$AA$30,INDEX(Jesper!$R$2:$R$366,ROW(INDEX(Jesper!AI$2:AI$366,ROUNDDOWN($C6497/24,0)+1,1))-1)+IF('Standard Profiles'!$G$19=$B$10,7,0)+IF('Standard Profiles'!$G$19=$B$17,14,0)+IF('Standard Profiles'!$G$19=$B$24,21,0),MOD($C6497,24)+1)/SUM(INDEX($D$3:$AA$30,INDEX(Jesper!$R$2:$R$366,ROW(INDEX(Jesper!AI$2:AI$366,ROUNDDOWN($C6497/24,0)+1,1))-1)+IF('Standard Profiles'!$G$19=$B$10,7,0)+IF('Standard Profiles'!$G$19=$B$17,14,0)+IF('Standard Profiles'!$G$19=$B$24,21,0),0)),0)</f>
        <v>9.2774573831057285</v>
      </c>
      <c r="F6497" cm="1">
        <f t="array" ref="F6497">IFERROR(INDEX(Jesper!AJ$2:AJ$366,ROUNDDOWN($C6497/24,0)+1,1)*INDEX($D$3:$AA$30,INDEX(Jesper!$R$2:$R$366,ROW(INDEX(Jesper!AJ$2:AJ$366,ROUNDDOWN($C6497/24,0)+1,1))-1)+IF('Standard Profiles'!$G$20=$B$10,7,0)+IF('Standard Profiles'!$G$20=$B$17,14,0)+IF('Standard Profiles'!$G$20=$B$24,21,0),MOD($C6497,24)+1)/SUM(INDEX($D$3:$AA$30,INDEX(Jesper!$R$2:$R$366,ROW(INDEX(Jesper!AJ$2:AJ$366,ROUNDDOWN($C6497/24,0)+1,1))-1)+IF('Standard Profiles'!$G$20=$B$10,7,0)+IF('Standard Profiles'!$G$20=$B$17,14,0)+IF('Standard Profiles'!$G$20=$B$24,21,0),0)),0)</f>
        <v>0</v>
      </c>
      <c r="G6497" cm="1">
        <f t="array" ref="G6497">IFERROR(INDEX(Jesper!AK$2:AK$366,ROUNDDOWN($C6497/24,0)+1,1)*INDEX($D$3:$AA$30,INDEX(Jesper!$R$2:$R$366,ROW(INDEX(Jesper!AK$2:AK$366,ROUNDDOWN($C6497/24,0)+1,1))-1)+IF('Standard Profiles'!$G$21=$B$10,7,0)+IF('Standard Profiles'!$G$21=$B$17,14,0)+IF('Standard Profiles'!$G$21=$B$24,21,0),MOD($C6497,24)+1)/SUM(INDEX($D$3:$AA$30,INDEX(Jesper!$R$2:$R$366,ROW(INDEX(Jesper!AK$2:AK$366,ROUNDDOWN($C6497/24,0)+1,1))-1)+IF('Standard Profiles'!$G$21=$B$10,7,0)+IF('Standard Profiles'!$G$21=$B$17,14,0)+IF('Standard Profiles'!$G$21=$B$24,21,0),0)),0)</f>
        <v>0.61641315537271424</v>
      </c>
      <c r="H6497" cm="1">
        <f t="array" ref="H6497">IFERROR(INDEX(Jesper!AL$2:AL$366,ROUNDDOWN($C6497/24,0)+1,1)*INDEX($D$3:$AA$30,INDEX(Jesper!$R$2:$R$366,ROW(INDEX(Jesper!AL$2:AL$366,ROUNDDOWN($C6497/24,0)+1,1))-1)+IF('Standard Profiles'!$G$22=$B$10,7,0)+IF('Standard Profiles'!$G$22=$B$17,14,0)+IF('Standard Profiles'!$G$22=$B$24,21,0),MOD($C6497,24)+1)/SUM(INDEX($D$3:$AA$30,INDEX(Jesper!$R$2:$R$366,ROW(INDEX(Jesper!AL$2:AL$366,ROUNDDOWN($C6497/24,0)+1,1))-1)+IF('Standard Profiles'!$G$22=$B$10,7,0)+IF('Standard Profiles'!$G$22=$B$17,14,0)+IF('Standard Profiles'!$G$22=$B$24,21,0),0)),0)</f>
        <v>0</v>
      </c>
      <c r="I6497">
        <f t="shared" si="720"/>
        <v>0.29587831457890268</v>
      </c>
      <c r="J6497">
        <f t="shared" si="721"/>
        <v>27.959228837153468</v>
      </c>
      <c r="K6497">
        <f t="shared" si="722"/>
        <v>2.3315856016830385</v>
      </c>
      <c r="L6497">
        <f t="shared" si="723"/>
        <v>1.1657928008415193</v>
      </c>
      <c r="M6497">
        <f t="shared" si="724"/>
        <v>0</v>
      </c>
      <c r="N6497" s="45">
        <f t="shared" si="725"/>
        <v>45196.291666650992</v>
      </c>
    </row>
    <row r="6498" spans="2:14" x14ac:dyDescent="0.25">
      <c r="B6498">
        <f t="shared" si="719"/>
        <v>3</v>
      </c>
      <c r="C6498" s="16">
        <v>6464</v>
      </c>
      <c r="D6498" cm="1">
        <f t="array" ref="D6498">IFERROR(INDEX(Jesper!AH$2:AH$366,ROUNDDOWN($C6498/24,0)+1,1)*INDEX($D$3:$AA$30,INDEX(Jesper!$R$2:$R$366,ROW(INDEX(Jesper!AH$2:AH$366,ROUNDDOWN($C6498/24,0)+1,1))-1)+IF('Standard Profiles'!$G$18=$B$10,7,0)+IF('Standard Profiles'!$G$18=$B$17,14,0)+IF('Standard Profiles'!$G$18=$B$24,21,0),MOD($C6498,24)+1)/SUM(INDEX($D$3:$AA$30,INDEX(Jesper!$R$2:$R$366,ROW(INDEX(Jesper!AH$2:AH$366,ROUNDDOWN($C6498/24,0)+1,1))-1)+IF('Standard Profiles'!$G$18=$B$10,7,0)+IF('Standard Profiles'!$G$18=$B$17,14,0)+IF('Standard Profiles'!$G$18=$B$24,21,0),0)),0)</f>
        <v>24.389612543921256</v>
      </c>
      <c r="E6498" cm="1">
        <f t="array" ref="E6498">IFERROR(INDEX(Jesper!AI$2:AI$366,ROUNDDOWN($C6498/24,0)+1,1)*INDEX($D$3:$AA$30,INDEX(Jesper!$R$2:$R$366,ROW(INDEX(Jesper!AI$2:AI$366,ROUNDDOWN($C6498/24,0)+1,1))-1)+IF('Standard Profiles'!$G$19=$B$10,7,0)+IF('Standard Profiles'!$G$19=$B$17,14,0)+IF('Standard Profiles'!$G$19=$B$24,21,0),MOD($C6498,24)+1)/SUM(INDEX($D$3:$AA$30,INDEX(Jesper!$R$2:$R$366,ROW(INDEX(Jesper!AI$2:AI$366,ROUNDDOWN($C6498/24,0)+1,1))-1)+IF('Standard Profiles'!$G$19=$B$10,7,0)+IF('Standard Profiles'!$G$19=$B$17,14,0)+IF('Standard Profiles'!$G$19=$B$24,21,0),0)),0)</f>
        <v>10.351689290623236</v>
      </c>
      <c r="F6498" cm="1">
        <f t="array" ref="F6498">IFERROR(INDEX(Jesper!AJ$2:AJ$366,ROUNDDOWN($C6498/24,0)+1,1)*INDEX($D$3:$AA$30,INDEX(Jesper!$R$2:$R$366,ROW(INDEX(Jesper!AJ$2:AJ$366,ROUNDDOWN($C6498/24,0)+1,1))-1)+IF('Standard Profiles'!$G$20=$B$10,7,0)+IF('Standard Profiles'!$G$20=$B$17,14,0)+IF('Standard Profiles'!$G$20=$B$24,21,0),MOD($C6498,24)+1)/SUM(INDEX($D$3:$AA$30,INDEX(Jesper!$R$2:$R$366,ROW(INDEX(Jesper!AJ$2:AJ$366,ROUNDDOWN($C6498/24,0)+1,1))-1)+IF('Standard Profiles'!$G$20=$B$10,7,0)+IF('Standard Profiles'!$G$20=$B$17,14,0)+IF('Standard Profiles'!$G$20=$B$24,21,0),0)),0)</f>
        <v>0</v>
      </c>
      <c r="G6498" cm="1">
        <f t="array" ref="G6498">IFERROR(INDEX(Jesper!AK$2:AK$366,ROUNDDOWN($C6498/24,0)+1,1)*INDEX($D$3:$AA$30,INDEX(Jesper!$R$2:$R$366,ROW(INDEX(Jesper!AK$2:AK$366,ROUNDDOWN($C6498/24,0)+1,1))-1)+IF('Standard Profiles'!$G$21=$B$10,7,0)+IF('Standard Profiles'!$G$21=$B$17,14,0)+IF('Standard Profiles'!$G$21=$B$24,21,0),MOD($C6498,24)+1)/SUM(INDEX($D$3:$AA$30,INDEX(Jesper!$R$2:$R$366,ROW(INDEX(Jesper!AK$2:AK$366,ROUNDDOWN($C6498/24,0)+1,1))-1)+IF('Standard Profiles'!$G$21=$B$10,7,0)+IF('Standard Profiles'!$G$21=$B$17,14,0)+IF('Standard Profiles'!$G$21=$B$24,21,0),0)),0)</f>
        <v>0.68778731020534434</v>
      </c>
      <c r="H6498" cm="1">
        <f t="array" ref="H6498">IFERROR(INDEX(Jesper!AL$2:AL$366,ROUNDDOWN($C6498/24,0)+1,1)*INDEX($D$3:$AA$30,INDEX(Jesper!$R$2:$R$366,ROW(INDEX(Jesper!AL$2:AL$366,ROUNDDOWN($C6498/24,0)+1,1))-1)+IF('Standard Profiles'!$G$22=$B$10,7,0)+IF('Standard Profiles'!$G$22=$B$17,14,0)+IF('Standard Profiles'!$G$22=$B$24,21,0),MOD($C6498,24)+1)/SUM(INDEX($D$3:$AA$30,INDEX(Jesper!$R$2:$R$366,ROW(INDEX(Jesper!AL$2:AL$366,ROUNDDOWN($C6498/24,0)+1,1))-1)+IF('Standard Profiles'!$G$22=$B$10,7,0)+IF('Standard Profiles'!$G$22=$B$17,14,0)+IF('Standard Profiles'!$G$22=$B$24,21,0),0)),0)</f>
        <v>0</v>
      </c>
      <c r="I6498">
        <f t="shared" si="720"/>
        <v>0.33013790889856509</v>
      </c>
      <c r="J6498">
        <f t="shared" si="721"/>
        <v>31.196613228823871</v>
      </c>
      <c r="K6498">
        <f t="shared" si="722"/>
        <v>2.6015586713516008</v>
      </c>
      <c r="L6498">
        <f t="shared" si="723"/>
        <v>1.3007793356758004</v>
      </c>
      <c r="M6498">
        <f t="shared" si="724"/>
        <v>0</v>
      </c>
      <c r="N6498" s="45">
        <f t="shared" si="725"/>
        <v>45196.333333317656</v>
      </c>
    </row>
    <row r="6499" spans="2:14" x14ac:dyDescent="0.25">
      <c r="B6499">
        <f t="shared" ref="B6499:B6562" si="726">WEEKDAY(N6499,2)</f>
        <v>3</v>
      </c>
      <c r="C6499" s="16">
        <v>6465</v>
      </c>
      <c r="D6499" cm="1">
        <f t="array" ref="D6499">IFERROR(INDEX(Jesper!AH$2:AH$366,ROUNDDOWN($C6499/24,0)+1,1)*INDEX($D$3:$AA$30,INDEX(Jesper!$R$2:$R$366,ROW(INDEX(Jesper!AH$2:AH$366,ROUNDDOWN($C6499/24,0)+1,1))-1)+IF('Standard Profiles'!$G$18=$B$10,7,0)+IF('Standard Profiles'!$G$18=$B$17,14,0)+IF('Standard Profiles'!$G$18=$B$24,21,0),MOD($C6499,24)+1)/SUM(INDEX($D$3:$AA$30,INDEX(Jesper!$R$2:$R$366,ROW(INDEX(Jesper!AH$2:AH$366,ROUNDDOWN($C6499/24,0)+1,1))-1)+IF('Standard Profiles'!$G$18=$B$10,7,0)+IF('Standard Profiles'!$G$18=$B$17,14,0)+IF('Standard Profiles'!$G$18=$B$24,21,0),0)),0)</f>
        <v>26.920610072064033</v>
      </c>
      <c r="E6499" cm="1">
        <f t="array" ref="E6499">IFERROR(INDEX(Jesper!AI$2:AI$366,ROUNDDOWN($C6499/24,0)+1,1)*INDEX($D$3:$AA$30,INDEX(Jesper!$R$2:$R$366,ROW(INDEX(Jesper!AI$2:AI$366,ROUNDDOWN($C6499/24,0)+1,1))-1)+IF('Standard Profiles'!$G$19=$B$10,7,0)+IF('Standard Profiles'!$G$19=$B$17,14,0)+IF('Standard Profiles'!$G$19=$B$24,21,0),MOD($C6499,24)+1)/SUM(INDEX($D$3:$AA$30,INDEX(Jesper!$R$2:$R$366,ROW(INDEX(Jesper!AI$2:AI$366,ROUNDDOWN($C6499/24,0)+1,1))-1)+IF('Standard Profiles'!$G$19=$B$10,7,0)+IF('Standard Profiles'!$G$19=$B$17,14,0)+IF('Standard Profiles'!$G$19=$B$24,21,0),0)),0)</f>
        <v>11.425921198140742</v>
      </c>
      <c r="F6499" cm="1">
        <f t="array" ref="F6499">IFERROR(INDEX(Jesper!AJ$2:AJ$366,ROUNDDOWN($C6499/24,0)+1,1)*INDEX($D$3:$AA$30,INDEX(Jesper!$R$2:$R$366,ROW(INDEX(Jesper!AJ$2:AJ$366,ROUNDDOWN($C6499/24,0)+1,1))-1)+IF('Standard Profiles'!$G$20=$B$10,7,0)+IF('Standard Profiles'!$G$20=$B$17,14,0)+IF('Standard Profiles'!$G$20=$B$24,21,0),MOD($C6499,24)+1)/SUM(INDEX($D$3:$AA$30,INDEX(Jesper!$R$2:$R$366,ROW(INDEX(Jesper!AJ$2:AJ$366,ROUNDDOWN($C6499/24,0)+1,1))-1)+IF('Standard Profiles'!$G$20=$B$10,7,0)+IF('Standard Profiles'!$G$20=$B$17,14,0)+IF('Standard Profiles'!$G$20=$B$24,21,0),0)),0)</f>
        <v>0</v>
      </c>
      <c r="G6499" cm="1">
        <f t="array" ref="G6499">IFERROR(INDEX(Jesper!AK$2:AK$366,ROUNDDOWN($C6499/24,0)+1,1)*INDEX($D$3:$AA$30,INDEX(Jesper!$R$2:$R$366,ROW(INDEX(Jesper!AK$2:AK$366,ROUNDDOWN($C6499/24,0)+1,1))-1)+IF('Standard Profiles'!$G$21=$B$10,7,0)+IF('Standard Profiles'!$G$21=$B$17,14,0)+IF('Standard Profiles'!$G$21=$B$24,21,0),MOD($C6499,24)+1)/SUM(INDEX($D$3:$AA$30,INDEX(Jesper!$R$2:$R$366,ROW(INDEX(Jesper!AK$2:AK$366,ROUNDDOWN($C6499/24,0)+1,1))-1)+IF('Standard Profiles'!$G$21=$B$10,7,0)+IF('Standard Profiles'!$G$21=$B$17,14,0)+IF('Standard Profiles'!$G$21=$B$24,21,0),0)),0)</f>
        <v>0.75916146503797433</v>
      </c>
      <c r="H6499" cm="1">
        <f t="array" ref="H6499">IFERROR(INDEX(Jesper!AL$2:AL$366,ROUNDDOWN($C6499/24,0)+1,1)*INDEX($D$3:$AA$30,INDEX(Jesper!$R$2:$R$366,ROW(INDEX(Jesper!AL$2:AL$366,ROUNDDOWN($C6499/24,0)+1,1))-1)+IF('Standard Profiles'!$G$22=$B$10,7,0)+IF('Standard Profiles'!$G$22=$B$17,14,0)+IF('Standard Profiles'!$G$22=$B$24,21,0),MOD($C6499,24)+1)/SUM(INDEX($D$3:$AA$30,INDEX(Jesper!$R$2:$R$366,ROW(INDEX(Jesper!AL$2:AL$366,ROUNDDOWN($C6499/24,0)+1,1))-1)+IF('Standard Profiles'!$G$22=$B$10,7,0)+IF('Standard Profiles'!$G$22=$B$17,14,0)+IF('Standard Profiles'!$G$22=$B$24,21,0),0)),0)</f>
        <v>0</v>
      </c>
      <c r="I6499">
        <f t="shared" ref="I6499:I6562" si="727">IF($B6499&lt;6,AC$37*$D6499+AC$38*$E6499+AC$39*$F6499+AC$40*$G6499,AC$46*$D6499+AC$47*$E6499+AC$48*$F6499+AC$49*$G6499+AC$50*$H6499)</f>
        <v>0.3643975032182275</v>
      </c>
      <c r="J6499">
        <f t="shared" ref="J6499:J6562" si="728">IF($B6499&lt;6,AD$37*$D6499+AD$38*$E6499+AD$39*$F6499+AD$40*$G6499,AD$46*$D6499+AD$47*$E6499+AD$48*$F6499+AD$49*$G6499+AD$50*$H6499)</f>
        <v>34.433997620494281</v>
      </c>
      <c r="K6499">
        <f t="shared" ref="K6499:K6562" si="729">IF($B6499&lt;6,AE$37*$D6499+AE$38*$E6499+AE$39*$F6499+AE$40*$G6499,AE$46*$D6499+AE$47*$E6499+AE$48*$F6499+AE$49*$G6499+AE$50*$H6499)</f>
        <v>2.8715317410201635</v>
      </c>
      <c r="L6499">
        <f t="shared" ref="L6499:L6562" si="730">IF($B6499&lt;6,AF$37*$D6499+AF$38*$E6499+AF$39*$F6499+AF$40*$G6499,AF$46*$D6499+AF$47*$E6499+AF$48*$F6499+AF$49*$G6499+AF$50*$H6499)</f>
        <v>1.4357658705100818</v>
      </c>
      <c r="M6499">
        <f t="shared" ref="M6499:M6562" si="731">IF($B6499&lt;6,AG$37*$D6499+AG$38*$E6499+AG$39*$F6499+AG$40*$G6499,AG$46*$D6499+AG$47*$E6499+AG$48*$F6499+AG$49*$G6499+AG$50*$H6499)</f>
        <v>0</v>
      </c>
      <c r="N6499" s="45">
        <f t="shared" si="725"/>
        <v>45196.37499998432</v>
      </c>
    </row>
    <row r="6500" spans="2:14" x14ac:dyDescent="0.25">
      <c r="B6500">
        <f t="shared" si="726"/>
        <v>3</v>
      </c>
      <c r="C6500" s="16">
        <v>6466</v>
      </c>
      <c r="D6500" cm="1">
        <f t="array" ref="D6500">IFERROR(INDEX(Jesper!AH$2:AH$366,ROUNDDOWN($C6500/24,0)+1,1)*INDEX($D$3:$AA$30,INDEX(Jesper!$R$2:$R$366,ROW(INDEX(Jesper!AH$2:AH$366,ROUNDDOWN($C6500/24,0)+1,1))-1)+IF('Standard Profiles'!$G$18=$B$10,7,0)+IF('Standard Profiles'!$G$18=$B$17,14,0)+IF('Standard Profiles'!$G$18=$B$24,21,0),MOD($C6500,24)+1)/SUM(INDEX($D$3:$AA$30,INDEX(Jesper!$R$2:$R$366,ROW(INDEX(Jesper!AH$2:AH$366,ROUNDDOWN($C6500/24,0)+1,1))-1)+IF('Standard Profiles'!$G$18=$B$10,7,0)+IF('Standard Profiles'!$G$18=$B$17,14,0)+IF('Standard Profiles'!$G$18=$B$24,21,0),0)),0)</f>
        <v>26.920610072064033</v>
      </c>
      <c r="E6500" cm="1">
        <f t="array" ref="E6500">IFERROR(INDEX(Jesper!AI$2:AI$366,ROUNDDOWN($C6500/24,0)+1,1)*INDEX($D$3:$AA$30,INDEX(Jesper!$R$2:$R$366,ROW(INDEX(Jesper!AI$2:AI$366,ROUNDDOWN($C6500/24,0)+1,1))-1)+IF('Standard Profiles'!$G$19=$B$10,7,0)+IF('Standard Profiles'!$G$19=$B$17,14,0)+IF('Standard Profiles'!$G$19=$B$24,21,0),MOD($C6500,24)+1)/SUM(INDEX($D$3:$AA$30,INDEX(Jesper!$R$2:$R$366,ROW(INDEX(Jesper!AI$2:AI$366,ROUNDDOWN($C6500/24,0)+1,1))-1)+IF('Standard Profiles'!$G$19=$B$10,7,0)+IF('Standard Profiles'!$G$19=$B$17,14,0)+IF('Standard Profiles'!$G$19=$B$24,21,0),0)),0)</f>
        <v>11.425921198140742</v>
      </c>
      <c r="F6500" cm="1">
        <f t="array" ref="F6500">IFERROR(INDEX(Jesper!AJ$2:AJ$366,ROUNDDOWN($C6500/24,0)+1,1)*INDEX($D$3:$AA$30,INDEX(Jesper!$R$2:$R$366,ROW(INDEX(Jesper!AJ$2:AJ$366,ROUNDDOWN($C6500/24,0)+1,1))-1)+IF('Standard Profiles'!$G$20=$B$10,7,0)+IF('Standard Profiles'!$G$20=$B$17,14,0)+IF('Standard Profiles'!$G$20=$B$24,21,0),MOD($C6500,24)+1)/SUM(INDEX($D$3:$AA$30,INDEX(Jesper!$R$2:$R$366,ROW(INDEX(Jesper!AJ$2:AJ$366,ROUNDDOWN($C6500/24,0)+1,1))-1)+IF('Standard Profiles'!$G$20=$B$10,7,0)+IF('Standard Profiles'!$G$20=$B$17,14,0)+IF('Standard Profiles'!$G$20=$B$24,21,0),0)),0)</f>
        <v>0</v>
      </c>
      <c r="G6500" cm="1">
        <f t="array" ref="G6500">IFERROR(INDEX(Jesper!AK$2:AK$366,ROUNDDOWN($C6500/24,0)+1,1)*INDEX($D$3:$AA$30,INDEX(Jesper!$R$2:$R$366,ROW(INDEX(Jesper!AK$2:AK$366,ROUNDDOWN($C6500/24,0)+1,1))-1)+IF('Standard Profiles'!$G$21=$B$10,7,0)+IF('Standard Profiles'!$G$21=$B$17,14,0)+IF('Standard Profiles'!$G$21=$B$24,21,0),MOD($C6500,24)+1)/SUM(INDEX($D$3:$AA$30,INDEX(Jesper!$R$2:$R$366,ROW(INDEX(Jesper!AK$2:AK$366,ROUNDDOWN($C6500/24,0)+1,1))-1)+IF('Standard Profiles'!$G$21=$B$10,7,0)+IF('Standard Profiles'!$G$21=$B$17,14,0)+IF('Standard Profiles'!$G$21=$B$24,21,0),0)),0)</f>
        <v>0.75916146503797433</v>
      </c>
      <c r="H6500" cm="1">
        <f t="array" ref="H6500">IFERROR(INDEX(Jesper!AL$2:AL$366,ROUNDDOWN($C6500/24,0)+1,1)*INDEX($D$3:$AA$30,INDEX(Jesper!$R$2:$R$366,ROW(INDEX(Jesper!AL$2:AL$366,ROUNDDOWN($C6500/24,0)+1,1))-1)+IF('Standard Profiles'!$G$22=$B$10,7,0)+IF('Standard Profiles'!$G$22=$B$17,14,0)+IF('Standard Profiles'!$G$22=$B$24,21,0),MOD($C6500,24)+1)/SUM(INDEX($D$3:$AA$30,INDEX(Jesper!$R$2:$R$366,ROW(INDEX(Jesper!AL$2:AL$366,ROUNDDOWN($C6500/24,0)+1,1))-1)+IF('Standard Profiles'!$G$22=$B$10,7,0)+IF('Standard Profiles'!$G$22=$B$17,14,0)+IF('Standard Profiles'!$G$22=$B$24,21,0),0)),0)</f>
        <v>0</v>
      </c>
      <c r="I6500">
        <f t="shared" si="727"/>
        <v>0.3643975032182275</v>
      </c>
      <c r="J6500">
        <f t="shared" si="728"/>
        <v>34.433997620494281</v>
      </c>
      <c r="K6500">
        <f t="shared" si="729"/>
        <v>2.8715317410201635</v>
      </c>
      <c r="L6500">
        <f t="shared" si="730"/>
        <v>1.4357658705100818</v>
      </c>
      <c r="M6500">
        <f t="shared" si="731"/>
        <v>0</v>
      </c>
      <c r="N6500" s="45">
        <f t="shared" ref="N6500:N6563" si="732">N6499+1/24</f>
        <v>45196.416666650985</v>
      </c>
    </row>
    <row r="6501" spans="2:14" x14ac:dyDescent="0.25">
      <c r="B6501">
        <f t="shared" si="726"/>
        <v>3</v>
      </c>
      <c r="C6501" s="16">
        <v>6467</v>
      </c>
      <c r="D6501" cm="1">
        <f t="array" ref="D6501">IFERROR(INDEX(Jesper!AH$2:AH$366,ROUNDDOWN($C6501/24,0)+1,1)*INDEX($D$3:$AA$30,INDEX(Jesper!$R$2:$R$366,ROW(INDEX(Jesper!AH$2:AH$366,ROUNDDOWN($C6501/24,0)+1,1))-1)+IF('Standard Profiles'!$G$18=$B$10,7,0)+IF('Standard Profiles'!$G$18=$B$17,14,0)+IF('Standard Profiles'!$G$18=$B$24,21,0),MOD($C6501,24)+1)/SUM(INDEX($D$3:$AA$30,INDEX(Jesper!$R$2:$R$366,ROW(INDEX(Jesper!AH$2:AH$366,ROUNDDOWN($C6501/24,0)+1,1))-1)+IF('Standard Profiles'!$G$18=$B$10,7,0)+IF('Standard Profiles'!$G$18=$B$17,14,0)+IF('Standard Profiles'!$G$18=$B$24,21,0),0)),0)</f>
        <v>32.212695812726189</v>
      </c>
      <c r="E6501" cm="1">
        <f t="array" ref="E6501">IFERROR(INDEX(Jesper!AI$2:AI$366,ROUNDDOWN($C6501/24,0)+1,1)*INDEX($D$3:$AA$30,INDEX(Jesper!$R$2:$R$366,ROW(INDEX(Jesper!AI$2:AI$366,ROUNDDOWN($C6501/24,0)+1,1))-1)+IF('Standard Profiles'!$G$19=$B$10,7,0)+IF('Standard Profiles'!$G$19=$B$17,14,0)+IF('Standard Profiles'!$G$19=$B$24,21,0),MOD($C6501,24)+1)/SUM(INDEX($D$3:$AA$30,INDEX(Jesper!$R$2:$R$366,ROW(INDEX(Jesper!AI$2:AI$366,ROUNDDOWN($C6501/24,0)+1,1))-1)+IF('Standard Profiles'!$G$19=$B$10,7,0)+IF('Standard Profiles'!$G$19=$B$17,14,0)+IF('Standard Profiles'!$G$19=$B$24,21,0),0)),0)</f>
        <v>13.672042459313706</v>
      </c>
      <c r="F6501" cm="1">
        <f t="array" ref="F6501">IFERROR(INDEX(Jesper!AJ$2:AJ$366,ROUNDDOWN($C6501/24,0)+1,1)*INDEX($D$3:$AA$30,INDEX(Jesper!$R$2:$R$366,ROW(INDEX(Jesper!AJ$2:AJ$366,ROUNDDOWN($C6501/24,0)+1,1))-1)+IF('Standard Profiles'!$G$20=$B$10,7,0)+IF('Standard Profiles'!$G$20=$B$17,14,0)+IF('Standard Profiles'!$G$20=$B$24,21,0),MOD($C6501,24)+1)/SUM(INDEX($D$3:$AA$30,INDEX(Jesper!$R$2:$R$366,ROW(INDEX(Jesper!AJ$2:AJ$366,ROUNDDOWN($C6501/24,0)+1,1))-1)+IF('Standard Profiles'!$G$20=$B$10,7,0)+IF('Standard Profiles'!$G$20=$B$17,14,0)+IF('Standard Profiles'!$G$20=$B$24,21,0),0)),0)</f>
        <v>0</v>
      </c>
      <c r="G6501" cm="1">
        <f t="array" ref="G6501">IFERROR(INDEX(Jesper!AK$2:AK$366,ROUNDDOWN($C6501/24,0)+1,1)*INDEX($D$3:$AA$30,INDEX(Jesper!$R$2:$R$366,ROW(INDEX(Jesper!AK$2:AK$366,ROUNDDOWN($C6501/24,0)+1,1))-1)+IF('Standard Profiles'!$G$21=$B$10,7,0)+IF('Standard Profiles'!$G$21=$B$17,14,0)+IF('Standard Profiles'!$G$21=$B$24,21,0),MOD($C6501,24)+1)/SUM(INDEX($D$3:$AA$30,INDEX(Jesper!$R$2:$R$366,ROW(INDEX(Jesper!AK$2:AK$366,ROUNDDOWN($C6501/24,0)+1,1))-1)+IF('Standard Profiles'!$G$21=$B$10,7,0)+IF('Standard Profiles'!$G$21=$B$17,14,0)+IF('Standard Profiles'!$G$21=$B$24,21,0),0)),0)</f>
        <v>0.90839833423347349</v>
      </c>
      <c r="H6501" cm="1">
        <f t="array" ref="H6501">IFERROR(INDEX(Jesper!AL$2:AL$366,ROUNDDOWN($C6501/24,0)+1,1)*INDEX($D$3:$AA$30,INDEX(Jesper!$R$2:$R$366,ROW(INDEX(Jesper!AL$2:AL$366,ROUNDDOWN($C6501/24,0)+1,1))-1)+IF('Standard Profiles'!$G$22=$B$10,7,0)+IF('Standard Profiles'!$G$22=$B$17,14,0)+IF('Standard Profiles'!$G$22=$B$24,21,0),MOD($C6501,24)+1)/SUM(INDEX($D$3:$AA$30,INDEX(Jesper!$R$2:$R$366,ROW(INDEX(Jesper!AL$2:AL$366,ROUNDDOWN($C6501/24,0)+1,1))-1)+IF('Standard Profiles'!$G$22=$B$10,7,0)+IF('Standard Profiles'!$G$22=$B$17,14,0)+IF('Standard Profiles'!$G$22=$B$24,21,0),0)),0)</f>
        <v>0</v>
      </c>
      <c r="I6501">
        <f t="shared" si="727"/>
        <v>0.43603120043206706</v>
      </c>
      <c r="J6501">
        <f t="shared" si="728"/>
        <v>41.203074075805112</v>
      </c>
      <c r="K6501">
        <f t="shared" si="729"/>
        <v>3.4360208866907938</v>
      </c>
      <c r="L6501">
        <f t="shared" si="730"/>
        <v>1.7180104433453969</v>
      </c>
      <c r="M6501">
        <f t="shared" si="731"/>
        <v>0</v>
      </c>
      <c r="N6501" s="45">
        <f t="shared" si="732"/>
        <v>45196.458333317649</v>
      </c>
    </row>
    <row r="6502" spans="2:14" x14ac:dyDescent="0.25">
      <c r="B6502">
        <f t="shared" si="726"/>
        <v>3</v>
      </c>
      <c r="C6502" s="16">
        <v>6468</v>
      </c>
      <c r="D6502" cm="1">
        <f t="array" ref="D6502">IFERROR(INDEX(Jesper!AH$2:AH$366,ROUNDDOWN($C6502/24,0)+1,1)*INDEX($D$3:$AA$30,INDEX(Jesper!$R$2:$R$366,ROW(INDEX(Jesper!AH$2:AH$366,ROUNDDOWN($C6502/24,0)+1,1))-1)+IF('Standard Profiles'!$G$18=$B$10,7,0)+IF('Standard Profiles'!$G$18=$B$17,14,0)+IF('Standard Profiles'!$G$18=$B$24,21,0),MOD($C6502,24)+1)/SUM(INDEX($D$3:$AA$30,INDEX(Jesper!$R$2:$R$366,ROW(INDEX(Jesper!AH$2:AH$366,ROUNDDOWN($C6502/24,0)+1,1))-1)+IF('Standard Profiles'!$G$18=$B$10,7,0)+IF('Standard Profiles'!$G$18=$B$17,14,0)+IF('Standard Profiles'!$G$18=$B$24,21,0),0)),0)</f>
        <v>32.212695812726189</v>
      </c>
      <c r="E6502" cm="1">
        <f t="array" ref="E6502">IFERROR(INDEX(Jesper!AI$2:AI$366,ROUNDDOWN($C6502/24,0)+1,1)*INDEX($D$3:$AA$30,INDEX(Jesper!$R$2:$R$366,ROW(INDEX(Jesper!AI$2:AI$366,ROUNDDOWN($C6502/24,0)+1,1))-1)+IF('Standard Profiles'!$G$19=$B$10,7,0)+IF('Standard Profiles'!$G$19=$B$17,14,0)+IF('Standard Profiles'!$G$19=$B$24,21,0),MOD($C6502,24)+1)/SUM(INDEX($D$3:$AA$30,INDEX(Jesper!$R$2:$R$366,ROW(INDEX(Jesper!AI$2:AI$366,ROUNDDOWN($C6502/24,0)+1,1))-1)+IF('Standard Profiles'!$G$19=$B$10,7,0)+IF('Standard Profiles'!$G$19=$B$17,14,0)+IF('Standard Profiles'!$G$19=$B$24,21,0),0)),0)</f>
        <v>13.672042459313706</v>
      </c>
      <c r="F6502" cm="1">
        <f t="array" ref="F6502">IFERROR(INDEX(Jesper!AJ$2:AJ$366,ROUNDDOWN($C6502/24,0)+1,1)*INDEX($D$3:$AA$30,INDEX(Jesper!$R$2:$R$366,ROW(INDEX(Jesper!AJ$2:AJ$366,ROUNDDOWN($C6502/24,0)+1,1))-1)+IF('Standard Profiles'!$G$20=$B$10,7,0)+IF('Standard Profiles'!$G$20=$B$17,14,0)+IF('Standard Profiles'!$G$20=$B$24,21,0),MOD($C6502,24)+1)/SUM(INDEX($D$3:$AA$30,INDEX(Jesper!$R$2:$R$366,ROW(INDEX(Jesper!AJ$2:AJ$366,ROUNDDOWN($C6502/24,0)+1,1))-1)+IF('Standard Profiles'!$G$20=$B$10,7,0)+IF('Standard Profiles'!$G$20=$B$17,14,0)+IF('Standard Profiles'!$G$20=$B$24,21,0),0)),0)</f>
        <v>0</v>
      </c>
      <c r="G6502" cm="1">
        <f t="array" ref="G6502">IFERROR(INDEX(Jesper!AK$2:AK$366,ROUNDDOWN($C6502/24,0)+1,1)*INDEX($D$3:$AA$30,INDEX(Jesper!$R$2:$R$366,ROW(INDEX(Jesper!AK$2:AK$366,ROUNDDOWN($C6502/24,0)+1,1))-1)+IF('Standard Profiles'!$G$21=$B$10,7,0)+IF('Standard Profiles'!$G$21=$B$17,14,0)+IF('Standard Profiles'!$G$21=$B$24,21,0),MOD($C6502,24)+1)/SUM(INDEX($D$3:$AA$30,INDEX(Jesper!$R$2:$R$366,ROW(INDEX(Jesper!AK$2:AK$366,ROUNDDOWN($C6502/24,0)+1,1))-1)+IF('Standard Profiles'!$G$21=$B$10,7,0)+IF('Standard Profiles'!$G$21=$B$17,14,0)+IF('Standard Profiles'!$G$21=$B$24,21,0),0)),0)</f>
        <v>0.90839833423347349</v>
      </c>
      <c r="H6502" cm="1">
        <f t="array" ref="H6502">IFERROR(INDEX(Jesper!AL$2:AL$366,ROUNDDOWN($C6502/24,0)+1,1)*INDEX($D$3:$AA$30,INDEX(Jesper!$R$2:$R$366,ROW(INDEX(Jesper!AL$2:AL$366,ROUNDDOWN($C6502/24,0)+1,1))-1)+IF('Standard Profiles'!$G$22=$B$10,7,0)+IF('Standard Profiles'!$G$22=$B$17,14,0)+IF('Standard Profiles'!$G$22=$B$24,21,0),MOD($C6502,24)+1)/SUM(INDEX($D$3:$AA$30,INDEX(Jesper!$R$2:$R$366,ROW(INDEX(Jesper!AL$2:AL$366,ROUNDDOWN($C6502/24,0)+1,1))-1)+IF('Standard Profiles'!$G$22=$B$10,7,0)+IF('Standard Profiles'!$G$22=$B$17,14,0)+IF('Standard Profiles'!$G$22=$B$24,21,0),0)),0)</f>
        <v>0</v>
      </c>
      <c r="I6502">
        <f t="shared" si="727"/>
        <v>0.43603120043206706</v>
      </c>
      <c r="J6502">
        <f t="shared" si="728"/>
        <v>41.203074075805112</v>
      </c>
      <c r="K6502">
        <f t="shared" si="729"/>
        <v>3.4360208866907938</v>
      </c>
      <c r="L6502">
        <f t="shared" si="730"/>
        <v>1.7180104433453969</v>
      </c>
      <c r="M6502">
        <f t="shared" si="731"/>
        <v>0</v>
      </c>
      <c r="N6502" s="45">
        <f t="shared" si="732"/>
        <v>45196.499999984313</v>
      </c>
    </row>
    <row r="6503" spans="2:14" x14ac:dyDescent="0.25">
      <c r="B6503">
        <f t="shared" si="726"/>
        <v>3</v>
      </c>
      <c r="C6503" s="16">
        <v>6469</v>
      </c>
      <c r="D6503" cm="1">
        <f t="array" ref="D6503">IFERROR(INDEX(Jesper!AH$2:AH$366,ROUNDDOWN($C6503/24,0)+1,1)*INDEX($D$3:$AA$30,INDEX(Jesper!$R$2:$R$366,ROW(INDEX(Jesper!AH$2:AH$366,ROUNDDOWN($C6503/24,0)+1,1))-1)+IF('Standard Profiles'!$G$18=$B$10,7,0)+IF('Standard Profiles'!$G$18=$B$17,14,0)+IF('Standard Profiles'!$G$18=$B$24,21,0),MOD($C6503,24)+1)/SUM(INDEX($D$3:$AA$30,INDEX(Jesper!$R$2:$R$366,ROW(INDEX(Jesper!AH$2:AH$366,ROUNDDOWN($C6503/24,0)+1,1))-1)+IF('Standard Profiles'!$G$18=$B$10,7,0)+IF('Standard Profiles'!$G$18=$B$17,14,0)+IF('Standard Profiles'!$G$18=$B$24,21,0),0)),0)</f>
        <v>21.398433647025254</v>
      </c>
      <c r="E6503" cm="1">
        <f t="array" ref="E6503">IFERROR(INDEX(Jesper!AI$2:AI$366,ROUNDDOWN($C6503/24,0)+1,1)*INDEX($D$3:$AA$30,INDEX(Jesper!$R$2:$R$366,ROW(INDEX(Jesper!AI$2:AI$366,ROUNDDOWN($C6503/24,0)+1,1))-1)+IF('Standard Profiles'!$G$19=$B$10,7,0)+IF('Standard Profiles'!$G$19=$B$17,14,0)+IF('Standard Profiles'!$G$19=$B$24,21,0),MOD($C6503,24)+1)/SUM(INDEX($D$3:$AA$30,INDEX(Jesper!$R$2:$R$366,ROW(INDEX(Jesper!AI$2:AI$366,ROUNDDOWN($C6503/24,0)+1,1))-1)+IF('Standard Profiles'!$G$19=$B$10,7,0)+IF('Standard Profiles'!$G$19=$B$17,14,0)+IF('Standard Profiles'!$G$19=$B$24,21,0),0)),0)</f>
        <v>9.0821424908298205</v>
      </c>
      <c r="F6503" cm="1">
        <f t="array" ref="F6503">IFERROR(INDEX(Jesper!AJ$2:AJ$366,ROUNDDOWN($C6503/24,0)+1,1)*INDEX($D$3:$AA$30,INDEX(Jesper!$R$2:$R$366,ROW(INDEX(Jesper!AJ$2:AJ$366,ROUNDDOWN($C6503/24,0)+1,1))-1)+IF('Standard Profiles'!$G$20=$B$10,7,0)+IF('Standard Profiles'!$G$20=$B$17,14,0)+IF('Standard Profiles'!$G$20=$B$24,21,0),MOD($C6503,24)+1)/SUM(INDEX($D$3:$AA$30,INDEX(Jesper!$R$2:$R$366,ROW(INDEX(Jesper!AJ$2:AJ$366,ROUNDDOWN($C6503/24,0)+1,1))-1)+IF('Standard Profiles'!$G$20=$B$10,7,0)+IF('Standard Profiles'!$G$20=$B$17,14,0)+IF('Standard Profiles'!$G$20=$B$24,21,0),0)),0)</f>
        <v>0</v>
      </c>
      <c r="G6503" cm="1">
        <f t="array" ref="G6503">IFERROR(INDEX(Jesper!AK$2:AK$366,ROUNDDOWN($C6503/24,0)+1,1)*INDEX($D$3:$AA$30,INDEX(Jesper!$R$2:$R$366,ROW(INDEX(Jesper!AK$2:AK$366,ROUNDDOWN($C6503/24,0)+1,1))-1)+IF('Standard Profiles'!$G$21=$B$10,7,0)+IF('Standard Profiles'!$G$21=$B$17,14,0)+IF('Standard Profiles'!$G$21=$B$24,21,0),MOD($C6503,24)+1)/SUM(INDEX($D$3:$AA$30,INDEX(Jesper!$R$2:$R$366,ROW(INDEX(Jesper!AK$2:AK$366,ROUNDDOWN($C6503/24,0)+1,1))-1)+IF('Standard Profiles'!$G$21=$B$10,7,0)+IF('Standard Profiles'!$G$21=$B$17,14,0)+IF('Standard Profiles'!$G$21=$B$24,21,0),0)),0)</f>
        <v>0.60343603631223608</v>
      </c>
      <c r="H6503" cm="1">
        <f t="array" ref="H6503">IFERROR(INDEX(Jesper!AL$2:AL$366,ROUNDDOWN($C6503/24,0)+1,1)*INDEX($D$3:$AA$30,INDEX(Jesper!$R$2:$R$366,ROW(INDEX(Jesper!AL$2:AL$366,ROUNDDOWN($C6503/24,0)+1,1))-1)+IF('Standard Profiles'!$G$22=$B$10,7,0)+IF('Standard Profiles'!$G$22=$B$17,14,0)+IF('Standard Profiles'!$G$22=$B$24,21,0),MOD($C6503,24)+1)/SUM(INDEX($D$3:$AA$30,INDEX(Jesper!$R$2:$R$366,ROW(INDEX(Jesper!AL$2:AL$366,ROUNDDOWN($C6503/24,0)+1,1))-1)+IF('Standard Profiles'!$G$22=$B$10,7,0)+IF('Standard Profiles'!$G$22=$B$17,14,0)+IF('Standard Profiles'!$G$22=$B$24,21,0),0)),0)</f>
        <v>0</v>
      </c>
      <c r="I6503">
        <f t="shared" si="727"/>
        <v>0.28964929742987316</v>
      </c>
      <c r="J6503">
        <f t="shared" si="728"/>
        <v>27.370613493213398</v>
      </c>
      <c r="K6503">
        <f t="shared" si="729"/>
        <v>2.2824995890160271</v>
      </c>
      <c r="L6503">
        <f t="shared" si="730"/>
        <v>1.1412497945080136</v>
      </c>
      <c r="M6503">
        <f t="shared" si="731"/>
        <v>0</v>
      </c>
      <c r="N6503" s="45">
        <f t="shared" si="732"/>
        <v>45196.541666650977</v>
      </c>
    </row>
    <row r="6504" spans="2:14" x14ac:dyDescent="0.25">
      <c r="B6504">
        <f t="shared" si="726"/>
        <v>3</v>
      </c>
      <c r="C6504" s="16">
        <v>6470</v>
      </c>
      <c r="D6504" cm="1">
        <f t="array" ref="D6504">IFERROR(INDEX(Jesper!AH$2:AH$366,ROUNDDOWN($C6504/24,0)+1,1)*INDEX($D$3:$AA$30,INDEX(Jesper!$R$2:$R$366,ROW(INDEX(Jesper!AH$2:AH$366,ROUNDDOWN($C6504/24,0)+1,1))-1)+IF('Standard Profiles'!$G$18=$B$10,7,0)+IF('Standard Profiles'!$G$18=$B$17,14,0)+IF('Standard Profiles'!$G$18=$B$24,21,0),MOD($C6504,24)+1)/SUM(INDEX($D$3:$AA$30,INDEX(Jesper!$R$2:$R$366,ROW(INDEX(Jesper!AH$2:AH$366,ROUNDDOWN($C6504/24,0)+1,1))-1)+IF('Standard Profiles'!$G$18=$B$10,7,0)+IF('Standard Profiles'!$G$18=$B$17,14,0)+IF('Standard Profiles'!$G$18=$B$24,21,0),0)),0)</f>
        <v>32.212695812726189</v>
      </c>
      <c r="E6504" cm="1">
        <f t="array" ref="E6504">IFERROR(INDEX(Jesper!AI$2:AI$366,ROUNDDOWN($C6504/24,0)+1,1)*INDEX($D$3:$AA$30,INDEX(Jesper!$R$2:$R$366,ROW(INDEX(Jesper!AI$2:AI$366,ROUNDDOWN($C6504/24,0)+1,1))-1)+IF('Standard Profiles'!$G$19=$B$10,7,0)+IF('Standard Profiles'!$G$19=$B$17,14,0)+IF('Standard Profiles'!$G$19=$B$24,21,0),MOD($C6504,24)+1)/SUM(INDEX($D$3:$AA$30,INDEX(Jesper!$R$2:$R$366,ROW(INDEX(Jesper!AI$2:AI$366,ROUNDDOWN($C6504/24,0)+1,1))-1)+IF('Standard Profiles'!$G$19=$B$10,7,0)+IF('Standard Profiles'!$G$19=$B$17,14,0)+IF('Standard Profiles'!$G$19=$B$24,21,0),0)),0)</f>
        <v>13.672042459313706</v>
      </c>
      <c r="F6504" cm="1">
        <f t="array" ref="F6504">IFERROR(INDEX(Jesper!AJ$2:AJ$366,ROUNDDOWN($C6504/24,0)+1,1)*INDEX($D$3:$AA$30,INDEX(Jesper!$R$2:$R$366,ROW(INDEX(Jesper!AJ$2:AJ$366,ROUNDDOWN($C6504/24,0)+1,1))-1)+IF('Standard Profiles'!$G$20=$B$10,7,0)+IF('Standard Profiles'!$G$20=$B$17,14,0)+IF('Standard Profiles'!$G$20=$B$24,21,0),MOD($C6504,24)+1)/SUM(INDEX($D$3:$AA$30,INDEX(Jesper!$R$2:$R$366,ROW(INDEX(Jesper!AJ$2:AJ$366,ROUNDDOWN($C6504/24,0)+1,1))-1)+IF('Standard Profiles'!$G$20=$B$10,7,0)+IF('Standard Profiles'!$G$20=$B$17,14,0)+IF('Standard Profiles'!$G$20=$B$24,21,0),0)),0)</f>
        <v>0</v>
      </c>
      <c r="G6504" cm="1">
        <f t="array" ref="G6504">IFERROR(INDEX(Jesper!AK$2:AK$366,ROUNDDOWN($C6504/24,0)+1,1)*INDEX($D$3:$AA$30,INDEX(Jesper!$R$2:$R$366,ROW(INDEX(Jesper!AK$2:AK$366,ROUNDDOWN($C6504/24,0)+1,1))-1)+IF('Standard Profiles'!$G$21=$B$10,7,0)+IF('Standard Profiles'!$G$21=$B$17,14,0)+IF('Standard Profiles'!$G$21=$B$24,21,0),MOD($C6504,24)+1)/SUM(INDEX($D$3:$AA$30,INDEX(Jesper!$R$2:$R$366,ROW(INDEX(Jesper!AK$2:AK$366,ROUNDDOWN($C6504/24,0)+1,1))-1)+IF('Standard Profiles'!$G$21=$B$10,7,0)+IF('Standard Profiles'!$G$21=$B$17,14,0)+IF('Standard Profiles'!$G$21=$B$24,21,0),0)),0)</f>
        <v>0.90839833423347349</v>
      </c>
      <c r="H6504" cm="1">
        <f t="array" ref="H6504">IFERROR(INDEX(Jesper!AL$2:AL$366,ROUNDDOWN($C6504/24,0)+1,1)*INDEX($D$3:$AA$30,INDEX(Jesper!$R$2:$R$366,ROW(INDEX(Jesper!AL$2:AL$366,ROUNDDOWN($C6504/24,0)+1,1))-1)+IF('Standard Profiles'!$G$22=$B$10,7,0)+IF('Standard Profiles'!$G$22=$B$17,14,0)+IF('Standard Profiles'!$G$22=$B$24,21,0),MOD($C6504,24)+1)/SUM(INDEX($D$3:$AA$30,INDEX(Jesper!$R$2:$R$366,ROW(INDEX(Jesper!AL$2:AL$366,ROUNDDOWN($C6504/24,0)+1,1))-1)+IF('Standard Profiles'!$G$22=$B$10,7,0)+IF('Standard Profiles'!$G$22=$B$17,14,0)+IF('Standard Profiles'!$G$22=$B$24,21,0),0)),0)</f>
        <v>0</v>
      </c>
      <c r="I6504">
        <f t="shared" si="727"/>
        <v>0.43603120043206706</v>
      </c>
      <c r="J6504">
        <f t="shared" si="728"/>
        <v>41.203074075805112</v>
      </c>
      <c r="K6504">
        <f t="shared" si="729"/>
        <v>3.4360208866907938</v>
      </c>
      <c r="L6504">
        <f t="shared" si="730"/>
        <v>1.7180104433453969</v>
      </c>
      <c r="M6504">
        <f t="shared" si="731"/>
        <v>0</v>
      </c>
      <c r="N6504" s="45">
        <f t="shared" si="732"/>
        <v>45196.583333317642</v>
      </c>
    </row>
    <row r="6505" spans="2:14" x14ac:dyDescent="0.25">
      <c r="B6505">
        <f t="shared" si="726"/>
        <v>3</v>
      </c>
      <c r="C6505" s="16">
        <v>6471</v>
      </c>
      <c r="D6505" cm="1">
        <f t="array" ref="D6505">IFERROR(INDEX(Jesper!AH$2:AH$366,ROUNDDOWN($C6505/24,0)+1,1)*INDEX($D$3:$AA$30,INDEX(Jesper!$R$2:$R$366,ROW(INDEX(Jesper!AH$2:AH$366,ROUNDDOWN($C6505/24,0)+1,1))-1)+IF('Standard Profiles'!$G$18=$B$10,7,0)+IF('Standard Profiles'!$G$18=$B$17,14,0)+IF('Standard Profiles'!$G$18=$B$24,21,0),MOD($C6505,24)+1)/SUM(INDEX($D$3:$AA$30,INDEX(Jesper!$R$2:$R$366,ROW(INDEX(Jesper!AH$2:AH$366,ROUNDDOWN($C6505/24,0)+1,1))-1)+IF('Standard Profiles'!$G$18=$B$10,7,0)+IF('Standard Profiles'!$G$18=$B$17,14,0)+IF('Standard Profiles'!$G$18=$B$24,21,0),0)),0)</f>
        <v>32.212695812726189</v>
      </c>
      <c r="E6505" cm="1">
        <f t="array" ref="E6505">IFERROR(INDEX(Jesper!AI$2:AI$366,ROUNDDOWN($C6505/24,0)+1,1)*INDEX($D$3:$AA$30,INDEX(Jesper!$R$2:$R$366,ROW(INDEX(Jesper!AI$2:AI$366,ROUNDDOWN($C6505/24,0)+1,1))-1)+IF('Standard Profiles'!$G$19=$B$10,7,0)+IF('Standard Profiles'!$G$19=$B$17,14,0)+IF('Standard Profiles'!$G$19=$B$24,21,0),MOD($C6505,24)+1)/SUM(INDEX($D$3:$AA$30,INDEX(Jesper!$R$2:$R$366,ROW(INDEX(Jesper!AI$2:AI$366,ROUNDDOWN($C6505/24,0)+1,1))-1)+IF('Standard Profiles'!$G$19=$B$10,7,0)+IF('Standard Profiles'!$G$19=$B$17,14,0)+IF('Standard Profiles'!$G$19=$B$24,21,0),0)),0)</f>
        <v>13.672042459313706</v>
      </c>
      <c r="F6505" cm="1">
        <f t="array" ref="F6505">IFERROR(INDEX(Jesper!AJ$2:AJ$366,ROUNDDOWN($C6505/24,0)+1,1)*INDEX($D$3:$AA$30,INDEX(Jesper!$R$2:$R$366,ROW(INDEX(Jesper!AJ$2:AJ$366,ROUNDDOWN($C6505/24,0)+1,1))-1)+IF('Standard Profiles'!$G$20=$B$10,7,0)+IF('Standard Profiles'!$G$20=$B$17,14,0)+IF('Standard Profiles'!$G$20=$B$24,21,0),MOD($C6505,24)+1)/SUM(INDEX($D$3:$AA$30,INDEX(Jesper!$R$2:$R$366,ROW(INDEX(Jesper!AJ$2:AJ$366,ROUNDDOWN($C6505/24,0)+1,1))-1)+IF('Standard Profiles'!$G$20=$B$10,7,0)+IF('Standard Profiles'!$G$20=$B$17,14,0)+IF('Standard Profiles'!$G$20=$B$24,21,0),0)),0)</f>
        <v>0</v>
      </c>
      <c r="G6505" cm="1">
        <f t="array" ref="G6505">IFERROR(INDEX(Jesper!AK$2:AK$366,ROUNDDOWN($C6505/24,0)+1,1)*INDEX($D$3:$AA$30,INDEX(Jesper!$R$2:$R$366,ROW(INDEX(Jesper!AK$2:AK$366,ROUNDDOWN($C6505/24,0)+1,1))-1)+IF('Standard Profiles'!$G$21=$B$10,7,0)+IF('Standard Profiles'!$G$21=$B$17,14,0)+IF('Standard Profiles'!$G$21=$B$24,21,0),MOD($C6505,24)+1)/SUM(INDEX($D$3:$AA$30,INDEX(Jesper!$R$2:$R$366,ROW(INDEX(Jesper!AK$2:AK$366,ROUNDDOWN($C6505/24,0)+1,1))-1)+IF('Standard Profiles'!$G$21=$B$10,7,0)+IF('Standard Profiles'!$G$21=$B$17,14,0)+IF('Standard Profiles'!$G$21=$B$24,21,0),0)),0)</f>
        <v>0.90839833423347349</v>
      </c>
      <c r="H6505" cm="1">
        <f t="array" ref="H6505">IFERROR(INDEX(Jesper!AL$2:AL$366,ROUNDDOWN($C6505/24,0)+1,1)*INDEX($D$3:$AA$30,INDEX(Jesper!$R$2:$R$366,ROW(INDEX(Jesper!AL$2:AL$366,ROUNDDOWN($C6505/24,0)+1,1))-1)+IF('Standard Profiles'!$G$22=$B$10,7,0)+IF('Standard Profiles'!$G$22=$B$17,14,0)+IF('Standard Profiles'!$G$22=$B$24,21,0),MOD($C6505,24)+1)/SUM(INDEX($D$3:$AA$30,INDEX(Jesper!$R$2:$R$366,ROW(INDEX(Jesper!AL$2:AL$366,ROUNDDOWN($C6505/24,0)+1,1))-1)+IF('Standard Profiles'!$G$22=$B$10,7,0)+IF('Standard Profiles'!$G$22=$B$17,14,0)+IF('Standard Profiles'!$G$22=$B$24,21,0),0)),0)</f>
        <v>0</v>
      </c>
      <c r="I6505">
        <f t="shared" si="727"/>
        <v>0.43603120043206706</v>
      </c>
      <c r="J6505">
        <f t="shared" si="728"/>
        <v>41.203074075805112</v>
      </c>
      <c r="K6505">
        <f t="shared" si="729"/>
        <v>3.4360208866907938</v>
      </c>
      <c r="L6505">
        <f t="shared" si="730"/>
        <v>1.7180104433453969</v>
      </c>
      <c r="M6505">
        <f t="shared" si="731"/>
        <v>0</v>
      </c>
      <c r="N6505" s="45">
        <f t="shared" si="732"/>
        <v>45196.624999984306</v>
      </c>
    </row>
    <row r="6506" spans="2:14" x14ac:dyDescent="0.25">
      <c r="B6506">
        <f t="shared" si="726"/>
        <v>3</v>
      </c>
      <c r="C6506" s="16">
        <v>6472</v>
      </c>
      <c r="D6506" cm="1">
        <f t="array" ref="D6506">IFERROR(INDEX(Jesper!AH$2:AH$366,ROUNDDOWN($C6506/24,0)+1,1)*INDEX($D$3:$AA$30,INDEX(Jesper!$R$2:$R$366,ROW(INDEX(Jesper!AH$2:AH$366,ROUNDDOWN($C6506/24,0)+1,1))-1)+IF('Standard Profiles'!$G$18=$B$10,7,0)+IF('Standard Profiles'!$G$18=$B$17,14,0)+IF('Standard Profiles'!$G$18=$B$24,21,0),MOD($C6506,24)+1)/SUM(INDEX($D$3:$AA$30,INDEX(Jesper!$R$2:$R$366,ROW(INDEX(Jesper!AH$2:AH$366,ROUNDDOWN($C6506/24,0)+1,1))-1)+IF('Standard Profiles'!$G$18=$B$10,7,0)+IF('Standard Profiles'!$G$18=$B$17,14,0)+IF('Standard Profiles'!$G$18=$B$24,21,0),0)),0)</f>
        <v>18.982481461070787</v>
      </c>
      <c r="E6506" cm="1">
        <f t="array" ref="E6506">IFERROR(INDEX(Jesper!AI$2:AI$366,ROUNDDOWN($C6506/24,0)+1,1)*INDEX($D$3:$AA$30,INDEX(Jesper!$R$2:$R$366,ROW(INDEX(Jesper!AI$2:AI$366,ROUNDDOWN($C6506/24,0)+1,1))-1)+IF('Standard Profiles'!$G$19=$B$10,7,0)+IF('Standard Profiles'!$G$19=$B$17,14,0)+IF('Standard Profiles'!$G$19=$B$24,21,0),MOD($C6506,24)+1)/SUM(INDEX($D$3:$AA$30,INDEX(Jesper!$R$2:$R$366,ROW(INDEX(Jesper!AI$2:AI$366,ROUNDDOWN($C6506/24,0)+1,1))-1)+IF('Standard Profiles'!$G$19=$B$10,7,0)+IF('Standard Profiles'!$G$19=$B$17,14,0)+IF('Standard Profiles'!$G$19=$B$24,21,0),0)),0)</f>
        <v>8.0567393063812922</v>
      </c>
      <c r="F6506" cm="1">
        <f t="array" ref="F6506">IFERROR(INDEX(Jesper!AJ$2:AJ$366,ROUNDDOWN($C6506/24,0)+1,1)*INDEX($D$3:$AA$30,INDEX(Jesper!$R$2:$R$366,ROW(INDEX(Jesper!AJ$2:AJ$366,ROUNDDOWN($C6506/24,0)+1,1))-1)+IF('Standard Profiles'!$G$20=$B$10,7,0)+IF('Standard Profiles'!$G$20=$B$17,14,0)+IF('Standard Profiles'!$G$20=$B$24,21,0),MOD($C6506,24)+1)/SUM(INDEX($D$3:$AA$30,INDEX(Jesper!$R$2:$R$366,ROW(INDEX(Jesper!AJ$2:AJ$366,ROUNDDOWN($C6506/24,0)+1,1))-1)+IF('Standard Profiles'!$G$20=$B$10,7,0)+IF('Standard Profiles'!$G$20=$B$17,14,0)+IF('Standard Profiles'!$G$20=$B$24,21,0),0)),0)</f>
        <v>0</v>
      </c>
      <c r="G6506" cm="1">
        <f t="array" ref="G6506">IFERROR(INDEX(Jesper!AK$2:AK$366,ROUNDDOWN($C6506/24,0)+1,1)*INDEX($D$3:$AA$30,INDEX(Jesper!$R$2:$R$366,ROW(INDEX(Jesper!AK$2:AK$366,ROUNDDOWN($C6506/24,0)+1,1))-1)+IF('Standard Profiles'!$G$21=$B$10,7,0)+IF('Standard Profiles'!$G$21=$B$17,14,0)+IF('Standard Profiles'!$G$21=$B$24,21,0),MOD($C6506,24)+1)/SUM(INDEX($D$3:$AA$30,INDEX(Jesper!$R$2:$R$366,ROW(INDEX(Jesper!AK$2:AK$366,ROUNDDOWN($C6506/24,0)+1,1))-1)+IF('Standard Profiles'!$G$21=$B$10,7,0)+IF('Standard Profiles'!$G$21=$B$17,14,0)+IF('Standard Profiles'!$G$21=$B$24,21,0),0)),0)</f>
        <v>0.75904959332193589</v>
      </c>
      <c r="H6506" cm="1">
        <f t="array" ref="H6506">IFERROR(INDEX(Jesper!AL$2:AL$366,ROUNDDOWN($C6506/24,0)+1,1)*INDEX($D$3:$AA$30,INDEX(Jesper!$R$2:$R$366,ROW(INDEX(Jesper!AL$2:AL$366,ROUNDDOWN($C6506/24,0)+1,1))-1)+IF('Standard Profiles'!$G$22=$B$10,7,0)+IF('Standard Profiles'!$G$22=$B$17,14,0)+IF('Standard Profiles'!$G$22=$B$24,21,0),MOD($C6506,24)+1)/SUM(INDEX($D$3:$AA$30,INDEX(Jesper!$R$2:$R$366,ROW(INDEX(Jesper!AL$2:AL$366,ROUNDDOWN($C6506/24,0)+1,1))-1)+IF('Standard Profiles'!$G$22=$B$10,7,0)+IF('Standard Profiles'!$G$22=$B$17,14,0)+IF('Standard Profiles'!$G$22=$B$24,21,0),0)),0)</f>
        <v>0</v>
      </c>
      <c r="I6506">
        <f t="shared" si="727"/>
        <v>0.36434380479452905</v>
      </c>
      <c r="J6506">
        <f t="shared" si="728"/>
        <v>24.396729522208158</v>
      </c>
      <c r="K6506">
        <f t="shared" si="729"/>
        <v>2.0247980225142173</v>
      </c>
      <c r="L6506">
        <f t="shared" si="730"/>
        <v>1.0123990112571086</v>
      </c>
      <c r="M6506">
        <f t="shared" si="731"/>
        <v>0</v>
      </c>
      <c r="N6506" s="45">
        <f t="shared" si="732"/>
        <v>45196.66666665097</v>
      </c>
    </row>
    <row r="6507" spans="2:14" x14ac:dyDescent="0.25">
      <c r="B6507">
        <f t="shared" si="726"/>
        <v>3</v>
      </c>
      <c r="C6507" s="16">
        <v>6473</v>
      </c>
      <c r="D6507" cm="1">
        <f t="array" ref="D6507">IFERROR(INDEX(Jesper!AH$2:AH$366,ROUNDDOWN($C6507/24,0)+1,1)*INDEX($D$3:$AA$30,INDEX(Jesper!$R$2:$R$366,ROW(INDEX(Jesper!AH$2:AH$366,ROUNDDOWN($C6507/24,0)+1,1))-1)+IF('Standard Profiles'!$G$18=$B$10,7,0)+IF('Standard Profiles'!$G$18=$B$17,14,0)+IF('Standard Profiles'!$G$18=$B$24,21,0),MOD($C6507,24)+1)/SUM(INDEX($D$3:$AA$30,INDEX(Jesper!$R$2:$R$366,ROW(INDEX(Jesper!AH$2:AH$366,ROUNDDOWN($C6507/24,0)+1,1))-1)+IF('Standard Profiles'!$G$18=$B$10,7,0)+IF('Standard Profiles'!$G$18=$B$17,14,0)+IF('Standard Profiles'!$G$18=$B$24,21,0),0)),0)</f>
        <v>8.1017846611484376</v>
      </c>
      <c r="E6507" cm="1">
        <f t="array" ref="E6507">IFERROR(INDEX(Jesper!AI$2:AI$366,ROUNDDOWN($C6507/24,0)+1,1)*INDEX($D$3:$AA$30,INDEX(Jesper!$R$2:$R$366,ROW(INDEX(Jesper!AI$2:AI$366,ROUNDDOWN($C6507/24,0)+1,1))-1)+IF('Standard Profiles'!$G$19=$B$10,7,0)+IF('Standard Profiles'!$G$19=$B$17,14,0)+IF('Standard Profiles'!$G$19=$B$24,21,0),MOD($C6507,24)+1)/SUM(INDEX($D$3:$AA$30,INDEX(Jesper!$R$2:$R$366,ROW(INDEX(Jesper!AI$2:AI$366,ROUNDDOWN($C6507/24,0)+1,1))-1)+IF('Standard Profiles'!$G$19=$B$10,7,0)+IF('Standard Profiles'!$G$19=$B$17,14,0)+IF('Standard Profiles'!$G$19=$B$24,21,0),0)),0)</f>
        <v>3.4386424696463047</v>
      </c>
      <c r="F6507" cm="1">
        <f t="array" ref="F6507">IFERROR(INDEX(Jesper!AJ$2:AJ$366,ROUNDDOWN($C6507/24,0)+1,1)*INDEX($D$3:$AA$30,INDEX(Jesper!$R$2:$R$366,ROW(INDEX(Jesper!AJ$2:AJ$366,ROUNDDOWN($C6507/24,0)+1,1))-1)+IF('Standard Profiles'!$G$20=$B$10,7,0)+IF('Standard Profiles'!$G$20=$B$17,14,0)+IF('Standard Profiles'!$G$20=$B$24,21,0),MOD($C6507,24)+1)/SUM(INDEX($D$3:$AA$30,INDEX(Jesper!$R$2:$R$366,ROW(INDEX(Jesper!AJ$2:AJ$366,ROUNDDOWN($C6507/24,0)+1,1))-1)+IF('Standard Profiles'!$G$20=$B$10,7,0)+IF('Standard Profiles'!$G$20=$B$17,14,0)+IF('Standard Profiles'!$G$20=$B$24,21,0),0)),0)</f>
        <v>0</v>
      </c>
      <c r="G6507" cm="1">
        <f t="array" ref="G6507">IFERROR(INDEX(Jesper!AK$2:AK$366,ROUNDDOWN($C6507/24,0)+1,1)*INDEX($D$3:$AA$30,INDEX(Jesper!$R$2:$R$366,ROW(INDEX(Jesper!AK$2:AK$366,ROUNDDOWN($C6507/24,0)+1,1))-1)+IF('Standard Profiles'!$G$21=$B$10,7,0)+IF('Standard Profiles'!$G$21=$B$17,14,0)+IF('Standard Profiles'!$G$21=$B$24,21,0),MOD($C6507,24)+1)/SUM(INDEX($D$3:$AA$30,INDEX(Jesper!$R$2:$R$366,ROW(INDEX(Jesper!AK$2:AK$366,ROUNDDOWN($C6507/24,0)+1,1))-1)+IF('Standard Profiles'!$G$21=$B$10,7,0)+IF('Standard Profiles'!$G$21=$B$17,14,0)+IF('Standard Profiles'!$G$21=$B$24,21,0),0)),0)</f>
        <v>0.60354790802827463</v>
      </c>
      <c r="H6507" cm="1">
        <f t="array" ref="H6507">IFERROR(INDEX(Jesper!AL$2:AL$366,ROUNDDOWN($C6507/24,0)+1,1)*INDEX($D$3:$AA$30,INDEX(Jesper!$R$2:$R$366,ROW(INDEX(Jesper!AL$2:AL$366,ROUNDDOWN($C6507/24,0)+1,1))-1)+IF('Standard Profiles'!$G$22=$B$10,7,0)+IF('Standard Profiles'!$G$22=$B$17,14,0)+IF('Standard Profiles'!$G$22=$B$24,21,0),MOD($C6507,24)+1)/SUM(INDEX($D$3:$AA$30,INDEX(Jesper!$R$2:$R$366,ROW(INDEX(Jesper!AL$2:AL$366,ROUNDDOWN($C6507/24,0)+1,1))-1)+IF('Standard Profiles'!$G$22=$B$10,7,0)+IF('Standard Profiles'!$G$22=$B$17,14,0)+IF('Standard Profiles'!$G$22=$B$24,21,0),0)),0)</f>
        <v>0</v>
      </c>
      <c r="I6507">
        <f t="shared" si="727"/>
        <v>0.28970299585357168</v>
      </c>
      <c r="J6507">
        <f t="shared" si="728"/>
        <v>10.557986497185697</v>
      </c>
      <c r="K6507">
        <f t="shared" si="729"/>
        <v>0.86419036385583337</v>
      </c>
      <c r="L6507">
        <f t="shared" si="730"/>
        <v>0.43209518192791668</v>
      </c>
      <c r="M6507">
        <f t="shared" si="731"/>
        <v>0</v>
      </c>
      <c r="N6507" s="45">
        <f t="shared" si="732"/>
        <v>45196.708333317634</v>
      </c>
    </row>
    <row r="6508" spans="2:14" x14ac:dyDescent="0.25">
      <c r="B6508">
        <f t="shared" si="726"/>
        <v>3</v>
      </c>
      <c r="C6508" s="16">
        <v>6474</v>
      </c>
      <c r="D6508" cm="1">
        <f t="array" ref="D6508">IFERROR(INDEX(Jesper!AH$2:AH$366,ROUNDDOWN($C6508/24,0)+1,1)*INDEX($D$3:$AA$30,INDEX(Jesper!$R$2:$R$366,ROW(INDEX(Jesper!AH$2:AH$366,ROUNDDOWN($C6508/24,0)+1,1))-1)+IF('Standard Profiles'!$G$18=$B$10,7,0)+IF('Standard Profiles'!$G$18=$B$17,14,0)+IF('Standard Profiles'!$G$18=$B$24,21,0),MOD($C6508,24)+1)/SUM(INDEX($D$3:$AA$30,INDEX(Jesper!$R$2:$R$366,ROW(INDEX(Jesper!AH$2:AH$366,ROUNDDOWN($C6508/24,0)+1,1))-1)+IF('Standard Profiles'!$G$18=$B$10,7,0)+IF('Standard Profiles'!$G$18=$B$17,14,0)+IF('Standard Profiles'!$G$18=$B$24,21,0),0)),0)</f>
        <v>5.3471778763579696</v>
      </c>
      <c r="E6508" cm="1">
        <f t="array" ref="E6508">IFERROR(INDEX(Jesper!AI$2:AI$366,ROUNDDOWN($C6508/24,0)+1,1)*INDEX($D$3:$AA$30,INDEX(Jesper!$R$2:$R$366,ROW(INDEX(Jesper!AI$2:AI$366,ROUNDDOWN($C6508/24,0)+1,1))-1)+IF('Standard Profiles'!$G$19=$B$10,7,0)+IF('Standard Profiles'!$G$19=$B$17,14,0)+IF('Standard Profiles'!$G$19=$B$24,21,0),MOD($C6508,24)+1)/SUM(INDEX($D$3:$AA$30,INDEX(Jesper!$R$2:$R$366,ROW(INDEX(Jesper!AI$2:AI$366,ROUNDDOWN($C6508/24,0)+1,1))-1)+IF('Standard Profiles'!$G$19=$B$10,7,0)+IF('Standard Profiles'!$G$19=$B$17,14,0)+IF('Standard Profiles'!$G$19=$B$24,21,0),0)),0)</f>
        <v>2.2695040299665612</v>
      </c>
      <c r="F6508" cm="1">
        <f t="array" ref="F6508">IFERROR(INDEX(Jesper!AJ$2:AJ$366,ROUNDDOWN($C6508/24,0)+1,1)*INDEX($D$3:$AA$30,INDEX(Jesper!$R$2:$R$366,ROW(INDEX(Jesper!AJ$2:AJ$366,ROUNDDOWN($C6508/24,0)+1,1))-1)+IF('Standard Profiles'!$G$20=$B$10,7,0)+IF('Standard Profiles'!$G$20=$B$17,14,0)+IF('Standard Profiles'!$G$20=$B$24,21,0),MOD($C6508,24)+1)/SUM(INDEX($D$3:$AA$30,INDEX(Jesper!$R$2:$R$366,ROW(INDEX(Jesper!AJ$2:AJ$366,ROUNDDOWN($C6508/24,0)+1,1))-1)+IF('Standard Profiles'!$G$20=$B$10,7,0)+IF('Standard Profiles'!$G$20=$B$17,14,0)+IF('Standard Profiles'!$G$20=$B$24,21,0),0)),0)</f>
        <v>0</v>
      </c>
      <c r="G6508" cm="1">
        <f t="array" ref="G6508">IFERROR(INDEX(Jesper!AK$2:AK$366,ROUNDDOWN($C6508/24,0)+1,1)*INDEX($D$3:$AA$30,INDEX(Jesper!$R$2:$R$366,ROW(INDEX(Jesper!AK$2:AK$366,ROUNDDOWN($C6508/24,0)+1,1))-1)+IF('Standard Profiles'!$G$21=$B$10,7,0)+IF('Standard Profiles'!$G$21=$B$17,14,0)+IF('Standard Profiles'!$G$21=$B$24,21,0),MOD($C6508,24)+1)/SUM(INDEX($D$3:$AA$30,INDEX(Jesper!$R$2:$R$366,ROW(INDEX(Jesper!AK$2:AK$366,ROUNDDOWN($C6508/24,0)+1,1))-1)+IF('Standard Profiles'!$G$21=$B$10,7,0)+IF('Standard Profiles'!$G$21=$B$17,14,0)+IF('Standard Profiles'!$G$21=$B$24,21,0),0)),0)</f>
        <v>0.22374343207721029</v>
      </c>
      <c r="H6508" cm="1">
        <f t="array" ref="H6508">IFERROR(INDEX(Jesper!AL$2:AL$366,ROUNDDOWN($C6508/24,0)+1,1)*INDEX($D$3:$AA$30,INDEX(Jesper!$R$2:$R$366,ROW(INDEX(Jesper!AL$2:AL$366,ROUNDDOWN($C6508/24,0)+1,1))-1)+IF('Standard Profiles'!$G$22=$B$10,7,0)+IF('Standard Profiles'!$G$22=$B$17,14,0)+IF('Standard Profiles'!$G$22=$B$24,21,0),MOD($C6508,24)+1)/SUM(INDEX($D$3:$AA$30,INDEX(Jesper!$R$2:$R$366,ROW(INDEX(Jesper!AL$2:AL$366,ROUNDDOWN($C6508/24,0)+1,1))-1)+IF('Standard Profiles'!$G$22=$B$10,7,0)+IF('Standard Profiles'!$G$22=$B$17,14,0)+IF('Standard Profiles'!$G$22=$B$24,21,0),0)),0)</f>
        <v>0</v>
      </c>
      <c r="I6508">
        <f t="shared" si="727"/>
        <v>0.10739684739706089</v>
      </c>
      <c r="J6508">
        <f t="shared" si="728"/>
        <v>6.8774800307874049</v>
      </c>
      <c r="K6508">
        <f t="shared" si="729"/>
        <v>0.57036564014485014</v>
      </c>
      <c r="L6508">
        <f t="shared" si="730"/>
        <v>0.28518282007242507</v>
      </c>
      <c r="M6508">
        <f t="shared" si="731"/>
        <v>0</v>
      </c>
      <c r="N6508" s="45">
        <f t="shared" si="732"/>
        <v>45196.749999984298</v>
      </c>
    </row>
    <row r="6509" spans="2:14" x14ac:dyDescent="0.25">
      <c r="B6509">
        <f t="shared" si="726"/>
        <v>3</v>
      </c>
      <c r="C6509" s="16">
        <v>6475</v>
      </c>
      <c r="D6509" cm="1">
        <f t="array" ref="D6509">IFERROR(INDEX(Jesper!AH$2:AH$366,ROUNDDOWN($C6509/24,0)+1,1)*INDEX($D$3:$AA$30,INDEX(Jesper!$R$2:$R$366,ROW(INDEX(Jesper!AH$2:AH$366,ROUNDDOWN($C6509/24,0)+1,1))-1)+IF('Standard Profiles'!$G$18=$B$10,7,0)+IF('Standard Profiles'!$G$18=$B$17,14,0)+IF('Standard Profiles'!$G$18=$B$24,21,0),MOD($C6509,24)+1)/SUM(INDEX($D$3:$AA$30,INDEX(Jesper!$R$2:$R$366,ROW(INDEX(Jesper!AH$2:AH$366,ROUNDDOWN($C6509/24,0)+1,1))-1)+IF('Standard Profiles'!$G$18=$B$10,7,0)+IF('Standard Profiles'!$G$18=$B$17,14,0)+IF('Standard Profiles'!$G$18=$B$24,21,0),0)),0)</f>
        <v>5.3471778763579696</v>
      </c>
      <c r="E6509" cm="1">
        <f t="array" ref="E6509">IFERROR(INDEX(Jesper!AI$2:AI$366,ROUNDDOWN($C6509/24,0)+1,1)*INDEX($D$3:$AA$30,INDEX(Jesper!$R$2:$R$366,ROW(INDEX(Jesper!AI$2:AI$366,ROUNDDOWN($C6509/24,0)+1,1))-1)+IF('Standard Profiles'!$G$19=$B$10,7,0)+IF('Standard Profiles'!$G$19=$B$17,14,0)+IF('Standard Profiles'!$G$19=$B$24,21,0),MOD($C6509,24)+1)/SUM(INDEX($D$3:$AA$30,INDEX(Jesper!$R$2:$R$366,ROW(INDEX(Jesper!AI$2:AI$366,ROUNDDOWN($C6509/24,0)+1,1))-1)+IF('Standard Profiles'!$G$19=$B$10,7,0)+IF('Standard Profiles'!$G$19=$B$17,14,0)+IF('Standard Profiles'!$G$19=$B$24,21,0),0)),0)</f>
        <v>2.2695040299665612</v>
      </c>
      <c r="F6509" cm="1">
        <f t="array" ref="F6509">IFERROR(INDEX(Jesper!AJ$2:AJ$366,ROUNDDOWN($C6509/24,0)+1,1)*INDEX($D$3:$AA$30,INDEX(Jesper!$R$2:$R$366,ROW(INDEX(Jesper!AJ$2:AJ$366,ROUNDDOWN($C6509/24,0)+1,1))-1)+IF('Standard Profiles'!$G$20=$B$10,7,0)+IF('Standard Profiles'!$G$20=$B$17,14,0)+IF('Standard Profiles'!$G$20=$B$24,21,0),MOD($C6509,24)+1)/SUM(INDEX($D$3:$AA$30,INDEX(Jesper!$R$2:$R$366,ROW(INDEX(Jesper!AJ$2:AJ$366,ROUNDDOWN($C6509/24,0)+1,1))-1)+IF('Standard Profiles'!$G$20=$B$10,7,0)+IF('Standard Profiles'!$G$20=$B$17,14,0)+IF('Standard Profiles'!$G$20=$B$24,21,0),0)),0)</f>
        <v>0</v>
      </c>
      <c r="G6509" cm="1">
        <f t="array" ref="G6509">IFERROR(INDEX(Jesper!AK$2:AK$366,ROUNDDOWN($C6509/24,0)+1,1)*INDEX($D$3:$AA$30,INDEX(Jesper!$R$2:$R$366,ROW(INDEX(Jesper!AK$2:AK$366,ROUNDDOWN($C6509/24,0)+1,1))-1)+IF('Standard Profiles'!$G$21=$B$10,7,0)+IF('Standard Profiles'!$G$21=$B$17,14,0)+IF('Standard Profiles'!$G$21=$B$24,21,0),MOD($C6509,24)+1)/SUM(INDEX($D$3:$AA$30,INDEX(Jesper!$R$2:$R$366,ROW(INDEX(Jesper!AK$2:AK$366,ROUNDDOWN($C6509/24,0)+1,1))-1)+IF('Standard Profiles'!$G$21=$B$10,7,0)+IF('Standard Profiles'!$G$21=$B$17,14,0)+IF('Standard Profiles'!$G$21=$B$24,21,0),0)),0)</f>
        <v>0.22374343207721029</v>
      </c>
      <c r="H6509" cm="1">
        <f t="array" ref="H6509">IFERROR(INDEX(Jesper!AL$2:AL$366,ROUNDDOWN($C6509/24,0)+1,1)*INDEX($D$3:$AA$30,INDEX(Jesper!$R$2:$R$366,ROW(INDEX(Jesper!AL$2:AL$366,ROUNDDOWN($C6509/24,0)+1,1))-1)+IF('Standard Profiles'!$G$22=$B$10,7,0)+IF('Standard Profiles'!$G$22=$B$17,14,0)+IF('Standard Profiles'!$G$22=$B$24,21,0),MOD($C6509,24)+1)/SUM(INDEX($D$3:$AA$30,INDEX(Jesper!$R$2:$R$366,ROW(INDEX(Jesper!AL$2:AL$366,ROUNDDOWN($C6509/24,0)+1,1))-1)+IF('Standard Profiles'!$G$22=$B$10,7,0)+IF('Standard Profiles'!$G$22=$B$17,14,0)+IF('Standard Profiles'!$G$22=$B$24,21,0),0)),0)</f>
        <v>0</v>
      </c>
      <c r="I6509">
        <f t="shared" si="727"/>
        <v>0.10739684739706089</v>
      </c>
      <c r="J6509">
        <f t="shared" si="728"/>
        <v>6.8774800307874049</v>
      </c>
      <c r="K6509">
        <f t="shared" si="729"/>
        <v>0.57036564014485014</v>
      </c>
      <c r="L6509">
        <f t="shared" si="730"/>
        <v>0.28518282007242507</v>
      </c>
      <c r="M6509">
        <f t="shared" si="731"/>
        <v>0</v>
      </c>
      <c r="N6509" s="45">
        <f t="shared" si="732"/>
        <v>45196.791666650963</v>
      </c>
    </row>
    <row r="6510" spans="2:14" x14ac:dyDescent="0.25">
      <c r="B6510">
        <f t="shared" si="726"/>
        <v>3</v>
      </c>
      <c r="C6510" s="16">
        <v>6476</v>
      </c>
      <c r="D6510" cm="1">
        <f t="array" ref="D6510">IFERROR(INDEX(Jesper!AH$2:AH$366,ROUNDDOWN($C6510/24,0)+1,1)*INDEX($D$3:$AA$30,INDEX(Jesper!$R$2:$R$366,ROW(INDEX(Jesper!AH$2:AH$366,ROUNDDOWN($C6510/24,0)+1,1))-1)+IF('Standard Profiles'!$G$18=$B$10,7,0)+IF('Standard Profiles'!$G$18=$B$17,14,0)+IF('Standard Profiles'!$G$18=$B$24,21,0),MOD($C6510,24)+1)/SUM(INDEX($D$3:$AA$30,INDEX(Jesper!$R$2:$R$366,ROW(INDEX(Jesper!AH$2:AH$366,ROUNDDOWN($C6510/24,0)+1,1))-1)+IF('Standard Profiles'!$G$18=$B$10,7,0)+IF('Standard Profiles'!$G$18=$B$17,14,0)+IF('Standard Profiles'!$G$18=$B$24,21,0),0)),0)</f>
        <v>5.3471778763579696</v>
      </c>
      <c r="E6510" cm="1">
        <f t="array" ref="E6510">IFERROR(INDEX(Jesper!AI$2:AI$366,ROUNDDOWN($C6510/24,0)+1,1)*INDEX($D$3:$AA$30,INDEX(Jesper!$R$2:$R$366,ROW(INDEX(Jesper!AI$2:AI$366,ROUNDDOWN($C6510/24,0)+1,1))-1)+IF('Standard Profiles'!$G$19=$B$10,7,0)+IF('Standard Profiles'!$G$19=$B$17,14,0)+IF('Standard Profiles'!$G$19=$B$24,21,0),MOD($C6510,24)+1)/SUM(INDEX($D$3:$AA$30,INDEX(Jesper!$R$2:$R$366,ROW(INDEX(Jesper!AI$2:AI$366,ROUNDDOWN($C6510/24,0)+1,1))-1)+IF('Standard Profiles'!$G$19=$B$10,7,0)+IF('Standard Profiles'!$G$19=$B$17,14,0)+IF('Standard Profiles'!$G$19=$B$24,21,0),0)),0)</f>
        <v>2.2695040299665612</v>
      </c>
      <c r="F6510" cm="1">
        <f t="array" ref="F6510">IFERROR(INDEX(Jesper!AJ$2:AJ$366,ROUNDDOWN($C6510/24,0)+1,1)*INDEX($D$3:$AA$30,INDEX(Jesper!$R$2:$R$366,ROW(INDEX(Jesper!AJ$2:AJ$366,ROUNDDOWN($C6510/24,0)+1,1))-1)+IF('Standard Profiles'!$G$20=$B$10,7,0)+IF('Standard Profiles'!$G$20=$B$17,14,0)+IF('Standard Profiles'!$G$20=$B$24,21,0),MOD($C6510,24)+1)/SUM(INDEX($D$3:$AA$30,INDEX(Jesper!$R$2:$R$366,ROW(INDEX(Jesper!AJ$2:AJ$366,ROUNDDOWN($C6510/24,0)+1,1))-1)+IF('Standard Profiles'!$G$20=$B$10,7,0)+IF('Standard Profiles'!$G$20=$B$17,14,0)+IF('Standard Profiles'!$G$20=$B$24,21,0),0)),0)</f>
        <v>0</v>
      </c>
      <c r="G6510" cm="1">
        <f t="array" ref="G6510">IFERROR(INDEX(Jesper!AK$2:AK$366,ROUNDDOWN($C6510/24,0)+1,1)*INDEX($D$3:$AA$30,INDEX(Jesper!$R$2:$R$366,ROW(INDEX(Jesper!AK$2:AK$366,ROUNDDOWN($C6510/24,0)+1,1))-1)+IF('Standard Profiles'!$G$21=$B$10,7,0)+IF('Standard Profiles'!$G$21=$B$17,14,0)+IF('Standard Profiles'!$G$21=$B$24,21,0),MOD($C6510,24)+1)/SUM(INDEX($D$3:$AA$30,INDEX(Jesper!$R$2:$R$366,ROW(INDEX(Jesper!AK$2:AK$366,ROUNDDOWN($C6510/24,0)+1,1))-1)+IF('Standard Profiles'!$G$21=$B$10,7,0)+IF('Standard Profiles'!$G$21=$B$17,14,0)+IF('Standard Profiles'!$G$21=$B$24,21,0),0)),0)</f>
        <v>0.22374343207721029</v>
      </c>
      <c r="H6510" cm="1">
        <f t="array" ref="H6510">IFERROR(INDEX(Jesper!AL$2:AL$366,ROUNDDOWN($C6510/24,0)+1,1)*INDEX($D$3:$AA$30,INDEX(Jesper!$R$2:$R$366,ROW(INDEX(Jesper!AL$2:AL$366,ROUNDDOWN($C6510/24,0)+1,1))-1)+IF('Standard Profiles'!$G$22=$B$10,7,0)+IF('Standard Profiles'!$G$22=$B$17,14,0)+IF('Standard Profiles'!$G$22=$B$24,21,0),MOD($C6510,24)+1)/SUM(INDEX($D$3:$AA$30,INDEX(Jesper!$R$2:$R$366,ROW(INDEX(Jesper!AL$2:AL$366,ROUNDDOWN($C6510/24,0)+1,1))-1)+IF('Standard Profiles'!$G$22=$B$10,7,0)+IF('Standard Profiles'!$G$22=$B$17,14,0)+IF('Standard Profiles'!$G$22=$B$24,21,0),0)),0)</f>
        <v>0</v>
      </c>
      <c r="I6510">
        <f t="shared" si="727"/>
        <v>0.10739684739706089</v>
      </c>
      <c r="J6510">
        <f t="shared" si="728"/>
        <v>6.8774800307874049</v>
      </c>
      <c r="K6510">
        <f t="shared" si="729"/>
        <v>0.57036564014485014</v>
      </c>
      <c r="L6510">
        <f t="shared" si="730"/>
        <v>0.28518282007242507</v>
      </c>
      <c r="M6510">
        <f t="shared" si="731"/>
        <v>0</v>
      </c>
      <c r="N6510" s="45">
        <f t="shared" si="732"/>
        <v>45196.833333317627</v>
      </c>
    </row>
    <row r="6511" spans="2:14" x14ac:dyDescent="0.25">
      <c r="B6511">
        <f t="shared" si="726"/>
        <v>3</v>
      </c>
      <c r="C6511" s="16">
        <v>6477</v>
      </c>
      <c r="D6511" cm="1">
        <f t="array" ref="D6511">IFERROR(INDEX(Jesper!AH$2:AH$366,ROUNDDOWN($C6511/24,0)+1,1)*INDEX($D$3:$AA$30,INDEX(Jesper!$R$2:$R$366,ROW(INDEX(Jesper!AH$2:AH$366,ROUNDDOWN($C6511/24,0)+1,1))-1)+IF('Standard Profiles'!$G$18=$B$10,7,0)+IF('Standard Profiles'!$G$18=$B$17,14,0)+IF('Standard Profiles'!$G$18=$B$24,21,0),MOD($C6511,24)+1)/SUM(INDEX($D$3:$AA$30,INDEX(Jesper!$R$2:$R$366,ROW(INDEX(Jesper!AH$2:AH$366,ROUNDDOWN($C6511/24,0)+1,1))-1)+IF('Standard Profiles'!$G$18=$B$10,7,0)+IF('Standard Profiles'!$G$18=$B$17,14,0)+IF('Standard Profiles'!$G$18=$B$24,21,0),0)),0)</f>
        <v>5.3471778763579696</v>
      </c>
      <c r="E6511" cm="1">
        <f t="array" ref="E6511">IFERROR(INDEX(Jesper!AI$2:AI$366,ROUNDDOWN($C6511/24,0)+1,1)*INDEX($D$3:$AA$30,INDEX(Jesper!$R$2:$R$366,ROW(INDEX(Jesper!AI$2:AI$366,ROUNDDOWN($C6511/24,0)+1,1))-1)+IF('Standard Profiles'!$G$19=$B$10,7,0)+IF('Standard Profiles'!$G$19=$B$17,14,0)+IF('Standard Profiles'!$G$19=$B$24,21,0),MOD($C6511,24)+1)/SUM(INDEX($D$3:$AA$30,INDEX(Jesper!$R$2:$R$366,ROW(INDEX(Jesper!AI$2:AI$366,ROUNDDOWN($C6511/24,0)+1,1))-1)+IF('Standard Profiles'!$G$19=$B$10,7,0)+IF('Standard Profiles'!$G$19=$B$17,14,0)+IF('Standard Profiles'!$G$19=$B$24,21,0),0)),0)</f>
        <v>2.2695040299665612</v>
      </c>
      <c r="F6511" cm="1">
        <f t="array" ref="F6511">IFERROR(INDEX(Jesper!AJ$2:AJ$366,ROUNDDOWN($C6511/24,0)+1,1)*INDEX($D$3:$AA$30,INDEX(Jesper!$R$2:$R$366,ROW(INDEX(Jesper!AJ$2:AJ$366,ROUNDDOWN($C6511/24,0)+1,1))-1)+IF('Standard Profiles'!$G$20=$B$10,7,0)+IF('Standard Profiles'!$G$20=$B$17,14,0)+IF('Standard Profiles'!$G$20=$B$24,21,0),MOD($C6511,24)+1)/SUM(INDEX($D$3:$AA$30,INDEX(Jesper!$R$2:$R$366,ROW(INDEX(Jesper!AJ$2:AJ$366,ROUNDDOWN($C6511/24,0)+1,1))-1)+IF('Standard Profiles'!$G$20=$B$10,7,0)+IF('Standard Profiles'!$G$20=$B$17,14,0)+IF('Standard Profiles'!$G$20=$B$24,21,0),0)),0)</f>
        <v>0</v>
      </c>
      <c r="G6511" cm="1">
        <f t="array" ref="G6511">IFERROR(INDEX(Jesper!AK$2:AK$366,ROUNDDOWN($C6511/24,0)+1,1)*INDEX($D$3:$AA$30,INDEX(Jesper!$R$2:$R$366,ROW(INDEX(Jesper!AK$2:AK$366,ROUNDDOWN($C6511/24,0)+1,1))-1)+IF('Standard Profiles'!$G$21=$B$10,7,0)+IF('Standard Profiles'!$G$21=$B$17,14,0)+IF('Standard Profiles'!$G$21=$B$24,21,0),MOD($C6511,24)+1)/SUM(INDEX($D$3:$AA$30,INDEX(Jesper!$R$2:$R$366,ROW(INDEX(Jesper!AK$2:AK$366,ROUNDDOWN($C6511/24,0)+1,1))-1)+IF('Standard Profiles'!$G$21=$B$10,7,0)+IF('Standard Profiles'!$G$21=$B$17,14,0)+IF('Standard Profiles'!$G$21=$B$24,21,0),0)),0)</f>
        <v>0.22374343207721029</v>
      </c>
      <c r="H6511" cm="1">
        <f t="array" ref="H6511">IFERROR(INDEX(Jesper!AL$2:AL$366,ROUNDDOWN($C6511/24,0)+1,1)*INDEX($D$3:$AA$30,INDEX(Jesper!$R$2:$R$366,ROW(INDEX(Jesper!AL$2:AL$366,ROUNDDOWN($C6511/24,0)+1,1))-1)+IF('Standard Profiles'!$G$22=$B$10,7,0)+IF('Standard Profiles'!$G$22=$B$17,14,0)+IF('Standard Profiles'!$G$22=$B$24,21,0),MOD($C6511,24)+1)/SUM(INDEX($D$3:$AA$30,INDEX(Jesper!$R$2:$R$366,ROW(INDEX(Jesper!AL$2:AL$366,ROUNDDOWN($C6511/24,0)+1,1))-1)+IF('Standard Profiles'!$G$22=$B$10,7,0)+IF('Standard Profiles'!$G$22=$B$17,14,0)+IF('Standard Profiles'!$G$22=$B$24,21,0),0)),0)</f>
        <v>0</v>
      </c>
      <c r="I6511">
        <f t="shared" si="727"/>
        <v>0.10739684739706089</v>
      </c>
      <c r="J6511">
        <f t="shared" si="728"/>
        <v>6.8774800307874049</v>
      </c>
      <c r="K6511">
        <f t="shared" si="729"/>
        <v>0.57036564014485014</v>
      </c>
      <c r="L6511">
        <f t="shared" si="730"/>
        <v>0.28518282007242507</v>
      </c>
      <c r="M6511">
        <f t="shared" si="731"/>
        <v>0</v>
      </c>
      <c r="N6511" s="45">
        <f t="shared" si="732"/>
        <v>45196.874999984291</v>
      </c>
    </row>
    <row r="6512" spans="2:14" x14ac:dyDescent="0.25">
      <c r="B6512">
        <f t="shared" si="726"/>
        <v>3</v>
      </c>
      <c r="C6512" s="16">
        <v>6478</v>
      </c>
      <c r="D6512" cm="1">
        <f t="array" ref="D6512">IFERROR(INDEX(Jesper!AH$2:AH$366,ROUNDDOWN($C6512/24,0)+1,1)*INDEX($D$3:$AA$30,INDEX(Jesper!$R$2:$R$366,ROW(INDEX(Jesper!AH$2:AH$366,ROUNDDOWN($C6512/24,0)+1,1))-1)+IF('Standard Profiles'!$G$18=$B$10,7,0)+IF('Standard Profiles'!$G$18=$B$17,14,0)+IF('Standard Profiles'!$G$18=$B$24,21,0),MOD($C6512,24)+1)/SUM(INDEX($D$3:$AA$30,INDEX(Jesper!$R$2:$R$366,ROW(INDEX(Jesper!AH$2:AH$366,ROUNDDOWN($C6512/24,0)+1,1))-1)+IF('Standard Profiles'!$G$18=$B$10,7,0)+IF('Standard Profiles'!$G$18=$B$17,14,0)+IF('Standard Profiles'!$G$18=$B$24,21,0),0)),0)</f>
        <v>5.3471778763579696</v>
      </c>
      <c r="E6512" cm="1">
        <f t="array" ref="E6512">IFERROR(INDEX(Jesper!AI$2:AI$366,ROUNDDOWN($C6512/24,0)+1,1)*INDEX($D$3:$AA$30,INDEX(Jesper!$R$2:$R$366,ROW(INDEX(Jesper!AI$2:AI$366,ROUNDDOWN($C6512/24,0)+1,1))-1)+IF('Standard Profiles'!$G$19=$B$10,7,0)+IF('Standard Profiles'!$G$19=$B$17,14,0)+IF('Standard Profiles'!$G$19=$B$24,21,0),MOD($C6512,24)+1)/SUM(INDEX($D$3:$AA$30,INDEX(Jesper!$R$2:$R$366,ROW(INDEX(Jesper!AI$2:AI$366,ROUNDDOWN($C6512/24,0)+1,1))-1)+IF('Standard Profiles'!$G$19=$B$10,7,0)+IF('Standard Profiles'!$G$19=$B$17,14,0)+IF('Standard Profiles'!$G$19=$B$24,21,0),0)),0)</f>
        <v>2.2695040299665612</v>
      </c>
      <c r="F6512" cm="1">
        <f t="array" ref="F6512">IFERROR(INDEX(Jesper!AJ$2:AJ$366,ROUNDDOWN($C6512/24,0)+1,1)*INDEX($D$3:$AA$30,INDEX(Jesper!$R$2:$R$366,ROW(INDEX(Jesper!AJ$2:AJ$366,ROUNDDOWN($C6512/24,0)+1,1))-1)+IF('Standard Profiles'!$G$20=$B$10,7,0)+IF('Standard Profiles'!$G$20=$B$17,14,0)+IF('Standard Profiles'!$G$20=$B$24,21,0),MOD($C6512,24)+1)/SUM(INDEX($D$3:$AA$30,INDEX(Jesper!$R$2:$R$366,ROW(INDEX(Jesper!AJ$2:AJ$366,ROUNDDOWN($C6512/24,0)+1,1))-1)+IF('Standard Profiles'!$G$20=$B$10,7,0)+IF('Standard Profiles'!$G$20=$B$17,14,0)+IF('Standard Profiles'!$G$20=$B$24,21,0),0)),0)</f>
        <v>0</v>
      </c>
      <c r="G6512" cm="1">
        <f t="array" ref="G6512">IFERROR(INDEX(Jesper!AK$2:AK$366,ROUNDDOWN($C6512/24,0)+1,1)*INDEX($D$3:$AA$30,INDEX(Jesper!$R$2:$R$366,ROW(INDEX(Jesper!AK$2:AK$366,ROUNDDOWN($C6512/24,0)+1,1))-1)+IF('Standard Profiles'!$G$21=$B$10,7,0)+IF('Standard Profiles'!$G$21=$B$17,14,0)+IF('Standard Profiles'!$G$21=$B$24,21,0),MOD($C6512,24)+1)/SUM(INDEX($D$3:$AA$30,INDEX(Jesper!$R$2:$R$366,ROW(INDEX(Jesper!AK$2:AK$366,ROUNDDOWN($C6512/24,0)+1,1))-1)+IF('Standard Profiles'!$G$21=$B$10,7,0)+IF('Standard Profiles'!$G$21=$B$17,14,0)+IF('Standard Profiles'!$G$21=$B$24,21,0),0)),0)</f>
        <v>0.22374343207721029</v>
      </c>
      <c r="H6512" cm="1">
        <f t="array" ref="H6512">IFERROR(INDEX(Jesper!AL$2:AL$366,ROUNDDOWN($C6512/24,0)+1,1)*INDEX($D$3:$AA$30,INDEX(Jesper!$R$2:$R$366,ROW(INDEX(Jesper!AL$2:AL$366,ROUNDDOWN($C6512/24,0)+1,1))-1)+IF('Standard Profiles'!$G$22=$B$10,7,0)+IF('Standard Profiles'!$G$22=$B$17,14,0)+IF('Standard Profiles'!$G$22=$B$24,21,0),MOD($C6512,24)+1)/SUM(INDEX($D$3:$AA$30,INDEX(Jesper!$R$2:$R$366,ROW(INDEX(Jesper!AL$2:AL$366,ROUNDDOWN($C6512/24,0)+1,1))-1)+IF('Standard Profiles'!$G$22=$B$10,7,0)+IF('Standard Profiles'!$G$22=$B$17,14,0)+IF('Standard Profiles'!$G$22=$B$24,21,0),0)),0)</f>
        <v>0</v>
      </c>
      <c r="I6512">
        <f t="shared" si="727"/>
        <v>0.10739684739706089</v>
      </c>
      <c r="J6512">
        <f t="shared" si="728"/>
        <v>6.8774800307874049</v>
      </c>
      <c r="K6512">
        <f t="shared" si="729"/>
        <v>0.57036564014485014</v>
      </c>
      <c r="L6512">
        <f t="shared" si="730"/>
        <v>0.28518282007242507</v>
      </c>
      <c r="M6512">
        <f t="shared" si="731"/>
        <v>0</v>
      </c>
      <c r="N6512" s="45">
        <f t="shared" si="732"/>
        <v>45196.916666650955</v>
      </c>
    </row>
    <row r="6513" spans="2:14" x14ac:dyDescent="0.25">
      <c r="B6513">
        <f t="shared" si="726"/>
        <v>3</v>
      </c>
      <c r="C6513" s="16">
        <v>6479</v>
      </c>
      <c r="D6513" cm="1">
        <f t="array" ref="D6513">IFERROR(INDEX(Jesper!AH$2:AH$366,ROUNDDOWN($C6513/24,0)+1,1)*INDEX($D$3:$AA$30,INDEX(Jesper!$R$2:$R$366,ROW(INDEX(Jesper!AH$2:AH$366,ROUNDDOWN($C6513/24,0)+1,1))-1)+IF('Standard Profiles'!$G$18=$B$10,7,0)+IF('Standard Profiles'!$G$18=$B$17,14,0)+IF('Standard Profiles'!$G$18=$B$24,21,0),MOD($C6513,24)+1)/SUM(INDEX($D$3:$AA$30,INDEX(Jesper!$R$2:$R$366,ROW(INDEX(Jesper!AH$2:AH$366,ROUNDDOWN($C6513/24,0)+1,1))-1)+IF('Standard Profiles'!$G$18=$B$10,7,0)+IF('Standard Profiles'!$G$18=$B$17,14,0)+IF('Standard Profiles'!$G$18=$B$24,21,0),0)),0)</f>
        <v>5.3471778763579696</v>
      </c>
      <c r="E6513" cm="1">
        <f t="array" ref="E6513">IFERROR(INDEX(Jesper!AI$2:AI$366,ROUNDDOWN($C6513/24,0)+1,1)*INDEX($D$3:$AA$30,INDEX(Jesper!$R$2:$R$366,ROW(INDEX(Jesper!AI$2:AI$366,ROUNDDOWN($C6513/24,0)+1,1))-1)+IF('Standard Profiles'!$G$19=$B$10,7,0)+IF('Standard Profiles'!$G$19=$B$17,14,0)+IF('Standard Profiles'!$G$19=$B$24,21,0),MOD($C6513,24)+1)/SUM(INDEX($D$3:$AA$30,INDEX(Jesper!$R$2:$R$366,ROW(INDEX(Jesper!AI$2:AI$366,ROUNDDOWN($C6513/24,0)+1,1))-1)+IF('Standard Profiles'!$G$19=$B$10,7,0)+IF('Standard Profiles'!$G$19=$B$17,14,0)+IF('Standard Profiles'!$G$19=$B$24,21,0),0)),0)</f>
        <v>2.2695040299665612</v>
      </c>
      <c r="F6513" cm="1">
        <f t="array" ref="F6513">IFERROR(INDEX(Jesper!AJ$2:AJ$366,ROUNDDOWN($C6513/24,0)+1,1)*INDEX($D$3:$AA$30,INDEX(Jesper!$R$2:$R$366,ROW(INDEX(Jesper!AJ$2:AJ$366,ROUNDDOWN($C6513/24,0)+1,1))-1)+IF('Standard Profiles'!$G$20=$B$10,7,0)+IF('Standard Profiles'!$G$20=$B$17,14,0)+IF('Standard Profiles'!$G$20=$B$24,21,0),MOD($C6513,24)+1)/SUM(INDEX($D$3:$AA$30,INDEX(Jesper!$R$2:$R$366,ROW(INDEX(Jesper!AJ$2:AJ$366,ROUNDDOWN($C6513/24,0)+1,1))-1)+IF('Standard Profiles'!$G$20=$B$10,7,0)+IF('Standard Profiles'!$G$20=$B$17,14,0)+IF('Standard Profiles'!$G$20=$B$24,21,0),0)),0)</f>
        <v>0</v>
      </c>
      <c r="G6513" cm="1">
        <f t="array" ref="G6513">IFERROR(INDEX(Jesper!AK$2:AK$366,ROUNDDOWN($C6513/24,0)+1,1)*INDEX($D$3:$AA$30,INDEX(Jesper!$R$2:$R$366,ROW(INDEX(Jesper!AK$2:AK$366,ROUNDDOWN($C6513/24,0)+1,1))-1)+IF('Standard Profiles'!$G$21=$B$10,7,0)+IF('Standard Profiles'!$G$21=$B$17,14,0)+IF('Standard Profiles'!$G$21=$B$24,21,0),MOD($C6513,24)+1)/SUM(INDEX($D$3:$AA$30,INDEX(Jesper!$R$2:$R$366,ROW(INDEX(Jesper!AK$2:AK$366,ROUNDDOWN($C6513/24,0)+1,1))-1)+IF('Standard Profiles'!$G$21=$B$10,7,0)+IF('Standard Profiles'!$G$21=$B$17,14,0)+IF('Standard Profiles'!$G$21=$B$24,21,0),0)),0)</f>
        <v>0.22374343207721029</v>
      </c>
      <c r="H6513" cm="1">
        <f t="array" ref="H6513">IFERROR(INDEX(Jesper!AL$2:AL$366,ROUNDDOWN($C6513/24,0)+1,1)*INDEX($D$3:$AA$30,INDEX(Jesper!$R$2:$R$366,ROW(INDEX(Jesper!AL$2:AL$366,ROUNDDOWN($C6513/24,0)+1,1))-1)+IF('Standard Profiles'!$G$22=$B$10,7,0)+IF('Standard Profiles'!$G$22=$B$17,14,0)+IF('Standard Profiles'!$G$22=$B$24,21,0),MOD($C6513,24)+1)/SUM(INDEX($D$3:$AA$30,INDEX(Jesper!$R$2:$R$366,ROW(INDEX(Jesper!AL$2:AL$366,ROUNDDOWN($C6513/24,0)+1,1))-1)+IF('Standard Profiles'!$G$22=$B$10,7,0)+IF('Standard Profiles'!$G$22=$B$17,14,0)+IF('Standard Profiles'!$G$22=$B$24,21,0),0)),0)</f>
        <v>0</v>
      </c>
      <c r="I6513">
        <f t="shared" si="727"/>
        <v>0.10739684739706089</v>
      </c>
      <c r="J6513">
        <f t="shared" si="728"/>
        <v>6.8774800307874049</v>
      </c>
      <c r="K6513">
        <f t="shared" si="729"/>
        <v>0.57036564014485014</v>
      </c>
      <c r="L6513">
        <f t="shared" si="730"/>
        <v>0.28518282007242507</v>
      </c>
      <c r="M6513">
        <f t="shared" si="731"/>
        <v>0</v>
      </c>
      <c r="N6513" s="45">
        <f t="shared" si="732"/>
        <v>45196.95833331762</v>
      </c>
    </row>
    <row r="6514" spans="2:14" x14ac:dyDescent="0.25">
      <c r="B6514">
        <f t="shared" si="726"/>
        <v>4</v>
      </c>
      <c r="C6514" s="16">
        <v>6480</v>
      </c>
      <c r="D6514" cm="1">
        <f t="array" ref="D6514">IFERROR(INDEX(Jesper!AH$2:AH$366,ROUNDDOWN($C6514/24,0)+1,1)*INDEX($D$3:$AA$30,INDEX(Jesper!$R$2:$R$366,ROW(INDEX(Jesper!AH$2:AH$366,ROUNDDOWN($C6514/24,0)+1,1))-1)+IF('Standard Profiles'!$G$18=$B$10,7,0)+IF('Standard Profiles'!$G$18=$B$17,14,0)+IF('Standard Profiles'!$G$18=$B$24,21,0),MOD($C6514,24)+1)/SUM(INDEX($D$3:$AA$30,INDEX(Jesper!$R$2:$R$366,ROW(INDEX(Jesper!AH$2:AH$366,ROUNDDOWN($C6514/24,0)+1,1))-1)+IF('Standard Profiles'!$G$18=$B$10,7,0)+IF('Standard Profiles'!$G$18=$B$17,14,0)+IF('Standard Profiles'!$G$18=$B$24,21,0),0)),0)</f>
        <v>5.3387791462009391</v>
      </c>
      <c r="E6514" cm="1">
        <f t="array" ref="E6514">IFERROR(INDEX(Jesper!AI$2:AI$366,ROUNDDOWN($C6514/24,0)+1,1)*INDEX($D$3:$AA$30,INDEX(Jesper!$R$2:$R$366,ROW(INDEX(Jesper!AI$2:AI$366,ROUNDDOWN($C6514/24,0)+1,1))-1)+IF('Standard Profiles'!$G$19=$B$10,7,0)+IF('Standard Profiles'!$G$19=$B$17,14,0)+IF('Standard Profiles'!$G$19=$B$24,21,0),MOD($C6514,24)+1)/SUM(INDEX($D$3:$AA$30,INDEX(Jesper!$R$2:$R$366,ROW(INDEX(Jesper!AI$2:AI$366,ROUNDDOWN($C6514/24,0)+1,1))-1)+IF('Standard Profiles'!$G$19=$B$10,7,0)+IF('Standard Profiles'!$G$19=$B$17,14,0)+IF('Standard Profiles'!$G$19=$B$24,21,0),0)),0)</f>
        <v>2.2538041435406235</v>
      </c>
      <c r="F6514" cm="1">
        <f t="array" ref="F6514">IFERROR(INDEX(Jesper!AJ$2:AJ$366,ROUNDDOWN($C6514/24,0)+1,1)*INDEX($D$3:$AA$30,INDEX(Jesper!$R$2:$R$366,ROW(INDEX(Jesper!AJ$2:AJ$366,ROUNDDOWN($C6514/24,0)+1,1))-1)+IF('Standard Profiles'!$G$20=$B$10,7,0)+IF('Standard Profiles'!$G$20=$B$17,14,0)+IF('Standard Profiles'!$G$20=$B$24,21,0),MOD($C6514,24)+1)/SUM(INDEX($D$3:$AA$30,INDEX(Jesper!$R$2:$R$366,ROW(INDEX(Jesper!AJ$2:AJ$366,ROUNDDOWN($C6514/24,0)+1,1))-1)+IF('Standard Profiles'!$G$20=$B$10,7,0)+IF('Standard Profiles'!$G$20=$B$17,14,0)+IF('Standard Profiles'!$G$20=$B$24,21,0),0)),0)</f>
        <v>0</v>
      </c>
      <c r="G6514" cm="1">
        <f t="array" ref="G6514">IFERROR(INDEX(Jesper!AK$2:AK$366,ROUNDDOWN($C6514/24,0)+1,1)*INDEX($D$3:$AA$30,INDEX(Jesper!$R$2:$R$366,ROW(INDEX(Jesper!AK$2:AK$366,ROUNDDOWN($C6514/24,0)+1,1))-1)+IF('Standard Profiles'!$G$21=$B$10,7,0)+IF('Standard Profiles'!$G$21=$B$17,14,0)+IF('Standard Profiles'!$G$21=$B$24,21,0),MOD($C6514,24)+1)/SUM(INDEX($D$3:$AA$30,INDEX(Jesper!$R$2:$R$366,ROW(INDEX(Jesper!AK$2:AK$366,ROUNDDOWN($C6514/24,0)+1,1))-1)+IF('Standard Profiles'!$G$21=$B$10,7,0)+IF('Standard Profiles'!$G$21=$B$17,14,0)+IF('Standard Profiles'!$G$21=$B$24,21,0),0)),0)</f>
        <v>0.20202995223467346</v>
      </c>
      <c r="H6514" cm="1">
        <f t="array" ref="H6514">IFERROR(INDEX(Jesper!AL$2:AL$366,ROUNDDOWN($C6514/24,0)+1,1)*INDEX($D$3:$AA$30,INDEX(Jesper!$R$2:$R$366,ROW(INDEX(Jesper!AL$2:AL$366,ROUNDDOWN($C6514/24,0)+1,1))-1)+IF('Standard Profiles'!$G$22=$B$10,7,0)+IF('Standard Profiles'!$G$22=$B$17,14,0)+IF('Standard Profiles'!$G$22=$B$24,21,0),MOD($C6514,24)+1)/SUM(INDEX($D$3:$AA$30,INDEX(Jesper!$R$2:$R$366,ROW(INDEX(Jesper!AL$2:AL$366,ROUNDDOWN($C6514/24,0)+1,1))-1)+IF('Standard Profiles'!$G$22=$B$10,7,0)+IF('Standard Profiles'!$G$22=$B$17,14,0)+IF('Standard Profiles'!$G$22=$B$24,21,0),0)),0)</f>
        <v>0</v>
      </c>
      <c r="I6514">
        <f t="shared" si="727"/>
        <v>9.6974377072643211E-2</v>
      </c>
      <c r="J6514">
        <f t="shared" si="728"/>
        <v>6.8434342015114424</v>
      </c>
      <c r="K6514">
        <f t="shared" si="729"/>
        <v>0.56946977559476686</v>
      </c>
      <c r="L6514">
        <f t="shared" si="730"/>
        <v>0.28473488779738343</v>
      </c>
      <c r="M6514">
        <f t="shared" si="731"/>
        <v>0</v>
      </c>
      <c r="N6514" s="45">
        <f t="shared" si="732"/>
        <v>45196.999999984284</v>
      </c>
    </row>
    <row r="6515" spans="2:14" x14ac:dyDescent="0.25">
      <c r="B6515">
        <f t="shared" si="726"/>
        <v>4</v>
      </c>
      <c r="C6515" s="16">
        <v>6481</v>
      </c>
      <c r="D6515" cm="1">
        <f t="array" ref="D6515">IFERROR(INDEX(Jesper!AH$2:AH$366,ROUNDDOWN($C6515/24,0)+1,1)*INDEX($D$3:$AA$30,INDEX(Jesper!$R$2:$R$366,ROW(INDEX(Jesper!AH$2:AH$366,ROUNDDOWN($C6515/24,0)+1,1))-1)+IF('Standard Profiles'!$G$18=$B$10,7,0)+IF('Standard Profiles'!$G$18=$B$17,14,0)+IF('Standard Profiles'!$G$18=$B$24,21,0),MOD($C6515,24)+1)/SUM(INDEX($D$3:$AA$30,INDEX(Jesper!$R$2:$R$366,ROW(INDEX(Jesper!AH$2:AH$366,ROUNDDOWN($C6515/24,0)+1,1))-1)+IF('Standard Profiles'!$G$18=$B$10,7,0)+IF('Standard Profiles'!$G$18=$B$17,14,0)+IF('Standard Profiles'!$G$18=$B$24,21,0),0)),0)</f>
        <v>5.3387791462009391</v>
      </c>
      <c r="E6515" cm="1">
        <f t="array" ref="E6515">IFERROR(INDEX(Jesper!AI$2:AI$366,ROUNDDOWN($C6515/24,0)+1,1)*INDEX($D$3:$AA$30,INDEX(Jesper!$R$2:$R$366,ROW(INDEX(Jesper!AI$2:AI$366,ROUNDDOWN($C6515/24,0)+1,1))-1)+IF('Standard Profiles'!$G$19=$B$10,7,0)+IF('Standard Profiles'!$G$19=$B$17,14,0)+IF('Standard Profiles'!$G$19=$B$24,21,0),MOD($C6515,24)+1)/SUM(INDEX($D$3:$AA$30,INDEX(Jesper!$R$2:$R$366,ROW(INDEX(Jesper!AI$2:AI$366,ROUNDDOWN($C6515/24,0)+1,1))-1)+IF('Standard Profiles'!$G$19=$B$10,7,0)+IF('Standard Profiles'!$G$19=$B$17,14,0)+IF('Standard Profiles'!$G$19=$B$24,21,0),0)),0)</f>
        <v>2.2538041435406235</v>
      </c>
      <c r="F6515" cm="1">
        <f t="array" ref="F6515">IFERROR(INDEX(Jesper!AJ$2:AJ$366,ROUNDDOWN($C6515/24,0)+1,1)*INDEX($D$3:$AA$30,INDEX(Jesper!$R$2:$R$366,ROW(INDEX(Jesper!AJ$2:AJ$366,ROUNDDOWN($C6515/24,0)+1,1))-1)+IF('Standard Profiles'!$G$20=$B$10,7,0)+IF('Standard Profiles'!$G$20=$B$17,14,0)+IF('Standard Profiles'!$G$20=$B$24,21,0),MOD($C6515,24)+1)/SUM(INDEX($D$3:$AA$30,INDEX(Jesper!$R$2:$R$366,ROW(INDEX(Jesper!AJ$2:AJ$366,ROUNDDOWN($C6515/24,0)+1,1))-1)+IF('Standard Profiles'!$G$20=$B$10,7,0)+IF('Standard Profiles'!$G$20=$B$17,14,0)+IF('Standard Profiles'!$G$20=$B$24,21,0),0)),0)</f>
        <v>0</v>
      </c>
      <c r="G6515" cm="1">
        <f t="array" ref="G6515">IFERROR(INDEX(Jesper!AK$2:AK$366,ROUNDDOWN($C6515/24,0)+1,1)*INDEX($D$3:$AA$30,INDEX(Jesper!$R$2:$R$366,ROW(INDEX(Jesper!AK$2:AK$366,ROUNDDOWN($C6515/24,0)+1,1))-1)+IF('Standard Profiles'!$G$21=$B$10,7,0)+IF('Standard Profiles'!$G$21=$B$17,14,0)+IF('Standard Profiles'!$G$21=$B$24,21,0),MOD($C6515,24)+1)/SUM(INDEX($D$3:$AA$30,INDEX(Jesper!$R$2:$R$366,ROW(INDEX(Jesper!AK$2:AK$366,ROUNDDOWN($C6515/24,0)+1,1))-1)+IF('Standard Profiles'!$G$21=$B$10,7,0)+IF('Standard Profiles'!$G$21=$B$17,14,0)+IF('Standard Profiles'!$G$21=$B$24,21,0),0)),0)</f>
        <v>0.20202995223467346</v>
      </c>
      <c r="H6515" cm="1">
        <f t="array" ref="H6515">IFERROR(INDEX(Jesper!AL$2:AL$366,ROUNDDOWN($C6515/24,0)+1,1)*INDEX($D$3:$AA$30,INDEX(Jesper!$R$2:$R$366,ROW(INDEX(Jesper!AL$2:AL$366,ROUNDDOWN($C6515/24,0)+1,1))-1)+IF('Standard Profiles'!$G$22=$B$10,7,0)+IF('Standard Profiles'!$G$22=$B$17,14,0)+IF('Standard Profiles'!$G$22=$B$24,21,0),MOD($C6515,24)+1)/SUM(INDEX($D$3:$AA$30,INDEX(Jesper!$R$2:$R$366,ROW(INDEX(Jesper!AL$2:AL$366,ROUNDDOWN($C6515/24,0)+1,1))-1)+IF('Standard Profiles'!$G$22=$B$10,7,0)+IF('Standard Profiles'!$G$22=$B$17,14,0)+IF('Standard Profiles'!$G$22=$B$24,21,0),0)),0)</f>
        <v>0</v>
      </c>
      <c r="I6515">
        <f t="shared" si="727"/>
        <v>9.6974377072643211E-2</v>
      </c>
      <c r="J6515">
        <f t="shared" si="728"/>
        <v>6.8434342015114424</v>
      </c>
      <c r="K6515">
        <f t="shared" si="729"/>
        <v>0.56946977559476686</v>
      </c>
      <c r="L6515">
        <f t="shared" si="730"/>
        <v>0.28473488779738343</v>
      </c>
      <c r="M6515">
        <f t="shared" si="731"/>
        <v>0</v>
      </c>
      <c r="N6515" s="45">
        <f t="shared" si="732"/>
        <v>45197.041666650948</v>
      </c>
    </row>
    <row r="6516" spans="2:14" x14ac:dyDescent="0.25">
      <c r="B6516">
        <f t="shared" si="726"/>
        <v>4</v>
      </c>
      <c r="C6516" s="16">
        <v>6482</v>
      </c>
      <c r="D6516" cm="1">
        <f t="array" ref="D6516">IFERROR(INDEX(Jesper!AH$2:AH$366,ROUNDDOWN($C6516/24,0)+1,1)*INDEX($D$3:$AA$30,INDEX(Jesper!$R$2:$R$366,ROW(INDEX(Jesper!AH$2:AH$366,ROUNDDOWN($C6516/24,0)+1,1))-1)+IF('Standard Profiles'!$G$18=$B$10,7,0)+IF('Standard Profiles'!$G$18=$B$17,14,0)+IF('Standard Profiles'!$G$18=$B$24,21,0),MOD($C6516,24)+1)/SUM(INDEX($D$3:$AA$30,INDEX(Jesper!$R$2:$R$366,ROW(INDEX(Jesper!AH$2:AH$366,ROUNDDOWN($C6516/24,0)+1,1))-1)+IF('Standard Profiles'!$G$18=$B$10,7,0)+IF('Standard Profiles'!$G$18=$B$17,14,0)+IF('Standard Profiles'!$G$18=$B$24,21,0),0)),0)</f>
        <v>5.3387791462009391</v>
      </c>
      <c r="E6516" cm="1">
        <f t="array" ref="E6516">IFERROR(INDEX(Jesper!AI$2:AI$366,ROUNDDOWN($C6516/24,0)+1,1)*INDEX($D$3:$AA$30,INDEX(Jesper!$R$2:$R$366,ROW(INDEX(Jesper!AI$2:AI$366,ROUNDDOWN($C6516/24,0)+1,1))-1)+IF('Standard Profiles'!$G$19=$B$10,7,0)+IF('Standard Profiles'!$G$19=$B$17,14,0)+IF('Standard Profiles'!$G$19=$B$24,21,0),MOD($C6516,24)+1)/SUM(INDEX($D$3:$AA$30,INDEX(Jesper!$R$2:$R$366,ROW(INDEX(Jesper!AI$2:AI$366,ROUNDDOWN($C6516/24,0)+1,1))-1)+IF('Standard Profiles'!$G$19=$B$10,7,0)+IF('Standard Profiles'!$G$19=$B$17,14,0)+IF('Standard Profiles'!$G$19=$B$24,21,0),0)),0)</f>
        <v>2.2538041435406235</v>
      </c>
      <c r="F6516" cm="1">
        <f t="array" ref="F6516">IFERROR(INDEX(Jesper!AJ$2:AJ$366,ROUNDDOWN($C6516/24,0)+1,1)*INDEX($D$3:$AA$30,INDEX(Jesper!$R$2:$R$366,ROW(INDEX(Jesper!AJ$2:AJ$366,ROUNDDOWN($C6516/24,0)+1,1))-1)+IF('Standard Profiles'!$G$20=$B$10,7,0)+IF('Standard Profiles'!$G$20=$B$17,14,0)+IF('Standard Profiles'!$G$20=$B$24,21,0),MOD($C6516,24)+1)/SUM(INDEX($D$3:$AA$30,INDEX(Jesper!$R$2:$R$366,ROW(INDEX(Jesper!AJ$2:AJ$366,ROUNDDOWN($C6516/24,0)+1,1))-1)+IF('Standard Profiles'!$G$20=$B$10,7,0)+IF('Standard Profiles'!$G$20=$B$17,14,0)+IF('Standard Profiles'!$G$20=$B$24,21,0),0)),0)</f>
        <v>0</v>
      </c>
      <c r="G6516" cm="1">
        <f t="array" ref="G6516">IFERROR(INDEX(Jesper!AK$2:AK$366,ROUNDDOWN($C6516/24,0)+1,1)*INDEX($D$3:$AA$30,INDEX(Jesper!$R$2:$R$366,ROW(INDEX(Jesper!AK$2:AK$366,ROUNDDOWN($C6516/24,0)+1,1))-1)+IF('Standard Profiles'!$G$21=$B$10,7,0)+IF('Standard Profiles'!$G$21=$B$17,14,0)+IF('Standard Profiles'!$G$21=$B$24,21,0),MOD($C6516,24)+1)/SUM(INDEX($D$3:$AA$30,INDEX(Jesper!$R$2:$R$366,ROW(INDEX(Jesper!AK$2:AK$366,ROUNDDOWN($C6516/24,0)+1,1))-1)+IF('Standard Profiles'!$G$21=$B$10,7,0)+IF('Standard Profiles'!$G$21=$B$17,14,0)+IF('Standard Profiles'!$G$21=$B$24,21,0),0)),0)</f>
        <v>0.20202995223467346</v>
      </c>
      <c r="H6516" cm="1">
        <f t="array" ref="H6516">IFERROR(INDEX(Jesper!AL$2:AL$366,ROUNDDOWN($C6516/24,0)+1,1)*INDEX($D$3:$AA$30,INDEX(Jesper!$R$2:$R$366,ROW(INDEX(Jesper!AL$2:AL$366,ROUNDDOWN($C6516/24,0)+1,1))-1)+IF('Standard Profiles'!$G$22=$B$10,7,0)+IF('Standard Profiles'!$G$22=$B$17,14,0)+IF('Standard Profiles'!$G$22=$B$24,21,0),MOD($C6516,24)+1)/SUM(INDEX($D$3:$AA$30,INDEX(Jesper!$R$2:$R$366,ROW(INDEX(Jesper!AL$2:AL$366,ROUNDDOWN($C6516/24,0)+1,1))-1)+IF('Standard Profiles'!$G$22=$B$10,7,0)+IF('Standard Profiles'!$G$22=$B$17,14,0)+IF('Standard Profiles'!$G$22=$B$24,21,0),0)),0)</f>
        <v>0</v>
      </c>
      <c r="I6516">
        <f t="shared" si="727"/>
        <v>9.6974377072643211E-2</v>
      </c>
      <c r="J6516">
        <f t="shared" si="728"/>
        <v>6.8434342015114424</v>
      </c>
      <c r="K6516">
        <f t="shared" si="729"/>
        <v>0.56946977559476686</v>
      </c>
      <c r="L6516">
        <f t="shared" si="730"/>
        <v>0.28473488779738343</v>
      </c>
      <c r="M6516">
        <f t="shared" si="731"/>
        <v>0</v>
      </c>
      <c r="N6516" s="45">
        <f t="shared" si="732"/>
        <v>45197.083333317612</v>
      </c>
    </row>
    <row r="6517" spans="2:14" x14ac:dyDescent="0.25">
      <c r="B6517">
        <f t="shared" si="726"/>
        <v>4</v>
      </c>
      <c r="C6517" s="16">
        <v>6483</v>
      </c>
      <c r="D6517" cm="1">
        <f t="array" ref="D6517">IFERROR(INDEX(Jesper!AH$2:AH$366,ROUNDDOWN($C6517/24,0)+1,1)*INDEX($D$3:$AA$30,INDEX(Jesper!$R$2:$R$366,ROW(INDEX(Jesper!AH$2:AH$366,ROUNDDOWN($C6517/24,0)+1,1))-1)+IF('Standard Profiles'!$G$18=$B$10,7,0)+IF('Standard Profiles'!$G$18=$B$17,14,0)+IF('Standard Profiles'!$G$18=$B$24,21,0),MOD($C6517,24)+1)/SUM(INDEX($D$3:$AA$30,INDEX(Jesper!$R$2:$R$366,ROW(INDEX(Jesper!AH$2:AH$366,ROUNDDOWN($C6517/24,0)+1,1))-1)+IF('Standard Profiles'!$G$18=$B$10,7,0)+IF('Standard Profiles'!$G$18=$B$17,14,0)+IF('Standard Profiles'!$G$18=$B$24,21,0),0)),0)</f>
        <v>5.3387791462009391</v>
      </c>
      <c r="E6517" cm="1">
        <f t="array" ref="E6517">IFERROR(INDEX(Jesper!AI$2:AI$366,ROUNDDOWN($C6517/24,0)+1,1)*INDEX($D$3:$AA$30,INDEX(Jesper!$R$2:$R$366,ROW(INDEX(Jesper!AI$2:AI$366,ROUNDDOWN($C6517/24,0)+1,1))-1)+IF('Standard Profiles'!$G$19=$B$10,7,0)+IF('Standard Profiles'!$G$19=$B$17,14,0)+IF('Standard Profiles'!$G$19=$B$24,21,0),MOD($C6517,24)+1)/SUM(INDEX($D$3:$AA$30,INDEX(Jesper!$R$2:$R$366,ROW(INDEX(Jesper!AI$2:AI$366,ROUNDDOWN($C6517/24,0)+1,1))-1)+IF('Standard Profiles'!$G$19=$B$10,7,0)+IF('Standard Profiles'!$G$19=$B$17,14,0)+IF('Standard Profiles'!$G$19=$B$24,21,0),0)),0)</f>
        <v>2.2538041435406235</v>
      </c>
      <c r="F6517" cm="1">
        <f t="array" ref="F6517">IFERROR(INDEX(Jesper!AJ$2:AJ$366,ROUNDDOWN($C6517/24,0)+1,1)*INDEX($D$3:$AA$30,INDEX(Jesper!$R$2:$R$366,ROW(INDEX(Jesper!AJ$2:AJ$366,ROUNDDOWN($C6517/24,0)+1,1))-1)+IF('Standard Profiles'!$G$20=$B$10,7,0)+IF('Standard Profiles'!$G$20=$B$17,14,0)+IF('Standard Profiles'!$G$20=$B$24,21,0),MOD($C6517,24)+1)/SUM(INDEX($D$3:$AA$30,INDEX(Jesper!$R$2:$R$366,ROW(INDEX(Jesper!AJ$2:AJ$366,ROUNDDOWN($C6517/24,0)+1,1))-1)+IF('Standard Profiles'!$G$20=$B$10,7,0)+IF('Standard Profiles'!$G$20=$B$17,14,0)+IF('Standard Profiles'!$G$20=$B$24,21,0),0)),0)</f>
        <v>0</v>
      </c>
      <c r="G6517" cm="1">
        <f t="array" ref="G6517">IFERROR(INDEX(Jesper!AK$2:AK$366,ROUNDDOWN($C6517/24,0)+1,1)*INDEX($D$3:$AA$30,INDEX(Jesper!$R$2:$R$366,ROW(INDEX(Jesper!AK$2:AK$366,ROUNDDOWN($C6517/24,0)+1,1))-1)+IF('Standard Profiles'!$G$21=$B$10,7,0)+IF('Standard Profiles'!$G$21=$B$17,14,0)+IF('Standard Profiles'!$G$21=$B$24,21,0),MOD($C6517,24)+1)/SUM(INDEX($D$3:$AA$30,INDEX(Jesper!$R$2:$R$366,ROW(INDEX(Jesper!AK$2:AK$366,ROUNDDOWN($C6517/24,0)+1,1))-1)+IF('Standard Profiles'!$G$21=$B$10,7,0)+IF('Standard Profiles'!$G$21=$B$17,14,0)+IF('Standard Profiles'!$G$21=$B$24,21,0),0)),0)</f>
        <v>0.20202995223467346</v>
      </c>
      <c r="H6517" cm="1">
        <f t="array" ref="H6517">IFERROR(INDEX(Jesper!AL$2:AL$366,ROUNDDOWN($C6517/24,0)+1,1)*INDEX($D$3:$AA$30,INDEX(Jesper!$R$2:$R$366,ROW(INDEX(Jesper!AL$2:AL$366,ROUNDDOWN($C6517/24,0)+1,1))-1)+IF('Standard Profiles'!$G$22=$B$10,7,0)+IF('Standard Profiles'!$G$22=$B$17,14,0)+IF('Standard Profiles'!$G$22=$B$24,21,0),MOD($C6517,24)+1)/SUM(INDEX($D$3:$AA$30,INDEX(Jesper!$R$2:$R$366,ROW(INDEX(Jesper!AL$2:AL$366,ROUNDDOWN($C6517/24,0)+1,1))-1)+IF('Standard Profiles'!$G$22=$B$10,7,0)+IF('Standard Profiles'!$G$22=$B$17,14,0)+IF('Standard Profiles'!$G$22=$B$24,21,0),0)),0)</f>
        <v>0</v>
      </c>
      <c r="I6517">
        <f t="shared" si="727"/>
        <v>9.6974377072643211E-2</v>
      </c>
      <c r="J6517">
        <f t="shared" si="728"/>
        <v>6.8434342015114424</v>
      </c>
      <c r="K6517">
        <f t="shared" si="729"/>
        <v>0.56946977559476686</v>
      </c>
      <c r="L6517">
        <f t="shared" si="730"/>
        <v>0.28473488779738343</v>
      </c>
      <c r="M6517">
        <f t="shared" si="731"/>
        <v>0</v>
      </c>
      <c r="N6517" s="45">
        <f t="shared" si="732"/>
        <v>45197.124999984277</v>
      </c>
    </row>
    <row r="6518" spans="2:14" x14ac:dyDescent="0.25">
      <c r="B6518">
        <f t="shared" si="726"/>
        <v>4</v>
      </c>
      <c r="C6518" s="16">
        <v>6484</v>
      </c>
      <c r="D6518" cm="1">
        <f t="array" ref="D6518">IFERROR(INDEX(Jesper!AH$2:AH$366,ROUNDDOWN($C6518/24,0)+1,1)*INDEX($D$3:$AA$30,INDEX(Jesper!$R$2:$R$366,ROW(INDEX(Jesper!AH$2:AH$366,ROUNDDOWN($C6518/24,0)+1,1))-1)+IF('Standard Profiles'!$G$18=$B$10,7,0)+IF('Standard Profiles'!$G$18=$B$17,14,0)+IF('Standard Profiles'!$G$18=$B$24,21,0),MOD($C6518,24)+1)/SUM(INDEX($D$3:$AA$30,INDEX(Jesper!$R$2:$R$366,ROW(INDEX(Jesper!AH$2:AH$366,ROUNDDOWN($C6518/24,0)+1,1))-1)+IF('Standard Profiles'!$G$18=$B$10,7,0)+IF('Standard Profiles'!$G$18=$B$17,14,0)+IF('Standard Profiles'!$G$18=$B$24,21,0),0)),0)</f>
        <v>5.3387791462009391</v>
      </c>
      <c r="E6518" cm="1">
        <f t="array" ref="E6518">IFERROR(INDEX(Jesper!AI$2:AI$366,ROUNDDOWN($C6518/24,0)+1,1)*INDEX($D$3:$AA$30,INDEX(Jesper!$R$2:$R$366,ROW(INDEX(Jesper!AI$2:AI$366,ROUNDDOWN($C6518/24,0)+1,1))-1)+IF('Standard Profiles'!$G$19=$B$10,7,0)+IF('Standard Profiles'!$G$19=$B$17,14,0)+IF('Standard Profiles'!$G$19=$B$24,21,0),MOD($C6518,24)+1)/SUM(INDEX($D$3:$AA$30,INDEX(Jesper!$R$2:$R$366,ROW(INDEX(Jesper!AI$2:AI$366,ROUNDDOWN($C6518/24,0)+1,1))-1)+IF('Standard Profiles'!$G$19=$B$10,7,0)+IF('Standard Profiles'!$G$19=$B$17,14,0)+IF('Standard Profiles'!$G$19=$B$24,21,0),0)),0)</f>
        <v>2.2538041435406235</v>
      </c>
      <c r="F6518" cm="1">
        <f t="array" ref="F6518">IFERROR(INDEX(Jesper!AJ$2:AJ$366,ROUNDDOWN($C6518/24,0)+1,1)*INDEX($D$3:$AA$30,INDEX(Jesper!$R$2:$R$366,ROW(INDEX(Jesper!AJ$2:AJ$366,ROUNDDOWN($C6518/24,0)+1,1))-1)+IF('Standard Profiles'!$G$20=$B$10,7,0)+IF('Standard Profiles'!$G$20=$B$17,14,0)+IF('Standard Profiles'!$G$20=$B$24,21,0),MOD($C6518,24)+1)/SUM(INDEX($D$3:$AA$30,INDEX(Jesper!$R$2:$R$366,ROW(INDEX(Jesper!AJ$2:AJ$366,ROUNDDOWN($C6518/24,0)+1,1))-1)+IF('Standard Profiles'!$G$20=$B$10,7,0)+IF('Standard Profiles'!$G$20=$B$17,14,0)+IF('Standard Profiles'!$G$20=$B$24,21,0),0)),0)</f>
        <v>0</v>
      </c>
      <c r="G6518" cm="1">
        <f t="array" ref="G6518">IFERROR(INDEX(Jesper!AK$2:AK$366,ROUNDDOWN($C6518/24,0)+1,1)*INDEX($D$3:$AA$30,INDEX(Jesper!$R$2:$R$366,ROW(INDEX(Jesper!AK$2:AK$366,ROUNDDOWN($C6518/24,0)+1,1))-1)+IF('Standard Profiles'!$G$21=$B$10,7,0)+IF('Standard Profiles'!$G$21=$B$17,14,0)+IF('Standard Profiles'!$G$21=$B$24,21,0),MOD($C6518,24)+1)/SUM(INDEX($D$3:$AA$30,INDEX(Jesper!$R$2:$R$366,ROW(INDEX(Jesper!AK$2:AK$366,ROUNDDOWN($C6518/24,0)+1,1))-1)+IF('Standard Profiles'!$G$21=$B$10,7,0)+IF('Standard Profiles'!$G$21=$B$17,14,0)+IF('Standard Profiles'!$G$21=$B$24,21,0),0)),0)</f>
        <v>0.20202995223467346</v>
      </c>
      <c r="H6518" cm="1">
        <f t="array" ref="H6518">IFERROR(INDEX(Jesper!AL$2:AL$366,ROUNDDOWN($C6518/24,0)+1,1)*INDEX($D$3:$AA$30,INDEX(Jesper!$R$2:$R$366,ROW(INDEX(Jesper!AL$2:AL$366,ROUNDDOWN($C6518/24,0)+1,1))-1)+IF('Standard Profiles'!$G$22=$B$10,7,0)+IF('Standard Profiles'!$G$22=$B$17,14,0)+IF('Standard Profiles'!$G$22=$B$24,21,0),MOD($C6518,24)+1)/SUM(INDEX($D$3:$AA$30,INDEX(Jesper!$R$2:$R$366,ROW(INDEX(Jesper!AL$2:AL$366,ROUNDDOWN($C6518/24,0)+1,1))-1)+IF('Standard Profiles'!$G$22=$B$10,7,0)+IF('Standard Profiles'!$G$22=$B$17,14,0)+IF('Standard Profiles'!$G$22=$B$24,21,0),0)),0)</f>
        <v>0</v>
      </c>
      <c r="I6518">
        <f t="shared" si="727"/>
        <v>9.6974377072643211E-2</v>
      </c>
      <c r="J6518">
        <f t="shared" si="728"/>
        <v>6.8434342015114424</v>
      </c>
      <c r="K6518">
        <f t="shared" si="729"/>
        <v>0.56946977559476686</v>
      </c>
      <c r="L6518">
        <f t="shared" si="730"/>
        <v>0.28473488779738343</v>
      </c>
      <c r="M6518">
        <f t="shared" si="731"/>
        <v>0</v>
      </c>
      <c r="N6518" s="45">
        <f t="shared" si="732"/>
        <v>45197.166666650941</v>
      </c>
    </row>
    <row r="6519" spans="2:14" x14ac:dyDescent="0.25">
      <c r="B6519">
        <f t="shared" si="726"/>
        <v>4</v>
      </c>
      <c r="C6519" s="16">
        <v>6485</v>
      </c>
      <c r="D6519" cm="1">
        <f t="array" ref="D6519">IFERROR(INDEX(Jesper!AH$2:AH$366,ROUNDDOWN($C6519/24,0)+1,1)*INDEX($D$3:$AA$30,INDEX(Jesper!$R$2:$R$366,ROW(INDEX(Jesper!AH$2:AH$366,ROUNDDOWN($C6519/24,0)+1,1))-1)+IF('Standard Profiles'!$G$18=$B$10,7,0)+IF('Standard Profiles'!$G$18=$B$17,14,0)+IF('Standard Profiles'!$G$18=$B$24,21,0),MOD($C6519,24)+1)/SUM(INDEX($D$3:$AA$30,INDEX(Jesper!$R$2:$R$366,ROW(INDEX(Jesper!AH$2:AH$366,ROUNDDOWN($C6519/24,0)+1,1))-1)+IF('Standard Profiles'!$G$18=$B$10,7,0)+IF('Standard Profiles'!$G$18=$B$17,14,0)+IF('Standard Profiles'!$G$18=$B$24,21,0),0)),0)</f>
        <v>5.3387791462009391</v>
      </c>
      <c r="E6519" cm="1">
        <f t="array" ref="E6519">IFERROR(INDEX(Jesper!AI$2:AI$366,ROUNDDOWN($C6519/24,0)+1,1)*INDEX($D$3:$AA$30,INDEX(Jesper!$R$2:$R$366,ROW(INDEX(Jesper!AI$2:AI$366,ROUNDDOWN($C6519/24,0)+1,1))-1)+IF('Standard Profiles'!$G$19=$B$10,7,0)+IF('Standard Profiles'!$G$19=$B$17,14,0)+IF('Standard Profiles'!$G$19=$B$24,21,0),MOD($C6519,24)+1)/SUM(INDEX($D$3:$AA$30,INDEX(Jesper!$R$2:$R$366,ROW(INDEX(Jesper!AI$2:AI$366,ROUNDDOWN($C6519/24,0)+1,1))-1)+IF('Standard Profiles'!$G$19=$B$10,7,0)+IF('Standard Profiles'!$G$19=$B$17,14,0)+IF('Standard Profiles'!$G$19=$B$24,21,0),0)),0)</f>
        <v>2.2538041435406235</v>
      </c>
      <c r="F6519" cm="1">
        <f t="array" ref="F6519">IFERROR(INDEX(Jesper!AJ$2:AJ$366,ROUNDDOWN($C6519/24,0)+1,1)*INDEX($D$3:$AA$30,INDEX(Jesper!$R$2:$R$366,ROW(INDEX(Jesper!AJ$2:AJ$366,ROUNDDOWN($C6519/24,0)+1,1))-1)+IF('Standard Profiles'!$G$20=$B$10,7,0)+IF('Standard Profiles'!$G$20=$B$17,14,0)+IF('Standard Profiles'!$G$20=$B$24,21,0),MOD($C6519,24)+1)/SUM(INDEX($D$3:$AA$30,INDEX(Jesper!$R$2:$R$366,ROW(INDEX(Jesper!AJ$2:AJ$366,ROUNDDOWN($C6519/24,0)+1,1))-1)+IF('Standard Profiles'!$G$20=$B$10,7,0)+IF('Standard Profiles'!$G$20=$B$17,14,0)+IF('Standard Profiles'!$G$20=$B$24,21,0),0)),0)</f>
        <v>0</v>
      </c>
      <c r="G6519" cm="1">
        <f t="array" ref="G6519">IFERROR(INDEX(Jesper!AK$2:AK$366,ROUNDDOWN($C6519/24,0)+1,1)*INDEX($D$3:$AA$30,INDEX(Jesper!$R$2:$R$366,ROW(INDEX(Jesper!AK$2:AK$366,ROUNDDOWN($C6519/24,0)+1,1))-1)+IF('Standard Profiles'!$G$21=$B$10,7,0)+IF('Standard Profiles'!$G$21=$B$17,14,0)+IF('Standard Profiles'!$G$21=$B$24,21,0),MOD($C6519,24)+1)/SUM(INDEX($D$3:$AA$30,INDEX(Jesper!$R$2:$R$366,ROW(INDEX(Jesper!AK$2:AK$366,ROUNDDOWN($C6519/24,0)+1,1))-1)+IF('Standard Profiles'!$G$21=$B$10,7,0)+IF('Standard Profiles'!$G$21=$B$17,14,0)+IF('Standard Profiles'!$G$21=$B$24,21,0),0)),0)</f>
        <v>0.20202995223467346</v>
      </c>
      <c r="H6519" cm="1">
        <f t="array" ref="H6519">IFERROR(INDEX(Jesper!AL$2:AL$366,ROUNDDOWN($C6519/24,0)+1,1)*INDEX($D$3:$AA$30,INDEX(Jesper!$R$2:$R$366,ROW(INDEX(Jesper!AL$2:AL$366,ROUNDDOWN($C6519/24,0)+1,1))-1)+IF('Standard Profiles'!$G$22=$B$10,7,0)+IF('Standard Profiles'!$G$22=$B$17,14,0)+IF('Standard Profiles'!$G$22=$B$24,21,0),MOD($C6519,24)+1)/SUM(INDEX($D$3:$AA$30,INDEX(Jesper!$R$2:$R$366,ROW(INDEX(Jesper!AL$2:AL$366,ROUNDDOWN($C6519/24,0)+1,1))-1)+IF('Standard Profiles'!$G$22=$B$10,7,0)+IF('Standard Profiles'!$G$22=$B$17,14,0)+IF('Standard Profiles'!$G$22=$B$24,21,0),0)),0)</f>
        <v>0</v>
      </c>
      <c r="I6519">
        <f t="shared" si="727"/>
        <v>9.6974377072643211E-2</v>
      </c>
      <c r="J6519">
        <f t="shared" si="728"/>
        <v>6.8434342015114424</v>
      </c>
      <c r="K6519">
        <f t="shared" si="729"/>
        <v>0.56946977559476686</v>
      </c>
      <c r="L6519">
        <f t="shared" si="730"/>
        <v>0.28473488779738343</v>
      </c>
      <c r="M6519">
        <f t="shared" si="731"/>
        <v>0</v>
      </c>
      <c r="N6519" s="45">
        <f t="shared" si="732"/>
        <v>45197.208333317605</v>
      </c>
    </row>
    <row r="6520" spans="2:14" x14ac:dyDescent="0.25">
      <c r="B6520">
        <f t="shared" si="726"/>
        <v>4</v>
      </c>
      <c r="C6520" s="16">
        <v>6486</v>
      </c>
      <c r="D6520" cm="1">
        <f t="array" ref="D6520">IFERROR(INDEX(Jesper!AH$2:AH$366,ROUNDDOWN($C6520/24,0)+1,1)*INDEX($D$3:$AA$30,INDEX(Jesper!$R$2:$R$366,ROW(INDEX(Jesper!AH$2:AH$366,ROUNDDOWN($C6520/24,0)+1,1))-1)+IF('Standard Profiles'!$G$18=$B$10,7,0)+IF('Standard Profiles'!$G$18=$B$17,14,0)+IF('Standard Profiles'!$G$18=$B$24,21,0),MOD($C6520,24)+1)/SUM(INDEX($D$3:$AA$30,INDEX(Jesper!$R$2:$R$366,ROW(INDEX(Jesper!AH$2:AH$366,ROUNDDOWN($C6520/24,0)+1,1))-1)+IF('Standard Profiles'!$G$18=$B$10,7,0)+IF('Standard Profiles'!$G$18=$B$17,14,0)+IF('Standard Profiles'!$G$18=$B$24,21,0),0)),0)</f>
        <v>5.3387791462009391</v>
      </c>
      <c r="E6520" cm="1">
        <f t="array" ref="E6520">IFERROR(INDEX(Jesper!AI$2:AI$366,ROUNDDOWN($C6520/24,0)+1,1)*INDEX($D$3:$AA$30,INDEX(Jesper!$R$2:$R$366,ROW(INDEX(Jesper!AI$2:AI$366,ROUNDDOWN($C6520/24,0)+1,1))-1)+IF('Standard Profiles'!$G$19=$B$10,7,0)+IF('Standard Profiles'!$G$19=$B$17,14,0)+IF('Standard Profiles'!$G$19=$B$24,21,0),MOD($C6520,24)+1)/SUM(INDEX($D$3:$AA$30,INDEX(Jesper!$R$2:$R$366,ROW(INDEX(Jesper!AI$2:AI$366,ROUNDDOWN($C6520/24,0)+1,1))-1)+IF('Standard Profiles'!$G$19=$B$10,7,0)+IF('Standard Profiles'!$G$19=$B$17,14,0)+IF('Standard Profiles'!$G$19=$B$24,21,0),0)),0)</f>
        <v>2.2538041435406235</v>
      </c>
      <c r="F6520" cm="1">
        <f t="array" ref="F6520">IFERROR(INDEX(Jesper!AJ$2:AJ$366,ROUNDDOWN($C6520/24,0)+1,1)*INDEX($D$3:$AA$30,INDEX(Jesper!$R$2:$R$366,ROW(INDEX(Jesper!AJ$2:AJ$366,ROUNDDOWN($C6520/24,0)+1,1))-1)+IF('Standard Profiles'!$G$20=$B$10,7,0)+IF('Standard Profiles'!$G$20=$B$17,14,0)+IF('Standard Profiles'!$G$20=$B$24,21,0),MOD($C6520,24)+1)/SUM(INDEX($D$3:$AA$30,INDEX(Jesper!$R$2:$R$366,ROW(INDEX(Jesper!AJ$2:AJ$366,ROUNDDOWN($C6520/24,0)+1,1))-1)+IF('Standard Profiles'!$G$20=$B$10,7,0)+IF('Standard Profiles'!$G$20=$B$17,14,0)+IF('Standard Profiles'!$G$20=$B$24,21,0),0)),0)</f>
        <v>0</v>
      </c>
      <c r="G6520" cm="1">
        <f t="array" ref="G6520">IFERROR(INDEX(Jesper!AK$2:AK$366,ROUNDDOWN($C6520/24,0)+1,1)*INDEX($D$3:$AA$30,INDEX(Jesper!$R$2:$R$366,ROW(INDEX(Jesper!AK$2:AK$366,ROUNDDOWN($C6520/24,0)+1,1))-1)+IF('Standard Profiles'!$G$21=$B$10,7,0)+IF('Standard Profiles'!$G$21=$B$17,14,0)+IF('Standard Profiles'!$G$21=$B$24,21,0),MOD($C6520,24)+1)/SUM(INDEX($D$3:$AA$30,INDEX(Jesper!$R$2:$R$366,ROW(INDEX(Jesper!AK$2:AK$366,ROUNDDOWN($C6520/24,0)+1,1))-1)+IF('Standard Profiles'!$G$21=$B$10,7,0)+IF('Standard Profiles'!$G$21=$B$17,14,0)+IF('Standard Profiles'!$G$21=$B$24,21,0),0)),0)</f>
        <v>0.20202995223467346</v>
      </c>
      <c r="H6520" cm="1">
        <f t="array" ref="H6520">IFERROR(INDEX(Jesper!AL$2:AL$366,ROUNDDOWN($C6520/24,0)+1,1)*INDEX($D$3:$AA$30,INDEX(Jesper!$R$2:$R$366,ROW(INDEX(Jesper!AL$2:AL$366,ROUNDDOWN($C6520/24,0)+1,1))-1)+IF('Standard Profiles'!$G$22=$B$10,7,0)+IF('Standard Profiles'!$G$22=$B$17,14,0)+IF('Standard Profiles'!$G$22=$B$24,21,0),MOD($C6520,24)+1)/SUM(INDEX($D$3:$AA$30,INDEX(Jesper!$R$2:$R$366,ROW(INDEX(Jesper!AL$2:AL$366,ROUNDDOWN($C6520/24,0)+1,1))-1)+IF('Standard Profiles'!$G$22=$B$10,7,0)+IF('Standard Profiles'!$G$22=$B$17,14,0)+IF('Standard Profiles'!$G$22=$B$24,21,0),0)),0)</f>
        <v>0</v>
      </c>
      <c r="I6520">
        <f t="shared" si="727"/>
        <v>9.6974377072643211E-2</v>
      </c>
      <c r="J6520">
        <f t="shared" si="728"/>
        <v>6.8434342015114424</v>
      </c>
      <c r="K6520">
        <f t="shared" si="729"/>
        <v>0.56946977559476686</v>
      </c>
      <c r="L6520">
        <f t="shared" si="730"/>
        <v>0.28473488779738343</v>
      </c>
      <c r="M6520">
        <f t="shared" si="731"/>
        <v>0</v>
      </c>
      <c r="N6520" s="45">
        <f t="shared" si="732"/>
        <v>45197.249999984269</v>
      </c>
    </row>
    <row r="6521" spans="2:14" x14ac:dyDescent="0.25">
      <c r="B6521">
        <f t="shared" si="726"/>
        <v>4</v>
      </c>
      <c r="C6521" s="16">
        <v>6487</v>
      </c>
      <c r="D6521" cm="1">
        <f t="array" ref="D6521">IFERROR(INDEX(Jesper!AH$2:AH$366,ROUNDDOWN($C6521/24,0)+1,1)*INDEX($D$3:$AA$30,INDEX(Jesper!$R$2:$R$366,ROW(INDEX(Jesper!AH$2:AH$366,ROUNDDOWN($C6521/24,0)+1,1))-1)+IF('Standard Profiles'!$G$18=$B$10,7,0)+IF('Standard Profiles'!$G$18=$B$17,14,0)+IF('Standard Profiles'!$G$18=$B$24,21,0),MOD($C6521,24)+1)/SUM(INDEX($D$3:$AA$30,INDEX(Jesper!$R$2:$R$366,ROW(INDEX(Jesper!AH$2:AH$366,ROUNDDOWN($C6521/24,0)+1,1))-1)+IF('Standard Profiles'!$G$18=$B$10,7,0)+IF('Standard Profiles'!$G$18=$B$17,14,0)+IF('Standard Profiles'!$G$18=$B$24,21,0),0)),0)</f>
        <v>21.824282024924443</v>
      </c>
      <c r="E6521" cm="1">
        <f t="array" ref="E6521">IFERROR(INDEX(Jesper!AI$2:AI$366,ROUNDDOWN($C6521/24,0)+1,1)*INDEX($D$3:$AA$30,INDEX(Jesper!$R$2:$R$366,ROW(INDEX(Jesper!AI$2:AI$366,ROUNDDOWN($C6521/24,0)+1,1))-1)+IF('Standard Profiles'!$G$19=$B$10,7,0)+IF('Standard Profiles'!$G$19=$B$17,14,0)+IF('Standard Profiles'!$G$19=$B$24,21,0),MOD($C6521,24)+1)/SUM(INDEX($D$3:$AA$30,INDEX(Jesper!$R$2:$R$366,ROW(INDEX(Jesper!AI$2:AI$366,ROUNDDOWN($C6521/24,0)+1,1))-1)+IF('Standard Profiles'!$G$19=$B$10,7,0)+IF('Standard Profiles'!$G$19=$B$17,14,0)+IF('Standard Profiles'!$G$19=$B$24,21,0),0)),0)</f>
        <v>9.2132781504130321</v>
      </c>
      <c r="F6521" cm="1">
        <f t="array" ref="F6521">IFERROR(INDEX(Jesper!AJ$2:AJ$366,ROUNDDOWN($C6521/24,0)+1,1)*INDEX($D$3:$AA$30,INDEX(Jesper!$R$2:$R$366,ROW(INDEX(Jesper!AJ$2:AJ$366,ROUNDDOWN($C6521/24,0)+1,1))-1)+IF('Standard Profiles'!$G$20=$B$10,7,0)+IF('Standard Profiles'!$G$20=$B$17,14,0)+IF('Standard Profiles'!$G$20=$B$24,21,0),MOD($C6521,24)+1)/SUM(INDEX($D$3:$AA$30,INDEX(Jesper!$R$2:$R$366,ROW(INDEX(Jesper!AJ$2:AJ$366,ROUNDDOWN($C6521/24,0)+1,1))-1)+IF('Standard Profiles'!$G$20=$B$10,7,0)+IF('Standard Profiles'!$G$20=$B$17,14,0)+IF('Standard Profiles'!$G$20=$B$24,21,0),0)),0)</f>
        <v>0</v>
      </c>
      <c r="G6521" cm="1">
        <f t="array" ref="G6521">IFERROR(INDEX(Jesper!AK$2:AK$366,ROUNDDOWN($C6521/24,0)+1,1)*INDEX($D$3:$AA$30,INDEX(Jesper!$R$2:$R$366,ROW(INDEX(Jesper!AK$2:AK$366,ROUNDDOWN($C6521/24,0)+1,1))-1)+IF('Standard Profiles'!$G$21=$B$10,7,0)+IF('Standard Profiles'!$G$21=$B$17,14,0)+IF('Standard Profiles'!$G$21=$B$24,21,0),MOD($C6521,24)+1)/SUM(INDEX($D$3:$AA$30,INDEX(Jesper!$R$2:$R$366,ROW(INDEX(Jesper!AK$2:AK$366,ROUNDDOWN($C6521/24,0)+1,1))-1)+IF('Standard Profiles'!$G$21=$B$10,7,0)+IF('Standard Profiles'!$G$21=$B$17,14,0)+IF('Standard Profiles'!$G$21=$B$24,21,0),0)),0)</f>
        <v>0.55659251840652535</v>
      </c>
      <c r="H6521" cm="1">
        <f t="array" ref="H6521">IFERROR(INDEX(Jesper!AL$2:AL$366,ROUNDDOWN($C6521/24,0)+1,1)*INDEX($D$3:$AA$30,INDEX(Jesper!$R$2:$R$366,ROW(INDEX(Jesper!AL$2:AL$366,ROUNDDOWN($C6521/24,0)+1,1))-1)+IF('Standard Profiles'!$G$22=$B$10,7,0)+IF('Standard Profiles'!$G$22=$B$17,14,0)+IF('Standard Profiles'!$G$22=$B$24,21,0),MOD($C6521,24)+1)/SUM(INDEX($D$3:$AA$30,INDEX(Jesper!$R$2:$R$366,ROW(INDEX(Jesper!AL$2:AL$366,ROUNDDOWN($C6521/24,0)+1,1))-1)+IF('Standard Profiles'!$G$22=$B$10,7,0)+IF('Standard Profiles'!$G$22=$B$17,14,0)+IF('Standard Profiles'!$G$22=$B$24,21,0),0)),0)</f>
        <v>0</v>
      </c>
      <c r="I6521">
        <f t="shared" si="727"/>
        <v>0.26716440883513204</v>
      </c>
      <c r="J6521">
        <f t="shared" si="728"/>
        <v>27.835103160920955</v>
      </c>
      <c r="K6521">
        <f t="shared" si="729"/>
        <v>2.3279234159919406</v>
      </c>
      <c r="L6521">
        <f t="shared" si="730"/>
        <v>1.1639617079959703</v>
      </c>
      <c r="M6521">
        <f t="shared" si="731"/>
        <v>0</v>
      </c>
      <c r="N6521" s="45">
        <f t="shared" si="732"/>
        <v>45197.291666650934</v>
      </c>
    </row>
    <row r="6522" spans="2:14" x14ac:dyDescent="0.25">
      <c r="B6522">
        <f t="shared" si="726"/>
        <v>4</v>
      </c>
      <c r="C6522" s="16">
        <v>6488</v>
      </c>
      <c r="D6522" cm="1">
        <f t="array" ref="D6522">IFERROR(INDEX(Jesper!AH$2:AH$366,ROUNDDOWN($C6522/24,0)+1,1)*INDEX($D$3:$AA$30,INDEX(Jesper!$R$2:$R$366,ROW(INDEX(Jesper!AH$2:AH$366,ROUNDDOWN($C6522/24,0)+1,1))-1)+IF('Standard Profiles'!$G$18=$B$10,7,0)+IF('Standard Profiles'!$G$18=$B$17,14,0)+IF('Standard Profiles'!$G$18=$B$24,21,0),MOD($C6522,24)+1)/SUM(INDEX($D$3:$AA$30,INDEX(Jesper!$R$2:$R$366,ROW(INDEX(Jesper!AH$2:AH$366,ROUNDDOWN($C6522/24,0)+1,1))-1)+IF('Standard Profiles'!$G$18=$B$10,7,0)+IF('Standard Profiles'!$G$18=$B$17,14,0)+IF('Standard Profiles'!$G$18=$B$24,21,0),0)),0)</f>
        <v>24.351304154126222</v>
      </c>
      <c r="E6522" cm="1">
        <f t="array" ref="E6522">IFERROR(INDEX(Jesper!AI$2:AI$366,ROUNDDOWN($C6522/24,0)+1,1)*INDEX($D$3:$AA$30,INDEX(Jesper!$R$2:$R$366,ROW(INDEX(Jesper!AI$2:AI$366,ROUNDDOWN($C6522/24,0)+1,1))-1)+IF('Standard Profiles'!$G$19=$B$10,7,0)+IF('Standard Profiles'!$G$19=$B$17,14,0)+IF('Standard Profiles'!$G$19=$B$24,21,0),MOD($C6522,24)+1)/SUM(INDEX($D$3:$AA$30,INDEX(Jesper!$R$2:$R$366,ROW(INDEX(Jesper!AI$2:AI$366,ROUNDDOWN($C6522/24,0)+1,1))-1)+IF('Standard Profiles'!$G$19=$B$10,7,0)+IF('Standard Profiles'!$G$19=$B$17,14,0)+IF('Standard Profiles'!$G$19=$B$24,21,0),0)),0)</f>
        <v>10.280078778355593</v>
      </c>
      <c r="F6522" cm="1">
        <f t="array" ref="F6522">IFERROR(INDEX(Jesper!AJ$2:AJ$366,ROUNDDOWN($C6522/24,0)+1,1)*INDEX($D$3:$AA$30,INDEX(Jesper!$R$2:$R$366,ROW(INDEX(Jesper!AJ$2:AJ$366,ROUNDDOWN($C6522/24,0)+1,1))-1)+IF('Standard Profiles'!$G$20=$B$10,7,0)+IF('Standard Profiles'!$G$20=$B$17,14,0)+IF('Standard Profiles'!$G$20=$B$24,21,0),MOD($C6522,24)+1)/SUM(INDEX($D$3:$AA$30,INDEX(Jesper!$R$2:$R$366,ROW(INDEX(Jesper!AJ$2:AJ$366,ROUNDDOWN($C6522/24,0)+1,1))-1)+IF('Standard Profiles'!$G$20=$B$10,7,0)+IF('Standard Profiles'!$G$20=$B$17,14,0)+IF('Standard Profiles'!$G$20=$B$24,21,0),0)),0)</f>
        <v>0</v>
      </c>
      <c r="G6522" cm="1">
        <f t="array" ref="G6522">IFERROR(INDEX(Jesper!AK$2:AK$366,ROUNDDOWN($C6522/24,0)+1,1)*INDEX($D$3:$AA$30,INDEX(Jesper!$R$2:$R$366,ROW(INDEX(Jesper!AK$2:AK$366,ROUNDDOWN($C6522/24,0)+1,1))-1)+IF('Standard Profiles'!$G$21=$B$10,7,0)+IF('Standard Profiles'!$G$21=$B$17,14,0)+IF('Standard Profiles'!$G$21=$B$24,21,0),MOD($C6522,24)+1)/SUM(INDEX($D$3:$AA$30,INDEX(Jesper!$R$2:$R$366,ROW(INDEX(Jesper!AK$2:AK$366,ROUNDDOWN($C6522/24,0)+1,1))-1)+IF('Standard Profiles'!$G$21=$B$10,7,0)+IF('Standard Profiles'!$G$21=$B$17,14,0)+IF('Standard Profiles'!$G$21=$B$24,21,0),0)),0)</f>
        <v>0.62104007316938614</v>
      </c>
      <c r="H6522" cm="1">
        <f t="array" ref="H6522">IFERROR(INDEX(Jesper!AL$2:AL$366,ROUNDDOWN($C6522/24,0)+1,1)*INDEX($D$3:$AA$30,INDEX(Jesper!$R$2:$R$366,ROW(INDEX(Jesper!AL$2:AL$366,ROUNDDOWN($C6522/24,0)+1,1))-1)+IF('Standard Profiles'!$G$22=$B$10,7,0)+IF('Standard Profiles'!$G$22=$B$17,14,0)+IF('Standard Profiles'!$G$22=$B$24,21,0),MOD($C6522,24)+1)/SUM(INDEX($D$3:$AA$30,INDEX(Jesper!$R$2:$R$366,ROW(INDEX(Jesper!AL$2:AL$366,ROUNDDOWN($C6522/24,0)+1,1))-1)+IF('Standard Profiles'!$G$22=$B$10,7,0)+IF('Standard Profiles'!$G$22=$B$17,14,0)+IF('Standard Profiles'!$G$22=$B$24,21,0),0)),0)</f>
        <v>0</v>
      </c>
      <c r="I6522">
        <f t="shared" si="727"/>
        <v>0.29809923512130521</v>
      </c>
      <c r="J6522">
        <f t="shared" si="728"/>
        <v>31.0581151058697</v>
      </c>
      <c r="K6522">
        <f t="shared" si="729"/>
        <v>2.5974724431067973</v>
      </c>
      <c r="L6522">
        <f t="shared" si="730"/>
        <v>1.2987362215533986</v>
      </c>
      <c r="M6522">
        <f t="shared" si="731"/>
        <v>0</v>
      </c>
      <c r="N6522" s="45">
        <f t="shared" si="732"/>
        <v>45197.333333317598</v>
      </c>
    </row>
    <row r="6523" spans="2:14" x14ac:dyDescent="0.25">
      <c r="B6523">
        <f t="shared" si="726"/>
        <v>4</v>
      </c>
      <c r="C6523" s="16">
        <v>6489</v>
      </c>
      <c r="D6523" cm="1">
        <f t="array" ref="D6523">IFERROR(INDEX(Jesper!AH$2:AH$366,ROUNDDOWN($C6523/24,0)+1,1)*INDEX($D$3:$AA$30,INDEX(Jesper!$R$2:$R$366,ROW(INDEX(Jesper!AH$2:AH$366,ROUNDDOWN($C6523/24,0)+1,1))-1)+IF('Standard Profiles'!$G$18=$B$10,7,0)+IF('Standard Profiles'!$G$18=$B$17,14,0)+IF('Standard Profiles'!$G$18=$B$24,21,0),MOD($C6523,24)+1)/SUM(INDEX($D$3:$AA$30,INDEX(Jesper!$R$2:$R$366,ROW(INDEX(Jesper!AH$2:AH$366,ROUNDDOWN($C6523/24,0)+1,1))-1)+IF('Standard Profiles'!$G$18=$B$10,7,0)+IF('Standard Profiles'!$G$18=$B$17,14,0)+IF('Standard Profiles'!$G$18=$B$24,21,0),0)),0)</f>
        <v>26.878326283328001</v>
      </c>
      <c r="E6523" cm="1">
        <f t="array" ref="E6523">IFERROR(INDEX(Jesper!AI$2:AI$366,ROUNDDOWN($C6523/24,0)+1,1)*INDEX($D$3:$AA$30,INDEX(Jesper!$R$2:$R$366,ROW(INDEX(Jesper!AI$2:AI$366,ROUNDDOWN($C6523/24,0)+1,1))-1)+IF('Standard Profiles'!$G$19=$B$10,7,0)+IF('Standard Profiles'!$G$19=$B$17,14,0)+IF('Standard Profiles'!$G$19=$B$24,21,0),MOD($C6523,24)+1)/SUM(INDEX($D$3:$AA$30,INDEX(Jesper!$R$2:$R$366,ROW(INDEX(Jesper!AI$2:AI$366,ROUNDDOWN($C6523/24,0)+1,1))-1)+IF('Standard Profiles'!$G$19=$B$10,7,0)+IF('Standard Profiles'!$G$19=$B$17,14,0)+IF('Standard Profiles'!$G$19=$B$24,21,0),0)),0)</f>
        <v>11.346879406298157</v>
      </c>
      <c r="F6523" cm="1">
        <f t="array" ref="F6523">IFERROR(INDEX(Jesper!AJ$2:AJ$366,ROUNDDOWN($C6523/24,0)+1,1)*INDEX($D$3:$AA$30,INDEX(Jesper!$R$2:$R$366,ROW(INDEX(Jesper!AJ$2:AJ$366,ROUNDDOWN($C6523/24,0)+1,1))-1)+IF('Standard Profiles'!$G$20=$B$10,7,0)+IF('Standard Profiles'!$G$20=$B$17,14,0)+IF('Standard Profiles'!$G$20=$B$24,21,0),MOD($C6523,24)+1)/SUM(INDEX($D$3:$AA$30,INDEX(Jesper!$R$2:$R$366,ROW(INDEX(Jesper!AJ$2:AJ$366,ROUNDDOWN($C6523/24,0)+1,1))-1)+IF('Standard Profiles'!$G$20=$B$10,7,0)+IF('Standard Profiles'!$G$20=$B$17,14,0)+IF('Standard Profiles'!$G$20=$B$24,21,0),0)),0)</f>
        <v>0</v>
      </c>
      <c r="G6523" cm="1">
        <f t="array" ref="G6523">IFERROR(INDEX(Jesper!AK$2:AK$366,ROUNDDOWN($C6523/24,0)+1,1)*INDEX($D$3:$AA$30,INDEX(Jesper!$R$2:$R$366,ROW(INDEX(Jesper!AK$2:AK$366,ROUNDDOWN($C6523/24,0)+1,1))-1)+IF('Standard Profiles'!$G$21=$B$10,7,0)+IF('Standard Profiles'!$G$21=$B$17,14,0)+IF('Standard Profiles'!$G$21=$B$24,21,0),MOD($C6523,24)+1)/SUM(INDEX($D$3:$AA$30,INDEX(Jesper!$R$2:$R$366,ROW(INDEX(Jesper!AK$2:AK$366,ROUNDDOWN($C6523/24,0)+1,1))-1)+IF('Standard Profiles'!$G$21=$B$10,7,0)+IF('Standard Profiles'!$G$21=$B$17,14,0)+IF('Standard Profiles'!$G$21=$B$24,21,0),0)),0)</f>
        <v>0.68548762793224693</v>
      </c>
      <c r="H6523" cm="1">
        <f t="array" ref="H6523">IFERROR(INDEX(Jesper!AL$2:AL$366,ROUNDDOWN($C6523/24,0)+1,1)*INDEX($D$3:$AA$30,INDEX(Jesper!$R$2:$R$366,ROW(INDEX(Jesper!AL$2:AL$366,ROUNDDOWN($C6523/24,0)+1,1))-1)+IF('Standard Profiles'!$G$22=$B$10,7,0)+IF('Standard Profiles'!$G$22=$B$17,14,0)+IF('Standard Profiles'!$G$22=$B$24,21,0),MOD($C6523,24)+1)/SUM(INDEX($D$3:$AA$30,INDEX(Jesper!$R$2:$R$366,ROW(INDEX(Jesper!AL$2:AL$366,ROUNDDOWN($C6523/24,0)+1,1))-1)+IF('Standard Profiles'!$G$22=$B$10,7,0)+IF('Standard Profiles'!$G$22=$B$17,14,0)+IF('Standard Profiles'!$G$22=$B$24,21,0),0)),0)</f>
        <v>0</v>
      </c>
      <c r="I6523">
        <f t="shared" si="727"/>
        <v>0.32903406140747837</v>
      </c>
      <c r="J6523">
        <f t="shared" si="728"/>
        <v>34.281127050818448</v>
      </c>
      <c r="K6523">
        <f t="shared" si="729"/>
        <v>2.8670214702216534</v>
      </c>
      <c r="L6523">
        <f t="shared" si="730"/>
        <v>1.4335107351108267</v>
      </c>
      <c r="M6523">
        <f t="shared" si="731"/>
        <v>0</v>
      </c>
      <c r="N6523" s="45">
        <f t="shared" si="732"/>
        <v>45197.374999984262</v>
      </c>
    </row>
    <row r="6524" spans="2:14" x14ac:dyDescent="0.25">
      <c r="B6524">
        <f t="shared" si="726"/>
        <v>4</v>
      </c>
      <c r="C6524" s="16">
        <v>6490</v>
      </c>
      <c r="D6524" cm="1">
        <f t="array" ref="D6524">IFERROR(INDEX(Jesper!AH$2:AH$366,ROUNDDOWN($C6524/24,0)+1,1)*INDEX($D$3:$AA$30,INDEX(Jesper!$R$2:$R$366,ROW(INDEX(Jesper!AH$2:AH$366,ROUNDDOWN($C6524/24,0)+1,1))-1)+IF('Standard Profiles'!$G$18=$B$10,7,0)+IF('Standard Profiles'!$G$18=$B$17,14,0)+IF('Standard Profiles'!$G$18=$B$24,21,0),MOD($C6524,24)+1)/SUM(INDEX($D$3:$AA$30,INDEX(Jesper!$R$2:$R$366,ROW(INDEX(Jesper!AH$2:AH$366,ROUNDDOWN($C6524/24,0)+1,1))-1)+IF('Standard Profiles'!$G$18=$B$10,7,0)+IF('Standard Profiles'!$G$18=$B$17,14,0)+IF('Standard Profiles'!$G$18=$B$24,21,0),0)),0)</f>
        <v>26.878326283328001</v>
      </c>
      <c r="E6524" cm="1">
        <f t="array" ref="E6524">IFERROR(INDEX(Jesper!AI$2:AI$366,ROUNDDOWN($C6524/24,0)+1,1)*INDEX($D$3:$AA$30,INDEX(Jesper!$R$2:$R$366,ROW(INDEX(Jesper!AI$2:AI$366,ROUNDDOWN($C6524/24,0)+1,1))-1)+IF('Standard Profiles'!$G$19=$B$10,7,0)+IF('Standard Profiles'!$G$19=$B$17,14,0)+IF('Standard Profiles'!$G$19=$B$24,21,0),MOD($C6524,24)+1)/SUM(INDEX($D$3:$AA$30,INDEX(Jesper!$R$2:$R$366,ROW(INDEX(Jesper!AI$2:AI$366,ROUNDDOWN($C6524/24,0)+1,1))-1)+IF('Standard Profiles'!$G$19=$B$10,7,0)+IF('Standard Profiles'!$G$19=$B$17,14,0)+IF('Standard Profiles'!$G$19=$B$24,21,0),0)),0)</f>
        <v>11.346879406298157</v>
      </c>
      <c r="F6524" cm="1">
        <f t="array" ref="F6524">IFERROR(INDEX(Jesper!AJ$2:AJ$366,ROUNDDOWN($C6524/24,0)+1,1)*INDEX($D$3:$AA$30,INDEX(Jesper!$R$2:$R$366,ROW(INDEX(Jesper!AJ$2:AJ$366,ROUNDDOWN($C6524/24,0)+1,1))-1)+IF('Standard Profiles'!$G$20=$B$10,7,0)+IF('Standard Profiles'!$G$20=$B$17,14,0)+IF('Standard Profiles'!$G$20=$B$24,21,0),MOD($C6524,24)+1)/SUM(INDEX($D$3:$AA$30,INDEX(Jesper!$R$2:$R$366,ROW(INDEX(Jesper!AJ$2:AJ$366,ROUNDDOWN($C6524/24,0)+1,1))-1)+IF('Standard Profiles'!$G$20=$B$10,7,0)+IF('Standard Profiles'!$G$20=$B$17,14,0)+IF('Standard Profiles'!$G$20=$B$24,21,0),0)),0)</f>
        <v>0</v>
      </c>
      <c r="G6524" cm="1">
        <f t="array" ref="G6524">IFERROR(INDEX(Jesper!AK$2:AK$366,ROUNDDOWN($C6524/24,0)+1,1)*INDEX($D$3:$AA$30,INDEX(Jesper!$R$2:$R$366,ROW(INDEX(Jesper!AK$2:AK$366,ROUNDDOWN($C6524/24,0)+1,1))-1)+IF('Standard Profiles'!$G$21=$B$10,7,0)+IF('Standard Profiles'!$G$21=$B$17,14,0)+IF('Standard Profiles'!$G$21=$B$24,21,0),MOD($C6524,24)+1)/SUM(INDEX($D$3:$AA$30,INDEX(Jesper!$R$2:$R$366,ROW(INDEX(Jesper!AK$2:AK$366,ROUNDDOWN($C6524/24,0)+1,1))-1)+IF('Standard Profiles'!$G$21=$B$10,7,0)+IF('Standard Profiles'!$G$21=$B$17,14,0)+IF('Standard Profiles'!$G$21=$B$24,21,0),0)),0)</f>
        <v>0.68548762793224693</v>
      </c>
      <c r="H6524" cm="1">
        <f t="array" ref="H6524">IFERROR(INDEX(Jesper!AL$2:AL$366,ROUNDDOWN($C6524/24,0)+1,1)*INDEX($D$3:$AA$30,INDEX(Jesper!$R$2:$R$366,ROW(INDEX(Jesper!AL$2:AL$366,ROUNDDOWN($C6524/24,0)+1,1))-1)+IF('Standard Profiles'!$G$22=$B$10,7,0)+IF('Standard Profiles'!$G$22=$B$17,14,0)+IF('Standard Profiles'!$G$22=$B$24,21,0),MOD($C6524,24)+1)/SUM(INDEX($D$3:$AA$30,INDEX(Jesper!$R$2:$R$366,ROW(INDEX(Jesper!AL$2:AL$366,ROUNDDOWN($C6524/24,0)+1,1))-1)+IF('Standard Profiles'!$G$22=$B$10,7,0)+IF('Standard Profiles'!$G$22=$B$17,14,0)+IF('Standard Profiles'!$G$22=$B$24,21,0),0)),0)</f>
        <v>0</v>
      </c>
      <c r="I6524">
        <f t="shared" si="727"/>
        <v>0.32903406140747837</v>
      </c>
      <c r="J6524">
        <f t="shared" si="728"/>
        <v>34.281127050818448</v>
      </c>
      <c r="K6524">
        <f t="shared" si="729"/>
        <v>2.8670214702216534</v>
      </c>
      <c r="L6524">
        <f t="shared" si="730"/>
        <v>1.4335107351108267</v>
      </c>
      <c r="M6524">
        <f t="shared" si="731"/>
        <v>0</v>
      </c>
      <c r="N6524" s="45">
        <f t="shared" si="732"/>
        <v>45197.416666650926</v>
      </c>
    </row>
    <row r="6525" spans="2:14" x14ac:dyDescent="0.25">
      <c r="B6525">
        <f t="shared" si="726"/>
        <v>4</v>
      </c>
      <c r="C6525" s="16">
        <v>6491</v>
      </c>
      <c r="D6525" cm="1">
        <f t="array" ref="D6525">IFERROR(INDEX(Jesper!AH$2:AH$366,ROUNDDOWN($C6525/24,0)+1,1)*INDEX($D$3:$AA$30,INDEX(Jesper!$R$2:$R$366,ROW(INDEX(Jesper!AH$2:AH$366,ROUNDDOWN($C6525/24,0)+1,1))-1)+IF('Standard Profiles'!$G$18=$B$10,7,0)+IF('Standard Profiles'!$G$18=$B$17,14,0)+IF('Standard Profiles'!$G$18=$B$24,21,0),MOD($C6525,24)+1)/SUM(INDEX($D$3:$AA$30,INDEX(Jesper!$R$2:$R$366,ROW(INDEX(Jesper!AH$2:AH$366,ROUNDDOWN($C6525/24,0)+1,1))-1)+IF('Standard Profiles'!$G$18=$B$10,7,0)+IF('Standard Profiles'!$G$18=$B$17,14,0)+IF('Standard Profiles'!$G$18=$B$24,21,0),0)),0)</f>
        <v>32.16209982620444</v>
      </c>
      <c r="E6525" cm="1">
        <f t="array" ref="E6525">IFERROR(INDEX(Jesper!AI$2:AI$366,ROUNDDOWN($C6525/24,0)+1,1)*INDEX($D$3:$AA$30,INDEX(Jesper!$R$2:$R$366,ROW(INDEX(Jesper!AI$2:AI$366,ROUNDDOWN($C6525/24,0)+1,1))-1)+IF('Standard Profiles'!$G$19=$B$10,7,0)+IF('Standard Profiles'!$G$19=$B$17,14,0)+IF('Standard Profiles'!$G$19=$B$24,21,0),MOD($C6525,24)+1)/SUM(INDEX($D$3:$AA$30,INDEX(Jesper!$R$2:$R$366,ROW(INDEX(Jesper!AI$2:AI$366,ROUNDDOWN($C6525/24,0)+1,1))-1)+IF('Standard Profiles'!$G$19=$B$10,7,0)+IF('Standard Profiles'!$G$19=$B$17,14,0)+IF('Standard Profiles'!$G$19=$B$24,21,0),0)),0)</f>
        <v>13.577462537450783</v>
      </c>
      <c r="F6525" cm="1">
        <f t="array" ref="F6525">IFERROR(INDEX(Jesper!AJ$2:AJ$366,ROUNDDOWN($C6525/24,0)+1,1)*INDEX($D$3:$AA$30,INDEX(Jesper!$R$2:$R$366,ROW(INDEX(Jesper!AJ$2:AJ$366,ROUNDDOWN($C6525/24,0)+1,1))-1)+IF('Standard Profiles'!$G$20=$B$10,7,0)+IF('Standard Profiles'!$G$20=$B$17,14,0)+IF('Standard Profiles'!$G$20=$B$24,21,0),MOD($C6525,24)+1)/SUM(INDEX($D$3:$AA$30,INDEX(Jesper!$R$2:$R$366,ROW(INDEX(Jesper!AJ$2:AJ$366,ROUNDDOWN($C6525/24,0)+1,1))-1)+IF('Standard Profiles'!$G$20=$B$10,7,0)+IF('Standard Profiles'!$G$20=$B$17,14,0)+IF('Standard Profiles'!$G$20=$B$24,21,0),0)),0)</f>
        <v>0</v>
      </c>
      <c r="G6525" cm="1">
        <f t="array" ref="G6525">IFERROR(INDEX(Jesper!AK$2:AK$366,ROUNDDOWN($C6525/24,0)+1,1)*INDEX($D$3:$AA$30,INDEX(Jesper!$R$2:$R$366,ROW(INDEX(Jesper!AK$2:AK$366,ROUNDDOWN($C6525/24,0)+1,1))-1)+IF('Standard Profiles'!$G$21=$B$10,7,0)+IF('Standard Profiles'!$G$21=$B$17,14,0)+IF('Standard Profiles'!$G$21=$B$24,21,0),MOD($C6525,24)+1)/SUM(INDEX($D$3:$AA$30,INDEX(Jesper!$R$2:$R$366,ROW(INDEX(Jesper!AK$2:AK$366,ROUNDDOWN($C6525/24,0)+1,1))-1)+IF('Standard Profiles'!$G$21=$B$10,7,0)+IF('Standard Profiles'!$G$21=$B$17,14,0)+IF('Standard Profiles'!$G$21=$B$24,21,0),0)),0)</f>
        <v>0.82024160607277408</v>
      </c>
      <c r="H6525" cm="1">
        <f t="array" ref="H6525">IFERROR(INDEX(Jesper!AL$2:AL$366,ROUNDDOWN($C6525/24,0)+1,1)*INDEX($D$3:$AA$30,INDEX(Jesper!$R$2:$R$366,ROW(INDEX(Jesper!AL$2:AL$366,ROUNDDOWN($C6525/24,0)+1,1))-1)+IF('Standard Profiles'!$G$22=$B$10,7,0)+IF('Standard Profiles'!$G$22=$B$17,14,0)+IF('Standard Profiles'!$G$22=$B$24,21,0),MOD($C6525,24)+1)/SUM(INDEX($D$3:$AA$30,INDEX(Jesper!$R$2:$R$366,ROW(INDEX(Jesper!AL$2:AL$366,ROUNDDOWN($C6525/24,0)+1,1))-1)+IF('Standard Profiles'!$G$22=$B$10,7,0)+IF('Standard Profiles'!$G$22=$B$17,14,0)+IF('Standard Profiles'!$G$22=$B$24,21,0),0)),0)</f>
        <v>0</v>
      </c>
      <c r="I6525">
        <f t="shared" si="727"/>
        <v>0.39371597091493138</v>
      </c>
      <c r="J6525">
        <f t="shared" si="728"/>
        <v>41.020152026620359</v>
      </c>
      <c r="K6525">
        <f t="shared" si="729"/>
        <v>3.4306239814618071</v>
      </c>
      <c r="L6525">
        <f t="shared" si="730"/>
        <v>1.7153119907309036</v>
      </c>
      <c r="M6525">
        <f t="shared" si="731"/>
        <v>0</v>
      </c>
      <c r="N6525" s="45">
        <f t="shared" si="732"/>
        <v>45197.458333317591</v>
      </c>
    </row>
    <row r="6526" spans="2:14" x14ac:dyDescent="0.25">
      <c r="B6526">
        <f t="shared" si="726"/>
        <v>4</v>
      </c>
      <c r="C6526" s="16">
        <v>6492</v>
      </c>
      <c r="D6526" cm="1">
        <f t="array" ref="D6526">IFERROR(INDEX(Jesper!AH$2:AH$366,ROUNDDOWN($C6526/24,0)+1,1)*INDEX($D$3:$AA$30,INDEX(Jesper!$R$2:$R$366,ROW(INDEX(Jesper!AH$2:AH$366,ROUNDDOWN($C6526/24,0)+1,1))-1)+IF('Standard Profiles'!$G$18=$B$10,7,0)+IF('Standard Profiles'!$G$18=$B$17,14,0)+IF('Standard Profiles'!$G$18=$B$24,21,0),MOD($C6526,24)+1)/SUM(INDEX($D$3:$AA$30,INDEX(Jesper!$R$2:$R$366,ROW(INDEX(Jesper!AH$2:AH$366,ROUNDDOWN($C6526/24,0)+1,1))-1)+IF('Standard Profiles'!$G$18=$B$10,7,0)+IF('Standard Profiles'!$G$18=$B$17,14,0)+IF('Standard Profiles'!$G$18=$B$24,21,0),0)),0)</f>
        <v>32.16209982620444</v>
      </c>
      <c r="E6526" cm="1">
        <f t="array" ref="E6526">IFERROR(INDEX(Jesper!AI$2:AI$366,ROUNDDOWN($C6526/24,0)+1,1)*INDEX($D$3:$AA$30,INDEX(Jesper!$R$2:$R$366,ROW(INDEX(Jesper!AI$2:AI$366,ROUNDDOWN($C6526/24,0)+1,1))-1)+IF('Standard Profiles'!$G$19=$B$10,7,0)+IF('Standard Profiles'!$G$19=$B$17,14,0)+IF('Standard Profiles'!$G$19=$B$24,21,0),MOD($C6526,24)+1)/SUM(INDEX($D$3:$AA$30,INDEX(Jesper!$R$2:$R$366,ROW(INDEX(Jesper!AI$2:AI$366,ROUNDDOWN($C6526/24,0)+1,1))-1)+IF('Standard Profiles'!$G$19=$B$10,7,0)+IF('Standard Profiles'!$G$19=$B$17,14,0)+IF('Standard Profiles'!$G$19=$B$24,21,0),0)),0)</f>
        <v>13.577462537450783</v>
      </c>
      <c r="F6526" cm="1">
        <f t="array" ref="F6526">IFERROR(INDEX(Jesper!AJ$2:AJ$366,ROUNDDOWN($C6526/24,0)+1,1)*INDEX($D$3:$AA$30,INDEX(Jesper!$R$2:$R$366,ROW(INDEX(Jesper!AJ$2:AJ$366,ROUNDDOWN($C6526/24,0)+1,1))-1)+IF('Standard Profiles'!$G$20=$B$10,7,0)+IF('Standard Profiles'!$G$20=$B$17,14,0)+IF('Standard Profiles'!$G$20=$B$24,21,0),MOD($C6526,24)+1)/SUM(INDEX($D$3:$AA$30,INDEX(Jesper!$R$2:$R$366,ROW(INDEX(Jesper!AJ$2:AJ$366,ROUNDDOWN($C6526/24,0)+1,1))-1)+IF('Standard Profiles'!$G$20=$B$10,7,0)+IF('Standard Profiles'!$G$20=$B$17,14,0)+IF('Standard Profiles'!$G$20=$B$24,21,0),0)),0)</f>
        <v>0</v>
      </c>
      <c r="G6526" cm="1">
        <f t="array" ref="G6526">IFERROR(INDEX(Jesper!AK$2:AK$366,ROUNDDOWN($C6526/24,0)+1,1)*INDEX($D$3:$AA$30,INDEX(Jesper!$R$2:$R$366,ROW(INDEX(Jesper!AK$2:AK$366,ROUNDDOWN($C6526/24,0)+1,1))-1)+IF('Standard Profiles'!$G$21=$B$10,7,0)+IF('Standard Profiles'!$G$21=$B$17,14,0)+IF('Standard Profiles'!$G$21=$B$24,21,0),MOD($C6526,24)+1)/SUM(INDEX($D$3:$AA$30,INDEX(Jesper!$R$2:$R$366,ROW(INDEX(Jesper!AK$2:AK$366,ROUNDDOWN($C6526/24,0)+1,1))-1)+IF('Standard Profiles'!$G$21=$B$10,7,0)+IF('Standard Profiles'!$G$21=$B$17,14,0)+IF('Standard Profiles'!$G$21=$B$24,21,0),0)),0)</f>
        <v>0.82024160607277408</v>
      </c>
      <c r="H6526" cm="1">
        <f t="array" ref="H6526">IFERROR(INDEX(Jesper!AL$2:AL$366,ROUNDDOWN($C6526/24,0)+1,1)*INDEX($D$3:$AA$30,INDEX(Jesper!$R$2:$R$366,ROW(INDEX(Jesper!AL$2:AL$366,ROUNDDOWN($C6526/24,0)+1,1))-1)+IF('Standard Profiles'!$G$22=$B$10,7,0)+IF('Standard Profiles'!$G$22=$B$17,14,0)+IF('Standard Profiles'!$G$22=$B$24,21,0),MOD($C6526,24)+1)/SUM(INDEX($D$3:$AA$30,INDEX(Jesper!$R$2:$R$366,ROW(INDEX(Jesper!AL$2:AL$366,ROUNDDOWN($C6526/24,0)+1,1))-1)+IF('Standard Profiles'!$G$22=$B$10,7,0)+IF('Standard Profiles'!$G$22=$B$17,14,0)+IF('Standard Profiles'!$G$22=$B$24,21,0),0)),0)</f>
        <v>0</v>
      </c>
      <c r="I6526">
        <f t="shared" si="727"/>
        <v>0.39371597091493138</v>
      </c>
      <c r="J6526">
        <f t="shared" si="728"/>
        <v>41.020152026620359</v>
      </c>
      <c r="K6526">
        <f t="shared" si="729"/>
        <v>3.4306239814618071</v>
      </c>
      <c r="L6526">
        <f t="shared" si="730"/>
        <v>1.7153119907309036</v>
      </c>
      <c r="M6526">
        <f t="shared" si="731"/>
        <v>0</v>
      </c>
      <c r="N6526" s="45">
        <f t="shared" si="732"/>
        <v>45197.499999984255</v>
      </c>
    </row>
    <row r="6527" spans="2:14" x14ac:dyDescent="0.25">
      <c r="B6527">
        <f t="shared" si="726"/>
        <v>4</v>
      </c>
      <c r="C6527" s="16">
        <v>6493</v>
      </c>
      <c r="D6527" cm="1">
        <f t="array" ref="D6527">IFERROR(INDEX(Jesper!AH$2:AH$366,ROUNDDOWN($C6527/24,0)+1,1)*INDEX($D$3:$AA$30,INDEX(Jesper!$R$2:$R$366,ROW(INDEX(Jesper!AH$2:AH$366,ROUNDDOWN($C6527/24,0)+1,1))-1)+IF('Standard Profiles'!$G$18=$B$10,7,0)+IF('Standard Profiles'!$G$18=$B$17,14,0)+IF('Standard Profiles'!$G$18=$B$24,21,0),MOD($C6527,24)+1)/SUM(INDEX($D$3:$AA$30,INDEX(Jesper!$R$2:$R$366,ROW(INDEX(Jesper!AH$2:AH$366,ROUNDDOWN($C6527/24,0)+1,1))-1)+IF('Standard Profiles'!$G$18=$B$10,7,0)+IF('Standard Profiles'!$G$18=$B$17,14,0)+IF('Standard Profiles'!$G$18=$B$24,21,0),0)),0)</f>
        <v>21.364823455978662</v>
      </c>
      <c r="E6527" cm="1">
        <f t="array" ref="E6527">IFERROR(INDEX(Jesper!AI$2:AI$366,ROUNDDOWN($C6527/24,0)+1,1)*INDEX($D$3:$AA$30,INDEX(Jesper!$R$2:$R$366,ROW(INDEX(Jesper!AI$2:AI$366,ROUNDDOWN($C6527/24,0)+1,1))-1)+IF('Standard Profiles'!$G$19=$B$10,7,0)+IF('Standard Profiles'!$G$19=$B$17,14,0)+IF('Standard Profiles'!$G$19=$B$24,21,0),MOD($C6527,24)+1)/SUM(INDEX($D$3:$AA$30,INDEX(Jesper!$R$2:$R$366,ROW(INDEX(Jesper!AI$2:AI$366,ROUNDDOWN($C6527/24,0)+1,1))-1)+IF('Standard Profiles'!$G$19=$B$10,7,0)+IF('Standard Profiles'!$G$19=$B$17,14,0)+IF('Standard Profiles'!$G$19=$B$24,21,0),0)),0)</f>
        <v>9.0193143998780201</v>
      </c>
      <c r="F6527" cm="1">
        <f t="array" ref="F6527">IFERROR(INDEX(Jesper!AJ$2:AJ$366,ROUNDDOWN($C6527/24,0)+1,1)*INDEX($D$3:$AA$30,INDEX(Jesper!$R$2:$R$366,ROW(INDEX(Jesper!AJ$2:AJ$366,ROUNDDOWN($C6527/24,0)+1,1))-1)+IF('Standard Profiles'!$G$20=$B$10,7,0)+IF('Standard Profiles'!$G$20=$B$17,14,0)+IF('Standard Profiles'!$G$20=$B$24,21,0),MOD($C6527,24)+1)/SUM(INDEX($D$3:$AA$30,INDEX(Jesper!$R$2:$R$366,ROW(INDEX(Jesper!AJ$2:AJ$366,ROUNDDOWN($C6527/24,0)+1,1))-1)+IF('Standard Profiles'!$G$20=$B$10,7,0)+IF('Standard Profiles'!$G$20=$B$17,14,0)+IF('Standard Profiles'!$G$20=$B$24,21,0),0)),0)</f>
        <v>0</v>
      </c>
      <c r="G6527" cm="1">
        <f t="array" ref="G6527">IFERROR(INDEX(Jesper!AK$2:AK$366,ROUNDDOWN($C6527/24,0)+1,1)*INDEX($D$3:$AA$30,INDEX(Jesper!$R$2:$R$366,ROW(INDEX(Jesper!AK$2:AK$366,ROUNDDOWN($C6527/24,0)+1,1))-1)+IF('Standard Profiles'!$G$21=$B$10,7,0)+IF('Standard Profiles'!$G$21=$B$17,14,0)+IF('Standard Profiles'!$G$21=$B$24,21,0),MOD($C6527,24)+1)/SUM(INDEX($D$3:$AA$30,INDEX(Jesper!$R$2:$R$366,ROW(INDEX(Jesper!AK$2:AK$366,ROUNDDOWN($C6527/24,0)+1,1))-1)+IF('Standard Profiles'!$G$21=$B$10,7,0)+IF('Standard Profiles'!$G$21=$B$17,14,0)+IF('Standard Profiles'!$G$21=$B$24,21,0),0)),0)</f>
        <v>0.54487478117691424</v>
      </c>
      <c r="H6527" cm="1">
        <f t="array" ref="H6527">IFERROR(INDEX(Jesper!AL$2:AL$366,ROUNDDOWN($C6527/24,0)+1,1)*INDEX($D$3:$AA$30,INDEX(Jesper!$R$2:$R$366,ROW(INDEX(Jesper!AL$2:AL$366,ROUNDDOWN($C6527/24,0)+1,1))-1)+IF('Standard Profiles'!$G$22=$B$10,7,0)+IF('Standard Profiles'!$G$22=$B$17,14,0)+IF('Standard Profiles'!$G$22=$B$24,21,0),MOD($C6527,24)+1)/SUM(INDEX($D$3:$AA$30,INDEX(Jesper!$R$2:$R$366,ROW(INDEX(Jesper!AL$2:AL$366,ROUNDDOWN($C6527/24,0)+1,1))-1)+IF('Standard Profiles'!$G$22=$B$10,7,0)+IF('Standard Profiles'!$G$22=$B$17,14,0)+IF('Standard Profiles'!$G$22=$B$24,21,0),0)),0)</f>
        <v>0</v>
      </c>
      <c r="I6527">
        <f t="shared" si="727"/>
        <v>0.2615398949649187</v>
      </c>
      <c r="J6527">
        <f t="shared" si="728"/>
        <v>27.24910098911209</v>
      </c>
      <c r="K6527">
        <f t="shared" si="729"/>
        <v>2.2789145019710575</v>
      </c>
      <c r="L6527">
        <f t="shared" si="730"/>
        <v>1.1394572509855287</v>
      </c>
      <c r="M6527">
        <f t="shared" si="731"/>
        <v>0</v>
      </c>
      <c r="N6527" s="45">
        <f t="shared" si="732"/>
        <v>45197.541666650919</v>
      </c>
    </row>
    <row r="6528" spans="2:14" x14ac:dyDescent="0.25">
      <c r="B6528">
        <f t="shared" si="726"/>
        <v>4</v>
      </c>
      <c r="C6528" s="16">
        <v>6494</v>
      </c>
      <c r="D6528" cm="1">
        <f t="array" ref="D6528">IFERROR(INDEX(Jesper!AH$2:AH$366,ROUNDDOWN($C6528/24,0)+1,1)*INDEX($D$3:$AA$30,INDEX(Jesper!$R$2:$R$366,ROW(INDEX(Jesper!AH$2:AH$366,ROUNDDOWN($C6528/24,0)+1,1))-1)+IF('Standard Profiles'!$G$18=$B$10,7,0)+IF('Standard Profiles'!$G$18=$B$17,14,0)+IF('Standard Profiles'!$G$18=$B$24,21,0),MOD($C6528,24)+1)/SUM(INDEX($D$3:$AA$30,INDEX(Jesper!$R$2:$R$366,ROW(INDEX(Jesper!AH$2:AH$366,ROUNDDOWN($C6528/24,0)+1,1))-1)+IF('Standard Profiles'!$G$18=$B$10,7,0)+IF('Standard Profiles'!$G$18=$B$17,14,0)+IF('Standard Profiles'!$G$18=$B$24,21,0),0)),0)</f>
        <v>32.16209982620444</v>
      </c>
      <c r="E6528" cm="1">
        <f t="array" ref="E6528">IFERROR(INDEX(Jesper!AI$2:AI$366,ROUNDDOWN($C6528/24,0)+1,1)*INDEX($D$3:$AA$30,INDEX(Jesper!$R$2:$R$366,ROW(INDEX(Jesper!AI$2:AI$366,ROUNDDOWN($C6528/24,0)+1,1))-1)+IF('Standard Profiles'!$G$19=$B$10,7,0)+IF('Standard Profiles'!$G$19=$B$17,14,0)+IF('Standard Profiles'!$G$19=$B$24,21,0),MOD($C6528,24)+1)/SUM(INDEX($D$3:$AA$30,INDEX(Jesper!$R$2:$R$366,ROW(INDEX(Jesper!AI$2:AI$366,ROUNDDOWN($C6528/24,0)+1,1))-1)+IF('Standard Profiles'!$G$19=$B$10,7,0)+IF('Standard Profiles'!$G$19=$B$17,14,0)+IF('Standard Profiles'!$G$19=$B$24,21,0),0)),0)</f>
        <v>13.577462537450783</v>
      </c>
      <c r="F6528" cm="1">
        <f t="array" ref="F6528">IFERROR(INDEX(Jesper!AJ$2:AJ$366,ROUNDDOWN($C6528/24,0)+1,1)*INDEX($D$3:$AA$30,INDEX(Jesper!$R$2:$R$366,ROW(INDEX(Jesper!AJ$2:AJ$366,ROUNDDOWN($C6528/24,0)+1,1))-1)+IF('Standard Profiles'!$G$20=$B$10,7,0)+IF('Standard Profiles'!$G$20=$B$17,14,0)+IF('Standard Profiles'!$G$20=$B$24,21,0),MOD($C6528,24)+1)/SUM(INDEX($D$3:$AA$30,INDEX(Jesper!$R$2:$R$366,ROW(INDEX(Jesper!AJ$2:AJ$366,ROUNDDOWN($C6528/24,0)+1,1))-1)+IF('Standard Profiles'!$G$20=$B$10,7,0)+IF('Standard Profiles'!$G$20=$B$17,14,0)+IF('Standard Profiles'!$G$20=$B$24,21,0),0)),0)</f>
        <v>0</v>
      </c>
      <c r="G6528" cm="1">
        <f t="array" ref="G6528">IFERROR(INDEX(Jesper!AK$2:AK$366,ROUNDDOWN($C6528/24,0)+1,1)*INDEX($D$3:$AA$30,INDEX(Jesper!$R$2:$R$366,ROW(INDEX(Jesper!AK$2:AK$366,ROUNDDOWN($C6528/24,0)+1,1))-1)+IF('Standard Profiles'!$G$21=$B$10,7,0)+IF('Standard Profiles'!$G$21=$B$17,14,0)+IF('Standard Profiles'!$G$21=$B$24,21,0),MOD($C6528,24)+1)/SUM(INDEX($D$3:$AA$30,INDEX(Jesper!$R$2:$R$366,ROW(INDEX(Jesper!AK$2:AK$366,ROUNDDOWN($C6528/24,0)+1,1))-1)+IF('Standard Profiles'!$G$21=$B$10,7,0)+IF('Standard Profiles'!$G$21=$B$17,14,0)+IF('Standard Profiles'!$G$21=$B$24,21,0),0)),0)</f>
        <v>0.82024160607277408</v>
      </c>
      <c r="H6528" cm="1">
        <f t="array" ref="H6528">IFERROR(INDEX(Jesper!AL$2:AL$366,ROUNDDOWN($C6528/24,0)+1,1)*INDEX($D$3:$AA$30,INDEX(Jesper!$R$2:$R$366,ROW(INDEX(Jesper!AL$2:AL$366,ROUNDDOWN($C6528/24,0)+1,1))-1)+IF('Standard Profiles'!$G$22=$B$10,7,0)+IF('Standard Profiles'!$G$22=$B$17,14,0)+IF('Standard Profiles'!$G$22=$B$24,21,0),MOD($C6528,24)+1)/SUM(INDEX($D$3:$AA$30,INDEX(Jesper!$R$2:$R$366,ROW(INDEX(Jesper!AL$2:AL$366,ROUNDDOWN($C6528/24,0)+1,1))-1)+IF('Standard Profiles'!$G$22=$B$10,7,0)+IF('Standard Profiles'!$G$22=$B$17,14,0)+IF('Standard Profiles'!$G$22=$B$24,21,0),0)),0)</f>
        <v>0</v>
      </c>
      <c r="I6528">
        <f t="shared" si="727"/>
        <v>0.39371597091493138</v>
      </c>
      <c r="J6528">
        <f t="shared" si="728"/>
        <v>41.020152026620359</v>
      </c>
      <c r="K6528">
        <f t="shared" si="729"/>
        <v>3.4306239814618071</v>
      </c>
      <c r="L6528">
        <f t="shared" si="730"/>
        <v>1.7153119907309036</v>
      </c>
      <c r="M6528">
        <f t="shared" si="731"/>
        <v>0</v>
      </c>
      <c r="N6528" s="45">
        <f t="shared" si="732"/>
        <v>45197.583333317583</v>
      </c>
    </row>
    <row r="6529" spans="2:14" x14ac:dyDescent="0.25">
      <c r="B6529">
        <f t="shared" si="726"/>
        <v>4</v>
      </c>
      <c r="C6529" s="16">
        <v>6495</v>
      </c>
      <c r="D6529" cm="1">
        <f t="array" ref="D6529">IFERROR(INDEX(Jesper!AH$2:AH$366,ROUNDDOWN($C6529/24,0)+1,1)*INDEX($D$3:$AA$30,INDEX(Jesper!$R$2:$R$366,ROW(INDEX(Jesper!AH$2:AH$366,ROUNDDOWN($C6529/24,0)+1,1))-1)+IF('Standard Profiles'!$G$18=$B$10,7,0)+IF('Standard Profiles'!$G$18=$B$17,14,0)+IF('Standard Profiles'!$G$18=$B$24,21,0),MOD($C6529,24)+1)/SUM(INDEX($D$3:$AA$30,INDEX(Jesper!$R$2:$R$366,ROW(INDEX(Jesper!AH$2:AH$366,ROUNDDOWN($C6529/24,0)+1,1))-1)+IF('Standard Profiles'!$G$18=$B$10,7,0)+IF('Standard Profiles'!$G$18=$B$17,14,0)+IF('Standard Profiles'!$G$18=$B$24,21,0),0)),0)</f>
        <v>32.16209982620444</v>
      </c>
      <c r="E6529" cm="1">
        <f t="array" ref="E6529">IFERROR(INDEX(Jesper!AI$2:AI$366,ROUNDDOWN($C6529/24,0)+1,1)*INDEX($D$3:$AA$30,INDEX(Jesper!$R$2:$R$366,ROW(INDEX(Jesper!AI$2:AI$366,ROUNDDOWN($C6529/24,0)+1,1))-1)+IF('Standard Profiles'!$G$19=$B$10,7,0)+IF('Standard Profiles'!$G$19=$B$17,14,0)+IF('Standard Profiles'!$G$19=$B$24,21,0),MOD($C6529,24)+1)/SUM(INDEX($D$3:$AA$30,INDEX(Jesper!$R$2:$R$366,ROW(INDEX(Jesper!AI$2:AI$366,ROUNDDOWN($C6529/24,0)+1,1))-1)+IF('Standard Profiles'!$G$19=$B$10,7,0)+IF('Standard Profiles'!$G$19=$B$17,14,0)+IF('Standard Profiles'!$G$19=$B$24,21,0),0)),0)</f>
        <v>13.577462537450783</v>
      </c>
      <c r="F6529" cm="1">
        <f t="array" ref="F6529">IFERROR(INDEX(Jesper!AJ$2:AJ$366,ROUNDDOWN($C6529/24,0)+1,1)*INDEX($D$3:$AA$30,INDEX(Jesper!$R$2:$R$366,ROW(INDEX(Jesper!AJ$2:AJ$366,ROUNDDOWN($C6529/24,0)+1,1))-1)+IF('Standard Profiles'!$G$20=$B$10,7,0)+IF('Standard Profiles'!$G$20=$B$17,14,0)+IF('Standard Profiles'!$G$20=$B$24,21,0),MOD($C6529,24)+1)/SUM(INDEX($D$3:$AA$30,INDEX(Jesper!$R$2:$R$366,ROW(INDEX(Jesper!AJ$2:AJ$366,ROUNDDOWN($C6529/24,0)+1,1))-1)+IF('Standard Profiles'!$G$20=$B$10,7,0)+IF('Standard Profiles'!$G$20=$B$17,14,0)+IF('Standard Profiles'!$G$20=$B$24,21,0),0)),0)</f>
        <v>0</v>
      </c>
      <c r="G6529" cm="1">
        <f t="array" ref="G6529">IFERROR(INDEX(Jesper!AK$2:AK$366,ROUNDDOWN($C6529/24,0)+1,1)*INDEX($D$3:$AA$30,INDEX(Jesper!$R$2:$R$366,ROW(INDEX(Jesper!AK$2:AK$366,ROUNDDOWN($C6529/24,0)+1,1))-1)+IF('Standard Profiles'!$G$21=$B$10,7,0)+IF('Standard Profiles'!$G$21=$B$17,14,0)+IF('Standard Profiles'!$G$21=$B$24,21,0),MOD($C6529,24)+1)/SUM(INDEX($D$3:$AA$30,INDEX(Jesper!$R$2:$R$366,ROW(INDEX(Jesper!AK$2:AK$366,ROUNDDOWN($C6529/24,0)+1,1))-1)+IF('Standard Profiles'!$G$21=$B$10,7,0)+IF('Standard Profiles'!$G$21=$B$17,14,0)+IF('Standard Profiles'!$G$21=$B$24,21,0),0)),0)</f>
        <v>0.82024160607277408</v>
      </c>
      <c r="H6529" cm="1">
        <f t="array" ref="H6529">IFERROR(INDEX(Jesper!AL$2:AL$366,ROUNDDOWN($C6529/24,0)+1,1)*INDEX($D$3:$AA$30,INDEX(Jesper!$R$2:$R$366,ROW(INDEX(Jesper!AL$2:AL$366,ROUNDDOWN($C6529/24,0)+1,1))-1)+IF('Standard Profiles'!$G$22=$B$10,7,0)+IF('Standard Profiles'!$G$22=$B$17,14,0)+IF('Standard Profiles'!$G$22=$B$24,21,0),MOD($C6529,24)+1)/SUM(INDEX($D$3:$AA$30,INDEX(Jesper!$R$2:$R$366,ROW(INDEX(Jesper!AL$2:AL$366,ROUNDDOWN($C6529/24,0)+1,1))-1)+IF('Standard Profiles'!$G$22=$B$10,7,0)+IF('Standard Profiles'!$G$22=$B$17,14,0)+IF('Standard Profiles'!$G$22=$B$24,21,0),0)),0)</f>
        <v>0</v>
      </c>
      <c r="I6529">
        <f t="shared" si="727"/>
        <v>0.39371597091493138</v>
      </c>
      <c r="J6529">
        <f t="shared" si="728"/>
        <v>41.020152026620359</v>
      </c>
      <c r="K6529">
        <f t="shared" si="729"/>
        <v>3.4306239814618071</v>
      </c>
      <c r="L6529">
        <f t="shared" si="730"/>
        <v>1.7153119907309036</v>
      </c>
      <c r="M6529">
        <f t="shared" si="731"/>
        <v>0</v>
      </c>
      <c r="N6529" s="45">
        <f t="shared" si="732"/>
        <v>45197.624999984248</v>
      </c>
    </row>
    <row r="6530" spans="2:14" x14ac:dyDescent="0.25">
      <c r="B6530">
        <f t="shared" si="726"/>
        <v>4</v>
      </c>
      <c r="C6530" s="16">
        <v>6496</v>
      </c>
      <c r="D6530" cm="1">
        <f t="array" ref="D6530">IFERROR(INDEX(Jesper!AH$2:AH$366,ROUNDDOWN($C6530/24,0)+1,1)*INDEX($D$3:$AA$30,INDEX(Jesper!$R$2:$R$366,ROW(INDEX(Jesper!AH$2:AH$366,ROUNDDOWN($C6530/24,0)+1,1))-1)+IF('Standard Profiles'!$G$18=$B$10,7,0)+IF('Standard Profiles'!$G$18=$B$17,14,0)+IF('Standard Profiles'!$G$18=$B$24,21,0),MOD($C6530,24)+1)/SUM(INDEX($D$3:$AA$30,INDEX(Jesper!$R$2:$R$366,ROW(INDEX(Jesper!AH$2:AH$366,ROUNDDOWN($C6530/24,0)+1,1))-1)+IF('Standard Profiles'!$G$18=$B$10,7,0)+IF('Standard Profiles'!$G$18=$B$17,14,0)+IF('Standard Profiles'!$G$18=$B$24,21,0),0)),0)</f>
        <v>18.952665969013331</v>
      </c>
      <c r="E6530" cm="1">
        <f t="array" ref="E6530">IFERROR(INDEX(Jesper!AI$2:AI$366,ROUNDDOWN($C6530/24,0)+1,1)*INDEX($D$3:$AA$30,INDEX(Jesper!$R$2:$R$366,ROW(INDEX(Jesper!AI$2:AI$366,ROUNDDOWN($C6530/24,0)+1,1))-1)+IF('Standard Profiles'!$G$19=$B$10,7,0)+IF('Standard Profiles'!$G$19=$B$17,14,0)+IF('Standard Profiles'!$G$19=$B$24,21,0),MOD($C6530,24)+1)/SUM(INDEX($D$3:$AA$30,INDEX(Jesper!$R$2:$R$366,ROW(INDEX(Jesper!AI$2:AI$366,ROUNDDOWN($C6530/24,0)+1,1))-1)+IF('Standard Profiles'!$G$19=$B$10,7,0)+IF('Standard Profiles'!$G$19=$B$17,14,0)+IF('Standard Profiles'!$G$19=$B$24,21,0),0)),0)</f>
        <v>8.0010047095692123</v>
      </c>
      <c r="F6530" cm="1">
        <f t="array" ref="F6530">IFERROR(INDEX(Jesper!AJ$2:AJ$366,ROUNDDOWN($C6530/24,0)+1,1)*INDEX($D$3:$AA$30,INDEX(Jesper!$R$2:$R$366,ROW(INDEX(Jesper!AJ$2:AJ$366,ROUNDDOWN($C6530/24,0)+1,1))-1)+IF('Standard Profiles'!$G$20=$B$10,7,0)+IF('Standard Profiles'!$G$20=$B$17,14,0)+IF('Standard Profiles'!$G$20=$B$24,21,0),MOD($C6530,24)+1)/SUM(INDEX($D$3:$AA$30,INDEX(Jesper!$R$2:$R$366,ROW(INDEX(Jesper!AJ$2:AJ$366,ROUNDDOWN($C6530/24,0)+1,1))-1)+IF('Standard Profiles'!$G$20=$B$10,7,0)+IF('Standard Profiles'!$G$20=$B$17,14,0)+IF('Standard Profiles'!$G$20=$B$24,21,0),0)),0)</f>
        <v>0</v>
      </c>
      <c r="G6530" cm="1">
        <f t="array" ref="G6530">IFERROR(INDEX(Jesper!AK$2:AK$366,ROUNDDOWN($C6530/24,0)+1,1)*INDEX($D$3:$AA$30,INDEX(Jesper!$R$2:$R$366,ROW(INDEX(Jesper!AK$2:AK$366,ROUNDDOWN($C6530/24,0)+1,1))-1)+IF('Standard Profiles'!$G$21=$B$10,7,0)+IF('Standard Profiles'!$G$21=$B$17,14,0)+IF('Standard Profiles'!$G$21=$B$24,21,0),MOD($C6530,24)+1)/SUM(INDEX($D$3:$AA$30,INDEX(Jesper!$R$2:$R$366,ROW(INDEX(Jesper!AK$2:AK$366,ROUNDDOWN($C6530/24,0)+1,1))-1)+IF('Standard Profiles'!$G$21=$B$10,7,0)+IF('Standard Profiles'!$G$21=$B$17,14,0)+IF('Standard Profiles'!$G$21=$B$24,21,0),0)),0)</f>
        <v>0.68538661295612979</v>
      </c>
      <c r="H6530" cm="1">
        <f t="array" ref="H6530">IFERROR(INDEX(Jesper!AL$2:AL$366,ROUNDDOWN($C6530/24,0)+1,1)*INDEX($D$3:$AA$30,INDEX(Jesper!$R$2:$R$366,ROW(INDEX(Jesper!AL$2:AL$366,ROUNDDOWN($C6530/24,0)+1,1))-1)+IF('Standard Profiles'!$G$22=$B$10,7,0)+IF('Standard Profiles'!$G$22=$B$17,14,0)+IF('Standard Profiles'!$G$22=$B$24,21,0),MOD($C6530,24)+1)/SUM(INDEX($D$3:$AA$30,INDEX(Jesper!$R$2:$R$366,ROW(INDEX(Jesper!AL$2:AL$366,ROUNDDOWN($C6530/24,0)+1,1))-1)+IF('Standard Profiles'!$G$22=$B$10,7,0)+IF('Standard Profiles'!$G$22=$B$17,14,0)+IF('Standard Profiles'!$G$22=$B$24,21,0),0)),0)</f>
        <v>0</v>
      </c>
      <c r="I6530">
        <f t="shared" si="727"/>
        <v>0.32898557421894215</v>
      </c>
      <c r="J6530">
        <f t="shared" si="728"/>
        <v>24.277645162277601</v>
      </c>
      <c r="K6530">
        <f t="shared" si="729"/>
        <v>2.021617703361422</v>
      </c>
      <c r="L6530">
        <f t="shared" si="730"/>
        <v>1.010808851680711</v>
      </c>
      <c r="M6530">
        <f t="shared" si="731"/>
        <v>0</v>
      </c>
      <c r="N6530" s="45">
        <f t="shared" si="732"/>
        <v>45197.666666650912</v>
      </c>
    </row>
    <row r="6531" spans="2:14" x14ac:dyDescent="0.25">
      <c r="B6531">
        <f t="shared" si="726"/>
        <v>4</v>
      </c>
      <c r="C6531" s="16">
        <v>6497</v>
      </c>
      <c r="D6531" cm="1">
        <f t="array" ref="D6531">IFERROR(INDEX(Jesper!AH$2:AH$366,ROUNDDOWN($C6531/24,0)+1,1)*INDEX($D$3:$AA$30,INDEX(Jesper!$R$2:$R$366,ROW(INDEX(Jesper!AH$2:AH$366,ROUNDDOWN($C6531/24,0)+1,1))-1)+IF('Standard Profiles'!$G$18=$B$10,7,0)+IF('Standard Profiles'!$G$18=$B$17,14,0)+IF('Standard Profiles'!$G$18=$B$24,21,0),MOD($C6531,24)+1)/SUM(INDEX($D$3:$AA$30,INDEX(Jesper!$R$2:$R$366,ROW(INDEX(Jesper!AH$2:AH$366,ROUNDDOWN($C6531/24,0)+1,1))-1)+IF('Standard Profiles'!$G$18=$B$10,7,0)+IF('Standard Profiles'!$G$18=$B$17,14,0)+IF('Standard Profiles'!$G$18=$B$24,21,0),0)),0)</f>
        <v>8.0890593124256647</v>
      </c>
      <c r="E6531" cm="1">
        <f t="array" ref="E6531">IFERROR(INDEX(Jesper!AI$2:AI$366,ROUNDDOWN($C6531/24,0)+1,1)*INDEX($D$3:$AA$30,INDEX(Jesper!$R$2:$R$366,ROW(INDEX(Jesper!AI$2:AI$366,ROUNDDOWN($C6531/24,0)+1,1))-1)+IF('Standard Profiles'!$G$19=$B$10,7,0)+IF('Standard Profiles'!$G$19=$B$17,14,0)+IF('Standard Profiles'!$G$19=$B$24,21,0),MOD($C6531,24)+1)/SUM(INDEX($D$3:$AA$30,INDEX(Jesper!$R$2:$R$366,ROW(INDEX(Jesper!AI$2:AI$366,ROUNDDOWN($C6531/24,0)+1,1))-1)+IF('Standard Profiles'!$G$19=$B$10,7,0)+IF('Standard Profiles'!$G$19=$B$17,14,0)+IF('Standard Profiles'!$G$19=$B$24,21,0),0)),0)</f>
        <v>3.4148547629403385</v>
      </c>
      <c r="F6531" cm="1">
        <f t="array" ref="F6531">IFERROR(INDEX(Jesper!AJ$2:AJ$366,ROUNDDOWN($C6531/24,0)+1,1)*INDEX($D$3:$AA$30,INDEX(Jesper!$R$2:$R$366,ROW(INDEX(Jesper!AJ$2:AJ$366,ROUNDDOWN($C6531/24,0)+1,1))-1)+IF('Standard Profiles'!$G$20=$B$10,7,0)+IF('Standard Profiles'!$G$20=$B$17,14,0)+IF('Standard Profiles'!$G$20=$B$24,21,0),MOD($C6531,24)+1)/SUM(INDEX($D$3:$AA$30,INDEX(Jesper!$R$2:$R$366,ROW(INDEX(Jesper!AJ$2:AJ$366,ROUNDDOWN($C6531/24,0)+1,1))-1)+IF('Standard Profiles'!$G$20=$B$10,7,0)+IF('Standard Profiles'!$G$20=$B$17,14,0)+IF('Standard Profiles'!$G$20=$B$24,21,0),0)),0)</f>
        <v>0</v>
      </c>
      <c r="G6531" cm="1">
        <f t="array" ref="G6531">IFERROR(INDEX(Jesper!AK$2:AK$366,ROUNDDOWN($C6531/24,0)+1,1)*INDEX($D$3:$AA$30,INDEX(Jesper!$R$2:$R$366,ROW(INDEX(Jesper!AK$2:AK$366,ROUNDDOWN($C6531/24,0)+1,1))-1)+IF('Standard Profiles'!$G$21=$B$10,7,0)+IF('Standard Profiles'!$G$21=$B$17,14,0)+IF('Standard Profiles'!$G$21=$B$24,21,0),MOD($C6531,24)+1)/SUM(INDEX($D$3:$AA$30,INDEX(Jesper!$R$2:$R$366,ROW(INDEX(Jesper!AK$2:AK$366,ROUNDDOWN($C6531/24,0)+1,1))-1)+IF('Standard Profiles'!$G$21=$B$10,7,0)+IF('Standard Profiles'!$G$21=$B$17,14,0)+IF('Standard Profiles'!$G$21=$B$24,21,0),0)),0)</f>
        <v>0.5449757961530316</v>
      </c>
      <c r="H6531" cm="1">
        <f t="array" ref="H6531">IFERROR(INDEX(Jesper!AL$2:AL$366,ROUNDDOWN($C6531/24,0)+1,1)*INDEX($D$3:$AA$30,INDEX(Jesper!$R$2:$R$366,ROW(INDEX(Jesper!AL$2:AL$366,ROUNDDOWN($C6531/24,0)+1,1))-1)+IF('Standard Profiles'!$G$22=$B$10,7,0)+IF('Standard Profiles'!$G$22=$B$17,14,0)+IF('Standard Profiles'!$G$22=$B$24,21,0),MOD($C6531,24)+1)/SUM(INDEX($D$3:$AA$30,INDEX(Jesper!$R$2:$R$366,ROW(INDEX(Jesper!AL$2:AL$366,ROUNDDOWN($C6531/24,0)+1,1))-1)+IF('Standard Profiles'!$G$22=$B$10,7,0)+IF('Standard Profiles'!$G$22=$B$17,14,0)+IF('Standard Profiles'!$G$22=$B$24,21,0),0)),0)</f>
        <v>0</v>
      </c>
      <c r="I6531">
        <f t="shared" si="727"/>
        <v>0.26158838215345503</v>
      </c>
      <c r="J6531">
        <f t="shared" si="728"/>
        <v>10.493051999377474</v>
      </c>
      <c r="K6531">
        <f t="shared" si="729"/>
        <v>0.86283299332540431</v>
      </c>
      <c r="L6531">
        <f t="shared" si="730"/>
        <v>0.43141649666270215</v>
      </c>
      <c r="M6531">
        <f t="shared" si="731"/>
        <v>0</v>
      </c>
      <c r="N6531" s="45">
        <f t="shared" si="732"/>
        <v>45197.708333317576</v>
      </c>
    </row>
    <row r="6532" spans="2:14" x14ac:dyDescent="0.25">
      <c r="B6532">
        <f t="shared" si="726"/>
        <v>4</v>
      </c>
      <c r="C6532" s="16">
        <v>6498</v>
      </c>
      <c r="D6532" cm="1">
        <f t="array" ref="D6532">IFERROR(INDEX(Jesper!AH$2:AH$366,ROUNDDOWN($C6532/24,0)+1,1)*INDEX($D$3:$AA$30,INDEX(Jesper!$R$2:$R$366,ROW(INDEX(Jesper!AH$2:AH$366,ROUNDDOWN($C6532/24,0)+1,1))-1)+IF('Standard Profiles'!$G$18=$B$10,7,0)+IF('Standard Profiles'!$G$18=$B$17,14,0)+IF('Standard Profiles'!$G$18=$B$24,21,0),MOD($C6532,24)+1)/SUM(INDEX($D$3:$AA$30,INDEX(Jesper!$R$2:$R$366,ROW(INDEX(Jesper!AH$2:AH$366,ROUNDDOWN($C6532/24,0)+1,1))-1)+IF('Standard Profiles'!$G$18=$B$10,7,0)+IF('Standard Profiles'!$G$18=$B$17,14,0)+IF('Standard Profiles'!$G$18=$B$24,21,0),0)),0)</f>
        <v>5.3387791462009391</v>
      </c>
      <c r="E6532" cm="1">
        <f t="array" ref="E6532">IFERROR(INDEX(Jesper!AI$2:AI$366,ROUNDDOWN($C6532/24,0)+1,1)*INDEX($D$3:$AA$30,INDEX(Jesper!$R$2:$R$366,ROW(INDEX(Jesper!AI$2:AI$366,ROUNDDOWN($C6532/24,0)+1,1))-1)+IF('Standard Profiles'!$G$19=$B$10,7,0)+IF('Standard Profiles'!$G$19=$B$17,14,0)+IF('Standard Profiles'!$G$19=$B$24,21,0),MOD($C6532,24)+1)/SUM(INDEX($D$3:$AA$30,INDEX(Jesper!$R$2:$R$366,ROW(INDEX(Jesper!AI$2:AI$366,ROUNDDOWN($C6532/24,0)+1,1))-1)+IF('Standard Profiles'!$G$19=$B$10,7,0)+IF('Standard Profiles'!$G$19=$B$17,14,0)+IF('Standard Profiles'!$G$19=$B$24,21,0),0)),0)</f>
        <v>2.2538041435406235</v>
      </c>
      <c r="F6532" cm="1">
        <f t="array" ref="F6532">IFERROR(INDEX(Jesper!AJ$2:AJ$366,ROUNDDOWN($C6532/24,0)+1,1)*INDEX($D$3:$AA$30,INDEX(Jesper!$R$2:$R$366,ROW(INDEX(Jesper!AJ$2:AJ$366,ROUNDDOWN($C6532/24,0)+1,1))-1)+IF('Standard Profiles'!$G$20=$B$10,7,0)+IF('Standard Profiles'!$G$20=$B$17,14,0)+IF('Standard Profiles'!$G$20=$B$24,21,0),MOD($C6532,24)+1)/SUM(INDEX($D$3:$AA$30,INDEX(Jesper!$R$2:$R$366,ROW(INDEX(Jesper!AJ$2:AJ$366,ROUNDDOWN($C6532/24,0)+1,1))-1)+IF('Standard Profiles'!$G$20=$B$10,7,0)+IF('Standard Profiles'!$G$20=$B$17,14,0)+IF('Standard Profiles'!$G$20=$B$24,21,0),0)),0)</f>
        <v>0</v>
      </c>
      <c r="G6532" cm="1">
        <f t="array" ref="G6532">IFERROR(INDEX(Jesper!AK$2:AK$366,ROUNDDOWN($C6532/24,0)+1,1)*INDEX($D$3:$AA$30,INDEX(Jesper!$R$2:$R$366,ROW(INDEX(Jesper!AK$2:AK$366,ROUNDDOWN($C6532/24,0)+1,1))-1)+IF('Standard Profiles'!$G$21=$B$10,7,0)+IF('Standard Profiles'!$G$21=$B$17,14,0)+IF('Standard Profiles'!$G$21=$B$24,21,0),MOD($C6532,24)+1)/SUM(INDEX($D$3:$AA$30,INDEX(Jesper!$R$2:$R$366,ROW(INDEX(Jesper!AK$2:AK$366,ROUNDDOWN($C6532/24,0)+1,1))-1)+IF('Standard Profiles'!$G$21=$B$10,7,0)+IF('Standard Profiles'!$G$21=$B$17,14,0)+IF('Standard Profiles'!$G$21=$B$24,21,0),0)),0)</f>
        <v>0.20202995223467346</v>
      </c>
      <c r="H6532" cm="1">
        <f t="array" ref="H6532">IFERROR(INDEX(Jesper!AL$2:AL$366,ROUNDDOWN($C6532/24,0)+1,1)*INDEX($D$3:$AA$30,INDEX(Jesper!$R$2:$R$366,ROW(INDEX(Jesper!AL$2:AL$366,ROUNDDOWN($C6532/24,0)+1,1))-1)+IF('Standard Profiles'!$G$22=$B$10,7,0)+IF('Standard Profiles'!$G$22=$B$17,14,0)+IF('Standard Profiles'!$G$22=$B$24,21,0),MOD($C6532,24)+1)/SUM(INDEX($D$3:$AA$30,INDEX(Jesper!$R$2:$R$366,ROW(INDEX(Jesper!AL$2:AL$366,ROUNDDOWN($C6532/24,0)+1,1))-1)+IF('Standard Profiles'!$G$22=$B$10,7,0)+IF('Standard Profiles'!$G$22=$B$17,14,0)+IF('Standard Profiles'!$G$22=$B$24,21,0),0)),0)</f>
        <v>0</v>
      </c>
      <c r="I6532">
        <f t="shared" si="727"/>
        <v>9.6974377072643211E-2</v>
      </c>
      <c r="J6532">
        <f t="shared" si="728"/>
        <v>6.8434342015114424</v>
      </c>
      <c r="K6532">
        <f t="shared" si="729"/>
        <v>0.56946977559476686</v>
      </c>
      <c r="L6532">
        <f t="shared" si="730"/>
        <v>0.28473488779738343</v>
      </c>
      <c r="M6532">
        <f t="shared" si="731"/>
        <v>0</v>
      </c>
      <c r="N6532" s="45">
        <f t="shared" si="732"/>
        <v>45197.74999998424</v>
      </c>
    </row>
    <row r="6533" spans="2:14" x14ac:dyDescent="0.25">
      <c r="B6533">
        <f t="shared" si="726"/>
        <v>4</v>
      </c>
      <c r="C6533" s="16">
        <v>6499</v>
      </c>
      <c r="D6533" cm="1">
        <f t="array" ref="D6533">IFERROR(INDEX(Jesper!AH$2:AH$366,ROUNDDOWN($C6533/24,0)+1,1)*INDEX($D$3:$AA$30,INDEX(Jesper!$R$2:$R$366,ROW(INDEX(Jesper!AH$2:AH$366,ROUNDDOWN($C6533/24,0)+1,1))-1)+IF('Standard Profiles'!$G$18=$B$10,7,0)+IF('Standard Profiles'!$G$18=$B$17,14,0)+IF('Standard Profiles'!$G$18=$B$24,21,0),MOD($C6533,24)+1)/SUM(INDEX($D$3:$AA$30,INDEX(Jesper!$R$2:$R$366,ROW(INDEX(Jesper!AH$2:AH$366,ROUNDDOWN($C6533/24,0)+1,1))-1)+IF('Standard Profiles'!$G$18=$B$10,7,0)+IF('Standard Profiles'!$G$18=$B$17,14,0)+IF('Standard Profiles'!$G$18=$B$24,21,0),0)),0)</f>
        <v>5.3387791462009391</v>
      </c>
      <c r="E6533" cm="1">
        <f t="array" ref="E6533">IFERROR(INDEX(Jesper!AI$2:AI$366,ROUNDDOWN($C6533/24,0)+1,1)*INDEX($D$3:$AA$30,INDEX(Jesper!$R$2:$R$366,ROW(INDEX(Jesper!AI$2:AI$366,ROUNDDOWN($C6533/24,0)+1,1))-1)+IF('Standard Profiles'!$G$19=$B$10,7,0)+IF('Standard Profiles'!$G$19=$B$17,14,0)+IF('Standard Profiles'!$G$19=$B$24,21,0),MOD($C6533,24)+1)/SUM(INDEX($D$3:$AA$30,INDEX(Jesper!$R$2:$R$366,ROW(INDEX(Jesper!AI$2:AI$366,ROUNDDOWN($C6533/24,0)+1,1))-1)+IF('Standard Profiles'!$G$19=$B$10,7,0)+IF('Standard Profiles'!$G$19=$B$17,14,0)+IF('Standard Profiles'!$G$19=$B$24,21,0),0)),0)</f>
        <v>2.2538041435406235</v>
      </c>
      <c r="F6533" cm="1">
        <f t="array" ref="F6533">IFERROR(INDEX(Jesper!AJ$2:AJ$366,ROUNDDOWN($C6533/24,0)+1,1)*INDEX($D$3:$AA$30,INDEX(Jesper!$R$2:$R$366,ROW(INDEX(Jesper!AJ$2:AJ$366,ROUNDDOWN($C6533/24,0)+1,1))-1)+IF('Standard Profiles'!$G$20=$B$10,7,0)+IF('Standard Profiles'!$G$20=$B$17,14,0)+IF('Standard Profiles'!$G$20=$B$24,21,0),MOD($C6533,24)+1)/SUM(INDEX($D$3:$AA$30,INDEX(Jesper!$R$2:$R$366,ROW(INDEX(Jesper!AJ$2:AJ$366,ROUNDDOWN($C6533/24,0)+1,1))-1)+IF('Standard Profiles'!$G$20=$B$10,7,0)+IF('Standard Profiles'!$G$20=$B$17,14,0)+IF('Standard Profiles'!$G$20=$B$24,21,0),0)),0)</f>
        <v>0</v>
      </c>
      <c r="G6533" cm="1">
        <f t="array" ref="G6533">IFERROR(INDEX(Jesper!AK$2:AK$366,ROUNDDOWN($C6533/24,0)+1,1)*INDEX($D$3:$AA$30,INDEX(Jesper!$R$2:$R$366,ROW(INDEX(Jesper!AK$2:AK$366,ROUNDDOWN($C6533/24,0)+1,1))-1)+IF('Standard Profiles'!$G$21=$B$10,7,0)+IF('Standard Profiles'!$G$21=$B$17,14,0)+IF('Standard Profiles'!$G$21=$B$24,21,0),MOD($C6533,24)+1)/SUM(INDEX($D$3:$AA$30,INDEX(Jesper!$R$2:$R$366,ROW(INDEX(Jesper!AK$2:AK$366,ROUNDDOWN($C6533/24,0)+1,1))-1)+IF('Standard Profiles'!$G$21=$B$10,7,0)+IF('Standard Profiles'!$G$21=$B$17,14,0)+IF('Standard Profiles'!$G$21=$B$24,21,0),0)),0)</f>
        <v>0.20202995223467346</v>
      </c>
      <c r="H6533" cm="1">
        <f t="array" ref="H6533">IFERROR(INDEX(Jesper!AL$2:AL$366,ROUNDDOWN($C6533/24,0)+1,1)*INDEX($D$3:$AA$30,INDEX(Jesper!$R$2:$R$366,ROW(INDEX(Jesper!AL$2:AL$366,ROUNDDOWN($C6533/24,0)+1,1))-1)+IF('Standard Profiles'!$G$22=$B$10,7,0)+IF('Standard Profiles'!$G$22=$B$17,14,0)+IF('Standard Profiles'!$G$22=$B$24,21,0),MOD($C6533,24)+1)/SUM(INDEX($D$3:$AA$30,INDEX(Jesper!$R$2:$R$366,ROW(INDEX(Jesper!AL$2:AL$366,ROUNDDOWN($C6533/24,0)+1,1))-1)+IF('Standard Profiles'!$G$22=$B$10,7,0)+IF('Standard Profiles'!$G$22=$B$17,14,0)+IF('Standard Profiles'!$G$22=$B$24,21,0),0)),0)</f>
        <v>0</v>
      </c>
      <c r="I6533">
        <f t="shared" si="727"/>
        <v>9.6974377072643211E-2</v>
      </c>
      <c r="J6533">
        <f t="shared" si="728"/>
        <v>6.8434342015114424</v>
      </c>
      <c r="K6533">
        <f t="shared" si="729"/>
        <v>0.56946977559476686</v>
      </c>
      <c r="L6533">
        <f t="shared" si="730"/>
        <v>0.28473488779738343</v>
      </c>
      <c r="M6533">
        <f t="shared" si="731"/>
        <v>0</v>
      </c>
      <c r="N6533" s="45">
        <f t="shared" si="732"/>
        <v>45197.791666650905</v>
      </c>
    </row>
    <row r="6534" spans="2:14" x14ac:dyDescent="0.25">
      <c r="B6534">
        <f t="shared" si="726"/>
        <v>4</v>
      </c>
      <c r="C6534" s="16">
        <v>6500</v>
      </c>
      <c r="D6534" cm="1">
        <f t="array" ref="D6534">IFERROR(INDEX(Jesper!AH$2:AH$366,ROUNDDOWN($C6534/24,0)+1,1)*INDEX($D$3:$AA$30,INDEX(Jesper!$R$2:$R$366,ROW(INDEX(Jesper!AH$2:AH$366,ROUNDDOWN($C6534/24,0)+1,1))-1)+IF('Standard Profiles'!$G$18=$B$10,7,0)+IF('Standard Profiles'!$G$18=$B$17,14,0)+IF('Standard Profiles'!$G$18=$B$24,21,0),MOD($C6534,24)+1)/SUM(INDEX($D$3:$AA$30,INDEX(Jesper!$R$2:$R$366,ROW(INDEX(Jesper!AH$2:AH$366,ROUNDDOWN($C6534/24,0)+1,1))-1)+IF('Standard Profiles'!$G$18=$B$10,7,0)+IF('Standard Profiles'!$G$18=$B$17,14,0)+IF('Standard Profiles'!$G$18=$B$24,21,0),0)),0)</f>
        <v>5.3387791462009391</v>
      </c>
      <c r="E6534" cm="1">
        <f t="array" ref="E6534">IFERROR(INDEX(Jesper!AI$2:AI$366,ROUNDDOWN($C6534/24,0)+1,1)*INDEX($D$3:$AA$30,INDEX(Jesper!$R$2:$R$366,ROW(INDEX(Jesper!AI$2:AI$366,ROUNDDOWN($C6534/24,0)+1,1))-1)+IF('Standard Profiles'!$G$19=$B$10,7,0)+IF('Standard Profiles'!$G$19=$B$17,14,0)+IF('Standard Profiles'!$G$19=$B$24,21,0),MOD($C6534,24)+1)/SUM(INDEX($D$3:$AA$30,INDEX(Jesper!$R$2:$R$366,ROW(INDEX(Jesper!AI$2:AI$366,ROUNDDOWN($C6534/24,0)+1,1))-1)+IF('Standard Profiles'!$G$19=$B$10,7,0)+IF('Standard Profiles'!$G$19=$B$17,14,0)+IF('Standard Profiles'!$G$19=$B$24,21,0),0)),0)</f>
        <v>2.2538041435406235</v>
      </c>
      <c r="F6534" cm="1">
        <f t="array" ref="F6534">IFERROR(INDEX(Jesper!AJ$2:AJ$366,ROUNDDOWN($C6534/24,0)+1,1)*INDEX($D$3:$AA$30,INDEX(Jesper!$R$2:$R$366,ROW(INDEX(Jesper!AJ$2:AJ$366,ROUNDDOWN($C6534/24,0)+1,1))-1)+IF('Standard Profiles'!$G$20=$B$10,7,0)+IF('Standard Profiles'!$G$20=$B$17,14,0)+IF('Standard Profiles'!$G$20=$B$24,21,0),MOD($C6534,24)+1)/SUM(INDEX($D$3:$AA$30,INDEX(Jesper!$R$2:$R$366,ROW(INDEX(Jesper!AJ$2:AJ$366,ROUNDDOWN($C6534/24,0)+1,1))-1)+IF('Standard Profiles'!$G$20=$B$10,7,0)+IF('Standard Profiles'!$G$20=$B$17,14,0)+IF('Standard Profiles'!$G$20=$B$24,21,0),0)),0)</f>
        <v>0</v>
      </c>
      <c r="G6534" cm="1">
        <f t="array" ref="G6534">IFERROR(INDEX(Jesper!AK$2:AK$366,ROUNDDOWN($C6534/24,0)+1,1)*INDEX($D$3:$AA$30,INDEX(Jesper!$R$2:$R$366,ROW(INDEX(Jesper!AK$2:AK$366,ROUNDDOWN($C6534/24,0)+1,1))-1)+IF('Standard Profiles'!$G$21=$B$10,7,0)+IF('Standard Profiles'!$G$21=$B$17,14,0)+IF('Standard Profiles'!$G$21=$B$24,21,0),MOD($C6534,24)+1)/SUM(INDEX($D$3:$AA$30,INDEX(Jesper!$R$2:$R$366,ROW(INDEX(Jesper!AK$2:AK$366,ROUNDDOWN($C6534/24,0)+1,1))-1)+IF('Standard Profiles'!$G$21=$B$10,7,0)+IF('Standard Profiles'!$G$21=$B$17,14,0)+IF('Standard Profiles'!$G$21=$B$24,21,0),0)),0)</f>
        <v>0.20202995223467346</v>
      </c>
      <c r="H6534" cm="1">
        <f t="array" ref="H6534">IFERROR(INDEX(Jesper!AL$2:AL$366,ROUNDDOWN($C6534/24,0)+1,1)*INDEX($D$3:$AA$30,INDEX(Jesper!$R$2:$R$366,ROW(INDEX(Jesper!AL$2:AL$366,ROUNDDOWN($C6534/24,0)+1,1))-1)+IF('Standard Profiles'!$G$22=$B$10,7,0)+IF('Standard Profiles'!$G$22=$B$17,14,0)+IF('Standard Profiles'!$G$22=$B$24,21,0),MOD($C6534,24)+1)/SUM(INDEX($D$3:$AA$30,INDEX(Jesper!$R$2:$R$366,ROW(INDEX(Jesper!AL$2:AL$366,ROUNDDOWN($C6534/24,0)+1,1))-1)+IF('Standard Profiles'!$G$22=$B$10,7,0)+IF('Standard Profiles'!$G$22=$B$17,14,0)+IF('Standard Profiles'!$G$22=$B$24,21,0),0)),0)</f>
        <v>0</v>
      </c>
      <c r="I6534">
        <f t="shared" si="727"/>
        <v>9.6974377072643211E-2</v>
      </c>
      <c r="J6534">
        <f t="shared" si="728"/>
        <v>6.8434342015114424</v>
      </c>
      <c r="K6534">
        <f t="shared" si="729"/>
        <v>0.56946977559476686</v>
      </c>
      <c r="L6534">
        <f t="shared" si="730"/>
        <v>0.28473488779738343</v>
      </c>
      <c r="M6534">
        <f t="shared" si="731"/>
        <v>0</v>
      </c>
      <c r="N6534" s="45">
        <f t="shared" si="732"/>
        <v>45197.833333317569</v>
      </c>
    </row>
    <row r="6535" spans="2:14" x14ac:dyDescent="0.25">
      <c r="B6535">
        <f t="shared" si="726"/>
        <v>4</v>
      </c>
      <c r="C6535" s="16">
        <v>6501</v>
      </c>
      <c r="D6535" cm="1">
        <f t="array" ref="D6535">IFERROR(INDEX(Jesper!AH$2:AH$366,ROUNDDOWN($C6535/24,0)+1,1)*INDEX($D$3:$AA$30,INDEX(Jesper!$R$2:$R$366,ROW(INDEX(Jesper!AH$2:AH$366,ROUNDDOWN($C6535/24,0)+1,1))-1)+IF('Standard Profiles'!$G$18=$B$10,7,0)+IF('Standard Profiles'!$G$18=$B$17,14,0)+IF('Standard Profiles'!$G$18=$B$24,21,0),MOD($C6535,24)+1)/SUM(INDEX($D$3:$AA$30,INDEX(Jesper!$R$2:$R$366,ROW(INDEX(Jesper!AH$2:AH$366,ROUNDDOWN($C6535/24,0)+1,1))-1)+IF('Standard Profiles'!$G$18=$B$10,7,0)+IF('Standard Profiles'!$G$18=$B$17,14,0)+IF('Standard Profiles'!$G$18=$B$24,21,0),0)),0)</f>
        <v>5.3387791462009391</v>
      </c>
      <c r="E6535" cm="1">
        <f t="array" ref="E6535">IFERROR(INDEX(Jesper!AI$2:AI$366,ROUNDDOWN($C6535/24,0)+1,1)*INDEX($D$3:$AA$30,INDEX(Jesper!$R$2:$R$366,ROW(INDEX(Jesper!AI$2:AI$366,ROUNDDOWN($C6535/24,0)+1,1))-1)+IF('Standard Profiles'!$G$19=$B$10,7,0)+IF('Standard Profiles'!$G$19=$B$17,14,0)+IF('Standard Profiles'!$G$19=$B$24,21,0),MOD($C6535,24)+1)/SUM(INDEX($D$3:$AA$30,INDEX(Jesper!$R$2:$R$366,ROW(INDEX(Jesper!AI$2:AI$366,ROUNDDOWN($C6535/24,0)+1,1))-1)+IF('Standard Profiles'!$G$19=$B$10,7,0)+IF('Standard Profiles'!$G$19=$B$17,14,0)+IF('Standard Profiles'!$G$19=$B$24,21,0),0)),0)</f>
        <v>2.2538041435406235</v>
      </c>
      <c r="F6535" cm="1">
        <f t="array" ref="F6535">IFERROR(INDEX(Jesper!AJ$2:AJ$366,ROUNDDOWN($C6535/24,0)+1,1)*INDEX($D$3:$AA$30,INDEX(Jesper!$R$2:$R$366,ROW(INDEX(Jesper!AJ$2:AJ$366,ROUNDDOWN($C6535/24,0)+1,1))-1)+IF('Standard Profiles'!$G$20=$B$10,7,0)+IF('Standard Profiles'!$G$20=$B$17,14,0)+IF('Standard Profiles'!$G$20=$B$24,21,0),MOD($C6535,24)+1)/SUM(INDEX($D$3:$AA$30,INDEX(Jesper!$R$2:$R$366,ROW(INDEX(Jesper!AJ$2:AJ$366,ROUNDDOWN($C6535/24,0)+1,1))-1)+IF('Standard Profiles'!$G$20=$B$10,7,0)+IF('Standard Profiles'!$G$20=$B$17,14,0)+IF('Standard Profiles'!$G$20=$B$24,21,0),0)),0)</f>
        <v>0</v>
      </c>
      <c r="G6535" cm="1">
        <f t="array" ref="G6535">IFERROR(INDEX(Jesper!AK$2:AK$366,ROUNDDOWN($C6535/24,0)+1,1)*INDEX($D$3:$AA$30,INDEX(Jesper!$R$2:$R$366,ROW(INDEX(Jesper!AK$2:AK$366,ROUNDDOWN($C6535/24,0)+1,1))-1)+IF('Standard Profiles'!$G$21=$B$10,7,0)+IF('Standard Profiles'!$G$21=$B$17,14,0)+IF('Standard Profiles'!$G$21=$B$24,21,0),MOD($C6535,24)+1)/SUM(INDEX($D$3:$AA$30,INDEX(Jesper!$R$2:$R$366,ROW(INDEX(Jesper!AK$2:AK$366,ROUNDDOWN($C6535/24,0)+1,1))-1)+IF('Standard Profiles'!$G$21=$B$10,7,0)+IF('Standard Profiles'!$G$21=$B$17,14,0)+IF('Standard Profiles'!$G$21=$B$24,21,0),0)),0)</f>
        <v>0.20202995223467346</v>
      </c>
      <c r="H6535" cm="1">
        <f t="array" ref="H6535">IFERROR(INDEX(Jesper!AL$2:AL$366,ROUNDDOWN($C6535/24,0)+1,1)*INDEX($D$3:$AA$30,INDEX(Jesper!$R$2:$R$366,ROW(INDEX(Jesper!AL$2:AL$366,ROUNDDOWN($C6535/24,0)+1,1))-1)+IF('Standard Profiles'!$G$22=$B$10,7,0)+IF('Standard Profiles'!$G$22=$B$17,14,0)+IF('Standard Profiles'!$G$22=$B$24,21,0),MOD($C6535,24)+1)/SUM(INDEX($D$3:$AA$30,INDEX(Jesper!$R$2:$R$366,ROW(INDEX(Jesper!AL$2:AL$366,ROUNDDOWN($C6535/24,0)+1,1))-1)+IF('Standard Profiles'!$G$22=$B$10,7,0)+IF('Standard Profiles'!$G$22=$B$17,14,0)+IF('Standard Profiles'!$G$22=$B$24,21,0),0)),0)</f>
        <v>0</v>
      </c>
      <c r="I6535">
        <f t="shared" si="727"/>
        <v>9.6974377072643211E-2</v>
      </c>
      <c r="J6535">
        <f t="shared" si="728"/>
        <v>6.8434342015114424</v>
      </c>
      <c r="K6535">
        <f t="shared" si="729"/>
        <v>0.56946977559476686</v>
      </c>
      <c r="L6535">
        <f t="shared" si="730"/>
        <v>0.28473488779738343</v>
      </c>
      <c r="M6535">
        <f t="shared" si="731"/>
        <v>0</v>
      </c>
      <c r="N6535" s="45">
        <f t="shared" si="732"/>
        <v>45197.874999984233</v>
      </c>
    </row>
    <row r="6536" spans="2:14" x14ac:dyDescent="0.25">
      <c r="B6536">
        <f t="shared" si="726"/>
        <v>4</v>
      </c>
      <c r="C6536" s="16">
        <v>6502</v>
      </c>
      <c r="D6536" cm="1">
        <f t="array" ref="D6536">IFERROR(INDEX(Jesper!AH$2:AH$366,ROUNDDOWN($C6536/24,0)+1,1)*INDEX($D$3:$AA$30,INDEX(Jesper!$R$2:$R$366,ROW(INDEX(Jesper!AH$2:AH$366,ROUNDDOWN($C6536/24,0)+1,1))-1)+IF('Standard Profiles'!$G$18=$B$10,7,0)+IF('Standard Profiles'!$G$18=$B$17,14,0)+IF('Standard Profiles'!$G$18=$B$24,21,0),MOD($C6536,24)+1)/SUM(INDEX($D$3:$AA$30,INDEX(Jesper!$R$2:$R$366,ROW(INDEX(Jesper!AH$2:AH$366,ROUNDDOWN($C6536/24,0)+1,1))-1)+IF('Standard Profiles'!$G$18=$B$10,7,0)+IF('Standard Profiles'!$G$18=$B$17,14,0)+IF('Standard Profiles'!$G$18=$B$24,21,0),0)),0)</f>
        <v>5.3387791462009391</v>
      </c>
      <c r="E6536" cm="1">
        <f t="array" ref="E6536">IFERROR(INDEX(Jesper!AI$2:AI$366,ROUNDDOWN($C6536/24,0)+1,1)*INDEX($D$3:$AA$30,INDEX(Jesper!$R$2:$R$366,ROW(INDEX(Jesper!AI$2:AI$366,ROUNDDOWN($C6536/24,0)+1,1))-1)+IF('Standard Profiles'!$G$19=$B$10,7,0)+IF('Standard Profiles'!$G$19=$B$17,14,0)+IF('Standard Profiles'!$G$19=$B$24,21,0),MOD($C6536,24)+1)/SUM(INDEX($D$3:$AA$30,INDEX(Jesper!$R$2:$R$366,ROW(INDEX(Jesper!AI$2:AI$366,ROUNDDOWN($C6536/24,0)+1,1))-1)+IF('Standard Profiles'!$G$19=$B$10,7,0)+IF('Standard Profiles'!$G$19=$B$17,14,0)+IF('Standard Profiles'!$G$19=$B$24,21,0),0)),0)</f>
        <v>2.2538041435406235</v>
      </c>
      <c r="F6536" cm="1">
        <f t="array" ref="F6536">IFERROR(INDEX(Jesper!AJ$2:AJ$366,ROUNDDOWN($C6536/24,0)+1,1)*INDEX($D$3:$AA$30,INDEX(Jesper!$R$2:$R$366,ROW(INDEX(Jesper!AJ$2:AJ$366,ROUNDDOWN($C6536/24,0)+1,1))-1)+IF('Standard Profiles'!$G$20=$B$10,7,0)+IF('Standard Profiles'!$G$20=$B$17,14,0)+IF('Standard Profiles'!$G$20=$B$24,21,0),MOD($C6536,24)+1)/SUM(INDEX($D$3:$AA$30,INDEX(Jesper!$R$2:$R$366,ROW(INDEX(Jesper!AJ$2:AJ$366,ROUNDDOWN($C6536/24,0)+1,1))-1)+IF('Standard Profiles'!$G$20=$B$10,7,0)+IF('Standard Profiles'!$G$20=$B$17,14,0)+IF('Standard Profiles'!$G$20=$B$24,21,0),0)),0)</f>
        <v>0</v>
      </c>
      <c r="G6536" cm="1">
        <f t="array" ref="G6536">IFERROR(INDEX(Jesper!AK$2:AK$366,ROUNDDOWN($C6536/24,0)+1,1)*INDEX($D$3:$AA$30,INDEX(Jesper!$R$2:$R$366,ROW(INDEX(Jesper!AK$2:AK$366,ROUNDDOWN($C6536/24,0)+1,1))-1)+IF('Standard Profiles'!$G$21=$B$10,7,0)+IF('Standard Profiles'!$G$21=$B$17,14,0)+IF('Standard Profiles'!$G$21=$B$24,21,0),MOD($C6536,24)+1)/SUM(INDEX($D$3:$AA$30,INDEX(Jesper!$R$2:$R$366,ROW(INDEX(Jesper!AK$2:AK$366,ROUNDDOWN($C6536/24,0)+1,1))-1)+IF('Standard Profiles'!$G$21=$B$10,7,0)+IF('Standard Profiles'!$G$21=$B$17,14,0)+IF('Standard Profiles'!$G$21=$B$24,21,0),0)),0)</f>
        <v>0.20202995223467346</v>
      </c>
      <c r="H6536" cm="1">
        <f t="array" ref="H6536">IFERROR(INDEX(Jesper!AL$2:AL$366,ROUNDDOWN($C6536/24,0)+1,1)*INDEX($D$3:$AA$30,INDEX(Jesper!$R$2:$R$366,ROW(INDEX(Jesper!AL$2:AL$366,ROUNDDOWN($C6536/24,0)+1,1))-1)+IF('Standard Profiles'!$G$22=$B$10,7,0)+IF('Standard Profiles'!$G$22=$B$17,14,0)+IF('Standard Profiles'!$G$22=$B$24,21,0),MOD($C6536,24)+1)/SUM(INDEX($D$3:$AA$30,INDEX(Jesper!$R$2:$R$366,ROW(INDEX(Jesper!AL$2:AL$366,ROUNDDOWN($C6536/24,0)+1,1))-1)+IF('Standard Profiles'!$G$22=$B$10,7,0)+IF('Standard Profiles'!$G$22=$B$17,14,0)+IF('Standard Profiles'!$G$22=$B$24,21,0),0)),0)</f>
        <v>0</v>
      </c>
      <c r="I6536">
        <f t="shared" si="727"/>
        <v>9.6974377072643211E-2</v>
      </c>
      <c r="J6536">
        <f t="shared" si="728"/>
        <v>6.8434342015114424</v>
      </c>
      <c r="K6536">
        <f t="shared" si="729"/>
        <v>0.56946977559476686</v>
      </c>
      <c r="L6536">
        <f t="shared" si="730"/>
        <v>0.28473488779738343</v>
      </c>
      <c r="M6536">
        <f t="shared" si="731"/>
        <v>0</v>
      </c>
      <c r="N6536" s="45">
        <f t="shared" si="732"/>
        <v>45197.916666650897</v>
      </c>
    </row>
    <row r="6537" spans="2:14" x14ac:dyDescent="0.25">
      <c r="B6537">
        <f t="shared" si="726"/>
        <v>4</v>
      </c>
      <c r="C6537" s="16">
        <v>6503</v>
      </c>
      <c r="D6537" cm="1">
        <f t="array" ref="D6537">IFERROR(INDEX(Jesper!AH$2:AH$366,ROUNDDOWN($C6537/24,0)+1,1)*INDEX($D$3:$AA$30,INDEX(Jesper!$R$2:$R$366,ROW(INDEX(Jesper!AH$2:AH$366,ROUNDDOWN($C6537/24,0)+1,1))-1)+IF('Standard Profiles'!$G$18=$B$10,7,0)+IF('Standard Profiles'!$G$18=$B$17,14,0)+IF('Standard Profiles'!$G$18=$B$24,21,0),MOD($C6537,24)+1)/SUM(INDEX($D$3:$AA$30,INDEX(Jesper!$R$2:$R$366,ROW(INDEX(Jesper!AH$2:AH$366,ROUNDDOWN($C6537/24,0)+1,1))-1)+IF('Standard Profiles'!$G$18=$B$10,7,0)+IF('Standard Profiles'!$G$18=$B$17,14,0)+IF('Standard Profiles'!$G$18=$B$24,21,0),0)),0)</f>
        <v>5.3387791462009391</v>
      </c>
      <c r="E6537" cm="1">
        <f t="array" ref="E6537">IFERROR(INDEX(Jesper!AI$2:AI$366,ROUNDDOWN($C6537/24,0)+1,1)*INDEX($D$3:$AA$30,INDEX(Jesper!$R$2:$R$366,ROW(INDEX(Jesper!AI$2:AI$366,ROUNDDOWN($C6537/24,0)+1,1))-1)+IF('Standard Profiles'!$G$19=$B$10,7,0)+IF('Standard Profiles'!$G$19=$B$17,14,0)+IF('Standard Profiles'!$G$19=$B$24,21,0),MOD($C6537,24)+1)/SUM(INDEX($D$3:$AA$30,INDEX(Jesper!$R$2:$R$366,ROW(INDEX(Jesper!AI$2:AI$366,ROUNDDOWN($C6537/24,0)+1,1))-1)+IF('Standard Profiles'!$G$19=$B$10,7,0)+IF('Standard Profiles'!$G$19=$B$17,14,0)+IF('Standard Profiles'!$G$19=$B$24,21,0),0)),0)</f>
        <v>2.2538041435406235</v>
      </c>
      <c r="F6537" cm="1">
        <f t="array" ref="F6537">IFERROR(INDEX(Jesper!AJ$2:AJ$366,ROUNDDOWN($C6537/24,0)+1,1)*INDEX($D$3:$AA$30,INDEX(Jesper!$R$2:$R$366,ROW(INDEX(Jesper!AJ$2:AJ$366,ROUNDDOWN($C6537/24,0)+1,1))-1)+IF('Standard Profiles'!$G$20=$B$10,7,0)+IF('Standard Profiles'!$G$20=$B$17,14,0)+IF('Standard Profiles'!$G$20=$B$24,21,0),MOD($C6537,24)+1)/SUM(INDEX($D$3:$AA$30,INDEX(Jesper!$R$2:$R$366,ROW(INDEX(Jesper!AJ$2:AJ$366,ROUNDDOWN($C6537/24,0)+1,1))-1)+IF('Standard Profiles'!$G$20=$B$10,7,0)+IF('Standard Profiles'!$G$20=$B$17,14,0)+IF('Standard Profiles'!$G$20=$B$24,21,0),0)),0)</f>
        <v>0</v>
      </c>
      <c r="G6537" cm="1">
        <f t="array" ref="G6537">IFERROR(INDEX(Jesper!AK$2:AK$366,ROUNDDOWN($C6537/24,0)+1,1)*INDEX($D$3:$AA$30,INDEX(Jesper!$R$2:$R$366,ROW(INDEX(Jesper!AK$2:AK$366,ROUNDDOWN($C6537/24,0)+1,1))-1)+IF('Standard Profiles'!$G$21=$B$10,7,0)+IF('Standard Profiles'!$G$21=$B$17,14,0)+IF('Standard Profiles'!$G$21=$B$24,21,0),MOD($C6537,24)+1)/SUM(INDEX($D$3:$AA$30,INDEX(Jesper!$R$2:$R$366,ROW(INDEX(Jesper!AK$2:AK$366,ROUNDDOWN($C6537/24,0)+1,1))-1)+IF('Standard Profiles'!$G$21=$B$10,7,0)+IF('Standard Profiles'!$G$21=$B$17,14,0)+IF('Standard Profiles'!$G$21=$B$24,21,0),0)),0)</f>
        <v>0.20202995223467346</v>
      </c>
      <c r="H6537" cm="1">
        <f t="array" ref="H6537">IFERROR(INDEX(Jesper!AL$2:AL$366,ROUNDDOWN($C6537/24,0)+1,1)*INDEX($D$3:$AA$30,INDEX(Jesper!$R$2:$R$366,ROW(INDEX(Jesper!AL$2:AL$366,ROUNDDOWN($C6537/24,0)+1,1))-1)+IF('Standard Profiles'!$G$22=$B$10,7,0)+IF('Standard Profiles'!$G$22=$B$17,14,0)+IF('Standard Profiles'!$G$22=$B$24,21,0),MOD($C6537,24)+1)/SUM(INDEX($D$3:$AA$30,INDEX(Jesper!$R$2:$R$366,ROW(INDEX(Jesper!AL$2:AL$366,ROUNDDOWN($C6537/24,0)+1,1))-1)+IF('Standard Profiles'!$G$22=$B$10,7,0)+IF('Standard Profiles'!$G$22=$B$17,14,0)+IF('Standard Profiles'!$G$22=$B$24,21,0),0)),0)</f>
        <v>0</v>
      </c>
      <c r="I6537">
        <f t="shared" si="727"/>
        <v>9.6974377072643211E-2</v>
      </c>
      <c r="J6537">
        <f t="shared" si="728"/>
        <v>6.8434342015114424</v>
      </c>
      <c r="K6537">
        <f t="shared" si="729"/>
        <v>0.56946977559476686</v>
      </c>
      <c r="L6537">
        <f t="shared" si="730"/>
        <v>0.28473488779738343</v>
      </c>
      <c r="M6537">
        <f t="shared" si="731"/>
        <v>0</v>
      </c>
      <c r="N6537" s="45">
        <f t="shared" si="732"/>
        <v>45197.958333317561</v>
      </c>
    </row>
    <row r="6538" spans="2:14" x14ac:dyDescent="0.25">
      <c r="B6538">
        <f t="shared" si="726"/>
        <v>5</v>
      </c>
      <c r="C6538" s="16">
        <v>6504</v>
      </c>
      <c r="D6538" cm="1">
        <f t="array" ref="D6538">IFERROR(INDEX(Jesper!AH$2:AH$366,ROUNDDOWN($C6538/24,0)+1,1)*INDEX($D$3:$AA$30,INDEX(Jesper!$R$2:$R$366,ROW(INDEX(Jesper!AH$2:AH$366,ROUNDDOWN($C6538/24,0)+1,1))-1)+IF('Standard Profiles'!$G$18=$B$10,7,0)+IF('Standard Profiles'!$G$18=$B$17,14,0)+IF('Standard Profiles'!$G$18=$B$24,21,0),MOD($C6538,24)+1)/SUM(INDEX($D$3:$AA$30,INDEX(Jesper!$R$2:$R$366,ROW(INDEX(Jesper!AH$2:AH$366,ROUNDDOWN($C6538/24,0)+1,1))-1)+IF('Standard Profiles'!$G$18=$B$10,7,0)+IF('Standard Profiles'!$G$18=$B$17,14,0)+IF('Standard Profiles'!$G$18=$B$24,21,0),0)),0)</f>
        <v>8.2314683700422293</v>
      </c>
      <c r="E6538" cm="1">
        <f t="array" ref="E6538">IFERROR(INDEX(Jesper!AI$2:AI$366,ROUNDDOWN($C6538/24,0)+1,1)*INDEX($D$3:$AA$30,INDEX(Jesper!$R$2:$R$366,ROW(INDEX(Jesper!AI$2:AI$366,ROUNDDOWN($C6538/24,0)+1,1))-1)+IF('Standard Profiles'!$G$19=$B$10,7,0)+IF('Standard Profiles'!$G$19=$B$17,14,0)+IF('Standard Profiles'!$G$19=$B$24,21,0),MOD($C6538,24)+1)/SUM(INDEX($D$3:$AA$30,INDEX(Jesper!$R$2:$R$366,ROW(INDEX(Jesper!AI$2:AI$366,ROUNDDOWN($C6538/24,0)+1,1))-1)+IF('Standard Profiles'!$G$19=$B$10,7,0)+IF('Standard Profiles'!$G$19=$B$17,14,0)+IF('Standard Profiles'!$G$19=$B$24,21,0),0)),0)</f>
        <v>3.5771586355509291</v>
      </c>
      <c r="F6538" cm="1">
        <f t="array" ref="F6538">IFERROR(INDEX(Jesper!AJ$2:AJ$366,ROUNDDOWN($C6538/24,0)+1,1)*INDEX($D$3:$AA$30,INDEX(Jesper!$R$2:$R$366,ROW(INDEX(Jesper!AJ$2:AJ$366,ROUNDDOWN($C6538/24,0)+1,1))-1)+IF('Standard Profiles'!$G$20=$B$10,7,0)+IF('Standard Profiles'!$G$20=$B$17,14,0)+IF('Standard Profiles'!$G$20=$B$24,21,0),MOD($C6538,24)+1)/SUM(INDEX($D$3:$AA$30,INDEX(Jesper!$R$2:$R$366,ROW(INDEX(Jesper!AJ$2:AJ$366,ROUNDDOWN($C6538/24,0)+1,1))-1)+IF('Standard Profiles'!$G$20=$B$10,7,0)+IF('Standard Profiles'!$G$20=$B$17,14,0)+IF('Standard Profiles'!$G$20=$B$24,21,0),0)),0)</f>
        <v>0</v>
      </c>
      <c r="G6538" cm="1">
        <f t="array" ref="G6538">IFERROR(INDEX(Jesper!AK$2:AK$366,ROUNDDOWN($C6538/24,0)+1,1)*INDEX($D$3:$AA$30,INDEX(Jesper!$R$2:$R$366,ROW(INDEX(Jesper!AK$2:AK$366,ROUNDDOWN($C6538/24,0)+1,1))-1)+IF('Standard Profiles'!$G$21=$B$10,7,0)+IF('Standard Profiles'!$G$21=$B$17,14,0)+IF('Standard Profiles'!$G$21=$B$24,21,0),MOD($C6538,24)+1)/SUM(INDEX($D$3:$AA$30,INDEX(Jesper!$R$2:$R$366,ROW(INDEX(Jesper!AK$2:AK$366,ROUNDDOWN($C6538/24,0)+1,1))-1)+IF('Standard Profiles'!$G$21=$B$10,7,0)+IF('Standard Profiles'!$G$21=$B$17,14,0)+IF('Standard Profiles'!$G$21=$B$24,21,0),0)),0)</f>
        <v>0.31026831905797081</v>
      </c>
      <c r="H6538" cm="1">
        <f t="array" ref="H6538">IFERROR(INDEX(Jesper!AL$2:AL$366,ROUNDDOWN($C6538/24,0)+1,1)*INDEX($D$3:$AA$30,INDEX(Jesper!$R$2:$R$366,ROW(INDEX(Jesper!AL$2:AL$366,ROUNDDOWN($C6538/24,0)+1,1))-1)+IF('Standard Profiles'!$G$22=$B$10,7,0)+IF('Standard Profiles'!$G$22=$B$17,14,0)+IF('Standard Profiles'!$G$22=$B$24,21,0),MOD($C6538,24)+1)/SUM(INDEX($D$3:$AA$30,INDEX(Jesper!$R$2:$R$366,ROW(INDEX(Jesper!AL$2:AL$366,ROUNDDOWN($C6538/24,0)+1,1))-1)+IF('Standard Profiles'!$G$22=$B$10,7,0)+IF('Standard Profiles'!$G$22=$B$17,14,0)+IF('Standard Profiles'!$G$22=$B$24,21,0),0)),0)</f>
        <v>0</v>
      </c>
      <c r="I6538">
        <f t="shared" si="727"/>
        <v>0.14892879314782592</v>
      </c>
      <c r="J6538">
        <f t="shared" si="728"/>
        <v>10.652931592296547</v>
      </c>
      <c r="K6538">
        <f t="shared" si="729"/>
        <v>0.87802329280450453</v>
      </c>
      <c r="L6538">
        <f t="shared" si="730"/>
        <v>0.43901164640225226</v>
      </c>
      <c r="M6538">
        <f t="shared" si="731"/>
        <v>0</v>
      </c>
      <c r="N6538" s="45">
        <f t="shared" si="732"/>
        <v>45197.999999984226</v>
      </c>
    </row>
    <row r="6539" spans="2:14" x14ac:dyDescent="0.25">
      <c r="B6539">
        <f t="shared" si="726"/>
        <v>5</v>
      </c>
      <c r="C6539" s="16">
        <v>6505</v>
      </c>
      <c r="D6539" cm="1">
        <f t="array" ref="D6539">IFERROR(INDEX(Jesper!AH$2:AH$366,ROUNDDOWN($C6539/24,0)+1,1)*INDEX($D$3:$AA$30,INDEX(Jesper!$R$2:$R$366,ROW(INDEX(Jesper!AH$2:AH$366,ROUNDDOWN($C6539/24,0)+1,1))-1)+IF('Standard Profiles'!$G$18=$B$10,7,0)+IF('Standard Profiles'!$G$18=$B$17,14,0)+IF('Standard Profiles'!$G$18=$B$24,21,0),MOD($C6539,24)+1)/SUM(INDEX($D$3:$AA$30,INDEX(Jesper!$R$2:$R$366,ROW(INDEX(Jesper!AH$2:AH$366,ROUNDDOWN($C6539/24,0)+1,1))-1)+IF('Standard Profiles'!$G$18=$B$10,7,0)+IF('Standard Profiles'!$G$18=$B$17,14,0)+IF('Standard Profiles'!$G$18=$B$24,21,0),0)),0)</f>
        <v>4.9887687091165036</v>
      </c>
      <c r="E6539" cm="1">
        <f t="array" ref="E6539">IFERROR(INDEX(Jesper!AI$2:AI$366,ROUNDDOWN($C6539/24,0)+1,1)*INDEX($D$3:$AA$30,INDEX(Jesper!$R$2:$R$366,ROW(INDEX(Jesper!AI$2:AI$366,ROUNDDOWN($C6539/24,0)+1,1))-1)+IF('Standard Profiles'!$G$19=$B$10,7,0)+IF('Standard Profiles'!$G$19=$B$17,14,0)+IF('Standard Profiles'!$G$19=$B$24,21,0),MOD($C6539,24)+1)/SUM(INDEX($D$3:$AA$30,INDEX(Jesper!$R$2:$R$366,ROW(INDEX(Jesper!AI$2:AI$366,ROUNDDOWN($C6539/24,0)+1,1))-1)+IF('Standard Profiles'!$G$19=$B$10,7,0)+IF('Standard Profiles'!$G$19=$B$17,14,0)+IF('Standard Profiles'!$G$19=$B$24,21,0),0)),0)</f>
        <v>2.1679749306369267</v>
      </c>
      <c r="F6539" cm="1">
        <f t="array" ref="F6539">IFERROR(INDEX(Jesper!AJ$2:AJ$366,ROUNDDOWN($C6539/24,0)+1,1)*INDEX($D$3:$AA$30,INDEX(Jesper!$R$2:$R$366,ROW(INDEX(Jesper!AJ$2:AJ$366,ROUNDDOWN($C6539/24,0)+1,1))-1)+IF('Standard Profiles'!$G$20=$B$10,7,0)+IF('Standard Profiles'!$G$20=$B$17,14,0)+IF('Standard Profiles'!$G$20=$B$24,21,0),MOD($C6539,24)+1)/SUM(INDEX($D$3:$AA$30,INDEX(Jesper!$R$2:$R$366,ROW(INDEX(Jesper!AJ$2:AJ$366,ROUNDDOWN($C6539/24,0)+1,1))-1)+IF('Standard Profiles'!$G$20=$B$10,7,0)+IF('Standard Profiles'!$G$20=$B$17,14,0)+IF('Standard Profiles'!$G$20=$B$24,21,0),0)),0)</f>
        <v>0</v>
      </c>
      <c r="G6539" cm="1">
        <f t="array" ref="G6539">IFERROR(INDEX(Jesper!AK$2:AK$366,ROUNDDOWN($C6539/24,0)+1,1)*INDEX($D$3:$AA$30,INDEX(Jesper!$R$2:$R$366,ROW(INDEX(Jesper!AK$2:AK$366,ROUNDDOWN($C6539/24,0)+1,1))-1)+IF('Standard Profiles'!$G$21=$B$10,7,0)+IF('Standard Profiles'!$G$21=$B$17,14,0)+IF('Standard Profiles'!$G$21=$B$24,21,0),MOD($C6539,24)+1)/SUM(INDEX($D$3:$AA$30,INDEX(Jesper!$R$2:$R$366,ROW(INDEX(Jesper!AK$2:AK$366,ROUNDDOWN($C6539/24,0)+1,1))-1)+IF('Standard Profiles'!$G$21=$B$10,7,0)+IF('Standard Profiles'!$G$21=$B$17,14,0)+IF('Standard Profiles'!$G$21=$B$24,21,0),0)),0)</f>
        <v>0.31026831905797081</v>
      </c>
      <c r="H6539" cm="1">
        <f t="array" ref="H6539">IFERROR(INDEX(Jesper!AL$2:AL$366,ROUNDDOWN($C6539/24,0)+1,1)*INDEX($D$3:$AA$30,INDEX(Jesper!$R$2:$R$366,ROW(INDEX(Jesper!AL$2:AL$366,ROUNDDOWN($C6539/24,0)+1,1))-1)+IF('Standard Profiles'!$G$22=$B$10,7,0)+IF('Standard Profiles'!$G$22=$B$17,14,0)+IF('Standard Profiles'!$G$22=$B$24,21,0),MOD($C6539,24)+1)/SUM(INDEX($D$3:$AA$30,INDEX(Jesper!$R$2:$R$366,ROW(INDEX(Jesper!AL$2:AL$366,ROUNDDOWN($C6539/24,0)+1,1))-1)+IF('Standard Profiles'!$G$22=$B$10,7,0)+IF('Standard Profiles'!$G$22=$B$17,14,0)+IF('Standard Profiles'!$G$22=$B$24,21,0),0)),0)</f>
        <v>0</v>
      </c>
      <c r="I6539">
        <f t="shared" si="727"/>
        <v>0.14892879314782592</v>
      </c>
      <c r="J6539">
        <f t="shared" si="728"/>
        <v>6.5198801722049344</v>
      </c>
      <c r="K6539">
        <f t="shared" si="729"/>
        <v>0.5321353289724271</v>
      </c>
      <c r="L6539">
        <f t="shared" si="730"/>
        <v>0.26606766448621355</v>
      </c>
      <c r="M6539">
        <f t="shared" si="731"/>
        <v>0</v>
      </c>
      <c r="N6539" s="45">
        <f t="shared" si="732"/>
        <v>45198.04166665089</v>
      </c>
    </row>
    <row r="6540" spans="2:14" x14ac:dyDescent="0.25">
      <c r="B6540">
        <f t="shared" si="726"/>
        <v>5</v>
      </c>
      <c r="C6540" s="16">
        <v>6506</v>
      </c>
      <c r="D6540" cm="1">
        <f t="array" ref="D6540">IFERROR(INDEX(Jesper!AH$2:AH$366,ROUNDDOWN($C6540/24,0)+1,1)*INDEX($D$3:$AA$30,INDEX(Jesper!$R$2:$R$366,ROW(INDEX(Jesper!AH$2:AH$366,ROUNDDOWN($C6540/24,0)+1,1))-1)+IF('Standard Profiles'!$G$18=$B$10,7,0)+IF('Standard Profiles'!$G$18=$B$17,14,0)+IF('Standard Profiles'!$G$18=$B$24,21,0),MOD($C6540,24)+1)/SUM(INDEX($D$3:$AA$30,INDEX(Jesper!$R$2:$R$366,ROW(INDEX(Jesper!AH$2:AH$366,ROUNDDOWN($C6540/24,0)+1,1))-1)+IF('Standard Profiles'!$G$18=$B$10,7,0)+IF('Standard Profiles'!$G$18=$B$17,14,0)+IF('Standard Profiles'!$G$18=$B$24,21,0),0)),0)</f>
        <v>4.9887687091165036</v>
      </c>
      <c r="E6540" cm="1">
        <f t="array" ref="E6540">IFERROR(INDEX(Jesper!AI$2:AI$366,ROUNDDOWN($C6540/24,0)+1,1)*INDEX($D$3:$AA$30,INDEX(Jesper!$R$2:$R$366,ROW(INDEX(Jesper!AI$2:AI$366,ROUNDDOWN($C6540/24,0)+1,1))-1)+IF('Standard Profiles'!$G$19=$B$10,7,0)+IF('Standard Profiles'!$G$19=$B$17,14,0)+IF('Standard Profiles'!$G$19=$B$24,21,0),MOD($C6540,24)+1)/SUM(INDEX($D$3:$AA$30,INDEX(Jesper!$R$2:$R$366,ROW(INDEX(Jesper!AI$2:AI$366,ROUNDDOWN($C6540/24,0)+1,1))-1)+IF('Standard Profiles'!$G$19=$B$10,7,0)+IF('Standard Profiles'!$G$19=$B$17,14,0)+IF('Standard Profiles'!$G$19=$B$24,21,0),0)),0)</f>
        <v>2.1679749306369267</v>
      </c>
      <c r="F6540" cm="1">
        <f t="array" ref="F6540">IFERROR(INDEX(Jesper!AJ$2:AJ$366,ROUNDDOWN($C6540/24,0)+1,1)*INDEX($D$3:$AA$30,INDEX(Jesper!$R$2:$R$366,ROW(INDEX(Jesper!AJ$2:AJ$366,ROUNDDOWN($C6540/24,0)+1,1))-1)+IF('Standard Profiles'!$G$20=$B$10,7,0)+IF('Standard Profiles'!$G$20=$B$17,14,0)+IF('Standard Profiles'!$G$20=$B$24,21,0),MOD($C6540,24)+1)/SUM(INDEX($D$3:$AA$30,INDEX(Jesper!$R$2:$R$366,ROW(INDEX(Jesper!AJ$2:AJ$366,ROUNDDOWN($C6540/24,0)+1,1))-1)+IF('Standard Profiles'!$G$20=$B$10,7,0)+IF('Standard Profiles'!$G$20=$B$17,14,0)+IF('Standard Profiles'!$G$20=$B$24,21,0),0)),0)</f>
        <v>0</v>
      </c>
      <c r="G6540" cm="1">
        <f t="array" ref="G6540">IFERROR(INDEX(Jesper!AK$2:AK$366,ROUNDDOWN($C6540/24,0)+1,1)*INDEX($D$3:$AA$30,INDEX(Jesper!$R$2:$R$366,ROW(INDEX(Jesper!AK$2:AK$366,ROUNDDOWN($C6540/24,0)+1,1))-1)+IF('Standard Profiles'!$G$21=$B$10,7,0)+IF('Standard Profiles'!$G$21=$B$17,14,0)+IF('Standard Profiles'!$G$21=$B$24,21,0),MOD($C6540,24)+1)/SUM(INDEX($D$3:$AA$30,INDEX(Jesper!$R$2:$R$366,ROW(INDEX(Jesper!AK$2:AK$366,ROUNDDOWN($C6540/24,0)+1,1))-1)+IF('Standard Profiles'!$G$21=$B$10,7,0)+IF('Standard Profiles'!$G$21=$B$17,14,0)+IF('Standard Profiles'!$G$21=$B$24,21,0),0)),0)</f>
        <v>0.31026831905797081</v>
      </c>
      <c r="H6540" cm="1">
        <f t="array" ref="H6540">IFERROR(INDEX(Jesper!AL$2:AL$366,ROUNDDOWN($C6540/24,0)+1,1)*INDEX($D$3:$AA$30,INDEX(Jesper!$R$2:$R$366,ROW(INDEX(Jesper!AL$2:AL$366,ROUNDDOWN($C6540/24,0)+1,1))-1)+IF('Standard Profiles'!$G$22=$B$10,7,0)+IF('Standard Profiles'!$G$22=$B$17,14,0)+IF('Standard Profiles'!$G$22=$B$24,21,0),MOD($C6540,24)+1)/SUM(INDEX($D$3:$AA$30,INDEX(Jesper!$R$2:$R$366,ROW(INDEX(Jesper!AL$2:AL$366,ROUNDDOWN($C6540/24,0)+1,1))-1)+IF('Standard Profiles'!$G$22=$B$10,7,0)+IF('Standard Profiles'!$G$22=$B$17,14,0)+IF('Standard Profiles'!$G$22=$B$24,21,0),0)),0)</f>
        <v>0</v>
      </c>
      <c r="I6540">
        <f t="shared" si="727"/>
        <v>0.14892879314782592</v>
      </c>
      <c r="J6540">
        <f t="shared" si="728"/>
        <v>6.5198801722049344</v>
      </c>
      <c r="K6540">
        <f t="shared" si="729"/>
        <v>0.5321353289724271</v>
      </c>
      <c r="L6540">
        <f t="shared" si="730"/>
        <v>0.26606766448621355</v>
      </c>
      <c r="M6540">
        <f t="shared" si="731"/>
        <v>0</v>
      </c>
      <c r="N6540" s="45">
        <f t="shared" si="732"/>
        <v>45198.083333317554</v>
      </c>
    </row>
    <row r="6541" spans="2:14" x14ac:dyDescent="0.25">
      <c r="B6541">
        <f t="shared" si="726"/>
        <v>5</v>
      </c>
      <c r="C6541" s="16">
        <v>6507</v>
      </c>
      <c r="D6541" cm="1">
        <f t="array" ref="D6541">IFERROR(INDEX(Jesper!AH$2:AH$366,ROUNDDOWN($C6541/24,0)+1,1)*INDEX($D$3:$AA$30,INDEX(Jesper!$R$2:$R$366,ROW(INDEX(Jesper!AH$2:AH$366,ROUNDDOWN($C6541/24,0)+1,1))-1)+IF('Standard Profiles'!$G$18=$B$10,7,0)+IF('Standard Profiles'!$G$18=$B$17,14,0)+IF('Standard Profiles'!$G$18=$B$24,21,0),MOD($C6541,24)+1)/SUM(INDEX($D$3:$AA$30,INDEX(Jesper!$R$2:$R$366,ROW(INDEX(Jesper!AH$2:AH$366,ROUNDDOWN($C6541/24,0)+1,1))-1)+IF('Standard Profiles'!$G$18=$B$10,7,0)+IF('Standard Profiles'!$G$18=$B$17,14,0)+IF('Standard Profiles'!$G$18=$B$24,21,0),0)),0)</f>
        <v>4.9887687091165036</v>
      </c>
      <c r="E6541" cm="1">
        <f t="array" ref="E6541">IFERROR(INDEX(Jesper!AI$2:AI$366,ROUNDDOWN($C6541/24,0)+1,1)*INDEX($D$3:$AA$30,INDEX(Jesper!$R$2:$R$366,ROW(INDEX(Jesper!AI$2:AI$366,ROUNDDOWN($C6541/24,0)+1,1))-1)+IF('Standard Profiles'!$G$19=$B$10,7,0)+IF('Standard Profiles'!$G$19=$B$17,14,0)+IF('Standard Profiles'!$G$19=$B$24,21,0),MOD($C6541,24)+1)/SUM(INDEX($D$3:$AA$30,INDEX(Jesper!$R$2:$R$366,ROW(INDEX(Jesper!AI$2:AI$366,ROUNDDOWN($C6541/24,0)+1,1))-1)+IF('Standard Profiles'!$G$19=$B$10,7,0)+IF('Standard Profiles'!$G$19=$B$17,14,0)+IF('Standard Profiles'!$G$19=$B$24,21,0),0)),0)</f>
        <v>2.1679749306369267</v>
      </c>
      <c r="F6541" cm="1">
        <f t="array" ref="F6541">IFERROR(INDEX(Jesper!AJ$2:AJ$366,ROUNDDOWN($C6541/24,0)+1,1)*INDEX($D$3:$AA$30,INDEX(Jesper!$R$2:$R$366,ROW(INDEX(Jesper!AJ$2:AJ$366,ROUNDDOWN($C6541/24,0)+1,1))-1)+IF('Standard Profiles'!$G$20=$B$10,7,0)+IF('Standard Profiles'!$G$20=$B$17,14,0)+IF('Standard Profiles'!$G$20=$B$24,21,0),MOD($C6541,24)+1)/SUM(INDEX($D$3:$AA$30,INDEX(Jesper!$R$2:$R$366,ROW(INDEX(Jesper!AJ$2:AJ$366,ROUNDDOWN($C6541/24,0)+1,1))-1)+IF('Standard Profiles'!$G$20=$B$10,7,0)+IF('Standard Profiles'!$G$20=$B$17,14,0)+IF('Standard Profiles'!$G$20=$B$24,21,0),0)),0)</f>
        <v>0</v>
      </c>
      <c r="G6541" cm="1">
        <f t="array" ref="G6541">IFERROR(INDEX(Jesper!AK$2:AK$366,ROUNDDOWN($C6541/24,0)+1,1)*INDEX($D$3:$AA$30,INDEX(Jesper!$R$2:$R$366,ROW(INDEX(Jesper!AK$2:AK$366,ROUNDDOWN($C6541/24,0)+1,1))-1)+IF('Standard Profiles'!$G$21=$B$10,7,0)+IF('Standard Profiles'!$G$21=$B$17,14,0)+IF('Standard Profiles'!$G$21=$B$24,21,0),MOD($C6541,24)+1)/SUM(INDEX($D$3:$AA$30,INDEX(Jesper!$R$2:$R$366,ROW(INDEX(Jesper!AK$2:AK$366,ROUNDDOWN($C6541/24,0)+1,1))-1)+IF('Standard Profiles'!$G$21=$B$10,7,0)+IF('Standard Profiles'!$G$21=$B$17,14,0)+IF('Standard Profiles'!$G$21=$B$24,21,0),0)),0)</f>
        <v>0.31026831905797081</v>
      </c>
      <c r="H6541" cm="1">
        <f t="array" ref="H6541">IFERROR(INDEX(Jesper!AL$2:AL$366,ROUNDDOWN($C6541/24,0)+1,1)*INDEX($D$3:$AA$30,INDEX(Jesper!$R$2:$R$366,ROW(INDEX(Jesper!AL$2:AL$366,ROUNDDOWN($C6541/24,0)+1,1))-1)+IF('Standard Profiles'!$G$22=$B$10,7,0)+IF('Standard Profiles'!$G$22=$B$17,14,0)+IF('Standard Profiles'!$G$22=$B$24,21,0),MOD($C6541,24)+1)/SUM(INDEX($D$3:$AA$30,INDEX(Jesper!$R$2:$R$366,ROW(INDEX(Jesper!AL$2:AL$366,ROUNDDOWN($C6541/24,0)+1,1))-1)+IF('Standard Profiles'!$G$22=$B$10,7,0)+IF('Standard Profiles'!$G$22=$B$17,14,0)+IF('Standard Profiles'!$G$22=$B$24,21,0),0)),0)</f>
        <v>0</v>
      </c>
      <c r="I6541">
        <f t="shared" si="727"/>
        <v>0.14892879314782592</v>
      </c>
      <c r="J6541">
        <f t="shared" si="728"/>
        <v>6.5198801722049344</v>
      </c>
      <c r="K6541">
        <f t="shared" si="729"/>
        <v>0.5321353289724271</v>
      </c>
      <c r="L6541">
        <f t="shared" si="730"/>
        <v>0.26606766448621355</v>
      </c>
      <c r="M6541">
        <f t="shared" si="731"/>
        <v>0</v>
      </c>
      <c r="N6541" s="45">
        <f t="shared" si="732"/>
        <v>45198.124999984218</v>
      </c>
    </row>
    <row r="6542" spans="2:14" x14ac:dyDescent="0.25">
      <c r="B6542">
        <f t="shared" si="726"/>
        <v>5</v>
      </c>
      <c r="C6542" s="16">
        <v>6508</v>
      </c>
      <c r="D6542" cm="1">
        <f t="array" ref="D6542">IFERROR(INDEX(Jesper!AH$2:AH$366,ROUNDDOWN($C6542/24,0)+1,1)*INDEX($D$3:$AA$30,INDEX(Jesper!$R$2:$R$366,ROW(INDEX(Jesper!AH$2:AH$366,ROUNDDOWN($C6542/24,0)+1,1))-1)+IF('Standard Profiles'!$G$18=$B$10,7,0)+IF('Standard Profiles'!$G$18=$B$17,14,0)+IF('Standard Profiles'!$G$18=$B$24,21,0),MOD($C6542,24)+1)/SUM(INDEX($D$3:$AA$30,INDEX(Jesper!$R$2:$R$366,ROW(INDEX(Jesper!AH$2:AH$366,ROUNDDOWN($C6542/24,0)+1,1))-1)+IF('Standard Profiles'!$G$18=$B$10,7,0)+IF('Standard Profiles'!$G$18=$B$17,14,0)+IF('Standard Profiles'!$G$18=$B$24,21,0),0)),0)</f>
        <v>4.9887687091165036</v>
      </c>
      <c r="E6542" cm="1">
        <f t="array" ref="E6542">IFERROR(INDEX(Jesper!AI$2:AI$366,ROUNDDOWN($C6542/24,0)+1,1)*INDEX($D$3:$AA$30,INDEX(Jesper!$R$2:$R$366,ROW(INDEX(Jesper!AI$2:AI$366,ROUNDDOWN($C6542/24,0)+1,1))-1)+IF('Standard Profiles'!$G$19=$B$10,7,0)+IF('Standard Profiles'!$G$19=$B$17,14,0)+IF('Standard Profiles'!$G$19=$B$24,21,0),MOD($C6542,24)+1)/SUM(INDEX($D$3:$AA$30,INDEX(Jesper!$R$2:$R$366,ROW(INDEX(Jesper!AI$2:AI$366,ROUNDDOWN($C6542/24,0)+1,1))-1)+IF('Standard Profiles'!$G$19=$B$10,7,0)+IF('Standard Profiles'!$G$19=$B$17,14,0)+IF('Standard Profiles'!$G$19=$B$24,21,0),0)),0)</f>
        <v>2.1679749306369267</v>
      </c>
      <c r="F6542" cm="1">
        <f t="array" ref="F6542">IFERROR(INDEX(Jesper!AJ$2:AJ$366,ROUNDDOWN($C6542/24,0)+1,1)*INDEX($D$3:$AA$30,INDEX(Jesper!$R$2:$R$366,ROW(INDEX(Jesper!AJ$2:AJ$366,ROUNDDOWN($C6542/24,0)+1,1))-1)+IF('Standard Profiles'!$G$20=$B$10,7,0)+IF('Standard Profiles'!$G$20=$B$17,14,0)+IF('Standard Profiles'!$G$20=$B$24,21,0),MOD($C6542,24)+1)/SUM(INDEX($D$3:$AA$30,INDEX(Jesper!$R$2:$R$366,ROW(INDEX(Jesper!AJ$2:AJ$366,ROUNDDOWN($C6542/24,0)+1,1))-1)+IF('Standard Profiles'!$G$20=$B$10,7,0)+IF('Standard Profiles'!$G$20=$B$17,14,0)+IF('Standard Profiles'!$G$20=$B$24,21,0),0)),0)</f>
        <v>0</v>
      </c>
      <c r="G6542" cm="1">
        <f t="array" ref="G6542">IFERROR(INDEX(Jesper!AK$2:AK$366,ROUNDDOWN($C6542/24,0)+1,1)*INDEX($D$3:$AA$30,INDEX(Jesper!$R$2:$R$366,ROW(INDEX(Jesper!AK$2:AK$366,ROUNDDOWN($C6542/24,0)+1,1))-1)+IF('Standard Profiles'!$G$21=$B$10,7,0)+IF('Standard Profiles'!$G$21=$B$17,14,0)+IF('Standard Profiles'!$G$21=$B$24,21,0),MOD($C6542,24)+1)/SUM(INDEX($D$3:$AA$30,INDEX(Jesper!$R$2:$R$366,ROW(INDEX(Jesper!AK$2:AK$366,ROUNDDOWN($C6542/24,0)+1,1))-1)+IF('Standard Profiles'!$G$21=$B$10,7,0)+IF('Standard Profiles'!$G$21=$B$17,14,0)+IF('Standard Profiles'!$G$21=$B$24,21,0),0)),0)</f>
        <v>0.31026831905797081</v>
      </c>
      <c r="H6542" cm="1">
        <f t="array" ref="H6542">IFERROR(INDEX(Jesper!AL$2:AL$366,ROUNDDOWN($C6542/24,0)+1,1)*INDEX($D$3:$AA$30,INDEX(Jesper!$R$2:$R$366,ROW(INDEX(Jesper!AL$2:AL$366,ROUNDDOWN($C6542/24,0)+1,1))-1)+IF('Standard Profiles'!$G$22=$B$10,7,0)+IF('Standard Profiles'!$G$22=$B$17,14,0)+IF('Standard Profiles'!$G$22=$B$24,21,0),MOD($C6542,24)+1)/SUM(INDEX($D$3:$AA$30,INDEX(Jesper!$R$2:$R$366,ROW(INDEX(Jesper!AL$2:AL$366,ROUNDDOWN($C6542/24,0)+1,1))-1)+IF('Standard Profiles'!$G$22=$B$10,7,0)+IF('Standard Profiles'!$G$22=$B$17,14,0)+IF('Standard Profiles'!$G$22=$B$24,21,0),0)),0)</f>
        <v>0</v>
      </c>
      <c r="I6542">
        <f t="shared" si="727"/>
        <v>0.14892879314782592</v>
      </c>
      <c r="J6542">
        <f t="shared" si="728"/>
        <v>6.5198801722049344</v>
      </c>
      <c r="K6542">
        <f t="shared" si="729"/>
        <v>0.5321353289724271</v>
      </c>
      <c r="L6542">
        <f t="shared" si="730"/>
        <v>0.26606766448621355</v>
      </c>
      <c r="M6542">
        <f t="shared" si="731"/>
        <v>0</v>
      </c>
      <c r="N6542" s="45">
        <f t="shared" si="732"/>
        <v>45198.166666650883</v>
      </c>
    </row>
    <row r="6543" spans="2:14" x14ac:dyDescent="0.25">
      <c r="B6543">
        <f t="shared" si="726"/>
        <v>5</v>
      </c>
      <c r="C6543" s="16">
        <v>6509</v>
      </c>
      <c r="D6543" cm="1">
        <f t="array" ref="D6543">IFERROR(INDEX(Jesper!AH$2:AH$366,ROUNDDOWN($C6543/24,0)+1,1)*INDEX($D$3:$AA$30,INDEX(Jesper!$R$2:$R$366,ROW(INDEX(Jesper!AH$2:AH$366,ROUNDDOWN($C6543/24,0)+1,1))-1)+IF('Standard Profiles'!$G$18=$B$10,7,0)+IF('Standard Profiles'!$G$18=$B$17,14,0)+IF('Standard Profiles'!$G$18=$B$24,21,0),MOD($C6543,24)+1)/SUM(INDEX($D$3:$AA$30,INDEX(Jesper!$R$2:$R$366,ROW(INDEX(Jesper!AH$2:AH$366,ROUNDDOWN($C6543/24,0)+1,1))-1)+IF('Standard Profiles'!$G$18=$B$10,7,0)+IF('Standard Profiles'!$G$18=$B$17,14,0)+IF('Standard Profiles'!$G$18=$B$24,21,0),0)),0)</f>
        <v>4.9887687091165036</v>
      </c>
      <c r="E6543" cm="1">
        <f t="array" ref="E6543">IFERROR(INDEX(Jesper!AI$2:AI$366,ROUNDDOWN($C6543/24,0)+1,1)*INDEX($D$3:$AA$30,INDEX(Jesper!$R$2:$R$366,ROW(INDEX(Jesper!AI$2:AI$366,ROUNDDOWN($C6543/24,0)+1,1))-1)+IF('Standard Profiles'!$G$19=$B$10,7,0)+IF('Standard Profiles'!$G$19=$B$17,14,0)+IF('Standard Profiles'!$G$19=$B$24,21,0),MOD($C6543,24)+1)/SUM(INDEX($D$3:$AA$30,INDEX(Jesper!$R$2:$R$366,ROW(INDEX(Jesper!AI$2:AI$366,ROUNDDOWN($C6543/24,0)+1,1))-1)+IF('Standard Profiles'!$G$19=$B$10,7,0)+IF('Standard Profiles'!$G$19=$B$17,14,0)+IF('Standard Profiles'!$G$19=$B$24,21,0),0)),0)</f>
        <v>2.1679749306369267</v>
      </c>
      <c r="F6543" cm="1">
        <f t="array" ref="F6543">IFERROR(INDEX(Jesper!AJ$2:AJ$366,ROUNDDOWN($C6543/24,0)+1,1)*INDEX($D$3:$AA$30,INDEX(Jesper!$R$2:$R$366,ROW(INDEX(Jesper!AJ$2:AJ$366,ROUNDDOWN($C6543/24,0)+1,1))-1)+IF('Standard Profiles'!$G$20=$B$10,7,0)+IF('Standard Profiles'!$G$20=$B$17,14,0)+IF('Standard Profiles'!$G$20=$B$24,21,0),MOD($C6543,24)+1)/SUM(INDEX($D$3:$AA$30,INDEX(Jesper!$R$2:$R$366,ROW(INDEX(Jesper!AJ$2:AJ$366,ROUNDDOWN($C6543/24,0)+1,1))-1)+IF('Standard Profiles'!$G$20=$B$10,7,0)+IF('Standard Profiles'!$G$20=$B$17,14,0)+IF('Standard Profiles'!$G$20=$B$24,21,0),0)),0)</f>
        <v>0</v>
      </c>
      <c r="G6543" cm="1">
        <f t="array" ref="G6543">IFERROR(INDEX(Jesper!AK$2:AK$366,ROUNDDOWN($C6543/24,0)+1,1)*INDEX($D$3:$AA$30,INDEX(Jesper!$R$2:$R$366,ROW(INDEX(Jesper!AK$2:AK$366,ROUNDDOWN($C6543/24,0)+1,1))-1)+IF('Standard Profiles'!$G$21=$B$10,7,0)+IF('Standard Profiles'!$G$21=$B$17,14,0)+IF('Standard Profiles'!$G$21=$B$24,21,0),MOD($C6543,24)+1)/SUM(INDEX($D$3:$AA$30,INDEX(Jesper!$R$2:$R$366,ROW(INDEX(Jesper!AK$2:AK$366,ROUNDDOWN($C6543/24,0)+1,1))-1)+IF('Standard Profiles'!$G$21=$B$10,7,0)+IF('Standard Profiles'!$G$21=$B$17,14,0)+IF('Standard Profiles'!$G$21=$B$24,21,0),0)),0)</f>
        <v>0.31026831905797081</v>
      </c>
      <c r="H6543" cm="1">
        <f t="array" ref="H6543">IFERROR(INDEX(Jesper!AL$2:AL$366,ROUNDDOWN($C6543/24,0)+1,1)*INDEX($D$3:$AA$30,INDEX(Jesper!$R$2:$R$366,ROW(INDEX(Jesper!AL$2:AL$366,ROUNDDOWN($C6543/24,0)+1,1))-1)+IF('Standard Profiles'!$G$22=$B$10,7,0)+IF('Standard Profiles'!$G$22=$B$17,14,0)+IF('Standard Profiles'!$G$22=$B$24,21,0),MOD($C6543,24)+1)/SUM(INDEX($D$3:$AA$30,INDEX(Jesper!$R$2:$R$366,ROW(INDEX(Jesper!AL$2:AL$366,ROUNDDOWN($C6543/24,0)+1,1))-1)+IF('Standard Profiles'!$G$22=$B$10,7,0)+IF('Standard Profiles'!$G$22=$B$17,14,0)+IF('Standard Profiles'!$G$22=$B$24,21,0),0)),0)</f>
        <v>0</v>
      </c>
      <c r="I6543">
        <f t="shared" si="727"/>
        <v>0.14892879314782592</v>
      </c>
      <c r="J6543">
        <f t="shared" si="728"/>
        <v>6.5198801722049344</v>
      </c>
      <c r="K6543">
        <f t="shared" si="729"/>
        <v>0.5321353289724271</v>
      </c>
      <c r="L6543">
        <f t="shared" si="730"/>
        <v>0.26606766448621355</v>
      </c>
      <c r="M6543">
        <f t="shared" si="731"/>
        <v>0</v>
      </c>
      <c r="N6543" s="45">
        <f t="shared" si="732"/>
        <v>45198.208333317547</v>
      </c>
    </row>
    <row r="6544" spans="2:14" x14ac:dyDescent="0.25">
      <c r="B6544">
        <f t="shared" si="726"/>
        <v>5</v>
      </c>
      <c r="C6544" s="16">
        <v>6510</v>
      </c>
      <c r="D6544" cm="1">
        <f t="array" ref="D6544">IFERROR(INDEX(Jesper!AH$2:AH$366,ROUNDDOWN($C6544/24,0)+1,1)*INDEX($D$3:$AA$30,INDEX(Jesper!$R$2:$R$366,ROW(INDEX(Jesper!AH$2:AH$366,ROUNDDOWN($C6544/24,0)+1,1))-1)+IF('Standard Profiles'!$G$18=$B$10,7,0)+IF('Standard Profiles'!$G$18=$B$17,14,0)+IF('Standard Profiles'!$G$18=$B$24,21,0),MOD($C6544,24)+1)/SUM(INDEX($D$3:$AA$30,INDEX(Jesper!$R$2:$R$366,ROW(INDEX(Jesper!AH$2:AH$366,ROUNDDOWN($C6544/24,0)+1,1))-1)+IF('Standard Profiles'!$G$18=$B$10,7,0)+IF('Standard Profiles'!$G$18=$B$17,14,0)+IF('Standard Profiles'!$G$18=$B$24,21,0),0)),0)</f>
        <v>4.9887687091165036</v>
      </c>
      <c r="E6544" cm="1">
        <f t="array" ref="E6544">IFERROR(INDEX(Jesper!AI$2:AI$366,ROUNDDOWN($C6544/24,0)+1,1)*INDEX($D$3:$AA$30,INDEX(Jesper!$R$2:$R$366,ROW(INDEX(Jesper!AI$2:AI$366,ROUNDDOWN($C6544/24,0)+1,1))-1)+IF('Standard Profiles'!$G$19=$B$10,7,0)+IF('Standard Profiles'!$G$19=$B$17,14,0)+IF('Standard Profiles'!$G$19=$B$24,21,0),MOD($C6544,24)+1)/SUM(INDEX($D$3:$AA$30,INDEX(Jesper!$R$2:$R$366,ROW(INDEX(Jesper!AI$2:AI$366,ROUNDDOWN($C6544/24,0)+1,1))-1)+IF('Standard Profiles'!$G$19=$B$10,7,0)+IF('Standard Profiles'!$G$19=$B$17,14,0)+IF('Standard Profiles'!$G$19=$B$24,21,0),0)),0)</f>
        <v>2.1679749306369267</v>
      </c>
      <c r="F6544" cm="1">
        <f t="array" ref="F6544">IFERROR(INDEX(Jesper!AJ$2:AJ$366,ROUNDDOWN($C6544/24,0)+1,1)*INDEX($D$3:$AA$30,INDEX(Jesper!$R$2:$R$366,ROW(INDEX(Jesper!AJ$2:AJ$366,ROUNDDOWN($C6544/24,0)+1,1))-1)+IF('Standard Profiles'!$G$20=$B$10,7,0)+IF('Standard Profiles'!$G$20=$B$17,14,0)+IF('Standard Profiles'!$G$20=$B$24,21,0),MOD($C6544,24)+1)/SUM(INDEX($D$3:$AA$30,INDEX(Jesper!$R$2:$R$366,ROW(INDEX(Jesper!AJ$2:AJ$366,ROUNDDOWN($C6544/24,0)+1,1))-1)+IF('Standard Profiles'!$G$20=$B$10,7,0)+IF('Standard Profiles'!$G$20=$B$17,14,0)+IF('Standard Profiles'!$G$20=$B$24,21,0),0)),0)</f>
        <v>0</v>
      </c>
      <c r="G6544" cm="1">
        <f t="array" ref="G6544">IFERROR(INDEX(Jesper!AK$2:AK$366,ROUNDDOWN($C6544/24,0)+1,1)*INDEX($D$3:$AA$30,INDEX(Jesper!$R$2:$R$366,ROW(INDEX(Jesper!AK$2:AK$366,ROUNDDOWN($C6544/24,0)+1,1))-1)+IF('Standard Profiles'!$G$21=$B$10,7,0)+IF('Standard Profiles'!$G$21=$B$17,14,0)+IF('Standard Profiles'!$G$21=$B$24,21,0),MOD($C6544,24)+1)/SUM(INDEX($D$3:$AA$30,INDEX(Jesper!$R$2:$R$366,ROW(INDEX(Jesper!AK$2:AK$366,ROUNDDOWN($C6544/24,0)+1,1))-1)+IF('Standard Profiles'!$G$21=$B$10,7,0)+IF('Standard Profiles'!$G$21=$B$17,14,0)+IF('Standard Profiles'!$G$21=$B$24,21,0),0)),0)</f>
        <v>0.31026831905797081</v>
      </c>
      <c r="H6544" cm="1">
        <f t="array" ref="H6544">IFERROR(INDEX(Jesper!AL$2:AL$366,ROUNDDOWN($C6544/24,0)+1,1)*INDEX($D$3:$AA$30,INDEX(Jesper!$R$2:$R$366,ROW(INDEX(Jesper!AL$2:AL$366,ROUNDDOWN($C6544/24,0)+1,1))-1)+IF('Standard Profiles'!$G$22=$B$10,7,0)+IF('Standard Profiles'!$G$22=$B$17,14,0)+IF('Standard Profiles'!$G$22=$B$24,21,0),MOD($C6544,24)+1)/SUM(INDEX($D$3:$AA$30,INDEX(Jesper!$R$2:$R$366,ROW(INDEX(Jesper!AL$2:AL$366,ROUNDDOWN($C6544/24,0)+1,1))-1)+IF('Standard Profiles'!$G$22=$B$10,7,0)+IF('Standard Profiles'!$G$22=$B$17,14,0)+IF('Standard Profiles'!$G$22=$B$24,21,0),0)),0)</f>
        <v>0</v>
      </c>
      <c r="I6544">
        <f t="shared" si="727"/>
        <v>0.14892879314782592</v>
      </c>
      <c r="J6544">
        <f t="shared" si="728"/>
        <v>6.5198801722049344</v>
      </c>
      <c r="K6544">
        <f t="shared" si="729"/>
        <v>0.5321353289724271</v>
      </c>
      <c r="L6544">
        <f t="shared" si="730"/>
        <v>0.26606766448621355</v>
      </c>
      <c r="M6544">
        <f t="shared" si="731"/>
        <v>0</v>
      </c>
      <c r="N6544" s="45">
        <f t="shared" si="732"/>
        <v>45198.249999984211</v>
      </c>
    </row>
    <row r="6545" spans="2:14" x14ac:dyDescent="0.25">
      <c r="B6545">
        <f t="shared" si="726"/>
        <v>5</v>
      </c>
      <c r="C6545" s="16">
        <v>6511</v>
      </c>
      <c r="D6545" cm="1">
        <f t="array" ref="D6545">IFERROR(INDEX(Jesper!AH$2:AH$366,ROUNDDOWN($C6545/24,0)+1,1)*INDEX($D$3:$AA$30,INDEX(Jesper!$R$2:$R$366,ROW(INDEX(Jesper!AH$2:AH$366,ROUNDDOWN($C6545/24,0)+1,1))-1)+IF('Standard Profiles'!$G$18=$B$10,7,0)+IF('Standard Profiles'!$G$18=$B$17,14,0)+IF('Standard Profiles'!$G$18=$B$24,21,0),MOD($C6545,24)+1)/SUM(INDEX($D$3:$AA$30,INDEX(Jesper!$R$2:$R$366,ROW(INDEX(Jesper!AH$2:AH$366,ROUNDDOWN($C6545/24,0)+1,1))-1)+IF('Standard Profiles'!$G$18=$B$10,7,0)+IF('Standard Profiles'!$G$18=$B$17,14,0)+IF('Standard Profiles'!$G$18=$B$24,21,0),0)),0)</f>
        <v>21.252154700836304</v>
      </c>
      <c r="E6545" cm="1">
        <f t="array" ref="E6545">IFERROR(INDEX(Jesper!AI$2:AI$366,ROUNDDOWN($C6545/24,0)+1,1)*INDEX($D$3:$AA$30,INDEX(Jesper!$R$2:$R$366,ROW(INDEX(Jesper!AI$2:AI$366,ROUNDDOWN($C6545/24,0)+1,1))-1)+IF('Standard Profiles'!$G$19=$B$10,7,0)+IF('Standard Profiles'!$G$19=$B$17,14,0)+IF('Standard Profiles'!$G$19=$B$24,21,0),MOD($C6545,24)+1)/SUM(INDEX($D$3:$AA$30,INDEX(Jesper!$R$2:$R$366,ROW(INDEX(Jesper!AI$2:AI$366,ROUNDDOWN($C6545/24,0)+1,1))-1)+IF('Standard Profiles'!$G$19=$B$10,7,0)+IF('Standard Profiles'!$G$19=$B$17,14,0)+IF('Standard Profiles'!$G$19=$B$24,21,0),0)),0)</f>
        <v>9.2355732045133081</v>
      </c>
      <c r="F6545" cm="1">
        <f t="array" ref="F6545">IFERROR(INDEX(Jesper!AJ$2:AJ$366,ROUNDDOWN($C6545/24,0)+1,1)*INDEX($D$3:$AA$30,INDEX(Jesper!$R$2:$R$366,ROW(INDEX(Jesper!AJ$2:AJ$366,ROUNDDOWN($C6545/24,0)+1,1))-1)+IF('Standard Profiles'!$G$20=$B$10,7,0)+IF('Standard Profiles'!$G$20=$B$17,14,0)+IF('Standard Profiles'!$G$20=$B$24,21,0),MOD($C6545,24)+1)/SUM(INDEX($D$3:$AA$30,INDEX(Jesper!$R$2:$R$366,ROW(INDEX(Jesper!AJ$2:AJ$366,ROUNDDOWN($C6545/24,0)+1,1))-1)+IF('Standard Profiles'!$G$20=$B$10,7,0)+IF('Standard Profiles'!$G$20=$B$17,14,0)+IF('Standard Profiles'!$G$20=$B$24,21,0),0)),0)</f>
        <v>0</v>
      </c>
      <c r="G6545" cm="1">
        <f t="array" ref="G6545">IFERROR(INDEX(Jesper!AK$2:AK$366,ROUNDDOWN($C6545/24,0)+1,1)*INDEX($D$3:$AA$30,INDEX(Jesper!$R$2:$R$366,ROW(INDEX(Jesper!AK$2:AK$366,ROUNDDOWN($C6545/24,0)+1,1))-1)+IF('Standard Profiles'!$G$21=$B$10,7,0)+IF('Standard Profiles'!$G$21=$B$17,14,0)+IF('Standard Profiles'!$G$21=$B$24,21,0),MOD($C6545,24)+1)/SUM(INDEX($D$3:$AA$30,INDEX(Jesper!$R$2:$R$366,ROW(INDEX(Jesper!AK$2:AK$366,ROUNDDOWN($C6545/24,0)+1,1))-1)+IF('Standard Profiles'!$G$21=$B$10,7,0)+IF('Standard Profiles'!$G$21=$B$17,14,0)+IF('Standard Profiles'!$G$21=$B$24,21,0),0)),0)</f>
        <v>0.84072705809256598</v>
      </c>
      <c r="H6545" cm="1">
        <f t="array" ref="H6545">IFERROR(INDEX(Jesper!AL$2:AL$366,ROUNDDOWN($C6545/24,0)+1,1)*INDEX($D$3:$AA$30,INDEX(Jesper!$R$2:$R$366,ROW(INDEX(Jesper!AL$2:AL$366,ROUNDDOWN($C6545/24,0)+1,1))-1)+IF('Standard Profiles'!$G$22=$B$10,7,0)+IF('Standard Profiles'!$G$22=$B$17,14,0)+IF('Standard Profiles'!$G$22=$B$24,21,0),MOD($C6545,24)+1)/SUM(INDEX($D$3:$AA$30,INDEX(Jesper!$R$2:$R$366,ROW(INDEX(Jesper!AL$2:AL$366,ROUNDDOWN($C6545/24,0)+1,1))-1)+IF('Standard Profiles'!$G$22=$B$10,7,0)+IF('Standard Profiles'!$G$22=$B$17,14,0)+IF('Standard Profiles'!$G$22=$B$24,21,0),0)),0)</f>
        <v>0</v>
      </c>
      <c r="I6545">
        <f t="shared" si="727"/>
        <v>0.40354898788443144</v>
      </c>
      <c r="J6545">
        <f t="shared" si="728"/>
        <v>27.524561223423937</v>
      </c>
      <c r="K6545">
        <f t="shared" si="729"/>
        <v>2.2668965014225391</v>
      </c>
      <c r="L6545">
        <f t="shared" si="730"/>
        <v>1.1334482507112695</v>
      </c>
      <c r="M6545">
        <f t="shared" si="731"/>
        <v>0</v>
      </c>
      <c r="N6545" s="45">
        <f t="shared" si="732"/>
        <v>45198.291666650875</v>
      </c>
    </row>
    <row r="6546" spans="2:14" x14ac:dyDescent="0.25">
      <c r="B6546">
        <f t="shared" si="726"/>
        <v>5</v>
      </c>
      <c r="C6546" s="16">
        <v>6512</v>
      </c>
      <c r="D6546" cm="1">
        <f t="array" ref="D6546">IFERROR(INDEX(Jesper!AH$2:AH$366,ROUNDDOWN($C6546/24,0)+1,1)*INDEX($D$3:$AA$30,INDEX(Jesper!$R$2:$R$366,ROW(INDEX(Jesper!AH$2:AH$366,ROUNDDOWN($C6546/24,0)+1,1))-1)+IF('Standard Profiles'!$G$18=$B$10,7,0)+IF('Standard Profiles'!$G$18=$B$17,14,0)+IF('Standard Profiles'!$G$18=$B$24,21,0),MOD($C6546,24)+1)/SUM(INDEX($D$3:$AA$30,INDEX(Jesper!$R$2:$R$366,ROW(INDEX(Jesper!AH$2:AH$366,ROUNDDOWN($C6546/24,0)+1,1))-1)+IF('Standard Profiles'!$G$18=$B$10,7,0)+IF('Standard Profiles'!$G$18=$B$17,14,0)+IF('Standard Profiles'!$G$18=$B$24,21,0),0)),0)</f>
        <v>26.565193376045379</v>
      </c>
      <c r="E6546" cm="1">
        <f t="array" ref="E6546">IFERROR(INDEX(Jesper!AI$2:AI$366,ROUNDDOWN($C6546/24,0)+1,1)*INDEX($D$3:$AA$30,INDEX(Jesper!$R$2:$R$366,ROW(INDEX(Jesper!AI$2:AI$366,ROUNDDOWN($C6546/24,0)+1,1))-1)+IF('Standard Profiles'!$G$19=$B$10,7,0)+IF('Standard Profiles'!$G$19=$B$17,14,0)+IF('Standard Profiles'!$G$19=$B$24,21,0),MOD($C6546,24)+1)/SUM(INDEX($D$3:$AA$30,INDEX(Jesper!$R$2:$R$366,ROW(INDEX(Jesper!AI$2:AI$366,ROUNDDOWN($C6546/24,0)+1,1))-1)+IF('Standard Profiles'!$G$19=$B$10,7,0)+IF('Standard Profiles'!$G$19=$B$17,14,0)+IF('Standard Profiles'!$G$19=$B$24,21,0),0)),0)</f>
        <v>11.544466505641635</v>
      </c>
      <c r="F6546" cm="1">
        <f t="array" ref="F6546">IFERROR(INDEX(Jesper!AJ$2:AJ$366,ROUNDDOWN($C6546/24,0)+1,1)*INDEX($D$3:$AA$30,INDEX(Jesper!$R$2:$R$366,ROW(INDEX(Jesper!AJ$2:AJ$366,ROUNDDOWN($C6546/24,0)+1,1))-1)+IF('Standard Profiles'!$G$20=$B$10,7,0)+IF('Standard Profiles'!$G$20=$B$17,14,0)+IF('Standard Profiles'!$G$20=$B$24,21,0),MOD($C6546,24)+1)/SUM(INDEX($D$3:$AA$30,INDEX(Jesper!$R$2:$R$366,ROW(INDEX(Jesper!AJ$2:AJ$366,ROUNDDOWN($C6546/24,0)+1,1))-1)+IF('Standard Profiles'!$G$20=$B$10,7,0)+IF('Standard Profiles'!$G$20=$B$17,14,0)+IF('Standard Profiles'!$G$20=$B$24,21,0),0)),0)</f>
        <v>0</v>
      </c>
      <c r="G6546" cm="1">
        <f t="array" ref="G6546">IFERROR(INDEX(Jesper!AK$2:AK$366,ROUNDDOWN($C6546/24,0)+1,1)*INDEX($D$3:$AA$30,INDEX(Jesper!$R$2:$R$366,ROW(INDEX(Jesper!AK$2:AK$366,ROUNDDOWN($C6546/24,0)+1,1))-1)+IF('Standard Profiles'!$G$21=$B$10,7,0)+IF('Standard Profiles'!$G$21=$B$17,14,0)+IF('Standard Profiles'!$G$21=$B$24,21,0),MOD($C6546,24)+1)/SUM(INDEX($D$3:$AA$30,INDEX(Jesper!$R$2:$R$366,ROW(INDEX(Jesper!AK$2:AK$366,ROUNDDOWN($C6546/24,0)+1,1))-1)+IF('Standard Profiles'!$G$21=$B$10,7,0)+IF('Standard Profiles'!$G$21=$B$17,14,0)+IF('Standard Profiles'!$G$21=$B$24,21,0),0)),0)</f>
        <v>1.0509088226157075</v>
      </c>
      <c r="H6546" cm="1">
        <f t="array" ref="H6546">IFERROR(INDEX(Jesper!AL$2:AL$366,ROUNDDOWN($C6546/24,0)+1,1)*INDEX($D$3:$AA$30,INDEX(Jesper!$R$2:$R$366,ROW(INDEX(Jesper!AL$2:AL$366,ROUNDDOWN($C6546/24,0)+1,1))-1)+IF('Standard Profiles'!$G$22=$B$10,7,0)+IF('Standard Profiles'!$G$22=$B$17,14,0)+IF('Standard Profiles'!$G$22=$B$24,21,0),MOD($C6546,24)+1)/SUM(INDEX($D$3:$AA$30,INDEX(Jesper!$R$2:$R$366,ROW(INDEX(Jesper!AL$2:AL$366,ROUNDDOWN($C6546/24,0)+1,1))-1)+IF('Standard Profiles'!$G$22=$B$10,7,0)+IF('Standard Profiles'!$G$22=$B$17,14,0)+IF('Standard Profiles'!$G$22=$B$24,21,0),0)),0)</f>
        <v>0</v>
      </c>
      <c r="I6546">
        <f t="shared" si="727"/>
        <v>0.50443623485553934</v>
      </c>
      <c r="J6546">
        <f t="shared" si="728"/>
        <v>34.405701529279924</v>
      </c>
      <c r="K6546">
        <f t="shared" si="729"/>
        <v>2.8336206267781741</v>
      </c>
      <c r="L6546">
        <f t="shared" si="730"/>
        <v>1.416810313389087</v>
      </c>
      <c r="M6546">
        <f t="shared" si="731"/>
        <v>0</v>
      </c>
      <c r="N6546" s="45">
        <f t="shared" si="732"/>
        <v>45198.33333331754</v>
      </c>
    </row>
    <row r="6547" spans="2:14" x14ac:dyDescent="0.25">
      <c r="B6547">
        <f t="shared" si="726"/>
        <v>5</v>
      </c>
      <c r="C6547" s="16">
        <v>6513</v>
      </c>
      <c r="D6547" cm="1">
        <f t="array" ref="D6547">IFERROR(INDEX(Jesper!AH$2:AH$366,ROUNDDOWN($C6547/24,0)+1,1)*INDEX($D$3:$AA$30,INDEX(Jesper!$R$2:$R$366,ROW(INDEX(Jesper!AH$2:AH$366,ROUNDDOWN($C6547/24,0)+1,1))-1)+IF('Standard Profiles'!$G$18=$B$10,7,0)+IF('Standard Profiles'!$G$18=$B$17,14,0)+IF('Standard Profiles'!$G$18=$B$24,21,0),MOD($C6547,24)+1)/SUM(INDEX($D$3:$AA$30,INDEX(Jesper!$R$2:$R$366,ROW(INDEX(Jesper!AH$2:AH$366,ROUNDDOWN($C6547/24,0)+1,1))-1)+IF('Standard Profiles'!$G$18=$B$10,7,0)+IF('Standard Profiles'!$G$18=$B$17,14,0)+IF('Standard Profiles'!$G$18=$B$24,21,0),0)),0)</f>
        <v>29.221712713649922</v>
      </c>
      <c r="E6547" cm="1">
        <f t="array" ref="E6547">IFERROR(INDEX(Jesper!AI$2:AI$366,ROUNDDOWN($C6547/24,0)+1,1)*INDEX($D$3:$AA$30,INDEX(Jesper!$R$2:$R$366,ROW(INDEX(Jesper!AI$2:AI$366,ROUNDDOWN($C6547/24,0)+1,1))-1)+IF('Standard Profiles'!$G$19=$B$10,7,0)+IF('Standard Profiles'!$G$19=$B$17,14,0)+IF('Standard Profiles'!$G$19=$B$24,21,0),MOD($C6547,24)+1)/SUM(INDEX($D$3:$AA$30,INDEX(Jesper!$R$2:$R$366,ROW(INDEX(Jesper!AI$2:AI$366,ROUNDDOWN($C6547/24,0)+1,1))-1)+IF('Standard Profiles'!$G$19=$B$10,7,0)+IF('Standard Profiles'!$G$19=$B$17,14,0)+IF('Standard Profiles'!$G$19=$B$24,21,0),0)),0)</f>
        <v>12.698913156205798</v>
      </c>
      <c r="F6547" cm="1">
        <f t="array" ref="F6547">IFERROR(INDEX(Jesper!AJ$2:AJ$366,ROUNDDOWN($C6547/24,0)+1,1)*INDEX($D$3:$AA$30,INDEX(Jesper!$R$2:$R$366,ROW(INDEX(Jesper!AJ$2:AJ$366,ROUNDDOWN($C6547/24,0)+1,1))-1)+IF('Standard Profiles'!$G$20=$B$10,7,0)+IF('Standard Profiles'!$G$20=$B$17,14,0)+IF('Standard Profiles'!$G$20=$B$24,21,0),MOD($C6547,24)+1)/SUM(INDEX($D$3:$AA$30,INDEX(Jesper!$R$2:$R$366,ROW(INDEX(Jesper!AJ$2:AJ$366,ROUNDDOWN($C6547/24,0)+1,1))-1)+IF('Standard Profiles'!$G$20=$B$10,7,0)+IF('Standard Profiles'!$G$20=$B$17,14,0)+IF('Standard Profiles'!$G$20=$B$24,21,0),0)),0)</f>
        <v>0</v>
      </c>
      <c r="G6547" cm="1">
        <f t="array" ref="G6547">IFERROR(INDEX(Jesper!AK$2:AK$366,ROUNDDOWN($C6547/24,0)+1,1)*INDEX($D$3:$AA$30,INDEX(Jesper!$R$2:$R$366,ROW(INDEX(Jesper!AK$2:AK$366,ROUNDDOWN($C6547/24,0)+1,1))-1)+IF('Standard Profiles'!$G$21=$B$10,7,0)+IF('Standard Profiles'!$G$21=$B$17,14,0)+IF('Standard Profiles'!$G$21=$B$24,21,0),MOD($C6547,24)+1)/SUM(INDEX($D$3:$AA$30,INDEX(Jesper!$R$2:$R$366,ROW(INDEX(Jesper!AK$2:AK$366,ROUNDDOWN($C6547/24,0)+1,1))-1)+IF('Standard Profiles'!$G$21=$B$10,7,0)+IF('Standard Profiles'!$G$21=$B$17,14,0)+IF('Standard Profiles'!$G$21=$B$24,21,0),0)),0)</f>
        <v>1.1559997048772783</v>
      </c>
      <c r="H6547" cm="1">
        <f t="array" ref="H6547">IFERROR(INDEX(Jesper!AL$2:AL$366,ROUNDDOWN($C6547/24,0)+1,1)*INDEX($D$3:$AA$30,INDEX(Jesper!$R$2:$R$366,ROW(INDEX(Jesper!AL$2:AL$366,ROUNDDOWN($C6547/24,0)+1,1))-1)+IF('Standard Profiles'!$G$22=$B$10,7,0)+IF('Standard Profiles'!$G$22=$B$17,14,0)+IF('Standard Profiles'!$G$22=$B$24,21,0),MOD($C6547,24)+1)/SUM(INDEX($D$3:$AA$30,INDEX(Jesper!$R$2:$R$366,ROW(INDEX(Jesper!AL$2:AL$366,ROUNDDOWN($C6547/24,0)+1,1))-1)+IF('Standard Profiles'!$G$22=$B$10,7,0)+IF('Standard Profiles'!$G$22=$B$17,14,0)+IF('Standard Profiles'!$G$22=$B$24,21,0),0)),0)</f>
        <v>0</v>
      </c>
      <c r="I6547">
        <f t="shared" si="727"/>
        <v>0.55487985834109332</v>
      </c>
      <c r="J6547">
        <f t="shared" si="728"/>
        <v>37.84627168220792</v>
      </c>
      <c r="K6547">
        <f t="shared" si="729"/>
        <v>3.116982689455992</v>
      </c>
      <c r="L6547">
        <f t="shared" si="730"/>
        <v>1.558491344727996</v>
      </c>
      <c r="M6547">
        <f t="shared" si="731"/>
        <v>0</v>
      </c>
      <c r="N6547" s="45">
        <f t="shared" si="732"/>
        <v>45198.374999984204</v>
      </c>
    </row>
    <row r="6548" spans="2:14" x14ac:dyDescent="0.25">
      <c r="B6548">
        <f t="shared" si="726"/>
        <v>5</v>
      </c>
      <c r="C6548" s="16">
        <v>6514</v>
      </c>
      <c r="D6548" cm="1">
        <f t="array" ref="D6548">IFERROR(INDEX(Jesper!AH$2:AH$366,ROUNDDOWN($C6548/24,0)+1,1)*INDEX($D$3:$AA$30,INDEX(Jesper!$R$2:$R$366,ROW(INDEX(Jesper!AH$2:AH$366,ROUNDDOWN($C6548/24,0)+1,1))-1)+IF('Standard Profiles'!$G$18=$B$10,7,0)+IF('Standard Profiles'!$G$18=$B$17,14,0)+IF('Standard Profiles'!$G$18=$B$24,21,0),MOD($C6548,24)+1)/SUM(INDEX($D$3:$AA$30,INDEX(Jesper!$R$2:$R$366,ROW(INDEX(Jesper!AH$2:AH$366,ROUNDDOWN($C6548/24,0)+1,1))-1)+IF('Standard Profiles'!$G$18=$B$10,7,0)+IF('Standard Profiles'!$G$18=$B$17,14,0)+IF('Standard Profiles'!$G$18=$B$24,21,0),0)),0)</f>
        <v>29.221712713649922</v>
      </c>
      <c r="E6548" cm="1">
        <f t="array" ref="E6548">IFERROR(INDEX(Jesper!AI$2:AI$366,ROUNDDOWN($C6548/24,0)+1,1)*INDEX($D$3:$AA$30,INDEX(Jesper!$R$2:$R$366,ROW(INDEX(Jesper!AI$2:AI$366,ROUNDDOWN($C6548/24,0)+1,1))-1)+IF('Standard Profiles'!$G$19=$B$10,7,0)+IF('Standard Profiles'!$G$19=$B$17,14,0)+IF('Standard Profiles'!$G$19=$B$24,21,0),MOD($C6548,24)+1)/SUM(INDEX($D$3:$AA$30,INDEX(Jesper!$R$2:$R$366,ROW(INDEX(Jesper!AI$2:AI$366,ROUNDDOWN($C6548/24,0)+1,1))-1)+IF('Standard Profiles'!$G$19=$B$10,7,0)+IF('Standard Profiles'!$G$19=$B$17,14,0)+IF('Standard Profiles'!$G$19=$B$24,21,0),0)),0)</f>
        <v>12.698913156205798</v>
      </c>
      <c r="F6548" cm="1">
        <f t="array" ref="F6548">IFERROR(INDEX(Jesper!AJ$2:AJ$366,ROUNDDOWN($C6548/24,0)+1,1)*INDEX($D$3:$AA$30,INDEX(Jesper!$R$2:$R$366,ROW(INDEX(Jesper!AJ$2:AJ$366,ROUNDDOWN($C6548/24,0)+1,1))-1)+IF('Standard Profiles'!$G$20=$B$10,7,0)+IF('Standard Profiles'!$G$20=$B$17,14,0)+IF('Standard Profiles'!$G$20=$B$24,21,0),MOD($C6548,24)+1)/SUM(INDEX($D$3:$AA$30,INDEX(Jesper!$R$2:$R$366,ROW(INDEX(Jesper!AJ$2:AJ$366,ROUNDDOWN($C6548/24,0)+1,1))-1)+IF('Standard Profiles'!$G$20=$B$10,7,0)+IF('Standard Profiles'!$G$20=$B$17,14,0)+IF('Standard Profiles'!$G$20=$B$24,21,0),0)),0)</f>
        <v>0</v>
      </c>
      <c r="G6548" cm="1">
        <f t="array" ref="G6548">IFERROR(INDEX(Jesper!AK$2:AK$366,ROUNDDOWN($C6548/24,0)+1,1)*INDEX($D$3:$AA$30,INDEX(Jesper!$R$2:$R$366,ROW(INDEX(Jesper!AK$2:AK$366,ROUNDDOWN($C6548/24,0)+1,1))-1)+IF('Standard Profiles'!$G$21=$B$10,7,0)+IF('Standard Profiles'!$G$21=$B$17,14,0)+IF('Standard Profiles'!$G$21=$B$24,21,0),MOD($C6548,24)+1)/SUM(INDEX($D$3:$AA$30,INDEX(Jesper!$R$2:$R$366,ROW(INDEX(Jesper!AK$2:AK$366,ROUNDDOWN($C6548/24,0)+1,1))-1)+IF('Standard Profiles'!$G$21=$B$10,7,0)+IF('Standard Profiles'!$G$21=$B$17,14,0)+IF('Standard Profiles'!$G$21=$B$24,21,0),0)),0)</f>
        <v>1.1559997048772783</v>
      </c>
      <c r="H6548" cm="1">
        <f t="array" ref="H6548">IFERROR(INDEX(Jesper!AL$2:AL$366,ROUNDDOWN($C6548/24,0)+1,1)*INDEX($D$3:$AA$30,INDEX(Jesper!$R$2:$R$366,ROW(INDEX(Jesper!AL$2:AL$366,ROUNDDOWN($C6548/24,0)+1,1))-1)+IF('Standard Profiles'!$G$22=$B$10,7,0)+IF('Standard Profiles'!$G$22=$B$17,14,0)+IF('Standard Profiles'!$G$22=$B$24,21,0),MOD($C6548,24)+1)/SUM(INDEX($D$3:$AA$30,INDEX(Jesper!$R$2:$R$366,ROW(INDEX(Jesper!AL$2:AL$366,ROUNDDOWN($C6548/24,0)+1,1))-1)+IF('Standard Profiles'!$G$22=$B$10,7,0)+IF('Standard Profiles'!$G$22=$B$17,14,0)+IF('Standard Profiles'!$G$22=$B$24,21,0),0)),0)</f>
        <v>0</v>
      </c>
      <c r="I6548">
        <f t="shared" si="727"/>
        <v>0.55487985834109332</v>
      </c>
      <c r="J6548">
        <f t="shared" si="728"/>
        <v>37.84627168220792</v>
      </c>
      <c r="K6548">
        <f t="shared" si="729"/>
        <v>3.116982689455992</v>
      </c>
      <c r="L6548">
        <f t="shared" si="730"/>
        <v>1.558491344727996</v>
      </c>
      <c r="M6548">
        <f t="shared" si="731"/>
        <v>0</v>
      </c>
      <c r="N6548" s="45">
        <f t="shared" si="732"/>
        <v>45198.416666650868</v>
      </c>
    </row>
    <row r="6549" spans="2:14" x14ac:dyDescent="0.25">
      <c r="B6549">
        <f t="shared" si="726"/>
        <v>5</v>
      </c>
      <c r="C6549" s="16">
        <v>6515</v>
      </c>
      <c r="D6549" cm="1">
        <f t="array" ref="D6549">IFERROR(INDEX(Jesper!AH$2:AH$366,ROUNDDOWN($C6549/24,0)+1,1)*INDEX($D$3:$AA$30,INDEX(Jesper!$R$2:$R$366,ROW(INDEX(Jesper!AH$2:AH$366,ROUNDDOWN($C6549/24,0)+1,1))-1)+IF('Standard Profiles'!$G$18=$B$10,7,0)+IF('Standard Profiles'!$G$18=$B$17,14,0)+IF('Standard Profiles'!$G$18=$B$24,21,0),MOD($C6549,24)+1)/SUM(INDEX($D$3:$AA$30,INDEX(Jesper!$R$2:$R$366,ROW(INDEX(Jesper!AH$2:AH$366,ROUNDDOWN($C6549/24,0)+1,1))-1)+IF('Standard Profiles'!$G$18=$B$10,7,0)+IF('Standard Profiles'!$G$18=$B$17,14,0)+IF('Standard Profiles'!$G$18=$B$24,21,0),0)),0)</f>
        <v>34.534751388858993</v>
      </c>
      <c r="E6549" cm="1">
        <f t="array" ref="E6549">IFERROR(INDEX(Jesper!AI$2:AI$366,ROUNDDOWN($C6549/24,0)+1,1)*INDEX($D$3:$AA$30,INDEX(Jesper!$R$2:$R$366,ROW(INDEX(Jesper!AI$2:AI$366,ROUNDDOWN($C6549/24,0)+1,1))-1)+IF('Standard Profiles'!$G$19=$B$10,7,0)+IF('Standard Profiles'!$G$19=$B$17,14,0)+IF('Standard Profiles'!$G$19=$B$24,21,0),MOD($C6549,24)+1)/SUM(INDEX($D$3:$AA$30,INDEX(Jesper!$R$2:$R$366,ROW(INDEX(Jesper!AI$2:AI$366,ROUNDDOWN($C6549/24,0)+1,1))-1)+IF('Standard Profiles'!$G$19=$B$10,7,0)+IF('Standard Profiles'!$G$19=$B$17,14,0)+IF('Standard Profiles'!$G$19=$B$24,21,0),0)),0)</f>
        <v>15.007806457334127</v>
      </c>
      <c r="F6549" cm="1">
        <f t="array" ref="F6549">IFERROR(INDEX(Jesper!AJ$2:AJ$366,ROUNDDOWN($C6549/24,0)+1,1)*INDEX($D$3:$AA$30,INDEX(Jesper!$R$2:$R$366,ROW(INDEX(Jesper!AJ$2:AJ$366,ROUNDDOWN($C6549/24,0)+1,1))-1)+IF('Standard Profiles'!$G$20=$B$10,7,0)+IF('Standard Profiles'!$G$20=$B$17,14,0)+IF('Standard Profiles'!$G$20=$B$24,21,0),MOD($C6549,24)+1)/SUM(INDEX($D$3:$AA$30,INDEX(Jesper!$R$2:$R$366,ROW(INDEX(Jesper!AJ$2:AJ$366,ROUNDDOWN($C6549/24,0)+1,1))-1)+IF('Standard Profiles'!$G$20=$B$10,7,0)+IF('Standard Profiles'!$G$20=$B$17,14,0)+IF('Standard Profiles'!$G$20=$B$24,21,0),0)),0)</f>
        <v>0</v>
      </c>
      <c r="G6549" cm="1">
        <f t="array" ref="G6549">IFERROR(INDEX(Jesper!AK$2:AK$366,ROUNDDOWN($C6549/24,0)+1,1)*INDEX($D$3:$AA$30,INDEX(Jesper!$R$2:$R$366,ROW(INDEX(Jesper!AK$2:AK$366,ROUNDDOWN($C6549/24,0)+1,1))-1)+IF('Standard Profiles'!$G$21=$B$10,7,0)+IF('Standard Profiles'!$G$21=$B$17,14,0)+IF('Standard Profiles'!$G$21=$B$24,21,0),MOD($C6549,24)+1)/SUM(INDEX($D$3:$AA$30,INDEX(Jesper!$R$2:$R$366,ROW(INDEX(Jesper!AK$2:AK$366,ROUNDDOWN($C6549/24,0)+1,1))-1)+IF('Standard Profiles'!$G$21=$B$10,7,0)+IF('Standard Profiles'!$G$21=$B$17,14,0)+IF('Standard Profiles'!$G$21=$B$24,21,0),0)),0)</f>
        <v>1.3661814694004197</v>
      </c>
      <c r="H6549" cm="1">
        <f t="array" ref="H6549">IFERROR(INDEX(Jesper!AL$2:AL$366,ROUNDDOWN($C6549/24,0)+1,1)*INDEX($D$3:$AA$30,INDEX(Jesper!$R$2:$R$366,ROW(INDEX(Jesper!AL$2:AL$366,ROUNDDOWN($C6549/24,0)+1,1))-1)+IF('Standard Profiles'!$G$22=$B$10,7,0)+IF('Standard Profiles'!$G$22=$B$17,14,0)+IF('Standard Profiles'!$G$22=$B$24,21,0),MOD($C6549,24)+1)/SUM(INDEX($D$3:$AA$30,INDEX(Jesper!$R$2:$R$366,ROW(INDEX(Jesper!AL$2:AL$366,ROUNDDOWN($C6549/24,0)+1,1))-1)+IF('Standard Profiles'!$G$22=$B$10,7,0)+IF('Standard Profiles'!$G$22=$B$17,14,0)+IF('Standard Profiles'!$G$22=$B$24,21,0),0)),0)</f>
        <v>0</v>
      </c>
      <c r="I6549">
        <f t="shared" si="727"/>
        <v>0.65576710531220117</v>
      </c>
      <c r="J6549">
        <f t="shared" si="728"/>
        <v>44.727411988063899</v>
      </c>
      <c r="K6549">
        <f t="shared" si="729"/>
        <v>3.6837068148116261</v>
      </c>
      <c r="L6549">
        <f t="shared" si="730"/>
        <v>1.841853407405813</v>
      </c>
      <c r="M6549">
        <f t="shared" si="731"/>
        <v>0</v>
      </c>
      <c r="N6549" s="45">
        <f t="shared" si="732"/>
        <v>45198.458333317532</v>
      </c>
    </row>
    <row r="6550" spans="2:14" x14ac:dyDescent="0.25">
      <c r="B6550">
        <f t="shared" si="726"/>
        <v>5</v>
      </c>
      <c r="C6550" s="16">
        <v>6516</v>
      </c>
      <c r="D6550" cm="1">
        <f t="array" ref="D6550">IFERROR(INDEX(Jesper!AH$2:AH$366,ROUNDDOWN($C6550/24,0)+1,1)*INDEX($D$3:$AA$30,INDEX(Jesper!$R$2:$R$366,ROW(INDEX(Jesper!AH$2:AH$366,ROUNDDOWN($C6550/24,0)+1,1))-1)+IF('Standard Profiles'!$G$18=$B$10,7,0)+IF('Standard Profiles'!$G$18=$B$17,14,0)+IF('Standard Profiles'!$G$18=$B$24,21,0),MOD($C6550,24)+1)/SUM(INDEX($D$3:$AA$30,INDEX(Jesper!$R$2:$R$366,ROW(INDEX(Jesper!AH$2:AH$366,ROUNDDOWN($C6550/24,0)+1,1))-1)+IF('Standard Profiles'!$G$18=$B$10,7,0)+IF('Standard Profiles'!$G$18=$B$17,14,0)+IF('Standard Profiles'!$G$18=$B$24,21,0),0)),0)</f>
        <v>34.534751388858993</v>
      </c>
      <c r="E6550" cm="1">
        <f t="array" ref="E6550">IFERROR(INDEX(Jesper!AI$2:AI$366,ROUNDDOWN($C6550/24,0)+1,1)*INDEX($D$3:$AA$30,INDEX(Jesper!$R$2:$R$366,ROW(INDEX(Jesper!AI$2:AI$366,ROUNDDOWN($C6550/24,0)+1,1))-1)+IF('Standard Profiles'!$G$19=$B$10,7,0)+IF('Standard Profiles'!$G$19=$B$17,14,0)+IF('Standard Profiles'!$G$19=$B$24,21,0),MOD($C6550,24)+1)/SUM(INDEX($D$3:$AA$30,INDEX(Jesper!$R$2:$R$366,ROW(INDEX(Jesper!AI$2:AI$366,ROUNDDOWN($C6550/24,0)+1,1))-1)+IF('Standard Profiles'!$G$19=$B$10,7,0)+IF('Standard Profiles'!$G$19=$B$17,14,0)+IF('Standard Profiles'!$G$19=$B$24,21,0),0)),0)</f>
        <v>15.007806457334127</v>
      </c>
      <c r="F6550" cm="1">
        <f t="array" ref="F6550">IFERROR(INDEX(Jesper!AJ$2:AJ$366,ROUNDDOWN($C6550/24,0)+1,1)*INDEX($D$3:$AA$30,INDEX(Jesper!$R$2:$R$366,ROW(INDEX(Jesper!AJ$2:AJ$366,ROUNDDOWN($C6550/24,0)+1,1))-1)+IF('Standard Profiles'!$G$20=$B$10,7,0)+IF('Standard Profiles'!$G$20=$B$17,14,0)+IF('Standard Profiles'!$G$20=$B$24,21,0),MOD($C6550,24)+1)/SUM(INDEX($D$3:$AA$30,INDEX(Jesper!$R$2:$R$366,ROW(INDEX(Jesper!AJ$2:AJ$366,ROUNDDOWN($C6550/24,0)+1,1))-1)+IF('Standard Profiles'!$G$20=$B$10,7,0)+IF('Standard Profiles'!$G$20=$B$17,14,0)+IF('Standard Profiles'!$G$20=$B$24,21,0),0)),0)</f>
        <v>0</v>
      </c>
      <c r="G6550" cm="1">
        <f t="array" ref="G6550">IFERROR(INDEX(Jesper!AK$2:AK$366,ROUNDDOWN($C6550/24,0)+1,1)*INDEX($D$3:$AA$30,INDEX(Jesper!$R$2:$R$366,ROW(INDEX(Jesper!AK$2:AK$366,ROUNDDOWN($C6550/24,0)+1,1))-1)+IF('Standard Profiles'!$G$21=$B$10,7,0)+IF('Standard Profiles'!$G$21=$B$17,14,0)+IF('Standard Profiles'!$G$21=$B$24,21,0),MOD($C6550,24)+1)/SUM(INDEX($D$3:$AA$30,INDEX(Jesper!$R$2:$R$366,ROW(INDEX(Jesper!AK$2:AK$366,ROUNDDOWN($C6550/24,0)+1,1))-1)+IF('Standard Profiles'!$G$21=$B$10,7,0)+IF('Standard Profiles'!$G$21=$B$17,14,0)+IF('Standard Profiles'!$G$21=$B$24,21,0),0)),0)</f>
        <v>1.3661814694004197</v>
      </c>
      <c r="H6550" cm="1">
        <f t="array" ref="H6550">IFERROR(INDEX(Jesper!AL$2:AL$366,ROUNDDOWN($C6550/24,0)+1,1)*INDEX($D$3:$AA$30,INDEX(Jesper!$R$2:$R$366,ROW(INDEX(Jesper!AL$2:AL$366,ROUNDDOWN($C6550/24,0)+1,1))-1)+IF('Standard Profiles'!$G$22=$B$10,7,0)+IF('Standard Profiles'!$G$22=$B$17,14,0)+IF('Standard Profiles'!$G$22=$B$24,21,0),MOD($C6550,24)+1)/SUM(INDEX($D$3:$AA$30,INDEX(Jesper!$R$2:$R$366,ROW(INDEX(Jesper!AL$2:AL$366,ROUNDDOWN($C6550/24,0)+1,1))-1)+IF('Standard Profiles'!$G$22=$B$10,7,0)+IF('Standard Profiles'!$G$22=$B$17,14,0)+IF('Standard Profiles'!$G$22=$B$24,21,0),0)),0)</f>
        <v>0</v>
      </c>
      <c r="I6550">
        <f t="shared" si="727"/>
        <v>0.65576710531220117</v>
      </c>
      <c r="J6550">
        <f t="shared" si="728"/>
        <v>44.727411988063899</v>
      </c>
      <c r="K6550">
        <f t="shared" si="729"/>
        <v>3.6837068148116261</v>
      </c>
      <c r="L6550">
        <f t="shared" si="730"/>
        <v>1.841853407405813</v>
      </c>
      <c r="M6550">
        <f t="shared" si="731"/>
        <v>0</v>
      </c>
      <c r="N6550" s="45">
        <f t="shared" si="732"/>
        <v>45198.499999984197</v>
      </c>
    </row>
    <row r="6551" spans="2:14" x14ac:dyDescent="0.25">
      <c r="B6551">
        <f t="shared" si="726"/>
        <v>5</v>
      </c>
      <c r="C6551" s="16">
        <v>6517</v>
      </c>
      <c r="D6551" cm="1">
        <f t="array" ref="D6551">IFERROR(INDEX(Jesper!AH$2:AH$366,ROUNDDOWN($C6551/24,0)+1,1)*INDEX($D$3:$AA$30,INDEX(Jesper!$R$2:$R$366,ROW(INDEX(Jesper!AH$2:AH$366,ROUNDDOWN($C6551/24,0)+1,1))-1)+IF('Standard Profiles'!$G$18=$B$10,7,0)+IF('Standard Profiles'!$G$18=$B$17,14,0)+IF('Standard Profiles'!$G$18=$B$24,21,0),MOD($C6551,24)+1)/SUM(INDEX($D$3:$AA$30,INDEX(Jesper!$R$2:$R$366,ROW(INDEX(Jesper!AH$2:AH$366,ROUNDDOWN($C6551/24,0)+1,1))-1)+IF('Standard Profiles'!$G$18=$B$10,7,0)+IF('Standard Profiles'!$G$18=$B$17,14,0)+IF('Standard Profiles'!$G$18=$B$24,21,0),0)),0)</f>
        <v>23.908674038440839</v>
      </c>
      <c r="E6551" cm="1">
        <f t="array" ref="E6551">IFERROR(INDEX(Jesper!AI$2:AI$366,ROUNDDOWN($C6551/24,0)+1,1)*INDEX($D$3:$AA$30,INDEX(Jesper!$R$2:$R$366,ROW(INDEX(Jesper!AI$2:AI$366,ROUNDDOWN($C6551/24,0)+1,1))-1)+IF('Standard Profiles'!$G$19=$B$10,7,0)+IF('Standard Profiles'!$G$19=$B$17,14,0)+IF('Standard Profiles'!$G$19=$B$24,21,0),MOD($C6551,24)+1)/SUM(INDEX($D$3:$AA$30,INDEX(Jesper!$R$2:$R$366,ROW(INDEX(Jesper!AI$2:AI$366,ROUNDDOWN($C6551/24,0)+1,1))-1)+IF('Standard Profiles'!$G$19=$B$10,7,0)+IF('Standard Profiles'!$G$19=$B$17,14,0)+IF('Standard Profiles'!$G$19=$B$24,21,0),0)),0)</f>
        <v>10.390019855077472</v>
      </c>
      <c r="F6551" cm="1">
        <f t="array" ref="F6551">IFERROR(INDEX(Jesper!AJ$2:AJ$366,ROUNDDOWN($C6551/24,0)+1,1)*INDEX($D$3:$AA$30,INDEX(Jesper!$R$2:$R$366,ROW(INDEX(Jesper!AJ$2:AJ$366,ROUNDDOWN($C6551/24,0)+1,1))-1)+IF('Standard Profiles'!$G$20=$B$10,7,0)+IF('Standard Profiles'!$G$20=$B$17,14,0)+IF('Standard Profiles'!$G$20=$B$24,21,0),MOD($C6551,24)+1)/SUM(INDEX($D$3:$AA$30,INDEX(Jesper!$R$2:$R$366,ROW(INDEX(Jesper!AJ$2:AJ$366,ROUNDDOWN($C6551/24,0)+1,1))-1)+IF('Standard Profiles'!$G$20=$B$10,7,0)+IF('Standard Profiles'!$G$20=$B$17,14,0)+IF('Standard Profiles'!$G$20=$B$24,21,0),0)),0)</f>
        <v>0</v>
      </c>
      <c r="G6551" cm="1">
        <f t="array" ref="G6551">IFERROR(INDEX(Jesper!AK$2:AK$366,ROUNDDOWN($C6551/24,0)+1,1)*INDEX($D$3:$AA$30,INDEX(Jesper!$R$2:$R$366,ROW(INDEX(Jesper!AK$2:AK$366,ROUNDDOWN($C6551/24,0)+1,1))-1)+IF('Standard Profiles'!$G$21=$B$10,7,0)+IF('Standard Profiles'!$G$21=$B$17,14,0)+IF('Standard Profiles'!$G$21=$B$24,21,0),MOD($C6551,24)+1)/SUM(INDEX($D$3:$AA$30,INDEX(Jesper!$R$2:$R$366,ROW(INDEX(Jesper!AK$2:AK$366,ROUNDDOWN($C6551/24,0)+1,1))-1)+IF('Standard Profiles'!$G$21=$B$10,7,0)+IF('Standard Profiles'!$G$21=$B$17,14,0)+IF('Standard Profiles'!$G$21=$B$24,21,0),0)),0)</f>
        <v>0.94581794035413691</v>
      </c>
      <c r="H6551" cm="1">
        <f t="array" ref="H6551">IFERROR(INDEX(Jesper!AL$2:AL$366,ROUNDDOWN($C6551/24,0)+1,1)*INDEX($D$3:$AA$30,INDEX(Jesper!$R$2:$R$366,ROW(INDEX(Jesper!AL$2:AL$366,ROUNDDOWN($C6551/24,0)+1,1))-1)+IF('Standard Profiles'!$G$22=$B$10,7,0)+IF('Standard Profiles'!$G$22=$B$17,14,0)+IF('Standard Profiles'!$G$22=$B$24,21,0),MOD($C6551,24)+1)/SUM(INDEX($D$3:$AA$30,INDEX(Jesper!$R$2:$R$366,ROW(INDEX(Jesper!AL$2:AL$366,ROUNDDOWN($C6551/24,0)+1,1))-1)+IF('Standard Profiles'!$G$22=$B$10,7,0)+IF('Standard Profiles'!$G$22=$B$17,14,0)+IF('Standard Profiles'!$G$22=$B$24,21,0),0)),0)</f>
        <v>0</v>
      </c>
      <c r="I6551">
        <f t="shared" si="727"/>
        <v>0.45399261136998548</v>
      </c>
      <c r="J6551">
        <f t="shared" si="728"/>
        <v>30.96513137635193</v>
      </c>
      <c r="K6551">
        <f t="shared" si="729"/>
        <v>2.5502585641003566</v>
      </c>
      <c r="L6551">
        <f t="shared" si="730"/>
        <v>1.2751292820501783</v>
      </c>
      <c r="M6551">
        <f t="shared" si="731"/>
        <v>0</v>
      </c>
      <c r="N6551" s="45">
        <f t="shared" si="732"/>
        <v>45198.541666650861</v>
      </c>
    </row>
    <row r="6552" spans="2:14" x14ac:dyDescent="0.25">
      <c r="B6552">
        <f t="shared" si="726"/>
        <v>5</v>
      </c>
      <c r="C6552" s="16">
        <v>6518</v>
      </c>
      <c r="D6552" cm="1">
        <f t="array" ref="D6552">IFERROR(INDEX(Jesper!AH$2:AH$366,ROUNDDOWN($C6552/24,0)+1,1)*INDEX($D$3:$AA$30,INDEX(Jesper!$R$2:$R$366,ROW(INDEX(Jesper!AH$2:AH$366,ROUNDDOWN($C6552/24,0)+1,1))-1)+IF('Standard Profiles'!$G$18=$B$10,7,0)+IF('Standard Profiles'!$G$18=$B$17,14,0)+IF('Standard Profiles'!$G$18=$B$24,21,0),MOD($C6552,24)+1)/SUM(INDEX($D$3:$AA$30,INDEX(Jesper!$R$2:$R$366,ROW(INDEX(Jesper!AH$2:AH$366,ROUNDDOWN($C6552/24,0)+1,1))-1)+IF('Standard Profiles'!$G$18=$B$10,7,0)+IF('Standard Profiles'!$G$18=$B$17,14,0)+IF('Standard Profiles'!$G$18=$B$24,21,0),0)),0)</f>
        <v>34.534751388858993</v>
      </c>
      <c r="E6552" cm="1">
        <f t="array" ref="E6552">IFERROR(INDEX(Jesper!AI$2:AI$366,ROUNDDOWN($C6552/24,0)+1,1)*INDEX($D$3:$AA$30,INDEX(Jesper!$R$2:$R$366,ROW(INDEX(Jesper!AI$2:AI$366,ROUNDDOWN($C6552/24,0)+1,1))-1)+IF('Standard Profiles'!$G$19=$B$10,7,0)+IF('Standard Profiles'!$G$19=$B$17,14,0)+IF('Standard Profiles'!$G$19=$B$24,21,0),MOD($C6552,24)+1)/SUM(INDEX($D$3:$AA$30,INDEX(Jesper!$R$2:$R$366,ROW(INDEX(Jesper!AI$2:AI$366,ROUNDDOWN($C6552/24,0)+1,1))-1)+IF('Standard Profiles'!$G$19=$B$10,7,0)+IF('Standard Profiles'!$G$19=$B$17,14,0)+IF('Standard Profiles'!$G$19=$B$24,21,0),0)),0)</f>
        <v>15.007806457334127</v>
      </c>
      <c r="F6552" cm="1">
        <f t="array" ref="F6552">IFERROR(INDEX(Jesper!AJ$2:AJ$366,ROUNDDOWN($C6552/24,0)+1,1)*INDEX($D$3:$AA$30,INDEX(Jesper!$R$2:$R$366,ROW(INDEX(Jesper!AJ$2:AJ$366,ROUNDDOWN($C6552/24,0)+1,1))-1)+IF('Standard Profiles'!$G$20=$B$10,7,0)+IF('Standard Profiles'!$G$20=$B$17,14,0)+IF('Standard Profiles'!$G$20=$B$24,21,0),MOD($C6552,24)+1)/SUM(INDEX($D$3:$AA$30,INDEX(Jesper!$R$2:$R$366,ROW(INDEX(Jesper!AJ$2:AJ$366,ROUNDDOWN($C6552/24,0)+1,1))-1)+IF('Standard Profiles'!$G$20=$B$10,7,0)+IF('Standard Profiles'!$G$20=$B$17,14,0)+IF('Standard Profiles'!$G$20=$B$24,21,0),0)),0)</f>
        <v>0</v>
      </c>
      <c r="G6552" cm="1">
        <f t="array" ref="G6552">IFERROR(INDEX(Jesper!AK$2:AK$366,ROUNDDOWN($C6552/24,0)+1,1)*INDEX($D$3:$AA$30,INDEX(Jesper!$R$2:$R$366,ROW(INDEX(Jesper!AK$2:AK$366,ROUNDDOWN($C6552/24,0)+1,1))-1)+IF('Standard Profiles'!$G$21=$B$10,7,0)+IF('Standard Profiles'!$G$21=$B$17,14,0)+IF('Standard Profiles'!$G$21=$B$24,21,0),MOD($C6552,24)+1)/SUM(INDEX($D$3:$AA$30,INDEX(Jesper!$R$2:$R$366,ROW(INDEX(Jesper!AK$2:AK$366,ROUNDDOWN($C6552/24,0)+1,1))-1)+IF('Standard Profiles'!$G$21=$B$10,7,0)+IF('Standard Profiles'!$G$21=$B$17,14,0)+IF('Standard Profiles'!$G$21=$B$24,21,0),0)),0)</f>
        <v>1.3661814694004197</v>
      </c>
      <c r="H6552" cm="1">
        <f t="array" ref="H6552">IFERROR(INDEX(Jesper!AL$2:AL$366,ROUNDDOWN($C6552/24,0)+1,1)*INDEX($D$3:$AA$30,INDEX(Jesper!$R$2:$R$366,ROW(INDEX(Jesper!AL$2:AL$366,ROUNDDOWN($C6552/24,0)+1,1))-1)+IF('Standard Profiles'!$G$22=$B$10,7,0)+IF('Standard Profiles'!$G$22=$B$17,14,0)+IF('Standard Profiles'!$G$22=$B$24,21,0),MOD($C6552,24)+1)/SUM(INDEX($D$3:$AA$30,INDEX(Jesper!$R$2:$R$366,ROW(INDEX(Jesper!AL$2:AL$366,ROUNDDOWN($C6552/24,0)+1,1))-1)+IF('Standard Profiles'!$G$22=$B$10,7,0)+IF('Standard Profiles'!$G$22=$B$17,14,0)+IF('Standard Profiles'!$G$22=$B$24,21,0),0)),0)</f>
        <v>0</v>
      </c>
      <c r="I6552">
        <f t="shared" si="727"/>
        <v>0.65576710531220117</v>
      </c>
      <c r="J6552">
        <f t="shared" si="728"/>
        <v>44.727411988063899</v>
      </c>
      <c r="K6552">
        <f t="shared" si="729"/>
        <v>3.6837068148116261</v>
      </c>
      <c r="L6552">
        <f t="shared" si="730"/>
        <v>1.841853407405813</v>
      </c>
      <c r="M6552">
        <f t="shared" si="731"/>
        <v>0</v>
      </c>
      <c r="N6552" s="45">
        <f t="shared" si="732"/>
        <v>45198.583333317525</v>
      </c>
    </row>
    <row r="6553" spans="2:14" x14ac:dyDescent="0.25">
      <c r="B6553">
        <f t="shared" si="726"/>
        <v>5</v>
      </c>
      <c r="C6553" s="16">
        <v>6519</v>
      </c>
      <c r="D6553" cm="1">
        <f t="array" ref="D6553">IFERROR(INDEX(Jesper!AH$2:AH$366,ROUNDDOWN($C6553/24,0)+1,1)*INDEX($D$3:$AA$30,INDEX(Jesper!$R$2:$R$366,ROW(INDEX(Jesper!AH$2:AH$366,ROUNDDOWN($C6553/24,0)+1,1))-1)+IF('Standard Profiles'!$G$18=$B$10,7,0)+IF('Standard Profiles'!$G$18=$B$17,14,0)+IF('Standard Profiles'!$G$18=$B$24,21,0),MOD($C6553,24)+1)/SUM(INDEX($D$3:$AA$30,INDEX(Jesper!$R$2:$R$366,ROW(INDEX(Jesper!AH$2:AH$366,ROUNDDOWN($C6553/24,0)+1,1))-1)+IF('Standard Profiles'!$G$18=$B$10,7,0)+IF('Standard Profiles'!$G$18=$B$17,14,0)+IF('Standard Profiles'!$G$18=$B$24,21,0),0)),0)</f>
        <v>26.565193376045379</v>
      </c>
      <c r="E6553" cm="1">
        <f t="array" ref="E6553">IFERROR(INDEX(Jesper!AI$2:AI$366,ROUNDDOWN($C6553/24,0)+1,1)*INDEX($D$3:$AA$30,INDEX(Jesper!$R$2:$R$366,ROW(INDEX(Jesper!AI$2:AI$366,ROUNDDOWN($C6553/24,0)+1,1))-1)+IF('Standard Profiles'!$G$19=$B$10,7,0)+IF('Standard Profiles'!$G$19=$B$17,14,0)+IF('Standard Profiles'!$G$19=$B$24,21,0),MOD($C6553,24)+1)/SUM(INDEX($D$3:$AA$30,INDEX(Jesper!$R$2:$R$366,ROW(INDEX(Jesper!AI$2:AI$366,ROUNDDOWN($C6553/24,0)+1,1))-1)+IF('Standard Profiles'!$G$19=$B$10,7,0)+IF('Standard Profiles'!$G$19=$B$17,14,0)+IF('Standard Profiles'!$G$19=$B$24,21,0),0)),0)</f>
        <v>11.544466505641635</v>
      </c>
      <c r="F6553" cm="1">
        <f t="array" ref="F6553">IFERROR(INDEX(Jesper!AJ$2:AJ$366,ROUNDDOWN($C6553/24,0)+1,1)*INDEX($D$3:$AA$30,INDEX(Jesper!$R$2:$R$366,ROW(INDEX(Jesper!AJ$2:AJ$366,ROUNDDOWN($C6553/24,0)+1,1))-1)+IF('Standard Profiles'!$G$20=$B$10,7,0)+IF('Standard Profiles'!$G$20=$B$17,14,0)+IF('Standard Profiles'!$G$20=$B$24,21,0),MOD($C6553,24)+1)/SUM(INDEX($D$3:$AA$30,INDEX(Jesper!$R$2:$R$366,ROW(INDEX(Jesper!AJ$2:AJ$366,ROUNDDOWN($C6553/24,0)+1,1))-1)+IF('Standard Profiles'!$G$20=$B$10,7,0)+IF('Standard Profiles'!$G$20=$B$17,14,0)+IF('Standard Profiles'!$G$20=$B$24,21,0),0)),0)</f>
        <v>0</v>
      </c>
      <c r="G6553" cm="1">
        <f t="array" ref="G6553">IFERROR(INDEX(Jesper!AK$2:AK$366,ROUNDDOWN($C6553/24,0)+1,1)*INDEX($D$3:$AA$30,INDEX(Jesper!$R$2:$R$366,ROW(INDEX(Jesper!AK$2:AK$366,ROUNDDOWN($C6553/24,0)+1,1))-1)+IF('Standard Profiles'!$G$21=$B$10,7,0)+IF('Standard Profiles'!$G$21=$B$17,14,0)+IF('Standard Profiles'!$G$21=$B$24,21,0),MOD($C6553,24)+1)/SUM(INDEX($D$3:$AA$30,INDEX(Jesper!$R$2:$R$366,ROW(INDEX(Jesper!AK$2:AK$366,ROUNDDOWN($C6553/24,0)+1,1))-1)+IF('Standard Profiles'!$G$21=$B$10,7,0)+IF('Standard Profiles'!$G$21=$B$17,14,0)+IF('Standard Profiles'!$G$21=$B$24,21,0),0)),0)</f>
        <v>1.1559997048772783</v>
      </c>
      <c r="H6553" cm="1">
        <f t="array" ref="H6553">IFERROR(INDEX(Jesper!AL$2:AL$366,ROUNDDOWN($C6553/24,0)+1,1)*INDEX($D$3:$AA$30,INDEX(Jesper!$R$2:$R$366,ROW(INDEX(Jesper!AL$2:AL$366,ROUNDDOWN($C6553/24,0)+1,1))-1)+IF('Standard Profiles'!$G$22=$B$10,7,0)+IF('Standard Profiles'!$G$22=$B$17,14,0)+IF('Standard Profiles'!$G$22=$B$24,21,0),MOD($C6553,24)+1)/SUM(INDEX($D$3:$AA$30,INDEX(Jesper!$R$2:$R$366,ROW(INDEX(Jesper!AL$2:AL$366,ROUNDDOWN($C6553/24,0)+1,1))-1)+IF('Standard Profiles'!$G$22=$B$10,7,0)+IF('Standard Profiles'!$G$22=$B$17,14,0)+IF('Standard Profiles'!$G$22=$B$24,21,0),0)),0)</f>
        <v>0</v>
      </c>
      <c r="I6553">
        <f t="shared" si="727"/>
        <v>0.55487985834109332</v>
      </c>
      <c r="J6553">
        <f t="shared" si="728"/>
        <v>34.460348788055938</v>
      </c>
      <c r="K6553">
        <f t="shared" si="729"/>
        <v>2.8336206267781741</v>
      </c>
      <c r="L6553">
        <f t="shared" si="730"/>
        <v>1.416810313389087</v>
      </c>
      <c r="M6553">
        <f t="shared" si="731"/>
        <v>0</v>
      </c>
      <c r="N6553" s="45">
        <f t="shared" si="732"/>
        <v>45198.624999984189</v>
      </c>
    </row>
    <row r="6554" spans="2:14" x14ac:dyDescent="0.25">
      <c r="B6554">
        <f t="shared" si="726"/>
        <v>5</v>
      </c>
      <c r="C6554" s="16">
        <v>6520</v>
      </c>
      <c r="D6554" cm="1">
        <f t="array" ref="D6554">IFERROR(INDEX(Jesper!AH$2:AH$366,ROUNDDOWN($C6554/24,0)+1,1)*INDEX($D$3:$AA$30,INDEX(Jesper!$R$2:$R$366,ROW(INDEX(Jesper!AH$2:AH$366,ROUNDDOWN($C6554/24,0)+1,1))-1)+IF('Standard Profiles'!$G$18=$B$10,7,0)+IF('Standard Profiles'!$G$18=$B$17,14,0)+IF('Standard Profiles'!$G$18=$B$24,21,0),MOD($C6554,24)+1)/SUM(INDEX($D$3:$AA$30,INDEX(Jesper!$R$2:$R$366,ROW(INDEX(Jesper!AH$2:AH$366,ROUNDDOWN($C6554/24,0)+1,1))-1)+IF('Standard Profiles'!$G$18=$B$10,7,0)+IF('Standard Profiles'!$G$18=$B$17,14,0)+IF('Standard Profiles'!$G$18=$B$24,21,0),0)),0)</f>
        <v>12.471921772791259</v>
      </c>
      <c r="E6554" cm="1">
        <f t="array" ref="E6554">IFERROR(INDEX(Jesper!AI$2:AI$366,ROUNDDOWN($C6554/24,0)+1,1)*INDEX($D$3:$AA$30,INDEX(Jesper!$R$2:$R$366,ROW(INDEX(Jesper!AI$2:AI$366,ROUNDDOWN($C6554/24,0)+1,1))-1)+IF('Standard Profiles'!$G$19=$B$10,7,0)+IF('Standard Profiles'!$G$19=$B$17,14,0)+IF('Standard Profiles'!$G$19=$B$24,21,0),MOD($C6554,24)+1)/SUM(INDEX($D$3:$AA$30,INDEX(Jesper!$R$2:$R$366,ROW(INDEX(Jesper!AI$2:AI$366,ROUNDDOWN($C6554/24,0)+1,1))-1)+IF('Standard Profiles'!$G$19=$B$10,7,0)+IF('Standard Profiles'!$G$19=$B$17,14,0)+IF('Standard Profiles'!$G$19=$B$24,21,0),0)),0)</f>
        <v>5.4199373265923168</v>
      </c>
      <c r="F6554" cm="1">
        <f t="array" ref="F6554">IFERROR(INDEX(Jesper!AJ$2:AJ$366,ROUNDDOWN($C6554/24,0)+1,1)*INDEX($D$3:$AA$30,INDEX(Jesper!$R$2:$R$366,ROW(INDEX(Jesper!AJ$2:AJ$366,ROUNDDOWN($C6554/24,0)+1,1))-1)+IF('Standard Profiles'!$G$20=$B$10,7,0)+IF('Standard Profiles'!$G$20=$B$17,14,0)+IF('Standard Profiles'!$G$20=$B$24,21,0),MOD($C6554,24)+1)/SUM(INDEX($D$3:$AA$30,INDEX(Jesper!$R$2:$R$366,ROW(INDEX(Jesper!AJ$2:AJ$366,ROUNDDOWN($C6554/24,0)+1,1))-1)+IF('Standard Profiles'!$G$20=$B$10,7,0)+IF('Standard Profiles'!$G$20=$B$17,14,0)+IF('Standard Profiles'!$G$20=$B$24,21,0),0)),0)</f>
        <v>0</v>
      </c>
      <c r="G6554" cm="1">
        <f t="array" ref="G6554">IFERROR(INDEX(Jesper!AK$2:AK$366,ROUNDDOWN($C6554/24,0)+1,1)*INDEX($D$3:$AA$30,INDEX(Jesper!$R$2:$R$366,ROW(INDEX(Jesper!AK$2:AK$366,ROUNDDOWN($C6554/24,0)+1,1))-1)+IF('Standard Profiles'!$G$21=$B$10,7,0)+IF('Standard Profiles'!$G$21=$B$17,14,0)+IF('Standard Profiles'!$G$21=$B$24,21,0),MOD($C6554,24)+1)/SUM(INDEX($D$3:$AA$30,INDEX(Jesper!$R$2:$R$366,ROW(INDEX(Jesper!AK$2:AK$366,ROUNDDOWN($C6554/24,0)+1,1))-1)+IF('Standard Profiles'!$G$21=$B$10,7,0)+IF('Standard Profiles'!$G$21=$B$17,14,0)+IF('Standard Profiles'!$G$21=$B$24,21,0),0)),0)</f>
        <v>1.0008655453482931</v>
      </c>
      <c r="H6554" cm="1">
        <f t="array" ref="H6554">IFERROR(INDEX(Jesper!AL$2:AL$366,ROUNDDOWN($C6554/24,0)+1,1)*INDEX($D$3:$AA$30,INDEX(Jesper!$R$2:$R$366,ROW(INDEX(Jesper!AL$2:AL$366,ROUNDDOWN($C6554/24,0)+1,1))-1)+IF('Standard Profiles'!$G$22=$B$10,7,0)+IF('Standard Profiles'!$G$22=$B$17,14,0)+IF('Standard Profiles'!$G$22=$B$24,21,0),MOD($C6554,24)+1)/SUM(INDEX($D$3:$AA$30,INDEX(Jesper!$R$2:$R$366,ROW(INDEX(Jesper!AL$2:AL$366,ROUNDDOWN($C6554/24,0)+1,1))-1)+IF('Standard Profiles'!$G$22=$B$10,7,0)+IF('Standard Profiles'!$G$22=$B$17,14,0)+IF('Standard Profiles'!$G$22=$B$24,21,0),0)),0)</f>
        <v>0</v>
      </c>
      <c r="I6554">
        <f t="shared" si="727"/>
        <v>0.48041546176718042</v>
      </c>
      <c r="J6554">
        <f t="shared" si="728"/>
        <v>16.416801699318086</v>
      </c>
      <c r="K6554">
        <f t="shared" si="729"/>
        <v>1.3303383224310676</v>
      </c>
      <c r="L6554">
        <f t="shared" si="730"/>
        <v>0.66516916121553382</v>
      </c>
      <c r="M6554">
        <f t="shared" si="731"/>
        <v>0</v>
      </c>
      <c r="N6554" s="45">
        <f t="shared" si="732"/>
        <v>45198.666666650854</v>
      </c>
    </row>
    <row r="6555" spans="2:14" x14ac:dyDescent="0.25">
      <c r="B6555">
        <f t="shared" si="726"/>
        <v>5</v>
      </c>
      <c r="C6555" s="16">
        <v>6521</v>
      </c>
      <c r="D6555" cm="1">
        <f t="array" ref="D6555">IFERROR(INDEX(Jesper!AH$2:AH$366,ROUNDDOWN($C6555/24,0)+1,1)*INDEX($D$3:$AA$30,INDEX(Jesper!$R$2:$R$366,ROW(INDEX(Jesper!AH$2:AH$366,ROUNDDOWN($C6555/24,0)+1,1))-1)+IF('Standard Profiles'!$G$18=$B$10,7,0)+IF('Standard Profiles'!$G$18=$B$17,14,0)+IF('Standard Profiles'!$G$18=$B$24,21,0),MOD($C6555,24)+1)/SUM(INDEX($D$3:$AA$30,INDEX(Jesper!$R$2:$R$366,ROW(INDEX(Jesper!AH$2:AH$366,ROUNDDOWN($C6555/24,0)+1,1))-1)+IF('Standard Profiles'!$G$18=$B$10,7,0)+IF('Standard Profiles'!$G$18=$B$17,14,0)+IF('Standard Profiles'!$G$18=$B$24,21,0),0)),0)</f>
        <v>8.2314683700422293</v>
      </c>
      <c r="E6555" cm="1">
        <f t="array" ref="E6555">IFERROR(INDEX(Jesper!AI$2:AI$366,ROUNDDOWN($C6555/24,0)+1,1)*INDEX($D$3:$AA$30,INDEX(Jesper!$R$2:$R$366,ROW(INDEX(Jesper!AI$2:AI$366,ROUNDDOWN($C6555/24,0)+1,1))-1)+IF('Standard Profiles'!$G$19=$B$10,7,0)+IF('Standard Profiles'!$G$19=$B$17,14,0)+IF('Standard Profiles'!$G$19=$B$24,21,0),MOD($C6555,24)+1)/SUM(INDEX($D$3:$AA$30,INDEX(Jesper!$R$2:$R$366,ROW(INDEX(Jesper!AI$2:AI$366,ROUNDDOWN($C6555/24,0)+1,1))-1)+IF('Standard Profiles'!$G$19=$B$10,7,0)+IF('Standard Profiles'!$G$19=$B$17,14,0)+IF('Standard Profiles'!$G$19=$B$24,21,0),0)),0)</f>
        <v>3.5771586355509291</v>
      </c>
      <c r="F6555" cm="1">
        <f t="array" ref="F6555">IFERROR(INDEX(Jesper!AJ$2:AJ$366,ROUNDDOWN($C6555/24,0)+1,1)*INDEX($D$3:$AA$30,INDEX(Jesper!$R$2:$R$366,ROW(INDEX(Jesper!AJ$2:AJ$366,ROUNDDOWN($C6555/24,0)+1,1))-1)+IF('Standard Profiles'!$G$20=$B$10,7,0)+IF('Standard Profiles'!$G$20=$B$17,14,0)+IF('Standard Profiles'!$G$20=$B$24,21,0),MOD($C6555,24)+1)/SUM(INDEX($D$3:$AA$30,INDEX(Jesper!$R$2:$R$366,ROW(INDEX(Jesper!AJ$2:AJ$366,ROUNDDOWN($C6555/24,0)+1,1))-1)+IF('Standard Profiles'!$G$20=$B$10,7,0)+IF('Standard Profiles'!$G$20=$B$17,14,0)+IF('Standard Profiles'!$G$20=$B$24,21,0),0)),0)</f>
        <v>0</v>
      </c>
      <c r="G6555" cm="1">
        <f t="array" ref="G6555">IFERROR(INDEX(Jesper!AK$2:AK$366,ROUNDDOWN($C6555/24,0)+1,1)*INDEX($D$3:$AA$30,INDEX(Jesper!$R$2:$R$366,ROW(INDEX(Jesper!AK$2:AK$366,ROUNDDOWN($C6555/24,0)+1,1))-1)+IF('Standard Profiles'!$G$21=$B$10,7,0)+IF('Standard Profiles'!$G$21=$B$17,14,0)+IF('Standard Profiles'!$G$21=$B$24,21,0),MOD($C6555,24)+1)/SUM(INDEX($D$3:$AA$30,INDEX(Jesper!$R$2:$R$366,ROW(INDEX(Jesper!AK$2:AK$366,ROUNDDOWN($C6555/24,0)+1,1))-1)+IF('Standard Profiles'!$G$21=$B$10,7,0)+IF('Standard Profiles'!$G$21=$B$17,14,0)+IF('Standard Profiles'!$G$21=$B$24,21,0),0)),0)</f>
        <v>0.84072705809256598</v>
      </c>
      <c r="H6555" cm="1">
        <f t="array" ref="H6555">IFERROR(INDEX(Jesper!AL$2:AL$366,ROUNDDOWN($C6555/24,0)+1,1)*INDEX($D$3:$AA$30,INDEX(Jesper!$R$2:$R$366,ROW(INDEX(Jesper!AL$2:AL$366,ROUNDDOWN($C6555/24,0)+1,1))-1)+IF('Standard Profiles'!$G$22=$B$10,7,0)+IF('Standard Profiles'!$G$22=$B$17,14,0)+IF('Standard Profiles'!$G$22=$B$24,21,0),MOD($C6555,24)+1)/SUM(INDEX($D$3:$AA$30,INDEX(Jesper!$R$2:$R$366,ROW(INDEX(Jesper!AL$2:AL$366,ROUNDDOWN($C6555/24,0)+1,1))-1)+IF('Standard Profiles'!$G$22=$B$10,7,0)+IF('Standard Profiles'!$G$22=$B$17,14,0)+IF('Standard Profiles'!$G$22=$B$24,21,0),0)),0)</f>
        <v>0</v>
      </c>
      <c r="I6555">
        <f t="shared" si="727"/>
        <v>0.40354898788443144</v>
      </c>
      <c r="J6555">
        <f t="shared" si="728"/>
        <v>10.928770136594535</v>
      </c>
      <c r="K6555">
        <f t="shared" si="729"/>
        <v>0.87802329280450453</v>
      </c>
      <c r="L6555">
        <f t="shared" si="730"/>
        <v>0.43901164640225226</v>
      </c>
      <c r="M6555">
        <f t="shared" si="731"/>
        <v>0</v>
      </c>
      <c r="N6555" s="45">
        <f t="shared" si="732"/>
        <v>45198.708333317518</v>
      </c>
    </row>
    <row r="6556" spans="2:14" x14ac:dyDescent="0.25">
      <c r="B6556">
        <f t="shared" si="726"/>
        <v>5</v>
      </c>
      <c r="C6556" s="16">
        <v>6522</v>
      </c>
      <c r="D6556" cm="1">
        <f t="array" ref="D6556">IFERROR(INDEX(Jesper!AH$2:AH$366,ROUNDDOWN($C6556/24,0)+1,1)*INDEX($D$3:$AA$30,INDEX(Jesper!$R$2:$R$366,ROW(INDEX(Jesper!AH$2:AH$366,ROUNDDOWN($C6556/24,0)+1,1))-1)+IF('Standard Profiles'!$G$18=$B$10,7,0)+IF('Standard Profiles'!$G$18=$B$17,14,0)+IF('Standard Profiles'!$G$18=$B$24,21,0),MOD($C6556,24)+1)/SUM(INDEX($D$3:$AA$30,INDEX(Jesper!$R$2:$R$366,ROW(INDEX(Jesper!AH$2:AH$366,ROUNDDOWN($C6556/24,0)+1,1))-1)+IF('Standard Profiles'!$G$18=$B$10,7,0)+IF('Standard Profiles'!$G$18=$B$17,14,0)+IF('Standard Profiles'!$G$18=$B$24,21,0),0)),0)</f>
        <v>5.2382071445723284</v>
      </c>
      <c r="E6556" cm="1">
        <f t="array" ref="E6556">IFERROR(INDEX(Jesper!AI$2:AI$366,ROUNDDOWN($C6556/24,0)+1,1)*INDEX($D$3:$AA$30,INDEX(Jesper!$R$2:$R$366,ROW(INDEX(Jesper!AI$2:AI$366,ROUNDDOWN($C6556/24,0)+1,1))-1)+IF('Standard Profiles'!$G$19=$B$10,7,0)+IF('Standard Profiles'!$G$19=$B$17,14,0)+IF('Standard Profiles'!$G$19=$B$24,21,0),MOD($C6556,24)+1)/SUM(INDEX($D$3:$AA$30,INDEX(Jesper!$R$2:$R$366,ROW(INDEX(Jesper!AI$2:AI$366,ROUNDDOWN($C6556/24,0)+1,1))-1)+IF('Standard Profiles'!$G$19=$B$10,7,0)+IF('Standard Profiles'!$G$19=$B$17,14,0)+IF('Standard Profiles'!$G$19=$B$24,21,0),0)),0)</f>
        <v>2.276373677168773</v>
      </c>
      <c r="F6556" cm="1">
        <f t="array" ref="F6556">IFERROR(INDEX(Jesper!AJ$2:AJ$366,ROUNDDOWN($C6556/24,0)+1,1)*INDEX($D$3:$AA$30,INDEX(Jesper!$R$2:$R$366,ROW(INDEX(Jesper!AJ$2:AJ$366,ROUNDDOWN($C6556/24,0)+1,1))-1)+IF('Standard Profiles'!$G$20=$B$10,7,0)+IF('Standard Profiles'!$G$20=$B$17,14,0)+IF('Standard Profiles'!$G$20=$B$24,21,0),MOD($C6556,24)+1)/SUM(INDEX($D$3:$AA$30,INDEX(Jesper!$R$2:$R$366,ROW(INDEX(Jesper!AJ$2:AJ$366,ROUNDDOWN($C6556/24,0)+1,1))-1)+IF('Standard Profiles'!$G$20=$B$10,7,0)+IF('Standard Profiles'!$G$20=$B$17,14,0)+IF('Standard Profiles'!$G$20=$B$24,21,0),0)),0)</f>
        <v>0</v>
      </c>
      <c r="G6556" cm="1">
        <f t="array" ref="G6556">IFERROR(INDEX(Jesper!AK$2:AK$366,ROUNDDOWN($C6556/24,0)+1,1)*INDEX($D$3:$AA$30,INDEX(Jesper!$R$2:$R$366,ROW(INDEX(Jesper!AK$2:AK$366,ROUNDDOWN($C6556/24,0)+1,1))-1)+IF('Standard Profiles'!$G$21=$B$10,7,0)+IF('Standard Profiles'!$G$21=$B$17,14,0)+IF('Standard Profiles'!$G$21=$B$24,21,0),MOD($C6556,24)+1)/SUM(INDEX($D$3:$AA$30,INDEX(Jesper!$R$2:$R$366,ROW(INDEX(Jesper!AK$2:AK$366,ROUNDDOWN($C6556/24,0)+1,1))-1)+IF('Standard Profiles'!$G$21=$B$10,7,0)+IF('Standard Profiles'!$G$21=$B$17,14,0)+IF('Standard Profiles'!$G$21=$B$24,21,0),0)),0)</f>
        <v>0.31026831905797081</v>
      </c>
      <c r="H6556" cm="1">
        <f t="array" ref="H6556">IFERROR(INDEX(Jesper!AL$2:AL$366,ROUNDDOWN($C6556/24,0)+1,1)*INDEX($D$3:$AA$30,INDEX(Jesper!$R$2:$R$366,ROW(INDEX(Jesper!AL$2:AL$366,ROUNDDOWN($C6556/24,0)+1,1))-1)+IF('Standard Profiles'!$G$22=$B$10,7,0)+IF('Standard Profiles'!$G$22=$B$17,14,0)+IF('Standard Profiles'!$G$22=$B$24,21,0),MOD($C6556,24)+1)/SUM(INDEX($D$3:$AA$30,INDEX(Jesper!$R$2:$R$366,ROW(INDEX(Jesper!AL$2:AL$366,ROUNDDOWN($C6556/24,0)+1,1))-1)+IF('Standard Profiles'!$G$22=$B$10,7,0)+IF('Standard Profiles'!$G$22=$B$17,14,0)+IF('Standard Profiles'!$G$22=$B$24,21,0),0)),0)</f>
        <v>0</v>
      </c>
      <c r="I6556">
        <f t="shared" si="727"/>
        <v>0.14892879314782592</v>
      </c>
      <c r="J6556">
        <f t="shared" si="728"/>
        <v>6.8378072045196729</v>
      </c>
      <c r="K6556">
        <f t="shared" si="729"/>
        <v>0.55874209542104836</v>
      </c>
      <c r="L6556">
        <f t="shared" si="730"/>
        <v>0.27937104771052418</v>
      </c>
      <c r="M6556">
        <f t="shared" si="731"/>
        <v>0</v>
      </c>
      <c r="N6556" s="45">
        <f t="shared" si="732"/>
        <v>45198.749999984182</v>
      </c>
    </row>
    <row r="6557" spans="2:14" x14ac:dyDescent="0.25">
      <c r="B6557">
        <f t="shared" si="726"/>
        <v>5</v>
      </c>
      <c r="C6557" s="16">
        <v>6523</v>
      </c>
      <c r="D6557" cm="1">
        <f t="array" ref="D6557">IFERROR(INDEX(Jesper!AH$2:AH$366,ROUNDDOWN($C6557/24,0)+1,1)*INDEX($D$3:$AA$30,INDEX(Jesper!$R$2:$R$366,ROW(INDEX(Jesper!AH$2:AH$366,ROUNDDOWN($C6557/24,0)+1,1))-1)+IF('Standard Profiles'!$G$18=$B$10,7,0)+IF('Standard Profiles'!$G$18=$B$17,14,0)+IF('Standard Profiles'!$G$18=$B$24,21,0),MOD($C6557,24)+1)/SUM(INDEX($D$3:$AA$30,INDEX(Jesper!$R$2:$R$366,ROW(INDEX(Jesper!AH$2:AH$366,ROUNDDOWN($C6557/24,0)+1,1))-1)+IF('Standard Profiles'!$G$18=$B$10,7,0)+IF('Standard Profiles'!$G$18=$B$17,14,0)+IF('Standard Profiles'!$G$18=$B$24,21,0),0)),0)</f>
        <v>4.9887687091165036</v>
      </c>
      <c r="E6557" cm="1">
        <f t="array" ref="E6557">IFERROR(INDEX(Jesper!AI$2:AI$366,ROUNDDOWN($C6557/24,0)+1,1)*INDEX($D$3:$AA$30,INDEX(Jesper!$R$2:$R$366,ROW(INDEX(Jesper!AI$2:AI$366,ROUNDDOWN($C6557/24,0)+1,1))-1)+IF('Standard Profiles'!$G$19=$B$10,7,0)+IF('Standard Profiles'!$G$19=$B$17,14,0)+IF('Standard Profiles'!$G$19=$B$24,21,0),MOD($C6557,24)+1)/SUM(INDEX($D$3:$AA$30,INDEX(Jesper!$R$2:$R$366,ROW(INDEX(Jesper!AI$2:AI$366,ROUNDDOWN($C6557/24,0)+1,1))-1)+IF('Standard Profiles'!$G$19=$B$10,7,0)+IF('Standard Profiles'!$G$19=$B$17,14,0)+IF('Standard Profiles'!$G$19=$B$24,21,0),0)),0)</f>
        <v>2.1679749306369267</v>
      </c>
      <c r="F6557" cm="1">
        <f t="array" ref="F6557">IFERROR(INDEX(Jesper!AJ$2:AJ$366,ROUNDDOWN($C6557/24,0)+1,1)*INDEX($D$3:$AA$30,INDEX(Jesper!$R$2:$R$366,ROW(INDEX(Jesper!AJ$2:AJ$366,ROUNDDOWN($C6557/24,0)+1,1))-1)+IF('Standard Profiles'!$G$20=$B$10,7,0)+IF('Standard Profiles'!$G$20=$B$17,14,0)+IF('Standard Profiles'!$G$20=$B$24,21,0),MOD($C6557,24)+1)/SUM(INDEX($D$3:$AA$30,INDEX(Jesper!$R$2:$R$366,ROW(INDEX(Jesper!AJ$2:AJ$366,ROUNDDOWN($C6557/24,0)+1,1))-1)+IF('Standard Profiles'!$G$20=$B$10,7,0)+IF('Standard Profiles'!$G$20=$B$17,14,0)+IF('Standard Profiles'!$G$20=$B$24,21,0),0)),0)</f>
        <v>0</v>
      </c>
      <c r="G6557" cm="1">
        <f t="array" ref="G6557">IFERROR(INDEX(Jesper!AK$2:AK$366,ROUNDDOWN($C6557/24,0)+1,1)*INDEX($D$3:$AA$30,INDEX(Jesper!$R$2:$R$366,ROW(INDEX(Jesper!AK$2:AK$366,ROUNDDOWN($C6557/24,0)+1,1))-1)+IF('Standard Profiles'!$G$21=$B$10,7,0)+IF('Standard Profiles'!$G$21=$B$17,14,0)+IF('Standard Profiles'!$G$21=$B$24,21,0),MOD($C6557,24)+1)/SUM(INDEX($D$3:$AA$30,INDEX(Jesper!$R$2:$R$366,ROW(INDEX(Jesper!AK$2:AK$366,ROUNDDOWN($C6557/24,0)+1,1))-1)+IF('Standard Profiles'!$G$21=$B$10,7,0)+IF('Standard Profiles'!$G$21=$B$17,14,0)+IF('Standard Profiles'!$G$21=$B$24,21,0),0)),0)</f>
        <v>0.31026831905797081</v>
      </c>
      <c r="H6557" cm="1">
        <f t="array" ref="H6557">IFERROR(INDEX(Jesper!AL$2:AL$366,ROUNDDOWN($C6557/24,0)+1,1)*INDEX($D$3:$AA$30,INDEX(Jesper!$R$2:$R$366,ROW(INDEX(Jesper!AL$2:AL$366,ROUNDDOWN($C6557/24,0)+1,1))-1)+IF('Standard Profiles'!$G$22=$B$10,7,0)+IF('Standard Profiles'!$G$22=$B$17,14,0)+IF('Standard Profiles'!$G$22=$B$24,21,0),MOD($C6557,24)+1)/SUM(INDEX($D$3:$AA$30,INDEX(Jesper!$R$2:$R$366,ROW(INDEX(Jesper!AL$2:AL$366,ROUNDDOWN($C6557/24,0)+1,1))-1)+IF('Standard Profiles'!$G$22=$B$10,7,0)+IF('Standard Profiles'!$G$22=$B$17,14,0)+IF('Standard Profiles'!$G$22=$B$24,21,0),0)),0)</f>
        <v>0</v>
      </c>
      <c r="I6557">
        <f t="shared" si="727"/>
        <v>0.14892879314782592</v>
      </c>
      <c r="J6557">
        <f t="shared" si="728"/>
        <v>6.5198801722049344</v>
      </c>
      <c r="K6557">
        <f t="shared" si="729"/>
        <v>0.5321353289724271</v>
      </c>
      <c r="L6557">
        <f t="shared" si="730"/>
        <v>0.26606766448621355</v>
      </c>
      <c r="M6557">
        <f t="shared" si="731"/>
        <v>0</v>
      </c>
      <c r="N6557" s="45">
        <f t="shared" si="732"/>
        <v>45198.791666650846</v>
      </c>
    </row>
    <row r="6558" spans="2:14" x14ac:dyDescent="0.25">
      <c r="B6558">
        <f t="shared" si="726"/>
        <v>5</v>
      </c>
      <c r="C6558" s="16">
        <v>6524</v>
      </c>
      <c r="D6558" cm="1">
        <f t="array" ref="D6558">IFERROR(INDEX(Jesper!AH$2:AH$366,ROUNDDOWN($C6558/24,0)+1,1)*INDEX($D$3:$AA$30,INDEX(Jesper!$R$2:$R$366,ROW(INDEX(Jesper!AH$2:AH$366,ROUNDDOWN($C6558/24,0)+1,1))-1)+IF('Standard Profiles'!$G$18=$B$10,7,0)+IF('Standard Profiles'!$G$18=$B$17,14,0)+IF('Standard Profiles'!$G$18=$B$24,21,0),MOD($C6558,24)+1)/SUM(INDEX($D$3:$AA$30,INDEX(Jesper!$R$2:$R$366,ROW(INDEX(Jesper!AH$2:AH$366,ROUNDDOWN($C6558/24,0)+1,1))-1)+IF('Standard Profiles'!$G$18=$B$10,7,0)+IF('Standard Profiles'!$G$18=$B$17,14,0)+IF('Standard Profiles'!$G$18=$B$24,21,0),0)),0)</f>
        <v>4.9887687091165036</v>
      </c>
      <c r="E6558" cm="1">
        <f t="array" ref="E6558">IFERROR(INDEX(Jesper!AI$2:AI$366,ROUNDDOWN($C6558/24,0)+1,1)*INDEX($D$3:$AA$30,INDEX(Jesper!$R$2:$R$366,ROW(INDEX(Jesper!AI$2:AI$366,ROUNDDOWN($C6558/24,0)+1,1))-1)+IF('Standard Profiles'!$G$19=$B$10,7,0)+IF('Standard Profiles'!$G$19=$B$17,14,0)+IF('Standard Profiles'!$G$19=$B$24,21,0),MOD($C6558,24)+1)/SUM(INDEX($D$3:$AA$30,INDEX(Jesper!$R$2:$R$366,ROW(INDEX(Jesper!AI$2:AI$366,ROUNDDOWN($C6558/24,0)+1,1))-1)+IF('Standard Profiles'!$G$19=$B$10,7,0)+IF('Standard Profiles'!$G$19=$B$17,14,0)+IF('Standard Profiles'!$G$19=$B$24,21,0),0)),0)</f>
        <v>2.1679749306369267</v>
      </c>
      <c r="F6558" cm="1">
        <f t="array" ref="F6558">IFERROR(INDEX(Jesper!AJ$2:AJ$366,ROUNDDOWN($C6558/24,0)+1,1)*INDEX($D$3:$AA$30,INDEX(Jesper!$R$2:$R$366,ROW(INDEX(Jesper!AJ$2:AJ$366,ROUNDDOWN($C6558/24,0)+1,1))-1)+IF('Standard Profiles'!$G$20=$B$10,7,0)+IF('Standard Profiles'!$G$20=$B$17,14,0)+IF('Standard Profiles'!$G$20=$B$24,21,0),MOD($C6558,24)+1)/SUM(INDEX($D$3:$AA$30,INDEX(Jesper!$R$2:$R$366,ROW(INDEX(Jesper!AJ$2:AJ$366,ROUNDDOWN($C6558/24,0)+1,1))-1)+IF('Standard Profiles'!$G$20=$B$10,7,0)+IF('Standard Profiles'!$G$20=$B$17,14,0)+IF('Standard Profiles'!$G$20=$B$24,21,0),0)),0)</f>
        <v>0</v>
      </c>
      <c r="G6558" cm="1">
        <f t="array" ref="G6558">IFERROR(INDEX(Jesper!AK$2:AK$366,ROUNDDOWN($C6558/24,0)+1,1)*INDEX($D$3:$AA$30,INDEX(Jesper!$R$2:$R$366,ROW(INDEX(Jesper!AK$2:AK$366,ROUNDDOWN($C6558/24,0)+1,1))-1)+IF('Standard Profiles'!$G$21=$B$10,7,0)+IF('Standard Profiles'!$G$21=$B$17,14,0)+IF('Standard Profiles'!$G$21=$B$24,21,0),MOD($C6558,24)+1)/SUM(INDEX($D$3:$AA$30,INDEX(Jesper!$R$2:$R$366,ROW(INDEX(Jesper!AK$2:AK$366,ROUNDDOWN($C6558/24,0)+1,1))-1)+IF('Standard Profiles'!$G$21=$B$10,7,0)+IF('Standard Profiles'!$G$21=$B$17,14,0)+IF('Standard Profiles'!$G$21=$B$24,21,0),0)),0)</f>
        <v>0.31026831905797081</v>
      </c>
      <c r="H6558" cm="1">
        <f t="array" ref="H6558">IFERROR(INDEX(Jesper!AL$2:AL$366,ROUNDDOWN($C6558/24,0)+1,1)*INDEX($D$3:$AA$30,INDEX(Jesper!$R$2:$R$366,ROW(INDEX(Jesper!AL$2:AL$366,ROUNDDOWN($C6558/24,0)+1,1))-1)+IF('Standard Profiles'!$G$22=$B$10,7,0)+IF('Standard Profiles'!$G$22=$B$17,14,0)+IF('Standard Profiles'!$G$22=$B$24,21,0),MOD($C6558,24)+1)/SUM(INDEX($D$3:$AA$30,INDEX(Jesper!$R$2:$R$366,ROW(INDEX(Jesper!AL$2:AL$366,ROUNDDOWN($C6558/24,0)+1,1))-1)+IF('Standard Profiles'!$G$22=$B$10,7,0)+IF('Standard Profiles'!$G$22=$B$17,14,0)+IF('Standard Profiles'!$G$22=$B$24,21,0),0)),0)</f>
        <v>0</v>
      </c>
      <c r="I6558">
        <f t="shared" si="727"/>
        <v>0.14892879314782592</v>
      </c>
      <c r="J6558">
        <f t="shared" si="728"/>
        <v>6.5198801722049344</v>
      </c>
      <c r="K6558">
        <f t="shared" si="729"/>
        <v>0.5321353289724271</v>
      </c>
      <c r="L6558">
        <f t="shared" si="730"/>
        <v>0.26606766448621355</v>
      </c>
      <c r="M6558">
        <f t="shared" si="731"/>
        <v>0</v>
      </c>
      <c r="N6558" s="45">
        <f t="shared" si="732"/>
        <v>45198.833333317511</v>
      </c>
    </row>
    <row r="6559" spans="2:14" x14ac:dyDescent="0.25">
      <c r="B6559">
        <f t="shared" si="726"/>
        <v>5</v>
      </c>
      <c r="C6559" s="16">
        <v>6525</v>
      </c>
      <c r="D6559" cm="1">
        <f t="array" ref="D6559">IFERROR(INDEX(Jesper!AH$2:AH$366,ROUNDDOWN($C6559/24,0)+1,1)*INDEX($D$3:$AA$30,INDEX(Jesper!$R$2:$R$366,ROW(INDEX(Jesper!AH$2:AH$366,ROUNDDOWN($C6559/24,0)+1,1))-1)+IF('Standard Profiles'!$G$18=$B$10,7,0)+IF('Standard Profiles'!$G$18=$B$17,14,0)+IF('Standard Profiles'!$G$18=$B$24,21,0),MOD($C6559,24)+1)/SUM(INDEX($D$3:$AA$30,INDEX(Jesper!$R$2:$R$366,ROW(INDEX(Jesper!AH$2:AH$366,ROUNDDOWN($C6559/24,0)+1,1))-1)+IF('Standard Profiles'!$G$18=$B$10,7,0)+IF('Standard Profiles'!$G$18=$B$17,14,0)+IF('Standard Profiles'!$G$18=$B$24,21,0),0)),0)</f>
        <v>4.9887687091165036</v>
      </c>
      <c r="E6559" cm="1">
        <f t="array" ref="E6559">IFERROR(INDEX(Jesper!AI$2:AI$366,ROUNDDOWN($C6559/24,0)+1,1)*INDEX($D$3:$AA$30,INDEX(Jesper!$R$2:$R$366,ROW(INDEX(Jesper!AI$2:AI$366,ROUNDDOWN($C6559/24,0)+1,1))-1)+IF('Standard Profiles'!$G$19=$B$10,7,0)+IF('Standard Profiles'!$G$19=$B$17,14,0)+IF('Standard Profiles'!$G$19=$B$24,21,0),MOD($C6559,24)+1)/SUM(INDEX($D$3:$AA$30,INDEX(Jesper!$R$2:$R$366,ROW(INDEX(Jesper!AI$2:AI$366,ROUNDDOWN($C6559/24,0)+1,1))-1)+IF('Standard Profiles'!$G$19=$B$10,7,0)+IF('Standard Profiles'!$G$19=$B$17,14,0)+IF('Standard Profiles'!$G$19=$B$24,21,0),0)),0)</f>
        <v>2.1679749306369267</v>
      </c>
      <c r="F6559" cm="1">
        <f t="array" ref="F6559">IFERROR(INDEX(Jesper!AJ$2:AJ$366,ROUNDDOWN($C6559/24,0)+1,1)*INDEX($D$3:$AA$30,INDEX(Jesper!$R$2:$R$366,ROW(INDEX(Jesper!AJ$2:AJ$366,ROUNDDOWN($C6559/24,0)+1,1))-1)+IF('Standard Profiles'!$G$20=$B$10,7,0)+IF('Standard Profiles'!$G$20=$B$17,14,0)+IF('Standard Profiles'!$G$20=$B$24,21,0),MOD($C6559,24)+1)/SUM(INDEX($D$3:$AA$30,INDEX(Jesper!$R$2:$R$366,ROW(INDEX(Jesper!AJ$2:AJ$366,ROUNDDOWN($C6559/24,0)+1,1))-1)+IF('Standard Profiles'!$G$20=$B$10,7,0)+IF('Standard Profiles'!$G$20=$B$17,14,0)+IF('Standard Profiles'!$G$20=$B$24,21,0),0)),0)</f>
        <v>0</v>
      </c>
      <c r="G6559" cm="1">
        <f t="array" ref="G6559">IFERROR(INDEX(Jesper!AK$2:AK$366,ROUNDDOWN($C6559/24,0)+1,1)*INDEX($D$3:$AA$30,INDEX(Jesper!$R$2:$R$366,ROW(INDEX(Jesper!AK$2:AK$366,ROUNDDOWN($C6559/24,0)+1,1))-1)+IF('Standard Profiles'!$G$21=$B$10,7,0)+IF('Standard Profiles'!$G$21=$B$17,14,0)+IF('Standard Profiles'!$G$21=$B$24,21,0),MOD($C6559,24)+1)/SUM(INDEX($D$3:$AA$30,INDEX(Jesper!$R$2:$R$366,ROW(INDEX(Jesper!AK$2:AK$366,ROUNDDOWN($C6559/24,0)+1,1))-1)+IF('Standard Profiles'!$G$21=$B$10,7,0)+IF('Standard Profiles'!$G$21=$B$17,14,0)+IF('Standard Profiles'!$G$21=$B$24,21,0),0)),0)</f>
        <v>0.31026831905797081</v>
      </c>
      <c r="H6559" cm="1">
        <f t="array" ref="H6559">IFERROR(INDEX(Jesper!AL$2:AL$366,ROUNDDOWN($C6559/24,0)+1,1)*INDEX($D$3:$AA$30,INDEX(Jesper!$R$2:$R$366,ROW(INDEX(Jesper!AL$2:AL$366,ROUNDDOWN($C6559/24,0)+1,1))-1)+IF('Standard Profiles'!$G$22=$B$10,7,0)+IF('Standard Profiles'!$G$22=$B$17,14,0)+IF('Standard Profiles'!$G$22=$B$24,21,0),MOD($C6559,24)+1)/SUM(INDEX($D$3:$AA$30,INDEX(Jesper!$R$2:$R$366,ROW(INDEX(Jesper!AL$2:AL$366,ROUNDDOWN($C6559/24,0)+1,1))-1)+IF('Standard Profiles'!$G$22=$B$10,7,0)+IF('Standard Profiles'!$G$22=$B$17,14,0)+IF('Standard Profiles'!$G$22=$B$24,21,0),0)),0)</f>
        <v>0</v>
      </c>
      <c r="I6559">
        <f t="shared" si="727"/>
        <v>0.14892879314782592</v>
      </c>
      <c r="J6559">
        <f t="shared" si="728"/>
        <v>6.5198801722049344</v>
      </c>
      <c r="K6559">
        <f t="shared" si="729"/>
        <v>0.5321353289724271</v>
      </c>
      <c r="L6559">
        <f t="shared" si="730"/>
        <v>0.26606766448621355</v>
      </c>
      <c r="M6559">
        <f t="shared" si="731"/>
        <v>0</v>
      </c>
      <c r="N6559" s="45">
        <f t="shared" si="732"/>
        <v>45198.874999984175</v>
      </c>
    </row>
    <row r="6560" spans="2:14" x14ac:dyDescent="0.25">
      <c r="B6560">
        <f t="shared" si="726"/>
        <v>5</v>
      </c>
      <c r="C6560" s="16">
        <v>6526</v>
      </c>
      <c r="D6560" cm="1">
        <f t="array" ref="D6560">IFERROR(INDEX(Jesper!AH$2:AH$366,ROUNDDOWN($C6560/24,0)+1,1)*INDEX($D$3:$AA$30,INDEX(Jesper!$R$2:$R$366,ROW(INDEX(Jesper!AH$2:AH$366,ROUNDDOWN($C6560/24,0)+1,1))-1)+IF('Standard Profiles'!$G$18=$B$10,7,0)+IF('Standard Profiles'!$G$18=$B$17,14,0)+IF('Standard Profiles'!$G$18=$B$24,21,0),MOD($C6560,24)+1)/SUM(INDEX($D$3:$AA$30,INDEX(Jesper!$R$2:$R$366,ROW(INDEX(Jesper!AH$2:AH$366,ROUNDDOWN($C6560/24,0)+1,1))-1)+IF('Standard Profiles'!$G$18=$B$10,7,0)+IF('Standard Profiles'!$G$18=$B$17,14,0)+IF('Standard Profiles'!$G$18=$B$24,21,0),0)),0)</f>
        <v>4.9887687091165036</v>
      </c>
      <c r="E6560" cm="1">
        <f t="array" ref="E6560">IFERROR(INDEX(Jesper!AI$2:AI$366,ROUNDDOWN($C6560/24,0)+1,1)*INDEX($D$3:$AA$30,INDEX(Jesper!$R$2:$R$366,ROW(INDEX(Jesper!AI$2:AI$366,ROUNDDOWN($C6560/24,0)+1,1))-1)+IF('Standard Profiles'!$G$19=$B$10,7,0)+IF('Standard Profiles'!$G$19=$B$17,14,0)+IF('Standard Profiles'!$G$19=$B$24,21,0),MOD($C6560,24)+1)/SUM(INDEX($D$3:$AA$30,INDEX(Jesper!$R$2:$R$366,ROW(INDEX(Jesper!AI$2:AI$366,ROUNDDOWN($C6560/24,0)+1,1))-1)+IF('Standard Profiles'!$G$19=$B$10,7,0)+IF('Standard Profiles'!$G$19=$B$17,14,0)+IF('Standard Profiles'!$G$19=$B$24,21,0),0)),0)</f>
        <v>2.1679749306369267</v>
      </c>
      <c r="F6560" cm="1">
        <f t="array" ref="F6560">IFERROR(INDEX(Jesper!AJ$2:AJ$366,ROUNDDOWN($C6560/24,0)+1,1)*INDEX($D$3:$AA$30,INDEX(Jesper!$R$2:$R$366,ROW(INDEX(Jesper!AJ$2:AJ$366,ROUNDDOWN($C6560/24,0)+1,1))-1)+IF('Standard Profiles'!$G$20=$B$10,7,0)+IF('Standard Profiles'!$G$20=$B$17,14,0)+IF('Standard Profiles'!$G$20=$B$24,21,0),MOD($C6560,24)+1)/SUM(INDEX($D$3:$AA$30,INDEX(Jesper!$R$2:$R$366,ROW(INDEX(Jesper!AJ$2:AJ$366,ROUNDDOWN($C6560/24,0)+1,1))-1)+IF('Standard Profiles'!$G$20=$B$10,7,0)+IF('Standard Profiles'!$G$20=$B$17,14,0)+IF('Standard Profiles'!$G$20=$B$24,21,0),0)),0)</f>
        <v>0</v>
      </c>
      <c r="G6560" cm="1">
        <f t="array" ref="G6560">IFERROR(INDEX(Jesper!AK$2:AK$366,ROUNDDOWN($C6560/24,0)+1,1)*INDEX($D$3:$AA$30,INDEX(Jesper!$R$2:$R$366,ROW(INDEX(Jesper!AK$2:AK$366,ROUNDDOWN($C6560/24,0)+1,1))-1)+IF('Standard Profiles'!$G$21=$B$10,7,0)+IF('Standard Profiles'!$G$21=$B$17,14,0)+IF('Standard Profiles'!$G$21=$B$24,21,0),MOD($C6560,24)+1)/SUM(INDEX($D$3:$AA$30,INDEX(Jesper!$R$2:$R$366,ROW(INDEX(Jesper!AK$2:AK$366,ROUNDDOWN($C6560/24,0)+1,1))-1)+IF('Standard Profiles'!$G$21=$B$10,7,0)+IF('Standard Profiles'!$G$21=$B$17,14,0)+IF('Standard Profiles'!$G$21=$B$24,21,0),0)),0)</f>
        <v>0.31026831905797081</v>
      </c>
      <c r="H6560" cm="1">
        <f t="array" ref="H6560">IFERROR(INDEX(Jesper!AL$2:AL$366,ROUNDDOWN($C6560/24,0)+1,1)*INDEX($D$3:$AA$30,INDEX(Jesper!$R$2:$R$366,ROW(INDEX(Jesper!AL$2:AL$366,ROUNDDOWN($C6560/24,0)+1,1))-1)+IF('Standard Profiles'!$G$22=$B$10,7,0)+IF('Standard Profiles'!$G$22=$B$17,14,0)+IF('Standard Profiles'!$G$22=$B$24,21,0),MOD($C6560,24)+1)/SUM(INDEX($D$3:$AA$30,INDEX(Jesper!$R$2:$R$366,ROW(INDEX(Jesper!AL$2:AL$366,ROUNDDOWN($C6560/24,0)+1,1))-1)+IF('Standard Profiles'!$G$22=$B$10,7,0)+IF('Standard Profiles'!$G$22=$B$17,14,0)+IF('Standard Profiles'!$G$22=$B$24,21,0),0)),0)</f>
        <v>0</v>
      </c>
      <c r="I6560">
        <f t="shared" si="727"/>
        <v>0.14892879314782592</v>
      </c>
      <c r="J6560">
        <f t="shared" si="728"/>
        <v>6.5198801722049344</v>
      </c>
      <c r="K6560">
        <f t="shared" si="729"/>
        <v>0.5321353289724271</v>
      </c>
      <c r="L6560">
        <f t="shared" si="730"/>
        <v>0.26606766448621355</v>
      </c>
      <c r="M6560">
        <f t="shared" si="731"/>
        <v>0</v>
      </c>
      <c r="N6560" s="45">
        <f t="shared" si="732"/>
        <v>45198.916666650839</v>
      </c>
    </row>
    <row r="6561" spans="2:14" x14ac:dyDescent="0.25">
      <c r="B6561">
        <f t="shared" si="726"/>
        <v>5</v>
      </c>
      <c r="C6561" s="16">
        <v>6527</v>
      </c>
      <c r="D6561" cm="1">
        <f t="array" ref="D6561">IFERROR(INDEX(Jesper!AH$2:AH$366,ROUNDDOWN($C6561/24,0)+1,1)*INDEX($D$3:$AA$30,INDEX(Jesper!$R$2:$R$366,ROW(INDEX(Jesper!AH$2:AH$366,ROUNDDOWN($C6561/24,0)+1,1))-1)+IF('Standard Profiles'!$G$18=$B$10,7,0)+IF('Standard Profiles'!$G$18=$B$17,14,0)+IF('Standard Profiles'!$G$18=$B$24,21,0),MOD($C6561,24)+1)/SUM(INDEX($D$3:$AA$30,INDEX(Jesper!$R$2:$R$366,ROW(INDEX(Jesper!AH$2:AH$366,ROUNDDOWN($C6561/24,0)+1,1))-1)+IF('Standard Profiles'!$G$18=$B$10,7,0)+IF('Standard Profiles'!$G$18=$B$17,14,0)+IF('Standard Profiles'!$G$18=$B$24,21,0),0)),0)</f>
        <v>4.9887687091165036</v>
      </c>
      <c r="E6561" cm="1">
        <f t="array" ref="E6561">IFERROR(INDEX(Jesper!AI$2:AI$366,ROUNDDOWN($C6561/24,0)+1,1)*INDEX($D$3:$AA$30,INDEX(Jesper!$R$2:$R$366,ROW(INDEX(Jesper!AI$2:AI$366,ROUNDDOWN($C6561/24,0)+1,1))-1)+IF('Standard Profiles'!$G$19=$B$10,7,0)+IF('Standard Profiles'!$G$19=$B$17,14,0)+IF('Standard Profiles'!$G$19=$B$24,21,0),MOD($C6561,24)+1)/SUM(INDEX($D$3:$AA$30,INDEX(Jesper!$R$2:$R$366,ROW(INDEX(Jesper!AI$2:AI$366,ROUNDDOWN($C6561/24,0)+1,1))-1)+IF('Standard Profiles'!$G$19=$B$10,7,0)+IF('Standard Profiles'!$G$19=$B$17,14,0)+IF('Standard Profiles'!$G$19=$B$24,21,0),0)),0)</f>
        <v>2.1679749306369267</v>
      </c>
      <c r="F6561" cm="1">
        <f t="array" ref="F6561">IFERROR(INDEX(Jesper!AJ$2:AJ$366,ROUNDDOWN($C6561/24,0)+1,1)*INDEX($D$3:$AA$30,INDEX(Jesper!$R$2:$R$366,ROW(INDEX(Jesper!AJ$2:AJ$366,ROUNDDOWN($C6561/24,0)+1,1))-1)+IF('Standard Profiles'!$G$20=$B$10,7,0)+IF('Standard Profiles'!$G$20=$B$17,14,0)+IF('Standard Profiles'!$G$20=$B$24,21,0),MOD($C6561,24)+1)/SUM(INDEX($D$3:$AA$30,INDEX(Jesper!$R$2:$R$366,ROW(INDEX(Jesper!AJ$2:AJ$366,ROUNDDOWN($C6561/24,0)+1,1))-1)+IF('Standard Profiles'!$G$20=$B$10,7,0)+IF('Standard Profiles'!$G$20=$B$17,14,0)+IF('Standard Profiles'!$G$20=$B$24,21,0),0)),0)</f>
        <v>0</v>
      </c>
      <c r="G6561" cm="1">
        <f t="array" ref="G6561">IFERROR(INDEX(Jesper!AK$2:AK$366,ROUNDDOWN($C6561/24,0)+1,1)*INDEX($D$3:$AA$30,INDEX(Jesper!$R$2:$R$366,ROW(INDEX(Jesper!AK$2:AK$366,ROUNDDOWN($C6561/24,0)+1,1))-1)+IF('Standard Profiles'!$G$21=$B$10,7,0)+IF('Standard Profiles'!$G$21=$B$17,14,0)+IF('Standard Profiles'!$G$21=$B$24,21,0),MOD($C6561,24)+1)/SUM(INDEX($D$3:$AA$30,INDEX(Jesper!$R$2:$R$366,ROW(INDEX(Jesper!AK$2:AK$366,ROUNDDOWN($C6561/24,0)+1,1))-1)+IF('Standard Profiles'!$G$21=$B$10,7,0)+IF('Standard Profiles'!$G$21=$B$17,14,0)+IF('Standard Profiles'!$G$21=$B$24,21,0),0)),0)</f>
        <v>0.31026831905797081</v>
      </c>
      <c r="H6561" cm="1">
        <f t="array" ref="H6561">IFERROR(INDEX(Jesper!AL$2:AL$366,ROUNDDOWN($C6561/24,0)+1,1)*INDEX($D$3:$AA$30,INDEX(Jesper!$R$2:$R$366,ROW(INDEX(Jesper!AL$2:AL$366,ROUNDDOWN($C6561/24,0)+1,1))-1)+IF('Standard Profiles'!$G$22=$B$10,7,0)+IF('Standard Profiles'!$G$22=$B$17,14,0)+IF('Standard Profiles'!$G$22=$B$24,21,0),MOD($C6561,24)+1)/SUM(INDEX($D$3:$AA$30,INDEX(Jesper!$R$2:$R$366,ROW(INDEX(Jesper!AL$2:AL$366,ROUNDDOWN($C6561/24,0)+1,1))-1)+IF('Standard Profiles'!$G$22=$B$10,7,0)+IF('Standard Profiles'!$G$22=$B$17,14,0)+IF('Standard Profiles'!$G$22=$B$24,21,0),0)),0)</f>
        <v>0</v>
      </c>
      <c r="I6561">
        <f t="shared" si="727"/>
        <v>0.14892879314782592</v>
      </c>
      <c r="J6561">
        <f t="shared" si="728"/>
        <v>6.5198801722049344</v>
      </c>
      <c r="K6561">
        <f t="shared" si="729"/>
        <v>0.5321353289724271</v>
      </c>
      <c r="L6561">
        <f t="shared" si="730"/>
        <v>0.26606766448621355</v>
      </c>
      <c r="M6561">
        <f t="shared" si="731"/>
        <v>0</v>
      </c>
      <c r="N6561" s="45">
        <f t="shared" si="732"/>
        <v>45198.958333317503</v>
      </c>
    </row>
    <row r="6562" spans="2:14" x14ac:dyDescent="0.25">
      <c r="B6562">
        <f t="shared" si="726"/>
        <v>6</v>
      </c>
      <c r="C6562" s="16">
        <v>6528</v>
      </c>
      <c r="D6562" cm="1">
        <f t="array" ref="D6562">IFERROR(INDEX(Jesper!AH$2:AH$366,ROUNDDOWN($C6562/24,0)+1,1)*INDEX($D$3:$AA$30,INDEX(Jesper!$R$2:$R$366,ROW(INDEX(Jesper!AH$2:AH$366,ROUNDDOWN($C6562/24,0)+1,1))-1)+IF('Standard Profiles'!$G$18=$B$10,7,0)+IF('Standard Profiles'!$G$18=$B$17,14,0)+IF('Standard Profiles'!$G$18=$B$24,21,0),MOD($C6562,24)+1)/SUM(INDEX($D$3:$AA$30,INDEX(Jesper!$R$2:$R$366,ROW(INDEX(Jesper!AH$2:AH$366,ROUNDDOWN($C6562/24,0)+1,1))-1)+IF('Standard Profiles'!$G$18=$B$10,7,0)+IF('Standard Profiles'!$G$18=$B$17,14,0)+IF('Standard Profiles'!$G$18=$B$24,21,0),0)),0)</f>
        <v>0</v>
      </c>
      <c r="E6562" cm="1">
        <f t="array" ref="E6562">IFERROR(INDEX(Jesper!AI$2:AI$366,ROUNDDOWN($C6562/24,0)+1,1)*INDEX($D$3:$AA$30,INDEX(Jesper!$R$2:$R$366,ROW(INDEX(Jesper!AI$2:AI$366,ROUNDDOWN($C6562/24,0)+1,1))-1)+IF('Standard Profiles'!$G$19=$B$10,7,0)+IF('Standard Profiles'!$G$19=$B$17,14,0)+IF('Standard Profiles'!$G$19=$B$24,21,0),MOD($C6562,24)+1)/SUM(INDEX($D$3:$AA$30,INDEX(Jesper!$R$2:$R$366,ROW(INDEX(Jesper!AI$2:AI$366,ROUNDDOWN($C6562/24,0)+1,1))-1)+IF('Standard Profiles'!$G$19=$B$10,7,0)+IF('Standard Profiles'!$G$19=$B$17,14,0)+IF('Standard Profiles'!$G$19=$B$24,21,0),0)),0)</f>
        <v>3.0326698153877052</v>
      </c>
      <c r="F6562" cm="1">
        <f t="array" ref="F6562">IFERROR(INDEX(Jesper!AJ$2:AJ$366,ROUNDDOWN($C6562/24,0)+1,1)*INDEX($D$3:$AA$30,INDEX(Jesper!$R$2:$R$366,ROW(INDEX(Jesper!AJ$2:AJ$366,ROUNDDOWN($C6562/24,0)+1,1))-1)+IF('Standard Profiles'!$G$20=$B$10,7,0)+IF('Standard Profiles'!$G$20=$B$17,14,0)+IF('Standard Profiles'!$G$20=$B$24,21,0),MOD($C6562,24)+1)/SUM(INDEX($D$3:$AA$30,INDEX(Jesper!$R$2:$R$366,ROW(INDEX(Jesper!AJ$2:AJ$366,ROUNDDOWN($C6562/24,0)+1,1))-1)+IF('Standard Profiles'!$G$20=$B$10,7,0)+IF('Standard Profiles'!$G$20=$B$17,14,0)+IF('Standard Profiles'!$G$20=$B$24,21,0),0)),0)</f>
        <v>1.3710942186797905</v>
      </c>
      <c r="G6562" cm="1">
        <f t="array" ref="G6562">IFERROR(INDEX(Jesper!AK$2:AK$366,ROUNDDOWN($C6562/24,0)+1,1)*INDEX($D$3:$AA$30,INDEX(Jesper!$R$2:$R$366,ROW(INDEX(Jesper!AK$2:AK$366,ROUNDDOWN($C6562/24,0)+1,1))-1)+IF('Standard Profiles'!$G$21=$B$10,7,0)+IF('Standard Profiles'!$G$21=$B$17,14,0)+IF('Standard Profiles'!$G$21=$B$24,21,0),MOD($C6562,24)+1)/SUM(INDEX($D$3:$AA$30,INDEX(Jesper!$R$2:$R$366,ROW(INDEX(Jesper!AK$2:AK$366,ROUNDDOWN($C6562/24,0)+1,1))-1)+IF('Standard Profiles'!$G$21=$B$10,7,0)+IF('Standard Profiles'!$G$21=$B$17,14,0)+IF('Standard Profiles'!$G$21=$B$24,21,0),0)),0)</f>
        <v>0.74668052525662831</v>
      </c>
      <c r="H6562" cm="1">
        <f t="array" ref="H6562">IFERROR(INDEX(Jesper!AL$2:AL$366,ROUNDDOWN($C6562/24,0)+1,1)*INDEX($D$3:$AA$30,INDEX(Jesper!$R$2:$R$366,ROW(INDEX(Jesper!AL$2:AL$366,ROUNDDOWN($C6562/24,0)+1,1))-1)+IF('Standard Profiles'!$G$22=$B$10,7,0)+IF('Standard Profiles'!$G$22=$B$17,14,0)+IF('Standard Profiles'!$G$22=$B$24,21,0),MOD($C6562,24)+1)/SUM(INDEX($D$3:$AA$30,INDEX(Jesper!$R$2:$R$366,ROW(INDEX(Jesper!AL$2:AL$366,ROUNDDOWN($C6562/24,0)+1,1))-1)+IF('Standard Profiles'!$G$22=$B$10,7,0)+IF('Standard Profiles'!$G$22=$B$17,14,0)+IF('Standard Profiles'!$G$22=$B$24,21,0),0)),0)</f>
        <v>0.13975280083683164</v>
      </c>
      <c r="I6562">
        <f t="shared" si="727"/>
        <v>0.13416268880335844</v>
      </c>
      <c r="J6562">
        <f t="shared" si="728"/>
        <v>4.7921142935110721</v>
      </c>
      <c r="K6562">
        <f t="shared" si="729"/>
        <v>0.24261358523101642</v>
      </c>
      <c r="L6562">
        <f t="shared" si="730"/>
        <v>0.12130679261550821</v>
      </c>
      <c r="M6562">
        <f t="shared" si="731"/>
        <v>0</v>
      </c>
      <c r="N6562" s="45">
        <f t="shared" si="732"/>
        <v>45198.999999984168</v>
      </c>
    </row>
    <row r="6563" spans="2:14" x14ac:dyDescent="0.25">
      <c r="B6563">
        <f t="shared" ref="B6563:B6626" si="733">WEEKDAY(N6563,2)</f>
        <v>6</v>
      </c>
      <c r="C6563" s="16">
        <v>6529</v>
      </c>
      <c r="D6563" cm="1">
        <f t="array" ref="D6563">IFERROR(INDEX(Jesper!AH$2:AH$366,ROUNDDOWN($C6563/24,0)+1,1)*INDEX($D$3:$AA$30,INDEX(Jesper!$R$2:$R$366,ROW(INDEX(Jesper!AH$2:AH$366,ROUNDDOWN($C6563/24,0)+1,1))-1)+IF('Standard Profiles'!$G$18=$B$10,7,0)+IF('Standard Profiles'!$G$18=$B$17,14,0)+IF('Standard Profiles'!$G$18=$B$24,21,0),MOD($C6563,24)+1)/SUM(INDEX($D$3:$AA$30,INDEX(Jesper!$R$2:$R$366,ROW(INDEX(Jesper!AH$2:AH$366,ROUNDDOWN($C6563/24,0)+1,1))-1)+IF('Standard Profiles'!$G$18=$B$10,7,0)+IF('Standard Profiles'!$G$18=$B$17,14,0)+IF('Standard Profiles'!$G$18=$B$24,21,0),0)),0)</f>
        <v>0</v>
      </c>
      <c r="E6563" cm="1">
        <f t="array" ref="E6563">IFERROR(INDEX(Jesper!AI$2:AI$366,ROUNDDOWN($C6563/24,0)+1,1)*INDEX($D$3:$AA$30,INDEX(Jesper!$R$2:$R$366,ROW(INDEX(Jesper!AI$2:AI$366,ROUNDDOWN($C6563/24,0)+1,1))-1)+IF('Standard Profiles'!$G$19=$B$10,7,0)+IF('Standard Profiles'!$G$19=$B$17,14,0)+IF('Standard Profiles'!$G$19=$B$24,21,0),MOD($C6563,24)+1)/SUM(INDEX($D$3:$AA$30,INDEX(Jesper!$R$2:$R$366,ROW(INDEX(Jesper!AI$2:AI$366,ROUNDDOWN($C6563/24,0)+1,1))-1)+IF('Standard Profiles'!$G$19=$B$10,7,0)+IF('Standard Profiles'!$G$19=$B$17,14,0)+IF('Standard Profiles'!$G$19=$B$24,21,0),0)),0)</f>
        <v>2.7294028338489347</v>
      </c>
      <c r="F6563" cm="1">
        <f t="array" ref="F6563">IFERROR(INDEX(Jesper!AJ$2:AJ$366,ROUNDDOWN($C6563/24,0)+1,1)*INDEX($D$3:$AA$30,INDEX(Jesper!$R$2:$R$366,ROW(INDEX(Jesper!AJ$2:AJ$366,ROUNDDOWN($C6563/24,0)+1,1))-1)+IF('Standard Profiles'!$G$20=$B$10,7,0)+IF('Standard Profiles'!$G$20=$B$17,14,0)+IF('Standard Profiles'!$G$20=$B$24,21,0),MOD($C6563,24)+1)/SUM(INDEX($D$3:$AA$30,INDEX(Jesper!$R$2:$R$366,ROW(INDEX(Jesper!AJ$2:AJ$366,ROUNDDOWN($C6563/24,0)+1,1))-1)+IF('Standard Profiles'!$G$20=$B$10,7,0)+IF('Standard Profiles'!$G$20=$B$17,14,0)+IF('Standard Profiles'!$G$20=$B$24,21,0),0)),0)</f>
        <v>1.2339847968118112</v>
      </c>
      <c r="G6563" cm="1">
        <f t="array" ref="G6563">IFERROR(INDEX(Jesper!AK$2:AK$366,ROUNDDOWN($C6563/24,0)+1,1)*INDEX($D$3:$AA$30,INDEX(Jesper!$R$2:$R$366,ROW(INDEX(Jesper!AK$2:AK$366,ROUNDDOWN($C6563/24,0)+1,1))-1)+IF('Standard Profiles'!$G$21=$B$10,7,0)+IF('Standard Profiles'!$G$21=$B$17,14,0)+IF('Standard Profiles'!$G$21=$B$24,21,0),MOD($C6563,24)+1)/SUM(INDEX($D$3:$AA$30,INDEX(Jesper!$R$2:$R$366,ROW(INDEX(Jesper!AK$2:AK$366,ROUNDDOWN($C6563/24,0)+1,1))-1)+IF('Standard Profiles'!$G$21=$B$10,7,0)+IF('Standard Profiles'!$G$21=$B$17,14,0)+IF('Standard Profiles'!$G$21=$B$24,21,0),0)),0)</f>
        <v>0.74668052525662831</v>
      </c>
      <c r="H6563" cm="1">
        <f t="array" ref="H6563">IFERROR(INDEX(Jesper!AL$2:AL$366,ROUNDDOWN($C6563/24,0)+1,1)*INDEX($D$3:$AA$30,INDEX(Jesper!$R$2:$R$366,ROW(INDEX(Jesper!AL$2:AL$366,ROUNDDOWN($C6563/24,0)+1,1))-1)+IF('Standard Profiles'!$G$22=$B$10,7,0)+IF('Standard Profiles'!$G$22=$B$17,14,0)+IF('Standard Profiles'!$G$22=$B$24,21,0),MOD($C6563,24)+1)/SUM(INDEX($D$3:$AA$30,INDEX(Jesper!$R$2:$R$366,ROW(INDEX(Jesper!AL$2:AL$366,ROUNDDOWN($C6563/24,0)+1,1))-1)+IF('Standard Profiles'!$G$22=$B$10,7,0)+IF('Standard Profiles'!$G$22=$B$17,14,0)+IF('Standard Profiles'!$G$22=$B$24,21,0),0)),0)</f>
        <v>0.2728507063957189</v>
      </c>
      <c r="I6563">
        <f t="shared" ref="I6563:I6626" si="734">IF($B6563&lt;6,AC$37*$D6563+AC$38*$E6563+AC$39*$F6563+AC$40*$G6563,AC$46*$D6563+AC$47*$E6563+AC$48*$F6563+AC$49*$G6563+AC$50*$H6563)</f>
        <v>0.2619366781398903</v>
      </c>
      <c r="J6563">
        <f t="shared" ref="J6563:J6626" si="735">IF($B6563&lt;6,AD$37*$D6563+AD$38*$E6563+AD$39*$F6563+AD$40*$G6563,AD$46*$D6563+AD$47*$E6563+AD$48*$F6563+AD$49*$G6563+AD$50*$H6563)</f>
        <v>4.3934538441113302</v>
      </c>
      <c r="K6563">
        <f t="shared" ref="K6563:K6626" si="736">IF($B6563&lt;6,AE$37*$D6563+AE$38*$E6563+AE$39*$F6563+AE$40*$G6563,AE$46*$D6563+AE$47*$E6563+AE$48*$F6563+AE$49*$G6563+AE$50*$H6563)</f>
        <v>0.21835222670791476</v>
      </c>
      <c r="L6563">
        <f t="shared" ref="L6563:L6626" si="737">IF($B6563&lt;6,AF$37*$D6563+AF$38*$E6563+AF$39*$F6563+AF$40*$G6563,AF$46*$D6563+AF$47*$E6563+AF$48*$F6563+AF$49*$G6563+AF$50*$H6563)</f>
        <v>0.10917611335395738</v>
      </c>
      <c r="M6563">
        <f t="shared" ref="M6563:M6626" si="738">IF($B6563&lt;6,AG$37*$D6563+AG$38*$E6563+AG$39*$F6563+AG$40*$G6563,AG$46*$D6563+AG$47*$E6563+AG$48*$F6563+AG$49*$G6563+AG$50*$H6563)</f>
        <v>0</v>
      </c>
      <c r="N6563" s="45">
        <f t="shared" si="732"/>
        <v>45199.041666650832</v>
      </c>
    </row>
    <row r="6564" spans="2:14" x14ac:dyDescent="0.25">
      <c r="B6564">
        <f t="shared" si="733"/>
        <v>6</v>
      </c>
      <c r="C6564" s="16">
        <v>6530</v>
      </c>
      <c r="D6564" cm="1">
        <f t="array" ref="D6564">IFERROR(INDEX(Jesper!AH$2:AH$366,ROUNDDOWN($C6564/24,0)+1,1)*INDEX($D$3:$AA$30,INDEX(Jesper!$R$2:$R$366,ROW(INDEX(Jesper!AH$2:AH$366,ROUNDDOWN($C6564/24,0)+1,1))-1)+IF('Standard Profiles'!$G$18=$B$10,7,0)+IF('Standard Profiles'!$G$18=$B$17,14,0)+IF('Standard Profiles'!$G$18=$B$24,21,0),MOD($C6564,24)+1)/SUM(INDEX($D$3:$AA$30,INDEX(Jesper!$R$2:$R$366,ROW(INDEX(Jesper!AH$2:AH$366,ROUNDDOWN($C6564/24,0)+1,1))-1)+IF('Standard Profiles'!$G$18=$B$10,7,0)+IF('Standard Profiles'!$G$18=$B$17,14,0)+IF('Standard Profiles'!$G$18=$B$24,21,0),0)),0)</f>
        <v>0</v>
      </c>
      <c r="E6564" cm="1">
        <f t="array" ref="E6564">IFERROR(INDEX(Jesper!AI$2:AI$366,ROUNDDOWN($C6564/24,0)+1,1)*INDEX($D$3:$AA$30,INDEX(Jesper!$R$2:$R$366,ROW(INDEX(Jesper!AI$2:AI$366,ROUNDDOWN($C6564/24,0)+1,1))-1)+IF('Standard Profiles'!$G$19=$B$10,7,0)+IF('Standard Profiles'!$G$19=$B$17,14,0)+IF('Standard Profiles'!$G$19=$B$24,21,0),MOD($C6564,24)+1)/SUM(INDEX($D$3:$AA$30,INDEX(Jesper!$R$2:$R$366,ROW(INDEX(Jesper!AI$2:AI$366,ROUNDDOWN($C6564/24,0)+1,1))-1)+IF('Standard Profiles'!$G$19=$B$10,7,0)+IF('Standard Profiles'!$G$19=$B$17,14,0)+IF('Standard Profiles'!$G$19=$B$24,21,0),0)),0)</f>
        <v>2.7294028338489347</v>
      </c>
      <c r="F6564" cm="1">
        <f t="array" ref="F6564">IFERROR(INDEX(Jesper!AJ$2:AJ$366,ROUNDDOWN($C6564/24,0)+1,1)*INDEX($D$3:$AA$30,INDEX(Jesper!$R$2:$R$366,ROW(INDEX(Jesper!AJ$2:AJ$366,ROUNDDOWN($C6564/24,0)+1,1))-1)+IF('Standard Profiles'!$G$20=$B$10,7,0)+IF('Standard Profiles'!$G$20=$B$17,14,0)+IF('Standard Profiles'!$G$20=$B$24,21,0),MOD($C6564,24)+1)/SUM(INDEX($D$3:$AA$30,INDEX(Jesper!$R$2:$R$366,ROW(INDEX(Jesper!AJ$2:AJ$366,ROUNDDOWN($C6564/24,0)+1,1))-1)+IF('Standard Profiles'!$G$20=$B$10,7,0)+IF('Standard Profiles'!$G$20=$B$17,14,0)+IF('Standard Profiles'!$G$20=$B$24,21,0),0)),0)</f>
        <v>1.2339847968118112</v>
      </c>
      <c r="G6564" cm="1">
        <f t="array" ref="G6564">IFERROR(INDEX(Jesper!AK$2:AK$366,ROUNDDOWN($C6564/24,0)+1,1)*INDEX($D$3:$AA$30,INDEX(Jesper!$R$2:$R$366,ROW(INDEX(Jesper!AK$2:AK$366,ROUNDDOWN($C6564/24,0)+1,1))-1)+IF('Standard Profiles'!$G$21=$B$10,7,0)+IF('Standard Profiles'!$G$21=$B$17,14,0)+IF('Standard Profiles'!$G$21=$B$24,21,0),MOD($C6564,24)+1)/SUM(INDEX($D$3:$AA$30,INDEX(Jesper!$R$2:$R$366,ROW(INDEX(Jesper!AK$2:AK$366,ROUNDDOWN($C6564/24,0)+1,1))-1)+IF('Standard Profiles'!$G$21=$B$10,7,0)+IF('Standard Profiles'!$G$21=$B$17,14,0)+IF('Standard Profiles'!$G$21=$B$24,21,0),0)),0)</f>
        <v>0.74668052525662831</v>
      </c>
      <c r="H6564" cm="1">
        <f t="array" ref="H6564">IFERROR(INDEX(Jesper!AL$2:AL$366,ROUNDDOWN($C6564/24,0)+1,1)*INDEX($D$3:$AA$30,INDEX(Jesper!$R$2:$R$366,ROW(INDEX(Jesper!AL$2:AL$366,ROUNDDOWN($C6564/24,0)+1,1))-1)+IF('Standard Profiles'!$G$22=$B$10,7,0)+IF('Standard Profiles'!$G$22=$B$17,14,0)+IF('Standard Profiles'!$G$22=$B$24,21,0),MOD($C6564,24)+1)/SUM(INDEX($D$3:$AA$30,INDEX(Jesper!$R$2:$R$366,ROW(INDEX(Jesper!AL$2:AL$366,ROUNDDOWN($C6564/24,0)+1,1))-1)+IF('Standard Profiles'!$G$22=$B$10,7,0)+IF('Standard Profiles'!$G$22=$B$17,14,0)+IF('Standard Profiles'!$G$22=$B$24,21,0),0)),0)</f>
        <v>0.2728507063957189</v>
      </c>
      <c r="I6564">
        <f t="shared" si="734"/>
        <v>0.2619366781398903</v>
      </c>
      <c r="J6564">
        <f t="shared" si="735"/>
        <v>4.3934538441113302</v>
      </c>
      <c r="K6564">
        <f t="shared" si="736"/>
        <v>0.21835222670791476</v>
      </c>
      <c r="L6564">
        <f t="shared" si="737"/>
        <v>0.10917611335395738</v>
      </c>
      <c r="M6564">
        <f t="shared" si="738"/>
        <v>0</v>
      </c>
      <c r="N6564" s="45">
        <f t="shared" ref="N6564:N6627" si="739">N6563+1/24</f>
        <v>45199.083333317496</v>
      </c>
    </row>
    <row r="6565" spans="2:14" x14ac:dyDescent="0.25">
      <c r="B6565">
        <f t="shared" si="733"/>
        <v>6</v>
      </c>
      <c r="C6565" s="16">
        <v>6531</v>
      </c>
      <c r="D6565" cm="1">
        <f t="array" ref="D6565">IFERROR(INDEX(Jesper!AH$2:AH$366,ROUNDDOWN($C6565/24,0)+1,1)*INDEX($D$3:$AA$30,INDEX(Jesper!$R$2:$R$366,ROW(INDEX(Jesper!AH$2:AH$366,ROUNDDOWN($C6565/24,0)+1,1))-1)+IF('Standard Profiles'!$G$18=$B$10,7,0)+IF('Standard Profiles'!$G$18=$B$17,14,0)+IF('Standard Profiles'!$G$18=$B$24,21,0),MOD($C6565,24)+1)/SUM(INDEX($D$3:$AA$30,INDEX(Jesper!$R$2:$R$366,ROW(INDEX(Jesper!AH$2:AH$366,ROUNDDOWN($C6565/24,0)+1,1))-1)+IF('Standard Profiles'!$G$18=$B$10,7,0)+IF('Standard Profiles'!$G$18=$B$17,14,0)+IF('Standard Profiles'!$G$18=$B$24,21,0),0)),0)</f>
        <v>0</v>
      </c>
      <c r="E6565" cm="1">
        <f t="array" ref="E6565">IFERROR(INDEX(Jesper!AI$2:AI$366,ROUNDDOWN($C6565/24,0)+1,1)*INDEX($D$3:$AA$30,INDEX(Jesper!$R$2:$R$366,ROW(INDEX(Jesper!AI$2:AI$366,ROUNDDOWN($C6565/24,0)+1,1))-1)+IF('Standard Profiles'!$G$19=$B$10,7,0)+IF('Standard Profiles'!$G$19=$B$17,14,0)+IF('Standard Profiles'!$G$19=$B$24,21,0),MOD($C6565,24)+1)/SUM(INDEX($D$3:$AA$30,INDEX(Jesper!$R$2:$R$366,ROW(INDEX(Jesper!AI$2:AI$366,ROUNDDOWN($C6565/24,0)+1,1))-1)+IF('Standard Profiles'!$G$19=$B$10,7,0)+IF('Standard Profiles'!$G$19=$B$17,14,0)+IF('Standard Profiles'!$G$19=$B$24,21,0),0)),0)</f>
        <v>2.7294028338489347</v>
      </c>
      <c r="F6565" cm="1">
        <f t="array" ref="F6565">IFERROR(INDEX(Jesper!AJ$2:AJ$366,ROUNDDOWN($C6565/24,0)+1,1)*INDEX($D$3:$AA$30,INDEX(Jesper!$R$2:$R$366,ROW(INDEX(Jesper!AJ$2:AJ$366,ROUNDDOWN($C6565/24,0)+1,1))-1)+IF('Standard Profiles'!$G$20=$B$10,7,0)+IF('Standard Profiles'!$G$20=$B$17,14,0)+IF('Standard Profiles'!$G$20=$B$24,21,0),MOD($C6565,24)+1)/SUM(INDEX($D$3:$AA$30,INDEX(Jesper!$R$2:$R$366,ROW(INDEX(Jesper!AJ$2:AJ$366,ROUNDDOWN($C6565/24,0)+1,1))-1)+IF('Standard Profiles'!$G$20=$B$10,7,0)+IF('Standard Profiles'!$G$20=$B$17,14,0)+IF('Standard Profiles'!$G$20=$B$24,21,0),0)),0)</f>
        <v>1.2339847968118112</v>
      </c>
      <c r="G6565" cm="1">
        <f t="array" ref="G6565">IFERROR(INDEX(Jesper!AK$2:AK$366,ROUNDDOWN($C6565/24,0)+1,1)*INDEX($D$3:$AA$30,INDEX(Jesper!$R$2:$R$366,ROW(INDEX(Jesper!AK$2:AK$366,ROUNDDOWN($C6565/24,0)+1,1))-1)+IF('Standard Profiles'!$G$21=$B$10,7,0)+IF('Standard Profiles'!$G$21=$B$17,14,0)+IF('Standard Profiles'!$G$21=$B$24,21,0),MOD($C6565,24)+1)/SUM(INDEX($D$3:$AA$30,INDEX(Jesper!$R$2:$R$366,ROW(INDEX(Jesper!AK$2:AK$366,ROUNDDOWN($C6565/24,0)+1,1))-1)+IF('Standard Profiles'!$G$21=$B$10,7,0)+IF('Standard Profiles'!$G$21=$B$17,14,0)+IF('Standard Profiles'!$G$21=$B$24,21,0),0)),0)</f>
        <v>0.74668052525662831</v>
      </c>
      <c r="H6565" cm="1">
        <f t="array" ref="H6565">IFERROR(INDEX(Jesper!AL$2:AL$366,ROUNDDOWN($C6565/24,0)+1,1)*INDEX($D$3:$AA$30,INDEX(Jesper!$R$2:$R$366,ROW(INDEX(Jesper!AL$2:AL$366,ROUNDDOWN($C6565/24,0)+1,1))-1)+IF('Standard Profiles'!$G$22=$B$10,7,0)+IF('Standard Profiles'!$G$22=$B$17,14,0)+IF('Standard Profiles'!$G$22=$B$24,21,0),MOD($C6565,24)+1)/SUM(INDEX($D$3:$AA$30,INDEX(Jesper!$R$2:$R$366,ROW(INDEX(Jesper!AL$2:AL$366,ROUNDDOWN($C6565/24,0)+1,1))-1)+IF('Standard Profiles'!$G$22=$B$10,7,0)+IF('Standard Profiles'!$G$22=$B$17,14,0)+IF('Standard Profiles'!$G$22=$B$24,21,0),0)),0)</f>
        <v>0.2728507063957189</v>
      </c>
      <c r="I6565">
        <f t="shared" si="734"/>
        <v>0.2619366781398903</v>
      </c>
      <c r="J6565">
        <f t="shared" si="735"/>
        <v>4.3934538441113302</v>
      </c>
      <c r="K6565">
        <f t="shared" si="736"/>
        <v>0.21835222670791476</v>
      </c>
      <c r="L6565">
        <f t="shared" si="737"/>
        <v>0.10917611335395738</v>
      </c>
      <c r="M6565">
        <f t="shared" si="738"/>
        <v>0</v>
      </c>
      <c r="N6565" s="45">
        <f t="shared" si="739"/>
        <v>45199.12499998416</v>
      </c>
    </row>
    <row r="6566" spans="2:14" x14ac:dyDescent="0.25">
      <c r="B6566">
        <f t="shared" si="733"/>
        <v>6</v>
      </c>
      <c r="C6566" s="16">
        <v>6532</v>
      </c>
      <c r="D6566" cm="1">
        <f t="array" ref="D6566">IFERROR(INDEX(Jesper!AH$2:AH$366,ROUNDDOWN($C6566/24,0)+1,1)*INDEX($D$3:$AA$30,INDEX(Jesper!$R$2:$R$366,ROW(INDEX(Jesper!AH$2:AH$366,ROUNDDOWN($C6566/24,0)+1,1))-1)+IF('Standard Profiles'!$G$18=$B$10,7,0)+IF('Standard Profiles'!$G$18=$B$17,14,0)+IF('Standard Profiles'!$G$18=$B$24,21,0),MOD($C6566,24)+1)/SUM(INDEX($D$3:$AA$30,INDEX(Jesper!$R$2:$R$366,ROW(INDEX(Jesper!AH$2:AH$366,ROUNDDOWN($C6566/24,0)+1,1))-1)+IF('Standard Profiles'!$G$18=$B$10,7,0)+IF('Standard Profiles'!$G$18=$B$17,14,0)+IF('Standard Profiles'!$G$18=$B$24,21,0),0)),0)</f>
        <v>0</v>
      </c>
      <c r="E6566" cm="1">
        <f t="array" ref="E6566">IFERROR(INDEX(Jesper!AI$2:AI$366,ROUNDDOWN($C6566/24,0)+1,1)*INDEX($D$3:$AA$30,INDEX(Jesper!$R$2:$R$366,ROW(INDEX(Jesper!AI$2:AI$366,ROUNDDOWN($C6566/24,0)+1,1))-1)+IF('Standard Profiles'!$G$19=$B$10,7,0)+IF('Standard Profiles'!$G$19=$B$17,14,0)+IF('Standard Profiles'!$G$19=$B$24,21,0),MOD($C6566,24)+1)/SUM(INDEX($D$3:$AA$30,INDEX(Jesper!$R$2:$R$366,ROW(INDEX(Jesper!AI$2:AI$366,ROUNDDOWN($C6566/24,0)+1,1))-1)+IF('Standard Profiles'!$G$19=$B$10,7,0)+IF('Standard Profiles'!$G$19=$B$17,14,0)+IF('Standard Profiles'!$G$19=$B$24,21,0),0)),0)</f>
        <v>2.7294028338489347</v>
      </c>
      <c r="F6566" cm="1">
        <f t="array" ref="F6566">IFERROR(INDEX(Jesper!AJ$2:AJ$366,ROUNDDOWN($C6566/24,0)+1,1)*INDEX($D$3:$AA$30,INDEX(Jesper!$R$2:$R$366,ROW(INDEX(Jesper!AJ$2:AJ$366,ROUNDDOWN($C6566/24,0)+1,1))-1)+IF('Standard Profiles'!$G$20=$B$10,7,0)+IF('Standard Profiles'!$G$20=$B$17,14,0)+IF('Standard Profiles'!$G$20=$B$24,21,0),MOD($C6566,24)+1)/SUM(INDEX($D$3:$AA$30,INDEX(Jesper!$R$2:$R$366,ROW(INDEX(Jesper!AJ$2:AJ$366,ROUNDDOWN($C6566/24,0)+1,1))-1)+IF('Standard Profiles'!$G$20=$B$10,7,0)+IF('Standard Profiles'!$G$20=$B$17,14,0)+IF('Standard Profiles'!$G$20=$B$24,21,0),0)),0)</f>
        <v>1.2339847968118112</v>
      </c>
      <c r="G6566" cm="1">
        <f t="array" ref="G6566">IFERROR(INDEX(Jesper!AK$2:AK$366,ROUNDDOWN($C6566/24,0)+1,1)*INDEX($D$3:$AA$30,INDEX(Jesper!$R$2:$R$366,ROW(INDEX(Jesper!AK$2:AK$366,ROUNDDOWN($C6566/24,0)+1,1))-1)+IF('Standard Profiles'!$G$21=$B$10,7,0)+IF('Standard Profiles'!$G$21=$B$17,14,0)+IF('Standard Profiles'!$G$21=$B$24,21,0),MOD($C6566,24)+1)/SUM(INDEX($D$3:$AA$30,INDEX(Jesper!$R$2:$R$366,ROW(INDEX(Jesper!AK$2:AK$366,ROUNDDOWN($C6566/24,0)+1,1))-1)+IF('Standard Profiles'!$G$21=$B$10,7,0)+IF('Standard Profiles'!$G$21=$B$17,14,0)+IF('Standard Profiles'!$G$21=$B$24,21,0),0)),0)</f>
        <v>0.74668052525662831</v>
      </c>
      <c r="H6566" cm="1">
        <f t="array" ref="H6566">IFERROR(INDEX(Jesper!AL$2:AL$366,ROUNDDOWN($C6566/24,0)+1,1)*INDEX($D$3:$AA$30,INDEX(Jesper!$R$2:$R$366,ROW(INDEX(Jesper!AL$2:AL$366,ROUNDDOWN($C6566/24,0)+1,1))-1)+IF('Standard Profiles'!$G$22=$B$10,7,0)+IF('Standard Profiles'!$G$22=$B$17,14,0)+IF('Standard Profiles'!$G$22=$B$24,21,0),MOD($C6566,24)+1)/SUM(INDEX($D$3:$AA$30,INDEX(Jesper!$R$2:$R$366,ROW(INDEX(Jesper!AL$2:AL$366,ROUNDDOWN($C6566/24,0)+1,1))-1)+IF('Standard Profiles'!$G$22=$B$10,7,0)+IF('Standard Profiles'!$G$22=$B$17,14,0)+IF('Standard Profiles'!$G$22=$B$24,21,0),0)),0)</f>
        <v>0.2728507063957189</v>
      </c>
      <c r="I6566">
        <f t="shared" si="734"/>
        <v>0.2619366781398903</v>
      </c>
      <c r="J6566">
        <f t="shared" si="735"/>
        <v>4.3934538441113302</v>
      </c>
      <c r="K6566">
        <f t="shared" si="736"/>
        <v>0.21835222670791476</v>
      </c>
      <c r="L6566">
        <f t="shared" si="737"/>
        <v>0.10917611335395738</v>
      </c>
      <c r="M6566">
        <f t="shared" si="738"/>
        <v>0</v>
      </c>
      <c r="N6566" s="45">
        <f t="shared" si="739"/>
        <v>45199.166666650824</v>
      </c>
    </row>
    <row r="6567" spans="2:14" x14ac:dyDescent="0.25">
      <c r="B6567">
        <f t="shared" si="733"/>
        <v>6</v>
      </c>
      <c r="C6567" s="16">
        <v>6533</v>
      </c>
      <c r="D6567" cm="1">
        <f t="array" ref="D6567">IFERROR(INDEX(Jesper!AH$2:AH$366,ROUNDDOWN($C6567/24,0)+1,1)*INDEX($D$3:$AA$30,INDEX(Jesper!$R$2:$R$366,ROW(INDEX(Jesper!AH$2:AH$366,ROUNDDOWN($C6567/24,0)+1,1))-1)+IF('Standard Profiles'!$G$18=$B$10,7,0)+IF('Standard Profiles'!$G$18=$B$17,14,0)+IF('Standard Profiles'!$G$18=$B$24,21,0),MOD($C6567,24)+1)/SUM(INDEX($D$3:$AA$30,INDEX(Jesper!$R$2:$R$366,ROW(INDEX(Jesper!AH$2:AH$366,ROUNDDOWN($C6567/24,0)+1,1))-1)+IF('Standard Profiles'!$G$18=$B$10,7,0)+IF('Standard Profiles'!$G$18=$B$17,14,0)+IF('Standard Profiles'!$G$18=$B$24,21,0),0)),0)</f>
        <v>0</v>
      </c>
      <c r="E6567" cm="1">
        <f t="array" ref="E6567">IFERROR(INDEX(Jesper!AI$2:AI$366,ROUNDDOWN($C6567/24,0)+1,1)*INDEX($D$3:$AA$30,INDEX(Jesper!$R$2:$R$366,ROW(INDEX(Jesper!AI$2:AI$366,ROUNDDOWN($C6567/24,0)+1,1))-1)+IF('Standard Profiles'!$G$19=$B$10,7,0)+IF('Standard Profiles'!$G$19=$B$17,14,0)+IF('Standard Profiles'!$G$19=$B$24,21,0),MOD($C6567,24)+1)/SUM(INDEX($D$3:$AA$30,INDEX(Jesper!$R$2:$R$366,ROW(INDEX(Jesper!AI$2:AI$366,ROUNDDOWN($C6567/24,0)+1,1))-1)+IF('Standard Profiles'!$G$19=$B$10,7,0)+IF('Standard Profiles'!$G$19=$B$17,14,0)+IF('Standard Profiles'!$G$19=$B$24,21,0),0)),0)</f>
        <v>2.7294028338489347</v>
      </c>
      <c r="F6567" cm="1">
        <f t="array" ref="F6567">IFERROR(INDEX(Jesper!AJ$2:AJ$366,ROUNDDOWN($C6567/24,0)+1,1)*INDEX($D$3:$AA$30,INDEX(Jesper!$R$2:$R$366,ROW(INDEX(Jesper!AJ$2:AJ$366,ROUNDDOWN($C6567/24,0)+1,1))-1)+IF('Standard Profiles'!$G$20=$B$10,7,0)+IF('Standard Profiles'!$G$20=$B$17,14,0)+IF('Standard Profiles'!$G$20=$B$24,21,0),MOD($C6567,24)+1)/SUM(INDEX($D$3:$AA$30,INDEX(Jesper!$R$2:$R$366,ROW(INDEX(Jesper!AJ$2:AJ$366,ROUNDDOWN($C6567/24,0)+1,1))-1)+IF('Standard Profiles'!$G$20=$B$10,7,0)+IF('Standard Profiles'!$G$20=$B$17,14,0)+IF('Standard Profiles'!$G$20=$B$24,21,0),0)),0)</f>
        <v>1.2339847968118112</v>
      </c>
      <c r="G6567" cm="1">
        <f t="array" ref="G6567">IFERROR(INDEX(Jesper!AK$2:AK$366,ROUNDDOWN($C6567/24,0)+1,1)*INDEX($D$3:$AA$30,INDEX(Jesper!$R$2:$R$366,ROW(INDEX(Jesper!AK$2:AK$366,ROUNDDOWN($C6567/24,0)+1,1))-1)+IF('Standard Profiles'!$G$21=$B$10,7,0)+IF('Standard Profiles'!$G$21=$B$17,14,0)+IF('Standard Profiles'!$G$21=$B$24,21,0),MOD($C6567,24)+1)/SUM(INDEX($D$3:$AA$30,INDEX(Jesper!$R$2:$R$366,ROW(INDEX(Jesper!AK$2:AK$366,ROUNDDOWN($C6567/24,0)+1,1))-1)+IF('Standard Profiles'!$G$21=$B$10,7,0)+IF('Standard Profiles'!$G$21=$B$17,14,0)+IF('Standard Profiles'!$G$21=$B$24,21,0),0)),0)</f>
        <v>0.74668052525662831</v>
      </c>
      <c r="H6567" cm="1">
        <f t="array" ref="H6567">IFERROR(INDEX(Jesper!AL$2:AL$366,ROUNDDOWN($C6567/24,0)+1,1)*INDEX($D$3:$AA$30,INDEX(Jesper!$R$2:$R$366,ROW(INDEX(Jesper!AL$2:AL$366,ROUNDDOWN($C6567/24,0)+1,1))-1)+IF('Standard Profiles'!$G$22=$B$10,7,0)+IF('Standard Profiles'!$G$22=$B$17,14,0)+IF('Standard Profiles'!$G$22=$B$24,21,0),MOD($C6567,24)+1)/SUM(INDEX($D$3:$AA$30,INDEX(Jesper!$R$2:$R$366,ROW(INDEX(Jesper!AL$2:AL$366,ROUNDDOWN($C6567/24,0)+1,1))-1)+IF('Standard Profiles'!$G$22=$B$10,7,0)+IF('Standard Profiles'!$G$22=$B$17,14,0)+IF('Standard Profiles'!$G$22=$B$24,21,0),0)),0)</f>
        <v>0.33939965917516257</v>
      </c>
      <c r="I6567">
        <f t="shared" si="734"/>
        <v>0.32582367280815622</v>
      </c>
      <c r="J6567">
        <f t="shared" si="735"/>
        <v>4.396115802222508</v>
      </c>
      <c r="K6567">
        <f t="shared" si="736"/>
        <v>0.21835222670791476</v>
      </c>
      <c r="L6567">
        <f t="shared" si="737"/>
        <v>0.10917611335395738</v>
      </c>
      <c r="M6567">
        <f t="shared" si="738"/>
        <v>0</v>
      </c>
      <c r="N6567" s="45">
        <f t="shared" si="739"/>
        <v>45199.208333317489</v>
      </c>
    </row>
    <row r="6568" spans="2:14" x14ac:dyDescent="0.25">
      <c r="B6568">
        <f t="shared" si="733"/>
        <v>6</v>
      </c>
      <c r="C6568" s="16">
        <v>6534</v>
      </c>
      <c r="D6568" cm="1">
        <f t="array" ref="D6568">IFERROR(INDEX(Jesper!AH$2:AH$366,ROUNDDOWN($C6568/24,0)+1,1)*INDEX($D$3:$AA$30,INDEX(Jesper!$R$2:$R$366,ROW(INDEX(Jesper!AH$2:AH$366,ROUNDDOWN($C6568/24,0)+1,1))-1)+IF('Standard Profiles'!$G$18=$B$10,7,0)+IF('Standard Profiles'!$G$18=$B$17,14,0)+IF('Standard Profiles'!$G$18=$B$24,21,0),MOD($C6568,24)+1)/SUM(INDEX($D$3:$AA$30,INDEX(Jesper!$R$2:$R$366,ROW(INDEX(Jesper!AH$2:AH$366,ROUNDDOWN($C6568/24,0)+1,1))-1)+IF('Standard Profiles'!$G$18=$B$10,7,0)+IF('Standard Profiles'!$G$18=$B$17,14,0)+IF('Standard Profiles'!$G$18=$B$24,21,0),0)),0)</f>
        <v>0</v>
      </c>
      <c r="E6568" cm="1">
        <f t="array" ref="E6568">IFERROR(INDEX(Jesper!AI$2:AI$366,ROUNDDOWN($C6568/24,0)+1,1)*INDEX($D$3:$AA$30,INDEX(Jesper!$R$2:$R$366,ROW(INDEX(Jesper!AI$2:AI$366,ROUNDDOWN($C6568/24,0)+1,1))-1)+IF('Standard Profiles'!$G$19=$B$10,7,0)+IF('Standard Profiles'!$G$19=$B$17,14,0)+IF('Standard Profiles'!$G$19=$B$24,21,0),MOD($C6568,24)+1)/SUM(INDEX($D$3:$AA$30,INDEX(Jesper!$R$2:$R$366,ROW(INDEX(Jesper!AI$2:AI$366,ROUNDDOWN($C6568/24,0)+1,1))-1)+IF('Standard Profiles'!$G$19=$B$10,7,0)+IF('Standard Profiles'!$G$19=$B$17,14,0)+IF('Standard Profiles'!$G$19=$B$24,21,0),0)),0)</f>
        <v>2.7294028338489347</v>
      </c>
      <c r="F6568" cm="1">
        <f t="array" ref="F6568">IFERROR(INDEX(Jesper!AJ$2:AJ$366,ROUNDDOWN($C6568/24,0)+1,1)*INDEX($D$3:$AA$30,INDEX(Jesper!$R$2:$R$366,ROW(INDEX(Jesper!AJ$2:AJ$366,ROUNDDOWN($C6568/24,0)+1,1))-1)+IF('Standard Profiles'!$G$20=$B$10,7,0)+IF('Standard Profiles'!$G$20=$B$17,14,0)+IF('Standard Profiles'!$G$20=$B$24,21,0),MOD($C6568,24)+1)/SUM(INDEX($D$3:$AA$30,INDEX(Jesper!$R$2:$R$366,ROW(INDEX(Jesper!AJ$2:AJ$366,ROUNDDOWN($C6568/24,0)+1,1))-1)+IF('Standard Profiles'!$G$20=$B$10,7,0)+IF('Standard Profiles'!$G$20=$B$17,14,0)+IF('Standard Profiles'!$G$20=$B$24,21,0),0)),0)</f>
        <v>1.2339847968118112</v>
      </c>
      <c r="G6568" cm="1">
        <f t="array" ref="G6568">IFERROR(INDEX(Jesper!AK$2:AK$366,ROUNDDOWN($C6568/24,0)+1,1)*INDEX($D$3:$AA$30,INDEX(Jesper!$R$2:$R$366,ROW(INDEX(Jesper!AK$2:AK$366,ROUNDDOWN($C6568/24,0)+1,1))-1)+IF('Standard Profiles'!$G$21=$B$10,7,0)+IF('Standard Profiles'!$G$21=$B$17,14,0)+IF('Standard Profiles'!$G$21=$B$24,21,0),MOD($C6568,24)+1)/SUM(INDEX($D$3:$AA$30,INDEX(Jesper!$R$2:$R$366,ROW(INDEX(Jesper!AK$2:AK$366,ROUNDDOWN($C6568/24,0)+1,1))-1)+IF('Standard Profiles'!$G$21=$B$10,7,0)+IF('Standard Profiles'!$G$21=$B$17,14,0)+IF('Standard Profiles'!$G$21=$B$24,21,0),0)),0)</f>
        <v>0.74668052525662831</v>
      </c>
      <c r="H6568" cm="1">
        <f t="array" ref="H6568">IFERROR(INDEX(Jesper!AL$2:AL$366,ROUNDDOWN($C6568/24,0)+1,1)*INDEX($D$3:$AA$30,INDEX(Jesper!$R$2:$R$366,ROW(INDEX(Jesper!AL$2:AL$366,ROUNDDOWN($C6568/24,0)+1,1))-1)+IF('Standard Profiles'!$G$22=$B$10,7,0)+IF('Standard Profiles'!$G$22=$B$17,14,0)+IF('Standard Profiles'!$G$22=$B$24,21,0),MOD($C6568,24)+1)/SUM(INDEX($D$3:$AA$30,INDEX(Jesper!$R$2:$R$366,ROW(INDEX(Jesper!AL$2:AL$366,ROUNDDOWN($C6568/24,0)+1,1))-1)+IF('Standard Profiles'!$G$22=$B$10,7,0)+IF('Standard Profiles'!$G$22=$B$17,14,0)+IF('Standard Profiles'!$G$22=$B$24,21,0),0)),0)</f>
        <v>0.42591329778843934</v>
      </c>
      <c r="I6568">
        <f t="shared" si="734"/>
        <v>0.40887676587690197</v>
      </c>
      <c r="J6568">
        <f t="shared" si="735"/>
        <v>4.3995763477670389</v>
      </c>
      <c r="K6568">
        <f t="shared" si="736"/>
        <v>0.21835222670791476</v>
      </c>
      <c r="L6568">
        <f t="shared" si="737"/>
        <v>0.10917611335395738</v>
      </c>
      <c r="M6568">
        <f t="shared" si="738"/>
        <v>0</v>
      </c>
      <c r="N6568" s="45">
        <f t="shared" si="739"/>
        <v>45199.249999984153</v>
      </c>
    </row>
    <row r="6569" spans="2:14" x14ac:dyDescent="0.25">
      <c r="B6569">
        <f t="shared" si="733"/>
        <v>6</v>
      </c>
      <c r="C6569" s="16">
        <v>6535</v>
      </c>
      <c r="D6569" cm="1">
        <f t="array" ref="D6569">IFERROR(INDEX(Jesper!AH$2:AH$366,ROUNDDOWN($C6569/24,0)+1,1)*INDEX($D$3:$AA$30,INDEX(Jesper!$R$2:$R$366,ROW(INDEX(Jesper!AH$2:AH$366,ROUNDDOWN($C6569/24,0)+1,1))-1)+IF('Standard Profiles'!$G$18=$B$10,7,0)+IF('Standard Profiles'!$G$18=$B$17,14,0)+IF('Standard Profiles'!$G$18=$B$24,21,0),MOD($C6569,24)+1)/SUM(INDEX($D$3:$AA$30,INDEX(Jesper!$R$2:$R$366,ROW(INDEX(Jesper!AH$2:AH$366,ROUNDDOWN($C6569/24,0)+1,1))-1)+IF('Standard Profiles'!$G$18=$B$10,7,0)+IF('Standard Profiles'!$G$18=$B$17,14,0)+IF('Standard Profiles'!$G$18=$B$24,21,0),0)),0)</f>
        <v>0</v>
      </c>
      <c r="E6569" cm="1">
        <f t="array" ref="E6569">IFERROR(INDEX(Jesper!AI$2:AI$366,ROUNDDOWN($C6569/24,0)+1,1)*INDEX($D$3:$AA$30,INDEX(Jesper!$R$2:$R$366,ROW(INDEX(Jesper!AI$2:AI$366,ROUNDDOWN($C6569/24,0)+1,1))-1)+IF('Standard Profiles'!$G$19=$B$10,7,0)+IF('Standard Profiles'!$G$19=$B$17,14,0)+IF('Standard Profiles'!$G$19=$B$24,21,0),MOD($C6569,24)+1)/SUM(INDEX($D$3:$AA$30,INDEX(Jesper!$R$2:$R$366,ROW(INDEX(Jesper!AI$2:AI$366,ROUNDDOWN($C6569/24,0)+1,1))-1)+IF('Standard Profiles'!$G$19=$B$10,7,0)+IF('Standard Profiles'!$G$19=$B$17,14,0)+IF('Standard Profiles'!$G$19=$B$24,21,0),0)),0)</f>
        <v>2.7294028338489347</v>
      </c>
      <c r="F6569" cm="1">
        <f t="array" ref="F6569">IFERROR(INDEX(Jesper!AJ$2:AJ$366,ROUNDDOWN($C6569/24,0)+1,1)*INDEX($D$3:$AA$30,INDEX(Jesper!$R$2:$R$366,ROW(INDEX(Jesper!AJ$2:AJ$366,ROUNDDOWN($C6569/24,0)+1,1))-1)+IF('Standard Profiles'!$G$20=$B$10,7,0)+IF('Standard Profiles'!$G$20=$B$17,14,0)+IF('Standard Profiles'!$G$20=$B$24,21,0),MOD($C6569,24)+1)/SUM(INDEX($D$3:$AA$30,INDEX(Jesper!$R$2:$R$366,ROW(INDEX(Jesper!AJ$2:AJ$366,ROUNDDOWN($C6569/24,0)+1,1))-1)+IF('Standard Profiles'!$G$20=$B$10,7,0)+IF('Standard Profiles'!$G$20=$B$17,14,0)+IF('Standard Profiles'!$G$20=$B$24,21,0),0)),0)</f>
        <v>1.2339847968118112</v>
      </c>
      <c r="G6569" cm="1">
        <f t="array" ref="G6569">IFERROR(INDEX(Jesper!AK$2:AK$366,ROUNDDOWN($C6569/24,0)+1,1)*INDEX($D$3:$AA$30,INDEX(Jesper!$R$2:$R$366,ROW(INDEX(Jesper!AK$2:AK$366,ROUNDDOWN($C6569/24,0)+1,1))-1)+IF('Standard Profiles'!$G$21=$B$10,7,0)+IF('Standard Profiles'!$G$21=$B$17,14,0)+IF('Standard Profiles'!$G$21=$B$24,21,0),MOD($C6569,24)+1)/SUM(INDEX($D$3:$AA$30,INDEX(Jesper!$R$2:$R$366,ROW(INDEX(Jesper!AK$2:AK$366,ROUNDDOWN($C6569/24,0)+1,1))-1)+IF('Standard Profiles'!$G$21=$B$10,7,0)+IF('Standard Profiles'!$G$21=$B$17,14,0)+IF('Standard Profiles'!$G$21=$B$24,21,0),0)),0)</f>
        <v>0.74668052525662831</v>
      </c>
      <c r="H6569" cm="1">
        <f t="array" ref="H6569">IFERROR(INDEX(Jesper!AL$2:AL$366,ROUNDDOWN($C6569/24,0)+1,1)*INDEX($D$3:$AA$30,INDEX(Jesper!$R$2:$R$366,ROW(INDEX(Jesper!AL$2:AL$366,ROUNDDOWN($C6569/24,0)+1,1))-1)+IF('Standard Profiles'!$G$22=$B$10,7,0)+IF('Standard Profiles'!$G$22=$B$17,14,0)+IF('Standard Profiles'!$G$22=$B$24,21,0),MOD($C6569,24)+1)/SUM(INDEX($D$3:$AA$30,INDEX(Jesper!$R$2:$R$366,ROW(INDEX(Jesper!AL$2:AL$366,ROUNDDOWN($C6569/24,0)+1,1))-1)+IF('Standard Profiles'!$G$22=$B$10,7,0)+IF('Standard Profiles'!$G$22=$B$17,14,0)+IF('Standard Profiles'!$G$22=$B$24,21,0),0)),0)</f>
        <v>0.48580735528993857</v>
      </c>
      <c r="I6569">
        <f t="shared" si="734"/>
        <v>0.46637506107834126</v>
      </c>
      <c r="J6569">
        <f t="shared" si="735"/>
        <v>4.4019721100670992</v>
      </c>
      <c r="K6569">
        <f t="shared" si="736"/>
        <v>0.21835222670791476</v>
      </c>
      <c r="L6569">
        <f t="shared" si="737"/>
        <v>0.10917611335395738</v>
      </c>
      <c r="M6569">
        <f t="shared" si="738"/>
        <v>0</v>
      </c>
      <c r="N6569" s="45">
        <f t="shared" si="739"/>
        <v>45199.291666650817</v>
      </c>
    </row>
    <row r="6570" spans="2:14" x14ac:dyDescent="0.25">
      <c r="B6570">
        <f t="shared" si="733"/>
        <v>6</v>
      </c>
      <c r="C6570" s="16">
        <v>6536</v>
      </c>
      <c r="D6570" cm="1">
        <f t="array" ref="D6570">IFERROR(INDEX(Jesper!AH$2:AH$366,ROUNDDOWN($C6570/24,0)+1,1)*INDEX($D$3:$AA$30,INDEX(Jesper!$R$2:$R$366,ROW(INDEX(Jesper!AH$2:AH$366,ROUNDDOWN($C6570/24,0)+1,1))-1)+IF('Standard Profiles'!$G$18=$B$10,7,0)+IF('Standard Profiles'!$G$18=$B$17,14,0)+IF('Standard Profiles'!$G$18=$B$24,21,0),MOD($C6570,24)+1)/SUM(INDEX($D$3:$AA$30,INDEX(Jesper!$R$2:$R$366,ROW(INDEX(Jesper!AH$2:AH$366,ROUNDDOWN($C6570/24,0)+1,1))-1)+IF('Standard Profiles'!$G$18=$B$10,7,0)+IF('Standard Profiles'!$G$18=$B$17,14,0)+IF('Standard Profiles'!$G$18=$B$24,21,0),0)),0)</f>
        <v>0</v>
      </c>
      <c r="E6570" cm="1">
        <f t="array" ref="E6570">IFERROR(INDEX(Jesper!AI$2:AI$366,ROUNDDOWN($C6570/24,0)+1,1)*INDEX($D$3:$AA$30,INDEX(Jesper!$R$2:$R$366,ROW(INDEX(Jesper!AI$2:AI$366,ROUNDDOWN($C6570/24,0)+1,1))-1)+IF('Standard Profiles'!$G$19=$B$10,7,0)+IF('Standard Profiles'!$G$19=$B$17,14,0)+IF('Standard Profiles'!$G$19=$B$24,21,0),MOD($C6570,24)+1)/SUM(INDEX($D$3:$AA$30,INDEX(Jesper!$R$2:$R$366,ROW(INDEX(Jesper!AI$2:AI$366,ROUNDDOWN($C6570/24,0)+1,1))-1)+IF('Standard Profiles'!$G$19=$B$10,7,0)+IF('Standard Profiles'!$G$19=$B$17,14,0)+IF('Standard Profiles'!$G$19=$B$24,21,0),0)),0)</f>
        <v>2.7294028338489347</v>
      </c>
      <c r="F6570" cm="1">
        <f t="array" ref="F6570">IFERROR(INDEX(Jesper!AJ$2:AJ$366,ROUNDDOWN($C6570/24,0)+1,1)*INDEX($D$3:$AA$30,INDEX(Jesper!$R$2:$R$366,ROW(INDEX(Jesper!AJ$2:AJ$366,ROUNDDOWN($C6570/24,0)+1,1))-1)+IF('Standard Profiles'!$G$20=$B$10,7,0)+IF('Standard Profiles'!$G$20=$B$17,14,0)+IF('Standard Profiles'!$G$20=$B$24,21,0),MOD($C6570,24)+1)/SUM(INDEX($D$3:$AA$30,INDEX(Jesper!$R$2:$R$366,ROW(INDEX(Jesper!AJ$2:AJ$366,ROUNDDOWN($C6570/24,0)+1,1))-1)+IF('Standard Profiles'!$G$20=$B$10,7,0)+IF('Standard Profiles'!$G$20=$B$17,14,0)+IF('Standard Profiles'!$G$20=$B$24,21,0),0)),0)</f>
        <v>1.2339847968118112</v>
      </c>
      <c r="G6570" cm="1">
        <f t="array" ref="G6570">IFERROR(INDEX(Jesper!AK$2:AK$366,ROUNDDOWN($C6570/24,0)+1,1)*INDEX($D$3:$AA$30,INDEX(Jesper!$R$2:$R$366,ROW(INDEX(Jesper!AK$2:AK$366,ROUNDDOWN($C6570/24,0)+1,1))-1)+IF('Standard Profiles'!$G$21=$B$10,7,0)+IF('Standard Profiles'!$G$21=$B$17,14,0)+IF('Standard Profiles'!$G$21=$B$24,21,0),MOD($C6570,24)+1)/SUM(INDEX($D$3:$AA$30,INDEX(Jesper!$R$2:$R$366,ROW(INDEX(Jesper!AK$2:AK$366,ROUNDDOWN($C6570/24,0)+1,1))-1)+IF('Standard Profiles'!$G$21=$B$10,7,0)+IF('Standard Profiles'!$G$21=$B$17,14,0)+IF('Standard Profiles'!$G$21=$B$24,21,0),0)),0)</f>
        <v>0.74668052525662831</v>
      </c>
      <c r="H6570" cm="1">
        <f t="array" ref="H6570">IFERROR(INDEX(Jesper!AL$2:AL$366,ROUNDDOWN($C6570/24,0)+1,1)*INDEX($D$3:$AA$30,INDEX(Jesper!$R$2:$R$366,ROW(INDEX(Jesper!AL$2:AL$366,ROUNDDOWN($C6570/24,0)+1,1))-1)+IF('Standard Profiles'!$G$22=$B$10,7,0)+IF('Standard Profiles'!$G$22=$B$17,14,0)+IF('Standard Profiles'!$G$22=$B$24,21,0),MOD($C6570,24)+1)/SUM(INDEX($D$3:$AA$30,INDEX(Jesper!$R$2:$R$366,ROW(INDEX(Jesper!AL$2:AL$366,ROUNDDOWN($C6570/24,0)+1,1))-1)+IF('Standard Profiles'!$G$22=$B$10,7,0)+IF('Standard Profiles'!$G$22=$B$17,14,0)+IF('Standard Profiles'!$G$22=$B$24,21,0),0)),0)</f>
        <v>0.48580735528993857</v>
      </c>
      <c r="I6570">
        <f t="shared" si="734"/>
        <v>0.46637506107834126</v>
      </c>
      <c r="J6570">
        <f t="shared" si="735"/>
        <v>4.4019721100670992</v>
      </c>
      <c r="K6570">
        <f t="shared" si="736"/>
        <v>0.21835222670791476</v>
      </c>
      <c r="L6570">
        <f t="shared" si="737"/>
        <v>0.10917611335395738</v>
      </c>
      <c r="M6570">
        <f t="shared" si="738"/>
        <v>0</v>
      </c>
      <c r="N6570" s="45">
        <f t="shared" si="739"/>
        <v>45199.333333317481</v>
      </c>
    </row>
    <row r="6571" spans="2:14" x14ac:dyDescent="0.25">
      <c r="B6571">
        <f t="shared" si="733"/>
        <v>6</v>
      </c>
      <c r="C6571" s="16">
        <v>6537</v>
      </c>
      <c r="D6571" cm="1">
        <f t="array" ref="D6571">IFERROR(INDEX(Jesper!AH$2:AH$366,ROUNDDOWN($C6571/24,0)+1,1)*INDEX($D$3:$AA$30,INDEX(Jesper!$R$2:$R$366,ROW(INDEX(Jesper!AH$2:AH$366,ROUNDDOWN($C6571/24,0)+1,1))-1)+IF('Standard Profiles'!$G$18=$B$10,7,0)+IF('Standard Profiles'!$G$18=$B$17,14,0)+IF('Standard Profiles'!$G$18=$B$24,21,0),MOD($C6571,24)+1)/SUM(INDEX($D$3:$AA$30,INDEX(Jesper!$R$2:$R$366,ROW(INDEX(Jesper!AH$2:AH$366,ROUNDDOWN($C6571/24,0)+1,1))-1)+IF('Standard Profiles'!$G$18=$B$10,7,0)+IF('Standard Profiles'!$G$18=$B$17,14,0)+IF('Standard Profiles'!$G$18=$B$24,21,0),0)),0)</f>
        <v>0</v>
      </c>
      <c r="E6571" cm="1">
        <f t="array" ref="E6571">IFERROR(INDEX(Jesper!AI$2:AI$366,ROUNDDOWN($C6571/24,0)+1,1)*INDEX($D$3:$AA$30,INDEX(Jesper!$R$2:$R$366,ROW(INDEX(Jesper!AI$2:AI$366,ROUNDDOWN($C6571/24,0)+1,1))-1)+IF('Standard Profiles'!$G$19=$B$10,7,0)+IF('Standard Profiles'!$G$19=$B$17,14,0)+IF('Standard Profiles'!$G$19=$B$24,21,0),MOD($C6571,24)+1)/SUM(INDEX($D$3:$AA$30,INDEX(Jesper!$R$2:$R$366,ROW(INDEX(Jesper!AI$2:AI$366,ROUNDDOWN($C6571/24,0)+1,1))-1)+IF('Standard Profiles'!$G$19=$B$10,7,0)+IF('Standard Profiles'!$G$19=$B$17,14,0)+IF('Standard Profiles'!$G$19=$B$24,21,0),0)),0)</f>
        <v>2.7294028338489347</v>
      </c>
      <c r="F6571" cm="1">
        <f t="array" ref="F6571">IFERROR(INDEX(Jesper!AJ$2:AJ$366,ROUNDDOWN($C6571/24,0)+1,1)*INDEX($D$3:$AA$30,INDEX(Jesper!$R$2:$R$366,ROW(INDEX(Jesper!AJ$2:AJ$366,ROUNDDOWN($C6571/24,0)+1,1))-1)+IF('Standard Profiles'!$G$20=$B$10,7,0)+IF('Standard Profiles'!$G$20=$B$17,14,0)+IF('Standard Profiles'!$G$20=$B$24,21,0),MOD($C6571,24)+1)/SUM(INDEX($D$3:$AA$30,INDEX(Jesper!$R$2:$R$366,ROW(INDEX(Jesper!AJ$2:AJ$366,ROUNDDOWN($C6571/24,0)+1,1))-1)+IF('Standard Profiles'!$G$20=$B$10,7,0)+IF('Standard Profiles'!$G$20=$B$17,14,0)+IF('Standard Profiles'!$G$20=$B$24,21,0),0)),0)</f>
        <v>1.2339847968118112</v>
      </c>
      <c r="G6571" cm="1">
        <f t="array" ref="G6571">IFERROR(INDEX(Jesper!AK$2:AK$366,ROUNDDOWN($C6571/24,0)+1,1)*INDEX($D$3:$AA$30,INDEX(Jesper!$R$2:$R$366,ROW(INDEX(Jesper!AK$2:AK$366,ROUNDDOWN($C6571/24,0)+1,1))-1)+IF('Standard Profiles'!$G$21=$B$10,7,0)+IF('Standard Profiles'!$G$21=$B$17,14,0)+IF('Standard Profiles'!$G$21=$B$24,21,0),MOD($C6571,24)+1)/SUM(INDEX($D$3:$AA$30,INDEX(Jesper!$R$2:$R$366,ROW(INDEX(Jesper!AK$2:AK$366,ROUNDDOWN($C6571/24,0)+1,1))-1)+IF('Standard Profiles'!$G$21=$B$10,7,0)+IF('Standard Profiles'!$G$21=$B$17,14,0)+IF('Standard Profiles'!$G$21=$B$24,21,0),0)),0)</f>
        <v>0.74668052525662831</v>
      </c>
      <c r="H6571" cm="1">
        <f t="array" ref="H6571">IFERROR(INDEX(Jesper!AL$2:AL$366,ROUNDDOWN($C6571/24,0)+1,1)*INDEX($D$3:$AA$30,INDEX(Jesper!$R$2:$R$366,ROW(INDEX(Jesper!AL$2:AL$366,ROUNDDOWN($C6571/24,0)+1,1))-1)+IF('Standard Profiles'!$G$22=$B$10,7,0)+IF('Standard Profiles'!$G$22=$B$17,14,0)+IF('Standard Profiles'!$G$22=$B$24,21,0),MOD($C6571,24)+1)/SUM(INDEX($D$3:$AA$30,INDEX(Jesper!$R$2:$R$366,ROW(INDEX(Jesper!AL$2:AL$366,ROUNDDOWN($C6571/24,0)+1,1))-1)+IF('Standard Profiles'!$G$22=$B$10,7,0)+IF('Standard Profiles'!$G$22=$B$17,14,0)+IF('Standard Profiles'!$G$22=$B$24,21,0),0)),0)</f>
        <v>0.48580735528993857</v>
      </c>
      <c r="I6571">
        <f t="shared" si="734"/>
        <v>0.46637506107834126</v>
      </c>
      <c r="J6571">
        <f t="shared" si="735"/>
        <v>4.4019721100670992</v>
      </c>
      <c r="K6571">
        <f t="shared" si="736"/>
        <v>0.21835222670791476</v>
      </c>
      <c r="L6571">
        <f t="shared" si="737"/>
        <v>0.10917611335395738</v>
      </c>
      <c r="M6571">
        <f t="shared" si="738"/>
        <v>0</v>
      </c>
      <c r="N6571" s="45">
        <f t="shared" si="739"/>
        <v>45199.374999984146</v>
      </c>
    </row>
    <row r="6572" spans="2:14" x14ac:dyDescent="0.25">
      <c r="B6572">
        <f t="shared" si="733"/>
        <v>6</v>
      </c>
      <c r="C6572" s="16">
        <v>6538</v>
      </c>
      <c r="D6572" cm="1">
        <f t="array" ref="D6572">IFERROR(INDEX(Jesper!AH$2:AH$366,ROUNDDOWN($C6572/24,0)+1,1)*INDEX($D$3:$AA$30,INDEX(Jesper!$R$2:$R$366,ROW(INDEX(Jesper!AH$2:AH$366,ROUNDDOWN($C6572/24,0)+1,1))-1)+IF('Standard Profiles'!$G$18=$B$10,7,0)+IF('Standard Profiles'!$G$18=$B$17,14,0)+IF('Standard Profiles'!$G$18=$B$24,21,0),MOD($C6572,24)+1)/SUM(INDEX($D$3:$AA$30,INDEX(Jesper!$R$2:$R$366,ROW(INDEX(Jesper!AH$2:AH$366,ROUNDDOWN($C6572/24,0)+1,1))-1)+IF('Standard Profiles'!$G$18=$B$10,7,0)+IF('Standard Profiles'!$G$18=$B$17,14,0)+IF('Standard Profiles'!$G$18=$B$24,21,0),0)),0)</f>
        <v>0</v>
      </c>
      <c r="E6572" cm="1">
        <f t="array" ref="E6572">IFERROR(INDEX(Jesper!AI$2:AI$366,ROUNDDOWN($C6572/24,0)+1,1)*INDEX($D$3:$AA$30,INDEX(Jesper!$R$2:$R$366,ROW(INDEX(Jesper!AI$2:AI$366,ROUNDDOWN($C6572/24,0)+1,1))-1)+IF('Standard Profiles'!$G$19=$B$10,7,0)+IF('Standard Profiles'!$G$19=$B$17,14,0)+IF('Standard Profiles'!$G$19=$B$24,21,0),MOD($C6572,24)+1)/SUM(INDEX($D$3:$AA$30,INDEX(Jesper!$R$2:$R$366,ROW(INDEX(Jesper!AI$2:AI$366,ROUNDDOWN($C6572/24,0)+1,1))-1)+IF('Standard Profiles'!$G$19=$B$10,7,0)+IF('Standard Profiles'!$G$19=$B$17,14,0)+IF('Standard Profiles'!$G$19=$B$24,21,0),0)),0)</f>
        <v>2.7294028338489347</v>
      </c>
      <c r="F6572" cm="1">
        <f t="array" ref="F6572">IFERROR(INDEX(Jesper!AJ$2:AJ$366,ROUNDDOWN($C6572/24,0)+1,1)*INDEX($D$3:$AA$30,INDEX(Jesper!$R$2:$R$366,ROW(INDEX(Jesper!AJ$2:AJ$366,ROUNDDOWN($C6572/24,0)+1,1))-1)+IF('Standard Profiles'!$G$20=$B$10,7,0)+IF('Standard Profiles'!$G$20=$B$17,14,0)+IF('Standard Profiles'!$G$20=$B$24,21,0),MOD($C6572,24)+1)/SUM(INDEX($D$3:$AA$30,INDEX(Jesper!$R$2:$R$366,ROW(INDEX(Jesper!AJ$2:AJ$366,ROUNDDOWN($C6572/24,0)+1,1))-1)+IF('Standard Profiles'!$G$20=$B$10,7,0)+IF('Standard Profiles'!$G$20=$B$17,14,0)+IF('Standard Profiles'!$G$20=$B$24,21,0),0)),0)</f>
        <v>1.2339847968118112</v>
      </c>
      <c r="G6572" cm="1">
        <f t="array" ref="G6572">IFERROR(INDEX(Jesper!AK$2:AK$366,ROUNDDOWN($C6572/24,0)+1,1)*INDEX($D$3:$AA$30,INDEX(Jesper!$R$2:$R$366,ROW(INDEX(Jesper!AK$2:AK$366,ROUNDDOWN($C6572/24,0)+1,1))-1)+IF('Standard Profiles'!$G$21=$B$10,7,0)+IF('Standard Profiles'!$G$21=$B$17,14,0)+IF('Standard Profiles'!$G$21=$B$24,21,0),MOD($C6572,24)+1)/SUM(INDEX($D$3:$AA$30,INDEX(Jesper!$R$2:$R$366,ROW(INDEX(Jesper!AK$2:AK$366,ROUNDDOWN($C6572/24,0)+1,1))-1)+IF('Standard Profiles'!$G$21=$B$10,7,0)+IF('Standard Profiles'!$G$21=$B$17,14,0)+IF('Standard Profiles'!$G$21=$B$24,21,0),0)),0)</f>
        <v>0.74668052525662831</v>
      </c>
      <c r="H6572" cm="1">
        <f t="array" ref="H6572">IFERROR(INDEX(Jesper!AL$2:AL$366,ROUNDDOWN($C6572/24,0)+1,1)*INDEX($D$3:$AA$30,INDEX(Jesper!$R$2:$R$366,ROW(INDEX(Jesper!AL$2:AL$366,ROUNDDOWN($C6572/24,0)+1,1))-1)+IF('Standard Profiles'!$G$22=$B$10,7,0)+IF('Standard Profiles'!$G$22=$B$17,14,0)+IF('Standard Profiles'!$G$22=$B$24,21,0),MOD($C6572,24)+1)/SUM(INDEX($D$3:$AA$30,INDEX(Jesper!$R$2:$R$366,ROW(INDEX(Jesper!AL$2:AL$366,ROUNDDOWN($C6572/24,0)+1,1))-1)+IF('Standard Profiles'!$G$22=$B$10,7,0)+IF('Standard Profiles'!$G$22=$B$17,14,0)+IF('Standard Profiles'!$G$22=$B$24,21,0),0)),0)</f>
        <v>0.48580735528993857</v>
      </c>
      <c r="I6572">
        <f t="shared" si="734"/>
        <v>0.46637506107834126</v>
      </c>
      <c r="J6572">
        <f t="shared" si="735"/>
        <v>4.4019721100670992</v>
      </c>
      <c r="K6572">
        <f t="shared" si="736"/>
        <v>0.21835222670791476</v>
      </c>
      <c r="L6572">
        <f t="shared" si="737"/>
        <v>0.10917611335395738</v>
      </c>
      <c r="M6572">
        <f t="shared" si="738"/>
        <v>0</v>
      </c>
      <c r="N6572" s="45">
        <f t="shared" si="739"/>
        <v>45199.41666665081</v>
      </c>
    </row>
    <row r="6573" spans="2:14" x14ac:dyDescent="0.25">
      <c r="B6573">
        <f t="shared" si="733"/>
        <v>6</v>
      </c>
      <c r="C6573" s="16">
        <v>6539</v>
      </c>
      <c r="D6573" cm="1">
        <f t="array" ref="D6573">IFERROR(INDEX(Jesper!AH$2:AH$366,ROUNDDOWN($C6573/24,0)+1,1)*INDEX($D$3:$AA$30,INDEX(Jesper!$R$2:$R$366,ROW(INDEX(Jesper!AH$2:AH$366,ROUNDDOWN($C6573/24,0)+1,1))-1)+IF('Standard Profiles'!$G$18=$B$10,7,0)+IF('Standard Profiles'!$G$18=$B$17,14,0)+IF('Standard Profiles'!$G$18=$B$24,21,0),MOD($C6573,24)+1)/SUM(INDEX($D$3:$AA$30,INDEX(Jesper!$R$2:$R$366,ROW(INDEX(Jesper!AH$2:AH$366,ROUNDDOWN($C6573/24,0)+1,1))-1)+IF('Standard Profiles'!$G$18=$B$10,7,0)+IF('Standard Profiles'!$G$18=$B$17,14,0)+IF('Standard Profiles'!$G$18=$B$24,21,0),0)),0)</f>
        <v>0</v>
      </c>
      <c r="E6573" cm="1">
        <f t="array" ref="E6573">IFERROR(INDEX(Jesper!AI$2:AI$366,ROUNDDOWN($C6573/24,0)+1,1)*INDEX($D$3:$AA$30,INDEX(Jesper!$R$2:$R$366,ROW(INDEX(Jesper!AI$2:AI$366,ROUNDDOWN($C6573/24,0)+1,1))-1)+IF('Standard Profiles'!$G$19=$B$10,7,0)+IF('Standard Profiles'!$G$19=$B$17,14,0)+IF('Standard Profiles'!$G$19=$B$24,21,0),MOD($C6573,24)+1)/SUM(INDEX($D$3:$AA$30,INDEX(Jesper!$R$2:$R$366,ROW(INDEX(Jesper!AI$2:AI$366,ROUNDDOWN($C6573/24,0)+1,1))-1)+IF('Standard Profiles'!$G$19=$B$10,7,0)+IF('Standard Profiles'!$G$19=$B$17,14,0)+IF('Standard Profiles'!$G$19=$B$24,21,0),0)),0)</f>
        <v>2.7294028338489347</v>
      </c>
      <c r="F6573" cm="1">
        <f t="array" ref="F6573">IFERROR(INDEX(Jesper!AJ$2:AJ$366,ROUNDDOWN($C6573/24,0)+1,1)*INDEX($D$3:$AA$30,INDEX(Jesper!$R$2:$R$366,ROW(INDEX(Jesper!AJ$2:AJ$366,ROUNDDOWN($C6573/24,0)+1,1))-1)+IF('Standard Profiles'!$G$20=$B$10,7,0)+IF('Standard Profiles'!$G$20=$B$17,14,0)+IF('Standard Profiles'!$G$20=$B$24,21,0),MOD($C6573,24)+1)/SUM(INDEX($D$3:$AA$30,INDEX(Jesper!$R$2:$R$366,ROW(INDEX(Jesper!AJ$2:AJ$366,ROUNDDOWN($C6573/24,0)+1,1))-1)+IF('Standard Profiles'!$G$20=$B$10,7,0)+IF('Standard Profiles'!$G$20=$B$17,14,0)+IF('Standard Profiles'!$G$20=$B$24,21,0),0)),0)</f>
        <v>1.2339847968118112</v>
      </c>
      <c r="G6573" cm="1">
        <f t="array" ref="G6573">IFERROR(INDEX(Jesper!AK$2:AK$366,ROUNDDOWN($C6573/24,0)+1,1)*INDEX($D$3:$AA$30,INDEX(Jesper!$R$2:$R$366,ROW(INDEX(Jesper!AK$2:AK$366,ROUNDDOWN($C6573/24,0)+1,1))-1)+IF('Standard Profiles'!$G$21=$B$10,7,0)+IF('Standard Profiles'!$G$21=$B$17,14,0)+IF('Standard Profiles'!$G$21=$B$24,21,0),MOD($C6573,24)+1)/SUM(INDEX($D$3:$AA$30,INDEX(Jesper!$R$2:$R$366,ROW(INDEX(Jesper!AK$2:AK$366,ROUNDDOWN($C6573/24,0)+1,1))-1)+IF('Standard Profiles'!$G$21=$B$10,7,0)+IF('Standard Profiles'!$G$21=$B$17,14,0)+IF('Standard Profiles'!$G$21=$B$24,21,0),0)),0)</f>
        <v>0.74668052525662831</v>
      </c>
      <c r="H6573" cm="1">
        <f t="array" ref="H6573">IFERROR(INDEX(Jesper!AL$2:AL$366,ROUNDDOWN($C6573/24,0)+1,1)*INDEX($D$3:$AA$30,INDEX(Jesper!$R$2:$R$366,ROW(INDEX(Jesper!AL$2:AL$366,ROUNDDOWN($C6573/24,0)+1,1))-1)+IF('Standard Profiles'!$G$22=$B$10,7,0)+IF('Standard Profiles'!$G$22=$B$17,14,0)+IF('Standard Profiles'!$G$22=$B$24,21,0),MOD($C6573,24)+1)/SUM(INDEX($D$3:$AA$30,INDEX(Jesper!$R$2:$R$366,ROW(INDEX(Jesper!AL$2:AL$366,ROUNDDOWN($C6573/24,0)+1,1))-1)+IF('Standard Profiles'!$G$22=$B$10,7,0)+IF('Standard Profiles'!$G$22=$B$17,14,0)+IF('Standard Profiles'!$G$22=$B$24,21,0),0)),0)</f>
        <v>0.48580735528993857</v>
      </c>
      <c r="I6573">
        <f t="shared" si="734"/>
        <v>0.46637506107834126</v>
      </c>
      <c r="J6573">
        <f t="shared" si="735"/>
        <v>4.4019721100670992</v>
      </c>
      <c r="K6573">
        <f t="shared" si="736"/>
        <v>0.21835222670791476</v>
      </c>
      <c r="L6573">
        <f t="shared" si="737"/>
        <v>0.10917611335395738</v>
      </c>
      <c r="M6573">
        <f t="shared" si="738"/>
        <v>0</v>
      </c>
      <c r="N6573" s="45">
        <f t="shared" si="739"/>
        <v>45199.458333317474</v>
      </c>
    </row>
    <row r="6574" spans="2:14" x14ac:dyDescent="0.25">
      <c r="B6574">
        <f t="shared" si="733"/>
        <v>6</v>
      </c>
      <c r="C6574" s="16">
        <v>6540</v>
      </c>
      <c r="D6574" cm="1">
        <f t="array" ref="D6574">IFERROR(INDEX(Jesper!AH$2:AH$366,ROUNDDOWN($C6574/24,0)+1,1)*INDEX($D$3:$AA$30,INDEX(Jesper!$R$2:$R$366,ROW(INDEX(Jesper!AH$2:AH$366,ROUNDDOWN($C6574/24,0)+1,1))-1)+IF('Standard Profiles'!$G$18=$B$10,7,0)+IF('Standard Profiles'!$G$18=$B$17,14,0)+IF('Standard Profiles'!$G$18=$B$24,21,0),MOD($C6574,24)+1)/SUM(INDEX($D$3:$AA$30,INDEX(Jesper!$R$2:$R$366,ROW(INDEX(Jesper!AH$2:AH$366,ROUNDDOWN($C6574/24,0)+1,1))-1)+IF('Standard Profiles'!$G$18=$B$10,7,0)+IF('Standard Profiles'!$G$18=$B$17,14,0)+IF('Standard Profiles'!$G$18=$B$24,21,0),0)),0)</f>
        <v>0</v>
      </c>
      <c r="E6574" cm="1">
        <f t="array" ref="E6574">IFERROR(INDEX(Jesper!AI$2:AI$366,ROUNDDOWN($C6574/24,0)+1,1)*INDEX($D$3:$AA$30,INDEX(Jesper!$R$2:$R$366,ROW(INDEX(Jesper!AI$2:AI$366,ROUNDDOWN($C6574/24,0)+1,1))-1)+IF('Standard Profiles'!$G$19=$B$10,7,0)+IF('Standard Profiles'!$G$19=$B$17,14,0)+IF('Standard Profiles'!$G$19=$B$24,21,0),MOD($C6574,24)+1)/SUM(INDEX($D$3:$AA$30,INDEX(Jesper!$R$2:$R$366,ROW(INDEX(Jesper!AI$2:AI$366,ROUNDDOWN($C6574/24,0)+1,1))-1)+IF('Standard Profiles'!$G$19=$B$10,7,0)+IF('Standard Profiles'!$G$19=$B$17,14,0)+IF('Standard Profiles'!$G$19=$B$24,21,0),0)),0)</f>
        <v>2.7294028338489347</v>
      </c>
      <c r="F6574" cm="1">
        <f t="array" ref="F6574">IFERROR(INDEX(Jesper!AJ$2:AJ$366,ROUNDDOWN($C6574/24,0)+1,1)*INDEX($D$3:$AA$30,INDEX(Jesper!$R$2:$R$366,ROW(INDEX(Jesper!AJ$2:AJ$366,ROUNDDOWN($C6574/24,0)+1,1))-1)+IF('Standard Profiles'!$G$20=$B$10,7,0)+IF('Standard Profiles'!$G$20=$B$17,14,0)+IF('Standard Profiles'!$G$20=$B$24,21,0),MOD($C6574,24)+1)/SUM(INDEX($D$3:$AA$30,INDEX(Jesper!$R$2:$R$366,ROW(INDEX(Jesper!AJ$2:AJ$366,ROUNDDOWN($C6574/24,0)+1,1))-1)+IF('Standard Profiles'!$G$20=$B$10,7,0)+IF('Standard Profiles'!$G$20=$B$17,14,0)+IF('Standard Profiles'!$G$20=$B$24,21,0),0)),0)</f>
        <v>1.2339847968118112</v>
      </c>
      <c r="G6574" cm="1">
        <f t="array" ref="G6574">IFERROR(INDEX(Jesper!AK$2:AK$366,ROUNDDOWN($C6574/24,0)+1,1)*INDEX($D$3:$AA$30,INDEX(Jesper!$R$2:$R$366,ROW(INDEX(Jesper!AK$2:AK$366,ROUNDDOWN($C6574/24,0)+1,1))-1)+IF('Standard Profiles'!$G$21=$B$10,7,0)+IF('Standard Profiles'!$G$21=$B$17,14,0)+IF('Standard Profiles'!$G$21=$B$24,21,0),MOD($C6574,24)+1)/SUM(INDEX($D$3:$AA$30,INDEX(Jesper!$R$2:$R$366,ROW(INDEX(Jesper!AK$2:AK$366,ROUNDDOWN($C6574/24,0)+1,1))-1)+IF('Standard Profiles'!$G$21=$B$10,7,0)+IF('Standard Profiles'!$G$21=$B$17,14,0)+IF('Standard Profiles'!$G$21=$B$24,21,0),0)),0)</f>
        <v>0.74668052525662831</v>
      </c>
      <c r="H6574" cm="1">
        <f t="array" ref="H6574">IFERROR(INDEX(Jesper!AL$2:AL$366,ROUNDDOWN($C6574/24,0)+1,1)*INDEX($D$3:$AA$30,INDEX(Jesper!$R$2:$R$366,ROW(INDEX(Jesper!AL$2:AL$366,ROUNDDOWN($C6574/24,0)+1,1))-1)+IF('Standard Profiles'!$G$22=$B$10,7,0)+IF('Standard Profiles'!$G$22=$B$17,14,0)+IF('Standard Profiles'!$G$22=$B$24,21,0),MOD($C6574,24)+1)/SUM(INDEX($D$3:$AA$30,INDEX(Jesper!$R$2:$R$366,ROW(INDEX(Jesper!AL$2:AL$366,ROUNDDOWN($C6574/24,0)+1,1))-1)+IF('Standard Profiles'!$G$22=$B$10,7,0)+IF('Standard Profiles'!$G$22=$B$17,14,0)+IF('Standard Profiles'!$G$22=$B$24,21,0),0)),0)</f>
        <v>0.48580735528993857</v>
      </c>
      <c r="I6574">
        <f t="shared" si="734"/>
        <v>0.46637506107834126</v>
      </c>
      <c r="J6574">
        <f t="shared" si="735"/>
        <v>4.4019721100670992</v>
      </c>
      <c r="K6574">
        <f t="shared" si="736"/>
        <v>0.21835222670791476</v>
      </c>
      <c r="L6574">
        <f t="shared" si="737"/>
        <v>0.10917611335395738</v>
      </c>
      <c r="M6574">
        <f t="shared" si="738"/>
        <v>0</v>
      </c>
      <c r="N6574" s="45">
        <f t="shared" si="739"/>
        <v>45199.499999984138</v>
      </c>
    </row>
    <row r="6575" spans="2:14" x14ac:dyDescent="0.25">
      <c r="B6575">
        <f t="shared" si="733"/>
        <v>6</v>
      </c>
      <c r="C6575" s="16">
        <v>6541</v>
      </c>
      <c r="D6575" cm="1">
        <f t="array" ref="D6575">IFERROR(INDEX(Jesper!AH$2:AH$366,ROUNDDOWN($C6575/24,0)+1,1)*INDEX($D$3:$AA$30,INDEX(Jesper!$R$2:$R$366,ROW(INDEX(Jesper!AH$2:AH$366,ROUNDDOWN($C6575/24,0)+1,1))-1)+IF('Standard Profiles'!$G$18=$B$10,7,0)+IF('Standard Profiles'!$G$18=$B$17,14,0)+IF('Standard Profiles'!$G$18=$B$24,21,0),MOD($C6575,24)+1)/SUM(INDEX($D$3:$AA$30,INDEX(Jesper!$R$2:$R$366,ROW(INDEX(Jesper!AH$2:AH$366,ROUNDDOWN($C6575/24,0)+1,1))-1)+IF('Standard Profiles'!$G$18=$B$10,7,0)+IF('Standard Profiles'!$G$18=$B$17,14,0)+IF('Standard Profiles'!$G$18=$B$24,21,0),0)),0)</f>
        <v>0</v>
      </c>
      <c r="E6575" cm="1">
        <f t="array" ref="E6575">IFERROR(INDEX(Jesper!AI$2:AI$366,ROUNDDOWN($C6575/24,0)+1,1)*INDEX($D$3:$AA$30,INDEX(Jesper!$R$2:$R$366,ROW(INDEX(Jesper!AI$2:AI$366,ROUNDDOWN($C6575/24,0)+1,1))-1)+IF('Standard Profiles'!$G$19=$B$10,7,0)+IF('Standard Profiles'!$G$19=$B$17,14,0)+IF('Standard Profiles'!$G$19=$B$24,21,0),MOD($C6575,24)+1)/SUM(INDEX($D$3:$AA$30,INDEX(Jesper!$R$2:$R$366,ROW(INDEX(Jesper!AI$2:AI$366,ROUNDDOWN($C6575/24,0)+1,1))-1)+IF('Standard Profiles'!$G$19=$B$10,7,0)+IF('Standard Profiles'!$G$19=$B$17,14,0)+IF('Standard Profiles'!$G$19=$B$24,21,0),0)),0)</f>
        <v>2.7294028338489347</v>
      </c>
      <c r="F6575" cm="1">
        <f t="array" ref="F6575">IFERROR(INDEX(Jesper!AJ$2:AJ$366,ROUNDDOWN($C6575/24,0)+1,1)*INDEX($D$3:$AA$30,INDEX(Jesper!$R$2:$R$366,ROW(INDEX(Jesper!AJ$2:AJ$366,ROUNDDOWN($C6575/24,0)+1,1))-1)+IF('Standard Profiles'!$G$20=$B$10,7,0)+IF('Standard Profiles'!$G$20=$B$17,14,0)+IF('Standard Profiles'!$G$20=$B$24,21,0),MOD($C6575,24)+1)/SUM(INDEX($D$3:$AA$30,INDEX(Jesper!$R$2:$R$366,ROW(INDEX(Jesper!AJ$2:AJ$366,ROUNDDOWN($C6575/24,0)+1,1))-1)+IF('Standard Profiles'!$G$20=$B$10,7,0)+IF('Standard Profiles'!$G$20=$B$17,14,0)+IF('Standard Profiles'!$G$20=$B$24,21,0),0)),0)</f>
        <v>1.2339847968118112</v>
      </c>
      <c r="G6575" cm="1">
        <f t="array" ref="G6575">IFERROR(INDEX(Jesper!AK$2:AK$366,ROUNDDOWN($C6575/24,0)+1,1)*INDEX($D$3:$AA$30,INDEX(Jesper!$R$2:$R$366,ROW(INDEX(Jesper!AK$2:AK$366,ROUNDDOWN($C6575/24,0)+1,1))-1)+IF('Standard Profiles'!$G$21=$B$10,7,0)+IF('Standard Profiles'!$G$21=$B$17,14,0)+IF('Standard Profiles'!$G$21=$B$24,21,0),MOD($C6575,24)+1)/SUM(INDEX($D$3:$AA$30,INDEX(Jesper!$R$2:$R$366,ROW(INDEX(Jesper!AK$2:AK$366,ROUNDDOWN($C6575/24,0)+1,1))-1)+IF('Standard Profiles'!$G$21=$B$10,7,0)+IF('Standard Profiles'!$G$21=$B$17,14,0)+IF('Standard Profiles'!$G$21=$B$24,21,0),0)),0)</f>
        <v>0.74668052525662831</v>
      </c>
      <c r="H6575" cm="1">
        <f t="array" ref="H6575">IFERROR(INDEX(Jesper!AL$2:AL$366,ROUNDDOWN($C6575/24,0)+1,1)*INDEX($D$3:$AA$30,INDEX(Jesper!$R$2:$R$366,ROW(INDEX(Jesper!AL$2:AL$366,ROUNDDOWN($C6575/24,0)+1,1))-1)+IF('Standard Profiles'!$G$22=$B$10,7,0)+IF('Standard Profiles'!$G$22=$B$17,14,0)+IF('Standard Profiles'!$G$22=$B$24,21,0),MOD($C6575,24)+1)/SUM(INDEX($D$3:$AA$30,INDEX(Jesper!$R$2:$R$366,ROW(INDEX(Jesper!AL$2:AL$366,ROUNDDOWN($C6575/24,0)+1,1))-1)+IF('Standard Profiles'!$G$22=$B$10,7,0)+IF('Standard Profiles'!$G$22=$B$17,14,0)+IF('Standard Profiles'!$G$22=$B$24,21,0),0)),0)</f>
        <v>0.48580735528993857</v>
      </c>
      <c r="I6575">
        <f t="shared" si="734"/>
        <v>0.46637506107834126</v>
      </c>
      <c r="J6575">
        <f t="shared" si="735"/>
        <v>4.4019721100670992</v>
      </c>
      <c r="K6575">
        <f t="shared" si="736"/>
        <v>0.21835222670791476</v>
      </c>
      <c r="L6575">
        <f t="shared" si="737"/>
        <v>0.10917611335395738</v>
      </c>
      <c r="M6575">
        <f t="shared" si="738"/>
        <v>0</v>
      </c>
      <c r="N6575" s="45">
        <f t="shared" si="739"/>
        <v>45199.541666650803</v>
      </c>
    </row>
    <row r="6576" spans="2:14" x14ac:dyDescent="0.25">
      <c r="B6576">
        <f t="shared" si="733"/>
        <v>6</v>
      </c>
      <c r="C6576" s="16">
        <v>6542</v>
      </c>
      <c r="D6576" cm="1">
        <f t="array" ref="D6576">IFERROR(INDEX(Jesper!AH$2:AH$366,ROUNDDOWN($C6576/24,0)+1,1)*INDEX($D$3:$AA$30,INDEX(Jesper!$R$2:$R$366,ROW(INDEX(Jesper!AH$2:AH$366,ROUNDDOWN($C6576/24,0)+1,1))-1)+IF('Standard Profiles'!$G$18=$B$10,7,0)+IF('Standard Profiles'!$G$18=$B$17,14,0)+IF('Standard Profiles'!$G$18=$B$24,21,0),MOD($C6576,24)+1)/SUM(INDEX($D$3:$AA$30,INDEX(Jesper!$R$2:$R$366,ROW(INDEX(Jesper!AH$2:AH$366,ROUNDDOWN($C6576/24,0)+1,1))-1)+IF('Standard Profiles'!$G$18=$B$10,7,0)+IF('Standard Profiles'!$G$18=$B$17,14,0)+IF('Standard Profiles'!$G$18=$B$24,21,0),0)),0)</f>
        <v>0</v>
      </c>
      <c r="E6576" cm="1">
        <f t="array" ref="E6576">IFERROR(INDEX(Jesper!AI$2:AI$366,ROUNDDOWN($C6576/24,0)+1,1)*INDEX($D$3:$AA$30,INDEX(Jesper!$R$2:$R$366,ROW(INDEX(Jesper!AI$2:AI$366,ROUNDDOWN($C6576/24,0)+1,1))-1)+IF('Standard Profiles'!$G$19=$B$10,7,0)+IF('Standard Profiles'!$G$19=$B$17,14,0)+IF('Standard Profiles'!$G$19=$B$24,21,0),MOD($C6576,24)+1)/SUM(INDEX($D$3:$AA$30,INDEX(Jesper!$R$2:$R$366,ROW(INDEX(Jesper!AI$2:AI$366,ROUNDDOWN($C6576/24,0)+1,1))-1)+IF('Standard Profiles'!$G$19=$B$10,7,0)+IF('Standard Profiles'!$G$19=$B$17,14,0)+IF('Standard Profiles'!$G$19=$B$24,21,0),0)),0)</f>
        <v>2.7294028338489347</v>
      </c>
      <c r="F6576" cm="1">
        <f t="array" ref="F6576">IFERROR(INDEX(Jesper!AJ$2:AJ$366,ROUNDDOWN($C6576/24,0)+1,1)*INDEX($D$3:$AA$30,INDEX(Jesper!$R$2:$R$366,ROW(INDEX(Jesper!AJ$2:AJ$366,ROUNDDOWN($C6576/24,0)+1,1))-1)+IF('Standard Profiles'!$G$20=$B$10,7,0)+IF('Standard Profiles'!$G$20=$B$17,14,0)+IF('Standard Profiles'!$G$20=$B$24,21,0),MOD($C6576,24)+1)/SUM(INDEX($D$3:$AA$30,INDEX(Jesper!$R$2:$R$366,ROW(INDEX(Jesper!AJ$2:AJ$366,ROUNDDOWN($C6576/24,0)+1,1))-1)+IF('Standard Profiles'!$G$20=$B$10,7,0)+IF('Standard Profiles'!$G$20=$B$17,14,0)+IF('Standard Profiles'!$G$20=$B$24,21,0),0)),0)</f>
        <v>1.2339847968118112</v>
      </c>
      <c r="G6576" cm="1">
        <f t="array" ref="G6576">IFERROR(INDEX(Jesper!AK$2:AK$366,ROUNDDOWN($C6576/24,0)+1,1)*INDEX($D$3:$AA$30,INDEX(Jesper!$R$2:$R$366,ROW(INDEX(Jesper!AK$2:AK$366,ROUNDDOWN($C6576/24,0)+1,1))-1)+IF('Standard Profiles'!$G$21=$B$10,7,0)+IF('Standard Profiles'!$G$21=$B$17,14,0)+IF('Standard Profiles'!$G$21=$B$24,21,0),MOD($C6576,24)+1)/SUM(INDEX($D$3:$AA$30,INDEX(Jesper!$R$2:$R$366,ROW(INDEX(Jesper!AK$2:AK$366,ROUNDDOWN($C6576/24,0)+1,1))-1)+IF('Standard Profiles'!$G$21=$B$10,7,0)+IF('Standard Profiles'!$G$21=$B$17,14,0)+IF('Standard Profiles'!$G$21=$B$24,21,0),0)),0)</f>
        <v>0.74668052525662831</v>
      </c>
      <c r="H6576" cm="1">
        <f t="array" ref="H6576">IFERROR(INDEX(Jesper!AL$2:AL$366,ROUNDDOWN($C6576/24,0)+1,1)*INDEX($D$3:$AA$30,INDEX(Jesper!$R$2:$R$366,ROW(INDEX(Jesper!AL$2:AL$366,ROUNDDOWN($C6576/24,0)+1,1))-1)+IF('Standard Profiles'!$G$22=$B$10,7,0)+IF('Standard Profiles'!$G$22=$B$17,14,0)+IF('Standard Profiles'!$G$22=$B$24,21,0),MOD($C6576,24)+1)/SUM(INDEX($D$3:$AA$30,INDEX(Jesper!$R$2:$R$366,ROW(INDEX(Jesper!AL$2:AL$366,ROUNDDOWN($C6576/24,0)+1,1))-1)+IF('Standard Profiles'!$G$22=$B$10,7,0)+IF('Standard Profiles'!$G$22=$B$17,14,0)+IF('Standard Profiles'!$G$22=$B$24,21,0),0)),0)</f>
        <v>0.48580735528993857</v>
      </c>
      <c r="I6576">
        <f t="shared" si="734"/>
        <v>0.46637506107834126</v>
      </c>
      <c r="J6576">
        <f t="shared" si="735"/>
        <v>4.4019721100670992</v>
      </c>
      <c r="K6576">
        <f t="shared" si="736"/>
        <v>0.21835222670791476</v>
      </c>
      <c r="L6576">
        <f t="shared" si="737"/>
        <v>0.10917611335395738</v>
      </c>
      <c r="M6576">
        <f t="shared" si="738"/>
        <v>0</v>
      </c>
      <c r="N6576" s="45">
        <f t="shared" si="739"/>
        <v>45199.583333317467</v>
      </c>
    </row>
    <row r="6577" spans="2:14" x14ac:dyDescent="0.25">
      <c r="B6577">
        <f t="shared" si="733"/>
        <v>6</v>
      </c>
      <c r="C6577" s="16">
        <v>6543</v>
      </c>
      <c r="D6577" cm="1">
        <f t="array" ref="D6577">IFERROR(INDEX(Jesper!AH$2:AH$366,ROUNDDOWN($C6577/24,0)+1,1)*INDEX($D$3:$AA$30,INDEX(Jesper!$R$2:$R$366,ROW(INDEX(Jesper!AH$2:AH$366,ROUNDDOWN($C6577/24,0)+1,1))-1)+IF('Standard Profiles'!$G$18=$B$10,7,0)+IF('Standard Profiles'!$G$18=$B$17,14,0)+IF('Standard Profiles'!$G$18=$B$24,21,0),MOD($C6577,24)+1)/SUM(INDEX($D$3:$AA$30,INDEX(Jesper!$R$2:$R$366,ROW(INDEX(Jesper!AH$2:AH$366,ROUNDDOWN($C6577/24,0)+1,1))-1)+IF('Standard Profiles'!$G$18=$B$10,7,0)+IF('Standard Profiles'!$G$18=$B$17,14,0)+IF('Standard Profiles'!$G$18=$B$24,21,0),0)),0)</f>
        <v>0</v>
      </c>
      <c r="E6577" cm="1">
        <f t="array" ref="E6577">IFERROR(INDEX(Jesper!AI$2:AI$366,ROUNDDOWN($C6577/24,0)+1,1)*INDEX($D$3:$AA$30,INDEX(Jesper!$R$2:$R$366,ROW(INDEX(Jesper!AI$2:AI$366,ROUNDDOWN($C6577/24,0)+1,1))-1)+IF('Standard Profiles'!$G$19=$B$10,7,0)+IF('Standard Profiles'!$G$19=$B$17,14,0)+IF('Standard Profiles'!$G$19=$B$24,21,0),MOD($C6577,24)+1)/SUM(INDEX($D$3:$AA$30,INDEX(Jesper!$R$2:$R$366,ROW(INDEX(Jesper!AI$2:AI$366,ROUNDDOWN($C6577/24,0)+1,1))-1)+IF('Standard Profiles'!$G$19=$B$10,7,0)+IF('Standard Profiles'!$G$19=$B$17,14,0)+IF('Standard Profiles'!$G$19=$B$24,21,0),0)),0)</f>
        <v>2.7294028338489347</v>
      </c>
      <c r="F6577" cm="1">
        <f t="array" ref="F6577">IFERROR(INDEX(Jesper!AJ$2:AJ$366,ROUNDDOWN($C6577/24,0)+1,1)*INDEX($D$3:$AA$30,INDEX(Jesper!$R$2:$R$366,ROW(INDEX(Jesper!AJ$2:AJ$366,ROUNDDOWN($C6577/24,0)+1,1))-1)+IF('Standard Profiles'!$G$20=$B$10,7,0)+IF('Standard Profiles'!$G$20=$B$17,14,0)+IF('Standard Profiles'!$G$20=$B$24,21,0),MOD($C6577,24)+1)/SUM(INDEX($D$3:$AA$30,INDEX(Jesper!$R$2:$R$366,ROW(INDEX(Jesper!AJ$2:AJ$366,ROUNDDOWN($C6577/24,0)+1,1))-1)+IF('Standard Profiles'!$G$20=$B$10,7,0)+IF('Standard Profiles'!$G$20=$B$17,14,0)+IF('Standard Profiles'!$G$20=$B$24,21,0),0)),0)</f>
        <v>1.2339847968118112</v>
      </c>
      <c r="G6577" cm="1">
        <f t="array" ref="G6577">IFERROR(INDEX(Jesper!AK$2:AK$366,ROUNDDOWN($C6577/24,0)+1,1)*INDEX($D$3:$AA$30,INDEX(Jesper!$R$2:$R$366,ROW(INDEX(Jesper!AK$2:AK$366,ROUNDDOWN($C6577/24,0)+1,1))-1)+IF('Standard Profiles'!$G$21=$B$10,7,0)+IF('Standard Profiles'!$G$21=$B$17,14,0)+IF('Standard Profiles'!$G$21=$B$24,21,0),MOD($C6577,24)+1)/SUM(INDEX($D$3:$AA$30,INDEX(Jesper!$R$2:$R$366,ROW(INDEX(Jesper!AK$2:AK$366,ROUNDDOWN($C6577/24,0)+1,1))-1)+IF('Standard Profiles'!$G$21=$B$10,7,0)+IF('Standard Profiles'!$G$21=$B$17,14,0)+IF('Standard Profiles'!$G$21=$B$24,21,0),0)),0)</f>
        <v>0.74668052525662831</v>
      </c>
      <c r="H6577" cm="1">
        <f t="array" ref="H6577">IFERROR(INDEX(Jesper!AL$2:AL$366,ROUNDDOWN($C6577/24,0)+1,1)*INDEX($D$3:$AA$30,INDEX(Jesper!$R$2:$R$366,ROW(INDEX(Jesper!AL$2:AL$366,ROUNDDOWN($C6577/24,0)+1,1))-1)+IF('Standard Profiles'!$G$22=$B$10,7,0)+IF('Standard Profiles'!$G$22=$B$17,14,0)+IF('Standard Profiles'!$G$22=$B$24,21,0),MOD($C6577,24)+1)/SUM(INDEX($D$3:$AA$30,INDEX(Jesper!$R$2:$R$366,ROW(INDEX(Jesper!AL$2:AL$366,ROUNDDOWN($C6577/24,0)+1,1))-1)+IF('Standard Profiles'!$G$22=$B$10,7,0)+IF('Standard Profiles'!$G$22=$B$17,14,0)+IF('Standard Profiles'!$G$22=$B$24,21,0),0)),0)</f>
        <v>0.43922308834432799</v>
      </c>
      <c r="I6577">
        <f t="shared" si="734"/>
        <v>0.42165416481055512</v>
      </c>
      <c r="J6577">
        <f t="shared" si="735"/>
        <v>4.4001087393892746</v>
      </c>
      <c r="K6577">
        <f t="shared" si="736"/>
        <v>0.21835222670791476</v>
      </c>
      <c r="L6577">
        <f t="shared" si="737"/>
        <v>0.10917611335395738</v>
      </c>
      <c r="M6577">
        <f t="shared" si="738"/>
        <v>0</v>
      </c>
      <c r="N6577" s="45">
        <f t="shared" si="739"/>
        <v>45199.624999984131</v>
      </c>
    </row>
    <row r="6578" spans="2:14" x14ac:dyDescent="0.25">
      <c r="B6578">
        <f t="shared" si="733"/>
        <v>6</v>
      </c>
      <c r="C6578" s="16">
        <v>6544</v>
      </c>
      <c r="D6578" cm="1">
        <f t="array" ref="D6578">IFERROR(INDEX(Jesper!AH$2:AH$366,ROUNDDOWN($C6578/24,0)+1,1)*INDEX($D$3:$AA$30,INDEX(Jesper!$R$2:$R$366,ROW(INDEX(Jesper!AH$2:AH$366,ROUNDDOWN($C6578/24,0)+1,1))-1)+IF('Standard Profiles'!$G$18=$B$10,7,0)+IF('Standard Profiles'!$G$18=$B$17,14,0)+IF('Standard Profiles'!$G$18=$B$24,21,0),MOD($C6578,24)+1)/SUM(INDEX($D$3:$AA$30,INDEX(Jesper!$R$2:$R$366,ROW(INDEX(Jesper!AH$2:AH$366,ROUNDDOWN($C6578/24,0)+1,1))-1)+IF('Standard Profiles'!$G$18=$B$10,7,0)+IF('Standard Profiles'!$G$18=$B$17,14,0)+IF('Standard Profiles'!$G$18=$B$24,21,0),0)),0)</f>
        <v>0</v>
      </c>
      <c r="E6578" cm="1">
        <f t="array" ref="E6578">IFERROR(INDEX(Jesper!AI$2:AI$366,ROUNDDOWN($C6578/24,0)+1,1)*INDEX($D$3:$AA$30,INDEX(Jesper!$R$2:$R$366,ROW(INDEX(Jesper!AI$2:AI$366,ROUNDDOWN($C6578/24,0)+1,1))-1)+IF('Standard Profiles'!$G$19=$B$10,7,0)+IF('Standard Profiles'!$G$19=$B$17,14,0)+IF('Standard Profiles'!$G$19=$B$24,21,0),MOD($C6578,24)+1)/SUM(INDEX($D$3:$AA$30,INDEX(Jesper!$R$2:$R$366,ROW(INDEX(Jesper!AI$2:AI$366,ROUNDDOWN($C6578/24,0)+1,1))-1)+IF('Standard Profiles'!$G$19=$B$10,7,0)+IF('Standard Profiles'!$G$19=$B$17,14,0)+IF('Standard Profiles'!$G$19=$B$24,21,0),0)),0)</f>
        <v>2.7294028338489347</v>
      </c>
      <c r="F6578" cm="1">
        <f t="array" ref="F6578">IFERROR(INDEX(Jesper!AJ$2:AJ$366,ROUNDDOWN($C6578/24,0)+1,1)*INDEX($D$3:$AA$30,INDEX(Jesper!$R$2:$R$366,ROW(INDEX(Jesper!AJ$2:AJ$366,ROUNDDOWN($C6578/24,0)+1,1))-1)+IF('Standard Profiles'!$G$20=$B$10,7,0)+IF('Standard Profiles'!$G$20=$B$17,14,0)+IF('Standard Profiles'!$G$20=$B$24,21,0),MOD($C6578,24)+1)/SUM(INDEX($D$3:$AA$30,INDEX(Jesper!$R$2:$R$366,ROW(INDEX(Jesper!AJ$2:AJ$366,ROUNDDOWN($C6578/24,0)+1,1))-1)+IF('Standard Profiles'!$G$20=$B$10,7,0)+IF('Standard Profiles'!$G$20=$B$17,14,0)+IF('Standard Profiles'!$G$20=$B$24,21,0),0)),0)</f>
        <v>1.2339847968118112</v>
      </c>
      <c r="G6578" cm="1">
        <f t="array" ref="G6578">IFERROR(INDEX(Jesper!AK$2:AK$366,ROUNDDOWN($C6578/24,0)+1,1)*INDEX($D$3:$AA$30,INDEX(Jesper!$R$2:$R$366,ROW(INDEX(Jesper!AK$2:AK$366,ROUNDDOWN($C6578/24,0)+1,1))-1)+IF('Standard Profiles'!$G$21=$B$10,7,0)+IF('Standard Profiles'!$G$21=$B$17,14,0)+IF('Standard Profiles'!$G$21=$B$24,21,0),MOD($C6578,24)+1)/SUM(INDEX($D$3:$AA$30,INDEX(Jesper!$R$2:$R$366,ROW(INDEX(Jesper!AK$2:AK$366,ROUNDDOWN($C6578/24,0)+1,1))-1)+IF('Standard Profiles'!$G$21=$B$10,7,0)+IF('Standard Profiles'!$G$21=$B$17,14,0)+IF('Standard Profiles'!$G$21=$B$24,21,0),0)),0)</f>
        <v>0.74668052525662831</v>
      </c>
      <c r="H6578" cm="1">
        <f t="array" ref="H6578">IFERROR(INDEX(Jesper!AL$2:AL$366,ROUNDDOWN($C6578/24,0)+1,1)*INDEX($D$3:$AA$30,INDEX(Jesper!$R$2:$R$366,ROW(INDEX(Jesper!AL$2:AL$366,ROUNDDOWN($C6578/24,0)+1,1))-1)+IF('Standard Profiles'!$G$22=$B$10,7,0)+IF('Standard Profiles'!$G$22=$B$17,14,0)+IF('Standard Profiles'!$G$22=$B$24,21,0),MOD($C6578,24)+1)/SUM(INDEX($D$3:$AA$30,INDEX(Jesper!$R$2:$R$366,ROW(INDEX(Jesper!AL$2:AL$366,ROUNDDOWN($C6578/24,0)+1,1))-1)+IF('Standard Profiles'!$G$22=$B$10,7,0)+IF('Standard Profiles'!$G$22=$B$17,14,0)+IF('Standard Profiles'!$G$22=$B$24,21,0),0)),0)</f>
        <v>0.39929371667666186</v>
      </c>
      <c r="I6578">
        <f t="shared" si="734"/>
        <v>0.38332196800959562</v>
      </c>
      <c r="J6578">
        <f t="shared" si="735"/>
        <v>4.3985115645225683</v>
      </c>
      <c r="K6578">
        <f t="shared" si="736"/>
        <v>0.21835222670791476</v>
      </c>
      <c r="L6578">
        <f t="shared" si="737"/>
        <v>0.10917611335395738</v>
      </c>
      <c r="M6578">
        <f t="shared" si="738"/>
        <v>0</v>
      </c>
      <c r="N6578" s="45">
        <f t="shared" si="739"/>
        <v>45199.666666650795</v>
      </c>
    </row>
    <row r="6579" spans="2:14" x14ac:dyDescent="0.25">
      <c r="B6579">
        <f t="shared" si="733"/>
        <v>6</v>
      </c>
      <c r="C6579" s="16">
        <v>6545</v>
      </c>
      <c r="D6579" cm="1">
        <f t="array" ref="D6579">IFERROR(INDEX(Jesper!AH$2:AH$366,ROUNDDOWN($C6579/24,0)+1,1)*INDEX($D$3:$AA$30,INDEX(Jesper!$R$2:$R$366,ROW(INDEX(Jesper!AH$2:AH$366,ROUNDDOWN($C6579/24,0)+1,1))-1)+IF('Standard Profiles'!$G$18=$B$10,7,0)+IF('Standard Profiles'!$G$18=$B$17,14,0)+IF('Standard Profiles'!$G$18=$B$24,21,0),MOD($C6579,24)+1)/SUM(INDEX($D$3:$AA$30,INDEX(Jesper!$R$2:$R$366,ROW(INDEX(Jesper!AH$2:AH$366,ROUNDDOWN($C6579/24,0)+1,1))-1)+IF('Standard Profiles'!$G$18=$B$10,7,0)+IF('Standard Profiles'!$G$18=$B$17,14,0)+IF('Standard Profiles'!$G$18=$B$24,21,0),0)),0)</f>
        <v>0</v>
      </c>
      <c r="E6579" cm="1">
        <f t="array" ref="E6579">IFERROR(INDEX(Jesper!AI$2:AI$366,ROUNDDOWN($C6579/24,0)+1,1)*INDEX($D$3:$AA$30,INDEX(Jesper!$R$2:$R$366,ROW(INDEX(Jesper!AI$2:AI$366,ROUNDDOWN($C6579/24,0)+1,1))-1)+IF('Standard Profiles'!$G$19=$B$10,7,0)+IF('Standard Profiles'!$G$19=$B$17,14,0)+IF('Standard Profiles'!$G$19=$B$24,21,0),MOD($C6579,24)+1)/SUM(INDEX($D$3:$AA$30,INDEX(Jesper!$R$2:$R$366,ROW(INDEX(Jesper!AI$2:AI$366,ROUNDDOWN($C6579/24,0)+1,1))-1)+IF('Standard Profiles'!$G$19=$B$10,7,0)+IF('Standard Profiles'!$G$19=$B$17,14,0)+IF('Standard Profiles'!$G$19=$B$24,21,0),0)),0)</f>
        <v>2.7294028338489347</v>
      </c>
      <c r="F6579" cm="1">
        <f t="array" ref="F6579">IFERROR(INDEX(Jesper!AJ$2:AJ$366,ROUNDDOWN($C6579/24,0)+1,1)*INDEX($D$3:$AA$30,INDEX(Jesper!$R$2:$R$366,ROW(INDEX(Jesper!AJ$2:AJ$366,ROUNDDOWN($C6579/24,0)+1,1))-1)+IF('Standard Profiles'!$G$20=$B$10,7,0)+IF('Standard Profiles'!$G$20=$B$17,14,0)+IF('Standard Profiles'!$G$20=$B$24,21,0),MOD($C6579,24)+1)/SUM(INDEX($D$3:$AA$30,INDEX(Jesper!$R$2:$R$366,ROW(INDEX(Jesper!AJ$2:AJ$366,ROUNDDOWN($C6579/24,0)+1,1))-1)+IF('Standard Profiles'!$G$20=$B$10,7,0)+IF('Standard Profiles'!$G$20=$B$17,14,0)+IF('Standard Profiles'!$G$20=$B$24,21,0),0)),0)</f>
        <v>1.2339847968118112</v>
      </c>
      <c r="G6579" cm="1">
        <f t="array" ref="G6579">IFERROR(INDEX(Jesper!AK$2:AK$366,ROUNDDOWN($C6579/24,0)+1,1)*INDEX($D$3:$AA$30,INDEX(Jesper!$R$2:$R$366,ROW(INDEX(Jesper!AK$2:AK$366,ROUNDDOWN($C6579/24,0)+1,1))-1)+IF('Standard Profiles'!$G$21=$B$10,7,0)+IF('Standard Profiles'!$G$21=$B$17,14,0)+IF('Standard Profiles'!$G$21=$B$24,21,0),MOD($C6579,24)+1)/SUM(INDEX($D$3:$AA$30,INDEX(Jesper!$R$2:$R$366,ROW(INDEX(Jesper!AK$2:AK$366,ROUNDDOWN($C6579/24,0)+1,1))-1)+IF('Standard Profiles'!$G$21=$B$10,7,0)+IF('Standard Profiles'!$G$21=$B$17,14,0)+IF('Standard Profiles'!$G$21=$B$24,21,0),0)),0)</f>
        <v>0.74668052525662831</v>
      </c>
      <c r="H6579" cm="1">
        <f t="array" ref="H6579">IFERROR(INDEX(Jesper!AL$2:AL$366,ROUNDDOWN($C6579/24,0)+1,1)*INDEX($D$3:$AA$30,INDEX(Jesper!$R$2:$R$366,ROW(INDEX(Jesper!AL$2:AL$366,ROUNDDOWN($C6579/24,0)+1,1))-1)+IF('Standard Profiles'!$G$22=$B$10,7,0)+IF('Standard Profiles'!$G$22=$B$17,14,0)+IF('Standard Profiles'!$G$22=$B$24,21,0),MOD($C6579,24)+1)/SUM(INDEX($D$3:$AA$30,INDEX(Jesper!$R$2:$R$366,ROW(INDEX(Jesper!AL$2:AL$366,ROUNDDOWN($C6579/24,0)+1,1))-1)+IF('Standard Profiles'!$G$22=$B$10,7,0)+IF('Standard Profiles'!$G$22=$B$17,14,0)+IF('Standard Profiles'!$G$22=$B$24,21,0),0)),0)</f>
        <v>0.35936434500899567</v>
      </c>
      <c r="I6579">
        <f t="shared" si="734"/>
        <v>0.34498977120863605</v>
      </c>
      <c r="J6579">
        <f t="shared" si="735"/>
        <v>4.3969143896558611</v>
      </c>
      <c r="K6579">
        <f t="shared" si="736"/>
        <v>0.21835222670791476</v>
      </c>
      <c r="L6579">
        <f t="shared" si="737"/>
        <v>0.10917611335395738</v>
      </c>
      <c r="M6579">
        <f t="shared" si="738"/>
        <v>0</v>
      </c>
      <c r="N6579" s="45">
        <f t="shared" si="739"/>
        <v>45199.70833331746</v>
      </c>
    </row>
    <row r="6580" spans="2:14" x14ac:dyDescent="0.25">
      <c r="B6580">
        <f t="shared" si="733"/>
        <v>6</v>
      </c>
      <c r="C6580" s="16">
        <v>6546</v>
      </c>
      <c r="D6580" cm="1">
        <f t="array" ref="D6580">IFERROR(INDEX(Jesper!AH$2:AH$366,ROUNDDOWN($C6580/24,0)+1,1)*INDEX($D$3:$AA$30,INDEX(Jesper!$R$2:$R$366,ROW(INDEX(Jesper!AH$2:AH$366,ROUNDDOWN($C6580/24,0)+1,1))-1)+IF('Standard Profiles'!$G$18=$B$10,7,0)+IF('Standard Profiles'!$G$18=$B$17,14,0)+IF('Standard Profiles'!$G$18=$B$24,21,0),MOD($C6580,24)+1)/SUM(INDEX($D$3:$AA$30,INDEX(Jesper!$R$2:$R$366,ROW(INDEX(Jesper!AH$2:AH$366,ROUNDDOWN($C6580/24,0)+1,1))-1)+IF('Standard Profiles'!$G$18=$B$10,7,0)+IF('Standard Profiles'!$G$18=$B$17,14,0)+IF('Standard Profiles'!$G$18=$B$24,21,0),0)),0)</f>
        <v>0</v>
      </c>
      <c r="E6580" cm="1">
        <f t="array" ref="E6580">IFERROR(INDEX(Jesper!AI$2:AI$366,ROUNDDOWN($C6580/24,0)+1,1)*INDEX($D$3:$AA$30,INDEX(Jesper!$R$2:$R$366,ROW(INDEX(Jesper!AI$2:AI$366,ROUNDDOWN($C6580/24,0)+1,1))-1)+IF('Standard Profiles'!$G$19=$B$10,7,0)+IF('Standard Profiles'!$G$19=$B$17,14,0)+IF('Standard Profiles'!$G$19=$B$24,21,0),MOD($C6580,24)+1)/SUM(INDEX($D$3:$AA$30,INDEX(Jesper!$R$2:$R$366,ROW(INDEX(Jesper!AI$2:AI$366,ROUNDDOWN($C6580/24,0)+1,1))-1)+IF('Standard Profiles'!$G$19=$B$10,7,0)+IF('Standard Profiles'!$G$19=$B$17,14,0)+IF('Standard Profiles'!$G$19=$B$24,21,0),0)),0)</f>
        <v>2.7294028338489347</v>
      </c>
      <c r="F6580" cm="1">
        <f t="array" ref="F6580">IFERROR(INDEX(Jesper!AJ$2:AJ$366,ROUNDDOWN($C6580/24,0)+1,1)*INDEX($D$3:$AA$30,INDEX(Jesper!$R$2:$R$366,ROW(INDEX(Jesper!AJ$2:AJ$366,ROUNDDOWN($C6580/24,0)+1,1))-1)+IF('Standard Profiles'!$G$20=$B$10,7,0)+IF('Standard Profiles'!$G$20=$B$17,14,0)+IF('Standard Profiles'!$G$20=$B$24,21,0),MOD($C6580,24)+1)/SUM(INDEX($D$3:$AA$30,INDEX(Jesper!$R$2:$R$366,ROW(INDEX(Jesper!AJ$2:AJ$366,ROUNDDOWN($C6580/24,0)+1,1))-1)+IF('Standard Profiles'!$G$20=$B$10,7,0)+IF('Standard Profiles'!$G$20=$B$17,14,0)+IF('Standard Profiles'!$G$20=$B$24,21,0),0)),0)</f>
        <v>1.2339847968118112</v>
      </c>
      <c r="G6580" cm="1">
        <f t="array" ref="G6580">IFERROR(INDEX(Jesper!AK$2:AK$366,ROUNDDOWN($C6580/24,0)+1,1)*INDEX($D$3:$AA$30,INDEX(Jesper!$R$2:$R$366,ROW(INDEX(Jesper!AK$2:AK$366,ROUNDDOWN($C6580/24,0)+1,1))-1)+IF('Standard Profiles'!$G$21=$B$10,7,0)+IF('Standard Profiles'!$G$21=$B$17,14,0)+IF('Standard Profiles'!$G$21=$B$24,21,0),MOD($C6580,24)+1)/SUM(INDEX($D$3:$AA$30,INDEX(Jesper!$R$2:$R$366,ROW(INDEX(Jesper!AK$2:AK$366,ROUNDDOWN($C6580/24,0)+1,1))-1)+IF('Standard Profiles'!$G$21=$B$10,7,0)+IF('Standard Profiles'!$G$21=$B$17,14,0)+IF('Standard Profiles'!$G$21=$B$24,21,0),0)),0)</f>
        <v>0.74668052525662831</v>
      </c>
      <c r="H6580" cm="1">
        <f t="array" ref="H6580">IFERROR(INDEX(Jesper!AL$2:AL$366,ROUNDDOWN($C6580/24,0)+1,1)*INDEX($D$3:$AA$30,INDEX(Jesper!$R$2:$R$366,ROW(INDEX(Jesper!AL$2:AL$366,ROUNDDOWN($C6580/24,0)+1,1))-1)+IF('Standard Profiles'!$G$22=$B$10,7,0)+IF('Standard Profiles'!$G$22=$B$17,14,0)+IF('Standard Profiles'!$G$22=$B$24,21,0),MOD($C6580,24)+1)/SUM(INDEX($D$3:$AA$30,INDEX(Jesper!$R$2:$R$366,ROW(INDEX(Jesper!AL$2:AL$366,ROUNDDOWN($C6580/24,0)+1,1))-1)+IF('Standard Profiles'!$G$22=$B$10,7,0)+IF('Standard Profiles'!$G$22=$B$17,14,0)+IF('Standard Profiles'!$G$22=$B$24,21,0),0)),0)</f>
        <v>0.3460545544531069</v>
      </c>
      <c r="I6580">
        <f t="shared" si="734"/>
        <v>0.33221237227498279</v>
      </c>
      <c r="J6580">
        <f t="shared" si="735"/>
        <v>4.3963819980336263</v>
      </c>
      <c r="K6580">
        <f t="shared" si="736"/>
        <v>0.21835222670791476</v>
      </c>
      <c r="L6580">
        <f t="shared" si="737"/>
        <v>0.10917611335395738</v>
      </c>
      <c r="M6580">
        <f t="shared" si="738"/>
        <v>0</v>
      </c>
      <c r="N6580" s="45">
        <f t="shared" si="739"/>
        <v>45199.749999984124</v>
      </c>
    </row>
    <row r="6581" spans="2:14" x14ac:dyDescent="0.25">
      <c r="B6581">
        <f t="shared" si="733"/>
        <v>6</v>
      </c>
      <c r="C6581" s="16">
        <v>6547</v>
      </c>
      <c r="D6581" cm="1">
        <f t="array" ref="D6581">IFERROR(INDEX(Jesper!AH$2:AH$366,ROUNDDOWN($C6581/24,0)+1,1)*INDEX($D$3:$AA$30,INDEX(Jesper!$R$2:$R$366,ROW(INDEX(Jesper!AH$2:AH$366,ROUNDDOWN($C6581/24,0)+1,1))-1)+IF('Standard Profiles'!$G$18=$B$10,7,0)+IF('Standard Profiles'!$G$18=$B$17,14,0)+IF('Standard Profiles'!$G$18=$B$24,21,0),MOD($C6581,24)+1)/SUM(INDEX($D$3:$AA$30,INDEX(Jesper!$R$2:$R$366,ROW(INDEX(Jesper!AH$2:AH$366,ROUNDDOWN($C6581/24,0)+1,1))-1)+IF('Standard Profiles'!$G$18=$B$10,7,0)+IF('Standard Profiles'!$G$18=$B$17,14,0)+IF('Standard Profiles'!$G$18=$B$24,21,0),0)),0)</f>
        <v>0</v>
      </c>
      <c r="E6581" cm="1">
        <f t="array" ref="E6581">IFERROR(INDEX(Jesper!AI$2:AI$366,ROUNDDOWN($C6581/24,0)+1,1)*INDEX($D$3:$AA$30,INDEX(Jesper!$R$2:$R$366,ROW(INDEX(Jesper!AI$2:AI$366,ROUNDDOWN($C6581/24,0)+1,1))-1)+IF('Standard Profiles'!$G$19=$B$10,7,0)+IF('Standard Profiles'!$G$19=$B$17,14,0)+IF('Standard Profiles'!$G$19=$B$24,21,0),MOD($C6581,24)+1)/SUM(INDEX($D$3:$AA$30,INDEX(Jesper!$R$2:$R$366,ROW(INDEX(Jesper!AI$2:AI$366,ROUNDDOWN($C6581/24,0)+1,1))-1)+IF('Standard Profiles'!$G$19=$B$10,7,0)+IF('Standard Profiles'!$G$19=$B$17,14,0)+IF('Standard Profiles'!$G$19=$B$24,21,0),0)),0)</f>
        <v>2.7294028338489347</v>
      </c>
      <c r="F6581" cm="1">
        <f t="array" ref="F6581">IFERROR(INDEX(Jesper!AJ$2:AJ$366,ROUNDDOWN($C6581/24,0)+1,1)*INDEX($D$3:$AA$30,INDEX(Jesper!$R$2:$R$366,ROW(INDEX(Jesper!AJ$2:AJ$366,ROUNDDOWN($C6581/24,0)+1,1))-1)+IF('Standard Profiles'!$G$20=$B$10,7,0)+IF('Standard Profiles'!$G$20=$B$17,14,0)+IF('Standard Profiles'!$G$20=$B$24,21,0),MOD($C6581,24)+1)/SUM(INDEX($D$3:$AA$30,INDEX(Jesper!$R$2:$R$366,ROW(INDEX(Jesper!AJ$2:AJ$366,ROUNDDOWN($C6581/24,0)+1,1))-1)+IF('Standard Profiles'!$G$20=$B$10,7,0)+IF('Standard Profiles'!$G$20=$B$17,14,0)+IF('Standard Profiles'!$G$20=$B$24,21,0),0)),0)</f>
        <v>1.2339847968118112</v>
      </c>
      <c r="G6581" cm="1">
        <f t="array" ref="G6581">IFERROR(INDEX(Jesper!AK$2:AK$366,ROUNDDOWN($C6581/24,0)+1,1)*INDEX($D$3:$AA$30,INDEX(Jesper!$R$2:$R$366,ROW(INDEX(Jesper!AK$2:AK$366,ROUNDDOWN($C6581/24,0)+1,1))-1)+IF('Standard Profiles'!$G$21=$B$10,7,0)+IF('Standard Profiles'!$G$21=$B$17,14,0)+IF('Standard Profiles'!$G$21=$B$24,21,0),MOD($C6581,24)+1)/SUM(INDEX($D$3:$AA$30,INDEX(Jesper!$R$2:$R$366,ROW(INDEX(Jesper!AK$2:AK$366,ROUNDDOWN($C6581/24,0)+1,1))-1)+IF('Standard Profiles'!$G$21=$B$10,7,0)+IF('Standard Profiles'!$G$21=$B$17,14,0)+IF('Standard Profiles'!$G$21=$B$24,21,0),0)),0)</f>
        <v>0.74668052525662831</v>
      </c>
      <c r="H6581" cm="1">
        <f t="array" ref="H6581">IFERROR(INDEX(Jesper!AL$2:AL$366,ROUNDDOWN($C6581/24,0)+1,1)*INDEX($D$3:$AA$30,INDEX(Jesper!$R$2:$R$366,ROW(INDEX(Jesper!AL$2:AL$366,ROUNDDOWN($C6581/24,0)+1,1))-1)+IF('Standard Profiles'!$G$22=$B$10,7,0)+IF('Standard Profiles'!$G$22=$B$17,14,0)+IF('Standard Profiles'!$G$22=$B$24,21,0),MOD($C6581,24)+1)/SUM(INDEX($D$3:$AA$30,INDEX(Jesper!$R$2:$R$366,ROW(INDEX(Jesper!AL$2:AL$366,ROUNDDOWN($C6581/24,0)+1,1))-1)+IF('Standard Profiles'!$G$22=$B$10,7,0)+IF('Standard Profiles'!$G$22=$B$17,14,0)+IF('Standard Profiles'!$G$22=$B$24,21,0),0)),0)</f>
        <v>0.27950560167366328</v>
      </c>
      <c r="I6581">
        <f t="shared" si="734"/>
        <v>0.26832537760671687</v>
      </c>
      <c r="J6581">
        <f t="shared" si="735"/>
        <v>4.3937200399224485</v>
      </c>
      <c r="K6581">
        <f t="shared" si="736"/>
        <v>0.21835222670791476</v>
      </c>
      <c r="L6581">
        <f t="shared" si="737"/>
        <v>0.10917611335395738</v>
      </c>
      <c r="M6581">
        <f t="shared" si="738"/>
        <v>0</v>
      </c>
      <c r="N6581" s="45">
        <f t="shared" si="739"/>
        <v>45199.791666650788</v>
      </c>
    </row>
    <row r="6582" spans="2:14" x14ac:dyDescent="0.25">
      <c r="B6582">
        <f t="shared" si="733"/>
        <v>6</v>
      </c>
      <c r="C6582" s="16">
        <v>6548</v>
      </c>
      <c r="D6582" cm="1">
        <f t="array" ref="D6582">IFERROR(INDEX(Jesper!AH$2:AH$366,ROUNDDOWN($C6582/24,0)+1,1)*INDEX($D$3:$AA$30,INDEX(Jesper!$R$2:$R$366,ROW(INDEX(Jesper!AH$2:AH$366,ROUNDDOWN($C6582/24,0)+1,1))-1)+IF('Standard Profiles'!$G$18=$B$10,7,0)+IF('Standard Profiles'!$G$18=$B$17,14,0)+IF('Standard Profiles'!$G$18=$B$24,21,0),MOD($C6582,24)+1)/SUM(INDEX($D$3:$AA$30,INDEX(Jesper!$R$2:$R$366,ROW(INDEX(Jesper!AH$2:AH$366,ROUNDDOWN($C6582/24,0)+1,1))-1)+IF('Standard Profiles'!$G$18=$B$10,7,0)+IF('Standard Profiles'!$G$18=$B$17,14,0)+IF('Standard Profiles'!$G$18=$B$24,21,0),0)),0)</f>
        <v>0</v>
      </c>
      <c r="E6582" cm="1">
        <f t="array" ref="E6582">IFERROR(INDEX(Jesper!AI$2:AI$366,ROUNDDOWN($C6582/24,0)+1,1)*INDEX($D$3:$AA$30,INDEX(Jesper!$R$2:$R$366,ROW(INDEX(Jesper!AI$2:AI$366,ROUNDDOWN($C6582/24,0)+1,1))-1)+IF('Standard Profiles'!$G$19=$B$10,7,0)+IF('Standard Profiles'!$G$19=$B$17,14,0)+IF('Standard Profiles'!$G$19=$B$24,21,0),MOD($C6582,24)+1)/SUM(INDEX($D$3:$AA$30,INDEX(Jesper!$R$2:$R$366,ROW(INDEX(Jesper!AI$2:AI$366,ROUNDDOWN($C6582/24,0)+1,1))-1)+IF('Standard Profiles'!$G$19=$B$10,7,0)+IF('Standard Profiles'!$G$19=$B$17,14,0)+IF('Standard Profiles'!$G$19=$B$24,21,0),0)),0)</f>
        <v>2.7294028338489347</v>
      </c>
      <c r="F6582" cm="1">
        <f t="array" ref="F6582">IFERROR(INDEX(Jesper!AJ$2:AJ$366,ROUNDDOWN($C6582/24,0)+1,1)*INDEX($D$3:$AA$30,INDEX(Jesper!$R$2:$R$366,ROW(INDEX(Jesper!AJ$2:AJ$366,ROUNDDOWN($C6582/24,0)+1,1))-1)+IF('Standard Profiles'!$G$20=$B$10,7,0)+IF('Standard Profiles'!$G$20=$B$17,14,0)+IF('Standard Profiles'!$G$20=$B$24,21,0),MOD($C6582,24)+1)/SUM(INDEX($D$3:$AA$30,INDEX(Jesper!$R$2:$R$366,ROW(INDEX(Jesper!AJ$2:AJ$366,ROUNDDOWN($C6582/24,0)+1,1))-1)+IF('Standard Profiles'!$G$20=$B$10,7,0)+IF('Standard Profiles'!$G$20=$B$17,14,0)+IF('Standard Profiles'!$G$20=$B$24,21,0),0)),0)</f>
        <v>1.2339847968118112</v>
      </c>
      <c r="G6582" cm="1">
        <f t="array" ref="G6582">IFERROR(INDEX(Jesper!AK$2:AK$366,ROUNDDOWN($C6582/24,0)+1,1)*INDEX($D$3:$AA$30,INDEX(Jesper!$R$2:$R$366,ROW(INDEX(Jesper!AK$2:AK$366,ROUNDDOWN($C6582/24,0)+1,1))-1)+IF('Standard Profiles'!$G$21=$B$10,7,0)+IF('Standard Profiles'!$G$21=$B$17,14,0)+IF('Standard Profiles'!$G$21=$B$24,21,0),MOD($C6582,24)+1)/SUM(INDEX($D$3:$AA$30,INDEX(Jesper!$R$2:$R$366,ROW(INDEX(Jesper!AK$2:AK$366,ROUNDDOWN($C6582/24,0)+1,1))-1)+IF('Standard Profiles'!$G$21=$B$10,7,0)+IF('Standard Profiles'!$G$21=$B$17,14,0)+IF('Standard Profiles'!$G$21=$B$24,21,0),0)),0)</f>
        <v>0.74668052525662831</v>
      </c>
      <c r="H6582" cm="1">
        <f t="array" ref="H6582">IFERROR(INDEX(Jesper!AL$2:AL$366,ROUNDDOWN($C6582/24,0)+1,1)*INDEX($D$3:$AA$30,INDEX(Jesper!$R$2:$R$366,ROW(INDEX(Jesper!AL$2:AL$366,ROUNDDOWN($C6582/24,0)+1,1))-1)+IF('Standard Profiles'!$G$22=$B$10,7,0)+IF('Standard Profiles'!$G$22=$B$17,14,0)+IF('Standard Profiles'!$G$22=$B$24,21,0),MOD($C6582,24)+1)/SUM(INDEX($D$3:$AA$30,INDEX(Jesper!$R$2:$R$366,ROW(INDEX(Jesper!AL$2:AL$366,ROUNDDOWN($C6582/24,0)+1,1))-1)+IF('Standard Profiles'!$G$22=$B$10,7,0)+IF('Standard Profiles'!$G$22=$B$17,14,0)+IF('Standard Profiles'!$G$22=$B$24,21,0),0)),0)</f>
        <v>0.20630175361627529</v>
      </c>
      <c r="I6582">
        <f t="shared" si="734"/>
        <v>0.19804968347162438</v>
      </c>
      <c r="J6582">
        <f t="shared" si="735"/>
        <v>4.3907918860001525</v>
      </c>
      <c r="K6582">
        <f t="shared" si="736"/>
        <v>0.21835222670791476</v>
      </c>
      <c r="L6582">
        <f t="shared" si="737"/>
        <v>0.10917611335395738</v>
      </c>
      <c r="M6582">
        <f t="shared" si="738"/>
        <v>0</v>
      </c>
      <c r="N6582" s="45">
        <f t="shared" si="739"/>
        <v>45199.833333317452</v>
      </c>
    </row>
    <row r="6583" spans="2:14" x14ac:dyDescent="0.25">
      <c r="B6583">
        <f t="shared" si="733"/>
        <v>6</v>
      </c>
      <c r="C6583" s="16">
        <v>6549</v>
      </c>
      <c r="D6583" cm="1">
        <f t="array" ref="D6583">IFERROR(INDEX(Jesper!AH$2:AH$366,ROUNDDOWN($C6583/24,0)+1,1)*INDEX($D$3:$AA$30,INDEX(Jesper!$R$2:$R$366,ROW(INDEX(Jesper!AH$2:AH$366,ROUNDDOWN($C6583/24,0)+1,1))-1)+IF('Standard Profiles'!$G$18=$B$10,7,0)+IF('Standard Profiles'!$G$18=$B$17,14,0)+IF('Standard Profiles'!$G$18=$B$24,21,0),MOD($C6583,24)+1)/SUM(INDEX($D$3:$AA$30,INDEX(Jesper!$R$2:$R$366,ROW(INDEX(Jesper!AH$2:AH$366,ROUNDDOWN($C6583/24,0)+1,1))-1)+IF('Standard Profiles'!$G$18=$B$10,7,0)+IF('Standard Profiles'!$G$18=$B$17,14,0)+IF('Standard Profiles'!$G$18=$B$24,21,0),0)),0)</f>
        <v>0</v>
      </c>
      <c r="E6583" cm="1">
        <f t="array" ref="E6583">IFERROR(INDEX(Jesper!AI$2:AI$366,ROUNDDOWN($C6583/24,0)+1,1)*INDEX($D$3:$AA$30,INDEX(Jesper!$R$2:$R$366,ROW(INDEX(Jesper!AI$2:AI$366,ROUNDDOWN($C6583/24,0)+1,1))-1)+IF('Standard Profiles'!$G$19=$B$10,7,0)+IF('Standard Profiles'!$G$19=$B$17,14,0)+IF('Standard Profiles'!$G$19=$B$24,21,0),MOD($C6583,24)+1)/SUM(INDEX($D$3:$AA$30,INDEX(Jesper!$R$2:$R$366,ROW(INDEX(Jesper!AI$2:AI$366,ROUNDDOWN($C6583/24,0)+1,1))-1)+IF('Standard Profiles'!$G$19=$B$10,7,0)+IF('Standard Profiles'!$G$19=$B$17,14,0)+IF('Standard Profiles'!$G$19=$B$24,21,0),0)),0)</f>
        <v>2.7294028338489347</v>
      </c>
      <c r="F6583" cm="1">
        <f t="array" ref="F6583">IFERROR(INDEX(Jesper!AJ$2:AJ$366,ROUNDDOWN($C6583/24,0)+1,1)*INDEX($D$3:$AA$30,INDEX(Jesper!$R$2:$R$366,ROW(INDEX(Jesper!AJ$2:AJ$366,ROUNDDOWN($C6583/24,0)+1,1))-1)+IF('Standard Profiles'!$G$20=$B$10,7,0)+IF('Standard Profiles'!$G$20=$B$17,14,0)+IF('Standard Profiles'!$G$20=$B$24,21,0),MOD($C6583,24)+1)/SUM(INDEX($D$3:$AA$30,INDEX(Jesper!$R$2:$R$366,ROW(INDEX(Jesper!AJ$2:AJ$366,ROUNDDOWN($C6583/24,0)+1,1))-1)+IF('Standard Profiles'!$G$20=$B$10,7,0)+IF('Standard Profiles'!$G$20=$B$17,14,0)+IF('Standard Profiles'!$G$20=$B$24,21,0),0)),0)</f>
        <v>1.2339847968118112</v>
      </c>
      <c r="G6583" cm="1">
        <f t="array" ref="G6583">IFERROR(INDEX(Jesper!AK$2:AK$366,ROUNDDOWN($C6583/24,0)+1,1)*INDEX($D$3:$AA$30,INDEX(Jesper!$R$2:$R$366,ROW(INDEX(Jesper!AK$2:AK$366,ROUNDDOWN($C6583/24,0)+1,1))-1)+IF('Standard Profiles'!$G$21=$B$10,7,0)+IF('Standard Profiles'!$G$21=$B$17,14,0)+IF('Standard Profiles'!$G$21=$B$24,21,0),MOD($C6583,24)+1)/SUM(INDEX($D$3:$AA$30,INDEX(Jesper!$R$2:$R$366,ROW(INDEX(Jesper!AK$2:AK$366,ROUNDDOWN($C6583/24,0)+1,1))-1)+IF('Standard Profiles'!$G$21=$B$10,7,0)+IF('Standard Profiles'!$G$21=$B$17,14,0)+IF('Standard Profiles'!$G$21=$B$24,21,0),0)),0)</f>
        <v>0.74668052525662831</v>
      </c>
      <c r="H6583" cm="1">
        <f t="array" ref="H6583">IFERROR(INDEX(Jesper!AL$2:AL$366,ROUNDDOWN($C6583/24,0)+1,1)*INDEX($D$3:$AA$30,INDEX(Jesper!$R$2:$R$366,ROW(INDEX(Jesper!AL$2:AL$366,ROUNDDOWN($C6583/24,0)+1,1))-1)+IF('Standard Profiles'!$G$22=$B$10,7,0)+IF('Standard Profiles'!$G$22=$B$17,14,0)+IF('Standard Profiles'!$G$22=$B$24,21,0),MOD($C6583,24)+1)/SUM(INDEX($D$3:$AA$30,INDEX(Jesper!$R$2:$R$366,ROW(INDEX(Jesper!AL$2:AL$366,ROUNDDOWN($C6583/24,0)+1,1))-1)+IF('Standard Profiles'!$G$22=$B$10,7,0)+IF('Standard Profiles'!$G$22=$B$17,14,0)+IF('Standard Profiles'!$G$22=$B$24,21,0),0)),0)</f>
        <v>0.20630175361627529</v>
      </c>
      <c r="I6583">
        <f t="shared" si="734"/>
        <v>0.19804968347162438</v>
      </c>
      <c r="J6583">
        <f t="shared" si="735"/>
        <v>4.3907918860001525</v>
      </c>
      <c r="K6583">
        <f t="shared" si="736"/>
        <v>0.21835222670791476</v>
      </c>
      <c r="L6583">
        <f t="shared" si="737"/>
        <v>0.10917611335395738</v>
      </c>
      <c r="M6583">
        <f t="shared" si="738"/>
        <v>0</v>
      </c>
      <c r="N6583" s="45">
        <f t="shared" si="739"/>
        <v>45199.874999984117</v>
      </c>
    </row>
    <row r="6584" spans="2:14" x14ac:dyDescent="0.25">
      <c r="B6584">
        <f t="shared" si="733"/>
        <v>6</v>
      </c>
      <c r="C6584" s="16">
        <v>6550</v>
      </c>
      <c r="D6584" cm="1">
        <f t="array" ref="D6584">IFERROR(INDEX(Jesper!AH$2:AH$366,ROUNDDOWN($C6584/24,0)+1,1)*INDEX($D$3:$AA$30,INDEX(Jesper!$R$2:$R$366,ROW(INDEX(Jesper!AH$2:AH$366,ROUNDDOWN($C6584/24,0)+1,1))-1)+IF('Standard Profiles'!$G$18=$B$10,7,0)+IF('Standard Profiles'!$G$18=$B$17,14,0)+IF('Standard Profiles'!$G$18=$B$24,21,0),MOD($C6584,24)+1)/SUM(INDEX($D$3:$AA$30,INDEX(Jesper!$R$2:$R$366,ROW(INDEX(Jesper!AH$2:AH$366,ROUNDDOWN($C6584/24,0)+1,1))-1)+IF('Standard Profiles'!$G$18=$B$10,7,0)+IF('Standard Profiles'!$G$18=$B$17,14,0)+IF('Standard Profiles'!$G$18=$B$24,21,0),0)),0)</f>
        <v>0</v>
      </c>
      <c r="E6584" cm="1">
        <f t="array" ref="E6584">IFERROR(INDEX(Jesper!AI$2:AI$366,ROUNDDOWN($C6584/24,0)+1,1)*INDEX($D$3:$AA$30,INDEX(Jesper!$R$2:$R$366,ROW(INDEX(Jesper!AI$2:AI$366,ROUNDDOWN($C6584/24,0)+1,1))-1)+IF('Standard Profiles'!$G$19=$B$10,7,0)+IF('Standard Profiles'!$G$19=$B$17,14,0)+IF('Standard Profiles'!$G$19=$B$24,21,0),MOD($C6584,24)+1)/SUM(INDEX($D$3:$AA$30,INDEX(Jesper!$R$2:$R$366,ROW(INDEX(Jesper!AI$2:AI$366,ROUNDDOWN($C6584/24,0)+1,1))-1)+IF('Standard Profiles'!$G$19=$B$10,7,0)+IF('Standard Profiles'!$G$19=$B$17,14,0)+IF('Standard Profiles'!$G$19=$B$24,21,0),0)),0)</f>
        <v>2.7294028338489347</v>
      </c>
      <c r="F6584" cm="1">
        <f t="array" ref="F6584">IFERROR(INDEX(Jesper!AJ$2:AJ$366,ROUNDDOWN($C6584/24,0)+1,1)*INDEX($D$3:$AA$30,INDEX(Jesper!$R$2:$R$366,ROW(INDEX(Jesper!AJ$2:AJ$366,ROUNDDOWN($C6584/24,0)+1,1))-1)+IF('Standard Profiles'!$G$20=$B$10,7,0)+IF('Standard Profiles'!$G$20=$B$17,14,0)+IF('Standard Profiles'!$G$20=$B$24,21,0),MOD($C6584,24)+1)/SUM(INDEX($D$3:$AA$30,INDEX(Jesper!$R$2:$R$366,ROW(INDEX(Jesper!AJ$2:AJ$366,ROUNDDOWN($C6584/24,0)+1,1))-1)+IF('Standard Profiles'!$G$20=$B$10,7,0)+IF('Standard Profiles'!$G$20=$B$17,14,0)+IF('Standard Profiles'!$G$20=$B$24,21,0),0)),0)</f>
        <v>1.2339847968118112</v>
      </c>
      <c r="G6584" cm="1">
        <f t="array" ref="G6584">IFERROR(INDEX(Jesper!AK$2:AK$366,ROUNDDOWN($C6584/24,0)+1,1)*INDEX($D$3:$AA$30,INDEX(Jesper!$R$2:$R$366,ROW(INDEX(Jesper!AK$2:AK$366,ROUNDDOWN($C6584/24,0)+1,1))-1)+IF('Standard Profiles'!$G$21=$B$10,7,0)+IF('Standard Profiles'!$G$21=$B$17,14,0)+IF('Standard Profiles'!$G$21=$B$24,21,0),MOD($C6584,24)+1)/SUM(INDEX($D$3:$AA$30,INDEX(Jesper!$R$2:$R$366,ROW(INDEX(Jesper!AK$2:AK$366,ROUNDDOWN($C6584/24,0)+1,1))-1)+IF('Standard Profiles'!$G$21=$B$10,7,0)+IF('Standard Profiles'!$G$21=$B$17,14,0)+IF('Standard Profiles'!$G$21=$B$24,21,0),0)),0)</f>
        <v>0.74668052525662831</v>
      </c>
      <c r="H6584" cm="1">
        <f t="array" ref="H6584">IFERROR(INDEX(Jesper!AL$2:AL$366,ROUNDDOWN($C6584/24,0)+1,1)*INDEX($D$3:$AA$30,INDEX(Jesper!$R$2:$R$366,ROW(INDEX(Jesper!AL$2:AL$366,ROUNDDOWN($C6584/24,0)+1,1))-1)+IF('Standard Profiles'!$G$22=$B$10,7,0)+IF('Standard Profiles'!$G$22=$B$17,14,0)+IF('Standard Profiles'!$G$22=$B$24,21,0),MOD($C6584,24)+1)/SUM(INDEX($D$3:$AA$30,INDEX(Jesper!$R$2:$R$366,ROW(INDEX(Jesper!AL$2:AL$366,ROUNDDOWN($C6584/24,0)+1,1))-1)+IF('Standard Profiles'!$G$22=$B$10,7,0)+IF('Standard Profiles'!$G$22=$B$17,14,0)+IF('Standard Profiles'!$G$22=$B$24,21,0),0)),0)</f>
        <v>0.20630175361627529</v>
      </c>
      <c r="I6584">
        <f t="shared" si="734"/>
        <v>0.19804968347162438</v>
      </c>
      <c r="J6584">
        <f t="shared" si="735"/>
        <v>4.3907918860001525</v>
      </c>
      <c r="K6584">
        <f t="shared" si="736"/>
        <v>0.21835222670791476</v>
      </c>
      <c r="L6584">
        <f t="shared" si="737"/>
        <v>0.10917611335395738</v>
      </c>
      <c r="M6584">
        <f t="shared" si="738"/>
        <v>0</v>
      </c>
      <c r="N6584" s="45">
        <f t="shared" si="739"/>
        <v>45199.916666650781</v>
      </c>
    </row>
    <row r="6585" spans="2:14" x14ac:dyDescent="0.25">
      <c r="B6585">
        <f t="shared" si="733"/>
        <v>6</v>
      </c>
      <c r="C6585" s="16">
        <v>6551</v>
      </c>
      <c r="D6585" cm="1">
        <f t="array" ref="D6585">IFERROR(INDEX(Jesper!AH$2:AH$366,ROUNDDOWN($C6585/24,0)+1,1)*INDEX($D$3:$AA$30,INDEX(Jesper!$R$2:$R$366,ROW(INDEX(Jesper!AH$2:AH$366,ROUNDDOWN($C6585/24,0)+1,1))-1)+IF('Standard Profiles'!$G$18=$B$10,7,0)+IF('Standard Profiles'!$G$18=$B$17,14,0)+IF('Standard Profiles'!$G$18=$B$24,21,0),MOD($C6585,24)+1)/SUM(INDEX($D$3:$AA$30,INDEX(Jesper!$R$2:$R$366,ROW(INDEX(Jesper!AH$2:AH$366,ROUNDDOWN($C6585/24,0)+1,1))-1)+IF('Standard Profiles'!$G$18=$B$10,7,0)+IF('Standard Profiles'!$G$18=$B$17,14,0)+IF('Standard Profiles'!$G$18=$B$24,21,0),0)),0)</f>
        <v>0</v>
      </c>
      <c r="E6585" cm="1">
        <f t="array" ref="E6585">IFERROR(INDEX(Jesper!AI$2:AI$366,ROUNDDOWN($C6585/24,0)+1,1)*INDEX($D$3:$AA$30,INDEX(Jesper!$R$2:$R$366,ROW(INDEX(Jesper!AI$2:AI$366,ROUNDDOWN($C6585/24,0)+1,1))-1)+IF('Standard Profiles'!$G$19=$B$10,7,0)+IF('Standard Profiles'!$G$19=$B$17,14,0)+IF('Standard Profiles'!$G$19=$B$24,21,0),MOD($C6585,24)+1)/SUM(INDEX($D$3:$AA$30,INDEX(Jesper!$R$2:$R$366,ROW(INDEX(Jesper!AI$2:AI$366,ROUNDDOWN($C6585/24,0)+1,1))-1)+IF('Standard Profiles'!$G$19=$B$10,7,0)+IF('Standard Profiles'!$G$19=$B$17,14,0)+IF('Standard Profiles'!$G$19=$B$24,21,0),0)),0)</f>
        <v>2.7294028338489347</v>
      </c>
      <c r="F6585" cm="1">
        <f t="array" ref="F6585">IFERROR(INDEX(Jesper!AJ$2:AJ$366,ROUNDDOWN($C6585/24,0)+1,1)*INDEX($D$3:$AA$30,INDEX(Jesper!$R$2:$R$366,ROW(INDEX(Jesper!AJ$2:AJ$366,ROUNDDOWN($C6585/24,0)+1,1))-1)+IF('Standard Profiles'!$G$20=$B$10,7,0)+IF('Standard Profiles'!$G$20=$B$17,14,0)+IF('Standard Profiles'!$G$20=$B$24,21,0),MOD($C6585,24)+1)/SUM(INDEX($D$3:$AA$30,INDEX(Jesper!$R$2:$R$366,ROW(INDEX(Jesper!AJ$2:AJ$366,ROUNDDOWN($C6585/24,0)+1,1))-1)+IF('Standard Profiles'!$G$20=$B$10,7,0)+IF('Standard Profiles'!$G$20=$B$17,14,0)+IF('Standard Profiles'!$G$20=$B$24,21,0),0)),0)</f>
        <v>1.2339847968118112</v>
      </c>
      <c r="G6585" cm="1">
        <f t="array" ref="G6585">IFERROR(INDEX(Jesper!AK$2:AK$366,ROUNDDOWN($C6585/24,0)+1,1)*INDEX($D$3:$AA$30,INDEX(Jesper!$R$2:$R$366,ROW(INDEX(Jesper!AK$2:AK$366,ROUNDDOWN($C6585/24,0)+1,1))-1)+IF('Standard Profiles'!$G$21=$B$10,7,0)+IF('Standard Profiles'!$G$21=$B$17,14,0)+IF('Standard Profiles'!$G$21=$B$24,21,0),MOD($C6585,24)+1)/SUM(INDEX($D$3:$AA$30,INDEX(Jesper!$R$2:$R$366,ROW(INDEX(Jesper!AK$2:AK$366,ROUNDDOWN($C6585/24,0)+1,1))-1)+IF('Standard Profiles'!$G$21=$B$10,7,0)+IF('Standard Profiles'!$G$21=$B$17,14,0)+IF('Standard Profiles'!$G$21=$B$24,21,0),0)),0)</f>
        <v>0.74668052525662831</v>
      </c>
      <c r="H6585" cm="1">
        <f t="array" ref="H6585">IFERROR(INDEX(Jesper!AL$2:AL$366,ROUNDDOWN($C6585/24,0)+1,1)*INDEX($D$3:$AA$30,INDEX(Jesper!$R$2:$R$366,ROW(INDEX(Jesper!AL$2:AL$366,ROUNDDOWN($C6585/24,0)+1,1))-1)+IF('Standard Profiles'!$G$22=$B$10,7,0)+IF('Standard Profiles'!$G$22=$B$17,14,0)+IF('Standard Profiles'!$G$22=$B$24,21,0),MOD($C6585,24)+1)/SUM(INDEX($D$3:$AA$30,INDEX(Jesper!$R$2:$R$366,ROW(INDEX(Jesper!AL$2:AL$366,ROUNDDOWN($C6585/24,0)+1,1))-1)+IF('Standard Profiles'!$G$22=$B$10,7,0)+IF('Standard Profiles'!$G$22=$B$17,14,0)+IF('Standard Profiles'!$G$22=$B$24,21,0),0)),0)</f>
        <v>0.20630175361627529</v>
      </c>
      <c r="I6585">
        <f t="shared" si="734"/>
        <v>0.19804968347162438</v>
      </c>
      <c r="J6585">
        <f t="shared" si="735"/>
        <v>4.3907918860001525</v>
      </c>
      <c r="K6585">
        <f t="shared" si="736"/>
        <v>0.21835222670791476</v>
      </c>
      <c r="L6585">
        <f t="shared" si="737"/>
        <v>0.10917611335395738</v>
      </c>
      <c r="M6585">
        <f t="shared" si="738"/>
        <v>0</v>
      </c>
      <c r="N6585" s="45">
        <f t="shared" si="739"/>
        <v>45199.958333317445</v>
      </c>
    </row>
    <row r="6586" spans="2:14" x14ac:dyDescent="0.25">
      <c r="B6586">
        <f t="shared" si="733"/>
        <v>7</v>
      </c>
      <c r="C6586" s="16">
        <v>6552</v>
      </c>
      <c r="D6586" cm="1">
        <f t="array" ref="D6586">IFERROR(INDEX(Jesper!AH$2:AH$366,ROUNDDOWN($C6586/24,0)+1,1)*INDEX($D$3:$AA$30,INDEX(Jesper!$R$2:$R$366,ROW(INDEX(Jesper!AH$2:AH$366,ROUNDDOWN($C6586/24,0)+1,1))-1)+IF('Standard Profiles'!$G$18=$B$10,7,0)+IF('Standard Profiles'!$G$18=$B$17,14,0)+IF('Standard Profiles'!$G$18=$B$24,21,0),MOD($C6586,24)+1)/SUM(INDEX($D$3:$AA$30,INDEX(Jesper!$R$2:$R$366,ROW(INDEX(Jesper!AH$2:AH$366,ROUNDDOWN($C6586/24,0)+1,1))-1)+IF('Standard Profiles'!$G$18=$B$10,7,0)+IF('Standard Profiles'!$G$18=$B$17,14,0)+IF('Standard Profiles'!$G$18=$B$24,21,0),0)),0)</f>
        <v>0</v>
      </c>
      <c r="E6586" cm="1">
        <f t="array" ref="E6586">IFERROR(INDEX(Jesper!AI$2:AI$366,ROUNDDOWN($C6586/24,0)+1,1)*INDEX($D$3:$AA$30,INDEX(Jesper!$R$2:$R$366,ROW(INDEX(Jesper!AI$2:AI$366,ROUNDDOWN($C6586/24,0)+1,1))-1)+IF('Standard Profiles'!$G$19=$B$10,7,0)+IF('Standard Profiles'!$G$19=$B$17,14,0)+IF('Standard Profiles'!$G$19=$B$24,21,0),MOD($C6586,24)+1)/SUM(INDEX($D$3:$AA$30,INDEX(Jesper!$R$2:$R$366,ROW(INDEX(Jesper!AI$2:AI$366,ROUNDDOWN($C6586/24,0)+1,1))-1)+IF('Standard Profiles'!$G$19=$B$10,7,0)+IF('Standard Profiles'!$G$19=$B$17,14,0)+IF('Standard Profiles'!$G$19=$B$24,21,0),0)),0)</f>
        <v>2.7485493112835164</v>
      </c>
      <c r="F6586" cm="1">
        <f t="array" ref="F6586">IFERROR(INDEX(Jesper!AJ$2:AJ$366,ROUNDDOWN($C6586/24,0)+1,1)*INDEX($D$3:$AA$30,INDEX(Jesper!$R$2:$R$366,ROW(INDEX(Jesper!AJ$2:AJ$366,ROUNDDOWN($C6586/24,0)+1,1))-1)+IF('Standard Profiles'!$G$20=$B$10,7,0)+IF('Standard Profiles'!$G$20=$B$17,14,0)+IF('Standard Profiles'!$G$20=$B$24,21,0),MOD($C6586,24)+1)/SUM(INDEX($D$3:$AA$30,INDEX(Jesper!$R$2:$R$366,ROW(INDEX(Jesper!AJ$2:AJ$366,ROUNDDOWN($C6586/24,0)+1,1))-1)+IF('Standard Profiles'!$G$20=$B$10,7,0)+IF('Standard Profiles'!$G$20=$B$17,14,0)+IF('Standard Profiles'!$G$20=$B$24,21,0),0)),0)</f>
        <v>1.2816011239654492</v>
      </c>
      <c r="G6586" cm="1">
        <f t="array" ref="G6586">IFERROR(INDEX(Jesper!AK$2:AK$366,ROUNDDOWN($C6586/24,0)+1,1)*INDEX($D$3:$AA$30,INDEX(Jesper!$R$2:$R$366,ROW(INDEX(Jesper!AK$2:AK$366,ROUNDDOWN($C6586/24,0)+1,1))-1)+IF('Standard Profiles'!$G$21=$B$10,7,0)+IF('Standard Profiles'!$G$21=$B$17,14,0)+IF('Standard Profiles'!$G$21=$B$24,21,0),MOD($C6586,24)+1)/SUM(INDEX($D$3:$AA$30,INDEX(Jesper!$R$2:$R$366,ROW(INDEX(Jesper!AK$2:AK$366,ROUNDDOWN($C6586/24,0)+1,1))-1)+IF('Standard Profiles'!$G$21=$B$10,7,0)+IF('Standard Profiles'!$G$21=$B$17,14,0)+IF('Standard Profiles'!$G$21=$B$24,21,0),0)),0)</f>
        <v>0.7977048486196231</v>
      </c>
      <c r="H6586" cm="1">
        <f t="array" ref="H6586">IFERROR(INDEX(Jesper!AL$2:AL$366,ROUNDDOWN($C6586/24,0)+1,1)*INDEX($D$3:$AA$30,INDEX(Jesper!$R$2:$R$366,ROW(INDEX(Jesper!AL$2:AL$366,ROUNDDOWN($C6586/24,0)+1,1))-1)+IF('Standard Profiles'!$G$22=$B$10,7,0)+IF('Standard Profiles'!$G$22=$B$17,14,0)+IF('Standard Profiles'!$G$22=$B$24,21,0),MOD($C6586,24)+1)/SUM(INDEX($D$3:$AA$30,INDEX(Jesper!$R$2:$R$366,ROW(INDEX(Jesper!AL$2:AL$366,ROUNDDOWN($C6586/24,0)+1,1))-1)+IF('Standard Profiles'!$G$22=$B$10,7,0)+IF('Standard Profiles'!$G$22=$B$17,14,0)+IF('Standard Profiles'!$G$22=$B$24,21,0),0)),0)</f>
        <v>0.26460257533261256</v>
      </c>
      <c r="I6586">
        <f t="shared" si="734"/>
        <v>0.25401847231930819</v>
      </c>
      <c r="J6586">
        <f t="shared" si="735"/>
        <v>4.5086134695278712</v>
      </c>
      <c r="K6586">
        <f t="shared" si="736"/>
        <v>0.21988394490268132</v>
      </c>
      <c r="L6586">
        <f t="shared" si="737"/>
        <v>0.10994197245134066</v>
      </c>
      <c r="M6586">
        <f t="shared" si="738"/>
        <v>0</v>
      </c>
      <c r="N6586" s="45">
        <f t="shared" si="739"/>
        <v>45199.999999984109</v>
      </c>
    </row>
    <row r="6587" spans="2:14" x14ac:dyDescent="0.25">
      <c r="B6587">
        <f t="shared" si="733"/>
        <v>7</v>
      </c>
      <c r="C6587" s="16">
        <v>6553</v>
      </c>
      <c r="D6587" cm="1">
        <f t="array" ref="D6587">IFERROR(INDEX(Jesper!AH$2:AH$366,ROUNDDOWN($C6587/24,0)+1,1)*INDEX($D$3:$AA$30,INDEX(Jesper!$R$2:$R$366,ROW(INDEX(Jesper!AH$2:AH$366,ROUNDDOWN($C6587/24,0)+1,1))-1)+IF('Standard Profiles'!$G$18=$B$10,7,0)+IF('Standard Profiles'!$G$18=$B$17,14,0)+IF('Standard Profiles'!$G$18=$B$24,21,0),MOD($C6587,24)+1)/SUM(INDEX($D$3:$AA$30,INDEX(Jesper!$R$2:$R$366,ROW(INDEX(Jesper!AH$2:AH$366,ROUNDDOWN($C6587/24,0)+1,1))-1)+IF('Standard Profiles'!$G$18=$B$10,7,0)+IF('Standard Profiles'!$G$18=$B$17,14,0)+IF('Standard Profiles'!$G$18=$B$24,21,0),0)),0)</f>
        <v>0</v>
      </c>
      <c r="E6587" cm="1">
        <f t="array" ref="E6587">IFERROR(INDEX(Jesper!AI$2:AI$366,ROUNDDOWN($C6587/24,0)+1,1)*INDEX($D$3:$AA$30,INDEX(Jesper!$R$2:$R$366,ROW(INDEX(Jesper!AI$2:AI$366,ROUNDDOWN($C6587/24,0)+1,1))-1)+IF('Standard Profiles'!$G$19=$B$10,7,0)+IF('Standard Profiles'!$G$19=$B$17,14,0)+IF('Standard Profiles'!$G$19=$B$24,21,0),MOD($C6587,24)+1)/SUM(INDEX($D$3:$AA$30,INDEX(Jesper!$R$2:$R$366,ROW(INDEX(Jesper!AI$2:AI$366,ROUNDDOWN($C6587/24,0)+1,1))-1)+IF('Standard Profiles'!$G$19=$B$10,7,0)+IF('Standard Profiles'!$G$19=$B$17,14,0)+IF('Standard Profiles'!$G$19=$B$24,21,0),0)),0)</f>
        <v>2.7485493112835164</v>
      </c>
      <c r="F6587" cm="1">
        <f t="array" ref="F6587">IFERROR(INDEX(Jesper!AJ$2:AJ$366,ROUNDDOWN($C6587/24,0)+1,1)*INDEX($D$3:$AA$30,INDEX(Jesper!$R$2:$R$366,ROW(INDEX(Jesper!AJ$2:AJ$366,ROUNDDOWN($C6587/24,0)+1,1))-1)+IF('Standard Profiles'!$G$20=$B$10,7,0)+IF('Standard Profiles'!$G$20=$B$17,14,0)+IF('Standard Profiles'!$G$20=$B$24,21,0),MOD($C6587,24)+1)/SUM(INDEX($D$3:$AA$30,INDEX(Jesper!$R$2:$R$366,ROW(INDEX(Jesper!AJ$2:AJ$366,ROUNDDOWN($C6587/24,0)+1,1))-1)+IF('Standard Profiles'!$G$20=$B$10,7,0)+IF('Standard Profiles'!$G$20=$B$17,14,0)+IF('Standard Profiles'!$G$20=$B$24,21,0),0)),0)</f>
        <v>1.2816011239654492</v>
      </c>
      <c r="G6587" cm="1">
        <f t="array" ref="G6587">IFERROR(INDEX(Jesper!AK$2:AK$366,ROUNDDOWN($C6587/24,0)+1,1)*INDEX($D$3:$AA$30,INDEX(Jesper!$R$2:$R$366,ROW(INDEX(Jesper!AK$2:AK$366,ROUNDDOWN($C6587/24,0)+1,1))-1)+IF('Standard Profiles'!$G$21=$B$10,7,0)+IF('Standard Profiles'!$G$21=$B$17,14,0)+IF('Standard Profiles'!$G$21=$B$24,21,0),MOD($C6587,24)+1)/SUM(INDEX($D$3:$AA$30,INDEX(Jesper!$R$2:$R$366,ROW(INDEX(Jesper!AK$2:AK$366,ROUNDDOWN($C6587/24,0)+1,1))-1)+IF('Standard Profiles'!$G$21=$B$10,7,0)+IF('Standard Profiles'!$G$21=$B$17,14,0)+IF('Standard Profiles'!$G$21=$B$24,21,0),0)),0)</f>
        <v>0.7977048486196231</v>
      </c>
      <c r="H6587" cm="1">
        <f t="array" ref="H6587">IFERROR(INDEX(Jesper!AL$2:AL$366,ROUNDDOWN($C6587/24,0)+1,1)*INDEX($D$3:$AA$30,INDEX(Jesper!$R$2:$R$366,ROW(INDEX(Jesper!AL$2:AL$366,ROUNDDOWN($C6587/24,0)+1,1))-1)+IF('Standard Profiles'!$G$22=$B$10,7,0)+IF('Standard Profiles'!$G$22=$B$17,14,0)+IF('Standard Profiles'!$G$22=$B$24,21,0),MOD($C6587,24)+1)/SUM(INDEX($D$3:$AA$30,INDEX(Jesper!$R$2:$R$366,ROW(INDEX(Jesper!AL$2:AL$366,ROUNDDOWN($C6587/24,0)+1,1))-1)+IF('Standard Profiles'!$G$22=$B$10,7,0)+IF('Standard Profiles'!$G$22=$B$17,14,0)+IF('Standard Profiles'!$G$22=$B$24,21,0),0)),0)</f>
        <v>0.30728041006367912</v>
      </c>
      <c r="I6587">
        <f t="shared" si="734"/>
        <v>0.29498919366113213</v>
      </c>
      <c r="J6587">
        <f t="shared" si="735"/>
        <v>4.5103205829171138</v>
      </c>
      <c r="K6587">
        <f t="shared" si="736"/>
        <v>0.21988394490268132</v>
      </c>
      <c r="L6587">
        <f t="shared" si="737"/>
        <v>0.10994197245134066</v>
      </c>
      <c r="M6587">
        <f t="shared" si="738"/>
        <v>0</v>
      </c>
      <c r="N6587" s="45">
        <f t="shared" si="739"/>
        <v>45200.041666650774</v>
      </c>
    </row>
    <row r="6588" spans="2:14" x14ac:dyDescent="0.25">
      <c r="B6588">
        <f t="shared" si="733"/>
        <v>7</v>
      </c>
      <c r="C6588" s="16">
        <v>6554</v>
      </c>
      <c r="D6588" cm="1">
        <f t="array" ref="D6588">IFERROR(INDEX(Jesper!AH$2:AH$366,ROUNDDOWN($C6588/24,0)+1,1)*INDEX($D$3:$AA$30,INDEX(Jesper!$R$2:$R$366,ROW(INDEX(Jesper!AH$2:AH$366,ROUNDDOWN($C6588/24,0)+1,1))-1)+IF('Standard Profiles'!$G$18=$B$10,7,0)+IF('Standard Profiles'!$G$18=$B$17,14,0)+IF('Standard Profiles'!$G$18=$B$24,21,0),MOD($C6588,24)+1)/SUM(INDEX($D$3:$AA$30,INDEX(Jesper!$R$2:$R$366,ROW(INDEX(Jesper!AH$2:AH$366,ROUNDDOWN($C6588/24,0)+1,1))-1)+IF('Standard Profiles'!$G$18=$B$10,7,0)+IF('Standard Profiles'!$G$18=$B$17,14,0)+IF('Standard Profiles'!$G$18=$B$24,21,0),0)),0)</f>
        <v>0</v>
      </c>
      <c r="E6588" cm="1">
        <f t="array" ref="E6588">IFERROR(INDEX(Jesper!AI$2:AI$366,ROUNDDOWN($C6588/24,0)+1,1)*INDEX($D$3:$AA$30,INDEX(Jesper!$R$2:$R$366,ROW(INDEX(Jesper!AI$2:AI$366,ROUNDDOWN($C6588/24,0)+1,1))-1)+IF('Standard Profiles'!$G$19=$B$10,7,0)+IF('Standard Profiles'!$G$19=$B$17,14,0)+IF('Standard Profiles'!$G$19=$B$24,21,0),MOD($C6588,24)+1)/SUM(INDEX($D$3:$AA$30,INDEX(Jesper!$R$2:$R$366,ROW(INDEX(Jesper!AI$2:AI$366,ROUNDDOWN($C6588/24,0)+1,1))-1)+IF('Standard Profiles'!$G$19=$B$10,7,0)+IF('Standard Profiles'!$G$19=$B$17,14,0)+IF('Standard Profiles'!$G$19=$B$24,21,0),0)),0)</f>
        <v>2.7485493112835164</v>
      </c>
      <c r="F6588" cm="1">
        <f t="array" ref="F6588">IFERROR(INDEX(Jesper!AJ$2:AJ$366,ROUNDDOWN($C6588/24,0)+1,1)*INDEX($D$3:$AA$30,INDEX(Jesper!$R$2:$R$366,ROW(INDEX(Jesper!AJ$2:AJ$366,ROUNDDOWN($C6588/24,0)+1,1))-1)+IF('Standard Profiles'!$G$20=$B$10,7,0)+IF('Standard Profiles'!$G$20=$B$17,14,0)+IF('Standard Profiles'!$G$20=$B$24,21,0),MOD($C6588,24)+1)/SUM(INDEX($D$3:$AA$30,INDEX(Jesper!$R$2:$R$366,ROW(INDEX(Jesper!AJ$2:AJ$366,ROUNDDOWN($C6588/24,0)+1,1))-1)+IF('Standard Profiles'!$G$20=$B$10,7,0)+IF('Standard Profiles'!$G$20=$B$17,14,0)+IF('Standard Profiles'!$G$20=$B$24,21,0),0)),0)</f>
        <v>1.2816011239654492</v>
      </c>
      <c r="G6588" cm="1">
        <f t="array" ref="G6588">IFERROR(INDEX(Jesper!AK$2:AK$366,ROUNDDOWN($C6588/24,0)+1,1)*INDEX($D$3:$AA$30,INDEX(Jesper!$R$2:$R$366,ROW(INDEX(Jesper!AK$2:AK$366,ROUNDDOWN($C6588/24,0)+1,1))-1)+IF('Standard Profiles'!$G$21=$B$10,7,0)+IF('Standard Profiles'!$G$21=$B$17,14,0)+IF('Standard Profiles'!$G$21=$B$24,21,0),MOD($C6588,24)+1)/SUM(INDEX($D$3:$AA$30,INDEX(Jesper!$R$2:$R$366,ROW(INDEX(Jesper!AK$2:AK$366,ROUNDDOWN($C6588/24,0)+1,1))-1)+IF('Standard Profiles'!$G$21=$B$10,7,0)+IF('Standard Profiles'!$G$21=$B$17,14,0)+IF('Standard Profiles'!$G$21=$B$24,21,0),0)),0)</f>
        <v>0.7977048486196231</v>
      </c>
      <c r="H6588" cm="1">
        <f t="array" ref="H6588">IFERROR(INDEX(Jesper!AL$2:AL$366,ROUNDDOWN($C6588/24,0)+1,1)*INDEX($D$3:$AA$30,INDEX(Jesper!$R$2:$R$366,ROW(INDEX(Jesper!AL$2:AL$366,ROUNDDOWN($C6588/24,0)+1,1))-1)+IF('Standard Profiles'!$G$22=$B$10,7,0)+IF('Standard Profiles'!$G$22=$B$17,14,0)+IF('Standard Profiles'!$G$22=$B$24,21,0),MOD($C6588,24)+1)/SUM(INDEX($D$3:$AA$30,INDEX(Jesper!$R$2:$R$366,ROW(INDEX(Jesper!AL$2:AL$366,ROUNDDOWN($C6588/24,0)+1,1))-1)+IF('Standard Profiles'!$G$22=$B$10,7,0)+IF('Standard Profiles'!$G$22=$B$17,14,0)+IF('Standard Profiles'!$G$22=$B$24,21,0),0)),0)</f>
        <v>0.30728041006367912</v>
      </c>
      <c r="I6588">
        <f t="shared" si="734"/>
        <v>0.29498919366113213</v>
      </c>
      <c r="J6588">
        <f t="shared" si="735"/>
        <v>4.5103205829171138</v>
      </c>
      <c r="K6588">
        <f t="shared" si="736"/>
        <v>0.21988394490268132</v>
      </c>
      <c r="L6588">
        <f t="shared" si="737"/>
        <v>0.10994197245134066</v>
      </c>
      <c r="M6588">
        <f t="shared" si="738"/>
        <v>0</v>
      </c>
      <c r="N6588" s="45">
        <f t="shared" si="739"/>
        <v>45200.083333317438</v>
      </c>
    </row>
    <row r="6589" spans="2:14" x14ac:dyDescent="0.25">
      <c r="B6589">
        <f t="shared" si="733"/>
        <v>7</v>
      </c>
      <c r="C6589" s="16">
        <v>6555</v>
      </c>
      <c r="D6589" cm="1">
        <f t="array" ref="D6589">IFERROR(INDEX(Jesper!AH$2:AH$366,ROUNDDOWN($C6589/24,0)+1,1)*INDEX($D$3:$AA$30,INDEX(Jesper!$R$2:$R$366,ROW(INDEX(Jesper!AH$2:AH$366,ROUNDDOWN($C6589/24,0)+1,1))-1)+IF('Standard Profiles'!$G$18=$B$10,7,0)+IF('Standard Profiles'!$G$18=$B$17,14,0)+IF('Standard Profiles'!$G$18=$B$24,21,0),MOD($C6589,24)+1)/SUM(INDEX($D$3:$AA$30,INDEX(Jesper!$R$2:$R$366,ROW(INDEX(Jesper!AH$2:AH$366,ROUNDDOWN($C6589/24,0)+1,1))-1)+IF('Standard Profiles'!$G$18=$B$10,7,0)+IF('Standard Profiles'!$G$18=$B$17,14,0)+IF('Standard Profiles'!$G$18=$B$24,21,0),0)),0)</f>
        <v>0</v>
      </c>
      <c r="E6589" cm="1">
        <f t="array" ref="E6589">IFERROR(INDEX(Jesper!AI$2:AI$366,ROUNDDOWN($C6589/24,0)+1,1)*INDEX($D$3:$AA$30,INDEX(Jesper!$R$2:$R$366,ROW(INDEX(Jesper!AI$2:AI$366,ROUNDDOWN($C6589/24,0)+1,1))-1)+IF('Standard Profiles'!$G$19=$B$10,7,0)+IF('Standard Profiles'!$G$19=$B$17,14,0)+IF('Standard Profiles'!$G$19=$B$24,21,0),MOD($C6589,24)+1)/SUM(INDEX($D$3:$AA$30,INDEX(Jesper!$R$2:$R$366,ROW(INDEX(Jesper!AI$2:AI$366,ROUNDDOWN($C6589/24,0)+1,1))-1)+IF('Standard Profiles'!$G$19=$B$10,7,0)+IF('Standard Profiles'!$G$19=$B$17,14,0)+IF('Standard Profiles'!$G$19=$B$24,21,0),0)),0)</f>
        <v>2.7485493112835164</v>
      </c>
      <c r="F6589" cm="1">
        <f t="array" ref="F6589">IFERROR(INDEX(Jesper!AJ$2:AJ$366,ROUNDDOWN($C6589/24,0)+1,1)*INDEX($D$3:$AA$30,INDEX(Jesper!$R$2:$R$366,ROW(INDEX(Jesper!AJ$2:AJ$366,ROUNDDOWN($C6589/24,0)+1,1))-1)+IF('Standard Profiles'!$G$20=$B$10,7,0)+IF('Standard Profiles'!$G$20=$B$17,14,0)+IF('Standard Profiles'!$G$20=$B$24,21,0),MOD($C6589,24)+1)/SUM(INDEX($D$3:$AA$30,INDEX(Jesper!$R$2:$R$366,ROW(INDEX(Jesper!AJ$2:AJ$366,ROUNDDOWN($C6589/24,0)+1,1))-1)+IF('Standard Profiles'!$G$20=$B$10,7,0)+IF('Standard Profiles'!$G$20=$B$17,14,0)+IF('Standard Profiles'!$G$20=$B$24,21,0),0)),0)</f>
        <v>1.2816011239654492</v>
      </c>
      <c r="G6589" cm="1">
        <f t="array" ref="G6589">IFERROR(INDEX(Jesper!AK$2:AK$366,ROUNDDOWN($C6589/24,0)+1,1)*INDEX($D$3:$AA$30,INDEX(Jesper!$R$2:$R$366,ROW(INDEX(Jesper!AK$2:AK$366,ROUNDDOWN($C6589/24,0)+1,1))-1)+IF('Standard Profiles'!$G$21=$B$10,7,0)+IF('Standard Profiles'!$G$21=$B$17,14,0)+IF('Standard Profiles'!$G$21=$B$24,21,0),MOD($C6589,24)+1)/SUM(INDEX($D$3:$AA$30,INDEX(Jesper!$R$2:$R$366,ROW(INDEX(Jesper!AK$2:AK$366,ROUNDDOWN($C6589/24,0)+1,1))-1)+IF('Standard Profiles'!$G$21=$B$10,7,0)+IF('Standard Profiles'!$G$21=$B$17,14,0)+IF('Standard Profiles'!$G$21=$B$24,21,0),0)),0)</f>
        <v>0.7977048486196231</v>
      </c>
      <c r="H6589" cm="1">
        <f t="array" ref="H6589">IFERROR(INDEX(Jesper!AL$2:AL$366,ROUNDDOWN($C6589/24,0)+1,1)*INDEX($D$3:$AA$30,INDEX(Jesper!$R$2:$R$366,ROW(INDEX(Jesper!AL$2:AL$366,ROUNDDOWN($C6589/24,0)+1,1))-1)+IF('Standard Profiles'!$G$22=$B$10,7,0)+IF('Standard Profiles'!$G$22=$B$17,14,0)+IF('Standard Profiles'!$G$22=$B$24,21,0),MOD($C6589,24)+1)/SUM(INDEX($D$3:$AA$30,INDEX(Jesper!$R$2:$R$366,ROW(INDEX(Jesper!AL$2:AL$366,ROUNDDOWN($C6589/24,0)+1,1))-1)+IF('Standard Profiles'!$G$22=$B$10,7,0)+IF('Standard Profiles'!$G$22=$B$17,14,0)+IF('Standard Profiles'!$G$22=$B$24,21,0),0)),0)</f>
        <v>0.30728041006367912</v>
      </c>
      <c r="I6589">
        <f t="shared" si="734"/>
        <v>0.29498919366113213</v>
      </c>
      <c r="J6589">
        <f t="shared" si="735"/>
        <v>4.5103205829171138</v>
      </c>
      <c r="K6589">
        <f t="shared" si="736"/>
        <v>0.21988394490268132</v>
      </c>
      <c r="L6589">
        <f t="shared" si="737"/>
        <v>0.10994197245134066</v>
      </c>
      <c r="M6589">
        <f t="shared" si="738"/>
        <v>0</v>
      </c>
      <c r="N6589" s="45">
        <f t="shared" si="739"/>
        <v>45200.124999984102</v>
      </c>
    </row>
    <row r="6590" spans="2:14" x14ac:dyDescent="0.25">
      <c r="B6590">
        <f t="shared" si="733"/>
        <v>7</v>
      </c>
      <c r="C6590" s="16">
        <v>6556</v>
      </c>
      <c r="D6590" cm="1">
        <f t="array" ref="D6590">IFERROR(INDEX(Jesper!AH$2:AH$366,ROUNDDOWN($C6590/24,0)+1,1)*INDEX($D$3:$AA$30,INDEX(Jesper!$R$2:$R$366,ROW(INDEX(Jesper!AH$2:AH$366,ROUNDDOWN($C6590/24,0)+1,1))-1)+IF('Standard Profiles'!$G$18=$B$10,7,0)+IF('Standard Profiles'!$G$18=$B$17,14,0)+IF('Standard Profiles'!$G$18=$B$24,21,0),MOD($C6590,24)+1)/SUM(INDEX($D$3:$AA$30,INDEX(Jesper!$R$2:$R$366,ROW(INDEX(Jesper!AH$2:AH$366,ROUNDDOWN($C6590/24,0)+1,1))-1)+IF('Standard Profiles'!$G$18=$B$10,7,0)+IF('Standard Profiles'!$G$18=$B$17,14,0)+IF('Standard Profiles'!$G$18=$B$24,21,0),0)),0)</f>
        <v>0</v>
      </c>
      <c r="E6590" cm="1">
        <f t="array" ref="E6590">IFERROR(INDEX(Jesper!AI$2:AI$366,ROUNDDOWN($C6590/24,0)+1,1)*INDEX($D$3:$AA$30,INDEX(Jesper!$R$2:$R$366,ROW(INDEX(Jesper!AI$2:AI$366,ROUNDDOWN($C6590/24,0)+1,1))-1)+IF('Standard Profiles'!$G$19=$B$10,7,0)+IF('Standard Profiles'!$G$19=$B$17,14,0)+IF('Standard Profiles'!$G$19=$B$24,21,0),MOD($C6590,24)+1)/SUM(INDEX($D$3:$AA$30,INDEX(Jesper!$R$2:$R$366,ROW(INDEX(Jesper!AI$2:AI$366,ROUNDDOWN($C6590/24,0)+1,1))-1)+IF('Standard Profiles'!$G$19=$B$10,7,0)+IF('Standard Profiles'!$G$19=$B$17,14,0)+IF('Standard Profiles'!$G$19=$B$24,21,0),0)),0)</f>
        <v>2.7485493112835164</v>
      </c>
      <c r="F6590" cm="1">
        <f t="array" ref="F6590">IFERROR(INDEX(Jesper!AJ$2:AJ$366,ROUNDDOWN($C6590/24,0)+1,1)*INDEX($D$3:$AA$30,INDEX(Jesper!$R$2:$R$366,ROW(INDEX(Jesper!AJ$2:AJ$366,ROUNDDOWN($C6590/24,0)+1,1))-1)+IF('Standard Profiles'!$G$20=$B$10,7,0)+IF('Standard Profiles'!$G$20=$B$17,14,0)+IF('Standard Profiles'!$G$20=$B$24,21,0),MOD($C6590,24)+1)/SUM(INDEX($D$3:$AA$30,INDEX(Jesper!$R$2:$R$366,ROW(INDEX(Jesper!AJ$2:AJ$366,ROUNDDOWN($C6590/24,0)+1,1))-1)+IF('Standard Profiles'!$G$20=$B$10,7,0)+IF('Standard Profiles'!$G$20=$B$17,14,0)+IF('Standard Profiles'!$G$20=$B$24,21,0),0)),0)</f>
        <v>1.2816011239654492</v>
      </c>
      <c r="G6590" cm="1">
        <f t="array" ref="G6590">IFERROR(INDEX(Jesper!AK$2:AK$366,ROUNDDOWN($C6590/24,0)+1,1)*INDEX($D$3:$AA$30,INDEX(Jesper!$R$2:$R$366,ROW(INDEX(Jesper!AK$2:AK$366,ROUNDDOWN($C6590/24,0)+1,1))-1)+IF('Standard Profiles'!$G$21=$B$10,7,0)+IF('Standard Profiles'!$G$21=$B$17,14,0)+IF('Standard Profiles'!$G$21=$B$24,21,0),MOD($C6590,24)+1)/SUM(INDEX($D$3:$AA$30,INDEX(Jesper!$R$2:$R$366,ROW(INDEX(Jesper!AK$2:AK$366,ROUNDDOWN($C6590/24,0)+1,1))-1)+IF('Standard Profiles'!$G$21=$B$10,7,0)+IF('Standard Profiles'!$G$21=$B$17,14,0)+IF('Standard Profiles'!$G$21=$B$24,21,0),0)),0)</f>
        <v>0.7977048486196231</v>
      </c>
      <c r="H6590" cm="1">
        <f t="array" ref="H6590">IFERROR(INDEX(Jesper!AL$2:AL$366,ROUNDDOWN($C6590/24,0)+1,1)*INDEX($D$3:$AA$30,INDEX(Jesper!$R$2:$R$366,ROW(INDEX(Jesper!AL$2:AL$366,ROUNDDOWN($C6590/24,0)+1,1))-1)+IF('Standard Profiles'!$G$22=$B$10,7,0)+IF('Standard Profiles'!$G$22=$B$17,14,0)+IF('Standard Profiles'!$G$22=$B$24,21,0),MOD($C6590,24)+1)/SUM(INDEX($D$3:$AA$30,INDEX(Jesper!$R$2:$R$366,ROW(INDEX(Jesper!AL$2:AL$366,ROUNDDOWN($C6590/24,0)+1,1))-1)+IF('Standard Profiles'!$G$22=$B$10,7,0)+IF('Standard Profiles'!$G$22=$B$17,14,0)+IF('Standard Profiles'!$G$22=$B$24,21,0),0)),0)</f>
        <v>0.30728041006367912</v>
      </c>
      <c r="I6590">
        <f t="shared" si="734"/>
        <v>0.29498919366113213</v>
      </c>
      <c r="J6590">
        <f t="shared" si="735"/>
        <v>4.5103205829171138</v>
      </c>
      <c r="K6590">
        <f t="shared" si="736"/>
        <v>0.21988394490268132</v>
      </c>
      <c r="L6590">
        <f t="shared" si="737"/>
        <v>0.10994197245134066</v>
      </c>
      <c r="M6590">
        <f t="shared" si="738"/>
        <v>0</v>
      </c>
      <c r="N6590" s="45">
        <f t="shared" si="739"/>
        <v>45200.166666650766</v>
      </c>
    </row>
    <row r="6591" spans="2:14" x14ac:dyDescent="0.25">
      <c r="B6591">
        <f t="shared" si="733"/>
        <v>7</v>
      </c>
      <c r="C6591" s="16">
        <v>6557</v>
      </c>
      <c r="D6591" cm="1">
        <f t="array" ref="D6591">IFERROR(INDEX(Jesper!AH$2:AH$366,ROUNDDOWN($C6591/24,0)+1,1)*INDEX($D$3:$AA$30,INDEX(Jesper!$R$2:$R$366,ROW(INDEX(Jesper!AH$2:AH$366,ROUNDDOWN($C6591/24,0)+1,1))-1)+IF('Standard Profiles'!$G$18=$B$10,7,0)+IF('Standard Profiles'!$G$18=$B$17,14,0)+IF('Standard Profiles'!$G$18=$B$24,21,0),MOD($C6591,24)+1)/SUM(INDEX($D$3:$AA$30,INDEX(Jesper!$R$2:$R$366,ROW(INDEX(Jesper!AH$2:AH$366,ROUNDDOWN($C6591/24,0)+1,1))-1)+IF('Standard Profiles'!$G$18=$B$10,7,0)+IF('Standard Profiles'!$G$18=$B$17,14,0)+IF('Standard Profiles'!$G$18=$B$24,21,0),0)),0)</f>
        <v>0</v>
      </c>
      <c r="E6591" cm="1">
        <f t="array" ref="E6591">IFERROR(INDEX(Jesper!AI$2:AI$366,ROUNDDOWN($C6591/24,0)+1,1)*INDEX($D$3:$AA$30,INDEX(Jesper!$R$2:$R$366,ROW(INDEX(Jesper!AI$2:AI$366,ROUNDDOWN($C6591/24,0)+1,1))-1)+IF('Standard Profiles'!$G$19=$B$10,7,0)+IF('Standard Profiles'!$G$19=$B$17,14,0)+IF('Standard Profiles'!$G$19=$B$24,21,0),MOD($C6591,24)+1)/SUM(INDEX($D$3:$AA$30,INDEX(Jesper!$R$2:$R$366,ROW(INDEX(Jesper!AI$2:AI$366,ROUNDDOWN($C6591/24,0)+1,1))-1)+IF('Standard Profiles'!$G$19=$B$10,7,0)+IF('Standard Profiles'!$G$19=$B$17,14,0)+IF('Standard Profiles'!$G$19=$B$24,21,0),0)),0)</f>
        <v>2.7485493112835164</v>
      </c>
      <c r="F6591" cm="1">
        <f t="array" ref="F6591">IFERROR(INDEX(Jesper!AJ$2:AJ$366,ROUNDDOWN($C6591/24,0)+1,1)*INDEX($D$3:$AA$30,INDEX(Jesper!$R$2:$R$366,ROW(INDEX(Jesper!AJ$2:AJ$366,ROUNDDOWN($C6591/24,0)+1,1))-1)+IF('Standard Profiles'!$G$20=$B$10,7,0)+IF('Standard Profiles'!$G$20=$B$17,14,0)+IF('Standard Profiles'!$G$20=$B$24,21,0),MOD($C6591,24)+1)/SUM(INDEX($D$3:$AA$30,INDEX(Jesper!$R$2:$R$366,ROW(INDEX(Jesper!AJ$2:AJ$366,ROUNDDOWN($C6591/24,0)+1,1))-1)+IF('Standard Profiles'!$G$20=$B$10,7,0)+IF('Standard Profiles'!$G$20=$B$17,14,0)+IF('Standard Profiles'!$G$20=$B$24,21,0),0)),0)</f>
        <v>1.2816011239654492</v>
      </c>
      <c r="G6591" cm="1">
        <f t="array" ref="G6591">IFERROR(INDEX(Jesper!AK$2:AK$366,ROUNDDOWN($C6591/24,0)+1,1)*INDEX($D$3:$AA$30,INDEX(Jesper!$R$2:$R$366,ROW(INDEX(Jesper!AK$2:AK$366,ROUNDDOWN($C6591/24,0)+1,1))-1)+IF('Standard Profiles'!$G$21=$B$10,7,0)+IF('Standard Profiles'!$G$21=$B$17,14,0)+IF('Standard Profiles'!$G$21=$B$24,21,0),MOD($C6591,24)+1)/SUM(INDEX($D$3:$AA$30,INDEX(Jesper!$R$2:$R$366,ROW(INDEX(Jesper!AK$2:AK$366,ROUNDDOWN($C6591/24,0)+1,1))-1)+IF('Standard Profiles'!$G$21=$B$10,7,0)+IF('Standard Profiles'!$G$21=$B$17,14,0)+IF('Standard Profiles'!$G$21=$B$24,21,0),0)),0)</f>
        <v>0.7977048486196231</v>
      </c>
      <c r="H6591" cm="1">
        <f t="array" ref="H6591">IFERROR(INDEX(Jesper!AL$2:AL$366,ROUNDDOWN($C6591/24,0)+1,1)*INDEX($D$3:$AA$30,INDEX(Jesper!$R$2:$R$366,ROW(INDEX(Jesper!AL$2:AL$366,ROUNDDOWN($C6591/24,0)+1,1))-1)+IF('Standard Profiles'!$G$22=$B$10,7,0)+IF('Standard Profiles'!$G$22=$B$17,14,0)+IF('Standard Profiles'!$G$22=$B$24,21,0),MOD($C6591,24)+1)/SUM(INDEX($D$3:$AA$30,INDEX(Jesper!$R$2:$R$366,ROW(INDEX(Jesper!AL$2:AL$366,ROUNDDOWN($C6591/24,0)+1,1))-1)+IF('Standard Profiles'!$G$22=$B$10,7,0)+IF('Standard Profiles'!$G$22=$B$17,14,0)+IF('Standard Profiles'!$G$22=$B$24,21,0),0)),0)</f>
        <v>0.38410051257959887</v>
      </c>
      <c r="I6591">
        <f t="shared" si="734"/>
        <v>0.36873649207641512</v>
      </c>
      <c r="J6591">
        <f t="shared" si="735"/>
        <v>4.5133933870177509</v>
      </c>
      <c r="K6591">
        <f t="shared" si="736"/>
        <v>0.21988394490268132</v>
      </c>
      <c r="L6591">
        <f t="shared" si="737"/>
        <v>0.10994197245134066</v>
      </c>
      <c r="M6591">
        <f t="shared" si="738"/>
        <v>0</v>
      </c>
      <c r="N6591" s="45">
        <f t="shared" si="739"/>
        <v>45200.208333317431</v>
      </c>
    </row>
    <row r="6592" spans="2:14" x14ac:dyDescent="0.25">
      <c r="B6592">
        <f t="shared" si="733"/>
        <v>7</v>
      </c>
      <c r="C6592" s="16">
        <v>6558</v>
      </c>
      <c r="D6592" cm="1">
        <f t="array" ref="D6592">IFERROR(INDEX(Jesper!AH$2:AH$366,ROUNDDOWN($C6592/24,0)+1,1)*INDEX($D$3:$AA$30,INDEX(Jesper!$R$2:$R$366,ROW(INDEX(Jesper!AH$2:AH$366,ROUNDDOWN($C6592/24,0)+1,1))-1)+IF('Standard Profiles'!$G$18=$B$10,7,0)+IF('Standard Profiles'!$G$18=$B$17,14,0)+IF('Standard Profiles'!$G$18=$B$24,21,0),MOD($C6592,24)+1)/SUM(INDEX($D$3:$AA$30,INDEX(Jesper!$R$2:$R$366,ROW(INDEX(Jesper!AH$2:AH$366,ROUNDDOWN($C6592/24,0)+1,1))-1)+IF('Standard Profiles'!$G$18=$B$10,7,0)+IF('Standard Profiles'!$G$18=$B$17,14,0)+IF('Standard Profiles'!$G$18=$B$24,21,0),0)),0)</f>
        <v>0</v>
      </c>
      <c r="E6592" cm="1">
        <f t="array" ref="E6592">IFERROR(INDEX(Jesper!AI$2:AI$366,ROUNDDOWN($C6592/24,0)+1,1)*INDEX($D$3:$AA$30,INDEX(Jesper!$R$2:$R$366,ROW(INDEX(Jesper!AI$2:AI$366,ROUNDDOWN($C6592/24,0)+1,1))-1)+IF('Standard Profiles'!$G$19=$B$10,7,0)+IF('Standard Profiles'!$G$19=$B$17,14,0)+IF('Standard Profiles'!$G$19=$B$24,21,0),MOD($C6592,24)+1)/SUM(INDEX($D$3:$AA$30,INDEX(Jesper!$R$2:$R$366,ROW(INDEX(Jesper!AI$2:AI$366,ROUNDDOWN($C6592/24,0)+1,1))-1)+IF('Standard Profiles'!$G$19=$B$10,7,0)+IF('Standard Profiles'!$G$19=$B$17,14,0)+IF('Standard Profiles'!$G$19=$B$24,21,0),0)),0)</f>
        <v>2.7485493112835164</v>
      </c>
      <c r="F6592" cm="1">
        <f t="array" ref="F6592">IFERROR(INDEX(Jesper!AJ$2:AJ$366,ROUNDDOWN($C6592/24,0)+1,1)*INDEX($D$3:$AA$30,INDEX(Jesper!$R$2:$R$366,ROW(INDEX(Jesper!AJ$2:AJ$366,ROUNDDOWN($C6592/24,0)+1,1))-1)+IF('Standard Profiles'!$G$20=$B$10,7,0)+IF('Standard Profiles'!$G$20=$B$17,14,0)+IF('Standard Profiles'!$G$20=$B$24,21,0),MOD($C6592,24)+1)/SUM(INDEX($D$3:$AA$30,INDEX(Jesper!$R$2:$R$366,ROW(INDEX(Jesper!AJ$2:AJ$366,ROUNDDOWN($C6592/24,0)+1,1))-1)+IF('Standard Profiles'!$G$20=$B$10,7,0)+IF('Standard Profiles'!$G$20=$B$17,14,0)+IF('Standard Profiles'!$G$20=$B$24,21,0),0)),0)</f>
        <v>1.2816011239654492</v>
      </c>
      <c r="G6592" cm="1">
        <f t="array" ref="G6592">IFERROR(INDEX(Jesper!AK$2:AK$366,ROUNDDOWN($C6592/24,0)+1,1)*INDEX($D$3:$AA$30,INDEX(Jesper!$R$2:$R$366,ROW(INDEX(Jesper!AK$2:AK$366,ROUNDDOWN($C6592/24,0)+1,1))-1)+IF('Standard Profiles'!$G$21=$B$10,7,0)+IF('Standard Profiles'!$G$21=$B$17,14,0)+IF('Standard Profiles'!$G$21=$B$24,21,0),MOD($C6592,24)+1)/SUM(INDEX($D$3:$AA$30,INDEX(Jesper!$R$2:$R$366,ROW(INDEX(Jesper!AK$2:AK$366,ROUNDDOWN($C6592/24,0)+1,1))-1)+IF('Standard Profiles'!$G$21=$B$10,7,0)+IF('Standard Profiles'!$G$21=$B$17,14,0)+IF('Standard Profiles'!$G$21=$B$24,21,0),0)),0)</f>
        <v>0.7977048486196231</v>
      </c>
      <c r="H6592" cm="1">
        <f t="array" ref="H6592">IFERROR(INDEX(Jesper!AL$2:AL$366,ROUNDDOWN($C6592/24,0)+1,1)*INDEX($D$3:$AA$30,INDEX(Jesper!$R$2:$R$366,ROW(INDEX(Jesper!AL$2:AL$366,ROUNDDOWN($C6592/24,0)+1,1))-1)+IF('Standard Profiles'!$G$22=$B$10,7,0)+IF('Standard Profiles'!$G$22=$B$17,14,0)+IF('Standard Profiles'!$G$22=$B$24,21,0),MOD($C6592,24)+1)/SUM(INDEX($D$3:$AA$30,INDEX(Jesper!$R$2:$R$366,ROW(INDEX(Jesper!AL$2:AL$366,ROUNDDOWN($C6592/24,0)+1,1))-1)+IF('Standard Profiles'!$G$22=$B$10,7,0)+IF('Standard Profiles'!$G$22=$B$17,14,0)+IF('Standard Profiles'!$G$22=$B$24,21,0),0)),0)</f>
        <v>0.45238504814930541</v>
      </c>
      <c r="I6592">
        <f t="shared" si="734"/>
        <v>0.43428964622333344</v>
      </c>
      <c r="J6592">
        <f t="shared" si="735"/>
        <v>4.5161247684405392</v>
      </c>
      <c r="K6592">
        <f t="shared" si="736"/>
        <v>0.21988394490268132</v>
      </c>
      <c r="L6592">
        <f t="shared" si="737"/>
        <v>0.10994197245134066</v>
      </c>
      <c r="M6592">
        <f t="shared" si="738"/>
        <v>0</v>
      </c>
      <c r="N6592" s="45">
        <f t="shared" si="739"/>
        <v>45200.249999984095</v>
      </c>
    </row>
    <row r="6593" spans="2:14" x14ac:dyDescent="0.25">
      <c r="B6593">
        <f t="shared" si="733"/>
        <v>7</v>
      </c>
      <c r="C6593" s="16">
        <v>6559</v>
      </c>
      <c r="D6593" cm="1">
        <f t="array" ref="D6593">IFERROR(INDEX(Jesper!AH$2:AH$366,ROUNDDOWN($C6593/24,0)+1,1)*INDEX($D$3:$AA$30,INDEX(Jesper!$R$2:$R$366,ROW(INDEX(Jesper!AH$2:AH$366,ROUNDDOWN($C6593/24,0)+1,1))-1)+IF('Standard Profiles'!$G$18=$B$10,7,0)+IF('Standard Profiles'!$G$18=$B$17,14,0)+IF('Standard Profiles'!$G$18=$B$24,21,0),MOD($C6593,24)+1)/SUM(INDEX($D$3:$AA$30,INDEX(Jesper!$R$2:$R$366,ROW(INDEX(Jesper!AH$2:AH$366,ROUNDDOWN($C6593/24,0)+1,1))-1)+IF('Standard Profiles'!$G$18=$B$10,7,0)+IF('Standard Profiles'!$G$18=$B$17,14,0)+IF('Standard Profiles'!$G$18=$B$24,21,0),0)),0)</f>
        <v>0</v>
      </c>
      <c r="E6593" cm="1">
        <f t="array" ref="E6593">IFERROR(INDEX(Jesper!AI$2:AI$366,ROUNDDOWN($C6593/24,0)+1,1)*INDEX($D$3:$AA$30,INDEX(Jesper!$R$2:$R$366,ROW(INDEX(Jesper!AI$2:AI$366,ROUNDDOWN($C6593/24,0)+1,1))-1)+IF('Standard Profiles'!$G$19=$B$10,7,0)+IF('Standard Profiles'!$G$19=$B$17,14,0)+IF('Standard Profiles'!$G$19=$B$24,21,0),MOD($C6593,24)+1)/SUM(INDEX($D$3:$AA$30,INDEX(Jesper!$R$2:$R$366,ROW(INDEX(Jesper!AI$2:AI$366,ROUNDDOWN($C6593/24,0)+1,1))-1)+IF('Standard Profiles'!$G$19=$B$10,7,0)+IF('Standard Profiles'!$G$19=$B$17,14,0)+IF('Standard Profiles'!$G$19=$B$24,21,0),0)),0)</f>
        <v>2.7485493112835164</v>
      </c>
      <c r="F6593" cm="1">
        <f t="array" ref="F6593">IFERROR(INDEX(Jesper!AJ$2:AJ$366,ROUNDDOWN($C6593/24,0)+1,1)*INDEX($D$3:$AA$30,INDEX(Jesper!$R$2:$R$366,ROW(INDEX(Jesper!AJ$2:AJ$366,ROUNDDOWN($C6593/24,0)+1,1))-1)+IF('Standard Profiles'!$G$20=$B$10,7,0)+IF('Standard Profiles'!$G$20=$B$17,14,0)+IF('Standard Profiles'!$G$20=$B$24,21,0),MOD($C6593,24)+1)/SUM(INDEX($D$3:$AA$30,INDEX(Jesper!$R$2:$R$366,ROW(INDEX(Jesper!AJ$2:AJ$366,ROUNDDOWN($C6593/24,0)+1,1))-1)+IF('Standard Profiles'!$G$20=$B$10,7,0)+IF('Standard Profiles'!$G$20=$B$17,14,0)+IF('Standard Profiles'!$G$20=$B$24,21,0),0)),0)</f>
        <v>1.2816011239654492</v>
      </c>
      <c r="G6593" cm="1">
        <f t="array" ref="G6593">IFERROR(INDEX(Jesper!AK$2:AK$366,ROUNDDOWN($C6593/24,0)+1,1)*INDEX($D$3:$AA$30,INDEX(Jesper!$R$2:$R$366,ROW(INDEX(Jesper!AK$2:AK$366,ROUNDDOWN($C6593/24,0)+1,1))-1)+IF('Standard Profiles'!$G$21=$B$10,7,0)+IF('Standard Profiles'!$G$21=$B$17,14,0)+IF('Standard Profiles'!$G$21=$B$24,21,0),MOD($C6593,24)+1)/SUM(INDEX($D$3:$AA$30,INDEX(Jesper!$R$2:$R$366,ROW(INDEX(Jesper!AK$2:AK$366,ROUNDDOWN($C6593/24,0)+1,1))-1)+IF('Standard Profiles'!$G$21=$B$10,7,0)+IF('Standard Profiles'!$G$21=$B$17,14,0)+IF('Standard Profiles'!$G$21=$B$24,21,0),0)),0)</f>
        <v>0.7977048486196231</v>
      </c>
      <c r="H6593" cm="1">
        <f t="array" ref="H6593">IFERROR(INDEX(Jesper!AL$2:AL$366,ROUNDDOWN($C6593/24,0)+1,1)*INDEX($D$3:$AA$30,INDEX(Jesper!$R$2:$R$366,ROW(INDEX(Jesper!AL$2:AL$366,ROUNDDOWN($C6593/24,0)+1,1))-1)+IF('Standard Profiles'!$G$22=$B$10,7,0)+IF('Standard Profiles'!$G$22=$B$17,14,0)+IF('Standard Profiles'!$G$22=$B$24,21,0),MOD($C6593,24)+1)/SUM(INDEX($D$3:$AA$30,INDEX(Jesper!$R$2:$R$366,ROW(INDEX(Jesper!AL$2:AL$366,ROUNDDOWN($C6593/24,0)+1,1))-1)+IF('Standard Profiles'!$G$22=$B$10,7,0)+IF('Standard Profiles'!$G$22=$B$17,14,0)+IF('Standard Profiles'!$G$22=$B$24,21,0),0)),0)</f>
        <v>0.53774071761143849</v>
      </c>
      <c r="I6593">
        <f t="shared" si="734"/>
        <v>0.51623108890698122</v>
      </c>
      <c r="J6593">
        <f t="shared" si="735"/>
        <v>4.5195389952190244</v>
      </c>
      <c r="K6593">
        <f t="shared" si="736"/>
        <v>0.21988394490268132</v>
      </c>
      <c r="L6593">
        <f t="shared" si="737"/>
        <v>0.10994197245134066</v>
      </c>
      <c r="M6593">
        <f t="shared" si="738"/>
        <v>0</v>
      </c>
      <c r="N6593" s="45">
        <f t="shared" si="739"/>
        <v>45200.291666650759</v>
      </c>
    </row>
    <row r="6594" spans="2:14" x14ac:dyDescent="0.25">
      <c r="B6594">
        <f t="shared" si="733"/>
        <v>7</v>
      </c>
      <c r="C6594" s="16">
        <v>6560</v>
      </c>
      <c r="D6594" cm="1">
        <f t="array" ref="D6594">IFERROR(INDEX(Jesper!AH$2:AH$366,ROUNDDOWN($C6594/24,0)+1,1)*INDEX($D$3:$AA$30,INDEX(Jesper!$R$2:$R$366,ROW(INDEX(Jesper!AH$2:AH$366,ROUNDDOWN($C6594/24,0)+1,1))-1)+IF('Standard Profiles'!$G$18=$B$10,7,0)+IF('Standard Profiles'!$G$18=$B$17,14,0)+IF('Standard Profiles'!$G$18=$B$24,21,0),MOD($C6594,24)+1)/SUM(INDEX($D$3:$AA$30,INDEX(Jesper!$R$2:$R$366,ROW(INDEX(Jesper!AH$2:AH$366,ROUNDDOWN($C6594/24,0)+1,1))-1)+IF('Standard Profiles'!$G$18=$B$10,7,0)+IF('Standard Profiles'!$G$18=$B$17,14,0)+IF('Standard Profiles'!$G$18=$B$24,21,0),0)),0)</f>
        <v>0</v>
      </c>
      <c r="E6594" cm="1">
        <f t="array" ref="E6594">IFERROR(INDEX(Jesper!AI$2:AI$366,ROUNDDOWN($C6594/24,0)+1,1)*INDEX($D$3:$AA$30,INDEX(Jesper!$R$2:$R$366,ROW(INDEX(Jesper!AI$2:AI$366,ROUNDDOWN($C6594/24,0)+1,1))-1)+IF('Standard Profiles'!$G$19=$B$10,7,0)+IF('Standard Profiles'!$G$19=$B$17,14,0)+IF('Standard Profiles'!$G$19=$B$24,21,0),MOD($C6594,24)+1)/SUM(INDEX($D$3:$AA$30,INDEX(Jesper!$R$2:$R$366,ROW(INDEX(Jesper!AI$2:AI$366,ROUNDDOWN($C6594/24,0)+1,1))-1)+IF('Standard Profiles'!$G$19=$B$10,7,0)+IF('Standard Profiles'!$G$19=$B$17,14,0)+IF('Standard Profiles'!$G$19=$B$24,21,0),0)),0)</f>
        <v>2.7485493112835164</v>
      </c>
      <c r="F6594" cm="1">
        <f t="array" ref="F6594">IFERROR(INDEX(Jesper!AJ$2:AJ$366,ROUNDDOWN($C6594/24,0)+1,1)*INDEX($D$3:$AA$30,INDEX(Jesper!$R$2:$R$366,ROW(INDEX(Jesper!AJ$2:AJ$366,ROUNDDOWN($C6594/24,0)+1,1))-1)+IF('Standard Profiles'!$G$20=$B$10,7,0)+IF('Standard Profiles'!$G$20=$B$17,14,0)+IF('Standard Profiles'!$G$20=$B$24,21,0),MOD($C6594,24)+1)/SUM(INDEX($D$3:$AA$30,INDEX(Jesper!$R$2:$R$366,ROW(INDEX(Jesper!AJ$2:AJ$366,ROUNDDOWN($C6594/24,0)+1,1))-1)+IF('Standard Profiles'!$G$20=$B$10,7,0)+IF('Standard Profiles'!$G$20=$B$17,14,0)+IF('Standard Profiles'!$G$20=$B$24,21,0),0)),0)</f>
        <v>1.2816011239654492</v>
      </c>
      <c r="G6594" cm="1">
        <f t="array" ref="G6594">IFERROR(INDEX(Jesper!AK$2:AK$366,ROUNDDOWN($C6594/24,0)+1,1)*INDEX($D$3:$AA$30,INDEX(Jesper!$R$2:$R$366,ROW(INDEX(Jesper!AK$2:AK$366,ROUNDDOWN($C6594/24,0)+1,1))-1)+IF('Standard Profiles'!$G$21=$B$10,7,0)+IF('Standard Profiles'!$G$21=$B$17,14,0)+IF('Standard Profiles'!$G$21=$B$24,21,0),MOD($C6594,24)+1)/SUM(INDEX($D$3:$AA$30,INDEX(Jesper!$R$2:$R$366,ROW(INDEX(Jesper!AK$2:AK$366,ROUNDDOWN($C6594/24,0)+1,1))-1)+IF('Standard Profiles'!$G$21=$B$10,7,0)+IF('Standard Profiles'!$G$21=$B$17,14,0)+IF('Standard Profiles'!$G$21=$B$24,21,0),0)),0)</f>
        <v>0.7977048486196231</v>
      </c>
      <c r="H6594" cm="1">
        <f t="array" ref="H6594">IFERROR(INDEX(Jesper!AL$2:AL$366,ROUNDDOWN($C6594/24,0)+1,1)*INDEX($D$3:$AA$30,INDEX(Jesper!$R$2:$R$366,ROW(INDEX(Jesper!AL$2:AL$366,ROUNDDOWN($C6594/24,0)+1,1))-1)+IF('Standard Profiles'!$G$22=$B$10,7,0)+IF('Standard Profiles'!$G$22=$B$17,14,0)+IF('Standard Profiles'!$G$22=$B$24,21,0),MOD($C6594,24)+1)/SUM(INDEX($D$3:$AA$30,INDEX(Jesper!$R$2:$R$366,ROW(INDEX(Jesper!AL$2:AL$366,ROUNDDOWN($C6594/24,0)+1,1))-1)+IF('Standard Profiles'!$G$22=$B$10,7,0)+IF('Standard Profiles'!$G$22=$B$17,14,0)+IF('Standard Profiles'!$G$22=$B$24,21,0),0)),0)</f>
        <v>0.53774071761143849</v>
      </c>
      <c r="I6594">
        <f t="shared" si="734"/>
        <v>0.51623108890698122</v>
      </c>
      <c r="J6594">
        <f t="shared" si="735"/>
        <v>4.5195389952190244</v>
      </c>
      <c r="K6594">
        <f t="shared" si="736"/>
        <v>0.21988394490268132</v>
      </c>
      <c r="L6594">
        <f t="shared" si="737"/>
        <v>0.10994197245134066</v>
      </c>
      <c r="M6594">
        <f t="shared" si="738"/>
        <v>0</v>
      </c>
      <c r="N6594" s="45">
        <f t="shared" si="739"/>
        <v>45200.333333317423</v>
      </c>
    </row>
    <row r="6595" spans="2:14" x14ac:dyDescent="0.25">
      <c r="B6595">
        <f t="shared" si="733"/>
        <v>7</v>
      </c>
      <c r="C6595" s="16">
        <v>6561</v>
      </c>
      <c r="D6595" cm="1">
        <f t="array" ref="D6595">IFERROR(INDEX(Jesper!AH$2:AH$366,ROUNDDOWN($C6595/24,0)+1,1)*INDEX($D$3:$AA$30,INDEX(Jesper!$R$2:$R$366,ROW(INDEX(Jesper!AH$2:AH$366,ROUNDDOWN($C6595/24,0)+1,1))-1)+IF('Standard Profiles'!$G$18=$B$10,7,0)+IF('Standard Profiles'!$G$18=$B$17,14,0)+IF('Standard Profiles'!$G$18=$B$24,21,0),MOD($C6595,24)+1)/SUM(INDEX($D$3:$AA$30,INDEX(Jesper!$R$2:$R$366,ROW(INDEX(Jesper!AH$2:AH$366,ROUNDDOWN($C6595/24,0)+1,1))-1)+IF('Standard Profiles'!$G$18=$B$10,7,0)+IF('Standard Profiles'!$G$18=$B$17,14,0)+IF('Standard Profiles'!$G$18=$B$24,21,0),0)),0)</f>
        <v>0</v>
      </c>
      <c r="E6595" cm="1">
        <f t="array" ref="E6595">IFERROR(INDEX(Jesper!AI$2:AI$366,ROUNDDOWN($C6595/24,0)+1,1)*INDEX($D$3:$AA$30,INDEX(Jesper!$R$2:$R$366,ROW(INDEX(Jesper!AI$2:AI$366,ROUNDDOWN($C6595/24,0)+1,1))-1)+IF('Standard Profiles'!$G$19=$B$10,7,0)+IF('Standard Profiles'!$G$19=$B$17,14,0)+IF('Standard Profiles'!$G$19=$B$24,21,0),MOD($C6595,24)+1)/SUM(INDEX($D$3:$AA$30,INDEX(Jesper!$R$2:$R$366,ROW(INDEX(Jesper!AI$2:AI$366,ROUNDDOWN($C6595/24,0)+1,1))-1)+IF('Standard Profiles'!$G$19=$B$10,7,0)+IF('Standard Profiles'!$G$19=$B$17,14,0)+IF('Standard Profiles'!$G$19=$B$24,21,0),0)),0)</f>
        <v>2.7485493112835164</v>
      </c>
      <c r="F6595" cm="1">
        <f t="array" ref="F6595">IFERROR(INDEX(Jesper!AJ$2:AJ$366,ROUNDDOWN($C6595/24,0)+1,1)*INDEX($D$3:$AA$30,INDEX(Jesper!$R$2:$R$366,ROW(INDEX(Jesper!AJ$2:AJ$366,ROUNDDOWN($C6595/24,0)+1,1))-1)+IF('Standard Profiles'!$G$20=$B$10,7,0)+IF('Standard Profiles'!$G$20=$B$17,14,0)+IF('Standard Profiles'!$G$20=$B$24,21,0),MOD($C6595,24)+1)/SUM(INDEX($D$3:$AA$30,INDEX(Jesper!$R$2:$R$366,ROW(INDEX(Jesper!AJ$2:AJ$366,ROUNDDOWN($C6595/24,0)+1,1))-1)+IF('Standard Profiles'!$G$20=$B$10,7,0)+IF('Standard Profiles'!$G$20=$B$17,14,0)+IF('Standard Profiles'!$G$20=$B$24,21,0),0)),0)</f>
        <v>1.2816011239654492</v>
      </c>
      <c r="G6595" cm="1">
        <f t="array" ref="G6595">IFERROR(INDEX(Jesper!AK$2:AK$366,ROUNDDOWN($C6595/24,0)+1,1)*INDEX($D$3:$AA$30,INDEX(Jesper!$R$2:$R$366,ROW(INDEX(Jesper!AK$2:AK$366,ROUNDDOWN($C6595/24,0)+1,1))-1)+IF('Standard Profiles'!$G$21=$B$10,7,0)+IF('Standard Profiles'!$G$21=$B$17,14,0)+IF('Standard Profiles'!$G$21=$B$24,21,0),MOD($C6595,24)+1)/SUM(INDEX($D$3:$AA$30,INDEX(Jesper!$R$2:$R$366,ROW(INDEX(Jesper!AK$2:AK$366,ROUNDDOWN($C6595/24,0)+1,1))-1)+IF('Standard Profiles'!$G$21=$B$10,7,0)+IF('Standard Profiles'!$G$21=$B$17,14,0)+IF('Standard Profiles'!$G$21=$B$24,21,0),0)),0)</f>
        <v>0.7977048486196231</v>
      </c>
      <c r="H6595" cm="1">
        <f t="array" ref="H6595">IFERROR(INDEX(Jesper!AL$2:AL$366,ROUNDDOWN($C6595/24,0)+1,1)*INDEX($D$3:$AA$30,INDEX(Jesper!$R$2:$R$366,ROW(INDEX(Jesper!AL$2:AL$366,ROUNDDOWN($C6595/24,0)+1,1))-1)+IF('Standard Profiles'!$G$22=$B$10,7,0)+IF('Standard Profiles'!$G$22=$B$17,14,0)+IF('Standard Profiles'!$G$22=$B$24,21,0),MOD($C6595,24)+1)/SUM(INDEX($D$3:$AA$30,INDEX(Jesper!$R$2:$R$366,ROW(INDEX(Jesper!AL$2:AL$366,ROUNDDOWN($C6595/24,0)+1,1))-1)+IF('Standard Profiles'!$G$22=$B$10,7,0)+IF('Standard Profiles'!$G$22=$B$17,14,0)+IF('Standard Profiles'!$G$22=$B$24,21,0),0)),0)</f>
        <v>0.53774071761143849</v>
      </c>
      <c r="I6595">
        <f t="shared" si="734"/>
        <v>0.51623108890698122</v>
      </c>
      <c r="J6595">
        <f t="shared" si="735"/>
        <v>4.5195389952190244</v>
      </c>
      <c r="K6595">
        <f t="shared" si="736"/>
        <v>0.21988394490268132</v>
      </c>
      <c r="L6595">
        <f t="shared" si="737"/>
        <v>0.10994197245134066</v>
      </c>
      <c r="M6595">
        <f t="shared" si="738"/>
        <v>0</v>
      </c>
      <c r="N6595" s="45">
        <f t="shared" si="739"/>
        <v>45200.374999984087</v>
      </c>
    </row>
    <row r="6596" spans="2:14" x14ac:dyDescent="0.25">
      <c r="B6596">
        <f t="shared" si="733"/>
        <v>7</v>
      </c>
      <c r="C6596" s="16">
        <v>6562</v>
      </c>
      <c r="D6596" cm="1">
        <f t="array" ref="D6596">IFERROR(INDEX(Jesper!AH$2:AH$366,ROUNDDOWN($C6596/24,0)+1,1)*INDEX($D$3:$AA$30,INDEX(Jesper!$R$2:$R$366,ROW(INDEX(Jesper!AH$2:AH$366,ROUNDDOWN($C6596/24,0)+1,1))-1)+IF('Standard Profiles'!$G$18=$B$10,7,0)+IF('Standard Profiles'!$G$18=$B$17,14,0)+IF('Standard Profiles'!$G$18=$B$24,21,0),MOD($C6596,24)+1)/SUM(INDEX($D$3:$AA$30,INDEX(Jesper!$R$2:$R$366,ROW(INDEX(Jesper!AH$2:AH$366,ROUNDDOWN($C6596/24,0)+1,1))-1)+IF('Standard Profiles'!$G$18=$B$10,7,0)+IF('Standard Profiles'!$G$18=$B$17,14,0)+IF('Standard Profiles'!$G$18=$B$24,21,0),0)),0)</f>
        <v>0</v>
      </c>
      <c r="E6596" cm="1">
        <f t="array" ref="E6596">IFERROR(INDEX(Jesper!AI$2:AI$366,ROUNDDOWN($C6596/24,0)+1,1)*INDEX($D$3:$AA$30,INDEX(Jesper!$R$2:$R$366,ROW(INDEX(Jesper!AI$2:AI$366,ROUNDDOWN($C6596/24,0)+1,1))-1)+IF('Standard Profiles'!$G$19=$B$10,7,0)+IF('Standard Profiles'!$G$19=$B$17,14,0)+IF('Standard Profiles'!$G$19=$B$24,21,0),MOD($C6596,24)+1)/SUM(INDEX($D$3:$AA$30,INDEX(Jesper!$R$2:$R$366,ROW(INDEX(Jesper!AI$2:AI$366,ROUNDDOWN($C6596/24,0)+1,1))-1)+IF('Standard Profiles'!$G$19=$B$10,7,0)+IF('Standard Profiles'!$G$19=$B$17,14,0)+IF('Standard Profiles'!$G$19=$B$24,21,0),0)),0)</f>
        <v>2.7485493112835164</v>
      </c>
      <c r="F6596" cm="1">
        <f t="array" ref="F6596">IFERROR(INDEX(Jesper!AJ$2:AJ$366,ROUNDDOWN($C6596/24,0)+1,1)*INDEX($D$3:$AA$30,INDEX(Jesper!$R$2:$R$366,ROW(INDEX(Jesper!AJ$2:AJ$366,ROUNDDOWN($C6596/24,0)+1,1))-1)+IF('Standard Profiles'!$G$20=$B$10,7,0)+IF('Standard Profiles'!$G$20=$B$17,14,0)+IF('Standard Profiles'!$G$20=$B$24,21,0),MOD($C6596,24)+1)/SUM(INDEX($D$3:$AA$30,INDEX(Jesper!$R$2:$R$366,ROW(INDEX(Jesper!AJ$2:AJ$366,ROUNDDOWN($C6596/24,0)+1,1))-1)+IF('Standard Profiles'!$G$20=$B$10,7,0)+IF('Standard Profiles'!$G$20=$B$17,14,0)+IF('Standard Profiles'!$G$20=$B$24,21,0),0)),0)</f>
        <v>1.2816011239654492</v>
      </c>
      <c r="G6596" cm="1">
        <f t="array" ref="G6596">IFERROR(INDEX(Jesper!AK$2:AK$366,ROUNDDOWN($C6596/24,0)+1,1)*INDEX($D$3:$AA$30,INDEX(Jesper!$R$2:$R$366,ROW(INDEX(Jesper!AK$2:AK$366,ROUNDDOWN($C6596/24,0)+1,1))-1)+IF('Standard Profiles'!$G$21=$B$10,7,0)+IF('Standard Profiles'!$G$21=$B$17,14,0)+IF('Standard Profiles'!$G$21=$B$24,21,0),MOD($C6596,24)+1)/SUM(INDEX($D$3:$AA$30,INDEX(Jesper!$R$2:$R$366,ROW(INDEX(Jesper!AK$2:AK$366,ROUNDDOWN($C6596/24,0)+1,1))-1)+IF('Standard Profiles'!$G$21=$B$10,7,0)+IF('Standard Profiles'!$G$21=$B$17,14,0)+IF('Standard Profiles'!$G$21=$B$24,21,0),0)),0)</f>
        <v>0.7977048486196231</v>
      </c>
      <c r="H6596" cm="1">
        <f t="array" ref="H6596">IFERROR(INDEX(Jesper!AL$2:AL$366,ROUNDDOWN($C6596/24,0)+1,1)*INDEX($D$3:$AA$30,INDEX(Jesper!$R$2:$R$366,ROW(INDEX(Jesper!AL$2:AL$366,ROUNDDOWN($C6596/24,0)+1,1))-1)+IF('Standard Profiles'!$G$22=$B$10,7,0)+IF('Standard Profiles'!$G$22=$B$17,14,0)+IF('Standard Profiles'!$G$22=$B$24,21,0),MOD($C6596,24)+1)/SUM(INDEX($D$3:$AA$30,INDEX(Jesper!$R$2:$R$366,ROW(INDEX(Jesper!AL$2:AL$366,ROUNDDOWN($C6596/24,0)+1,1))-1)+IF('Standard Profiles'!$G$22=$B$10,7,0)+IF('Standard Profiles'!$G$22=$B$17,14,0)+IF('Standard Profiles'!$G$22=$B$24,21,0),0)),0)</f>
        <v>0.53774071761143849</v>
      </c>
      <c r="I6596">
        <f t="shared" si="734"/>
        <v>0.51623108890698122</v>
      </c>
      <c r="J6596">
        <f t="shared" si="735"/>
        <v>4.5195389952190244</v>
      </c>
      <c r="K6596">
        <f t="shared" si="736"/>
        <v>0.21988394490268132</v>
      </c>
      <c r="L6596">
        <f t="shared" si="737"/>
        <v>0.10994197245134066</v>
      </c>
      <c r="M6596">
        <f t="shared" si="738"/>
        <v>0</v>
      </c>
      <c r="N6596" s="45">
        <f t="shared" si="739"/>
        <v>45200.416666650752</v>
      </c>
    </row>
    <row r="6597" spans="2:14" x14ac:dyDescent="0.25">
      <c r="B6597">
        <f t="shared" si="733"/>
        <v>7</v>
      </c>
      <c r="C6597" s="16">
        <v>6563</v>
      </c>
      <c r="D6597" cm="1">
        <f t="array" ref="D6597">IFERROR(INDEX(Jesper!AH$2:AH$366,ROUNDDOWN($C6597/24,0)+1,1)*INDEX($D$3:$AA$30,INDEX(Jesper!$R$2:$R$366,ROW(INDEX(Jesper!AH$2:AH$366,ROUNDDOWN($C6597/24,0)+1,1))-1)+IF('Standard Profiles'!$G$18=$B$10,7,0)+IF('Standard Profiles'!$G$18=$B$17,14,0)+IF('Standard Profiles'!$G$18=$B$24,21,0),MOD($C6597,24)+1)/SUM(INDEX($D$3:$AA$30,INDEX(Jesper!$R$2:$R$366,ROW(INDEX(Jesper!AH$2:AH$366,ROUNDDOWN($C6597/24,0)+1,1))-1)+IF('Standard Profiles'!$G$18=$B$10,7,0)+IF('Standard Profiles'!$G$18=$B$17,14,0)+IF('Standard Profiles'!$G$18=$B$24,21,0),0)),0)</f>
        <v>0</v>
      </c>
      <c r="E6597" cm="1">
        <f t="array" ref="E6597">IFERROR(INDEX(Jesper!AI$2:AI$366,ROUNDDOWN($C6597/24,0)+1,1)*INDEX($D$3:$AA$30,INDEX(Jesper!$R$2:$R$366,ROW(INDEX(Jesper!AI$2:AI$366,ROUNDDOWN($C6597/24,0)+1,1))-1)+IF('Standard Profiles'!$G$19=$B$10,7,0)+IF('Standard Profiles'!$G$19=$B$17,14,0)+IF('Standard Profiles'!$G$19=$B$24,21,0),MOD($C6597,24)+1)/SUM(INDEX($D$3:$AA$30,INDEX(Jesper!$R$2:$R$366,ROW(INDEX(Jesper!AI$2:AI$366,ROUNDDOWN($C6597/24,0)+1,1))-1)+IF('Standard Profiles'!$G$19=$B$10,7,0)+IF('Standard Profiles'!$G$19=$B$17,14,0)+IF('Standard Profiles'!$G$19=$B$24,21,0),0)),0)</f>
        <v>2.7485493112835164</v>
      </c>
      <c r="F6597" cm="1">
        <f t="array" ref="F6597">IFERROR(INDEX(Jesper!AJ$2:AJ$366,ROUNDDOWN($C6597/24,0)+1,1)*INDEX($D$3:$AA$30,INDEX(Jesper!$R$2:$R$366,ROW(INDEX(Jesper!AJ$2:AJ$366,ROUNDDOWN($C6597/24,0)+1,1))-1)+IF('Standard Profiles'!$G$20=$B$10,7,0)+IF('Standard Profiles'!$G$20=$B$17,14,0)+IF('Standard Profiles'!$G$20=$B$24,21,0),MOD($C6597,24)+1)/SUM(INDEX($D$3:$AA$30,INDEX(Jesper!$R$2:$R$366,ROW(INDEX(Jesper!AJ$2:AJ$366,ROUNDDOWN($C6597/24,0)+1,1))-1)+IF('Standard Profiles'!$G$20=$B$10,7,0)+IF('Standard Profiles'!$G$20=$B$17,14,0)+IF('Standard Profiles'!$G$20=$B$24,21,0),0)),0)</f>
        <v>1.2816011239654492</v>
      </c>
      <c r="G6597" cm="1">
        <f t="array" ref="G6597">IFERROR(INDEX(Jesper!AK$2:AK$366,ROUNDDOWN($C6597/24,0)+1,1)*INDEX($D$3:$AA$30,INDEX(Jesper!$R$2:$R$366,ROW(INDEX(Jesper!AK$2:AK$366,ROUNDDOWN($C6597/24,0)+1,1))-1)+IF('Standard Profiles'!$G$21=$B$10,7,0)+IF('Standard Profiles'!$G$21=$B$17,14,0)+IF('Standard Profiles'!$G$21=$B$24,21,0),MOD($C6597,24)+1)/SUM(INDEX($D$3:$AA$30,INDEX(Jesper!$R$2:$R$366,ROW(INDEX(Jesper!AK$2:AK$366,ROUNDDOWN($C6597/24,0)+1,1))-1)+IF('Standard Profiles'!$G$21=$B$10,7,0)+IF('Standard Profiles'!$G$21=$B$17,14,0)+IF('Standard Profiles'!$G$21=$B$24,21,0),0)),0)</f>
        <v>0.7977048486196231</v>
      </c>
      <c r="H6597" cm="1">
        <f t="array" ref="H6597">IFERROR(INDEX(Jesper!AL$2:AL$366,ROUNDDOWN($C6597/24,0)+1,1)*INDEX($D$3:$AA$30,INDEX(Jesper!$R$2:$R$366,ROW(INDEX(Jesper!AL$2:AL$366,ROUNDDOWN($C6597/24,0)+1,1))-1)+IF('Standard Profiles'!$G$22=$B$10,7,0)+IF('Standard Profiles'!$G$22=$B$17,14,0)+IF('Standard Profiles'!$G$22=$B$24,21,0),MOD($C6597,24)+1)/SUM(INDEX($D$3:$AA$30,INDEX(Jesper!$R$2:$R$366,ROW(INDEX(Jesper!AL$2:AL$366,ROUNDDOWN($C6597/24,0)+1,1))-1)+IF('Standard Profiles'!$G$22=$B$10,7,0)+IF('Standard Profiles'!$G$22=$B$17,14,0)+IF('Standard Profiles'!$G$22=$B$24,21,0),0)),0)</f>
        <v>0.53774071761143849</v>
      </c>
      <c r="I6597">
        <f t="shared" si="734"/>
        <v>0.51623108890698122</v>
      </c>
      <c r="J6597">
        <f t="shared" si="735"/>
        <v>4.5195389952190244</v>
      </c>
      <c r="K6597">
        <f t="shared" si="736"/>
        <v>0.21988394490268132</v>
      </c>
      <c r="L6597">
        <f t="shared" si="737"/>
        <v>0.10994197245134066</v>
      </c>
      <c r="M6597">
        <f t="shared" si="738"/>
        <v>0</v>
      </c>
      <c r="N6597" s="45">
        <f t="shared" si="739"/>
        <v>45200.458333317416</v>
      </c>
    </row>
    <row r="6598" spans="2:14" x14ac:dyDescent="0.25">
      <c r="B6598">
        <f t="shared" si="733"/>
        <v>7</v>
      </c>
      <c r="C6598" s="16">
        <v>6564</v>
      </c>
      <c r="D6598" cm="1">
        <f t="array" ref="D6598">IFERROR(INDEX(Jesper!AH$2:AH$366,ROUNDDOWN($C6598/24,0)+1,1)*INDEX($D$3:$AA$30,INDEX(Jesper!$R$2:$R$366,ROW(INDEX(Jesper!AH$2:AH$366,ROUNDDOWN($C6598/24,0)+1,1))-1)+IF('Standard Profiles'!$G$18=$B$10,7,0)+IF('Standard Profiles'!$G$18=$B$17,14,0)+IF('Standard Profiles'!$G$18=$B$24,21,0),MOD($C6598,24)+1)/SUM(INDEX($D$3:$AA$30,INDEX(Jesper!$R$2:$R$366,ROW(INDEX(Jesper!AH$2:AH$366,ROUNDDOWN($C6598/24,0)+1,1))-1)+IF('Standard Profiles'!$G$18=$B$10,7,0)+IF('Standard Profiles'!$G$18=$B$17,14,0)+IF('Standard Profiles'!$G$18=$B$24,21,0),0)),0)</f>
        <v>0</v>
      </c>
      <c r="E6598" cm="1">
        <f t="array" ref="E6598">IFERROR(INDEX(Jesper!AI$2:AI$366,ROUNDDOWN($C6598/24,0)+1,1)*INDEX($D$3:$AA$30,INDEX(Jesper!$R$2:$R$366,ROW(INDEX(Jesper!AI$2:AI$366,ROUNDDOWN($C6598/24,0)+1,1))-1)+IF('Standard Profiles'!$G$19=$B$10,7,0)+IF('Standard Profiles'!$G$19=$B$17,14,0)+IF('Standard Profiles'!$G$19=$B$24,21,0),MOD($C6598,24)+1)/SUM(INDEX($D$3:$AA$30,INDEX(Jesper!$R$2:$R$366,ROW(INDEX(Jesper!AI$2:AI$366,ROUNDDOWN($C6598/24,0)+1,1))-1)+IF('Standard Profiles'!$G$19=$B$10,7,0)+IF('Standard Profiles'!$G$19=$B$17,14,0)+IF('Standard Profiles'!$G$19=$B$24,21,0),0)),0)</f>
        <v>2.7485493112835164</v>
      </c>
      <c r="F6598" cm="1">
        <f t="array" ref="F6598">IFERROR(INDEX(Jesper!AJ$2:AJ$366,ROUNDDOWN($C6598/24,0)+1,1)*INDEX($D$3:$AA$30,INDEX(Jesper!$R$2:$R$366,ROW(INDEX(Jesper!AJ$2:AJ$366,ROUNDDOWN($C6598/24,0)+1,1))-1)+IF('Standard Profiles'!$G$20=$B$10,7,0)+IF('Standard Profiles'!$G$20=$B$17,14,0)+IF('Standard Profiles'!$G$20=$B$24,21,0),MOD($C6598,24)+1)/SUM(INDEX($D$3:$AA$30,INDEX(Jesper!$R$2:$R$366,ROW(INDEX(Jesper!AJ$2:AJ$366,ROUNDDOWN($C6598/24,0)+1,1))-1)+IF('Standard Profiles'!$G$20=$B$10,7,0)+IF('Standard Profiles'!$G$20=$B$17,14,0)+IF('Standard Profiles'!$G$20=$B$24,21,0),0)),0)</f>
        <v>1.2816011239654492</v>
      </c>
      <c r="G6598" cm="1">
        <f t="array" ref="G6598">IFERROR(INDEX(Jesper!AK$2:AK$366,ROUNDDOWN($C6598/24,0)+1,1)*INDEX($D$3:$AA$30,INDEX(Jesper!$R$2:$R$366,ROW(INDEX(Jesper!AK$2:AK$366,ROUNDDOWN($C6598/24,0)+1,1))-1)+IF('Standard Profiles'!$G$21=$B$10,7,0)+IF('Standard Profiles'!$G$21=$B$17,14,0)+IF('Standard Profiles'!$G$21=$B$24,21,0),MOD($C6598,24)+1)/SUM(INDEX($D$3:$AA$30,INDEX(Jesper!$R$2:$R$366,ROW(INDEX(Jesper!AK$2:AK$366,ROUNDDOWN($C6598/24,0)+1,1))-1)+IF('Standard Profiles'!$G$21=$B$10,7,0)+IF('Standard Profiles'!$G$21=$B$17,14,0)+IF('Standard Profiles'!$G$21=$B$24,21,0),0)),0)</f>
        <v>0.7977048486196231</v>
      </c>
      <c r="H6598" cm="1">
        <f t="array" ref="H6598">IFERROR(INDEX(Jesper!AL$2:AL$366,ROUNDDOWN($C6598/24,0)+1,1)*INDEX($D$3:$AA$30,INDEX(Jesper!$R$2:$R$366,ROW(INDEX(Jesper!AL$2:AL$366,ROUNDDOWN($C6598/24,0)+1,1))-1)+IF('Standard Profiles'!$G$22=$B$10,7,0)+IF('Standard Profiles'!$G$22=$B$17,14,0)+IF('Standard Profiles'!$G$22=$B$24,21,0),MOD($C6598,24)+1)/SUM(INDEX($D$3:$AA$30,INDEX(Jesper!$R$2:$R$366,ROW(INDEX(Jesper!AL$2:AL$366,ROUNDDOWN($C6598/24,0)+1,1))-1)+IF('Standard Profiles'!$G$22=$B$10,7,0)+IF('Standard Profiles'!$G$22=$B$17,14,0)+IF('Standard Profiles'!$G$22=$B$24,21,0),0)),0)</f>
        <v>0.53774071761143849</v>
      </c>
      <c r="I6598">
        <f t="shared" si="734"/>
        <v>0.51623108890698122</v>
      </c>
      <c r="J6598">
        <f t="shared" si="735"/>
        <v>4.5195389952190244</v>
      </c>
      <c r="K6598">
        <f t="shared" si="736"/>
        <v>0.21988394490268132</v>
      </c>
      <c r="L6598">
        <f t="shared" si="737"/>
        <v>0.10994197245134066</v>
      </c>
      <c r="M6598">
        <f t="shared" si="738"/>
        <v>0</v>
      </c>
      <c r="N6598" s="45">
        <f t="shared" si="739"/>
        <v>45200.49999998408</v>
      </c>
    </row>
    <row r="6599" spans="2:14" x14ac:dyDescent="0.25">
      <c r="B6599">
        <f t="shared" si="733"/>
        <v>7</v>
      </c>
      <c r="C6599" s="16">
        <v>6565</v>
      </c>
      <c r="D6599" cm="1">
        <f t="array" ref="D6599">IFERROR(INDEX(Jesper!AH$2:AH$366,ROUNDDOWN($C6599/24,0)+1,1)*INDEX($D$3:$AA$30,INDEX(Jesper!$R$2:$R$366,ROW(INDEX(Jesper!AH$2:AH$366,ROUNDDOWN($C6599/24,0)+1,1))-1)+IF('Standard Profiles'!$G$18=$B$10,7,0)+IF('Standard Profiles'!$G$18=$B$17,14,0)+IF('Standard Profiles'!$G$18=$B$24,21,0),MOD($C6599,24)+1)/SUM(INDEX($D$3:$AA$30,INDEX(Jesper!$R$2:$R$366,ROW(INDEX(Jesper!AH$2:AH$366,ROUNDDOWN($C6599/24,0)+1,1))-1)+IF('Standard Profiles'!$G$18=$B$10,7,0)+IF('Standard Profiles'!$G$18=$B$17,14,0)+IF('Standard Profiles'!$G$18=$B$24,21,0),0)),0)</f>
        <v>0</v>
      </c>
      <c r="E6599" cm="1">
        <f t="array" ref="E6599">IFERROR(INDEX(Jesper!AI$2:AI$366,ROUNDDOWN($C6599/24,0)+1,1)*INDEX($D$3:$AA$30,INDEX(Jesper!$R$2:$R$366,ROW(INDEX(Jesper!AI$2:AI$366,ROUNDDOWN($C6599/24,0)+1,1))-1)+IF('Standard Profiles'!$G$19=$B$10,7,0)+IF('Standard Profiles'!$G$19=$B$17,14,0)+IF('Standard Profiles'!$G$19=$B$24,21,0),MOD($C6599,24)+1)/SUM(INDEX($D$3:$AA$30,INDEX(Jesper!$R$2:$R$366,ROW(INDEX(Jesper!AI$2:AI$366,ROUNDDOWN($C6599/24,0)+1,1))-1)+IF('Standard Profiles'!$G$19=$B$10,7,0)+IF('Standard Profiles'!$G$19=$B$17,14,0)+IF('Standard Profiles'!$G$19=$B$24,21,0),0)),0)</f>
        <v>2.7485493112835164</v>
      </c>
      <c r="F6599" cm="1">
        <f t="array" ref="F6599">IFERROR(INDEX(Jesper!AJ$2:AJ$366,ROUNDDOWN($C6599/24,0)+1,1)*INDEX($D$3:$AA$30,INDEX(Jesper!$R$2:$R$366,ROW(INDEX(Jesper!AJ$2:AJ$366,ROUNDDOWN($C6599/24,0)+1,1))-1)+IF('Standard Profiles'!$G$20=$B$10,7,0)+IF('Standard Profiles'!$G$20=$B$17,14,0)+IF('Standard Profiles'!$G$20=$B$24,21,0),MOD($C6599,24)+1)/SUM(INDEX($D$3:$AA$30,INDEX(Jesper!$R$2:$R$366,ROW(INDEX(Jesper!AJ$2:AJ$366,ROUNDDOWN($C6599/24,0)+1,1))-1)+IF('Standard Profiles'!$G$20=$B$10,7,0)+IF('Standard Profiles'!$G$20=$B$17,14,0)+IF('Standard Profiles'!$G$20=$B$24,21,0),0)),0)</f>
        <v>1.2816011239654492</v>
      </c>
      <c r="G6599" cm="1">
        <f t="array" ref="G6599">IFERROR(INDEX(Jesper!AK$2:AK$366,ROUNDDOWN($C6599/24,0)+1,1)*INDEX($D$3:$AA$30,INDEX(Jesper!$R$2:$R$366,ROW(INDEX(Jesper!AK$2:AK$366,ROUNDDOWN($C6599/24,0)+1,1))-1)+IF('Standard Profiles'!$G$21=$B$10,7,0)+IF('Standard Profiles'!$G$21=$B$17,14,0)+IF('Standard Profiles'!$G$21=$B$24,21,0),MOD($C6599,24)+1)/SUM(INDEX($D$3:$AA$30,INDEX(Jesper!$R$2:$R$366,ROW(INDEX(Jesper!AK$2:AK$366,ROUNDDOWN($C6599/24,0)+1,1))-1)+IF('Standard Profiles'!$G$21=$B$10,7,0)+IF('Standard Profiles'!$G$21=$B$17,14,0)+IF('Standard Profiles'!$G$21=$B$24,21,0),0)),0)</f>
        <v>0.7977048486196231</v>
      </c>
      <c r="H6599" cm="1">
        <f t="array" ref="H6599">IFERROR(INDEX(Jesper!AL$2:AL$366,ROUNDDOWN($C6599/24,0)+1,1)*INDEX($D$3:$AA$30,INDEX(Jesper!$R$2:$R$366,ROW(INDEX(Jesper!AL$2:AL$366,ROUNDDOWN($C6599/24,0)+1,1))-1)+IF('Standard Profiles'!$G$22=$B$10,7,0)+IF('Standard Profiles'!$G$22=$B$17,14,0)+IF('Standard Profiles'!$G$22=$B$24,21,0),MOD($C6599,24)+1)/SUM(INDEX($D$3:$AA$30,INDEX(Jesper!$R$2:$R$366,ROW(INDEX(Jesper!AL$2:AL$366,ROUNDDOWN($C6599/24,0)+1,1))-1)+IF('Standard Profiles'!$G$22=$B$10,7,0)+IF('Standard Profiles'!$G$22=$B$17,14,0)+IF('Standard Profiles'!$G$22=$B$24,21,0),0)),0)</f>
        <v>0.53774071761143849</v>
      </c>
      <c r="I6599">
        <f t="shared" si="734"/>
        <v>0.51623108890698122</v>
      </c>
      <c r="J6599">
        <f t="shared" si="735"/>
        <v>4.5195389952190244</v>
      </c>
      <c r="K6599">
        <f t="shared" si="736"/>
        <v>0.21988394490268132</v>
      </c>
      <c r="L6599">
        <f t="shared" si="737"/>
        <v>0.10994197245134066</v>
      </c>
      <c r="M6599">
        <f t="shared" si="738"/>
        <v>0</v>
      </c>
      <c r="N6599" s="45">
        <f t="shared" si="739"/>
        <v>45200.541666650744</v>
      </c>
    </row>
    <row r="6600" spans="2:14" x14ac:dyDescent="0.25">
      <c r="B6600">
        <f t="shared" si="733"/>
        <v>7</v>
      </c>
      <c r="C6600" s="16">
        <v>6566</v>
      </c>
      <c r="D6600" cm="1">
        <f t="array" ref="D6600">IFERROR(INDEX(Jesper!AH$2:AH$366,ROUNDDOWN($C6600/24,0)+1,1)*INDEX($D$3:$AA$30,INDEX(Jesper!$R$2:$R$366,ROW(INDEX(Jesper!AH$2:AH$366,ROUNDDOWN($C6600/24,0)+1,1))-1)+IF('Standard Profiles'!$G$18=$B$10,7,0)+IF('Standard Profiles'!$G$18=$B$17,14,0)+IF('Standard Profiles'!$G$18=$B$24,21,0),MOD($C6600,24)+1)/SUM(INDEX($D$3:$AA$30,INDEX(Jesper!$R$2:$R$366,ROW(INDEX(Jesper!AH$2:AH$366,ROUNDDOWN($C6600/24,0)+1,1))-1)+IF('Standard Profiles'!$G$18=$B$10,7,0)+IF('Standard Profiles'!$G$18=$B$17,14,0)+IF('Standard Profiles'!$G$18=$B$24,21,0),0)),0)</f>
        <v>0</v>
      </c>
      <c r="E6600" cm="1">
        <f t="array" ref="E6600">IFERROR(INDEX(Jesper!AI$2:AI$366,ROUNDDOWN($C6600/24,0)+1,1)*INDEX($D$3:$AA$30,INDEX(Jesper!$R$2:$R$366,ROW(INDEX(Jesper!AI$2:AI$366,ROUNDDOWN($C6600/24,0)+1,1))-1)+IF('Standard Profiles'!$G$19=$B$10,7,0)+IF('Standard Profiles'!$G$19=$B$17,14,0)+IF('Standard Profiles'!$G$19=$B$24,21,0),MOD($C6600,24)+1)/SUM(INDEX($D$3:$AA$30,INDEX(Jesper!$R$2:$R$366,ROW(INDEX(Jesper!AI$2:AI$366,ROUNDDOWN($C6600/24,0)+1,1))-1)+IF('Standard Profiles'!$G$19=$B$10,7,0)+IF('Standard Profiles'!$G$19=$B$17,14,0)+IF('Standard Profiles'!$G$19=$B$24,21,0),0)),0)</f>
        <v>2.7485493112835164</v>
      </c>
      <c r="F6600" cm="1">
        <f t="array" ref="F6600">IFERROR(INDEX(Jesper!AJ$2:AJ$366,ROUNDDOWN($C6600/24,0)+1,1)*INDEX($D$3:$AA$30,INDEX(Jesper!$R$2:$R$366,ROW(INDEX(Jesper!AJ$2:AJ$366,ROUNDDOWN($C6600/24,0)+1,1))-1)+IF('Standard Profiles'!$G$20=$B$10,7,0)+IF('Standard Profiles'!$G$20=$B$17,14,0)+IF('Standard Profiles'!$G$20=$B$24,21,0),MOD($C6600,24)+1)/SUM(INDEX($D$3:$AA$30,INDEX(Jesper!$R$2:$R$366,ROW(INDEX(Jesper!AJ$2:AJ$366,ROUNDDOWN($C6600/24,0)+1,1))-1)+IF('Standard Profiles'!$G$20=$B$10,7,0)+IF('Standard Profiles'!$G$20=$B$17,14,0)+IF('Standard Profiles'!$G$20=$B$24,21,0),0)),0)</f>
        <v>1.2816011239654492</v>
      </c>
      <c r="G6600" cm="1">
        <f t="array" ref="G6600">IFERROR(INDEX(Jesper!AK$2:AK$366,ROUNDDOWN($C6600/24,0)+1,1)*INDEX($D$3:$AA$30,INDEX(Jesper!$R$2:$R$366,ROW(INDEX(Jesper!AK$2:AK$366,ROUNDDOWN($C6600/24,0)+1,1))-1)+IF('Standard Profiles'!$G$21=$B$10,7,0)+IF('Standard Profiles'!$G$21=$B$17,14,0)+IF('Standard Profiles'!$G$21=$B$24,21,0),MOD($C6600,24)+1)/SUM(INDEX($D$3:$AA$30,INDEX(Jesper!$R$2:$R$366,ROW(INDEX(Jesper!AK$2:AK$366,ROUNDDOWN($C6600/24,0)+1,1))-1)+IF('Standard Profiles'!$G$21=$B$10,7,0)+IF('Standard Profiles'!$G$21=$B$17,14,0)+IF('Standard Profiles'!$G$21=$B$24,21,0),0)),0)</f>
        <v>0.7977048486196231</v>
      </c>
      <c r="H6600" cm="1">
        <f t="array" ref="H6600">IFERROR(INDEX(Jesper!AL$2:AL$366,ROUNDDOWN($C6600/24,0)+1,1)*INDEX($D$3:$AA$30,INDEX(Jesper!$R$2:$R$366,ROW(INDEX(Jesper!AL$2:AL$366,ROUNDDOWN($C6600/24,0)+1,1))-1)+IF('Standard Profiles'!$G$22=$B$10,7,0)+IF('Standard Profiles'!$G$22=$B$17,14,0)+IF('Standard Profiles'!$G$22=$B$24,21,0),MOD($C6600,24)+1)/SUM(INDEX($D$3:$AA$30,INDEX(Jesper!$R$2:$R$366,ROW(INDEX(Jesper!AL$2:AL$366,ROUNDDOWN($C6600/24,0)+1,1))-1)+IF('Standard Profiles'!$G$22=$B$10,7,0)+IF('Standard Profiles'!$G$22=$B$17,14,0)+IF('Standard Profiles'!$G$22=$B$24,21,0),0)),0)</f>
        <v>0.53774071761143849</v>
      </c>
      <c r="I6600">
        <f t="shared" si="734"/>
        <v>0.51623108890698122</v>
      </c>
      <c r="J6600">
        <f t="shared" si="735"/>
        <v>4.5195389952190244</v>
      </c>
      <c r="K6600">
        <f t="shared" si="736"/>
        <v>0.21988394490268132</v>
      </c>
      <c r="L6600">
        <f t="shared" si="737"/>
        <v>0.10994197245134066</v>
      </c>
      <c r="M6600">
        <f t="shared" si="738"/>
        <v>0</v>
      </c>
      <c r="N6600" s="45">
        <f t="shared" si="739"/>
        <v>45200.583333317409</v>
      </c>
    </row>
    <row r="6601" spans="2:14" x14ac:dyDescent="0.25">
      <c r="B6601">
        <f t="shared" si="733"/>
        <v>7</v>
      </c>
      <c r="C6601" s="16">
        <v>6567</v>
      </c>
      <c r="D6601" cm="1">
        <f t="array" ref="D6601">IFERROR(INDEX(Jesper!AH$2:AH$366,ROUNDDOWN($C6601/24,0)+1,1)*INDEX($D$3:$AA$30,INDEX(Jesper!$R$2:$R$366,ROW(INDEX(Jesper!AH$2:AH$366,ROUNDDOWN($C6601/24,0)+1,1))-1)+IF('Standard Profiles'!$G$18=$B$10,7,0)+IF('Standard Profiles'!$G$18=$B$17,14,0)+IF('Standard Profiles'!$G$18=$B$24,21,0),MOD($C6601,24)+1)/SUM(INDEX($D$3:$AA$30,INDEX(Jesper!$R$2:$R$366,ROW(INDEX(Jesper!AH$2:AH$366,ROUNDDOWN($C6601/24,0)+1,1))-1)+IF('Standard Profiles'!$G$18=$B$10,7,0)+IF('Standard Profiles'!$G$18=$B$17,14,0)+IF('Standard Profiles'!$G$18=$B$24,21,0),0)),0)</f>
        <v>0</v>
      </c>
      <c r="E6601" cm="1">
        <f t="array" ref="E6601">IFERROR(INDEX(Jesper!AI$2:AI$366,ROUNDDOWN($C6601/24,0)+1,1)*INDEX($D$3:$AA$30,INDEX(Jesper!$R$2:$R$366,ROW(INDEX(Jesper!AI$2:AI$366,ROUNDDOWN($C6601/24,0)+1,1))-1)+IF('Standard Profiles'!$G$19=$B$10,7,0)+IF('Standard Profiles'!$G$19=$B$17,14,0)+IF('Standard Profiles'!$G$19=$B$24,21,0),MOD($C6601,24)+1)/SUM(INDEX($D$3:$AA$30,INDEX(Jesper!$R$2:$R$366,ROW(INDEX(Jesper!AI$2:AI$366,ROUNDDOWN($C6601/24,0)+1,1))-1)+IF('Standard Profiles'!$G$19=$B$10,7,0)+IF('Standard Profiles'!$G$19=$B$17,14,0)+IF('Standard Profiles'!$G$19=$B$24,21,0),0)),0)</f>
        <v>2.7485493112835164</v>
      </c>
      <c r="F6601" cm="1">
        <f t="array" ref="F6601">IFERROR(INDEX(Jesper!AJ$2:AJ$366,ROUNDDOWN($C6601/24,0)+1,1)*INDEX($D$3:$AA$30,INDEX(Jesper!$R$2:$R$366,ROW(INDEX(Jesper!AJ$2:AJ$366,ROUNDDOWN($C6601/24,0)+1,1))-1)+IF('Standard Profiles'!$G$20=$B$10,7,0)+IF('Standard Profiles'!$G$20=$B$17,14,0)+IF('Standard Profiles'!$G$20=$B$24,21,0),MOD($C6601,24)+1)/SUM(INDEX($D$3:$AA$30,INDEX(Jesper!$R$2:$R$366,ROW(INDEX(Jesper!AJ$2:AJ$366,ROUNDDOWN($C6601/24,0)+1,1))-1)+IF('Standard Profiles'!$G$20=$B$10,7,0)+IF('Standard Profiles'!$G$20=$B$17,14,0)+IF('Standard Profiles'!$G$20=$B$24,21,0),0)),0)</f>
        <v>1.2816011239654492</v>
      </c>
      <c r="G6601" cm="1">
        <f t="array" ref="G6601">IFERROR(INDEX(Jesper!AK$2:AK$366,ROUNDDOWN($C6601/24,0)+1,1)*INDEX($D$3:$AA$30,INDEX(Jesper!$R$2:$R$366,ROW(INDEX(Jesper!AK$2:AK$366,ROUNDDOWN($C6601/24,0)+1,1))-1)+IF('Standard Profiles'!$G$21=$B$10,7,0)+IF('Standard Profiles'!$G$21=$B$17,14,0)+IF('Standard Profiles'!$G$21=$B$24,21,0),MOD($C6601,24)+1)/SUM(INDEX($D$3:$AA$30,INDEX(Jesper!$R$2:$R$366,ROW(INDEX(Jesper!AK$2:AK$366,ROUNDDOWN($C6601/24,0)+1,1))-1)+IF('Standard Profiles'!$G$21=$B$10,7,0)+IF('Standard Profiles'!$G$21=$B$17,14,0)+IF('Standard Profiles'!$G$21=$B$24,21,0),0)),0)</f>
        <v>0.7977048486196231</v>
      </c>
      <c r="H6601" cm="1">
        <f t="array" ref="H6601">IFERROR(INDEX(Jesper!AL$2:AL$366,ROUNDDOWN($C6601/24,0)+1,1)*INDEX($D$3:$AA$30,INDEX(Jesper!$R$2:$R$366,ROW(INDEX(Jesper!AL$2:AL$366,ROUNDDOWN($C6601/24,0)+1,1))-1)+IF('Standard Profiles'!$G$22=$B$10,7,0)+IF('Standard Profiles'!$G$22=$B$17,14,0)+IF('Standard Profiles'!$G$22=$B$24,21,0),MOD($C6601,24)+1)/SUM(INDEX($D$3:$AA$30,INDEX(Jesper!$R$2:$R$366,ROW(INDEX(Jesper!AL$2:AL$366,ROUNDDOWN($C6601/24,0)+1,1))-1)+IF('Standard Profiles'!$G$22=$B$10,7,0)+IF('Standard Profiles'!$G$22=$B$17,14,0)+IF('Standard Profiles'!$G$22=$B$24,21,0),0)),0)</f>
        <v>0.47799174898794528</v>
      </c>
      <c r="I6601">
        <f t="shared" si="734"/>
        <v>0.45887207902842769</v>
      </c>
      <c r="J6601">
        <f t="shared" si="735"/>
        <v>4.5171490364740849</v>
      </c>
      <c r="K6601">
        <f t="shared" si="736"/>
        <v>0.21988394490268132</v>
      </c>
      <c r="L6601">
        <f t="shared" si="737"/>
        <v>0.10994197245134066</v>
      </c>
      <c r="M6601">
        <f t="shared" si="738"/>
        <v>0</v>
      </c>
      <c r="N6601" s="45">
        <f t="shared" si="739"/>
        <v>45200.624999984073</v>
      </c>
    </row>
    <row r="6602" spans="2:14" x14ac:dyDescent="0.25">
      <c r="B6602">
        <f t="shared" si="733"/>
        <v>7</v>
      </c>
      <c r="C6602" s="16">
        <v>6568</v>
      </c>
      <c r="D6602" cm="1">
        <f t="array" ref="D6602">IFERROR(INDEX(Jesper!AH$2:AH$366,ROUNDDOWN($C6602/24,0)+1,1)*INDEX($D$3:$AA$30,INDEX(Jesper!$R$2:$R$366,ROW(INDEX(Jesper!AH$2:AH$366,ROUNDDOWN($C6602/24,0)+1,1))-1)+IF('Standard Profiles'!$G$18=$B$10,7,0)+IF('Standard Profiles'!$G$18=$B$17,14,0)+IF('Standard Profiles'!$G$18=$B$24,21,0),MOD($C6602,24)+1)/SUM(INDEX($D$3:$AA$30,INDEX(Jesper!$R$2:$R$366,ROW(INDEX(Jesper!AH$2:AH$366,ROUNDDOWN($C6602/24,0)+1,1))-1)+IF('Standard Profiles'!$G$18=$B$10,7,0)+IF('Standard Profiles'!$G$18=$B$17,14,0)+IF('Standard Profiles'!$G$18=$B$24,21,0),0)),0)</f>
        <v>0</v>
      </c>
      <c r="E6602" cm="1">
        <f t="array" ref="E6602">IFERROR(INDEX(Jesper!AI$2:AI$366,ROUNDDOWN($C6602/24,0)+1,1)*INDEX($D$3:$AA$30,INDEX(Jesper!$R$2:$R$366,ROW(INDEX(Jesper!AI$2:AI$366,ROUNDDOWN($C6602/24,0)+1,1))-1)+IF('Standard Profiles'!$G$19=$B$10,7,0)+IF('Standard Profiles'!$G$19=$B$17,14,0)+IF('Standard Profiles'!$G$19=$B$24,21,0),MOD($C6602,24)+1)/SUM(INDEX($D$3:$AA$30,INDEX(Jesper!$R$2:$R$366,ROW(INDEX(Jesper!AI$2:AI$366,ROUNDDOWN($C6602/24,0)+1,1))-1)+IF('Standard Profiles'!$G$19=$B$10,7,0)+IF('Standard Profiles'!$G$19=$B$17,14,0)+IF('Standard Profiles'!$G$19=$B$24,21,0),0)),0)</f>
        <v>2.7485493112835164</v>
      </c>
      <c r="F6602" cm="1">
        <f t="array" ref="F6602">IFERROR(INDEX(Jesper!AJ$2:AJ$366,ROUNDDOWN($C6602/24,0)+1,1)*INDEX($D$3:$AA$30,INDEX(Jesper!$R$2:$R$366,ROW(INDEX(Jesper!AJ$2:AJ$366,ROUNDDOWN($C6602/24,0)+1,1))-1)+IF('Standard Profiles'!$G$20=$B$10,7,0)+IF('Standard Profiles'!$G$20=$B$17,14,0)+IF('Standard Profiles'!$G$20=$B$24,21,0),MOD($C6602,24)+1)/SUM(INDEX($D$3:$AA$30,INDEX(Jesper!$R$2:$R$366,ROW(INDEX(Jesper!AJ$2:AJ$366,ROUNDDOWN($C6602/24,0)+1,1))-1)+IF('Standard Profiles'!$G$20=$B$10,7,0)+IF('Standard Profiles'!$G$20=$B$17,14,0)+IF('Standard Profiles'!$G$20=$B$24,21,0),0)),0)</f>
        <v>1.2816011239654492</v>
      </c>
      <c r="G6602" cm="1">
        <f t="array" ref="G6602">IFERROR(INDEX(Jesper!AK$2:AK$366,ROUNDDOWN($C6602/24,0)+1,1)*INDEX($D$3:$AA$30,INDEX(Jesper!$R$2:$R$366,ROW(INDEX(Jesper!AK$2:AK$366,ROUNDDOWN($C6602/24,0)+1,1))-1)+IF('Standard Profiles'!$G$21=$B$10,7,0)+IF('Standard Profiles'!$G$21=$B$17,14,0)+IF('Standard Profiles'!$G$21=$B$24,21,0),MOD($C6602,24)+1)/SUM(INDEX($D$3:$AA$30,INDEX(Jesper!$R$2:$R$366,ROW(INDEX(Jesper!AK$2:AK$366,ROUNDDOWN($C6602/24,0)+1,1))-1)+IF('Standard Profiles'!$G$21=$B$10,7,0)+IF('Standard Profiles'!$G$21=$B$17,14,0)+IF('Standard Profiles'!$G$21=$B$24,21,0),0)),0)</f>
        <v>0.7977048486196231</v>
      </c>
      <c r="H6602" cm="1">
        <f t="array" ref="H6602">IFERROR(INDEX(Jesper!AL$2:AL$366,ROUNDDOWN($C6602/24,0)+1,1)*INDEX($D$3:$AA$30,INDEX(Jesper!$R$2:$R$366,ROW(INDEX(Jesper!AL$2:AL$366,ROUNDDOWN($C6602/24,0)+1,1))-1)+IF('Standard Profiles'!$G$22=$B$10,7,0)+IF('Standard Profiles'!$G$22=$B$17,14,0)+IF('Standard Profiles'!$G$22=$B$24,21,0),MOD($C6602,24)+1)/SUM(INDEX($D$3:$AA$30,INDEX(Jesper!$R$2:$R$366,ROW(INDEX(Jesper!AL$2:AL$366,ROUNDDOWN($C6602/24,0)+1,1))-1)+IF('Standard Profiles'!$G$22=$B$10,7,0)+IF('Standard Profiles'!$G$22=$B$17,14,0)+IF('Standard Profiles'!$G$22=$B$24,21,0),0)),0)</f>
        <v>0.46945618204173195</v>
      </c>
      <c r="I6602">
        <f t="shared" si="734"/>
        <v>0.4506779347600629</v>
      </c>
      <c r="J6602">
        <f t="shared" si="735"/>
        <v>4.5168076137962361</v>
      </c>
      <c r="K6602">
        <f t="shared" si="736"/>
        <v>0.21988394490268132</v>
      </c>
      <c r="L6602">
        <f t="shared" si="737"/>
        <v>0.10994197245134066</v>
      </c>
      <c r="M6602">
        <f t="shared" si="738"/>
        <v>0</v>
      </c>
      <c r="N6602" s="45">
        <f t="shared" si="739"/>
        <v>45200.666666650737</v>
      </c>
    </row>
    <row r="6603" spans="2:14" x14ac:dyDescent="0.25">
      <c r="B6603">
        <f t="shared" si="733"/>
        <v>7</v>
      </c>
      <c r="C6603" s="16">
        <v>6569</v>
      </c>
      <c r="D6603" cm="1">
        <f t="array" ref="D6603">IFERROR(INDEX(Jesper!AH$2:AH$366,ROUNDDOWN($C6603/24,0)+1,1)*INDEX($D$3:$AA$30,INDEX(Jesper!$R$2:$R$366,ROW(INDEX(Jesper!AH$2:AH$366,ROUNDDOWN($C6603/24,0)+1,1))-1)+IF('Standard Profiles'!$G$18=$B$10,7,0)+IF('Standard Profiles'!$G$18=$B$17,14,0)+IF('Standard Profiles'!$G$18=$B$24,21,0),MOD($C6603,24)+1)/SUM(INDEX($D$3:$AA$30,INDEX(Jesper!$R$2:$R$366,ROW(INDEX(Jesper!AH$2:AH$366,ROUNDDOWN($C6603/24,0)+1,1))-1)+IF('Standard Profiles'!$G$18=$B$10,7,0)+IF('Standard Profiles'!$G$18=$B$17,14,0)+IF('Standard Profiles'!$G$18=$B$24,21,0),0)),0)</f>
        <v>0</v>
      </c>
      <c r="E6603" cm="1">
        <f t="array" ref="E6603">IFERROR(INDEX(Jesper!AI$2:AI$366,ROUNDDOWN($C6603/24,0)+1,1)*INDEX($D$3:$AA$30,INDEX(Jesper!$R$2:$R$366,ROW(INDEX(Jesper!AI$2:AI$366,ROUNDDOWN($C6603/24,0)+1,1))-1)+IF('Standard Profiles'!$G$19=$B$10,7,0)+IF('Standard Profiles'!$G$19=$B$17,14,0)+IF('Standard Profiles'!$G$19=$B$24,21,0),MOD($C6603,24)+1)/SUM(INDEX($D$3:$AA$30,INDEX(Jesper!$R$2:$R$366,ROW(INDEX(Jesper!AI$2:AI$366,ROUNDDOWN($C6603/24,0)+1,1))-1)+IF('Standard Profiles'!$G$19=$B$10,7,0)+IF('Standard Profiles'!$G$19=$B$17,14,0)+IF('Standard Profiles'!$G$19=$B$24,21,0),0)),0)</f>
        <v>2.7485493112835164</v>
      </c>
      <c r="F6603" cm="1">
        <f t="array" ref="F6603">IFERROR(INDEX(Jesper!AJ$2:AJ$366,ROUNDDOWN($C6603/24,0)+1,1)*INDEX($D$3:$AA$30,INDEX(Jesper!$R$2:$R$366,ROW(INDEX(Jesper!AJ$2:AJ$366,ROUNDDOWN($C6603/24,0)+1,1))-1)+IF('Standard Profiles'!$G$20=$B$10,7,0)+IF('Standard Profiles'!$G$20=$B$17,14,0)+IF('Standard Profiles'!$G$20=$B$24,21,0),MOD($C6603,24)+1)/SUM(INDEX($D$3:$AA$30,INDEX(Jesper!$R$2:$R$366,ROW(INDEX(Jesper!AJ$2:AJ$366,ROUNDDOWN($C6603/24,0)+1,1))-1)+IF('Standard Profiles'!$G$20=$B$10,7,0)+IF('Standard Profiles'!$G$20=$B$17,14,0)+IF('Standard Profiles'!$G$20=$B$24,21,0),0)),0)</f>
        <v>1.2816011239654492</v>
      </c>
      <c r="G6603" cm="1">
        <f t="array" ref="G6603">IFERROR(INDEX(Jesper!AK$2:AK$366,ROUNDDOWN($C6603/24,0)+1,1)*INDEX($D$3:$AA$30,INDEX(Jesper!$R$2:$R$366,ROW(INDEX(Jesper!AK$2:AK$366,ROUNDDOWN($C6603/24,0)+1,1))-1)+IF('Standard Profiles'!$G$21=$B$10,7,0)+IF('Standard Profiles'!$G$21=$B$17,14,0)+IF('Standard Profiles'!$G$21=$B$24,21,0),MOD($C6603,24)+1)/SUM(INDEX($D$3:$AA$30,INDEX(Jesper!$R$2:$R$366,ROW(INDEX(Jesper!AK$2:AK$366,ROUNDDOWN($C6603/24,0)+1,1))-1)+IF('Standard Profiles'!$G$21=$B$10,7,0)+IF('Standard Profiles'!$G$21=$B$17,14,0)+IF('Standard Profiles'!$G$21=$B$24,21,0),0)),0)</f>
        <v>0.7977048486196231</v>
      </c>
      <c r="H6603" cm="1">
        <f t="array" ref="H6603">IFERROR(INDEX(Jesper!AL$2:AL$366,ROUNDDOWN($C6603/24,0)+1,1)*INDEX($D$3:$AA$30,INDEX(Jesper!$R$2:$R$366,ROW(INDEX(Jesper!AL$2:AL$366,ROUNDDOWN($C6603/24,0)+1,1))-1)+IF('Standard Profiles'!$G$22=$B$10,7,0)+IF('Standard Profiles'!$G$22=$B$17,14,0)+IF('Standard Profiles'!$G$22=$B$24,21,0),MOD($C6603,24)+1)/SUM(INDEX($D$3:$AA$30,INDEX(Jesper!$R$2:$R$366,ROW(INDEX(Jesper!AL$2:AL$366,ROUNDDOWN($C6603/24,0)+1,1))-1)+IF('Standard Profiles'!$G$22=$B$10,7,0)+IF('Standard Profiles'!$G$22=$B$17,14,0)+IF('Standard Profiles'!$G$22=$B$24,21,0),0)),0)</f>
        <v>0.40117164647202552</v>
      </c>
      <c r="I6603">
        <f t="shared" si="734"/>
        <v>0.3851247806131447</v>
      </c>
      <c r="J6603">
        <f t="shared" si="735"/>
        <v>4.5140762323734478</v>
      </c>
      <c r="K6603">
        <f t="shared" si="736"/>
        <v>0.21988394490268132</v>
      </c>
      <c r="L6603">
        <f t="shared" si="737"/>
        <v>0.10994197245134066</v>
      </c>
      <c r="M6603">
        <f t="shared" si="738"/>
        <v>0</v>
      </c>
      <c r="N6603" s="45">
        <f t="shared" si="739"/>
        <v>45200.708333317401</v>
      </c>
    </row>
    <row r="6604" spans="2:14" x14ac:dyDescent="0.25">
      <c r="B6604">
        <f t="shared" si="733"/>
        <v>7</v>
      </c>
      <c r="C6604" s="16">
        <v>6570</v>
      </c>
      <c r="D6604" cm="1">
        <f t="array" ref="D6604">IFERROR(INDEX(Jesper!AH$2:AH$366,ROUNDDOWN($C6604/24,0)+1,1)*INDEX($D$3:$AA$30,INDEX(Jesper!$R$2:$R$366,ROW(INDEX(Jesper!AH$2:AH$366,ROUNDDOWN($C6604/24,0)+1,1))-1)+IF('Standard Profiles'!$G$18=$B$10,7,0)+IF('Standard Profiles'!$G$18=$B$17,14,0)+IF('Standard Profiles'!$G$18=$B$24,21,0),MOD($C6604,24)+1)/SUM(INDEX($D$3:$AA$30,INDEX(Jesper!$R$2:$R$366,ROW(INDEX(Jesper!AH$2:AH$366,ROUNDDOWN($C6604/24,0)+1,1))-1)+IF('Standard Profiles'!$G$18=$B$10,7,0)+IF('Standard Profiles'!$G$18=$B$17,14,0)+IF('Standard Profiles'!$G$18=$B$24,21,0),0)),0)</f>
        <v>0</v>
      </c>
      <c r="E6604" cm="1">
        <f t="array" ref="E6604">IFERROR(INDEX(Jesper!AI$2:AI$366,ROUNDDOWN($C6604/24,0)+1,1)*INDEX($D$3:$AA$30,INDEX(Jesper!$R$2:$R$366,ROW(INDEX(Jesper!AI$2:AI$366,ROUNDDOWN($C6604/24,0)+1,1))-1)+IF('Standard Profiles'!$G$19=$B$10,7,0)+IF('Standard Profiles'!$G$19=$B$17,14,0)+IF('Standard Profiles'!$G$19=$B$24,21,0),MOD($C6604,24)+1)/SUM(INDEX($D$3:$AA$30,INDEX(Jesper!$R$2:$R$366,ROW(INDEX(Jesper!AI$2:AI$366,ROUNDDOWN($C6604/24,0)+1,1))-1)+IF('Standard Profiles'!$G$19=$B$10,7,0)+IF('Standard Profiles'!$G$19=$B$17,14,0)+IF('Standard Profiles'!$G$19=$B$24,21,0),0)),0)</f>
        <v>2.7485493112835164</v>
      </c>
      <c r="F6604" cm="1">
        <f t="array" ref="F6604">IFERROR(INDEX(Jesper!AJ$2:AJ$366,ROUNDDOWN($C6604/24,0)+1,1)*INDEX($D$3:$AA$30,INDEX(Jesper!$R$2:$R$366,ROW(INDEX(Jesper!AJ$2:AJ$366,ROUNDDOWN($C6604/24,0)+1,1))-1)+IF('Standard Profiles'!$G$20=$B$10,7,0)+IF('Standard Profiles'!$G$20=$B$17,14,0)+IF('Standard Profiles'!$G$20=$B$24,21,0),MOD($C6604,24)+1)/SUM(INDEX($D$3:$AA$30,INDEX(Jesper!$R$2:$R$366,ROW(INDEX(Jesper!AJ$2:AJ$366,ROUNDDOWN($C6604/24,0)+1,1))-1)+IF('Standard Profiles'!$G$20=$B$10,7,0)+IF('Standard Profiles'!$G$20=$B$17,14,0)+IF('Standard Profiles'!$G$20=$B$24,21,0),0)),0)</f>
        <v>1.2816011239654492</v>
      </c>
      <c r="G6604" cm="1">
        <f t="array" ref="G6604">IFERROR(INDEX(Jesper!AK$2:AK$366,ROUNDDOWN($C6604/24,0)+1,1)*INDEX($D$3:$AA$30,INDEX(Jesper!$R$2:$R$366,ROW(INDEX(Jesper!AK$2:AK$366,ROUNDDOWN($C6604/24,0)+1,1))-1)+IF('Standard Profiles'!$G$21=$B$10,7,0)+IF('Standard Profiles'!$G$21=$B$17,14,0)+IF('Standard Profiles'!$G$21=$B$24,21,0),MOD($C6604,24)+1)/SUM(INDEX($D$3:$AA$30,INDEX(Jesper!$R$2:$R$366,ROW(INDEX(Jesper!AK$2:AK$366,ROUNDDOWN($C6604/24,0)+1,1))-1)+IF('Standard Profiles'!$G$21=$B$10,7,0)+IF('Standard Profiles'!$G$21=$B$17,14,0)+IF('Standard Profiles'!$G$21=$B$24,21,0),0)),0)</f>
        <v>0.7977048486196231</v>
      </c>
      <c r="H6604" cm="1">
        <f t="array" ref="H6604">IFERROR(INDEX(Jesper!AL$2:AL$366,ROUNDDOWN($C6604/24,0)+1,1)*INDEX($D$3:$AA$30,INDEX(Jesper!$R$2:$R$366,ROW(INDEX(Jesper!AL$2:AL$366,ROUNDDOWN($C6604/24,0)+1,1))-1)+IF('Standard Profiles'!$G$22=$B$10,7,0)+IF('Standard Profiles'!$G$22=$B$17,14,0)+IF('Standard Profiles'!$G$22=$B$24,21,0),MOD($C6604,24)+1)/SUM(INDEX($D$3:$AA$30,INDEX(Jesper!$R$2:$R$366,ROW(INDEX(Jesper!AL$2:AL$366,ROUNDDOWN($C6604/24,0)+1,1))-1)+IF('Standard Profiles'!$G$22=$B$10,7,0)+IF('Standard Profiles'!$G$22=$B$17,14,0)+IF('Standard Profiles'!$G$22=$B$24,21,0),0)),0)</f>
        <v>0.37556494563338561</v>
      </c>
      <c r="I6604">
        <f t="shared" si="734"/>
        <v>0.36054234780805039</v>
      </c>
      <c r="J6604">
        <f t="shared" si="735"/>
        <v>4.5130519643399021</v>
      </c>
      <c r="K6604">
        <f t="shared" si="736"/>
        <v>0.21988394490268132</v>
      </c>
      <c r="L6604">
        <f t="shared" si="737"/>
        <v>0.10994197245134066</v>
      </c>
      <c r="M6604">
        <f t="shared" si="738"/>
        <v>0</v>
      </c>
      <c r="N6604" s="45">
        <f t="shared" si="739"/>
        <v>45200.749999984066</v>
      </c>
    </row>
    <row r="6605" spans="2:14" x14ac:dyDescent="0.25">
      <c r="B6605">
        <f t="shared" si="733"/>
        <v>7</v>
      </c>
      <c r="C6605" s="16">
        <v>6571</v>
      </c>
      <c r="D6605" cm="1">
        <f t="array" ref="D6605">IFERROR(INDEX(Jesper!AH$2:AH$366,ROUNDDOWN($C6605/24,0)+1,1)*INDEX($D$3:$AA$30,INDEX(Jesper!$R$2:$R$366,ROW(INDEX(Jesper!AH$2:AH$366,ROUNDDOWN($C6605/24,0)+1,1))-1)+IF('Standard Profiles'!$G$18=$B$10,7,0)+IF('Standard Profiles'!$G$18=$B$17,14,0)+IF('Standard Profiles'!$G$18=$B$24,21,0),MOD($C6605,24)+1)/SUM(INDEX($D$3:$AA$30,INDEX(Jesper!$R$2:$R$366,ROW(INDEX(Jesper!AH$2:AH$366,ROUNDDOWN($C6605/24,0)+1,1))-1)+IF('Standard Profiles'!$G$18=$B$10,7,0)+IF('Standard Profiles'!$G$18=$B$17,14,0)+IF('Standard Profiles'!$G$18=$B$24,21,0),0)),0)</f>
        <v>0</v>
      </c>
      <c r="E6605" cm="1">
        <f t="array" ref="E6605">IFERROR(INDEX(Jesper!AI$2:AI$366,ROUNDDOWN($C6605/24,0)+1,1)*INDEX($D$3:$AA$30,INDEX(Jesper!$R$2:$R$366,ROW(INDEX(Jesper!AI$2:AI$366,ROUNDDOWN($C6605/24,0)+1,1))-1)+IF('Standard Profiles'!$G$19=$B$10,7,0)+IF('Standard Profiles'!$G$19=$B$17,14,0)+IF('Standard Profiles'!$G$19=$B$24,21,0),MOD($C6605,24)+1)/SUM(INDEX($D$3:$AA$30,INDEX(Jesper!$R$2:$R$366,ROW(INDEX(Jesper!AI$2:AI$366,ROUNDDOWN($C6605/24,0)+1,1))-1)+IF('Standard Profiles'!$G$19=$B$10,7,0)+IF('Standard Profiles'!$G$19=$B$17,14,0)+IF('Standard Profiles'!$G$19=$B$24,21,0),0)),0)</f>
        <v>2.7485493112835164</v>
      </c>
      <c r="F6605" cm="1">
        <f t="array" ref="F6605">IFERROR(INDEX(Jesper!AJ$2:AJ$366,ROUNDDOWN($C6605/24,0)+1,1)*INDEX($D$3:$AA$30,INDEX(Jesper!$R$2:$R$366,ROW(INDEX(Jesper!AJ$2:AJ$366,ROUNDDOWN($C6605/24,0)+1,1))-1)+IF('Standard Profiles'!$G$20=$B$10,7,0)+IF('Standard Profiles'!$G$20=$B$17,14,0)+IF('Standard Profiles'!$G$20=$B$24,21,0),MOD($C6605,24)+1)/SUM(INDEX($D$3:$AA$30,INDEX(Jesper!$R$2:$R$366,ROW(INDEX(Jesper!AJ$2:AJ$366,ROUNDDOWN($C6605/24,0)+1,1))-1)+IF('Standard Profiles'!$G$20=$B$10,7,0)+IF('Standard Profiles'!$G$20=$B$17,14,0)+IF('Standard Profiles'!$G$20=$B$24,21,0),0)),0)</f>
        <v>1.2816011239654492</v>
      </c>
      <c r="G6605" cm="1">
        <f t="array" ref="G6605">IFERROR(INDEX(Jesper!AK$2:AK$366,ROUNDDOWN($C6605/24,0)+1,1)*INDEX($D$3:$AA$30,INDEX(Jesper!$R$2:$R$366,ROW(INDEX(Jesper!AK$2:AK$366,ROUNDDOWN($C6605/24,0)+1,1))-1)+IF('Standard Profiles'!$G$21=$B$10,7,0)+IF('Standard Profiles'!$G$21=$B$17,14,0)+IF('Standard Profiles'!$G$21=$B$24,21,0),MOD($C6605,24)+1)/SUM(INDEX($D$3:$AA$30,INDEX(Jesper!$R$2:$R$366,ROW(INDEX(Jesper!AK$2:AK$366,ROUNDDOWN($C6605/24,0)+1,1))-1)+IF('Standard Profiles'!$G$21=$B$10,7,0)+IF('Standard Profiles'!$G$21=$B$17,14,0)+IF('Standard Profiles'!$G$21=$B$24,21,0),0)),0)</f>
        <v>0.7977048486196231</v>
      </c>
      <c r="H6605" cm="1">
        <f t="array" ref="H6605">IFERROR(INDEX(Jesper!AL$2:AL$366,ROUNDDOWN($C6605/24,0)+1,1)*INDEX($D$3:$AA$30,INDEX(Jesper!$R$2:$R$366,ROW(INDEX(Jesper!AL$2:AL$366,ROUNDDOWN($C6605/24,0)+1,1))-1)+IF('Standard Profiles'!$G$22=$B$10,7,0)+IF('Standard Profiles'!$G$22=$B$17,14,0)+IF('Standard Profiles'!$G$22=$B$24,21,0),MOD($C6605,24)+1)/SUM(INDEX($D$3:$AA$30,INDEX(Jesper!$R$2:$R$366,ROW(INDEX(Jesper!AL$2:AL$366,ROUNDDOWN($C6605/24,0)+1,1))-1)+IF('Standard Profiles'!$G$22=$B$10,7,0)+IF('Standard Profiles'!$G$22=$B$17,14,0)+IF('Standard Profiles'!$G$22=$B$24,21,0),0)),0)</f>
        <v>0.31581597700989245</v>
      </c>
      <c r="I6605">
        <f t="shared" si="734"/>
        <v>0.30318333792949692</v>
      </c>
      <c r="J6605">
        <f t="shared" si="735"/>
        <v>4.5106620055949627</v>
      </c>
      <c r="K6605">
        <f t="shared" si="736"/>
        <v>0.21988394490268132</v>
      </c>
      <c r="L6605">
        <f t="shared" si="737"/>
        <v>0.10994197245134066</v>
      </c>
      <c r="M6605">
        <f t="shared" si="738"/>
        <v>0</v>
      </c>
      <c r="N6605" s="45">
        <f t="shared" si="739"/>
        <v>45200.79166665073</v>
      </c>
    </row>
    <row r="6606" spans="2:14" x14ac:dyDescent="0.25">
      <c r="B6606">
        <f t="shared" si="733"/>
        <v>7</v>
      </c>
      <c r="C6606" s="16">
        <v>6572</v>
      </c>
      <c r="D6606" cm="1">
        <f t="array" ref="D6606">IFERROR(INDEX(Jesper!AH$2:AH$366,ROUNDDOWN($C6606/24,0)+1,1)*INDEX($D$3:$AA$30,INDEX(Jesper!$R$2:$R$366,ROW(INDEX(Jesper!AH$2:AH$366,ROUNDDOWN($C6606/24,0)+1,1))-1)+IF('Standard Profiles'!$G$18=$B$10,7,0)+IF('Standard Profiles'!$G$18=$B$17,14,0)+IF('Standard Profiles'!$G$18=$B$24,21,0),MOD($C6606,24)+1)/SUM(INDEX($D$3:$AA$30,INDEX(Jesper!$R$2:$R$366,ROW(INDEX(Jesper!AH$2:AH$366,ROUNDDOWN($C6606/24,0)+1,1))-1)+IF('Standard Profiles'!$G$18=$B$10,7,0)+IF('Standard Profiles'!$G$18=$B$17,14,0)+IF('Standard Profiles'!$G$18=$B$24,21,0),0)),0)</f>
        <v>0</v>
      </c>
      <c r="E6606" cm="1">
        <f t="array" ref="E6606">IFERROR(INDEX(Jesper!AI$2:AI$366,ROUNDDOWN($C6606/24,0)+1,1)*INDEX($D$3:$AA$30,INDEX(Jesper!$R$2:$R$366,ROW(INDEX(Jesper!AI$2:AI$366,ROUNDDOWN($C6606/24,0)+1,1))-1)+IF('Standard Profiles'!$G$19=$B$10,7,0)+IF('Standard Profiles'!$G$19=$B$17,14,0)+IF('Standard Profiles'!$G$19=$B$24,21,0),MOD($C6606,24)+1)/SUM(INDEX($D$3:$AA$30,INDEX(Jesper!$R$2:$R$366,ROW(INDEX(Jesper!AI$2:AI$366,ROUNDDOWN($C6606/24,0)+1,1))-1)+IF('Standard Profiles'!$G$19=$B$10,7,0)+IF('Standard Profiles'!$G$19=$B$17,14,0)+IF('Standard Profiles'!$G$19=$B$24,21,0),0)),0)</f>
        <v>2.7485493112835164</v>
      </c>
      <c r="F6606" cm="1">
        <f t="array" ref="F6606">IFERROR(INDEX(Jesper!AJ$2:AJ$366,ROUNDDOWN($C6606/24,0)+1,1)*INDEX($D$3:$AA$30,INDEX(Jesper!$R$2:$R$366,ROW(INDEX(Jesper!AJ$2:AJ$366,ROUNDDOWN($C6606/24,0)+1,1))-1)+IF('Standard Profiles'!$G$20=$B$10,7,0)+IF('Standard Profiles'!$G$20=$B$17,14,0)+IF('Standard Profiles'!$G$20=$B$24,21,0),MOD($C6606,24)+1)/SUM(INDEX($D$3:$AA$30,INDEX(Jesper!$R$2:$R$366,ROW(INDEX(Jesper!AJ$2:AJ$366,ROUNDDOWN($C6606/24,0)+1,1))-1)+IF('Standard Profiles'!$G$20=$B$10,7,0)+IF('Standard Profiles'!$G$20=$B$17,14,0)+IF('Standard Profiles'!$G$20=$B$24,21,0),0)),0)</f>
        <v>1.2816011239654492</v>
      </c>
      <c r="G6606" cm="1">
        <f t="array" ref="G6606">IFERROR(INDEX(Jesper!AK$2:AK$366,ROUNDDOWN($C6606/24,0)+1,1)*INDEX($D$3:$AA$30,INDEX(Jesper!$R$2:$R$366,ROW(INDEX(Jesper!AK$2:AK$366,ROUNDDOWN($C6606/24,0)+1,1))-1)+IF('Standard Profiles'!$G$21=$B$10,7,0)+IF('Standard Profiles'!$G$21=$B$17,14,0)+IF('Standard Profiles'!$G$21=$B$24,21,0),MOD($C6606,24)+1)/SUM(INDEX($D$3:$AA$30,INDEX(Jesper!$R$2:$R$366,ROW(INDEX(Jesper!AK$2:AK$366,ROUNDDOWN($C6606/24,0)+1,1))-1)+IF('Standard Profiles'!$G$21=$B$10,7,0)+IF('Standard Profiles'!$G$21=$B$17,14,0)+IF('Standard Profiles'!$G$21=$B$24,21,0),0)),0)</f>
        <v>0.7977048486196231</v>
      </c>
      <c r="H6606" cm="1">
        <f t="array" ref="H6606">IFERROR(INDEX(Jesper!AL$2:AL$366,ROUNDDOWN($C6606/24,0)+1,1)*INDEX($D$3:$AA$30,INDEX(Jesper!$R$2:$R$366,ROW(INDEX(Jesper!AL$2:AL$366,ROUNDDOWN($C6606/24,0)+1,1))-1)+IF('Standard Profiles'!$G$22=$B$10,7,0)+IF('Standard Profiles'!$G$22=$B$17,14,0)+IF('Standard Profiles'!$G$22=$B$24,21,0),MOD($C6606,24)+1)/SUM(INDEX($D$3:$AA$30,INDEX(Jesper!$R$2:$R$366,ROW(INDEX(Jesper!AL$2:AL$366,ROUNDDOWN($C6606/24,0)+1,1))-1)+IF('Standard Profiles'!$G$22=$B$10,7,0)+IF('Standard Profiles'!$G$22=$B$17,14,0)+IF('Standard Profiles'!$G$22=$B$24,21,0),0)),0)</f>
        <v>0.26460257533261256</v>
      </c>
      <c r="I6606">
        <f t="shared" si="734"/>
        <v>0.25401847231930819</v>
      </c>
      <c r="J6606">
        <f t="shared" si="735"/>
        <v>4.5086134695278712</v>
      </c>
      <c r="K6606">
        <f t="shared" si="736"/>
        <v>0.21988394490268132</v>
      </c>
      <c r="L6606">
        <f t="shared" si="737"/>
        <v>0.10994197245134066</v>
      </c>
      <c r="M6606">
        <f t="shared" si="738"/>
        <v>0</v>
      </c>
      <c r="N6606" s="45">
        <f t="shared" si="739"/>
        <v>45200.833333317394</v>
      </c>
    </row>
    <row r="6607" spans="2:14" x14ac:dyDescent="0.25">
      <c r="B6607">
        <f t="shared" si="733"/>
        <v>7</v>
      </c>
      <c r="C6607" s="16">
        <v>6573</v>
      </c>
      <c r="D6607" cm="1">
        <f t="array" ref="D6607">IFERROR(INDEX(Jesper!AH$2:AH$366,ROUNDDOWN($C6607/24,0)+1,1)*INDEX($D$3:$AA$30,INDEX(Jesper!$R$2:$R$366,ROW(INDEX(Jesper!AH$2:AH$366,ROUNDDOWN($C6607/24,0)+1,1))-1)+IF('Standard Profiles'!$G$18=$B$10,7,0)+IF('Standard Profiles'!$G$18=$B$17,14,0)+IF('Standard Profiles'!$G$18=$B$24,21,0),MOD($C6607,24)+1)/SUM(INDEX($D$3:$AA$30,INDEX(Jesper!$R$2:$R$366,ROW(INDEX(Jesper!AH$2:AH$366,ROUNDDOWN($C6607/24,0)+1,1))-1)+IF('Standard Profiles'!$G$18=$B$10,7,0)+IF('Standard Profiles'!$G$18=$B$17,14,0)+IF('Standard Profiles'!$G$18=$B$24,21,0),0)),0)</f>
        <v>0</v>
      </c>
      <c r="E6607" cm="1">
        <f t="array" ref="E6607">IFERROR(INDEX(Jesper!AI$2:AI$366,ROUNDDOWN($C6607/24,0)+1,1)*INDEX($D$3:$AA$30,INDEX(Jesper!$R$2:$R$366,ROW(INDEX(Jesper!AI$2:AI$366,ROUNDDOWN($C6607/24,0)+1,1))-1)+IF('Standard Profiles'!$G$19=$B$10,7,0)+IF('Standard Profiles'!$G$19=$B$17,14,0)+IF('Standard Profiles'!$G$19=$B$24,21,0),MOD($C6607,24)+1)/SUM(INDEX($D$3:$AA$30,INDEX(Jesper!$R$2:$R$366,ROW(INDEX(Jesper!AI$2:AI$366,ROUNDDOWN($C6607/24,0)+1,1))-1)+IF('Standard Profiles'!$G$19=$B$10,7,0)+IF('Standard Profiles'!$G$19=$B$17,14,0)+IF('Standard Profiles'!$G$19=$B$24,21,0),0)),0)</f>
        <v>2.7485493112835164</v>
      </c>
      <c r="F6607" cm="1">
        <f t="array" ref="F6607">IFERROR(INDEX(Jesper!AJ$2:AJ$366,ROUNDDOWN($C6607/24,0)+1,1)*INDEX($D$3:$AA$30,INDEX(Jesper!$R$2:$R$366,ROW(INDEX(Jesper!AJ$2:AJ$366,ROUNDDOWN($C6607/24,0)+1,1))-1)+IF('Standard Profiles'!$G$20=$B$10,7,0)+IF('Standard Profiles'!$G$20=$B$17,14,0)+IF('Standard Profiles'!$G$20=$B$24,21,0),MOD($C6607,24)+1)/SUM(INDEX($D$3:$AA$30,INDEX(Jesper!$R$2:$R$366,ROW(INDEX(Jesper!AJ$2:AJ$366,ROUNDDOWN($C6607/24,0)+1,1))-1)+IF('Standard Profiles'!$G$20=$B$10,7,0)+IF('Standard Profiles'!$G$20=$B$17,14,0)+IF('Standard Profiles'!$G$20=$B$24,21,0),0)),0)</f>
        <v>1.2816011239654492</v>
      </c>
      <c r="G6607" cm="1">
        <f t="array" ref="G6607">IFERROR(INDEX(Jesper!AK$2:AK$366,ROUNDDOWN($C6607/24,0)+1,1)*INDEX($D$3:$AA$30,INDEX(Jesper!$R$2:$R$366,ROW(INDEX(Jesper!AK$2:AK$366,ROUNDDOWN($C6607/24,0)+1,1))-1)+IF('Standard Profiles'!$G$21=$B$10,7,0)+IF('Standard Profiles'!$G$21=$B$17,14,0)+IF('Standard Profiles'!$G$21=$B$24,21,0),MOD($C6607,24)+1)/SUM(INDEX($D$3:$AA$30,INDEX(Jesper!$R$2:$R$366,ROW(INDEX(Jesper!AK$2:AK$366,ROUNDDOWN($C6607/24,0)+1,1))-1)+IF('Standard Profiles'!$G$21=$B$10,7,0)+IF('Standard Profiles'!$G$21=$B$17,14,0)+IF('Standard Profiles'!$G$21=$B$24,21,0),0)),0)</f>
        <v>0.7977048486196231</v>
      </c>
      <c r="H6607" cm="1">
        <f t="array" ref="H6607">IFERROR(INDEX(Jesper!AL$2:AL$366,ROUNDDOWN($C6607/24,0)+1,1)*INDEX($D$3:$AA$30,INDEX(Jesper!$R$2:$R$366,ROW(INDEX(Jesper!AL$2:AL$366,ROUNDDOWN($C6607/24,0)+1,1))-1)+IF('Standard Profiles'!$G$22=$B$10,7,0)+IF('Standard Profiles'!$G$22=$B$17,14,0)+IF('Standard Profiles'!$G$22=$B$24,21,0),MOD($C6607,24)+1)/SUM(INDEX($D$3:$AA$30,INDEX(Jesper!$R$2:$R$366,ROW(INDEX(Jesper!AL$2:AL$366,ROUNDDOWN($C6607/24,0)+1,1))-1)+IF('Standard Profiles'!$G$22=$B$10,7,0)+IF('Standard Profiles'!$G$22=$B$17,14,0)+IF('Standard Profiles'!$G$22=$B$24,21,0),0)),0)</f>
        <v>0.23046030754775934</v>
      </c>
      <c r="I6607">
        <f t="shared" si="734"/>
        <v>0.22124189524584909</v>
      </c>
      <c r="J6607">
        <f t="shared" si="735"/>
        <v>4.5072477788164775</v>
      </c>
      <c r="K6607">
        <f t="shared" si="736"/>
        <v>0.21988394490268132</v>
      </c>
      <c r="L6607">
        <f t="shared" si="737"/>
        <v>0.10994197245134066</v>
      </c>
      <c r="M6607">
        <f t="shared" si="738"/>
        <v>0</v>
      </c>
      <c r="N6607" s="45">
        <f t="shared" si="739"/>
        <v>45200.874999984058</v>
      </c>
    </row>
    <row r="6608" spans="2:14" x14ac:dyDescent="0.25">
      <c r="B6608">
        <f t="shared" si="733"/>
        <v>7</v>
      </c>
      <c r="C6608" s="16">
        <v>6574</v>
      </c>
      <c r="D6608" cm="1">
        <f t="array" ref="D6608">IFERROR(INDEX(Jesper!AH$2:AH$366,ROUNDDOWN($C6608/24,0)+1,1)*INDEX($D$3:$AA$30,INDEX(Jesper!$R$2:$R$366,ROW(INDEX(Jesper!AH$2:AH$366,ROUNDDOWN($C6608/24,0)+1,1))-1)+IF('Standard Profiles'!$G$18=$B$10,7,0)+IF('Standard Profiles'!$G$18=$B$17,14,0)+IF('Standard Profiles'!$G$18=$B$24,21,0),MOD($C6608,24)+1)/SUM(INDEX($D$3:$AA$30,INDEX(Jesper!$R$2:$R$366,ROW(INDEX(Jesper!AH$2:AH$366,ROUNDDOWN($C6608/24,0)+1,1))-1)+IF('Standard Profiles'!$G$18=$B$10,7,0)+IF('Standard Profiles'!$G$18=$B$17,14,0)+IF('Standard Profiles'!$G$18=$B$24,21,0),0)),0)</f>
        <v>0</v>
      </c>
      <c r="E6608" cm="1">
        <f t="array" ref="E6608">IFERROR(INDEX(Jesper!AI$2:AI$366,ROUNDDOWN($C6608/24,0)+1,1)*INDEX($D$3:$AA$30,INDEX(Jesper!$R$2:$R$366,ROW(INDEX(Jesper!AI$2:AI$366,ROUNDDOWN($C6608/24,0)+1,1))-1)+IF('Standard Profiles'!$G$19=$B$10,7,0)+IF('Standard Profiles'!$G$19=$B$17,14,0)+IF('Standard Profiles'!$G$19=$B$24,21,0),MOD($C6608,24)+1)/SUM(INDEX($D$3:$AA$30,INDEX(Jesper!$R$2:$R$366,ROW(INDEX(Jesper!AI$2:AI$366,ROUNDDOWN($C6608/24,0)+1,1))-1)+IF('Standard Profiles'!$G$19=$B$10,7,0)+IF('Standard Profiles'!$G$19=$B$17,14,0)+IF('Standard Profiles'!$G$19=$B$24,21,0),0)),0)</f>
        <v>2.7485493112835164</v>
      </c>
      <c r="F6608" cm="1">
        <f t="array" ref="F6608">IFERROR(INDEX(Jesper!AJ$2:AJ$366,ROUNDDOWN($C6608/24,0)+1,1)*INDEX($D$3:$AA$30,INDEX(Jesper!$R$2:$R$366,ROW(INDEX(Jesper!AJ$2:AJ$366,ROUNDDOWN($C6608/24,0)+1,1))-1)+IF('Standard Profiles'!$G$20=$B$10,7,0)+IF('Standard Profiles'!$G$20=$B$17,14,0)+IF('Standard Profiles'!$G$20=$B$24,21,0),MOD($C6608,24)+1)/SUM(INDEX($D$3:$AA$30,INDEX(Jesper!$R$2:$R$366,ROW(INDEX(Jesper!AJ$2:AJ$366,ROUNDDOWN($C6608/24,0)+1,1))-1)+IF('Standard Profiles'!$G$20=$B$10,7,0)+IF('Standard Profiles'!$G$20=$B$17,14,0)+IF('Standard Profiles'!$G$20=$B$24,21,0),0)),0)</f>
        <v>1.2816011239654492</v>
      </c>
      <c r="G6608" cm="1">
        <f t="array" ref="G6608">IFERROR(INDEX(Jesper!AK$2:AK$366,ROUNDDOWN($C6608/24,0)+1,1)*INDEX($D$3:$AA$30,INDEX(Jesper!$R$2:$R$366,ROW(INDEX(Jesper!AK$2:AK$366,ROUNDDOWN($C6608/24,0)+1,1))-1)+IF('Standard Profiles'!$G$21=$B$10,7,0)+IF('Standard Profiles'!$G$21=$B$17,14,0)+IF('Standard Profiles'!$G$21=$B$24,21,0),MOD($C6608,24)+1)/SUM(INDEX($D$3:$AA$30,INDEX(Jesper!$R$2:$R$366,ROW(INDEX(Jesper!AK$2:AK$366,ROUNDDOWN($C6608/24,0)+1,1))-1)+IF('Standard Profiles'!$G$21=$B$10,7,0)+IF('Standard Profiles'!$G$21=$B$17,14,0)+IF('Standard Profiles'!$G$21=$B$24,21,0),0)),0)</f>
        <v>0.7977048486196231</v>
      </c>
      <c r="H6608" cm="1">
        <f t="array" ref="H6608">IFERROR(INDEX(Jesper!AL$2:AL$366,ROUNDDOWN($C6608/24,0)+1,1)*INDEX($D$3:$AA$30,INDEX(Jesper!$R$2:$R$366,ROW(INDEX(Jesper!AL$2:AL$366,ROUNDDOWN($C6608/24,0)+1,1))-1)+IF('Standard Profiles'!$G$22=$B$10,7,0)+IF('Standard Profiles'!$G$22=$B$17,14,0)+IF('Standard Profiles'!$G$22=$B$24,21,0),MOD($C6608,24)+1)/SUM(INDEX($D$3:$AA$30,INDEX(Jesper!$R$2:$R$366,ROW(INDEX(Jesper!AL$2:AL$366,ROUNDDOWN($C6608/24,0)+1,1))-1)+IF('Standard Profiles'!$G$22=$B$10,7,0)+IF('Standard Profiles'!$G$22=$B$17,14,0)+IF('Standard Profiles'!$G$22=$B$24,21,0),0)),0)</f>
        <v>0.23046030754775934</v>
      </c>
      <c r="I6608">
        <f t="shared" si="734"/>
        <v>0.22124189524584909</v>
      </c>
      <c r="J6608">
        <f t="shared" si="735"/>
        <v>4.5072477788164775</v>
      </c>
      <c r="K6608">
        <f t="shared" si="736"/>
        <v>0.21988394490268132</v>
      </c>
      <c r="L6608">
        <f t="shared" si="737"/>
        <v>0.10994197245134066</v>
      </c>
      <c r="M6608">
        <f t="shared" si="738"/>
        <v>0</v>
      </c>
      <c r="N6608" s="45">
        <f t="shared" si="739"/>
        <v>45200.916666650723</v>
      </c>
    </row>
    <row r="6609" spans="2:14" x14ac:dyDescent="0.25">
      <c r="B6609">
        <f t="shared" si="733"/>
        <v>7</v>
      </c>
      <c r="C6609" s="16">
        <v>6575</v>
      </c>
      <c r="D6609" cm="1">
        <f t="array" ref="D6609">IFERROR(INDEX(Jesper!AH$2:AH$366,ROUNDDOWN($C6609/24,0)+1,1)*INDEX($D$3:$AA$30,INDEX(Jesper!$R$2:$R$366,ROW(INDEX(Jesper!AH$2:AH$366,ROUNDDOWN($C6609/24,0)+1,1))-1)+IF('Standard Profiles'!$G$18=$B$10,7,0)+IF('Standard Profiles'!$G$18=$B$17,14,0)+IF('Standard Profiles'!$G$18=$B$24,21,0),MOD($C6609,24)+1)/SUM(INDEX($D$3:$AA$30,INDEX(Jesper!$R$2:$R$366,ROW(INDEX(Jesper!AH$2:AH$366,ROUNDDOWN($C6609/24,0)+1,1))-1)+IF('Standard Profiles'!$G$18=$B$10,7,0)+IF('Standard Profiles'!$G$18=$B$17,14,0)+IF('Standard Profiles'!$G$18=$B$24,21,0),0)),0)</f>
        <v>0</v>
      </c>
      <c r="E6609" cm="1">
        <f t="array" ref="E6609">IFERROR(INDEX(Jesper!AI$2:AI$366,ROUNDDOWN($C6609/24,0)+1,1)*INDEX($D$3:$AA$30,INDEX(Jesper!$R$2:$R$366,ROW(INDEX(Jesper!AI$2:AI$366,ROUNDDOWN($C6609/24,0)+1,1))-1)+IF('Standard Profiles'!$G$19=$B$10,7,0)+IF('Standard Profiles'!$G$19=$B$17,14,0)+IF('Standard Profiles'!$G$19=$B$24,21,0),MOD($C6609,24)+1)/SUM(INDEX($D$3:$AA$30,INDEX(Jesper!$R$2:$R$366,ROW(INDEX(Jesper!AI$2:AI$366,ROUNDDOWN($C6609/24,0)+1,1))-1)+IF('Standard Profiles'!$G$19=$B$10,7,0)+IF('Standard Profiles'!$G$19=$B$17,14,0)+IF('Standard Profiles'!$G$19=$B$24,21,0),0)),0)</f>
        <v>2.7485493112835164</v>
      </c>
      <c r="F6609" cm="1">
        <f t="array" ref="F6609">IFERROR(INDEX(Jesper!AJ$2:AJ$366,ROUNDDOWN($C6609/24,0)+1,1)*INDEX($D$3:$AA$30,INDEX(Jesper!$R$2:$R$366,ROW(INDEX(Jesper!AJ$2:AJ$366,ROUNDDOWN($C6609/24,0)+1,1))-1)+IF('Standard Profiles'!$G$20=$B$10,7,0)+IF('Standard Profiles'!$G$20=$B$17,14,0)+IF('Standard Profiles'!$G$20=$B$24,21,0),MOD($C6609,24)+1)/SUM(INDEX($D$3:$AA$30,INDEX(Jesper!$R$2:$R$366,ROW(INDEX(Jesper!AJ$2:AJ$366,ROUNDDOWN($C6609/24,0)+1,1))-1)+IF('Standard Profiles'!$G$20=$B$10,7,0)+IF('Standard Profiles'!$G$20=$B$17,14,0)+IF('Standard Profiles'!$G$20=$B$24,21,0),0)),0)</f>
        <v>1.2816011239654492</v>
      </c>
      <c r="G6609" cm="1">
        <f t="array" ref="G6609">IFERROR(INDEX(Jesper!AK$2:AK$366,ROUNDDOWN($C6609/24,0)+1,1)*INDEX($D$3:$AA$30,INDEX(Jesper!$R$2:$R$366,ROW(INDEX(Jesper!AK$2:AK$366,ROUNDDOWN($C6609/24,0)+1,1))-1)+IF('Standard Profiles'!$G$21=$B$10,7,0)+IF('Standard Profiles'!$G$21=$B$17,14,0)+IF('Standard Profiles'!$G$21=$B$24,21,0),MOD($C6609,24)+1)/SUM(INDEX($D$3:$AA$30,INDEX(Jesper!$R$2:$R$366,ROW(INDEX(Jesper!AK$2:AK$366,ROUNDDOWN($C6609/24,0)+1,1))-1)+IF('Standard Profiles'!$G$21=$B$10,7,0)+IF('Standard Profiles'!$G$21=$B$17,14,0)+IF('Standard Profiles'!$G$21=$B$24,21,0),0)),0)</f>
        <v>0.7977048486196231</v>
      </c>
      <c r="H6609" cm="1">
        <f t="array" ref="H6609">IFERROR(INDEX(Jesper!AL$2:AL$366,ROUNDDOWN($C6609/24,0)+1,1)*INDEX($D$3:$AA$30,INDEX(Jesper!$R$2:$R$366,ROW(INDEX(Jesper!AL$2:AL$366,ROUNDDOWN($C6609/24,0)+1,1))-1)+IF('Standard Profiles'!$G$22=$B$10,7,0)+IF('Standard Profiles'!$G$22=$B$17,14,0)+IF('Standard Profiles'!$G$22=$B$24,21,0),MOD($C6609,24)+1)/SUM(INDEX($D$3:$AA$30,INDEX(Jesper!$R$2:$R$366,ROW(INDEX(Jesper!AL$2:AL$366,ROUNDDOWN($C6609/24,0)+1,1))-1)+IF('Standard Profiles'!$G$22=$B$10,7,0)+IF('Standard Profiles'!$G$22=$B$17,14,0)+IF('Standard Profiles'!$G$22=$B$24,21,0),0)),0)</f>
        <v>0.23046030754775934</v>
      </c>
      <c r="I6609">
        <f t="shared" si="734"/>
        <v>0.22124189524584909</v>
      </c>
      <c r="J6609">
        <f t="shared" si="735"/>
        <v>4.5072477788164775</v>
      </c>
      <c r="K6609">
        <f t="shared" si="736"/>
        <v>0.21988394490268132</v>
      </c>
      <c r="L6609">
        <f t="shared" si="737"/>
        <v>0.10994197245134066</v>
      </c>
      <c r="M6609">
        <f t="shared" si="738"/>
        <v>0</v>
      </c>
      <c r="N6609" s="45">
        <f t="shared" si="739"/>
        <v>45200.958333317387</v>
      </c>
    </row>
    <row r="6610" spans="2:14" x14ac:dyDescent="0.25">
      <c r="B6610">
        <f t="shared" si="733"/>
        <v>1</v>
      </c>
      <c r="C6610" s="16">
        <v>6576</v>
      </c>
      <c r="D6610" cm="1">
        <f t="array" ref="D6610">IFERROR(INDEX(Jesper!AH$2:AH$366,ROUNDDOWN($C6610/24,0)+1,1)*INDEX($D$3:$AA$30,INDEX(Jesper!$R$2:$R$366,ROW(INDEX(Jesper!AH$2:AH$366,ROUNDDOWN($C6610/24,0)+1,1))-1)+IF('Standard Profiles'!$G$18=$B$10,7,0)+IF('Standard Profiles'!$G$18=$B$17,14,0)+IF('Standard Profiles'!$G$18=$B$24,21,0),MOD($C6610,24)+1)/SUM(INDEX($D$3:$AA$30,INDEX(Jesper!$R$2:$R$366,ROW(INDEX(Jesper!AH$2:AH$366,ROUNDDOWN($C6610/24,0)+1,1))-1)+IF('Standard Profiles'!$G$18=$B$10,7,0)+IF('Standard Profiles'!$G$18=$B$17,14,0)+IF('Standard Profiles'!$G$18=$B$24,21,0),0)),0)</f>
        <v>5.1874692762429238</v>
      </c>
      <c r="E6610" cm="1">
        <f t="array" ref="E6610">IFERROR(INDEX(Jesper!AI$2:AI$366,ROUNDDOWN($C6610/24,0)+1,1)*INDEX($D$3:$AA$30,INDEX(Jesper!$R$2:$R$366,ROW(INDEX(Jesper!AI$2:AI$366,ROUNDDOWN($C6610/24,0)+1,1))-1)+IF('Standard Profiles'!$G$19=$B$10,7,0)+IF('Standard Profiles'!$G$19=$B$17,14,0)+IF('Standard Profiles'!$G$19=$B$24,21,0),MOD($C6610,24)+1)/SUM(INDEX($D$3:$AA$30,INDEX(Jesper!$R$2:$R$366,ROW(INDEX(Jesper!AI$2:AI$366,ROUNDDOWN($C6610/24,0)+1,1))-1)+IF('Standard Profiles'!$G$19=$B$10,7,0)+IF('Standard Profiles'!$G$19=$B$17,14,0)+IF('Standard Profiles'!$G$19=$B$24,21,0),0)),0)</f>
        <v>2.2832319618785455</v>
      </c>
      <c r="F6610" cm="1">
        <f t="array" ref="F6610">IFERROR(INDEX(Jesper!AJ$2:AJ$366,ROUNDDOWN($C6610/24,0)+1,1)*INDEX($D$3:$AA$30,INDEX(Jesper!$R$2:$R$366,ROW(INDEX(Jesper!AJ$2:AJ$366,ROUNDDOWN($C6610/24,0)+1,1))-1)+IF('Standard Profiles'!$G$20=$B$10,7,0)+IF('Standard Profiles'!$G$20=$B$17,14,0)+IF('Standard Profiles'!$G$20=$B$24,21,0),MOD($C6610,24)+1)/SUM(INDEX($D$3:$AA$30,INDEX(Jesper!$R$2:$R$366,ROW(INDEX(Jesper!AJ$2:AJ$366,ROUNDDOWN($C6610/24,0)+1,1))-1)+IF('Standard Profiles'!$G$20=$B$10,7,0)+IF('Standard Profiles'!$G$20=$B$17,14,0)+IF('Standard Profiles'!$G$20=$B$24,21,0),0)),0)</f>
        <v>0</v>
      </c>
      <c r="G6610" cm="1">
        <f t="array" ref="G6610">IFERROR(INDEX(Jesper!AK$2:AK$366,ROUNDDOWN($C6610/24,0)+1,1)*INDEX($D$3:$AA$30,INDEX(Jesper!$R$2:$R$366,ROW(INDEX(Jesper!AK$2:AK$366,ROUNDDOWN($C6610/24,0)+1,1))-1)+IF('Standard Profiles'!$G$21=$B$10,7,0)+IF('Standard Profiles'!$G$21=$B$17,14,0)+IF('Standard Profiles'!$G$21=$B$24,21,0),MOD($C6610,24)+1)/SUM(INDEX($D$3:$AA$30,INDEX(Jesper!$R$2:$R$366,ROW(INDEX(Jesper!AK$2:AK$366,ROUNDDOWN($C6610/24,0)+1,1))-1)+IF('Standard Profiles'!$G$21=$B$10,7,0)+IF('Standard Profiles'!$G$21=$B$17,14,0)+IF('Standard Profiles'!$G$21=$B$24,21,0),0)),0)</f>
        <v>0.24790311161051212</v>
      </c>
      <c r="H6610" cm="1">
        <f t="array" ref="H6610">IFERROR(INDEX(Jesper!AL$2:AL$366,ROUNDDOWN($C6610/24,0)+1,1)*INDEX($D$3:$AA$30,INDEX(Jesper!$R$2:$R$366,ROW(INDEX(Jesper!AL$2:AL$366,ROUNDDOWN($C6610/24,0)+1,1))-1)+IF('Standard Profiles'!$G$22=$B$10,7,0)+IF('Standard Profiles'!$G$22=$B$17,14,0)+IF('Standard Profiles'!$G$22=$B$24,21,0),MOD($C6610,24)+1)/SUM(INDEX($D$3:$AA$30,INDEX(Jesper!$R$2:$R$366,ROW(INDEX(Jesper!AL$2:AL$366,ROUNDDOWN($C6610/24,0)+1,1))-1)+IF('Standard Profiles'!$G$22=$B$10,7,0)+IF('Standard Profiles'!$G$22=$B$17,14,0)+IF('Standard Profiles'!$G$22=$B$24,21,0),0)),0)</f>
        <v>0</v>
      </c>
      <c r="I6610">
        <f t="shared" si="734"/>
        <v>0.11899349357304576</v>
      </c>
      <c r="J6610">
        <f t="shared" si="735"/>
        <v>6.7696157719600683</v>
      </c>
      <c r="K6610">
        <f t="shared" si="736"/>
        <v>0.55333005613257857</v>
      </c>
      <c r="L6610">
        <f t="shared" si="737"/>
        <v>0.27666502806628929</v>
      </c>
      <c r="M6610">
        <f t="shared" si="738"/>
        <v>0</v>
      </c>
      <c r="N6610" s="45">
        <f t="shared" si="739"/>
        <v>45200.999999984051</v>
      </c>
    </row>
    <row r="6611" spans="2:14" x14ac:dyDescent="0.25">
      <c r="B6611">
        <f t="shared" si="733"/>
        <v>1</v>
      </c>
      <c r="C6611" s="16">
        <v>6577</v>
      </c>
      <c r="D6611" cm="1">
        <f t="array" ref="D6611">IFERROR(INDEX(Jesper!AH$2:AH$366,ROUNDDOWN($C6611/24,0)+1,1)*INDEX($D$3:$AA$30,INDEX(Jesper!$R$2:$R$366,ROW(INDEX(Jesper!AH$2:AH$366,ROUNDDOWN($C6611/24,0)+1,1))-1)+IF('Standard Profiles'!$G$18=$B$10,7,0)+IF('Standard Profiles'!$G$18=$B$17,14,0)+IF('Standard Profiles'!$G$18=$B$24,21,0),MOD($C6611,24)+1)/SUM(INDEX($D$3:$AA$30,INDEX(Jesper!$R$2:$R$366,ROW(INDEX(Jesper!AH$2:AH$366,ROUNDDOWN($C6611/24,0)+1,1))-1)+IF('Standard Profiles'!$G$18=$B$10,7,0)+IF('Standard Profiles'!$G$18=$B$17,14,0)+IF('Standard Profiles'!$G$18=$B$24,21,0),0)),0)</f>
        <v>5.1874692762429238</v>
      </c>
      <c r="E6611" cm="1">
        <f t="array" ref="E6611">IFERROR(INDEX(Jesper!AI$2:AI$366,ROUNDDOWN($C6611/24,0)+1,1)*INDEX($D$3:$AA$30,INDEX(Jesper!$R$2:$R$366,ROW(INDEX(Jesper!AI$2:AI$366,ROUNDDOWN($C6611/24,0)+1,1))-1)+IF('Standard Profiles'!$G$19=$B$10,7,0)+IF('Standard Profiles'!$G$19=$B$17,14,0)+IF('Standard Profiles'!$G$19=$B$24,21,0),MOD($C6611,24)+1)/SUM(INDEX($D$3:$AA$30,INDEX(Jesper!$R$2:$R$366,ROW(INDEX(Jesper!AI$2:AI$366,ROUNDDOWN($C6611/24,0)+1,1))-1)+IF('Standard Profiles'!$G$19=$B$10,7,0)+IF('Standard Profiles'!$G$19=$B$17,14,0)+IF('Standard Profiles'!$G$19=$B$24,21,0),0)),0)</f>
        <v>2.2832319618785455</v>
      </c>
      <c r="F6611" cm="1">
        <f t="array" ref="F6611">IFERROR(INDEX(Jesper!AJ$2:AJ$366,ROUNDDOWN($C6611/24,0)+1,1)*INDEX($D$3:$AA$30,INDEX(Jesper!$R$2:$R$366,ROW(INDEX(Jesper!AJ$2:AJ$366,ROUNDDOWN($C6611/24,0)+1,1))-1)+IF('Standard Profiles'!$G$20=$B$10,7,0)+IF('Standard Profiles'!$G$20=$B$17,14,0)+IF('Standard Profiles'!$G$20=$B$24,21,0),MOD($C6611,24)+1)/SUM(INDEX($D$3:$AA$30,INDEX(Jesper!$R$2:$R$366,ROW(INDEX(Jesper!AJ$2:AJ$366,ROUNDDOWN($C6611/24,0)+1,1))-1)+IF('Standard Profiles'!$G$20=$B$10,7,0)+IF('Standard Profiles'!$G$20=$B$17,14,0)+IF('Standard Profiles'!$G$20=$B$24,21,0),0)),0)</f>
        <v>0</v>
      </c>
      <c r="G6611" cm="1">
        <f t="array" ref="G6611">IFERROR(INDEX(Jesper!AK$2:AK$366,ROUNDDOWN($C6611/24,0)+1,1)*INDEX($D$3:$AA$30,INDEX(Jesper!$R$2:$R$366,ROW(INDEX(Jesper!AK$2:AK$366,ROUNDDOWN($C6611/24,0)+1,1))-1)+IF('Standard Profiles'!$G$21=$B$10,7,0)+IF('Standard Profiles'!$G$21=$B$17,14,0)+IF('Standard Profiles'!$G$21=$B$24,21,0),MOD($C6611,24)+1)/SUM(INDEX($D$3:$AA$30,INDEX(Jesper!$R$2:$R$366,ROW(INDEX(Jesper!AK$2:AK$366,ROUNDDOWN($C6611/24,0)+1,1))-1)+IF('Standard Profiles'!$G$21=$B$10,7,0)+IF('Standard Profiles'!$G$21=$B$17,14,0)+IF('Standard Profiles'!$G$21=$B$24,21,0),0)),0)</f>
        <v>0.24790311161051212</v>
      </c>
      <c r="H6611" cm="1">
        <f t="array" ref="H6611">IFERROR(INDEX(Jesper!AL$2:AL$366,ROUNDDOWN($C6611/24,0)+1,1)*INDEX($D$3:$AA$30,INDEX(Jesper!$R$2:$R$366,ROW(INDEX(Jesper!AL$2:AL$366,ROUNDDOWN($C6611/24,0)+1,1))-1)+IF('Standard Profiles'!$G$22=$B$10,7,0)+IF('Standard Profiles'!$G$22=$B$17,14,0)+IF('Standard Profiles'!$G$22=$B$24,21,0),MOD($C6611,24)+1)/SUM(INDEX($D$3:$AA$30,INDEX(Jesper!$R$2:$R$366,ROW(INDEX(Jesper!AL$2:AL$366,ROUNDDOWN($C6611/24,0)+1,1))-1)+IF('Standard Profiles'!$G$22=$B$10,7,0)+IF('Standard Profiles'!$G$22=$B$17,14,0)+IF('Standard Profiles'!$G$22=$B$24,21,0),0)),0)</f>
        <v>0</v>
      </c>
      <c r="I6611">
        <f t="shared" si="734"/>
        <v>0.11899349357304576</v>
      </c>
      <c r="J6611">
        <f t="shared" si="735"/>
        <v>6.7696157719600683</v>
      </c>
      <c r="K6611">
        <f t="shared" si="736"/>
        <v>0.55333005613257857</v>
      </c>
      <c r="L6611">
        <f t="shared" si="737"/>
        <v>0.27666502806628929</v>
      </c>
      <c r="M6611">
        <f t="shared" si="738"/>
        <v>0</v>
      </c>
      <c r="N6611" s="45">
        <f t="shared" si="739"/>
        <v>45201.041666650715</v>
      </c>
    </row>
    <row r="6612" spans="2:14" x14ac:dyDescent="0.25">
      <c r="B6612">
        <f t="shared" si="733"/>
        <v>1</v>
      </c>
      <c r="C6612" s="16">
        <v>6578</v>
      </c>
      <c r="D6612" cm="1">
        <f t="array" ref="D6612">IFERROR(INDEX(Jesper!AH$2:AH$366,ROUNDDOWN($C6612/24,0)+1,1)*INDEX($D$3:$AA$30,INDEX(Jesper!$R$2:$R$366,ROW(INDEX(Jesper!AH$2:AH$366,ROUNDDOWN($C6612/24,0)+1,1))-1)+IF('Standard Profiles'!$G$18=$B$10,7,0)+IF('Standard Profiles'!$G$18=$B$17,14,0)+IF('Standard Profiles'!$G$18=$B$24,21,0),MOD($C6612,24)+1)/SUM(INDEX($D$3:$AA$30,INDEX(Jesper!$R$2:$R$366,ROW(INDEX(Jesper!AH$2:AH$366,ROUNDDOWN($C6612/24,0)+1,1))-1)+IF('Standard Profiles'!$G$18=$B$10,7,0)+IF('Standard Profiles'!$G$18=$B$17,14,0)+IF('Standard Profiles'!$G$18=$B$24,21,0),0)),0)</f>
        <v>5.1874692762429238</v>
      </c>
      <c r="E6612" cm="1">
        <f t="array" ref="E6612">IFERROR(INDEX(Jesper!AI$2:AI$366,ROUNDDOWN($C6612/24,0)+1,1)*INDEX($D$3:$AA$30,INDEX(Jesper!$R$2:$R$366,ROW(INDEX(Jesper!AI$2:AI$366,ROUNDDOWN($C6612/24,0)+1,1))-1)+IF('Standard Profiles'!$G$19=$B$10,7,0)+IF('Standard Profiles'!$G$19=$B$17,14,0)+IF('Standard Profiles'!$G$19=$B$24,21,0),MOD($C6612,24)+1)/SUM(INDEX($D$3:$AA$30,INDEX(Jesper!$R$2:$R$366,ROW(INDEX(Jesper!AI$2:AI$366,ROUNDDOWN($C6612/24,0)+1,1))-1)+IF('Standard Profiles'!$G$19=$B$10,7,0)+IF('Standard Profiles'!$G$19=$B$17,14,0)+IF('Standard Profiles'!$G$19=$B$24,21,0),0)),0)</f>
        <v>2.2832319618785455</v>
      </c>
      <c r="F6612" cm="1">
        <f t="array" ref="F6612">IFERROR(INDEX(Jesper!AJ$2:AJ$366,ROUNDDOWN($C6612/24,0)+1,1)*INDEX($D$3:$AA$30,INDEX(Jesper!$R$2:$R$366,ROW(INDEX(Jesper!AJ$2:AJ$366,ROUNDDOWN($C6612/24,0)+1,1))-1)+IF('Standard Profiles'!$G$20=$B$10,7,0)+IF('Standard Profiles'!$G$20=$B$17,14,0)+IF('Standard Profiles'!$G$20=$B$24,21,0),MOD($C6612,24)+1)/SUM(INDEX($D$3:$AA$30,INDEX(Jesper!$R$2:$R$366,ROW(INDEX(Jesper!AJ$2:AJ$366,ROUNDDOWN($C6612/24,0)+1,1))-1)+IF('Standard Profiles'!$G$20=$B$10,7,0)+IF('Standard Profiles'!$G$20=$B$17,14,0)+IF('Standard Profiles'!$G$20=$B$24,21,0),0)),0)</f>
        <v>0</v>
      </c>
      <c r="G6612" cm="1">
        <f t="array" ref="G6612">IFERROR(INDEX(Jesper!AK$2:AK$366,ROUNDDOWN($C6612/24,0)+1,1)*INDEX($D$3:$AA$30,INDEX(Jesper!$R$2:$R$366,ROW(INDEX(Jesper!AK$2:AK$366,ROUNDDOWN($C6612/24,0)+1,1))-1)+IF('Standard Profiles'!$G$21=$B$10,7,0)+IF('Standard Profiles'!$G$21=$B$17,14,0)+IF('Standard Profiles'!$G$21=$B$24,21,0),MOD($C6612,24)+1)/SUM(INDEX($D$3:$AA$30,INDEX(Jesper!$R$2:$R$366,ROW(INDEX(Jesper!AK$2:AK$366,ROUNDDOWN($C6612/24,0)+1,1))-1)+IF('Standard Profiles'!$G$21=$B$10,7,0)+IF('Standard Profiles'!$G$21=$B$17,14,0)+IF('Standard Profiles'!$G$21=$B$24,21,0),0)),0)</f>
        <v>0.24790311161051212</v>
      </c>
      <c r="H6612" cm="1">
        <f t="array" ref="H6612">IFERROR(INDEX(Jesper!AL$2:AL$366,ROUNDDOWN($C6612/24,0)+1,1)*INDEX($D$3:$AA$30,INDEX(Jesper!$R$2:$R$366,ROW(INDEX(Jesper!AL$2:AL$366,ROUNDDOWN($C6612/24,0)+1,1))-1)+IF('Standard Profiles'!$G$22=$B$10,7,0)+IF('Standard Profiles'!$G$22=$B$17,14,0)+IF('Standard Profiles'!$G$22=$B$24,21,0),MOD($C6612,24)+1)/SUM(INDEX($D$3:$AA$30,INDEX(Jesper!$R$2:$R$366,ROW(INDEX(Jesper!AL$2:AL$366,ROUNDDOWN($C6612/24,0)+1,1))-1)+IF('Standard Profiles'!$G$22=$B$10,7,0)+IF('Standard Profiles'!$G$22=$B$17,14,0)+IF('Standard Profiles'!$G$22=$B$24,21,0),0)),0)</f>
        <v>0</v>
      </c>
      <c r="I6612">
        <f t="shared" si="734"/>
        <v>0.11899349357304576</v>
      </c>
      <c r="J6612">
        <f t="shared" si="735"/>
        <v>6.7696157719600683</v>
      </c>
      <c r="K6612">
        <f t="shared" si="736"/>
        <v>0.55333005613257857</v>
      </c>
      <c r="L6612">
        <f t="shared" si="737"/>
        <v>0.27666502806628929</v>
      </c>
      <c r="M6612">
        <f t="shared" si="738"/>
        <v>0</v>
      </c>
      <c r="N6612" s="45">
        <f t="shared" si="739"/>
        <v>45201.08333331738</v>
      </c>
    </row>
    <row r="6613" spans="2:14" x14ac:dyDescent="0.25">
      <c r="B6613">
        <f t="shared" si="733"/>
        <v>1</v>
      </c>
      <c r="C6613" s="16">
        <v>6579</v>
      </c>
      <c r="D6613" cm="1">
        <f t="array" ref="D6613">IFERROR(INDEX(Jesper!AH$2:AH$366,ROUNDDOWN($C6613/24,0)+1,1)*INDEX($D$3:$AA$30,INDEX(Jesper!$R$2:$R$366,ROW(INDEX(Jesper!AH$2:AH$366,ROUNDDOWN($C6613/24,0)+1,1))-1)+IF('Standard Profiles'!$G$18=$B$10,7,0)+IF('Standard Profiles'!$G$18=$B$17,14,0)+IF('Standard Profiles'!$G$18=$B$24,21,0),MOD($C6613,24)+1)/SUM(INDEX($D$3:$AA$30,INDEX(Jesper!$R$2:$R$366,ROW(INDEX(Jesper!AH$2:AH$366,ROUNDDOWN($C6613/24,0)+1,1))-1)+IF('Standard Profiles'!$G$18=$B$10,7,0)+IF('Standard Profiles'!$G$18=$B$17,14,0)+IF('Standard Profiles'!$G$18=$B$24,21,0),0)),0)</f>
        <v>5.1874692762429238</v>
      </c>
      <c r="E6613" cm="1">
        <f t="array" ref="E6613">IFERROR(INDEX(Jesper!AI$2:AI$366,ROUNDDOWN($C6613/24,0)+1,1)*INDEX($D$3:$AA$30,INDEX(Jesper!$R$2:$R$366,ROW(INDEX(Jesper!AI$2:AI$366,ROUNDDOWN($C6613/24,0)+1,1))-1)+IF('Standard Profiles'!$G$19=$B$10,7,0)+IF('Standard Profiles'!$G$19=$B$17,14,0)+IF('Standard Profiles'!$G$19=$B$24,21,0),MOD($C6613,24)+1)/SUM(INDEX($D$3:$AA$30,INDEX(Jesper!$R$2:$R$366,ROW(INDEX(Jesper!AI$2:AI$366,ROUNDDOWN($C6613/24,0)+1,1))-1)+IF('Standard Profiles'!$G$19=$B$10,7,0)+IF('Standard Profiles'!$G$19=$B$17,14,0)+IF('Standard Profiles'!$G$19=$B$24,21,0),0)),0)</f>
        <v>2.2832319618785455</v>
      </c>
      <c r="F6613" cm="1">
        <f t="array" ref="F6613">IFERROR(INDEX(Jesper!AJ$2:AJ$366,ROUNDDOWN($C6613/24,0)+1,1)*INDEX($D$3:$AA$30,INDEX(Jesper!$R$2:$R$366,ROW(INDEX(Jesper!AJ$2:AJ$366,ROUNDDOWN($C6613/24,0)+1,1))-1)+IF('Standard Profiles'!$G$20=$B$10,7,0)+IF('Standard Profiles'!$G$20=$B$17,14,0)+IF('Standard Profiles'!$G$20=$B$24,21,0),MOD($C6613,24)+1)/SUM(INDEX($D$3:$AA$30,INDEX(Jesper!$R$2:$R$366,ROW(INDEX(Jesper!AJ$2:AJ$366,ROUNDDOWN($C6613/24,0)+1,1))-1)+IF('Standard Profiles'!$G$20=$B$10,7,0)+IF('Standard Profiles'!$G$20=$B$17,14,0)+IF('Standard Profiles'!$G$20=$B$24,21,0),0)),0)</f>
        <v>0</v>
      </c>
      <c r="G6613" cm="1">
        <f t="array" ref="G6613">IFERROR(INDEX(Jesper!AK$2:AK$366,ROUNDDOWN($C6613/24,0)+1,1)*INDEX($D$3:$AA$30,INDEX(Jesper!$R$2:$R$366,ROW(INDEX(Jesper!AK$2:AK$366,ROUNDDOWN($C6613/24,0)+1,1))-1)+IF('Standard Profiles'!$G$21=$B$10,7,0)+IF('Standard Profiles'!$G$21=$B$17,14,0)+IF('Standard Profiles'!$G$21=$B$24,21,0),MOD($C6613,24)+1)/SUM(INDEX($D$3:$AA$30,INDEX(Jesper!$R$2:$R$366,ROW(INDEX(Jesper!AK$2:AK$366,ROUNDDOWN($C6613/24,0)+1,1))-1)+IF('Standard Profiles'!$G$21=$B$10,7,0)+IF('Standard Profiles'!$G$21=$B$17,14,0)+IF('Standard Profiles'!$G$21=$B$24,21,0),0)),0)</f>
        <v>0.24790311161051212</v>
      </c>
      <c r="H6613" cm="1">
        <f t="array" ref="H6613">IFERROR(INDEX(Jesper!AL$2:AL$366,ROUNDDOWN($C6613/24,0)+1,1)*INDEX($D$3:$AA$30,INDEX(Jesper!$R$2:$R$366,ROW(INDEX(Jesper!AL$2:AL$366,ROUNDDOWN($C6613/24,0)+1,1))-1)+IF('Standard Profiles'!$G$22=$B$10,7,0)+IF('Standard Profiles'!$G$22=$B$17,14,0)+IF('Standard Profiles'!$G$22=$B$24,21,0),MOD($C6613,24)+1)/SUM(INDEX($D$3:$AA$30,INDEX(Jesper!$R$2:$R$366,ROW(INDEX(Jesper!AL$2:AL$366,ROUNDDOWN($C6613/24,0)+1,1))-1)+IF('Standard Profiles'!$G$22=$B$10,7,0)+IF('Standard Profiles'!$G$22=$B$17,14,0)+IF('Standard Profiles'!$G$22=$B$24,21,0),0)),0)</f>
        <v>0</v>
      </c>
      <c r="I6613">
        <f t="shared" si="734"/>
        <v>0.11899349357304576</v>
      </c>
      <c r="J6613">
        <f t="shared" si="735"/>
        <v>6.7696157719600683</v>
      </c>
      <c r="K6613">
        <f t="shared" si="736"/>
        <v>0.55333005613257857</v>
      </c>
      <c r="L6613">
        <f t="shared" si="737"/>
        <v>0.27666502806628929</v>
      </c>
      <c r="M6613">
        <f t="shared" si="738"/>
        <v>0</v>
      </c>
      <c r="N6613" s="45">
        <f t="shared" si="739"/>
        <v>45201.124999984044</v>
      </c>
    </row>
    <row r="6614" spans="2:14" x14ac:dyDescent="0.25">
      <c r="B6614">
        <f t="shared" si="733"/>
        <v>1</v>
      </c>
      <c r="C6614" s="16">
        <v>6580</v>
      </c>
      <c r="D6614" cm="1">
        <f t="array" ref="D6614">IFERROR(INDEX(Jesper!AH$2:AH$366,ROUNDDOWN($C6614/24,0)+1,1)*INDEX($D$3:$AA$30,INDEX(Jesper!$R$2:$R$366,ROW(INDEX(Jesper!AH$2:AH$366,ROUNDDOWN($C6614/24,0)+1,1))-1)+IF('Standard Profiles'!$G$18=$B$10,7,0)+IF('Standard Profiles'!$G$18=$B$17,14,0)+IF('Standard Profiles'!$G$18=$B$24,21,0),MOD($C6614,24)+1)/SUM(INDEX($D$3:$AA$30,INDEX(Jesper!$R$2:$R$366,ROW(INDEX(Jesper!AH$2:AH$366,ROUNDDOWN($C6614/24,0)+1,1))-1)+IF('Standard Profiles'!$G$18=$B$10,7,0)+IF('Standard Profiles'!$G$18=$B$17,14,0)+IF('Standard Profiles'!$G$18=$B$24,21,0),0)),0)</f>
        <v>5.1874692762429238</v>
      </c>
      <c r="E6614" cm="1">
        <f t="array" ref="E6614">IFERROR(INDEX(Jesper!AI$2:AI$366,ROUNDDOWN($C6614/24,0)+1,1)*INDEX($D$3:$AA$30,INDEX(Jesper!$R$2:$R$366,ROW(INDEX(Jesper!AI$2:AI$366,ROUNDDOWN($C6614/24,0)+1,1))-1)+IF('Standard Profiles'!$G$19=$B$10,7,0)+IF('Standard Profiles'!$G$19=$B$17,14,0)+IF('Standard Profiles'!$G$19=$B$24,21,0),MOD($C6614,24)+1)/SUM(INDEX($D$3:$AA$30,INDEX(Jesper!$R$2:$R$366,ROW(INDEX(Jesper!AI$2:AI$366,ROUNDDOWN($C6614/24,0)+1,1))-1)+IF('Standard Profiles'!$G$19=$B$10,7,0)+IF('Standard Profiles'!$G$19=$B$17,14,0)+IF('Standard Profiles'!$G$19=$B$24,21,0),0)),0)</f>
        <v>2.2832319618785455</v>
      </c>
      <c r="F6614" cm="1">
        <f t="array" ref="F6614">IFERROR(INDEX(Jesper!AJ$2:AJ$366,ROUNDDOWN($C6614/24,0)+1,1)*INDEX($D$3:$AA$30,INDEX(Jesper!$R$2:$R$366,ROW(INDEX(Jesper!AJ$2:AJ$366,ROUNDDOWN($C6614/24,0)+1,1))-1)+IF('Standard Profiles'!$G$20=$B$10,7,0)+IF('Standard Profiles'!$G$20=$B$17,14,0)+IF('Standard Profiles'!$G$20=$B$24,21,0),MOD($C6614,24)+1)/SUM(INDEX($D$3:$AA$30,INDEX(Jesper!$R$2:$R$366,ROW(INDEX(Jesper!AJ$2:AJ$366,ROUNDDOWN($C6614/24,0)+1,1))-1)+IF('Standard Profiles'!$G$20=$B$10,7,0)+IF('Standard Profiles'!$G$20=$B$17,14,0)+IF('Standard Profiles'!$G$20=$B$24,21,0),0)),0)</f>
        <v>0</v>
      </c>
      <c r="G6614" cm="1">
        <f t="array" ref="G6614">IFERROR(INDEX(Jesper!AK$2:AK$366,ROUNDDOWN($C6614/24,0)+1,1)*INDEX($D$3:$AA$30,INDEX(Jesper!$R$2:$R$366,ROW(INDEX(Jesper!AK$2:AK$366,ROUNDDOWN($C6614/24,0)+1,1))-1)+IF('Standard Profiles'!$G$21=$B$10,7,0)+IF('Standard Profiles'!$G$21=$B$17,14,0)+IF('Standard Profiles'!$G$21=$B$24,21,0),MOD($C6614,24)+1)/SUM(INDEX($D$3:$AA$30,INDEX(Jesper!$R$2:$R$366,ROW(INDEX(Jesper!AK$2:AK$366,ROUNDDOWN($C6614/24,0)+1,1))-1)+IF('Standard Profiles'!$G$21=$B$10,7,0)+IF('Standard Profiles'!$G$21=$B$17,14,0)+IF('Standard Profiles'!$G$21=$B$24,21,0),0)),0)</f>
        <v>0.24790311161051212</v>
      </c>
      <c r="H6614" cm="1">
        <f t="array" ref="H6614">IFERROR(INDEX(Jesper!AL$2:AL$366,ROUNDDOWN($C6614/24,0)+1,1)*INDEX($D$3:$AA$30,INDEX(Jesper!$R$2:$R$366,ROW(INDEX(Jesper!AL$2:AL$366,ROUNDDOWN($C6614/24,0)+1,1))-1)+IF('Standard Profiles'!$G$22=$B$10,7,0)+IF('Standard Profiles'!$G$22=$B$17,14,0)+IF('Standard Profiles'!$G$22=$B$24,21,0),MOD($C6614,24)+1)/SUM(INDEX($D$3:$AA$30,INDEX(Jesper!$R$2:$R$366,ROW(INDEX(Jesper!AL$2:AL$366,ROUNDDOWN($C6614/24,0)+1,1))-1)+IF('Standard Profiles'!$G$22=$B$10,7,0)+IF('Standard Profiles'!$G$22=$B$17,14,0)+IF('Standard Profiles'!$G$22=$B$24,21,0),0)),0)</f>
        <v>0</v>
      </c>
      <c r="I6614">
        <f t="shared" si="734"/>
        <v>0.11899349357304576</v>
      </c>
      <c r="J6614">
        <f t="shared" si="735"/>
        <v>6.7696157719600683</v>
      </c>
      <c r="K6614">
        <f t="shared" si="736"/>
        <v>0.55333005613257857</v>
      </c>
      <c r="L6614">
        <f t="shared" si="737"/>
        <v>0.27666502806628929</v>
      </c>
      <c r="M6614">
        <f t="shared" si="738"/>
        <v>0</v>
      </c>
      <c r="N6614" s="45">
        <f t="shared" si="739"/>
        <v>45201.166666650708</v>
      </c>
    </row>
    <row r="6615" spans="2:14" x14ac:dyDescent="0.25">
      <c r="B6615">
        <f t="shared" si="733"/>
        <v>1</v>
      </c>
      <c r="C6615" s="16">
        <v>6581</v>
      </c>
      <c r="D6615" cm="1">
        <f t="array" ref="D6615">IFERROR(INDEX(Jesper!AH$2:AH$366,ROUNDDOWN($C6615/24,0)+1,1)*INDEX($D$3:$AA$30,INDEX(Jesper!$R$2:$R$366,ROW(INDEX(Jesper!AH$2:AH$366,ROUNDDOWN($C6615/24,0)+1,1))-1)+IF('Standard Profiles'!$G$18=$B$10,7,0)+IF('Standard Profiles'!$G$18=$B$17,14,0)+IF('Standard Profiles'!$G$18=$B$24,21,0),MOD($C6615,24)+1)/SUM(INDEX($D$3:$AA$30,INDEX(Jesper!$R$2:$R$366,ROW(INDEX(Jesper!AH$2:AH$366,ROUNDDOWN($C6615/24,0)+1,1))-1)+IF('Standard Profiles'!$G$18=$B$10,7,0)+IF('Standard Profiles'!$G$18=$B$17,14,0)+IF('Standard Profiles'!$G$18=$B$24,21,0),0)),0)</f>
        <v>5.1874692762429238</v>
      </c>
      <c r="E6615" cm="1">
        <f t="array" ref="E6615">IFERROR(INDEX(Jesper!AI$2:AI$366,ROUNDDOWN($C6615/24,0)+1,1)*INDEX($D$3:$AA$30,INDEX(Jesper!$R$2:$R$366,ROW(INDEX(Jesper!AI$2:AI$366,ROUNDDOWN($C6615/24,0)+1,1))-1)+IF('Standard Profiles'!$G$19=$B$10,7,0)+IF('Standard Profiles'!$G$19=$B$17,14,0)+IF('Standard Profiles'!$G$19=$B$24,21,0),MOD($C6615,24)+1)/SUM(INDEX($D$3:$AA$30,INDEX(Jesper!$R$2:$R$366,ROW(INDEX(Jesper!AI$2:AI$366,ROUNDDOWN($C6615/24,0)+1,1))-1)+IF('Standard Profiles'!$G$19=$B$10,7,0)+IF('Standard Profiles'!$G$19=$B$17,14,0)+IF('Standard Profiles'!$G$19=$B$24,21,0),0)),0)</f>
        <v>2.2832319618785455</v>
      </c>
      <c r="F6615" cm="1">
        <f t="array" ref="F6615">IFERROR(INDEX(Jesper!AJ$2:AJ$366,ROUNDDOWN($C6615/24,0)+1,1)*INDEX($D$3:$AA$30,INDEX(Jesper!$R$2:$R$366,ROW(INDEX(Jesper!AJ$2:AJ$366,ROUNDDOWN($C6615/24,0)+1,1))-1)+IF('Standard Profiles'!$G$20=$B$10,7,0)+IF('Standard Profiles'!$G$20=$B$17,14,0)+IF('Standard Profiles'!$G$20=$B$24,21,0),MOD($C6615,24)+1)/SUM(INDEX($D$3:$AA$30,INDEX(Jesper!$R$2:$R$366,ROW(INDEX(Jesper!AJ$2:AJ$366,ROUNDDOWN($C6615/24,0)+1,1))-1)+IF('Standard Profiles'!$G$20=$B$10,7,0)+IF('Standard Profiles'!$G$20=$B$17,14,0)+IF('Standard Profiles'!$G$20=$B$24,21,0),0)),0)</f>
        <v>0</v>
      </c>
      <c r="G6615" cm="1">
        <f t="array" ref="G6615">IFERROR(INDEX(Jesper!AK$2:AK$366,ROUNDDOWN($C6615/24,0)+1,1)*INDEX($D$3:$AA$30,INDEX(Jesper!$R$2:$R$366,ROW(INDEX(Jesper!AK$2:AK$366,ROUNDDOWN($C6615/24,0)+1,1))-1)+IF('Standard Profiles'!$G$21=$B$10,7,0)+IF('Standard Profiles'!$G$21=$B$17,14,0)+IF('Standard Profiles'!$G$21=$B$24,21,0),MOD($C6615,24)+1)/SUM(INDEX($D$3:$AA$30,INDEX(Jesper!$R$2:$R$366,ROW(INDEX(Jesper!AK$2:AK$366,ROUNDDOWN($C6615/24,0)+1,1))-1)+IF('Standard Profiles'!$G$21=$B$10,7,0)+IF('Standard Profiles'!$G$21=$B$17,14,0)+IF('Standard Profiles'!$G$21=$B$24,21,0),0)),0)</f>
        <v>0.24790311161051212</v>
      </c>
      <c r="H6615" cm="1">
        <f t="array" ref="H6615">IFERROR(INDEX(Jesper!AL$2:AL$366,ROUNDDOWN($C6615/24,0)+1,1)*INDEX($D$3:$AA$30,INDEX(Jesper!$R$2:$R$366,ROW(INDEX(Jesper!AL$2:AL$366,ROUNDDOWN($C6615/24,0)+1,1))-1)+IF('Standard Profiles'!$G$22=$B$10,7,0)+IF('Standard Profiles'!$G$22=$B$17,14,0)+IF('Standard Profiles'!$G$22=$B$24,21,0),MOD($C6615,24)+1)/SUM(INDEX($D$3:$AA$30,INDEX(Jesper!$R$2:$R$366,ROW(INDEX(Jesper!AL$2:AL$366,ROUNDDOWN($C6615/24,0)+1,1))-1)+IF('Standard Profiles'!$G$22=$B$10,7,0)+IF('Standard Profiles'!$G$22=$B$17,14,0)+IF('Standard Profiles'!$G$22=$B$24,21,0),0)),0)</f>
        <v>0</v>
      </c>
      <c r="I6615">
        <f t="shared" si="734"/>
        <v>0.11899349357304576</v>
      </c>
      <c r="J6615">
        <f t="shared" si="735"/>
        <v>6.7696157719600683</v>
      </c>
      <c r="K6615">
        <f t="shared" si="736"/>
        <v>0.55333005613257857</v>
      </c>
      <c r="L6615">
        <f t="shared" si="737"/>
        <v>0.27666502806628929</v>
      </c>
      <c r="M6615">
        <f t="shared" si="738"/>
        <v>0</v>
      </c>
      <c r="N6615" s="45">
        <f t="shared" si="739"/>
        <v>45201.208333317372</v>
      </c>
    </row>
    <row r="6616" spans="2:14" x14ac:dyDescent="0.25">
      <c r="B6616">
        <f t="shared" si="733"/>
        <v>1</v>
      </c>
      <c r="C6616" s="16">
        <v>6582</v>
      </c>
      <c r="D6616" cm="1">
        <f t="array" ref="D6616">IFERROR(INDEX(Jesper!AH$2:AH$366,ROUNDDOWN($C6616/24,0)+1,1)*INDEX($D$3:$AA$30,INDEX(Jesper!$R$2:$R$366,ROW(INDEX(Jesper!AH$2:AH$366,ROUNDDOWN($C6616/24,0)+1,1))-1)+IF('Standard Profiles'!$G$18=$B$10,7,0)+IF('Standard Profiles'!$G$18=$B$17,14,0)+IF('Standard Profiles'!$G$18=$B$24,21,0),MOD($C6616,24)+1)/SUM(INDEX($D$3:$AA$30,INDEX(Jesper!$R$2:$R$366,ROW(INDEX(Jesper!AH$2:AH$366,ROUNDDOWN($C6616/24,0)+1,1))-1)+IF('Standard Profiles'!$G$18=$B$10,7,0)+IF('Standard Profiles'!$G$18=$B$17,14,0)+IF('Standard Profiles'!$G$18=$B$24,21,0),0)),0)</f>
        <v>5.1874692762429238</v>
      </c>
      <c r="E6616" cm="1">
        <f t="array" ref="E6616">IFERROR(INDEX(Jesper!AI$2:AI$366,ROUNDDOWN($C6616/24,0)+1,1)*INDEX($D$3:$AA$30,INDEX(Jesper!$R$2:$R$366,ROW(INDEX(Jesper!AI$2:AI$366,ROUNDDOWN($C6616/24,0)+1,1))-1)+IF('Standard Profiles'!$G$19=$B$10,7,0)+IF('Standard Profiles'!$G$19=$B$17,14,0)+IF('Standard Profiles'!$G$19=$B$24,21,0),MOD($C6616,24)+1)/SUM(INDEX($D$3:$AA$30,INDEX(Jesper!$R$2:$R$366,ROW(INDEX(Jesper!AI$2:AI$366,ROUNDDOWN($C6616/24,0)+1,1))-1)+IF('Standard Profiles'!$G$19=$B$10,7,0)+IF('Standard Profiles'!$G$19=$B$17,14,0)+IF('Standard Profiles'!$G$19=$B$24,21,0),0)),0)</f>
        <v>2.2832319618785455</v>
      </c>
      <c r="F6616" cm="1">
        <f t="array" ref="F6616">IFERROR(INDEX(Jesper!AJ$2:AJ$366,ROUNDDOWN($C6616/24,0)+1,1)*INDEX($D$3:$AA$30,INDEX(Jesper!$R$2:$R$366,ROW(INDEX(Jesper!AJ$2:AJ$366,ROUNDDOWN($C6616/24,0)+1,1))-1)+IF('Standard Profiles'!$G$20=$B$10,7,0)+IF('Standard Profiles'!$G$20=$B$17,14,0)+IF('Standard Profiles'!$G$20=$B$24,21,0),MOD($C6616,24)+1)/SUM(INDEX($D$3:$AA$30,INDEX(Jesper!$R$2:$R$366,ROW(INDEX(Jesper!AJ$2:AJ$366,ROUNDDOWN($C6616/24,0)+1,1))-1)+IF('Standard Profiles'!$G$20=$B$10,7,0)+IF('Standard Profiles'!$G$20=$B$17,14,0)+IF('Standard Profiles'!$G$20=$B$24,21,0),0)),0)</f>
        <v>0</v>
      </c>
      <c r="G6616" cm="1">
        <f t="array" ref="G6616">IFERROR(INDEX(Jesper!AK$2:AK$366,ROUNDDOWN($C6616/24,0)+1,1)*INDEX($D$3:$AA$30,INDEX(Jesper!$R$2:$R$366,ROW(INDEX(Jesper!AK$2:AK$366,ROUNDDOWN($C6616/24,0)+1,1))-1)+IF('Standard Profiles'!$G$21=$B$10,7,0)+IF('Standard Profiles'!$G$21=$B$17,14,0)+IF('Standard Profiles'!$G$21=$B$24,21,0),MOD($C6616,24)+1)/SUM(INDEX($D$3:$AA$30,INDEX(Jesper!$R$2:$R$366,ROW(INDEX(Jesper!AK$2:AK$366,ROUNDDOWN($C6616/24,0)+1,1))-1)+IF('Standard Profiles'!$G$21=$B$10,7,0)+IF('Standard Profiles'!$G$21=$B$17,14,0)+IF('Standard Profiles'!$G$21=$B$24,21,0),0)),0)</f>
        <v>0.24790311161051212</v>
      </c>
      <c r="H6616" cm="1">
        <f t="array" ref="H6616">IFERROR(INDEX(Jesper!AL$2:AL$366,ROUNDDOWN($C6616/24,0)+1,1)*INDEX($D$3:$AA$30,INDEX(Jesper!$R$2:$R$366,ROW(INDEX(Jesper!AL$2:AL$366,ROUNDDOWN($C6616/24,0)+1,1))-1)+IF('Standard Profiles'!$G$22=$B$10,7,0)+IF('Standard Profiles'!$G$22=$B$17,14,0)+IF('Standard Profiles'!$G$22=$B$24,21,0),MOD($C6616,24)+1)/SUM(INDEX($D$3:$AA$30,INDEX(Jesper!$R$2:$R$366,ROW(INDEX(Jesper!AL$2:AL$366,ROUNDDOWN($C6616/24,0)+1,1))-1)+IF('Standard Profiles'!$G$22=$B$10,7,0)+IF('Standard Profiles'!$G$22=$B$17,14,0)+IF('Standard Profiles'!$G$22=$B$24,21,0),0)),0)</f>
        <v>0</v>
      </c>
      <c r="I6616">
        <f t="shared" si="734"/>
        <v>0.11899349357304576</v>
      </c>
      <c r="J6616">
        <f t="shared" si="735"/>
        <v>6.7696157719600683</v>
      </c>
      <c r="K6616">
        <f t="shared" si="736"/>
        <v>0.55333005613257857</v>
      </c>
      <c r="L6616">
        <f t="shared" si="737"/>
        <v>0.27666502806628929</v>
      </c>
      <c r="M6616">
        <f t="shared" si="738"/>
        <v>0</v>
      </c>
      <c r="N6616" s="45">
        <f t="shared" si="739"/>
        <v>45201.249999984037</v>
      </c>
    </row>
    <row r="6617" spans="2:14" x14ac:dyDescent="0.25">
      <c r="B6617">
        <f t="shared" si="733"/>
        <v>1</v>
      </c>
      <c r="C6617" s="16">
        <v>6583</v>
      </c>
      <c r="D6617" cm="1">
        <f t="array" ref="D6617">IFERROR(INDEX(Jesper!AH$2:AH$366,ROUNDDOWN($C6617/24,0)+1,1)*INDEX($D$3:$AA$30,INDEX(Jesper!$R$2:$R$366,ROW(INDEX(Jesper!AH$2:AH$366,ROUNDDOWN($C6617/24,0)+1,1))-1)+IF('Standard Profiles'!$G$18=$B$10,7,0)+IF('Standard Profiles'!$G$18=$B$17,14,0)+IF('Standard Profiles'!$G$18=$B$24,21,0),MOD($C6617,24)+1)/SUM(INDEX($D$3:$AA$30,INDEX(Jesper!$R$2:$R$366,ROW(INDEX(Jesper!AH$2:AH$366,ROUNDDOWN($C6617/24,0)+1,1))-1)+IF('Standard Profiles'!$G$18=$B$10,7,0)+IF('Standard Profiles'!$G$18=$B$17,14,0)+IF('Standard Profiles'!$G$18=$B$24,21,0),0)),0)</f>
        <v>22.098619116794854</v>
      </c>
      <c r="E6617" cm="1">
        <f t="array" ref="E6617">IFERROR(INDEX(Jesper!AI$2:AI$366,ROUNDDOWN($C6617/24,0)+1,1)*INDEX($D$3:$AA$30,INDEX(Jesper!$R$2:$R$366,ROW(INDEX(Jesper!AI$2:AI$366,ROUNDDOWN($C6617/24,0)+1,1))-1)+IF('Standard Profiles'!$G$19=$B$10,7,0)+IF('Standard Profiles'!$G$19=$B$17,14,0)+IF('Standard Profiles'!$G$19=$B$24,21,0),MOD($C6617,24)+1)/SUM(INDEX($D$3:$AA$30,INDEX(Jesper!$R$2:$R$366,ROW(INDEX(Jesper!AI$2:AI$366,ROUNDDOWN($C6617/24,0)+1,1))-1)+IF('Standard Profiles'!$G$19=$B$10,7,0)+IF('Standard Profiles'!$G$19=$B$17,14,0)+IF('Standard Profiles'!$G$19=$B$24,21,0),0)),0)</f>
        <v>9.7265681576026033</v>
      </c>
      <c r="F6617" cm="1">
        <f t="array" ref="F6617">IFERROR(INDEX(Jesper!AJ$2:AJ$366,ROUNDDOWN($C6617/24,0)+1,1)*INDEX($D$3:$AA$30,INDEX(Jesper!$R$2:$R$366,ROW(INDEX(Jesper!AJ$2:AJ$366,ROUNDDOWN($C6617/24,0)+1,1))-1)+IF('Standard Profiles'!$G$20=$B$10,7,0)+IF('Standard Profiles'!$G$20=$B$17,14,0)+IF('Standard Profiles'!$G$20=$B$24,21,0),MOD($C6617,24)+1)/SUM(INDEX($D$3:$AA$30,INDEX(Jesper!$R$2:$R$366,ROW(INDEX(Jesper!AJ$2:AJ$366,ROUNDDOWN($C6617/24,0)+1,1))-1)+IF('Standard Profiles'!$G$20=$B$10,7,0)+IF('Standard Profiles'!$G$20=$B$17,14,0)+IF('Standard Profiles'!$G$20=$B$24,21,0),0)),0)</f>
        <v>0</v>
      </c>
      <c r="G6617" cm="1">
        <f t="array" ref="G6617">IFERROR(INDEX(Jesper!AK$2:AK$366,ROUNDDOWN($C6617/24,0)+1,1)*INDEX($D$3:$AA$30,INDEX(Jesper!$R$2:$R$366,ROW(INDEX(Jesper!AK$2:AK$366,ROUNDDOWN($C6617/24,0)+1,1))-1)+IF('Standard Profiles'!$G$21=$B$10,7,0)+IF('Standard Profiles'!$G$21=$B$17,14,0)+IF('Standard Profiles'!$G$21=$B$24,21,0),MOD($C6617,24)+1)/SUM(INDEX($D$3:$AA$30,INDEX(Jesper!$R$2:$R$366,ROW(INDEX(Jesper!AK$2:AK$366,ROUNDDOWN($C6617/24,0)+1,1))-1)+IF('Standard Profiles'!$G$21=$B$10,7,0)+IF('Standard Profiles'!$G$21=$B$17,14,0)+IF('Standard Profiles'!$G$21=$B$24,21,0),0)),0)</f>
        <v>1.0783785355057278</v>
      </c>
      <c r="H6617" cm="1">
        <f t="array" ref="H6617">IFERROR(INDEX(Jesper!AL$2:AL$366,ROUNDDOWN($C6617/24,0)+1,1)*INDEX($D$3:$AA$30,INDEX(Jesper!$R$2:$R$366,ROW(INDEX(Jesper!AL$2:AL$366,ROUNDDOWN($C6617/24,0)+1,1))-1)+IF('Standard Profiles'!$G$22=$B$10,7,0)+IF('Standard Profiles'!$G$22=$B$17,14,0)+IF('Standard Profiles'!$G$22=$B$24,21,0),MOD($C6617,24)+1)/SUM(INDEX($D$3:$AA$30,INDEX(Jesper!$R$2:$R$366,ROW(INDEX(Jesper!AL$2:AL$366,ROUNDDOWN($C6617/24,0)+1,1))-1)+IF('Standard Profiles'!$G$22=$B$10,7,0)+IF('Standard Profiles'!$G$22=$B$17,14,0)+IF('Standard Profiles'!$G$22=$B$24,21,0),0)),0)</f>
        <v>0</v>
      </c>
      <c r="I6617">
        <f t="shared" si="734"/>
        <v>0.51762169704274907</v>
      </c>
      <c r="J6617">
        <f t="shared" si="735"/>
        <v>28.85016505417326</v>
      </c>
      <c r="K6617">
        <f t="shared" si="736"/>
        <v>2.3571860391247847</v>
      </c>
      <c r="L6617">
        <f t="shared" si="737"/>
        <v>1.1785930195623924</v>
      </c>
      <c r="M6617">
        <f t="shared" si="738"/>
        <v>0</v>
      </c>
      <c r="N6617" s="45">
        <f t="shared" si="739"/>
        <v>45201.291666650701</v>
      </c>
    </row>
    <row r="6618" spans="2:14" x14ac:dyDescent="0.25">
      <c r="B6618">
        <f t="shared" si="733"/>
        <v>1</v>
      </c>
      <c r="C6618" s="16">
        <v>6584</v>
      </c>
      <c r="D6618" cm="1">
        <f t="array" ref="D6618">IFERROR(INDEX(Jesper!AH$2:AH$366,ROUNDDOWN($C6618/24,0)+1,1)*INDEX($D$3:$AA$30,INDEX(Jesper!$R$2:$R$366,ROW(INDEX(Jesper!AH$2:AH$366,ROUNDDOWN($C6618/24,0)+1,1))-1)+IF('Standard Profiles'!$G$18=$B$10,7,0)+IF('Standard Profiles'!$G$18=$B$17,14,0)+IF('Standard Profiles'!$G$18=$B$24,21,0),MOD($C6618,24)+1)/SUM(INDEX($D$3:$AA$30,INDEX(Jesper!$R$2:$R$366,ROW(INDEX(Jesper!AH$2:AH$366,ROUNDDOWN($C6618/24,0)+1,1))-1)+IF('Standard Profiles'!$G$18=$B$10,7,0)+IF('Standard Profiles'!$G$18=$B$17,14,0)+IF('Standard Profiles'!$G$18=$B$24,21,0),0)),0)</f>
        <v>24.86094650639421</v>
      </c>
      <c r="E6618" cm="1">
        <f t="array" ref="E6618">IFERROR(INDEX(Jesper!AI$2:AI$366,ROUNDDOWN($C6618/24,0)+1,1)*INDEX($D$3:$AA$30,INDEX(Jesper!$R$2:$R$366,ROW(INDEX(Jesper!AI$2:AI$366,ROUNDDOWN($C6618/24,0)+1,1))-1)+IF('Standard Profiles'!$G$19=$B$10,7,0)+IF('Standard Profiles'!$G$19=$B$17,14,0)+IF('Standard Profiles'!$G$19=$B$24,21,0),MOD($C6618,24)+1)/SUM(INDEX($D$3:$AA$30,INDEX(Jesper!$R$2:$R$366,ROW(INDEX(Jesper!AI$2:AI$366,ROUNDDOWN($C6618/24,0)+1,1))-1)+IF('Standard Profiles'!$G$19=$B$10,7,0)+IF('Standard Profiles'!$G$19=$B$17,14,0)+IF('Standard Profiles'!$G$19=$B$24,21,0),0)),0)</f>
        <v>10.942389177302928</v>
      </c>
      <c r="F6618" cm="1">
        <f t="array" ref="F6618">IFERROR(INDEX(Jesper!AJ$2:AJ$366,ROUNDDOWN($C6618/24,0)+1,1)*INDEX($D$3:$AA$30,INDEX(Jesper!$R$2:$R$366,ROW(INDEX(Jesper!AJ$2:AJ$366,ROUNDDOWN($C6618/24,0)+1,1))-1)+IF('Standard Profiles'!$G$20=$B$10,7,0)+IF('Standard Profiles'!$G$20=$B$17,14,0)+IF('Standard Profiles'!$G$20=$B$24,21,0),MOD($C6618,24)+1)/SUM(INDEX($D$3:$AA$30,INDEX(Jesper!$R$2:$R$366,ROW(INDEX(Jesper!AJ$2:AJ$366,ROUNDDOWN($C6618/24,0)+1,1))-1)+IF('Standard Profiles'!$G$20=$B$10,7,0)+IF('Standard Profiles'!$G$20=$B$17,14,0)+IF('Standard Profiles'!$G$20=$B$24,21,0),0)),0)</f>
        <v>0</v>
      </c>
      <c r="G6618" cm="1">
        <f t="array" ref="G6618">IFERROR(INDEX(Jesper!AK$2:AK$366,ROUNDDOWN($C6618/24,0)+1,1)*INDEX($D$3:$AA$30,INDEX(Jesper!$R$2:$R$366,ROW(INDEX(Jesper!AK$2:AK$366,ROUNDDOWN($C6618/24,0)+1,1))-1)+IF('Standard Profiles'!$G$21=$B$10,7,0)+IF('Standard Profiles'!$G$21=$B$17,14,0)+IF('Standard Profiles'!$G$21=$B$24,21,0),MOD($C6618,24)+1)/SUM(INDEX($D$3:$AA$30,INDEX(Jesper!$R$2:$R$366,ROW(INDEX(Jesper!AK$2:AK$366,ROUNDDOWN($C6618/24,0)+1,1))-1)+IF('Standard Profiles'!$G$21=$B$10,7,0)+IF('Standard Profiles'!$G$21=$B$17,14,0)+IF('Standard Profiles'!$G$21=$B$24,21,0),0)),0)</f>
        <v>1.2131758524439435</v>
      </c>
      <c r="H6618" cm="1">
        <f t="array" ref="H6618">IFERROR(INDEX(Jesper!AL$2:AL$366,ROUNDDOWN($C6618/24,0)+1,1)*INDEX($D$3:$AA$30,INDEX(Jesper!$R$2:$R$366,ROW(INDEX(Jesper!AL$2:AL$366,ROUNDDOWN($C6618/24,0)+1,1))-1)+IF('Standard Profiles'!$G$22=$B$10,7,0)+IF('Standard Profiles'!$G$22=$B$17,14,0)+IF('Standard Profiles'!$G$22=$B$24,21,0),MOD($C6618,24)+1)/SUM(INDEX($D$3:$AA$30,INDEX(Jesper!$R$2:$R$366,ROW(INDEX(Jesper!AL$2:AL$366,ROUNDDOWN($C6618/24,0)+1,1))-1)+IF('Standard Profiles'!$G$22=$B$10,7,0)+IF('Standard Profiles'!$G$22=$B$17,14,0)+IF('Standard Profiles'!$G$22=$B$24,21,0),0)),0)</f>
        <v>0</v>
      </c>
      <c r="I6618">
        <f t="shared" si="734"/>
        <v>0.58232440917309258</v>
      </c>
      <c r="J6618">
        <f t="shared" si="735"/>
        <v>32.456435685944918</v>
      </c>
      <c r="K6618">
        <f t="shared" si="736"/>
        <v>2.6518342940153827</v>
      </c>
      <c r="L6618">
        <f t="shared" si="737"/>
        <v>1.3259171470076914</v>
      </c>
      <c r="M6618">
        <f t="shared" si="738"/>
        <v>0</v>
      </c>
      <c r="N6618" s="45">
        <f t="shared" si="739"/>
        <v>45201.333333317365</v>
      </c>
    </row>
    <row r="6619" spans="2:14" x14ac:dyDescent="0.25">
      <c r="B6619">
        <f t="shared" si="733"/>
        <v>1</v>
      </c>
      <c r="C6619" s="16">
        <v>6585</v>
      </c>
      <c r="D6619" cm="1">
        <f t="array" ref="D6619">IFERROR(INDEX(Jesper!AH$2:AH$366,ROUNDDOWN($C6619/24,0)+1,1)*INDEX($D$3:$AA$30,INDEX(Jesper!$R$2:$R$366,ROW(INDEX(Jesper!AH$2:AH$366,ROUNDDOWN($C6619/24,0)+1,1))-1)+IF('Standard Profiles'!$G$18=$B$10,7,0)+IF('Standard Profiles'!$G$18=$B$17,14,0)+IF('Standard Profiles'!$G$18=$B$24,21,0),MOD($C6619,24)+1)/SUM(INDEX($D$3:$AA$30,INDEX(Jesper!$R$2:$R$366,ROW(INDEX(Jesper!AH$2:AH$366,ROUNDDOWN($C6619/24,0)+1,1))-1)+IF('Standard Profiles'!$G$18=$B$10,7,0)+IF('Standard Profiles'!$G$18=$B$17,14,0)+IF('Standard Profiles'!$G$18=$B$24,21,0),0)),0)</f>
        <v>27.623273895993563</v>
      </c>
      <c r="E6619" cm="1">
        <f t="array" ref="E6619">IFERROR(INDEX(Jesper!AI$2:AI$366,ROUNDDOWN($C6619/24,0)+1,1)*INDEX($D$3:$AA$30,INDEX(Jesper!$R$2:$R$366,ROW(INDEX(Jesper!AI$2:AI$366,ROUNDDOWN($C6619/24,0)+1,1))-1)+IF('Standard Profiles'!$G$19=$B$10,7,0)+IF('Standard Profiles'!$G$19=$B$17,14,0)+IF('Standard Profiles'!$G$19=$B$24,21,0),MOD($C6619,24)+1)/SUM(INDEX($D$3:$AA$30,INDEX(Jesper!$R$2:$R$366,ROW(INDEX(Jesper!AI$2:AI$366,ROUNDDOWN($C6619/24,0)+1,1))-1)+IF('Standard Profiles'!$G$19=$B$10,7,0)+IF('Standard Profiles'!$G$19=$B$17,14,0)+IF('Standard Profiles'!$G$19=$B$24,21,0),0)),0)</f>
        <v>12.158210197003253</v>
      </c>
      <c r="F6619" cm="1">
        <f t="array" ref="F6619">IFERROR(INDEX(Jesper!AJ$2:AJ$366,ROUNDDOWN($C6619/24,0)+1,1)*INDEX($D$3:$AA$30,INDEX(Jesper!$R$2:$R$366,ROW(INDEX(Jesper!AJ$2:AJ$366,ROUNDDOWN($C6619/24,0)+1,1))-1)+IF('Standard Profiles'!$G$20=$B$10,7,0)+IF('Standard Profiles'!$G$20=$B$17,14,0)+IF('Standard Profiles'!$G$20=$B$24,21,0),MOD($C6619,24)+1)/SUM(INDEX($D$3:$AA$30,INDEX(Jesper!$R$2:$R$366,ROW(INDEX(Jesper!AJ$2:AJ$366,ROUNDDOWN($C6619/24,0)+1,1))-1)+IF('Standard Profiles'!$G$20=$B$10,7,0)+IF('Standard Profiles'!$G$20=$B$17,14,0)+IF('Standard Profiles'!$G$20=$B$24,21,0),0)),0)</f>
        <v>0</v>
      </c>
      <c r="G6619" cm="1">
        <f t="array" ref="G6619">IFERROR(INDEX(Jesper!AK$2:AK$366,ROUNDDOWN($C6619/24,0)+1,1)*INDEX($D$3:$AA$30,INDEX(Jesper!$R$2:$R$366,ROW(INDEX(Jesper!AK$2:AK$366,ROUNDDOWN($C6619/24,0)+1,1))-1)+IF('Standard Profiles'!$G$21=$B$10,7,0)+IF('Standard Profiles'!$G$21=$B$17,14,0)+IF('Standard Profiles'!$G$21=$B$24,21,0),MOD($C6619,24)+1)/SUM(INDEX($D$3:$AA$30,INDEX(Jesper!$R$2:$R$366,ROW(INDEX(Jesper!AK$2:AK$366,ROUNDDOWN($C6619/24,0)+1,1))-1)+IF('Standard Profiles'!$G$21=$B$10,7,0)+IF('Standard Profiles'!$G$21=$B$17,14,0)+IF('Standard Profiles'!$G$21=$B$24,21,0),0)),0)</f>
        <v>1.3479731693821595</v>
      </c>
      <c r="H6619" cm="1">
        <f t="array" ref="H6619">IFERROR(INDEX(Jesper!AL$2:AL$366,ROUNDDOWN($C6619/24,0)+1,1)*INDEX($D$3:$AA$30,INDEX(Jesper!$R$2:$R$366,ROW(INDEX(Jesper!AL$2:AL$366,ROUNDDOWN($C6619/24,0)+1,1))-1)+IF('Standard Profiles'!$G$22=$B$10,7,0)+IF('Standard Profiles'!$G$22=$B$17,14,0)+IF('Standard Profiles'!$G$22=$B$24,21,0),MOD($C6619,24)+1)/SUM(INDEX($D$3:$AA$30,INDEX(Jesper!$R$2:$R$366,ROW(INDEX(Jesper!AL$2:AL$366,ROUNDDOWN($C6619/24,0)+1,1))-1)+IF('Standard Profiles'!$G$22=$B$10,7,0)+IF('Standard Profiles'!$G$22=$B$17,14,0)+IF('Standard Profiles'!$G$22=$B$24,21,0),0)),0)</f>
        <v>0</v>
      </c>
      <c r="I6619">
        <f t="shared" si="734"/>
        <v>0.6470271213034362</v>
      </c>
      <c r="J6619">
        <f t="shared" si="735"/>
        <v>36.062706317716561</v>
      </c>
      <c r="K6619">
        <f t="shared" si="736"/>
        <v>2.9464825489059803</v>
      </c>
      <c r="L6619">
        <f t="shared" si="737"/>
        <v>1.4732412744529901</v>
      </c>
      <c r="M6619">
        <f t="shared" si="738"/>
        <v>0</v>
      </c>
      <c r="N6619" s="45">
        <f t="shared" si="739"/>
        <v>45201.374999984029</v>
      </c>
    </row>
    <row r="6620" spans="2:14" x14ac:dyDescent="0.25">
      <c r="B6620">
        <f t="shared" si="733"/>
        <v>1</v>
      </c>
      <c r="C6620" s="16">
        <v>6586</v>
      </c>
      <c r="D6620" cm="1">
        <f t="array" ref="D6620">IFERROR(INDEX(Jesper!AH$2:AH$366,ROUNDDOWN($C6620/24,0)+1,1)*INDEX($D$3:$AA$30,INDEX(Jesper!$R$2:$R$366,ROW(INDEX(Jesper!AH$2:AH$366,ROUNDDOWN($C6620/24,0)+1,1))-1)+IF('Standard Profiles'!$G$18=$B$10,7,0)+IF('Standard Profiles'!$G$18=$B$17,14,0)+IF('Standard Profiles'!$G$18=$B$24,21,0),MOD($C6620,24)+1)/SUM(INDEX($D$3:$AA$30,INDEX(Jesper!$R$2:$R$366,ROW(INDEX(Jesper!AH$2:AH$366,ROUNDDOWN($C6620/24,0)+1,1))-1)+IF('Standard Profiles'!$G$18=$B$10,7,0)+IF('Standard Profiles'!$G$18=$B$17,14,0)+IF('Standard Profiles'!$G$18=$B$24,21,0),0)),0)</f>
        <v>27.623273895993563</v>
      </c>
      <c r="E6620" cm="1">
        <f t="array" ref="E6620">IFERROR(INDEX(Jesper!AI$2:AI$366,ROUNDDOWN($C6620/24,0)+1,1)*INDEX($D$3:$AA$30,INDEX(Jesper!$R$2:$R$366,ROW(INDEX(Jesper!AI$2:AI$366,ROUNDDOWN($C6620/24,0)+1,1))-1)+IF('Standard Profiles'!$G$19=$B$10,7,0)+IF('Standard Profiles'!$G$19=$B$17,14,0)+IF('Standard Profiles'!$G$19=$B$24,21,0),MOD($C6620,24)+1)/SUM(INDEX($D$3:$AA$30,INDEX(Jesper!$R$2:$R$366,ROW(INDEX(Jesper!AI$2:AI$366,ROUNDDOWN($C6620/24,0)+1,1))-1)+IF('Standard Profiles'!$G$19=$B$10,7,0)+IF('Standard Profiles'!$G$19=$B$17,14,0)+IF('Standard Profiles'!$G$19=$B$24,21,0),0)),0)</f>
        <v>12.158210197003253</v>
      </c>
      <c r="F6620" cm="1">
        <f t="array" ref="F6620">IFERROR(INDEX(Jesper!AJ$2:AJ$366,ROUNDDOWN($C6620/24,0)+1,1)*INDEX($D$3:$AA$30,INDEX(Jesper!$R$2:$R$366,ROW(INDEX(Jesper!AJ$2:AJ$366,ROUNDDOWN($C6620/24,0)+1,1))-1)+IF('Standard Profiles'!$G$20=$B$10,7,0)+IF('Standard Profiles'!$G$20=$B$17,14,0)+IF('Standard Profiles'!$G$20=$B$24,21,0),MOD($C6620,24)+1)/SUM(INDEX($D$3:$AA$30,INDEX(Jesper!$R$2:$R$366,ROW(INDEX(Jesper!AJ$2:AJ$366,ROUNDDOWN($C6620/24,0)+1,1))-1)+IF('Standard Profiles'!$G$20=$B$10,7,0)+IF('Standard Profiles'!$G$20=$B$17,14,0)+IF('Standard Profiles'!$G$20=$B$24,21,0),0)),0)</f>
        <v>0</v>
      </c>
      <c r="G6620" cm="1">
        <f t="array" ref="G6620">IFERROR(INDEX(Jesper!AK$2:AK$366,ROUNDDOWN($C6620/24,0)+1,1)*INDEX($D$3:$AA$30,INDEX(Jesper!$R$2:$R$366,ROW(INDEX(Jesper!AK$2:AK$366,ROUNDDOWN($C6620/24,0)+1,1))-1)+IF('Standard Profiles'!$G$21=$B$10,7,0)+IF('Standard Profiles'!$G$21=$B$17,14,0)+IF('Standard Profiles'!$G$21=$B$24,21,0),MOD($C6620,24)+1)/SUM(INDEX($D$3:$AA$30,INDEX(Jesper!$R$2:$R$366,ROW(INDEX(Jesper!AK$2:AK$366,ROUNDDOWN($C6620/24,0)+1,1))-1)+IF('Standard Profiles'!$G$21=$B$10,7,0)+IF('Standard Profiles'!$G$21=$B$17,14,0)+IF('Standard Profiles'!$G$21=$B$24,21,0),0)),0)</f>
        <v>1.3479731693821595</v>
      </c>
      <c r="H6620" cm="1">
        <f t="array" ref="H6620">IFERROR(INDEX(Jesper!AL$2:AL$366,ROUNDDOWN($C6620/24,0)+1,1)*INDEX($D$3:$AA$30,INDEX(Jesper!$R$2:$R$366,ROW(INDEX(Jesper!AL$2:AL$366,ROUNDDOWN($C6620/24,0)+1,1))-1)+IF('Standard Profiles'!$G$22=$B$10,7,0)+IF('Standard Profiles'!$G$22=$B$17,14,0)+IF('Standard Profiles'!$G$22=$B$24,21,0),MOD($C6620,24)+1)/SUM(INDEX($D$3:$AA$30,INDEX(Jesper!$R$2:$R$366,ROW(INDEX(Jesper!AL$2:AL$366,ROUNDDOWN($C6620/24,0)+1,1))-1)+IF('Standard Profiles'!$G$22=$B$10,7,0)+IF('Standard Profiles'!$G$22=$B$17,14,0)+IF('Standard Profiles'!$G$22=$B$24,21,0),0)),0)</f>
        <v>0</v>
      </c>
      <c r="I6620">
        <f t="shared" si="734"/>
        <v>0.6470271213034362</v>
      </c>
      <c r="J6620">
        <f t="shared" si="735"/>
        <v>36.062706317716561</v>
      </c>
      <c r="K6620">
        <f t="shared" si="736"/>
        <v>2.9464825489059803</v>
      </c>
      <c r="L6620">
        <f t="shared" si="737"/>
        <v>1.4732412744529901</v>
      </c>
      <c r="M6620">
        <f t="shared" si="738"/>
        <v>0</v>
      </c>
      <c r="N6620" s="45">
        <f t="shared" si="739"/>
        <v>45201.416666650694</v>
      </c>
    </row>
    <row r="6621" spans="2:14" x14ac:dyDescent="0.25">
      <c r="B6621">
        <f t="shared" si="733"/>
        <v>1</v>
      </c>
      <c r="C6621" s="16">
        <v>6587</v>
      </c>
      <c r="D6621" cm="1">
        <f t="array" ref="D6621">IFERROR(INDEX(Jesper!AH$2:AH$366,ROUNDDOWN($C6621/24,0)+1,1)*INDEX($D$3:$AA$30,INDEX(Jesper!$R$2:$R$366,ROW(INDEX(Jesper!AH$2:AH$366,ROUNDDOWN($C6621/24,0)+1,1))-1)+IF('Standard Profiles'!$G$18=$B$10,7,0)+IF('Standard Profiles'!$G$18=$B$17,14,0)+IF('Standard Profiles'!$G$18=$B$24,21,0),MOD($C6621,24)+1)/SUM(INDEX($D$3:$AA$30,INDEX(Jesper!$R$2:$R$366,ROW(INDEX(Jesper!AH$2:AH$366,ROUNDDOWN($C6621/24,0)+1,1))-1)+IF('Standard Profiles'!$G$18=$B$10,7,0)+IF('Standard Profiles'!$G$18=$B$17,14,0)+IF('Standard Profiles'!$G$18=$B$24,21,0),0)),0)</f>
        <v>33.147928675192269</v>
      </c>
      <c r="E6621" cm="1">
        <f t="array" ref="E6621">IFERROR(INDEX(Jesper!AI$2:AI$366,ROUNDDOWN($C6621/24,0)+1,1)*INDEX($D$3:$AA$30,INDEX(Jesper!$R$2:$R$366,ROW(INDEX(Jesper!AI$2:AI$366,ROUNDDOWN($C6621/24,0)+1,1))-1)+IF('Standard Profiles'!$G$19=$B$10,7,0)+IF('Standard Profiles'!$G$19=$B$17,14,0)+IF('Standard Profiles'!$G$19=$B$24,21,0),MOD($C6621,24)+1)/SUM(INDEX($D$3:$AA$30,INDEX(Jesper!$R$2:$R$366,ROW(INDEX(Jesper!AI$2:AI$366,ROUNDDOWN($C6621/24,0)+1,1))-1)+IF('Standard Profiles'!$G$19=$B$10,7,0)+IF('Standard Profiles'!$G$19=$B$17,14,0)+IF('Standard Profiles'!$G$19=$B$24,21,0),0)),0)</f>
        <v>14.589852236403903</v>
      </c>
      <c r="F6621" cm="1">
        <f t="array" ref="F6621">IFERROR(INDEX(Jesper!AJ$2:AJ$366,ROUNDDOWN($C6621/24,0)+1,1)*INDEX($D$3:$AA$30,INDEX(Jesper!$R$2:$R$366,ROW(INDEX(Jesper!AJ$2:AJ$366,ROUNDDOWN($C6621/24,0)+1,1))-1)+IF('Standard Profiles'!$G$20=$B$10,7,0)+IF('Standard Profiles'!$G$20=$B$17,14,0)+IF('Standard Profiles'!$G$20=$B$24,21,0),MOD($C6621,24)+1)/SUM(INDEX($D$3:$AA$30,INDEX(Jesper!$R$2:$R$366,ROW(INDEX(Jesper!AJ$2:AJ$366,ROUNDDOWN($C6621/24,0)+1,1))-1)+IF('Standard Profiles'!$G$20=$B$10,7,0)+IF('Standard Profiles'!$G$20=$B$17,14,0)+IF('Standard Profiles'!$G$20=$B$24,21,0),0)),0)</f>
        <v>0</v>
      </c>
      <c r="G6621" cm="1">
        <f t="array" ref="G6621">IFERROR(INDEX(Jesper!AK$2:AK$366,ROUNDDOWN($C6621/24,0)+1,1)*INDEX($D$3:$AA$30,INDEX(Jesper!$R$2:$R$366,ROW(INDEX(Jesper!AK$2:AK$366,ROUNDDOWN($C6621/24,0)+1,1))-1)+IF('Standard Profiles'!$G$21=$B$10,7,0)+IF('Standard Profiles'!$G$21=$B$17,14,0)+IF('Standard Profiles'!$G$21=$B$24,21,0),MOD($C6621,24)+1)/SUM(INDEX($D$3:$AA$30,INDEX(Jesper!$R$2:$R$366,ROW(INDEX(Jesper!AK$2:AK$366,ROUNDDOWN($C6621/24,0)+1,1))-1)+IF('Standard Profiles'!$G$21=$B$10,7,0)+IF('Standard Profiles'!$G$21=$B$17,14,0)+IF('Standard Profiles'!$G$21=$B$24,21,0),0)),0)</f>
        <v>1.6175678032585912</v>
      </c>
      <c r="H6621" cm="1">
        <f t="array" ref="H6621">IFERROR(INDEX(Jesper!AL$2:AL$366,ROUNDDOWN($C6621/24,0)+1,1)*INDEX($D$3:$AA$30,INDEX(Jesper!$R$2:$R$366,ROW(INDEX(Jesper!AL$2:AL$366,ROUNDDOWN($C6621/24,0)+1,1))-1)+IF('Standard Profiles'!$G$22=$B$10,7,0)+IF('Standard Profiles'!$G$22=$B$17,14,0)+IF('Standard Profiles'!$G$22=$B$24,21,0),MOD($C6621,24)+1)/SUM(INDEX($D$3:$AA$30,INDEX(Jesper!$R$2:$R$366,ROW(INDEX(Jesper!AL$2:AL$366,ROUNDDOWN($C6621/24,0)+1,1))-1)+IF('Standard Profiles'!$G$22=$B$10,7,0)+IF('Standard Profiles'!$G$22=$B$17,14,0)+IF('Standard Profiles'!$G$22=$B$24,21,0),0)),0)</f>
        <v>0</v>
      </c>
      <c r="I6621">
        <f t="shared" si="734"/>
        <v>0.77643254556412333</v>
      </c>
      <c r="J6621">
        <f t="shared" si="735"/>
        <v>43.275247581259876</v>
      </c>
      <c r="K6621">
        <f t="shared" si="736"/>
        <v>3.5357790586871753</v>
      </c>
      <c r="L6621">
        <f t="shared" si="737"/>
        <v>1.7678895293435877</v>
      </c>
      <c r="M6621">
        <f t="shared" si="738"/>
        <v>0</v>
      </c>
      <c r="N6621" s="45">
        <f t="shared" si="739"/>
        <v>45201.458333317358</v>
      </c>
    </row>
    <row r="6622" spans="2:14" x14ac:dyDescent="0.25">
      <c r="B6622">
        <f t="shared" si="733"/>
        <v>1</v>
      </c>
      <c r="C6622" s="16">
        <v>6588</v>
      </c>
      <c r="D6622" cm="1">
        <f t="array" ref="D6622">IFERROR(INDEX(Jesper!AH$2:AH$366,ROUNDDOWN($C6622/24,0)+1,1)*INDEX($D$3:$AA$30,INDEX(Jesper!$R$2:$R$366,ROW(INDEX(Jesper!AH$2:AH$366,ROUNDDOWN($C6622/24,0)+1,1))-1)+IF('Standard Profiles'!$G$18=$B$10,7,0)+IF('Standard Profiles'!$G$18=$B$17,14,0)+IF('Standard Profiles'!$G$18=$B$24,21,0),MOD($C6622,24)+1)/SUM(INDEX($D$3:$AA$30,INDEX(Jesper!$R$2:$R$366,ROW(INDEX(Jesper!AH$2:AH$366,ROUNDDOWN($C6622/24,0)+1,1))-1)+IF('Standard Profiles'!$G$18=$B$10,7,0)+IF('Standard Profiles'!$G$18=$B$17,14,0)+IF('Standard Profiles'!$G$18=$B$24,21,0),0)),0)</f>
        <v>33.147928675192269</v>
      </c>
      <c r="E6622" cm="1">
        <f t="array" ref="E6622">IFERROR(INDEX(Jesper!AI$2:AI$366,ROUNDDOWN($C6622/24,0)+1,1)*INDEX($D$3:$AA$30,INDEX(Jesper!$R$2:$R$366,ROW(INDEX(Jesper!AI$2:AI$366,ROUNDDOWN($C6622/24,0)+1,1))-1)+IF('Standard Profiles'!$G$19=$B$10,7,0)+IF('Standard Profiles'!$G$19=$B$17,14,0)+IF('Standard Profiles'!$G$19=$B$24,21,0),MOD($C6622,24)+1)/SUM(INDEX($D$3:$AA$30,INDEX(Jesper!$R$2:$R$366,ROW(INDEX(Jesper!AI$2:AI$366,ROUNDDOWN($C6622/24,0)+1,1))-1)+IF('Standard Profiles'!$G$19=$B$10,7,0)+IF('Standard Profiles'!$G$19=$B$17,14,0)+IF('Standard Profiles'!$G$19=$B$24,21,0),0)),0)</f>
        <v>14.589852236403903</v>
      </c>
      <c r="F6622" cm="1">
        <f t="array" ref="F6622">IFERROR(INDEX(Jesper!AJ$2:AJ$366,ROUNDDOWN($C6622/24,0)+1,1)*INDEX($D$3:$AA$30,INDEX(Jesper!$R$2:$R$366,ROW(INDEX(Jesper!AJ$2:AJ$366,ROUNDDOWN($C6622/24,0)+1,1))-1)+IF('Standard Profiles'!$G$20=$B$10,7,0)+IF('Standard Profiles'!$G$20=$B$17,14,0)+IF('Standard Profiles'!$G$20=$B$24,21,0),MOD($C6622,24)+1)/SUM(INDEX($D$3:$AA$30,INDEX(Jesper!$R$2:$R$366,ROW(INDEX(Jesper!AJ$2:AJ$366,ROUNDDOWN($C6622/24,0)+1,1))-1)+IF('Standard Profiles'!$G$20=$B$10,7,0)+IF('Standard Profiles'!$G$20=$B$17,14,0)+IF('Standard Profiles'!$G$20=$B$24,21,0),0)),0)</f>
        <v>0</v>
      </c>
      <c r="G6622" cm="1">
        <f t="array" ref="G6622">IFERROR(INDEX(Jesper!AK$2:AK$366,ROUNDDOWN($C6622/24,0)+1,1)*INDEX($D$3:$AA$30,INDEX(Jesper!$R$2:$R$366,ROW(INDEX(Jesper!AK$2:AK$366,ROUNDDOWN($C6622/24,0)+1,1))-1)+IF('Standard Profiles'!$G$21=$B$10,7,0)+IF('Standard Profiles'!$G$21=$B$17,14,0)+IF('Standard Profiles'!$G$21=$B$24,21,0),MOD($C6622,24)+1)/SUM(INDEX($D$3:$AA$30,INDEX(Jesper!$R$2:$R$366,ROW(INDEX(Jesper!AK$2:AK$366,ROUNDDOWN($C6622/24,0)+1,1))-1)+IF('Standard Profiles'!$G$21=$B$10,7,0)+IF('Standard Profiles'!$G$21=$B$17,14,0)+IF('Standard Profiles'!$G$21=$B$24,21,0),0)),0)</f>
        <v>1.6175678032585912</v>
      </c>
      <c r="H6622" cm="1">
        <f t="array" ref="H6622">IFERROR(INDEX(Jesper!AL$2:AL$366,ROUNDDOWN($C6622/24,0)+1,1)*INDEX($D$3:$AA$30,INDEX(Jesper!$R$2:$R$366,ROW(INDEX(Jesper!AL$2:AL$366,ROUNDDOWN($C6622/24,0)+1,1))-1)+IF('Standard Profiles'!$G$22=$B$10,7,0)+IF('Standard Profiles'!$G$22=$B$17,14,0)+IF('Standard Profiles'!$G$22=$B$24,21,0),MOD($C6622,24)+1)/SUM(INDEX($D$3:$AA$30,INDEX(Jesper!$R$2:$R$366,ROW(INDEX(Jesper!AL$2:AL$366,ROUNDDOWN($C6622/24,0)+1,1))-1)+IF('Standard Profiles'!$G$22=$B$10,7,0)+IF('Standard Profiles'!$G$22=$B$17,14,0)+IF('Standard Profiles'!$G$22=$B$24,21,0),0)),0)</f>
        <v>0</v>
      </c>
      <c r="I6622">
        <f t="shared" si="734"/>
        <v>0.77643254556412333</v>
      </c>
      <c r="J6622">
        <f t="shared" si="735"/>
        <v>43.275247581259876</v>
      </c>
      <c r="K6622">
        <f t="shared" si="736"/>
        <v>3.5357790586871753</v>
      </c>
      <c r="L6622">
        <f t="shared" si="737"/>
        <v>1.7678895293435877</v>
      </c>
      <c r="M6622">
        <f t="shared" si="738"/>
        <v>0</v>
      </c>
      <c r="N6622" s="45">
        <f t="shared" si="739"/>
        <v>45201.499999984022</v>
      </c>
    </row>
    <row r="6623" spans="2:14" x14ac:dyDescent="0.25">
      <c r="B6623">
        <f t="shared" si="733"/>
        <v>1</v>
      </c>
      <c r="C6623" s="16">
        <v>6589</v>
      </c>
      <c r="D6623" cm="1">
        <f t="array" ref="D6623">IFERROR(INDEX(Jesper!AH$2:AH$366,ROUNDDOWN($C6623/24,0)+1,1)*INDEX($D$3:$AA$30,INDEX(Jesper!$R$2:$R$366,ROW(INDEX(Jesper!AH$2:AH$366,ROUNDDOWN($C6623/24,0)+1,1))-1)+IF('Standard Profiles'!$G$18=$B$10,7,0)+IF('Standard Profiles'!$G$18=$B$17,14,0)+IF('Standard Profiles'!$G$18=$B$24,21,0),MOD($C6623,24)+1)/SUM(INDEX($D$3:$AA$30,INDEX(Jesper!$R$2:$R$366,ROW(INDEX(Jesper!AH$2:AH$366,ROUNDDOWN($C6623/24,0)+1,1))-1)+IF('Standard Profiles'!$G$18=$B$10,7,0)+IF('Standard Profiles'!$G$18=$B$17,14,0)+IF('Standard Profiles'!$G$18=$B$24,21,0),0)),0)</f>
        <v>22.098619116794854</v>
      </c>
      <c r="E6623" cm="1">
        <f t="array" ref="E6623">IFERROR(INDEX(Jesper!AI$2:AI$366,ROUNDDOWN($C6623/24,0)+1,1)*INDEX($D$3:$AA$30,INDEX(Jesper!$R$2:$R$366,ROW(INDEX(Jesper!AI$2:AI$366,ROUNDDOWN($C6623/24,0)+1,1))-1)+IF('Standard Profiles'!$G$19=$B$10,7,0)+IF('Standard Profiles'!$G$19=$B$17,14,0)+IF('Standard Profiles'!$G$19=$B$24,21,0),MOD($C6623,24)+1)/SUM(INDEX($D$3:$AA$30,INDEX(Jesper!$R$2:$R$366,ROW(INDEX(Jesper!AI$2:AI$366,ROUNDDOWN($C6623/24,0)+1,1))-1)+IF('Standard Profiles'!$G$19=$B$10,7,0)+IF('Standard Profiles'!$G$19=$B$17,14,0)+IF('Standard Profiles'!$G$19=$B$24,21,0),0)),0)</f>
        <v>9.7265681576026033</v>
      </c>
      <c r="F6623" cm="1">
        <f t="array" ref="F6623">IFERROR(INDEX(Jesper!AJ$2:AJ$366,ROUNDDOWN($C6623/24,0)+1,1)*INDEX($D$3:$AA$30,INDEX(Jesper!$R$2:$R$366,ROW(INDEX(Jesper!AJ$2:AJ$366,ROUNDDOWN($C6623/24,0)+1,1))-1)+IF('Standard Profiles'!$G$20=$B$10,7,0)+IF('Standard Profiles'!$G$20=$B$17,14,0)+IF('Standard Profiles'!$G$20=$B$24,21,0),MOD($C6623,24)+1)/SUM(INDEX($D$3:$AA$30,INDEX(Jesper!$R$2:$R$366,ROW(INDEX(Jesper!AJ$2:AJ$366,ROUNDDOWN($C6623/24,0)+1,1))-1)+IF('Standard Profiles'!$G$20=$B$10,7,0)+IF('Standard Profiles'!$G$20=$B$17,14,0)+IF('Standard Profiles'!$G$20=$B$24,21,0),0)),0)</f>
        <v>0</v>
      </c>
      <c r="G6623" cm="1">
        <f t="array" ref="G6623">IFERROR(INDEX(Jesper!AK$2:AK$366,ROUNDDOWN($C6623/24,0)+1,1)*INDEX($D$3:$AA$30,INDEX(Jesper!$R$2:$R$366,ROW(INDEX(Jesper!AK$2:AK$366,ROUNDDOWN($C6623/24,0)+1,1))-1)+IF('Standard Profiles'!$G$21=$B$10,7,0)+IF('Standard Profiles'!$G$21=$B$17,14,0)+IF('Standard Profiles'!$G$21=$B$24,21,0),MOD($C6623,24)+1)/SUM(INDEX($D$3:$AA$30,INDEX(Jesper!$R$2:$R$366,ROW(INDEX(Jesper!AK$2:AK$366,ROUNDDOWN($C6623/24,0)+1,1))-1)+IF('Standard Profiles'!$G$21=$B$10,7,0)+IF('Standard Profiles'!$G$21=$B$17,14,0)+IF('Standard Profiles'!$G$21=$B$24,21,0),0)),0)</f>
        <v>1.0783785355057278</v>
      </c>
      <c r="H6623" cm="1">
        <f t="array" ref="H6623">IFERROR(INDEX(Jesper!AL$2:AL$366,ROUNDDOWN($C6623/24,0)+1,1)*INDEX($D$3:$AA$30,INDEX(Jesper!$R$2:$R$366,ROW(INDEX(Jesper!AL$2:AL$366,ROUNDDOWN($C6623/24,0)+1,1))-1)+IF('Standard Profiles'!$G$22=$B$10,7,0)+IF('Standard Profiles'!$G$22=$B$17,14,0)+IF('Standard Profiles'!$G$22=$B$24,21,0),MOD($C6623,24)+1)/SUM(INDEX($D$3:$AA$30,INDEX(Jesper!$R$2:$R$366,ROW(INDEX(Jesper!AL$2:AL$366,ROUNDDOWN($C6623/24,0)+1,1))-1)+IF('Standard Profiles'!$G$22=$B$10,7,0)+IF('Standard Profiles'!$G$22=$B$17,14,0)+IF('Standard Profiles'!$G$22=$B$24,21,0),0)),0)</f>
        <v>0</v>
      </c>
      <c r="I6623">
        <f t="shared" si="734"/>
        <v>0.51762169704274907</v>
      </c>
      <c r="J6623">
        <f t="shared" si="735"/>
        <v>28.85016505417326</v>
      </c>
      <c r="K6623">
        <f t="shared" si="736"/>
        <v>2.3571860391247847</v>
      </c>
      <c r="L6623">
        <f t="shared" si="737"/>
        <v>1.1785930195623924</v>
      </c>
      <c r="M6623">
        <f t="shared" si="738"/>
        <v>0</v>
      </c>
      <c r="N6623" s="45">
        <f t="shared" si="739"/>
        <v>45201.541666650686</v>
      </c>
    </row>
    <row r="6624" spans="2:14" x14ac:dyDescent="0.25">
      <c r="B6624">
        <f t="shared" si="733"/>
        <v>1</v>
      </c>
      <c r="C6624" s="16">
        <v>6590</v>
      </c>
      <c r="D6624" cm="1">
        <f t="array" ref="D6624">IFERROR(INDEX(Jesper!AH$2:AH$366,ROUNDDOWN($C6624/24,0)+1,1)*INDEX($D$3:$AA$30,INDEX(Jesper!$R$2:$R$366,ROW(INDEX(Jesper!AH$2:AH$366,ROUNDDOWN($C6624/24,0)+1,1))-1)+IF('Standard Profiles'!$G$18=$B$10,7,0)+IF('Standard Profiles'!$G$18=$B$17,14,0)+IF('Standard Profiles'!$G$18=$B$24,21,0),MOD($C6624,24)+1)/SUM(INDEX($D$3:$AA$30,INDEX(Jesper!$R$2:$R$366,ROW(INDEX(Jesper!AH$2:AH$366,ROUNDDOWN($C6624/24,0)+1,1))-1)+IF('Standard Profiles'!$G$18=$B$10,7,0)+IF('Standard Profiles'!$G$18=$B$17,14,0)+IF('Standard Profiles'!$G$18=$B$24,21,0),0)),0)</f>
        <v>33.147928675192269</v>
      </c>
      <c r="E6624" cm="1">
        <f t="array" ref="E6624">IFERROR(INDEX(Jesper!AI$2:AI$366,ROUNDDOWN($C6624/24,0)+1,1)*INDEX($D$3:$AA$30,INDEX(Jesper!$R$2:$R$366,ROW(INDEX(Jesper!AI$2:AI$366,ROUNDDOWN($C6624/24,0)+1,1))-1)+IF('Standard Profiles'!$G$19=$B$10,7,0)+IF('Standard Profiles'!$G$19=$B$17,14,0)+IF('Standard Profiles'!$G$19=$B$24,21,0),MOD($C6624,24)+1)/SUM(INDEX($D$3:$AA$30,INDEX(Jesper!$R$2:$R$366,ROW(INDEX(Jesper!AI$2:AI$366,ROUNDDOWN($C6624/24,0)+1,1))-1)+IF('Standard Profiles'!$G$19=$B$10,7,0)+IF('Standard Profiles'!$G$19=$B$17,14,0)+IF('Standard Profiles'!$G$19=$B$24,21,0),0)),0)</f>
        <v>14.589852236403903</v>
      </c>
      <c r="F6624" cm="1">
        <f t="array" ref="F6624">IFERROR(INDEX(Jesper!AJ$2:AJ$366,ROUNDDOWN($C6624/24,0)+1,1)*INDEX($D$3:$AA$30,INDEX(Jesper!$R$2:$R$366,ROW(INDEX(Jesper!AJ$2:AJ$366,ROUNDDOWN($C6624/24,0)+1,1))-1)+IF('Standard Profiles'!$G$20=$B$10,7,0)+IF('Standard Profiles'!$G$20=$B$17,14,0)+IF('Standard Profiles'!$G$20=$B$24,21,0),MOD($C6624,24)+1)/SUM(INDEX($D$3:$AA$30,INDEX(Jesper!$R$2:$R$366,ROW(INDEX(Jesper!AJ$2:AJ$366,ROUNDDOWN($C6624/24,0)+1,1))-1)+IF('Standard Profiles'!$G$20=$B$10,7,0)+IF('Standard Profiles'!$G$20=$B$17,14,0)+IF('Standard Profiles'!$G$20=$B$24,21,0),0)),0)</f>
        <v>0</v>
      </c>
      <c r="G6624" cm="1">
        <f t="array" ref="G6624">IFERROR(INDEX(Jesper!AK$2:AK$366,ROUNDDOWN($C6624/24,0)+1,1)*INDEX($D$3:$AA$30,INDEX(Jesper!$R$2:$R$366,ROW(INDEX(Jesper!AK$2:AK$366,ROUNDDOWN($C6624/24,0)+1,1))-1)+IF('Standard Profiles'!$G$21=$B$10,7,0)+IF('Standard Profiles'!$G$21=$B$17,14,0)+IF('Standard Profiles'!$G$21=$B$24,21,0),MOD($C6624,24)+1)/SUM(INDEX($D$3:$AA$30,INDEX(Jesper!$R$2:$R$366,ROW(INDEX(Jesper!AK$2:AK$366,ROUNDDOWN($C6624/24,0)+1,1))-1)+IF('Standard Profiles'!$G$21=$B$10,7,0)+IF('Standard Profiles'!$G$21=$B$17,14,0)+IF('Standard Profiles'!$G$21=$B$24,21,0),0)),0)</f>
        <v>1.6175678032585912</v>
      </c>
      <c r="H6624" cm="1">
        <f t="array" ref="H6624">IFERROR(INDEX(Jesper!AL$2:AL$366,ROUNDDOWN($C6624/24,0)+1,1)*INDEX($D$3:$AA$30,INDEX(Jesper!$R$2:$R$366,ROW(INDEX(Jesper!AL$2:AL$366,ROUNDDOWN($C6624/24,0)+1,1))-1)+IF('Standard Profiles'!$G$22=$B$10,7,0)+IF('Standard Profiles'!$G$22=$B$17,14,0)+IF('Standard Profiles'!$G$22=$B$24,21,0),MOD($C6624,24)+1)/SUM(INDEX($D$3:$AA$30,INDEX(Jesper!$R$2:$R$366,ROW(INDEX(Jesper!AL$2:AL$366,ROUNDDOWN($C6624/24,0)+1,1))-1)+IF('Standard Profiles'!$G$22=$B$10,7,0)+IF('Standard Profiles'!$G$22=$B$17,14,0)+IF('Standard Profiles'!$G$22=$B$24,21,0),0)),0)</f>
        <v>0</v>
      </c>
      <c r="I6624">
        <f t="shared" si="734"/>
        <v>0.77643254556412333</v>
      </c>
      <c r="J6624">
        <f t="shared" si="735"/>
        <v>43.275247581259876</v>
      </c>
      <c r="K6624">
        <f t="shared" si="736"/>
        <v>3.5357790586871753</v>
      </c>
      <c r="L6624">
        <f t="shared" si="737"/>
        <v>1.7678895293435877</v>
      </c>
      <c r="M6624">
        <f t="shared" si="738"/>
        <v>0</v>
      </c>
      <c r="N6624" s="45">
        <f t="shared" si="739"/>
        <v>45201.58333331735</v>
      </c>
    </row>
    <row r="6625" spans="2:14" x14ac:dyDescent="0.25">
      <c r="B6625">
        <f t="shared" si="733"/>
        <v>1</v>
      </c>
      <c r="C6625" s="16">
        <v>6591</v>
      </c>
      <c r="D6625" cm="1">
        <f t="array" ref="D6625">IFERROR(INDEX(Jesper!AH$2:AH$366,ROUNDDOWN($C6625/24,0)+1,1)*INDEX($D$3:$AA$30,INDEX(Jesper!$R$2:$R$366,ROW(INDEX(Jesper!AH$2:AH$366,ROUNDDOWN($C6625/24,0)+1,1))-1)+IF('Standard Profiles'!$G$18=$B$10,7,0)+IF('Standard Profiles'!$G$18=$B$17,14,0)+IF('Standard Profiles'!$G$18=$B$24,21,0),MOD($C6625,24)+1)/SUM(INDEX($D$3:$AA$30,INDEX(Jesper!$R$2:$R$366,ROW(INDEX(Jesper!AH$2:AH$366,ROUNDDOWN($C6625/24,0)+1,1))-1)+IF('Standard Profiles'!$G$18=$B$10,7,0)+IF('Standard Profiles'!$G$18=$B$17,14,0)+IF('Standard Profiles'!$G$18=$B$24,21,0),0)),0)</f>
        <v>33.147928675192269</v>
      </c>
      <c r="E6625" cm="1">
        <f t="array" ref="E6625">IFERROR(INDEX(Jesper!AI$2:AI$366,ROUNDDOWN($C6625/24,0)+1,1)*INDEX($D$3:$AA$30,INDEX(Jesper!$R$2:$R$366,ROW(INDEX(Jesper!AI$2:AI$366,ROUNDDOWN($C6625/24,0)+1,1))-1)+IF('Standard Profiles'!$G$19=$B$10,7,0)+IF('Standard Profiles'!$G$19=$B$17,14,0)+IF('Standard Profiles'!$G$19=$B$24,21,0),MOD($C6625,24)+1)/SUM(INDEX($D$3:$AA$30,INDEX(Jesper!$R$2:$R$366,ROW(INDEX(Jesper!AI$2:AI$366,ROUNDDOWN($C6625/24,0)+1,1))-1)+IF('Standard Profiles'!$G$19=$B$10,7,0)+IF('Standard Profiles'!$G$19=$B$17,14,0)+IF('Standard Profiles'!$G$19=$B$24,21,0),0)),0)</f>
        <v>14.589852236403903</v>
      </c>
      <c r="F6625" cm="1">
        <f t="array" ref="F6625">IFERROR(INDEX(Jesper!AJ$2:AJ$366,ROUNDDOWN($C6625/24,0)+1,1)*INDEX($D$3:$AA$30,INDEX(Jesper!$R$2:$R$366,ROW(INDEX(Jesper!AJ$2:AJ$366,ROUNDDOWN($C6625/24,0)+1,1))-1)+IF('Standard Profiles'!$G$20=$B$10,7,0)+IF('Standard Profiles'!$G$20=$B$17,14,0)+IF('Standard Profiles'!$G$20=$B$24,21,0),MOD($C6625,24)+1)/SUM(INDEX($D$3:$AA$30,INDEX(Jesper!$R$2:$R$366,ROW(INDEX(Jesper!AJ$2:AJ$366,ROUNDDOWN($C6625/24,0)+1,1))-1)+IF('Standard Profiles'!$G$20=$B$10,7,0)+IF('Standard Profiles'!$G$20=$B$17,14,0)+IF('Standard Profiles'!$G$20=$B$24,21,0),0)),0)</f>
        <v>0</v>
      </c>
      <c r="G6625" cm="1">
        <f t="array" ref="G6625">IFERROR(INDEX(Jesper!AK$2:AK$366,ROUNDDOWN($C6625/24,0)+1,1)*INDEX($D$3:$AA$30,INDEX(Jesper!$R$2:$R$366,ROW(INDEX(Jesper!AK$2:AK$366,ROUNDDOWN($C6625/24,0)+1,1))-1)+IF('Standard Profiles'!$G$21=$B$10,7,0)+IF('Standard Profiles'!$G$21=$B$17,14,0)+IF('Standard Profiles'!$G$21=$B$24,21,0),MOD($C6625,24)+1)/SUM(INDEX($D$3:$AA$30,INDEX(Jesper!$R$2:$R$366,ROW(INDEX(Jesper!AK$2:AK$366,ROUNDDOWN($C6625/24,0)+1,1))-1)+IF('Standard Profiles'!$G$21=$B$10,7,0)+IF('Standard Profiles'!$G$21=$B$17,14,0)+IF('Standard Profiles'!$G$21=$B$24,21,0),0)),0)</f>
        <v>1.6175678032585912</v>
      </c>
      <c r="H6625" cm="1">
        <f t="array" ref="H6625">IFERROR(INDEX(Jesper!AL$2:AL$366,ROUNDDOWN($C6625/24,0)+1,1)*INDEX($D$3:$AA$30,INDEX(Jesper!$R$2:$R$366,ROW(INDEX(Jesper!AL$2:AL$366,ROUNDDOWN($C6625/24,0)+1,1))-1)+IF('Standard Profiles'!$G$22=$B$10,7,0)+IF('Standard Profiles'!$G$22=$B$17,14,0)+IF('Standard Profiles'!$G$22=$B$24,21,0),MOD($C6625,24)+1)/SUM(INDEX($D$3:$AA$30,INDEX(Jesper!$R$2:$R$366,ROW(INDEX(Jesper!AL$2:AL$366,ROUNDDOWN($C6625/24,0)+1,1))-1)+IF('Standard Profiles'!$G$22=$B$10,7,0)+IF('Standard Profiles'!$G$22=$B$17,14,0)+IF('Standard Profiles'!$G$22=$B$24,21,0),0)),0)</f>
        <v>0</v>
      </c>
      <c r="I6625">
        <f t="shared" si="734"/>
        <v>0.77643254556412333</v>
      </c>
      <c r="J6625">
        <f t="shared" si="735"/>
        <v>43.275247581259876</v>
      </c>
      <c r="K6625">
        <f t="shared" si="736"/>
        <v>3.5357790586871753</v>
      </c>
      <c r="L6625">
        <f t="shared" si="737"/>
        <v>1.7678895293435877</v>
      </c>
      <c r="M6625">
        <f t="shared" si="738"/>
        <v>0</v>
      </c>
      <c r="N6625" s="45">
        <f t="shared" si="739"/>
        <v>45201.624999984015</v>
      </c>
    </row>
    <row r="6626" spans="2:14" x14ac:dyDescent="0.25">
      <c r="B6626">
        <f t="shared" si="733"/>
        <v>1</v>
      </c>
      <c r="C6626" s="16">
        <v>6592</v>
      </c>
      <c r="D6626" cm="1">
        <f t="array" ref="D6626">IFERROR(INDEX(Jesper!AH$2:AH$366,ROUNDDOWN($C6626/24,0)+1,1)*INDEX($D$3:$AA$30,INDEX(Jesper!$R$2:$R$366,ROW(INDEX(Jesper!AH$2:AH$366,ROUNDDOWN($C6626/24,0)+1,1))-1)+IF('Standard Profiles'!$G$18=$B$10,7,0)+IF('Standard Profiles'!$G$18=$B$17,14,0)+IF('Standard Profiles'!$G$18=$B$24,21,0),MOD($C6626,24)+1)/SUM(INDEX($D$3:$AA$30,INDEX(Jesper!$R$2:$R$366,ROW(INDEX(Jesper!AH$2:AH$366,ROUNDDOWN($C6626/24,0)+1,1))-1)+IF('Standard Profiles'!$G$18=$B$10,7,0)+IF('Standard Profiles'!$G$18=$B$17,14,0)+IF('Standard Profiles'!$G$18=$B$24,21,0),0)),0)</f>
        <v>19.336291727195494</v>
      </c>
      <c r="E6626" cm="1">
        <f t="array" ref="E6626">IFERROR(INDEX(Jesper!AI$2:AI$366,ROUNDDOWN($C6626/24,0)+1,1)*INDEX($D$3:$AA$30,INDEX(Jesper!$R$2:$R$366,ROW(INDEX(Jesper!AI$2:AI$366,ROUNDDOWN($C6626/24,0)+1,1))-1)+IF('Standard Profiles'!$G$19=$B$10,7,0)+IF('Standard Profiles'!$G$19=$B$17,14,0)+IF('Standard Profiles'!$G$19=$B$24,21,0),MOD($C6626,24)+1)/SUM(INDEX($D$3:$AA$30,INDEX(Jesper!$R$2:$R$366,ROW(INDEX(Jesper!AI$2:AI$366,ROUNDDOWN($C6626/24,0)+1,1))-1)+IF('Standard Profiles'!$G$19=$B$10,7,0)+IF('Standard Profiles'!$G$19=$B$17,14,0)+IF('Standard Profiles'!$G$19=$B$24,21,0),0)),0)</f>
        <v>8.5107471379022765</v>
      </c>
      <c r="F6626" cm="1">
        <f t="array" ref="F6626">IFERROR(INDEX(Jesper!AJ$2:AJ$366,ROUNDDOWN($C6626/24,0)+1,1)*INDEX($D$3:$AA$30,INDEX(Jesper!$R$2:$R$366,ROW(INDEX(Jesper!AJ$2:AJ$366,ROUNDDOWN($C6626/24,0)+1,1))-1)+IF('Standard Profiles'!$G$20=$B$10,7,0)+IF('Standard Profiles'!$G$20=$B$17,14,0)+IF('Standard Profiles'!$G$20=$B$24,21,0),MOD($C6626,24)+1)/SUM(INDEX($D$3:$AA$30,INDEX(Jesper!$R$2:$R$366,ROW(INDEX(Jesper!AJ$2:AJ$366,ROUNDDOWN($C6626/24,0)+1,1))-1)+IF('Standard Profiles'!$G$20=$B$10,7,0)+IF('Standard Profiles'!$G$20=$B$17,14,0)+IF('Standard Profiles'!$G$20=$B$24,21,0),0)),0)</f>
        <v>0</v>
      </c>
      <c r="G6626" cm="1">
        <f t="array" ref="G6626">IFERROR(INDEX(Jesper!AK$2:AK$366,ROUNDDOWN($C6626/24,0)+1,1)*INDEX($D$3:$AA$30,INDEX(Jesper!$R$2:$R$366,ROW(INDEX(Jesper!AK$2:AK$366,ROUNDDOWN($C6626/24,0)+1,1))-1)+IF('Standard Profiles'!$G$21=$B$10,7,0)+IF('Standard Profiles'!$G$21=$B$17,14,0)+IF('Standard Profiles'!$G$21=$B$24,21,0),MOD($C6626,24)+1)/SUM(INDEX($D$3:$AA$30,INDEX(Jesper!$R$2:$R$366,ROW(INDEX(Jesper!AK$2:AK$366,ROUNDDOWN($C6626/24,0)+1,1))-1)+IF('Standard Profiles'!$G$21=$B$10,7,0)+IF('Standard Profiles'!$G$21=$B$17,14,0)+IF('Standard Profiles'!$G$21=$B$24,21,0),0)),0)</f>
        <v>1.3479731693821595</v>
      </c>
      <c r="H6626" cm="1">
        <f t="array" ref="H6626">IFERROR(INDEX(Jesper!AL$2:AL$366,ROUNDDOWN($C6626/24,0)+1,1)*INDEX($D$3:$AA$30,INDEX(Jesper!$R$2:$R$366,ROW(INDEX(Jesper!AL$2:AL$366,ROUNDDOWN($C6626/24,0)+1,1))-1)+IF('Standard Profiles'!$G$22=$B$10,7,0)+IF('Standard Profiles'!$G$22=$B$17,14,0)+IF('Standard Profiles'!$G$22=$B$24,21,0),MOD($C6626,24)+1)/SUM(INDEX($D$3:$AA$30,INDEX(Jesper!$R$2:$R$366,ROW(INDEX(Jesper!AL$2:AL$366,ROUNDDOWN($C6626/24,0)+1,1))-1)+IF('Standard Profiles'!$G$22=$B$10,7,0)+IF('Standard Profiles'!$G$22=$B$17,14,0)+IF('Standard Profiles'!$G$22=$B$24,21,0),0)),0)</f>
        <v>0</v>
      </c>
      <c r="I6626">
        <f t="shared" si="734"/>
        <v>0.6470271213034362</v>
      </c>
      <c r="J6626">
        <f t="shared" si="735"/>
        <v>25.454178236825218</v>
      </c>
      <c r="K6626">
        <f t="shared" si="736"/>
        <v>2.0625377842341863</v>
      </c>
      <c r="L6626">
        <f t="shared" si="737"/>
        <v>1.0312688921170932</v>
      </c>
      <c r="M6626">
        <f t="shared" si="738"/>
        <v>0</v>
      </c>
      <c r="N6626" s="45">
        <f t="shared" si="739"/>
        <v>45201.666666650679</v>
      </c>
    </row>
    <row r="6627" spans="2:14" x14ac:dyDescent="0.25">
      <c r="B6627">
        <f t="shared" ref="B6627:B6690" si="740">WEEKDAY(N6627,2)</f>
        <v>1</v>
      </c>
      <c r="C6627" s="16">
        <v>6593</v>
      </c>
      <c r="D6627" cm="1">
        <f t="array" ref="D6627">IFERROR(INDEX(Jesper!AH$2:AH$366,ROUNDDOWN($C6627/24,0)+1,1)*INDEX($D$3:$AA$30,INDEX(Jesper!$R$2:$R$366,ROW(INDEX(Jesper!AH$2:AH$366,ROUNDDOWN($C6627/24,0)+1,1))-1)+IF('Standard Profiles'!$G$18=$B$10,7,0)+IF('Standard Profiles'!$G$18=$B$17,14,0)+IF('Standard Profiles'!$G$18=$B$24,21,0),MOD($C6627,24)+1)/SUM(INDEX($D$3:$AA$30,INDEX(Jesper!$R$2:$R$366,ROW(INDEX(Jesper!AH$2:AH$366,ROUNDDOWN($C6627/24,0)+1,1))-1)+IF('Standard Profiles'!$G$18=$B$10,7,0)+IF('Standard Profiles'!$G$18=$B$17,14,0)+IF('Standard Profiles'!$G$18=$B$24,21,0),0)),0)</f>
        <v>5.5246547791987135</v>
      </c>
      <c r="E6627" cm="1">
        <f t="array" ref="E6627">IFERROR(INDEX(Jesper!AI$2:AI$366,ROUNDDOWN($C6627/24,0)+1,1)*INDEX($D$3:$AA$30,INDEX(Jesper!$R$2:$R$366,ROW(INDEX(Jesper!AI$2:AI$366,ROUNDDOWN($C6627/24,0)+1,1))-1)+IF('Standard Profiles'!$G$19=$B$10,7,0)+IF('Standard Profiles'!$G$19=$B$17,14,0)+IF('Standard Profiles'!$G$19=$B$24,21,0),MOD($C6627,24)+1)/SUM(INDEX($D$3:$AA$30,INDEX(Jesper!$R$2:$R$366,ROW(INDEX(Jesper!AI$2:AI$366,ROUNDDOWN($C6627/24,0)+1,1))-1)+IF('Standard Profiles'!$G$19=$B$10,7,0)+IF('Standard Profiles'!$G$19=$B$17,14,0)+IF('Standard Profiles'!$G$19=$B$24,21,0),0)),0)</f>
        <v>2.4316420394006508</v>
      </c>
      <c r="F6627" cm="1">
        <f t="array" ref="F6627">IFERROR(INDEX(Jesper!AJ$2:AJ$366,ROUNDDOWN($C6627/24,0)+1,1)*INDEX($D$3:$AA$30,INDEX(Jesper!$R$2:$R$366,ROW(INDEX(Jesper!AJ$2:AJ$366,ROUNDDOWN($C6627/24,0)+1,1))-1)+IF('Standard Profiles'!$G$20=$B$10,7,0)+IF('Standard Profiles'!$G$20=$B$17,14,0)+IF('Standard Profiles'!$G$20=$B$24,21,0),MOD($C6627,24)+1)/SUM(INDEX($D$3:$AA$30,INDEX(Jesper!$R$2:$R$366,ROW(INDEX(Jesper!AJ$2:AJ$366,ROUNDDOWN($C6627/24,0)+1,1))-1)+IF('Standard Profiles'!$G$20=$B$10,7,0)+IF('Standard Profiles'!$G$20=$B$17,14,0)+IF('Standard Profiles'!$G$20=$B$24,21,0),0)),0)</f>
        <v>0</v>
      </c>
      <c r="G6627" cm="1">
        <f t="array" ref="G6627">IFERROR(INDEX(Jesper!AK$2:AK$366,ROUNDDOWN($C6627/24,0)+1,1)*INDEX($D$3:$AA$30,INDEX(Jesper!$R$2:$R$366,ROW(INDEX(Jesper!AK$2:AK$366,ROUNDDOWN($C6627/24,0)+1,1))-1)+IF('Standard Profiles'!$G$21=$B$10,7,0)+IF('Standard Profiles'!$G$21=$B$17,14,0)+IF('Standard Profiles'!$G$21=$B$24,21,0),MOD($C6627,24)+1)/SUM(INDEX($D$3:$AA$30,INDEX(Jesper!$R$2:$R$366,ROW(INDEX(Jesper!AK$2:AK$366,ROUNDDOWN($C6627/24,0)+1,1))-1)+IF('Standard Profiles'!$G$21=$B$10,7,0)+IF('Standard Profiles'!$G$21=$B$17,14,0)+IF('Standard Profiles'!$G$21=$B$24,21,0),0)),0)</f>
        <v>1.0845761132959906</v>
      </c>
      <c r="H6627" cm="1">
        <f t="array" ref="H6627">IFERROR(INDEX(Jesper!AL$2:AL$366,ROUNDDOWN($C6627/24,0)+1,1)*INDEX($D$3:$AA$30,INDEX(Jesper!$R$2:$R$366,ROW(INDEX(Jesper!AL$2:AL$366,ROUNDDOWN($C6627/24,0)+1,1))-1)+IF('Standard Profiles'!$G$22=$B$10,7,0)+IF('Standard Profiles'!$G$22=$B$17,14,0)+IF('Standard Profiles'!$G$22=$B$24,21,0),MOD($C6627,24)+1)/SUM(INDEX($D$3:$AA$30,INDEX(Jesper!$R$2:$R$366,ROW(INDEX(Jesper!AL$2:AL$366,ROUNDDOWN($C6627/24,0)+1,1))-1)+IF('Standard Profiles'!$G$22=$B$10,7,0)+IF('Standard Profiles'!$G$22=$B$17,14,0)+IF('Standard Profiles'!$G$22=$B$24,21,0),0)),0)</f>
        <v>0</v>
      </c>
      <c r="I6627">
        <f t="shared" ref="I6627:I6690" si="741">IF($B6627&lt;6,AC$37*$D6627+AC$38*$E6627+AC$39*$F6627+AC$40*$G6627,AC$46*$D6627+AC$47*$E6627+AC$48*$F6627+AC$49*$G6627+AC$50*$H6627)</f>
        <v>0.5205965343820752</v>
      </c>
      <c r="J6627">
        <f t="shared" ref="J6627:J6690" si="742">IF($B6627&lt;6,AD$37*$D6627+AD$38*$E6627+AD$39*$F6627+AD$40*$G6627,AD$46*$D6627+AD$47*$E6627+AD$48*$F6627+AD$49*$G6627+AD$50*$H6627)</f>
        <v>7.6363316328414861</v>
      </c>
      <c r="K6627">
        <f t="shared" ref="K6627:K6690" si="743">IF($B6627&lt;6,AE$37*$D6627+AE$38*$E6627+AE$39*$F6627+AE$40*$G6627,AE$46*$D6627+AE$47*$E6627+AE$48*$F6627+AE$49*$G6627+AE$50*$H6627)</f>
        <v>0.58929650978119619</v>
      </c>
      <c r="L6627">
        <f t="shared" ref="L6627:L6690" si="744">IF($B6627&lt;6,AF$37*$D6627+AF$38*$E6627+AF$39*$F6627+AF$40*$G6627,AF$46*$D6627+AF$47*$E6627+AF$48*$F6627+AF$49*$G6627+AF$50*$H6627)</f>
        <v>0.29464825489059809</v>
      </c>
      <c r="M6627">
        <f t="shared" ref="M6627:M6690" si="745">IF($B6627&lt;6,AG$37*$D6627+AG$38*$E6627+AG$39*$F6627+AG$40*$G6627,AG$46*$D6627+AG$47*$E6627+AG$48*$F6627+AG$49*$G6627+AG$50*$H6627)</f>
        <v>0</v>
      </c>
      <c r="N6627" s="45">
        <f t="shared" si="739"/>
        <v>45201.708333317343</v>
      </c>
    </row>
    <row r="6628" spans="2:14" x14ac:dyDescent="0.25">
      <c r="B6628">
        <f t="shared" si="740"/>
        <v>1</v>
      </c>
      <c r="C6628" s="16">
        <v>6594</v>
      </c>
      <c r="D6628" cm="1">
        <f t="array" ref="D6628">IFERROR(INDEX(Jesper!AH$2:AH$366,ROUNDDOWN($C6628/24,0)+1,1)*INDEX($D$3:$AA$30,INDEX(Jesper!$R$2:$R$366,ROW(INDEX(Jesper!AH$2:AH$366,ROUNDDOWN($C6628/24,0)+1,1))-1)+IF('Standard Profiles'!$G$18=$B$10,7,0)+IF('Standard Profiles'!$G$18=$B$17,14,0)+IF('Standard Profiles'!$G$18=$B$24,21,0),MOD($C6628,24)+1)/SUM(INDEX($D$3:$AA$30,INDEX(Jesper!$R$2:$R$366,ROW(INDEX(Jesper!AH$2:AH$366,ROUNDDOWN($C6628/24,0)+1,1))-1)+IF('Standard Profiles'!$G$18=$B$10,7,0)+IF('Standard Profiles'!$G$18=$B$17,14,0)+IF('Standard Profiles'!$G$18=$B$24,21,0),0)),0)</f>
        <v>5.446842740055069</v>
      </c>
      <c r="E6628" cm="1">
        <f t="array" ref="E6628">IFERROR(INDEX(Jesper!AI$2:AI$366,ROUNDDOWN($C6628/24,0)+1,1)*INDEX($D$3:$AA$30,INDEX(Jesper!$R$2:$R$366,ROW(INDEX(Jesper!AI$2:AI$366,ROUNDDOWN($C6628/24,0)+1,1))-1)+IF('Standard Profiles'!$G$19=$B$10,7,0)+IF('Standard Profiles'!$G$19=$B$17,14,0)+IF('Standard Profiles'!$G$19=$B$24,21,0),MOD($C6628,24)+1)/SUM(INDEX($D$3:$AA$30,INDEX(Jesper!$R$2:$R$366,ROW(INDEX(Jesper!AI$2:AI$366,ROUNDDOWN($C6628/24,0)+1,1))-1)+IF('Standard Profiles'!$G$19=$B$10,7,0)+IF('Standard Profiles'!$G$19=$B$17,14,0)+IF('Standard Profiles'!$G$19=$B$24,21,0),0)),0)</f>
        <v>2.3973935599724725</v>
      </c>
      <c r="F6628" cm="1">
        <f t="array" ref="F6628">IFERROR(INDEX(Jesper!AJ$2:AJ$366,ROUNDDOWN($C6628/24,0)+1,1)*INDEX($D$3:$AA$30,INDEX(Jesper!$R$2:$R$366,ROW(INDEX(Jesper!AJ$2:AJ$366,ROUNDDOWN($C6628/24,0)+1,1))-1)+IF('Standard Profiles'!$G$20=$B$10,7,0)+IF('Standard Profiles'!$G$20=$B$17,14,0)+IF('Standard Profiles'!$G$20=$B$24,21,0),MOD($C6628,24)+1)/SUM(INDEX($D$3:$AA$30,INDEX(Jesper!$R$2:$R$366,ROW(INDEX(Jesper!AJ$2:AJ$366,ROUNDDOWN($C6628/24,0)+1,1))-1)+IF('Standard Profiles'!$G$20=$B$10,7,0)+IF('Standard Profiles'!$G$20=$B$17,14,0)+IF('Standard Profiles'!$G$20=$B$24,21,0),0)),0)</f>
        <v>0</v>
      </c>
      <c r="G6628" cm="1">
        <f t="array" ref="G6628">IFERROR(INDEX(Jesper!AK$2:AK$366,ROUNDDOWN($C6628/24,0)+1,1)*INDEX($D$3:$AA$30,INDEX(Jesper!$R$2:$R$366,ROW(INDEX(Jesper!AK$2:AK$366,ROUNDDOWN($C6628/24,0)+1,1))-1)+IF('Standard Profiles'!$G$21=$B$10,7,0)+IF('Standard Profiles'!$G$21=$B$17,14,0)+IF('Standard Profiles'!$G$21=$B$24,21,0),MOD($C6628,24)+1)/SUM(INDEX($D$3:$AA$30,INDEX(Jesper!$R$2:$R$366,ROW(INDEX(Jesper!AK$2:AK$366,ROUNDDOWN($C6628/24,0)+1,1))-1)+IF('Standard Profiles'!$G$21=$B$10,7,0)+IF('Standard Profiles'!$G$21=$B$17,14,0)+IF('Standard Profiles'!$G$21=$B$24,21,0),0)),0)</f>
        <v>0.38734861189142517</v>
      </c>
      <c r="H6628" cm="1">
        <f t="array" ref="H6628">IFERROR(INDEX(Jesper!AL$2:AL$366,ROUNDDOWN($C6628/24,0)+1,1)*INDEX($D$3:$AA$30,INDEX(Jesper!$R$2:$R$366,ROW(INDEX(Jesper!AL$2:AL$366,ROUNDDOWN($C6628/24,0)+1,1))-1)+IF('Standard Profiles'!$G$22=$B$10,7,0)+IF('Standard Profiles'!$G$22=$B$17,14,0)+IF('Standard Profiles'!$G$22=$B$24,21,0),MOD($C6628,24)+1)/SUM(INDEX($D$3:$AA$30,INDEX(Jesper!$R$2:$R$366,ROW(INDEX(Jesper!AL$2:AL$366,ROUNDDOWN($C6628/24,0)+1,1))-1)+IF('Standard Profiles'!$G$22=$B$10,7,0)+IF('Standard Profiles'!$G$22=$B$17,14,0)+IF('Standard Profiles'!$G$22=$B$24,21,0),0)),0)</f>
        <v>0</v>
      </c>
      <c r="I6628">
        <f t="shared" si="741"/>
        <v>0.18592733370788397</v>
      </c>
      <c r="J6628">
        <f t="shared" si="742"/>
        <v>7.1741627398022709</v>
      </c>
      <c r="K6628">
        <f t="shared" si="743"/>
        <v>0.58099655893920743</v>
      </c>
      <c r="L6628">
        <f t="shared" si="744"/>
        <v>0.29049827946960372</v>
      </c>
      <c r="M6628">
        <f t="shared" si="745"/>
        <v>0</v>
      </c>
      <c r="N6628" s="45">
        <f t="shared" ref="N6628:N6691" si="746">N6627+1/24</f>
        <v>45201.749999984007</v>
      </c>
    </row>
    <row r="6629" spans="2:14" x14ac:dyDescent="0.25">
      <c r="B6629">
        <f t="shared" si="740"/>
        <v>1</v>
      </c>
      <c r="C6629" s="16">
        <v>6595</v>
      </c>
      <c r="D6629" cm="1">
        <f t="array" ref="D6629">IFERROR(INDEX(Jesper!AH$2:AH$366,ROUNDDOWN($C6629/24,0)+1,1)*INDEX($D$3:$AA$30,INDEX(Jesper!$R$2:$R$366,ROW(INDEX(Jesper!AH$2:AH$366,ROUNDDOWN($C6629/24,0)+1,1))-1)+IF('Standard Profiles'!$G$18=$B$10,7,0)+IF('Standard Profiles'!$G$18=$B$17,14,0)+IF('Standard Profiles'!$G$18=$B$24,21,0),MOD($C6629,24)+1)/SUM(INDEX($D$3:$AA$30,INDEX(Jesper!$R$2:$R$366,ROW(INDEX(Jesper!AH$2:AH$366,ROUNDDOWN($C6629/24,0)+1,1))-1)+IF('Standard Profiles'!$G$18=$B$10,7,0)+IF('Standard Profiles'!$G$18=$B$17,14,0)+IF('Standard Profiles'!$G$18=$B$24,21,0),0)),0)</f>
        <v>5.446842740055069</v>
      </c>
      <c r="E6629" cm="1">
        <f t="array" ref="E6629">IFERROR(INDEX(Jesper!AI$2:AI$366,ROUNDDOWN($C6629/24,0)+1,1)*INDEX($D$3:$AA$30,INDEX(Jesper!$R$2:$R$366,ROW(INDEX(Jesper!AI$2:AI$366,ROUNDDOWN($C6629/24,0)+1,1))-1)+IF('Standard Profiles'!$G$19=$B$10,7,0)+IF('Standard Profiles'!$G$19=$B$17,14,0)+IF('Standard Profiles'!$G$19=$B$24,21,0),MOD($C6629,24)+1)/SUM(INDEX($D$3:$AA$30,INDEX(Jesper!$R$2:$R$366,ROW(INDEX(Jesper!AI$2:AI$366,ROUNDDOWN($C6629/24,0)+1,1))-1)+IF('Standard Profiles'!$G$19=$B$10,7,0)+IF('Standard Profiles'!$G$19=$B$17,14,0)+IF('Standard Profiles'!$G$19=$B$24,21,0),0)),0)</f>
        <v>2.3973935599724725</v>
      </c>
      <c r="F6629" cm="1">
        <f t="array" ref="F6629">IFERROR(INDEX(Jesper!AJ$2:AJ$366,ROUNDDOWN($C6629/24,0)+1,1)*INDEX($D$3:$AA$30,INDEX(Jesper!$R$2:$R$366,ROW(INDEX(Jesper!AJ$2:AJ$366,ROUNDDOWN($C6629/24,0)+1,1))-1)+IF('Standard Profiles'!$G$20=$B$10,7,0)+IF('Standard Profiles'!$G$20=$B$17,14,0)+IF('Standard Profiles'!$G$20=$B$24,21,0),MOD($C6629,24)+1)/SUM(INDEX($D$3:$AA$30,INDEX(Jesper!$R$2:$R$366,ROW(INDEX(Jesper!AJ$2:AJ$366,ROUNDDOWN($C6629/24,0)+1,1))-1)+IF('Standard Profiles'!$G$20=$B$10,7,0)+IF('Standard Profiles'!$G$20=$B$17,14,0)+IF('Standard Profiles'!$G$20=$B$24,21,0),0)),0)</f>
        <v>0</v>
      </c>
      <c r="G6629" cm="1">
        <f t="array" ref="G6629">IFERROR(INDEX(Jesper!AK$2:AK$366,ROUNDDOWN($C6629/24,0)+1,1)*INDEX($D$3:$AA$30,INDEX(Jesper!$R$2:$R$366,ROW(INDEX(Jesper!AK$2:AK$366,ROUNDDOWN($C6629/24,0)+1,1))-1)+IF('Standard Profiles'!$G$21=$B$10,7,0)+IF('Standard Profiles'!$G$21=$B$17,14,0)+IF('Standard Profiles'!$G$21=$B$24,21,0),MOD($C6629,24)+1)/SUM(INDEX($D$3:$AA$30,INDEX(Jesper!$R$2:$R$366,ROW(INDEX(Jesper!AK$2:AK$366,ROUNDDOWN($C6629/24,0)+1,1))-1)+IF('Standard Profiles'!$G$21=$B$10,7,0)+IF('Standard Profiles'!$G$21=$B$17,14,0)+IF('Standard Profiles'!$G$21=$B$24,21,0),0)),0)</f>
        <v>0.38734861189142517</v>
      </c>
      <c r="H6629" cm="1">
        <f t="array" ref="H6629">IFERROR(INDEX(Jesper!AL$2:AL$366,ROUNDDOWN($C6629/24,0)+1,1)*INDEX($D$3:$AA$30,INDEX(Jesper!$R$2:$R$366,ROW(INDEX(Jesper!AL$2:AL$366,ROUNDDOWN($C6629/24,0)+1,1))-1)+IF('Standard Profiles'!$G$22=$B$10,7,0)+IF('Standard Profiles'!$G$22=$B$17,14,0)+IF('Standard Profiles'!$G$22=$B$24,21,0),MOD($C6629,24)+1)/SUM(INDEX($D$3:$AA$30,INDEX(Jesper!$R$2:$R$366,ROW(INDEX(Jesper!AL$2:AL$366,ROUNDDOWN($C6629/24,0)+1,1))-1)+IF('Standard Profiles'!$G$22=$B$10,7,0)+IF('Standard Profiles'!$G$22=$B$17,14,0)+IF('Standard Profiles'!$G$22=$B$24,21,0),0)),0)</f>
        <v>0</v>
      </c>
      <c r="I6629">
        <f t="shared" si="741"/>
        <v>0.18592733370788397</v>
      </c>
      <c r="J6629">
        <f t="shared" si="742"/>
        <v>7.1741627398022709</v>
      </c>
      <c r="K6629">
        <f t="shared" si="743"/>
        <v>0.58099655893920743</v>
      </c>
      <c r="L6629">
        <f t="shared" si="744"/>
        <v>0.29049827946960372</v>
      </c>
      <c r="M6629">
        <f t="shared" si="745"/>
        <v>0</v>
      </c>
      <c r="N6629" s="45">
        <f t="shared" si="746"/>
        <v>45201.791666650672</v>
      </c>
    </row>
    <row r="6630" spans="2:14" x14ac:dyDescent="0.25">
      <c r="B6630">
        <f t="shared" si="740"/>
        <v>1</v>
      </c>
      <c r="C6630" s="16">
        <v>6596</v>
      </c>
      <c r="D6630" cm="1">
        <f t="array" ref="D6630">IFERROR(INDEX(Jesper!AH$2:AH$366,ROUNDDOWN($C6630/24,0)+1,1)*INDEX($D$3:$AA$30,INDEX(Jesper!$R$2:$R$366,ROW(INDEX(Jesper!AH$2:AH$366,ROUNDDOWN($C6630/24,0)+1,1))-1)+IF('Standard Profiles'!$G$18=$B$10,7,0)+IF('Standard Profiles'!$G$18=$B$17,14,0)+IF('Standard Profiles'!$G$18=$B$24,21,0),MOD($C6630,24)+1)/SUM(INDEX($D$3:$AA$30,INDEX(Jesper!$R$2:$R$366,ROW(INDEX(Jesper!AH$2:AH$366,ROUNDDOWN($C6630/24,0)+1,1))-1)+IF('Standard Profiles'!$G$18=$B$10,7,0)+IF('Standard Profiles'!$G$18=$B$17,14,0)+IF('Standard Profiles'!$G$18=$B$24,21,0),0)),0)</f>
        <v>5.446842740055069</v>
      </c>
      <c r="E6630" cm="1">
        <f t="array" ref="E6630">IFERROR(INDEX(Jesper!AI$2:AI$366,ROUNDDOWN($C6630/24,0)+1,1)*INDEX($D$3:$AA$30,INDEX(Jesper!$R$2:$R$366,ROW(INDEX(Jesper!AI$2:AI$366,ROUNDDOWN($C6630/24,0)+1,1))-1)+IF('Standard Profiles'!$G$19=$B$10,7,0)+IF('Standard Profiles'!$G$19=$B$17,14,0)+IF('Standard Profiles'!$G$19=$B$24,21,0),MOD($C6630,24)+1)/SUM(INDEX($D$3:$AA$30,INDEX(Jesper!$R$2:$R$366,ROW(INDEX(Jesper!AI$2:AI$366,ROUNDDOWN($C6630/24,0)+1,1))-1)+IF('Standard Profiles'!$G$19=$B$10,7,0)+IF('Standard Profiles'!$G$19=$B$17,14,0)+IF('Standard Profiles'!$G$19=$B$24,21,0),0)),0)</f>
        <v>2.3973935599724725</v>
      </c>
      <c r="F6630" cm="1">
        <f t="array" ref="F6630">IFERROR(INDEX(Jesper!AJ$2:AJ$366,ROUNDDOWN($C6630/24,0)+1,1)*INDEX($D$3:$AA$30,INDEX(Jesper!$R$2:$R$366,ROW(INDEX(Jesper!AJ$2:AJ$366,ROUNDDOWN($C6630/24,0)+1,1))-1)+IF('Standard Profiles'!$G$20=$B$10,7,0)+IF('Standard Profiles'!$G$20=$B$17,14,0)+IF('Standard Profiles'!$G$20=$B$24,21,0),MOD($C6630,24)+1)/SUM(INDEX($D$3:$AA$30,INDEX(Jesper!$R$2:$R$366,ROW(INDEX(Jesper!AJ$2:AJ$366,ROUNDDOWN($C6630/24,0)+1,1))-1)+IF('Standard Profiles'!$G$20=$B$10,7,0)+IF('Standard Profiles'!$G$20=$B$17,14,0)+IF('Standard Profiles'!$G$20=$B$24,21,0),0)),0)</f>
        <v>0</v>
      </c>
      <c r="G6630" cm="1">
        <f t="array" ref="G6630">IFERROR(INDEX(Jesper!AK$2:AK$366,ROUNDDOWN($C6630/24,0)+1,1)*INDEX($D$3:$AA$30,INDEX(Jesper!$R$2:$R$366,ROW(INDEX(Jesper!AK$2:AK$366,ROUNDDOWN($C6630/24,0)+1,1))-1)+IF('Standard Profiles'!$G$21=$B$10,7,0)+IF('Standard Profiles'!$G$21=$B$17,14,0)+IF('Standard Profiles'!$G$21=$B$24,21,0),MOD($C6630,24)+1)/SUM(INDEX($D$3:$AA$30,INDEX(Jesper!$R$2:$R$366,ROW(INDEX(Jesper!AK$2:AK$366,ROUNDDOWN($C6630/24,0)+1,1))-1)+IF('Standard Profiles'!$G$21=$B$10,7,0)+IF('Standard Profiles'!$G$21=$B$17,14,0)+IF('Standard Profiles'!$G$21=$B$24,21,0),0)),0)</f>
        <v>0.38734861189142517</v>
      </c>
      <c r="H6630" cm="1">
        <f t="array" ref="H6630">IFERROR(INDEX(Jesper!AL$2:AL$366,ROUNDDOWN($C6630/24,0)+1,1)*INDEX($D$3:$AA$30,INDEX(Jesper!$R$2:$R$366,ROW(INDEX(Jesper!AL$2:AL$366,ROUNDDOWN($C6630/24,0)+1,1))-1)+IF('Standard Profiles'!$G$22=$B$10,7,0)+IF('Standard Profiles'!$G$22=$B$17,14,0)+IF('Standard Profiles'!$G$22=$B$24,21,0),MOD($C6630,24)+1)/SUM(INDEX($D$3:$AA$30,INDEX(Jesper!$R$2:$R$366,ROW(INDEX(Jesper!AL$2:AL$366,ROUNDDOWN($C6630/24,0)+1,1))-1)+IF('Standard Profiles'!$G$22=$B$10,7,0)+IF('Standard Profiles'!$G$22=$B$17,14,0)+IF('Standard Profiles'!$G$22=$B$24,21,0),0)),0)</f>
        <v>0</v>
      </c>
      <c r="I6630">
        <f t="shared" si="741"/>
        <v>0.18592733370788397</v>
      </c>
      <c r="J6630">
        <f t="shared" si="742"/>
        <v>7.1741627398022709</v>
      </c>
      <c r="K6630">
        <f t="shared" si="743"/>
        <v>0.58099655893920743</v>
      </c>
      <c r="L6630">
        <f t="shared" si="744"/>
        <v>0.29049827946960372</v>
      </c>
      <c r="M6630">
        <f t="shared" si="745"/>
        <v>0</v>
      </c>
      <c r="N6630" s="45">
        <f t="shared" si="746"/>
        <v>45201.833333317336</v>
      </c>
    </row>
    <row r="6631" spans="2:14" x14ac:dyDescent="0.25">
      <c r="B6631">
        <f t="shared" si="740"/>
        <v>1</v>
      </c>
      <c r="C6631" s="16">
        <v>6597</v>
      </c>
      <c r="D6631" cm="1">
        <f t="array" ref="D6631">IFERROR(INDEX(Jesper!AH$2:AH$366,ROUNDDOWN($C6631/24,0)+1,1)*INDEX($D$3:$AA$30,INDEX(Jesper!$R$2:$R$366,ROW(INDEX(Jesper!AH$2:AH$366,ROUNDDOWN($C6631/24,0)+1,1))-1)+IF('Standard Profiles'!$G$18=$B$10,7,0)+IF('Standard Profiles'!$G$18=$B$17,14,0)+IF('Standard Profiles'!$G$18=$B$24,21,0),MOD($C6631,24)+1)/SUM(INDEX($D$3:$AA$30,INDEX(Jesper!$R$2:$R$366,ROW(INDEX(Jesper!AH$2:AH$366,ROUNDDOWN($C6631/24,0)+1,1))-1)+IF('Standard Profiles'!$G$18=$B$10,7,0)+IF('Standard Profiles'!$G$18=$B$17,14,0)+IF('Standard Profiles'!$G$18=$B$24,21,0),0)),0)</f>
        <v>5.446842740055069</v>
      </c>
      <c r="E6631" cm="1">
        <f t="array" ref="E6631">IFERROR(INDEX(Jesper!AI$2:AI$366,ROUNDDOWN($C6631/24,0)+1,1)*INDEX($D$3:$AA$30,INDEX(Jesper!$R$2:$R$366,ROW(INDEX(Jesper!AI$2:AI$366,ROUNDDOWN($C6631/24,0)+1,1))-1)+IF('Standard Profiles'!$G$19=$B$10,7,0)+IF('Standard Profiles'!$G$19=$B$17,14,0)+IF('Standard Profiles'!$G$19=$B$24,21,0),MOD($C6631,24)+1)/SUM(INDEX($D$3:$AA$30,INDEX(Jesper!$R$2:$R$366,ROW(INDEX(Jesper!AI$2:AI$366,ROUNDDOWN($C6631/24,0)+1,1))-1)+IF('Standard Profiles'!$G$19=$B$10,7,0)+IF('Standard Profiles'!$G$19=$B$17,14,0)+IF('Standard Profiles'!$G$19=$B$24,21,0),0)),0)</f>
        <v>2.3973935599724725</v>
      </c>
      <c r="F6631" cm="1">
        <f t="array" ref="F6631">IFERROR(INDEX(Jesper!AJ$2:AJ$366,ROUNDDOWN($C6631/24,0)+1,1)*INDEX($D$3:$AA$30,INDEX(Jesper!$R$2:$R$366,ROW(INDEX(Jesper!AJ$2:AJ$366,ROUNDDOWN($C6631/24,0)+1,1))-1)+IF('Standard Profiles'!$G$20=$B$10,7,0)+IF('Standard Profiles'!$G$20=$B$17,14,0)+IF('Standard Profiles'!$G$20=$B$24,21,0),MOD($C6631,24)+1)/SUM(INDEX($D$3:$AA$30,INDEX(Jesper!$R$2:$R$366,ROW(INDEX(Jesper!AJ$2:AJ$366,ROUNDDOWN($C6631/24,0)+1,1))-1)+IF('Standard Profiles'!$G$20=$B$10,7,0)+IF('Standard Profiles'!$G$20=$B$17,14,0)+IF('Standard Profiles'!$G$20=$B$24,21,0),0)),0)</f>
        <v>0</v>
      </c>
      <c r="G6631" cm="1">
        <f t="array" ref="G6631">IFERROR(INDEX(Jesper!AK$2:AK$366,ROUNDDOWN($C6631/24,0)+1,1)*INDEX($D$3:$AA$30,INDEX(Jesper!$R$2:$R$366,ROW(INDEX(Jesper!AK$2:AK$366,ROUNDDOWN($C6631/24,0)+1,1))-1)+IF('Standard Profiles'!$G$21=$B$10,7,0)+IF('Standard Profiles'!$G$21=$B$17,14,0)+IF('Standard Profiles'!$G$21=$B$24,21,0),MOD($C6631,24)+1)/SUM(INDEX($D$3:$AA$30,INDEX(Jesper!$R$2:$R$366,ROW(INDEX(Jesper!AK$2:AK$366,ROUNDDOWN($C6631/24,0)+1,1))-1)+IF('Standard Profiles'!$G$21=$B$10,7,0)+IF('Standard Profiles'!$G$21=$B$17,14,0)+IF('Standard Profiles'!$G$21=$B$24,21,0),0)),0)</f>
        <v>0.38734861189142517</v>
      </c>
      <c r="H6631" cm="1">
        <f t="array" ref="H6631">IFERROR(INDEX(Jesper!AL$2:AL$366,ROUNDDOWN($C6631/24,0)+1,1)*INDEX($D$3:$AA$30,INDEX(Jesper!$R$2:$R$366,ROW(INDEX(Jesper!AL$2:AL$366,ROUNDDOWN($C6631/24,0)+1,1))-1)+IF('Standard Profiles'!$G$22=$B$10,7,0)+IF('Standard Profiles'!$G$22=$B$17,14,0)+IF('Standard Profiles'!$G$22=$B$24,21,0),MOD($C6631,24)+1)/SUM(INDEX($D$3:$AA$30,INDEX(Jesper!$R$2:$R$366,ROW(INDEX(Jesper!AL$2:AL$366,ROUNDDOWN($C6631/24,0)+1,1))-1)+IF('Standard Profiles'!$G$22=$B$10,7,0)+IF('Standard Profiles'!$G$22=$B$17,14,0)+IF('Standard Profiles'!$G$22=$B$24,21,0),0)),0)</f>
        <v>0</v>
      </c>
      <c r="I6631">
        <f t="shared" si="741"/>
        <v>0.18592733370788397</v>
      </c>
      <c r="J6631">
        <f t="shared" si="742"/>
        <v>7.1741627398022709</v>
      </c>
      <c r="K6631">
        <f t="shared" si="743"/>
        <v>0.58099655893920743</v>
      </c>
      <c r="L6631">
        <f t="shared" si="744"/>
        <v>0.29049827946960372</v>
      </c>
      <c r="M6631">
        <f t="shared" si="745"/>
        <v>0</v>
      </c>
      <c r="N6631" s="45">
        <f t="shared" si="746"/>
        <v>45201.874999984</v>
      </c>
    </row>
    <row r="6632" spans="2:14" x14ac:dyDescent="0.25">
      <c r="B6632">
        <f t="shared" si="740"/>
        <v>1</v>
      </c>
      <c r="C6632" s="16">
        <v>6598</v>
      </c>
      <c r="D6632" cm="1">
        <f t="array" ref="D6632">IFERROR(INDEX(Jesper!AH$2:AH$366,ROUNDDOWN($C6632/24,0)+1,1)*INDEX($D$3:$AA$30,INDEX(Jesper!$R$2:$R$366,ROW(INDEX(Jesper!AH$2:AH$366,ROUNDDOWN($C6632/24,0)+1,1))-1)+IF('Standard Profiles'!$G$18=$B$10,7,0)+IF('Standard Profiles'!$G$18=$B$17,14,0)+IF('Standard Profiles'!$G$18=$B$24,21,0),MOD($C6632,24)+1)/SUM(INDEX($D$3:$AA$30,INDEX(Jesper!$R$2:$R$366,ROW(INDEX(Jesper!AH$2:AH$366,ROUNDDOWN($C6632/24,0)+1,1))-1)+IF('Standard Profiles'!$G$18=$B$10,7,0)+IF('Standard Profiles'!$G$18=$B$17,14,0)+IF('Standard Profiles'!$G$18=$B$24,21,0),0)),0)</f>
        <v>5.446842740055069</v>
      </c>
      <c r="E6632" cm="1">
        <f t="array" ref="E6632">IFERROR(INDEX(Jesper!AI$2:AI$366,ROUNDDOWN($C6632/24,0)+1,1)*INDEX($D$3:$AA$30,INDEX(Jesper!$R$2:$R$366,ROW(INDEX(Jesper!AI$2:AI$366,ROUNDDOWN($C6632/24,0)+1,1))-1)+IF('Standard Profiles'!$G$19=$B$10,7,0)+IF('Standard Profiles'!$G$19=$B$17,14,0)+IF('Standard Profiles'!$G$19=$B$24,21,0),MOD($C6632,24)+1)/SUM(INDEX($D$3:$AA$30,INDEX(Jesper!$R$2:$R$366,ROW(INDEX(Jesper!AI$2:AI$366,ROUNDDOWN($C6632/24,0)+1,1))-1)+IF('Standard Profiles'!$G$19=$B$10,7,0)+IF('Standard Profiles'!$G$19=$B$17,14,0)+IF('Standard Profiles'!$G$19=$B$24,21,0),0)),0)</f>
        <v>2.3973935599724725</v>
      </c>
      <c r="F6632" cm="1">
        <f t="array" ref="F6632">IFERROR(INDEX(Jesper!AJ$2:AJ$366,ROUNDDOWN($C6632/24,0)+1,1)*INDEX($D$3:$AA$30,INDEX(Jesper!$R$2:$R$366,ROW(INDEX(Jesper!AJ$2:AJ$366,ROUNDDOWN($C6632/24,0)+1,1))-1)+IF('Standard Profiles'!$G$20=$B$10,7,0)+IF('Standard Profiles'!$G$20=$B$17,14,0)+IF('Standard Profiles'!$G$20=$B$24,21,0),MOD($C6632,24)+1)/SUM(INDEX($D$3:$AA$30,INDEX(Jesper!$R$2:$R$366,ROW(INDEX(Jesper!AJ$2:AJ$366,ROUNDDOWN($C6632/24,0)+1,1))-1)+IF('Standard Profiles'!$G$20=$B$10,7,0)+IF('Standard Profiles'!$G$20=$B$17,14,0)+IF('Standard Profiles'!$G$20=$B$24,21,0),0)),0)</f>
        <v>0</v>
      </c>
      <c r="G6632" cm="1">
        <f t="array" ref="G6632">IFERROR(INDEX(Jesper!AK$2:AK$366,ROUNDDOWN($C6632/24,0)+1,1)*INDEX($D$3:$AA$30,INDEX(Jesper!$R$2:$R$366,ROW(INDEX(Jesper!AK$2:AK$366,ROUNDDOWN($C6632/24,0)+1,1))-1)+IF('Standard Profiles'!$G$21=$B$10,7,0)+IF('Standard Profiles'!$G$21=$B$17,14,0)+IF('Standard Profiles'!$G$21=$B$24,21,0),MOD($C6632,24)+1)/SUM(INDEX($D$3:$AA$30,INDEX(Jesper!$R$2:$R$366,ROW(INDEX(Jesper!AK$2:AK$366,ROUNDDOWN($C6632/24,0)+1,1))-1)+IF('Standard Profiles'!$G$21=$B$10,7,0)+IF('Standard Profiles'!$G$21=$B$17,14,0)+IF('Standard Profiles'!$G$21=$B$24,21,0),0)),0)</f>
        <v>0.38734861189142517</v>
      </c>
      <c r="H6632" cm="1">
        <f t="array" ref="H6632">IFERROR(INDEX(Jesper!AL$2:AL$366,ROUNDDOWN($C6632/24,0)+1,1)*INDEX($D$3:$AA$30,INDEX(Jesper!$R$2:$R$366,ROW(INDEX(Jesper!AL$2:AL$366,ROUNDDOWN($C6632/24,0)+1,1))-1)+IF('Standard Profiles'!$G$22=$B$10,7,0)+IF('Standard Profiles'!$G$22=$B$17,14,0)+IF('Standard Profiles'!$G$22=$B$24,21,0),MOD($C6632,24)+1)/SUM(INDEX($D$3:$AA$30,INDEX(Jesper!$R$2:$R$366,ROW(INDEX(Jesper!AL$2:AL$366,ROUNDDOWN($C6632/24,0)+1,1))-1)+IF('Standard Profiles'!$G$22=$B$10,7,0)+IF('Standard Profiles'!$G$22=$B$17,14,0)+IF('Standard Profiles'!$G$22=$B$24,21,0),0)),0)</f>
        <v>0</v>
      </c>
      <c r="I6632">
        <f t="shared" si="741"/>
        <v>0.18592733370788397</v>
      </c>
      <c r="J6632">
        <f t="shared" si="742"/>
        <v>7.1741627398022709</v>
      </c>
      <c r="K6632">
        <f t="shared" si="743"/>
        <v>0.58099655893920743</v>
      </c>
      <c r="L6632">
        <f t="shared" si="744"/>
        <v>0.29049827946960372</v>
      </c>
      <c r="M6632">
        <f t="shared" si="745"/>
        <v>0</v>
      </c>
      <c r="N6632" s="45">
        <f t="shared" si="746"/>
        <v>45201.916666650664</v>
      </c>
    </row>
    <row r="6633" spans="2:14" x14ac:dyDescent="0.25">
      <c r="B6633">
        <f t="shared" si="740"/>
        <v>1</v>
      </c>
      <c r="C6633" s="16">
        <v>6599</v>
      </c>
      <c r="D6633" cm="1">
        <f t="array" ref="D6633">IFERROR(INDEX(Jesper!AH$2:AH$366,ROUNDDOWN($C6633/24,0)+1,1)*INDEX($D$3:$AA$30,INDEX(Jesper!$R$2:$R$366,ROW(INDEX(Jesper!AH$2:AH$366,ROUNDDOWN($C6633/24,0)+1,1))-1)+IF('Standard Profiles'!$G$18=$B$10,7,0)+IF('Standard Profiles'!$G$18=$B$17,14,0)+IF('Standard Profiles'!$G$18=$B$24,21,0),MOD($C6633,24)+1)/SUM(INDEX($D$3:$AA$30,INDEX(Jesper!$R$2:$R$366,ROW(INDEX(Jesper!AH$2:AH$366,ROUNDDOWN($C6633/24,0)+1,1))-1)+IF('Standard Profiles'!$G$18=$B$10,7,0)+IF('Standard Profiles'!$G$18=$B$17,14,0)+IF('Standard Profiles'!$G$18=$B$24,21,0),0)),0)</f>
        <v>5.446842740055069</v>
      </c>
      <c r="E6633" cm="1">
        <f t="array" ref="E6633">IFERROR(INDEX(Jesper!AI$2:AI$366,ROUNDDOWN($C6633/24,0)+1,1)*INDEX($D$3:$AA$30,INDEX(Jesper!$R$2:$R$366,ROW(INDEX(Jesper!AI$2:AI$366,ROUNDDOWN($C6633/24,0)+1,1))-1)+IF('Standard Profiles'!$G$19=$B$10,7,0)+IF('Standard Profiles'!$G$19=$B$17,14,0)+IF('Standard Profiles'!$G$19=$B$24,21,0),MOD($C6633,24)+1)/SUM(INDEX($D$3:$AA$30,INDEX(Jesper!$R$2:$R$366,ROW(INDEX(Jesper!AI$2:AI$366,ROUNDDOWN($C6633/24,0)+1,1))-1)+IF('Standard Profiles'!$G$19=$B$10,7,0)+IF('Standard Profiles'!$G$19=$B$17,14,0)+IF('Standard Profiles'!$G$19=$B$24,21,0),0)),0)</f>
        <v>2.3973935599724725</v>
      </c>
      <c r="F6633" cm="1">
        <f t="array" ref="F6633">IFERROR(INDEX(Jesper!AJ$2:AJ$366,ROUNDDOWN($C6633/24,0)+1,1)*INDEX($D$3:$AA$30,INDEX(Jesper!$R$2:$R$366,ROW(INDEX(Jesper!AJ$2:AJ$366,ROUNDDOWN($C6633/24,0)+1,1))-1)+IF('Standard Profiles'!$G$20=$B$10,7,0)+IF('Standard Profiles'!$G$20=$B$17,14,0)+IF('Standard Profiles'!$G$20=$B$24,21,0),MOD($C6633,24)+1)/SUM(INDEX($D$3:$AA$30,INDEX(Jesper!$R$2:$R$366,ROW(INDEX(Jesper!AJ$2:AJ$366,ROUNDDOWN($C6633/24,0)+1,1))-1)+IF('Standard Profiles'!$G$20=$B$10,7,0)+IF('Standard Profiles'!$G$20=$B$17,14,0)+IF('Standard Profiles'!$G$20=$B$24,21,0),0)),0)</f>
        <v>0</v>
      </c>
      <c r="G6633" cm="1">
        <f t="array" ref="G6633">IFERROR(INDEX(Jesper!AK$2:AK$366,ROUNDDOWN($C6633/24,0)+1,1)*INDEX($D$3:$AA$30,INDEX(Jesper!$R$2:$R$366,ROW(INDEX(Jesper!AK$2:AK$366,ROUNDDOWN($C6633/24,0)+1,1))-1)+IF('Standard Profiles'!$G$21=$B$10,7,0)+IF('Standard Profiles'!$G$21=$B$17,14,0)+IF('Standard Profiles'!$G$21=$B$24,21,0),MOD($C6633,24)+1)/SUM(INDEX($D$3:$AA$30,INDEX(Jesper!$R$2:$R$366,ROW(INDEX(Jesper!AK$2:AK$366,ROUNDDOWN($C6633/24,0)+1,1))-1)+IF('Standard Profiles'!$G$21=$B$10,7,0)+IF('Standard Profiles'!$G$21=$B$17,14,0)+IF('Standard Profiles'!$G$21=$B$24,21,0),0)),0)</f>
        <v>0.38734861189142517</v>
      </c>
      <c r="H6633" cm="1">
        <f t="array" ref="H6633">IFERROR(INDEX(Jesper!AL$2:AL$366,ROUNDDOWN($C6633/24,0)+1,1)*INDEX($D$3:$AA$30,INDEX(Jesper!$R$2:$R$366,ROW(INDEX(Jesper!AL$2:AL$366,ROUNDDOWN($C6633/24,0)+1,1))-1)+IF('Standard Profiles'!$G$22=$B$10,7,0)+IF('Standard Profiles'!$G$22=$B$17,14,0)+IF('Standard Profiles'!$G$22=$B$24,21,0),MOD($C6633,24)+1)/SUM(INDEX($D$3:$AA$30,INDEX(Jesper!$R$2:$R$366,ROW(INDEX(Jesper!AL$2:AL$366,ROUNDDOWN($C6633/24,0)+1,1))-1)+IF('Standard Profiles'!$G$22=$B$10,7,0)+IF('Standard Profiles'!$G$22=$B$17,14,0)+IF('Standard Profiles'!$G$22=$B$24,21,0),0)),0)</f>
        <v>0</v>
      </c>
      <c r="I6633">
        <f t="shared" si="741"/>
        <v>0.18592733370788397</v>
      </c>
      <c r="J6633">
        <f t="shared" si="742"/>
        <v>7.1741627398022709</v>
      </c>
      <c r="K6633">
        <f t="shared" si="743"/>
        <v>0.58099655893920743</v>
      </c>
      <c r="L6633">
        <f t="shared" si="744"/>
        <v>0.29049827946960372</v>
      </c>
      <c r="M6633">
        <f t="shared" si="745"/>
        <v>0</v>
      </c>
      <c r="N6633" s="45">
        <f t="shared" si="746"/>
        <v>45201.958333317329</v>
      </c>
    </row>
    <row r="6634" spans="2:14" x14ac:dyDescent="0.25">
      <c r="B6634">
        <f t="shared" si="740"/>
        <v>2</v>
      </c>
      <c r="C6634" s="16">
        <v>6600</v>
      </c>
      <c r="D6634" cm="1">
        <f t="array" ref="D6634">IFERROR(INDEX(Jesper!AH$2:AH$366,ROUNDDOWN($C6634/24,0)+1,1)*INDEX($D$3:$AA$30,INDEX(Jesper!$R$2:$R$366,ROW(INDEX(Jesper!AH$2:AH$366,ROUNDDOWN($C6634/24,0)+1,1))-1)+IF('Standard Profiles'!$G$18=$B$10,7,0)+IF('Standard Profiles'!$G$18=$B$17,14,0)+IF('Standard Profiles'!$G$18=$B$24,21,0),MOD($C6634,24)+1)/SUM(INDEX($D$3:$AA$30,INDEX(Jesper!$R$2:$R$366,ROW(INDEX(Jesper!AH$2:AH$366,ROUNDDOWN($C6634/24,0)+1,1))-1)+IF('Standard Profiles'!$G$18=$B$10,7,0)+IF('Standard Profiles'!$G$18=$B$17,14,0)+IF('Standard Profiles'!$G$18=$B$24,21,0),0)),0)</f>
        <v>3.4666332405676896</v>
      </c>
      <c r="E6634" cm="1">
        <f t="array" ref="E6634">IFERROR(INDEX(Jesper!AI$2:AI$366,ROUNDDOWN($C6634/24,0)+1,1)*INDEX($D$3:$AA$30,INDEX(Jesper!$R$2:$R$366,ROW(INDEX(Jesper!AI$2:AI$366,ROUNDDOWN($C6634/24,0)+1,1))-1)+IF('Standard Profiles'!$G$19=$B$10,7,0)+IF('Standard Profiles'!$G$19=$B$17,14,0)+IF('Standard Profiles'!$G$19=$B$24,21,0),MOD($C6634,24)+1)/SUM(INDEX($D$3:$AA$30,INDEX(Jesper!$R$2:$R$366,ROW(INDEX(Jesper!AI$2:AI$366,ROUNDDOWN($C6634/24,0)+1,1))-1)+IF('Standard Profiles'!$G$19=$B$10,7,0)+IF('Standard Profiles'!$G$19=$B$17,14,0)+IF('Standard Profiles'!$G$19=$B$24,21,0),0)),0)</f>
        <v>1.5219652165185409</v>
      </c>
      <c r="F6634" cm="1">
        <f t="array" ref="F6634">IFERROR(INDEX(Jesper!AJ$2:AJ$366,ROUNDDOWN($C6634/24,0)+1,1)*INDEX($D$3:$AA$30,INDEX(Jesper!$R$2:$R$366,ROW(INDEX(Jesper!AJ$2:AJ$366,ROUNDDOWN($C6634/24,0)+1,1))-1)+IF('Standard Profiles'!$G$20=$B$10,7,0)+IF('Standard Profiles'!$G$20=$B$17,14,0)+IF('Standard Profiles'!$G$20=$B$24,21,0),MOD($C6634,24)+1)/SUM(INDEX($D$3:$AA$30,INDEX(Jesper!$R$2:$R$366,ROW(INDEX(Jesper!AJ$2:AJ$366,ROUNDDOWN($C6634/24,0)+1,1))-1)+IF('Standard Profiles'!$G$20=$B$10,7,0)+IF('Standard Profiles'!$G$20=$B$17,14,0)+IF('Standard Profiles'!$G$20=$B$24,21,0),0)),0)</f>
        <v>0</v>
      </c>
      <c r="G6634" cm="1">
        <f t="array" ref="G6634">IFERROR(INDEX(Jesper!AK$2:AK$366,ROUNDDOWN($C6634/24,0)+1,1)*INDEX($D$3:$AA$30,INDEX(Jesper!$R$2:$R$366,ROW(INDEX(Jesper!AK$2:AK$366,ROUNDDOWN($C6634/24,0)+1,1))-1)+IF('Standard Profiles'!$G$21=$B$10,7,0)+IF('Standard Profiles'!$G$21=$B$17,14,0)+IF('Standard Profiles'!$G$21=$B$24,21,0),MOD($C6634,24)+1)/SUM(INDEX($D$3:$AA$30,INDEX(Jesper!$R$2:$R$366,ROW(INDEX(Jesper!AK$2:AK$366,ROUNDDOWN($C6634/24,0)+1,1))-1)+IF('Standard Profiles'!$G$21=$B$10,7,0)+IF('Standard Profiles'!$G$21=$B$17,14,0)+IF('Standard Profiles'!$G$21=$B$24,21,0),0)),0)</f>
        <v>0.35291752415798389</v>
      </c>
      <c r="H6634" cm="1">
        <f t="array" ref="H6634">IFERROR(INDEX(Jesper!AL$2:AL$366,ROUNDDOWN($C6634/24,0)+1,1)*INDEX($D$3:$AA$30,INDEX(Jesper!$R$2:$R$366,ROW(INDEX(Jesper!AL$2:AL$366,ROUNDDOWN($C6634/24,0)+1,1))-1)+IF('Standard Profiles'!$G$22=$B$10,7,0)+IF('Standard Profiles'!$G$22=$B$17,14,0)+IF('Standard Profiles'!$G$22=$B$24,21,0),MOD($C6634,24)+1)/SUM(INDEX($D$3:$AA$30,INDEX(Jesper!$R$2:$R$366,ROW(INDEX(Jesper!AL$2:AL$366,ROUNDDOWN($C6634/24,0)+1,1))-1)+IF('Standard Profiles'!$G$22=$B$10,7,0)+IF('Standard Profiles'!$G$22=$B$17,14,0)+IF('Standard Profiles'!$G$22=$B$24,21,0),0)),0)</f>
        <v>0</v>
      </c>
      <c r="I6634">
        <f t="shared" si="741"/>
        <v>0.16940041159583219</v>
      </c>
      <c r="J6634">
        <f t="shared" si="742"/>
        <v>4.617454251157552</v>
      </c>
      <c r="K6634">
        <f t="shared" si="743"/>
        <v>0.36977421232722024</v>
      </c>
      <c r="L6634">
        <f t="shared" si="744"/>
        <v>0.18488710616361012</v>
      </c>
      <c r="M6634">
        <f t="shared" si="745"/>
        <v>0</v>
      </c>
      <c r="N6634" s="45">
        <f t="shared" si="746"/>
        <v>45201.999999983993</v>
      </c>
    </row>
    <row r="6635" spans="2:14" x14ac:dyDescent="0.25">
      <c r="B6635">
        <f t="shared" si="740"/>
        <v>2</v>
      </c>
      <c r="C6635" s="16">
        <v>6601</v>
      </c>
      <c r="D6635" cm="1">
        <f t="array" ref="D6635">IFERROR(INDEX(Jesper!AH$2:AH$366,ROUNDDOWN($C6635/24,0)+1,1)*INDEX($D$3:$AA$30,INDEX(Jesper!$R$2:$R$366,ROW(INDEX(Jesper!AH$2:AH$366,ROUNDDOWN($C6635/24,0)+1,1))-1)+IF('Standard Profiles'!$G$18=$B$10,7,0)+IF('Standard Profiles'!$G$18=$B$17,14,0)+IF('Standard Profiles'!$G$18=$B$24,21,0),MOD($C6635,24)+1)/SUM(INDEX($D$3:$AA$30,INDEX(Jesper!$R$2:$R$366,ROW(INDEX(Jesper!AH$2:AH$366,ROUNDDOWN($C6635/24,0)+1,1))-1)+IF('Standard Profiles'!$G$18=$B$10,7,0)+IF('Standard Profiles'!$G$18=$B$17,14,0)+IF('Standard Profiles'!$G$18=$B$24,21,0),0)),0)</f>
        <v>5.2824887475317173</v>
      </c>
      <c r="E6635" cm="1">
        <f t="array" ref="E6635">IFERROR(INDEX(Jesper!AI$2:AI$366,ROUNDDOWN($C6635/24,0)+1,1)*INDEX($D$3:$AA$30,INDEX(Jesper!$R$2:$R$366,ROW(INDEX(Jesper!AI$2:AI$366,ROUNDDOWN($C6635/24,0)+1,1))-1)+IF('Standard Profiles'!$G$19=$B$10,7,0)+IF('Standard Profiles'!$G$19=$B$17,14,0)+IF('Standard Profiles'!$G$19=$B$24,21,0),MOD($C6635,24)+1)/SUM(INDEX($D$3:$AA$30,INDEX(Jesper!$R$2:$R$366,ROW(INDEX(Jesper!AI$2:AI$366,ROUNDDOWN($C6635/24,0)+1,1))-1)+IF('Standard Profiles'!$G$19=$B$10,7,0)+IF('Standard Profiles'!$G$19=$B$17,14,0)+IF('Standard Profiles'!$G$19=$B$24,21,0),0)),0)</f>
        <v>2.319185091837777</v>
      </c>
      <c r="F6635" cm="1">
        <f t="array" ref="F6635">IFERROR(INDEX(Jesper!AJ$2:AJ$366,ROUNDDOWN($C6635/24,0)+1,1)*INDEX($D$3:$AA$30,INDEX(Jesper!$R$2:$R$366,ROW(INDEX(Jesper!AJ$2:AJ$366,ROUNDDOWN($C6635/24,0)+1,1))-1)+IF('Standard Profiles'!$G$20=$B$10,7,0)+IF('Standard Profiles'!$G$20=$B$17,14,0)+IF('Standard Profiles'!$G$20=$B$24,21,0),MOD($C6635,24)+1)/SUM(INDEX($D$3:$AA$30,INDEX(Jesper!$R$2:$R$366,ROW(INDEX(Jesper!AJ$2:AJ$366,ROUNDDOWN($C6635/24,0)+1,1))-1)+IF('Standard Profiles'!$G$20=$B$10,7,0)+IF('Standard Profiles'!$G$20=$B$17,14,0)+IF('Standard Profiles'!$G$20=$B$24,21,0),0)),0)</f>
        <v>0</v>
      </c>
      <c r="G6635" cm="1">
        <f t="array" ref="G6635">IFERROR(INDEX(Jesper!AK$2:AK$366,ROUNDDOWN($C6635/24,0)+1,1)*INDEX($D$3:$AA$30,INDEX(Jesper!$R$2:$R$366,ROW(INDEX(Jesper!AK$2:AK$366,ROUNDDOWN($C6635/24,0)+1,1))-1)+IF('Standard Profiles'!$G$21=$B$10,7,0)+IF('Standard Profiles'!$G$21=$B$17,14,0)+IF('Standard Profiles'!$G$21=$B$24,21,0),MOD($C6635,24)+1)/SUM(INDEX($D$3:$AA$30,INDEX(Jesper!$R$2:$R$366,ROW(INDEX(Jesper!AK$2:AK$366,ROUNDDOWN($C6635/24,0)+1,1))-1)+IF('Standard Profiles'!$G$21=$B$10,7,0)+IF('Standard Profiles'!$G$21=$B$17,14,0)+IF('Standard Profiles'!$G$21=$B$24,21,0),0)),0)</f>
        <v>0.35291752415798389</v>
      </c>
      <c r="H6635" cm="1">
        <f t="array" ref="H6635">IFERROR(INDEX(Jesper!AL$2:AL$366,ROUNDDOWN($C6635/24,0)+1,1)*INDEX($D$3:$AA$30,INDEX(Jesper!$R$2:$R$366,ROW(INDEX(Jesper!AL$2:AL$366,ROUNDDOWN($C6635/24,0)+1,1))-1)+IF('Standard Profiles'!$G$22=$B$10,7,0)+IF('Standard Profiles'!$G$22=$B$17,14,0)+IF('Standard Profiles'!$G$22=$B$24,21,0),MOD($C6635,24)+1)/SUM(INDEX($D$3:$AA$30,INDEX(Jesper!$R$2:$R$366,ROW(INDEX(Jesper!AL$2:AL$366,ROUNDDOWN($C6635/24,0)+1,1))-1)+IF('Standard Profiles'!$G$22=$B$10,7,0)+IF('Standard Profiles'!$G$22=$B$17,14,0)+IF('Standard Profiles'!$G$22=$B$24,21,0),0)),0)</f>
        <v>0</v>
      </c>
      <c r="I6635">
        <f t="shared" si="741"/>
        <v>0.16940041159583219</v>
      </c>
      <c r="J6635">
        <f t="shared" si="742"/>
        <v>6.939992752326571</v>
      </c>
      <c r="K6635">
        <f t="shared" si="743"/>
        <v>0.56346546640338324</v>
      </c>
      <c r="L6635">
        <f t="shared" si="744"/>
        <v>0.28173273320169162</v>
      </c>
      <c r="M6635">
        <f t="shared" si="745"/>
        <v>0</v>
      </c>
      <c r="N6635" s="45">
        <f t="shared" si="746"/>
        <v>45202.041666650657</v>
      </c>
    </row>
    <row r="6636" spans="2:14" x14ac:dyDescent="0.25">
      <c r="B6636">
        <f t="shared" si="740"/>
        <v>2</v>
      </c>
      <c r="C6636" s="16">
        <v>6602</v>
      </c>
      <c r="D6636" cm="1">
        <f t="array" ref="D6636">IFERROR(INDEX(Jesper!AH$2:AH$366,ROUNDDOWN($C6636/24,0)+1,1)*INDEX($D$3:$AA$30,INDEX(Jesper!$R$2:$R$366,ROW(INDEX(Jesper!AH$2:AH$366,ROUNDDOWN($C6636/24,0)+1,1))-1)+IF('Standard Profiles'!$G$18=$B$10,7,0)+IF('Standard Profiles'!$G$18=$B$17,14,0)+IF('Standard Profiles'!$G$18=$B$24,21,0),MOD($C6636,24)+1)/SUM(INDEX($D$3:$AA$30,INDEX(Jesper!$R$2:$R$366,ROW(INDEX(Jesper!AH$2:AH$366,ROUNDDOWN($C6636/24,0)+1,1))-1)+IF('Standard Profiles'!$G$18=$B$10,7,0)+IF('Standard Profiles'!$G$18=$B$17,14,0)+IF('Standard Profiles'!$G$18=$B$24,21,0),0)),0)</f>
        <v>5.2824887475317173</v>
      </c>
      <c r="E6636" cm="1">
        <f t="array" ref="E6636">IFERROR(INDEX(Jesper!AI$2:AI$366,ROUNDDOWN($C6636/24,0)+1,1)*INDEX($D$3:$AA$30,INDEX(Jesper!$R$2:$R$366,ROW(INDEX(Jesper!AI$2:AI$366,ROUNDDOWN($C6636/24,0)+1,1))-1)+IF('Standard Profiles'!$G$19=$B$10,7,0)+IF('Standard Profiles'!$G$19=$B$17,14,0)+IF('Standard Profiles'!$G$19=$B$24,21,0),MOD($C6636,24)+1)/SUM(INDEX($D$3:$AA$30,INDEX(Jesper!$R$2:$R$366,ROW(INDEX(Jesper!AI$2:AI$366,ROUNDDOWN($C6636/24,0)+1,1))-1)+IF('Standard Profiles'!$G$19=$B$10,7,0)+IF('Standard Profiles'!$G$19=$B$17,14,0)+IF('Standard Profiles'!$G$19=$B$24,21,0),0)),0)</f>
        <v>2.319185091837777</v>
      </c>
      <c r="F6636" cm="1">
        <f t="array" ref="F6636">IFERROR(INDEX(Jesper!AJ$2:AJ$366,ROUNDDOWN($C6636/24,0)+1,1)*INDEX($D$3:$AA$30,INDEX(Jesper!$R$2:$R$366,ROW(INDEX(Jesper!AJ$2:AJ$366,ROUNDDOWN($C6636/24,0)+1,1))-1)+IF('Standard Profiles'!$G$20=$B$10,7,0)+IF('Standard Profiles'!$G$20=$B$17,14,0)+IF('Standard Profiles'!$G$20=$B$24,21,0),MOD($C6636,24)+1)/SUM(INDEX($D$3:$AA$30,INDEX(Jesper!$R$2:$R$366,ROW(INDEX(Jesper!AJ$2:AJ$366,ROUNDDOWN($C6636/24,0)+1,1))-1)+IF('Standard Profiles'!$G$20=$B$10,7,0)+IF('Standard Profiles'!$G$20=$B$17,14,0)+IF('Standard Profiles'!$G$20=$B$24,21,0),0)),0)</f>
        <v>0</v>
      </c>
      <c r="G6636" cm="1">
        <f t="array" ref="G6636">IFERROR(INDEX(Jesper!AK$2:AK$366,ROUNDDOWN($C6636/24,0)+1,1)*INDEX($D$3:$AA$30,INDEX(Jesper!$R$2:$R$366,ROW(INDEX(Jesper!AK$2:AK$366,ROUNDDOWN($C6636/24,0)+1,1))-1)+IF('Standard Profiles'!$G$21=$B$10,7,0)+IF('Standard Profiles'!$G$21=$B$17,14,0)+IF('Standard Profiles'!$G$21=$B$24,21,0),MOD($C6636,24)+1)/SUM(INDEX($D$3:$AA$30,INDEX(Jesper!$R$2:$R$366,ROW(INDEX(Jesper!AK$2:AK$366,ROUNDDOWN($C6636/24,0)+1,1))-1)+IF('Standard Profiles'!$G$21=$B$10,7,0)+IF('Standard Profiles'!$G$21=$B$17,14,0)+IF('Standard Profiles'!$G$21=$B$24,21,0),0)),0)</f>
        <v>0.35291752415798389</v>
      </c>
      <c r="H6636" cm="1">
        <f t="array" ref="H6636">IFERROR(INDEX(Jesper!AL$2:AL$366,ROUNDDOWN($C6636/24,0)+1,1)*INDEX($D$3:$AA$30,INDEX(Jesper!$R$2:$R$366,ROW(INDEX(Jesper!AL$2:AL$366,ROUNDDOWN($C6636/24,0)+1,1))-1)+IF('Standard Profiles'!$G$22=$B$10,7,0)+IF('Standard Profiles'!$G$22=$B$17,14,0)+IF('Standard Profiles'!$G$22=$B$24,21,0),MOD($C6636,24)+1)/SUM(INDEX($D$3:$AA$30,INDEX(Jesper!$R$2:$R$366,ROW(INDEX(Jesper!AL$2:AL$366,ROUNDDOWN($C6636/24,0)+1,1))-1)+IF('Standard Profiles'!$G$22=$B$10,7,0)+IF('Standard Profiles'!$G$22=$B$17,14,0)+IF('Standard Profiles'!$G$22=$B$24,21,0),0)),0)</f>
        <v>0</v>
      </c>
      <c r="I6636">
        <f t="shared" si="741"/>
        <v>0.16940041159583219</v>
      </c>
      <c r="J6636">
        <f t="shared" si="742"/>
        <v>6.939992752326571</v>
      </c>
      <c r="K6636">
        <f t="shared" si="743"/>
        <v>0.56346546640338324</v>
      </c>
      <c r="L6636">
        <f t="shared" si="744"/>
        <v>0.28173273320169162</v>
      </c>
      <c r="M6636">
        <f t="shared" si="745"/>
        <v>0</v>
      </c>
      <c r="N6636" s="45">
        <f t="shared" si="746"/>
        <v>45202.083333317321</v>
      </c>
    </row>
    <row r="6637" spans="2:14" x14ac:dyDescent="0.25">
      <c r="B6637">
        <f t="shared" si="740"/>
        <v>2</v>
      </c>
      <c r="C6637" s="16">
        <v>6603</v>
      </c>
      <c r="D6637" cm="1">
        <f t="array" ref="D6637">IFERROR(INDEX(Jesper!AH$2:AH$366,ROUNDDOWN($C6637/24,0)+1,1)*INDEX($D$3:$AA$30,INDEX(Jesper!$R$2:$R$366,ROW(INDEX(Jesper!AH$2:AH$366,ROUNDDOWN($C6637/24,0)+1,1))-1)+IF('Standard Profiles'!$G$18=$B$10,7,0)+IF('Standard Profiles'!$G$18=$B$17,14,0)+IF('Standard Profiles'!$G$18=$B$24,21,0),MOD($C6637,24)+1)/SUM(INDEX($D$3:$AA$30,INDEX(Jesper!$R$2:$R$366,ROW(INDEX(Jesper!AH$2:AH$366,ROUNDDOWN($C6637/24,0)+1,1))-1)+IF('Standard Profiles'!$G$18=$B$10,7,0)+IF('Standard Profiles'!$G$18=$B$17,14,0)+IF('Standard Profiles'!$G$18=$B$24,21,0),0)),0)</f>
        <v>5.2824887475317173</v>
      </c>
      <c r="E6637" cm="1">
        <f t="array" ref="E6637">IFERROR(INDEX(Jesper!AI$2:AI$366,ROUNDDOWN($C6637/24,0)+1,1)*INDEX($D$3:$AA$30,INDEX(Jesper!$R$2:$R$366,ROW(INDEX(Jesper!AI$2:AI$366,ROUNDDOWN($C6637/24,0)+1,1))-1)+IF('Standard Profiles'!$G$19=$B$10,7,0)+IF('Standard Profiles'!$G$19=$B$17,14,0)+IF('Standard Profiles'!$G$19=$B$24,21,0),MOD($C6637,24)+1)/SUM(INDEX($D$3:$AA$30,INDEX(Jesper!$R$2:$R$366,ROW(INDEX(Jesper!AI$2:AI$366,ROUNDDOWN($C6637/24,0)+1,1))-1)+IF('Standard Profiles'!$G$19=$B$10,7,0)+IF('Standard Profiles'!$G$19=$B$17,14,0)+IF('Standard Profiles'!$G$19=$B$24,21,0),0)),0)</f>
        <v>2.319185091837777</v>
      </c>
      <c r="F6637" cm="1">
        <f t="array" ref="F6637">IFERROR(INDEX(Jesper!AJ$2:AJ$366,ROUNDDOWN($C6637/24,0)+1,1)*INDEX($D$3:$AA$30,INDEX(Jesper!$R$2:$R$366,ROW(INDEX(Jesper!AJ$2:AJ$366,ROUNDDOWN($C6637/24,0)+1,1))-1)+IF('Standard Profiles'!$G$20=$B$10,7,0)+IF('Standard Profiles'!$G$20=$B$17,14,0)+IF('Standard Profiles'!$G$20=$B$24,21,0),MOD($C6637,24)+1)/SUM(INDEX($D$3:$AA$30,INDEX(Jesper!$R$2:$R$366,ROW(INDEX(Jesper!AJ$2:AJ$366,ROUNDDOWN($C6637/24,0)+1,1))-1)+IF('Standard Profiles'!$G$20=$B$10,7,0)+IF('Standard Profiles'!$G$20=$B$17,14,0)+IF('Standard Profiles'!$G$20=$B$24,21,0),0)),0)</f>
        <v>0</v>
      </c>
      <c r="G6637" cm="1">
        <f t="array" ref="G6637">IFERROR(INDEX(Jesper!AK$2:AK$366,ROUNDDOWN($C6637/24,0)+1,1)*INDEX($D$3:$AA$30,INDEX(Jesper!$R$2:$R$366,ROW(INDEX(Jesper!AK$2:AK$366,ROUNDDOWN($C6637/24,0)+1,1))-1)+IF('Standard Profiles'!$G$21=$B$10,7,0)+IF('Standard Profiles'!$G$21=$B$17,14,0)+IF('Standard Profiles'!$G$21=$B$24,21,0),MOD($C6637,24)+1)/SUM(INDEX($D$3:$AA$30,INDEX(Jesper!$R$2:$R$366,ROW(INDEX(Jesper!AK$2:AK$366,ROUNDDOWN($C6637/24,0)+1,1))-1)+IF('Standard Profiles'!$G$21=$B$10,7,0)+IF('Standard Profiles'!$G$21=$B$17,14,0)+IF('Standard Profiles'!$G$21=$B$24,21,0),0)),0)</f>
        <v>0.35291752415798389</v>
      </c>
      <c r="H6637" cm="1">
        <f t="array" ref="H6637">IFERROR(INDEX(Jesper!AL$2:AL$366,ROUNDDOWN($C6637/24,0)+1,1)*INDEX($D$3:$AA$30,INDEX(Jesper!$R$2:$R$366,ROW(INDEX(Jesper!AL$2:AL$366,ROUNDDOWN($C6637/24,0)+1,1))-1)+IF('Standard Profiles'!$G$22=$B$10,7,0)+IF('Standard Profiles'!$G$22=$B$17,14,0)+IF('Standard Profiles'!$G$22=$B$24,21,0),MOD($C6637,24)+1)/SUM(INDEX($D$3:$AA$30,INDEX(Jesper!$R$2:$R$366,ROW(INDEX(Jesper!AL$2:AL$366,ROUNDDOWN($C6637/24,0)+1,1))-1)+IF('Standard Profiles'!$G$22=$B$10,7,0)+IF('Standard Profiles'!$G$22=$B$17,14,0)+IF('Standard Profiles'!$G$22=$B$24,21,0),0)),0)</f>
        <v>0</v>
      </c>
      <c r="I6637">
        <f t="shared" si="741"/>
        <v>0.16940041159583219</v>
      </c>
      <c r="J6637">
        <f t="shared" si="742"/>
        <v>6.939992752326571</v>
      </c>
      <c r="K6637">
        <f t="shared" si="743"/>
        <v>0.56346546640338324</v>
      </c>
      <c r="L6637">
        <f t="shared" si="744"/>
        <v>0.28173273320169162</v>
      </c>
      <c r="M6637">
        <f t="shared" si="745"/>
        <v>0</v>
      </c>
      <c r="N6637" s="45">
        <f t="shared" si="746"/>
        <v>45202.124999983986</v>
      </c>
    </row>
    <row r="6638" spans="2:14" x14ac:dyDescent="0.25">
      <c r="B6638">
        <f t="shared" si="740"/>
        <v>2</v>
      </c>
      <c r="C6638" s="16">
        <v>6604</v>
      </c>
      <c r="D6638" cm="1">
        <f t="array" ref="D6638">IFERROR(INDEX(Jesper!AH$2:AH$366,ROUNDDOWN($C6638/24,0)+1,1)*INDEX($D$3:$AA$30,INDEX(Jesper!$R$2:$R$366,ROW(INDEX(Jesper!AH$2:AH$366,ROUNDDOWN($C6638/24,0)+1,1))-1)+IF('Standard Profiles'!$G$18=$B$10,7,0)+IF('Standard Profiles'!$G$18=$B$17,14,0)+IF('Standard Profiles'!$G$18=$B$24,21,0),MOD($C6638,24)+1)/SUM(INDEX($D$3:$AA$30,INDEX(Jesper!$R$2:$R$366,ROW(INDEX(Jesper!AH$2:AH$366,ROUNDDOWN($C6638/24,0)+1,1))-1)+IF('Standard Profiles'!$G$18=$B$10,7,0)+IF('Standard Profiles'!$G$18=$B$17,14,0)+IF('Standard Profiles'!$G$18=$B$24,21,0),0)),0)</f>
        <v>5.2824887475317173</v>
      </c>
      <c r="E6638" cm="1">
        <f t="array" ref="E6638">IFERROR(INDEX(Jesper!AI$2:AI$366,ROUNDDOWN($C6638/24,0)+1,1)*INDEX($D$3:$AA$30,INDEX(Jesper!$R$2:$R$366,ROW(INDEX(Jesper!AI$2:AI$366,ROUNDDOWN($C6638/24,0)+1,1))-1)+IF('Standard Profiles'!$G$19=$B$10,7,0)+IF('Standard Profiles'!$G$19=$B$17,14,0)+IF('Standard Profiles'!$G$19=$B$24,21,0),MOD($C6638,24)+1)/SUM(INDEX($D$3:$AA$30,INDEX(Jesper!$R$2:$R$366,ROW(INDEX(Jesper!AI$2:AI$366,ROUNDDOWN($C6638/24,0)+1,1))-1)+IF('Standard Profiles'!$G$19=$B$10,7,0)+IF('Standard Profiles'!$G$19=$B$17,14,0)+IF('Standard Profiles'!$G$19=$B$24,21,0),0)),0)</f>
        <v>2.319185091837777</v>
      </c>
      <c r="F6638" cm="1">
        <f t="array" ref="F6638">IFERROR(INDEX(Jesper!AJ$2:AJ$366,ROUNDDOWN($C6638/24,0)+1,1)*INDEX($D$3:$AA$30,INDEX(Jesper!$R$2:$R$366,ROW(INDEX(Jesper!AJ$2:AJ$366,ROUNDDOWN($C6638/24,0)+1,1))-1)+IF('Standard Profiles'!$G$20=$B$10,7,0)+IF('Standard Profiles'!$G$20=$B$17,14,0)+IF('Standard Profiles'!$G$20=$B$24,21,0),MOD($C6638,24)+1)/SUM(INDEX($D$3:$AA$30,INDEX(Jesper!$R$2:$R$366,ROW(INDEX(Jesper!AJ$2:AJ$366,ROUNDDOWN($C6638/24,0)+1,1))-1)+IF('Standard Profiles'!$G$20=$B$10,7,0)+IF('Standard Profiles'!$G$20=$B$17,14,0)+IF('Standard Profiles'!$G$20=$B$24,21,0),0)),0)</f>
        <v>0</v>
      </c>
      <c r="G6638" cm="1">
        <f t="array" ref="G6638">IFERROR(INDEX(Jesper!AK$2:AK$366,ROUNDDOWN($C6638/24,0)+1,1)*INDEX($D$3:$AA$30,INDEX(Jesper!$R$2:$R$366,ROW(INDEX(Jesper!AK$2:AK$366,ROUNDDOWN($C6638/24,0)+1,1))-1)+IF('Standard Profiles'!$G$21=$B$10,7,0)+IF('Standard Profiles'!$G$21=$B$17,14,0)+IF('Standard Profiles'!$G$21=$B$24,21,0),MOD($C6638,24)+1)/SUM(INDEX($D$3:$AA$30,INDEX(Jesper!$R$2:$R$366,ROW(INDEX(Jesper!AK$2:AK$366,ROUNDDOWN($C6638/24,0)+1,1))-1)+IF('Standard Profiles'!$G$21=$B$10,7,0)+IF('Standard Profiles'!$G$21=$B$17,14,0)+IF('Standard Profiles'!$G$21=$B$24,21,0),0)),0)</f>
        <v>0.35291752415798389</v>
      </c>
      <c r="H6638" cm="1">
        <f t="array" ref="H6638">IFERROR(INDEX(Jesper!AL$2:AL$366,ROUNDDOWN($C6638/24,0)+1,1)*INDEX($D$3:$AA$30,INDEX(Jesper!$R$2:$R$366,ROW(INDEX(Jesper!AL$2:AL$366,ROUNDDOWN($C6638/24,0)+1,1))-1)+IF('Standard Profiles'!$G$22=$B$10,7,0)+IF('Standard Profiles'!$G$22=$B$17,14,0)+IF('Standard Profiles'!$G$22=$B$24,21,0),MOD($C6638,24)+1)/SUM(INDEX($D$3:$AA$30,INDEX(Jesper!$R$2:$R$366,ROW(INDEX(Jesper!AL$2:AL$366,ROUNDDOWN($C6638/24,0)+1,1))-1)+IF('Standard Profiles'!$G$22=$B$10,7,0)+IF('Standard Profiles'!$G$22=$B$17,14,0)+IF('Standard Profiles'!$G$22=$B$24,21,0),0)),0)</f>
        <v>0</v>
      </c>
      <c r="I6638">
        <f t="shared" si="741"/>
        <v>0.16940041159583219</v>
      </c>
      <c r="J6638">
        <f t="shared" si="742"/>
        <v>6.939992752326571</v>
      </c>
      <c r="K6638">
        <f t="shared" si="743"/>
        <v>0.56346546640338324</v>
      </c>
      <c r="L6638">
        <f t="shared" si="744"/>
        <v>0.28173273320169162</v>
      </c>
      <c r="M6638">
        <f t="shared" si="745"/>
        <v>0</v>
      </c>
      <c r="N6638" s="45">
        <f t="shared" si="746"/>
        <v>45202.16666665065</v>
      </c>
    </row>
    <row r="6639" spans="2:14" x14ac:dyDescent="0.25">
      <c r="B6639">
        <f t="shared" si="740"/>
        <v>2</v>
      </c>
      <c r="C6639" s="16">
        <v>6605</v>
      </c>
      <c r="D6639" cm="1">
        <f t="array" ref="D6639">IFERROR(INDEX(Jesper!AH$2:AH$366,ROUNDDOWN($C6639/24,0)+1,1)*INDEX($D$3:$AA$30,INDEX(Jesper!$R$2:$R$366,ROW(INDEX(Jesper!AH$2:AH$366,ROUNDDOWN($C6639/24,0)+1,1))-1)+IF('Standard Profiles'!$G$18=$B$10,7,0)+IF('Standard Profiles'!$G$18=$B$17,14,0)+IF('Standard Profiles'!$G$18=$B$24,21,0),MOD($C6639,24)+1)/SUM(INDEX($D$3:$AA$30,INDEX(Jesper!$R$2:$R$366,ROW(INDEX(Jesper!AH$2:AH$366,ROUNDDOWN($C6639/24,0)+1,1))-1)+IF('Standard Profiles'!$G$18=$B$10,7,0)+IF('Standard Profiles'!$G$18=$B$17,14,0)+IF('Standard Profiles'!$G$18=$B$24,21,0),0)),0)</f>
        <v>5.2824887475317173</v>
      </c>
      <c r="E6639" cm="1">
        <f t="array" ref="E6639">IFERROR(INDEX(Jesper!AI$2:AI$366,ROUNDDOWN($C6639/24,0)+1,1)*INDEX($D$3:$AA$30,INDEX(Jesper!$R$2:$R$366,ROW(INDEX(Jesper!AI$2:AI$366,ROUNDDOWN($C6639/24,0)+1,1))-1)+IF('Standard Profiles'!$G$19=$B$10,7,0)+IF('Standard Profiles'!$G$19=$B$17,14,0)+IF('Standard Profiles'!$G$19=$B$24,21,0),MOD($C6639,24)+1)/SUM(INDEX($D$3:$AA$30,INDEX(Jesper!$R$2:$R$366,ROW(INDEX(Jesper!AI$2:AI$366,ROUNDDOWN($C6639/24,0)+1,1))-1)+IF('Standard Profiles'!$G$19=$B$10,7,0)+IF('Standard Profiles'!$G$19=$B$17,14,0)+IF('Standard Profiles'!$G$19=$B$24,21,0),0)),0)</f>
        <v>2.319185091837777</v>
      </c>
      <c r="F6639" cm="1">
        <f t="array" ref="F6639">IFERROR(INDEX(Jesper!AJ$2:AJ$366,ROUNDDOWN($C6639/24,0)+1,1)*INDEX($D$3:$AA$30,INDEX(Jesper!$R$2:$R$366,ROW(INDEX(Jesper!AJ$2:AJ$366,ROUNDDOWN($C6639/24,0)+1,1))-1)+IF('Standard Profiles'!$G$20=$B$10,7,0)+IF('Standard Profiles'!$G$20=$B$17,14,0)+IF('Standard Profiles'!$G$20=$B$24,21,0),MOD($C6639,24)+1)/SUM(INDEX($D$3:$AA$30,INDEX(Jesper!$R$2:$R$366,ROW(INDEX(Jesper!AJ$2:AJ$366,ROUNDDOWN($C6639/24,0)+1,1))-1)+IF('Standard Profiles'!$G$20=$B$10,7,0)+IF('Standard Profiles'!$G$20=$B$17,14,0)+IF('Standard Profiles'!$G$20=$B$24,21,0),0)),0)</f>
        <v>0</v>
      </c>
      <c r="G6639" cm="1">
        <f t="array" ref="G6639">IFERROR(INDEX(Jesper!AK$2:AK$366,ROUNDDOWN($C6639/24,0)+1,1)*INDEX($D$3:$AA$30,INDEX(Jesper!$R$2:$R$366,ROW(INDEX(Jesper!AK$2:AK$366,ROUNDDOWN($C6639/24,0)+1,1))-1)+IF('Standard Profiles'!$G$21=$B$10,7,0)+IF('Standard Profiles'!$G$21=$B$17,14,0)+IF('Standard Profiles'!$G$21=$B$24,21,0),MOD($C6639,24)+1)/SUM(INDEX($D$3:$AA$30,INDEX(Jesper!$R$2:$R$366,ROW(INDEX(Jesper!AK$2:AK$366,ROUNDDOWN($C6639/24,0)+1,1))-1)+IF('Standard Profiles'!$G$21=$B$10,7,0)+IF('Standard Profiles'!$G$21=$B$17,14,0)+IF('Standard Profiles'!$G$21=$B$24,21,0),0)),0)</f>
        <v>0.35291752415798389</v>
      </c>
      <c r="H6639" cm="1">
        <f t="array" ref="H6639">IFERROR(INDEX(Jesper!AL$2:AL$366,ROUNDDOWN($C6639/24,0)+1,1)*INDEX($D$3:$AA$30,INDEX(Jesper!$R$2:$R$366,ROW(INDEX(Jesper!AL$2:AL$366,ROUNDDOWN($C6639/24,0)+1,1))-1)+IF('Standard Profiles'!$G$22=$B$10,7,0)+IF('Standard Profiles'!$G$22=$B$17,14,0)+IF('Standard Profiles'!$G$22=$B$24,21,0),MOD($C6639,24)+1)/SUM(INDEX($D$3:$AA$30,INDEX(Jesper!$R$2:$R$366,ROW(INDEX(Jesper!AL$2:AL$366,ROUNDDOWN($C6639/24,0)+1,1))-1)+IF('Standard Profiles'!$G$22=$B$10,7,0)+IF('Standard Profiles'!$G$22=$B$17,14,0)+IF('Standard Profiles'!$G$22=$B$24,21,0),0)),0)</f>
        <v>0</v>
      </c>
      <c r="I6639">
        <f t="shared" si="741"/>
        <v>0.16940041159583219</v>
      </c>
      <c r="J6639">
        <f t="shared" si="742"/>
        <v>6.939992752326571</v>
      </c>
      <c r="K6639">
        <f t="shared" si="743"/>
        <v>0.56346546640338324</v>
      </c>
      <c r="L6639">
        <f t="shared" si="744"/>
        <v>0.28173273320169162</v>
      </c>
      <c r="M6639">
        <f t="shared" si="745"/>
        <v>0</v>
      </c>
      <c r="N6639" s="45">
        <f t="shared" si="746"/>
        <v>45202.208333317314</v>
      </c>
    </row>
    <row r="6640" spans="2:14" x14ac:dyDescent="0.25">
      <c r="B6640">
        <f t="shared" si="740"/>
        <v>2</v>
      </c>
      <c r="C6640" s="16">
        <v>6606</v>
      </c>
      <c r="D6640" cm="1">
        <f t="array" ref="D6640">IFERROR(INDEX(Jesper!AH$2:AH$366,ROUNDDOWN($C6640/24,0)+1,1)*INDEX($D$3:$AA$30,INDEX(Jesper!$R$2:$R$366,ROW(INDEX(Jesper!AH$2:AH$366,ROUNDDOWN($C6640/24,0)+1,1))-1)+IF('Standard Profiles'!$G$18=$B$10,7,0)+IF('Standard Profiles'!$G$18=$B$17,14,0)+IF('Standard Profiles'!$G$18=$B$24,21,0),MOD($C6640,24)+1)/SUM(INDEX($D$3:$AA$30,INDEX(Jesper!$R$2:$R$366,ROW(INDEX(Jesper!AH$2:AH$366,ROUNDDOWN($C6640/24,0)+1,1))-1)+IF('Standard Profiles'!$G$18=$B$10,7,0)+IF('Standard Profiles'!$G$18=$B$17,14,0)+IF('Standard Profiles'!$G$18=$B$24,21,0),0)),0)</f>
        <v>5.2824887475317173</v>
      </c>
      <c r="E6640" cm="1">
        <f t="array" ref="E6640">IFERROR(INDEX(Jesper!AI$2:AI$366,ROUNDDOWN($C6640/24,0)+1,1)*INDEX($D$3:$AA$30,INDEX(Jesper!$R$2:$R$366,ROW(INDEX(Jesper!AI$2:AI$366,ROUNDDOWN($C6640/24,0)+1,1))-1)+IF('Standard Profiles'!$G$19=$B$10,7,0)+IF('Standard Profiles'!$G$19=$B$17,14,0)+IF('Standard Profiles'!$G$19=$B$24,21,0),MOD($C6640,24)+1)/SUM(INDEX($D$3:$AA$30,INDEX(Jesper!$R$2:$R$366,ROW(INDEX(Jesper!AI$2:AI$366,ROUNDDOWN($C6640/24,0)+1,1))-1)+IF('Standard Profiles'!$G$19=$B$10,7,0)+IF('Standard Profiles'!$G$19=$B$17,14,0)+IF('Standard Profiles'!$G$19=$B$24,21,0),0)),0)</f>
        <v>2.319185091837777</v>
      </c>
      <c r="F6640" cm="1">
        <f t="array" ref="F6640">IFERROR(INDEX(Jesper!AJ$2:AJ$366,ROUNDDOWN($C6640/24,0)+1,1)*INDEX($D$3:$AA$30,INDEX(Jesper!$R$2:$R$366,ROW(INDEX(Jesper!AJ$2:AJ$366,ROUNDDOWN($C6640/24,0)+1,1))-1)+IF('Standard Profiles'!$G$20=$B$10,7,0)+IF('Standard Profiles'!$G$20=$B$17,14,0)+IF('Standard Profiles'!$G$20=$B$24,21,0),MOD($C6640,24)+1)/SUM(INDEX($D$3:$AA$30,INDEX(Jesper!$R$2:$R$366,ROW(INDEX(Jesper!AJ$2:AJ$366,ROUNDDOWN($C6640/24,0)+1,1))-1)+IF('Standard Profiles'!$G$20=$B$10,7,0)+IF('Standard Profiles'!$G$20=$B$17,14,0)+IF('Standard Profiles'!$G$20=$B$24,21,0),0)),0)</f>
        <v>0</v>
      </c>
      <c r="G6640" cm="1">
        <f t="array" ref="G6640">IFERROR(INDEX(Jesper!AK$2:AK$366,ROUNDDOWN($C6640/24,0)+1,1)*INDEX($D$3:$AA$30,INDEX(Jesper!$R$2:$R$366,ROW(INDEX(Jesper!AK$2:AK$366,ROUNDDOWN($C6640/24,0)+1,1))-1)+IF('Standard Profiles'!$G$21=$B$10,7,0)+IF('Standard Profiles'!$G$21=$B$17,14,0)+IF('Standard Profiles'!$G$21=$B$24,21,0),MOD($C6640,24)+1)/SUM(INDEX($D$3:$AA$30,INDEX(Jesper!$R$2:$R$366,ROW(INDEX(Jesper!AK$2:AK$366,ROUNDDOWN($C6640/24,0)+1,1))-1)+IF('Standard Profiles'!$G$21=$B$10,7,0)+IF('Standard Profiles'!$G$21=$B$17,14,0)+IF('Standard Profiles'!$G$21=$B$24,21,0),0)),0)</f>
        <v>0.35291752415798389</v>
      </c>
      <c r="H6640" cm="1">
        <f t="array" ref="H6640">IFERROR(INDEX(Jesper!AL$2:AL$366,ROUNDDOWN($C6640/24,0)+1,1)*INDEX($D$3:$AA$30,INDEX(Jesper!$R$2:$R$366,ROW(INDEX(Jesper!AL$2:AL$366,ROUNDDOWN($C6640/24,0)+1,1))-1)+IF('Standard Profiles'!$G$22=$B$10,7,0)+IF('Standard Profiles'!$G$22=$B$17,14,0)+IF('Standard Profiles'!$G$22=$B$24,21,0),MOD($C6640,24)+1)/SUM(INDEX($D$3:$AA$30,INDEX(Jesper!$R$2:$R$366,ROW(INDEX(Jesper!AL$2:AL$366,ROUNDDOWN($C6640/24,0)+1,1))-1)+IF('Standard Profiles'!$G$22=$B$10,7,0)+IF('Standard Profiles'!$G$22=$B$17,14,0)+IF('Standard Profiles'!$G$22=$B$24,21,0),0)),0)</f>
        <v>0</v>
      </c>
      <c r="I6640">
        <f t="shared" si="741"/>
        <v>0.16940041159583219</v>
      </c>
      <c r="J6640">
        <f t="shared" si="742"/>
        <v>6.939992752326571</v>
      </c>
      <c r="K6640">
        <f t="shared" si="743"/>
        <v>0.56346546640338324</v>
      </c>
      <c r="L6640">
        <f t="shared" si="744"/>
        <v>0.28173273320169162</v>
      </c>
      <c r="M6640">
        <f t="shared" si="745"/>
        <v>0</v>
      </c>
      <c r="N6640" s="45">
        <f t="shared" si="746"/>
        <v>45202.249999983978</v>
      </c>
    </row>
    <row r="6641" spans="2:14" x14ac:dyDescent="0.25">
      <c r="B6641">
        <f t="shared" si="740"/>
        <v>2</v>
      </c>
      <c r="C6641" s="16">
        <v>6607</v>
      </c>
      <c r="D6641" cm="1">
        <f t="array" ref="D6641">IFERROR(INDEX(Jesper!AH$2:AH$366,ROUNDDOWN($C6641/24,0)+1,1)*INDEX($D$3:$AA$30,INDEX(Jesper!$R$2:$R$366,ROW(INDEX(Jesper!AH$2:AH$366,ROUNDDOWN($C6641/24,0)+1,1))-1)+IF('Standard Profiles'!$G$18=$B$10,7,0)+IF('Standard Profiles'!$G$18=$B$17,14,0)+IF('Standard Profiles'!$G$18=$B$24,21,0),MOD($C6641,24)+1)/SUM(INDEX($D$3:$AA$30,INDEX(Jesper!$R$2:$R$366,ROW(INDEX(Jesper!AH$2:AH$366,ROUNDDOWN($C6641/24,0)+1,1))-1)+IF('Standard Profiles'!$G$18=$B$10,7,0)+IF('Standard Profiles'!$G$18=$B$17,14,0)+IF('Standard Profiles'!$G$18=$B$24,21,0),0)),0)</f>
        <v>22.268991626313397</v>
      </c>
      <c r="E6641" cm="1">
        <f t="array" ref="E6641">IFERROR(INDEX(Jesper!AI$2:AI$366,ROUNDDOWN($C6641/24,0)+1,1)*INDEX($D$3:$AA$30,INDEX(Jesper!$R$2:$R$366,ROW(INDEX(Jesper!AI$2:AI$366,ROUNDDOWN($C6641/24,0)+1,1))-1)+IF('Standard Profiles'!$G$19=$B$10,7,0)+IF('Standard Profiles'!$G$19=$B$17,14,0)+IF('Standard Profiles'!$G$19=$B$24,21,0),MOD($C6641,24)+1)/SUM(INDEX($D$3:$AA$30,INDEX(Jesper!$R$2:$R$366,ROW(INDEX(Jesper!AI$2:AI$366,ROUNDDOWN($C6641/24,0)+1,1))-1)+IF('Standard Profiles'!$G$19=$B$10,7,0)+IF('Standard Profiles'!$G$19=$B$17,14,0)+IF('Standard Profiles'!$G$19=$B$24,21,0),0)),0)</f>
        <v>9.7768146527786275</v>
      </c>
      <c r="F6641" cm="1">
        <f t="array" ref="F6641">IFERROR(INDEX(Jesper!AJ$2:AJ$366,ROUNDDOWN($C6641/24,0)+1,1)*INDEX($D$3:$AA$30,INDEX(Jesper!$R$2:$R$366,ROW(INDEX(Jesper!AJ$2:AJ$366,ROUNDDOWN($C6641/24,0)+1,1))-1)+IF('Standard Profiles'!$G$20=$B$10,7,0)+IF('Standard Profiles'!$G$20=$B$17,14,0)+IF('Standard Profiles'!$G$20=$B$24,21,0),MOD($C6641,24)+1)/SUM(INDEX($D$3:$AA$30,INDEX(Jesper!$R$2:$R$366,ROW(INDEX(Jesper!AJ$2:AJ$366,ROUNDDOWN($C6641/24,0)+1,1))-1)+IF('Standard Profiles'!$G$20=$B$10,7,0)+IF('Standard Profiles'!$G$20=$B$17,14,0)+IF('Standard Profiles'!$G$20=$B$24,21,0),0)),0)</f>
        <v>0</v>
      </c>
      <c r="G6641" cm="1">
        <f t="array" ref="G6641">IFERROR(INDEX(Jesper!AK$2:AK$366,ROUNDDOWN($C6641/24,0)+1,1)*INDEX($D$3:$AA$30,INDEX(Jesper!$R$2:$R$366,ROW(INDEX(Jesper!AK$2:AK$366,ROUNDDOWN($C6641/24,0)+1,1))-1)+IF('Standard Profiles'!$G$21=$B$10,7,0)+IF('Standard Profiles'!$G$21=$B$17,14,0)+IF('Standard Profiles'!$G$21=$B$24,21,0),MOD($C6641,24)+1)/SUM(INDEX($D$3:$AA$30,INDEX(Jesper!$R$2:$R$366,ROW(INDEX(Jesper!AK$2:AK$366,ROUNDDOWN($C6641/24,0)+1,1))-1)+IF('Standard Profiles'!$G$21=$B$10,7,0)+IF('Standard Profiles'!$G$21=$B$17,14,0)+IF('Standard Profiles'!$G$21=$B$24,21,0),0)),0)</f>
        <v>1.0166301583002568</v>
      </c>
      <c r="H6641" cm="1">
        <f t="array" ref="H6641">IFERROR(INDEX(Jesper!AL$2:AL$366,ROUNDDOWN($C6641/24,0)+1,1)*INDEX($D$3:$AA$30,INDEX(Jesper!$R$2:$R$366,ROW(INDEX(Jesper!AL$2:AL$366,ROUNDDOWN($C6641/24,0)+1,1))-1)+IF('Standard Profiles'!$G$22=$B$10,7,0)+IF('Standard Profiles'!$G$22=$B$17,14,0)+IF('Standard Profiles'!$G$22=$B$24,21,0),MOD($C6641,24)+1)/SUM(INDEX($D$3:$AA$30,INDEX(Jesper!$R$2:$R$366,ROW(INDEX(Jesper!AL$2:AL$366,ROUNDDOWN($C6641/24,0)+1,1))-1)+IF('Standard Profiles'!$G$22=$B$10,7,0)+IF('Standard Profiles'!$G$22=$B$17,14,0)+IF('Standard Profiles'!$G$22=$B$24,21,0),0)),0)</f>
        <v>0</v>
      </c>
      <c r="I6641">
        <f t="shared" si="741"/>
        <v>0.48798247598412303</v>
      </c>
      <c r="J6641">
        <f t="shared" si="742"/>
        <v>29.011415301198014</v>
      </c>
      <c r="K6641">
        <f t="shared" si="743"/>
        <v>2.3753591068067625</v>
      </c>
      <c r="L6641">
        <f t="shared" si="744"/>
        <v>1.1876795534033813</v>
      </c>
      <c r="M6641">
        <f t="shared" si="745"/>
        <v>0</v>
      </c>
      <c r="N6641" s="45">
        <f t="shared" si="746"/>
        <v>45202.291666650643</v>
      </c>
    </row>
    <row r="6642" spans="2:14" x14ac:dyDescent="0.25">
      <c r="B6642">
        <f t="shared" si="740"/>
        <v>2</v>
      </c>
      <c r="C6642" s="16">
        <v>6608</v>
      </c>
      <c r="D6642" cm="1">
        <f t="array" ref="D6642">IFERROR(INDEX(Jesper!AH$2:AH$366,ROUNDDOWN($C6642/24,0)+1,1)*INDEX($D$3:$AA$30,INDEX(Jesper!$R$2:$R$366,ROW(INDEX(Jesper!AH$2:AH$366,ROUNDDOWN($C6642/24,0)+1,1))-1)+IF('Standard Profiles'!$G$18=$B$10,7,0)+IF('Standard Profiles'!$G$18=$B$17,14,0)+IF('Standard Profiles'!$G$18=$B$24,21,0),MOD($C6642,24)+1)/SUM(INDEX($D$3:$AA$30,INDEX(Jesper!$R$2:$R$366,ROW(INDEX(Jesper!AH$2:AH$366,ROUNDDOWN($C6642/24,0)+1,1))-1)+IF('Standard Profiles'!$G$18=$B$10,7,0)+IF('Standard Profiles'!$G$18=$B$17,14,0)+IF('Standard Profiles'!$G$18=$B$24,21,0),0)),0)</f>
        <v>24.847506446202313</v>
      </c>
      <c r="E6642" cm="1">
        <f t="array" ref="E6642">IFERROR(INDEX(Jesper!AI$2:AI$366,ROUNDDOWN($C6642/24,0)+1,1)*INDEX($D$3:$AA$30,INDEX(Jesper!$R$2:$R$366,ROW(INDEX(Jesper!AI$2:AI$366,ROUNDDOWN($C6642/24,0)+1,1))-1)+IF('Standard Profiles'!$G$19=$B$10,7,0)+IF('Standard Profiles'!$G$19=$B$17,14,0)+IF('Standard Profiles'!$G$19=$B$24,21,0),MOD($C6642,24)+1)/SUM(INDEX($D$3:$AA$30,INDEX(Jesper!$R$2:$R$366,ROW(INDEX(Jesper!AI$2:AI$366,ROUNDDOWN($C6642/24,0)+1,1))-1)+IF('Standard Profiles'!$G$19=$B$10,7,0)+IF('Standard Profiles'!$G$19=$B$17,14,0)+IF('Standard Profiles'!$G$19=$B$24,21,0),0)),0)</f>
        <v>10.908866875731942</v>
      </c>
      <c r="F6642" cm="1">
        <f t="array" ref="F6642">IFERROR(INDEX(Jesper!AJ$2:AJ$366,ROUNDDOWN($C6642/24,0)+1,1)*INDEX($D$3:$AA$30,INDEX(Jesper!$R$2:$R$366,ROW(INDEX(Jesper!AJ$2:AJ$366,ROUNDDOWN($C6642/24,0)+1,1))-1)+IF('Standard Profiles'!$G$20=$B$10,7,0)+IF('Standard Profiles'!$G$20=$B$17,14,0)+IF('Standard Profiles'!$G$20=$B$24,21,0),MOD($C6642,24)+1)/SUM(INDEX($D$3:$AA$30,INDEX(Jesper!$R$2:$R$366,ROW(INDEX(Jesper!AJ$2:AJ$366,ROUNDDOWN($C6642/24,0)+1,1))-1)+IF('Standard Profiles'!$G$20=$B$10,7,0)+IF('Standard Profiles'!$G$20=$B$17,14,0)+IF('Standard Profiles'!$G$20=$B$24,21,0),0)),0)</f>
        <v>0</v>
      </c>
      <c r="G6642" cm="1">
        <f t="array" ref="G6642">IFERROR(INDEX(Jesper!AK$2:AK$366,ROUNDDOWN($C6642/24,0)+1,1)*INDEX($D$3:$AA$30,INDEX(Jesper!$R$2:$R$366,ROW(INDEX(Jesper!AK$2:AK$366,ROUNDDOWN($C6642/24,0)+1,1))-1)+IF('Standard Profiles'!$G$21=$B$10,7,0)+IF('Standard Profiles'!$G$21=$B$17,14,0)+IF('Standard Profiles'!$G$21=$B$24,21,0),MOD($C6642,24)+1)/SUM(INDEX($D$3:$AA$30,INDEX(Jesper!$R$2:$R$366,ROW(INDEX(Jesper!AK$2:AK$366,ROUNDDOWN($C6642/24,0)+1,1))-1)+IF('Standard Profiles'!$G$21=$B$10,7,0)+IF('Standard Profiles'!$G$21=$B$17,14,0)+IF('Standard Profiles'!$G$21=$B$24,21,0),0)),0)</f>
        <v>1.134345229261339</v>
      </c>
      <c r="H6642" cm="1">
        <f t="array" ref="H6642">IFERROR(INDEX(Jesper!AL$2:AL$366,ROUNDDOWN($C6642/24,0)+1,1)*INDEX($D$3:$AA$30,INDEX(Jesper!$R$2:$R$366,ROW(INDEX(Jesper!AL$2:AL$366,ROUNDDOWN($C6642/24,0)+1,1))-1)+IF('Standard Profiles'!$G$22=$B$10,7,0)+IF('Standard Profiles'!$G$22=$B$17,14,0)+IF('Standard Profiles'!$G$22=$B$24,21,0),MOD($C6642,24)+1)/SUM(INDEX($D$3:$AA$30,INDEX(Jesper!$R$2:$R$366,ROW(INDEX(Jesper!AL$2:AL$366,ROUNDDOWN($C6642/24,0)+1,1))-1)+IF('Standard Profiles'!$G$22=$B$10,7,0)+IF('Standard Profiles'!$G$22=$B$17,14,0)+IF('Standard Profiles'!$G$22=$B$24,21,0),0)),0)</f>
        <v>0</v>
      </c>
      <c r="I6642">
        <f t="shared" si="741"/>
        <v>0.54448571004544244</v>
      </c>
      <c r="J6642">
        <f t="shared" si="742"/>
        <v>32.370631809757782</v>
      </c>
      <c r="K6642">
        <f t="shared" si="743"/>
        <v>2.6504006875949138</v>
      </c>
      <c r="L6642">
        <f t="shared" si="744"/>
        <v>1.3252003437974569</v>
      </c>
      <c r="M6642">
        <f t="shared" si="745"/>
        <v>0</v>
      </c>
      <c r="N6642" s="45">
        <f t="shared" si="746"/>
        <v>45202.333333317307</v>
      </c>
    </row>
    <row r="6643" spans="2:14" x14ac:dyDescent="0.25">
      <c r="B6643">
        <f t="shared" si="740"/>
        <v>2</v>
      </c>
      <c r="C6643" s="16">
        <v>6609</v>
      </c>
      <c r="D6643" cm="1">
        <f t="array" ref="D6643">IFERROR(INDEX(Jesper!AH$2:AH$366,ROUNDDOWN($C6643/24,0)+1,1)*INDEX($D$3:$AA$30,INDEX(Jesper!$R$2:$R$366,ROW(INDEX(Jesper!AH$2:AH$366,ROUNDDOWN($C6643/24,0)+1,1))-1)+IF('Standard Profiles'!$G$18=$B$10,7,0)+IF('Standard Profiles'!$G$18=$B$17,14,0)+IF('Standard Profiles'!$G$18=$B$24,21,0),MOD($C6643,24)+1)/SUM(INDEX($D$3:$AA$30,INDEX(Jesper!$R$2:$R$366,ROW(INDEX(Jesper!AH$2:AH$366,ROUNDDOWN($C6643/24,0)+1,1))-1)+IF('Standard Profiles'!$G$18=$B$10,7,0)+IF('Standard Profiles'!$G$18=$B$17,14,0)+IF('Standard Profiles'!$G$18=$B$24,21,0),0)),0)</f>
        <v>27.426021266091237</v>
      </c>
      <c r="E6643" cm="1">
        <f t="array" ref="E6643">IFERROR(INDEX(Jesper!AI$2:AI$366,ROUNDDOWN($C6643/24,0)+1,1)*INDEX($D$3:$AA$30,INDEX(Jesper!$R$2:$R$366,ROW(INDEX(Jesper!AI$2:AI$366,ROUNDDOWN($C6643/24,0)+1,1))-1)+IF('Standard Profiles'!$G$19=$B$10,7,0)+IF('Standard Profiles'!$G$19=$B$17,14,0)+IF('Standard Profiles'!$G$19=$B$24,21,0),MOD($C6643,24)+1)/SUM(INDEX($D$3:$AA$30,INDEX(Jesper!$R$2:$R$366,ROW(INDEX(Jesper!AI$2:AI$366,ROUNDDOWN($C6643/24,0)+1,1))-1)+IF('Standard Profiles'!$G$19=$B$10,7,0)+IF('Standard Profiles'!$G$19=$B$17,14,0)+IF('Standard Profiles'!$G$19=$B$24,21,0),0)),0)</f>
        <v>12.040919098685258</v>
      </c>
      <c r="F6643" cm="1">
        <f t="array" ref="F6643">IFERROR(INDEX(Jesper!AJ$2:AJ$366,ROUNDDOWN($C6643/24,0)+1,1)*INDEX($D$3:$AA$30,INDEX(Jesper!$R$2:$R$366,ROW(INDEX(Jesper!AJ$2:AJ$366,ROUNDDOWN($C6643/24,0)+1,1))-1)+IF('Standard Profiles'!$G$20=$B$10,7,0)+IF('Standard Profiles'!$G$20=$B$17,14,0)+IF('Standard Profiles'!$G$20=$B$24,21,0),MOD($C6643,24)+1)/SUM(INDEX($D$3:$AA$30,INDEX(Jesper!$R$2:$R$366,ROW(INDEX(Jesper!AJ$2:AJ$366,ROUNDDOWN($C6643/24,0)+1,1))-1)+IF('Standard Profiles'!$G$20=$B$10,7,0)+IF('Standard Profiles'!$G$20=$B$17,14,0)+IF('Standard Profiles'!$G$20=$B$24,21,0),0)),0)</f>
        <v>0</v>
      </c>
      <c r="G6643" cm="1">
        <f t="array" ref="G6643">IFERROR(INDEX(Jesper!AK$2:AK$366,ROUNDDOWN($C6643/24,0)+1,1)*INDEX($D$3:$AA$30,INDEX(Jesper!$R$2:$R$366,ROW(INDEX(Jesper!AK$2:AK$366,ROUNDDOWN($C6643/24,0)+1,1))-1)+IF('Standard Profiles'!$G$21=$B$10,7,0)+IF('Standard Profiles'!$G$21=$B$17,14,0)+IF('Standard Profiles'!$G$21=$B$24,21,0),MOD($C6643,24)+1)/SUM(INDEX($D$3:$AA$30,INDEX(Jesper!$R$2:$R$366,ROW(INDEX(Jesper!AK$2:AK$366,ROUNDDOWN($C6643/24,0)+1,1))-1)+IF('Standard Profiles'!$G$21=$B$10,7,0)+IF('Standard Profiles'!$G$21=$B$17,14,0)+IF('Standard Profiles'!$G$21=$B$24,21,0),0)),0)</f>
        <v>1.2520603002224215</v>
      </c>
      <c r="H6643" cm="1">
        <f t="array" ref="H6643">IFERROR(INDEX(Jesper!AL$2:AL$366,ROUNDDOWN($C6643/24,0)+1,1)*INDEX($D$3:$AA$30,INDEX(Jesper!$R$2:$R$366,ROW(INDEX(Jesper!AL$2:AL$366,ROUNDDOWN($C6643/24,0)+1,1))-1)+IF('Standard Profiles'!$G$22=$B$10,7,0)+IF('Standard Profiles'!$G$22=$B$17,14,0)+IF('Standard Profiles'!$G$22=$B$24,21,0),MOD($C6643,24)+1)/SUM(INDEX($D$3:$AA$30,INDEX(Jesper!$R$2:$R$366,ROW(INDEX(Jesper!AL$2:AL$366,ROUNDDOWN($C6643/24,0)+1,1))-1)+IF('Standard Profiles'!$G$22=$B$10,7,0)+IF('Standard Profiles'!$G$22=$B$17,14,0)+IF('Standard Profiles'!$G$22=$B$24,21,0),0)),0)</f>
        <v>0</v>
      </c>
      <c r="I6643">
        <f t="shared" si="741"/>
        <v>0.60098894410676207</v>
      </c>
      <c r="J6643">
        <f t="shared" si="742"/>
        <v>35.729848318317558</v>
      </c>
      <c r="K6643">
        <f t="shared" si="743"/>
        <v>2.9254422683830654</v>
      </c>
      <c r="L6643">
        <f t="shared" si="744"/>
        <v>1.4627211341915327</v>
      </c>
      <c r="M6643">
        <f t="shared" si="745"/>
        <v>0</v>
      </c>
      <c r="N6643" s="45">
        <f t="shared" si="746"/>
        <v>45202.374999983971</v>
      </c>
    </row>
    <row r="6644" spans="2:14" x14ac:dyDescent="0.25">
      <c r="B6644">
        <f t="shared" si="740"/>
        <v>2</v>
      </c>
      <c r="C6644" s="16">
        <v>6610</v>
      </c>
      <c r="D6644" cm="1">
        <f t="array" ref="D6644">IFERROR(INDEX(Jesper!AH$2:AH$366,ROUNDDOWN($C6644/24,0)+1,1)*INDEX($D$3:$AA$30,INDEX(Jesper!$R$2:$R$366,ROW(INDEX(Jesper!AH$2:AH$366,ROUNDDOWN($C6644/24,0)+1,1))-1)+IF('Standard Profiles'!$G$18=$B$10,7,0)+IF('Standard Profiles'!$G$18=$B$17,14,0)+IF('Standard Profiles'!$G$18=$B$24,21,0),MOD($C6644,24)+1)/SUM(INDEX($D$3:$AA$30,INDEX(Jesper!$R$2:$R$366,ROW(INDEX(Jesper!AH$2:AH$366,ROUNDDOWN($C6644/24,0)+1,1))-1)+IF('Standard Profiles'!$G$18=$B$10,7,0)+IF('Standard Profiles'!$G$18=$B$17,14,0)+IF('Standard Profiles'!$G$18=$B$24,21,0),0)),0)</f>
        <v>27.426021266091237</v>
      </c>
      <c r="E6644" cm="1">
        <f t="array" ref="E6644">IFERROR(INDEX(Jesper!AI$2:AI$366,ROUNDDOWN($C6644/24,0)+1,1)*INDEX($D$3:$AA$30,INDEX(Jesper!$R$2:$R$366,ROW(INDEX(Jesper!AI$2:AI$366,ROUNDDOWN($C6644/24,0)+1,1))-1)+IF('Standard Profiles'!$G$19=$B$10,7,0)+IF('Standard Profiles'!$G$19=$B$17,14,0)+IF('Standard Profiles'!$G$19=$B$24,21,0),MOD($C6644,24)+1)/SUM(INDEX($D$3:$AA$30,INDEX(Jesper!$R$2:$R$366,ROW(INDEX(Jesper!AI$2:AI$366,ROUNDDOWN($C6644/24,0)+1,1))-1)+IF('Standard Profiles'!$G$19=$B$10,7,0)+IF('Standard Profiles'!$G$19=$B$17,14,0)+IF('Standard Profiles'!$G$19=$B$24,21,0),0)),0)</f>
        <v>12.040919098685258</v>
      </c>
      <c r="F6644" cm="1">
        <f t="array" ref="F6644">IFERROR(INDEX(Jesper!AJ$2:AJ$366,ROUNDDOWN($C6644/24,0)+1,1)*INDEX($D$3:$AA$30,INDEX(Jesper!$R$2:$R$366,ROW(INDEX(Jesper!AJ$2:AJ$366,ROUNDDOWN($C6644/24,0)+1,1))-1)+IF('Standard Profiles'!$G$20=$B$10,7,0)+IF('Standard Profiles'!$G$20=$B$17,14,0)+IF('Standard Profiles'!$G$20=$B$24,21,0),MOD($C6644,24)+1)/SUM(INDEX($D$3:$AA$30,INDEX(Jesper!$R$2:$R$366,ROW(INDEX(Jesper!AJ$2:AJ$366,ROUNDDOWN($C6644/24,0)+1,1))-1)+IF('Standard Profiles'!$G$20=$B$10,7,0)+IF('Standard Profiles'!$G$20=$B$17,14,0)+IF('Standard Profiles'!$G$20=$B$24,21,0),0)),0)</f>
        <v>0</v>
      </c>
      <c r="G6644" cm="1">
        <f t="array" ref="G6644">IFERROR(INDEX(Jesper!AK$2:AK$366,ROUNDDOWN($C6644/24,0)+1,1)*INDEX($D$3:$AA$30,INDEX(Jesper!$R$2:$R$366,ROW(INDEX(Jesper!AK$2:AK$366,ROUNDDOWN($C6644/24,0)+1,1))-1)+IF('Standard Profiles'!$G$21=$B$10,7,0)+IF('Standard Profiles'!$G$21=$B$17,14,0)+IF('Standard Profiles'!$G$21=$B$24,21,0),MOD($C6644,24)+1)/SUM(INDEX($D$3:$AA$30,INDEX(Jesper!$R$2:$R$366,ROW(INDEX(Jesper!AK$2:AK$366,ROUNDDOWN($C6644/24,0)+1,1))-1)+IF('Standard Profiles'!$G$21=$B$10,7,0)+IF('Standard Profiles'!$G$21=$B$17,14,0)+IF('Standard Profiles'!$G$21=$B$24,21,0),0)),0)</f>
        <v>1.2520603002224215</v>
      </c>
      <c r="H6644" cm="1">
        <f t="array" ref="H6644">IFERROR(INDEX(Jesper!AL$2:AL$366,ROUNDDOWN($C6644/24,0)+1,1)*INDEX($D$3:$AA$30,INDEX(Jesper!$R$2:$R$366,ROW(INDEX(Jesper!AL$2:AL$366,ROUNDDOWN($C6644/24,0)+1,1))-1)+IF('Standard Profiles'!$G$22=$B$10,7,0)+IF('Standard Profiles'!$G$22=$B$17,14,0)+IF('Standard Profiles'!$G$22=$B$24,21,0),MOD($C6644,24)+1)/SUM(INDEX($D$3:$AA$30,INDEX(Jesper!$R$2:$R$366,ROW(INDEX(Jesper!AL$2:AL$366,ROUNDDOWN($C6644/24,0)+1,1))-1)+IF('Standard Profiles'!$G$22=$B$10,7,0)+IF('Standard Profiles'!$G$22=$B$17,14,0)+IF('Standard Profiles'!$G$22=$B$24,21,0),0)),0)</f>
        <v>0</v>
      </c>
      <c r="I6644">
        <f t="shared" si="741"/>
        <v>0.60098894410676207</v>
      </c>
      <c r="J6644">
        <f t="shared" si="742"/>
        <v>35.729848318317558</v>
      </c>
      <c r="K6644">
        <f t="shared" si="743"/>
        <v>2.9254422683830654</v>
      </c>
      <c r="L6644">
        <f t="shared" si="744"/>
        <v>1.4627211341915327</v>
      </c>
      <c r="M6644">
        <f t="shared" si="745"/>
        <v>0</v>
      </c>
      <c r="N6644" s="45">
        <f t="shared" si="746"/>
        <v>45202.416666650635</v>
      </c>
    </row>
    <row r="6645" spans="2:14" x14ac:dyDescent="0.25">
      <c r="B6645">
        <f t="shared" si="740"/>
        <v>2</v>
      </c>
      <c r="C6645" s="16">
        <v>6611</v>
      </c>
      <c r="D6645" cm="1">
        <f t="array" ref="D6645">IFERROR(INDEX(Jesper!AH$2:AH$366,ROUNDDOWN($C6645/24,0)+1,1)*INDEX($D$3:$AA$30,INDEX(Jesper!$R$2:$R$366,ROW(INDEX(Jesper!AH$2:AH$366,ROUNDDOWN($C6645/24,0)+1,1))-1)+IF('Standard Profiles'!$G$18=$B$10,7,0)+IF('Standard Profiles'!$G$18=$B$17,14,0)+IF('Standard Profiles'!$G$18=$B$24,21,0),MOD($C6645,24)+1)/SUM(INDEX($D$3:$AA$30,INDEX(Jesper!$R$2:$R$366,ROW(INDEX(Jesper!AH$2:AH$366,ROUNDDOWN($C6645/24,0)+1,1))-1)+IF('Standard Profiles'!$G$18=$B$10,7,0)+IF('Standard Profiles'!$G$18=$B$17,14,0)+IF('Standard Profiles'!$G$18=$B$24,21,0),0)),0)</f>
        <v>32.817461344040794</v>
      </c>
      <c r="E6645" cm="1">
        <f t="array" ref="E6645">IFERROR(INDEX(Jesper!AI$2:AI$366,ROUNDDOWN($C6645/24,0)+1,1)*INDEX($D$3:$AA$30,INDEX(Jesper!$R$2:$R$366,ROW(INDEX(Jesper!AI$2:AI$366,ROUNDDOWN($C6645/24,0)+1,1))-1)+IF('Standard Profiles'!$G$19=$B$10,7,0)+IF('Standard Profiles'!$G$19=$B$17,14,0)+IF('Standard Profiles'!$G$19=$B$24,21,0),MOD($C6645,24)+1)/SUM(INDEX($D$3:$AA$30,INDEX(Jesper!$R$2:$R$366,ROW(INDEX(Jesper!AI$2:AI$366,ROUNDDOWN($C6645/24,0)+1,1))-1)+IF('Standard Profiles'!$G$19=$B$10,7,0)+IF('Standard Profiles'!$G$19=$B$17,14,0)+IF('Standard Profiles'!$G$19=$B$24,21,0),0)),0)</f>
        <v>14.407937383042189</v>
      </c>
      <c r="F6645" cm="1">
        <f t="array" ref="F6645">IFERROR(INDEX(Jesper!AJ$2:AJ$366,ROUNDDOWN($C6645/24,0)+1,1)*INDEX($D$3:$AA$30,INDEX(Jesper!$R$2:$R$366,ROW(INDEX(Jesper!AJ$2:AJ$366,ROUNDDOWN($C6645/24,0)+1,1))-1)+IF('Standard Profiles'!$G$20=$B$10,7,0)+IF('Standard Profiles'!$G$20=$B$17,14,0)+IF('Standard Profiles'!$G$20=$B$24,21,0),MOD($C6645,24)+1)/SUM(INDEX($D$3:$AA$30,INDEX(Jesper!$R$2:$R$366,ROW(INDEX(Jesper!AJ$2:AJ$366,ROUNDDOWN($C6645/24,0)+1,1))-1)+IF('Standard Profiles'!$G$20=$B$10,7,0)+IF('Standard Profiles'!$G$20=$B$17,14,0)+IF('Standard Profiles'!$G$20=$B$24,21,0),0)),0)</f>
        <v>0</v>
      </c>
      <c r="G6645" cm="1">
        <f t="array" ref="G6645">IFERROR(INDEX(Jesper!AK$2:AK$366,ROUNDDOWN($C6645/24,0)+1,1)*INDEX($D$3:$AA$30,INDEX(Jesper!$R$2:$R$366,ROW(INDEX(Jesper!AK$2:AK$366,ROUNDDOWN($C6645/24,0)+1,1))-1)+IF('Standard Profiles'!$G$21=$B$10,7,0)+IF('Standard Profiles'!$G$21=$B$17,14,0)+IF('Standard Profiles'!$G$21=$B$24,21,0),MOD($C6645,24)+1)/SUM(INDEX($D$3:$AA$30,INDEX(Jesper!$R$2:$R$366,ROW(INDEX(Jesper!AK$2:AK$366,ROUNDDOWN($C6645/24,0)+1,1))-1)+IF('Standard Profiles'!$G$21=$B$10,7,0)+IF('Standard Profiles'!$G$21=$B$17,14,0)+IF('Standard Profiles'!$G$21=$B$24,21,0),0)),0)</f>
        <v>1.4981918122319575</v>
      </c>
      <c r="H6645" cm="1">
        <f t="array" ref="H6645">IFERROR(INDEX(Jesper!AL$2:AL$366,ROUNDDOWN($C6645/24,0)+1,1)*INDEX($D$3:$AA$30,INDEX(Jesper!$R$2:$R$366,ROW(INDEX(Jesper!AL$2:AL$366,ROUNDDOWN($C6645/24,0)+1,1))-1)+IF('Standard Profiles'!$G$22=$B$10,7,0)+IF('Standard Profiles'!$G$22=$B$17,14,0)+IF('Standard Profiles'!$G$22=$B$24,21,0),MOD($C6645,24)+1)/SUM(INDEX($D$3:$AA$30,INDEX(Jesper!$R$2:$R$366,ROW(INDEX(Jesper!AL$2:AL$366,ROUNDDOWN($C6645/24,0)+1,1))-1)+IF('Standard Profiles'!$G$22=$B$10,7,0)+IF('Standard Profiles'!$G$22=$B$17,14,0)+IF('Standard Profiles'!$G$22=$B$24,21,0),0)),0)</f>
        <v>0</v>
      </c>
      <c r="I6645">
        <f t="shared" si="741"/>
        <v>0.71913206987133926</v>
      </c>
      <c r="J6645">
        <f t="shared" si="742"/>
        <v>42.75366465439707</v>
      </c>
      <c r="K6645">
        <f t="shared" si="743"/>
        <v>3.5005292100310181</v>
      </c>
      <c r="L6645">
        <f t="shared" si="744"/>
        <v>1.7502646050155091</v>
      </c>
      <c r="M6645">
        <f t="shared" si="745"/>
        <v>0</v>
      </c>
      <c r="N6645" s="45">
        <f t="shared" si="746"/>
        <v>45202.4583333173</v>
      </c>
    </row>
    <row r="6646" spans="2:14" x14ac:dyDescent="0.25">
      <c r="B6646">
        <f t="shared" si="740"/>
        <v>2</v>
      </c>
      <c r="C6646" s="16">
        <v>6612</v>
      </c>
      <c r="D6646" cm="1">
        <f t="array" ref="D6646">IFERROR(INDEX(Jesper!AH$2:AH$366,ROUNDDOWN($C6646/24,0)+1,1)*INDEX($D$3:$AA$30,INDEX(Jesper!$R$2:$R$366,ROW(INDEX(Jesper!AH$2:AH$366,ROUNDDOWN($C6646/24,0)+1,1))-1)+IF('Standard Profiles'!$G$18=$B$10,7,0)+IF('Standard Profiles'!$G$18=$B$17,14,0)+IF('Standard Profiles'!$G$18=$B$24,21,0),MOD($C6646,24)+1)/SUM(INDEX($D$3:$AA$30,INDEX(Jesper!$R$2:$R$366,ROW(INDEX(Jesper!AH$2:AH$366,ROUNDDOWN($C6646/24,0)+1,1))-1)+IF('Standard Profiles'!$G$18=$B$10,7,0)+IF('Standard Profiles'!$G$18=$B$17,14,0)+IF('Standard Profiles'!$G$18=$B$24,21,0),0)),0)</f>
        <v>32.817461344040794</v>
      </c>
      <c r="E6646" cm="1">
        <f t="array" ref="E6646">IFERROR(INDEX(Jesper!AI$2:AI$366,ROUNDDOWN($C6646/24,0)+1,1)*INDEX($D$3:$AA$30,INDEX(Jesper!$R$2:$R$366,ROW(INDEX(Jesper!AI$2:AI$366,ROUNDDOWN($C6646/24,0)+1,1))-1)+IF('Standard Profiles'!$G$19=$B$10,7,0)+IF('Standard Profiles'!$G$19=$B$17,14,0)+IF('Standard Profiles'!$G$19=$B$24,21,0),MOD($C6646,24)+1)/SUM(INDEX($D$3:$AA$30,INDEX(Jesper!$R$2:$R$366,ROW(INDEX(Jesper!AI$2:AI$366,ROUNDDOWN($C6646/24,0)+1,1))-1)+IF('Standard Profiles'!$G$19=$B$10,7,0)+IF('Standard Profiles'!$G$19=$B$17,14,0)+IF('Standard Profiles'!$G$19=$B$24,21,0),0)),0)</f>
        <v>14.407937383042189</v>
      </c>
      <c r="F6646" cm="1">
        <f t="array" ref="F6646">IFERROR(INDEX(Jesper!AJ$2:AJ$366,ROUNDDOWN($C6646/24,0)+1,1)*INDEX($D$3:$AA$30,INDEX(Jesper!$R$2:$R$366,ROW(INDEX(Jesper!AJ$2:AJ$366,ROUNDDOWN($C6646/24,0)+1,1))-1)+IF('Standard Profiles'!$G$20=$B$10,7,0)+IF('Standard Profiles'!$G$20=$B$17,14,0)+IF('Standard Profiles'!$G$20=$B$24,21,0),MOD($C6646,24)+1)/SUM(INDEX($D$3:$AA$30,INDEX(Jesper!$R$2:$R$366,ROW(INDEX(Jesper!AJ$2:AJ$366,ROUNDDOWN($C6646/24,0)+1,1))-1)+IF('Standard Profiles'!$G$20=$B$10,7,0)+IF('Standard Profiles'!$G$20=$B$17,14,0)+IF('Standard Profiles'!$G$20=$B$24,21,0),0)),0)</f>
        <v>0</v>
      </c>
      <c r="G6646" cm="1">
        <f t="array" ref="G6646">IFERROR(INDEX(Jesper!AK$2:AK$366,ROUNDDOWN($C6646/24,0)+1,1)*INDEX($D$3:$AA$30,INDEX(Jesper!$R$2:$R$366,ROW(INDEX(Jesper!AK$2:AK$366,ROUNDDOWN($C6646/24,0)+1,1))-1)+IF('Standard Profiles'!$G$21=$B$10,7,0)+IF('Standard Profiles'!$G$21=$B$17,14,0)+IF('Standard Profiles'!$G$21=$B$24,21,0),MOD($C6646,24)+1)/SUM(INDEX($D$3:$AA$30,INDEX(Jesper!$R$2:$R$366,ROW(INDEX(Jesper!AK$2:AK$366,ROUNDDOWN($C6646/24,0)+1,1))-1)+IF('Standard Profiles'!$G$21=$B$10,7,0)+IF('Standard Profiles'!$G$21=$B$17,14,0)+IF('Standard Profiles'!$G$21=$B$24,21,0),0)),0)</f>
        <v>1.4981918122319575</v>
      </c>
      <c r="H6646" cm="1">
        <f t="array" ref="H6646">IFERROR(INDEX(Jesper!AL$2:AL$366,ROUNDDOWN($C6646/24,0)+1,1)*INDEX($D$3:$AA$30,INDEX(Jesper!$R$2:$R$366,ROW(INDEX(Jesper!AL$2:AL$366,ROUNDDOWN($C6646/24,0)+1,1))-1)+IF('Standard Profiles'!$G$22=$B$10,7,0)+IF('Standard Profiles'!$G$22=$B$17,14,0)+IF('Standard Profiles'!$G$22=$B$24,21,0),MOD($C6646,24)+1)/SUM(INDEX($D$3:$AA$30,INDEX(Jesper!$R$2:$R$366,ROW(INDEX(Jesper!AL$2:AL$366,ROUNDDOWN($C6646/24,0)+1,1))-1)+IF('Standard Profiles'!$G$22=$B$10,7,0)+IF('Standard Profiles'!$G$22=$B$17,14,0)+IF('Standard Profiles'!$G$22=$B$24,21,0),0)),0)</f>
        <v>0</v>
      </c>
      <c r="I6646">
        <f t="shared" si="741"/>
        <v>0.71913206987133926</v>
      </c>
      <c r="J6646">
        <f t="shared" si="742"/>
        <v>42.75366465439707</v>
      </c>
      <c r="K6646">
        <f t="shared" si="743"/>
        <v>3.5005292100310181</v>
      </c>
      <c r="L6646">
        <f t="shared" si="744"/>
        <v>1.7502646050155091</v>
      </c>
      <c r="M6646">
        <f t="shared" si="745"/>
        <v>0</v>
      </c>
      <c r="N6646" s="45">
        <f t="shared" si="746"/>
        <v>45202.499999983964</v>
      </c>
    </row>
    <row r="6647" spans="2:14" x14ac:dyDescent="0.25">
      <c r="B6647">
        <f t="shared" si="740"/>
        <v>2</v>
      </c>
      <c r="C6647" s="16">
        <v>6613</v>
      </c>
      <c r="D6647" cm="1">
        <f t="array" ref="D6647">IFERROR(INDEX(Jesper!AH$2:AH$366,ROUNDDOWN($C6647/24,0)+1,1)*INDEX($D$3:$AA$30,INDEX(Jesper!$R$2:$R$366,ROW(INDEX(Jesper!AH$2:AH$366,ROUNDDOWN($C6647/24,0)+1,1))-1)+IF('Standard Profiles'!$G$18=$B$10,7,0)+IF('Standard Profiles'!$G$18=$B$17,14,0)+IF('Standard Profiles'!$G$18=$B$24,21,0),MOD($C6647,24)+1)/SUM(INDEX($D$3:$AA$30,INDEX(Jesper!$R$2:$R$366,ROW(INDEX(Jesper!AH$2:AH$366,ROUNDDOWN($C6647/24,0)+1,1))-1)+IF('Standard Profiles'!$G$18=$B$10,7,0)+IF('Standard Profiles'!$G$18=$B$17,14,0)+IF('Standard Profiles'!$G$18=$B$24,21,0),0)),0)</f>
        <v>21.800170749969958</v>
      </c>
      <c r="E6647" cm="1">
        <f t="array" ref="E6647">IFERROR(INDEX(Jesper!AI$2:AI$366,ROUNDDOWN($C6647/24,0)+1,1)*INDEX($D$3:$AA$30,INDEX(Jesper!$R$2:$R$366,ROW(INDEX(Jesper!AI$2:AI$366,ROUNDDOWN($C6647/24,0)+1,1))-1)+IF('Standard Profiles'!$G$19=$B$10,7,0)+IF('Standard Profiles'!$G$19=$B$17,14,0)+IF('Standard Profiles'!$G$19=$B$24,21,0),MOD($C6647,24)+1)/SUM(INDEX($D$3:$AA$30,INDEX(Jesper!$R$2:$R$366,ROW(INDEX(Jesper!AI$2:AI$366,ROUNDDOWN($C6647/24,0)+1,1))-1)+IF('Standard Profiles'!$G$19=$B$10,7,0)+IF('Standard Profiles'!$G$19=$B$17,14,0)+IF('Standard Profiles'!$G$19=$B$24,21,0),0)),0)</f>
        <v>9.570986975878025</v>
      </c>
      <c r="F6647" cm="1">
        <f t="array" ref="F6647">IFERROR(INDEX(Jesper!AJ$2:AJ$366,ROUNDDOWN($C6647/24,0)+1,1)*INDEX($D$3:$AA$30,INDEX(Jesper!$R$2:$R$366,ROW(INDEX(Jesper!AJ$2:AJ$366,ROUNDDOWN($C6647/24,0)+1,1))-1)+IF('Standard Profiles'!$G$20=$B$10,7,0)+IF('Standard Profiles'!$G$20=$B$17,14,0)+IF('Standard Profiles'!$G$20=$B$24,21,0),MOD($C6647,24)+1)/SUM(INDEX($D$3:$AA$30,INDEX(Jesper!$R$2:$R$366,ROW(INDEX(Jesper!AJ$2:AJ$366,ROUNDDOWN($C6647/24,0)+1,1))-1)+IF('Standard Profiles'!$G$20=$B$10,7,0)+IF('Standard Profiles'!$G$20=$B$17,14,0)+IF('Standard Profiles'!$G$20=$B$24,21,0),0)),0)</f>
        <v>0</v>
      </c>
      <c r="G6647" cm="1">
        <f t="array" ref="G6647">IFERROR(INDEX(Jesper!AK$2:AK$366,ROUNDDOWN($C6647/24,0)+1,1)*INDEX($D$3:$AA$30,INDEX(Jesper!$R$2:$R$366,ROW(INDEX(Jesper!AK$2:AK$366,ROUNDDOWN($C6647/24,0)+1,1))-1)+IF('Standard Profiles'!$G$21=$B$10,7,0)+IF('Standard Profiles'!$G$21=$B$17,14,0)+IF('Standard Profiles'!$G$21=$B$24,21,0),MOD($C6647,24)+1)/SUM(INDEX($D$3:$AA$30,INDEX(Jesper!$R$2:$R$366,ROW(INDEX(Jesper!AK$2:AK$366,ROUNDDOWN($C6647/24,0)+1,1))-1)+IF('Standard Profiles'!$G$21=$B$10,7,0)+IF('Standard Profiles'!$G$21=$B$17,14,0)+IF('Standard Profiles'!$G$21=$B$24,21,0),0)),0)</f>
        <v>0.99522741812551441</v>
      </c>
      <c r="H6647" cm="1">
        <f t="array" ref="H6647">IFERROR(INDEX(Jesper!AL$2:AL$366,ROUNDDOWN($C6647/24,0)+1,1)*INDEX($D$3:$AA$30,INDEX(Jesper!$R$2:$R$366,ROW(INDEX(Jesper!AL$2:AL$366,ROUNDDOWN($C6647/24,0)+1,1))-1)+IF('Standard Profiles'!$G$22=$B$10,7,0)+IF('Standard Profiles'!$G$22=$B$17,14,0)+IF('Standard Profiles'!$G$22=$B$24,21,0),MOD($C6647,24)+1)/SUM(INDEX($D$3:$AA$30,INDEX(Jesper!$R$2:$R$366,ROW(INDEX(Jesper!AL$2:AL$366,ROUNDDOWN($C6647/24,0)+1,1))-1)+IF('Standard Profiles'!$G$22=$B$10,7,0)+IF('Standard Profiles'!$G$22=$B$17,14,0)+IF('Standard Profiles'!$G$22=$B$24,21,0),0)),0)</f>
        <v>0</v>
      </c>
      <c r="I6647">
        <f t="shared" si="741"/>
        <v>0.47770916070024666</v>
      </c>
      <c r="J6647">
        <f t="shared" si="742"/>
        <v>28.400648663278055</v>
      </c>
      <c r="K6647">
        <f t="shared" si="743"/>
        <v>2.3253515466634624</v>
      </c>
      <c r="L6647">
        <f t="shared" si="744"/>
        <v>1.1626757733317312</v>
      </c>
      <c r="M6647">
        <f t="shared" si="745"/>
        <v>0</v>
      </c>
      <c r="N6647" s="45">
        <f t="shared" si="746"/>
        <v>45202.541666650628</v>
      </c>
    </row>
    <row r="6648" spans="2:14" x14ac:dyDescent="0.25">
      <c r="B6648">
        <f t="shared" si="740"/>
        <v>2</v>
      </c>
      <c r="C6648" s="16">
        <v>6614</v>
      </c>
      <c r="D6648" cm="1">
        <f t="array" ref="D6648">IFERROR(INDEX(Jesper!AH$2:AH$366,ROUNDDOWN($C6648/24,0)+1,1)*INDEX($D$3:$AA$30,INDEX(Jesper!$R$2:$R$366,ROW(INDEX(Jesper!AH$2:AH$366,ROUNDDOWN($C6648/24,0)+1,1))-1)+IF('Standard Profiles'!$G$18=$B$10,7,0)+IF('Standard Profiles'!$G$18=$B$17,14,0)+IF('Standard Profiles'!$G$18=$B$24,21,0),MOD($C6648,24)+1)/SUM(INDEX($D$3:$AA$30,INDEX(Jesper!$R$2:$R$366,ROW(INDEX(Jesper!AH$2:AH$366,ROUNDDOWN($C6648/24,0)+1,1))-1)+IF('Standard Profiles'!$G$18=$B$10,7,0)+IF('Standard Profiles'!$G$18=$B$17,14,0)+IF('Standard Profiles'!$G$18=$B$24,21,0),0)),0)</f>
        <v>32.817461344040794</v>
      </c>
      <c r="E6648" cm="1">
        <f t="array" ref="E6648">IFERROR(INDEX(Jesper!AI$2:AI$366,ROUNDDOWN($C6648/24,0)+1,1)*INDEX($D$3:$AA$30,INDEX(Jesper!$R$2:$R$366,ROW(INDEX(Jesper!AI$2:AI$366,ROUNDDOWN($C6648/24,0)+1,1))-1)+IF('Standard Profiles'!$G$19=$B$10,7,0)+IF('Standard Profiles'!$G$19=$B$17,14,0)+IF('Standard Profiles'!$G$19=$B$24,21,0),MOD($C6648,24)+1)/SUM(INDEX($D$3:$AA$30,INDEX(Jesper!$R$2:$R$366,ROW(INDEX(Jesper!AI$2:AI$366,ROUNDDOWN($C6648/24,0)+1,1))-1)+IF('Standard Profiles'!$G$19=$B$10,7,0)+IF('Standard Profiles'!$G$19=$B$17,14,0)+IF('Standard Profiles'!$G$19=$B$24,21,0),0)),0)</f>
        <v>14.407937383042189</v>
      </c>
      <c r="F6648" cm="1">
        <f t="array" ref="F6648">IFERROR(INDEX(Jesper!AJ$2:AJ$366,ROUNDDOWN($C6648/24,0)+1,1)*INDEX($D$3:$AA$30,INDEX(Jesper!$R$2:$R$366,ROW(INDEX(Jesper!AJ$2:AJ$366,ROUNDDOWN($C6648/24,0)+1,1))-1)+IF('Standard Profiles'!$G$20=$B$10,7,0)+IF('Standard Profiles'!$G$20=$B$17,14,0)+IF('Standard Profiles'!$G$20=$B$24,21,0),MOD($C6648,24)+1)/SUM(INDEX($D$3:$AA$30,INDEX(Jesper!$R$2:$R$366,ROW(INDEX(Jesper!AJ$2:AJ$366,ROUNDDOWN($C6648/24,0)+1,1))-1)+IF('Standard Profiles'!$G$20=$B$10,7,0)+IF('Standard Profiles'!$G$20=$B$17,14,0)+IF('Standard Profiles'!$G$20=$B$24,21,0),0)),0)</f>
        <v>0</v>
      </c>
      <c r="G6648" cm="1">
        <f t="array" ref="G6648">IFERROR(INDEX(Jesper!AK$2:AK$366,ROUNDDOWN($C6648/24,0)+1,1)*INDEX($D$3:$AA$30,INDEX(Jesper!$R$2:$R$366,ROW(INDEX(Jesper!AK$2:AK$366,ROUNDDOWN($C6648/24,0)+1,1))-1)+IF('Standard Profiles'!$G$21=$B$10,7,0)+IF('Standard Profiles'!$G$21=$B$17,14,0)+IF('Standard Profiles'!$G$21=$B$24,21,0),MOD($C6648,24)+1)/SUM(INDEX($D$3:$AA$30,INDEX(Jesper!$R$2:$R$366,ROW(INDEX(Jesper!AK$2:AK$366,ROUNDDOWN($C6648/24,0)+1,1))-1)+IF('Standard Profiles'!$G$21=$B$10,7,0)+IF('Standard Profiles'!$G$21=$B$17,14,0)+IF('Standard Profiles'!$G$21=$B$24,21,0),0)),0)</f>
        <v>1.4981918122319575</v>
      </c>
      <c r="H6648" cm="1">
        <f t="array" ref="H6648">IFERROR(INDEX(Jesper!AL$2:AL$366,ROUNDDOWN($C6648/24,0)+1,1)*INDEX($D$3:$AA$30,INDEX(Jesper!$R$2:$R$366,ROW(INDEX(Jesper!AL$2:AL$366,ROUNDDOWN($C6648/24,0)+1,1))-1)+IF('Standard Profiles'!$G$22=$B$10,7,0)+IF('Standard Profiles'!$G$22=$B$17,14,0)+IF('Standard Profiles'!$G$22=$B$24,21,0),MOD($C6648,24)+1)/SUM(INDEX($D$3:$AA$30,INDEX(Jesper!$R$2:$R$366,ROW(INDEX(Jesper!AL$2:AL$366,ROUNDDOWN($C6648/24,0)+1,1))-1)+IF('Standard Profiles'!$G$22=$B$10,7,0)+IF('Standard Profiles'!$G$22=$B$17,14,0)+IF('Standard Profiles'!$G$22=$B$24,21,0),0)),0)</f>
        <v>0</v>
      </c>
      <c r="I6648">
        <f t="shared" si="741"/>
        <v>0.71913206987133926</v>
      </c>
      <c r="J6648">
        <f t="shared" si="742"/>
        <v>42.75366465439707</v>
      </c>
      <c r="K6648">
        <f t="shared" si="743"/>
        <v>3.5005292100310181</v>
      </c>
      <c r="L6648">
        <f t="shared" si="744"/>
        <v>1.7502646050155091</v>
      </c>
      <c r="M6648">
        <f t="shared" si="745"/>
        <v>0</v>
      </c>
      <c r="N6648" s="45">
        <f t="shared" si="746"/>
        <v>45202.583333317292</v>
      </c>
    </row>
    <row r="6649" spans="2:14" x14ac:dyDescent="0.25">
      <c r="B6649">
        <f t="shared" si="740"/>
        <v>2</v>
      </c>
      <c r="C6649" s="16">
        <v>6615</v>
      </c>
      <c r="D6649" cm="1">
        <f t="array" ref="D6649">IFERROR(INDEX(Jesper!AH$2:AH$366,ROUNDDOWN($C6649/24,0)+1,1)*INDEX($D$3:$AA$30,INDEX(Jesper!$R$2:$R$366,ROW(INDEX(Jesper!AH$2:AH$366,ROUNDDOWN($C6649/24,0)+1,1))-1)+IF('Standard Profiles'!$G$18=$B$10,7,0)+IF('Standard Profiles'!$G$18=$B$17,14,0)+IF('Standard Profiles'!$G$18=$B$24,21,0),MOD($C6649,24)+1)/SUM(INDEX($D$3:$AA$30,INDEX(Jesper!$R$2:$R$366,ROW(INDEX(Jesper!AH$2:AH$366,ROUNDDOWN($C6649/24,0)+1,1))-1)+IF('Standard Profiles'!$G$18=$B$10,7,0)+IF('Standard Profiles'!$G$18=$B$17,14,0)+IF('Standard Profiles'!$G$18=$B$24,21,0),0)),0)</f>
        <v>32.817461344040794</v>
      </c>
      <c r="E6649" cm="1">
        <f t="array" ref="E6649">IFERROR(INDEX(Jesper!AI$2:AI$366,ROUNDDOWN($C6649/24,0)+1,1)*INDEX($D$3:$AA$30,INDEX(Jesper!$R$2:$R$366,ROW(INDEX(Jesper!AI$2:AI$366,ROUNDDOWN($C6649/24,0)+1,1))-1)+IF('Standard Profiles'!$G$19=$B$10,7,0)+IF('Standard Profiles'!$G$19=$B$17,14,0)+IF('Standard Profiles'!$G$19=$B$24,21,0),MOD($C6649,24)+1)/SUM(INDEX($D$3:$AA$30,INDEX(Jesper!$R$2:$R$366,ROW(INDEX(Jesper!AI$2:AI$366,ROUNDDOWN($C6649/24,0)+1,1))-1)+IF('Standard Profiles'!$G$19=$B$10,7,0)+IF('Standard Profiles'!$G$19=$B$17,14,0)+IF('Standard Profiles'!$G$19=$B$24,21,0),0)),0)</f>
        <v>14.407937383042189</v>
      </c>
      <c r="F6649" cm="1">
        <f t="array" ref="F6649">IFERROR(INDEX(Jesper!AJ$2:AJ$366,ROUNDDOWN($C6649/24,0)+1,1)*INDEX($D$3:$AA$30,INDEX(Jesper!$R$2:$R$366,ROW(INDEX(Jesper!AJ$2:AJ$366,ROUNDDOWN($C6649/24,0)+1,1))-1)+IF('Standard Profiles'!$G$20=$B$10,7,0)+IF('Standard Profiles'!$G$20=$B$17,14,0)+IF('Standard Profiles'!$G$20=$B$24,21,0),MOD($C6649,24)+1)/SUM(INDEX($D$3:$AA$30,INDEX(Jesper!$R$2:$R$366,ROW(INDEX(Jesper!AJ$2:AJ$366,ROUNDDOWN($C6649/24,0)+1,1))-1)+IF('Standard Profiles'!$G$20=$B$10,7,0)+IF('Standard Profiles'!$G$20=$B$17,14,0)+IF('Standard Profiles'!$G$20=$B$24,21,0),0)),0)</f>
        <v>0</v>
      </c>
      <c r="G6649" cm="1">
        <f t="array" ref="G6649">IFERROR(INDEX(Jesper!AK$2:AK$366,ROUNDDOWN($C6649/24,0)+1,1)*INDEX($D$3:$AA$30,INDEX(Jesper!$R$2:$R$366,ROW(INDEX(Jesper!AK$2:AK$366,ROUNDDOWN($C6649/24,0)+1,1))-1)+IF('Standard Profiles'!$G$21=$B$10,7,0)+IF('Standard Profiles'!$G$21=$B$17,14,0)+IF('Standard Profiles'!$G$21=$B$24,21,0),MOD($C6649,24)+1)/SUM(INDEX($D$3:$AA$30,INDEX(Jesper!$R$2:$R$366,ROW(INDEX(Jesper!AK$2:AK$366,ROUNDDOWN($C6649/24,0)+1,1))-1)+IF('Standard Profiles'!$G$21=$B$10,7,0)+IF('Standard Profiles'!$G$21=$B$17,14,0)+IF('Standard Profiles'!$G$21=$B$24,21,0),0)),0)</f>
        <v>1.4981918122319575</v>
      </c>
      <c r="H6649" cm="1">
        <f t="array" ref="H6649">IFERROR(INDEX(Jesper!AL$2:AL$366,ROUNDDOWN($C6649/24,0)+1,1)*INDEX($D$3:$AA$30,INDEX(Jesper!$R$2:$R$366,ROW(INDEX(Jesper!AL$2:AL$366,ROUNDDOWN($C6649/24,0)+1,1))-1)+IF('Standard Profiles'!$G$22=$B$10,7,0)+IF('Standard Profiles'!$G$22=$B$17,14,0)+IF('Standard Profiles'!$G$22=$B$24,21,0),MOD($C6649,24)+1)/SUM(INDEX($D$3:$AA$30,INDEX(Jesper!$R$2:$R$366,ROW(INDEX(Jesper!AL$2:AL$366,ROUNDDOWN($C6649/24,0)+1,1))-1)+IF('Standard Profiles'!$G$22=$B$10,7,0)+IF('Standard Profiles'!$G$22=$B$17,14,0)+IF('Standard Profiles'!$G$22=$B$24,21,0),0)),0)</f>
        <v>0</v>
      </c>
      <c r="I6649">
        <f t="shared" si="741"/>
        <v>0.71913206987133926</v>
      </c>
      <c r="J6649">
        <f t="shared" si="742"/>
        <v>42.75366465439707</v>
      </c>
      <c r="K6649">
        <f t="shared" si="743"/>
        <v>3.5005292100310181</v>
      </c>
      <c r="L6649">
        <f t="shared" si="744"/>
        <v>1.7502646050155091</v>
      </c>
      <c r="M6649">
        <f t="shared" si="745"/>
        <v>0</v>
      </c>
      <c r="N6649" s="45">
        <f t="shared" si="746"/>
        <v>45202.624999983957</v>
      </c>
    </row>
    <row r="6650" spans="2:14" x14ac:dyDescent="0.25">
      <c r="B6650">
        <f t="shared" si="740"/>
        <v>2</v>
      </c>
      <c r="C6650" s="16">
        <v>6616</v>
      </c>
      <c r="D6650" cm="1">
        <f t="array" ref="D6650">IFERROR(INDEX(Jesper!AH$2:AH$366,ROUNDDOWN($C6650/24,0)+1,1)*INDEX($D$3:$AA$30,INDEX(Jesper!$R$2:$R$366,ROW(INDEX(Jesper!AH$2:AH$366,ROUNDDOWN($C6650/24,0)+1,1))-1)+IF('Standard Profiles'!$G$18=$B$10,7,0)+IF('Standard Profiles'!$G$18=$B$17,14,0)+IF('Standard Profiles'!$G$18=$B$24,21,0),MOD($C6650,24)+1)/SUM(INDEX($D$3:$AA$30,INDEX(Jesper!$R$2:$R$366,ROW(INDEX(Jesper!AH$2:AH$366,ROUNDDOWN($C6650/24,0)+1,1))-1)+IF('Standard Profiles'!$G$18=$B$10,7,0)+IF('Standard Profiles'!$G$18=$B$17,14,0)+IF('Standard Profiles'!$G$18=$B$24,21,0),0)),0)</f>
        <v>19.338861149166895</v>
      </c>
      <c r="E6650" cm="1">
        <f t="array" ref="E6650">IFERROR(INDEX(Jesper!AI$2:AI$366,ROUNDDOWN($C6650/24,0)+1,1)*INDEX($D$3:$AA$30,INDEX(Jesper!$R$2:$R$366,ROW(INDEX(Jesper!AI$2:AI$366,ROUNDDOWN($C6650/24,0)+1,1))-1)+IF('Standard Profiles'!$G$19=$B$10,7,0)+IF('Standard Profiles'!$G$19=$B$17,14,0)+IF('Standard Profiles'!$G$19=$B$24,21,0),MOD($C6650,24)+1)/SUM(INDEX($D$3:$AA$30,INDEX(Jesper!$R$2:$R$366,ROW(INDEX(Jesper!AI$2:AI$366,ROUNDDOWN($C6650/24,0)+1,1))-1)+IF('Standard Profiles'!$G$19=$B$10,7,0)+IF('Standard Profiles'!$G$19=$B$17,14,0)+IF('Standard Profiles'!$G$19=$B$24,21,0),0)),0)</f>
        <v>8.4903916721498618</v>
      </c>
      <c r="F6650" cm="1">
        <f t="array" ref="F6650">IFERROR(INDEX(Jesper!AJ$2:AJ$366,ROUNDDOWN($C6650/24,0)+1,1)*INDEX($D$3:$AA$30,INDEX(Jesper!$R$2:$R$366,ROW(INDEX(Jesper!AJ$2:AJ$366,ROUNDDOWN($C6650/24,0)+1,1))-1)+IF('Standard Profiles'!$G$20=$B$10,7,0)+IF('Standard Profiles'!$G$20=$B$17,14,0)+IF('Standard Profiles'!$G$20=$B$24,21,0),MOD($C6650,24)+1)/SUM(INDEX($D$3:$AA$30,INDEX(Jesper!$R$2:$R$366,ROW(INDEX(Jesper!AJ$2:AJ$366,ROUNDDOWN($C6650/24,0)+1,1))-1)+IF('Standard Profiles'!$G$20=$B$10,7,0)+IF('Standard Profiles'!$G$20=$B$17,14,0)+IF('Standard Profiles'!$G$20=$B$24,21,0),0)),0)</f>
        <v>0</v>
      </c>
      <c r="G6650" cm="1">
        <f t="array" ref="G6650">IFERROR(INDEX(Jesper!AK$2:AK$366,ROUNDDOWN($C6650/24,0)+1,1)*INDEX($D$3:$AA$30,INDEX(Jesper!$R$2:$R$366,ROW(INDEX(Jesper!AK$2:AK$366,ROUNDDOWN($C6650/24,0)+1,1))-1)+IF('Standard Profiles'!$G$21=$B$10,7,0)+IF('Standard Profiles'!$G$21=$B$17,14,0)+IF('Standard Profiles'!$G$21=$B$24,21,0),MOD($C6650,24)+1)/SUM(INDEX($D$3:$AA$30,INDEX(Jesper!$R$2:$R$366,ROW(INDEX(Jesper!AK$2:AK$366,ROUNDDOWN($C6650/24,0)+1,1))-1)+IF('Standard Profiles'!$G$21=$B$10,7,0)+IF('Standard Profiles'!$G$21=$B$17,14,0)+IF('Standard Profiles'!$G$21=$B$24,21,0),0)),0)</f>
        <v>1.2522879889476848</v>
      </c>
      <c r="H6650" cm="1">
        <f t="array" ref="H6650">IFERROR(INDEX(Jesper!AL$2:AL$366,ROUNDDOWN($C6650/24,0)+1,1)*INDEX($D$3:$AA$30,INDEX(Jesper!$R$2:$R$366,ROW(INDEX(Jesper!AL$2:AL$366,ROUNDDOWN($C6650/24,0)+1,1))-1)+IF('Standard Profiles'!$G$22=$B$10,7,0)+IF('Standard Profiles'!$G$22=$B$17,14,0)+IF('Standard Profiles'!$G$22=$B$24,21,0),MOD($C6650,24)+1)/SUM(INDEX($D$3:$AA$30,INDEX(Jesper!$R$2:$R$366,ROW(INDEX(Jesper!AL$2:AL$366,ROUNDDOWN($C6650/24,0)+1,1))-1)+IF('Standard Profiles'!$G$22=$B$10,7,0)+IF('Standard Profiles'!$G$22=$B$17,14,0)+IF('Standard Profiles'!$G$22=$B$24,21,0),0)),0)</f>
        <v>0</v>
      </c>
      <c r="I6650">
        <f t="shared" si="741"/>
        <v>0.60109823469488843</v>
      </c>
      <c r="J6650">
        <f t="shared" si="742"/>
        <v>25.386224791702851</v>
      </c>
      <c r="K6650">
        <f t="shared" si="743"/>
        <v>2.0628118559111357</v>
      </c>
      <c r="L6650">
        <f t="shared" si="744"/>
        <v>1.0314059279555678</v>
      </c>
      <c r="M6650">
        <f t="shared" si="745"/>
        <v>0</v>
      </c>
      <c r="N6650" s="45">
        <f t="shared" si="746"/>
        <v>45202.666666650621</v>
      </c>
    </row>
    <row r="6651" spans="2:14" x14ac:dyDescent="0.25">
      <c r="B6651">
        <f t="shared" si="740"/>
        <v>2</v>
      </c>
      <c r="C6651" s="16">
        <v>6617</v>
      </c>
      <c r="D6651" cm="1">
        <f t="array" ref="D6651">IFERROR(INDEX(Jesper!AH$2:AH$366,ROUNDDOWN($C6651/24,0)+1,1)*INDEX($D$3:$AA$30,INDEX(Jesper!$R$2:$R$366,ROW(INDEX(Jesper!AH$2:AH$366,ROUNDDOWN($C6651/24,0)+1,1))-1)+IF('Standard Profiles'!$G$18=$B$10,7,0)+IF('Standard Profiles'!$G$18=$B$17,14,0)+IF('Standard Profiles'!$G$18=$B$24,21,0),MOD($C6651,24)+1)/SUM(INDEX($D$3:$AA$30,INDEX(Jesper!$R$2:$R$366,ROW(INDEX(Jesper!AH$2:AH$366,ROUNDDOWN($C6651/24,0)+1,1))-1)+IF('Standard Profiles'!$G$18=$B$10,7,0)+IF('Standard Profiles'!$G$18=$B$17,14,0)+IF('Standard Profiles'!$G$18=$B$24,21,0),0)),0)</f>
        <v>8.253888668018309</v>
      </c>
      <c r="E6651" cm="1">
        <f t="array" ref="E6651">IFERROR(INDEX(Jesper!AI$2:AI$366,ROUNDDOWN($C6651/24,0)+1,1)*INDEX($D$3:$AA$30,INDEX(Jesper!$R$2:$R$366,ROW(INDEX(Jesper!AI$2:AI$366,ROUNDDOWN($C6651/24,0)+1,1))-1)+IF('Standard Profiles'!$G$19=$B$10,7,0)+IF('Standard Profiles'!$G$19=$B$17,14,0)+IF('Standard Profiles'!$G$19=$B$24,21,0),MOD($C6651,24)+1)/SUM(INDEX($D$3:$AA$30,INDEX(Jesper!$R$2:$R$366,ROW(INDEX(Jesper!AI$2:AI$366,ROUNDDOWN($C6651/24,0)+1,1))-1)+IF('Standard Profiles'!$G$19=$B$10,7,0)+IF('Standard Profiles'!$G$19=$B$17,14,0)+IF('Standard Profiles'!$G$19=$B$24,21,0),0)),0)</f>
        <v>3.6237267059965266</v>
      </c>
      <c r="F6651" cm="1">
        <f t="array" ref="F6651">IFERROR(INDEX(Jesper!AJ$2:AJ$366,ROUNDDOWN($C6651/24,0)+1,1)*INDEX($D$3:$AA$30,INDEX(Jesper!$R$2:$R$366,ROW(INDEX(Jesper!AJ$2:AJ$366,ROUNDDOWN($C6651/24,0)+1,1))-1)+IF('Standard Profiles'!$G$20=$B$10,7,0)+IF('Standard Profiles'!$G$20=$B$17,14,0)+IF('Standard Profiles'!$G$20=$B$24,21,0),MOD($C6651,24)+1)/SUM(INDEX($D$3:$AA$30,INDEX(Jesper!$R$2:$R$366,ROW(INDEX(Jesper!AJ$2:AJ$366,ROUNDDOWN($C6651/24,0)+1,1))-1)+IF('Standard Profiles'!$G$20=$B$10,7,0)+IF('Standard Profiles'!$G$20=$B$17,14,0)+IF('Standard Profiles'!$G$20=$B$24,21,0),0)),0)</f>
        <v>0</v>
      </c>
      <c r="G6651" cm="1">
        <f t="array" ref="G6651">IFERROR(INDEX(Jesper!AK$2:AK$366,ROUNDDOWN($C6651/24,0)+1,1)*INDEX($D$3:$AA$30,INDEX(Jesper!$R$2:$R$366,ROW(INDEX(Jesper!AK$2:AK$366,ROUNDDOWN($C6651/24,0)+1,1))-1)+IF('Standard Profiles'!$G$21=$B$10,7,0)+IF('Standard Profiles'!$G$21=$B$17,14,0)+IF('Standard Profiles'!$G$21=$B$24,21,0),MOD($C6651,24)+1)/SUM(INDEX($D$3:$AA$30,INDEX(Jesper!$R$2:$R$366,ROW(INDEX(Jesper!AK$2:AK$366,ROUNDDOWN($C6651/24,0)+1,1))-1)+IF('Standard Profiles'!$G$21=$B$10,7,0)+IF('Standard Profiles'!$G$21=$B$17,14,0)+IF('Standard Profiles'!$G$21=$B$24,21,0),0)),0)</f>
        <v>0.99499972940025128</v>
      </c>
      <c r="H6651" cm="1">
        <f t="array" ref="H6651">IFERROR(INDEX(Jesper!AL$2:AL$366,ROUNDDOWN($C6651/24,0)+1,1)*INDEX($D$3:$AA$30,INDEX(Jesper!$R$2:$R$366,ROW(INDEX(Jesper!AL$2:AL$366,ROUNDDOWN($C6651/24,0)+1,1))-1)+IF('Standard Profiles'!$G$22=$B$10,7,0)+IF('Standard Profiles'!$G$22=$B$17,14,0)+IF('Standard Profiles'!$G$22=$B$24,21,0),MOD($C6651,24)+1)/SUM(INDEX($D$3:$AA$30,INDEX(Jesper!$R$2:$R$366,ROW(INDEX(Jesper!AL$2:AL$366,ROUNDDOWN($C6651/24,0)+1,1))-1)+IF('Standard Profiles'!$G$22=$B$10,7,0)+IF('Standard Profiles'!$G$22=$B$17,14,0)+IF('Standard Profiles'!$G$22=$B$24,21,0),0)),0)</f>
        <v>0</v>
      </c>
      <c r="I6651">
        <f t="shared" si="741"/>
        <v>0.47759987011212035</v>
      </c>
      <c r="J6651">
        <f t="shared" si="742"/>
        <v>11.074393046420036</v>
      </c>
      <c r="K6651">
        <f t="shared" si="743"/>
        <v>0.88041479125528632</v>
      </c>
      <c r="L6651">
        <f t="shared" si="744"/>
        <v>0.44020739562764316</v>
      </c>
      <c r="M6651">
        <f t="shared" si="745"/>
        <v>0</v>
      </c>
      <c r="N6651" s="45">
        <f t="shared" si="746"/>
        <v>45202.708333317285</v>
      </c>
    </row>
    <row r="6652" spans="2:14" x14ac:dyDescent="0.25">
      <c r="B6652">
        <f t="shared" si="740"/>
        <v>2</v>
      </c>
      <c r="C6652" s="16">
        <v>6618</v>
      </c>
      <c r="D6652" cm="1">
        <f t="array" ref="D6652">IFERROR(INDEX(Jesper!AH$2:AH$366,ROUNDDOWN($C6652/24,0)+1,1)*INDEX($D$3:$AA$30,INDEX(Jesper!$R$2:$R$366,ROW(INDEX(Jesper!AH$2:AH$366,ROUNDDOWN($C6652/24,0)+1,1))-1)+IF('Standard Profiles'!$G$18=$B$10,7,0)+IF('Standard Profiles'!$G$18=$B$17,14,0)+IF('Standard Profiles'!$G$18=$B$24,21,0),MOD($C6652,24)+1)/SUM(INDEX($D$3:$AA$30,INDEX(Jesper!$R$2:$R$366,ROW(INDEX(Jesper!AH$2:AH$366,ROUNDDOWN($C6652/24,0)+1,1))-1)+IF('Standard Profiles'!$G$18=$B$10,7,0)+IF('Standard Profiles'!$G$18=$B$17,14,0)+IF('Standard Profiles'!$G$18=$B$24,21,0),0)),0)</f>
        <v>5.4475665208920834</v>
      </c>
      <c r="E6652" cm="1">
        <f t="array" ref="E6652">IFERROR(INDEX(Jesper!AI$2:AI$366,ROUNDDOWN($C6652/24,0)+1,1)*INDEX($D$3:$AA$30,INDEX(Jesper!$R$2:$R$366,ROW(INDEX(Jesper!AI$2:AI$366,ROUNDDOWN($C6652/24,0)+1,1))-1)+IF('Standard Profiles'!$G$19=$B$10,7,0)+IF('Standard Profiles'!$G$19=$B$17,14,0)+IF('Standard Profiles'!$G$19=$B$24,21,0),MOD($C6652,24)+1)/SUM(INDEX($D$3:$AA$30,INDEX(Jesper!$R$2:$R$366,ROW(INDEX(Jesper!AI$2:AI$366,ROUNDDOWN($C6652/24,0)+1,1))-1)+IF('Standard Profiles'!$G$19=$B$10,7,0)+IF('Standard Profiles'!$G$19=$B$17,14,0)+IF('Standard Profiles'!$G$19=$B$24,21,0),0)),0)</f>
        <v>2.3916596259577076</v>
      </c>
      <c r="F6652" cm="1">
        <f t="array" ref="F6652">IFERROR(INDEX(Jesper!AJ$2:AJ$366,ROUNDDOWN($C6652/24,0)+1,1)*INDEX($D$3:$AA$30,INDEX(Jesper!$R$2:$R$366,ROW(INDEX(Jesper!AJ$2:AJ$366,ROUNDDOWN($C6652/24,0)+1,1))-1)+IF('Standard Profiles'!$G$20=$B$10,7,0)+IF('Standard Profiles'!$G$20=$B$17,14,0)+IF('Standard Profiles'!$G$20=$B$24,21,0),MOD($C6652,24)+1)/SUM(INDEX($D$3:$AA$30,INDEX(Jesper!$R$2:$R$366,ROW(INDEX(Jesper!AJ$2:AJ$366,ROUNDDOWN($C6652/24,0)+1,1))-1)+IF('Standard Profiles'!$G$20=$B$10,7,0)+IF('Standard Profiles'!$G$20=$B$17,14,0)+IF('Standard Profiles'!$G$20=$B$24,21,0),0)),0)</f>
        <v>0</v>
      </c>
      <c r="G6652" cm="1">
        <f t="array" ref="G6652">IFERROR(INDEX(Jesper!AK$2:AK$366,ROUNDDOWN($C6652/24,0)+1,1)*INDEX($D$3:$AA$30,INDEX(Jesper!$R$2:$R$366,ROW(INDEX(Jesper!AK$2:AK$366,ROUNDDOWN($C6652/24,0)+1,1))-1)+IF('Standard Profiles'!$G$21=$B$10,7,0)+IF('Standard Profiles'!$G$21=$B$17,14,0)+IF('Standard Profiles'!$G$21=$B$24,21,0),MOD($C6652,24)+1)/SUM(INDEX($D$3:$AA$30,INDEX(Jesper!$R$2:$R$366,ROW(INDEX(Jesper!AK$2:AK$366,ROUNDDOWN($C6652/24,0)+1,1))-1)+IF('Standard Profiles'!$G$21=$B$10,7,0)+IF('Standard Profiles'!$G$21=$B$17,14,0)+IF('Standard Profiles'!$G$21=$B$24,21,0),0)),0)</f>
        <v>0.35291752415798389</v>
      </c>
      <c r="H6652" cm="1">
        <f t="array" ref="H6652">IFERROR(INDEX(Jesper!AL$2:AL$366,ROUNDDOWN($C6652/24,0)+1,1)*INDEX($D$3:$AA$30,INDEX(Jesper!$R$2:$R$366,ROW(INDEX(Jesper!AL$2:AL$366,ROUNDDOWN($C6652/24,0)+1,1))-1)+IF('Standard Profiles'!$G$22=$B$10,7,0)+IF('Standard Profiles'!$G$22=$B$17,14,0)+IF('Standard Profiles'!$G$22=$B$24,21,0),MOD($C6652,24)+1)/SUM(INDEX($D$3:$AA$30,INDEX(Jesper!$R$2:$R$366,ROW(INDEX(Jesper!AL$2:AL$366,ROUNDDOWN($C6652/24,0)+1,1))-1)+IF('Standard Profiles'!$G$22=$B$10,7,0)+IF('Standard Profiles'!$G$22=$B$17,14,0)+IF('Standard Profiles'!$G$22=$B$24,21,0),0)),0)</f>
        <v>0</v>
      </c>
      <c r="I6652">
        <f t="shared" si="741"/>
        <v>0.16940041159583219</v>
      </c>
      <c r="J6652">
        <f t="shared" si="742"/>
        <v>7.1511326160692095</v>
      </c>
      <c r="K6652">
        <f t="shared" si="743"/>
        <v>0.58107376222848894</v>
      </c>
      <c r="L6652">
        <f t="shared" si="744"/>
        <v>0.29053688111424447</v>
      </c>
      <c r="M6652">
        <f t="shared" si="745"/>
        <v>0</v>
      </c>
      <c r="N6652" s="45">
        <f t="shared" si="746"/>
        <v>45202.749999983949</v>
      </c>
    </row>
    <row r="6653" spans="2:14" x14ac:dyDescent="0.25">
      <c r="B6653">
        <f t="shared" si="740"/>
        <v>2</v>
      </c>
      <c r="C6653" s="16">
        <v>6619</v>
      </c>
      <c r="D6653" cm="1">
        <f t="array" ref="D6653">IFERROR(INDEX(Jesper!AH$2:AH$366,ROUNDDOWN($C6653/24,0)+1,1)*INDEX($D$3:$AA$30,INDEX(Jesper!$R$2:$R$366,ROW(INDEX(Jesper!AH$2:AH$366,ROUNDDOWN($C6653/24,0)+1,1))-1)+IF('Standard Profiles'!$G$18=$B$10,7,0)+IF('Standard Profiles'!$G$18=$B$17,14,0)+IF('Standard Profiles'!$G$18=$B$24,21,0),MOD($C6653,24)+1)/SUM(INDEX($D$3:$AA$30,INDEX(Jesper!$R$2:$R$366,ROW(INDEX(Jesper!AH$2:AH$366,ROUNDDOWN($C6653/24,0)+1,1))-1)+IF('Standard Profiles'!$G$18=$B$10,7,0)+IF('Standard Profiles'!$G$18=$B$17,14,0)+IF('Standard Profiles'!$G$18=$B$24,21,0),0)),0)</f>
        <v>5.4475665208920834</v>
      </c>
      <c r="E6653" cm="1">
        <f t="array" ref="E6653">IFERROR(INDEX(Jesper!AI$2:AI$366,ROUNDDOWN($C6653/24,0)+1,1)*INDEX($D$3:$AA$30,INDEX(Jesper!$R$2:$R$366,ROW(INDEX(Jesper!AI$2:AI$366,ROUNDDOWN($C6653/24,0)+1,1))-1)+IF('Standard Profiles'!$G$19=$B$10,7,0)+IF('Standard Profiles'!$G$19=$B$17,14,0)+IF('Standard Profiles'!$G$19=$B$24,21,0),MOD($C6653,24)+1)/SUM(INDEX($D$3:$AA$30,INDEX(Jesper!$R$2:$R$366,ROW(INDEX(Jesper!AI$2:AI$366,ROUNDDOWN($C6653/24,0)+1,1))-1)+IF('Standard Profiles'!$G$19=$B$10,7,0)+IF('Standard Profiles'!$G$19=$B$17,14,0)+IF('Standard Profiles'!$G$19=$B$24,21,0),0)),0)</f>
        <v>2.3916596259577076</v>
      </c>
      <c r="F6653" cm="1">
        <f t="array" ref="F6653">IFERROR(INDEX(Jesper!AJ$2:AJ$366,ROUNDDOWN($C6653/24,0)+1,1)*INDEX($D$3:$AA$30,INDEX(Jesper!$R$2:$R$366,ROW(INDEX(Jesper!AJ$2:AJ$366,ROUNDDOWN($C6653/24,0)+1,1))-1)+IF('Standard Profiles'!$G$20=$B$10,7,0)+IF('Standard Profiles'!$G$20=$B$17,14,0)+IF('Standard Profiles'!$G$20=$B$24,21,0),MOD($C6653,24)+1)/SUM(INDEX($D$3:$AA$30,INDEX(Jesper!$R$2:$R$366,ROW(INDEX(Jesper!AJ$2:AJ$366,ROUNDDOWN($C6653/24,0)+1,1))-1)+IF('Standard Profiles'!$G$20=$B$10,7,0)+IF('Standard Profiles'!$G$20=$B$17,14,0)+IF('Standard Profiles'!$G$20=$B$24,21,0),0)),0)</f>
        <v>0</v>
      </c>
      <c r="G6653" cm="1">
        <f t="array" ref="G6653">IFERROR(INDEX(Jesper!AK$2:AK$366,ROUNDDOWN($C6653/24,0)+1,1)*INDEX($D$3:$AA$30,INDEX(Jesper!$R$2:$R$366,ROW(INDEX(Jesper!AK$2:AK$366,ROUNDDOWN($C6653/24,0)+1,1))-1)+IF('Standard Profiles'!$G$21=$B$10,7,0)+IF('Standard Profiles'!$G$21=$B$17,14,0)+IF('Standard Profiles'!$G$21=$B$24,21,0),MOD($C6653,24)+1)/SUM(INDEX($D$3:$AA$30,INDEX(Jesper!$R$2:$R$366,ROW(INDEX(Jesper!AK$2:AK$366,ROUNDDOWN($C6653/24,0)+1,1))-1)+IF('Standard Profiles'!$G$21=$B$10,7,0)+IF('Standard Profiles'!$G$21=$B$17,14,0)+IF('Standard Profiles'!$G$21=$B$24,21,0),0)),0)</f>
        <v>0.35291752415798389</v>
      </c>
      <c r="H6653" cm="1">
        <f t="array" ref="H6653">IFERROR(INDEX(Jesper!AL$2:AL$366,ROUNDDOWN($C6653/24,0)+1,1)*INDEX($D$3:$AA$30,INDEX(Jesper!$R$2:$R$366,ROW(INDEX(Jesper!AL$2:AL$366,ROUNDDOWN($C6653/24,0)+1,1))-1)+IF('Standard Profiles'!$G$22=$B$10,7,0)+IF('Standard Profiles'!$G$22=$B$17,14,0)+IF('Standard Profiles'!$G$22=$B$24,21,0),MOD($C6653,24)+1)/SUM(INDEX($D$3:$AA$30,INDEX(Jesper!$R$2:$R$366,ROW(INDEX(Jesper!AL$2:AL$366,ROUNDDOWN($C6653/24,0)+1,1))-1)+IF('Standard Profiles'!$G$22=$B$10,7,0)+IF('Standard Profiles'!$G$22=$B$17,14,0)+IF('Standard Profiles'!$G$22=$B$24,21,0),0)),0)</f>
        <v>0</v>
      </c>
      <c r="I6653">
        <f t="shared" si="741"/>
        <v>0.16940041159583219</v>
      </c>
      <c r="J6653">
        <f t="shared" si="742"/>
        <v>7.1511326160692095</v>
      </c>
      <c r="K6653">
        <f t="shared" si="743"/>
        <v>0.58107376222848894</v>
      </c>
      <c r="L6653">
        <f t="shared" si="744"/>
        <v>0.29053688111424447</v>
      </c>
      <c r="M6653">
        <f t="shared" si="745"/>
        <v>0</v>
      </c>
      <c r="N6653" s="45">
        <f t="shared" si="746"/>
        <v>45202.791666650613</v>
      </c>
    </row>
    <row r="6654" spans="2:14" x14ac:dyDescent="0.25">
      <c r="B6654">
        <f t="shared" si="740"/>
        <v>2</v>
      </c>
      <c r="C6654" s="16">
        <v>6620</v>
      </c>
      <c r="D6654" cm="1">
        <f t="array" ref="D6654">IFERROR(INDEX(Jesper!AH$2:AH$366,ROUNDDOWN($C6654/24,0)+1,1)*INDEX($D$3:$AA$30,INDEX(Jesper!$R$2:$R$366,ROW(INDEX(Jesper!AH$2:AH$366,ROUNDDOWN($C6654/24,0)+1,1))-1)+IF('Standard Profiles'!$G$18=$B$10,7,0)+IF('Standard Profiles'!$G$18=$B$17,14,0)+IF('Standard Profiles'!$G$18=$B$24,21,0),MOD($C6654,24)+1)/SUM(INDEX($D$3:$AA$30,INDEX(Jesper!$R$2:$R$366,ROW(INDEX(Jesper!AH$2:AH$366,ROUNDDOWN($C6654/24,0)+1,1))-1)+IF('Standard Profiles'!$G$18=$B$10,7,0)+IF('Standard Profiles'!$G$18=$B$17,14,0)+IF('Standard Profiles'!$G$18=$B$24,21,0),0)),0)</f>
        <v>5.4475665208920834</v>
      </c>
      <c r="E6654" cm="1">
        <f t="array" ref="E6654">IFERROR(INDEX(Jesper!AI$2:AI$366,ROUNDDOWN($C6654/24,0)+1,1)*INDEX($D$3:$AA$30,INDEX(Jesper!$R$2:$R$366,ROW(INDEX(Jesper!AI$2:AI$366,ROUNDDOWN($C6654/24,0)+1,1))-1)+IF('Standard Profiles'!$G$19=$B$10,7,0)+IF('Standard Profiles'!$G$19=$B$17,14,0)+IF('Standard Profiles'!$G$19=$B$24,21,0),MOD($C6654,24)+1)/SUM(INDEX($D$3:$AA$30,INDEX(Jesper!$R$2:$R$366,ROW(INDEX(Jesper!AI$2:AI$366,ROUNDDOWN($C6654/24,0)+1,1))-1)+IF('Standard Profiles'!$G$19=$B$10,7,0)+IF('Standard Profiles'!$G$19=$B$17,14,0)+IF('Standard Profiles'!$G$19=$B$24,21,0),0)),0)</f>
        <v>2.3916596259577076</v>
      </c>
      <c r="F6654" cm="1">
        <f t="array" ref="F6654">IFERROR(INDEX(Jesper!AJ$2:AJ$366,ROUNDDOWN($C6654/24,0)+1,1)*INDEX($D$3:$AA$30,INDEX(Jesper!$R$2:$R$366,ROW(INDEX(Jesper!AJ$2:AJ$366,ROUNDDOWN($C6654/24,0)+1,1))-1)+IF('Standard Profiles'!$G$20=$B$10,7,0)+IF('Standard Profiles'!$G$20=$B$17,14,0)+IF('Standard Profiles'!$G$20=$B$24,21,0),MOD($C6654,24)+1)/SUM(INDEX($D$3:$AA$30,INDEX(Jesper!$R$2:$R$366,ROW(INDEX(Jesper!AJ$2:AJ$366,ROUNDDOWN($C6654/24,0)+1,1))-1)+IF('Standard Profiles'!$G$20=$B$10,7,0)+IF('Standard Profiles'!$G$20=$B$17,14,0)+IF('Standard Profiles'!$G$20=$B$24,21,0),0)),0)</f>
        <v>0</v>
      </c>
      <c r="G6654" cm="1">
        <f t="array" ref="G6654">IFERROR(INDEX(Jesper!AK$2:AK$366,ROUNDDOWN($C6654/24,0)+1,1)*INDEX($D$3:$AA$30,INDEX(Jesper!$R$2:$R$366,ROW(INDEX(Jesper!AK$2:AK$366,ROUNDDOWN($C6654/24,0)+1,1))-1)+IF('Standard Profiles'!$G$21=$B$10,7,0)+IF('Standard Profiles'!$G$21=$B$17,14,0)+IF('Standard Profiles'!$G$21=$B$24,21,0),MOD($C6654,24)+1)/SUM(INDEX($D$3:$AA$30,INDEX(Jesper!$R$2:$R$366,ROW(INDEX(Jesper!AK$2:AK$366,ROUNDDOWN($C6654/24,0)+1,1))-1)+IF('Standard Profiles'!$G$21=$B$10,7,0)+IF('Standard Profiles'!$G$21=$B$17,14,0)+IF('Standard Profiles'!$G$21=$B$24,21,0),0)),0)</f>
        <v>0.35291752415798389</v>
      </c>
      <c r="H6654" cm="1">
        <f t="array" ref="H6654">IFERROR(INDEX(Jesper!AL$2:AL$366,ROUNDDOWN($C6654/24,0)+1,1)*INDEX($D$3:$AA$30,INDEX(Jesper!$R$2:$R$366,ROW(INDEX(Jesper!AL$2:AL$366,ROUNDDOWN($C6654/24,0)+1,1))-1)+IF('Standard Profiles'!$G$22=$B$10,7,0)+IF('Standard Profiles'!$G$22=$B$17,14,0)+IF('Standard Profiles'!$G$22=$B$24,21,0),MOD($C6654,24)+1)/SUM(INDEX($D$3:$AA$30,INDEX(Jesper!$R$2:$R$366,ROW(INDEX(Jesper!AL$2:AL$366,ROUNDDOWN($C6654/24,0)+1,1))-1)+IF('Standard Profiles'!$G$22=$B$10,7,0)+IF('Standard Profiles'!$G$22=$B$17,14,0)+IF('Standard Profiles'!$G$22=$B$24,21,0),0)),0)</f>
        <v>0</v>
      </c>
      <c r="I6654">
        <f t="shared" si="741"/>
        <v>0.16940041159583219</v>
      </c>
      <c r="J6654">
        <f t="shared" si="742"/>
        <v>7.1511326160692095</v>
      </c>
      <c r="K6654">
        <f t="shared" si="743"/>
        <v>0.58107376222848894</v>
      </c>
      <c r="L6654">
        <f t="shared" si="744"/>
        <v>0.29053688111424447</v>
      </c>
      <c r="M6654">
        <f t="shared" si="745"/>
        <v>0</v>
      </c>
      <c r="N6654" s="45">
        <f t="shared" si="746"/>
        <v>45202.833333317278</v>
      </c>
    </row>
    <row r="6655" spans="2:14" x14ac:dyDescent="0.25">
      <c r="B6655">
        <f t="shared" si="740"/>
        <v>2</v>
      </c>
      <c r="C6655" s="16">
        <v>6621</v>
      </c>
      <c r="D6655" cm="1">
        <f t="array" ref="D6655">IFERROR(INDEX(Jesper!AH$2:AH$366,ROUNDDOWN($C6655/24,0)+1,1)*INDEX($D$3:$AA$30,INDEX(Jesper!$R$2:$R$366,ROW(INDEX(Jesper!AH$2:AH$366,ROUNDDOWN($C6655/24,0)+1,1))-1)+IF('Standard Profiles'!$G$18=$B$10,7,0)+IF('Standard Profiles'!$G$18=$B$17,14,0)+IF('Standard Profiles'!$G$18=$B$24,21,0),MOD($C6655,24)+1)/SUM(INDEX($D$3:$AA$30,INDEX(Jesper!$R$2:$R$366,ROW(INDEX(Jesper!AH$2:AH$366,ROUNDDOWN($C6655/24,0)+1,1))-1)+IF('Standard Profiles'!$G$18=$B$10,7,0)+IF('Standard Profiles'!$G$18=$B$17,14,0)+IF('Standard Profiles'!$G$18=$B$24,21,0),0)),0)</f>
        <v>5.4475665208920834</v>
      </c>
      <c r="E6655" cm="1">
        <f t="array" ref="E6655">IFERROR(INDEX(Jesper!AI$2:AI$366,ROUNDDOWN($C6655/24,0)+1,1)*INDEX($D$3:$AA$30,INDEX(Jesper!$R$2:$R$366,ROW(INDEX(Jesper!AI$2:AI$366,ROUNDDOWN($C6655/24,0)+1,1))-1)+IF('Standard Profiles'!$G$19=$B$10,7,0)+IF('Standard Profiles'!$G$19=$B$17,14,0)+IF('Standard Profiles'!$G$19=$B$24,21,0),MOD($C6655,24)+1)/SUM(INDEX($D$3:$AA$30,INDEX(Jesper!$R$2:$R$366,ROW(INDEX(Jesper!AI$2:AI$366,ROUNDDOWN($C6655/24,0)+1,1))-1)+IF('Standard Profiles'!$G$19=$B$10,7,0)+IF('Standard Profiles'!$G$19=$B$17,14,0)+IF('Standard Profiles'!$G$19=$B$24,21,0),0)),0)</f>
        <v>2.3916596259577076</v>
      </c>
      <c r="F6655" cm="1">
        <f t="array" ref="F6655">IFERROR(INDEX(Jesper!AJ$2:AJ$366,ROUNDDOWN($C6655/24,0)+1,1)*INDEX($D$3:$AA$30,INDEX(Jesper!$R$2:$R$366,ROW(INDEX(Jesper!AJ$2:AJ$366,ROUNDDOWN($C6655/24,0)+1,1))-1)+IF('Standard Profiles'!$G$20=$B$10,7,0)+IF('Standard Profiles'!$G$20=$B$17,14,0)+IF('Standard Profiles'!$G$20=$B$24,21,0),MOD($C6655,24)+1)/SUM(INDEX($D$3:$AA$30,INDEX(Jesper!$R$2:$R$366,ROW(INDEX(Jesper!AJ$2:AJ$366,ROUNDDOWN($C6655/24,0)+1,1))-1)+IF('Standard Profiles'!$G$20=$B$10,7,0)+IF('Standard Profiles'!$G$20=$B$17,14,0)+IF('Standard Profiles'!$G$20=$B$24,21,0),0)),0)</f>
        <v>0</v>
      </c>
      <c r="G6655" cm="1">
        <f t="array" ref="G6655">IFERROR(INDEX(Jesper!AK$2:AK$366,ROUNDDOWN($C6655/24,0)+1,1)*INDEX($D$3:$AA$30,INDEX(Jesper!$R$2:$R$366,ROW(INDEX(Jesper!AK$2:AK$366,ROUNDDOWN($C6655/24,0)+1,1))-1)+IF('Standard Profiles'!$G$21=$B$10,7,0)+IF('Standard Profiles'!$G$21=$B$17,14,0)+IF('Standard Profiles'!$G$21=$B$24,21,0),MOD($C6655,24)+1)/SUM(INDEX($D$3:$AA$30,INDEX(Jesper!$R$2:$R$366,ROW(INDEX(Jesper!AK$2:AK$366,ROUNDDOWN($C6655/24,0)+1,1))-1)+IF('Standard Profiles'!$G$21=$B$10,7,0)+IF('Standard Profiles'!$G$21=$B$17,14,0)+IF('Standard Profiles'!$G$21=$B$24,21,0),0)),0)</f>
        <v>0.35291752415798389</v>
      </c>
      <c r="H6655" cm="1">
        <f t="array" ref="H6655">IFERROR(INDEX(Jesper!AL$2:AL$366,ROUNDDOWN($C6655/24,0)+1,1)*INDEX($D$3:$AA$30,INDEX(Jesper!$R$2:$R$366,ROW(INDEX(Jesper!AL$2:AL$366,ROUNDDOWN($C6655/24,0)+1,1))-1)+IF('Standard Profiles'!$G$22=$B$10,7,0)+IF('Standard Profiles'!$G$22=$B$17,14,0)+IF('Standard Profiles'!$G$22=$B$24,21,0),MOD($C6655,24)+1)/SUM(INDEX($D$3:$AA$30,INDEX(Jesper!$R$2:$R$366,ROW(INDEX(Jesper!AL$2:AL$366,ROUNDDOWN($C6655/24,0)+1,1))-1)+IF('Standard Profiles'!$G$22=$B$10,7,0)+IF('Standard Profiles'!$G$22=$B$17,14,0)+IF('Standard Profiles'!$G$22=$B$24,21,0),0)),0)</f>
        <v>0</v>
      </c>
      <c r="I6655">
        <f t="shared" si="741"/>
        <v>0.16940041159583219</v>
      </c>
      <c r="J6655">
        <f t="shared" si="742"/>
        <v>7.1511326160692095</v>
      </c>
      <c r="K6655">
        <f t="shared" si="743"/>
        <v>0.58107376222848894</v>
      </c>
      <c r="L6655">
        <f t="shared" si="744"/>
        <v>0.29053688111424447</v>
      </c>
      <c r="M6655">
        <f t="shared" si="745"/>
        <v>0</v>
      </c>
      <c r="N6655" s="45">
        <f t="shared" si="746"/>
        <v>45202.874999983942</v>
      </c>
    </row>
    <row r="6656" spans="2:14" x14ac:dyDescent="0.25">
      <c r="B6656">
        <f t="shared" si="740"/>
        <v>2</v>
      </c>
      <c r="C6656" s="16">
        <v>6622</v>
      </c>
      <c r="D6656" cm="1">
        <f t="array" ref="D6656">IFERROR(INDEX(Jesper!AH$2:AH$366,ROUNDDOWN($C6656/24,0)+1,1)*INDEX($D$3:$AA$30,INDEX(Jesper!$R$2:$R$366,ROW(INDEX(Jesper!AH$2:AH$366,ROUNDDOWN($C6656/24,0)+1,1))-1)+IF('Standard Profiles'!$G$18=$B$10,7,0)+IF('Standard Profiles'!$G$18=$B$17,14,0)+IF('Standard Profiles'!$G$18=$B$24,21,0),MOD($C6656,24)+1)/SUM(INDEX($D$3:$AA$30,INDEX(Jesper!$R$2:$R$366,ROW(INDEX(Jesper!AH$2:AH$366,ROUNDDOWN($C6656/24,0)+1,1))-1)+IF('Standard Profiles'!$G$18=$B$10,7,0)+IF('Standard Profiles'!$G$18=$B$17,14,0)+IF('Standard Profiles'!$G$18=$B$24,21,0),0)),0)</f>
        <v>5.4475665208920834</v>
      </c>
      <c r="E6656" cm="1">
        <f t="array" ref="E6656">IFERROR(INDEX(Jesper!AI$2:AI$366,ROUNDDOWN($C6656/24,0)+1,1)*INDEX($D$3:$AA$30,INDEX(Jesper!$R$2:$R$366,ROW(INDEX(Jesper!AI$2:AI$366,ROUNDDOWN($C6656/24,0)+1,1))-1)+IF('Standard Profiles'!$G$19=$B$10,7,0)+IF('Standard Profiles'!$G$19=$B$17,14,0)+IF('Standard Profiles'!$G$19=$B$24,21,0),MOD($C6656,24)+1)/SUM(INDEX($D$3:$AA$30,INDEX(Jesper!$R$2:$R$366,ROW(INDEX(Jesper!AI$2:AI$366,ROUNDDOWN($C6656/24,0)+1,1))-1)+IF('Standard Profiles'!$G$19=$B$10,7,0)+IF('Standard Profiles'!$G$19=$B$17,14,0)+IF('Standard Profiles'!$G$19=$B$24,21,0),0)),0)</f>
        <v>2.3916596259577076</v>
      </c>
      <c r="F6656" cm="1">
        <f t="array" ref="F6656">IFERROR(INDEX(Jesper!AJ$2:AJ$366,ROUNDDOWN($C6656/24,0)+1,1)*INDEX($D$3:$AA$30,INDEX(Jesper!$R$2:$R$366,ROW(INDEX(Jesper!AJ$2:AJ$366,ROUNDDOWN($C6656/24,0)+1,1))-1)+IF('Standard Profiles'!$G$20=$B$10,7,0)+IF('Standard Profiles'!$G$20=$B$17,14,0)+IF('Standard Profiles'!$G$20=$B$24,21,0),MOD($C6656,24)+1)/SUM(INDEX($D$3:$AA$30,INDEX(Jesper!$R$2:$R$366,ROW(INDEX(Jesper!AJ$2:AJ$366,ROUNDDOWN($C6656/24,0)+1,1))-1)+IF('Standard Profiles'!$G$20=$B$10,7,0)+IF('Standard Profiles'!$G$20=$B$17,14,0)+IF('Standard Profiles'!$G$20=$B$24,21,0),0)),0)</f>
        <v>0</v>
      </c>
      <c r="G6656" cm="1">
        <f t="array" ref="G6656">IFERROR(INDEX(Jesper!AK$2:AK$366,ROUNDDOWN($C6656/24,0)+1,1)*INDEX($D$3:$AA$30,INDEX(Jesper!$R$2:$R$366,ROW(INDEX(Jesper!AK$2:AK$366,ROUNDDOWN($C6656/24,0)+1,1))-1)+IF('Standard Profiles'!$G$21=$B$10,7,0)+IF('Standard Profiles'!$G$21=$B$17,14,0)+IF('Standard Profiles'!$G$21=$B$24,21,0),MOD($C6656,24)+1)/SUM(INDEX($D$3:$AA$30,INDEX(Jesper!$R$2:$R$366,ROW(INDEX(Jesper!AK$2:AK$366,ROUNDDOWN($C6656/24,0)+1,1))-1)+IF('Standard Profiles'!$G$21=$B$10,7,0)+IF('Standard Profiles'!$G$21=$B$17,14,0)+IF('Standard Profiles'!$G$21=$B$24,21,0),0)),0)</f>
        <v>0.35291752415798389</v>
      </c>
      <c r="H6656" cm="1">
        <f t="array" ref="H6656">IFERROR(INDEX(Jesper!AL$2:AL$366,ROUNDDOWN($C6656/24,0)+1,1)*INDEX($D$3:$AA$30,INDEX(Jesper!$R$2:$R$366,ROW(INDEX(Jesper!AL$2:AL$366,ROUNDDOWN($C6656/24,0)+1,1))-1)+IF('Standard Profiles'!$G$22=$B$10,7,0)+IF('Standard Profiles'!$G$22=$B$17,14,0)+IF('Standard Profiles'!$G$22=$B$24,21,0),MOD($C6656,24)+1)/SUM(INDEX($D$3:$AA$30,INDEX(Jesper!$R$2:$R$366,ROW(INDEX(Jesper!AL$2:AL$366,ROUNDDOWN($C6656/24,0)+1,1))-1)+IF('Standard Profiles'!$G$22=$B$10,7,0)+IF('Standard Profiles'!$G$22=$B$17,14,0)+IF('Standard Profiles'!$G$22=$B$24,21,0),0)),0)</f>
        <v>0</v>
      </c>
      <c r="I6656">
        <f t="shared" si="741"/>
        <v>0.16940041159583219</v>
      </c>
      <c r="J6656">
        <f t="shared" si="742"/>
        <v>7.1511326160692095</v>
      </c>
      <c r="K6656">
        <f t="shared" si="743"/>
        <v>0.58107376222848894</v>
      </c>
      <c r="L6656">
        <f t="shared" si="744"/>
        <v>0.29053688111424447</v>
      </c>
      <c r="M6656">
        <f t="shared" si="745"/>
        <v>0</v>
      </c>
      <c r="N6656" s="45">
        <f t="shared" si="746"/>
        <v>45202.916666650606</v>
      </c>
    </row>
    <row r="6657" spans="2:14" x14ac:dyDescent="0.25">
      <c r="B6657">
        <f t="shared" si="740"/>
        <v>2</v>
      </c>
      <c r="C6657" s="16">
        <v>6623</v>
      </c>
      <c r="D6657" cm="1">
        <f t="array" ref="D6657">IFERROR(INDEX(Jesper!AH$2:AH$366,ROUNDDOWN($C6657/24,0)+1,1)*INDEX($D$3:$AA$30,INDEX(Jesper!$R$2:$R$366,ROW(INDEX(Jesper!AH$2:AH$366,ROUNDDOWN($C6657/24,0)+1,1))-1)+IF('Standard Profiles'!$G$18=$B$10,7,0)+IF('Standard Profiles'!$G$18=$B$17,14,0)+IF('Standard Profiles'!$G$18=$B$24,21,0),MOD($C6657,24)+1)/SUM(INDEX($D$3:$AA$30,INDEX(Jesper!$R$2:$R$366,ROW(INDEX(Jesper!AH$2:AH$366,ROUNDDOWN($C6657/24,0)+1,1))-1)+IF('Standard Profiles'!$G$18=$B$10,7,0)+IF('Standard Profiles'!$G$18=$B$17,14,0)+IF('Standard Profiles'!$G$18=$B$24,21,0),0)),0)</f>
        <v>5.4475665208920834</v>
      </c>
      <c r="E6657" cm="1">
        <f t="array" ref="E6657">IFERROR(INDEX(Jesper!AI$2:AI$366,ROUNDDOWN($C6657/24,0)+1,1)*INDEX($D$3:$AA$30,INDEX(Jesper!$R$2:$R$366,ROW(INDEX(Jesper!AI$2:AI$366,ROUNDDOWN($C6657/24,0)+1,1))-1)+IF('Standard Profiles'!$G$19=$B$10,7,0)+IF('Standard Profiles'!$G$19=$B$17,14,0)+IF('Standard Profiles'!$G$19=$B$24,21,0),MOD($C6657,24)+1)/SUM(INDEX($D$3:$AA$30,INDEX(Jesper!$R$2:$R$366,ROW(INDEX(Jesper!AI$2:AI$366,ROUNDDOWN($C6657/24,0)+1,1))-1)+IF('Standard Profiles'!$G$19=$B$10,7,0)+IF('Standard Profiles'!$G$19=$B$17,14,0)+IF('Standard Profiles'!$G$19=$B$24,21,0),0)),0)</f>
        <v>2.3916596259577076</v>
      </c>
      <c r="F6657" cm="1">
        <f t="array" ref="F6657">IFERROR(INDEX(Jesper!AJ$2:AJ$366,ROUNDDOWN($C6657/24,0)+1,1)*INDEX($D$3:$AA$30,INDEX(Jesper!$R$2:$R$366,ROW(INDEX(Jesper!AJ$2:AJ$366,ROUNDDOWN($C6657/24,0)+1,1))-1)+IF('Standard Profiles'!$G$20=$B$10,7,0)+IF('Standard Profiles'!$G$20=$B$17,14,0)+IF('Standard Profiles'!$G$20=$B$24,21,0),MOD($C6657,24)+1)/SUM(INDEX($D$3:$AA$30,INDEX(Jesper!$R$2:$R$366,ROW(INDEX(Jesper!AJ$2:AJ$366,ROUNDDOWN($C6657/24,0)+1,1))-1)+IF('Standard Profiles'!$G$20=$B$10,7,0)+IF('Standard Profiles'!$G$20=$B$17,14,0)+IF('Standard Profiles'!$G$20=$B$24,21,0),0)),0)</f>
        <v>0</v>
      </c>
      <c r="G6657" cm="1">
        <f t="array" ref="G6657">IFERROR(INDEX(Jesper!AK$2:AK$366,ROUNDDOWN($C6657/24,0)+1,1)*INDEX($D$3:$AA$30,INDEX(Jesper!$R$2:$R$366,ROW(INDEX(Jesper!AK$2:AK$366,ROUNDDOWN($C6657/24,0)+1,1))-1)+IF('Standard Profiles'!$G$21=$B$10,7,0)+IF('Standard Profiles'!$G$21=$B$17,14,0)+IF('Standard Profiles'!$G$21=$B$24,21,0),MOD($C6657,24)+1)/SUM(INDEX($D$3:$AA$30,INDEX(Jesper!$R$2:$R$366,ROW(INDEX(Jesper!AK$2:AK$366,ROUNDDOWN($C6657/24,0)+1,1))-1)+IF('Standard Profiles'!$G$21=$B$10,7,0)+IF('Standard Profiles'!$G$21=$B$17,14,0)+IF('Standard Profiles'!$G$21=$B$24,21,0),0)),0)</f>
        <v>0.35291752415798389</v>
      </c>
      <c r="H6657" cm="1">
        <f t="array" ref="H6657">IFERROR(INDEX(Jesper!AL$2:AL$366,ROUNDDOWN($C6657/24,0)+1,1)*INDEX($D$3:$AA$30,INDEX(Jesper!$R$2:$R$366,ROW(INDEX(Jesper!AL$2:AL$366,ROUNDDOWN($C6657/24,0)+1,1))-1)+IF('Standard Profiles'!$G$22=$B$10,7,0)+IF('Standard Profiles'!$G$22=$B$17,14,0)+IF('Standard Profiles'!$G$22=$B$24,21,0),MOD($C6657,24)+1)/SUM(INDEX($D$3:$AA$30,INDEX(Jesper!$R$2:$R$366,ROW(INDEX(Jesper!AL$2:AL$366,ROUNDDOWN($C6657/24,0)+1,1))-1)+IF('Standard Profiles'!$G$22=$B$10,7,0)+IF('Standard Profiles'!$G$22=$B$17,14,0)+IF('Standard Profiles'!$G$22=$B$24,21,0),0)),0)</f>
        <v>0</v>
      </c>
      <c r="I6657">
        <f t="shared" si="741"/>
        <v>0.16940041159583219</v>
      </c>
      <c r="J6657">
        <f t="shared" si="742"/>
        <v>7.1511326160692095</v>
      </c>
      <c r="K6657">
        <f t="shared" si="743"/>
        <v>0.58107376222848894</v>
      </c>
      <c r="L6657">
        <f t="shared" si="744"/>
        <v>0.29053688111424447</v>
      </c>
      <c r="M6657">
        <f t="shared" si="745"/>
        <v>0</v>
      </c>
      <c r="N6657" s="45">
        <f t="shared" si="746"/>
        <v>45202.95833331727</v>
      </c>
    </row>
    <row r="6658" spans="2:14" x14ac:dyDescent="0.25">
      <c r="B6658">
        <f t="shared" si="740"/>
        <v>3</v>
      </c>
      <c r="C6658" s="16">
        <v>6624</v>
      </c>
      <c r="D6658" cm="1">
        <f t="array" ref="D6658">IFERROR(INDEX(Jesper!AH$2:AH$366,ROUNDDOWN($C6658/24,0)+1,1)*INDEX($D$3:$AA$30,INDEX(Jesper!$R$2:$R$366,ROW(INDEX(Jesper!AH$2:AH$366,ROUNDDOWN($C6658/24,0)+1,1))-1)+IF('Standard Profiles'!$G$18=$B$10,7,0)+IF('Standard Profiles'!$G$18=$B$17,14,0)+IF('Standard Profiles'!$G$18=$B$24,21,0),MOD($C6658,24)+1)/SUM(INDEX($D$3:$AA$30,INDEX(Jesper!$R$2:$R$366,ROW(INDEX(Jesper!AH$2:AH$366,ROUNDDOWN($C6658/24,0)+1,1))-1)+IF('Standard Profiles'!$G$18=$B$10,7,0)+IF('Standard Profiles'!$G$18=$B$17,14,0)+IF('Standard Profiles'!$G$18=$B$24,21,0),0)),0)</f>
        <v>5.4227664477712461</v>
      </c>
      <c r="E6658" cm="1">
        <f t="array" ref="E6658">IFERROR(INDEX(Jesper!AI$2:AI$366,ROUNDDOWN($C6658/24,0)+1,1)*INDEX($D$3:$AA$30,INDEX(Jesper!$R$2:$R$366,ROW(INDEX(Jesper!AI$2:AI$366,ROUNDDOWN($C6658/24,0)+1,1))-1)+IF('Standard Profiles'!$G$19=$B$10,7,0)+IF('Standard Profiles'!$G$19=$B$17,14,0)+IF('Standard Profiles'!$G$19=$B$24,21,0),MOD($C6658,24)+1)/SUM(INDEX($D$3:$AA$30,INDEX(Jesper!$R$2:$R$366,ROW(INDEX(Jesper!AI$2:AI$366,ROUNDDOWN($C6658/24,0)+1,1))-1)+IF('Standard Profiles'!$G$19=$B$10,7,0)+IF('Standard Profiles'!$G$19=$B$17,14,0)+IF('Standard Profiles'!$G$19=$B$24,21,0),0)),0)</f>
        <v>2.4108030078000056</v>
      </c>
      <c r="F6658" cm="1">
        <f t="array" ref="F6658">IFERROR(INDEX(Jesper!AJ$2:AJ$366,ROUNDDOWN($C6658/24,0)+1,1)*INDEX($D$3:$AA$30,INDEX(Jesper!$R$2:$R$366,ROW(INDEX(Jesper!AJ$2:AJ$366,ROUNDDOWN($C6658/24,0)+1,1))-1)+IF('Standard Profiles'!$G$20=$B$10,7,0)+IF('Standard Profiles'!$G$20=$B$17,14,0)+IF('Standard Profiles'!$G$20=$B$24,21,0),MOD($C6658,24)+1)/SUM(INDEX($D$3:$AA$30,INDEX(Jesper!$R$2:$R$366,ROW(INDEX(Jesper!AJ$2:AJ$366,ROUNDDOWN($C6658/24,0)+1,1))-1)+IF('Standard Profiles'!$G$20=$B$10,7,0)+IF('Standard Profiles'!$G$20=$B$17,14,0)+IF('Standard Profiles'!$G$20=$B$24,21,0),0)),0)</f>
        <v>0</v>
      </c>
      <c r="G6658" cm="1">
        <f t="array" ref="G6658">IFERROR(INDEX(Jesper!AK$2:AK$366,ROUNDDOWN($C6658/24,0)+1,1)*INDEX($D$3:$AA$30,INDEX(Jesper!$R$2:$R$366,ROW(INDEX(Jesper!AK$2:AK$366,ROUNDDOWN($C6658/24,0)+1,1))-1)+IF('Standard Profiles'!$G$21=$B$10,7,0)+IF('Standard Profiles'!$G$21=$B$17,14,0)+IF('Standard Profiles'!$G$21=$B$24,21,0),MOD($C6658,24)+1)/SUM(INDEX($D$3:$AA$30,INDEX(Jesper!$R$2:$R$366,ROW(INDEX(Jesper!AK$2:AK$366,ROUNDDOWN($C6658/24,0)+1,1))-1)+IF('Standard Profiles'!$G$21=$B$10,7,0)+IF('Standard Profiles'!$G$21=$B$17,14,0)+IF('Standard Profiles'!$G$21=$B$24,21,0),0)),0)</f>
        <v>0.419164750660043</v>
      </c>
      <c r="H6658" cm="1">
        <f t="array" ref="H6658">IFERROR(INDEX(Jesper!AL$2:AL$366,ROUNDDOWN($C6658/24,0)+1,1)*INDEX($D$3:$AA$30,INDEX(Jesper!$R$2:$R$366,ROW(INDEX(Jesper!AL$2:AL$366,ROUNDDOWN($C6658/24,0)+1,1))-1)+IF('Standard Profiles'!$G$22=$B$10,7,0)+IF('Standard Profiles'!$G$22=$B$17,14,0)+IF('Standard Profiles'!$G$22=$B$24,21,0),MOD($C6658,24)+1)/SUM(INDEX($D$3:$AA$30,INDEX(Jesper!$R$2:$R$366,ROW(INDEX(Jesper!AL$2:AL$366,ROUNDDOWN($C6658/24,0)+1,1))-1)+IF('Standard Profiles'!$G$22=$B$10,7,0)+IF('Standard Profiles'!$G$22=$B$17,14,0)+IF('Standard Profiles'!$G$22=$B$24,21,0),0)),0)</f>
        <v>0</v>
      </c>
      <c r="I6658">
        <f t="shared" si="741"/>
        <v>0.20119908031682054</v>
      </c>
      <c r="J6658">
        <f t="shared" si="742"/>
        <v>7.183892494271074</v>
      </c>
      <c r="K6658">
        <f t="shared" si="743"/>
        <v>0.57842842109559967</v>
      </c>
      <c r="L6658">
        <f t="shared" si="744"/>
        <v>0.28921421054779983</v>
      </c>
      <c r="M6658">
        <f t="shared" si="745"/>
        <v>0</v>
      </c>
      <c r="N6658" s="45">
        <f t="shared" si="746"/>
        <v>45202.999999983935</v>
      </c>
    </row>
    <row r="6659" spans="2:14" x14ac:dyDescent="0.25">
      <c r="B6659">
        <f t="shared" si="740"/>
        <v>3</v>
      </c>
      <c r="C6659" s="16">
        <v>6625</v>
      </c>
      <c r="D6659" cm="1">
        <f t="array" ref="D6659">IFERROR(INDEX(Jesper!AH$2:AH$366,ROUNDDOWN($C6659/24,0)+1,1)*INDEX($D$3:$AA$30,INDEX(Jesper!$R$2:$R$366,ROW(INDEX(Jesper!AH$2:AH$366,ROUNDDOWN($C6659/24,0)+1,1))-1)+IF('Standard Profiles'!$G$18=$B$10,7,0)+IF('Standard Profiles'!$G$18=$B$17,14,0)+IF('Standard Profiles'!$G$18=$B$24,21,0),MOD($C6659,24)+1)/SUM(INDEX($D$3:$AA$30,INDEX(Jesper!$R$2:$R$366,ROW(INDEX(Jesper!AH$2:AH$366,ROUNDDOWN($C6659/24,0)+1,1))-1)+IF('Standard Profiles'!$G$18=$B$10,7,0)+IF('Standard Profiles'!$G$18=$B$17,14,0)+IF('Standard Profiles'!$G$18=$B$24,21,0),0)),0)</f>
        <v>5.4227664477712461</v>
      </c>
      <c r="E6659" cm="1">
        <f t="array" ref="E6659">IFERROR(INDEX(Jesper!AI$2:AI$366,ROUNDDOWN($C6659/24,0)+1,1)*INDEX($D$3:$AA$30,INDEX(Jesper!$R$2:$R$366,ROW(INDEX(Jesper!AI$2:AI$366,ROUNDDOWN($C6659/24,0)+1,1))-1)+IF('Standard Profiles'!$G$19=$B$10,7,0)+IF('Standard Profiles'!$G$19=$B$17,14,0)+IF('Standard Profiles'!$G$19=$B$24,21,0),MOD($C6659,24)+1)/SUM(INDEX($D$3:$AA$30,INDEX(Jesper!$R$2:$R$366,ROW(INDEX(Jesper!AI$2:AI$366,ROUNDDOWN($C6659/24,0)+1,1))-1)+IF('Standard Profiles'!$G$19=$B$10,7,0)+IF('Standard Profiles'!$G$19=$B$17,14,0)+IF('Standard Profiles'!$G$19=$B$24,21,0),0)),0)</f>
        <v>2.4108030078000056</v>
      </c>
      <c r="F6659" cm="1">
        <f t="array" ref="F6659">IFERROR(INDEX(Jesper!AJ$2:AJ$366,ROUNDDOWN($C6659/24,0)+1,1)*INDEX($D$3:$AA$30,INDEX(Jesper!$R$2:$R$366,ROW(INDEX(Jesper!AJ$2:AJ$366,ROUNDDOWN($C6659/24,0)+1,1))-1)+IF('Standard Profiles'!$G$20=$B$10,7,0)+IF('Standard Profiles'!$G$20=$B$17,14,0)+IF('Standard Profiles'!$G$20=$B$24,21,0),MOD($C6659,24)+1)/SUM(INDEX($D$3:$AA$30,INDEX(Jesper!$R$2:$R$366,ROW(INDEX(Jesper!AJ$2:AJ$366,ROUNDDOWN($C6659/24,0)+1,1))-1)+IF('Standard Profiles'!$G$20=$B$10,7,0)+IF('Standard Profiles'!$G$20=$B$17,14,0)+IF('Standard Profiles'!$G$20=$B$24,21,0),0)),0)</f>
        <v>0</v>
      </c>
      <c r="G6659" cm="1">
        <f t="array" ref="G6659">IFERROR(INDEX(Jesper!AK$2:AK$366,ROUNDDOWN($C6659/24,0)+1,1)*INDEX($D$3:$AA$30,INDEX(Jesper!$R$2:$R$366,ROW(INDEX(Jesper!AK$2:AK$366,ROUNDDOWN($C6659/24,0)+1,1))-1)+IF('Standard Profiles'!$G$21=$B$10,7,0)+IF('Standard Profiles'!$G$21=$B$17,14,0)+IF('Standard Profiles'!$G$21=$B$24,21,0),MOD($C6659,24)+1)/SUM(INDEX($D$3:$AA$30,INDEX(Jesper!$R$2:$R$366,ROW(INDEX(Jesper!AK$2:AK$366,ROUNDDOWN($C6659/24,0)+1,1))-1)+IF('Standard Profiles'!$G$21=$B$10,7,0)+IF('Standard Profiles'!$G$21=$B$17,14,0)+IF('Standard Profiles'!$G$21=$B$24,21,0),0)),0)</f>
        <v>0.419164750660043</v>
      </c>
      <c r="H6659" cm="1">
        <f t="array" ref="H6659">IFERROR(INDEX(Jesper!AL$2:AL$366,ROUNDDOWN($C6659/24,0)+1,1)*INDEX($D$3:$AA$30,INDEX(Jesper!$R$2:$R$366,ROW(INDEX(Jesper!AL$2:AL$366,ROUNDDOWN($C6659/24,0)+1,1))-1)+IF('Standard Profiles'!$G$22=$B$10,7,0)+IF('Standard Profiles'!$G$22=$B$17,14,0)+IF('Standard Profiles'!$G$22=$B$24,21,0),MOD($C6659,24)+1)/SUM(INDEX($D$3:$AA$30,INDEX(Jesper!$R$2:$R$366,ROW(INDEX(Jesper!AL$2:AL$366,ROUNDDOWN($C6659/24,0)+1,1))-1)+IF('Standard Profiles'!$G$22=$B$10,7,0)+IF('Standard Profiles'!$G$22=$B$17,14,0)+IF('Standard Profiles'!$G$22=$B$24,21,0),0)),0)</f>
        <v>0</v>
      </c>
      <c r="I6659">
        <f t="shared" si="741"/>
        <v>0.20119908031682054</v>
      </c>
      <c r="J6659">
        <f t="shared" si="742"/>
        <v>7.183892494271074</v>
      </c>
      <c r="K6659">
        <f t="shared" si="743"/>
        <v>0.57842842109559967</v>
      </c>
      <c r="L6659">
        <f t="shared" si="744"/>
        <v>0.28921421054779983</v>
      </c>
      <c r="M6659">
        <f t="shared" si="745"/>
        <v>0</v>
      </c>
      <c r="N6659" s="45">
        <f t="shared" si="746"/>
        <v>45203.041666650599</v>
      </c>
    </row>
    <row r="6660" spans="2:14" x14ac:dyDescent="0.25">
      <c r="B6660">
        <f t="shared" si="740"/>
        <v>3</v>
      </c>
      <c r="C6660" s="16">
        <v>6626</v>
      </c>
      <c r="D6660" cm="1">
        <f t="array" ref="D6660">IFERROR(INDEX(Jesper!AH$2:AH$366,ROUNDDOWN($C6660/24,0)+1,1)*INDEX($D$3:$AA$30,INDEX(Jesper!$R$2:$R$366,ROW(INDEX(Jesper!AH$2:AH$366,ROUNDDOWN($C6660/24,0)+1,1))-1)+IF('Standard Profiles'!$G$18=$B$10,7,0)+IF('Standard Profiles'!$G$18=$B$17,14,0)+IF('Standard Profiles'!$G$18=$B$24,21,0),MOD($C6660,24)+1)/SUM(INDEX($D$3:$AA$30,INDEX(Jesper!$R$2:$R$366,ROW(INDEX(Jesper!AH$2:AH$366,ROUNDDOWN($C6660/24,0)+1,1))-1)+IF('Standard Profiles'!$G$18=$B$10,7,0)+IF('Standard Profiles'!$G$18=$B$17,14,0)+IF('Standard Profiles'!$G$18=$B$24,21,0),0)),0)</f>
        <v>5.4227664477712461</v>
      </c>
      <c r="E6660" cm="1">
        <f t="array" ref="E6660">IFERROR(INDEX(Jesper!AI$2:AI$366,ROUNDDOWN($C6660/24,0)+1,1)*INDEX($D$3:$AA$30,INDEX(Jesper!$R$2:$R$366,ROW(INDEX(Jesper!AI$2:AI$366,ROUNDDOWN($C6660/24,0)+1,1))-1)+IF('Standard Profiles'!$G$19=$B$10,7,0)+IF('Standard Profiles'!$G$19=$B$17,14,0)+IF('Standard Profiles'!$G$19=$B$24,21,0),MOD($C6660,24)+1)/SUM(INDEX($D$3:$AA$30,INDEX(Jesper!$R$2:$R$366,ROW(INDEX(Jesper!AI$2:AI$366,ROUNDDOWN($C6660/24,0)+1,1))-1)+IF('Standard Profiles'!$G$19=$B$10,7,0)+IF('Standard Profiles'!$G$19=$B$17,14,0)+IF('Standard Profiles'!$G$19=$B$24,21,0),0)),0)</f>
        <v>2.4108030078000056</v>
      </c>
      <c r="F6660" cm="1">
        <f t="array" ref="F6660">IFERROR(INDEX(Jesper!AJ$2:AJ$366,ROUNDDOWN($C6660/24,0)+1,1)*INDEX($D$3:$AA$30,INDEX(Jesper!$R$2:$R$366,ROW(INDEX(Jesper!AJ$2:AJ$366,ROUNDDOWN($C6660/24,0)+1,1))-1)+IF('Standard Profiles'!$G$20=$B$10,7,0)+IF('Standard Profiles'!$G$20=$B$17,14,0)+IF('Standard Profiles'!$G$20=$B$24,21,0),MOD($C6660,24)+1)/SUM(INDEX($D$3:$AA$30,INDEX(Jesper!$R$2:$R$366,ROW(INDEX(Jesper!AJ$2:AJ$366,ROUNDDOWN($C6660/24,0)+1,1))-1)+IF('Standard Profiles'!$G$20=$B$10,7,0)+IF('Standard Profiles'!$G$20=$B$17,14,0)+IF('Standard Profiles'!$G$20=$B$24,21,0),0)),0)</f>
        <v>0</v>
      </c>
      <c r="G6660" cm="1">
        <f t="array" ref="G6660">IFERROR(INDEX(Jesper!AK$2:AK$366,ROUNDDOWN($C6660/24,0)+1,1)*INDEX($D$3:$AA$30,INDEX(Jesper!$R$2:$R$366,ROW(INDEX(Jesper!AK$2:AK$366,ROUNDDOWN($C6660/24,0)+1,1))-1)+IF('Standard Profiles'!$G$21=$B$10,7,0)+IF('Standard Profiles'!$G$21=$B$17,14,0)+IF('Standard Profiles'!$G$21=$B$24,21,0),MOD($C6660,24)+1)/SUM(INDEX($D$3:$AA$30,INDEX(Jesper!$R$2:$R$366,ROW(INDEX(Jesper!AK$2:AK$366,ROUNDDOWN($C6660/24,0)+1,1))-1)+IF('Standard Profiles'!$G$21=$B$10,7,0)+IF('Standard Profiles'!$G$21=$B$17,14,0)+IF('Standard Profiles'!$G$21=$B$24,21,0),0)),0)</f>
        <v>0.419164750660043</v>
      </c>
      <c r="H6660" cm="1">
        <f t="array" ref="H6660">IFERROR(INDEX(Jesper!AL$2:AL$366,ROUNDDOWN($C6660/24,0)+1,1)*INDEX($D$3:$AA$30,INDEX(Jesper!$R$2:$R$366,ROW(INDEX(Jesper!AL$2:AL$366,ROUNDDOWN($C6660/24,0)+1,1))-1)+IF('Standard Profiles'!$G$22=$B$10,7,0)+IF('Standard Profiles'!$G$22=$B$17,14,0)+IF('Standard Profiles'!$G$22=$B$24,21,0),MOD($C6660,24)+1)/SUM(INDEX($D$3:$AA$30,INDEX(Jesper!$R$2:$R$366,ROW(INDEX(Jesper!AL$2:AL$366,ROUNDDOWN($C6660/24,0)+1,1))-1)+IF('Standard Profiles'!$G$22=$B$10,7,0)+IF('Standard Profiles'!$G$22=$B$17,14,0)+IF('Standard Profiles'!$G$22=$B$24,21,0),0)),0)</f>
        <v>0</v>
      </c>
      <c r="I6660">
        <f t="shared" si="741"/>
        <v>0.20119908031682054</v>
      </c>
      <c r="J6660">
        <f t="shared" si="742"/>
        <v>7.183892494271074</v>
      </c>
      <c r="K6660">
        <f t="shared" si="743"/>
        <v>0.57842842109559967</v>
      </c>
      <c r="L6660">
        <f t="shared" si="744"/>
        <v>0.28921421054779983</v>
      </c>
      <c r="M6660">
        <f t="shared" si="745"/>
        <v>0</v>
      </c>
      <c r="N6660" s="45">
        <f t="shared" si="746"/>
        <v>45203.083333317263</v>
      </c>
    </row>
    <row r="6661" spans="2:14" x14ac:dyDescent="0.25">
      <c r="B6661">
        <f t="shared" si="740"/>
        <v>3</v>
      </c>
      <c r="C6661" s="16">
        <v>6627</v>
      </c>
      <c r="D6661" cm="1">
        <f t="array" ref="D6661">IFERROR(INDEX(Jesper!AH$2:AH$366,ROUNDDOWN($C6661/24,0)+1,1)*INDEX($D$3:$AA$30,INDEX(Jesper!$R$2:$R$366,ROW(INDEX(Jesper!AH$2:AH$366,ROUNDDOWN($C6661/24,0)+1,1))-1)+IF('Standard Profiles'!$G$18=$B$10,7,0)+IF('Standard Profiles'!$G$18=$B$17,14,0)+IF('Standard Profiles'!$G$18=$B$24,21,0),MOD($C6661,24)+1)/SUM(INDEX($D$3:$AA$30,INDEX(Jesper!$R$2:$R$366,ROW(INDEX(Jesper!AH$2:AH$366,ROUNDDOWN($C6661/24,0)+1,1))-1)+IF('Standard Profiles'!$G$18=$B$10,7,0)+IF('Standard Profiles'!$G$18=$B$17,14,0)+IF('Standard Profiles'!$G$18=$B$24,21,0),0)),0)</f>
        <v>5.4227664477712461</v>
      </c>
      <c r="E6661" cm="1">
        <f t="array" ref="E6661">IFERROR(INDEX(Jesper!AI$2:AI$366,ROUNDDOWN($C6661/24,0)+1,1)*INDEX($D$3:$AA$30,INDEX(Jesper!$R$2:$R$366,ROW(INDEX(Jesper!AI$2:AI$366,ROUNDDOWN($C6661/24,0)+1,1))-1)+IF('Standard Profiles'!$G$19=$B$10,7,0)+IF('Standard Profiles'!$G$19=$B$17,14,0)+IF('Standard Profiles'!$G$19=$B$24,21,0),MOD($C6661,24)+1)/SUM(INDEX($D$3:$AA$30,INDEX(Jesper!$R$2:$R$366,ROW(INDEX(Jesper!AI$2:AI$366,ROUNDDOWN($C6661/24,0)+1,1))-1)+IF('Standard Profiles'!$G$19=$B$10,7,0)+IF('Standard Profiles'!$G$19=$B$17,14,0)+IF('Standard Profiles'!$G$19=$B$24,21,0),0)),0)</f>
        <v>2.4108030078000056</v>
      </c>
      <c r="F6661" cm="1">
        <f t="array" ref="F6661">IFERROR(INDEX(Jesper!AJ$2:AJ$366,ROUNDDOWN($C6661/24,0)+1,1)*INDEX($D$3:$AA$30,INDEX(Jesper!$R$2:$R$366,ROW(INDEX(Jesper!AJ$2:AJ$366,ROUNDDOWN($C6661/24,0)+1,1))-1)+IF('Standard Profiles'!$G$20=$B$10,7,0)+IF('Standard Profiles'!$G$20=$B$17,14,0)+IF('Standard Profiles'!$G$20=$B$24,21,0),MOD($C6661,24)+1)/SUM(INDEX($D$3:$AA$30,INDEX(Jesper!$R$2:$R$366,ROW(INDEX(Jesper!AJ$2:AJ$366,ROUNDDOWN($C6661/24,0)+1,1))-1)+IF('Standard Profiles'!$G$20=$B$10,7,0)+IF('Standard Profiles'!$G$20=$B$17,14,0)+IF('Standard Profiles'!$G$20=$B$24,21,0),0)),0)</f>
        <v>0</v>
      </c>
      <c r="G6661" cm="1">
        <f t="array" ref="G6661">IFERROR(INDEX(Jesper!AK$2:AK$366,ROUNDDOWN($C6661/24,0)+1,1)*INDEX($D$3:$AA$30,INDEX(Jesper!$R$2:$R$366,ROW(INDEX(Jesper!AK$2:AK$366,ROUNDDOWN($C6661/24,0)+1,1))-1)+IF('Standard Profiles'!$G$21=$B$10,7,0)+IF('Standard Profiles'!$G$21=$B$17,14,0)+IF('Standard Profiles'!$G$21=$B$24,21,0),MOD($C6661,24)+1)/SUM(INDEX($D$3:$AA$30,INDEX(Jesper!$R$2:$R$366,ROW(INDEX(Jesper!AK$2:AK$366,ROUNDDOWN($C6661/24,0)+1,1))-1)+IF('Standard Profiles'!$G$21=$B$10,7,0)+IF('Standard Profiles'!$G$21=$B$17,14,0)+IF('Standard Profiles'!$G$21=$B$24,21,0),0)),0)</f>
        <v>0.419164750660043</v>
      </c>
      <c r="H6661" cm="1">
        <f t="array" ref="H6661">IFERROR(INDEX(Jesper!AL$2:AL$366,ROUNDDOWN($C6661/24,0)+1,1)*INDEX($D$3:$AA$30,INDEX(Jesper!$R$2:$R$366,ROW(INDEX(Jesper!AL$2:AL$366,ROUNDDOWN($C6661/24,0)+1,1))-1)+IF('Standard Profiles'!$G$22=$B$10,7,0)+IF('Standard Profiles'!$G$22=$B$17,14,0)+IF('Standard Profiles'!$G$22=$B$24,21,0),MOD($C6661,24)+1)/SUM(INDEX($D$3:$AA$30,INDEX(Jesper!$R$2:$R$366,ROW(INDEX(Jesper!AL$2:AL$366,ROUNDDOWN($C6661/24,0)+1,1))-1)+IF('Standard Profiles'!$G$22=$B$10,7,0)+IF('Standard Profiles'!$G$22=$B$17,14,0)+IF('Standard Profiles'!$G$22=$B$24,21,0),0)),0)</f>
        <v>0</v>
      </c>
      <c r="I6661">
        <f t="shared" si="741"/>
        <v>0.20119908031682054</v>
      </c>
      <c r="J6661">
        <f t="shared" si="742"/>
        <v>7.183892494271074</v>
      </c>
      <c r="K6661">
        <f t="shared" si="743"/>
        <v>0.57842842109559967</v>
      </c>
      <c r="L6661">
        <f t="shared" si="744"/>
        <v>0.28921421054779983</v>
      </c>
      <c r="M6661">
        <f t="shared" si="745"/>
        <v>0</v>
      </c>
      <c r="N6661" s="45">
        <f t="shared" si="746"/>
        <v>45203.124999983927</v>
      </c>
    </row>
    <row r="6662" spans="2:14" x14ac:dyDescent="0.25">
      <c r="B6662">
        <f t="shared" si="740"/>
        <v>3</v>
      </c>
      <c r="C6662" s="16">
        <v>6628</v>
      </c>
      <c r="D6662" cm="1">
        <f t="array" ref="D6662">IFERROR(INDEX(Jesper!AH$2:AH$366,ROUNDDOWN($C6662/24,0)+1,1)*INDEX($D$3:$AA$30,INDEX(Jesper!$R$2:$R$366,ROW(INDEX(Jesper!AH$2:AH$366,ROUNDDOWN($C6662/24,0)+1,1))-1)+IF('Standard Profiles'!$G$18=$B$10,7,0)+IF('Standard Profiles'!$G$18=$B$17,14,0)+IF('Standard Profiles'!$G$18=$B$24,21,0),MOD($C6662,24)+1)/SUM(INDEX($D$3:$AA$30,INDEX(Jesper!$R$2:$R$366,ROW(INDEX(Jesper!AH$2:AH$366,ROUNDDOWN($C6662/24,0)+1,1))-1)+IF('Standard Profiles'!$G$18=$B$10,7,0)+IF('Standard Profiles'!$G$18=$B$17,14,0)+IF('Standard Profiles'!$G$18=$B$24,21,0),0)),0)</f>
        <v>5.4227664477712461</v>
      </c>
      <c r="E6662" cm="1">
        <f t="array" ref="E6662">IFERROR(INDEX(Jesper!AI$2:AI$366,ROUNDDOWN($C6662/24,0)+1,1)*INDEX($D$3:$AA$30,INDEX(Jesper!$R$2:$R$366,ROW(INDEX(Jesper!AI$2:AI$366,ROUNDDOWN($C6662/24,0)+1,1))-1)+IF('Standard Profiles'!$G$19=$B$10,7,0)+IF('Standard Profiles'!$G$19=$B$17,14,0)+IF('Standard Profiles'!$G$19=$B$24,21,0),MOD($C6662,24)+1)/SUM(INDEX($D$3:$AA$30,INDEX(Jesper!$R$2:$R$366,ROW(INDEX(Jesper!AI$2:AI$366,ROUNDDOWN($C6662/24,0)+1,1))-1)+IF('Standard Profiles'!$G$19=$B$10,7,0)+IF('Standard Profiles'!$G$19=$B$17,14,0)+IF('Standard Profiles'!$G$19=$B$24,21,0),0)),0)</f>
        <v>2.4108030078000056</v>
      </c>
      <c r="F6662" cm="1">
        <f t="array" ref="F6662">IFERROR(INDEX(Jesper!AJ$2:AJ$366,ROUNDDOWN($C6662/24,0)+1,1)*INDEX($D$3:$AA$30,INDEX(Jesper!$R$2:$R$366,ROW(INDEX(Jesper!AJ$2:AJ$366,ROUNDDOWN($C6662/24,0)+1,1))-1)+IF('Standard Profiles'!$G$20=$B$10,7,0)+IF('Standard Profiles'!$G$20=$B$17,14,0)+IF('Standard Profiles'!$G$20=$B$24,21,0),MOD($C6662,24)+1)/SUM(INDEX($D$3:$AA$30,INDEX(Jesper!$R$2:$R$366,ROW(INDEX(Jesper!AJ$2:AJ$366,ROUNDDOWN($C6662/24,0)+1,1))-1)+IF('Standard Profiles'!$G$20=$B$10,7,0)+IF('Standard Profiles'!$G$20=$B$17,14,0)+IF('Standard Profiles'!$G$20=$B$24,21,0),0)),0)</f>
        <v>0</v>
      </c>
      <c r="G6662" cm="1">
        <f t="array" ref="G6662">IFERROR(INDEX(Jesper!AK$2:AK$366,ROUNDDOWN($C6662/24,0)+1,1)*INDEX($D$3:$AA$30,INDEX(Jesper!$R$2:$R$366,ROW(INDEX(Jesper!AK$2:AK$366,ROUNDDOWN($C6662/24,0)+1,1))-1)+IF('Standard Profiles'!$G$21=$B$10,7,0)+IF('Standard Profiles'!$G$21=$B$17,14,0)+IF('Standard Profiles'!$G$21=$B$24,21,0),MOD($C6662,24)+1)/SUM(INDEX($D$3:$AA$30,INDEX(Jesper!$R$2:$R$366,ROW(INDEX(Jesper!AK$2:AK$366,ROUNDDOWN($C6662/24,0)+1,1))-1)+IF('Standard Profiles'!$G$21=$B$10,7,0)+IF('Standard Profiles'!$G$21=$B$17,14,0)+IF('Standard Profiles'!$G$21=$B$24,21,0),0)),0)</f>
        <v>0.419164750660043</v>
      </c>
      <c r="H6662" cm="1">
        <f t="array" ref="H6662">IFERROR(INDEX(Jesper!AL$2:AL$366,ROUNDDOWN($C6662/24,0)+1,1)*INDEX($D$3:$AA$30,INDEX(Jesper!$R$2:$R$366,ROW(INDEX(Jesper!AL$2:AL$366,ROUNDDOWN($C6662/24,0)+1,1))-1)+IF('Standard Profiles'!$G$22=$B$10,7,0)+IF('Standard Profiles'!$G$22=$B$17,14,0)+IF('Standard Profiles'!$G$22=$B$24,21,0),MOD($C6662,24)+1)/SUM(INDEX($D$3:$AA$30,INDEX(Jesper!$R$2:$R$366,ROW(INDEX(Jesper!AL$2:AL$366,ROUNDDOWN($C6662/24,0)+1,1))-1)+IF('Standard Profiles'!$G$22=$B$10,7,0)+IF('Standard Profiles'!$G$22=$B$17,14,0)+IF('Standard Profiles'!$G$22=$B$24,21,0),0)),0)</f>
        <v>0</v>
      </c>
      <c r="I6662">
        <f t="shared" si="741"/>
        <v>0.20119908031682054</v>
      </c>
      <c r="J6662">
        <f t="shared" si="742"/>
        <v>7.183892494271074</v>
      </c>
      <c r="K6662">
        <f t="shared" si="743"/>
        <v>0.57842842109559967</v>
      </c>
      <c r="L6662">
        <f t="shared" si="744"/>
        <v>0.28921421054779983</v>
      </c>
      <c r="M6662">
        <f t="shared" si="745"/>
        <v>0</v>
      </c>
      <c r="N6662" s="45">
        <f t="shared" si="746"/>
        <v>45203.166666650592</v>
      </c>
    </row>
    <row r="6663" spans="2:14" x14ac:dyDescent="0.25">
      <c r="B6663">
        <f t="shared" si="740"/>
        <v>3</v>
      </c>
      <c r="C6663" s="16">
        <v>6629</v>
      </c>
      <c r="D6663" cm="1">
        <f t="array" ref="D6663">IFERROR(INDEX(Jesper!AH$2:AH$366,ROUNDDOWN($C6663/24,0)+1,1)*INDEX($D$3:$AA$30,INDEX(Jesper!$R$2:$R$366,ROW(INDEX(Jesper!AH$2:AH$366,ROUNDDOWN($C6663/24,0)+1,1))-1)+IF('Standard Profiles'!$G$18=$B$10,7,0)+IF('Standard Profiles'!$G$18=$B$17,14,0)+IF('Standard Profiles'!$G$18=$B$24,21,0),MOD($C6663,24)+1)/SUM(INDEX($D$3:$AA$30,INDEX(Jesper!$R$2:$R$366,ROW(INDEX(Jesper!AH$2:AH$366,ROUNDDOWN($C6663/24,0)+1,1))-1)+IF('Standard Profiles'!$G$18=$B$10,7,0)+IF('Standard Profiles'!$G$18=$B$17,14,0)+IF('Standard Profiles'!$G$18=$B$24,21,0),0)),0)</f>
        <v>5.4227664477712461</v>
      </c>
      <c r="E6663" cm="1">
        <f t="array" ref="E6663">IFERROR(INDEX(Jesper!AI$2:AI$366,ROUNDDOWN($C6663/24,0)+1,1)*INDEX($D$3:$AA$30,INDEX(Jesper!$R$2:$R$366,ROW(INDEX(Jesper!AI$2:AI$366,ROUNDDOWN($C6663/24,0)+1,1))-1)+IF('Standard Profiles'!$G$19=$B$10,7,0)+IF('Standard Profiles'!$G$19=$B$17,14,0)+IF('Standard Profiles'!$G$19=$B$24,21,0),MOD($C6663,24)+1)/SUM(INDEX($D$3:$AA$30,INDEX(Jesper!$R$2:$R$366,ROW(INDEX(Jesper!AI$2:AI$366,ROUNDDOWN($C6663/24,0)+1,1))-1)+IF('Standard Profiles'!$G$19=$B$10,7,0)+IF('Standard Profiles'!$G$19=$B$17,14,0)+IF('Standard Profiles'!$G$19=$B$24,21,0),0)),0)</f>
        <v>2.4108030078000056</v>
      </c>
      <c r="F6663" cm="1">
        <f t="array" ref="F6663">IFERROR(INDEX(Jesper!AJ$2:AJ$366,ROUNDDOWN($C6663/24,0)+1,1)*INDEX($D$3:$AA$30,INDEX(Jesper!$R$2:$R$366,ROW(INDEX(Jesper!AJ$2:AJ$366,ROUNDDOWN($C6663/24,0)+1,1))-1)+IF('Standard Profiles'!$G$20=$B$10,7,0)+IF('Standard Profiles'!$G$20=$B$17,14,0)+IF('Standard Profiles'!$G$20=$B$24,21,0),MOD($C6663,24)+1)/SUM(INDEX($D$3:$AA$30,INDEX(Jesper!$R$2:$R$366,ROW(INDEX(Jesper!AJ$2:AJ$366,ROUNDDOWN($C6663/24,0)+1,1))-1)+IF('Standard Profiles'!$G$20=$B$10,7,0)+IF('Standard Profiles'!$G$20=$B$17,14,0)+IF('Standard Profiles'!$G$20=$B$24,21,0),0)),0)</f>
        <v>0</v>
      </c>
      <c r="G6663" cm="1">
        <f t="array" ref="G6663">IFERROR(INDEX(Jesper!AK$2:AK$366,ROUNDDOWN($C6663/24,0)+1,1)*INDEX($D$3:$AA$30,INDEX(Jesper!$R$2:$R$366,ROW(INDEX(Jesper!AK$2:AK$366,ROUNDDOWN($C6663/24,0)+1,1))-1)+IF('Standard Profiles'!$G$21=$B$10,7,0)+IF('Standard Profiles'!$G$21=$B$17,14,0)+IF('Standard Profiles'!$G$21=$B$24,21,0),MOD($C6663,24)+1)/SUM(INDEX($D$3:$AA$30,INDEX(Jesper!$R$2:$R$366,ROW(INDEX(Jesper!AK$2:AK$366,ROUNDDOWN($C6663/24,0)+1,1))-1)+IF('Standard Profiles'!$G$21=$B$10,7,0)+IF('Standard Profiles'!$G$21=$B$17,14,0)+IF('Standard Profiles'!$G$21=$B$24,21,0),0)),0)</f>
        <v>0.419164750660043</v>
      </c>
      <c r="H6663" cm="1">
        <f t="array" ref="H6663">IFERROR(INDEX(Jesper!AL$2:AL$366,ROUNDDOWN($C6663/24,0)+1,1)*INDEX($D$3:$AA$30,INDEX(Jesper!$R$2:$R$366,ROW(INDEX(Jesper!AL$2:AL$366,ROUNDDOWN($C6663/24,0)+1,1))-1)+IF('Standard Profiles'!$G$22=$B$10,7,0)+IF('Standard Profiles'!$G$22=$B$17,14,0)+IF('Standard Profiles'!$G$22=$B$24,21,0),MOD($C6663,24)+1)/SUM(INDEX($D$3:$AA$30,INDEX(Jesper!$R$2:$R$366,ROW(INDEX(Jesper!AL$2:AL$366,ROUNDDOWN($C6663/24,0)+1,1))-1)+IF('Standard Profiles'!$G$22=$B$10,7,0)+IF('Standard Profiles'!$G$22=$B$17,14,0)+IF('Standard Profiles'!$G$22=$B$24,21,0),0)),0)</f>
        <v>0</v>
      </c>
      <c r="I6663">
        <f t="shared" si="741"/>
        <v>0.20119908031682054</v>
      </c>
      <c r="J6663">
        <f t="shared" si="742"/>
        <v>7.183892494271074</v>
      </c>
      <c r="K6663">
        <f t="shared" si="743"/>
        <v>0.57842842109559967</v>
      </c>
      <c r="L6663">
        <f t="shared" si="744"/>
        <v>0.28921421054779983</v>
      </c>
      <c r="M6663">
        <f t="shared" si="745"/>
        <v>0</v>
      </c>
      <c r="N6663" s="45">
        <f t="shared" si="746"/>
        <v>45203.208333317256</v>
      </c>
    </row>
    <row r="6664" spans="2:14" x14ac:dyDescent="0.25">
      <c r="B6664">
        <f t="shared" si="740"/>
        <v>3</v>
      </c>
      <c r="C6664" s="16">
        <v>6630</v>
      </c>
      <c r="D6664" cm="1">
        <f t="array" ref="D6664">IFERROR(INDEX(Jesper!AH$2:AH$366,ROUNDDOWN($C6664/24,0)+1,1)*INDEX($D$3:$AA$30,INDEX(Jesper!$R$2:$R$366,ROW(INDEX(Jesper!AH$2:AH$366,ROUNDDOWN($C6664/24,0)+1,1))-1)+IF('Standard Profiles'!$G$18=$B$10,7,0)+IF('Standard Profiles'!$G$18=$B$17,14,0)+IF('Standard Profiles'!$G$18=$B$24,21,0),MOD($C6664,24)+1)/SUM(INDEX($D$3:$AA$30,INDEX(Jesper!$R$2:$R$366,ROW(INDEX(Jesper!AH$2:AH$366,ROUNDDOWN($C6664/24,0)+1,1))-1)+IF('Standard Profiles'!$G$18=$B$10,7,0)+IF('Standard Profiles'!$G$18=$B$17,14,0)+IF('Standard Profiles'!$G$18=$B$24,21,0),0)),0)</f>
        <v>5.4227664477712461</v>
      </c>
      <c r="E6664" cm="1">
        <f t="array" ref="E6664">IFERROR(INDEX(Jesper!AI$2:AI$366,ROUNDDOWN($C6664/24,0)+1,1)*INDEX($D$3:$AA$30,INDEX(Jesper!$R$2:$R$366,ROW(INDEX(Jesper!AI$2:AI$366,ROUNDDOWN($C6664/24,0)+1,1))-1)+IF('Standard Profiles'!$G$19=$B$10,7,0)+IF('Standard Profiles'!$G$19=$B$17,14,0)+IF('Standard Profiles'!$G$19=$B$24,21,0),MOD($C6664,24)+1)/SUM(INDEX($D$3:$AA$30,INDEX(Jesper!$R$2:$R$366,ROW(INDEX(Jesper!AI$2:AI$366,ROUNDDOWN($C6664/24,0)+1,1))-1)+IF('Standard Profiles'!$G$19=$B$10,7,0)+IF('Standard Profiles'!$G$19=$B$17,14,0)+IF('Standard Profiles'!$G$19=$B$24,21,0),0)),0)</f>
        <v>2.4108030078000056</v>
      </c>
      <c r="F6664" cm="1">
        <f t="array" ref="F6664">IFERROR(INDEX(Jesper!AJ$2:AJ$366,ROUNDDOWN($C6664/24,0)+1,1)*INDEX($D$3:$AA$30,INDEX(Jesper!$R$2:$R$366,ROW(INDEX(Jesper!AJ$2:AJ$366,ROUNDDOWN($C6664/24,0)+1,1))-1)+IF('Standard Profiles'!$G$20=$B$10,7,0)+IF('Standard Profiles'!$G$20=$B$17,14,0)+IF('Standard Profiles'!$G$20=$B$24,21,0),MOD($C6664,24)+1)/SUM(INDEX($D$3:$AA$30,INDEX(Jesper!$R$2:$R$366,ROW(INDEX(Jesper!AJ$2:AJ$366,ROUNDDOWN($C6664/24,0)+1,1))-1)+IF('Standard Profiles'!$G$20=$B$10,7,0)+IF('Standard Profiles'!$G$20=$B$17,14,0)+IF('Standard Profiles'!$G$20=$B$24,21,0),0)),0)</f>
        <v>0</v>
      </c>
      <c r="G6664" cm="1">
        <f t="array" ref="G6664">IFERROR(INDEX(Jesper!AK$2:AK$366,ROUNDDOWN($C6664/24,0)+1,1)*INDEX($D$3:$AA$30,INDEX(Jesper!$R$2:$R$366,ROW(INDEX(Jesper!AK$2:AK$366,ROUNDDOWN($C6664/24,0)+1,1))-1)+IF('Standard Profiles'!$G$21=$B$10,7,0)+IF('Standard Profiles'!$G$21=$B$17,14,0)+IF('Standard Profiles'!$G$21=$B$24,21,0),MOD($C6664,24)+1)/SUM(INDEX($D$3:$AA$30,INDEX(Jesper!$R$2:$R$366,ROW(INDEX(Jesper!AK$2:AK$366,ROUNDDOWN($C6664/24,0)+1,1))-1)+IF('Standard Profiles'!$G$21=$B$10,7,0)+IF('Standard Profiles'!$G$21=$B$17,14,0)+IF('Standard Profiles'!$G$21=$B$24,21,0),0)),0)</f>
        <v>0.419164750660043</v>
      </c>
      <c r="H6664" cm="1">
        <f t="array" ref="H6664">IFERROR(INDEX(Jesper!AL$2:AL$366,ROUNDDOWN($C6664/24,0)+1,1)*INDEX($D$3:$AA$30,INDEX(Jesper!$R$2:$R$366,ROW(INDEX(Jesper!AL$2:AL$366,ROUNDDOWN($C6664/24,0)+1,1))-1)+IF('Standard Profiles'!$G$22=$B$10,7,0)+IF('Standard Profiles'!$G$22=$B$17,14,0)+IF('Standard Profiles'!$G$22=$B$24,21,0),MOD($C6664,24)+1)/SUM(INDEX($D$3:$AA$30,INDEX(Jesper!$R$2:$R$366,ROW(INDEX(Jesper!AL$2:AL$366,ROUNDDOWN($C6664/24,0)+1,1))-1)+IF('Standard Profiles'!$G$22=$B$10,7,0)+IF('Standard Profiles'!$G$22=$B$17,14,0)+IF('Standard Profiles'!$G$22=$B$24,21,0),0)),0)</f>
        <v>0</v>
      </c>
      <c r="I6664">
        <f t="shared" si="741"/>
        <v>0.20119908031682054</v>
      </c>
      <c r="J6664">
        <f t="shared" si="742"/>
        <v>7.183892494271074</v>
      </c>
      <c r="K6664">
        <f t="shared" si="743"/>
        <v>0.57842842109559967</v>
      </c>
      <c r="L6664">
        <f t="shared" si="744"/>
        <v>0.28921421054779983</v>
      </c>
      <c r="M6664">
        <f t="shared" si="745"/>
        <v>0</v>
      </c>
      <c r="N6664" s="45">
        <f t="shared" si="746"/>
        <v>45203.24999998392</v>
      </c>
    </row>
    <row r="6665" spans="2:14" x14ac:dyDescent="0.25">
      <c r="B6665">
        <f t="shared" si="740"/>
        <v>3</v>
      </c>
      <c r="C6665" s="16">
        <v>6631</v>
      </c>
      <c r="D6665" cm="1">
        <f t="array" ref="D6665">IFERROR(INDEX(Jesper!AH$2:AH$366,ROUNDDOWN($C6665/24,0)+1,1)*INDEX($D$3:$AA$30,INDEX(Jesper!$R$2:$R$366,ROW(INDEX(Jesper!AH$2:AH$366,ROUNDDOWN($C6665/24,0)+1,1))-1)+IF('Standard Profiles'!$G$18=$B$10,7,0)+IF('Standard Profiles'!$G$18=$B$17,14,0)+IF('Standard Profiles'!$G$18=$B$24,21,0),MOD($C6665,24)+1)/SUM(INDEX($D$3:$AA$30,INDEX(Jesper!$R$2:$R$366,ROW(INDEX(Jesper!AH$2:AH$366,ROUNDDOWN($C6665/24,0)+1,1))-1)+IF('Standard Profiles'!$G$18=$B$10,7,0)+IF('Standard Profiles'!$G$18=$B$17,14,0)+IF('Standard Profiles'!$G$18=$B$24,21,0),0)),0)</f>
        <v>22.16761193346488</v>
      </c>
      <c r="E6665" cm="1">
        <f t="array" ref="E6665">IFERROR(INDEX(Jesper!AI$2:AI$366,ROUNDDOWN($C6665/24,0)+1,1)*INDEX($D$3:$AA$30,INDEX(Jesper!$R$2:$R$366,ROW(INDEX(Jesper!AI$2:AI$366,ROUNDDOWN($C6665/24,0)+1,1))-1)+IF('Standard Profiles'!$G$19=$B$10,7,0)+IF('Standard Profiles'!$G$19=$B$17,14,0)+IF('Standard Profiles'!$G$19=$B$24,21,0),MOD($C6665,24)+1)/SUM(INDEX($D$3:$AA$30,INDEX(Jesper!$R$2:$R$366,ROW(INDEX(Jesper!AI$2:AI$366,ROUNDDOWN($C6665/24,0)+1,1))-1)+IF('Standard Profiles'!$G$19=$B$10,7,0)+IF('Standard Profiles'!$G$19=$B$17,14,0)+IF('Standard Profiles'!$G$19=$B$24,21,0),0)),0)</f>
        <v>9.8550704773400195</v>
      </c>
      <c r="F6665" cm="1">
        <f t="array" ref="F6665">IFERROR(INDEX(Jesper!AJ$2:AJ$366,ROUNDDOWN($C6665/24,0)+1,1)*INDEX($D$3:$AA$30,INDEX(Jesper!$R$2:$R$366,ROW(INDEX(Jesper!AJ$2:AJ$366,ROUNDDOWN($C6665/24,0)+1,1))-1)+IF('Standard Profiles'!$G$20=$B$10,7,0)+IF('Standard Profiles'!$G$20=$B$17,14,0)+IF('Standard Profiles'!$G$20=$B$24,21,0),MOD($C6665,24)+1)/SUM(INDEX($D$3:$AA$30,INDEX(Jesper!$R$2:$R$366,ROW(INDEX(Jesper!AJ$2:AJ$366,ROUNDDOWN($C6665/24,0)+1,1))-1)+IF('Standard Profiles'!$G$20=$B$10,7,0)+IF('Standard Profiles'!$G$20=$B$17,14,0)+IF('Standard Profiles'!$G$20=$B$24,21,0),0)),0)</f>
        <v>0</v>
      </c>
      <c r="G6665" cm="1">
        <f t="array" ref="G6665">IFERROR(INDEX(Jesper!AK$2:AK$366,ROUNDDOWN($C6665/24,0)+1,1)*INDEX($D$3:$AA$30,INDEX(Jesper!$R$2:$R$366,ROW(INDEX(Jesper!AK$2:AK$366,ROUNDDOWN($C6665/24,0)+1,1))-1)+IF('Standard Profiles'!$G$21=$B$10,7,0)+IF('Standard Profiles'!$G$21=$B$17,14,0)+IF('Standard Profiles'!$G$21=$B$24,21,0),MOD($C6665,24)+1)/SUM(INDEX($D$3:$AA$30,INDEX(Jesper!$R$2:$R$366,ROW(INDEX(Jesper!AK$2:AK$366,ROUNDDOWN($C6665/24,0)+1,1))-1)+IF('Standard Profiles'!$G$21=$B$10,7,0)+IF('Standard Profiles'!$G$21=$B$17,14,0)+IF('Standard Profiles'!$G$21=$B$24,21,0),0)),0)</f>
        <v>1.1547988880684183</v>
      </c>
      <c r="H6665" cm="1">
        <f t="array" ref="H6665">IFERROR(INDEX(Jesper!AL$2:AL$366,ROUNDDOWN($C6665/24,0)+1,1)*INDEX($D$3:$AA$30,INDEX(Jesper!$R$2:$R$366,ROW(INDEX(Jesper!AL$2:AL$366,ROUNDDOWN($C6665/24,0)+1,1))-1)+IF('Standard Profiles'!$G$22=$B$10,7,0)+IF('Standard Profiles'!$G$22=$B$17,14,0)+IF('Standard Profiles'!$G$22=$B$24,21,0),MOD($C6665,24)+1)/SUM(INDEX($D$3:$AA$30,INDEX(Jesper!$R$2:$R$366,ROW(INDEX(Jesper!AL$2:AL$366,ROUNDDOWN($C6665/24,0)+1,1))-1)+IF('Standard Profiles'!$G$22=$B$10,7,0)+IF('Standard Profiles'!$G$22=$B$17,14,0)+IF('Standard Profiles'!$G$22=$B$24,21,0),0)),0)</f>
        <v>0</v>
      </c>
      <c r="I6665">
        <f t="shared" si="741"/>
        <v>0.55430346627284055</v>
      </c>
      <c r="J6665">
        <f t="shared" si="742"/>
        <v>29.076359923246095</v>
      </c>
      <c r="K6665">
        <f t="shared" si="743"/>
        <v>2.3645452729029208</v>
      </c>
      <c r="L6665">
        <f t="shared" si="744"/>
        <v>1.1822726364514604</v>
      </c>
      <c r="M6665">
        <f t="shared" si="745"/>
        <v>0</v>
      </c>
      <c r="N6665" s="45">
        <f t="shared" si="746"/>
        <v>45203.291666650584</v>
      </c>
    </row>
    <row r="6666" spans="2:14" x14ac:dyDescent="0.25">
      <c r="B6666">
        <f t="shared" si="740"/>
        <v>3</v>
      </c>
      <c r="C6666" s="16">
        <v>6632</v>
      </c>
      <c r="D6666" cm="1">
        <f t="array" ref="D6666">IFERROR(INDEX(Jesper!AH$2:AH$366,ROUNDDOWN($C6666/24,0)+1,1)*INDEX($D$3:$AA$30,INDEX(Jesper!$R$2:$R$366,ROW(INDEX(Jesper!AH$2:AH$366,ROUNDDOWN($C6666/24,0)+1,1))-1)+IF('Standard Profiles'!$G$18=$B$10,7,0)+IF('Standard Profiles'!$G$18=$B$17,14,0)+IF('Standard Profiles'!$G$18=$B$24,21,0),MOD($C6666,24)+1)/SUM(INDEX($D$3:$AA$30,INDEX(Jesper!$R$2:$R$366,ROW(INDEX(Jesper!AH$2:AH$366,ROUNDDOWN($C6666/24,0)+1,1))-1)+IF('Standard Profiles'!$G$18=$B$10,7,0)+IF('Standard Profiles'!$G$18=$B$17,14,0)+IF('Standard Profiles'!$G$18=$B$24,21,0),0)),0)</f>
        <v>24.734388052076604</v>
      </c>
      <c r="E6666" cm="1">
        <f t="array" ref="E6666">IFERROR(INDEX(Jesper!AI$2:AI$366,ROUNDDOWN($C6666/24,0)+1,1)*INDEX($D$3:$AA$30,INDEX(Jesper!$R$2:$R$366,ROW(INDEX(Jesper!AI$2:AI$366,ROUNDDOWN($C6666/24,0)+1,1))-1)+IF('Standard Profiles'!$G$19=$B$10,7,0)+IF('Standard Profiles'!$G$19=$B$17,14,0)+IF('Standard Profiles'!$G$19=$B$24,21,0),MOD($C6666,24)+1)/SUM(INDEX($D$3:$AA$30,INDEX(Jesper!$R$2:$R$366,ROW(INDEX(Jesper!AI$2:AI$366,ROUNDDOWN($C6666/24,0)+1,1))-1)+IF('Standard Profiles'!$G$19=$B$10,7,0)+IF('Standard Profiles'!$G$19=$B$17,14,0)+IF('Standard Profiles'!$G$19=$B$24,21,0),0)),0)</f>
        <v>10.996183901032023</v>
      </c>
      <c r="F6666" cm="1">
        <f t="array" ref="F6666">IFERROR(INDEX(Jesper!AJ$2:AJ$366,ROUNDDOWN($C6666/24,0)+1,1)*INDEX($D$3:$AA$30,INDEX(Jesper!$R$2:$R$366,ROW(INDEX(Jesper!AJ$2:AJ$366,ROUNDDOWN($C6666/24,0)+1,1))-1)+IF('Standard Profiles'!$G$20=$B$10,7,0)+IF('Standard Profiles'!$G$20=$B$17,14,0)+IF('Standard Profiles'!$G$20=$B$24,21,0),MOD($C6666,24)+1)/SUM(INDEX($D$3:$AA$30,INDEX(Jesper!$R$2:$R$366,ROW(INDEX(Jesper!AJ$2:AJ$366,ROUNDDOWN($C6666/24,0)+1,1))-1)+IF('Standard Profiles'!$G$20=$B$10,7,0)+IF('Standard Profiles'!$G$20=$B$17,14,0)+IF('Standard Profiles'!$G$20=$B$24,21,0),0)),0)</f>
        <v>0</v>
      </c>
      <c r="G6666" cm="1">
        <f t="array" ref="G6666">IFERROR(INDEX(Jesper!AK$2:AK$366,ROUNDDOWN($C6666/24,0)+1,1)*INDEX($D$3:$AA$30,INDEX(Jesper!$R$2:$R$366,ROW(INDEX(Jesper!AK$2:AK$366,ROUNDDOWN($C6666/24,0)+1,1))-1)+IF('Standard Profiles'!$G$21=$B$10,7,0)+IF('Standard Profiles'!$G$21=$B$17,14,0)+IF('Standard Profiles'!$G$21=$B$24,21,0),MOD($C6666,24)+1)/SUM(INDEX($D$3:$AA$30,INDEX(Jesper!$R$2:$R$366,ROW(INDEX(Jesper!AK$2:AK$366,ROUNDDOWN($C6666/24,0)+1,1))-1)+IF('Standard Profiles'!$G$21=$B$10,7,0)+IF('Standard Profiles'!$G$21=$B$17,14,0)+IF('Standard Profiles'!$G$21=$B$24,21,0),0)),0)</f>
        <v>1.2885124435289723</v>
      </c>
      <c r="H6666" cm="1">
        <f t="array" ref="H6666">IFERROR(INDEX(Jesper!AL$2:AL$366,ROUNDDOWN($C6666/24,0)+1,1)*INDEX($D$3:$AA$30,INDEX(Jesper!$R$2:$R$366,ROW(INDEX(Jesper!AL$2:AL$366,ROUNDDOWN($C6666/24,0)+1,1))-1)+IF('Standard Profiles'!$G$22=$B$10,7,0)+IF('Standard Profiles'!$G$22=$B$17,14,0)+IF('Standard Profiles'!$G$22=$B$24,21,0),MOD($C6666,24)+1)/SUM(INDEX($D$3:$AA$30,INDEX(Jesper!$R$2:$R$366,ROW(INDEX(Jesper!AL$2:AL$366,ROUNDDOWN($C6666/24,0)+1,1))-1)+IF('Standard Profiles'!$G$22=$B$10,7,0)+IF('Standard Profiles'!$G$22=$B$17,14,0)+IF('Standard Profiles'!$G$22=$B$24,21,0),0)),0)</f>
        <v>0</v>
      </c>
      <c r="I6666">
        <f t="shared" si="741"/>
        <v>0.61848597289390639</v>
      </c>
      <c r="J6666">
        <f t="shared" si="742"/>
        <v>32.443096335411433</v>
      </c>
      <c r="K6666">
        <f t="shared" si="743"/>
        <v>2.6383347255548379</v>
      </c>
      <c r="L6666">
        <f t="shared" si="744"/>
        <v>1.319167362777419</v>
      </c>
      <c r="M6666">
        <f t="shared" si="745"/>
        <v>0</v>
      </c>
      <c r="N6666" s="45">
        <f t="shared" si="746"/>
        <v>45203.333333317249</v>
      </c>
    </row>
    <row r="6667" spans="2:14" x14ac:dyDescent="0.25">
      <c r="B6667">
        <f t="shared" si="740"/>
        <v>3</v>
      </c>
      <c r="C6667" s="16">
        <v>6633</v>
      </c>
      <c r="D6667" cm="1">
        <f t="array" ref="D6667">IFERROR(INDEX(Jesper!AH$2:AH$366,ROUNDDOWN($C6667/24,0)+1,1)*INDEX($D$3:$AA$30,INDEX(Jesper!$R$2:$R$366,ROW(INDEX(Jesper!AH$2:AH$366,ROUNDDOWN($C6667/24,0)+1,1))-1)+IF('Standard Profiles'!$G$18=$B$10,7,0)+IF('Standard Profiles'!$G$18=$B$17,14,0)+IF('Standard Profiles'!$G$18=$B$24,21,0),MOD($C6667,24)+1)/SUM(INDEX($D$3:$AA$30,INDEX(Jesper!$R$2:$R$366,ROW(INDEX(Jesper!AH$2:AH$366,ROUNDDOWN($C6667/24,0)+1,1))-1)+IF('Standard Profiles'!$G$18=$B$10,7,0)+IF('Standard Profiles'!$G$18=$B$17,14,0)+IF('Standard Profiles'!$G$18=$B$24,21,0),0)),0)</f>
        <v>27.301164170688327</v>
      </c>
      <c r="E6667" cm="1">
        <f t="array" ref="E6667">IFERROR(INDEX(Jesper!AI$2:AI$366,ROUNDDOWN($C6667/24,0)+1,1)*INDEX($D$3:$AA$30,INDEX(Jesper!$R$2:$R$366,ROW(INDEX(Jesper!AI$2:AI$366,ROUNDDOWN($C6667/24,0)+1,1))-1)+IF('Standard Profiles'!$G$19=$B$10,7,0)+IF('Standard Profiles'!$G$19=$B$17,14,0)+IF('Standard Profiles'!$G$19=$B$24,21,0),MOD($C6667,24)+1)/SUM(INDEX($D$3:$AA$30,INDEX(Jesper!$R$2:$R$366,ROW(INDEX(Jesper!AI$2:AI$366,ROUNDDOWN($C6667/24,0)+1,1))-1)+IF('Standard Profiles'!$G$19=$B$10,7,0)+IF('Standard Profiles'!$G$19=$B$17,14,0)+IF('Standard Profiles'!$G$19=$B$24,21,0),0)),0)</f>
        <v>12.137297324724026</v>
      </c>
      <c r="F6667" cm="1">
        <f t="array" ref="F6667">IFERROR(INDEX(Jesper!AJ$2:AJ$366,ROUNDDOWN($C6667/24,0)+1,1)*INDEX($D$3:$AA$30,INDEX(Jesper!$R$2:$R$366,ROW(INDEX(Jesper!AJ$2:AJ$366,ROUNDDOWN($C6667/24,0)+1,1))-1)+IF('Standard Profiles'!$G$20=$B$10,7,0)+IF('Standard Profiles'!$G$20=$B$17,14,0)+IF('Standard Profiles'!$G$20=$B$24,21,0),MOD($C6667,24)+1)/SUM(INDEX($D$3:$AA$30,INDEX(Jesper!$R$2:$R$366,ROW(INDEX(Jesper!AJ$2:AJ$366,ROUNDDOWN($C6667/24,0)+1,1))-1)+IF('Standard Profiles'!$G$20=$B$10,7,0)+IF('Standard Profiles'!$G$20=$B$17,14,0)+IF('Standard Profiles'!$G$20=$B$24,21,0),0)),0)</f>
        <v>0</v>
      </c>
      <c r="G6667" cm="1">
        <f t="array" ref="G6667">IFERROR(INDEX(Jesper!AK$2:AK$366,ROUNDDOWN($C6667/24,0)+1,1)*INDEX($D$3:$AA$30,INDEX(Jesper!$R$2:$R$366,ROW(INDEX(Jesper!AK$2:AK$366,ROUNDDOWN($C6667/24,0)+1,1))-1)+IF('Standard Profiles'!$G$21=$B$10,7,0)+IF('Standard Profiles'!$G$21=$B$17,14,0)+IF('Standard Profiles'!$G$21=$B$24,21,0),MOD($C6667,24)+1)/SUM(INDEX($D$3:$AA$30,INDEX(Jesper!$R$2:$R$366,ROW(INDEX(Jesper!AK$2:AK$366,ROUNDDOWN($C6667/24,0)+1,1))-1)+IF('Standard Profiles'!$G$21=$B$10,7,0)+IF('Standard Profiles'!$G$21=$B$17,14,0)+IF('Standard Profiles'!$G$21=$B$24,21,0),0)),0)</f>
        <v>1.4222259989895256</v>
      </c>
      <c r="H6667" cm="1">
        <f t="array" ref="H6667">IFERROR(INDEX(Jesper!AL$2:AL$366,ROUNDDOWN($C6667/24,0)+1,1)*INDEX($D$3:$AA$30,INDEX(Jesper!$R$2:$R$366,ROW(INDEX(Jesper!AL$2:AL$366,ROUNDDOWN($C6667/24,0)+1,1))-1)+IF('Standard Profiles'!$G$22=$B$10,7,0)+IF('Standard Profiles'!$G$22=$B$17,14,0)+IF('Standard Profiles'!$G$22=$B$24,21,0),MOD($C6667,24)+1)/SUM(INDEX($D$3:$AA$30,INDEX(Jesper!$R$2:$R$366,ROW(INDEX(Jesper!AL$2:AL$366,ROUNDDOWN($C6667/24,0)+1,1))-1)+IF('Standard Profiles'!$G$22=$B$10,7,0)+IF('Standard Profiles'!$G$22=$B$17,14,0)+IF('Standard Profiles'!$G$22=$B$24,21,0),0)),0)</f>
        <v>0</v>
      </c>
      <c r="I6667">
        <f t="shared" si="741"/>
        <v>0.682668479514972</v>
      </c>
      <c r="J6667">
        <f t="shared" si="742"/>
        <v>35.80983274757677</v>
      </c>
      <c r="K6667">
        <f t="shared" si="743"/>
        <v>2.9121241782067551</v>
      </c>
      <c r="L6667">
        <f t="shared" si="744"/>
        <v>1.4560620891033775</v>
      </c>
      <c r="M6667">
        <f t="shared" si="745"/>
        <v>0</v>
      </c>
      <c r="N6667" s="45">
        <f t="shared" si="746"/>
        <v>45203.374999983913</v>
      </c>
    </row>
    <row r="6668" spans="2:14" x14ac:dyDescent="0.25">
      <c r="B6668">
        <f t="shared" si="740"/>
        <v>3</v>
      </c>
      <c r="C6668" s="16">
        <v>6634</v>
      </c>
      <c r="D6668" cm="1">
        <f t="array" ref="D6668">IFERROR(INDEX(Jesper!AH$2:AH$366,ROUNDDOWN($C6668/24,0)+1,1)*INDEX($D$3:$AA$30,INDEX(Jesper!$R$2:$R$366,ROW(INDEX(Jesper!AH$2:AH$366,ROUNDDOWN($C6668/24,0)+1,1))-1)+IF('Standard Profiles'!$G$18=$B$10,7,0)+IF('Standard Profiles'!$G$18=$B$17,14,0)+IF('Standard Profiles'!$G$18=$B$24,21,0),MOD($C6668,24)+1)/SUM(INDEX($D$3:$AA$30,INDEX(Jesper!$R$2:$R$366,ROW(INDEX(Jesper!AH$2:AH$366,ROUNDDOWN($C6668/24,0)+1,1))-1)+IF('Standard Profiles'!$G$18=$B$10,7,0)+IF('Standard Profiles'!$G$18=$B$17,14,0)+IF('Standard Profiles'!$G$18=$B$24,21,0),0)),0)</f>
        <v>27.301164170688327</v>
      </c>
      <c r="E6668" cm="1">
        <f t="array" ref="E6668">IFERROR(INDEX(Jesper!AI$2:AI$366,ROUNDDOWN($C6668/24,0)+1,1)*INDEX($D$3:$AA$30,INDEX(Jesper!$R$2:$R$366,ROW(INDEX(Jesper!AI$2:AI$366,ROUNDDOWN($C6668/24,0)+1,1))-1)+IF('Standard Profiles'!$G$19=$B$10,7,0)+IF('Standard Profiles'!$G$19=$B$17,14,0)+IF('Standard Profiles'!$G$19=$B$24,21,0),MOD($C6668,24)+1)/SUM(INDEX($D$3:$AA$30,INDEX(Jesper!$R$2:$R$366,ROW(INDEX(Jesper!AI$2:AI$366,ROUNDDOWN($C6668/24,0)+1,1))-1)+IF('Standard Profiles'!$G$19=$B$10,7,0)+IF('Standard Profiles'!$G$19=$B$17,14,0)+IF('Standard Profiles'!$G$19=$B$24,21,0),0)),0)</f>
        <v>12.137297324724026</v>
      </c>
      <c r="F6668" cm="1">
        <f t="array" ref="F6668">IFERROR(INDEX(Jesper!AJ$2:AJ$366,ROUNDDOWN($C6668/24,0)+1,1)*INDEX($D$3:$AA$30,INDEX(Jesper!$R$2:$R$366,ROW(INDEX(Jesper!AJ$2:AJ$366,ROUNDDOWN($C6668/24,0)+1,1))-1)+IF('Standard Profiles'!$G$20=$B$10,7,0)+IF('Standard Profiles'!$G$20=$B$17,14,0)+IF('Standard Profiles'!$G$20=$B$24,21,0),MOD($C6668,24)+1)/SUM(INDEX($D$3:$AA$30,INDEX(Jesper!$R$2:$R$366,ROW(INDEX(Jesper!AJ$2:AJ$366,ROUNDDOWN($C6668/24,0)+1,1))-1)+IF('Standard Profiles'!$G$20=$B$10,7,0)+IF('Standard Profiles'!$G$20=$B$17,14,0)+IF('Standard Profiles'!$G$20=$B$24,21,0),0)),0)</f>
        <v>0</v>
      </c>
      <c r="G6668" cm="1">
        <f t="array" ref="G6668">IFERROR(INDEX(Jesper!AK$2:AK$366,ROUNDDOWN($C6668/24,0)+1,1)*INDEX($D$3:$AA$30,INDEX(Jesper!$R$2:$R$366,ROW(INDEX(Jesper!AK$2:AK$366,ROUNDDOWN($C6668/24,0)+1,1))-1)+IF('Standard Profiles'!$G$21=$B$10,7,0)+IF('Standard Profiles'!$G$21=$B$17,14,0)+IF('Standard Profiles'!$G$21=$B$24,21,0),MOD($C6668,24)+1)/SUM(INDEX($D$3:$AA$30,INDEX(Jesper!$R$2:$R$366,ROW(INDEX(Jesper!AK$2:AK$366,ROUNDDOWN($C6668/24,0)+1,1))-1)+IF('Standard Profiles'!$G$21=$B$10,7,0)+IF('Standard Profiles'!$G$21=$B$17,14,0)+IF('Standard Profiles'!$G$21=$B$24,21,0),0)),0)</f>
        <v>1.4222259989895256</v>
      </c>
      <c r="H6668" cm="1">
        <f t="array" ref="H6668">IFERROR(INDEX(Jesper!AL$2:AL$366,ROUNDDOWN($C6668/24,0)+1,1)*INDEX($D$3:$AA$30,INDEX(Jesper!$R$2:$R$366,ROW(INDEX(Jesper!AL$2:AL$366,ROUNDDOWN($C6668/24,0)+1,1))-1)+IF('Standard Profiles'!$G$22=$B$10,7,0)+IF('Standard Profiles'!$G$22=$B$17,14,0)+IF('Standard Profiles'!$G$22=$B$24,21,0),MOD($C6668,24)+1)/SUM(INDEX($D$3:$AA$30,INDEX(Jesper!$R$2:$R$366,ROW(INDEX(Jesper!AL$2:AL$366,ROUNDDOWN($C6668/24,0)+1,1))-1)+IF('Standard Profiles'!$G$22=$B$10,7,0)+IF('Standard Profiles'!$G$22=$B$17,14,0)+IF('Standard Profiles'!$G$22=$B$24,21,0),0)),0)</f>
        <v>0</v>
      </c>
      <c r="I6668">
        <f t="shared" si="741"/>
        <v>0.682668479514972</v>
      </c>
      <c r="J6668">
        <f t="shared" si="742"/>
        <v>35.80983274757677</v>
      </c>
      <c r="K6668">
        <f t="shared" si="743"/>
        <v>2.9121241782067551</v>
      </c>
      <c r="L6668">
        <f t="shared" si="744"/>
        <v>1.4560620891033775</v>
      </c>
      <c r="M6668">
        <f t="shared" si="745"/>
        <v>0</v>
      </c>
      <c r="N6668" s="45">
        <f t="shared" si="746"/>
        <v>45203.416666650577</v>
      </c>
    </row>
    <row r="6669" spans="2:14" x14ac:dyDescent="0.25">
      <c r="B6669">
        <f t="shared" si="740"/>
        <v>3</v>
      </c>
      <c r="C6669" s="16">
        <v>6635</v>
      </c>
      <c r="D6669" cm="1">
        <f t="array" ref="D6669">IFERROR(INDEX(Jesper!AH$2:AH$366,ROUNDDOWN($C6669/24,0)+1,1)*INDEX($D$3:$AA$30,INDEX(Jesper!$R$2:$R$366,ROW(INDEX(Jesper!AH$2:AH$366,ROUNDDOWN($C6669/24,0)+1,1))-1)+IF('Standard Profiles'!$G$18=$B$10,7,0)+IF('Standard Profiles'!$G$18=$B$17,14,0)+IF('Standard Profiles'!$G$18=$B$24,21,0),MOD($C6669,24)+1)/SUM(INDEX($D$3:$AA$30,INDEX(Jesper!$R$2:$R$366,ROW(INDEX(Jesper!AH$2:AH$366,ROUNDDOWN($C6669/24,0)+1,1))-1)+IF('Standard Profiles'!$G$18=$B$10,7,0)+IF('Standard Profiles'!$G$18=$B$17,14,0)+IF('Standard Profiles'!$G$18=$B$24,21,0),0)),0)</f>
        <v>32.668059691421924</v>
      </c>
      <c r="E6669" cm="1">
        <f t="array" ref="E6669">IFERROR(INDEX(Jesper!AI$2:AI$366,ROUNDDOWN($C6669/24,0)+1,1)*INDEX($D$3:$AA$30,INDEX(Jesper!$R$2:$R$366,ROW(INDEX(Jesper!AI$2:AI$366,ROUNDDOWN($C6669/24,0)+1,1))-1)+IF('Standard Profiles'!$G$19=$B$10,7,0)+IF('Standard Profiles'!$G$19=$B$17,14,0)+IF('Standard Profiles'!$G$19=$B$24,21,0),MOD($C6669,24)+1)/SUM(INDEX($D$3:$AA$30,INDEX(Jesper!$R$2:$R$366,ROW(INDEX(Jesper!AI$2:AI$366,ROUNDDOWN($C6669/24,0)+1,1))-1)+IF('Standard Profiles'!$G$19=$B$10,7,0)+IF('Standard Profiles'!$G$19=$B$17,14,0)+IF('Standard Profiles'!$G$19=$B$24,21,0),0)),0)</f>
        <v>14.523261756080029</v>
      </c>
      <c r="F6669" cm="1">
        <f t="array" ref="F6669">IFERROR(INDEX(Jesper!AJ$2:AJ$366,ROUNDDOWN($C6669/24,0)+1,1)*INDEX($D$3:$AA$30,INDEX(Jesper!$R$2:$R$366,ROW(INDEX(Jesper!AJ$2:AJ$366,ROUNDDOWN($C6669/24,0)+1,1))-1)+IF('Standard Profiles'!$G$20=$B$10,7,0)+IF('Standard Profiles'!$G$20=$B$17,14,0)+IF('Standard Profiles'!$G$20=$B$24,21,0),MOD($C6669,24)+1)/SUM(INDEX($D$3:$AA$30,INDEX(Jesper!$R$2:$R$366,ROW(INDEX(Jesper!AJ$2:AJ$366,ROUNDDOWN($C6669/24,0)+1,1))-1)+IF('Standard Profiles'!$G$20=$B$10,7,0)+IF('Standard Profiles'!$G$20=$B$17,14,0)+IF('Standard Profiles'!$G$20=$B$24,21,0),0)),0)</f>
        <v>0</v>
      </c>
      <c r="G6669" cm="1">
        <f t="array" ref="G6669">IFERROR(INDEX(Jesper!AK$2:AK$366,ROUNDDOWN($C6669/24,0)+1,1)*INDEX($D$3:$AA$30,INDEX(Jesper!$R$2:$R$366,ROW(INDEX(Jesper!AK$2:AK$366,ROUNDDOWN($C6669/24,0)+1,1))-1)+IF('Standard Profiles'!$G$21=$B$10,7,0)+IF('Standard Profiles'!$G$21=$B$17,14,0)+IF('Standard Profiles'!$G$21=$B$24,21,0),MOD($C6669,24)+1)/SUM(INDEX($D$3:$AA$30,INDEX(Jesper!$R$2:$R$366,ROW(INDEX(Jesper!AK$2:AK$366,ROUNDDOWN($C6669/24,0)+1,1))-1)+IF('Standard Profiles'!$G$21=$B$10,7,0)+IF('Standard Profiles'!$G$21=$B$17,14,0)+IF('Standard Profiles'!$G$21=$B$24,21,0),0)),0)</f>
        <v>1.7018088876797743</v>
      </c>
      <c r="H6669" cm="1">
        <f t="array" ref="H6669">IFERROR(INDEX(Jesper!AL$2:AL$366,ROUNDDOWN($C6669/24,0)+1,1)*INDEX($D$3:$AA$30,INDEX(Jesper!$R$2:$R$366,ROW(INDEX(Jesper!AL$2:AL$366,ROUNDDOWN($C6669/24,0)+1,1))-1)+IF('Standard Profiles'!$G$22=$B$10,7,0)+IF('Standard Profiles'!$G$22=$B$17,14,0)+IF('Standard Profiles'!$G$22=$B$24,21,0),MOD($C6669,24)+1)/SUM(INDEX($D$3:$AA$30,INDEX(Jesper!$R$2:$R$366,ROW(INDEX(Jesper!AL$2:AL$366,ROUNDDOWN($C6669/24,0)+1,1))-1)+IF('Standard Profiles'!$G$22=$B$10,7,0)+IF('Standard Profiles'!$G$22=$B$17,14,0)+IF('Standard Profiles'!$G$22=$B$24,21,0),0)),0)</f>
        <v>0</v>
      </c>
      <c r="I6669">
        <f t="shared" si="741"/>
        <v>0.81686826608629126</v>
      </c>
      <c r="J6669">
        <f t="shared" si="742"/>
        <v>42.849372518467931</v>
      </c>
      <c r="K6669">
        <f t="shared" si="743"/>
        <v>3.484593033751672</v>
      </c>
      <c r="L6669">
        <f t="shared" si="744"/>
        <v>1.742296516875836</v>
      </c>
      <c r="M6669">
        <f t="shared" si="745"/>
        <v>0</v>
      </c>
      <c r="N6669" s="45">
        <f t="shared" si="746"/>
        <v>45203.458333317241</v>
      </c>
    </row>
    <row r="6670" spans="2:14" x14ac:dyDescent="0.25">
      <c r="B6670">
        <f t="shared" si="740"/>
        <v>3</v>
      </c>
      <c r="C6670" s="16">
        <v>6636</v>
      </c>
      <c r="D6670" cm="1">
        <f t="array" ref="D6670">IFERROR(INDEX(Jesper!AH$2:AH$366,ROUNDDOWN($C6670/24,0)+1,1)*INDEX($D$3:$AA$30,INDEX(Jesper!$R$2:$R$366,ROW(INDEX(Jesper!AH$2:AH$366,ROUNDDOWN($C6670/24,0)+1,1))-1)+IF('Standard Profiles'!$G$18=$B$10,7,0)+IF('Standard Profiles'!$G$18=$B$17,14,0)+IF('Standard Profiles'!$G$18=$B$24,21,0),MOD($C6670,24)+1)/SUM(INDEX($D$3:$AA$30,INDEX(Jesper!$R$2:$R$366,ROW(INDEX(Jesper!AH$2:AH$366,ROUNDDOWN($C6670/24,0)+1,1))-1)+IF('Standard Profiles'!$G$18=$B$10,7,0)+IF('Standard Profiles'!$G$18=$B$17,14,0)+IF('Standard Profiles'!$G$18=$B$24,21,0),0)),0)</f>
        <v>32.668059691421924</v>
      </c>
      <c r="E6670" cm="1">
        <f t="array" ref="E6670">IFERROR(INDEX(Jesper!AI$2:AI$366,ROUNDDOWN($C6670/24,0)+1,1)*INDEX($D$3:$AA$30,INDEX(Jesper!$R$2:$R$366,ROW(INDEX(Jesper!AI$2:AI$366,ROUNDDOWN($C6670/24,0)+1,1))-1)+IF('Standard Profiles'!$G$19=$B$10,7,0)+IF('Standard Profiles'!$G$19=$B$17,14,0)+IF('Standard Profiles'!$G$19=$B$24,21,0),MOD($C6670,24)+1)/SUM(INDEX($D$3:$AA$30,INDEX(Jesper!$R$2:$R$366,ROW(INDEX(Jesper!AI$2:AI$366,ROUNDDOWN($C6670/24,0)+1,1))-1)+IF('Standard Profiles'!$G$19=$B$10,7,0)+IF('Standard Profiles'!$G$19=$B$17,14,0)+IF('Standard Profiles'!$G$19=$B$24,21,0),0)),0)</f>
        <v>14.523261756080029</v>
      </c>
      <c r="F6670" cm="1">
        <f t="array" ref="F6670">IFERROR(INDEX(Jesper!AJ$2:AJ$366,ROUNDDOWN($C6670/24,0)+1,1)*INDEX($D$3:$AA$30,INDEX(Jesper!$R$2:$R$366,ROW(INDEX(Jesper!AJ$2:AJ$366,ROUNDDOWN($C6670/24,0)+1,1))-1)+IF('Standard Profiles'!$G$20=$B$10,7,0)+IF('Standard Profiles'!$G$20=$B$17,14,0)+IF('Standard Profiles'!$G$20=$B$24,21,0),MOD($C6670,24)+1)/SUM(INDEX($D$3:$AA$30,INDEX(Jesper!$R$2:$R$366,ROW(INDEX(Jesper!AJ$2:AJ$366,ROUNDDOWN($C6670/24,0)+1,1))-1)+IF('Standard Profiles'!$G$20=$B$10,7,0)+IF('Standard Profiles'!$G$20=$B$17,14,0)+IF('Standard Profiles'!$G$20=$B$24,21,0),0)),0)</f>
        <v>0</v>
      </c>
      <c r="G6670" cm="1">
        <f t="array" ref="G6670">IFERROR(INDEX(Jesper!AK$2:AK$366,ROUNDDOWN($C6670/24,0)+1,1)*INDEX($D$3:$AA$30,INDEX(Jesper!$R$2:$R$366,ROW(INDEX(Jesper!AK$2:AK$366,ROUNDDOWN($C6670/24,0)+1,1))-1)+IF('Standard Profiles'!$G$21=$B$10,7,0)+IF('Standard Profiles'!$G$21=$B$17,14,0)+IF('Standard Profiles'!$G$21=$B$24,21,0),MOD($C6670,24)+1)/SUM(INDEX($D$3:$AA$30,INDEX(Jesper!$R$2:$R$366,ROW(INDEX(Jesper!AK$2:AK$366,ROUNDDOWN($C6670/24,0)+1,1))-1)+IF('Standard Profiles'!$G$21=$B$10,7,0)+IF('Standard Profiles'!$G$21=$B$17,14,0)+IF('Standard Profiles'!$G$21=$B$24,21,0),0)),0)</f>
        <v>1.7018088876797743</v>
      </c>
      <c r="H6670" cm="1">
        <f t="array" ref="H6670">IFERROR(INDEX(Jesper!AL$2:AL$366,ROUNDDOWN($C6670/24,0)+1,1)*INDEX($D$3:$AA$30,INDEX(Jesper!$R$2:$R$366,ROW(INDEX(Jesper!AL$2:AL$366,ROUNDDOWN($C6670/24,0)+1,1))-1)+IF('Standard Profiles'!$G$22=$B$10,7,0)+IF('Standard Profiles'!$G$22=$B$17,14,0)+IF('Standard Profiles'!$G$22=$B$24,21,0),MOD($C6670,24)+1)/SUM(INDEX($D$3:$AA$30,INDEX(Jesper!$R$2:$R$366,ROW(INDEX(Jesper!AL$2:AL$366,ROUNDDOWN($C6670/24,0)+1,1))-1)+IF('Standard Profiles'!$G$22=$B$10,7,0)+IF('Standard Profiles'!$G$22=$B$17,14,0)+IF('Standard Profiles'!$G$22=$B$24,21,0),0)),0)</f>
        <v>0</v>
      </c>
      <c r="I6670">
        <f t="shared" si="741"/>
        <v>0.81686826608629126</v>
      </c>
      <c r="J6670">
        <f t="shared" si="742"/>
        <v>42.849372518467931</v>
      </c>
      <c r="K6670">
        <f t="shared" si="743"/>
        <v>3.484593033751672</v>
      </c>
      <c r="L6670">
        <f t="shared" si="744"/>
        <v>1.742296516875836</v>
      </c>
      <c r="M6670">
        <f t="shared" si="745"/>
        <v>0</v>
      </c>
      <c r="N6670" s="45">
        <f t="shared" si="746"/>
        <v>45203.499999983906</v>
      </c>
    </row>
    <row r="6671" spans="2:14" x14ac:dyDescent="0.25">
      <c r="B6671">
        <f t="shared" si="740"/>
        <v>3</v>
      </c>
      <c r="C6671" s="16">
        <v>6637</v>
      </c>
      <c r="D6671" cm="1">
        <f t="array" ref="D6671">IFERROR(INDEX(Jesper!AH$2:AH$366,ROUNDDOWN($C6671/24,0)+1,1)*INDEX($D$3:$AA$30,INDEX(Jesper!$R$2:$R$366,ROW(INDEX(Jesper!AH$2:AH$366,ROUNDDOWN($C6671/24,0)+1,1))-1)+IF('Standard Profiles'!$G$18=$B$10,7,0)+IF('Standard Profiles'!$G$18=$B$17,14,0)+IF('Standard Profiles'!$G$18=$B$24,21,0),MOD($C6671,24)+1)/SUM(INDEX($D$3:$AA$30,INDEX(Jesper!$R$2:$R$366,ROW(INDEX(Jesper!AH$2:AH$366,ROUNDDOWN($C6671/24,0)+1,1))-1)+IF('Standard Profiles'!$G$18=$B$10,7,0)+IF('Standard Profiles'!$G$18=$B$17,14,0)+IF('Standard Profiles'!$G$18=$B$24,21,0),0)),0)</f>
        <v>21.700925366444565</v>
      </c>
      <c r="E6671" cm="1">
        <f t="array" ref="E6671">IFERROR(INDEX(Jesper!AI$2:AI$366,ROUNDDOWN($C6671/24,0)+1,1)*INDEX($D$3:$AA$30,INDEX(Jesper!$R$2:$R$366,ROW(INDEX(Jesper!AI$2:AI$366,ROUNDDOWN($C6671/24,0)+1,1))-1)+IF('Standard Profiles'!$G$19=$B$10,7,0)+IF('Standard Profiles'!$G$19=$B$17,14,0)+IF('Standard Profiles'!$G$19=$B$24,21,0),MOD($C6671,24)+1)/SUM(INDEX($D$3:$AA$30,INDEX(Jesper!$R$2:$R$366,ROW(INDEX(Jesper!AI$2:AI$366,ROUNDDOWN($C6671/24,0)+1,1))-1)+IF('Standard Profiles'!$G$19=$B$10,7,0)+IF('Standard Profiles'!$G$19=$B$17,14,0)+IF('Standard Profiles'!$G$19=$B$24,21,0),0)),0)</f>
        <v>9.6475953093960207</v>
      </c>
      <c r="F6671" cm="1">
        <f t="array" ref="F6671">IFERROR(INDEX(Jesper!AJ$2:AJ$366,ROUNDDOWN($C6671/24,0)+1,1)*INDEX($D$3:$AA$30,INDEX(Jesper!$R$2:$R$366,ROW(INDEX(Jesper!AJ$2:AJ$366,ROUNDDOWN($C6671/24,0)+1,1))-1)+IF('Standard Profiles'!$G$20=$B$10,7,0)+IF('Standard Profiles'!$G$20=$B$17,14,0)+IF('Standard Profiles'!$G$20=$B$24,21,0),MOD($C6671,24)+1)/SUM(INDEX($D$3:$AA$30,INDEX(Jesper!$R$2:$R$366,ROW(INDEX(Jesper!AJ$2:AJ$366,ROUNDDOWN($C6671/24,0)+1,1))-1)+IF('Standard Profiles'!$G$20=$B$10,7,0)+IF('Standard Profiles'!$G$20=$B$17,14,0)+IF('Standard Profiles'!$G$20=$B$24,21,0),0)),0)</f>
        <v>0</v>
      </c>
      <c r="G6671" cm="1">
        <f t="array" ref="G6671">IFERROR(INDEX(Jesper!AK$2:AK$366,ROUNDDOWN($C6671/24,0)+1,1)*INDEX($D$3:$AA$30,INDEX(Jesper!$R$2:$R$366,ROW(INDEX(Jesper!AK$2:AK$366,ROUNDDOWN($C6671/24,0)+1,1))-1)+IF('Standard Profiles'!$G$21=$B$10,7,0)+IF('Standard Profiles'!$G$21=$B$17,14,0)+IF('Standard Profiles'!$G$21=$B$24,21,0),MOD($C6671,24)+1)/SUM(INDEX($D$3:$AA$30,INDEX(Jesper!$R$2:$R$366,ROW(INDEX(Jesper!AK$2:AK$366,ROUNDDOWN($C6671/24,0)+1,1))-1)+IF('Standard Profiles'!$G$21=$B$10,7,0)+IF('Standard Profiles'!$G$21=$B$17,14,0)+IF('Standard Profiles'!$G$21=$B$24,21,0),0)),0)</f>
        <v>1.1304873325301359</v>
      </c>
      <c r="H6671" cm="1">
        <f t="array" ref="H6671">IFERROR(INDEX(Jesper!AL$2:AL$366,ROUNDDOWN($C6671/24,0)+1,1)*INDEX($D$3:$AA$30,INDEX(Jesper!$R$2:$R$366,ROW(INDEX(Jesper!AL$2:AL$366,ROUNDDOWN($C6671/24,0)+1,1))-1)+IF('Standard Profiles'!$G$22=$B$10,7,0)+IF('Standard Profiles'!$G$22=$B$17,14,0)+IF('Standard Profiles'!$G$22=$B$24,21,0),MOD($C6671,24)+1)/SUM(INDEX($D$3:$AA$30,INDEX(Jesper!$R$2:$R$366,ROW(INDEX(Jesper!AL$2:AL$366,ROUNDDOWN($C6671/24,0)+1,1))-1)+IF('Standard Profiles'!$G$22=$B$10,7,0)+IF('Standard Profiles'!$G$22=$B$17,14,0)+IF('Standard Profiles'!$G$22=$B$24,21,0),0)),0)</f>
        <v>0</v>
      </c>
      <c r="I6671">
        <f t="shared" si="741"/>
        <v>0.54263391961446494</v>
      </c>
      <c r="J6671">
        <f t="shared" si="742"/>
        <v>28.464226030125126</v>
      </c>
      <c r="K6671">
        <f t="shared" si="743"/>
        <v>2.3147653724207538</v>
      </c>
      <c r="L6671">
        <f t="shared" si="744"/>
        <v>1.1573826862103769</v>
      </c>
      <c r="M6671">
        <f t="shared" si="745"/>
        <v>0</v>
      </c>
      <c r="N6671" s="45">
        <f t="shared" si="746"/>
        <v>45203.54166665057</v>
      </c>
    </row>
    <row r="6672" spans="2:14" x14ac:dyDescent="0.25">
      <c r="B6672">
        <f t="shared" si="740"/>
        <v>3</v>
      </c>
      <c r="C6672" s="16">
        <v>6638</v>
      </c>
      <c r="D6672" cm="1">
        <f t="array" ref="D6672">IFERROR(INDEX(Jesper!AH$2:AH$366,ROUNDDOWN($C6672/24,0)+1,1)*INDEX($D$3:$AA$30,INDEX(Jesper!$R$2:$R$366,ROW(INDEX(Jesper!AH$2:AH$366,ROUNDDOWN($C6672/24,0)+1,1))-1)+IF('Standard Profiles'!$G$18=$B$10,7,0)+IF('Standard Profiles'!$G$18=$B$17,14,0)+IF('Standard Profiles'!$G$18=$B$24,21,0),MOD($C6672,24)+1)/SUM(INDEX($D$3:$AA$30,INDEX(Jesper!$R$2:$R$366,ROW(INDEX(Jesper!AH$2:AH$366,ROUNDDOWN($C6672/24,0)+1,1))-1)+IF('Standard Profiles'!$G$18=$B$10,7,0)+IF('Standard Profiles'!$G$18=$B$17,14,0)+IF('Standard Profiles'!$G$18=$B$24,21,0),0)),0)</f>
        <v>32.668059691421924</v>
      </c>
      <c r="E6672" cm="1">
        <f t="array" ref="E6672">IFERROR(INDEX(Jesper!AI$2:AI$366,ROUNDDOWN($C6672/24,0)+1,1)*INDEX($D$3:$AA$30,INDEX(Jesper!$R$2:$R$366,ROW(INDEX(Jesper!AI$2:AI$366,ROUNDDOWN($C6672/24,0)+1,1))-1)+IF('Standard Profiles'!$G$19=$B$10,7,0)+IF('Standard Profiles'!$G$19=$B$17,14,0)+IF('Standard Profiles'!$G$19=$B$24,21,0),MOD($C6672,24)+1)/SUM(INDEX($D$3:$AA$30,INDEX(Jesper!$R$2:$R$366,ROW(INDEX(Jesper!AI$2:AI$366,ROUNDDOWN($C6672/24,0)+1,1))-1)+IF('Standard Profiles'!$G$19=$B$10,7,0)+IF('Standard Profiles'!$G$19=$B$17,14,0)+IF('Standard Profiles'!$G$19=$B$24,21,0),0)),0)</f>
        <v>14.523261756080029</v>
      </c>
      <c r="F6672" cm="1">
        <f t="array" ref="F6672">IFERROR(INDEX(Jesper!AJ$2:AJ$366,ROUNDDOWN($C6672/24,0)+1,1)*INDEX($D$3:$AA$30,INDEX(Jesper!$R$2:$R$366,ROW(INDEX(Jesper!AJ$2:AJ$366,ROUNDDOWN($C6672/24,0)+1,1))-1)+IF('Standard Profiles'!$G$20=$B$10,7,0)+IF('Standard Profiles'!$G$20=$B$17,14,0)+IF('Standard Profiles'!$G$20=$B$24,21,0),MOD($C6672,24)+1)/SUM(INDEX($D$3:$AA$30,INDEX(Jesper!$R$2:$R$366,ROW(INDEX(Jesper!AJ$2:AJ$366,ROUNDDOWN($C6672/24,0)+1,1))-1)+IF('Standard Profiles'!$G$20=$B$10,7,0)+IF('Standard Profiles'!$G$20=$B$17,14,0)+IF('Standard Profiles'!$G$20=$B$24,21,0),0)),0)</f>
        <v>0</v>
      </c>
      <c r="G6672" cm="1">
        <f t="array" ref="G6672">IFERROR(INDEX(Jesper!AK$2:AK$366,ROUNDDOWN($C6672/24,0)+1,1)*INDEX($D$3:$AA$30,INDEX(Jesper!$R$2:$R$366,ROW(INDEX(Jesper!AK$2:AK$366,ROUNDDOWN($C6672/24,0)+1,1))-1)+IF('Standard Profiles'!$G$21=$B$10,7,0)+IF('Standard Profiles'!$G$21=$B$17,14,0)+IF('Standard Profiles'!$G$21=$B$24,21,0),MOD($C6672,24)+1)/SUM(INDEX($D$3:$AA$30,INDEX(Jesper!$R$2:$R$366,ROW(INDEX(Jesper!AK$2:AK$366,ROUNDDOWN($C6672/24,0)+1,1))-1)+IF('Standard Profiles'!$G$21=$B$10,7,0)+IF('Standard Profiles'!$G$21=$B$17,14,0)+IF('Standard Profiles'!$G$21=$B$24,21,0),0)),0)</f>
        <v>1.7018088876797743</v>
      </c>
      <c r="H6672" cm="1">
        <f t="array" ref="H6672">IFERROR(INDEX(Jesper!AL$2:AL$366,ROUNDDOWN($C6672/24,0)+1,1)*INDEX($D$3:$AA$30,INDEX(Jesper!$R$2:$R$366,ROW(INDEX(Jesper!AL$2:AL$366,ROUNDDOWN($C6672/24,0)+1,1))-1)+IF('Standard Profiles'!$G$22=$B$10,7,0)+IF('Standard Profiles'!$G$22=$B$17,14,0)+IF('Standard Profiles'!$G$22=$B$24,21,0),MOD($C6672,24)+1)/SUM(INDEX($D$3:$AA$30,INDEX(Jesper!$R$2:$R$366,ROW(INDEX(Jesper!AL$2:AL$366,ROUNDDOWN($C6672/24,0)+1,1))-1)+IF('Standard Profiles'!$G$22=$B$10,7,0)+IF('Standard Profiles'!$G$22=$B$17,14,0)+IF('Standard Profiles'!$G$22=$B$24,21,0),0)),0)</f>
        <v>0</v>
      </c>
      <c r="I6672">
        <f t="shared" si="741"/>
        <v>0.81686826608629126</v>
      </c>
      <c r="J6672">
        <f t="shared" si="742"/>
        <v>42.849372518467931</v>
      </c>
      <c r="K6672">
        <f t="shared" si="743"/>
        <v>3.484593033751672</v>
      </c>
      <c r="L6672">
        <f t="shared" si="744"/>
        <v>1.742296516875836</v>
      </c>
      <c r="M6672">
        <f t="shared" si="745"/>
        <v>0</v>
      </c>
      <c r="N6672" s="45">
        <f t="shared" si="746"/>
        <v>45203.583333317234</v>
      </c>
    </row>
    <row r="6673" spans="2:14" x14ac:dyDescent="0.25">
      <c r="B6673">
        <f t="shared" si="740"/>
        <v>3</v>
      </c>
      <c r="C6673" s="16">
        <v>6639</v>
      </c>
      <c r="D6673" cm="1">
        <f t="array" ref="D6673">IFERROR(INDEX(Jesper!AH$2:AH$366,ROUNDDOWN($C6673/24,0)+1,1)*INDEX($D$3:$AA$30,INDEX(Jesper!$R$2:$R$366,ROW(INDEX(Jesper!AH$2:AH$366,ROUNDDOWN($C6673/24,0)+1,1))-1)+IF('Standard Profiles'!$G$18=$B$10,7,0)+IF('Standard Profiles'!$G$18=$B$17,14,0)+IF('Standard Profiles'!$G$18=$B$24,21,0),MOD($C6673,24)+1)/SUM(INDEX($D$3:$AA$30,INDEX(Jesper!$R$2:$R$366,ROW(INDEX(Jesper!AH$2:AH$366,ROUNDDOWN($C6673/24,0)+1,1))-1)+IF('Standard Profiles'!$G$18=$B$10,7,0)+IF('Standard Profiles'!$G$18=$B$17,14,0)+IF('Standard Profiles'!$G$18=$B$24,21,0),0)),0)</f>
        <v>32.668059691421924</v>
      </c>
      <c r="E6673" cm="1">
        <f t="array" ref="E6673">IFERROR(INDEX(Jesper!AI$2:AI$366,ROUNDDOWN($C6673/24,0)+1,1)*INDEX($D$3:$AA$30,INDEX(Jesper!$R$2:$R$366,ROW(INDEX(Jesper!AI$2:AI$366,ROUNDDOWN($C6673/24,0)+1,1))-1)+IF('Standard Profiles'!$G$19=$B$10,7,0)+IF('Standard Profiles'!$G$19=$B$17,14,0)+IF('Standard Profiles'!$G$19=$B$24,21,0),MOD($C6673,24)+1)/SUM(INDEX($D$3:$AA$30,INDEX(Jesper!$R$2:$R$366,ROW(INDEX(Jesper!AI$2:AI$366,ROUNDDOWN($C6673/24,0)+1,1))-1)+IF('Standard Profiles'!$G$19=$B$10,7,0)+IF('Standard Profiles'!$G$19=$B$17,14,0)+IF('Standard Profiles'!$G$19=$B$24,21,0),0)),0)</f>
        <v>14.523261756080029</v>
      </c>
      <c r="F6673" cm="1">
        <f t="array" ref="F6673">IFERROR(INDEX(Jesper!AJ$2:AJ$366,ROUNDDOWN($C6673/24,0)+1,1)*INDEX($D$3:$AA$30,INDEX(Jesper!$R$2:$R$366,ROW(INDEX(Jesper!AJ$2:AJ$366,ROUNDDOWN($C6673/24,0)+1,1))-1)+IF('Standard Profiles'!$G$20=$B$10,7,0)+IF('Standard Profiles'!$G$20=$B$17,14,0)+IF('Standard Profiles'!$G$20=$B$24,21,0),MOD($C6673,24)+1)/SUM(INDEX($D$3:$AA$30,INDEX(Jesper!$R$2:$R$366,ROW(INDEX(Jesper!AJ$2:AJ$366,ROUNDDOWN($C6673/24,0)+1,1))-1)+IF('Standard Profiles'!$G$20=$B$10,7,0)+IF('Standard Profiles'!$G$20=$B$17,14,0)+IF('Standard Profiles'!$G$20=$B$24,21,0),0)),0)</f>
        <v>0</v>
      </c>
      <c r="G6673" cm="1">
        <f t="array" ref="G6673">IFERROR(INDEX(Jesper!AK$2:AK$366,ROUNDDOWN($C6673/24,0)+1,1)*INDEX($D$3:$AA$30,INDEX(Jesper!$R$2:$R$366,ROW(INDEX(Jesper!AK$2:AK$366,ROUNDDOWN($C6673/24,0)+1,1))-1)+IF('Standard Profiles'!$G$21=$B$10,7,0)+IF('Standard Profiles'!$G$21=$B$17,14,0)+IF('Standard Profiles'!$G$21=$B$24,21,0),MOD($C6673,24)+1)/SUM(INDEX($D$3:$AA$30,INDEX(Jesper!$R$2:$R$366,ROW(INDEX(Jesper!AK$2:AK$366,ROUNDDOWN($C6673/24,0)+1,1))-1)+IF('Standard Profiles'!$G$21=$B$10,7,0)+IF('Standard Profiles'!$G$21=$B$17,14,0)+IF('Standard Profiles'!$G$21=$B$24,21,0),0)),0)</f>
        <v>1.7018088876797743</v>
      </c>
      <c r="H6673" cm="1">
        <f t="array" ref="H6673">IFERROR(INDEX(Jesper!AL$2:AL$366,ROUNDDOWN($C6673/24,0)+1,1)*INDEX($D$3:$AA$30,INDEX(Jesper!$R$2:$R$366,ROW(INDEX(Jesper!AL$2:AL$366,ROUNDDOWN($C6673/24,0)+1,1))-1)+IF('Standard Profiles'!$G$22=$B$10,7,0)+IF('Standard Profiles'!$G$22=$B$17,14,0)+IF('Standard Profiles'!$G$22=$B$24,21,0),MOD($C6673,24)+1)/SUM(INDEX($D$3:$AA$30,INDEX(Jesper!$R$2:$R$366,ROW(INDEX(Jesper!AL$2:AL$366,ROUNDDOWN($C6673/24,0)+1,1))-1)+IF('Standard Profiles'!$G$22=$B$10,7,0)+IF('Standard Profiles'!$G$22=$B$17,14,0)+IF('Standard Profiles'!$G$22=$B$24,21,0),0)),0)</f>
        <v>0</v>
      </c>
      <c r="I6673">
        <f t="shared" si="741"/>
        <v>0.81686826608629126</v>
      </c>
      <c r="J6673">
        <f t="shared" si="742"/>
        <v>42.849372518467931</v>
      </c>
      <c r="K6673">
        <f t="shared" si="743"/>
        <v>3.484593033751672</v>
      </c>
      <c r="L6673">
        <f t="shared" si="744"/>
        <v>1.742296516875836</v>
      </c>
      <c r="M6673">
        <f t="shared" si="745"/>
        <v>0</v>
      </c>
      <c r="N6673" s="45">
        <f t="shared" si="746"/>
        <v>45203.624999983898</v>
      </c>
    </row>
    <row r="6674" spans="2:14" x14ac:dyDescent="0.25">
      <c r="B6674">
        <f t="shared" si="740"/>
        <v>3</v>
      </c>
      <c r="C6674" s="16">
        <v>6640</v>
      </c>
      <c r="D6674" cm="1">
        <f t="array" ref="D6674">IFERROR(INDEX(Jesper!AH$2:AH$366,ROUNDDOWN($C6674/24,0)+1,1)*INDEX($D$3:$AA$30,INDEX(Jesper!$R$2:$R$366,ROW(INDEX(Jesper!AH$2:AH$366,ROUNDDOWN($C6674/24,0)+1,1))-1)+IF('Standard Profiles'!$G$18=$B$10,7,0)+IF('Standard Profiles'!$G$18=$B$17,14,0)+IF('Standard Profiles'!$G$18=$B$24,21,0),MOD($C6674,24)+1)/SUM(INDEX($D$3:$AA$30,INDEX(Jesper!$R$2:$R$366,ROW(INDEX(Jesper!AH$2:AH$366,ROUNDDOWN($C6674/24,0)+1,1))-1)+IF('Standard Profiles'!$G$18=$B$10,7,0)+IF('Standard Profiles'!$G$18=$B$17,14,0)+IF('Standard Profiles'!$G$18=$B$24,21,0),0)),0)</f>
        <v>19.250820889587921</v>
      </c>
      <c r="E6674" cm="1">
        <f t="array" ref="E6674">IFERROR(INDEX(Jesper!AI$2:AI$366,ROUNDDOWN($C6674/24,0)+1,1)*INDEX($D$3:$AA$30,INDEX(Jesper!$R$2:$R$366,ROW(INDEX(Jesper!AI$2:AI$366,ROUNDDOWN($C6674/24,0)+1,1))-1)+IF('Standard Profiles'!$G$19=$B$10,7,0)+IF('Standard Profiles'!$G$19=$B$17,14,0)+IF('Standard Profiles'!$G$19=$B$24,21,0),MOD($C6674,24)+1)/SUM(INDEX($D$3:$AA$30,INDEX(Jesper!$R$2:$R$366,ROW(INDEX(Jesper!AI$2:AI$366,ROUNDDOWN($C6674/24,0)+1,1))-1)+IF('Standard Profiles'!$G$19=$B$10,7,0)+IF('Standard Profiles'!$G$19=$B$17,14,0)+IF('Standard Profiles'!$G$19=$B$24,21,0),0)),0)</f>
        <v>8.5583506776900187</v>
      </c>
      <c r="F6674" cm="1">
        <f t="array" ref="F6674">IFERROR(INDEX(Jesper!AJ$2:AJ$366,ROUNDDOWN($C6674/24,0)+1,1)*INDEX($D$3:$AA$30,INDEX(Jesper!$R$2:$R$366,ROW(INDEX(Jesper!AJ$2:AJ$366,ROUNDDOWN($C6674/24,0)+1,1))-1)+IF('Standard Profiles'!$G$20=$B$10,7,0)+IF('Standard Profiles'!$G$20=$B$17,14,0)+IF('Standard Profiles'!$G$20=$B$24,21,0),MOD($C6674,24)+1)/SUM(INDEX($D$3:$AA$30,INDEX(Jesper!$R$2:$R$366,ROW(INDEX(Jesper!AJ$2:AJ$366,ROUNDDOWN($C6674/24,0)+1,1))-1)+IF('Standard Profiles'!$G$20=$B$10,7,0)+IF('Standard Profiles'!$G$20=$B$17,14,0)+IF('Standard Profiles'!$G$20=$B$24,21,0),0)),0)</f>
        <v>0</v>
      </c>
      <c r="G6674" cm="1">
        <f t="array" ref="G6674">IFERROR(INDEX(Jesper!AK$2:AK$366,ROUNDDOWN($C6674/24,0)+1,1)*INDEX($D$3:$AA$30,INDEX(Jesper!$R$2:$R$366,ROW(INDEX(Jesper!AK$2:AK$366,ROUNDDOWN($C6674/24,0)+1,1))-1)+IF('Standard Profiles'!$G$21=$B$10,7,0)+IF('Standard Profiles'!$G$21=$B$17,14,0)+IF('Standard Profiles'!$G$21=$B$24,21,0),MOD($C6674,24)+1)/SUM(INDEX($D$3:$AA$30,INDEX(Jesper!$R$2:$R$366,ROW(INDEX(Jesper!AK$2:AK$366,ROUNDDOWN($C6674/24,0)+1,1))-1)+IF('Standard Profiles'!$G$21=$B$10,7,0)+IF('Standard Profiles'!$G$21=$B$17,14,0)+IF('Standard Profiles'!$G$21=$B$24,21,0),0)),0)</f>
        <v>1.422016416614196</v>
      </c>
      <c r="H6674" cm="1">
        <f t="array" ref="H6674">IFERROR(INDEX(Jesper!AL$2:AL$366,ROUNDDOWN($C6674/24,0)+1,1)*INDEX($D$3:$AA$30,INDEX(Jesper!$R$2:$R$366,ROW(INDEX(Jesper!AL$2:AL$366,ROUNDDOWN($C6674/24,0)+1,1))-1)+IF('Standard Profiles'!$G$22=$B$10,7,0)+IF('Standard Profiles'!$G$22=$B$17,14,0)+IF('Standard Profiles'!$G$22=$B$24,21,0),MOD($C6674,24)+1)/SUM(INDEX($D$3:$AA$30,INDEX(Jesper!$R$2:$R$366,ROW(INDEX(Jesper!AL$2:AL$366,ROUNDDOWN($C6674/24,0)+1,1))-1)+IF('Standard Profiles'!$G$22=$B$10,7,0)+IF('Standard Profiles'!$G$22=$B$17,14,0)+IF('Standard Profiles'!$G$22=$B$24,21,0),0)),0)</f>
        <v>0</v>
      </c>
      <c r="I6674">
        <f t="shared" si="741"/>
        <v>0.68256787997481372</v>
      </c>
      <c r="J6674">
        <f t="shared" si="742"/>
        <v>25.468488761583256</v>
      </c>
      <c r="K6674">
        <f t="shared" si="743"/>
        <v>2.0534208948893782</v>
      </c>
      <c r="L6674">
        <f t="shared" si="744"/>
        <v>1.0267104474446891</v>
      </c>
      <c r="M6674">
        <f t="shared" si="745"/>
        <v>0</v>
      </c>
      <c r="N6674" s="45">
        <f t="shared" si="746"/>
        <v>45203.666666650563</v>
      </c>
    </row>
    <row r="6675" spans="2:14" x14ac:dyDescent="0.25">
      <c r="B6675">
        <f t="shared" si="740"/>
        <v>3</v>
      </c>
      <c r="C6675" s="16">
        <v>6641</v>
      </c>
      <c r="D6675" cm="1">
        <f t="array" ref="D6675">IFERROR(INDEX(Jesper!AH$2:AH$366,ROUNDDOWN($C6675/24,0)+1,1)*INDEX($D$3:$AA$30,INDEX(Jesper!$R$2:$R$366,ROW(INDEX(Jesper!AH$2:AH$366,ROUNDDOWN($C6675/24,0)+1,1))-1)+IF('Standard Profiles'!$G$18=$B$10,7,0)+IF('Standard Profiles'!$G$18=$B$17,14,0)+IF('Standard Profiles'!$G$18=$B$24,21,0),MOD($C6675,24)+1)/SUM(INDEX($D$3:$AA$30,INDEX(Jesper!$R$2:$R$366,ROW(INDEX(Jesper!AH$2:AH$366,ROUNDDOWN($C6675/24,0)+1,1))-1)+IF('Standard Profiles'!$G$18=$B$10,7,0)+IF('Standard Profiles'!$G$18=$B$17,14,0)+IF('Standard Profiles'!$G$18=$B$24,21,0),0)),0)</f>
        <v>8.2163127996534033</v>
      </c>
      <c r="E6675" cm="1">
        <f t="array" ref="E6675">IFERROR(INDEX(Jesper!AI$2:AI$366,ROUNDDOWN($C6675/24,0)+1,1)*INDEX($D$3:$AA$30,INDEX(Jesper!$R$2:$R$366,ROW(INDEX(Jesper!AI$2:AI$366,ROUNDDOWN($C6675/24,0)+1,1))-1)+IF('Standard Profiles'!$G$19=$B$10,7,0)+IF('Standard Profiles'!$G$19=$B$17,14,0)+IF('Standard Profiles'!$G$19=$B$24,21,0),MOD($C6675,24)+1)/SUM(INDEX($D$3:$AA$30,INDEX(Jesper!$R$2:$R$366,ROW(INDEX(Jesper!AI$2:AI$366,ROUNDDOWN($C6675/24,0)+1,1))-1)+IF('Standard Profiles'!$G$19=$B$10,7,0)+IF('Standard Profiles'!$G$19=$B$17,14,0)+IF('Standard Profiles'!$G$19=$B$24,21,0),0)),0)</f>
        <v>3.652731830000008</v>
      </c>
      <c r="F6675" cm="1">
        <f t="array" ref="F6675">IFERROR(INDEX(Jesper!AJ$2:AJ$366,ROUNDDOWN($C6675/24,0)+1,1)*INDEX($D$3:$AA$30,INDEX(Jesper!$R$2:$R$366,ROW(INDEX(Jesper!AJ$2:AJ$366,ROUNDDOWN($C6675/24,0)+1,1))-1)+IF('Standard Profiles'!$G$20=$B$10,7,0)+IF('Standard Profiles'!$G$20=$B$17,14,0)+IF('Standard Profiles'!$G$20=$B$24,21,0),MOD($C6675,24)+1)/SUM(INDEX($D$3:$AA$30,INDEX(Jesper!$R$2:$R$366,ROW(INDEX(Jesper!AJ$2:AJ$366,ROUNDDOWN($C6675/24,0)+1,1))-1)+IF('Standard Profiles'!$G$20=$B$10,7,0)+IF('Standard Profiles'!$G$20=$B$17,14,0)+IF('Standard Profiles'!$G$20=$B$24,21,0),0)),0)</f>
        <v>0</v>
      </c>
      <c r="G6675" cm="1">
        <f t="array" ref="G6675">IFERROR(INDEX(Jesper!AK$2:AK$366,ROUNDDOWN($C6675/24,0)+1,1)*INDEX($D$3:$AA$30,INDEX(Jesper!$R$2:$R$366,ROW(INDEX(Jesper!AK$2:AK$366,ROUNDDOWN($C6675/24,0)+1,1))-1)+IF('Standard Profiles'!$G$21=$B$10,7,0)+IF('Standard Profiles'!$G$21=$B$17,14,0)+IF('Standard Profiles'!$G$21=$B$24,21,0),MOD($C6675,24)+1)/SUM(INDEX($D$3:$AA$30,INDEX(Jesper!$R$2:$R$366,ROW(INDEX(Jesper!AK$2:AK$366,ROUNDDOWN($C6675/24,0)+1,1))-1)+IF('Standard Profiles'!$G$21=$B$10,7,0)+IF('Standard Profiles'!$G$21=$B$17,14,0)+IF('Standard Profiles'!$G$21=$B$24,21,0),0)),0)</f>
        <v>1.1306969149054658</v>
      </c>
      <c r="H6675" cm="1">
        <f t="array" ref="H6675">IFERROR(INDEX(Jesper!AL$2:AL$366,ROUNDDOWN($C6675/24,0)+1,1)*INDEX($D$3:$AA$30,INDEX(Jesper!$R$2:$R$366,ROW(INDEX(Jesper!AL$2:AL$366,ROUNDDOWN($C6675/24,0)+1,1))-1)+IF('Standard Profiles'!$G$22=$B$10,7,0)+IF('Standard Profiles'!$G$22=$B$17,14,0)+IF('Standard Profiles'!$G$22=$B$24,21,0),MOD($C6675,24)+1)/SUM(INDEX($D$3:$AA$30,INDEX(Jesper!$R$2:$R$366,ROW(INDEX(Jesper!AL$2:AL$366,ROUNDDOWN($C6675/24,0)+1,1))-1)+IF('Standard Profiles'!$G$22=$B$10,7,0)+IF('Standard Profiles'!$G$22=$B$17,14,0)+IF('Standard Profiles'!$G$22=$B$24,21,0),0)),0)</f>
        <v>0</v>
      </c>
      <c r="I6675">
        <f t="shared" si="741"/>
        <v>0.54273451915462334</v>
      </c>
      <c r="J6675">
        <f t="shared" si="742"/>
        <v>11.142396977459709</v>
      </c>
      <c r="K6675">
        <f t="shared" si="743"/>
        <v>0.87640669862969645</v>
      </c>
      <c r="L6675">
        <f t="shared" si="744"/>
        <v>0.43820334931484822</v>
      </c>
      <c r="M6675">
        <f t="shared" si="745"/>
        <v>0</v>
      </c>
      <c r="N6675" s="45">
        <f t="shared" si="746"/>
        <v>45203.708333317227</v>
      </c>
    </row>
    <row r="6676" spans="2:14" x14ac:dyDescent="0.25">
      <c r="B6676">
        <f t="shared" si="740"/>
        <v>3</v>
      </c>
      <c r="C6676" s="16">
        <v>6642</v>
      </c>
      <c r="D6676" cm="1">
        <f t="array" ref="D6676">IFERROR(INDEX(Jesper!AH$2:AH$366,ROUNDDOWN($C6676/24,0)+1,1)*INDEX($D$3:$AA$30,INDEX(Jesper!$R$2:$R$366,ROW(INDEX(Jesper!AH$2:AH$366,ROUNDDOWN($C6676/24,0)+1,1))-1)+IF('Standard Profiles'!$G$18=$B$10,7,0)+IF('Standard Profiles'!$G$18=$B$17,14,0)+IF('Standard Profiles'!$G$18=$B$24,21,0),MOD($C6676,24)+1)/SUM(INDEX($D$3:$AA$30,INDEX(Jesper!$R$2:$R$366,ROW(INDEX(Jesper!AH$2:AH$366,ROUNDDOWN($C6676/24,0)+1,1))-1)+IF('Standard Profiles'!$G$18=$B$10,7,0)+IF('Standard Profiles'!$G$18=$B$17,14,0)+IF('Standard Profiles'!$G$18=$B$24,21,0),0)),0)</f>
        <v>5.4227664477712461</v>
      </c>
      <c r="E6676" cm="1">
        <f t="array" ref="E6676">IFERROR(INDEX(Jesper!AI$2:AI$366,ROUNDDOWN($C6676/24,0)+1,1)*INDEX($D$3:$AA$30,INDEX(Jesper!$R$2:$R$366,ROW(INDEX(Jesper!AI$2:AI$366,ROUNDDOWN($C6676/24,0)+1,1))-1)+IF('Standard Profiles'!$G$19=$B$10,7,0)+IF('Standard Profiles'!$G$19=$B$17,14,0)+IF('Standard Profiles'!$G$19=$B$24,21,0),MOD($C6676,24)+1)/SUM(INDEX($D$3:$AA$30,INDEX(Jesper!$R$2:$R$366,ROW(INDEX(Jesper!AI$2:AI$366,ROUNDDOWN($C6676/24,0)+1,1))-1)+IF('Standard Profiles'!$G$19=$B$10,7,0)+IF('Standard Profiles'!$G$19=$B$17,14,0)+IF('Standard Profiles'!$G$19=$B$24,21,0),0)),0)</f>
        <v>2.4108030078000056</v>
      </c>
      <c r="F6676" cm="1">
        <f t="array" ref="F6676">IFERROR(INDEX(Jesper!AJ$2:AJ$366,ROUNDDOWN($C6676/24,0)+1,1)*INDEX($D$3:$AA$30,INDEX(Jesper!$R$2:$R$366,ROW(INDEX(Jesper!AJ$2:AJ$366,ROUNDDOWN($C6676/24,0)+1,1))-1)+IF('Standard Profiles'!$G$20=$B$10,7,0)+IF('Standard Profiles'!$G$20=$B$17,14,0)+IF('Standard Profiles'!$G$20=$B$24,21,0),MOD($C6676,24)+1)/SUM(INDEX($D$3:$AA$30,INDEX(Jesper!$R$2:$R$366,ROW(INDEX(Jesper!AJ$2:AJ$366,ROUNDDOWN($C6676/24,0)+1,1))-1)+IF('Standard Profiles'!$G$20=$B$10,7,0)+IF('Standard Profiles'!$G$20=$B$17,14,0)+IF('Standard Profiles'!$G$20=$B$24,21,0),0)),0)</f>
        <v>0</v>
      </c>
      <c r="G6676" cm="1">
        <f t="array" ref="G6676">IFERROR(INDEX(Jesper!AK$2:AK$366,ROUNDDOWN($C6676/24,0)+1,1)*INDEX($D$3:$AA$30,INDEX(Jesper!$R$2:$R$366,ROW(INDEX(Jesper!AK$2:AK$366,ROUNDDOWN($C6676/24,0)+1,1))-1)+IF('Standard Profiles'!$G$21=$B$10,7,0)+IF('Standard Profiles'!$G$21=$B$17,14,0)+IF('Standard Profiles'!$G$21=$B$24,21,0),MOD($C6676,24)+1)/SUM(INDEX($D$3:$AA$30,INDEX(Jesper!$R$2:$R$366,ROW(INDEX(Jesper!AK$2:AK$366,ROUNDDOWN($C6676/24,0)+1,1))-1)+IF('Standard Profiles'!$G$21=$B$10,7,0)+IF('Standard Profiles'!$G$21=$B$17,14,0)+IF('Standard Profiles'!$G$21=$B$24,21,0),0)),0)</f>
        <v>0.419164750660043</v>
      </c>
      <c r="H6676" cm="1">
        <f t="array" ref="H6676">IFERROR(INDEX(Jesper!AL$2:AL$366,ROUNDDOWN($C6676/24,0)+1,1)*INDEX($D$3:$AA$30,INDEX(Jesper!$R$2:$R$366,ROW(INDEX(Jesper!AL$2:AL$366,ROUNDDOWN($C6676/24,0)+1,1))-1)+IF('Standard Profiles'!$G$22=$B$10,7,0)+IF('Standard Profiles'!$G$22=$B$17,14,0)+IF('Standard Profiles'!$G$22=$B$24,21,0),MOD($C6676,24)+1)/SUM(INDEX($D$3:$AA$30,INDEX(Jesper!$R$2:$R$366,ROW(INDEX(Jesper!AL$2:AL$366,ROUNDDOWN($C6676/24,0)+1,1))-1)+IF('Standard Profiles'!$G$22=$B$10,7,0)+IF('Standard Profiles'!$G$22=$B$17,14,0)+IF('Standard Profiles'!$G$22=$B$24,21,0),0)),0)</f>
        <v>0</v>
      </c>
      <c r="I6676">
        <f t="shared" si="741"/>
        <v>0.20119908031682054</v>
      </c>
      <c r="J6676">
        <f t="shared" si="742"/>
        <v>7.183892494271074</v>
      </c>
      <c r="K6676">
        <f t="shared" si="743"/>
        <v>0.57842842109559967</v>
      </c>
      <c r="L6676">
        <f t="shared" si="744"/>
        <v>0.28921421054779983</v>
      </c>
      <c r="M6676">
        <f t="shared" si="745"/>
        <v>0</v>
      </c>
      <c r="N6676" s="45">
        <f t="shared" si="746"/>
        <v>45203.749999983891</v>
      </c>
    </row>
    <row r="6677" spans="2:14" x14ac:dyDescent="0.25">
      <c r="B6677">
        <f t="shared" si="740"/>
        <v>3</v>
      </c>
      <c r="C6677" s="16">
        <v>6643</v>
      </c>
      <c r="D6677" cm="1">
        <f t="array" ref="D6677">IFERROR(INDEX(Jesper!AH$2:AH$366,ROUNDDOWN($C6677/24,0)+1,1)*INDEX($D$3:$AA$30,INDEX(Jesper!$R$2:$R$366,ROW(INDEX(Jesper!AH$2:AH$366,ROUNDDOWN($C6677/24,0)+1,1))-1)+IF('Standard Profiles'!$G$18=$B$10,7,0)+IF('Standard Profiles'!$G$18=$B$17,14,0)+IF('Standard Profiles'!$G$18=$B$24,21,0),MOD($C6677,24)+1)/SUM(INDEX($D$3:$AA$30,INDEX(Jesper!$R$2:$R$366,ROW(INDEX(Jesper!AH$2:AH$366,ROUNDDOWN($C6677/24,0)+1,1))-1)+IF('Standard Profiles'!$G$18=$B$10,7,0)+IF('Standard Profiles'!$G$18=$B$17,14,0)+IF('Standard Profiles'!$G$18=$B$24,21,0),0)),0)</f>
        <v>5.4227664477712461</v>
      </c>
      <c r="E6677" cm="1">
        <f t="array" ref="E6677">IFERROR(INDEX(Jesper!AI$2:AI$366,ROUNDDOWN($C6677/24,0)+1,1)*INDEX($D$3:$AA$30,INDEX(Jesper!$R$2:$R$366,ROW(INDEX(Jesper!AI$2:AI$366,ROUNDDOWN($C6677/24,0)+1,1))-1)+IF('Standard Profiles'!$G$19=$B$10,7,0)+IF('Standard Profiles'!$G$19=$B$17,14,0)+IF('Standard Profiles'!$G$19=$B$24,21,0),MOD($C6677,24)+1)/SUM(INDEX($D$3:$AA$30,INDEX(Jesper!$R$2:$R$366,ROW(INDEX(Jesper!AI$2:AI$366,ROUNDDOWN($C6677/24,0)+1,1))-1)+IF('Standard Profiles'!$G$19=$B$10,7,0)+IF('Standard Profiles'!$G$19=$B$17,14,0)+IF('Standard Profiles'!$G$19=$B$24,21,0),0)),0)</f>
        <v>2.4108030078000056</v>
      </c>
      <c r="F6677" cm="1">
        <f t="array" ref="F6677">IFERROR(INDEX(Jesper!AJ$2:AJ$366,ROUNDDOWN($C6677/24,0)+1,1)*INDEX($D$3:$AA$30,INDEX(Jesper!$R$2:$R$366,ROW(INDEX(Jesper!AJ$2:AJ$366,ROUNDDOWN($C6677/24,0)+1,1))-1)+IF('Standard Profiles'!$G$20=$B$10,7,0)+IF('Standard Profiles'!$G$20=$B$17,14,0)+IF('Standard Profiles'!$G$20=$B$24,21,0),MOD($C6677,24)+1)/SUM(INDEX($D$3:$AA$30,INDEX(Jesper!$R$2:$R$366,ROW(INDEX(Jesper!AJ$2:AJ$366,ROUNDDOWN($C6677/24,0)+1,1))-1)+IF('Standard Profiles'!$G$20=$B$10,7,0)+IF('Standard Profiles'!$G$20=$B$17,14,0)+IF('Standard Profiles'!$G$20=$B$24,21,0),0)),0)</f>
        <v>0</v>
      </c>
      <c r="G6677" cm="1">
        <f t="array" ref="G6677">IFERROR(INDEX(Jesper!AK$2:AK$366,ROUNDDOWN($C6677/24,0)+1,1)*INDEX($D$3:$AA$30,INDEX(Jesper!$R$2:$R$366,ROW(INDEX(Jesper!AK$2:AK$366,ROUNDDOWN($C6677/24,0)+1,1))-1)+IF('Standard Profiles'!$G$21=$B$10,7,0)+IF('Standard Profiles'!$G$21=$B$17,14,0)+IF('Standard Profiles'!$G$21=$B$24,21,0),MOD($C6677,24)+1)/SUM(INDEX($D$3:$AA$30,INDEX(Jesper!$R$2:$R$366,ROW(INDEX(Jesper!AK$2:AK$366,ROUNDDOWN($C6677/24,0)+1,1))-1)+IF('Standard Profiles'!$G$21=$B$10,7,0)+IF('Standard Profiles'!$G$21=$B$17,14,0)+IF('Standard Profiles'!$G$21=$B$24,21,0),0)),0)</f>
        <v>0.419164750660043</v>
      </c>
      <c r="H6677" cm="1">
        <f t="array" ref="H6677">IFERROR(INDEX(Jesper!AL$2:AL$366,ROUNDDOWN($C6677/24,0)+1,1)*INDEX($D$3:$AA$30,INDEX(Jesper!$R$2:$R$366,ROW(INDEX(Jesper!AL$2:AL$366,ROUNDDOWN($C6677/24,0)+1,1))-1)+IF('Standard Profiles'!$G$22=$B$10,7,0)+IF('Standard Profiles'!$G$22=$B$17,14,0)+IF('Standard Profiles'!$G$22=$B$24,21,0),MOD($C6677,24)+1)/SUM(INDEX($D$3:$AA$30,INDEX(Jesper!$R$2:$R$366,ROW(INDEX(Jesper!AL$2:AL$366,ROUNDDOWN($C6677/24,0)+1,1))-1)+IF('Standard Profiles'!$G$22=$B$10,7,0)+IF('Standard Profiles'!$G$22=$B$17,14,0)+IF('Standard Profiles'!$G$22=$B$24,21,0),0)),0)</f>
        <v>0</v>
      </c>
      <c r="I6677">
        <f t="shared" si="741"/>
        <v>0.20119908031682054</v>
      </c>
      <c r="J6677">
        <f t="shared" si="742"/>
        <v>7.183892494271074</v>
      </c>
      <c r="K6677">
        <f t="shared" si="743"/>
        <v>0.57842842109559967</v>
      </c>
      <c r="L6677">
        <f t="shared" si="744"/>
        <v>0.28921421054779983</v>
      </c>
      <c r="M6677">
        <f t="shared" si="745"/>
        <v>0</v>
      </c>
      <c r="N6677" s="45">
        <f t="shared" si="746"/>
        <v>45203.791666650555</v>
      </c>
    </row>
    <row r="6678" spans="2:14" x14ac:dyDescent="0.25">
      <c r="B6678">
        <f t="shared" si="740"/>
        <v>3</v>
      </c>
      <c r="C6678" s="16">
        <v>6644</v>
      </c>
      <c r="D6678" cm="1">
        <f t="array" ref="D6678">IFERROR(INDEX(Jesper!AH$2:AH$366,ROUNDDOWN($C6678/24,0)+1,1)*INDEX($D$3:$AA$30,INDEX(Jesper!$R$2:$R$366,ROW(INDEX(Jesper!AH$2:AH$366,ROUNDDOWN($C6678/24,0)+1,1))-1)+IF('Standard Profiles'!$G$18=$B$10,7,0)+IF('Standard Profiles'!$G$18=$B$17,14,0)+IF('Standard Profiles'!$G$18=$B$24,21,0),MOD($C6678,24)+1)/SUM(INDEX($D$3:$AA$30,INDEX(Jesper!$R$2:$R$366,ROW(INDEX(Jesper!AH$2:AH$366,ROUNDDOWN($C6678/24,0)+1,1))-1)+IF('Standard Profiles'!$G$18=$B$10,7,0)+IF('Standard Profiles'!$G$18=$B$17,14,0)+IF('Standard Profiles'!$G$18=$B$24,21,0),0)),0)</f>
        <v>5.4227664477712461</v>
      </c>
      <c r="E6678" cm="1">
        <f t="array" ref="E6678">IFERROR(INDEX(Jesper!AI$2:AI$366,ROUNDDOWN($C6678/24,0)+1,1)*INDEX($D$3:$AA$30,INDEX(Jesper!$R$2:$R$366,ROW(INDEX(Jesper!AI$2:AI$366,ROUNDDOWN($C6678/24,0)+1,1))-1)+IF('Standard Profiles'!$G$19=$B$10,7,0)+IF('Standard Profiles'!$G$19=$B$17,14,0)+IF('Standard Profiles'!$G$19=$B$24,21,0),MOD($C6678,24)+1)/SUM(INDEX($D$3:$AA$30,INDEX(Jesper!$R$2:$R$366,ROW(INDEX(Jesper!AI$2:AI$366,ROUNDDOWN($C6678/24,0)+1,1))-1)+IF('Standard Profiles'!$G$19=$B$10,7,0)+IF('Standard Profiles'!$G$19=$B$17,14,0)+IF('Standard Profiles'!$G$19=$B$24,21,0),0)),0)</f>
        <v>2.4108030078000056</v>
      </c>
      <c r="F6678" cm="1">
        <f t="array" ref="F6678">IFERROR(INDEX(Jesper!AJ$2:AJ$366,ROUNDDOWN($C6678/24,0)+1,1)*INDEX($D$3:$AA$30,INDEX(Jesper!$R$2:$R$366,ROW(INDEX(Jesper!AJ$2:AJ$366,ROUNDDOWN($C6678/24,0)+1,1))-1)+IF('Standard Profiles'!$G$20=$B$10,7,0)+IF('Standard Profiles'!$G$20=$B$17,14,0)+IF('Standard Profiles'!$G$20=$B$24,21,0),MOD($C6678,24)+1)/SUM(INDEX($D$3:$AA$30,INDEX(Jesper!$R$2:$R$366,ROW(INDEX(Jesper!AJ$2:AJ$366,ROUNDDOWN($C6678/24,0)+1,1))-1)+IF('Standard Profiles'!$G$20=$B$10,7,0)+IF('Standard Profiles'!$G$20=$B$17,14,0)+IF('Standard Profiles'!$G$20=$B$24,21,0),0)),0)</f>
        <v>0</v>
      </c>
      <c r="G6678" cm="1">
        <f t="array" ref="G6678">IFERROR(INDEX(Jesper!AK$2:AK$366,ROUNDDOWN($C6678/24,0)+1,1)*INDEX($D$3:$AA$30,INDEX(Jesper!$R$2:$R$366,ROW(INDEX(Jesper!AK$2:AK$366,ROUNDDOWN($C6678/24,0)+1,1))-1)+IF('Standard Profiles'!$G$21=$B$10,7,0)+IF('Standard Profiles'!$G$21=$B$17,14,0)+IF('Standard Profiles'!$G$21=$B$24,21,0),MOD($C6678,24)+1)/SUM(INDEX($D$3:$AA$30,INDEX(Jesper!$R$2:$R$366,ROW(INDEX(Jesper!AK$2:AK$366,ROUNDDOWN($C6678/24,0)+1,1))-1)+IF('Standard Profiles'!$G$21=$B$10,7,0)+IF('Standard Profiles'!$G$21=$B$17,14,0)+IF('Standard Profiles'!$G$21=$B$24,21,0),0)),0)</f>
        <v>0.419164750660043</v>
      </c>
      <c r="H6678" cm="1">
        <f t="array" ref="H6678">IFERROR(INDEX(Jesper!AL$2:AL$366,ROUNDDOWN($C6678/24,0)+1,1)*INDEX($D$3:$AA$30,INDEX(Jesper!$R$2:$R$366,ROW(INDEX(Jesper!AL$2:AL$366,ROUNDDOWN($C6678/24,0)+1,1))-1)+IF('Standard Profiles'!$G$22=$B$10,7,0)+IF('Standard Profiles'!$G$22=$B$17,14,0)+IF('Standard Profiles'!$G$22=$B$24,21,0),MOD($C6678,24)+1)/SUM(INDEX($D$3:$AA$30,INDEX(Jesper!$R$2:$R$366,ROW(INDEX(Jesper!AL$2:AL$366,ROUNDDOWN($C6678/24,0)+1,1))-1)+IF('Standard Profiles'!$G$22=$B$10,7,0)+IF('Standard Profiles'!$G$22=$B$17,14,0)+IF('Standard Profiles'!$G$22=$B$24,21,0),0)),0)</f>
        <v>0</v>
      </c>
      <c r="I6678">
        <f t="shared" si="741"/>
        <v>0.20119908031682054</v>
      </c>
      <c r="J6678">
        <f t="shared" si="742"/>
        <v>7.183892494271074</v>
      </c>
      <c r="K6678">
        <f t="shared" si="743"/>
        <v>0.57842842109559967</v>
      </c>
      <c r="L6678">
        <f t="shared" si="744"/>
        <v>0.28921421054779983</v>
      </c>
      <c r="M6678">
        <f t="shared" si="745"/>
        <v>0</v>
      </c>
      <c r="N6678" s="45">
        <f t="shared" si="746"/>
        <v>45203.83333331722</v>
      </c>
    </row>
    <row r="6679" spans="2:14" x14ac:dyDescent="0.25">
      <c r="B6679">
        <f t="shared" si="740"/>
        <v>3</v>
      </c>
      <c r="C6679" s="16">
        <v>6645</v>
      </c>
      <c r="D6679" cm="1">
        <f t="array" ref="D6679">IFERROR(INDEX(Jesper!AH$2:AH$366,ROUNDDOWN($C6679/24,0)+1,1)*INDEX($D$3:$AA$30,INDEX(Jesper!$R$2:$R$366,ROW(INDEX(Jesper!AH$2:AH$366,ROUNDDOWN($C6679/24,0)+1,1))-1)+IF('Standard Profiles'!$G$18=$B$10,7,0)+IF('Standard Profiles'!$G$18=$B$17,14,0)+IF('Standard Profiles'!$G$18=$B$24,21,0),MOD($C6679,24)+1)/SUM(INDEX($D$3:$AA$30,INDEX(Jesper!$R$2:$R$366,ROW(INDEX(Jesper!AH$2:AH$366,ROUNDDOWN($C6679/24,0)+1,1))-1)+IF('Standard Profiles'!$G$18=$B$10,7,0)+IF('Standard Profiles'!$G$18=$B$17,14,0)+IF('Standard Profiles'!$G$18=$B$24,21,0),0)),0)</f>
        <v>5.4227664477712461</v>
      </c>
      <c r="E6679" cm="1">
        <f t="array" ref="E6679">IFERROR(INDEX(Jesper!AI$2:AI$366,ROUNDDOWN($C6679/24,0)+1,1)*INDEX($D$3:$AA$30,INDEX(Jesper!$R$2:$R$366,ROW(INDEX(Jesper!AI$2:AI$366,ROUNDDOWN($C6679/24,0)+1,1))-1)+IF('Standard Profiles'!$G$19=$B$10,7,0)+IF('Standard Profiles'!$G$19=$B$17,14,0)+IF('Standard Profiles'!$G$19=$B$24,21,0),MOD($C6679,24)+1)/SUM(INDEX($D$3:$AA$30,INDEX(Jesper!$R$2:$R$366,ROW(INDEX(Jesper!AI$2:AI$366,ROUNDDOWN($C6679/24,0)+1,1))-1)+IF('Standard Profiles'!$G$19=$B$10,7,0)+IF('Standard Profiles'!$G$19=$B$17,14,0)+IF('Standard Profiles'!$G$19=$B$24,21,0),0)),0)</f>
        <v>2.4108030078000056</v>
      </c>
      <c r="F6679" cm="1">
        <f t="array" ref="F6679">IFERROR(INDEX(Jesper!AJ$2:AJ$366,ROUNDDOWN($C6679/24,0)+1,1)*INDEX($D$3:$AA$30,INDEX(Jesper!$R$2:$R$366,ROW(INDEX(Jesper!AJ$2:AJ$366,ROUNDDOWN($C6679/24,0)+1,1))-1)+IF('Standard Profiles'!$G$20=$B$10,7,0)+IF('Standard Profiles'!$G$20=$B$17,14,0)+IF('Standard Profiles'!$G$20=$B$24,21,0),MOD($C6679,24)+1)/SUM(INDEX($D$3:$AA$30,INDEX(Jesper!$R$2:$R$366,ROW(INDEX(Jesper!AJ$2:AJ$366,ROUNDDOWN($C6679/24,0)+1,1))-1)+IF('Standard Profiles'!$G$20=$B$10,7,0)+IF('Standard Profiles'!$G$20=$B$17,14,0)+IF('Standard Profiles'!$G$20=$B$24,21,0),0)),0)</f>
        <v>0</v>
      </c>
      <c r="G6679" cm="1">
        <f t="array" ref="G6679">IFERROR(INDEX(Jesper!AK$2:AK$366,ROUNDDOWN($C6679/24,0)+1,1)*INDEX($D$3:$AA$30,INDEX(Jesper!$R$2:$R$366,ROW(INDEX(Jesper!AK$2:AK$366,ROUNDDOWN($C6679/24,0)+1,1))-1)+IF('Standard Profiles'!$G$21=$B$10,7,0)+IF('Standard Profiles'!$G$21=$B$17,14,0)+IF('Standard Profiles'!$G$21=$B$24,21,0),MOD($C6679,24)+1)/SUM(INDEX($D$3:$AA$30,INDEX(Jesper!$R$2:$R$366,ROW(INDEX(Jesper!AK$2:AK$366,ROUNDDOWN($C6679/24,0)+1,1))-1)+IF('Standard Profiles'!$G$21=$B$10,7,0)+IF('Standard Profiles'!$G$21=$B$17,14,0)+IF('Standard Profiles'!$G$21=$B$24,21,0),0)),0)</f>
        <v>0.419164750660043</v>
      </c>
      <c r="H6679" cm="1">
        <f t="array" ref="H6679">IFERROR(INDEX(Jesper!AL$2:AL$366,ROUNDDOWN($C6679/24,0)+1,1)*INDEX($D$3:$AA$30,INDEX(Jesper!$R$2:$R$366,ROW(INDEX(Jesper!AL$2:AL$366,ROUNDDOWN($C6679/24,0)+1,1))-1)+IF('Standard Profiles'!$G$22=$B$10,7,0)+IF('Standard Profiles'!$G$22=$B$17,14,0)+IF('Standard Profiles'!$G$22=$B$24,21,0),MOD($C6679,24)+1)/SUM(INDEX($D$3:$AA$30,INDEX(Jesper!$R$2:$R$366,ROW(INDEX(Jesper!AL$2:AL$366,ROUNDDOWN($C6679/24,0)+1,1))-1)+IF('Standard Profiles'!$G$22=$B$10,7,0)+IF('Standard Profiles'!$G$22=$B$17,14,0)+IF('Standard Profiles'!$G$22=$B$24,21,0),0)),0)</f>
        <v>0</v>
      </c>
      <c r="I6679">
        <f t="shared" si="741"/>
        <v>0.20119908031682054</v>
      </c>
      <c r="J6679">
        <f t="shared" si="742"/>
        <v>7.183892494271074</v>
      </c>
      <c r="K6679">
        <f t="shared" si="743"/>
        <v>0.57842842109559967</v>
      </c>
      <c r="L6679">
        <f t="shared" si="744"/>
        <v>0.28921421054779983</v>
      </c>
      <c r="M6679">
        <f t="shared" si="745"/>
        <v>0</v>
      </c>
      <c r="N6679" s="45">
        <f t="shared" si="746"/>
        <v>45203.874999983884</v>
      </c>
    </row>
    <row r="6680" spans="2:14" x14ac:dyDescent="0.25">
      <c r="B6680">
        <f t="shared" si="740"/>
        <v>3</v>
      </c>
      <c r="C6680" s="16">
        <v>6646</v>
      </c>
      <c r="D6680" cm="1">
        <f t="array" ref="D6680">IFERROR(INDEX(Jesper!AH$2:AH$366,ROUNDDOWN($C6680/24,0)+1,1)*INDEX($D$3:$AA$30,INDEX(Jesper!$R$2:$R$366,ROW(INDEX(Jesper!AH$2:AH$366,ROUNDDOWN($C6680/24,0)+1,1))-1)+IF('Standard Profiles'!$G$18=$B$10,7,0)+IF('Standard Profiles'!$G$18=$B$17,14,0)+IF('Standard Profiles'!$G$18=$B$24,21,0),MOD($C6680,24)+1)/SUM(INDEX($D$3:$AA$30,INDEX(Jesper!$R$2:$R$366,ROW(INDEX(Jesper!AH$2:AH$366,ROUNDDOWN($C6680/24,0)+1,1))-1)+IF('Standard Profiles'!$G$18=$B$10,7,0)+IF('Standard Profiles'!$G$18=$B$17,14,0)+IF('Standard Profiles'!$G$18=$B$24,21,0),0)),0)</f>
        <v>5.4227664477712461</v>
      </c>
      <c r="E6680" cm="1">
        <f t="array" ref="E6680">IFERROR(INDEX(Jesper!AI$2:AI$366,ROUNDDOWN($C6680/24,0)+1,1)*INDEX($D$3:$AA$30,INDEX(Jesper!$R$2:$R$366,ROW(INDEX(Jesper!AI$2:AI$366,ROUNDDOWN($C6680/24,0)+1,1))-1)+IF('Standard Profiles'!$G$19=$B$10,7,0)+IF('Standard Profiles'!$G$19=$B$17,14,0)+IF('Standard Profiles'!$G$19=$B$24,21,0),MOD($C6680,24)+1)/SUM(INDEX($D$3:$AA$30,INDEX(Jesper!$R$2:$R$366,ROW(INDEX(Jesper!AI$2:AI$366,ROUNDDOWN($C6680/24,0)+1,1))-1)+IF('Standard Profiles'!$G$19=$B$10,7,0)+IF('Standard Profiles'!$G$19=$B$17,14,0)+IF('Standard Profiles'!$G$19=$B$24,21,0),0)),0)</f>
        <v>2.4108030078000056</v>
      </c>
      <c r="F6680" cm="1">
        <f t="array" ref="F6680">IFERROR(INDEX(Jesper!AJ$2:AJ$366,ROUNDDOWN($C6680/24,0)+1,1)*INDEX($D$3:$AA$30,INDEX(Jesper!$R$2:$R$366,ROW(INDEX(Jesper!AJ$2:AJ$366,ROUNDDOWN($C6680/24,0)+1,1))-1)+IF('Standard Profiles'!$G$20=$B$10,7,0)+IF('Standard Profiles'!$G$20=$B$17,14,0)+IF('Standard Profiles'!$G$20=$B$24,21,0),MOD($C6680,24)+1)/SUM(INDEX($D$3:$AA$30,INDEX(Jesper!$R$2:$R$366,ROW(INDEX(Jesper!AJ$2:AJ$366,ROUNDDOWN($C6680/24,0)+1,1))-1)+IF('Standard Profiles'!$G$20=$B$10,7,0)+IF('Standard Profiles'!$G$20=$B$17,14,0)+IF('Standard Profiles'!$G$20=$B$24,21,0),0)),0)</f>
        <v>0</v>
      </c>
      <c r="G6680" cm="1">
        <f t="array" ref="G6680">IFERROR(INDEX(Jesper!AK$2:AK$366,ROUNDDOWN($C6680/24,0)+1,1)*INDEX($D$3:$AA$30,INDEX(Jesper!$R$2:$R$366,ROW(INDEX(Jesper!AK$2:AK$366,ROUNDDOWN($C6680/24,0)+1,1))-1)+IF('Standard Profiles'!$G$21=$B$10,7,0)+IF('Standard Profiles'!$G$21=$B$17,14,0)+IF('Standard Profiles'!$G$21=$B$24,21,0),MOD($C6680,24)+1)/SUM(INDEX($D$3:$AA$30,INDEX(Jesper!$R$2:$R$366,ROW(INDEX(Jesper!AK$2:AK$366,ROUNDDOWN($C6680/24,0)+1,1))-1)+IF('Standard Profiles'!$G$21=$B$10,7,0)+IF('Standard Profiles'!$G$21=$B$17,14,0)+IF('Standard Profiles'!$G$21=$B$24,21,0),0)),0)</f>
        <v>0.419164750660043</v>
      </c>
      <c r="H6680" cm="1">
        <f t="array" ref="H6680">IFERROR(INDEX(Jesper!AL$2:AL$366,ROUNDDOWN($C6680/24,0)+1,1)*INDEX($D$3:$AA$30,INDEX(Jesper!$R$2:$R$366,ROW(INDEX(Jesper!AL$2:AL$366,ROUNDDOWN($C6680/24,0)+1,1))-1)+IF('Standard Profiles'!$G$22=$B$10,7,0)+IF('Standard Profiles'!$G$22=$B$17,14,0)+IF('Standard Profiles'!$G$22=$B$24,21,0),MOD($C6680,24)+1)/SUM(INDEX($D$3:$AA$30,INDEX(Jesper!$R$2:$R$366,ROW(INDEX(Jesper!AL$2:AL$366,ROUNDDOWN($C6680/24,0)+1,1))-1)+IF('Standard Profiles'!$G$22=$B$10,7,0)+IF('Standard Profiles'!$G$22=$B$17,14,0)+IF('Standard Profiles'!$G$22=$B$24,21,0),0)),0)</f>
        <v>0</v>
      </c>
      <c r="I6680">
        <f t="shared" si="741"/>
        <v>0.20119908031682054</v>
      </c>
      <c r="J6680">
        <f t="shared" si="742"/>
        <v>7.183892494271074</v>
      </c>
      <c r="K6680">
        <f t="shared" si="743"/>
        <v>0.57842842109559967</v>
      </c>
      <c r="L6680">
        <f t="shared" si="744"/>
        <v>0.28921421054779983</v>
      </c>
      <c r="M6680">
        <f t="shared" si="745"/>
        <v>0</v>
      </c>
      <c r="N6680" s="45">
        <f t="shared" si="746"/>
        <v>45203.916666650548</v>
      </c>
    </row>
    <row r="6681" spans="2:14" x14ac:dyDescent="0.25">
      <c r="B6681">
        <f t="shared" si="740"/>
        <v>3</v>
      </c>
      <c r="C6681" s="16">
        <v>6647</v>
      </c>
      <c r="D6681" cm="1">
        <f t="array" ref="D6681">IFERROR(INDEX(Jesper!AH$2:AH$366,ROUNDDOWN($C6681/24,0)+1,1)*INDEX($D$3:$AA$30,INDEX(Jesper!$R$2:$R$366,ROW(INDEX(Jesper!AH$2:AH$366,ROUNDDOWN($C6681/24,0)+1,1))-1)+IF('Standard Profiles'!$G$18=$B$10,7,0)+IF('Standard Profiles'!$G$18=$B$17,14,0)+IF('Standard Profiles'!$G$18=$B$24,21,0),MOD($C6681,24)+1)/SUM(INDEX($D$3:$AA$30,INDEX(Jesper!$R$2:$R$366,ROW(INDEX(Jesper!AH$2:AH$366,ROUNDDOWN($C6681/24,0)+1,1))-1)+IF('Standard Profiles'!$G$18=$B$10,7,0)+IF('Standard Profiles'!$G$18=$B$17,14,0)+IF('Standard Profiles'!$G$18=$B$24,21,0),0)),0)</f>
        <v>5.4227664477712461</v>
      </c>
      <c r="E6681" cm="1">
        <f t="array" ref="E6681">IFERROR(INDEX(Jesper!AI$2:AI$366,ROUNDDOWN($C6681/24,0)+1,1)*INDEX($D$3:$AA$30,INDEX(Jesper!$R$2:$R$366,ROW(INDEX(Jesper!AI$2:AI$366,ROUNDDOWN($C6681/24,0)+1,1))-1)+IF('Standard Profiles'!$G$19=$B$10,7,0)+IF('Standard Profiles'!$G$19=$B$17,14,0)+IF('Standard Profiles'!$G$19=$B$24,21,0),MOD($C6681,24)+1)/SUM(INDEX($D$3:$AA$30,INDEX(Jesper!$R$2:$R$366,ROW(INDEX(Jesper!AI$2:AI$366,ROUNDDOWN($C6681/24,0)+1,1))-1)+IF('Standard Profiles'!$G$19=$B$10,7,0)+IF('Standard Profiles'!$G$19=$B$17,14,0)+IF('Standard Profiles'!$G$19=$B$24,21,0),0)),0)</f>
        <v>2.4108030078000056</v>
      </c>
      <c r="F6681" cm="1">
        <f t="array" ref="F6681">IFERROR(INDEX(Jesper!AJ$2:AJ$366,ROUNDDOWN($C6681/24,0)+1,1)*INDEX($D$3:$AA$30,INDEX(Jesper!$R$2:$R$366,ROW(INDEX(Jesper!AJ$2:AJ$366,ROUNDDOWN($C6681/24,0)+1,1))-1)+IF('Standard Profiles'!$G$20=$B$10,7,0)+IF('Standard Profiles'!$G$20=$B$17,14,0)+IF('Standard Profiles'!$G$20=$B$24,21,0),MOD($C6681,24)+1)/SUM(INDEX($D$3:$AA$30,INDEX(Jesper!$R$2:$R$366,ROW(INDEX(Jesper!AJ$2:AJ$366,ROUNDDOWN($C6681/24,0)+1,1))-1)+IF('Standard Profiles'!$G$20=$B$10,7,0)+IF('Standard Profiles'!$G$20=$B$17,14,0)+IF('Standard Profiles'!$G$20=$B$24,21,0),0)),0)</f>
        <v>0</v>
      </c>
      <c r="G6681" cm="1">
        <f t="array" ref="G6681">IFERROR(INDEX(Jesper!AK$2:AK$366,ROUNDDOWN($C6681/24,0)+1,1)*INDEX($D$3:$AA$30,INDEX(Jesper!$R$2:$R$366,ROW(INDEX(Jesper!AK$2:AK$366,ROUNDDOWN($C6681/24,0)+1,1))-1)+IF('Standard Profiles'!$G$21=$B$10,7,0)+IF('Standard Profiles'!$G$21=$B$17,14,0)+IF('Standard Profiles'!$G$21=$B$24,21,0),MOD($C6681,24)+1)/SUM(INDEX($D$3:$AA$30,INDEX(Jesper!$R$2:$R$366,ROW(INDEX(Jesper!AK$2:AK$366,ROUNDDOWN($C6681/24,0)+1,1))-1)+IF('Standard Profiles'!$G$21=$B$10,7,0)+IF('Standard Profiles'!$G$21=$B$17,14,0)+IF('Standard Profiles'!$G$21=$B$24,21,0),0)),0)</f>
        <v>0.419164750660043</v>
      </c>
      <c r="H6681" cm="1">
        <f t="array" ref="H6681">IFERROR(INDEX(Jesper!AL$2:AL$366,ROUNDDOWN($C6681/24,0)+1,1)*INDEX($D$3:$AA$30,INDEX(Jesper!$R$2:$R$366,ROW(INDEX(Jesper!AL$2:AL$366,ROUNDDOWN($C6681/24,0)+1,1))-1)+IF('Standard Profiles'!$G$22=$B$10,7,0)+IF('Standard Profiles'!$G$22=$B$17,14,0)+IF('Standard Profiles'!$G$22=$B$24,21,0),MOD($C6681,24)+1)/SUM(INDEX($D$3:$AA$30,INDEX(Jesper!$R$2:$R$366,ROW(INDEX(Jesper!AL$2:AL$366,ROUNDDOWN($C6681/24,0)+1,1))-1)+IF('Standard Profiles'!$G$22=$B$10,7,0)+IF('Standard Profiles'!$G$22=$B$17,14,0)+IF('Standard Profiles'!$G$22=$B$24,21,0),0)),0)</f>
        <v>0</v>
      </c>
      <c r="I6681">
        <f t="shared" si="741"/>
        <v>0.20119908031682054</v>
      </c>
      <c r="J6681">
        <f t="shared" si="742"/>
        <v>7.183892494271074</v>
      </c>
      <c r="K6681">
        <f t="shared" si="743"/>
        <v>0.57842842109559967</v>
      </c>
      <c r="L6681">
        <f t="shared" si="744"/>
        <v>0.28921421054779983</v>
      </c>
      <c r="M6681">
        <f t="shared" si="745"/>
        <v>0</v>
      </c>
      <c r="N6681" s="45">
        <f t="shared" si="746"/>
        <v>45203.958333317212</v>
      </c>
    </row>
    <row r="6682" spans="2:14" x14ac:dyDescent="0.25">
      <c r="B6682">
        <f t="shared" si="740"/>
        <v>4</v>
      </c>
      <c r="C6682" s="16">
        <v>6648</v>
      </c>
      <c r="D6682" cm="1">
        <f t="array" ref="D6682">IFERROR(INDEX(Jesper!AH$2:AH$366,ROUNDDOWN($C6682/24,0)+1,1)*INDEX($D$3:$AA$30,INDEX(Jesper!$R$2:$R$366,ROW(INDEX(Jesper!AH$2:AH$366,ROUNDDOWN($C6682/24,0)+1,1))-1)+IF('Standard Profiles'!$G$18=$B$10,7,0)+IF('Standard Profiles'!$G$18=$B$17,14,0)+IF('Standard Profiles'!$G$18=$B$24,21,0),MOD($C6682,24)+1)/SUM(INDEX($D$3:$AA$30,INDEX(Jesper!$R$2:$R$366,ROW(INDEX(Jesper!AH$2:AH$366,ROUNDDOWN($C6682/24,0)+1,1))-1)+IF('Standard Profiles'!$G$18=$B$10,7,0)+IF('Standard Profiles'!$G$18=$B$17,14,0)+IF('Standard Profiles'!$G$18=$B$24,21,0),0)),0)</f>
        <v>5.5739435905977981</v>
      </c>
      <c r="E6682" cm="1">
        <f t="array" ref="E6682">IFERROR(INDEX(Jesper!AI$2:AI$366,ROUNDDOWN($C6682/24,0)+1,1)*INDEX($D$3:$AA$30,INDEX(Jesper!$R$2:$R$366,ROW(INDEX(Jesper!AI$2:AI$366,ROUNDDOWN($C6682/24,0)+1,1))-1)+IF('Standard Profiles'!$G$19=$B$10,7,0)+IF('Standard Profiles'!$G$19=$B$17,14,0)+IF('Standard Profiles'!$G$19=$B$24,21,0),MOD($C6682,24)+1)/SUM(INDEX($D$3:$AA$30,INDEX(Jesper!$R$2:$R$366,ROW(INDEX(Jesper!AI$2:AI$366,ROUNDDOWN($C6682/24,0)+1,1))-1)+IF('Standard Profiles'!$G$19=$B$10,7,0)+IF('Standard Profiles'!$G$19=$B$17,14,0)+IF('Standard Profiles'!$G$19=$B$24,21,0),0)),0)</f>
        <v>2.854960915839627</v>
      </c>
      <c r="F6682" cm="1">
        <f t="array" ref="F6682">IFERROR(INDEX(Jesper!AJ$2:AJ$366,ROUNDDOWN($C6682/24,0)+1,1)*INDEX($D$3:$AA$30,INDEX(Jesper!$R$2:$R$366,ROW(INDEX(Jesper!AJ$2:AJ$366,ROUNDDOWN($C6682/24,0)+1,1))-1)+IF('Standard Profiles'!$G$20=$B$10,7,0)+IF('Standard Profiles'!$G$20=$B$17,14,0)+IF('Standard Profiles'!$G$20=$B$24,21,0),MOD($C6682,24)+1)/SUM(INDEX($D$3:$AA$30,INDEX(Jesper!$R$2:$R$366,ROW(INDEX(Jesper!AJ$2:AJ$366,ROUNDDOWN($C6682/24,0)+1,1))-1)+IF('Standard Profiles'!$G$20=$B$10,7,0)+IF('Standard Profiles'!$G$20=$B$17,14,0)+IF('Standard Profiles'!$G$20=$B$24,21,0),0)),0)</f>
        <v>0</v>
      </c>
      <c r="G6682" cm="1">
        <f t="array" ref="G6682">IFERROR(INDEX(Jesper!AK$2:AK$366,ROUNDDOWN($C6682/24,0)+1,1)*INDEX($D$3:$AA$30,INDEX(Jesper!$R$2:$R$366,ROW(INDEX(Jesper!AK$2:AK$366,ROUNDDOWN($C6682/24,0)+1,1))-1)+IF('Standard Profiles'!$G$21=$B$10,7,0)+IF('Standard Profiles'!$G$21=$B$17,14,0)+IF('Standard Profiles'!$G$21=$B$24,21,0),MOD($C6682,24)+1)/SUM(INDEX($D$3:$AA$30,INDEX(Jesper!$R$2:$R$366,ROW(INDEX(Jesper!AK$2:AK$366,ROUNDDOWN($C6682/24,0)+1,1))-1)+IF('Standard Profiles'!$G$21=$B$10,7,0)+IF('Standard Profiles'!$G$21=$B$17,14,0)+IF('Standard Profiles'!$G$21=$B$24,21,0),0)),0)</f>
        <v>0.81000738782570825</v>
      </c>
      <c r="H6682" cm="1">
        <f t="array" ref="H6682">IFERROR(INDEX(Jesper!AL$2:AL$366,ROUNDDOWN($C6682/24,0)+1,1)*INDEX($D$3:$AA$30,INDEX(Jesper!$R$2:$R$366,ROW(INDEX(Jesper!AL$2:AL$366,ROUNDDOWN($C6682/24,0)+1,1))-1)+IF('Standard Profiles'!$G$22=$B$10,7,0)+IF('Standard Profiles'!$G$22=$B$17,14,0)+IF('Standard Profiles'!$G$22=$B$24,21,0),MOD($C6682,24)+1)/SUM(INDEX($D$3:$AA$30,INDEX(Jesper!$R$2:$R$366,ROW(INDEX(Jesper!AL$2:AL$366,ROUNDDOWN($C6682/24,0)+1,1))-1)+IF('Standard Profiles'!$G$22=$B$10,7,0)+IF('Standard Profiles'!$G$22=$B$17,14,0)+IF('Standard Profiles'!$G$22=$B$24,21,0),0)),0)</f>
        <v>0</v>
      </c>
      <c r="I6682">
        <f t="shared" si="741"/>
        <v>0.38880354615633977</v>
      </c>
      <c r="J6682">
        <f t="shared" si="742"/>
        <v>7.9582773736111454</v>
      </c>
      <c r="K6682">
        <f t="shared" si="743"/>
        <v>0.5945539829970985</v>
      </c>
      <c r="L6682">
        <f t="shared" si="744"/>
        <v>0.29727699149854925</v>
      </c>
      <c r="M6682">
        <f t="shared" si="745"/>
        <v>0</v>
      </c>
      <c r="N6682" s="45">
        <f t="shared" si="746"/>
        <v>45203.999999983876</v>
      </c>
    </row>
    <row r="6683" spans="2:14" x14ac:dyDescent="0.25">
      <c r="B6683">
        <f t="shared" si="740"/>
        <v>4</v>
      </c>
      <c r="C6683" s="16">
        <v>6649</v>
      </c>
      <c r="D6683" cm="1">
        <f t="array" ref="D6683">IFERROR(INDEX(Jesper!AH$2:AH$366,ROUNDDOWN($C6683/24,0)+1,1)*INDEX($D$3:$AA$30,INDEX(Jesper!$R$2:$R$366,ROW(INDEX(Jesper!AH$2:AH$366,ROUNDDOWN($C6683/24,0)+1,1))-1)+IF('Standard Profiles'!$G$18=$B$10,7,0)+IF('Standard Profiles'!$G$18=$B$17,14,0)+IF('Standard Profiles'!$G$18=$B$24,21,0),MOD($C6683,24)+1)/SUM(INDEX($D$3:$AA$30,INDEX(Jesper!$R$2:$R$366,ROW(INDEX(Jesper!AH$2:AH$366,ROUNDDOWN($C6683/24,0)+1,1))-1)+IF('Standard Profiles'!$G$18=$B$10,7,0)+IF('Standard Profiles'!$G$18=$B$17,14,0)+IF('Standard Profiles'!$G$18=$B$24,21,0),0)),0)</f>
        <v>5.5739435905977981</v>
      </c>
      <c r="E6683" cm="1">
        <f t="array" ref="E6683">IFERROR(INDEX(Jesper!AI$2:AI$366,ROUNDDOWN($C6683/24,0)+1,1)*INDEX($D$3:$AA$30,INDEX(Jesper!$R$2:$R$366,ROW(INDEX(Jesper!AI$2:AI$366,ROUNDDOWN($C6683/24,0)+1,1))-1)+IF('Standard Profiles'!$G$19=$B$10,7,0)+IF('Standard Profiles'!$G$19=$B$17,14,0)+IF('Standard Profiles'!$G$19=$B$24,21,0),MOD($C6683,24)+1)/SUM(INDEX($D$3:$AA$30,INDEX(Jesper!$R$2:$R$366,ROW(INDEX(Jesper!AI$2:AI$366,ROUNDDOWN($C6683/24,0)+1,1))-1)+IF('Standard Profiles'!$G$19=$B$10,7,0)+IF('Standard Profiles'!$G$19=$B$17,14,0)+IF('Standard Profiles'!$G$19=$B$24,21,0),0)),0)</f>
        <v>2.854960915839627</v>
      </c>
      <c r="F6683" cm="1">
        <f t="array" ref="F6683">IFERROR(INDEX(Jesper!AJ$2:AJ$366,ROUNDDOWN($C6683/24,0)+1,1)*INDEX($D$3:$AA$30,INDEX(Jesper!$R$2:$R$366,ROW(INDEX(Jesper!AJ$2:AJ$366,ROUNDDOWN($C6683/24,0)+1,1))-1)+IF('Standard Profiles'!$G$20=$B$10,7,0)+IF('Standard Profiles'!$G$20=$B$17,14,0)+IF('Standard Profiles'!$G$20=$B$24,21,0),MOD($C6683,24)+1)/SUM(INDEX($D$3:$AA$30,INDEX(Jesper!$R$2:$R$366,ROW(INDEX(Jesper!AJ$2:AJ$366,ROUNDDOWN($C6683/24,0)+1,1))-1)+IF('Standard Profiles'!$G$20=$B$10,7,0)+IF('Standard Profiles'!$G$20=$B$17,14,0)+IF('Standard Profiles'!$G$20=$B$24,21,0),0)),0)</f>
        <v>0</v>
      </c>
      <c r="G6683" cm="1">
        <f t="array" ref="G6683">IFERROR(INDEX(Jesper!AK$2:AK$366,ROUNDDOWN($C6683/24,0)+1,1)*INDEX($D$3:$AA$30,INDEX(Jesper!$R$2:$R$366,ROW(INDEX(Jesper!AK$2:AK$366,ROUNDDOWN($C6683/24,0)+1,1))-1)+IF('Standard Profiles'!$G$21=$B$10,7,0)+IF('Standard Profiles'!$G$21=$B$17,14,0)+IF('Standard Profiles'!$G$21=$B$24,21,0),MOD($C6683,24)+1)/SUM(INDEX($D$3:$AA$30,INDEX(Jesper!$R$2:$R$366,ROW(INDEX(Jesper!AK$2:AK$366,ROUNDDOWN($C6683/24,0)+1,1))-1)+IF('Standard Profiles'!$G$21=$B$10,7,0)+IF('Standard Profiles'!$G$21=$B$17,14,0)+IF('Standard Profiles'!$G$21=$B$24,21,0),0)),0)</f>
        <v>0.81000738782570825</v>
      </c>
      <c r="H6683" cm="1">
        <f t="array" ref="H6683">IFERROR(INDEX(Jesper!AL$2:AL$366,ROUNDDOWN($C6683/24,0)+1,1)*INDEX($D$3:$AA$30,INDEX(Jesper!$R$2:$R$366,ROW(INDEX(Jesper!AL$2:AL$366,ROUNDDOWN($C6683/24,0)+1,1))-1)+IF('Standard Profiles'!$G$22=$B$10,7,0)+IF('Standard Profiles'!$G$22=$B$17,14,0)+IF('Standard Profiles'!$G$22=$B$24,21,0),MOD($C6683,24)+1)/SUM(INDEX($D$3:$AA$30,INDEX(Jesper!$R$2:$R$366,ROW(INDEX(Jesper!AL$2:AL$366,ROUNDDOWN($C6683/24,0)+1,1))-1)+IF('Standard Profiles'!$G$22=$B$10,7,0)+IF('Standard Profiles'!$G$22=$B$17,14,0)+IF('Standard Profiles'!$G$22=$B$24,21,0),0)),0)</f>
        <v>0</v>
      </c>
      <c r="I6683">
        <f t="shared" si="741"/>
        <v>0.38880354615633977</v>
      </c>
      <c r="J6683">
        <f t="shared" si="742"/>
        <v>7.9582773736111454</v>
      </c>
      <c r="K6683">
        <f t="shared" si="743"/>
        <v>0.5945539829970985</v>
      </c>
      <c r="L6683">
        <f t="shared" si="744"/>
        <v>0.29727699149854925</v>
      </c>
      <c r="M6683">
        <f t="shared" si="745"/>
        <v>0</v>
      </c>
      <c r="N6683" s="45">
        <f t="shared" si="746"/>
        <v>45204.041666650541</v>
      </c>
    </row>
    <row r="6684" spans="2:14" x14ac:dyDescent="0.25">
      <c r="B6684">
        <f t="shared" si="740"/>
        <v>4</v>
      </c>
      <c r="C6684" s="16">
        <v>6650</v>
      </c>
      <c r="D6684" cm="1">
        <f t="array" ref="D6684">IFERROR(INDEX(Jesper!AH$2:AH$366,ROUNDDOWN($C6684/24,0)+1,1)*INDEX($D$3:$AA$30,INDEX(Jesper!$R$2:$R$366,ROW(INDEX(Jesper!AH$2:AH$366,ROUNDDOWN($C6684/24,0)+1,1))-1)+IF('Standard Profiles'!$G$18=$B$10,7,0)+IF('Standard Profiles'!$G$18=$B$17,14,0)+IF('Standard Profiles'!$G$18=$B$24,21,0),MOD($C6684,24)+1)/SUM(INDEX($D$3:$AA$30,INDEX(Jesper!$R$2:$R$366,ROW(INDEX(Jesper!AH$2:AH$366,ROUNDDOWN($C6684/24,0)+1,1))-1)+IF('Standard Profiles'!$G$18=$B$10,7,0)+IF('Standard Profiles'!$G$18=$B$17,14,0)+IF('Standard Profiles'!$G$18=$B$24,21,0),0)),0)</f>
        <v>5.5739435905977981</v>
      </c>
      <c r="E6684" cm="1">
        <f t="array" ref="E6684">IFERROR(INDEX(Jesper!AI$2:AI$366,ROUNDDOWN($C6684/24,0)+1,1)*INDEX($D$3:$AA$30,INDEX(Jesper!$R$2:$R$366,ROW(INDEX(Jesper!AI$2:AI$366,ROUNDDOWN($C6684/24,0)+1,1))-1)+IF('Standard Profiles'!$G$19=$B$10,7,0)+IF('Standard Profiles'!$G$19=$B$17,14,0)+IF('Standard Profiles'!$G$19=$B$24,21,0),MOD($C6684,24)+1)/SUM(INDEX($D$3:$AA$30,INDEX(Jesper!$R$2:$R$366,ROW(INDEX(Jesper!AI$2:AI$366,ROUNDDOWN($C6684/24,0)+1,1))-1)+IF('Standard Profiles'!$G$19=$B$10,7,0)+IF('Standard Profiles'!$G$19=$B$17,14,0)+IF('Standard Profiles'!$G$19=$B$24,21,0),0)),0)</f>
        <v>2.854960915839627</v>
      </c>
      <c r="F6684" cm="1">
        <f t="array" ref="F6684">IFERROR(INDEX(Jesper!AJ$2:AJ$366,ROUNDDOWN($C6684/24,0)+1,1)*INDEX($D$3:$AA$30,INDEX(Jesper!$R$2:$R$366,ROW(INDEX(Jesper!AJ$2:AJ$366,ROUNDDOWN($C6684/24,0)+1,1))-1)+IF('Standard Profiles'!$G$20=$B$10,7,0)+IF('Standard Profiles'!$G$20=$B$17,14,0)+IF('Standard Profiles'!$G$20=$B$24,21,0),MOD($C6684,24)+1)/SUM(INDEX($D$3:$AA$30,INDEX(Jesper!$R$2:$R$366,ROW(INDEX(Jesper!AJ$2:AJ$366,ROUNDDOWN($C6684/24,0)+1,1))-1)+IF('Standard Profiles'!$G$20=$B$10,7,0)+IF('Standard Profiles'!$G$20=$B$17,14,0)+IF('Standard Profiles'!$G$20=$B$24,21,0),0)),0)</f>
        <v>0</v>
      </c>
      <c r="G6684" cm="1">
        <f t="array" ref="G6684">IFERROR(INDEX(Jesper!AK$2:AK$366,ROUNDDOWN($C6684/24,0)+1,1)*INDEX($D$3:$AA$30,INDEX(Jesper!$R$2:$R$366,ROW(INDEX(Jesper!AK$2:AK$366,ROUNDDOWN($C6684/24,0)+1,1))-1)+IF('Standard Profiles'!$G$21=$B$10,7,0)+IF('Standard Profiles'!$G$21=$B$17,14,0)+IF('Standard Profiles'!$G$21=$B$24,21,0),MOD($C6684,24)+1)/SUM(INDEX($D$3:$AA$30,INDEX(Jesper!$R$2:$R$366,ROW(INDEX(Jesper!AK$2:AK$366,ROUNDDOWN($C6684/24,0)+1,1))-1)+IF('Standard Profiles'!$G$21=$B$10,7,0)+IF('Standard Profiles'!$G$21=$B$17,14,0)+IF('Standard Profiles'!$G$21=$B$24,21,0),0)),0)</f>
        <v>0.81000738782570825</v>
      </c>
      <c r="H6684" cm="1">
        <f t="array" ref="H6684">IFERROR(INDEX(Jesper!AL$2:AL$366,ROUNDDOWN($C6684/24,0)+1,1)*INDEX($D$3:$AA$30,INDEX(Jesper!$R$2:$R$366,ROW(INDEX(Jesper!AL$2:AL$366,ROUNDDOWN($C6684/24,0)+1,1))-1)+IF('Standard Profiles'!$G$22=$B$10,7,0)+IF('Standard Profiles'!$G$22=$B$17,14,0)+IF('Standard Profiles'!$G$22=$B$24,21,0),MOD($C6684,24)+1)/SUM(INDEX($D$3:$AA$30,INDEX(Jesper!$R$2:$R$366,ROW(INDEX(Jesper!AL$2:AL$366,ROUNDDOWN($C6684/24,0)+1,1))-1)+IF('Standard Profiles'!$G$22=$B$10,7,0)+IF('Standard Profiles'!$G$22=$B$17,14,0)+IF('Standard Profiles'!$G$22=$B$24,21,0),0)),0)</f>
        <v>0</v>
      </c>
      <c r="I6684">
        <f t="shared" si="741"/>
        <v>0.38880354615633977</v>
      </c>
      <c r="J6684">
        <f t="shared" si="742"/>
        <v>7.9582773736111454</v>
      </c>
      <c r="K6684">
        <f t="shared" si="743"/>
        <v>0.5945539829970985</v>
      </c>
      <c r="L6684">
        <f t="shared" si="744"/>
        <v>0.29727699149854925</v>
      </c>
      <c r="M6684">
        <f t="shared" si="745"/>
        <v>0</v>
      </c>
      <c r="N6684" s="45">
        <f t="shared" si="746"/>
        <v>45204.083333317205</v>
      </c>
    </row>
    <row r="6685" spans="2:14" x14ac:dyDescent="0.25">
      <c r="B6685">
        <f t="shared" si="740"/>
        <v>4</v>
      </c>
      <c r="C6685" s="16">
        <v>6651</v>
      </c>
      <c r="D6685" cm="1">
        <f t="array" ref="D6685">IFERROR(INDEX(Jesper!AH$2:AH$366,ROUNDDOWN($C6685/24,0)+1,1)*INDEX($D$3:$AA$30,INDEX(Jesper!$R$2:$R$366,ROW(INDEX(Jesper!AH$2:AH$366,ROUNDDOWN($C6685/24,0)+1,1))-1)+IF('Standard Profiles'!$G$18=$B$10,7,0)+IF('Standard Profiles'!$G$18=$B$17,14,0)+IF('Standard Profiles'!$G$18=$B$24,21,0),MOD($C6685,24)+1)/SUM(INDEX($D$3:$AA$30,INDEX(Jesper!$R$2:$R$366,ROW(INDEX(Jesper!AH$2:AH$366,ROUNDDOWN($C6685/24,0)+1,1))-1)+IF('Standard Profiles'!$G$18=$B$10,7,0)+IF('Standard Profiles'!$G$18=$B$17,14,0)+IF('Standard Profiles'!$G$18=$B$24,21,0),0)),0)</f>
        <v>5.5739435905977981</v>
      </c>
      <c r="E6685" cm="1">
        <f t="array" ref="E6685">IFERROR(INDEX(Jesper!AI$2:AI$366,ROUNDDOWN($C6685/24,0)+1,1)*INDEX($D$3:$AA$30,INDEX(Jesper!$R$2:$R$366,ROW(INDEX(Jesper!AI$2:AI$366,ROUNDDOWN($C6685/24,0)+1,1))-1)+IF('Standard Profiles'!$G$19=$B$10,7,0)+IF('Standard Profiles'!$G$19=$B$17,14,0)+IF('Standard Profiles'!$G$19=$B$24,21,0),MOD($C6685,24)+1)/SUM(INDEX($D$3:$AA$30,INDEX(Jesper!$R$2:$R$366,ROW(INDEX(Jesper!AI$2:AI$366,ROUNDDOWN($C6685/24,0)+1,1))-1)+IF('Standard Profiles'!$G$19=$B$10,7,0)+IF('Standard Profiles'!$G$19=$B$17,14,0)+IF('Standard Profiles'!$G$19=$B$24,21,0),0)),0)</f>
        <v>2.854960915839627</v>
      </c>
      <c r="F6685" cm="1">
        <f t="array" ref="F6685">IFERROR(INDEX(Jesper!AJ$2:AJ$366,ROUNDDOWN($C6685/24,0)+1,1)*INDEX($D$3:$AA$30,INDEX(Jesper!$R$2:$R$366,ROW(INDEX(Jesper!AJ$2:AJ$366,ROUNDDOWN($C6685/24,0)+1,1))-1)+IF('Standard Profiles'!$G$20=$B$10,7,0)+IF('Standard Profiles'!$G$20=$B$17,14,0)+IF('Standard Profiles'!$G$20=$B$24,21,0),MOD($C6685,24)+1)/SUM(INDEX($D$3:$AA$30,INDEX(Jesper!$R$2:$R$366,ROW(INDEX(Jesper!AJ$2:AJ$366,ROUNDDOWN($C6685/24,0)+1,1))-1)+IF('Standard Profiles'!$G$20=$B$10,7,0)+IF('Standard Profiles'!$G$20=$B$17,14,0)+IF('Standard Profiles'!$G$20=$B$24,21,0),0)),0)</f>
        <v>0</v>
      </c>
      <c r="G6685" cm="1">
        <f t="array" ref="G6685">IFERROR(INDEX(Jesper!AK$2:AK$366,ROUNDDOWN($C6685/24,0)+1,1)*INDEX($D$3:$AA$30,INDEX(Jesper!$R$2:$R$366,ROW(INDEX(Jesper!AK$2:AK$366,ROUNDDOWN($C6685/24,0)+1,1))-1)+IF('Standard Profiles'!$G$21=$B$10,7,0)+IF('Standard Profiles'!$G$21=$B$17,14,0)+IF('Standard Profiles'!$G$21=$B$24,21,0),MOD($C6685,24)+1)/SUM(INDEX($D$3:$AA$30,INDEX(Jesper!$R$2:$R$366,ROW(INDEX(Jesper!AK$2:AK$366,ROUNDDOWN($C6685/24,0)+1,1))-1)+IF('Standard Profiles'!$G$21=$B$10,7,0)+IF('Standard Profiles'!$G$21=$B$17,14,0)+IF('Standard Profiles'!$G$21=$B$24,21,0),0)),0)</f>
        <v>0.81000738782570825</v>
      </c>
      <c r="H6685" cm="1">
        <f t="array" ref="H6685">IFERROR(INDEX(Jesper!AL$2:AL$366,ROUNDDOWN($C6685/24,0)+1,1)*INDEX($D$3:$AA$30,INDEX(Jesper!$R$2:$R$366,ROW(INDEX(Jesper!AL$2:AL$366,ROUNDDOWN($C6685/24,0)+1,1))-1)+IF('Standard Profiles'!$G$22=$B$10,7,0)+IF('Standard Profiles'!$G$22=$B$17,14,0)+IF('Standard Profiles'!$G$22=$B$24,21,0),MOD($C6685,24)+1)/SUM(INDEX($D$3:$AA$30,INDEX(Jesper!$R$2:$R$366,ROW(INDEX(Jesper!AL$2:AL$366,ROUNDDOWN($C6685/24,0)+1,1))-1)+IF('Standard Profiles'!$G$22=$B$10,7,0)+IF('Standard Profiles'!$G$22=$B$17,14,0)+IF('Standard Profiles'!$G$22=$B$24,21,0),0)),0)</f>
        <v>0</v>
      </c>
      <c r="I6685">
        <f t="shared" si="741"/>
        <v>0.38880354615633977</v>
      </c>
      <c r="J6685">
        <f t="shared" si="742"/>
        <v>7.9582773736111454</v>
      </c>
      <c r="K6685">
        <f t="shared" si="743"/>
        <v>0.5945539829970985</v>
      </c>
      <c r="L6685">
        <f t="shared" si="744"/>
        <v>0.29727699149854925</v>
      </c>
      <c r="M6685">
        <f t="shared" si="745"/>
        <v>0</v>
      </c>
      <c r="N6685" s="45">
        <f t="shared" si="746"/>
        <v>45204.124999983869</v>
      </c>
    </row>
    <row r="6686" spans="2:14" x14ac:dyDescent="0.25">
      <c r="B6686">
        <f t="shared" si="740"/>
        <v>4</v>
      </c>
      <c r="C6686" s="16">
        <v>6652</v>
      </c>
      <c r="D6686" cm="1">
        <f t="array" ref="D6686">IFERROR(INDEX(Jesper!AH$2:AH$366,ROUNDDOWN($C6686/24,0)+1,1)*INDEX($D$3:$AA$30,INDEX(Jesper!$R$2:$R$366,ROW(INDEX(Jesper!AH$2:AH$366,ROUNDDOWN($C6686/24,0)+1,1))-1)+IF('Standard Profiles'!$G$18=$B$10,7,0)+IF('Standard Profiles'!$G$18=$B$17,14,0)+IF('Standard Profiles'!$G$18=$B$24,21,0),MOD($C6686,24)+1)/SUM(INDEX($D$3:$AA$30,INDEX(Jesper!$R$2:$R$366,ROW(INDEX(Jesper!AH$2:AH$366,ROUNDDOWN($C6686/24,0)+1,1))-1)+IF('Standard Profiles'!$G$18=$B$10,7,0)+IF('Standard Profiles'!$G$18=$B$17,14,0)+IF('Standard Profiles'!$G$18=$B$24,21,0),0)),0)</f>
        <v>5.5739435905977981</v>
      </c>
      <c r="E6686" cm="1">
        <f t="array" ref="E6686">IFERROR(INDEX(Jesper!AI$2:AI$366,ROUNDDOWN($C6686/24,0)+1,1)*INDEX($D$3:$AA$30,INDEX(Jesper!$R$2:$R$366,ROW(INDEX(Jesper!AI$2:AI$366,ROUNDDOWN($C6686/24,0)+1,1))-1)+IF('Standard Profiles'!$G$19=$B$10,7,0)+IF('Standard Profiles'!$G$19=$B$17,14,0)+IF('Standard Profiles'!$G$19=$B$24,21,0),MOD($C6686,24)+1)/SUM(INDEX($D$3:$AA$30,INDEX(Jesper!$R$2:$R$366,ROW(INDEX(Jesper!AI$2:AI$366,ROUNDDOWN($C6686/24,0)+1,1))-1)+IF('Standard Profiles'!$G$19=$B$10,7,0)+IF('Standard Profiles'!$G$19=$B$17,14,0)+IF('Standard Profiles'!$G$19=$B$24,21,0),0)),0)</f>
        <v>2.854960915839627</v>
      </c>
      <c r="F6686" cm="1">
        <f t="array" ref="F6686">IFERROR(INDEX(Jesper!AJ$2:AJ$366,ROUNDDOWN($C6686/24,0)+1,1)*INDEX($D$3:$AA$30,INDEX(Jesper!$R$2:$R$366,ROW(INDEX(Jesper!AJ$2:AJ$366,ROUNDDOWN($C6686/24,0)+1,1))-1)+IF('Standard Profiles'!$G$20=$B$10,7,0)+IF('Standard Profiles'!$G$20=$B$17,14,0)+IF('Standard Profiles'!$G$20=$B$24,21,0),MOD($C6686,24)+1)/SUM(INDEX($D$3:$AA$30,INDEX(Jesper!$R$2:$R$366,ROW(INDEX(Jesper!AJ$2:AJ$366,ROUNDDOWN($C6686/24,0)+1,1))-1)+IF('Standard Profiles'!$G$20=$B$10,7,0)+IF('Standard Profiles'!$G$20=$B$17,14,0)+IF('Standard Profiles'!$G$20=$B$24,21,0),0)),0)</f>
        <v>0</v>
      </c>
      <c r="G6686" cm="1">
        <f t="array" ref="G6686">IFERROR(INDEX(Jesper!AK$2:AK$366,ROUNDDOWN($C6686/24,0)+1,1)*INDEX($D$3:$AA$30,INDEX(Jesper!$R$2:$R$366,ROW(INDEX(Jesper!AK$2:AK$366,ROUNDDOWN($C6686/24,0)+1,1))-1)+IF('Standard Profiles'!$G$21=$B$10,7,0)+IF('Standard Profiles'!$G$21=$B$17,14,0)+IF('Standard Profiles'!$G$21=$B$24,21,0),MOD($C6686,24)+1)/SUM(INDEX($D$3:$AA$30,INDEX(Jesper!$R$2:$R$366,ROW(INDEX(Jesper!AK$2:AK$366,ROUNDDOWN($C6686/24,0)+1,1))-1)+IF('Standard Profiles'!$G$21=$B$10,7,0)+IF('Standard Profiles'!$G$21=$B$17,14,0)+IF('Standard Profiles'!$G$21=$B$24,21,0),0)),0)</f>
        <v>0.81000738782570825</v>
      </c>
      <c r="H6686" cm="1">
        <f t="array" ref="H6686">IFERROR(INDEX(Jesper!AL$2:AL$366,ROUNDDOWN($C6686/24,0)+1,1)*INDEX($D$3:$AA$30,INDEX(Jesper!$R$2:$R$366,ROW(INDEX(Jesper!AL$2:AL$366,ROUNDDOWN($C6686/24,0)+1,1))-1)+IF('Standard Profiles'!$G$22=$B$10,7,0)+IF('Standard Profiles'!$G$22=$B$17,14,0)+IF('Standard Profiles'!$G$22=$B$24,21,0),MOD($C6686,24)+1)/SUM(INDEX($D$3:$AA$30,INDEX(Jesper!$R$2:$R$366,ROW(INDEX(Jesper!AL$2:AL$366,ROUNDDOWN($C6686/24,0)+1,1))-1)+IF('Standard Profiles'!$G$22=$B$10,7,0)+IF('Standard Profiles'!$G$22=$B$17,14,0)+IF('Standard Profiles'!$G$22=$B$24,21,0),0)),0)</f>
        <v>0</v>
      </c>
      <c r="I6686">
        <f t="shared" si="741"/>
        <v>0.38880354615633977</v>
      </c>
      <c r="J6686">
        <f t="shared" si="742"/>
        <v>7.9582773736111454</v>
      </c>
      <c r="K6686">
        <f t="shared" si="743"/>
        <v>0.5945539829970985</v>
      </c>
      <c r="L6686">
        <f t="shared" si="744"/>
        <v>0.29727699149854925</v>
      </c>
      <c r="M6686">
        <f t="shared" si="745"/>
        <v>0</v>
      </c>
      <c r="N6686" s="45">
        <f t="shared" si="746"/>
        <v>45204.166666650533</v>
      </c>
    </row>
    <row r="6687" spans="2:14" x14ac:dyDescent="0.25">
      <c r="B6687">
        <f t="shared" si="740"/>
        <v>4</v>
      </c>
      <c r="C6687" s="16">
        <v>6653</v>
      </c>
      <c r="D6687" cm="1">
        <f t="array" ref="D6687">IFERROR(INDEX(Jesper!AH$2:AH$366,ROUNDDOWN($C6687/24,0)+1,1)*INDEX($D$3:$AA$30,INDEX(Jesper!$R$2:$R$366,ROW(INDEX(Jesper!AH$2:AH$366,ROUNDDOWN($C6687/24,0)+1,1))-1)+IF('Standard Profiles'!$G$18=$B$10,7,0)+IF('Standard Profiles'!$G$18=$B$17,14,0)+IF('Standard Profiles'!$G$18=$B$24,21,0),MOD($C6687,24)+1)/SUM(INDEX($D$3:$AA$30,INDEX(Jesper!$R$2:$R$366,ROW(INDEX(Jesper!AH$2:AH$366,ROUNDDOWN($C6687/24,0)+1,1))-1)+IF('Standard Profiles'!$G$18=$B$10,7,0)+IF('Standard Profiles'!$G$18=$B$17,14,0)+IF('Standard Profiles'!$G$18=$B$24,21,0),0)),0)</f>
        <v>5.5739435905977981</v>
      </c>
      <c r="E6687" cm="1">
        <f t="array" ref="E6687">IFERROR(INDEX(Jesper!AI$2:AI$366,ROUNDDOWN($C6687/24,0)+1,1)*INDEX($D$3:$AA$30,INDEX(Jesper!$R$2:$R$366,ROW(INDEX(Jesper!AI$2:AI$366,ROUNDDOWN($C6687/24,0)+1,1))-1)+IF('Standard Profiles'!$G$19=$B$10,7,0)+IF('Standard Profiles'!$G$19=$B$17,14,0)+IF('Standard Profiles'!$G$19=$B$24,21,0),MOD($C6687,24)+1)/SUM(INDEX($D$3:$AA$30,INDEX(Jesper!$R$2:$R$366,ROW(INDEX(Jesper!AI$2:AI$366,ROUNDDOWN($C6687/24,0)+1,1))-1)+IF('Standard Profiles'!$G$19=$B$10,7,0)+IF('Standard Profiles'!$G$19=$B$17,14,0)+IF('Standard Profiles'!$G$19=$B$24,21,0),0)),0)</f>
        <v>2.854960915839627</v>
      </c>
      <c r="F6687" cm="1">
        <f t="array" ref="F6687">IFERROR(INDEX(Jesper!AJ$2:AJ$366,ROUNDDOWN($C6687/24,0)+1,1)*INDEX($D$3:$AA$30,INDEX(Jesper!$R$2:$R$366,ROW(INDEX(Jesper!AJ$2:AJ$366,ROUNDDOWN($C6687/24,0)+1,1))-1)+IF('Standard Profiles'!$G$20=$B$10,7,0)+IF('Standard Profiles'!$G$20=$B$17,14,0)+IF('Standard Profiles'!$G$20=$B$24,21,0),MOD($C6687,24)+1)/SUM(INDEX($D$3:$AA$30,INDEX(Jesper!$R$2:$R$366,ROW(INDEX(Jesper!AJ$2:AJ$366,ROUNDDOWN($C6687/24,0)+1,1))-1)+IF('Standard Profiles'!$G$20=$B$10,7,0)+IF('Standard Profiles'!$G$20=$B$17,14,0)+IF('Standard Profiles'!$G$20=$B$24,21,0),0)),0)</f>
        <v>0</v>
      </c>
      <c r="G6687" cm="1">
        <f t="array" ref="G6687">IFERROR(INDEX(Jesper!AK$2:AK$366,ROUNDDOWN($C6687/24,0)+1,1)*INDEX($D$3:$AA$30,INDEX(Jesper!$R$2:$R$366,ROW(INDEX(Jesper!AK$2:AK$366,ROUNDDOWN($C6687/24,0)+1,1))-1)+IF('Standard Profiles'!$G$21=$B$10,7,0)+IF('Standard Profiles'!$G$21=$B$17,14,0)+IF('Standard Profiles'!$G$21=$B$24,21,0),MOD($C6687,24)+1)/SUM(INDEX($D$3:$AA$30,INDEX(Jesper!$R$2:$R$366,ROW(INDEX(Jesper!AK$2:AK$366,ROUNDDOWN($C6687/24,0)+1,1))-1)+IF('Standard Profiles'!$G$21=$B$10,7,0)+IF('Standard Profiles'!$G$21=$B$17,14,0)+IF('Standard Profiles'!$G$21=$B$24,21,0),0)),0)</f>
        <v>0.81000738782570825</v>
      </c>
      <c r="H6687" cm="1">
        <f t="array" ref="H6687">IFERROR(INDEX(Jesper!AL$2:AL$366,ROUNDDOWN($C6687/24,0)+1,1)*INDEX($D$3:$AA$30,INDEX(Jesper!$R$2:$R$366,ROW(INDEX(Jesper!AL$2:AL$366,ROUNDDOWN($C6687/24,0)+1,1))-1)+IF('Standard Profiles'!$G$22=$B$10,7,0)+IF('Standard Profiles'!$G$22=$B$17,14,0)+IF('Standard Profiles'!$G$22=$B$24,21,0),MOD($C6687,24)+1)/SUM(INDEX($D$3:$AA$30,INDEX(Jesper!$R$2:$R$366,ROW(INDEX(Jesper!AL$2:AL$366,ROUNDDOWN($C6687/24,0)+1,1))-1)+IF('Standard Profiles'!$G$22=$B$10,7,0)+IF('Standard Profiles'!$G$22=$B$17,14,0)+IF('Standard Profiles'!$G$22=$B$24,21,0),0)),0)</f>
        <v>0</v>
      </c>
      <c r="I6687">
        <f t="shared" si="741"/>
        <v>0.38880354615633977</v>
      </c>
      <c r="J6687">
        <f t="shared" si="742"/>
        <v>7.9582773736111454</v>
      </c>
      <c r="K6687">
        <f t="shared" si="743"/>
        <v>0.5945539829970985</v>
      </c>
      <c r="L6687">
        <f t="shared" si="744"/>
        <v>0.29727699149854925</v>
      </c>
      <c r="M6687">
        <f t="shared" si="745"/>
        <v>0</v>
      </c>
      <c r="N6687" s="45">
        <f t="shared" si="746"/>
        <v>45204.208333317198</v>
      </c>
    </row>
    <row r="6688" spans="2:14" x14ac:dyDescent="0.25">
      <c r="B6688">
        <f t="shared" si="740"/>
        <v>4</v>
      </c>
      <c r="C6688" s="16">
        <v>6654</v>
      </c>
      <c r="D6688" cm="1">
        <f t="array" ref="D6688">IFERROR(INDEX(Jesper!AH$2:AH$366,ROUNDDOWN($C6688/24,0)+1,1)*INDEX($D$3:$AA$30,INDEX(Jesper!$R$2:$R$366,ROW(INDEX(Jesper!AH$2:AH$366,ROUNDDOWN($C6688/24,0)+1,1))-1)+IF('Standard Profiles'!$G$18=$B$10,7,0)+IF('Standard Profiles'!$G$18=$B$17,14,0)+IF('Standard Profiles'!$G$18=$B$24,21,0),MOD($C6688,24)+1)/SUM(INDEX($D$3:$AA$30,INDEX(Jesper!$R$2:$R$366,ROW(INDEX(Jesper!AH$2:AH$366,ROUNDDOWN($C6688/24,0)+1,1))-1)+IF('Standard Profiles'!$G$18=$B$10,7,0)+IF('Standard Profiles'!$G$18=$B$17,14,0)+IF('Standard Profiles'!$G$18=$B$24,21,0),0)),0)</f>
        <v>5.5739435905977981</v>
      </c>
      <c r="E6688" cm="1">
        <f t="array" ref="E6688">IFERROR(INDEX(Jesper!AI$2:AI$366,ROUNDDOWN($C6688/24,0)+1,1)*INDEX($D$3:$AA$30,INDEX(Jesper!$R$2:$R$366,ROW(INDEX(Jesper!AI$2:AI$366,ROUNDDOWN($C6688/24,0)+1,1))-1)+IF('Standard Profiles'!$G$19=$B$10,7,0)+IF('Standard Profiles'!$G$19=$B$17,14,0)+IF('Standard Profiles'!$G$19=$B$24,21,0),MOD($C6688,24)+1)/SUM(INDEX($D$3:$AA$30,INDEX(Jesper!$R$2:$R$366,ROW(INDEX(Jesper!AI$2:AI$366,ROUNDDOWN($C6688/24,0)+1,1))-1)+IF('Standard Profiles'!$G$19=$B$10,7,0)+IF('Standard Profiles'!$G$19=$B$17,14,0)+IF('Standard Profiles'!$G$19=$B$24,21,0),0)),0)</f>
        <v>2.854960915839627</v>
      </c>
      <c r="F6688" cm="1">
        <f t="array" ref="F6688">IFERROR(INDEX(Jesper!AJ$2:AJ$366,ROUNDDOWN($C6688/24,0)+1,1)*INDEX($D$3:$AA$30,INDEX(Jesper!$R$2:$R$366,ROW(INDEX(Jesper!AJ$2:AJ$366,ROUNDDOWN($C6688/24,0)+1,1))-1)+IF('Standard Profiles'!$G$20=$B$10,7,0)+IF('Standard Profiles'!$G$20=$B$17,14,0)+IF('Standard Profiles'!$G$20=$B$24,21,0),MOD($C6688,24)+1)/SUM(INDEX($D$3:$AA$30,INDEX(Jesper!$R$2:$R$366,ROW(INDEX(Jesper!AJ$2:AJ$366,ROUNDDOWN($C6688/24,0)+1,1))-1)+IF('Standard Profiles'!$G$20=$B$10,7,0)+IF('Standard Profiles'!$G$20=$B$17,14,0)+IF('Standard Profiles'!$G$20=$B$24,21,0),0)),0)</f>
        <v>0</v>
      </c>
      <c r="G6688" cm="1">
        <f t="array" ref="G6688">IFERROR(INDEX(Jesper!AK$2:AK$366,ROUNDDOWN($C6688/24,0)+1,1)*INDEX($D$3:$AA$30,INDEX(Jesper!$R$2:$R$366,ROW(INDEX(Jesper!AK$2:AK$366,ROUNDDOWN($C6688/24,0)+1,1))-1)+IF('Standard Profiles'!$G$21=$B$10,7,0)+IF('Standard Profiles'!$G$21=$B$17,14,0)+IF('Standard Profiles'!$G$21=$B$24,21,0),MOD($C6688,24)+1)/SUM(INDEX($D$3:$AA$30,INDEX(Jesper!$R$2:$R$366,ROW(INDEX(Jesper!AK$2:AK$366,ROUNDDOWN($C6688/24,0)+1,1))-1)+IF('Standard Profiles'!$G$21=$B$10,7,0)+IF('Standard Profiles'!$G$21=$B$17,14,0)+IF('Standard Profiles'!$G$21=$B$24,21,0),0)),0)</f>
        <v>0.81000738782570825</v>
      </c>
      <c r="H6688" cm="1">
        <f t="array" ref="H6688">IFERROR(INDEX(Jesper!AL$2:AL$366,ROUNDDOWN($C6688/24,0)+1,1)*INDEX($D$3:$AA$30,INDEX(Jesper!$R$2:$R$366,ROW(INDEX(Jesper!AL$2:AL$366,ROUNDDOWN($C6688/24,0)+1,1))-1)+IF('Standard Profiles'!$G$22=$B$10,7,0)+IF('Standard Profiles'!$G$22=$B$17,14,0)+IF('Standard Profiles'!$G$22=$B$24,21,0),MOD($C6688,24)+1)/SUM(INDEX($D$3:$AA$30,INDEX(Jesper!$R$2:$R$366,ROW(INDEX(Jesper!AL$2:AL$366,ROUNDDOWN($C6688/24,0)+1,1))-1)+IF('Standard Profiles'!$G$22=$B$10,7,0)+IF('Standard Profiles'!$G$22=$B$17,14,0)+IF('Standard Profiles'!$G$22=$B$24,21,0),0)),0)</f>
        <v>0</v>
      </c>
      <c r="I6688">
        <f t="shared" si="741"/>
        <v>0.38880354615633977</v>
      </c>
      <c r="J6688">
        <f t="shared" si="742"/>
        <v>7.9582773736111454</v>
      </c>
      <c r="K6688">
        <f t="shared" si="743"/>
        <v>0.5945539829970985</v>
      </c>
      <c r="L6688">
        <f t="shared" si="744"/>
        <v>0.29727699149854925</v>
      </c>
      <c r="M6688">
        <f t="shared" si="745"/>
        <v>0</v>
      </c>
      <c r="N6688" s="45">
        <f t="shared" si="746"/>
        <v>45204.249999983862</v>
      </c>
    </row>
    <row r="6689" spans="2:14" x14ac:dyDescent="0.25">
      <c r="B6689">
        <f t="shared" si="740"/>
        <v>4</v>
      </c>
      <c r="C6689" s="16">
        <v>6655</v>
      </c>
      <c r="D6689" cm="1">
        <f t="array" ref="D6689">IFERROR(INDEX(Jesper!AH$2:AH$366,ROUNDDOWN($C6689/24,0)+1,1)*INDEX($D$3:$AA$30,INDEX(Jesper!$R$2:$R$366,ROW(INDEX(Jesper!AH$2:AH$366,ROUNDDOWN($C6689/24,0)+1,1))-1)+IF('Standard Profiles'!$G$18=$B$10,7,0)+IF('Standard Profiles'!$G$18=$B$17,14,0)+IF('Standard Profiles'!$G$18=$B$24,21,0),MOD($C6689,24)+1)/SUM(INDEX($D$3:$AA$30,INDEX(Jesper!$R$2:$R$366,ROW(INDEX(Jesper!AH$2:AH$366,ROUNDDOWN($C6689/24,0)+1,1))-1)+IF('Standard Profiles'!$G$18=$B$10,7,0)+IF('Standard Profiles'!$G$18=$B$17,14,0)+IF('Standard Profiles'!$G$18=$B$24,21,0),0)),0)</f>
        <v>22.785605768837662</v>
      </c>
      <c r="E6689" cm="1">
        <f t="array" ref="E6689">IFERROR(INDEX(Jesper!AI$2:AI$366,ROUNDDOWN($C6689/24,0)+1,1)*INDEX($D$3:$AA$30,INDEX(Jesper!$R$2:$R$366,ROW(INDEX(Jesper!AI$2:AI$366,ROUNDDOWN($C6689/24,0)+1,1))-1)+IF('Standard Profiles'!$G$19=$B$10,7,0)+IF('Standard Profiles'!$G$19=$B$17,14,0)+IF('Standard Profiles'!$G$19=$B$24,21,0),MOD($C6689,24)+1)/SUM(INDEX($D$3:$AA$30,INDEX(Jesper!$R$2:$R$366,ROW(INDEX(Jesper!AI$2:AI$366,ROUNDDOWN($C6689/24,0)+1,1))-1)+IF('Standard Profiles'!$G$19=$B$10,7,0)+IF('Standard Profiles'!$G$19=$B$17,14,0)+IF('Standard Profiles'!$G$19=$B$24,21,0),0)),0)</f>
        <v>11.670734168083806</v>
      </c>
      <c r="F6689" cm="1">
        <f t="array" ref="F6689">IFERROR(INDEX(Jesper!AJ$2:AJ$366,ROUNDDOWN($C6689/24,0)+1,1)*INDEX($D$3:$AA$30,INDEX(Jesper!$R$2:$R$366,ROW(INDEX(Jesper!AJ$2:AJ$366,ROUNDDOWN($C6689/24,0)+1,1))-1)+IF('Standard Profiles'!$G$20=$B$10,7,0)+IF('Standard Profiles'!$G$20=$B$17,14,0)+IF('Standard Profiles'!$G$20=$B$24,21,0),MOD($C6689,24)+1)/SUM(INDEX($D$3:$AA$30,INDEX(Jesper!$R$2:$R$366,ROW(INDEX(Jesper!AJ$2:AJ$366,ROUNDDOWN($C6689/24,0)+1,1))-1)+IF('Standard Profiles'!$G$20=$B$10,7,0)+IF('Standard Profiles'!$G$20=$B$17,14,0)+IF('Standard Profiles'!$G$20=$B$24,21,0),0)),0)</f>
        <v>0</v>
      </c>
      <c r="G6689" cm="1">
        <f t="array" ref="G6689">IFERROR(INDEX(Jesper!AK$2:AK$366,ROUNDDOWN($C6689/24,0)+1,1)*INDEX($D$3:$AA$30,INDEX(Jesper!$R$2:$R$366,ROW(INDEX(Jesper!AK$2:AK$366,ROUNDDOWN($C6689/24,0)+1,1))-1)+IF('Standard Profiles'!$G$21=$B$10,7,0)+IF('Standard Profiles'!$G$21=$B$17,14,0)+IF('Standard Profiles'!$G$21=$B$24,21,0),MOD($C6689,24)+1)/SUM(INDEX($D$3:$AA$30,INDEX(Jesper!$R$2:$R$366,ROW(INDEX(Jesper!AK$2:AK$366,ROUNDDOWN($C6689/24,0)+1,1))-1)+IF('Standard Profiles'!$G$21=$B$10,7,0)+IF('Standard Profiles'!$G$21=$B$17,14,0)+IF('Standard Profiles'!$G$21=$B$24,21,0),0)),0)</f>
        <v>2.2315703534598259</v>
      </c>
      <c r="H6689" cm="1">
        <f t="array" ref="H6689">IFERROR(INDEX(Jesper!AL$2:AL$366,ROUNDDOWN($C6689/24,0)+1,1)*INDEX($D$3:$AA$30,INDEX(Jesper!$R$2:$R$366,ROW(INDEX(Jesper!AL$2:AL$366,ROUNDDOWN($C6689/24,0)+1,1))-1)+IF('Standard Profiles'!$G$22=$B$10,7,0)+IF('Standard Profiles'!$G$22=$B$17,14,0)+IF('Standard Profiles'!$G$22=$B$24,21,0),MOD($C6689,24)+1)/SUM(INDEX($D$3:$AA$30,INDEX(Jesper!$R$2:$R$366,ROW(INDEX(Jesper!AL$2:AL$366,ROUNDDOWN($C6689/24,0)+1,1))-1)+IF('Standard Profiles'!$G$22=$B$10,7,0)+IF('Standard Profiles'!$G$22=$B$17,14,0)+IF('Standard Profiles'!$G$22=$B$24,21,0),0)),0)</f>
        <v>0</v>
      </c>
      <c r="I6689">
        <f t="shared" si="741"/>
        <v>1.0711537696607158</v>
      </c>
      <c r="J6689">
        <f t="shared" si="742"/>
        <v>31.971059597706557</v>
      </c>
      <c r="K6689">
        <f t="shared" si="743"/>
        <v>2.4304646153426841</v>
      </c>
      <c r="L6689">
        <f t="shared" si="744"/>
        <v>1.215232307671342</v>
      </c>
      <c r="M6689">
        <f t="shared" si="745"/>
        <v>0</v>
      </c>
      <c r="N6689" s="45">
        <f t="shared" si="746"/>
        <v>45204.291666650526</v>
      </c>
    </row>
    <row r="6690" spans="2:14" x14ac:dyDescent="0.25">
      <c r="B6690">
        <f t="shared" si="740"/>
        <v>4</v>
      </c>
      <c r="C6690" s="16">
        <v>6656</v>
      </c>
      <c r="D6690" cm="1">
        <f t="array" ref="D6690">IFERROR(INDEX(Jesper!AH$2:AH$366,ROUNDDOWN($C6690/24,0)+1,1)*INDEX($D$3:$AA$30,INDEX(Jesper!$R$2:$R$366,ROW(INDEX(Jesper!AH$2:AH$366,ROUNDDOWN($C6690/24,0)+1,1))-1)+IF('Standard Profiles'!$G$18=$B$10,7,0)+IF('Standard Profiles'!$G$18=$B$17,14,0)+IF('Standard Profiles'!$G$18=$B$24,21,0),MOD($C6690,24)+1)/SUM(INDEX($D$3:$AA$30,INDEX(Jesper!$R$2:$R$366,ROW(INDEX(Jesper!AH$2:AH$366,ROUNDDOWN($C6690/24,0)+1,1))-1)+IF('Standard Profiles'!$G$18=$B$10,7,0)+IF('Standard Profiles'!$G$18=$B$17,14,0)+IF('Standard Profiles'!$G$18=$B$24,21,0),0)),0)</f>
        <v>25.423939068387291</v>
      </c>
      <c r="E6690" cm="1">
        <f t="array" ref="E6690">IFERROR(INDEX(Jesper!AI$2:AI$366,ROUNDDOWN($C6690/24,0)+1,1)*INDEX($D$3:$AA$30,INDEX(Jesper!$R$2:$R$366,ROW(INDEX(Jesper!AI$2:AI$366,ROUNDDOWN($C6690/24,0)+1,1))-1)+IF('Standard Profiles'!$G$19=$B$10,7,0)+IF('Standard Profiles'!$G$19=$B$17,14,0)+IF('Standard Profiles'!$G$19=$B$24,21,0),MOD($C6690,24)+1)/SUM(INDEX($D$3:$AA$30,INDEX(Jesper!$R$2:$R$366,ROW(INDEX(Jesper!AI$2:AI$366,ROUNDDOWN($C6690/24,0)+1,1))-1)+IF('Standard Profiles'!$G$19=$B$10,7,0)+IF('Standard Profiles'!$G$19=$B$17,14,0)+IF('Standard Profiles'!$G$19=$B$24,21,0),0)),0)</f>
        <v>13.022082334914565</v>
      </c>
      <c r="F6690" cm="1">
        <f t="array" ref="F6690">IFERROR(INDEX(Jesper!AJ$2:AJ$366,ROUNDDOWN($C6690/24,0)+1,1)*INDEX($D$3:$AA$30,INDEX(Jesper!$R$2:$R$366,ROW(INDEX(Jesper!AJ$2:AJ$366,ROUNDDOWN($C6690/24,0)+1,1))-1)+IF('Standard Profiles'!$G$20=$B$10,7,0)+IF('Standard Profiles'!$G$20=$B$17,14,0)+IF('Standard Profiles'!$G$20=$B$24,21,0),MOD($C6690,24)+1)/SUM(INDEX($D$3:$AA$30,INDEX(Jesper!$R$2:$R$366,ROW(INDEX(Jesper!AJ$2:AJ$366,ROUNDDOWN($C6690/24,0)+1,1))-1)+IF('Standard Profiles'!$G$20=$B$10,7,0)+IF('Standard Profiles'!$G$20=$B$17,14,0)+IF('Standard Profiles'!$G$20=$B$24,21,0),0)),0)</f>
        <v>0</v>
      </c>
      <c r="G6690" cm="1">
        <f t="array" ref="G6690">IFERROR(INDEX(Jesper!AK$2:AK$366,ROUNDDOWN($C6690/24,0)+1,1)*INDEX($D$3:$AA$30,INDEX(Jesper!$R$2:$R$366,ROW(INDEX(Jesper!AK$2:AK$366,ROUNDDOWN($C6690/24,0)+1,1))-1)+IF('Standard Profiles'!$G$21=$B$10,7,0)+IF('Standard Profiles'!$G$21=$B$17,14,0)+IF('Standard Profiles'!$G$21=$B$24,21,0),MOD($C6690,24)+1)/SUM(INDEX($D$3:$AA$30,INDEX(Jesper!$R$2:$R$366,ROW(INDEX(Jesper!AK$2:AK$366,ROUNDDOWN($C6690/24,0)+1,1))-1)+IF('Standard Profiles'!$G$21=$B$10,7,0)+IF('Standard Profiles'!$G$21=$B$17,14,0)+IF('Standard Profiles'!$G$21=$B$24,21,0),0)),0)</f>
        <v>2.4899627101762269</v>
      </c>
      <c r="H6690" cm="1">
        <f t="array" ref="H6690">IFERROR(INDEX(Jesper!AL$2:AL$366,ROUNDDOWN($C6690/24,0)+1,1)*INDEX($D$3:$AA$30,INDEX(Jesper!$R$2:$R$366,ROW(INDEX(Jesper!AL$2:AL$366,ROUNDDOWN($C6690/24,0)+1,1))-1)+IF('Standard Profiles'!$G$22=$B$10,7,0)+IF('Standard Profiles'!$G$22=$B$17,14,0)+IF('Standard Profiles'!$G$22=$B$24,21,0),MOD($C6690,24)+1)/SUM(INDEX($D$3:$AA$30,INDEX(Jesper!$R$2:$R$366,ROW(INDEX(Jesper!AL$2:AL$366,ROUNDDOWN($C6690/24,0)+1,1))-1)+IF('Standard Profiles'!$G$22=$B$10,7,0)+IF('Standard Profiles'!$G$22=$B$17,14,0)+IF('Standard Profiles'!$G$22=$B$24,21,0),0)),0)</f>
        <v>0</v>
      </c>
      <c r="I6690">
        <f t="shared" si="741"/>
        <v>1.1951821008845884</v>
      </c>
      <c r="J6690">
        <f t="shared" si="742"/>
        <v>35.672971761651525</v>
      </c>
      <c r="K6690">
        <f t="shared" si="743"/>
        <v>2.7118868339613114</v>
      </c>
      <c r="L6690">
        <f t="shared" si="744"/>
        <v>1.3559434169806557</v>
      </c>
      <c r="M6690">
        <f t="shared" si="745"/>
        <v>0</v>
      </c>
      <c r="N6690" s="45">
        <f t="shared" si="746"/>
        <v>45204.33333331719</v>
      </c>
    </row>
    <row r="6691" spans="2:14" x14ac:dyDescent="0.25">
      <c r="B6691">
        <f t="shared" ref="B6691:B6754" si="747">WEEKDAY(N6691,2)</f>
        <v>4</v>
      </c>
      <c r="C6691" s="16">
        <v>6657</v>
      </c>
      <c r="D6691" cm="1">
        <f t="array" ref="D6691">IFERROR(INDEX(Jesper!AH$2:AH$366,ROUNDDOWN($C6691/24,0)+1,1)*INDEX($D$3:$AA$30,INDEX(Jesper!$R$2:$R$366,ROW(INDEX(Jesper!AH$2:AH$366,ROUNDDOWN($C6691/24,0)+1,1))-1)+IF('Standard Profiles'!$G$18=$B$10,7,0)+IF('Standard Profiles'!$G$18=$B$17,14,0)+IF('Standard Profiles'!$G$18=$B$24,21,0),MOD($C6691,24)+1)/SUM(INDEX($D$3:$AA$30,INDEX(Jesper!$R$2:$R$366,ROW(INDEX(Jesper!AH$2:AH$366,ROUNDDOWN($C6691/24,0)+1,1))-1)+IF('Standard Profiles'!$G$18=$B$10,7,0)+IF('Standard Profiles'!$G$18=$B$17,14,0)+IF('Standard Profiles'!$G$18=$B$24,21,0),0)),0)</f>
        <v>28.062272367936917</v>
      </c>
      <c r="E6691" cm="1">
        <f t="array" ref="E6691">IFERROR(INDEX(Jesper!AI$2:AI$366,ROUNDDOWN($C6691/24,0)+1,1)*INDEX($D$3:$AA$30,INDEX(Jesper!$R$2:$R$366,ROW(INDEX(Jesper!AI$2:AI$366,ROUNDDOWN($C6691/24,0)+1,1))-1)+IF('Standard Profiles'!$G$19=$B$10,7,0)+IF('Standard Profiles'!$G$19=$B$17,14,0)+IF('Standard Profiles'!$G$19=$B$24,21,0),MOD($C6691,24)+1)/SUM(INDEX($D$3:$AA$30,INDEX(Jesper!$R$2:$R$366,ROW(INDEX(Jesper!AI$2:AI$366,ROUNDDOWN($C6691/24,0)+1,1))-1)+IF('Standard Profiles'!$G$19=$B$10,7,0)+IF('Standard Profiles'!$G$19=$B$17,14,0)+IF('Standard Profiles'!$G$19=$B$24,21,0),0)),0)</f>
        <v>14.373430501745322</v>
      </c>
      <c r="F6691" cm="1">
        <f t="array" ref="F6691">IFERROR(INDEX(Jesper!AJ$2:AJ$366,ROUNDDOWN($C6691/24,0)+1,1)*INDEX($D$3:$AA$30,INDEX(Jesper!$R$2:$R$366,ROW(INDEX(Jesper!AJ$2:AJ$366,ROUNDDOWN($C6691/24,0)+1,1))-1)+IF('Standard Profiles'!$G$20=$B$10,7,0)+IF('Standard Profiles'!$G$20=$B$17,14,0)+IF('Standard Profiles'!$G$20=$B$24,21,0),MOD($C6691,24)+1)/SUM(INDEX($D$3:$AA$30,INDEX(Jesper!$R$2:$R$366,ROW(INDEX(Jesper!AJ$2:AJ$366,ROUNDDOWN($C6691/24,0)+1,1))-1)+IF('Standard Profiles'!$G$20=$B$10,7,0)+IF('Standard Profiles'!$G$20=$B$17,14,0)+IF('Standard Profiles'!$G$20=$B$24,21,0),0)),0)</f>
        <v>0</v>
      </c>
      <c r="G6691" cm="1">
        <f t="array" ref="G6691">IFERROR(INDEX(Jesper!AK$2:AK$366,ROUNDDOWN($C6691/24,0)+1,1)*INDEX($D$3:$AA$30,INDEX(Jesper!$R$2:$R$366,ROW(INDEX(Jesper!AK$2:AK$366,ROUNDDOWN($C6691/24,0)+1,1))-1)+IF('Standard Profiles'!$G$21=$B$10,7,0)+IF('Standard Profiles'!$G$21=$B$17,14,0)+IF('Standard Profiles'!$G$21=$B$24,21,0),MOD($C6691,24)+1)/SUM(INDEX($D$3:$AA$30,INDEX(Jesper!$R$2:$R$366,ROW(INDEX(Jesper!AK$2:AK$366,ROUNDDOWN($C6691/24,0)+1,1))-1)+IF('Standard Profiles'!$G$21=$B$10,7,0)+IF('Standard Profiles'!$G$21=$B$17,14,0)+IF('Standard Profiles'!$G$21=$B$24,21,0),0)),0)</f>
        <v>2.7483550668926275</v>
      </c>
      <c r="H6691" cm="1">
        <f t="array" ref="H6691">IFERROR(INDEX(Jesper!AL$2:AL$366,ROUNDDOWN($C6691/24,0)+1,1)*INDEX($D$3:$AA$30,INDEX(Jesper!$R$2:$R$366,ROW(INDEX(Jesper!AL$2:AL$366,ROUNDDOWN($C6691/24,0)+1,1))-1)+IF('Standard Profiles'!$G$22=$B$10,7,0)+IF('Standard Profiles'!$G$22=$B$17,14,0)+IF('Standard Profiles'!$G$22=$B$24,21,0),MOD($C6691,24)+1)/SUM(INDEX($D$3:$AA$30,INDEX(Jesper!$R$2:$R$366,ROW(INDEX(Jesper!AL$2:AL$366,ROUNDDOWN($C6691/24,0)+1,1))-1)+IF('Standard Profiles'!$G$22=$B$10,7,0)+IF('Standard Profiles'!$G$22=$B$17,14,0)+IF('Standard Profiles'!$G$22=$B$24,21,0),0)),0)</f>
        <v>0</v>
      </c>
      <c r="I6691">
        <f t="shared" ref="I6691:I6754" si="748">IF($B6691&lt;6,AC$37*$D6691+AC$38*$E6691+AC$39*$F6691+AC$40*$G6691,AC$46*$D6691+AC$47*$E6691+AC$48*$F6691+AC$49*$G6691+AC$50*$H6691)</f>
        <v>1.3192104321084606</v>
      </c>
      <c r="J6691">
        <f t="shared" ref="J6691:J6754" si="749">IF($B6691&lt;6,AD$37*$D6691+AD$38*$E6691+AD$39*$F6691+AD$40*$G6691,AD$46*$D6691+AD$47*$E6691+AD$48*$F6691+AD$49*$G6691+AD$50*$H6691)</f>
        <v>39.374883925596492</v>
      </c>
      <c r="K6691">
        <f t="shared" ref="K6691:K6754" si="750">IF($B6691&lt;6,AE$37*$D6691+AE$38*$E6691+AE$39*$F6691+AE$40*$G6691,AE$46*$D6691+AE$47*$E6691+AE$48*$F6691+AE$49*$G6691+AE$50*$H6691)</f>
        <v>2.9933090525799382</v>
      </c>
      <c r="L6691">
        <f t="shared" ref="L6691:L6754" si="751">IF($B6691&lt;6,AF$37*$D6691+AF$38*$E6691+AF$39*$F6691+AF$40*$G6691,AF$46*$D6691+AF$47*$E6691+AF$48*$F6691+AF$49*$G6691+AF$50*$H6691)</f>
        <v>1.4966545262899691</v>
      </c>
      <c r="M6691">
        <f t="shared" ref="M6691:M6754" si="752">IF($B6691&lt;6,AG$37*$D6691+AG$38*$E6691+AG$39*$F6691+AG$40*$G6691,AG$46*$D6691+AG$47*$E6691+AG$48*$F6691+AG$49*$G6691+AG$50*$H6691)</f>
        <v>0</v>
      </c>
      <c r="N6691" s="45">
        <f t="shared" si="746"/>
        <v>45204.374999983855</v>
      </c>
    </row>
    <row r="6692" spans="2:14" x14ac:dyDescent="0.25">
      <c r="B6692">
        <f t="shared" si="747"/>
        <v>4</v>
      </c>
      <c r="C6692" s="16">
        <v>6658</v>
      </c>
      <c r="D6692" cm="1">
        <f t="array" ref="D6692">IFERROR(INDEX(Jesper!AH$2:AH$366,ROUNDDOWN($C6692/24,0)+1,1)*INDEX($D$3:$AA$30,INDEX(Jesper!$R$2:$R$366,ROW(INDEX(Jesper!AH$2:AH$366,ROUNDDOWN($C6692/24,0)+1,1))-1)+IF('Standard Profiles'!$G$18=$B$10,7,0)+IF('Standard Profiles'!$G$18=$B$17,14,0)+IF('Standard Profiles'!$G$18=$B$24,21,0),MOD($C6692,24)+1)/SUM(INDEX($D$3:$AA$30,INDEX(Jesper!$R$2:$R$366,ROW(INDEX(Jesper!AH$2:AH$366,ROUNDDOWN($C6692/24,0)+1,1))-1)+IF('Standard Profiles'!$G$18=$B$10,7,0)+IF('Standard Profiles'!$G$18=$B$17,14,0)+IF('Standard Profiles'!$G$18=$B$24,21,0),0)),0)</f>
        <v>28.062272367936917</v>
      </c>
      <c r="E6692" cm="1">
        <f t="array" ref="E6692">IFERROR(INDEX(Jesper!AI$2:AI$366,ROUNDDOWN($C6692/24,0)+1,1)*INDEX($D$3:$AA$30,INDEX(Jesper!$R$2:$R$366,ROW(INDEX(Jesper!AI$2:AI$366,ROUNDDOWN($C6692/24,0)+1,1))-1)+IF('Standard Profiles'!$G$19=$B$10,7,0)+IF('Standard Profiles'!$G$19=$B$17,14,0)+IF('Standard Profiles'!$G$19=$B$24,21,0),MOD($C6692,24)+1)/SUM(INDEX($D$3:$AA$30,INDEX(Jesper!$R$2:$R$366,ROW(INDEX(Jesper!AI$2:AI$366,ROUNDDOWN($C6692/24,0)+1,1))-1)+IF('Standard Profiles'!$G$19=$B$10,7,0)+IF('Standard Profiles'!$G$19=$B$17,14,0)+IF('Standard Profiles'!$G$19=$B$24,21,0),0)),0)</f>
        <v>14.373430501745322</v>
      </c>
      <c r="F6692" cm="1">
        <f t="array" ref="F6692">IFERROR(INDEX(Jesper!AJ$2:AJ$366,ROUNDDOWN($C6692/24,0)+1,1)*INDEX($D$3:$AA$30,INDEX(Jesper!$R$2:$R$366,ROW(INDEX(Jesper!AJ$2:AJ$366,ROUNDDOWN($C6692/24,0)+1,1))-1)+IF('Standard Profiles'!$G$20=$B$10,7,0)+IF('Standard Profiles'!$G$20=$B$17,14,0)+IF('Standard Profiles'!$G$20=$B$24,21,0),MOD($C6692,24)+1)/SUM(INDEX($D$3:$AA$30,INDEX(Jesper!$R$2:$R$366,ROW(INDEX(Jesper!AJ$2:AJ$366,ROUNDDOWN($C6692/24,0)+1,1))-1)+IF('Standard Profiles'!$G$20=$B$10,7,0)+IF('Standard Profiles'!$G$20=$B$17,14,0)+IF('Standard Profiles'!$G$20=$B$24,21,0),0)),0)</f>
        <v>0</v>
      </c>
      <c r="G6692" cm="1">
        <f t="array" ref="G6692">IFERROR(INDEX(Jesper!AK$2:AK$366,ROUNDDOWN($C6692/24,0)+1,1)*INDEX($D$3:$AA$30,INDEX(Jesper!$R$2:$R$366,ROW(INDEX(Jesper!AK$2:AK$366,ROUNDDOWN($C6692/24,0)+1,1))-1)+IF('Standard Profiles'!$G$21=$B$10,7,0)+IF('Standard Profiles'!$G$21=$B$17,14,0)+IF('Standard Profiles'!$G$21=$B$24,21,0),MOD($C6692,24)+1)/SUM(INDEX($D$3:$AA$30,INDEX(Jesper!$R$2:$R$366,ROW(INDEX(Jesper!AK$2:AK$366,ROUNDDOWN($C6692/24,0)+1,1))-1)+IF('Standard Profiles'!$G$21=$B$10,7,0)+IF('Standard Profiles'!$G$21=$B$17,14,0)+IF('Standard Profiles'!$G$21=$B$24,21,0),0)),0)</f>
        <v>2.7483550668926275</v>
      </c>
      <c r="H6692" cm="1">
        <f t="array" ref="H6692">IFERROR(INDEX(Jesper!AL$2:AL$366,ROUNDDOWN($C6692/24,0)+1,1)*INDEX($D$3:$AA$30,INDEX(Jesper!$R$2:$R$366,ROW(INDEX(Jesper!AL$2:AL$366,ROUNDDOWN($C6692/24,0)+1,1))-1)+IF('Standard Profiles'!$G$22=$B$10,7,0)+IF('Standard Profiles'!$G$22=$B$17,14,0)+IF('Standard Profiles'!$G$22=$B$24,21,0),MOD($C6692,24)+1)/SUM(INDEX($D$3:$AA$30,INDEX(Jesper!$R$2:$R$366,ROW(INDEX(Jesper!AL$2:AL$366,ROUNDDOWN($C6692/24,0)+1,1))-1)+IF('Standard Profiles'!$G$22=$B$10,7,0)+IF('Standard Profiles'!$G$22=$B$17,14,0)+IF('Standard Profiles'!$G$22=$B$24,21,0),0)),0)</f>
        <v>0</v>
      </c>
      <c r="I6692">
        <f t="shared" si="748"/>
        <v>1.3192104321084606</v>
      </c>
      <c r="J6692">
        <f t="shared" si="749"/>
        <v>39.374883925596492</v>
      </c>
      <c r="K6692">
        <f t="shared" si="750"/>
        <v>2.9933090525799382</v>
      </c>
      <c r="L6692">
        <f t="shared" si="751"/>
        <v>1.4966545262899691</v>
      </c>
      <c r="M6692">
        <f t="shared" si="752"/>
        <v>0</v>
      </c>
      <c r="N6692" s="45">
        <f t="shared" ref="N6692:N6755" si="753">N6691+1/24</f>
        <v>45204.416666650519</v>
      </c>
    </row>
    <row r="6693" spans="2:14" x14ac:dyDescent="0.25">
      <c r="B6693">
        <f t="shared" si="747"/>
        <v>4</v>
      </c>
      <c r="C6693" s="16">
        <v>6659</v>
      </c>
      <c r="D6693" cm="1">
        <f t="array" ref="D6693">IFERROR(INDEX(Jesper!AH$2:AH$366,ROUNDDOWN($C6693/24,0)+1,1)*INDEX($D$3:$AA$30,INDEX(Jesper!$R$2:$R$366,ROW(INDEX(Jesper!AH$2:AH$366,ROUNDDOWN($C6693/24,0)+1,1))-1)+IF('Standard Profiles'!$G$18=$B$10,7,0)+IF('Standard Profiles'!$G$18=$B$17,14,0)+IF('Standard Profiles'!$G$18=$B$24,21,0),MOD($C6693,24)+1)/SUM(INDEX($D$3:$AA$30,INDEX(Jesper!$R$2:$R$366,ROW(INDEX(Jesper!AH$2:AH$366,ROUNDDOWN($C6693/24,0)+1,1))-1)+IF('Standard Profiles'!$G$18=$B$10,7,0)+IF('Standard Profiles'!$G$18=$B$17,14,0)+IF('Standard Profiles'!$G$18=$B$24,21,0),0)),0)</f>
        <v>33.578787448813401</v>
      </c>
      <c r="E6693" cm="1">
        <f t="array" ref="E6693">IFERROR(INDEX(Jesper!AI$2:AI$366,ROUNDDOWN($C6693/24,0)+1,1)*INDEX($D$3:$AA$30,INDEX(Jesper!$R$2:$R$366,ROW(INDEX(Jesper!AI$2:AI$366,ROUNDDOWN($C6693/24,0)+1,1))-1)+IF('Standard Profiles'!$G$19=$B$10,7,0)+IF('Standard Profiles'!$G$19=$B$17,14,0)+IF('Standard Profiles'!$G$19=$B$24,21,0),MOD($C6693,24)+1)/SUM(INDEX($D$3:$AA$30,INDEX(Jesper!$R$2:$R$366,ROW(INDEX(Jesper!AI$2:AI$366,ROUNDDOWN($C6693/24,0)+1,1))-1)+IF('Standard Profiles'!$G$19=$B$10,7,0)+IF('Standard Profiles'!$G$19=$B$17,14,0)+IF('Standard Profiles'!$G$19=$B$24,21,0),0)),0)</f>
        <v>17.198976668755083</v>
      </c>
      <c r="F6693" cm="1">
        <f t="array" ref="F6693">IFERROR(INDEX(Jesper!AJ$2:AJ$366,ROUNDDOWN($C6693/24,0)+1,1)*INDEX($D$3:$AA$30,INDEX(Jesper!$R$2:$R$366,ROW(INDEX(Jesper!AJ$2:AJ$366,ROUNDDOWN($C6693/24,0)+1,1))-1)+IF('Standard Profiles'!$G$20=$B$10,7,0)+IF('Standard Profiles'!$G$20=$B$17,14,0)+IF('Standard Profiles'!$G$20=$B$24,21,0),MOD($C6693,24)+1)/SUM(INDEX($D$3:$AA$30,INDEX(Jesper!$R$2:$R$366,ROW(INDEX(Jesper!AJ$2:AJ$366,ROUNDDOWN($C6693/24,0)+1,1))-1)+IF('Standard Profiles'!$G$20=$B$10,7,0)+IF('Standard Profiles'!$G$20=$B$17,14,0)+IF('Standard Profiles'!$G$20=$B$24,21,0),0)),0)</f>
        <v>0</v>
      </c>
      <c r="G6693" cm="1">
        <f t="array" ref="G6693">IFERROR(INDEX(Jesper!AK$2:AK$366,ROUNDDOWN($C6693/24,0)+1,1)*INDEX($D$3:$AA$30,INDEX(Jesper!$R$2:$R$366,ROW(INDEX(Jesper!AK$2:AK$366,ROUNDDOWN($C6693/24,0)+1,1))-1)+IF('Standard Profiles'!$G$21=$B$10,7,0)+IF('Standard Profiles'!$G$21=$B$17,14,0)+IF('Standard Profiles'!$G$21=$B$24,21,0),MOD($C6693,24)+1)/SUM(INDEX($D$3:$AA$30,INDEX(Jesper!$R$2:$R$366,ROW(INDEX(Jesper!AK$2:AK$366,ROUNDDOWN($C6693/24,0)+1,1))-1)+IF('Standard Profiles'!$G$21=$B$10,7,0)+IF('Standard Profiles'!$G$21=$B$17,14,0)+IF('Standard Profiles'!$G$21=$B$24,21,0),0)),0)</f>
        <v>3.2886299945723749</v>
      </c>
      <c r="H6693" cm="1">
        <f t="array" ref="H6693">IFERROR(INDEX(Jesper!AL$2:AL$366,ROUNDDOWN($C6693/24,0)+1,1)*INDEX($D$3:$AA$30,INDEX(Jesper!$R$2:$R$366,ROW(INDEX(Jesper!AL$2:AL$366,ROUNDDOWN($C6693/24,0)+1,1))-1)+IF('Standard Profiles'!$G$22=$B$10,7,0)+IF('Standard Profiles'!$G$22=$B$17,14,0)+IF('Standard Profiles'!$G$22=$B$24,21,0),MOD($C6693,24)+1)/SUM(INDEX($D$3:$AA$30,INDEX(Jesper!$R$2:$R$366,ROW(INDEX(Jesper!AL$2:AL$366,ROUNDDOWN($C6693/24,0)+1,1))-1)+IF('Standard Profiles'!$G$22=$B$10,7,0)+IF('Standard Profiles'!$G$22=$B$17,14,0)+IF('Standard Profiles'!$G$22=$B$24,21,0),0)),0)</f>
        <v>0</v>
      </c>
      <c r="I6693">
        <f t="shared" si="748"/>
        <v>1.5785423973947392</v>
      </c>
      <c r="J6693">
        <f t="shared" si="749"/>
        <v>47.115245722935974</v>
      </c>
      <c r="K6693">
        <f t="shared" si="750"/>
        <v>3.5817373278734297</v>
      </c>
      <c r="L6693">
        <f t="shared" si="751"/>
        <v>1.7908686639367148</v>
      </c>
      <c r="M6693">
        <f t="shared" si="752"/>
        <v>0</v>
      </c>
      <c r="N6693" s="45">
        <f t="shared" si="753"/>
        <v>45204.458333317183</v>
      </c>
    </row>
    <row r="6694" spans="2:14" x14ac:dyDescent="0.25">
      <c r="B6694">
        <f t="shared" si="747"/>
        <v>4</v>
      </c>
      <c r="C6694" s="16">
        <v>6660</v>
      </c>
      <c r="D6694" cm="1">
        <f t="array" ref="D6694">IFERROR(INDEX(Jesper!AH$2:AH$366,ROUNDDOWN($C6694/24,0)+1,1)*INDEX($D$3:$AA$30,INDEX(Jesper!$R$2:$R$366,ROW(INDEX(Jesper!AH$2:AH$366,ROUNDDOWN($C6694/24,0)+1,1))-1)+IF('Standard Profiles'!$G$18=$B$10,7,0)+IF('Standard Profiles'!$G$18=$B$17,14,0)+IF('Standard Profiles'!$G$18=$B$24,21,0),MOD($C6694,24)+1)/SUM(INDEX($D$3:$AA$30,INDEX(Jesper!$R$2:$R$366,ROW(INDEX(Jesper!AH$2:AH$366,ROUNDDOWN($C6694/24,0)+1,1))-1)+IF('Standard Profiles'!$G$18=$B$10,7,0)+IF('Standard Profiles'!$G$18=$B$17,14,0)+IF('Standard Profiles'!$G$18=$B$24,21,0),0)),0)</f>
        <v>33.578787448813401</v>
      </c>
      <c r="E6694" cm="1">
        <f t="array" ref="E6694">IFERROR(INDEX(Jesper!AI$2:AI$366,ROUNDDOWN($C6694/24,0)+1,1)*INDEX($D$3:$AA$30,INDEX(Jesper!$R$2:$R$366,ROW(INDEX(Jesper!AI$2:AI$366,ROUNDDOWN($C6694/24,0)+1,1))-1)+IF('Standard Profiles'!$G$19=$B$10,7,0)+IF('Standard Profiles'!$G$19=$B$17,14,0)+IF('Standard Profiles'!$G$19=$B$24,21,0),MOD($C6694,24)+1)/SUM(INDEX($D$3:$AA$30,INDEX(Jesper!$R$2:$R$366,ROW(INDEX(Jesper!AI$2:AI$366,ROUNDDOWN($C6694/24,0)+1,1))-1)+IF('Standard Profiles'!$G$19=$B$10,7,0)+IF('Standard Profiles'!$G$19=$B$17,14,0)+IF('Standard Profiles'!$G$19=$B$24,21,0),0)),0)</f>
        <v>17.198976668755083</v>
      </c>
      <c r="F6694" cm="1">
        <f t="array" ref="F6694">IFERROR(INDEX(Jesper!AJ$2:AJ$366,ROUNDDOWN($C6694/24,0)+1,1)*INDEX($D$3:$AA$30,INDEX(Jesper!$R$2:$R$366,ROW(INDEX(Jesper!AJ$2:AJ$366,ROUNDDOWN($C6694/24,0)+1,1))-1)+IF('Standard Profiles'!$G$20=$B$10,7,0)+IF('Standard Profiles'!$G$20=$B$17,14,0)+IF('Standard Profiles'!$G$20=$B$24,21,0),MOD($C6694,24)+1)/SUM(INDEX($D$3:$AA$30,INDEX(Jesper!$R$2:$R$366,ROW(INDEX(Jesper!AJ$2:AJ$366,ROUNDDOWN($C6694/24,0)+1,1))-1)+IF('Standard Profiles'!$G$20=$B$10,7,0)+IF('Standard Profiles'!$G$20=$B$17,14,0)+IF('Standard Profiles'!$G$20=$B$24,21,0),0)),0)</f>
        <v>0</v>
      </c>
      <c r="G6694" cm="1">
        <f t="array" ref="G6694">IFERROR(INDEX(Jesper!AK$2:AK$366,ROUNDDOWN($C6694/24,0)+1,1)*INDEX($D$3:$AA$30,INDEX(Jesper!$R$2:$R$366,ROW(INDEX(Jesper!AK$2:AK$366,ROUNDDOWN($C6694/24,0)+1,1))-1)+IF('Standard Profiles'!$G$21=$B$10,7,0)+IF('Standard Profiles'!$G$21=$B$17,14,0)+IF('Standard Profiles'!$G$21=$B$24,21,0),MOD($C6694,24)+1)/SUM(INDEX($D$3:$AA$30,INDEX(Jesper!$R$2:$R$366,ROW(INDEX(Jesper!AK$2:AK$366,ROUNDDOWN($C6694/24,0)+1,1))-1)+IF('Standard Profiles'!$G$21=$B$10,7,0)+IF('Standard Profiles'!$G$21=$B$17,14,0)+IF('Standard Profiles'!$G$21=$B$24,21,0),0)),0)</f>
        <v>3.2886299945723749</v>
      </c>
      <c r="H6694" cm="1">
        <f t="array" ref="H6694">IFERROR(INDEX(Jesper!AL$2:AL$366,ROUNDDOWN($C6694/24,0)+1,1)*INDEX($D$3:$AA$30,INDEX(Jesper!$R$2:$R$366,ROW(INDEX(Jesper!AL$2:AL$366,ROUNDDOWN($C6694/24,0)+1,1))-1)+IF('Standard Profiles'!$G$22=$B$10,7,0)+IF('Standard Profiles'!$G$22=$B$17,14,0)+IF('Standard Profiles'!$G$22=$B$24,21,0),MOD($C6694,24)+1)/SUM(INDEX($D$3:$AA$30,INDEX(Jesper!$R$2:$R$366,ROW(INDEX(Jesper!AL$2:AL$366,ROUNDDOWN($C6694/24,0)+1,1))-1)+IF('Standard Profiles'!$G$22=$B$10,7,0)+IF('Standard Profiles'!$G$22=$B$17,14,0)+IF('Standard Profiles'!$G$22=$B$24,21,0),0)),0)</f>
        <v>0</v>
      </c>
      <c r="I6694">
        <f t="shared" si="748"/>
        <v>1.5785423973947392</v>
      </c>
      <c r="J6694">
        <f t="shared" si="749"/>
        <v>47.115245722935974</v>
      </c>
      <c r="K6694">
        <f t="shared" si="750"/>
        <v>3.5817373278734297</v>
      </c>
      <c r="L6694">
        <f t="shared" si="751"/>
        <v>1.7908686639367148</v>
      </c>
      <c r="M6694">
        <f t="shared" si="752"/>
        <v>0</v>
      </c>
      <c r="N6694" s="45">
        <f t="shared" si="753"/>
        <v>45204.499999983847</v>
      </c>
    </row>
    <row r="6695" spans="2:14" x14ac:dyDescent="0.25">
      <c r="B6695">
        <f t="shared" si="747"/>
        <v>4</v>
      </c>
      <c r="C6695" s="16">
        <v>6661</v>
      </c>
      <c r="D6695" cm="1">
        <f t="array" ref="D6695">IFERROR(INDEX(Jesper!AH$2:AH$366,ROUNDDOWN($C6695/24,0)+1,1)*INDEX($D$3:$AA$30,INDEX(Jesper!$R$2:$R$366,ROW(INDEX(Jesper!AH$2:AH$366,ROUNDDOWN($C6695/24,0)+1,1))-1)+IF('Standard Profiles'!$G$18=$B$10,7,0)+IF('Standard Profiles'!$G$18=$B$17,14,0)+IF('Standard Profiles'!$G$18=$B$24,21,0),MOD($C6695,24)+1)/SUM(INDEX($D$3:$AA$30,INDEX(Jesper!$R$2:$R$366,ROW(INDEX(Jesper!AH$2:AH$366,ROUNDDOWN($C6695/24,0)+1,1))-1)+IF('Standard Profiles'!$G$18=$B$10,7,0)+IF('Standard Profiles'!$G$18=$B$17,14,0)+IF('Standard Profiles'!$G$18=$B$24,21,0),0)),0)</f>
        <v>22.305908805283188</v>
      </c>
      <c r="E6695" cm="1">
        <f t="array" ref="E6695">IFERROR(INDEX(Jesper!AI$2:AI$366,ROUNDDOWN($C6695/24,0)+1,1)*INDEX($D$3:$AA$30,INDEX(Jesper!$R$2:$R$366,ROW(INDEX(Jesper!AI$2:AI$366,ROUNDDOWN($C6695/24,0)+1,1))-1)+IF('Standard Profiles'!$G$19=$B$10,7,0)+IF('Standard Profiles'!$G$19=$B$17,14,0)+IF('Standard Profiles'!$G$19=$B$24,21,0),MOD($C6695,24)+1)/SUM(INDEX($D$3:$AA$30,INDEX(Jesper!$R$2:$R$366,ROW(INDEX(Jesper!AI$2:AI$366,ROUNDDOWN($C6695/24,0)+1,1))-1)+IF('Standard Profiles'!$G$19=$B$10,7,0)+IF('Standard Profiles'!$G$19=$B$17,14,0)+IF('Standard Profiles'!$G$19=$B$24,21,0),0)),0)</f>
        <v>11.425034501387305</v>
      </c>
      <c r="F6695" cm="1">
        <f t="array" ref="F6695">IFERROR(INDEX(Jesper!AJ$2:AJ$366,ROUNDDOWN($C6695/24,0)+1,1)*INDEX($D$3:$AA$30,INDEX(Jesper!$R$2:$R$366,ROW(INDEX(Jesper!AJ$2:AJ$366,ROUNDDOWN($C6695/24,0)+1,1))-1)+IF('Standard Profiles'!$G$20=$B$10,7,0)+IF('Standard Profiles'!$G$20=$B$17,14,0)+IF('Standard Profiles'!$G$20=$B$24,21,0),MOD($C6695,24)+1)/SUM(INDEX($D$3:$AA$30,INDEX(Jesper!$R$2:$R$366,ROW(INDEX(Jesper!AJ$2:AJ$366,ROUNDDOWN($C6695/24,0)+1,1))-1)+IF('Standard Profiles'!$G$20=$B$10,7,0)+IF('Standard Profiles'!$G$20=$B$17,14,0)+IF('Standard Profiles'!$G$20=$B$24,21,0),0)),0)</f>
        <v>0</v>
      </c>
      <c r="G6695" cm="1">
        <f t="array" ref="G6695">IFERROR(INDEX(Jesper!AK$2:AK$366,ROUNDDOWN($C6695/24,0)+1,1)*INDEX($D$3:$AA$30,INDEX(Jesper!$R$2:$R$366,ROW(INDEX(Jesper!AK$2:AK$366,ROUNDDOWN($C6695/24,0)+1,1))-1)+IF('Standard Profiles'!$G$21=$B$10,7,0)+IF('Standard Profiles'!$G$21=$B$17,14,0)+IF('Standard Profiles'!$G$21=$B$24,21,0),MOD($C6695,24)+1)/SUM(INDEX($D$3:$AA$30,INDEX(Jesper!$R$2:$R$366,ROW(INDEX(Jesper!AK$2:AK$366,ROUNDDOWN($C6695/24,0)+1,1))-1)+IF('Standard Profiles'!$G$21=$B$10,7,0)+IF('Standard Profiles'!$G$21=$B$17,14,0)+IF('Standard Profiles'!$G$21=$B$24,21,0),0)),0)</f>
        <v>2.1845899249659348</v>
      </c>
      <c r="H6695" cm="1">
        <f t="array" ref="H6695">IFERROR(INDEX(Jesper!AL$2:AL$366,ROUNDDOWN($C6695/24,0)+1,1)*INDEX($D$3:$AA$30,INDEX(Jesper!$R$2:$R$366,ROW(INDEX(Jesper!AL$2:AL$366,ROUNDDOWN($C6695/24,0)+1,1))-1)+IF('Standard Profiles'!$G$22=$B$10,7,0)+IF('Standard Profiles'!$G$22=$B$17,14,0)+IF('Standard Profiles'!$G$22=$B$24,21,0),MOD($C6695,24)+1)/SUM(INDEX($D$3:$AA$30,INDEX(Jesper!$R$2:$R$366,ROW(INDEX(Jesper!AL$2:AL$366,ROUNDDOWN($C6695/24,0)+1,1))-1)+IF('Standard Profiles'!$G$22=$B$10,7,0)+IF('Standard Profiles'!$G$22=$B$17,14,0)+IF('Standard Profiles'!$G$22=$B$24,21,0),0)),0)</f>
        <v>0</v>
      </c>
      <c r="I6695">
        <f t="shared" si="748"/>
        <v>1.0486031639836482</v>
      </c>
      <c r="J6695">
        <f t="shared" si="749"/>
        <v>31.297984658807469</v>
      </c>
      <c r="K6695">
        <f t="shared" si="750"/>
        <v>2.379296939230207</v>
      </c>
      <c r="L6695">
        <f t="shared" si="751"/>
        <v>1.1896484696151035</v>
      </c>
      <c r="M6695">
        <f t="shared" si="752"/>
        <v>0</v>
      </c>
      <c r="N6695" s="45">
        <f t="shared" si="753"/>
        <v>45204.541666650512</v>
      </c>
    </row>
    <row r="6696" spans="2:14" x14ac:dyDescent="0.25">
      <c r="B6696">
        <f t="shared" si="747"/>
        <v>4</v>
      </c>
      <c r="C6696" s="16">
        <v>6662</v>
      </c>
      <c r="D6696" cm="1">
        <f t="array" ref="D6696">IFERROR(INDEX(Jesper!AH$2:AH$366,ROUNDDOWN($C6696/24,0)+1,1)*INDEX($D$3:$AA$30,INDEX(Jesper!$R$2:$R$366,ROW(INDEX(Jesper!AH$2:AH$366,ROUNDDOWN($C6696/24,0)+1,1))-1)+IF('Standard Profiles'!$G$18=$B$10,7,0)+IF('Standard Profiles'!$G$18=$B$17,14,0)+IF('Standard Profiles'!$G$18=$B$24,21,0),MOD($C6696,24)+1)/SUM(INDEX($D$3:$AA$30,INDEX(Jesper!$R$2:$R$366,ROW(INDEX(Jesper!AH$2:AH$366,ROUNDDOWN($C6696/24,0)+1,1))-1)+IF('Standard Profiles'!$G$18=$B$10,7,0)+IF('Standard Profiles'!$G$18=$B$17,14,0)+IF('Standard Profiles'!$G$18=$B$24,21,0),0)),0)</f>
        <v>33.578787448813401</v>
      </c>
      <c r="E6696" cm="1">
        <f t="array" ref="E6696">IFERROR(INDEX(Jesper!AI$2:AI$366,ROUNDDOWN($C6696/24,0)+1,1)*INDEX($D$3:$AA$30,INDEX(Jesper!$R$2:$R$366,ROW(INDEX(Jesper!AI$2:AI$366,ROUNDDOWN($C6696/24,0)+1,1))-1)+IF('Standard Profiles'!$G$19=$B$10,7,0)+IF('Standard Profiles'!$G$19=$B$17,14,0)+IF('Standard Profiles'!$G$19=$B$24,21,0),MOD($C6696,24)+1)/SUM(INDEX($D$3:$AA$30,INDEX(Jesper!$R$2:$R$366,ROW(INDEX(Jesper!AI$2:AI$366,ROUNDDOWN($C6696/24,0)+1,1))-1)+IF('Standard Profiles'!$G$19=$B$10,7,0)+IF('Standard Profiles'!$G$19=$B$17,14,0)+IF('Standard Profiles'!$G$19=$B$24,21,0),0)),0)</f>
        <v>17.198976668755083</v>
      </c>
      <c r="F6696" cm="1">
        <f t="array" ref="F6696">IFERROR(INDEX(Jesper!AJ$2:AJ$366,ROUNDDOWN($C6696/24,0)+1,1)*INDEX($D$3:$AA$30,INDEX(Jesper!$R$2:$R$366,ROW(INDEX(Jesper!AJ$2:AJ$366,ROUNDDOWN($C6696/24,0)+1,1))-1)+IF('Standard Profiles'!$G$20=$B$10,7,0)+IF('Standard Profiles'!$G$20=$B$17,14,0)+IF('Standard Profiles'!$G$20=$B$24,21,0),MOD($C6696,24)+1)/SUM(INDEX($D$3:$AA$30,INDEX(Jesper!$R$2:$R$366,ROW(INDEX(Jesper!AJ$2:AJ$366,ROUNDDOWN($C6696/24,0)+1,1))-1)+IF('Standard Profiles'!$G$20=$B$10,7,0)+IF('Standard Profiles'!$G$20=$B$17,14,0)+IF('Standard Profiles'!$G$20=$B$24,21,0),0)),0)</f>
        <v>0</v>
      </c>
      <c r="G6696" cm="1">
        <f t="array" ref="G6696">IFERROR(INDEX(Jesper!AK$2:AK$366,ROUNDDOWN($C6696/24,0)+1,1)*INDEX($D$3:$AA$30,INDEX(Jesper!$R$2:$R$366,ROW(INDEX(Jesper!AK$2:AK$366,ROUNDDOWN($C6696/24,0)+1,1))-1)+IF('Standard Profiles'!$G$21=$B$10,7,0)+IF('Standard Profiles'!$G$21=$B$17,14,0)+IF('Standard Profiles'!$G$21=$B$24,21,0),MOD($C6696,24)+1)/SUM(INDEX($D$3:$AA$30,INDEX(Jesper!$R$2:$R$366,ROW(INDEX(Jesper!AK$2:AK$366,ROUNDDOWN($C6696/24,0)+1,1))-1)+IF('Standard Profiles'!$G$21=$B$10,7,0)+IF('Standard Profiles'!$G$21=$B$17,14,0)+IF('Standard Profiles'!$G$21=$B$24,21,0),0)),0)</f>
        <v>3.2886299945723749</v>
      </c>
      <c r="H6696" cm="1">
        <f t="array" ref="H6696">IFERROR(INDEX(Jesper!AL$2:AL$366,ROUNDDOWN($C6696/24,0)+1,1)*INDEX($D$3:$AA$30,INDEX(Jesper!$R$2:$R$366,ROW(INDEX(Jesper!AL$2:AL$366,ROUNDDOWN($C6696/24,0)+1,1))-1)+IF('Standard Profiles'!$G$22=$B$10,7,0)+IF('Standard Profiles'!$G$22=$B$17,14,0)+IF('Standard Profiles'!$G$22=$B$24,21,0),MOD($C6696,24)+1)/SUM(INDEX($D$3:$AA$30,INDEX(Jesper!$R$2:$R$366,ROW(INDEX(Jesper!AL$2:AL$366,ROUNDDOWN($C6696/24,0)+1,1))-1)+IF('Standard Profiles'!$G$22=$B$10,7,0)+IF('Standard Profiles'!$G$22=$B$17,14,0)+IF('Standard Profiles'!$G$22=$B$24,21,0),0)),0)</f>
        <v>0</v>
      </c>
      <c r="I6696">
        <f t="shared" si="748"/>
        <v>1.5785423973947392</v>
      </c>
      <c r="J6696">
        <f t="shared" si="749"/>
        <v>47.115245722935974</v>
      </c>
      <c r="K6696">
        <f t="shared" si="750"/>
        <v>3.5817373278734297</v>
      </c>
      <c r="L6696">
        <f t="shared" si="751"/>
        <v>1.7908686639367148</v>
      </c>
      <c r="M6696">
        <f t="shared" si="752"/>
        <v>0</v>
      </c>
      <c r="N6696" s="45">
        <f t="shared" si="753"/>
        <v>45204.583333317176</v>
      </c>
    </row>
    <row r="6697" spans="2:14" x14ac:dyDescent="0.25">
      <c r="B6697">
        <f t="shared" si="747"/>
        <v>4</v>
      </c>
      <c r="C6697" s="16">
        <v>6663</v>
      </c>
      <c r="D6697" cm="1">
        <f t="array" ref="D6697">IFERROR(INDEX(Jesper!AH$2:AH$366,ROUNDDOWN($C6697/24,0)+1,1)*INDEX($D$3:$AA$30,INDEX(Jesper!$R$2:$R$366,ROW(INDEX(Jesper!AH$2:AH$366,ROUNDDOWN($C6697/24,0)+1,1))-1)+IF('Standard Profiles'!$G$18=$B$10,7,0)+IF('Standard Profiles'!$G$18=$B$17,14,0)+IF('Standard Profiles'!$G$18=$B$24,21,0),MOD($C6697,24)+1)/SUM(INDEX($D$3:$AA$30,INDEX(Jesper!$R$2:$R$366,ROW(INDEX(Jesper!AH$2:AH$366,ROUNDDOWN($C6697/24,0)+1,1))-1)+IF('Standard Profiles'!$G$18=$B$10,7,0)+IF('Standard Profiles'!$G$18=$B$17,14,0)+IF('Standard Profiles'!$G$18=$B$24,21,0),0)),0)</f>
        <v>33.578787448813401</v>
      </c>
      <c r="E6697" cm="1">
        <f t="array" ref="E6697">IFERROR(INDEX(Jesper!AI$2:AI$366,ROUNDDOWN($C6697/24,0)+1,1)*INDEX($D$3:$AA$30,INDEX(Jesper!$R$2:$R$366,ROW(INDEX(Jesper!AI$2:AI$366,ROUNDDOWN($C6697/24,0)+1,1))-1)+IF('Standard Profiles'!$G$19=$B$10,7,0)+IF('Standard Profiles'!$G$19=$B$17,14,0)+IF('Standard Profiles'!$G$19=$B$24,21,0),MOD($C6697,24)+1)/SUM(INDEX($D$3:$AA$30,INDEX(Jesper!$R$2:$R$366,ROW(INDEX(Jesper!AI$2:AI$366,ROUNDDOWN($C6697/24,0)+1,1))-1)+IF('Standard Profiles'!$G$19=$B$10,7,0)+IF('Standard Profiles'!$G$19=$B$17,14,0)+IF('Standard Profiles'!$G$19=$B$24,21,0),0)),0)</f>
        <v>17.198976668755083</v>
      </c>
      <c r="F6697" cm="1">
        <f t="array" ref="F6697">IFERROR(INDEX(Jesper!AJ$2:AJ$366,ROUNDDOWN($C6697/24,0)+1,1)*INDEX($D$3:$AA$30,INDEX(Jesper!$R$2:$R$366,ROW(INDEX(Jesper!AJ$2:AJ$366,ROUNDDOWN($C6697/24,0)+1,1))-1)+IF('Standard Profiles'!$G$20=$B$10,7,0)+IF('Standard Profiles'!$G$20=$B$17,14,0)+IF('Standard Profiles'!$G$20=$B$24,21,0),MOD($C6697,24)+1)/SUM(INDEX($D$3:$AA$30,INDEX(Jesper!$R$2:$R$366,ROW(INDEX(Jesper!AJ$2:AJ$366,ROUNDDOWN($C6697/24,0)+1,1))-1)+IF('Standard Profiles'!$G$20=$B$10,7,0)+IF('Standard Profiles'!$G$20=$B$17,14,0)+IF('Standard Profiles'!$G$20=$B$24,21,0),0)),0)</f>
        <v>0</v>
      </c>
      <c r="G6697" cm="1">
        <f t="array" ref="G6697">IFERROR(INDEX(Jesper!AK$2:AK$366,ROUNDDOWN($C6697/24,0)+1,1)*INDEX($D$3:$AA$30,INDEX(Jesper!$R$2:$R$366,ROW(INDEX(Jesper!AK$2:AK$366,ROUNDDOWN($C6697/24,0)+1,1))-1)+IF('Standard Profiles'!$G$21=$B$10,7,0)+IF('Standard Profiles'!$G$21=$B$17,14,0)+IF('Standard Profiles'!$G$21=$B$24,21,0),MOD($C6697,24)+1)/SUM(INDEX($D$3:$AA$30,INDEX(Jesper!$R$2:$R$366,ROW(INDEX(Jesper!AK$2:AK$366,ROUNDDOWN($C6697/24,0)+1,1))-1)+IF('Standard Profiles'!$G$21=$B$10,7,0)+IF('Standard Profiles'!$G$21=$B$17,14,0)+IF('Standard Profiles'!$G$21=$B$24,21,0),0)),0)</f>
        <v>3.2886299945723749</v>
      </c>
      <c r="H6697" cm="1">
        <f t="array" ref="H6697">IFERROR(INDEX(Jesper!AL$2:AL$366,ROUNDDOWN($C6697/24,0)+1,1)*INDEX($D$3:$AA$30,INDEX(Jesper!$R$2:$R$366,ROW(INDEX(Jesper!AL$2:AL$366,ROUNDDOWN($C6697/24,0)+1,1))-1)+IF('Standard Profiles'!$G$22=$B$10,7,0)+IF('Standard Profiles'!$G$22=$B$17,14,0)+IF('Standard Profiles'!$G$22=$B$24,21,0),MOD($C6697,24)+1)/SUM(INDEX($D$3:$AA$30,INDEX(Jesper!$R$2:$R$366,ROW(INDEX(Jesper!AL$2:AL$366,ROUNDDOWN($C6697/24,0)+1,1))-1)+IF('Standard Profiles'!$G$22=$B$10,7,0)+IF('Standard Profiles'!$G$22=$B$17,14,0)+IF('Standard Profiles'!$G$22=$B$24,21,0),0)),0)</f>
        <v>0</v>
      </c>
      <c r="I6697">
        <f t="shared" si="748"/>
        <v>1.5785423973947392</v>
      </c>
      <c r="J6697">
        <f t="shared" si="749"/>
        <v>47.115245722935974</v>
      </c>
      <c r="K6697">
        <f t="shared" si="750"/>
        <v>3.5817373278734297</v>
      </c>
      <c r="L6697">
        <f t="shared" si="751"/>
        <v>1.7908686639367148</v>
      </c>
      <c r="M6697">
        <f t="shared" si="752"/>
        <v>0</v>
      </c>
      <c r="N6697" s="45">
        <f t="shared" si="753"/>
        <v>45204.62499998384</v>
      </c>
    </row>
    <row r="6698" spans="2:14" x14ac:dyDescent="0.25">
      <c r="B6698">
        <f t="shared" si="747"/>
        <v>4</v>
      </c>
      <c r="C6698" s="16">
        <v>6664</v>
      </c>
      <c r="D6698" cm="1">
        <f t="array" ref="D6698">IFERROR(INDEX(Jesper!AH$2:AH$366,ROUNDDOWN($C6698/24,0)+1,1)*INDEX($D$3:$AA$30,INDEX(Jesper!$R$2:$R$366,ROW(INDEX(Jesper!AH$2:AH$366,ROUNDDOWN($C6698/24,0)+1,1))-1)+IF('Standard Profiles'!$G$18=$B$10,7,0)+IF('Standard Profiles'!$G$18=$B$17,14,0)+IF('Standard Profiles'!$G$18=$B$24,21,0),MOD($C6698,24)+1)/SUM(INDEX($D$3:$AA$30,INDEX(Jesper!$R$2:$R$366,ROW(INDEX(Jesper!AH$2:AH$366,ROUNDDOWN($C6698/24,0)+1,1))-1)+IF('Standard Profiles'!$G$18=$B$10,7,0)+IF('Standard Profiles'!$G$18=$B$17,14,0)+IF('Standard Profiles'!$G$18=$B$24,21,0),0)),0)</f>
        <v>19.787499746622181</v>
      </c>
      <c r="E6698" cm="1">
        <f t="array" ref="E6698">IFERROR(INDEX(Jesper!AI$2:AI$366,ROUNDDOWN($C6698/24,0)+1,1)*INDEX($D$3:$AA$30,INDEX(Jesper!$R$2:$R$366,ROW(INDEX(Jesper!AI$2:AI$366,ROUNDDOWN($C6698/24,0)+1,1))-1)+IF('Standard Profiles'!$G$19=$B$10,7,0)+IF('Standard Profiles'!$G$19=$B$17,14,0)+IF('Standard Profiles'!$G$19=$B$24,21,0),MOD($C6698,24)+1)/SUM(INDEX($D$3:$AA$30,INDEX(Jesper!$R$2:$R$366,ROW(INDEX(Jesper!AI$2:AI$366,ROUNDDOWN($C6698/24,0)+1,1))-1)+IF('Standard Profiles'!$G$19=$B$10,7,0)+IF('Standard Profiles'!$G$19=$B$17,14,0)+IF('Standard Profiles'!$G$19=$B$24,21,0),0)),0)</f>
        <v>10.135111251230676</v>
      </c>
      <c r="F6698" cm="1">
        <f t="array" ref="F6698">IFERROR(INDEX(Jesper!AJ$2:AJ$366,ROUNDDOWN($C6698/24,0)+1,1)*INDEX($D$3:$AA$30,INDEX(Jesper!$R$2:$R$366,ROW(INDEX(Jesper!AJ$2:AJ$366,ROUNDDOWN($C6698/24,0)+1,1))-1)+IF('Standard Profiles'!$G$20=$B$10,7,0)+IF('Standard Profiles'!$G$20=$B$17,14,0)+IF('Standard Profiles'!$G$20=$B$24,21,0),MOD($C6698,24)+1)/SUM(INDEX($D$3:$AA$30,INDEX(Jesper!$R$2:$R$366,ROW(INDEX(Jesper!AJ$2:AJ$366,ROUNDDOWN($C6698/24,0)+1,1))-1)+IF('Standard Profiles'!$G$20=$B$10,7,0)+IF('Standard Profiles'!$G$20=$B$17,14,0)+IF('Standard Profiles'!$G$20=$B$24,21,0),0)),0)</f>
        <v>0</v>
      </c>
      <c r="G6698" cm="1">
        <f t="array" ref="G6698">IFERROR(INDEX(Jesper!AK$2:AK$366,ROUNDDOWN($C6698/24,0)+1,1)*INDEX($D$3:$AA$30,INDEX(Jesper!$R$2:$R$366,ROW(INDEX(Jesper!AK$2:AK$366,ROUNDDOWN($C6698/24,0)+1,1))-1)+IF('Standard Profiles'!$G$21=$B$10,7,0)+IF('Standard Profiles'!$G$21=$B$17,14,0)+IF('Standard Profiles'!$G$21=$B$24,21,0),MOD($C6698,24)+1)/SUM(INDEX($D$3:$AA$30,INDEX(Jesper!$R$2:$R$366,ROW(INDEX(Jesper!AK$2:AK$366,ROUNDDOWN($C6698/24,0)+1,1))-1)+IF('Standard Profiles'!$G$21=$B$10,7,0)+IF('Standard Profiles'!$G$21=$B$17,14,0)+IF('Standard Profiles'!$G$21=$B$24,21,0),0)),0)</f>
        <v>2.7479500631987155</v>
      </c>
      <c r="H6698" cm="1">
        <f t="array" ref="H6698">IFERROR(INDEX(Jesper!AL$2:AL$366,ROUNDDOWN($C6698/24,0)+1,1)*INDEX($D$3:$AA$30,INDEX(Jesper!$R$2:$R$366,ROW(INDEX(Jesper!AL$2:AL$366,ROUNDDOWN($C6698/24,0)+1,1))-1)+IF('Standard Profiles'!$G$22=$B$10,7,0)+IF('Standard Profiles'!$G$22=$B$17,14,0)+IF('Standard Profiles'!$G$22=$B$24,21,0),MOD($C6698,24)+1)/SUM(INDEX($D$3:$AA$30,INDEX(Jesper!$R$2:$R$366,ROW(INDEX(Jesper!AL$2:AL$366,ROUNDDOWN($C6698/24,0)+1,1))-1)+IF('Standard Profiles'!$G$22=$B$10,7,0)+IF('Standard Profiles'!$G$22=$B$17,14,0)+IF('Standard Profiles'!$G$22=$B$24,21,0),0)),0)</f>
        <v>0</v>
      </c>
      <c r="I6698">
        <f t="shared" si="748"/>
        <v>1.3190160303353828</v>
      </c>
      <c r="J6698">
        <f t="shared" si="749"/>
        <v>28.185545071256637</v>
      </c>
      <c r="K6698">
        <f t="shared" si="750"/>
        <v>2.1106666396396996</v>
      </c>
      <c r="L6698">
        <f t="shared" si="751"/>
        <v>1.0553333198198498</v>
      </c>
      <c r="M6698">
        <f t="shared" si="752"/>
        <v>0</v>
      </c>
      <c r="N6698" s="45">
        <f t="shared" si="753"/>
        <v>45204.666666650504</v>
      </c>
    </row>
    <row r="6699" spans="2:14" x14ac:dyDescent="0.25">
      <c r="B6699">
        <f t="shared" si="747"/>
        <v>4</v>
      </c>
      <c r="C6699" s="16">
        <v>6665</v>
      </c>
      <c r="D6699" cm="1">
        <f t="array" ref="D6699">IFERROR(INDEX(Jesper!AH$2:AH$366,ROUNDDOWN($C6699/24,0)+1,1)*INDEX($D$3:$AA$30,INDEX(Jesper!$R$2:$R$366,ROW(INDEX(Jesper!AH$2:AH$366,ROUNDDOWN($C6699/24,0)+1,1))-1)+IF('Standard Profiles'!$G$18=$B$10,7,0)+IF('Standard Profiles'!$G$18=$B$17,14,0)+IF('Standard Profiles'!$G$18=$B$24,21,0),MOD($C6699,24)+1)/SUM(INDEX($D$3:$AA$30,INDEX(Jesper!$R$2:$R$366,ROW(INDEX(Jesper!AH$2:AH$366,ROUNDDOWN($C6699/24,0)+1,1))-1)+IF('Standard Profiles'!$G$18=$B$10,7,0)+IF('Standard Profiles'!$G$18=$B$17,14,0)+IF('Standard Profiles'!$G$18=$B$24,21,0),0)),0)</f>
        <v>8.4453690766633311</v>
      </c>
      <c r="E6699" cm="1">
        <f t="array" ref="E6699">IFERROR(INDEX(Jesper!AI$2:AI$366,ROUNDDOWN($C6699/24,0)+1,1)*INDEX($D$3:$AA$30,INDEX(Jesper!$R$2:$R$366,ROW(INDEX(Jesper!AI$2:AI$366,ROUNDDOWN($C6699/24,0)+1,1))-1)+IF('Standard Profiles'!$G$19=$B$10,7,0)+IF('Standard Profiles'!$G$19=$B$17,14,0)+IF('Standard Profiles'!$G$19=$B$24,21,0),MOD($C6699,24)+1)/SUM(INDEX($D$3:$AA$30,INDEX(Jesper!$R$2:$R$366,ROW(INDEX(Jesper!AI$2:AI$366,ROUNDDOWN($C6699/24,0)+1,1))-1)+IF('Standard Profiles'!$G$19=$B$10,7,0)+IF('Standard Profiles'!$G$19=$B$17,14,0)+IF('Standard Profiles'!$G$19=$B$24,21,0),0)),0)</f>
        <v>4.3256983573327688</v>
      </c>
      <c r="F6699" cm="1">
        <f t="array" ref="F6699">IFERROR(INDEX(Jesper!AJ$2:AJ$366,ROUNDDOWN($C6699/24,0)+1,1)*INDEX($D$3:$AA$30,INDEX(Jesper!$R$2:$R$366,ROW(INDEX(Jesper!AJ$2:AJ$366,ROUNDDOWN($C6699/24,0)+1,1))-1)+IF('Standard Profiles'!$G$20=$B$10,7,0)+IF('Standard Profiles'!$G$20=$B$17,14,0)+IF('Standard Profiles'!$G$20=$B$24,21,0),MOD($C6699,24)+1)/SUM(INDEX($D$3:$AA$30,INDEX(Jesper!$R$2:$R$366,ROW(INDEX(Jesper!AJ$2:AJ$366,ROUNDDOWN($C6699/24,0)+1,1))-1)+IF('Standard Profiles'!$G$20=$B$10,7,0)+IF('Standard Profiles'!$G$20=$B$17,14,0)+IF('Standard Profiles'!$G$20=$B$24,21,0),0)),0)</f>
        <v>0</v>
      </c>
      <c r="G6699" cm="1">
        <f t="array" ref="G6699">IFERROR(INDEX(Jesper!AK$2:AK$366,ROUNDDOWN($C6699/24,0)+1,1)*INDEX($D$3:$AA$30,INDEX(Jesper!$R$2:$R$366,ROW(INDEX(Jesper!AK$2:AK$366,ROUNDDOWN($C6699/24,0)+1,1))-1)+IF('Standard Profiles'!$G$21=$B$10,7,0)+IF('Standard Profiles'!$G$21=$B$17,14,0)+IF('Standard Profiles'!$G$21=$B$24,21,0),MOD($C6699,24)+1)/SUM(INDEX($D$3:$AA$30,INDEX(Jesper!$R$2:$R$366,ROW(INDEX(Jesper!AK$2:AK$366,ROUNDDOWN($C6699/24,0)+1,1))-1)+IF('Standard Profiles'!$G$21=$B$10,7,0)+IF('Standard Profiles'!$G$21=$B$17,14,0)+IF('Standard Profiles'!$G$21=$B$24,21,0),0)),0)</f>
        <v>2.1849949286598478</v>
      </c>
      <c r="H6699" cm="1">
        <f t="array" ref="H6699">IFERROR(INDEX(Jesper!AL$2:AL$366,ROUNDDOWN($C6699/24,0)+1,1)*INDEX($D$3:$AA$30,INDEX(Jesper!$R$2:$R$366,ROW(INDEX(Jesper!AL$2:AL$366,ROUNDDOWN($C6699/24,0)+1,1))-1)+IF('Standard Profiles'!$G$22=$B$10,7,0)+IF('Standard Profiles'!$G$22=$B$17,14,0)+IF('Standard Profiles'!$G$22=$B$24,21,0),MOD($C6699,24)+1)/SUM(INDEX($D$3:$AA$30,INDEX(Jesper!$R$2:$R$366,ROW(INDEX(Jesper!AL$2:AL$366,ROUNDDOWN($C6699/24,0)+1,1))-1)+IF('Standard Profiles'!$G$22=$B$10,7,0)+IF('Standard Profiles'!$G$22=$B$17,14,0)+IF('Standard Profiles'!$G$22=$B$24,21,0),0)),0)</f>
        <v>0</v>
      </c>
      <c r="I6699">
        <f t="shared" si="748"/>
        <v>1.0487975657567263</v>
      </c>
      <c r="J6699">
        <f t="shared" si="749"/>
        <v>12.556005744633088</v>
      </c>
      <c r="K6699">
        <f t="shared" si="750"/>
        <v>0.90083936817742205</v>
      </c>
      <c r="L6699">
        <f t="shared" si="751"/>
        <v>0.45041968408871103</v>
      </c>
      <c r="M6699">
        <f t="shared" si="752"/>
        <v>0</v>
      </c>
      <c r="N6699" s="45">
        <f t="shared" si="753"/>
        <v>45204.708333317169</v>
      </c>
    </row>
    <row r="6700" spans="2:14" x14ac:dyDescent="0.25">
      <c r="B6700">
        <f t="shared" si="747"/>
        <v>4</v>
      </c>
      <c r="C6700" s="16">
        <v>6666</v>
      </c>
      <c r="D6700" cm="1">
        <f t="array" ref="D6700">IFERROR(INDEX(Jesper!AH$2:AH$366,ROUNDDOWN($C6700/24,0)+1,1)*INDEX($D$3:$AA$30,INDEX(Jesper!$R$2:$R$366,ROW(INDEX(Jesper!AH$2:AH$366,ROUNDDOWN($C6700/24,0)+1,1))-1)+IF('Standard Profiles'!$G$18=$B$10,7,0)+IF('Standard Profiles'!$G$18=$B$17,14,0)+IF('Standard Profiles'!$G$18=$B$24,21,0),MOD($C6700,24)+1)/SUM(INDEX($D$3:$AA$30,INDEX(Jesper!$R$2:$R$366,ROW(INDEX(Jesper!AH$2:AH$366,ROUNDDOWN($C6700/24,0)+1,1))-1)+IF('Standard Profiles'!$G$18=$B$10,7,0)+IF('Standard Profiles'!$G$18=$B$17,14,0)+IF('Standard Profiles'!$G$18=$B$24,21,0),0)),0)</f>
        <v>5.5739435905977981</v>
      </c>
      <c r="E6700" cm="1">
        <f t="array" ref="E6700">IFERROR(INDEX(Jesper!AI$2:AI$366,ROUNDDOWN($C6700/24,0)+1,1)*INDEX($D$3:$AA$30,INDEX(Jesper!$R$2:$R$366,ROW(INDEX(Jesper!AI$2:AI$366,ROUNDDOWN($C6700/24,0)+1,1))-1)+IF('Standard Profiles'!$G$19=$B$10,7,0)+IF('Standard Profiles'!$G$19=$B$17,14,0)+IF('Standard Profiles'!$G$19=$B$24,21,0),MOD($C6700,24)+1)/SUM(INDEX($D$3:$AA$30,INDEX(Jesper!$R$2:$R$366,ROW(INDEX(Jesper!AI$2:AI$366,ROUNDDOWN($C6700/24,0)+1,1))-1)+IF('Standard Profiles'!$G$19=$B$10,7,0)+IF('Standard Profiles'!$G$19=$B$17,14,0)+IF('Standard Profiles'!$G$19=$B$24,21,0),0)),0)</f>
        <v>2.854960915839627</v>
      </c>
      <c r="F6700" cm="1">
        <f t="array" ref="F6700">IFERROR(INDEX(Jesper!AJ$2:AJ$366,ROUNDDOWN($C6700/24,0)+1,1)*INDEX($D$3:$AA$30,INDEX(Jesper!$R$2:$R$366,ROW(INDEX(Jesper!AJ$2:AJ$366,ROUNDDOWN($C6700/24,0)+1,1))-1)+IF('Standard Profiles'!$G$20=$B$10,7,0)+IF('Standard Profiles'!$G$20=$B$17,14,0)+IF('Standard Profiles'!$G$20=$B$24,21,0),MOD($C6700,24)+1)/SUM(INDEX($D$3:$AA$30,INDEX(Jesper!$R$2:$R$366,ROW(INDEX(Jesper!AJ$2:AJ$366,ROUNDDOWN($C6700/24,0)+1,1))-1)+IF('Standard Profiles'!$G$20=$B$10,7,0)+IF('Standard Profiles'!$G$20=$B$17,14,0)+IF('Standard Profiles'!$G$20=$B$24,21,0),0)),0)</f>
        <v>0</v>
      </c>
      <c r="G6700" cm="1">
        <f t="array" ref="G6700">IFERROR(INDEX(Jesper!AK$2:AK$366,ROUNDDOWN($C6700/24,0)+1,1)*INDEX($D$3:$AA$30,INDEX(Jesper!$R$2:$R$366,ROW(INDEX(Jesper!AK$2:AK$366,ROUNDDOWN($C6700/24,0)+1,1))-1)+IF('Standard Profiles'!$G$21=$B$10,7,0)+IF('Standard Profiles'!$G$21=$B$17,14,0)+IF('Standard Profiles'!$G$21=$B$24,21,0),MOD($C6700,24)+1)/SUM(INDEX($D$3:$AA$30,INDEX(Jesper!$R$2:$R$366,ROW(INDEX(Jesper!AK$2:AK$366,ROUNDDOWN($C6700/24,0)+1,1))-1)+IF('Standard Profiles'!$G$21=$B$10,7,0)+IF('Standard Profiles'!$G$21=$B$17,14,0)+IF('Standard Profiles'!$G$21=$B$24,21,0),0)),0)</f>
        <v>0.81000738782570825</v>
      </c>
      <c r="H6700" cm="1">
        <f t="array" ref="H6700">IFERROR(INDEX(Jesper!AL$2:AL$366,ROUNDDOWN($C6700/24,0)+1,1)*INDEX($D$3:$AA$30,INDEX(Jesper!$R$2:$R$366,ROW(INDEX(Jesper!AL$2:AL$366,ROUNDDOWN($C6700/24,0)+1,1))-1)+IF('Standard Profiles'!$G$22=$B$10,7,0)+IF('Standard Profiles'!$G$22=$B$17,14,0)+IF('Standard Profiles'!$G$22=$B$24,21,0),MOD($C6700,24)+1)/SUM(INDEX($D$3:$AA$30,INDEX(Jesper!$R$2:$R$366,ROW(INDEX(Jesper!AL$2:AL$366,ROUNDDOWN($C6700/24,0)+1,1))-1)+IF('Standard Profiles'!$G$22=$B$10,7,0)+IF('Standard Profiles'!$G$22=$B$17,14,0)+IF('Standard Profiles'!$G$22=$B$24,21,0),0)),0)</f>
        <v>0</v>
      </c>
      <c r="I6700">
        <f t="shared" si="748"/>
        <v>0.38880354615633977</v>
      </c>
      <c r="J6700">
        <f t="shared" si="749"/>
        <v>7.9582773736111454</v>
      </c>
      <c r="K6700">
        <f t="shared" si="750"/>
        <v>0.5945539829970985</v>
      </c>
      <c r="L6700">
        <f t="shared" si="751"/>
        <v>0.29727699149854925</v>
      </c>
      <c r="M6700">
        <f t="shared" si="752"/>
        <v>0</v>
      </c>
      <c r="N6700" s="45">
        <f t="shared" si="753"/>
        <v>45204.749999983833</v>
      </c>
    </row>
    <row r="6701" spans="2:14" x14ac:dyDescent="0.25">
      <c r="B6701">
        <f t="shared" si="747"/>
        <v>4</v>
      </c>
      <c r="C6701" s="16">
        <v>6667</v>
      </c>
      <c r="D6701" cm="1">
        <f t="array" ref="D6701">IFERROR(INDEX(Jesper!AH$2:AH$366,ROUNDDOWN($C6701/24,0)+1,1)*INDEX($D$3:$AA$30,INDEX(Jesper!$R$2:$R$366,ROW(INDEX(Jesper!AH$2:AH$366,ROUNDDOWN($C6701/24,0)+1,1))-1)+IF('Standard Profiles'!$G$18=$B$10,7,0)+IF('Standard Profiles'!$G$18=$B$17,14,0)+IF('Standard Profiles'!$G$18=$B$24,21,0),MOD($C6701,24)+1)/SUM(INDEX($D$3:$AA$30,INDEX(Jesper!$R$2:$R$366,ROW(INDEX(Jesper!AH$2:AH$366,ROUNDDOWN($C6701/24,0)+1,1))-1)+IF('Standard Profiles'!$G$18=$B$10,7,0)+IF('Standard Profiles'!$G$18=$B$17,14,0)+IF('Standard Profiles'!$G$18=$B$24,21,0),0)),0)</f>
        <v>5.5739435905977981</v>
      </c>
      <c r="E6701" cm="1">
        <f t="array" ref="E6701">IFERROR(INDEX(Jesper!AI$2:AI$366,ROUNDDOWN($C6701/24,0)+1,1)*INDEX($D$3:$AA$30,INDEX(Jesper!$R$2:$R$366,ROW(INDEX(Jesper!AI$2:AI$366,ROUNDDOWN($C6701/24,0)+1,1))-1)+IF('Standard Profiles'!$G$19=$B$10,7,0)+IF('Standard Profiles'!$G$19=$B$17,14,0)+IF('Standard Profiles'!$G$19=$B$24,21,0),MOD($C6701,24)+1)/SUM(INDEX($D$3:$AA$30,INDEX(Jesper!$R$2:$R$366,ROW(INDEX(Jesper!AI$2:AI$366,ROUNDDOWN($C6701/24,0)+1,1))-1)+IF('Standard Profiles'!$G$19=$B$10,7,0)+IF('Standard Profiles'!$G$19=$B$17,14,0)+IF('Standard Profiles'!$G$19=$B$24,21,0),0)),0)</f>
        <v>2.854960915839627</v>
      </c>
      <c r="F6701" cm="1">
        <f t="array" ref="F6701">IFERROR(INDEX(Jesper!AJ$2:AJ$366,ROUNDDOWN($C6701/24,0)+1,1)*INDEX($D$3:$AA$30,INDEX(Jesper!$R$2:$R$366,ROW(INDEX(Jesper!AJ$2:AJ$366,ROUNDDOWN($C6701/24,0)+1,1))-1)+IF('Standard Profiles'!$G$20=$B$10,7,0)+IF('Standard Profiles'!$G$20=$B$17,14,0)+IF('Standard Profiles'!$G$20=$B$24,21,0),MOD($C6701,24)+1)/SUM(INDEX($D$3:$AA$30,INDEX(Jesper!$R$2:$R$366,ROW(INDEX(Jesper!AJ$2:AJ$366,ROUNDDOWN($C6701/24,0)+1,1))-1)+IF('Standard Profiles'!$G$20=$B$10,7,0)+IF('Standard Profiles'!$G$20=$B$17,14,0)+IF('Standard Profiles'!$G$20=$B$24,21,0),0)),0)</f>
        <v>0</v>
      </c>
      <c r="G6701" cm="1">
        <f t="array" ref="G6701">IFERROR(INDEX(Jesper!AK$2:AK$366,ROUNDDOWN($C6701/24,0)+1,1)*INDEX($D$3:$AA$30,INDEX(Jesper!$R$2:$R$366,ROW(INDEX(Jesper!AK$2:AK$366,ROUNDDOWN($C6701/24,0)+1,1))-1)+IF('Standard Profiles'!$G$21=$B$10,7,0)+IF('Standard Profiles'!$G$21=$B$17,14,0)+IF('Standard Profiles'!$G$21=$B$24,21,0),MOD($C6701,24)+1)/SUM(INDEX($D$3:$AA$30,INDEX(Jesper!$R$2:$R$366,ROW(INDEX(Jesper!AK$2:AK$366,ROUNDDOWN($C6701/24,0)+1,1))-1)+IF('Standard Profiles'!$G$21=$B$10,7,0)+IF('Standard Profiles'!$G$21=$B$17,14,0)+IF('Standard Profiles'!$G$21=$B$24,21,0),0)),0)</f>
        <v>0.81000738782570825</v>
      </c>
      <c r="H6701" cm="1">
        <f t="array" ref="H6701">IFERROR(INDEX(Jesper!AL$2:AL$366,ROUNDDOWN($C6701/24,0)+1,1)*INDEX($D$3:$AA$30,INDEX(Jesper!$R$2:$R$366,ROW(INDEX(Jesper!AL$2:AL$366,ROUNDDOWN($C6701/24,0)+1,1))-1)+IF('Standard Profiles'!$G$22=$B$10,7,0)+IF('Standard Profiles'!$G$22=$B$17,14,0)+IF('Standard Profiles'!$G$22=$B$24,21,0),MOD($C6701,24)+1)/SUM(INDEX($D$3:$AA$30,INDEX(Jesper!$R$2:$R$366,ROW(INDEX(Jesper!AL$2:AL$366,ROUNDDOWN($C6701/24,0)+1,1))-1)+IF('Standard Profiles'!$G$22=$B$10,7,0)+IF('Standard Profiles'!$G$22=$B$17,14,0)+IF('Standard Profiles'!$G$22=$B$24,21,0),0)),0)</f>
        <v>0</v>
      </c>
      <c r="I6701">
        <f t="shared" si="748"/>
        <v>0.38880354615633977</v>
      </c>
      <c r="J6701">
        <f t="shared" si="749"/>
        <v>7.9582773736111454</v>
      </c>
      <c r="K6701">
        <f t="shared" si="750"/>
        <v>0.5945539829970985</v>
      </c>
      <c r="L6701">
        <f t="shared" si="751"/>
        <v>0.29727699149854925</v>
      </c>
      <c r="M6701">
        <f t="shared" si="752"/>
        <v>0</v>
      </c>
      <c r="N6701" s="45">
        <f t="shared" si="753"/>
        <v>45204.791666650497</v>
      </c>
    </row>
    <row r="6702" spans="2:14" x14ac:dyDescent="0.25">
      <c r="B6702">
        <f t="shared" si="747"/>
        <v>4</v>
      </c>
      <c r="C6702" s="16">
        <v>6668</v>
      </c>
      <c r="D6702" cm="1">
        <f t="array" ref="D6702">IFERROR(INDEX(Jesper!AH$2:AH$366,ROUNDDOWN($C6702/24,0)+1,1)*INDEX($D$3:$AA$30,INDEX(Jesper!$R$2:$R$366,ROW(INDEX(Jesper!AH$2:AH$366,ROUNDDOWN($C6702/24,0)+1,1))-1)+IF('Standard Profiles'!$G$18=$B$10,7,0)+IF('Standard Profiles'!$G$18=$B$17,14,0)+IF('Standard Profiles'!$G$18=$B$24,21,0),MOD($C6702,24)+1)/SUM(INDEX($D$3:$AA$30,INDEX(Jesper!$R$2:$R$366,ROW(INDEX(Jesper!AH$2:AH$366,ROUNDDOWN($C6702/24,0)+1,1))-1)+IF('Standard Profiles'!$G$18=$B$10,7,0)+IF('Standard Profiles'!$G$18=$B$17,14,0)+IF('Standard Profiles'!$G$18=$B$24,21,0),0)),0)</f>
        <v>5.5739435905977981</v>
      </c>
      <c r="E6702" cm="1">
        <f t="array" ref="E6702">IFERROR(INDEX(Jesper!AI$2:AI$366,ROUNDDOWN($C6702/24,0)+1,1)*INDEX($D$3:$AA$30,INDEX(Jesper!$R$2:$R$366,ROW(INDEX(Jesper!AI$2:AI$366,ROUNDDOWN($C6702/24,0)+1,1))-1)+IF('Standard Profiles'!$G$19=$B$10,7,0)+IF('Standard Profiles'!$G$19=$B$17,14,0)+IF('Standard Profiles'!$G$19=$B$24,21,0),MOD($C6702,24)+1)/SUM(INDEX($D$3:$AA$30,INDEX(Jesper!$R$2:$R$366,ROW(INDEX(Jesper!AI$2:AI$366,ROUNDDOWN($C6702/24,0)+1,1))-1)+IF('Standard Profiles'!$G$19=$B$10,7,0)+IF('Standard Profiles'!$G$19=$B$17,14,0)+IF('Standard Profiles'!$G$19=$B$24,21,0),0)),0)</f>
        <v>2.854960915839627</v>
      </c>
      <c r="F6702" cm="1">
        <f t="array" ref="F6702">IFERROR(INDEX(Jesper!AJ$2:AJ$366,ROUNDDOWN($C6702/24,0)+1,1)*INDEX($D$3:$AA$30,INDEX(Jesper!$R$2:$R$366,ROW(INDEX(Jesper!AJ$2:AJ$366,ROUNDDOWN($C6702/24,0)+1,1))-1)+IF('Standard Profiles'!$G$20=$B$10,7,0)+IF('Standard Profiles'!$G$20=$B$17,14,0)+IF('Standard Profiles'!$G$20=$B$24,21,0),MOD($C6702,24)+1)/SUM(INDEX($D$3:$AA$30,INDEX(Jesper!$R$2:$R$366,ROW(INDEX(Jesper!AJ$2:AJ$366,ROUNDDOWN($C6702/24,0)+1,1))-1)+IF('Standard Profiles'!$G$20=$B$10,7,0)+IF('Standard Profiles'!$G$20=$B$17,14,0)+IF('Standard Profiles'!$G$20=$B$24,21,0),0)),0)</f>
        <v>0</v>
      </c>
      <c r="G6702" cm="1">
        <f t="array" ref="G6702">IFERROR(INDEX(Jesper!AK$2:AK$366,ROUNDDOWN($C6702/24,0)+1,1)*INDEX($D$3:$AA$30,INDEX(Jesper!$R$2:$R$366,ROW(INDEX(Jesper!AK$2:AK$366,ROUNDDOWN($C6702/24,0)+1,1))-1)+IF('Standard Profiles'!$G$21=$B$10,7,0)+IF('Standard Profiles'!$G$21=$B$17,14,0)+IF('Standard Profiles'!$G$21=$B$24,21,0),MOD($C6702,24)+1)/SUM(INDEX($D$3:$AA$30,INDEX(Jesper!$R$2:$R$366,ROW(INDEX(Jesper!AK$2:AK$366,ROUNDDOWN($C6702/24,0)+1,1))-1)+IF('Standard Profiles'!$G$21=$B$10,7,0)+IF('Standard Profiles'!$G$21=$B$17,14,0)+IF('Standard Profiles'!$G$21=$B$24,21,0),0)),0)</f>
        <v>0.81000738782570825</v>
      </c>
      <c r="H6702" cm="1">
        <f t="array" ref="H6702">IFERROR(INDEX(Jesper!AL$2:AL$366,ROUNDDOWN($C6702/24,0)+1,1)*INDEX($D$3:$AA$30,INDEX(Jesper!$R$2:$R$366,ROW(INDEX(Jesper!AL$2:AL$366,ROUNDDOWN($C6702/24,0)+1,1))-1)+IF('Standard Profiles'!$G$22=$B$10,7,0)+IF('Standard Profiles'!$G$22=$B$17,14,0)+IF('Standard Profiles'!$G$22=$B$24,21,0),MOD($C6702,24)+1)/SUM(INDEX($D$3:$AA$30,INDEX(Jesper!$R$2:$R$366,ROW(INDEX(Jesper!AL$2:AL$366,ROUNDDOWN($C6702/24,0)+1,1))-1)+IF('Standard Profiles'!$G$22=$B$10,7,0)+IF('Standard Profiles'!$G$22=$B$17,14,0)+IF('Standard Profiles'!$G$22=$B$24,21,0),0)),0)</f>
        <v>0</v>
      </c>
      <c r="I6702">
        <f t="shared" si="748"/>
        <v>0.38880354615633977</v>
      </c>
      <c r="J6702">
        <f t="shared" si="749"/>
        <v>7.9582773736111454</v>
      </c>
      <c r="K6702">
        <f t="shared" si="750"/>
        <v>0.5945539829970985</v>
      </c>
      <c r="L6702">
        <f t="shared" si="751"/>
        <v>0.29727699149854925</v>
      </c>
      <c r="M6702">
        <f t="shared" si="752"/>
        <v>0</v>
      </c>
      <c r="N6702" s="45">
        <f t="shared" si="753"/>
        <v>45204.833333317161</v>
      </c>
    </row>
    <row r="6703" spans="2:14" x14ac:dyDescent="0.25">
      <c r="B6703">
        <f t="shared" si="747"/>
        <v>4</v>
      </c>
      <c r="C6703" s="16">
        <v>6669</v>
      </c>
      <c r="D6703" cm="1">
        <f t="array" ref="D6703">IFERROR(INDEX(Jesper!AH$2:AH$366,ROUNDDOWN($C6703/24,0)+1,1)*INDEX($D$3:$AA$30,INDEX(Jesper!$R$2:$R$366,ROW(INDEX(Jesper!AH$2:AH$366,ROUNDDOWN($C6703/24,0)+1,1))-1)+IF('Standard Profiles'!$G$18=$B$10,7,0)+IF('Standard Profiles'!$G$18=$B$17,14,0)+IF('Standard Profiles'!$G$18=$B$24,21,0),MOD($C6703,24)+1)/SUM(INDEX($D$3:$AA$30,INDEX(Jesper!$R$2:$R$366,ROW(INDEX(Jesper!AH$2:AH$366,ROUNDDOWN($C6703/24,0)+1,1))-1)+IF('Standard Profiles'!$G$18=$B$10,7,0)+IF('Standard Profiles'!$G$18=$B$17,14,0)+IF('Standard Profiles'!$G$18=$B$24,21,0),0)),0)</f>
        <v>5.5739435905977981</v>
      </c>
      <c r="E6703" cm="1">
        <f t="array" ref="E6703">IFERROR(INDEX(Jesper!AI$2:AI$366,ROUNDDOWN($C6703/24,0)+1,1)*INDEX($D$3:$AA$30,INDEX(Jesper!$R$2:$R$366,ROW(INDEX(Jesper!AI$2:AI$366,ROUNDDOWN($C6703/24,0)+1,1))-1)+IF('Standard Profiles'!$G$19=$B$10,7,0)+IF('Standard Profiles'!$G$19=$B$17,14,0)+IF('Standard Profiles'!$G$19=$B$24,21,0),MOD($C6703,24)+1)/SUM(INDEX($D$3:$AA$30,INDEX(Jesper!$R$2:$R$366,ROW(INDEX(Jesper!AI$2:AI$366,ROUNDDOWN($C6703/24,0)+1,1))-1)+IF('Standard Profiles'!$G$19=$B$10,7,0)+IF('Standard Profiles'!$G$19=$B$17,14,0)+IF('Standard Profiles'!$G$19=$B$24,21,0),0)),0)</f>
        <v>2.854960915839627</v>
      </c>
      <c r="F6703" cm="1">
        <f t="array" ref="F6703">IFERROR(INDEX(Jesper!AJ$2:AJ$366,ROUNDDOWN($C6703/24,0)+1,1)*INDEX($D$3:$AA$30,INDEX(Jesper!$R$2:$R$366,ROW(INDEX(Jesper!AJ$2:AJ$366,ROUNDDOWN($C6703/24,0)+1,1))-1)+IF('Standard Profiles'!$G$20=$B$10,7,0)+IF('Standard Profiles'!$G$20=$B$17,14,0)+IF('Standard Profiles'!$G$20=$B$24,21,0),MOD($C6703,24)+1)/SUM(INDEX($D$3:$AA$30,INDEX(Jesper!$R$2:$R$366,ROW(INDEX(Jesper!AJ$2:AJ$366,ROUNDDOWN($C6703/24,0)+1,1))-1)+IF('Standard Profiles'!$G$20=$B$10,7,0)+IF('Standard Profiles'!$G$20=$B$17,14,0)+IF('Standard Profiles'!$G$20=$B$24,21,0),0)),0)</f>
        <v>0</v>
      </c>
      <c r="G6703" cm="1">
        <f t="array" ref="G6703">IFERROR(INDEX(Jesper!AK$2:AK$366,ROUNDDOWN($C6703/24,0)+1,1)*INDEX($D$3:$AA$30,INDEX(Jesper!$R$2:$R$366,ROW(INDEX(Jesper!AK$2:AK$366,ROUNDDOWN($C6703/24,0)+1,1))-1)+IF('Standard Profiles'!$G$21=$B$10,7,0)+IF('Standard Profiles'!$G$21=$B$17,14,0)+IF('Standard Profiles'!$G$21=$B$24,21,0),MOD($C6703,24)+1)/SUM(INDEX($D$3:$AA$30,INDEX(Jesper!$R$2:$R$366,ROW(INDEX(Jesper!AK$2:AK$366,ROUNDDOWN($C6703/24,0)+1,1))-1)+IF('Standard Profiles'!$G$21=$B$10,7,0)+IF('Standard Profiles'!$G$21=$B$17,14,0)+IF('Standard Profiles'!$G$21=$B$24,21,0),0)),0)</f>
        <v>0.81000738782570825</v>
      </c>
      <c r="H6703" cm="1">
        <f t="array" ref="H6703">IFERROR(INDEX(Jesper!AL$2:AL$366,ROUNDDOWN($C6703/24,0)+1,1)*INDEX($D$3:$AA$30,INDEX(Jesper!$R$2:$R$366,ROW(INDEX(Jesper!AL$2:AL$366,ROUNDDOWN($C6703/24,0)+1,1))-1)+IF('Standard Profiles'!$G$22=$B$10,7,0)+IF('Standard Profiles'!$G$22=$B$17,14,0)+IF('Standard Profiles'!$G$22=$B$24,21,0),MOD($C6703,24)+1)/SUM(INDEX($D$3:$AA$30,INDEX(Jesper!$R$2:$R$366,ROW(INDEX(Jesper!AL$2:AL$366,ROUNDDOWN($C6703/24,0)+1,1))-1)+IF('Standard Profiles'!$G$22=$B$10,7,0)+IF('Standard Profiles'!$G$22=$B$17,14,0)+IF('Standard Profiles'!$G$22=$B$24,21,0),0)),0)</f>
        <v>0</v>
      </c>
      <c r="I6703">
        <f t="shared" si="748"/>
        <v>0.38880354615633977</v>
      </c>
      <c r="J6703">
        <f t="shared" si="749"/>
        <v>7.9582773736111454</v>
      </c>
      <c r="K6703">
        <f t="shared" si="750"/>
        <v>0.5945539829970985</v>
      </c>
      <c r="L6703">
        <f t="shared" si="751"/>
        <v>0.29727699149854925</v>
      </c>
      <c r="M6703">
        <f t="shared" si="752"/>
        <v>0</v>
      </c>
      <c r="N6703" s="45">
        <f t="shared" si="753"/>
        <v>45204.874999983826</v>
      </c>
    </row>
    <row r="6704" spans="2:14" x14ac:dyDescent="0.25">
      <c r="B6704">
        <f t="shared" si="747"/>
        <v>4</v>
      </c>
      <c r="C6704" s="16">
        <v>6670</v>
      </c>
      <c r="D6704" cm="1">
        <f t="array" ref="D6704">IFERROR(INDEX(Jesper!AH$2:AH$366,ROUNDDOWN($C6704/24,0)+1,1)*INDEX($D$3:$AA$30,INDEX(Jesper!$R$2:$R$366,ROW(INDEX(Jesper!AH$2:AH$366,ROUNDDOWN($C6704/24,0)+1,1))-1)+IF('Standard Profiles'!$G$18=$B$10,7,0)+IF('Standard Profiles'!$G$18=$B$17,14,0)+IF('Standard Profiles'!$G$18=$B$24,21,0),MOD($C6704,24)+1)/SUM(INDEX($D$3:$AA$30,INDEX(Jesper!$R$2:$R$366,ROW(INDEX(Jesper!AH$2:AH$366,ROUNDDOWN($C6704/24,0)+1,1))-1)+IF('Standard Profiles'!$G$18=$B$10,7,0)+IF('Standard Profiles'!$G$18=$B$17,14,0)+IF('Standard Profiles'!$G$18=$B$24,21,0),0)),0)</f>
        <v>5.5739435905977981</v>
      </c>
      <c r="E6704" cm="1">
        <f t="array" ref="E6704">IFERROR(INDEX(Jesper!AI$2:AI$366,ROUNDDOWN($C6704/24,0)+1,1)*INDEX($D$3:$AA$30,INDEX(Jesper!$R$2:$R$366,ROW(INDEX(Jesper!AI$2:AI$366,ROUNDDOWN($C6704/24,0)+1,1))-1)+IF('Standard Profiles'!$G$19=$B$10,7,0)+IF('Standard Profiles'!$G$19=$B$17,14,0)+IF('Standard Profiles'!$G$19=$B$24,21,0),MOD($C6704,24)+1)/SUM(INDEX($D$3:$AA$30,INDEX(Jesper!$R$2:$R$366,ROW(INDEX(Jesper!AI$2:AI$366,ROUNDDOWN($C6704/24,0)+1,1))-1)+IF('Standard Profiles'!$G$19=$B$10,7,0)+IF('Standard Profiles'!$G$19=$B$17,14,0)+IF('Standard Profiles'!$G$19=$B$24,21,0),0)),0)</f>
        <v>2.854960915839627</v>
      </c>
      <c r="F6704" cm="1">
        <f t="array" ref="F6704">IFERROR(INDEX(Jesper!AJ$2:AJ$366,ROUNDDOWN($C6704/24,0)+1,1)*INDEX($D$3:$AA$30,INDEX(Jesper!$R$2:$R$366,ROW(INDEX(Jesper!AJ$2:AJ$366,ROUNDDOWN($C6704/24,0)+1,1))-1)+IF('Standard Profiles'!$G$20=$B$10,7,0)+IF('Standard Profiles'!$G$20=$B$17,14,0)+IF('Standard Profiles'!$G$20=$B$24,21,0),MOD($C6704,24)+1)/SUM(INDEX($D$3:$AA$30,INDEX(Jesper!$R$2:$R$366,ROW(INDEX(Jesper!AJ$2:AJ$366,ROUNDDOWN($C6704/24,0)+1,1))-1)+IF('Standard Profiles'!$G$20=$B$10,7,0)+IF('Standard Profiles'!$G$20=$B$17,14,0)+IF('Standard Profiles'!$G$20=$B$24,21,0),0)),0)</f>
        <v>0</v>
      </c>
      <c r="G6704" cm="1">
        <f t="array" ref="G6704">IFERROR(INDEX(Jesper!AK$2:AK$366,ROUNDDOWN($C6704/24,0)+1,1)*INDEX($D$3:$AA$30,INDEX(Jesper!$R$2:$R$366,ROW(INDEX(Jesper!AK$2:AK$366,ROUNDDOWN($C6704/24,0)+1,1))-1)+IF('Standard Profiles'!$G$21=$B$10,7,0)+IF('Standard Profiles'!$G$21=$B$17,14,0)+IF('Standard Profiles'!$G$21=$B$24,21,0),MOD($C6704,24)+1)/SUM(INDEX($D$3:$AA$30,INDEX(Jesper!$R$2:$R$366,ROW(INDEX(Jesper!AK$2:AK$366,ROUNDDOWN($C6704/24,0)+1,1))-1)+IF('Standard Profiles'!$G$21=$B$10,7,0)+IF('Standard Profiles'!$G$21=$B$17,14,0)+IF('Standard Profiles'!$G$21=$B$24,21,0),0)),0)</f>
        <v>0.81000738782570825</v>
      </c>
      <c r="H6704" cm="1">
        <f t="array" ref="H6704">IFERROR(INDEX(Jesper!AL$2:AL$366,ROUNDDOWN($C6704/24,0)+1,1)*INDEX($D$3:$AA$30,INDEX(Jesper!$R$2:$R$366,ROW(INDEX(Jesper!AL$2:AL$366,ROUNDDOWN($C6704/24,0)+1,1))-1)+IF('Standard Profiles'!$G$22=$B$10,7,0)+IF('Standard Profiles'!$G$22=$B$17,14,0)+IF('Standard Profiles'!$G$22=$B$24,21,0),MOD($C6704,24)+1)/SUM(INDEX($D$3:$AA$30,INDEX(Jesper!$R$2:$R$366,ROW(INDEX(Jesper!AL$2:AL$366,ROUNDDOWN($C6704/24,0)+1,1))-1)+IF('Standard Profiles'!$G$22=$B$10,7,0)+IF('Standard Profiles'!$G$22=$B$17,14,0)+IF('Standard Profiles'!$G$22=$B$24,21,0),0)),0)</f>
        <v>0</v>
      </c>
      <c r="I6704">
        <f t="shared" si="748"/>
        <v>0.38880354615633977</v>
      </c>
      <c r="J6704">
        <f t="shared" si="749"/>
        <v>7.9582773736111454</v>
      </c>
      <c r="K6704">
        <f t="shared" si="750"/>
        <v>0.5945539829970985</v>
      </c>
      <c r="L6704">
        <f t="shared" si="751"/>
        <v>0.29727699149854925</v>
      </c>
      <c r="M6704">
        <f t="shared" si="752"/>
        <v>0</v>
      </c>
      <c r="N6704" s="45">
        <f t="shared" si="753"/>
        <v>45204.91666665049</v>
      </c>
    </row>
    <row r="6705" spans="2:14" x14ac:dyDescent="0.25">
      <c r="B6705">
        <f t="shared" si="747"/>
        <v>4</v>
      </c>
      <c r="C6705" s="16">
        <v>6671</v>
      </c>
      <c r="D6705" cm="1">
        <f t="array" ref="D6705">IFERROR(INDEX(Jesper!AH$2:AH$366,ROUNDDOWN($C6705/24,0)+1,1)*INDEX($D$3:$AA$30,INDEX(Jesper!$R$2:$R$366,ROW(INDEX(Jesper!AH$2:AH$366,ROUNDDOWN($C6705/24,0)+1,1))-1)+IF('Standard Profiles'!$G$18=$B$10,7,0)+IF('Standard Profiles'!$G$18=$B$17,14,0)+IF('Standard Profiles'!$G$18=$B$24,21,0),MOD($C6705,24)+1)/SUM(INDEX($D$3:$AA$30,INDEX(Jesper!$R$2:$R$366,ROW(INDEX(Jesper!AH$2:AH$366,ROUNDDOWN($C6705/24,0)+1,1))-1)+IF('Standard Profiles'!$G$18=$B$10,7,0)+IF('Standard Profiles'!$G$18=$B$17,14,0)+IF('Standard Profiles'!$G$18=$B$24,21,0),0)),0)</f>
        <v>5.5739435905977981</v>
      </c>
      <c r="E6705" cm="1">
        <f t="array" ref="E6705">IFERROR(INDEX(Jesper!AI$2:AI$366,ROUNDDOWN($C6705/24,0)+1,1)*INDEX($D$3:$AA$30,INDEX(Jesper!$R$2:$R$366,ROW(INDEX(Jesper!AI$2:AI$366,ROUNDDOWN($C6705/24,0)+1,1))-1)+IF('Standard Profiles'!$G$19=$B$10,7,0)+IF('Standard Profiles'!$G$19=$B$17,14,0)+IF('Standard Profiles'!$G$19=$B$24,21,0),MOD($C6705,24)+1)/SUM(INDEX($D$3:$AA$30,INDEX(Jesper!$R$2:$R$366,ROW(INDEX(Jesper!AI$2:AI$366,ROUNDDOWN($C6705/24,0)+1,1))-1)+IF('Standard Profiles'!$G$19=$B$10,7,0)+IF('Standard Profiles'!$G$19=$B$17,14,0)+IF('Standard Profiles'!$G$19=$B$24,21,0),0)),0)</f>
        <v>2.854960915839627</v>
      </c>
      <c r="F6705" cm="1">
        <f t="array" ref="F6705">IFERROR(INDEX(Jesper!AJ$2:AJ$366,ROUNDDOWN($C6705/24,0)+1,1)*INDEX($D$3:$AA$30,INDEX(Jesper!$R$2:$R$366,ROW(INDEX(Jesper!AJ$2:AJ$366,ROUNDDOWN($C6705/24,0)+1,1))-1)+IF('Standard Profiles'!$G$20=$B$10,7,0)+IF('Standard Profiles'!$G$20=$B$17,14,0)+IF('Standard Profiles'!$G$20=$B$24,21,0),MOD($C6705,24)+1)/SUM(INDEX($D$3:$AA$30,INDEX(Jesper!$R$2:$R$366,ROW(INDEX(Jesper!AJ$2:AJ$366,ROUNDDOWN($C6705/24,0)+1,1))-1)+IF('Standard Profiles'!$G$20=$B$10,7,0)+IF('Standard Profiles'!$G$20=$B$17,14,0)+IF('Standard Profiles'!$G$20=$B$24,21,0),0)),0)</f>
        <v>0</v>
      </c>
      <c r="G6705" cm="1">
        <f t="array" ref="G6705">IFERROR(INDEX(Jesper!AK$2:AK$366,ROUNDDOWN($C6705/24,0)+1,1)*INDEX($D$3:$AA$30,INDEX(Jesper!$R$2:$R$366,ROW(INDEX(Jesper!AK$2:AK$366,ROUNDDOWN($C6705/24,0)+1,1))-1)+IF('Standard Profiles'!$G$21=$B$10,7,0)+IF('Standard Profiles'!$G$21=$B$17,14,0)+IF('Standard Profiles'!$G$21=$B$24,21,0),MOD($C6705,24)+1)/SUM(INDEX($D$3:$AA$30,INDEX(Jesper!$R$2:$R$366,ROW(INDEX(Jesper!AK$2:AK$366,ROUNDDOWN($C6705/24,0)+1,1))-1)+IF('Standard Profiles'!$G$21=$B$10,7,0)+IF('Standard Profiles'!$G$21=$B$17,14,0)+IF('Standard Profiles'!$G$21=$B$24,21,0),0)),0)</f>
        <v>0.81000738782570825</v>
      </c>
      <c r="H6705" cm="1">
        <f t="array" ref="H6705">IFERROR(INDEX(Jesper!AL$2:AL$366,ROUNDDOWN($C6705/24,0)+1,1)*INDEX($D$3:$AA$30,INDEX(Jesper!$R$2:$R$366,ROW(INDEX(Jesper!AL$2:AL$366,ROUNDDOWN($C6705/24,0)+1,1))-1)+IF('Standard Profiles'!$G$22=$B$10,7,0)+IF('Standard Profiles'!$G$22=$B$17,14,0)+IF('Standard Profiles'!$G$22=$B$24,21,0),MOD($C6705,24)+1)/SUM(INDEX($D$3:$AA$30,INDEX(Jesper!$R$2:$R$366,ROW(INDEX(Jesper!AL$2:AL$366,ROUNDDOWN($C6705/24,0)+1,1))-1)+IF('Standard Profiles'!$G$22=$B$10,7,0)+IF('Standard Profiles'!$G$22=$B$17,14,0)+IF('Standard Profiles'!$G$22=$B$24,21,0),0)),0)</f>
        <v>0</v>
      </c>
      <c r="I6705">
        <f t="shared" si="748"/>
        <v>0.38880354615633977</v>
      </c>
      <c r="J6705">
        <f t="shared" si="749"/>
        <v>7.9582773736111454</v>
      </c>
      <c r="K6705">
        <f t="shared" si="750"/>
        <v>0.5945539829970985</v>
      </c>
      <c r="L6705">
        <f t="shared" si="751"/>
        <v>0.29727699149854925</v>
      </c>
      <c r="M6705">
        <f t="shared" si="752"/>
        <v>0</v>
      </c>
      <c r="N6705" s="45">
        <f t="shared" si="753"/>
        <v>45204.958333317154</v>
      </c>
    </row>
    <row r="6706" spans="2:14" x14ac:dyDescent="0.25">
      <c r="B6706">
        <f t="shared" si="747"/>
        <v>5</v>
      </c>
      <c r="C6706" s="16">
        <v>6672</v>
      </c>
      <c r="D6706" cm="1">
        <f t="array" ref="D6706">IFERROR(INDEX(Jesper!AH$2:AH$366,ROUNDDOWN($C6706/24,0)+1,1)*INDEX($D$3:$AA$30,INDEX(Jesper!$R$2:$R$366,ROW(INDEX(Jesper!AH$2:AH$366,ROUNDDOWN($C6706/24,0)+1,1))-1)+IF('Standard Profiles'!$G$18=$B$10,7,0)+IF('Standard Profiles'!$G$18=$B$17,14,0)+IF('Standard Profiles'!$G$18=$B$24,21,0),MOD($C6706,24)+1)/SUM(INDEX($D$3:$AA$30,INDEX(Jesper!$R$2:$R$366,ROW(INDEX(Jesper!AH$2:AH$366,ROUNDDOWN($C6706/24,0)+1,1))-1)+IF('Standard Profiles'!$G$18=$B$10,7,0)+IF('Standard Profiles'!$G$18=$B$17,14,0)+IF('Standard Profiles'!$G$18=$B$24,21,0),0)),0)</f>
        <v>8.4689768978073605</v>
      </c>
      <c r="E6706" cm="1">
        <f t="array" ref="E6706">IFERROR(INDEX(Jesper!AI$2:AI$366,ROUNDDOWN($C6706/24,0)+1,1)*INDEX($D$3:$AA$30,INDEX(Jesper!$R$2:$R$366,ROW(INDEX(Jesper!AI$2:AI$366,ROUNDDOWN($C6706/24,0)+1,1))-1)+IF('Standard Profiles'!$G$19=$B$10,7,0)+IF('Standard Profiles'!$G$19=$B$17,14,0)+IF('Standard Profiles'!$G$19=$B$24,21,0),MOD($C6706,24)+1)/SUM(INDEX($D$3:$AA$30,INDEX(Jesper!$R$2:$R$366,ROW(INDEX(Jesper!AI$2:AI$366,ROUNDDOWN($C6706/24,0)+1,1))-1)+IF('Standard Profiles'!$G$19=$B$10,7,0)+IF('Standard Profiles'!$G$19=$B$17,14,0)+IF('Standard Profiles'!$G$19=$B$24,21,0),0)),0)</f>
        <v>4.0211372896314961</v>
      </c>
      <c r="F6706" cm="1">
        <f t="array" ref="F6706">IFERROR(INDEX(Jesper!AJ$2:AJ$366,ROUNDDOWN($C6706/24,0)+1,1)*INDEX($D$3:$AA$30,INDEX(Jesper!$R$2:$R$366,ROW(INDEX(Jesper!AJ$2:AJ$366,ROUNDDOWN($C6706/24,0)+1,1))-1)+IF('Standard Profiles'!$G$20=$B$10,7,0)+IF('Standard Profiles'!$G$20=$B$17,14,0)+IF('Standard Profiles'!$G$20=$B$24,21,0),MOD($C6706,24)+1)/SUM(INDEX($D$3:$AA$30,INDEX(Jesper!$R$2:$R$366,ROW(INDEX(Jesper!AJ$2:AJ$366,ROUNDDOWN($C6706/24,0)+1,1))-1)+IF('Standard Profiles'!$G$20=$B$10,7,0)+IF('Standard Profiles'!$G$20=$B$17,14,0)+IF('Standard Profiles'!$G$20=$B$24,21,0),0)),0)</f>
        <v>0</v>
      </c>
      <c r="G6706" cm="1">
        <f t="array" ref="G6706">IFERROR(INDEX(Jesper!AK$2:AK$366,ROUNDDOWN($C6706/24,0)+1,1)*INDEX($D$3:$AA$30,INDEX(Jesper!$R$2:$R$366,ROW(INDEX(Jesper!AK$2:AK$366,ROUNDDOWN($C6706/24,0)+1,1))-1)+IF('Standard Profiles'!$G$21=$B$10,7,0)+IF('Standard Profiles'!$G$21=$B$17,14,0)+IF('Standard Profiles'!$G$21=$B$24,21,0),MOD($C6706,24)+1)/SUM(INDEX($D$3:$AA$30,INDEX(Jesper!$R$2:$R$366,ROW(INDEX(Jesper!AK$2:AK$366,ROUNDDOWN($C6706/24,0)+1,1))-1)+IF('Standard Profiles'!$G$21=$B$10,7,0)+IF('Standard Profiles'!$G$21=$B$17,14,0)+IF('Standard Profiles'!$G$21=$B$24,21,0),0)),0)</f>
        <v>0.69798959510317948</v>
      </c>
      <c r="H6706" cm="1">
        <f t="array" ref="H6706">IFERROR(INDEX(Jesper!AL$2:AL$366,ROUNDDOWN($C6706/24,0)+1,1)*INDEX($D$3:$AA$30,INDEX(Jesper!$R$2:$R$366,ROW(INDEX(Jesper!AL$2:AL$366,ROUNDDOWN($C6706/24,0)+1,1))-1)+IF('Standard Profiles'!$G$22=$B$10,7,0)+IF('Standard Profiles'!$G$22=$B$17,14,0)+IF('Standard Profiles'!$G$22=$B$24,21,0),MOD($C6706,24)+1)/SUM(INDEX($D$3:$AA$30,INDEX(Jesper!$R$2:$R$366,ROW(INDEX(Jesper!AL$2:AL$366,ROUNDDOWN($C6706/24,0)+1,1))-1)+IF('Standard Profiles'!$G$22=$B$10,7,0)+IF('Standard Profiles'!$G$22=$B$17,14,0)+IF('Standard Profiles'!$G$22=$B$24,21,0),0)),0)</f>
        <v>0</v>
      </c>
      <c r="I6706">
        <f t="shared" si="748"/>
        <v>0.33503500564952599</v>
      </c>
      <c r="J6706">
        <f t="shared" si="749"/>
        <v>11.498032473243333</v>
      </c>
      <c r="K6706">
        <f t="shared" si="750"/>
        <v>0.90335753576611855</v>
      </c>
      <c r="L6706">
        <f t="shared" si="751"/>
        <v>0.45167876788305927</v>
      </c>
      <c r="M6706">
        <f t="shared" si="752"/>
        <v>0</v>
      </c>
      <c r="N6706" s="45">
        <f t="shared" si="753"/>
        <v>45204.999999983818</v>
      </c>
    </row>
    <row r="6707" spans="2:14" x14ac:dyDescent="0.25">
      <c r="B6707">
        <f t="shared" si="747"/>
        <v>5</v>
      </c>
      <c r="C6707" s="16">
        <v>6673</v>
      </c>
      <c r="D6707" cm="1">
        <f t="array" ref="D6707">IFERROR(INDEX(Jesper!AH$2:AH$366,ROUNDDOWN($C6707/24,0)+1,1)*INDEX($D$3:$AA$30,INDEX(Jesper!$R$2:$R$366,ROW(INDEX(Jesper!AH$2:AH$366,ROUNDDOWN($C6707/24,0)+1,1))-1)+IF('Standard Profiles'!$G$18=$B$10,7,0)+IF('Standard Profiles'!$G$18=$B$17,14,0)+IF('Standard Profiles'!$G$18=$B$24,21,0),MOD($C6707,24)+1)/SUM(INDEX($D$3:$AA$30,INDEX(Jesper!$R$2:$R$366,ROW(INDEX(Jesper!AH$2:AH$366,ROUNDDOWN($C6707/24,0)+1,1))-1)+IF('Standard Profiles'!$G$18=$B$10,7,0)+IF('Standard Profiles'!$G$18=$B$17,14,0)+IF('Standard Profiles'!$G$18=$B$24,21,0),0)),0)</f>
        <v>5.1327132713984014</v>
      </c>
      <c r="E6707" cm="1">
        <f t="array" ref="E6707">IFERROR(INDEX(Jesper!AI$2:AI$366,ROUNDDOWN($C6707/24,0)+1,1)*INDEX($D$3:$AA$30,INDEX(Jesper!$R$2:$R$366,ROW(INDEX(Jesper!AI$2:AI$366,ROUNDDOWN($C6707/24,0)+1,1))-1)+IF('Standard Profiles'!$G$19=$B$10,7,0)+IF('Standard Profiles'!$G$19=$B$17,14,0)+IF('Standard Profiles'!$G$19=$B$24,21,0),MOD($C6707,24)+1)/SUM(INDEX($D$3:$AA$30,INDEX(Jesper!$R$2:$R$366,ROW(INDEX(Jesper!AI$2:AI$366,ROUNDDOWN($C6707/24,0)+1,1))-1)+IF('Standard Profiles'!$G$19=$B$10,7,0)+IF('Standard Profiles'!$G$19=$B$17,14,0)+IF('Standard Profiles'!$G$19=$B$24,21,0),0)),0)</f>
        <v>2.4370529028069674</v>
      </c>
      <c r="F6707" cm="1">
        <f t="array" ref="F6707">IFERROR(INDEX(Jesper!AJ$2:AJ$366,ROUNDDOWN($C6707/24,0)+1,1)*INDEX($D$3:$AA$30,INDEX(Jesper!$R$2:$R$366,ROW(INDEX(Jesper!AJ$2:AJ$366,ROUNDDOWN($C6707/24,0)+1,1))-1)+IF('Standard Profiles'!$G$20=$B$10,7,0)+IF('Standard Profiles'!$G$20=$B$17,14,0)+IF('Standard Profiles'!$G$20=$B$24,21,0),MOD($C6707,24)+1)/SUM(INDEX($D$3:$AA$30,INDEX(Jesper!$R$2:$R$366,ROW(INDEX(Jesper!AJ$2:AJ$366,ROUNDDOWN($C6707/24,0)+1,1))-1)+IF('Standard Profiles'!$G$20=$B$10,7,0)+IF('Standard Profiles'!$G$20=$B$17,14,0)+IF('Standard Profiles'!$G$20=$B$24,21,0),0)),0)</f>
        <v>0</v>
      </c>
      <c r="G6707" cm="1">
        <f t="array" ref="G6707">IFERROR(INDEX(Jesper!AK$2:AK$366,ROUNDDOWN($C6707/24,0)+1,1)*INDEX($D$3:$AA$30,INDEX(Jesper!$R$2:$R$366,ROW(INDEX(Jesper!AK$2:AK$366,ROUNDDOWN($C6707/24,0)+1,1))-1)+IF('Standard Profiles'!$G$21=$B$10,7,0)+IF('Standard Profiles'!$G$21=$B$17,14,0)+IF('Standard Profiles'!$G$21=$B$24,21,0),MOD($C6707,24)+1)/SUM(INDEX($D$3:$AA$30,INDEX(Jesper!$R$2:$R$366,ROW(INDEX(Jesper!AK$2:AK$366,ROUNDDOWN($C6707/24,0)+1,1))-1)+IF('Standard Profiles'!$G$21=$B$10,7,0)+IF('Standard Profiles'!$G$21=$B$17,14,0)+IF('Standard Profiles'!$G$21=$B$24,21,0),0)),0)</f>
        <v>0.69798959510317948</v>
      </c>
      <c r="H6707" cm="1">
        <f t="array" ref="H6707">IFERROR(INDEX(Jesper!AL$2:AL$366,ROUNDDOWN($C6707/24,0)+1,1)*INDEX($D$3:$AA$30,INDEX(Jesper!$R$2:$R$366,ROW(INDEX(Jesper!AL$2:AL$366,ROUNDDOWN($C6707/24,0)+1,1))-1)+IF('Standard Profiles'!$G$22=$B$10,7,0)+IF('Standard Profiles'!$G$22=$B$17,14,0)+IF('Standard Profiles'!$G$22=$B$24,21,0),MOD($C6707,24)+1)/SUM(INDEX($D$3:$AA$30,INDEX(Jesper!$R$2:$R$366,ROW(INDEX(Jesper!AL$2:AL$366,ROUNDDOWN($C6707/24,0)+1,1))-1)+IF('Standard Profiles'!$G$22=$B$10,7,0)+IF('Standard Profiles'!$G$22=$B$17,14,0)+IF('Standard Profiles'!$G$22=$B$24,21,0),0)),0)</f>
        <v>0</v>
      </c>
      <c r="I6707">
        <f t="shared" si="748"/>
        <v>0.33503500564952599</v>
      </c>
      <c r="J6707">
        <f t="shared" si="749"/>
        <v>7.1114866402352774</v>
      </c>
      <c r="K6707">
        <f t="shared" si="750"/>
        <v>0.54748941561582953</v>
      </c>
      <c r="L6707">
        <f t="shared" si="751"/>
        <v>0.27374470780791477</v>
      </c>
      <c r="M6707">
        <f t="shared" si="752"/>
        <v>0</v>
      </c>
      <c r="N6707" s="45">
        <f t="shared" si="753"/>
        <v>45205.041666650483</v>
      </c>
    </row>
    <row r="6708" spans="2:14" x14ac:dyDescent="0.25">
      <c r="B6708">
        <f t="shared" si="747"/>
        <v>5</v>
      </c>
      <c r="C6708" s="16">
        <v>6674</v>
      </c>
      <c r="D6708" cm="1">
        <f t="array" ref="D6708">IFERROR(INDEX(Jesper!AH$2:AH$366,ROUNDDOWN($C6708/24,0)+1,1)*INDEX($D$3:$AA$30,INDEX(Jesper!$R$2:$R$366,ROW(INDEX(Jesper!AH$2:AH$366,ROUNDDOWN($C6708/24,0)+1,1))-1)+IF('Standard Profiles'!$G$18=$B$10,7,0)+IF('Standard Profiles'!$G$18=$B$17,14,0)+IF('Standard Profiles'!$G$18=$B$24,21,0),MOD($C6708,24)+1)/SUM(INDEX($D$3:$AA$30,INDEX(Jesper!$R$2:$R$366,ROW(INDEX(Jesper!AH$2:AH$366,ROUNDDOWN($C6708/24,0)+1,1))-1)+IF('Standard Profiles'!$G$18=$B$10,7,0)+IF('Standard Profiles'!$G$18=$B$17,14,0)+IF('Standard Profiles'!$G$18=$B$24,21,0),0)),0)</f>
        <v>5.1327132713984014</v>
      </c>
      <c r="E6708" cm="1">
        <f t="array" ref="E6708">IFERROR(INDEX(Jesper!AI$2:AI$366,ROUNDDOWN($C6708/24,0)+1,1)*INDEX($D$3:$AA$30,INDEX(Jesper!$R$2:$R$366,ROW(INDEX(Jesper!AI$2:AI$366,ROUNDDOWN($C6708/24,0)+1,1))-1)+IF('Standard Profiles'!$G$19=$B$10,7,0)+IF('Standard Profiles'!$G$19=$B$17,14,0)+IF('Standard Profiles'!$G$19=$B$24,21,0),MOD($C6708,24)+1)/SUM(INDEX($D$3:$AA$30,INDEX(Jesper!$R$2:$R$366,ROW(INDEX(Jesper!AI$2:AI$366,ROUNDDOWN($C6708/24,0)+1,1))-1)+IF('Standard Profiles'!$G$19=$B$10,7,0)+IF('Standard Profiles'!$G$19=$B$17,14,0)+IF('Standard Profiles'!$G$19=$B$24,21,0),0)),0)</f>
        <v>2.4370529028069674</v>
      </c>
      <c r="F6708" cm="1">
        <f t="array" ref="F6708">IFERROR(INDEX(Jesper!AJ$2:AJ$366,ROUNDDOWN($C6708/24,0)+1,1)*INDEX($D$3:$AA$30,INDEX(Jesper!$R$2:$R$366,ROW(INDEX(Jesper!AJ$2:AJ$366,ROUNDDOWN($C6708/24,0)+1,1))-1)+IF('Standard Profiles'!$G$20=$B$10,7,0)+IF('Standard Profiles'!$G$20=$B$17,14,0)+IF('Standard Profiles'!$G$20=$B$24,21,0),MOD($C6708,24)+1)/SUM(INDEX($D$3:$AA$30,INDEX(Jesper!$R$2:$R$366,ROW(INDEX(Jesper!AJ$2:AJ$366,ROUNDDOWN($C6708/24,0)+1,1))-1)+IF('Standard Profiles'!$G$20=$B$10,7,0)+IF('Standard Profiles'!$G$20=$B$17,14,0)+IF('Standard Profiles'!$G$20=$B$24,21,0),0)),0)</f>
        <v>0</v>
      </c>
      <c r="G6708" cm="1">
        <f t="array" ref="G6708">IFERROR(INDEX(Jesper!AK$2:AK$366,ROUNDDOWN($C6708/24,0)+1,1)*INDEX($D$3:$AA$30,INDEX(Jesper!$R$2:$R$366,ROW(INDEX(Jesper!AK$2:AK$366,ROUNDDOWN($C6708/24,0)+1,1))-1)+IF('Standard Profiles'!$G$21=$B$10,7,0)+IF('Standard Profiles'!$G$21=$B$17,14,0)+IF('Standard Profiles'!$G$21=$B$24,21,0),MOD($C6708,24)+1)/SUM(INDEX($D$3:$AA$30,INDEX(Jesper!$R$2:$R$366,ROW(INDEX(Jesper!AK$2:AK$366,ROUNDDOWN($C6708/24,0)+1,1))-1)+IF('Standard Profiles'!$G$21=$B$10,7,0)+IF('Standard Profiles'!$G$21=$B$17,14,0)+IF('Standard Profiles'!$G$21=$B$24,21,0),0)),0)</f>
        <v>0.69798959510317948</v>
      </c>
      <c r="H6708" cm="1">
        <f t="array" ref="H6708">IFERROR(INDEX(Jesper!AL$2:AL$366,ROUNDDOWN($C6708/24,0)+1,1)*INDEX($D$3:$AA$30,INDEX(Jesper!$R$2:$R$366,ROW(INDEX(Jesper!AL$2:AL$366,ROUNDDOWN($C6708/24,0)+1,1))-1)+IF('Standard Profiles'!$G$22=$B$10,7,0)+IF('Standard Profiles'!$G$22=$B$17,14,0)+IF('Standard Profiles'!$G$22=$B$24,21,0),MOD($C6708,24)+1)/SUM(INDEX($D$3:$AA$30,INDEX(Jesper!$R$2:$R$366,ROW(INDEX(Jesper!AL$2:AL$366,ROUNDDOWN($C6708/24,0)+1,1))-1)+IF('Standard Profiles'!$G$22=$B$10,7,0)+IF('Standard Profiles'!$G$22=$B$17,14,0)+IF('Standard Profiles'!$G$22=$B$24,21,0),0)),0)</f>
        <v>0</v>
      </c>
      <c r="I6708">
        <f t="shared" si="748"/>
        <v>0.33503500564952599</v>
      </c>
      <c r="J6708">
        <f t="shared" si="749"/>
        <v>7.1114866402352774</v>
      </c>
      <c r="K6708">
        <f t="shared" si="750"/>
        <v>0.54748941561582953</v>
      </c>
      <c r="L6708">
        <f t="shared" si="751"/>
        <v>0.27374470780791477</v>
      </c>
      <c r="M6708">
        <f t="shared" si="752"/>
        <v>0</v>
      </c>
      <c r="N6708" s="45">
        <f t="shared" si="753"/>
        <v>45205.083333317147</v>
      </c>
    </row>
    <row r="6709" spans="2:14" x14ac:dyDescent="0.25">
      <c r="B6709">
        <f t="shared" si="747"/>
        <v>5</v>
      </c>
      <c r="C6709" s="16">
        <v>6675</v>
      </c>
      <c r="D6709" cm="1">
        <f t="array" ref="D6709">IFERROR(INDEX(Jesper!AH$2:AH$366,ROUNDDOWN($C6709/24,0)+1,1)*INDEX($D$3:$AA$30,INDEX(Jesper!$R$2:$R$366,ROW(INDEX(Jesper!AH$2:AH$366,ROUNDDOWN($C6709/24,0)+1,1))-1)+IF('Standard Profiles'!$G$18=$B$10,7,0)+IF('Standard Profiles'!$G$18=$B$17,14,0)+IF('Standard Profiles'!$G$18=$B$24,21,0),MOD($C6709,24)+1)/SUM(INDEX($D$3:$AA$30,INDEX(Jesper!$R$2:$R$366,ROW(INDEX(Jesper!AH$2:AH$366,ROUNDDOWN($C6709/24,0)+1,1))-1)+IF('Standard Profiles'!$G$18=$B$10,7,0)+IF('Standard Profiles'!$G$18=$B$17,14,0)+IF('Standard Profiles'!$G$18=$B$24,21,0),0)),0)</f>
        <v>5.1327132713984014</v>
      </c>
      <c r="E6709" cm="1">
        <f t="array" ref="E6709">IFERROR(INDEX(Jesper!AI$2:AI$366,ROUNDDOWN($C6709/24,0)+1,1)*INDEX($D$3:$AA$30,INDEX(Jesper!$R$2:$R$366,ROW(INDEX(Jesper!AI$2:AI$366,ROUNDDOWN($C6709/24,0)+1,1))-1)+IF('Standard Profiles'!$G$19=$B$10,7,0)+IF('Standard Profiles'!$G$19=$B$17,14,0)+IF('Standard Profiles'!$G$19=$B$24,21,0),MOD($C6709,24)+1)/SUM(INDEX($D$3:$AA$30,INDEX(Jesper!$R$2:$R$366,ROW(INDEX(Jesper!AI$2:AI$366,ROUNDDOWN($C6709/24,0)+1,1))-1)+IF('Standard Profiles'!$G$19=$B$10,7,0)+IF('Standard Profiles'!$G$19=$B$17,14,0)+IF('Standard Profiles'!$G$19=$B$24,21,0),0)),0)</f>
        <v>2.4370529028069674</v>
      </c>
      <c r="F6709" cm="1">
        <f t="array" ref="F6709">IFERROR(INDEX(Jesper!AJ$2:AJ$366,ROUNDDOWN($C6709/24,0)+1,1)*INDEX($D$3:$AA$30,INDEX(Jesper!$R$2:$R$366,ROW(INDEX(Jesper!AJ$2:AJ$366,ROUNDDOWN($C6709/24,0)+1,1))-1)+IF('Standard Profiles'!$G$20=$B$10,7,0)+IF('Standard Profiles'!$G$20=$B$17,14,0)+IF('Standard Profiles'!$G$20=$B$24,21,0),MOD($C6709,24)+1)/SUM(INDEX($D$3:$AA$30,INDEX(Jesper!$R$2:$R$366,ROW(INDEX(Jesper!AJ$2:AJ$366,ROUNDDOWN($C6709/24,0)+1,1))-1)+IF('Standard Profiles'!$G$20=$B$10,7,0)+IF('Standard Profiles'!$G$20=$B$17,14,0)+IF('Standard Profiles'!$G$20=$B$24,21,0),0)),0)</f>
        <v>0</v>
      </c>
      <c r="G6709" cm="1">
        <f t="array" ref="G6709">IFERROR(INDEX(Jesper!AK$2:AK$366,ROUNDDOWN($C6709/24,0)+1,1)*INDEX($D$3:$AA$30,INDEX(Jesper!$R$2:$R$366,ROW(INDEX(Jesper!AK$2:AK$366,ROUNDDOWN($C6709/24,0)+1,1))-1)+IF('Standard Profiles'!$G$21=$B$10,7,0)+IF('Standard Profiles'!$G$21=$B$17,14,0)+IF('Standard Profiles'!$G$21=$B$24,21,0),MOD($C6709,24)+1)/SUM(INDEX($D$3:$AA$30,INDEX(Jesper!$R$2:$R$366,ROW(INDEX(Jesper!AK$2:AK$366,ROUNDDOWN($C6709/24,0)+1,1))-1)+IF('Standard Profiles'!$G$21=$B$10,7,0)+IF('Standard Profiles'!$G$21=$B$17,14,0)+IF('Standard Profiles'!$G$21=$B$24,21,0),0)),0)</f>
        <v>0.69798959510317948</v>
      </c>
      <c r="H6709" cm="1">
        <f t="array" ref="H6709">IFERROR(INDEX(Jesper!AL$2:AL$366,ROUNDDOWN($C6709/24,0)+1,1)*INDEX($D$3:$AA$30,INDEX(Jesper!$R$2:$R$366,ROW(INDEX(Jesper!AL$2:AL$366,ROUNDDOWN($C6709/24,0)+1,1))-1)+IF('Standard Profiles'!$G$22=$B$10,7,0)+IF('Standard Profiles'!$G$22=$B$17,14,0)+IF('Standard Profiles'!$G$22=$B$24,21,0),MOD($C6709,24)+1)/SUM(INDEX($D$3:$AA$30,INDEX(Jesper!$R$2:$R$366,ROW(INDEX(Jesper!AL$2:AL$366,ROUNDDOWN($C6709/24,0)+1,1))-1)+IF('Standard Profiles'!$G$22=$B$10,7,0)+IF('Standard Profiles'!$G$22=$B$17,14,0)+IF('Standard Profiles'!$G$22=$B$24,21,0),0)),0)</f>
        <v>0</v>
      </c>
      <c r="I6709">
        <f t="shared" si="748"/>
        <v>0.33503500564952599</v>
      </c>
      <c r="J6709">
        <f t="shared" si="749"/>
        <v>7.1114866402352774</v>
      </c>
      <c r="K6709">
        <f t="shared" si="750"/>
        <v>0.54748941561582953</v>
      </c>
      <c r="L6709">
        <f t="shared" si="751"/>
        <v>0.27374470780791477</v>
      </c>
      <c r="M6709">
        <f t="shared" si="752"/>
        <v>0</v>
      </c>
      <c r="N6709" s="45">
        <f t="shared" si="753"/>
        <v>45205.124999983811</v>
      </c>
    </row>
    <row r="6710" spans="2:14" x14ac:dyDescent="0.25">
      <c r="B6710">
        <f t="shared" si="747"/>
        <v>5</v>
      </c>
      <c r="C6710" s="16">
        <v>6676</v>
      </c>
      <c r="D6710" cm="1">
        <f t="array" ref="D6710">IFERROR(INDEX(Jesper!AH$2:AH$366,ROUNDDOWN($C6710/24,0)+1,1)*INDEX($D$3:$AA$30,INDEX(Jesper!$R$2:$R$366,ROW(INDEX(Jesper!AH$2:AH$366,ROUNDDOWN($C6710/24,0)+1,1))-1)+IF('Standard Profiles'!$G$18=$B$10,7,0)+IF('Standard Profiles'!$G$18=$B$17,14,0)+IF('Standard Profiles'!$G$18=$B$24,21,0),MOD($C6710,24)+1)/SUM(INDEX($D$3:$AA$30,INDEX(Jesper!$R$2:$R$366,ROW(INDEX(Jesper!AH$2:AH$366,ROUNDDOWN($C6710/24,0)+1,1))-1)+IF('Standard Profiles'!$G$18=$B$10,7,0)+IF('Standard Profiles'!$G$18=$B$17,14,0)+IF('Standard Profiles'!$G$18=$B$24,21,0),0)),0)</f>
        <v>5.1327132713984014</v>
      </c>
      <c r="E6710" cm="1">
        <f t="array" ref="E6710">IFERROR(INDEX(Jesper!AI$2:AI$366,ROUNDDOWN($C6710/24,0)+1,1)*INDEX($D$3:$AA$30,INDEX(Jesper!$R$2:$R$366,ROW(INDEX(Jesper!AI$2:AI$366,ROUNDDOWN($C6710/24,0)+1,1))-1)+IF('Standard Profiles'!$G$19=$B$10,7,0)+IF('Standard Profiles'!$G$19=$B$17,14,0)+IF('Standard Profiles'!$G$19=$B$24,21,0),MOD($C6710,24)+1)/SUM(INDEX($D$3:$AA$30,INDEX(Jesper!$R$2:$R$366,ROW(INDEX(Jesper!AI$2:AI$366,ROUNDDOWN($C6710/24,0)+1,1))-1)+IF('Standard Profiles'!$G$19=$B$10,7,0)+IF('Standard Profiles'!$G$19=$B$17,14,0)+IF('Standard Profiles'!$G$19=$B$24,21,0),0)),0)</f>
        <v>2.4370529028069674</v>
      </c>
      <c r="F6710" cm="1">
        <f t="array" ref="F6710">IFERROR(INDEX(Jesper!AJ$2:AJ$366,ROUNDDOWN($C6710/24,0)+1,1)*INDEX($D$3:$AA$30,INDEX(Jesper!$R$2:$R$366,ROW(INDEX(Jesper!AJ$2:AJ$366,ROUNDDOWN($C6710/24,0)+1,1))-1)+IF('Standard Profiles'!$G$20=$B$10,7,0)+IF('Standard Profiles'!$G$20=$B$17,14,0)+IF('Standard Profiles'!$G$20=$B$24,21,0),MOD($C6710,24)+1)/SUM(INDEX($D$3:$AA$30,INDEX(Jesper!$R$2:$R$366,ROW(INDEX(Jesper!AJ$2:AJ$366,ROUNDDOWN($C6710/24,0)+1,1))-1)+IF('Standard Profiles'!$G$20=$B$10,7,0)+IF('Standard Profiles'!$G$20=$B$17,14,0)+IF('Standard Profiles'!$G$20=$B$24,21,0),0)),0)</f>
        <v>0</v>
      </c>
      <c r="G6710" cm="1">
        <f t="array" ref="G6710">IFERROR(INDEX(Jesper!AK$2:AK$366,ROUNDDOWN($C6710/24,0)+1,1)*INDEX($D$3:$AA$30,INDEX(Jesper!$R$2:$R$366,ROW(INDEX(Jesper!AK$2:AK$366,ROUNDDOWN($C6710/24,0)+1,1))-1)+IF('Standard Profiles'!$G$21=$B$10,7,0)+IF('Standard Profiles'!$G$21=$B$17,14,0)+IF('Standard Profiles'!$G$21=$B$24,21,0),MOD($C6710,24)+1)/SUM(INDEX($D$3:$AA$30,INDEX(Jesper!$R$2:$R$366,ROW(INDEX(Jesper!AK$2:AK$366,ROUNDDOWN($C6710/24,0)+1,1))-1)+IF('Standard Profiles'!$G$21=$B$10,7,0)+IF('Standard Profiles'!$G$21=$B$17,14,0)+IF('Standard Profiles'!$G$21=$B$24,21,0),0)),0)</f>
        <v>0.69798959510317948</v>
      </c>
      <c r="H6710" cm="1">
        <f t="array" ref="H6710">IFERROR(INDEX(Jesper!AL$2:AL$366,ROUNDDOWN($C6710/24,0)+1,1)*INDEX($D$3:$AA$30,INDEX(Jesper!$R$2:$R$366,ROW(INDEX(Jesper!AL$2:AL$366,ROUNDDOWN($C6710/24,0)+1,1))-1)+IF('Standard Profiles'!$G$22=$B$10,7,0)+IF('Standard Profiles'!$G$22=$B$17,14,0)+IF('Standard Profiles'!$G$22=$B$24,21,0),MOD($C6710,24)+1)/SUM(INDEX($D$3:$AA$30,INDEX(Jesper!$R$2:$R$366,ROW(INDEX(Jesper!AL$2:AL$366,ROUNDDOWN($C6710/24,0)+1,1))-1)+IF('Standard Profiles'!$G$22=$B$10,7,0)+IF('Standard Profiles'!$G$22=$B$17,14,0)+IF('Standard Profiles'!$G$22=$B$24,21,0),0)),0)</f>
        <v>0</v>
      </c>
      <c r="I6710">
        <f t="shared" si="748"/>
        <v>0.33503500564952599</v>
      </c>
      <c r="J6710">
        <f t="shared" si="749"/>
        <v>7.1114866402352774</v>
      </c>
      <c r="K6710">
        <f t="shared" si="750"/>
        <v>0.54748941561582953</v>
      </c>
      <c r="L6710">
        <f t="shared" si="751"/>
        <v>0.27374470780791477</v>
      </c>
      <c r="M6710">
        <f t="shared" si="752"/>
        <v>0</v>
      </c>
      <c r="N6710" s="45">
        <f t="shared" si="753"/>
        <v>45205.166666650475</v>
      </c>
    </row>
    <row r="6711" spans="2:14" x14ac:dyDescent="0.25">
      <c r="B6711">
        <f t="shared" si="747"/>
        <v>5</v>
      </c>
      <c r="C6711" s="16">
        <v>6677</v>
      </c>
      <c r="D6711" cm="1">
        <f t="array" ref="D6711">IFERROR(INDEX(Jesper!AH$2:AH$366,ROUNDDOWN($C6711/24,0)+1,1)*INDEX($D$3:$AA$30,INDEX(Jesper!$R$2:$R$366,ROW(INDEX(Jesper!AH$2:AH$366,ROUNDDOWN($C6711/24,0)+1,1))-1)+IF('Standard Profiles'!$G$18=$B$10,7,0)+IF('Standard Profiles'!$G$18=$B$17,14,0)+IF('Standard Profiles'!$G$18=$B$24,21,0),MOD($C6711,24)+1)/SUM(INDEX($D$3:$AA$30,INDEX(Jesper!$R$2:$R$366,ROW(INDEX(Jesper!AH$2:AH$366,ROUNDDOWN($C6711/24,0)+1,1))-1)+IF('Standard Profiles'!$G$18=$B$10,7,0)+IF('Standard Profiles'!$G$18=$B$17,14,0)+IF('Standard Profiles'!$G$18=$B$24,21,0),0)),0)</f>
        <v>5.1327132713984014</v>
      </c>
      <c r="E6711" cm="1">
        <f t="array" ref="E6711">IFERROR(INDEX(Jesper!AI$2:AI$366,ROUNDDOWN($C6711/24,0)+1,1)*INDEX($D$3:$AA$30,INDEX(Jesper!$R$2:$R$366,ROW(INDEX(Jesper!AI$2:AI$366,ROUNDDOWN($C6711/24,0)+1,1))-1)+IF('Standard Profiles'!$G$19=$B$10,7,0)+IF('Standard Profiles'!$G$19=$B$17,14,0)+IF('Standard Profiles'!$G$19=$B$24,21,0),MOD($C6711,24)+1)/SUM(INDEX($D$3:$AA$30,INDEX(Jesper!$R$2:$R$366,ROW(INDEX(Jesper!AI$2:AI$366,ROUNDDOWN($C6711/24,0)+1,1))-1)+IF('Standard Profiles'!$G$19=$B$10,7,0)+IF('Standard Profiles'!$G$19=$B$17,14,0)+IF('Standard Profiles'!$G$19=$B$24,21,0),0)),0)</f>
        <v>2.4370529028069674</v>
      </c>
      <c r="F6711" cm="1">
        <f t="array" ref="F6711">IFERROR(INDEX(Jesper!AJ$2:AJ$366,ROUNDDOWN($C6711/24,0)+1,1)*INDEX($D$3:$AA$30,INDEX(Jesper!$R$2:$R$366,ROW(INDEX(Jesper!AJ$2:AJ$366,ROUNDDOWN($C6711/24,0)+1,1))-1)+IF('Standard Profiles'!$G$20=$B$10,7,0)+IF('Standard Profiles'!$G$20=$B$17,14,0)+IF('Standard Profiles'!$G$20=$B$24,21,0),MOD($C6711,24)+1)/SUM(INDEX($D$3:$AA$30,INDEX(Jesper!$R$2:$R$366,ROW(INDEX(Jesper!AJ$2:AJ$366,ROUNDDOWN($C6711/24,0)+1,1))-1)+IF('Standard Profiles'!$G$20=$B$10,7,0)+IF('Standard Profiles'!$G$20=$B$17,14,0)+IF('Standard Profiles'!$G$20=$B$24,21,0),0)),0)</f>
        <v>0</v>
      </c>
      <c r="G6711" cm="1">
        <f t="array" ref="G6711">IFERROR(INDEX(Jesper!AK$2:AK$366,ROUNDDOWN($C6711/24,0)+1,1)*INDEX($D$3:$AA$30,INDEX(Jesper!$R$2:$R$366,ROW(INDEX(Jesper!AK$2:AK$366,ROUNDDOWN($C6711/24,0)+1,1))-1)+IF('Standard Profiles'!$G$21=$B$10,7,0)+IF('Standard Profiles'!$G$21=$B$17,14,0)+IF('Standard Profiles'!$G$21=$B$24,21,0),MOD($C6711,24)+1)/SUM(INDEX($D$3:$AA$30,INDEX(Jesper!$R$2:$R$366,ROW(INDEX(Jesper!AK$2:AK$366,ROUNDDOWN($C6711/24,0)+1,1))-1)+IF('Standard Profiles'!$G$21=$B$10,7,0)+IF('Standard Profiles'!$G$21=$B$17,14,0)+IF('Standard Profiles'!$G$21=$B$24,21,0),0)),0)</f>
        <v>0.69798959510317948</v>
      </c>
      <c r="H6711" cm="1">
        <f t="array" ref="H6711">IFERROR(INDEX(Jesper!AL$2:AL$366,ROUNDDOWN($C6711/24,0)+1,1)*INDEX($D$3:$AA$30,INDEX(Jesper!$R$2:$R$366,ROW(INDEX(Jesper!AL$2:AL$366,ROUNDDOWN($C6711/24,0)+1,1))-1)+IF('Standard Profiles'!$G$22=$B$10,7,0)+IF('Standard Profiles'!$G$22=$B$17,14,0)+IF('Standard Profiles'!$G$22=$B$24,21,0),MOD($C6711,24)+1)/SUM(INDEX($D$3:$AA$30,INDEX(Jesper!$R$2:$R$366,ROW(INDEX(Jesper!AL$2:AL$366,ROUNDDOWN($C6711/24,0)+1,1))-1)+IF('Standard Profiles'!$G$22=$B$10,7,0)+IF('Standard Profiles'!$G$22=$B$17,14,0)+IF('Standard Profiles'!$G$22=$B$24,21,0),0)),0)</f>
        <v>0</v>
      </c>
      <c r="I6711">
        <f t="shared" si="748"/>
        <v>0.33503500564952599</v>
      </c>
      <c r="J6711">
        <f t="shared" si="749"/>
        <v>7.1114866402352774</v>
      </c>
      <c r="K6711">
        <f t="shared" si="750"/>
        <v>0.54748941561582953</v>
      </c>
      <c r="L6711">
        <f t="shared" si="751"/>
        <v>0.27374470780791477</v>
      </c>
      <c r="M6711">
        <f t="shared" si="752"/>
        <v>0</v>
      </c>
      <c r="N6711" s="45">
        <f t="shared" si="753"/>
        <v>45205.208333317139</v>
      </c>
    </row>
    <row r="6712" spans="2:14" x14ac:dyDescent="0.25">
      <c r="B6712">
        <f t="shared" si="747"/>
        <v>5</v>
      </c>
      <c r="C6712" s="16">
        <v>6678</v>
      </c>
      <c r="D6712" cm="1">
        <f t="array" ref="D6712">IFERROR(INDEX(Jesper!AH$2:AH$366,ROUNDDOWN($C6712/24,0)+1,1)*INDEX($D$3:$AA$30,INDEX(Jesper!$R$2:$R$366,ROW(INDEX(Jesper!AH$2:AH$366,ROUNDDOWN($C6712/24,0)+1,1))-1)+IF('Standard Profiles'!$G$18=$B$10,7,0)+IF('Standard Profiles'!$G$18=$B$17,14,0)+IF('Standard Profiles'!$G$18=$B$24,21,0),MOD($C6712,24)+1)/SUM(INDEX($D$3:$AA$30,INDEX(Jesper!$R$2:$R$366,ROW(INDEX(Jesper!AH$2:AH$366,ROUNDDOWN($C6712/24,0)+1,1))-1)+IF('Standard Profiles'!$G$18=$B$10,7,0)+IF('Standard Profiles'!$G$18=$B$17,14,0)+IF('Standard Profiles'!$G$18=$B$24,21,0),0)),0)</f>
        <v>5.1327132713984014</v>
      </c>
      <c r="E6712" cm="1">
        <f t="array" ref="E6712">IFERROR(INDEX(Jesper!AI$2:AI$366,ROUNDDOWN($C6712/24,0)+1,1)*INDEX($D$3:$AA$30,INDEX(Jesper!$R$2:$R$366,ROW(INDEX(Jesper!AI$2:AI$366,ROUNDDOWN($C6712/24,0)+1,1))-1)+IF('Standard Profiles'!$G$19=$B$10,7,0)+IF('Standard Profiles'!$G$19=$B$17,14,0)+IF('Standard Profiles'!$G$19=$B$24,21,0),MOD($C6712,24)+1)/SUM(INDEX($D$3:$AA$30,INDEX(Jesper!$R$2:$R$366,ROW(INDEX(Jesper!AI$2:AI$366,ROUNDDOWN($C6712/24,0)+1,1))-1)+IF('Standard Profiles'!$G$19=$B$10,7,0)+IF('Standard Profiles'!$G$19=$B$17,14,0)+IF('Standard Profiles'!$G$19=$B$24,21,0),0)),0)</f>
        <v>2.4370529028069674</v>
      </c>
      <c r="F6712" cm="1">
        <f t="array" ref="F6712">IFERROR(INDEX(Jesper!AJ$2:AJ$366,ROUNDDOWN($C6712/24,0)+1,1)*INDEX($D$3:$AA$30,INDEX(Jesper!$R$2:$R$366,ROW(INDEX(Jesper!AJ$2:AJ$366,ROUNDDOWN($C6712/24,0)+1,1))-1)+IF('Standard Profiles'!$G$20=$B$10,7,0)+IF('Standard Profiles'!$G$20=$B$17,14,0)+IF('Standard Profiles'!$G$20=$B$24,21,0),MOD($C6712,24)+1)/SUM(INDEX($D$3:$AA$30,INDEX(Jesper!$R$2:$R$366,ROW(INDEX(Jesper!AJ$2:AJ$366,ROUNDDOWN($C6712/24,0)+1,1))-1)+IF('Standard Profiles'!$G$20=$B$10,7,0)+IF('Standard Profiles'!$G$20=$B$17,14,0)+IF('Standard Profiles'!$G$20=$B$24,21,0),0)),0)</f>
        <v>0</v>
      </c>
      <c r="G6712" cm="1">
        <f t="array" ref="G6712">IFERROR(INDEX(Jesper!AK$2:AK$366,ROUNDDOWN($C6712/24,0)+1,1)*INDEX($D$3:$AA$30,INDEX(Jesper!$R$2:$R$366,ROW(INDEX(Jesper!AK$2:AK$366,ROUNDDOWN($C6712/24,0)+1,1))-1)+IF('Standard Profiles'!$G$21=$B$10,7,0)+IF('Standard Profiles'!$G$21=$B$17,14,0)+IF('Standard Profiles'!$G$21=$B$24,21,0),MOD($C6712,24)+1)/SUM(INDEX($D$3:$AA$30,INDEX(Jesper!$R$2:$R$366,ROW(INDEX(Jesper!AK$2:AK$366,ROUNDDOWN($C6712/24,0)+1,1))-1)+IF('Standard Profiles'!$G$21=$B$10,7,0)+IF('Standard Profiles'!$G$21=$B$17,14,0)+IF('Standard Profiles'!$G$21=$B$24,21,0),0)),0)</f>
        <v>0.69798959510317948</v>
      </c>
      <c r="H6712" cm="1">
        <f t="array" ref="H6712">IFERROR(INDEX(Jesper!AL$2:AL$366,ROUNDDOWN($C6712/24,0)+1,1)*INDEX($D$3:$AA$30,INDEX(Jesper!$R$2:$R$366,ROW(INDEX(Jesper!AL$2:AL$366,ROUNDDOWN($C6712/24,0)+1,1))-1)+IF('Standard Profiles'!$G$22=$B$10,7,0)+IF('Standard Profiles'!$G$22=$B$17,14,0)+IF('Standard Profiles'!$G$22=$B$24,21,0),MOD($C6712,24)+1)/SUM(INDEX($D$3:$AA$30,INDEX(Jesper!$R$2:$R$366,ROW(INDEX(Jesper!AL$2:AL$366,ROUNDDOWN($C6712/24,0)+1,1))-1)+IF('Standard Profiles'!$G$22=$B$10,7,0)+IF('Standard Profiles'!$G$22=$B$17,14,0)+IF('Standard Profiles'!$G$22=$B$24,21,0),0)),0)</f>
        <v>0</v>
      </c>
      <c r="I6712">
        <f t="shared" si="748"/>
        <v>0.33503500564952599</v>
      </c>
      <c r="J6712">
        <f t="shared" si="749"/>
        <v>7.1114866402352774</v>
      </c>
      <c r="K6712">
        <f t="shared" si="750"/>
        <v>0.54748941561582953</v>
      </c>
      <c r="L6712">
        <f t="shared" si="751"/>
        <v>0.27374470780791477</v>
      </c>
      <c r="M6712">
        <f t="shared" si="752"/>
        <v>0</v>
      </c>
      <c r="N6712" s="45">
        <f t="shared" si="753"/>
        <v>45205.249999983804</v>
      </c>
    </row>
    <row r="6713" spans="2:14" x14ac:dyDescent="0.25">
      <c r="B6713">
        <f t="shared" si="747"/>
        <v>5</v>
      </c>
      <c r="C6713" s="16">
        <v>6679</v>
      </c>
      <c r="D6713" cm="1">
        <f t="array" ref="D6713">IFERROR(INDEX(Jesper!AH$2:AH$366,ROUNDDOWN($C6713/24,0)+1,1)*INDEX($D$3:$AA$30,INDEX(Jesper!$R$2:$R$366,ROW(INDEX(Jesper!AH$2:AH$366,ROUNDDOWN($C6713/24,0)+1,1))-1)+IF('Standard Profiles'!$G$18=$B$10,7,0)+IF('Standard Profiles'!$G$18=$B$17,14,0)+IF('Standard Profiles'!$G$18=$B$24,21,0),MOD($C6713,24)+1)/SUM(INDEX($D$3:$AA$30,INDEX(Jesper!$R$2:$R$366,ROW(INDEX(Jesper!AH$2:AH$366,ROUNDDOWN($C6713/24,0)+1,1))-1)+IF('Standard Profiles'!$G$18=$B$10,7,0)+IF('Standard Profiles'!$G$18=$B$17,14,0)+IF('Standard Profiles'!$G$18=$B$24,21,0),0)),0)</f>
        <v>21.865358536157188</v>
      </c>
      <c r="E6713" cm="1">
        <f t="array" ref="E6713">IFERROR(INDEX(Jesper!AI$2:AI$366,ROUNDDOWN($C6713/24,0)+1,1)*INDEX($D$3:$AA$30,INDEX(Jesper!$R$2:$R$366,ROW(INDEX(Jesper!AI$2:AI$366,ROUNDDOWN($C6713/24,0)+1,1))-1)+IF('Standard Profiles'!$G$19=$B$10,7,0)+IF('Standard Profiles'!$G$19=$B$17,14,0)+IF('Standard Profiles'!$G$19=$B$24,21,0),MOD($C6713,24)+1)/SUM(INDEX($D$3:$AA$30,INDEX(Jesper!$R$2:$R$366,ROW(INDEX(Jesper!AI$2:AI$366,ROUNDDOWN($C6713/24,0)+1,1))-1)+IF('Standard Profiles'!$G$19=$B$10,7,0)+IF('Standard Profiles'!$G$19=$B$17,14,0)+IF('Standard Profiles'!$G$19=$B$24,21,0),0)),0)</f>
        <v>10.38184536595768</v>
      </c>
      <c r="F6713" cm="1">
        <f t="array" ref="F6713">IFERROR(INDEX(Jesper!AJ$2:AJ$366,ROUNDDOWN($C6713/24,0)+1,1)*INDEX($D$3:$AA$30,INDEX(Jesper!$R$2:$R$366,ROW(INDEX(Jesper!AJ$2:AJ$366,ROUNDDOWN($C6713/24,0)+1,1))-1)+IF('Standard Profiles'!$G$20=$B$10,7,0)+IF('Standard Profiles'!$G$20=$B$17,14,0)+IF('Standard Profiles'!$G$20=$B$24,21,0),MOD($C6713,24)+1)/SUM(INDEX($D$3:$AA$30,INDEX(Jesper!$R$2:$R$366,ROW(INDEX(Jesper!AJ$2:AJ$366,ROUNDDOWN($C6713/24,0)+1,1))-1)+IF('Standard Profiles'!$G$20=$B$10,7,0)+IF('Standard Profiles'!$G$20=$B$17,14,0)+IF('Standard Profiles'!$G$20=$B$24,21,0),0)),0)</f>
        <v>0</v>
      </c>
      <c r="G6713" cm="1">
        <f t="array" ref="G6713">IFERROR(INDEX(Jesper!AK$2:AK$366,ROUNDDOWN($C6713/24,0)+1,1)*INDEX($D$3:$AA$30,INDEX(Jesper!$R$2:$R$366,ROW(INDEX(Jesper!AK$2:AK$366,ROUNDDOWN($C6713/24,0)+1,1))-1)+IF('Standard Profiles'!$G$21=$B$10,7,0)+IF('Standard Profiles'!$G$21=$B$17,14,0)+IF('Standard Profiles'!$G$21=$B$24,21,0),MOD($C6713,24)+1)/SUM(INDEX($D$3:$AA$30,INDEX(Jesper!$R$2:$R$366,ROW(INDEX(Jesper!AK$2:AK$366,ROUNDDOWN($C6713/24,0)+1,1))-1)+IF('Standard Profiles'!$G$21=$B$10,7,0)+IF('Standard Profiles'!$G$21=$B$17,14,0)+IF('Standard Profiles'!$G$21=$B$24,21,0),0)),0)</f>
        <v>1.891326644795712</v>
      </c>
      <c r="H6713" cm="1">
        <f t="array" ref="H6713">IFERROR(INDEX(Jesper!AL$2:AL$366,ROUNDDOWN($C6713/24,0)+1,1)*INDEX($D$3:$AA$30,INDEX(Jesper!$R$2:$R$366,ROW(INDEX(Jesper!AL$2:AL$366,ROUNDDOWN($C6713/24,0)+1,1))-1)+IF('Standard Profiles'!$G$22=$B$10,7,0)+IF('Standard Profiles'!$G$22=$B$17,14,0)+IF('Standard Profiles'!$G$22=$B$24,21,0),MOD($C6713,24)+1)/SUM(INDEX($D$3:$AA$30,INDEX(Jesper!$R$2:$R$366,ROW(INDEX(Jesper!AL$2:AL$366,ROUNDDOWN($C6713/24,0)+1,1))-1)+IF('Standard Profiles'!$G$22=$B$10,7,0)+IF('Standard Profiles'!$G$22=$B$17,14,0)+IF('Standard Profiles'!$G$22=$B$24,21,0),0)),0)</f>
        <v>0</v>
      </c>
      <c r="I6713">
        <f t="shared" si="748"/>
        <v>0.90783678950194135</v>
      </c>
      <c r="J6713">
        <f t="shared" si="749"/>
        <v>29.732236391623491</v>
      </c>
      <c r="K6713">
        <f t="shared" si="750"/>
        <v>2.3323049105234337</v>
      </c>
      <c r="L6713">
        <f t="shared" si="751"/>
        <v>1.1661524552617168</v>
      </c>
      <c r="M6713">
        <f t="shared" si="752"/>
        <v>0</v>
      </c>
      <c r="N6713" s="45">
        <f t="shared" si="753"/>
        <v>45205.291666650468</v>
      </c>
    </row>
    <row r="6714" spans="2:14" x14ac:dyDescent="0.25">
      <c r="B6714">
        <f t="shared" si="747"/>
        <v>5</v>
      </c>
      <c r="C6714" s="16">
        <v>6680</v>
      </c>
      <c r="D6714" cm="1">
        <f t="array" ref="D6714">IFERROR(INDEX(Jesper!AH$2:AH$366,ROUNDDOWN($C6714/24,0)+1,1)*INDEX($D$3:$AA$30,INDEX(Jesper!$R$2:$R$366,ROW(INDEX(Jesper!AH$2:AH$366,ROUNDDOWN($C6714/24,0)+1,1))-1)+IF('Standard Profiles'!$G$18=$B$10,7,0)+IF('Standard Profiles'!$G$18=$B$17,14,0)+IF('Standard Profiles'!$G$18=$B$24,21,0),MOD($C6714,24)+1)/SUM(INDEX($D$3:$AA$30,INDEX(Jesper!$R$2:$R$366,ROW(INDEX(Jesper!AH$2:AH$366,ROUNDDOWN($C6714/24,0)+1,1))-1)+IF('Standard Profiles'!$G$18=$B$10,7,0)+IF('Standard Profiles'!$G$18=$B$17,14,0)+IF('Standard Profiles'!$G$18=$B$24,21,0),0)),0)</f>
        <v>27.331698170196482</v>
      </c>
      <c r="E6714" cm="1">
        <f t="array" ref="E6714">IFERROR(INDEX(Jesper!AI$2:AI$366,ROUNDDOWN($C6714/24,0)+1,1)*INDEX($D$3:$AA$30,INDEX(Jesper!$R$2:$R$366,ROW(INDEX(Jesper!AI$2:AI$366,ROUNDDOWN($C6714/24,0)+1,1))-1)+IF('Standard Profiles'!$G$19=$B$10,7,0)+IF('Standard Profiles'!$G$19=$B$17,14,0)+IF('Standard Profiles'!$G$19=$B$24,21,0),MOD($C6714,24)+1)/SUM(INDEX($D$3:$AA$30,INDEX(Jesper!$R$2:$R$366,ROW(INDEX(Jesper!AI$2:AI$366,ROUNDDOWN($C6714/24,0)+1,1))-1)+IF('Standard Profiles'!$G$19=$B$10,7,0)+IF('Standard Profiles'!$G$19=$B$17,14,0)+IF('Standard Profiles'!$G$19=$B$24,21,0),0)),0)</f>
        <v>12.9773067074471</v>
      </c>
      <c r="F6714" cm="1">
        <f t="array" ref="F6714">IFERROR(INDEX(Jesper!AJ$2:AJ$366,ROUNDDOWN($C6714/24,0)+1,1)*INDEX($D$3:$AA$30,INDEX(Jesper!$R$2:$R$366,ROW(INDEX(Jesper!AJ$2:AJ$366,ROUNDDOWN($C6714/24,0)+1,1))-1)+IF('Standard Profiles'!$G$20=$B$10,7,0)+IF('Standard Profiles'!$G$20=$B$17,14,0)+IF('Standard Profiles'!$G$20=$B$24,21,0),MOD($C6714,24)+1)/SUM(INDEX($D$3:$AA$30,INDEX(Jesper!$R$2:$R$366,ROW(INDEX(Jesper!AJ$2:AJ$366,ROUNDDOWN($C6714/24,0)+1,1))-1)+IF('Standard Profiles'!$G$20=$B$10,7,0)+IF('Standard Profiles'!$G$20=$B$17,14,0)+IF('Standard Profiles'!$G$20=$B$24,21,0),0)),0)</f>
        <v>0</v>
      </c>
      <c r="G6714" cm="1">
        <f t="array" ref="G6714">IFERROR(INDEX(Jesper!AK$2:AK$366,ROUNDDOWN($C6714/24,0)+1,1)*INDEX($D$3:$AA$30,INDEX(Jesper!$R$2:$R$366,ROW(INDEX(Jesper!AK$2:AK$366,ROUNDDOWN($C6714/24,0)+1,1))-1)+IF('Standard Profiles'!$G$21=$B$10,7,0)+IF('Standard Profiles'!$G$21=$B$17,14,0)+IF('Standard Profiles'!$G$21=$B$24,21,0),MOD($C6714,24)+1)/SUM(INDEX($D$3:$AA$30,INDEX(Jesper!$R$2:$R$366,ROW(INDEX(Jesper!AK$2:AK$366,ROUNDDOWN($C6714/24,0)+1,1))-1)+IF('Standard Profiles'!$G$21=$B$10,7,0)+IF('Standard Profiles'!$G$21=$B$17,14,0)+IF('Standard Profiles'!$G$21=$B$24,21,0),0)),0)</f>
        <v>2.3641583059946401</v>
      </c>
      <c r="H6714" cm="1">
        <f t="array" ref="H6714">IFERROR(INDEX(Jesper!AL$2:AL$366,ROUNDDOWN($C6714/24,0)+1,1)*INDEX($D$3:$AA$30,INDEX(Jesper!$R$2:$R$366,ROW(INDEX(Jesper!AL$2:AL$366,ROUNDDOWN($C6714/24,0)+1,1))-1)+IF('Standard Profiles'!$G$22=$B$10,7,0)+IF('Standard Profiles'!$G$22=$B$17,14,0)+IF('Standard Profiles'!$G$22=$B$24,21,0),MOD($C6714,24)+1)/SUM(INDEX($D$3:$AA$30,INDEX(Jesper!$R$2:$R$366,ROW(INDEX(Jesper!AL$2:AL$366,ROUNDDOWN($C6714/24,0)+1,1))-1)+IF('Standard Profiles'!$G$22=$B$10,7,0)+IF('Standard Profiles'!$G$22=$B$17,14,0)+IF('Standard Profiles'!$G$22=$B$24,21,0),0)),0)</f>
        <v>0</v>
      </c>
      <c r="I6714">
        <f t="shared" si="748"/>
        <v>1.1347959868774267</v>
      </c>
      <c r="J6714">
        <f t="shared" si="749"/>
        <v>37.165295489529356</v>
      </c>
      <c r="K6714">
        <f t="shared" si="750"/>
        <v>2.9153811381542916</v>
      </c>
      <c r="L6714">
        <f t="shared" si="751"/>
        <v>1.4576905690771458</v>
      </c>
      <c r="M6714">
        <f t="shared" si="752"/>
        <v>0</v>
      </c>
      <c r="N6714" s="45">
        <f t="shared" si="753"/>
        <v>45205.333333317132</v>
      </c>
    </row>
    <row r="6715" spans="2:14" x14ac:dyDescent="0.25">
      <c r="B6715">
        <f t="shared" si="747"/>
        <v>5</v>
      </c>
      <c r="C6715" s="16">
        <v>6681</v>
      </c>
      <c r="D6715" cm="1">
        <f t="array" ref="D6715">IFERROR(INDEX(Jesper!AH$2:AH$366,ROUNDDOWN($C6715/24,0)+1,1)*INDEX($D$3:$AA$30,INDEX(Jesper!$R$2:$R$366,ROW(INDEX(Jesper!AH$2:AH$366,ROUNDDOWN($C6715/24,0)+1,1))-1)+IF('Standard Profiles'!$G$18=$B$10,7,0)+IF('Standard Profiles'!$G$18=$B$17,14,0)+IF('Standard Profiles'!$G$18=$B$24,21,0),MOD($C6715,24)+1)/SUM(INDEX($D$3:$AA$30,INDEX(Jesper!$R$2:$R$366,ROW(INDEX(Jesper!AH$2:AH$366,ROUNDDOWN($C6715/24,0)+1,1))-1)+IF('Standard Profiles'!$G$18=$B$10,7,0)+IF('Standard Profiles'!$G$18=$B$17,14,0)+IF('Standard Profiles'!$G$18=$B$24,21,0),0)),0)</f>
        <v>30.064867987216136</v>
      </c>
      <c r="E6715" cm="1">
        <f t="array" ref="E6715">IFERROR(INDEX(Jesper!AI$2:AI$366,ROUNDDOWN($C6715/24,0)+1,1)*INDEX($D$3:$AA$30,INDEX(Jesper!$R$2:$R$366,ROW(INDEX(Jesper!AI$2:AI$366,ROUNDDOWN($C6715/24,0)+1,1))-1)+IF('Standard Profiles'!$G$19=$B$10,7,0)+IF('Standard Profiles'!$G$19=$B$17,14,0)+IF('Standard Profiles'!$G$19=$B$24,21,0),MOD($C6715,24)+1)/SUM(INDEX($D$3:$AA$30,INDEX(Jesper!$R$2:$R$366,ROW(INDEX(Jesper!AI$2:AI$366,ROUNDDOWN($C6715/24,0)+1,1))-1)+IF('Standard Profiles'!$G$19=$B$10,7,0)+IF('Standard Profiles'!$G$19=$B$17,14,0)+IF('Standard Profiles'!$G$19=$B$24,21,0),0)),0)</f>
        <v>14.27503737819181</v>
      </c>
      <c r="F6715" cm="1">
        <f t="array" ref="F6715">IFERROR(INDEX(Jesper!AJ$2:AJ$366,ROUNDDOWN($C6715/24,0)+1,1)*INDEX($D$3:$AA$30,INDEX(Jesper!$R$2:$R$366,ROW(INDEX(Jesper!AJ$2:AJ$366,ROUNDDOWN($C6715/24,0)+1,1))-1)+IF('Standard Profiles'!$G$20=$B$10,7,0)+IF('Standard Profiles'!$G$20=$B$17,14,0)+IF('Standard Profiles'!$G$20=$B$24,21,0),MOD($C6715,24)+1)/SUM(INDEX($D$3:$AA$30,INDEX(Jesper!$R$2:$R$366,ROW(INDEX(Jesper!AJ$2:AJ$366,ROUNDDOWN($C6715/24,0)+1,1))-1)+IF('Standard Profiles'!$G$20=$B$10,7,0)+IF('Standard Profiles'!$G$20=$B$17,14,0)+IF('Standard Profiles'!$G$20=$B$24,21,0),0)),0)</f>
        <v>0</v>
      </c>
      <c r="G6715" cm="1">
        <f t="array" ref="G6715">IFERROR(INDEX(Jesper!AK$2:AK$366,ROUNDDOWN($C6715/24,0)+1,1)*INDEX($D$3:$AA$30,INDEX(Jesper!$R$2:$R$366,ROW(INDEX(Jesper!AK$2:AK$366,ROUNDDOWN($C6715/24,0)+1,1))-1)+IF('Standard Profiles'!$G$21=$B$10,7,0)+IF('Standard Profiles'!$G$21=$B$17,14,0)+IF('Standard Profiles'!$G$21=$B$24,21,0),MOD($C6715,24)+1)/SUM(INDEX($D$3:$AA$30,INDEX(Jesper!$R$2:$R$366,ROW(INDEX(Jesper!AK$2:AK$366,ROUNDDOWN($C6715/24,0)+1,1))-1)+IF('Standard Profiles'!$G$21=$B$10,7,0)+IF('Standard Profiles'!$G$21=$B$17,14,0)+IF('Standard Profiles'!$G$21=$B$24,21,0),0)),0)</f>
        <v>2.600574136594104</v>
      </c>
      <c r="H6715" cm="1">
        <f t="array" ref="H6715">IFERROR(INDEX(Jesper!AL$2:AL$366,ROUNDDOWN($C6715/24,0)+1,1)*INDEX($D$3:$AA$30,INDEX(Jesper!$R$2:$R$366,ROW(INDEX(Jesper!AL$2:AL$366,ROUNDDOWN($C6715/24,0)+1,1))-1)+IF('Standard Profiles'!$G$22=$B$10,7,0)+IF('Standard Profiles'!$G$22=$B$17,14,0)+IF('Standard Profiles'!$G$22=$B$24,21,0),MOD($C6715,24)+1)/SUM(INDEX($D$3:$AA$30,INDEX(Jesper!$R$2:$R$366,ROW(INDEX(Jesper!AL$2:AL$366,ROUNDDOWN($C6715/24,0)+1,1))-1)+IF('Standard Profiles'!$G$22=$B$10,7,0)+IF('Standard Profiles'!$G$22=$B$17,14,0)+IF('Standard Profiles'!$G$22=$B$24,21,0),0)),0)</f>
        <v>0</v>
      </c>
      <c r="I6715">
        <f t="shared" si="748"/>
        <v>1.2482755855651693</v>
      </c>
      <c r="J6715">
        <f t="shared" si="749"/>
        <v>40.881825038482297</v>
      </c>
      <c r="K6715">
        <f t="shared" si="750"/>
        <v>3.2069192519697212</v>
      </c>
      <c r="L6715">
        <f t="shared" si="751"/>
        <v>1.6034596259848606</v>
      </c>
      <c r="M6715">
        <f t="shared" si="752"/>
        <v>0</v>
      </c>
      <c r="N6715" s="45">
        <f t="shared" si="753"/>
        <v>45205.374999983796</v>
      </c>
    </row>
    <row r="6716" spans="2:14" x14ac:dyDescent="0.25">
      <c r="B6716">
        <f t="shared" si="747"/>
        <v>5</v>
      </c>
      <c r="C6716" s="16">
        <v>6682</v>
      </c>
      <c r="D6716" cm="1">
        <f t="array" ref="D6716">IFERROR(INDEX(Jesper!AH$2:AH$366,ROUNDDOWN($C6716/24,0)+1,1)*INDEX($D$3:$AA$30,INDEX(Jesper!$R$2:$R$366,ROW(INDEX(Jesper!AH$2:AH$366,ROUNDDOWN($C6716/24,0)+1,1))-1)+IF('Standard Profiles'!$G$18=$B$10,7,0)+IF('Standard Profiles'!$G$18=$B$17,14,0)+IF('Standard Profiles'!$G$18=$B$24,21,0),MOD($C6716,24)+1)/SUM(INDEX($D$3:$AA$30,INDEX(Jesper!$R$2:$R$366,ROW(INDEX(Jesper!AH$2:AH$366,ROUNDDOWN($C6716/24,0)+1,1))-1)+IF('Standard Profiles'!$G$18=$B$10,7,0)+IF('Standard Profiles'!$G$18=$B$17,14,0)+IF('Standard Profiles'!$G$18=$B$24,21,0),0)),0)</f>
        <v>30.064867987216136</v>
      </c>
      <c r="E6716" cm="1">
        <f t="array" ref="E6716">IFERROR(INDEX(Jesper!AI$2:AI$366,ROUNDDOWN($C6716/24,0)+1,1)*INDEX($D$3:$AA$30,INDEX(Jesper!$R$2:$R$366,ROW(INDEX(Jesper!AI$2:AI$366,ROUNDDOWN($C6716/24,0)+1,1))-1)+IF('Standard Profiles'!$G$19=$B$10,7,0)+IF('Standard Profiles'!$G$19=$B$17,14,0)+IF('Standard Profiles'!$G$19=$B$24,21,0),MOD($C6716,24)+1)/SUM(INDEX($D$3:$AA$30,INDEX(Jesper!$R$2:$R$366,ROW(INDEX(Jesper!AI$2:AI$366,ROUNDDOWN($C6716/24,0)+1,1))-1)+IF('Standard Profiles'!$G$19=$B$10,7,0)+IF('Standard Profiles'!$G$19=$B$17,14,0)+IF('Standard Profiles'!$G$19=$B$24,21,0),0)),0)</f>
        <v>14.27503737819181</v>
      </c>
      <c r="F6716" cm="1">
        <f t="array" ref="F6716">IFERROR(INDEX(Jesper!AJ$2:AJ$366,ROUNDDOWN($C6716/24,0)+1,1)*INDEX($D$3:$AA$30,INDEX(Jesper!$R$2:$R$366,ROW(INDEX(Jesper!AJ$2:AJ$366,ROUNDDOWN($C6716/24,0)+1,1))-1)+IF('Standard Profiles'!$G$20=$B$10,7,0)+IF('Standard Profiles'!$G$20=$B$17,14,0)+IF('Standard Profiles'!$G$20=$B$24,21,0),MOD($C6716,24)+1)/SUM(INDEX($D$3:$AA$30,INDEX(Jesper!$R$2:$R$366,ROW(INDEX(Jesper!AJ$2:AJ$366,ROUNDDOWN($C6716/24,0)+1,1))-1)+IF('Standard Profiles'!$G$20=$B$10,7,0)+IF('Standard Profiles'!$G$20=$B$17,14,0)+IF('Standard Profiles'!$G$20=$B$24,21,0),0)),0)</f>
        <v>0</v>
      </c>
      <c r="G6716" cm="1">
        <f t="array" ref="G6716">IFERROR(INDEX(Jesper!AK$2:AK$366,ROUNDDOWN($C6716/24,0)+1,1)*INDEX($D$3:$AA$30,INDEX(Jesper!$R$2:$R$366,ROW(INDEX(Jesper!AK$2:AK$366,ROUNDDOWN($C6716/24,0)+1,1))-1)+IF('Standard Profiles'!$G$21=$B$10,7,0)+IF('Standard Profiles'!$G$21=$B$17,14,0)+IF('Standard Profiles'!$G$21=$B$24,21,0),MOD($C6716,24)+1)/SUM(INDEX($D$3:$AA$30,INDEX(Jesper!$R$2:$R$366,ROW(INDEX(Jesper!AK$2:AK$366,ROUNDDOWN($C6716/24,0)+1,1))-1)+IF('Standard Profiles'!$G$21=$B$10,7,0)+IF('Standard Profiles'!$G$21=$B$17,14,0)+IF('Standard Profiles'!$G$21=$B$24,21,0),0)),0)</f>
        <v>2.600574136594104</v>
      </c>
      <c r="H6716" cm="1">
        <f t="array" ref="H6716">IFERROR(INDEX(Jesper!AL$2:AL$366,ROUNDDOWN($C6716/24,0)+1,1)*INDEX($D$3:$AA$30,INDEX(Jesper!$R$2:$R$366,ROW(INDEX(Jesper!AL$2:AL$366,ROUNDDOWN($C6716/24,0)+1,1))-1)+IF('Standard Profiles'!$G$22=$B$10,7,0)+IF('Standard Profiles'!$G$22=$B$17,14,0)+IF('Standard Profiles'!$G$22=$B$24,21,0),MOD($C6716,24)+1)/SUM(INDEX($D$3:$AA$30,INDEX(Jesper!$R$2:$R$366,ROW(INDEX(Jesper!AL$2:AL$366,ROUNDDOWN($C6716/24,0)+1,1))-1)+IF('Standard Profiles'!$G$22=$B$10,7,0)+IF('Standard Profiles'!$G$22=$B$17,14,0)+IF('Standard Profiles'!$G$22=$B$24,21,0),0)),0)</f>
        <v>0</v>
      </c>
      <c r="I6716">
        <f t="shared" si="748"/>
        <v>1.2482755855651693</v>
      </c>
      <c r="J6716">
        <f t="shared" si="749"/>
        <v>40.881825038482297</v>
      </c>
      <c r="K6716">
        <f t="shared" si="750"/>
        <v>3.2069192519697212</v>
      </c>
      <c r="L6716">
        <f t="shared" si="751"/>
        <v>1.6034596259848606</v>
      </c>
      <c r="M6716">
        <f t="shared" si="752"/>
        <v>0</v>
      </c>
      <c r="N6716" s="45">
        <f t="shared" si="753"/>
        <v>45205.416666650461</v>
      </c>
    </row>
    <row r="6717" spans="2:14" x14ac:dyDescent="0.25">
      <c r="B6717">
        <f t="shared" si="747"/>
        <v>5</v>
      </c>
      <c r="C6717" s="16">
        <v>6683</v>
      </c>
      <c r="D6717" cm="1">
        <f t="array" ref="D6717">IFERROR(INDEX(Jesper!AH$2:AH$366,ROUNDDOWN($C6717/24,0)+1,1)*INDEX($D$3:$AA$30,INDEX(Jesper!$R$2:$R$366,ROW(INDEX(Jesper!AH$2:AH$366,ROUNDDOWN($C6717/24,0)+1,1))-1)+IF('Standard Profiles'!$G$18=$B$10,7,0)+IF('Standard Profiles'!$G$18=$B$17,14,0)+IF('Standard Profiles'!$G$18=$B$24,21,0),MOD($C6717,24)+1)/SUM(INDEX($D$3:$AA$30,INDEX(Jesper!$R$2:$R$366,ROW(INDEX(Jesper!AH$2:AH$366,ROUNDDOWN($C6717/24,0)+1,1))-1)+IF('Standard Profiles'!$G$18=$B$10,7,0)+IF('Standard Profiles'!$G$18=$B$17,14,0)+IF('Standard Profiles'!$G$18=$B$24,21,0),0)),0)</f>
        <v>35.531207621255426</v>
      </c>
      <c r="E6717" cm="1">
        <f t="array" ref="E6717">IFERROR(INDEX(Jesper!AI$2:AI$366,ROUNDDOWN($C6717/24,0)+1,1)*INDEX($D$3:$AA$30,INDEX(Jesper!$R$2:$R$366,ROW(INDEX(Jesper!AI$2:AI$366,ROUNDDOWN($C6717/24,0)+1,1))-1)+IF('Standard Profiles'!$G$19=$B$10,7,0)+IF('Standard Profiles'!$G$19=$B$17,14,0)+IF('Standard Profiles'!$G$19=$B$24,21,0),MOD($C6717,24)+1)/SUM(INDEX($D$3:$AA$30,INDEX(Jesper!$R$2:$R$366,ROW(INDEX(Jesper!AI$2:AI$366,ROUNDDOWN($C6717/24,0)+1,1))-1)+IF('Standard Profiles'!$G$19=$B$10,7,0)+IF('Standard Profiles'!$G$19=$B$17,14,0)+IF('Standard Profiles'!$G$19=$B$24,21,0),0)),0)</f>
        <v>16.87049871968123</v>
      </c>
      <c r="F6717" cm="1">
        <f t="array" ref="F6717">IFERROR(INDEX(Jesper!AJ$2:AJ$366,ROUNDDOWN($C6717/24,0)+1,1)*INDEX($D$3:$AA$30,INDEX(Jesper!$R$2:$R$366,ROW(INDEX(Jesper!AJ$2:AJ$366,ROUNDDOWN($C6717/24,0)+1,1))-1)+IF('Standard Profiles'!$G$20=$B$10,7,0)+IF('Standard Profiles'!$G$20=$B$17,14,0)+IF('Standard Profiles'!$G$20=$B$24,21,0),MOD($C6717,24)+1)/SUM(INDEX($D$3:$AA$30,INDEX(Jesper!$R$2:$R$366,ROW(INDEX(Jesper!AJ$2:AJ$366,ROUNDDOWN($C6717/24,0)+1,1))-1)+IF('Standard Profiles'!$G$20=$B$10,7,0)+IF('Standard Profiles'!$G$20=$B$17,14,0)+IF('Standard Profiles'!$G$20=$B$24,21,0),0)),0)</f>
        <v>0</v>
      </c>
      <c r="G6717" cm="1">
        <f t="array" ref="G6717">IFERROR(INDEX(Jesper!AK$2:AK$366,ROUNDDOWN($C6717/24,0)+1,1)*INDEX($D$3:$AA$30,INDEX(Jesper!$R$2:$R$366,ROW(INDEX(Jesper!AK$2:AK$366,ROUNDDOWN($C6717/24,0)+1,1))-1)+IF('Standard Profiles'!$G$21=$B$10,7,0)+IF('Standard Profiles'!$G$21=$B$17,14,0)+IF('Standard Profiles'!$G$21=$B$24,21,0),MOD($C6717,24)+1)/SUM(INDEX($D$3:$AA$30,INDEX(Jesper!$R$2:$R$366,ROW(INDEX(Jesper!AK$2:AK$366,ROUNDDOWN($C6717/24,0)+1,1))-1)+IF('Standard Profiles'!$G$21=$B$10,7,0)+IF('Standard Profiles'!$G$21=$B$17,14,0)+IF('Standard Profiles'!$G$21=$B$24,21,0),0)),0)</f>
        <v>3.0734057977930318</v>
      </c>
      <c r="H6717" cm="1">
        <f t="array" ref="H6717">IFERROR(INDEX(Jesper!AL$2:AL$366,ROUNDDOWN($C6717/24,0)+1,1)*INDEX($D$3:$AA$30,INDEX(Jesper!$R$2:$R$366,ROW(INDEX(Jesper!AL$2:AL$366,ROUNDDOWN($C6717/24,0)+1,1))-1)+IF('Standard Profiles'!$G$22=$B$10,7,0)+IF('Standard Profiles'!$G$22=$B$17,14,0)+IF('Standard Profiles'!$G$22=$B$24,21,0),MOD($C6717,24)+1)/SUM(INDEX($D$3:$AA$30,INDEX(Jesper!$R$2:$R$366,ROW(INDEX(Jesper!AL$2:AL$366,ROUNDDOWN($C6717/24,0)+1,1))-1)+IF('Standard Profiles'!$G$22=$B$10,7,0)+IF('Standard Profiles'!$G$22=$B$17,14,0)+IF('Standard Profiles'!$G$22=$B$24,21,0),0)),0)</f>
        <v>0</v>
      </c>
      <c r="I6717">
        <f t="shared" si="748"/>
        <v>1.4752347829406545</v>
      </c>
      <c r="J6717">
        <f t="shared" si="749"/>
        <v>48.314884136388166</v>
      </c>
      <c r="K6717">
        <f t="shared" si="750"/>
        <v>3.789995479600579</v>
      </c>
      <c r="L6717">
        <f t="shared" si="751"/>
        <v>1.8949977398002895</v>
      </c>
      <c r="M6717">
        <f t="shared" si="752"/>
        <v>0</v>
      </c>
      <c r="N6717" s="45">
        <f t="shared" si="753"/>
        <v>45205.458333317125</v>
      </c>
    </row>
    <row r="6718" spans="2:14" x14ac:dyDescent="0.25">
      <c r="B6718">
        <f t="shared" si="747"/>
        <v>5</v>
      </c>
      <c r="C6718" s="16">
        <v>6684</v>
      </c>
      <c r="D6718" cm="1">
        <f t="array" ref="D6718">IFERROR(INDEX(Jesper!AH$2:AH$366,ROUNDDOWN($C6718/24,0)+1,1)*INDEX($D$3:$AA$30,INDEX(Jesper!$R$2:$R$366,ROW(INDEX(Jesper!AH$2:AH$366,ROUNDDOWN($C6718/24,0)+1,1))-1)+IF('Standard Profiles'!$G$18=$B$10,7,0)+IF('Standard Profiles'!$G$18=$B$17,14,0)+IF('Standard Profiles'!$G$18=$B$24,21,0),MOD($C6718,24)+1)/SUM(INDEX($D$3:$AA$30,INDEX(Jesper!$R$2:$R$366,ROW(INDEX(Jesper!AH$2:AH$366,ROUNDDOWN($C6718/24,0)+1,1))-1)+IF('Standard Profiles'!$G$18=$B$10,7,0)+IF('Standard Profiles'!$G$18=$B$17,14,0)+IF('Standard Profiles'!$G$18=$B$24,21,0),0)),0)</f>
        <v>35.531207621255426</v>
      </c>
      <c r="E6718" cm="1">
        <f t="array" ref="E6718">IFERROR(INDEX(Jesper!AI$2:AI$366,ROUNDDOWN($C6718/24,0)+1,1)*INDEX($D$3:$AA$30,INDEX(Jesper!$R$2:$R$366,ROW(INDEX(Jesper!AI$2:AI$366,ROUNDDOWN($C6718/24,0)+1,1))-1)+IF('Standard Profiles'!$G$19=$B$10,7,0)+IF('Standard Profiles'!$G$19=$B$17,14,0)+IF('Standard Profiles'!$G$19=$B$24,21,0),MOD($C6718,24)+1)/SUM(INDEX($D$3:$AA$30,INDEX(Jesper!$R$2:$R$366,ROW(INDEX(Jesper!AI$2:AI$366,ROUNDDOWN($C6718/24,0)+1,1))-1)+IF('Standard Profiles'!$G$19=$B$10,7,0)+IF('Standard Profiles'!$G$19=$B$17,14,0)+IF('Standard Profiles'!$G$19=$B$24,21,0),0)),0)</f>
        <v>16.87049871968123</v>
      </c>
      <c r="F6718" cm="1">
        <f t="array" ref="F6718">IFERROR(INDEX(Jesper!AJ$2:AJ$366,ROUNDDOWN($C6718/24,0)+1,1)*INDEX($D$3:$AA$30,INDEX(Jesper!$R$2:$R$366,ROW(INDEX(Jesper!AJ$2:AJ$366,ROUNDDOWN($C6718/24,0)+1,1))-1)+IF('Standard Profiles'!$G$20=$B$10,7,0)+IF('Standard Profiles'!$G$20=$B$17,14,0)+IF('Standard Profiles'!$G$20=$B$24,21,0),MOD($C6718,24)+1)/SUM(INDEX($D$3:$AA$30,INDEX(Jesper!$R$2:$R$366,ROW(INDEX(Jesper!AJ$2:AJ$366,ROUNDDOWN($C6718/24,0)+1,1))-1)+IF('Standard Profiles'!$G$20=$B$10,7,0)+IF('Standard Profiles'!$G$20=$B$17,14,0)+IF('Standard Profiles'!$G$20=$B$24,21,0),0)),0)</f>
        <v>0</v>
      </c>
      <c r="G6718" cm="1">
        <f t="array" ref="G6718">IFERROR(INDEX(Jesper!AK$2:AK$366,ROUNDDOWN($C6718/24,0)+1,1)*INDEX($D$3:$AA$30,INDEX(Jesper!$R$2:$R$366,ROW(INDEX(Jesper!AK$2:AK$366,ROUNDDOWN($C6718/24,0)+1,1))-1)+IF('Standard Profiles'!$G$21=$B$10,7,0)+IF('Standard Profiles'!$G$21=$B$17,14,0)+IF('Standard Profiles'!$G$21=$B$24,21,0),MOD($C6718,24)+1)/SUM(INDEX($D$3:$AA$30,INDEX(Jesper!$R$2:$R$366,ROW(INDEX(Jesper!AK$2:AK$366,ROUNDDOWN($C6718/24,0)+1,1))-1)+IF('Standard Profiles'!$G$21=$B$10,7,0)+IF('Standard Profiles'!$G$21=$B$17,14,0)+IF('Standard Profiles'!$G$21=$B$24,21,0),0)),0)</f>
        <v>3.0734057977930318</v>
      </c>
      <c r="H6718" cm="1">
        <f t="array" ref="H6718">IFERROR(INDEX(Jesper!AL$2:AL$366,ROUNDDOWN($C6718/24,0)+1,1)*INDEX($D$3:$AA$30,INDEX(Jesper!$R$2:$R$366,ROW(INDEX(Jesper!AL$2:AL$366,ROUNDDOWN($C6718/24,0)+1,1))-1)+IF('Standard Profiles'!$G$22=$B$10,7,0)+IF('Standard Profiles'!$G$22=$B$17,14,0)+IF('Standard Profiles'!$G$22=$B$24,21,0),MOD($C6718,24)+1)/SUM(INDEX($D$3:$AA$30,INDEX(Jesper!$R$2:$R$366,ROW(INDEX(Jesper!AL$2:AL$366,ROUNDDOWN($C6718/24,0)+1,1))-1)+IF('Standard Profiles'!$G$22=$B$10,7,0)+IF('Standard Profiles'!$G$22=$B$17,14,0)+IF('Standard Profiles'!$G$22=$B$24,21,0),0)),0)</f>
        <v>0</v>
      </c>
      <c r="I6718">
        <f t="shared" si="748"/>
        <v>1.4752347829406545</v>
      </c>
      <c r="J6718">
        <f t="shared" si="749"/>
        <v>48.314884136388166</v>
      </c>
      <c r="K6718">
        <f t="shared" si="750"/>
        <v>3.789995479600579</v>
      </c>
      <c r="L6718">
        <f t="shared" si="751"/>
        <v>1.8949977398002895</v>
      </c>
      <c r="M6718">
        <f t="shared" si="752"/>
        <v>0</v>
      </c>
      <c r="N6718" s="45">
        <f t="shared" si="753"/>
        <v>45205.499999983789</v>
      </c>
    </row>
    <row r="6719" spans="2:14" x14ac:dyDescent="0.25">
      <c r="B6719">
        <f t="shared" si="747"/>
        <v>5</v>
      </c>
      <c r="C6719" s="16">
        <v>6685</v>
      </c>
      <c r="D6719" cm="1">
        <f t="array" ref="D6719">IFERROR(INDEX(Jesper!AH$2:AH$366,ROUNDDOWN($C6719/24,0)+1,1)*INDEX($D$3:$AA$30,INDEX(Jesper!$R$2:$R$366,ROW(INDEX(Jesper!AH$2:AH$366,ROUNDDOWN($C6719/24,0)+1,1))-1)+IF('Standard Profiles'!$G$18=$B$10,7,0)+IF('Standard Profiles'!$G$18=$B$17,14,0)+IF('Standard Profiles'!$G$18=$B$24,21,0),MOD($C6719,24)+1)/SUM(INDEX($D$3:$AA$30,INDEX(Jesper!$R$2:$R$366,ROW(INDEX(Jesper!AH$2:AH$366,ROUNDDOWN($C6719/24,0)+1,1))-1)+IF('Standard Profiles'!$G$18=$B$10,7,0)+IF('Standard Profiles'!$G$18=$B$17,14,0)+IF('Standard Profiles'!$G$18=$B$24,21,0),0)),0)</f>
        <v>24.598528353176839</v>
      </c>
      <c r="E6719" cm="1">
        <f t="array" ref="E6719">IFERROR(INDEX(Jesper!AI$2:AI$366,ROUNDDOWN($C6719/24,0)+1,1)*INDEX($D$3:$AA$30,INDEX(Jesper!$R$2:$R$366,ROW(INDEX(Jesper!AI$2:AI$366,ROUNDDOWN($C6719/24,0)+1,1))-1)+IF('Standard Profiles'!$G$19=$B$10,7,0)+IF('Standard Profiles'!$G$19=$B$17,14,0)+IF('Standard Profiles'!$G$19=$B$24,21,0),MOD($C6719,24)+1)/SUM(INDEX($D$3:$AA$30,INDEX(Jesper!$R$2:$R$366,ROW(INDEX(Jesper!AI$2:AI$366,ROUNDDOWN($C6719/24,0)+1,1))-1)+IF('Standard Profiles'!$G$19=$B$10,7,0)+IF('Standard Profiles'!$G$19=$B$17,14,0)+IF('Standard Profiles'!$G$19=$B$24,21,0),0)),0)</f>
        <v>11.67957603670239</v>
      </c>
      <c r="F6719" cm="1">
        <f t="array" ref="F6719">IFERROR(INDEX(Jesper!AJ$2:AJ$366,ROUNDDOWN($C6719/24,0)+1,1)*INDEX($D$3:$AA$30,INDEX(Jesper!$R$2:$R$366,ROW(INDEX(Jesper!AJ$2:AJ$366,ROUNDDOWN($C6719/24,0)+1,1))-1)+IF('Standard Profiles'!$G$20=$B$10,7,0)+IF('Standard Profiles'!$G$20=$B$17,14,0)+IF('Standard Profiles'!$G$20=$B$24,21,0),MOD($C6719,24)+1)/SUM(INDEX($D$3:$AA$30,INDEX(Jesper!$R$2:$R$366,ROW(INDEX(Jesper!AJ$2:AJ$366,ROUNDDOWN($C6719/24,0)+1,1))-1)+IF('Standard Profiles'!$G$20=$B$10,7,0)+IF('Standard Profiles'!$G$20=$B$17,14,0)+IF('Standard Profiles'!$G$20=$B$24,21,0),0)),0)</f>
        <v>0</v>
      </c>
      <c r="G6719" cm="1">
        <f t="array" ref="G6719">IFERROR(INDEX(Jesper!AK$2:AK$366,ROUNDDOWN($C6719/24,0)+1,1)*INDEX($D$3:$AA$30,INDEX(Jesper!$R$2:$R$366,ROW(INDEX(Jesper!AK$2:AK$366,ROUNDDOWN($C6719/24,0)+1,1))-1)+IF('Standard Profiles'!$G$21=$B$10,7,0)+IF('Standard Profiles'!$G$21=$B$17,14,0)+IF('Standard Profiles'!$G$21=$B$24,21,0),MOD($C6719,24)+1)/SUM(INDEX($D$3:$AA$30,INDEX(Jesper!$R$2:$R$366,ROW(INDEX(Jesper!AK$2:AK$366,ROUNDDOWN($C6719/24,0)+1,1))-1)+IF('Standard Profiles'!$G$21=$B$10,7,0)+IF('Standard Profiles'!$G$21=$B$17,14,0)+IF('Standard Profiles'!$G$21=$B$24,21,0),0)),0)</f>
        <v>2.1277424753951766</v>
      </c>
      <c r="H6719" cm="1">
        <f t="array" ref="H6719">IFERROR(INDEX(Jesper!AL$2:AL$366,ROUNDDOWN($C6719/24,0)+1,1)*INDEX($D$3:$AA$30,INDEX(Jesper!$R$2:$R$366,ROW(INDEX(Jesper!AL$2:AL$366,ROUNDDOWN($C6719/24,0)+1,1))-1)+IF('Standard Profiles'!$G$22=$B$10,7,0)+IF('Standard Profiles'!$G$22=$B$17,14,0)+IF('Standard Profiles'!$G$22=$B$24,21,0),MOD($C6719,24)+1)/SUM(INDEX($D$3:$AA$30,INDEX(Jesper!$R$2:$R$366,ROW(INDEX(Jesper!AL$2:AL$366,ROUNDDOWN($C6719/24,0)+1,1))-1)+IF('Standard Profiles'!$G$22=$B$10,7,0)+IF('Standard Profiles'!$G$22=$B$17,14,0)+IF('Standard Profiles'!$G$22=$B$24,21,0),0)),0)</f>
        <v>0</v>
      </c>
      <c r="I6719">
        <f t="shared" si="748"/>
        <v>1.0213163881896843</v>
      </c>
      <c r="J6719">
        <f t="shared" si="749"/>
        <v>33.448765940576422</v>
      </c>
      <c r="K6719">
        <f t="shared" si="750"/>
        <v>2.6238430243388629</v>
      </c>
      <c r="L6719">
        <f t="shared" si="751"/>
        <v>1.3119215121694314</v>
      </c>
      <c r="M6719">
        <f t="shared" si="752"/>
        <v>0</v>
      </c>
      <c r="N6719" s="45">
        <f t="shared" si="753"/>
        <v>45205.541666650453</v>
      </c>
    </row>
    <row r="6720" spans="2:14" x14ac:dyDescent="0.25">
      <c r="B6720">
        <f t="shared" si="747"/>
        <v>5</v>
      </c>
      <c r="C6720" s="16">
        <v>6686</v>
      </c>
      <c r="D6720" cm="1">
        <f t="array" ref="D6720">IFERROR(INDEX(Jesper!AH$2:AH$366,ROUNDDOWN($C6720/24,0)+1,1)*INDEX($D$3:$AA$30,INDEX(Jesper!$R$2:$R$366,ROW(INDEX(Jesper!AH$2:AH$366,ROUNDDOWN($C6720/24,0)+1,1))-1)+IF('Standard Profiles'!$G$18=$B$10,7,0)+IF('Standard Profiles'!$G$18=$B$17,14,0)+IF('Standard Profiles'!$G$18=$B$24,21,0),MOD($C6720,24)+1)/SUM(INDEX($D$3:$AA$30,INDEX(Jesper!$R$2:$R$366,ROW(INDEX(Jesper!AH$2:AH$366,ROUNDDOWN($C6720/24,0)+1,1))-1)+IF('Standard Profiles'!$G$18=$B$10,7,0)+IF('Standard Profiles'!$G$18=$B$17,14,0)+IF('Standard Profiles'!$G$18=$B$24,21,0),0)),0)</f>
        <v>35.531207621255426</v>
      </c>
      <c r="E6720" cm="1">
        <f t="array" ref="E6720">IFERROR(INDEX(Jesper!AI$2:AI$366,ROUNDDOWN($C6720/24,0)+1,1)*INDEX($D$3:$AA$30,INDEX(Jesper!$R$2:$R$366,ROW(INDEX(Jesper!AI$2:AI$366,ROUNDDOWN($C6720/24,0)+1,1))-1)+IF('Standard Profiles'!$G$19=$B$10,7,0)+IF('Standard Profiles'!$G$19=$B$17,14,0)+IF('Standard Profiles'!$G$19=$B$24,21,0),MOD($C6720,24)+1)/SUM(INDEX($D$3:$AA$30,INDEX(Jesper!$R$2:$R$366,ROW(INDEX(Jesper!AI$2:AI$366,ROUNDDOWN($C6720/24,0)+1,1))-1)+IF('Standard Profiles'!$G$19=$B$10,7,0)+IF('Standard Profiles'!$G$19=$B$17,14,0)+IF('Standard Profiles'!$G$19=$B$24,21,0),0)),0)</f>
        <v>16.87049871968123</v>
      </c>
      <c r="F6720" cm="1">
        <f t="array" ref="F6720">IFERROR(INDEX(Jesper!AJ$2:AJ$366,ROUNDDOWN($C6720/24,0)+1,1)*INDEX($D$3:$AA$30,INDEX(Jesper!$R$2:$R$366,ROW(INDEX(Jesper!AJ$2:AJ$366,ROUNDDOWN($C6720/24,0)+1,1))-1)+IF('Standard Profiles'!$G$20=$B$10,7,0)+IF('Standard Profiles'!$G$20=$B$17,14,0)+IF('Standard Profiles'!$G$20=$B$24,21,0),MOD($C6720,24)+1)/SUM(INDEX($D$3:$AA$30,INDEX(Jesper!$R$2:$R$366,ROW(INDEX(Jesper!AJ$2:AJ$366,ROUNDDOWN($C6720/24,0)+1,1))-1)+IF('Standard Profiles'!$G$20=$B$10,7,0)+IF('Standard Profiles'!$G$20=$B$17,14,0)+IF('Standard Profiles'!$G$20=$B$24,21,0),0)),0)</f>
        <v>0</v>
      </c>
      <c r="G6720" cm="1">
        <f t="array" ref="G6720">IFERROR(INDEX(Jesper!AK$2:AK$366,ROUNDDOWN($C6720/24,0)+1,1)*INDEX($D$3:$AA$30,INDEX(Jesper!$R$2:$R$366,ROW(INDEX(Jesper!AK$2:AK$366,ROUNDDOWN($C6720/24,0)+1,1))-1)+IF('Standard Profiles'!$G$21=$B$10,7,0)+IF('Standard Profiles'!$G$21=$B$17,14,0)+IF('Standard Profiles'!$G$21=$B$24,21,0),MOD($C6720,24)+1)/SUM(INDEX($D$3:$AA$30,INDEX(Jesper!$R$2:$R$366,ROW(INDEX(Jesper!AK$2:AK$366,ROUNDDOWN($C6720/24,0)+1,1))-1)+IF('Standard Profiles'!$G$21=$B$10,7,0)+IF('Standard Profiles'!$G$21=$B$17,14,0)+IF('Standard Profiles'!$G$21=$B$24,21,0),0)),0)</f>
        <v>3.0734057977930318</v>
      </c>
      <c r="H6720" cm="1">
        <f t="array" ref="H6720">IFERROR(INDEX(Jesper!AL$2:AL$366,ROUNDDOWN($C6720/24,0)+1,1)*INDEX($D$3:$AA$30,INDEX(Jesper!$R$2:$R$366,ROW(INDEX(Jesper!AL$2:AL$366,ROUNDDOWN($C6720/24,0)+1,1))-1)+IF('Standard Profiles'!$G$22=$B$10,7,0)+IF('Standard Profiles'!$G$22=$B$17,14,0)+IF('Standard Profiles'!$G$22=$B$24,21,0),MOD($C6720,24)+1)/SUM(INDEX($D$3:$AA$30,INDEX(Jesper!$R$2:$R$366,ROW(INDEX(Jesper!AL$2:AL$366,ROUNDDOWN($C6720/24,0)+1,1))-1)+IF('Standard Profiles'!$G$22=$B$10,7,0)+IF('Standard Profiles'!$G$22=$B$17,14,0)+IF('Standard Profiles'!$G$22=$B$24,21,0),0)),0)</f>
        <v>0</v>
      </c>
      <c r="I6720">
        <f t="shared" si="748"/>
        <v>1.4752347829406545</v>
      </c>
      <c r="J6720">
        <f t="shared" si="749"/>
        <v>48.314884136388166</v>
      </c>
      <c r="K6720">
        <f t="shared" si="750"/>
        <v>3.789995479600579</v>
      </c>
      <c r="L6720">
        <f t="shared" si="751"/>
        <v>1.8949977398002895</v>
      </c>
      <c r="M6720">
        <f t="shared" si="752"/>
        <v>0</v>
      </c>
      <c r="N6720" s="45">
        <f t="shared" si="753"/>
        <v>45205.583333317118</v>
      </c>
    </row>
    <row r="6721" spans="2:14" x14ac:dyDescent="0.25">
      <c r="B6721">
        <f t="shared" si="747"/>
        <v>5</v>
      </c>
      <c r="C6721" s="16">
        <v>6687</v>
      </c>
      <c r="D6721" cm="1">
        <f t="array" ref="D6721">IFERROR(INDEX(Jesper!AH$2:AH$366,ROUNDDOWN($C6721/24,0)+1,1)*INDEX($D$3:$AA$30,INDEX(Jesper!$R$2:$R$366,ROW(INDEX(Jesper!AH$2:AH$366,ROUNDDOWN($C6721/24,0)+1,1))-1)+IF('Standard Profiles'!$G$18=$B$10,7,0)+IF('Standard Profiles'!$G$18=$B$17,14,0)+IF('Standard Profiles'!$G$18=$B$24,21,0),MOD($C6721,24)+1)/SUM(INDEX($D$3:$AA$30,INDEX(Jesper!$R$2:$R$366,ROW(INDEX(Jesper!AH$2:AH$366,ROUNDDOWN($C6721/24,0)+1,1))-1)+IF('Standard Profiles'!$G$18=$B$10,7,0)+IF('Standard Profiles'!$G$18=$B$17,14,0)+IF('Standard Profiles'!$G$18=$B$24,21,0),0)),0)</f>
        <v>27.331698170196482</v>
      </c>
      <c r="E6721" cm="1">
        <f t="array" ref="E6721">IFERROR(INDEX(Jesper!AI$2:AI$366,ROUNDDOWN($C6721/24,0)+1,1)*INDEX($D$3:$AA$30,INDEX(Jesper!$R$2:$R$366,ROW(INDEX(Jesper!AI$2:AI$366,ROUNDDOWN($C6721/24,0)+1,1))-1)+IF('Standard Profiles'!$G$19=$B$10,7,0)+IF('Standard Profiles'!$G$19=$B$17,14,0)+IF('Standard Profiles'!$G$19=$B$24,21,0),MOD($C6721,24)+1)/SUM(INDEX($D$3:$AA$30,INDEX(Jesper!$R$2:$R$366,ROW(INDEX(Jesper!AI$2:AI$366,ROUNDDOWN($C6721/24,0)+1,1))-1)+IF('Standard Profiles'!$G$19=$B$10,7,0)+IF('Standard Profiles'!$G$19=$B$17,14,0)+IF('Standard Profiles'!$G$19=$B$24,21,0),0)),0)</f>
        <v>12.9773067074471</v>
      </c>
      <c r="F6721" cm="1">
        <f t="array" ref="F6721">IFERROR(INDEX(Jesper!AJ$2:AJ$366,ROUNDDOWN($C6721/24,0)+1,1)*INDEX($D$3:$AA$30,INDEX(Jesper!$R$2:$R$366,ROW(INDEX(Jesper!AJ$2:AJ$366,ROUNDDOWN($C6721/24,0)+1,1))-1)+IF('Standard Profiles'!$G$20=$B$10,7,0)+IF('Standard Profiles'!$G$20=$B$17,14,0)+IF('Standard Profiles'!$G$20=$B$24,21,0),MOD($C6721,24)+1)/SUM(INDEX($D$3:$AA$30,INDEX(Jesper!$R$2:$R$366,ROW(INDEX(Jesper!AJ$2:AJ$366,ROUNDDOWN($C6721/24,0)+1,1))-1)+IF('Standard Profiles'!$G$20=$B$10,7,0)+IF('Standard Profiles'!$G$20=$B$17,14,0)+IF('Standard Profiles'!$G$20=$B$24,21,0),0)),0)</f>
        <v>0</v>
      </c>
      <c r="G6721" cm="1">
        <f t="array" ref="G6721">IFERROR(INDEX(Jesper!AK$2:AK$366,ROUNDDOWN($C6721/24,0)+1,1)*INDEX($D$3:$AA$30,INDEX(Jesper!$R$2:$R$366,ROW(INDEX(Jesper!AK$2:AK$366,ROUNDDOWN($C6721/24,0)+1,1))-1)+IF('Standard Profiles'!$G$21=$B$10,7,0)+IF('Standard Profiles'!$G$21=$B$17,14,0)+IF('Standard Profiles'!$G$21=$B$24,21,0),MOD($C6721,24)+1)/SUM(INDEX($D$3:$AA$30,INDEX(Jesper!$R$2:$R$366,ROW(INDEX(Jesper!AK$2:AK$366,ROUNDDOWN($C6721/24,0)+1,1))-1)+IF('Standard Profiles'!$G$21=$B$10,7,0)+IF('Standard Profiles'!$G$21=$B$17,14,0)+IF('Standard Profiles'!$G$21=$B$24,21,0),0)),0)</f>
        <v>2.600574136594104</v>
      </c>
      <c r="H6721" cm="1">
        <f t="array" ref="H6721">IFERROR(INDEX(Jesper!AL$2:AL$366,ROUNDDOWN($C6721/24,0)+1,1)*INDEX($D$3:$AA$30,INDEX(Jesper!$R$2:$R$366,ROW(INDEX(Jesper!AL$2:AL$366,ROUNDDOWN($C6721/24,0)+1,1))-1)+IF('Standard Profiles'!$G$22=$B$10,7,0)+IF('Standard Profiles'!$G$22=$B$17,14,0)+IF('Standard Profiles'!$G$22=$B$24,21,0),MOD($C6721,24)+1)/SUM(INDEX($D$3:$AA$30,INDEX(Jesper!$R$2:$R$366,ROW(INDEX(Jesper!AL$2:AL$366,ROUNDDOWN($C6721/24,0)+1,1))-1)+IF('Standard Profiles'!$G$22=$B$10,7,0)+IF('Standard Profiles'!$G$22=$B$17,14,0)+IF('Standard Profiles'!$G$22=$B$24,21,0),0)),0)</f>
        <v>0</v>
      </c>
      <c r="I6721">
        <f t="shared" si="748"/>
        <v>1.2482755855651693</v>
      </c>
      <c r="J6721">
        <f t="shared" si="749"/>
        <v>37.288231721441079</v>
      </c>
      <c r="K6721">
        <f t="shared" si="750"/>
        <v>2.9153811381542916</v>
      </c>
      <c r="L6721">
        <f t="shared" si="751"/>
        <v>1.4576905690771458</v>
      </c>
      <c r="M6721">
        <f t="shared" si="752"/>
        <v>0</v>
      </c>
      <c r="N6721" s="45">
        <f t="shared" si="753"/>
        <v>45205.624999983782</v>
      </c>
    </row>
    <row r="6722" spans="2:14" x14ac:dyDescent="0.25">
      <c r="B6722">
        <f t="shared" si="747"/>
        <v>5</v>
      </c>
      <c r="C6722" s="16">
        <v>6688</v>
      </c>
      <c r="D6722" cm="1">
        <f t="array" ref="D6722">IFERROR(INDEX(Jesper!AH$2:AH$366,ROUNDDOWN($C6722/24,0)+1,1)*INDEX($D$3:$AA$30,INDEX(Jesper!$R$2:$R$366,ROW(INDEX(Jesper!AH$2:AH$366,ROUNDDOWN($C6722/24,0)+1,1))-1)+IF('Standard Profiles'!$G$18=$B$10,7,0)+IF('Standard Profiles'!$G$18=$B$17,14,0)+IF('Standard Profiles'!$G$18=$B$24,21,0),MOD($C6722,24)+1)/SUM(INDEX($D$3:$AA$30,INDEX(Jesper!$R$2:$R$366,ROW(INDEX(Jesper!AH$2:AH$366,ROUNDDOWN($C6722/24,0)+1,1))-1)+IF('Standard Profiles'!$G$18=$B$10,7,0)+IF('Standard Profiles'!$G$18=$B$17,14,0)+IF('Standard Profiles'!$G$18=$B$24,21,0),0)),0)</f>
        <v>12.831783178496003</v>
      </c>
      <c r="E6722" cm="1">
        <f t="array" ref="E6722">IFERROR(INDEX(Jesper!AI$2:AI$366,ROUNDDOWN($C6722/24,0)+1,1)*INDEX($D$3:$AA$30,INDEX(Jesper!$R$2:$R$366,ROW(INDEX(Jesper!AI$2:AI$366,ROUNDDOWN($C6722/24,0)+1,1))-1)+IF('Standard Profiles'!$G$19=$B$10,7,0)+IF('Standard Profiles'!$G$19=$B$17,14,0)+IF('Standard Profiles'!$G$19=$B$24,21,0),MOD($C6722,24)+1)/SUM(INDEX($D$3:$AA$30,INDEX(Jesper!$R$2:$R$366,ROW(INDEX(Jesper!AI$2:AI$366,ROUNDDOWN($C6722/24,0)+1,1))-1)+IF('Standard Profiles'!$G$19=$B$10,7,0)+IF('Standard Profiles'!$G$19=$B$17,14,0)+IF('Standard Profiles'!$G$19=$B$24,21,0),0)),0)</f>
        <v>6.0926322570174181</v>
      </c>
      <c r="F6722" cm="1">
        <f t="array" ref="F6722">IFERROR(INDEX(Jesper!AJ$2:AJ$366,ROUNDDOWN($C6722/24,0)+1,1)*INDEX($D$3:$AA$30,INDEX(Jesper!$R$2:$R$366,ROW(INDEX(Jesper!AJ$2:AJ$366,ROUNDDOWN($C6722/24,0)+1,1))-1)+IF('Standard Profiles'!$G$20=$B$10,7,0)+IF('Standard Profiles'!$G$20=$B$17,14,0)+IF('Standard Profiles'!$G$20=$B$24,21,0),MOD($C6722,24)+1)/SUM(INDEX($D$3:$AA$30,INDEX(Jesper!$R$2:$R$366,ROW(INDEX(Jesper!AJ$2:AJ$366,ROUNDDOWN($C6722/24,0)+1,1))-1)+IF('Standard Profiles'!$G$20=$B$10,7,0)+IF('Standard Profiles'!$G$20=$B$17,14,0)+IF('Standard Profiles'!$G$20=$B$24,21,0),0)),0)</f>
        <v>0</v>
      </c>
      <c r="G6722" cm="1">
        <f t="array" ref="G6722">IFERROR(INDEX(Jesper!AK$2:AK$366,ROUNDDOWN($C6722/24,0)+1,1)*INDEX($D$3:$AA$30,INDEX(Jesper!$R$2:$R$366,ROW(INDEX(Jesper!AK$2:AK$366,ROUNDDOWN($C6722/24,0)+1,1))-1)+IF('Standard Profiles'!$G$21=$B$10,7,0)+IF('Standard Profiles'!$G$21=$B$17,14,0)+IF('Standard Profiles'!$G$21=$B$24,21,0),MOD($C6722,24)+1)/SUM(INDEX($D$3:$AA$30,INDEX(Jesper!$R$2:$R$366,ROW(INDEX(Jesper!AK$2:AK$366,ROUNDDOWN($C6722/24,0)+1,1))-1)+IF('Standard Profiles'!$G$21=$B$10,7,0)+IF('Standard Profiles'!$G$21=$B$17,14,0)+IF('Standard Profiles'!$G$21=$B$24,21,0),0)),0)</f>
        <v>2.2515793390425145</v>
      </c>
      <c r="H6722" cm="1">
        <f t="array" ref="H6722">IFERROR(INDEX(Jesper!AL$2:AL$366,ROUNDDOWN($C6722/24,0)+1,1)*INDEX($D$3:$AA$30,INDEX(Jesper!$R$2:$R$366,ROW(INDEX(Jesper!AL$2:AL$366,ROUNDDOWN($C6722/24,0)+1,1))-1)+IF('Standard Profiles'!$G$22=$B$10,7,0)+IF('Standard Profiles'!$G$22=$B$17,14,0)+IF('Standard Profiles'!$G$22=$B$24,21,0),MOD($C6722,24)+1)/SUM(INDEX($D$3:$AA$30,INDEX(Jesper!$R$2:$R$366,ROW(INDEX(Jesper!AL$2:AL$366,ROUNDDOWN($C6722/24,0)+1,1))-1)+IF('Standard Profiles'!$G$22=$B$10,7,0)+IF('Standard Profiles'!$G$22=$B$17,14,0)+IF('Standard Profiles'!$G$22=$B$24,21,0),0)),0)</f>
        <v>0</v>
      </c>
      <c r="I6722">
        <f t="shared" si="748"/>
        <v>1.0807580827404064</v>
      </c>
      <c r="J6722">
        <f t="shared" si="749"/>
        <v>18.042151383256169</v>
      </c>
      <c r="K6722">
        <f t="shared" si="750"/>
        <v>1.3687235390395738</v>
      </c>
      <c r="L6722">
        <f t="shared" si="751"/>
        <v>0.68436176951978689</v>
      </c>
      <c r="M6722">
        <f t="shared" si="752"/>
        <v>0</v>
      </c>
      <c r="N6722" s="45">
        <f t="shared" si="753"/>
        <v>45205.666666650446</v>
      </c>
    </row>
    <row r="6723" spans="2:14" x14ac:dyDescent="0.25">
      <c r="B6723">
        <f t="shared" si="747"/>
        <v>5</v>
      </c>
      <c r="C6723" s="16">
        <v>6689</v>
      </c>
      <c r="D6723" cm="1">
        <f t="array" ref="D6723">IFERROR(INDEX(Jesper!AH$2:AH$366,ROUNDDOWN($C6723/24,0)+1,1)*INDEX($D$3:$AA$30,INDEX(Jesper!$R$2:$R$366,ROW(INDEX(Jesper!AH$2:AH$366,ROUNDDOWN($C6723/24,0)+1,1))-1)+IF('Standard Profiles'!$G$18=$B$10,7,0)+IF('Standard Profiles'!$G$18=$B$17,14,0)+IF('Standard Profiles'!$G$18=$B$24,21,0),MOD($C6723,24)+1)/SUM(INDEX($D$3:$AA$30,INDEX(Jesper!$R$2:$R$366,ROW(INDEX(Jesper!AH$2:AH$366,ROUNDDOWN($C6723/24,0)+1,1))-1)+IF('Standard Profiles'!$G$18=$B$10,7,0)+IF('Standard Profiles'!$G$18=$B$17,14,0)+IF('Standard Profiles'!$G$18=$B$24,21,0),0)),0)</f>
        <v>8.4689768978073605</v>
      </c>
      <c r="E6723" cm="1">
        <f t="array" ref="E6723">IFERROR(INDEX(Jesper!AI$2:AI$366,ROUNDDOWN($C6723/24,0)+1,1)*INDEX($D$3:$AA$30,INDEX(Jesper!$R$2:$R$366,ROW(INDEX(Jesper!AI$2:AI$366,ROUNDDOWN($C6723/24,0)+1,1))-1)+IF('Standard Profiles'!$G$19=$B$10,7,0)+IF('Standard Profiles'!$G$19=$B$17,14,0)+IF('Standard Profiles'!$G$19=$B$24,21,0),MOD($C6723,24)+1)/SUM(INDEX($D$3:$AA$30,INDEX(Jesper!$R$2:$R$366,ROW(INDEX(Jesper!AI$2:AI$366,ROUNDDOWN($C6723/24,0)+1,1))-1)+IF('Standard Profiles'!$G$19=$B$10,7,0)+IF('Standard Profiles'!$G$19=$B$17,14,0)+IF('Standard Profiles'!$G$19=$B$24,21,0),0)),0)</f>
        <v>4.0211372896314961</v>
      </c>
      <c r="F6723" cm="1">
        <f t="array" ref="F6723">IFERROR(INDEX(Jesper!AJ$2:AJ$366,ROUNDDOWN($C6723/24,0)+1,1)*INDEX($D$3:$AA$30,INDEX(Jesper!$R$2:$R$366,ROW(INDEX(Jesper!AJ$2:AJ$366,ROUNDDOWN($C6723/24,0)+1,1))-1)+IF('Standard Profiles'!$G$20=$B$10,7,0)+IF('Standard Profiles'!$G$20=$B$17,14,0)+IF('Standard Profiles'!$G$20=$B$24,21,0),MOD($C6723,24)+1)/SUM(INDEX($D$3:$AA$30,INDEX(Jesper!$R$2:$R$366,ROW(INDEX(Jesper!AJ$2:AJ$366,ROUNDDOWN($C6723/24,0)+1,1))-1)+IF('Standard Profiles'!$G$20=$B$10,7,0)+IF('Standard Profiles'!$G$20=$B$17,14,0)+IF('Standard Profiles'!$G$20=$B$24,21,0),0)),0)</f>
        <v>0</v>
      </c>
      <c r="G6723" cm="1">
        <f t="array" ref="G6723">IFERROR(INDEX(Jesper!AK$2:AK$366,ROUNDDOWN($C6723/24,0)+1,1)*INDEX($D$3:$AA$30,INDEX(Jesper!$R$2:$R$366,ROW(INDEX(Jesper!AK$2:AK$366,ROUNDDOWN($C6723/24,0)+1,1))-1)+IF('Standard Profiles'!$G$21=$B$10,7,0)+IF('Standard Profiles'!$G$21=$B$17,14,0)+IF('Standard Profiles'!$G$21=$B$24,21,0),MOD($C6723,24)+1)/SUM(INDEX($D$3:$AA$30,INDEX(Jesper!$R$2:$R$366,ROW(INDEX(Jesper!AK$2:AK$366,ROUNDDOWN($C6723/24,0)+1,1))-1)+IF('Standard Profiles'!$G$21=$B$10,7,0)+IF('Standard Profiles'!$G$21=$B$17,14,0)+IF('Standard Profiles'!$G$21=$B$24,21,0),0)),0)</f>
        <v>1.891326644795712</v>
      </c>
      <c r="H6723" cm="1">
        <f t="array" ref="H6723">IFERROR(INDEX(Jesper!AL$2:AL$366,ROUNDDOWN($C6723/24,0)+1,1)*INDEX($D$3:$AA$30,INDEX(Jesper!$R$2:$R$366,ROW(INDEX(Jesper!AL$2:AL$366,ROUNDDOWN($C6723/24,0)+1,1))-1)+IF('Standard Profiles'!$G$22=$B$10,7,0)+IF('Standard Profiles'!$G$22=$B$17,14,0)+IF('Standard Profiles'!$G$22=$B$24,21,0),MOD($C6723,24)+1)/SUM(INDEX($D$3:$AA$30,INDEX(Jesper!$R$2:$R$366,ROW(INDEX(Jesper!AL$2:AL$366,ROUNDDOWN($C6723/24,0)+1,1))-1)+IF('Standard Profiles'!$G$22=$B$10,7,0)+IF('Standard Profiles'!$G$22=$B$17,14,0)+IF('Standard Profiles'!$G$22=$B$24,21,0),0)),0)</f>
        <v>0</v>
      </c>
      <c r="I6723">
        <f t="shared" si="748"/>
        <v>0.90783678950194135</v>
      </c>
      <c r="J6723">
        <f t="shared" si="749"/>
        <v>12.118567739083449</v>
      </c>
      <c r="K6723">
        <f t="shared" si="750"/>
        <v>0.90335753576611855</v>
      </c>
      <c r="L6723">
        <f t="shared" si="751"/>
        <v>0.45167876788305927</v>
      </c>
      <c r="M6723">
        <f t="shared" si="752"/>
        <v>0</v>
      </c>
      <c r="N6723" s="45">
        <f t="shared" si="753"/>
        <v>45205.70833331711</v>
      </c>
    </row>
    <row r="6724" spans="2:14" x14ac:dyDescent="0.25">
      <c r="B6724">
        <f t="shared" si="747"/>
        <v>5</v>
      </c>
      <c r="C6724" s="16">
        <v>6690</v>
      </c>
      <c r="D6724" cm="1">
        <f t="array" ref="D6724">IFERROR(INDEX(Jesper!AH$2:AH$366,ROUNDDOWN($C6724/24,0)+1,1)*INDEX($D$3:$AA$30,INDEX(Jesper!$R$2:$R$366,ROW(INDEX(Jesper!AH$2:AH$366,ROUNDDOWN($C6724/24,0)+1,1))-1)+IF('Standard Profiles'!$G$18=$B$10,7,0)+IF('Standard Profiles'!$G$18=$B$17,14,0)+IF('Standard Profiles'!$G$18=$B$24,21,0),MOD($C6724,24)+1)/SUM(INDEX($D$3:$AA$30,INDEX(Jesper!$R$2:$R$366,ROW(INDEX(Jesper!AH$2:AH$366,ROUNDDOWN($C6724/24,0)+1,1))-1)+IF('Standard Profiles'!$G$18=$B$10,7,0)+IF('Standard Profiles'!$G$18=$B$17,14,0)+IF('Standard Profiles'!$G$18=$B$24,21,0),0)),0)</f>
        <v>5.3893489349683206</v>
      </c>
      <c r="E6724" cm="1">
        <f t="array" ref="E6724">IFERROR(INDEX(Jesper!AI$2:AI$366,ROUNDDOWN($C6724/24,0)+1,1)*INDEX($D$3:$AA$30,INDEX(Jesper!$R$2:$R$366,ROW(INDEX(Jesper!AI$2:AI$366,ROUNDDOWN($C6724/24,0)+1,1))-1)+IF('Standard Profiles'!$G$19=$B$10,7,0)+IF('Standard Profiles'!$G$19=$B$17,14,0)+IF('Standard Profiles'!$G$19=$B$24,21,0),MOD($C6724,24)+1)/SUM(INDEX($D$3:$AA$30,INDEX(Jesper!$R$2:$R$366,ROW(INDEX(Jesper!AI$2:AI$366,ROUNDDOWN($C6724/24,0)+1,1))-1)+IF('Standard Profiles'!$G$19=$B$10,7,0)+IF('Standard Profiles'!$G$19=$B$17,14,0)+IF('Standard Profiles'!$G$19=$B$24,21,0),0)),0)</f>
        <v>2.5589055479473153</v>
      </c>
      <c r="F6724" cm="1">
        <f t="array" ref="F6724">IFERROR(INDEX(Jesper!AJ$2:AJ$366,ROUNDDOWN($C6724/24,0)+1,1)*INDEX($D$3:$AA$30,INDEX(Jesper!$R$2:$R$366,ROW(INDEX(Jesper!AJ$2:AJ$366,ROUNDDOWN($C6724/24,0)+1,1))-1)+IF('Standard Profiles'!$G$20=$B$10,7,0)+IF('Standard Profiles'!$G$20=$B$17,14,0)+IF('Standard Profiles'!$G$20=$B$24,21,0),MOD($C6724,24)+1)/SUM(INDEX($D$3:$AA$30,INDEX(Jesper!$R$2:$R$366,ROW(INDEX(Jesper!AJ$2:AJ$366,ROUNDDOWN($C6724/24,0)+1,1))-1)+IF('Standard Profiles'!$G$20=$B$10,7,0)+IF('Standard Profiles'!$G$20=$B$17,14,0)+IF('Standard Profiles'!$G$20=$B$24,21,0),0)),0)</f>
        <v>0</v>
      </c>
      <c r="G6724" cm="1">
        <f t="array" ref="G6724">IFERROR(INDEX(Jesper!AK$2:AK$366,ROUNDDOWN($C6724/24,0)+1,1)*INDEX($D$3:$AA$30,INDEX(Jesper!$R$2:$R$366,ROW(INDEX(Jesper!AK$2:AK$366,ROUNDDOWN($C6724/24,0)+1,1))-1)+IF('Standard Profiles'!$G$21=$B$10,7,0)+IF('Standard Profiles'!$G$21=$B$17,14,0)+IF('Standard Profiles'!$G$21=$B$24,21,0),MOD($C6724,24)+1)/SUM(INDEX($D$3:$AA$30,INDEX(Jesper!$R$2:$R$366,ROW(INDEX(Jesper!AK$2:AK$366,ROUNDDOWN($C6724/24,0)+1,1))-1)+IF('Standard Profiles'!$G$21=$B$10,7,0)+IF('Standard Profiles'!$G$21=$B$17,14,0)+IF('Standard Profiles'!$G$21=$B$24,21,0),0)),0)</f>
        <v>0.69798959510317948</v>
      </c>
      <c r="H6724" cm="1">
        <f t="array" ref="H6724">IFERROR(INDEX(Jesper!AL$2:AL$366,ROUNDDOWN($C6724/24,0)+1,1)*INDEX($D$3:$AA$30,INDEX(Jesper!$R$2:$R$366,ROW(INDEX(Jesper!AL$2:AL$366,ROUNDDOWN($C6724/24,0)+1,1))-1)+IF('Standard Profiles'!$G$22=$B$10,7,0)+IF('Standard Profiles'!$G$22=$B$17,14,0)+IF('Standard Profiles'!$G$22=$B$24,21,0),MOD($C6724,24)+1)/SUM(INDEX($D$3:$AA$30,INDEX(Jesper!$R$2:$R$366,ROW(INDEX(Jesper!AL$2:AL$366,ROUNDDOWN($C6724/24,0)+1,1))-1)+IF('Standard Profiles'!$G$22=$B$10,7,0)+IF('Standard Profiles'!$G$22=$B$17,14,0)+IF('Standard Profiles'!$G$22=$B$24,21,0),0)),0)</f>
        <v>0</v>
      </c>
      <c r="I6724">
        <f t="shared" si="748"/>
        <v>0.33503500564952599</v>
      </c>
      <c r="J6724">
        <f t="shared" si="749"/>
        <v>7.4489132427743572</v>
      </c>
      <c r="K6724">
        <f t="shared" si="750"/>
        <v>0.57486388639662089</v>
      </c>
      <c r="L6724">
        <f t="shared" si="751"/>
        <v>0.28743194319831045</v>
      </c>
      <c r="M6724">
        <f t="shared" si="752"/>
        <v>0</v>
      </c>
      <c r="N6724" s="45">
        <f t="shared" si="753"/>
        <v>45205.749999983775</v>
      </c>
    </row>
    <row r="6725" spans="2:14" x14ac:dyDescent="0.25">
      <c r="B6725">
        <f t="shared" si="747"/>
        <v>5</v>
      </c>
      <c r="C6725" s="16">
        <v>6691</v>
      </c>
      <c r="D6725" cm="1">
        <f t="array" ref="D6725">IFERROR(INDEX(Jesper!AH$2:AH$366,ROUNDDOWN($C6725/24,0)+1,1)*INDEX($D$3:$AA$30,INDEX(Jesper!$R$2:$R$366,ROW(INDEX(Jesper!AH$2:AH$366,ROUNDDOWN($C6725/24,0)+1,1))-1)+IF('Standard Profiles'!$G$18=$B$10,7,0)+IF('Standard Profiles'!$G$18=$B$17,14,0)+IF('Standard Profiles'!$G$18=$B$24,21,0),MOD($C6725,24)+1)/SUM(INDEX($D$3:$AA$30,INDEX(Jesper!$R$2:$R$366,ROW(INDEX(Jesper!AH$2:AH$366,ROUNDDOWN($C6725/24,0)+1,1))-1)+IF('Standard Profiles'!$G$18=$B$10,7,0)+IF('Standard Profiles'!$G$18=$B$17,14,0)+IF('Standard Profiles'!$G$18=$B$24,21,0),0)),0)</f>
        <v>5.1327132713984014</v>
      </c>
      <c r="E6725" cm="1">
        <f t="array" ref="E6725">IFERROR(INDEX(Jesper!AI$2:AI$366,ROUNDDOWN($C6725/24,0)+1,1)*INDEX($D$3:$AA$30,INDEX(Jesper!$R$2:$R$366,ROW(INDEX(Jesper!AI$2:AI$366,ROUNDDOWN($C6725/24,0)+1,1))-1)+IF('Standard Profiles'!$G$19=$B$10,7,0)+IF('Standard Profiles'!$G$19=$B$17,14,0)+IF('Standard Profiles'!$G$19=$B$24,21,0),MOD($C6725,24)+1)/SUM(INDEX($D$3:$AA$30,INDEX(Jesper!$R$2:$R$366,ROW(INDEX(Jesper!AI$2:AI$366,ROUNDDOWN($C6725/24,0)+1,1))-1)+IF('Standard Profiles'!$G$19=$B$10,7,0)+IF('Standard Profiles'!$G$19=$B$17,14,0)+IF('Standard Profiles'!$G$19=$B$24,21,0),0)),0)</f>
        <v>2.4370529028069674</v>
      </c>
      <c r="F6725" cm="1">
        <f t="array" ref="F6725">IFERROR(INDEX(Jesper!AJ$2:AJ$366,ROUNDDOWN($C6725/24,0)+1,1)*INDEX($D$3:$AA$30,INDEX(Jesper!$R$2:$R$366,ROW(INDEX(Jesper!AJ$2:AJ$366,ROUNDDOWN($C6725/24,0)+1,1))-1)+IF('Standard Profiles'!$G$20=$B$10,7,0)+IF('Standard Profiles'!$G$20=$B$17,14,0)+IF('Standard Profiles'!$G$20=$B$24,21,0),MOD($C6725,24)+1)/SUM(INDEX($D$3:$AA$30,INDEX(Jesper!$R$2:$R$366,ROW(INDEX(Jesper!AJ$2:AJ$366,ROUNDDOWN($C6725/24,0)+1,1))-1)+IF('Standard Profiles'!$G$20=$B$10,7,0)+IF('Standard Profiles'!$G$20=$B$17,14,0)+IF('Standard Profiles'!$G$20=$B$24,21,0),0)),0)</f>
        <v>0</v>
      </c>
      <c r="G6725" cm="1">
        <f t="array" ref="G6725">IFERROR(INDEX(Jesper!AK$2:AK$366,ROUNDDOWN($C6725/24,0)+1,1)*INDEX($D$3:$AA$30,INDEX(Jesper!$R$2:$R$366,ROW(INDEX(Jesper!AK$2:AK$366,ROUNDDOWN($C6725/24,0)+1,1))-1)+IF('Standard Profiles'!$G$21=$B$10,7,0)+IF('Standard Profiles'!$G$21=$B$17,14,0)+IF('Standard Profiles'!$G$21=$B$24,21,0),MOD($C6725,24)+1)/SUM(INDEX($D$3:$AA$30,INDEX(Jesper!$R$2:$R$366,ROW(INDEX(Jesper!AK$2:AK$366,ROUNDDOWN($C6725/24,0)+1,1))-1)+IF('Standard Profiles'!$G$21=$B$10,7,0)+IF('Standard Profiles'!$G$21=$B$17,14,0)+IF('Standard Profiles'!$G$21=$B$24,21,0),0)),0)</f>
        <v>0.69798959510317948</v>
      </c>
      <c r="H6725" cm="1">
        <f t="array" ref="H6725">IFERROR(INDEX(Jesper!AL$2:AL$366,ROUNDDOWN($C6725/24,0)+1,1)*INDEX($D$3:$AA$30,INDEX(Jesper!$R$2:$R$366,ROW(INDEX(Jesper!AL$2:AL$366,ROUNDDOWN($C6725/24,0)+1,1))-1)+IF('Standard Profiles'!$G$22=$B$10,7,0)+IF('Standard Profiles'!$G$22=$B$17,14,0)+IF('Standard Profiles'!$G$22=$B$24,21,0),MOD($C6725,24)+1)/SUM(INDEX($D$3:$AA$30,INDEX(Jesper!$R$2:$R$366,ROW(INDEX(Jesper!AL$2:AL$366,ROUNDDOWN($C6725/24,0)+1,1))-1)+IF('Standard Profiles'!$G$22=$B$10,7,0)+IF('Standard Profiles'!$G$22=$B$17,14,0)+IF('Standard Profiles'!$G$22=$B$24,21,0),0)),0)</f>
        <v>0</v>
      </c>
      <c r="I6725">
        <f t="shared" si="748"/>
        <v>0.33503500564952599</v>
      </c>
      <c r="J6725">
        <f t="shared" si="749"/>
        <v>7.1114866402352774</v>
      </c>
      <c r="K6725">
        <f t="shared" si="750"/>
        <v>0.54748941561582953</v>
      </c>
      <c r="L6725">
        <f t="shared" si="751"/>
        <v>0.27374470780791477</v>
      </c>
      <c r="M6725">
        <f t="shared" si="752"/>
        <v>0</v>
      </c>
      <c r="N6725" s="45">
        <f t="shared" si="753"/>
        <v>45205.791666650439</v>
      </c>
    </row>
    <row r="6726" spans="2:14" x14ac:dyDescent="0.25">
      <c r="B6726">
        <f t="shared" si="747"/>
        <v>5</v>
      </c>
      <c r="C6726" s="16">
        <v>6692</v>
      </c>
      <c r="D6726" cm="1">
        <f t="array" ref="D6726">IFERROR(INDEX(Jesper!AH$2:AH$366,ROUNDDOWN($C6726/24,0)+1,1)*INDEX($D$3:$AA$30,INDEX(Jesper!$R$2:$R$366,ROW(INDEX(Jesper!AH$2:AH$366,ROUNDDOWN($C6726/24,0)+1,1))-1)+IF('Standard Profiles'!$G$18=$B$10,7,0)+IF('Standard Profiles'!$G$18=$B$17,14,0)+IF('Standard Profiles'!$G$18=$B$24,21,0),MOD($C6726,24)+1)/SUM(INDEX($D$3:$AA$30,INDEX(Jesper!$R$2:$R$366,ROW(INDEX(Jesper!AH$2:AH$366,ROUNDDOWN($C6726/24,0)+1,1))-1)+IF('Standard Profiles'!$G$18=$B$10,7,0)+IF('Standard Profiles'!$G$18=$B$17,14,0)+IF('Standard Profiles'!$G$18=$B$24,21,0),0)),0)</f>
        <v>5.1327132713984014</v>
      </c>
      <c r="E6726" cm="1">
        <f t="array" ref="E6726">IFERROR(INDEX(Jesper!AI$2:AI$366,ROUNDDOWN($C6726/24,0)+1,1)*INDEX($D$3:$AA$30,INDEX(Jesper!$R$2:$R$366,ROW(INDEX(Jesper!AI$2:AI$366,ROUNDDOWN($C6726/24,0)+1,1))-1)+IF('Standard Profiles'!$G$19=$B$10,7,0)+IF('Standard Profiles'!$G$19=$B$17,14,0)+IF('Standard Profiles'!$G$19=$B$24,21,0),MOD($C6726,24)+1)/SUM(INDEX($D$3:$AA$30,INDEX(Jesper!$R$2:$R$366,ROW(INDEX(Jesper!AI$2:AI$366,ROUNDDOWN($C6726/24,0)+1,1))-1)+IF('Standard Profiles'!$G$19=$B$10,7,0)+IF('Standard Profiles'!$G$19=$B$17,14,0)+IF('Standard Profiles'!$G$19=$B$24,21,0),0)),0)</f>
        <v>2.4370529028069674</v>
      </c>
      <c r="F6726" cm="1">
        <f t="array" ref="F6726">IFERROR(INDEX(Jesper!AJ$2:AJ$366,ROUNDDOWN($C6726/24,0)+1,1)*INDEX($D$3:$AA$30,INDEX(Jesper!$R$2:$R$366,ROW(INDEX(Jesper!AJ$2:AJ$366,ROUNDDOWN($C6726/24,0)+1,1))-1)+IF('Standard Profiles'!$G$20=$B$10,7,0)+IF('Standard Profiles'!$G$20=$B$17,14,0)+IF('Standard Profiles'!$G$20=$B$24,21,0),MOD($C6726,24)+1)/SUM(INDEX($D$3:$AA$30,INDEX(Jesper!$R$2:$R$366,ROW(INDEX(Jesper!AJ$2:AJ$366,ROUNDDOWN($C6726/24,0)+1,1))-1)+IF('Standard Profiles'!$G$20=$B$10,7,0)+IF('Standard Profiles'!$G$20=$B$17,14,0)+IF('Standard Profiles'!$G$20=$B$24,21,0),0)),0)</f>
        <v>0</v>
      </c>
      <c r="G6726" cm="1">
        <f t="array" ref="G6726">IFERROR(INDEX(Jesper!AK$2:AK$366,ROUNDDOWN($C6726/24,0)+1,1)*INDEX($D$3:$AA$30,INDEX(Jesper!$R$2:$R$366,ROW(INDEX(Jesper!AK$2:AK$366,ROUNDDOWN($C6726/24,0)+1,1))-1)+IF('Standard Profiles'!$G$21=$B$10,7,0)+IF('Standard Profiles'!$G$21=$B$17,14,0)+IF('Standard Profiles'!$G$21=$B$24,21,0),MOD($C6726,24)+1)/SUM(INDEX($D$3:$AA$30,INDEX(Jesper!$R$2:$R$366,ROW(INDEX(Jesper!AK$2:AK$366,ROUNDDOWN($C6726/24,0)+1,1))-1)+IF('Standard Profiles'!$G$21=$B$10,7,0)+IF('Standard Profiles'!$G$21=$B$17,14,0)+IF('Standard Profiles'!$G$21=$B$24,21,0),0)),0)</f>
        <v>0.69798959510317948</v>
      </c>
      <c r="H6726" cm="1">
        <f t="array" ref="H6726">IFERROR(INDEX(Jesper!AL$2:AL$366,ROUNDDOWN($C6726/24,0)+1,1)*INDEX($D$3:$AA$30,INDEX(Jesper!$R$2:$R$366,ROW(INDEX(Jesper!AL$2:AL$366,ROUNDDOWN($C6726/24,0)+1,1))-1)+IF('Standard Profiles'!$G$22=$B$10,7,0)+IF('Standard Profiles'!$G$22=$B$17,14,0)+IF('Standard Profiles'!$G$22=$B$24,21,0),MOD($C6726,24)+1)/SUM(INDEX($D$3:$AA$30,INDEX(Jesper!$R$2:$R$366,ROW(INDEX(Jesper!AL$2:AL$366,ROUNDDOWN($C6726/24,0)+1,1))-1)+IF('Standard Profiles'!$G$22=$B$10,7,0)+IF('Standard Profiles'!$G$22=$B$17,14,0)+IF('Standard Profiles'!$G$22=$B$24,21,0),0)),0)</f>
        <v>0</v>
      </c>
      <c r="I6726">
        <f t="shared" si="748"/>
        <v>0.33503500564952599</v>
      </c>
      <c r="J6726">
        <f t="shared" si="749"/>
        <v>7.1114866402352774</v>
      </c>
      <c r="K6726">
        <f t="shared" si="750"/>
        <v>0.54748941561582953</v>
      </c>
      <c r="L6726">
        <f t="shared" si="751"/>
        <v>0.27374470780791477</v>
      </c>
      <c r="M6726">
        <f t="shared" si="752"/>
        <v>0</v>
      </c>
      <c r="N6726" s="45">
        <f t="shared" si="753"/>
        <v>45205.833333317103</v>
      </c>
    </row>
    <row r="6727" spans="2:14" x14ac:dyDescent="0.25">
      <c r="B6727">
        <f t="shared" si="747"/>
        <v>5</v>
      </c>
      <c r="C6727" s="16">
        <v>6693</v>
      </c>
      <c r="D6727" cm="1">
        <f t="array" ref="D6727">IFERROR(INDEX(Jesper!AH$2:AH$366,ROUNDDOWN($C6727/24,0)+1,1)*INDEX($D$3:$AA$30,INDEX(Jesper!$R$2:$R$366,ROW(INDEX(Jesper!AH$2:AH$366,ROUNDDOWN($C6727/24,0)+1,1))-1)+IF('Standard Profiles'!$G$18=$B$10,7,0)+IF('Standard Profiles'!$G$18=$B$17,14,0)+IF('Standard Profiles'!$G$18=$B$24,21,0),MOD($C6727,24)+1)/SUM(INDEX($D$3:$AA$30,INDEX(Jesper!$R$2:$R$366,ROW(INDEX(Jesper!AH$2:AH$366,ROUNDDOWN($C6727/24,0)+1,1))-1)+IF('Standard Profiles'!$G$18=$B$10,7,0)+IF('Standard Profiles'!$G$18=$B$17,14,0)+IF('Standard Profiles'!$G$18=$B$24,21,0),0)),0)</f>
        <v>5.1327132713984014</v>
      </c>
      <c r="E6727" cm="1">
        <f t="array" ref="E6727">IFERROR(INDEX(Jesper!AI$2:AI$366,ROUNDDOWN($C6727/24,0)+1,1)*INDEX($D$3:$AA$30,INDEX(Jesper!$R$2:$R$366,ROW(INDEX(Jesper!AI$2:AI$366,ROUNDDOWN($C6727/24,0)+1,1))-1)+IF('Standard Profiles'!$G$19=$B$10,7,0)+IF('Standard Profiles'!$G$19=$B$17,14,0)+IF('Standard Profiles'!$G$19=$B$24,21,0),MOD($C6727,24)+1)/SUM(INDEX($D$3:$AA$30,INDEX(Jesper!$R$2:$R$366,ROW(INDEX(Jesper!AI$2:AI$366,ROUNDDOWN($C6727/24,0)+1,1))-1)+IF('Standard Profiles'!$G$19=$B$10,7,0)+IF('Standard Profiles'!$G$19=$B$17,14,0)+IF('Standard Profiles'!$G$19=$B$24,21,0),0)),0)</f>
        <v>2.4370529028069674</v>
      </c>
      <c r="F6727" cm="1">
        <f t="array" ref="F6727">IFERROR(INDEX(Jesper!AJ$2:AJ$366,ROUNDDOWN($C6727/24,0)+1,1)*INDEX($D$3:$AA$30,INDEX(Jesper!$R$2:$R$366,ROW(INDEX(Jesper!AJ$2:AJ$366,ROUNDDOWN($C6727/24,0)+1,1))-1)+IF('Standard Profiles'!$G$20=$B$10,7,0)+IF('Standard Profiles'!$G$20=$B$17,14,0)+IF('Standard Profiles'!$G$20=$B$24,21,0),MOD($C6727,24)+1)/SUM(INDEX($D$3:$AA$30,INDEX(Jesper!$R$2:$R$366,ROW(INDEX(Jesper!AJ$2:AJ$366,ROUNDDOWN($C6727/24,0)+1,1))-1)+IF('Standard Profiles'!$G$20=$B$10,7,0)+IF('Standard Profiles'!$G$20=$B$17,14,0)+IF('Standard Profiles'!$G$20=$B$24,21,0),0)),0)</f>
        <v>0</v>
      </c>
      <c r="G6727" cm="1">
        <f t="array" ref="G6727">IFERROR(INDEX(Jesper!AK$2:AK$366,ROUNDDOWN($C6727/24,0)+1,1)*INDEX($D$3:$AA$30,INDEX(Jesper!$R$2:$R$366,ROW(INDEX(Jesper!AK$2:AK$366,ROUNDDOWN($C6727/24,0)+1,1))-1)+IF('Standard Profiles'!$G$21=$B$10,7,0)+IF('Standard Profiles'!$G$21=$B$17,14,0)+IF('Standard Profiles'!$G$21=$B$24,21,0),MOD($C6727,24)+1)/SUM(INDEX($D$3:$AA$30,INDEX(Jesper!$R$2:$R$366,ROW(INDEX(Jesper!AK$2:AK$366,ROUNDDOWN($C6727/24,0)+1,1))-1)+IF('Standard Profiles'!$G$21=$B$10,7,0)+IF('Standard Profiles'!$G$21=$B$17,14,0)+IF('Standard Profiles'!$G$21=$B$24,21,0),0)),0)</f>
        <v>0.69798959510317948</v>
      </c>
      <c r="H6727" cm="1">
        <f t="array" ref="H6727">IFERROR(INDEX(Jesper!AL$2:AL$366,ROUNDDOWN($C6727/24,0)+1,1)*INDEX($D$3:$AA$30,INDEX(Jesper!$R$2:$R$366,ROW(INDEX(Jesper!AL$2:AL$366,ROUNDDOWN($C6727/24,0)+1,1))-1)+IF('Standard Profiles'!$G$22=$B$10,7,0)+IF('Standard Profiles'!$G$22=$B$17,14,0)+IF('Standard Profiles'!$G$22=$B$24,21,0),MOD($C6727,24)+1)/SUM(INDEX($D$3:$AA$30,INDEX(Jesper!$R$2:$R$366,ROW(INDEX(Jesper!AL$2:AL$366,ROUNDDOWN($C6727/24,0)+1,1))-1)+IF('Standard Profiles'!$G$22=$B$10,7,0)+IF('Standard Profiles'!$G$22=$B$17,14,0)+IF('Standard Profiles'!$G$22=$B$24,21,0),0)),0)</f>
        <v>0</v>
      </c>
      <c r="I6727">
        <f t="shared" si="748"/>
        <v>0.33503500564952599</v>
      </c>
      <c r="J6727">
        <f t="shared" si="749"/>
        <v>7.1114866402352774</v>
      </c>
      <c r="K6727">
        <f t="shared" si="750"/>
        <v>0.54748941561582953</v>
      </c>
      <c r="L6727">
        <f t="shared" si="751"/>
        <v>0.27374470780791477</v>
      </c>
      <c r="M6727">
        <f t="shared" si="752"/>
        <v>0</v>
      </c>
      <c r="N6727" s="45">
        <f t="shared" si="753"/>
        <v>45205.874999983767</v>
      </c>
    </row>
    <row r="6728" spans="2:14" x14ac:dyDescent="0.25">
      <c r="B6728">
        <f t="shared" si="747"/>
        <v>5</v>
      </c>
      <c r="C6728" s="16">
        <v>6694</v>
      </c>
      <c r="D6728" cm="1">
        <f t="array" ref="D6728">IFERROR(INDEX(Jesper!AH$2:AH$366,ROUNDDOWN($C6728/24,0)+1,1)*INDEX($D$3:$AA$30,INDEX(Jesper!$R$2:$R$366,ROW(INDEX(Jesper!AH$2:AH$366,ROUNDDOWN($C6728/24,0)+1,1))-1)+IF('Standard Profiles'!$G$18=$B$10,7,0)+IF('Standard Profiles'!$G$18=$B$17,14,0)+IF('Standard Profiles'!$G$18=$B$24,21,0),MOD($C6728,24)+1)/SUM(INDEX($D$3:$AA$30,INDEX(Jesper!$R$2:$R$366,ROW(INDEX(Jesper!AH$2:AH$366,ROUNDDOWN($C6728/24,0)+1,1))-1)+IF('Standard Profiles'!$G$18=$B$10,7,0)+IF('Standard Profiles'!$G$18=$B$17,14,0)+IF('Standard Profiles'!$G$18=$B$24,21,0),0)),0)</f>
        <v>5.1327132713984014</v>
      </c>
      <c r="E6728" cm="1">
        <f t="array" ref="E6728">IFERROR(INDEX(Jesper!AI$2:AI$366,ROUNDDOWN($C6728/24,0)+1,1)*INDEX($D$3:$AA$30,INDEX(Jesper!$R$2:$R$366,ROW(INDEX(Jesper!AI$2:AI$366,ROUNDDOWN($C6728/24,0)+1,1))-1)+IF('Standard Profiles'!$G$19=$B$10,7,0)+IF('Standard Profiles'!$G$19=$B$17,14,0)+IF('Standard Profiles'!$G$19=$B$24,21,0),MOD($C6728,24)+1)/SUM(INDEX($D$3:$AA$30,INDEX(Jesper!$R$2:$R$366,ROW(INDEX(Jesper!AI$2:AI$366,ROUNDDOWN($C6728/24,0)+1,1))-1)+IF('Standard Profiles'!$G$19=$B$10,7,0)+IF('Standard Profiles'!$G$19=$B$17,14,0)+IF('Standard Profiles'!$G$19=$B$24,21,0),0)),0)</f>
        <v>2.4370529028069674</v>
      </c>
      <c r="F6728" cm="1">
        <f t="array" ref="F6728">IFERROR(INDEX(Jesper!AJ$2:AJ$366,ROUNDDOWN($C6728/24,0)+1,1)*INDEX($D$3:$AA$30,INDEX(Jesper!$R$2:$R$366,ROW(INDEX(Jesper!AJ$2:AJ$366,ROUNDDOWN($C6728/24,0)+1,1))-1)+IF('Standard Profiles'!$G$20=$B$10,7,0)+IF('Standard Profiles'!$G$20=$B$17,14,0)+IF('Standard Profiles'!$G$20=$B$24,21,0),MOD($C6728,24)+1)/SUM(INDEX($D$3:$AA$30,INDEX(Jesper!$R$2:$R$366,ROW(INDEX(Jesper!AJ$2:AJ$366,ROUNDDOWN($C6728/24,0)+1,1))-1)+IF('Standard Profiles'!$G$20=$B$10,7,0)+IF('Standard Profiles'!$G$20=$B$17,14,0)+IF('Standard Profiles'!$G$20=$B$24,21,0),0)),0)</f>
        <v>0</v>
      </c>
      <c r="G6728" cm="1">
        <f t="array" ref="G6728">IFERROR(INDEX(Jesper!AK$2:AK$366,ROUNDDOWN($C6728/24,0)+1,1)*INDEX($D$3:$AA$30,INDEX(Jesper!$R$2:$R$366,ROW(INDEX(Jesper!AK$2:AK$366,ROUNDDOWN($C6728/24,0)+1,1))-1)+IF('Standard Profiles'!$G$21=$B$10,7,0)+IF('Standard Profiles'!$G$21=$B$17,14,0)+IF('Standard Profiles'!$G$21=$B$24,21,0),MOD($C6728,24)+1)/SUM(INDEX($D$3:$AA$30,INDEX(Jesper!$R$2:$R$366,ROW(INDEX(Jesper!AK$2:AK$366,ROUNDDOWN($C6728/24,0)+1,1))-1)+IF('Standard Profiles'!$G$21=$B$10,7,0)+IF('Standard Profiles'!$G$21=$B$17,14,0)+IF('Standard Profiles'!$G$21=$B$24,21,0),0)),0)</f>
        <v>0.69798959510317948</v>
      </c>
      <c r="H6728" cm="1">
        <f t="array" ref="H6728">IFERROR(INDEX(Jesper!AL$2:AL$366,ROUNDDOWN($C6728/24,0)+1,1)*INDEX($D$3:$AA$30,INDEX(Jesper!$R$2:$R$366,ROW(INDEX(Jesper!AL$2:AL$366,ROUNDDOWN($C6728/24,0)+1,1))-1)+IF('Standard Profiles'!$G$22=$B$10,7,0)+IF('Standard Profiles'!$G$22=$B$17,14,0)+IF('Standard Profiles'!$G$22=$B$24,21,0),MOD($C6728,24)+1)/SUM(INDEX($D$3:$AA$30,INDEX(Jesper!$R$2:$R$366,ROW(INDEX(Jesper!AL$2:AL$366,ROUNDDOWN($C6728/24,0)+1,1))-1)+IF('Standard Profiles'!$G$22=$B$10,7,0)+IF('Standard Profiles'!$G$22=$B$17,14,0)+IF('Standard Profiles'!$G$22=$B$24,21,0),0)),0)</f>
        <v>0</v>
      </c>
      <c r="I6728">
        <f t="shared" si="748"/>
        <v>0.33503500564952599</v>
      </c>
      <c r="J6728">
        <f t="shared" si="749"/>
        <v>7.1114866402352774</v>
      </c>
      <c r="K6728">
        <f t="shared" si="750"/>
        <v>0.54748941561582953</v>
      </c>
      <c r="L6728">
        <f t="shared" si="751"/>
        <v>0.27374470780791477</v>
      </c>
      <c r="M6728">
        <f t="shared" si="752"/>
        <v>0</v>
      </c>
      <c r="N6728" s="45">
        <f t="shared" si="753"/>
        <v>45205.916666650432</v>
      </c>
    </row>
    <row r="6729" spans="2:14" x14ac:dyDescent="0.25">
      <c r="B6729">
        <f t="shared" si="747"/>
        <v>5</v>
      </c>
      <c r="C6729" s="16">
        <v>6695</v>
      </c>
      <c r="D6729" cm="1">
        <f t="array" ref="D6729">IFERROR(INDEX(Jesper!AH$2:AH$366,ROUNDDOWN($C6729/24,0)+1,1)*INDEX($D$3:$AA$30,INDEX(Jesper!$R$2:$R$366,ROW(INDEX(Jesper!AH$2:AH$366,ROUNDDOWN($C6729/24,0)+1,1))-1)+IF('Standard Profiles'!$G$18=$B$10,7,0)+IF('Standard Profiles'!$G$18=$B$17,14,0)+IF('Standard Profiles'!$G$18=$B$24,21,0),MOD($C6729,24)+1)/SUM(INDEX($D$3:$AA$30,INDEX(Jesper!$R$2:$R$366,ROW(INDEX(Jesper!AH$2:AH$366,ROUNDDOWN($C6729/24,0)+1,1))-1)+IF('Standard Profiles'!$G$18=$B$10,7,0)+IF('Standard Profiles'!$G$18=$B$17,14,0)+IF('Standard Profiles'!$G$18=$B$24,21,0),0)),0)</f>
        <v>5.1327132713984014</v>
      </c>
      <c r="E6729" cm="1">
        <f t="array" ref="E6729">IFERROR(INDEX(Jesper!AI$2:AI$366,ROUNDDOWN($C6729/24,0)+1,1)*INDEX($D$3:$AA$30,INDEX(Jesper!$R$2:$R$366,ROW(INDEX(Jesper!AI$2:AI$366,ROUNDDOWN($C6729/24,0)+1,1))-1)+IF('Standard Profiles'!$G$19=$B$10,7,0)+IF('Standard Profiles'!$G$19=$B$17,14,0)+IF('Standard Profiles'!$G$19=$B$24,21,0),MOD($C6729,24)+1)/SUM(INDEX($D$3:$AA$30,INDEX(Jesper!$R$2:$R$366,ROW(INDEX(Jesper!AI$2:AI$366,ROUNDDOWN($C6729/24,0)+1,1))-1)+IF('Standard Profiles'!$G$19=$B$10,7,0)+IF('Standard Profiles'!$G$19=$B$17,14,0)+IF('Standard Profiles'!$G$19=$B$24,21,0),0)),0)</f>
        <v>2.4370529028069674</v>
      </c>
      <c r="F6729" cm="1">
        <f t="array" ref="F6729">IFERROR(INDEX(Jesper!AJ$2:AJ$366,ROUNDDOWN($C6729/24,0)+1,1)*INDEX($D$3:$AA$30,INDEX(Jesper!$R$2:$R$366,ROW(INDEX(Jesper!AJ$2:AJ$366,ROUNDDOWN($C6729/24,0)+1,1))-1)+IF('Standard Profiles'!$G$20=$B$10,7,0)+IF('Standard Profiles'!$G$20=$B$17,14,0)+IF('Standard Profiles'!$G$20=$B$24,21,0),MOD($C6729,24)+1)/SUM(INDEX($D$3:$AA$30,INDEX(Jesper!$R$2:$R$366,ROW(INDEX(Jesper!AJ$2:AJ$366,ROUNDDOWN($C6729/24,0)+1,1))-1)+IF('Standard Profiles'!$G$20=$B$10,7,0)+IF('Standard Profiles'!$G$20=$B$17,14,0)+IF('Standard Profiles'!$G$20=$B$24,21,0),0)),0)</f>
        <v>0</v>
      </c>
      <c r="G6729" cm="1">
        <f t="array" ref="G6729">IFERROR(INDEX(Jesper!AK$2:AK$366,ROUNDDOWN($C6729/24,0)+1,1)*INDEX($D$3:$AA$30,INDEX(Jesper!$R$2:$R$366,ROW(INDEX(Jesper!AK$2:AK$366,ROUNDDOWN($C6729/24,0)+1,1))-1)+IF('Standard Profiles'!$G$21=$B$10,7,0)+IF('Standard Profiles'!$G$21=$B$17,14,0)+IF('Standard Profiles'!$G$21=$B$24,21,0),MOD($C6729,24)+1)/SUM(INDEX($D$3:$AA$30,INDEX(Jesper!$R$2:$R$366,ROW(INDEX(Jesper!AK$2:AK$366,ROUNDDOWN($C6729/24,0)+1,1))-1)+IF('Standard Profiles'!$G$21=$B$10,7,0)+IF('Standard Profiles'!$G$21=$B$17,14,0)+IF('Standard Profiles'!$G$21=$B$24,21,0),0)),0)</f>
        <v>0.69798959510317948</v>
      </c>
      <c r="H6729" cm="1">
        <f t="array" ref="H6729">IFERROR(INDEX(Jesper!AL$2:AL$366,ROUNDDOWN($C6729/24,0)+1,1)*INDEX($D$3:$AA$30,INDEX(Jesper!$R$2:$R$366,ROW(INDEX(Jesper!AL$2:AL$366,ROUNDDOWN($C6729/24,0)+1,1))-1)+IF('Standard Profiles'!$G$22=$B$10,7,0)+IF('Standard Profiles'!$G$22=$B$17,14,0)+IF('Standard Profiles'!$G$22=$B$24,21,0),MOD($C6729,24)+1)/SUM(INDEX($D$3:$AA$30,INDEX(Jesper!$R$2:$R$366,ROW(INDEX(Jesper!AL$2:AL$366,ROUNDDOWN($C6729/24,0)+1,1))-1)+IF('Standard Profiles'!$G$22=$B$10,7,0)+IF('Standard Profiles'!$G$22=$B$17,14,0)+IF('Standard Profiles'!$G$22=$B$24,21,0),0)),0)</f>
        <v>0</v>
      </c>
      <c r="I6729">
        <f t="shared" si="748"/>
        <v>0.33503500564952599</v>
      </c>
      <c r="J6729">
        <f t="shared" si="749"/>
        <v>7.1114866402352774</v>
      </c>
      <c r="K6729">
        <f t="shared" si="750"/>
        <v>0.54748941561582953</v>
      </c>
      <c r="L6729">
        <f t="shared" si="751"/>
        <v>0.27374470780791477</v>
      </c>
      <c r="M6729">
        <f t="shared" si="752"/>
        <v>0</v>
      </c>
      <c r="N6729" s="45">
        <f t="shared" si="753"/>
        <v>45205.958333317096</v>
      </c>
    </row>
    <row r="6730" spans="2:14" x14ac:dyDescent="0.25">
      <c r="B6730">
        <f t="shared" si="747"/>
        <v>6</v>
      </c>
      <c r="C6730" s="16">
        <v>6696</v>
      </c>
      <c r="D6730" cm="1">
        <f t="array" ref="D6730">IFERROR(INDEX(Jesper!AH$2:AH$366,ROUNDDOWN($C6730/24,0)+1,1)*INDEX($D$3:$AA$30,INDEX(Jesper!$R$2:$R$366,ROW(INDEX(Jesper!AH$2:AH$366,ROUNDDOWN($C6730/24,0)+1,1))-1)+IF('Standard Profiles'!$G$18=$B$10,7,0)+IF('Standard Profiles'!$G$18=$B$17,14,0)+IF('Standard Profiles'!$G$18=$B$24,21,0),MOD($C6730,24)+1)/SUM(INDEX($D$3:$AA$30,INDEX(Jesper!$R$2:$R$366,ROW(INDEX(Jesper!AH$2:AH$366,ROUNDDOWN($C6730/24,0)+1,1))-1)+IF('Standard Profiles'!$G$18=$B$10,7,0)+IF('Standard Profiles'!$G$18=$B$17,14,0)+IF('Standard Profiles'!$G$18=$B$24,21,0),0)),0)</f>
        <v>0</v>
      </c>
      <c r="E6730" cm="1">
        <f t="array" ref="E6730">IFERROR(INDEX(Jesper!AI$2:AI$366,ROUNDDOWN($C6730/24,0)+1,1)*INDEX($D$3:$AA$30,INDEX(Jesper!$R$2:$R$366,ROW(INDEX(Jesper!AI$2:AI$366,ROUNDDOWN($C6730/24,0)+1,1))-1)+IF('Standard Profiles'!$G$19=$B$10,7,0)+IF('Standard Profiles'!$G$19=$B$17,14,0)+IF('Standard Profiles'!$G$19=$B$24,21,0),MOD($C6730,24)+1)/SUM(INDEX($D$3:$AA$30,INDEX(Jesper!$R$2:$R$366,ROW(INDEX(Jesper!AI$2:AI$366,ROUNDDOWN($C6730/24,0)+1,1))-1)+IF('Standard Profiles'!$G$19=$B$10,7,0)+IF('Standard Profiles'!$G$19=$B$17,14,0)+IF('Standard Profiles'!$G$19=$B$24,21,0),0)),0)</f>
        <v>3.0439847149650796</v>
      </c>
      <c r="F6730" cm="1">
        <f t="array" ref="F6730">IFERROR(INDEX(Jesper!AJ$2:AJ$366,ROUNDDOWN($C6730/24,0)+1,1)*INDEX($D$3:$AA$30,INDEX(Jesper!$R$2:$R$366,ROW(INDEX(Jesper!AJ$2:AJ$366,ROUNDDOWN($C6730/24,0)+1,1))-1)+IF('Standard Profiles'!$G$20=$B$10,7,0)+IF('Standard Profiles'!$G$20=$B$17,14,0)+IF('Standard Profiles'!$G$20=$B$24,21,0),MOD($C6730,24)+1)/SUM(INDEX($D$3:$AA$30,INDEX(Jesper!$R$2:$R$366,ROW(INDEX(Jesper!AJ$2:AJ$366,ROUNDDOWN($C6730/24,0)+1,1))-1)+IF('Standard Profiles'!$G$20=$B$10,7,0)+IF('Standard Profiles'!$G$20=$B$17,14,0)+IF('Standard Profiles'!$G$20=$B$24,21,0),0)),0)</f>
        <v>1.4439217810761873</v>
      </c>
      <c r="G6730" cm="1">
        <f t="array" ref="G6730">IFERROR(INDEX(Jesper!AK$2:AK$366,ROUNDDOWN($C6730/24,0)+1,1)*INDEX($D$3:$AA$30,INDEX(Jesper!$R$2:$R$366,ROW(INDEX(Jesper!AK$2:AK$366,ROUNDDOWN($C6730/24,0)+1,1))-1)+IF('Standard Profiles'!$G$21=$B$10,7,0)+IF('Standard Profiles'!$G$21=$B$17,14,0)+IF('Standard Profiles'!$G$21=$B$24,21,0),MOD($C6730,24)+1)/SUM(INDEX($D$3:$AA$30,INDEX(Jesper!$R$2:$R$366,ROW(INDEX(Jesper!AK$2:AK$366,ROUNDDOWN($C6730/24,0)+1,1))-1)+IF('Standard Profiles'!$G$21=$B$10,7,0)+IF('Standard Profiles'!$G$21=$B$17,14,0)+IF('Standard Profiles'!$G$21=$B$24,21,0),0)),0)</f>
        <v>0.82686160482704896</v>
      </c>
      <c r="H6730" cm="1">
        <f t="array" ref="H6730">IFERROR(INDEX(Jesper!AL$2:AL$366,ROUNDDOWN($C6730/24,0)+1,1)*INDEX($D$3:$AA$30,INDEX(Jesper!$R$2:$R$366,ROW(INDEX(Jesper!AL$2:AL$366,ROUNDDOWN($C6730/24,0)+1,1))-1)+IF('Standard Profiles'!$G$22=$B$10,7,0)+IF('Standard Profiles'!$G$22=$B$17,14,0)+IF('Standard Profiles'!$G$22=$B$24,21,0),MOD($C6730,24)+1)/SUM(INDEX($D$3:$AA$30,INDEX(Jesper!$R$2:$R$366,ROW(INDEX(Jesper!AL$2:AL$366,ROUNDDOWN($C6730/24,0)+1,1))-1)+IF('Standard Profiles'!$G$22=$B$10,7,0)+IF('Standard Profiles'!$G$22=$B$17,14,0)+IF('Standard Profiles'!$G$22=$B$24,21,0),0)),0)</f>
        <v>0.16797896649761937</v>
      </c>
      <c r="I6730">
        <f t="shared" si="748"/>
        <v>0.16125980783771468</v>
      </c>
      <c r="J6730">
        <f t="shared" si="749"/>
        <v>4.9562090937324106</v>
      </c>
      <c r="K6730">
        <f t="shared" si="750"/>
        <v>0.24351877719720638</v>
      </c>
      <c r="L6730">
        <f t="shared" si="751"/>
        <v>0.12175938859860319</v>
      </c>
      <c r="M6730">
        <f t="shared" si="752"/>
        <v>0</v>
      </c>
      <c r="N6730" s="45">
        <f t="shared" si="753"/>
        <v>45205.99999998376</v>
      </c>
    </row>
    <row r="6731" spans="2:14" x14ac:dyDescent="0.25">
      <c r="B6731">
        <f t="shared" si="747"/>
        <v>6</v>
      </c>
      <c r="C6731" s="16">
        <v>6697</v>
      </c>
      <c r="D6731" cm="1">
        <f t="array" ref="D6731">IFERROR(INDEX(Jesper!AH$2:AH$366,ROUNDDOWN($C6731/24,0)+1,1)*INDEX($D$3:$AA$30,INDEX(Jesper!$R$2:$R$366,ROW(INDEX(Jesper!AH$2:AH$366,ROUNDDOWN($C6731/24,0)+1,1))-1)+IF('Standard Profiles'!$G$18=$B$10,7,0)+IF('Standard Profiles'!$G$18=$B$17,14,0)+IF('Standard Profiles'!$G$18=$B$24,21,0),MOD($C6731,24)+1)/SUM(INDEX($D$3:$AA$30,INDEX(Jesper!$R$2:$R$366,ROW(INDEX(Jesper!AH$2:AH$366,ROUNDDOWN($C6731/24,0)+1,1))-1)+IF('Standard Profiles'!$G$18=$B$10,7,0)+IF('Standard Profiles'!$G$18=$B$17,14,0)+IF('Standard Profiles'!$G$18=$B$24,21,0),0)),0)</f>
        <v>0</v>
      </c>
      <c r="E6731" cm="1">
        <f t="array" ref="E6731">IFERROR(INDEX(Jesper!AI$2:AI$366,ROUNDDOWN($C6731/24,0)+1,1)*INDEX($D$3:$AA$30,INDEX(Jesper!$R$2:$R$366,ROW(INDEX(Jesper!AI$2:AI$366,ROUNDDOWN($C6731/24,0)+1,1))-1)+IF('Standard Profiles'!$G$19=$B$10,7,0)+IF('Standard Profiles'!$G$19=$B$17,14,0)+IF('Standard Profiles'!$G$19=$B$24,21,0),MOD($C6731,24)+1)/SUM(INDEX($D$3:$AA$30,INDEX(Jesper!$R$2:$R$366,ROW(INDEX(Jesper!AI$2:AI$366,ROUNDDOWN($C6731/24,0)+1,1))-1)+IF('Standard Profiles'!$G$19=$B$10,7,0)+IF('Standard Profiles'!$G$19=$B$17,14,0)+IF('Standard Profiles'!$G$19=$B$24,21,0),0)),0)</f>
        <v>2.7395862434685716</v>
      </c>
      <c r="F6731" cm="1">
        <f t="array" ref="F6731">IFERROR(INDEX(Jesper!AJ$2:AJ$366,ROUNDDOWN($C6731/24,0)+1,1)*INDEX($D$3:$AA$30,INDEX(Jesper!$R$2:$R$366,ROW(INDEX(Jesper!AJ$2:AJ$366,ROUNDDOWN($C6731/24,0)+1,1))-1)+IF('Standard Profiles'!$G$20=$B$10,7,0)+IF('Standard Profiles'!$G$20=$B$17,14,0)+IF('Standard Profiles'!$G$20=$B$24,21,0),MOD($C6731,24)+1)/SUM(INDEX($D$3:$AA$30,INDEX(Jesper!$R$2:$R$366,ROW(INDEX(Jesper!AJ$2:AJ$366,ROUNDDOWN($C6731/24,0)+1,1))-1)+IF('Standard Profiles'!$G$20=$B$10,7,0)+IF('Standard Profiles'!$G$20=$B$17,14,0)+IF('Standard Profiles'!$G$20=$B$24,21,0),0)),0)</f>
        <v>1.2995296029685686</v>
      </c>
      <c r="G6731" cm="1">
        <f t="array" ref="G6731">IFERROR(INDEX(Jesper!AK$2:AK$366,ROUNDDOWN($C6731/24,0)+1,1)*INDEX($D$3:$AA$30,INDEX(Jesper!$R$2:$R$366,ROW(INDEX(Jesper!AK$2:AK$366,ROUNDDOWN($C6731/24,0)+1,1))-1)+IF('Standard Profiles'!$G$21=$B$10,7,0)+IF('Standard Profiles'!$G$21=$B$17,14,0)+IF('Standard Profiles'!$G$21=$B$24,21,0),MOD($C6731,24)+1)/SUM(INDEX($D$3:$AA$30,INDEX(Jesper!$R$2:$R$366,ROW(INDEX(Jesper!AK$2:AK$366,ROUNDDOWN($C6731/24,0)+1,1))-1)+IF('Standard Profiles'!$G$21=$B$10,7,0)+IF('Standard Profiles'!$G$21=$B$17,14,0)+IF('Standard Profiles'!$G$21=$B$24,21,0),0)),0)</f>
        <v>0.82686160482704896</v>
      </c>
      <c r="H6731" cm="1">
        <f t="array" ref="H6731">IFERROR(INDEX(Jesper!AL$2:AL$366,ROUNDDOWN($C6731/24,0)+1,1)*INDEX($D$3:$AA$30,INDEX(Jesper!$R$2:$R$366,ROW(INDEX(Jesper!AL$2:AL$366,ROUNDDOWN($C6731/24,0)+1,1))-1)+IF('Standard Profiles'!$G$22=$B$10,7,0)+IF('Standard Profiles'!$G$22=$B$17,14,0)+IF('Standard Profiles'!$G$22=$B$24,21,0),MOD($C6731,24)+1)/SUM(INDEX($D$3:$AA$30,INDEX(Jesper!$R$2:$R$366,ROW(INDEX(Jesper!AL$2:AL$366,ROUNDDOWN($C6731/24,0)+1,1))-1)+IF('Standard Profiles'!$G$22=$B$10,7,0)+IF('Standard Profiles'!$G$22=$B$17,14,0)+IF('Standard Profiles'!$G$22=$B$24,21,0),0)),0)</f>
        <v>0.32795893459059028</v>
      </c>
      <c r="I6731">
        <f t="shared" si="748"/>
        <v>0.31484057720696684</v>
      </c>
      <c r="J6731">
        <f t="shared" si="749"/>
        <v>4.5503454594315844</v>
      </c>
      <c r="K6731">
        <f t="shared" si="750"/>
        <v>0.21916689947748574</v>
      </c>
      <c r="L6731">
        <f t="shared" si="751"/>
        <v>0.10958344973874287</v>
      </c>
      <c r="M6731">
        <f t="shared" si="752"/>
        <v>0</v>
      </c>
      <c r="N6731" s="45">
        <f t="shared" si="753"/>
        <v>45206.041666650424</v>
      </c>
    </row>
    <row r="6732" spans="2:14" x14ac:dyDescent="0.25">
      <c r="B6732">
        <f t="shared" si="747"/>
        <v>6</v>
      </c>
      <c r="C6732" s="16">
        <v>6698</v>
      </c>
      <c r="D6732" cm="1">
        <f t="array" ref="D6732">IFERROR(INDEX(Jesper!AH$2:AH$366,ROUNDDOWN($C6732/24,0)+1,1)*INDEX($D$3:$AA$30,INDEX(Jesper!$R$2:$R$366,ROW(INDEX(Jesper!AH$2:AH$366,ROUNDDOWN($C6732/24,0)+1,1))-1)+IF('Standard Profiles'!$G$18=$B$10,7,0)+IF('Standard Profiles'!$G$18=$B$17,14,0)+IF('Standard Profiles'!$G$18=$B$24,21,0),MOD($C6732,24)+1)/SUM(INDEX($D$3:$AA$30,INDEX(Jesper!$R$2:$R$366,ROW(INDEX(Jesper!AH$2:AH$366,ROUNDDOWN($C6732/24,0)+1,1))-1)+IF('Standard Profiles'!$G$18=$B$10,7,0)+IF('Standard Profiles'!$G$18=$B$17,14,0)+IF('Standard Profiles'!$G$18=$B$24,21,0),0)),0)</f>
        <v>0</v>
      </c>
      <c r="E6732" cm="1">
        <f t="array" ref="E6732">IFERROR(INDEX(Jesper!AI$2:AI$366,ROUNDDOWN($C6732/24,0)+1,1)*INDEX($D$3:$AA$30,INDEX(Jesper!$R$2:$R$366,ROW(INDEX(Jesper!AI$2:AI$366,ROUNDDOWN($C6732/24,0)+1,1))-1)+IF('Standard Profiles'!$G$19=$B$10,7,0)+IF('Standard Profiles'!$G$19=$B$17,14,0)+IF('Standard Profiles'!$G$19=$B$24,21,0),MOD($C6732,24)+1)/SUM(INDEX($D$3:$AA$30,INDEX(Jesper!$R$2:$R$366,ROW(INDEX(Jesper!AI$2:AI$366,ROUNDDOWN($C6732/24,0)+1,1))-1)+IF('Standard Profiles'!$G$19=$B$10,7,0)+IF('Standard Profiles'!$G$19=$B$17,14,0)+IF('Standard Profiles'!$G$19=$B$24,21,0),0)),0)</f>
        <v>2.7395862434685716</v>
      </c>
      <c r="F6732" cm="1">
        <f t="array" ref="F6732">IFERROR(INDEX(Jesper!AJ$2:AJ$366,ROUNDDOWN($C6732/24,0)+1,1)*INDEX($D$3:$AA$30,INDEX(Jesper!$R$2:$R$366,ROW(INDEX(Jesper!AJ$2:AJ$366,ROUNDDOWN($C6732/24,0)+1,1))-1)+IF('Standard Profiles'!$G$20=$B$10,7,0)+IF('Standard Profiles'!$G$20=$B$17,14,0)+IF('Standard Profiles'!$G$20=$B$24,21,0),MOD($C6732,24)+1)/SUM(INDEX($D$3:$AA$30,INDEX(Jesper!$R$2:$R$366,ROW(INDEX(Jesper!AJ$2:AJ$366,ROUNDDOWN($C6732/24,0)+1,1))-1)+IF('Standard Profiles'!$G$20=$B$10,7,0)+IF('Standard Profiles'!$G$20=$B$17,14,0)+IF('Standard Profiles'!$G$20=$B$24,21,0),0)),0)</f>
        <v>1.2995296029685686</v>
      </c>
      <c r="G6732" cm="1">
        <f t="array" ref="G6732">IFERROR(INDEX(Jesper!AK$2:AK$366,ROUNDDOWN($C6732/24,0)+1,1)*INDEX($D$3:$AA$30,INDEX(Jesper!$R$2:$R$366,ROW(INDEX(Jesper!AK$2:AK$366,ROUNDDOWN($C6732/24,0)+1,1))-1)+IF('Standard Profiles'!$G$21=$B$10,7,0)+IF('Standard Profiles'!$G$21=$B$17,14,0)+IF('Standard Profiles'!$G$21=$B$24,21,0),MOD($C6732,24)+1)/SUM(INDEX($D$3:$AA$30,INDEX(Jesper!$R$2:$R$366,ROW(INDEX(Jesper!AK$2:AK$366,ROUNDDOWN($C6732/24,0)+1,1))-1)+IF('Standard Profiles'!$G$21=$B$10,7,0)+IF('Standard Profiles'!$G$21=$B$17,14,0)+IF('Standard Profiles'!$G$21=$B$24,21,0),0)),0)</f>
        <v>0.82686160482704896</v>
      </c>
      <c r="H6732" cm="1">
        <f t="array" ref="H6732">IFERROR(INDEX(Jesper!AL$2:AL$366,ROUNDDOWN($C6732/24,0)+1,1)*INDEX($D$3:$AA$30,INDEX(Jesper!$R$2:$R$366,ROW(INDEX(Jesper!AL$2:AL$366,ROUNDDOWN($C6732/24,0)+1,1))-1)+IF('Standard Profiles'!$G$22=$B$10,7,0)+IF('Standard Profiles'!$G$22=$B$17,14,0)+IF('Standard Profiles'!$G$22=$B$24,21,0),MOD($C6732,24)+1)/SUM(INDEX($D$3:$AA$30,INDEX(Jesper!$R$2:$R$366,ROW(INDEX(Jesper!AL$2:AL$366,ROUNDDOWN($C6732/24,0)+1,1))-1)+IF('Standard Profiles'!$G$22=$B$10,7,0)+IF('Standard Profiles'!$G$22=$B$17,14,0)+IF('Standard Profiles'!$G$22=$B$24,21,0),0)),0)</f>
        <v>0.32795893459059028</v>
      </c>
      <c r="I6732">
        <f t="shared" si="748"/>
        <v>0.31484057720696684</v>
      </c>
      <c r="J6732">
        <f t="shared" si="749"/>
        <v>4.5503454594315844</v>
      </c>
      <c r="K6732">
        <f t="shared" si="750"/>
        <v>0.21916689947748574</v>
      </c>
      <c r="L6732">
        <f t="shared" si="751"/>
        <v>0.10958344973874287</v>
      </c>
      <c r="M6732">
        <f t="shared" si="752"/>
        <v>0</v>
      </c>
      <c r="N6732" s="45">
        <f t="shared" si="753"/>
        <v>45206.083333317089</v>
      </c>
    </row>
    <row r="6733" spans="2:14" x14ac:dyDescent="0.25">
      <c r="B6733">
        <f t="shared" si="747"/>
        <v>6</v>
      </c>
      <c r="C6733" s="16">
        <v>6699</v>
      </c>
      <c r="D6733" cm="1">
        <f t="array" ref="D6733">IFERROR(INDEX(Jesper!AH$2:AH$366,ROUNDDOWN($C6733/24,0)+1,1)*INDEX($D$3:$AA$30,INDEX(Jesper!$R$2:$R$366,ROW(INDEX(Jesper!AH$2:AH$366,ROUNDDOWN($C6733/24,0)+1,1))-1)+IF('Standard Profiles'!$G$18=$B$10,7,0)+IF('Standard Profiles'!$G$18=$B$17,14,0)+IF('Standard Profiles'!$G$18=$B$24,21,0),MOD($C6733,24)+1)/SUM(INDEX($D$3:$AA$30,INDEX(Jesper!$R$2:$R$366,ROW(INDEX(Jesper!AH$2:AH$366,ROUNDDOWN($C6733/24,0)+1,1))-1)+IF('Standard Profiles'!$G$18=$B$10,7,0)+IF('Standard Profiles'!$G$18=$B$17,14,0)+IF('Standard Profiles'!$G$18=$B$24,21,0),0)),0)</f>
        <v>0</v>
      </c>
      <c r="E6733" cm="1">
        <f t="array" ref="E6733">IFERROR(INDEX(Jesper!AI$2:AI$366,ROUNDDOWN($C6733/24,0)+1,1)*INDEX($D$3:$AA$30,INDEX(Jesper!$R$2:$R$366,ROW(INDEX(Jesper!AI$2:AI$366,ROUNDDOWN($C6733/24,0)+1,1))-1)+IF('Standard Profiles'!$G$19=$B$10,7,0)+IF('Standard Profiles'!$G$19=$B$17,14,0)+IF('Standard Profiles'!$G$19=$B$24,21,0),MOD($C6733,24)+1)/SUM(INDEX($D$3:$AA$30,INDEX(Jesper!$R$2:$R$366,ROW(INDEX(Jesper!AI$2:AI$366,ROUNDDOWN($C6733/24,0)+1,1))-1)+IF('Standard Profiles'!$G$19=$B$10,7,0)+IF('Standard Profiles'!$G$19=$B$17,14,0)+IF('Standard Profiles'!$G$19=$B$24,21,0),0)),0)</f>
        <v>2.7395862434685716</v>
      </c>
      <c r="F6733" cm="1">
        <f t="array" ref="F6733">IFERROR(INDEX(Jesper!AJ$2:AJ$366,ROUNDDOWN($C6733/24,0)+1,1)*INDEX($D$3:$AA$30,INDEX(Jesper!$R$2:$R$366,ROW(INDEX(Jesper!AJ$2:AJ$366,ROUNDDOWN($C6733/24,0)+1,1))-1)+IF('Standard Profiles'!$G$20=$B$10,7,0)+IF('Standard Profiles'!$G$20=$B$17,14,0)+IF('Standard Profiles'!$G$20=$B$24,21,0),MOD($C6733,24)+1)/SUM(INDEX($D$3:$AA$30,INDEX(Jesper!$R$2:$R$366,ROW(INDEX(Jesper!AJ$2:AJ$366,ROUNDDOWN($C6733/24,0)+1,1))-1)+IF('Standard Profiles'!$G$20=$B$10,7,0)+IF('Standard Profiles'!$G$20=$B$17,14,0)+IF('Standard Profiles'!$G$20=$B$24,21,0),0)),0)</f>
        <v>1.2995296029685686</v>
      </c>
      <c r="G6733" cm="1">
        <f t="array" ref="G6733">IFERROR(INDEX(Jesper!AK$2:AK$366,ROUNDDOWN($C6733/24,0)+1,1)*INDEX($D$3:$AA$30,INDEX(Jesper!$R$2:$R$366,ROW(INDEX(Jesper!AK$2:AK$366,ROUNDDOWN($C6733/24,0)+1,1))-1)+IF('Standard Profiles'!$G$21=$B$10,7,0)+IF('Standard Profiles'!$G$21=$B$17,14,0)+IF('Standard Profiles'!$G$21=$B$24,21,0),MOD($C6733,24)+1)/SUM(INDEX($D$3:$AA$30,INDEX(Jesper!$R$2:$R$366,ROW(INDEX(Jesper!AK$2:AK$366,ROUNDDOWN($C6733/24,0)+1,1))-1)+IF('Standard Profiles'!$G$21=$B$10,7,0)+IF('Standard Profiles'!$G$21=$B$17,14,0)+IF('Standard Profiles'!$G$21=$B$24,21,0),0)),0)</f>
        <v>0.82686160482704896</v>
      </c>
      <c r="H6733" cm="1">
        <f t="array" ref="H6733">IFERROR(INDEX(Jesper!AL$2:AL$366,ROUNDDOWN($C6733/24,0)+1,1)*INDEX($D$3:$AA$30,INDEX(Jesper!$R$2:$R$366,ROW(INDEX(Jesper!AL$2:AL$366,ROUNDDOWN($C6733/24,0)+1,1))-1)+IF('Standard Profiles'!$G$22=$B$10,7,0)+IF('Standard Profiles'!$G$22=$B$17,14,0)+IF('Standard Profiles'!$G$22=$B$24,21,0),MOD($C6733,24)+1)/SUM(INDEX($D$3:$AA$30,INDEX(Jesper!$R$2:$R$366,ROW(INDEX(Jesper!AL$2:AL$366,ROUNDDOWN($C6733/24,0)+1,1))-1)+IF('Standard Profiles'!$G$22=$B$10,7,0)+IF('Standard Profiles'!$G$22=$B$17,14,0)+IF('Standard Profiles'!$G$22=$B$24,21,0),0)),0)</f>
        <v>0.32795893459059028</v>
      </c>
      <c r="I6733">
        <f t="shared" si="748"/>
        <v>0.31484057720696684</v>
      </c>
      <c r="J6733">
        <f t="shared" si="749"/>
        <v>4.5503454594315844</v>
      </c>
      <c r="K6733">
        <f t="shared" si="750"/>
        <v>0.21916689947748574</v>
      </c>
      <c r="L6733">
        <f t="shared" si="751"/>
        <v>0.10958344973874287</v>
      </c>
      <c r="M6733">
        <f t="shared" si="752"/>
        <v>0</v>
      </c>
      <c r="N6733" s="45">
        <f t="shared" si="753"/>
        <v>45206.124999983753</v>
      </c>
    </row>
    <row r="6734" spans="2:14" x14ac:dyDescent="0.25">
      <c r="B6734">
        <f t="shared" si="747"/>
        <v>6</v>
      </c>
      <c r="C6734" s="16">
        <v>6700</v>
      </c>
      <c r="D6734" cm="1">
        <f t="array" ref="D6734">IFERROR(INDEX(Jesper!AH$2:AH$366,ROUNDDOWN($C6734/24,0)+1,1)*INDEX($D$3:$AA$30,INDEX(Jesper!$R$2:$R$366,ROW(INDEX(Jesper!AH$2:AH$366,ROUNDDOWN($C6734/24,0)+1,1))-1)+IF('Standard Profiles'!$G$18=$B$10,7,0)+IF('Standard Profiles'!$G$18=$B$17,14,0)+IF('Standard Profiles'!$G$18=$B$24,21,0),MOD($C6734,24)+1)/SUM(INDEX($D$3:$AA$30,INDEX(Jesper!$R$2:$R$366,ROW(INDEX(Jesper!AH$2:AH$366,ROUNDDOWN($C6734/24,0)+1,1))-1)+IF('Standard Profiles'!$G$18=$B$10,7,0)+IF('Standard Profiles'!$G$18=$B$17,14,0)+IF('Standard Profiles'!$G$18=$B$24,21,0),0)),0)</f>
        <v>0</v>
      </c>
      <c r="E6734" cm="1">
        <f t="array" ref="E6734">IFERROR(INDEX(Jesper!AI$2:AI$366,ROUNDDOWN($C6734/24,0)+1,1)*INDEX($D$3:$AA$30,INDEX(Jesper!$R$2:$R$366,ROW(INDEX(Jesper!AI$2:AI$366,ROUNDDOWN($C6734/24,0)+1,1))-1)+IF('Standard Profiles'!$G$19=$B$10,7,0)+IF('Standard Profiles'!$G$19=$B$17,14,0)+IF('Standard Profiles'!$G$19=$B$24,21,0),MOD($C6734,24)+1)/SUM(INDEX($D$3:$AA$30,INDEX(Jesper!$R$2:$R$366,ROW(INDEX(Jesper!AI$2:AI$366,ROUNDDOWN($C6734/24,0)+1,1))-1)+IF('Standard Profiles'!$G$19=$B$10,7,0)+IF('Standard Profiles'!$G$19=$B$17,14,0)+IF('Standard Profiles'!$G$19=$B$24,21,0),0)),0)</f>
        <v>2.7395862434685716</v>
      </c>
      <c r="F6734" cm="1">
        <f t="array" ref="F6734">IFERROR(INDEX(Jesper!AJ$2:AJ$366,ROUNDDOWN($C6734/24,0)+1,1)*INDEX($D$3:$AA$30,INDEX(Jesper!$R$2:$R$366,ROW(INDEX(Jesper!AJ$2:AJ$366,ROUNDDOWN($C6734/24,0)+1,1))-1)+IF('Standard Profiles'!$G$20=$B$10,7,0)+IF('Standard Profiles'!$G$20=$B$17,14,0)+IF('Standard Profiles'!$G$20=$B$24,21,0),MOD($C6734,24)+1)/SUM(INDEX($D$3:$AA$30,INDEX(Jesper!$R$2:$R$366,ROW(INDEX(Jesper!AJ$2:AJ$366,ROUNDDOWN($C6734/24,0)+1,1))-1)+IF('Standard Profiles'!$G$20=$B$10,7,0)+IF('Standard Profiles'!$G$20=$B$17,14,0)+IF('Standard Profiles'!$G$20=$B$24,21,0),0)),0)</f>
        <v>1.2995296029685686</v>
      </c>
      <c r="G6734" cm="1">
        <f t="array" ref="G6734">IFERROR(INDEX(Jesper!AK$2:AK$366,ROUNDDOWN($C6734/24,0)+1,1)*INDEX($D$3:$AA$30,INDEX(Jesper!$R$2:$R$366,ROW(INDEX(Jesper!AK$2:AK$366,ROUNDDOWN($C6734/24,0)+1,1))-1)+IF('Standard Profiles'!$G$21=$B$10,7,0)+IF('Standard Profiles'!$G$21=$B$17,14,0)+IF('Standard Profiles'!$G$21=$B$24,21,0),MOD($C6734,24)+1)/SUM(INDEX($D$3:$AA$30,INDEX(Jesper!$R$2:$R$366,ROW(INDEX(Jesper!AK$2:AK$366,ROUNDDOWN($C6734/24,0)+1,1))-1)+IF('Standard Profiles'!$G$21=$B$10,7,0)+IF('Standard Profiles'!$G$21=$B$17,14,0)+IF('Standard Profiles'!$G$21=$B$24,21,0),0)),0)</f>
        <v>0.82686160482704896</v>
      </c>
      <c r="H6734" cm="1">
        <f t="array" ref="H6734">IFERROR(INDEX(Jesper!AL$2:AL$366,ROUNDDOWN($C6734/24,0)+1,1)*INDEX($D$3:$AA$30,INDEX(Jesper!$R$2:$R$366,ROW(INDEX(Jesper!AL$2:AL$366,ROUNDDOWN($C6734/24,0)+1,1))-1)+IF('Standard Profiles'!$G$22=$B$10,7,0)+IF('Standard Profiles'!$G$22=$B$17,14,0)+IF('Standard Profiles'!$G$22=$B$24,21,0),MOD($C6734,24)+1)/SUM(INDEX($D$3:$AA$30,INDEX(Jesper!$R$2:$R$366,ROW(INDEX(Jesper!AL$2:AL$366,ROUNDDOWN($C6734/24,0)+1,1))-1)+IF('Standard Profiles'!$G$22=$B$10,7,0)+IF('Standard Profiles'!$G$22=$B$17,14,0)+IF('Standard Profiles'!$G$22=$B$24,21,0),0)),0)</f>
        <v>0.32795893459059028</v>
      </c>
      <c r="I6734">
        <f t="shared" si="748"/>
        <v>0.31484057720696684</v>
      </c>
      <c r="J6734">
        <f t="shared" si="749"/>
        <v>4.5503454594315844</v>
      </c>
      <c r="K6734">
        <f t="shared" si="750"/>
        <v>0.21916689947748574</v>
      </c>
      <c r="L6734">
        <f t="shared" si="751"/>
        <v>0.10958344973874287</v>
      </c>
      <c r="M6734">
        <f t="shared" si="752"/>
        <v>0</v>
      </c>
      <c r="N6734" s="45">
        <f t="shared" si="753"/>
        <v>45206.166666650417</v>
      </c>
    </row>
    <row r="6735" spans="2:14" x14ac:dyDescent="0.25">
      <c r="B6735">
        <f t="shared" si="747"/>
        <v>6</v>
      </c>
      <c r="C6735" s="16">
        <v>6701</v>
      </c>
      <c r="D6735" cm="1">
        <f t="array" ref="D6735">IFERROR(INDEX(Jesper!AH$2:AH$366,ROUNDDOWN($C6735/24,0)+1,1)*INDEX($D$3:$AA$30,INDEX(Jesper!$R$2:$R$366,ROW(INDEX(Jesper!AH$2:AH$366,ROUNDDOWN($C6735/24,0)+1,1))-1)+IF('Standard Profiles'!$G$18=$B$10,7,0)+IF('Standard Profiles'!$G$18=$B$17,14,0)+IF('Standard Profiles'!$G$18=$B$24,21,0),MOD($C6735,24)+1)/SUM(INDEX($D$3:$AA$30,INDEX(Jesper!$R$2:$R$366,ROW(INDEX(Jesper!AH$2:AH$366,ROUNDDOWN($C6735/24,0)+1,1))-1)+IF('Standard Profiles'!$G$18=$B$10,7,0)+IF('Standard Profiles'!$G$18=$B$17,14,0)+IF('Standard Profiles'!$G$18=$B$24,21,0),0)),0)</f>
        <v>0</v>
      </c>
      <c r="E6735" cm="1">
        <f t="array" ref="E6735">IFERROR(INDEX(Jesper!AI$2:AI$366,ROUNDDOWN($C6735/24,0)+1,1)*INDEX($D$3:$AA$30,INDEX(Jesper!$R$2:$R$366,ROW(INDEX(Jesper!AI$2:AI$366,ROUNDDOWN($C6735/24,0)+1,1))-1)+IF('Standard Profiles'!$G$19=$B$10,7,0)+IF('Standard Profiles'!$G$19=$B$17,14,0)+IF('Standard Profiles'!$G$19=$B$24,21,0),MOD($C6735,24)+1)/SUM(INDEX($D$3:$AA$30,INDEX(Jesper!$R$2:$R$366,ROW(INDEX(Jesper!AI$2:AI$366,ROUNDDOWN($C6735/24,0)+1,1))-1)+IF('Standard Profiles'!$G$19=$B$10,7,0)+IF('Standard Profiles'!$G$19=$B$17,14,0)+IF('Standard Profiles'!$G$19=$B$24,21,0),0)),0)</f>
        <v>2.7395862434685716</v>
      </c>
      <c r="F6735" cm="1">
        <f t="array" ref="F6735">IFERROR(INDEX(Jesper!AJ$2:AJ$366,ROUNDDOWN($C6735/24,0)+1,1)*INDEX($D$3:$AA$30,INDEX(Jesper!$R$2:$R$366,ROW(INDEX(Jesper!AJ$2:AJ$366,ROUNDDOWN($C6735/24,0)+1,1))-1)+IF('Standard Profiles'!$G$20=$B$10,7,0)+IF('Standard Profiles'!$G$20=$B$17,14,0)+IF('Standard Profiles'!$G$20=$B$24,21,0),MOD($C6735,24)+1)/SUM(INDEX($D$3:$AA$30,INDEX(Jesper!$R$2:$R$366,ROW(INDEX(Jesper!AJ$2:AJ$366,ROUNDDOWN($C6735/24,0)+1,1))-1)+IF('Standard Profiles'!$G$20=$B$10,7,0)+IF('Standard Profiles'!$G$20=$B$17,14,0)+IF('Standard Profiles'!$G$20=$B$24,21,0),0)),0)</f>
        <v>1.2995296029685686</v>
      </c>
      <c r="G6735" cm="1">
        <f t="array" ref="G6735">IFERROR(INDEX(Jesper!AK$2:AK$366,ROUNDDOWN($C6735/24,0)+1,1)*INDEX($D$3:$AA$30,INDEX(Jesper!$R$2:$R$366,ROW(INDEX(Jesper!AK$2:AK$366,ROUNDDOWN($C6735/24,0)+1,1))-1)+IF('Standard Profiles'!$G$21=$B$10,7,0)+IF('Standard Profiles'!$G$21=$B$17,14,0)+IF('Standard Profiles'!$G$21=$B$24,21,0),MOD($C6735,24)+1)/SUM(INDEX($D$3:$AA$30,INDEX(Jesper!$R$2:$R$366,ROW(INDEX(Jesper!AK$2:AK$366,ROUNDDOWN($C6735/24,0)+1,1))-1)+IF('Standard Profiles'!$G$21=$B$10,7,0)+IF('Standard Profiles'!$G$21=$B$17,14,0)+IF('Standard Profiles'!$G$21=$B$24,21,0),0)),0)</f>
        <v>0.82686160482704896</v>
      </c>
      <c r="H6735" cm="1">
        <f t="array" ref="H6735">IFERROR(INDEX(Jesper!AL$2:AL$366,ROUNDDOWN($C6735/24,0)+1,1)*INDEX($D$3:$AA$30,INDEX(Jesper!$R$2:$R$366,ROW(INDEX(Jesper!AL$2:AL$366,ROUNDDOWN($C6735/24,0)+1,1))-1)+IF('Standard Profiles'!$G$22=$B$10,7,0)+IF('Standard Profiles'!$G$22=$B$17,14,0)+IF('Standard Profiles'!$G$22=$B$24,21,0),MOD($C6735,24)+1)/SUM(INDEX($D$3:$AA$30,INDEX(Jesper!$R$2:$R$366,ROW(INDEX(Jesper!AL$2:AL$366,ROUNDDOWN($C6735/24,0)+1,1))-1)+IF('Standard Profiles'!$G$22=$B$10,7,0)+IF('Standard Profiles'!$G$22=$B$17,14,0)+IF('Standard Profiles'!$G$22=$B$24,21,0),0)),0)</f>
        <v>0.40794891863707566</v>
      </c>
      <c r="I6735">
        <f t="shared" si="748"/>
        <v>0.39163096189159285</v>
      </c>
      <c r="J6735">
        <f t="shared" si="749"/>
        <v>4.5535450587934436</v>
      </c>
      <c r="K6735">
        <f t="shared" si="750"/>
        <v>0.21916689947748574</v>
      </c>
      <c r="L6735">
        <f t="shared" si="751"/>
        <v>0.10958344973874287</v>
      </c>
      <c r="M6735">
        <f t="shared" si="752"/>
        <v>0</v>
      </c>
      <c r="N6735" s="45">
        <f t="shared" si="753"/>
        <v>45206.208333317081</v>
      </c>
    </row>
    <row r="6736" spans="2:14" x14ac:dyDescent="0.25">
      <c r="B6736">
        <f t="shared" si="747"/>
        <v>6</v>
      </c>
      <c r="C6736" s="16">
        <v>6702</v>
      </c>
      <c r="D6736" cm="1">
        <f t="array" ref="D6736">IFERROR(INDEX(Jesper!AH$2:AH$366,ROUNDDOWN($C6736/24,0)+1,1)*INDEX($D$3:$AA$30,INDEX(Jesper!$R$2:$R$366,ROW(INDEX(Jesper!AH$2:AH$366,ROUNDDOWN($C6736/24,0)+1,1))-1)+IF('Standard Profiles'!$G$18=$B$10,7,0)+IF('Standard Profiles'!$G$18=$B$17,14,0)+IF('Standard Profiles'!$G$18=$B$24,21,0),MOD($C6736,24)+1)/SUM(INDEX($D$3:$AA$30,INDEX(Jesper!$R$2:$R$366,ROW(INDEX(Jesper!AH$2:AH$366,ROUNDDOWN($C6736/24,0)+1,1))-1)+IF('Standard Profiles'!$G$18=$B$10,7,0)+IF('Standard Profiles'!$G$18=$B$17,14,0)+IF('Standard Profiles'!$G$18=$B$24,21,0),0)),0)</f>
        <v>0</v>
      </c>
      <c r="E6736" cm="1">
        <f t="array" ref="E6736">IFERROR(INDEX(Jesper!AI$2:AI$366,ROUNDDOWN($C6736/24,0)+1,1)*INDEX($D$3:$AA$30,INDEX(Jesper!$R$2:$R$366,ROW(INDEX(Jesper!AI$2:AI$366,ROUNDDOWN($C6736/24,0)+1,1))-1)+IF('Standard Profiles'!$G$19=$B$10,7,0)+IF('Standard Profiles'!$G$19=$B$17,14,0)+IF('Standard Profiles'!$G$19=$B$24,21,0),MOD($C6736,24)+1)/SUM(INDEX($D$3:$AA$30,INDEX(Jesper!$R$2:$R$366,ROW(INDEX(Jesper!AI$2:AI$366,ROUNDDOWN($C6736/24,0)+1,1))-1)+IF('Standard Profiles'!$G$19=$B$10,7,0)+IF('Standard Profiles'!$G$19=$B$17,14,0)+IF('Standard Profiles'!$G$19=$B$24,21,0),0)),0)</f>
        <v>2.7395862434685716</v>
      </c>
      <c r="F6736" cm="1">
        <f t="array" ref="F6736">IFERROR(INDEX(Jesper!AJ$2:AJ$366,ROUNDDOWN($C6736/24,0)+1,1)*INDEX($D$3:$AA$30,INDEX(Jesper!$R$2:$R$366,ROW(INDEX(Jesper!AJ$2:AJ$366,ROUNDDOWN($C6736/24,0)+1,1))-1)+IF('Standard Profiles'!$G$20=$B$10,7,0)+IF('Standard Profiles'!$G$20=$B$17,14,0)+IF('Standard Profiles'!$G$20=$B$24,21,0),MOD($C6736,24)+1)/SUM(INDEX($D$3:$AA$30,INDEX(Jesper!$R$2:$R$366,ROW(INDEX(Jesper!AJ$2:AJ$366,ROUNDDOWN($C6736/24,0)+1,1))-1)+IF('Standard Profiles'!$G$20=$B$10,7,0)+IF('Standard Profiles'!$G$20=$B$17,14,0)+IF('Standard Profiles'!$G$20=$B$24,21,0),0)),0)</f>
        <v>1.2995296029685686</v>
      </c>
      <c r="G6736" cm="1">
        <f t="array" ref="G6736">IFERROR(INDEX(Jesper!AK$2:AK$366,ROUNDDOWN($C6736/24,0)+1,1)*INDEX($D$3:$AA$30,INDEX(Jesper!$R$2:$R$366,ROW(INDEX(Jesper!AK$2:AK$366,ROUNDDOWN($C6736/24,0)+1,1))-1)+IF('Standard Profiles'!$G$21=$B$10,7,0)+IF('Standard Profiles'!$G$21=$B$17,14,0)+IF('Standard Profiles'!$G$21=$B$24,21,0),MOD($C6736,24)+1)/SUM(INDEX($D$3:$AA$30,INDEX(Jesper!$R$2:$R$366,ROW(INDEX(Jesper!AK$2:AK$366,ROUNDDOWN($C6736/24,0)+1,1))-1)+IF('Standard Profiles'!$G$21=$B$10,7,0)+IF('Standard Profiles'!$G$21=$B$17,14,0)+IF('Standard Profiles'!$G$21=$B$24,21,0),0)),0)</f>
        <v>0.82686160482704896</v>
      </c>
      <c r="H6736" cm="1">
        <f t="array" ref="H6736">IFERROR(INDEX(Jesper!AL$2:AL$366,ROUNDDOWN($C6736/24,0)+1,1)*INDEX($D$3:$AA$30,INDEX(Jesper!$R$2:$R$366,ROW(INDEX(Jesper!AL$2:AL$366,ROUNDDOWN($C6736/24,0)+1,1))-1)+IF('Standard Profiles'!$G$22=$B$10,7,0)+IF('Standard Profiles'!$G$22=$B$17,14,0)+IF('Standard Profiles'!$G$22=$B$24,21,0),MOD($C6736,24)+1)/SUM(INDEX($D$3:$AA$30,INDEX(Jesper!$R$2:$R$366,ROW(INDEX(Jesper!AL$2:AL$366,ROUNDDOWN($C6736/24,0)+1,1))-1)+IF('Standard Profiles'!$G$22=$B$10,7,0)+IF('Standard Profiles'!$G$22=$B$17,14,0)+IF('Standard Profiles'!$G$22=$B$24,21,0),0)),0)</f>
        <v>0.51193589789750671</v>
      </c>
      <c r="I6736">
        <f t="shared" si="748"/>
        <v>0.4914584619816067</v>
      </c>
      <c r="J6736">
        <f t="shared" si="749"/>
        <v>4.5577045379638612</v>
      </c>
      <c r="K6736">
        <f t="shared" si="750"/>
        <v>0.21916689947748574</v>
      </c>
      <c r="L6736">
        <f t="shared" si="751"/>
        <v>0.10958344973874287</v>
      </c>
      <c r="M6736">
        <f t="shared" si="752"/>
        <v>0</v>
      </c>
      <c r="N6736" s="45">
        <f t="shared" si="753"/>
        <v>45206.249999983746</v>
      </c>
    </row>
    <row r="6737" spans="2:14" x14ac:dyDescent="0.25">
      <c r="B6737">
        <f t="shared" si="747"/>
        <v>6</v>
      </c>
      <c r="C6737" s="16">
        <v>6703</v>
      </c>
      <c r="D6737" cm="1">
        <f t="array" ref="D6737">IFERROR(INDEX(Jesper!AH$2:AH$366,ROUNDDOWN($C6737/24,0)+1,1)*INDEX($D$3:$AA$30,INDEX(Jesper!$R$2:$R$366,ROW(INDEX(Jesper!AH$2:AH$366,ROUNDDOWN($C6737/24,0)+1,1))-1)+IF('Standard Profiles'!$G$18=$B$10,7,0)+IF('Standard Profiles'!$G$18=$B$17,14,0)+IF('Standard Profiles'!$G$18=$B$24,21,0),MOD($C6737,24)+1)/SUM(INDEX($D$3:$AA$30,INDEX(Jesper!$R$2:$R$366,ROW(INDEX(Jesper!AH$2:AH$366,ROUNDDOWN($C6737/24,0)+1,1))-1)+IF('Standard Profiles'!$G$18=$B$10,7,0)+IF('Standard Profiles'!$G$18=$B$17,14,0)+IF('Standard Profiles'!$G$18=$B$24,21,0),0)),0)</f>
        <v>0</v>
      </c>
      <c r="E6737" cm="1">
        <f t="array" ref="E6737">IFERROR(INDEX(Jesper!AI$2:AI$366,ROUNDDOWN($C6737/24,0)+1,1)*INDEX($D$3:$AA$30,INDEX(Jesper!$R$2:$R$366,ROW(INDEX(Jesper!AI$2:AI$366,ROUNDDOWN($C6737/24,0)+1,1))-1)+IF('Standard Profiles'!$G$19=$B$10,7,0)+IF('Standard Profiles'!$G$19=$B$17,14,0)+IF('Standard Profiles'!$G$19=$B$24,21,0),MOD($C6737,24)+1)/SUM(INDEX($D$3:$AA$30,INDEX(Jesper!$R$2:$R$366,ROW(INDEX(Jesper!AI$2:AI$366,ROUNDDOWN($C6737/24,0)+1,1))-1)+IF('Standard Profiles'!$G$19=$B$10,7,0)+IF('Standard Profiles'!$G$19=$B$17,14,0)+IF('Standard Profiles'!$G$19=$B$24,21,0),0)),0)</f>
        <v>2.7395862434685716</v>
      </c>
      <c r="F6737" cm="1">
        <f t="array" ref="F6737">IFERROR(INDEX(Jesper!AJ$2:AJ$366,ROUNDDOWN($C6737/24,0)+1,1)*INDEX($D$3:$AA$30,INDEX(Jesper!$R$2:$R$366,ROW(INDEX(Jesper!AJ$2:AJ$366,ROUNDDOWN($C6737/24,0)+1,1))-1)+IF('Standard Profiles'!$G$20=$B$10,7,0)+IF('Standard Profiles'!$G$20=$B$17,14,0)+IF('Standard Profiles'!$G$20=$B$24,21,0),MOD($C6737,24)+1)/SUM(INDEX($D$3:$AA$30,INDEX(Jesper!$R$2:$R$366,ROW(INDEX(Jesper!AJ$2:AJ$366,ROUNDDOWN($C6737/24,0)+1,1))-1)+IF('Standard Profiles'!$G$20=$B$10,7,0)+IF('Standard Profiles'!$G$20=$B$17,14,0)+IF('Standard Profiles'!$G$20=$B$24,21,0),0)),0)</f>
        <v>1.2995296029685686</v>
      </c>
      <c r="G6737" cm="1">
        <f t="array" ref="G6737">IFERROR(INDEX(Jesper!AK$2:AK$366,ROUNDDOWN($C6737/24,0)+1,1)*INDEX($D$3:$AA$30,INDEX(Jesper!$R$2:$R$366,ROW(INDEX(Jesper!AK$2:AK$366,ROUNDDOWN($C6737/24,0)+1,1))-1)+IF('Standard Profiles'!$G$21=$B$10,7,0)+IF('Standard Profiles'!$G$21=$B$17,14,0)+IF('Standard Profiles'!$G$21=$B$24,21,0),MOD($C6737,24)+1)/SUM(INDEX($D$3:$AA$30,INDEX(Jesper!$R$2:$R$366,ROW(INDEX(Jesper!AK$2:AK$366,ROUNDDOWN($C6737/24,0)+1,1))-1)+IF('Standard Profiles'!$G$21=$B$10,7,0)+IF('Standard Profiles'!$G$21=$B$17,14,0)+IF('Standard Profiles'!$G$21=$B$24,21,0),0)),0)</f>
        <v>0.82686160482704896</v>
      </c>
      <c r="H6737" cm="1">
        <f t="array" ref="H6737">IFERROR(INDEX(Jesper!AL$2:AL$366,ROUNDDOWN($C6737/24,0)+1,1)*INDEX($D$3:$AA$30,INDEX(Jesper!$R$2:$R$366,ROW(INDEX(Jesper!AL$2:AL$366,ROUNDDOWN($C6737/24,0)+1,1))-1)+IF('Standard Profiles'!$G$22=$B$10,7,0)+IF('Standard Profiles'!$G$22=$B$17,14,0)+IF('Standard Profiles'!$G$22=$B$24,21,0),MOD($C6737,24)+1)/SUM(INDEX($D$3:$AA$30,INDEX(Jesper!$R$2:$R$366,ROW(INDEX(Jesper!AL$2:AL$366,ROUNDDOWN($C6737/24,0)+1,1))-1)+IF('Standard Profiles'!$G$22=$B$10,7,0)+IF('Standard Profiles'!$G$22=$B$17,14,0)+IF('Standard Profiles'!$G$22=$B$24,21,0),0)),0)</f>
        <v>0.58392688353934352</v>
      </c>
      <c r="I6737">
        <f t="shared" si="748"/>
        <v>0.56056980819777014</v>
      </c>
      <c r="J6737">
        <f t="shared" si="749"/>
        <v>4.5605841773895346</v>
      </c>
      <c r="K6737">
        <f t="shared" si="750"/>
        <v>0.21916689947748574</v>
      </c>
      <c r="L6737">
        <f t="shared" si="751"/>
        <v>0.10958344973874287</v>
      </c>
      <c r="M6737">
        <f t="shared" si="752"/>
        <v>0</v>
      </c>
      <c r="N6737" s="45">
        <f t="shared" si="753"/>
        <v>45206.29166665041</v>
      </c>
    </row>
    <row r="6738" spans="2:14" x14ac:dyDescent="0.25">
      <c r="B6738">
        <f t="shared" si="747"/>
        <v>6</v>
      </c>
      <c r="C6738" s="16">
        <v>6704</v>
      </c>
      <c r="D6738" cm="1">
        <f t="array" ref="D6738">IFERROR(INDEX(Jesper!AH$2:AH$366,ROUNDDOWN($C6738/24,0)+1,1)*INDEX($D$3:$AA$30,INDEX(Jesper!$R$2:$R$366,ROW(INDEX(Jesper!AH$2:AH$366,ROUNDDOWN($C6738/24,0)+1,1))-1)+IF('Standard Profiles'!$G$18=$B$10,7,0)+IF('Standard Profiles'!$G$18=$B$17,14,0)+IF('Standard Profiles'!$G$18=$B$24,21,0),MOD($C6738,24)+1)/SUM(INDEX($D$3:$AA$30,INDEX(Jesper!$R$2:$R$366,ROW(INDEX(Jesper!AH$2:AH$366,ROUNDDOWN($C6738/24,0)+1,1))-1)+IF('Standard Profiles'!$G$18=$B$10,7,0)+IF('Standard Profiles'!$G$18=$B$17,14,0)+IF('Standard Profiles'!$G$18=$B$24,21,0),0)),0)</f>
        <v>0</v>
      </c>
      <c r="E6738" cm="1">
        <f t="array" ref="E6738">IFERROR(INDEX(Jesper!AI$2:AI$366,ROUNDDOWN($C6738/24,0)+1,1)*INDEX($D$3:$AA$30,INDEX(Jesper!$R$2:$R$366,ROW(INDEX(Jesper!AI$2:AI$366,ROUNDDOWN($C6738/24,0)+1,1))-1)+IF('Standard Profiles'!$G$19=$B$10,7,0)+IF('Standard Profiles'!$G$19=$B$17,14,0)+IF('Standard Profiles'!$G$19=$B$24,21,0),MOD($C6738,24)+1)/SUM(INDEX($D$3:$AA$30,INDEX(Jesper!$R$2:$R$366,ROW(INDEX(Jesper!AI$2:AI$366,ROUNDDOWN($C6738/24,0)+1,1))-1)+IF('Standard Profiles'!$G$19=$B$10,7,0)+IF('Standard Profiles'!$G$19=$B$17,14,0)+IF('Standard Profiles'!$G$19=$B$24,21,0),0)),0)</f>
        <v>2.7395862434685716</v>
      </c>
      <c r="F6738" cm="1">
        <f t="array" ref="F6738">IFERROR(INDEX(Jesper!AJ$2:AJ$366,ROUNDDOWN($C6738/24,0)+1,1)*INDEX($D$3:$AA$30,INDEX(Jesper!$R$2:$R$366,ROW(INDEX(Jesper!AJ$2:AJ$366,ROUNDDOWN($C6738/24,0)+1,1))-1)+IF('Standard Profiles'!$G$20=$B$10,7,0)+IF('Standard Profiles'!$G$20=$B$17,14,0)+IF('Standard Profiles'!$G$20=$B$24,21,0),MOD($C6738,24)+1)/SUM(INDEX($D$3:$AA$30,INDEX(Jesper!$R$2:$R$366,ROW(INDEX(Jesper!AJ$2:AJ$366,ROUNDDOWN($C6738/24,0)+1,1))-1)+IF('Standard Profiles'!$G$20=$B$10,7,0)+IF('Standard Profiles'!$G$20=$B$17,14,0)+IF('Standard Profiles'!$G$20=$B$24,21,0),0)),0)</f>
        <v>1.2995296029685686</v>
      </c>
      <c r="G6738" cm="1">
        <f t="array" ref="G6738">IFERROR(INDEX(Jesper!AK$2:AK$366,ROUNDDOWN($C6738/24,0)+1,1)*INDEX($D$3:$AA$30,INDEX(Jesper!$R$2:$R$366,ROW(INDEX(Jesper!AK$2:AK$366,ROUNDDOWN($C6738/24,0)+1,1))-1)+IF('Standard Profiles'!$G$21=$B$10,7,0)+IF('Standard Profiles'!$G$21=$B$17,14,0)+IF('Standard Profiles'!$G$21=$B$24,21,0),MOD($C6738,24)+1)/SUM(INDEX($D$3:$AA$30,INDEX(Jesper!$R$2:$R$366,ROW(INDEX(Jesper!AK$2:AK$366,ROUNDDOWN($C6738/24,0)+1,1))-1)+IF('Standard Profiles'!$G$21=$B$10,7,0)+IF('Standard Profiles'!$G$21=$B$17,14,0)+IF('Standard Profiles'!$G$21=$B$24,21,0),0)),0)</f>
        <v>0.82686160482704896</v>
      </c>
      <c r="H6738" cm="1">
        <f t="array" ref="H6738">IFERROR(INDEX(Jesper!AL$2:AL$366,ROUNDDOWN($C6738/24,0)+1,1)*INDEX($D$3:$AA$30,INDEX(Jesper!$R$2:$R$366,ROW(INDEX(Jesper!AL$2:AL$366,ROUNDDOWN($C6738/24,0)+1,1))-1)+IF('Standard Profiles'!$G$22=$B$10,7,0)+IF('Standard Profiles'!$G$22=$B$17,14,0)+IF('Standard Profiles'!$G$22=$B$24,21,0),MOD($C6738,24)+1)/SUM(INDEX($D$3:$AA$30,INDEX(Jesper!$R$2:$R$366,ROW(INDEX(Jesper!AL$2:AL$366,ROUNDDOWN($C6738/24,0)+1,1))-1)+IF('Standard Profiles'!$G$22=$B$10,7,0)+IF('Standard Profiles'!$G$22=$B$17,14,0)+IF('Standard Profiles'!$G$22=$B$24,21,0),0)),0)</f>
        <v>0.58392688353934352</v>
      </c>
      <c r="I6738">
        <f t="shared" si="748"/>
        <v>0.56056980819777014</v>
      </c>
      <c r="J6738">
        <f t="shared" si="749"/>
        <v>4.5605841773895346</v>
      </c>
      <c r="K6738">
        <f t="shared" si="750"/>
        <v>0.21916689947748574</v>
      </c>
      <c r="L6738">
        <f t="shared" si="751"/>
        <v>0.10958344973874287</v>
      </c>
      <c r="M6738">
        <f t="shared" si="752"/>
        <v>0</v>
      </c>
      <c r="N6738" s="45">
        <f t="shared" si="753"/>
        <v>45206.333333317074</v>
      </c>
    </row>
    <row r="6739" spans="2:14" x14ac:dyDescent="0.25">
      <c r="B6739">
        <f t="shared" si="747"/>
        <v>6</v>
      </c>
      <c r="C6739" s="16">
        <v>6705</v>
      </c>
      <c r="D6739" cm="1">
        <f t="array" ref="D6739">IFERROR(INDEX(Jesper!AH$2:AH$366,ROUNDDOWN($C6739/24,0)+1,1)*INDEX($D$3:$AA$30,INDEX(Jesper!$R$2:$R$366,ROW(INDEX(Jesper!AH$2:AH$366,ROUNDDOWN($C6739/24,0)+1,1))-1)+IF('Standard Profiles'!$G$18=$B$10,7,0)+IF('Standard Profiles'!$G$18=$B$17,14,0)+IF('Standard Profiles'!$G$18=$B$24,21,0),MOD($C6739,24)+1)/SUM(INDEX($D$3:$AA$30,INDEX(Jesper!$R$2:$R$366,ROW(INDEX(Jesper!AH$2:AH$366,ROUNDDOWN($C6739/24,0)+1,1))-1)+IF('Standard Profiles'!$G$18=$B$10,7,0)+IF('Standard Profiles'!$G$18=$B$17,14,0)+IF('Standard Profiles'!$G$18=$B$24,21,0),0)),0)</f>
        <v>0</v>
      </c>
      <c r="E6739" cm="1">
        <f t="array" ref="E6739">IFERROR(INDEX(Jesper!AI$2:AI$366,ROUNDDOWN($C6739/24,0)+1,1)*INDEX($D$3:$AA$30,INDEX(Jesper!$R$2:$R$366,ROW(INDEX(Jesper!AI$2:AI$366,ROUNDDOWN($C6739/24,0)+1,1))-1)+IF('Standard Profiles'!$G$19=$B$10,7,0)+IF('Standard Profiles'!$G$19=$B$17,14,0)+IF('Standard Profiles'!$G$19=$B$24,21,0),MOD($C6739,24)+1)/SUM(INDEX($D$3:$AA$30,INDEX(Jesper!$R$2:$R$366,ROW(INDEX(Jesper!AI$2:AI$366,ROUNDDOWN($C6739/24,0)+1,1))-1)+IF('Standard Profiles'!$G$19=$B$10,7,0)+IF('Standard Profiles'!$G$19=$B$17,14,0)+IF('Standard Profiles'!$G$19=$B$24,21,0),0)),0)</f>
        <v>2.7395862434685716</v>
      </c>
      <c r="F6739" cm="1">
        <f t="array" ref="F6739">IFERROR(INDEX(Jesper!AJ$2:AJ$366,ROUNDDOWN($C6739/24,0)+1,1)*INDEX($D$3:$AA$30,INDEX(Jesper!$R$2:$R$366,ROW(INDEX(Jesper!AJ$2:AJ$366,ROUNDDOWN($C6739/24,0)+1,1))-1)+IF('Standard Profiles'!$G$20=$B$10,7,0)+IF('Standard Profiles'!$G$20=$B$17,14,0)+IF('Standard Profiles'!$G$20=$B$24,21,0),MOD($C6739,24)+1)/SUM(INDEX($D$3:$AA$30,INDEX(Jesper!$R$2:$R$366,ROW(INDEX(Jesper!AJ$2:AJ$366,ROUNDDOWN($C6739/24,0)+1,1))-1)+IF('Standard Profiles'!$G$20=$B$10,7,0)+IF('Standard Profiles'!$G$20=$B$17,14,0)+IF('Standard Profiles'!$G$20=$B$24,21,0),0)),0)</f>
        <v>1.2995296029685686</v>
      </c>
      <c r="G6739" cm="1">
        <f t="array" ref="G6739">IFERROR(INDEX(Jesper!AK$2:AK$366,ROUNDDOWN($C6739/24,0)+1,1)*INDEX($D$3:$AA$30,INDEX(Jesper!$R$2:$R$366,ROW(INDEX(Jesper!AK$2:AK$366,ROUNDDOWN($C6739/24,0)+1,1))-1)+IF('Standard Profiles'!$G$21=$B$10,7,0)+IF('Standard Profiles'!$G$21=$B$17,14,0)+IF('Standard Profiles'!$G$21=$B$24,21,0),MOD($C6739,24)+1)/SUM(INDEX($D$3:$AA$30,INDEX(Jesper!$R$2:$R$366,ROW(INDEX(Jesper!AK$2:AK$366,ROUNDDOWN($C6739/24,0)+1,1))-1)+IF('Standard Profiles'!$G$21=$B$10,7,0)+IF('Standard Profiles'!$G$21=$B$17,14,0)+IF('Standard Profiles'!$G$21=$B$24,21,0),0)),0)</f>
        <v>0.82686160482704896</v>
      </c>
      <c r="H6739" cm="1">
        <f t="array" ref="H6739">IFERROR(INDEX(Jesper!AL$2:AL$366,ROUNDDOWN($C6739/24,0)+1,1)*INDEX($D$3:$AA$30,INDEX(Jesper!$R$2:$R$366,ROW(INDEX(Jesper!AL$2:AL$366,ROUNDDOWN($C6739/24,0)+1,1))-1)+IF('Standard Profiles'!$G$22=$B$10,7,0)+IF('Standard Profiles'!$G$22=$B$17,14,0)+IF('Standard Profiles'!$G$22=$B$24,21,0),MOD($C6739,24)+1)/SUM(INDEX($D$3:$AA$30,INDEX(Jesper!$R$2:$R$366,ROW(INDEX(Jesper!AL$2:AL$366,ROUNDDOWN($C6739/24,0)+1,1))-1)+IF('Standard Profiles'!$G$22=$B$10,7,0)+IF('Standard Profiles'!$G$22=$B$17,14,0)+IF('Standard Profiles'!$G$22=$B$24,21,0),0)),0)</f>
        <v>0.58392688353934352</v>
      </c>
      <c r="I6739">
        <f t="shared" si="748"/>
        <v>0.56056980819777014</v>
      </c>
      <c r="J6739">
        <f t="shared" si="749"/>
        <v>4.5605841773895346</v>
      </c>
      <c r="K6739">
        <f t="shared" si="750"/>
        <v>0.21916689947748574</v>
      </c>
      <c r="L6739">
        <f t="shared" si="751"/>
        <v>0.10958344973874287</v>
      </c>
      <c r="M6739">
        <f t="shared" si="752"/>
        <v>0</v>
      </c>
      <c r="N6739" s="45">
        <f t="shared" si="753"/>
        <v>45206.374999983738</v>
      </c>
    </row>
    <row r="6740" spans="2:14" x14ac:dyDescent="0.25">
      <c r="B6740">
        <f t="shared" si="747"/>
        <v>6</v>
      </c>
      <c r="C6740" s="16">
        <v>6706</v>
      </c>
      <c r="D6740" cm="1">
        <f t="array" ref="D6740">IFERROR(INDEX(Jesper!AH$2:AH$366,ROUNDDOWN($C6740/24,0)+1,1)*INDEX($D$3:$AA$30,INDEX(Jesper!$R$2:$R$366,ROW(INDEX(Jesper!AH$2:AH$366,ROUNDDOWN($C6740/24,0)+1,1))-1)+IF('Standard Profiles'!$G$18=$B$10,7,0)+IF('Standard Profiles'!$G$18=$B$17,14,0)+IF('Standard Profiles'!$G$18=$B$24,21,0),MOD($C6740,24)+1)/SUM(INDEX($D$3:$AA$30,INDEX(Jesper!$R$2:$R$366,ROW(INDEX(Jesper!AH$2:AH$366,ROUNDDOWN($C6740/24,0)+1,1))-1)+IF('Standard Profiles'!$G$18=$B$10,7,0)+IF('Standard Profiles'!$G$18=$B$17,14,0)+IF('Standard Profiles'!$G$18=$B$24,21,0),0)),0)</f>
        <v>0</v>
      </c>
      <c r="E6740" cm="1">
        <f t="array" ref="E6740">IFERROR(INDEX(Jesper!AI$2:AI$366,ROUNDDOWN($C6740/24,0)+1,1)*INDEX($D$3:$AA$30,INDEX(Jesper!$R$2:$R$366,ROW(INDEX(Jesper!AI$2:AI$366,ROUNDDOWN($C6740/24,0)+1,1))-1)+IF('Standard Profiles'!$G$19=$B$10,7,0)+IF('Standard Profiles'!$G$19=$B$17,14,0)+IF('Standard Profiles'!$G$19=$B$24,21,0),MOD($C6740,24)+1)/SUM(INDEX($D$3:$AA$30,INDEX(Jesper!$R$2:$R$366,ROW(INDEX(Jesper!AI$2:AI$366,ROUNDDOWN($C6740/24,0)+1,1))-1)+IF('Standard Profiles'!$G$19=$B$10,7,0)+IF('Standard Profiles'!$G$19=$B$17,14,0)+IF('Standard Profiles'!$G$19=$B$24,21,0),0)),0)</f>
        <v>2.7395862434685716</v>
      </c>
      <c r="F6740" cm="1">
        <f t="array" ref="F6740">IFERROR(INDEX(Jesper!AJ$2:AJ$366,ROUNDDOWN($C6740/24,0)+1,1)*INDEX($D$3:$AA$30,INDEX(Jesper!$R$2:$R$366,ROW(INDEX(Jesper!AJ$2:AJ$366,ROUNDDOWN($C6740/24,0)+1,1))-1)+IF('Standard Profiles'!$G$20=$B$10,7,0)+IF('Standard Profiles'!$G$20=$B$17,14,0)+IF('Standard Profiles'!$G$20=$B$24,21,0),MOD($C6740,24)+1)/SUM(INDEX($D$3:$AA$30,INDEX(Jesper!$R$2:$R$366,ROW(INDEX(Jesper!AJ$2:AJ$366,ROUNDDOWN($C6740/24,0)+1,1))-1)+IF('Standard Profiles'!$G$20=$B$10,7,0)+IF('Standard Profiles'!$G$20=$B$17,14,0)+IF('Standard Profiles'!$G$20=$B$24,21,0),0)),0)</f>
        <v>1.2995296029685686</v>
      </c>
      <c r="G6740" cm="1">
        <f t="array" ref="G6740">IFERROR(INDEX(Jesper!AK$2:AK$366,ROUNDDOWN($C6740/24,0)+1,1)*INDEX($D$3:$AA$30,INDEX(Jesper!$R$2:$R$366,ROW(INDEX(Jesper!AK$2:AK$366,ROUNDDOWN($C6740/24,0)+1,1))-1)+IF('Standard Profiles'!$G$21=$B$10,7,0)+IF('Standard Profiles'!$G$21=$B$17,14,0)+IF('Standard Profiles'!$G$21=$B$24,21,0),MOD($C6740,24)+1)/SUM(INDEX($D$3:$AA$30,INDEX(Jesper!$R$2:$R$366,ROW(INDEX(Jesper!AK$2:AK$366,ROUNDDOWN($C6740/24,0)+1,1))-1)+IF('Standard Profiles'!$G$21=$B$10,7,0)+IF('Standard Profiles'!$G$21=$B$17,14,0)+IF('Standard Profiles'!$G$21=$B$24,21,0),0)),0)</f>
        <v>0.82686160482704896</v>
      </c>
      <c r="H6740" cm="1">
        <f t="array" ref="H6740">IFERROR(INDEX(Jesper!AL$2:AL$366,ROUNDDOWN($C6740/24,0)+1,1)*INDEX($D$3:$AA$30,INDEX(Jesper!$R$2:$R$366,ROW(INDEX(Jesper!AL$2:AL$366,ROUNDDOWN($C6740/24,0)+1,1))-1)+IF('Standard Profiles'!$G$22=$B$10,7,0)+IF('Standard Profiles'!$G$22=$B$17,14,0)+IF('Standard Profiles'!$G$22=$B$24,21,0),MOD($C6740,24)+1)/SUM(INDEX($D$3:$AA$30,INDEX(Jesper!$R$2:$R$366,ROW(INDEX(Jesper!AL$2:AL$366,ROUNDDOWN($C6740/24,0)+1,1))-1)+IF('Standard Profiles'!$G$22=$B$10,7,0)+IF('Standard Profiles'!$G$22=$B$17,14,0)+IF('Standard Profiles'!$G$22=$B$24,21,0),0)),0)</f>
        <v>0.58392688353934352</v>
      </c>
      <c r="I6740">
        <f t="shared" si="748"/>
        <v>0.56056980819777014</v>
      </c>
      <c r="J6740">
        <f t="shared" si="749"/>
        <v>4.5605841773895346</v>
      </c>
      <c r="K6740">
        <f t="shared" si="750"/>
        <v>0.21916689947748574</v>
      </c>
      <c r="L6740">
        <f t="shared" si="751"/>
        <v>0.10958344973874287</v>
      </c>
      <c r="M6740">
        <f t="shared" si="752"/>
        <v>0</v>
      </c>
      <c r="N6740" s="45">
        <f t="shared" si="753"/>
        <v>45206.416666650402</v>
      </c>
    </row>
    <row r="6741" spans="2:14" x14ac:dyDescent="0.25">
      <c r="B6741">
        <f t="shared" si="747"/>
        <v>6</v>
      </c>
      <c r="C6741" s="16">
        <v>6707</v>
      </c>
      <c r="D6741" cm="1">
        <f t="array" ref="D6741">IFERROR(INDEX(Jesper!AH$2:AH$366,ROUNDDOWN($C6741/24,0)+1,1)*INDEX($D$3:$AA$30,INDEX(Jesper!$R$2:$R$366,ROW(INDEX(Jesper!AH$2:AH$366,ROUNDDOWN($C6741/24,0)+1,1))-1)+IF('Standard Profiles'!$G$18=$B$10,7,0)+IF('Standard Profiles'!$G$18=$B$17,14,0)+IF('Standard Profiles'!$G$18=$B$24,21,0),MOD($C6741,24)+1)/SUM(INDEX($D$3:$AA$30,INDEX(Jesper!$R$2:$R$366,ROW(INDEX(Jesper!AH$2:AH$366,ROUNDDOWN($C6741/24,0)+1,1))-1)+IF('Standard Profiles'!$G$18=$B$10,7,0)+IF('Standard Profiles'!$G$18=$B$17,14,0)+IF('Standard Profiles'!$G$18=$B$24,21,0),0)),0)</f>
        <v>0</v>
      </c>
      <c r="E6741" cm="1">
        <f t="array" ref="E6741">IFERROR(INDEX(Jesper!AI$2:AI$366,ROUNDDOWN($C6741/24,0)+1,1)*INDEX($D$3:$AA$30,INDEX(Jesper!$R$2:$R$366,ROW(INDEX(Jesper!AI$2:AI$366,ROUNDDOWN($C6741/24,0)+1,1))-1)+IF('Standard Profiles'!$G$19=$B$10,7,0)+IF('Standard Profiles'!$G$19=$B$17,14,0)+IF('Standard Profiles'!$G$19=$B$24,21,0),MOD($C6741,24)+1)/SUM(INDEX($D$3:$AA$30,INDEX(Jesper!$R$2:$R$366,ROW(INDEX(Jesper!AI$2:AI$366,ROUNDDOWN($C6741/24,0)+1,1))-1)+IF('Standard Profiles'!$G$19=$B$10,7,0)+IF('Standard Profiles'!$G$19=$B$17,14,0)+IF('Standard Profiles'!$G$19=$B$24,21,0),0)),0)</f>
        <v>2.7395862434685716</v>
      </c>
      <c r="F6741" cm="1">
        <f t="array" ref="F6741">IFERROR(INDEX(Jesper!AJ$2:AJ$366,ROUNDDOWN($C6741/24,0)+1,1)*INDEX($D$3:$AA$30,INDEX(Jesper!$R$2:$R$366,ROW(INDEX(Jesper!AJ$2:AJ$366,ROUNDDOWN($C6741/24,0)+1,1))-1)+IF('Standard Profiles'!$G$20=$B$10,7,0)+IF('Standard Profiles'!$G$20=$B$17,14,0)+IF('Standard Profiles'!$G$20=$B$24,21,0),MOD($C6741,24)+1)/SUM(INDEX($D$3:$AA$30,INDEX(Jesper!$R$2:$R$366,ROW(INDEX(Jesper!AJ$2:AJ$366,ROUNDDOWN($C6741/24,0)+1,1))-1)+IF('Standard Profiles'!$G$20=$B$10,7,0)+IF('Standard Profiles'!$G$20=$B$17,14,0)+IF('Standard Profiles'!$G$20=$B$24,21,0),0)),0)</f>
        <v>1.2995296029685686</v>
      </c>
      <c r="G6741" cm="1">
        <f t="array" ref="G6741">IFERROR(INDEX(Jesper!AK$2:AK$366,ROUNDDOWN($C6741/24,0)+1,1)*INDEX($D$3:$AA$30,INDEX(Jesper!$R$2:$R$366,ROW(INDEX(Jesper!AK$2:AK$366,ROUNDDOWN($C6741/24,0)+1,1))-1)+IF('Standard Profiles'!$G$21=$B$10,7,0)+IF('Standard Profiles'!$G$21=$B$17,14,0)+IF('Standard Profiles'!$G$21=$B$24,21,0),MOD($C6741,24)+1)/SUM(INDEX($D$3:$AA$30,INDEX(Jesper!$R$2:$R$366,ROW(INDEX(Jesper!AK$2:AK$366,ROUNDDOWN($C6741/24,0)+1,1))-1)+IF('Standard Profiles'!$G$21=$B$10,7,0)+IF('Standard Profiles'!$G$21=$B$17,14,0)+IF('Standard Profiles'!$G$21=$B$24,21,0),0)),0)</f>
        <v>0.82686160482704896</v>
      </c>
      <c r="H6741" cm="1">
        <f t="array" ref="H6741">IFERROR(INDEX(Jesper!AL$2:AL$366,ROUNDDOWN($C6741/24,0)+1,1)*INDEX($D$3:$AA$30,INDEX(Jesper!$R$2:$R$366,ROW(INDEX(Jesper!AL$2:AL$366,ROUNDDOWN($C6741/24,0)+1,1))-1)+IF('Standard Profiles'!$G$22=$B$10,7,0)+IF('Standard Profiles'!$G$22=$B$17,14,0)+IF('Standard Profiles'!$G$22=$B$24,21,0),MOD($C6741,24)+1)/SUM(INDEX($D$3:$AA$30,INDEX(Jesper!$R$2:$R$366,ROW(INDEX(Jesper!AL$2:AL$366,ROUNDDOWN($C6741/24,0)+1,1))-1)+IF('Standard Profiles'!$G$22=$B$10,7,0)+IF('Standard Profiles'!$G$22=$B$17,14,0)+IF('Standard Profiles'!$G$22=$B$24,21,0),0)),0)</f>
        <v>0.58392688353934352</v>
      </c>
      <c r="I6741">
        <f t="shared" si="748"/>
        <v>0.56056980819777014</v>
      </c>
      <c r="J6741">
        <f t="shared" si="749"/>
        <v>4.5605841773895346</v>
      </c>
      <c r="K6741">
        <f t="shared" si="750"/>
        <v>0.21916689947748574</v>
      </c>
      <c r="L6741">
        <f t="shared" si="751"/>
        <v>0.10958344973874287</v>
      </c>
      <c r="M6741">
        <f t="shared" si="752"/>
        <v>0</v>
      </c>
      <c r="N6741" s="45">
        <f t="shared" si="753"/>
        <v>45206.458333317067</v>
      </c>
    </row>
    <row r="6742" spans="2:14" x14ac:dyDescent="0.25">
      <c r="B6742">
        <f t="shared" si="747"/>
        <v>6</v>
      </c>
      <c r="C6742" s="16">
        <v>6708</v>
      </c>
      <c r="D6742" cm="1">
        <f t="array" ref="D6742">IFERROR(INDEX(Jesper!AH$2:AH$366,ROUNDDOWN($C6742/24,0)+1,1)*INDEX($D$3:$AA$30,INDEX(Jesper!$R$2:$R$366,ROW(INDEX(Jesper!AH$2:AH$366,ROUNDDOWN($C6742/24,0)+1,1))-1)+IF('Standard Profiles'!$G$18=$B$10,7,0)+IF('Standard Profiles'!$G$18=$B$17,14,0)+IF('Standard Profiles'!$G$18=$B$24,21,0),MOD($C6742,24)+1)/SUM(INDEX($D$3:$AA$30,INDEX(Jesper!$R$2:$R$366,ROW(INDEX(Jesper!AH$2:AH$366,ROUNDDOWN($C6742/24,0)+1,1))-1)+IF('Standard Profiles'!$G$18=$B$10,7,0)+IF('Standard Profiles'!$G$18=$B$17,14,0)+IF('Standard Profiles'!$G$18=$B$24,21,0),0)),0)</f>
        <v>0</v>
      </c>
      <c r="E6742" cm="1">
        <f t="array" ref="E6742">IFERROR(INDEX(Jesper!AI$2:AI$366,ROUNDDOWN($C6742/24,0)+1,1)*INDEX($D$3:$AA$30,INDEX(Jesper!$R$2:$R$366,ROW(INDEX(Jesper!AI$2:AI$366,ROUNDDOWN($C6742/24,0)+1,1))-1)+IF('Standard Profiles'!$G$19=$B$10,7,0)+IF('Standard Profiles'!$G$19=$B$17,14,0)+IF('Standard Profiles'!$G$19=$B$24,21,0),MOD($C6742,24)+1)/SUM(INDEX($D$3:$AA$30,INDEX(Jesper!$R$2:$R$366,ROW(INDEX(Jesper!AI$2:AI$366,ROUNDDOWN($C6742/24,0)+1,1))-1)+IF('Standard Profiles'!$G$19=$B$10,7,0)+IF('Standard Profiles'!$G$19=$B$17,14,0)+IF('Standard Profiles'!$G$19=$B$24,21,0),0)),0)</f>
        <v>2.7395862434685716</v>
      </c>
      <c r="F6742" cm="1">
        <f t="array" ref="F6742">IFERROR(INDEX(Jesper!AJ$2:AJ$366,ROUNDDOWN($C6742/24,0)+1,1)*INDEX($D$3:$AA$30,INDEX(Jesper!$R$2:$R$366,ROW(INDEX(Jesper!AJ$2:AJ$366,ROUNDDOWN($C6742/24,0)+1,1))-1)+IF('Standard Profiles'!$G$20=$B$10,7,0)+IF('Standard Profiles'!$G$20=$B$17,14,0)+IF('Standard Profiles'!$G$20=$B$24,21,0),MOD($C6742,24)+1)/SUM(INDEX($D$3:$AA$30,INDEX(Jesper!$R$2:$R$366,ROW(INDEX(Jesper!AJ$2:AJ$366,ROUNDDOWN($C6742/24,0)+1,1))-1)+IF('Standard Profiles'!$G$20=$B$10,7,0)+IF('Standard Profiles'!$G$20=$B$17,14,0)+IF('Standard Profiles'!$G$20=$B$24,21,0),0)),0)</f>
        <v>1.2995296029685686</v>
      </c>
      <c r="G6742" cm="1">
        <f t="array" ref="G6742">IFERROR(INDEX(Jesper!AK$2:AK$366,ROUNDDOWN($C6742/24,0)+1,1)*INDEX($D$3:$AA$30,INDEX(Jesper!$R$2:$R$366,ROW(INDEX(Jesper!AK$2:AK$366,ROUNDDOWN($C6742/24,0)+1,1))-1)+IF('Standard Profiles'!$G$21=$B$10,7,0)+IF('Standard Profiles'!$G$21=$B$17,14,0)+IF('Standard Profiles'!$G$21=$B$24,21,0),MOD($C6742,24)+1)/SUM(INDEX($D$3:$AA$30,INDEX(Jesper!$R$2:$R$366,ROW(INDEX(Jesper!AK$2:AK$366,ROUNDDOWN($C6742/24,0)+1,1))-1)+IF('Standard Profiles'!$G$21=$B$10,7,0)+IF('Standard Profiles'!$G$21=$B$17,14,0)+IF('Standard Profiles'!$G$21=$B$24,21,0),0)),0)</f>
        <v>0.82686160482704896</v>
      </c>
      <c r="H6742" cm="1">
        <f t="array" ref="H6742">IFERROR(INDEX(Jesper!AL$2:AL$366,ROUNDDOWN($C6742/24,0)+1,1)*INDEX($D$3:$AA$30,INDEX(Jesper!$R$2:$R$366,ROW(INDEX(Jesper!AL$2:AL$366,ROUNDDOWN($C6742/24,0)+1,1))-1)+IF('Standard Profiles'!$G$22=$B$10,7,0)+IF('Standard Profiles'!$G$22=$B$17,14,0)+IF('Standard Profiles'!$G$22=$B$24,21,0),MOD($C6742,24)+1)/SUM(INDEX($D$3:$AA$30,INDEX(Jesper!$R$2:$R$366,ROW(INDEX(Jesper!AL$2:AL$366,ROUNDDOWN($C6742/24,0)+1,1))-1)+IF('Standard Profiles'!$G$22=$B$10,7,0)+IF('Standard Profiles'!$G$22=$B$17,14,0)+IF('Standard Profiles'!$G$22=$B$24,21,0),0)),0)</f>
        <v>0.58392688353934352</v>
      </c>
      <c r="I6742">
        <f t="shared" si="748"/>
        <v>0.56056980819777014</v>
      </c>
      <c r="J6742">
        <f t="shared" si="749"/>
        <v>4.5605841773895346</v>
      </c>
      <c r="K6742">
        <f t="shared" si="750"/>
        <v>0.21916689947748574</v>
      </c>
      <c r="L6742">
        <f t="shared" si="751"/>
        <v>0.10958344973874287</v>
      </c>
      <c r="M6742">
        <f t="shared" si="752"/>
        <v>0</v>
      </c>
      <c r="N6742" s="45">
        <f t="shared" si="753"/>
        <v>45206.499999983731</v>
      </c>
    </row>
    <row r="6743" spans="2:14" x14ac:dyDescent="0.25">
      <c r="B6743">
        <f t="shared" si="747"/>
        <v>6</v>
      </c>
      <c r="C6743" s="16">
        <v>6709</v>
      </c>
      <c r="D6743" cm="1">
        <f t="array" ref="D6743">IFERROR(INDEX(Jesper!AH$2:AH$366,ROUNDDOWN($C6743/24,0)+1,1)*INDEX($D$3:$AA$30,INDEX(Jesper!$R$2:$R$366,ROW(INDEX(Jesper!AH$2:AH$366,ROUNDDOWN($C6743/24,0)+1,1))-1)+IF('Standard Profiles'!$G$18=$B$10,7,0)+IF('Standard Profiles'!$G$18=$B$17,14,0)+IF('Standard Profiles'!$G$18=$B$24,21,0),MOD($C6743,24)+1)/SUM(INDEX($D$3:$AA$30,INDEX(Jesper!$R$2:$R$366,ROW(INDEX(Jesper!AH$2:AH$366,ROUNDDOWN($C6743/24,0)+1,1))-1)+IF('Standard Profiles'!$G$18=$B$10,7,0)+IF('Standard Profiles'!$G$18=$B$17,14,0)+IF('Standard Profiles'!$G$18=$B$24,21,0),0)),0)</f>
        <v>0</v>
      </c>
      <c r="E6743" cm="1">
        <f t="array" ref="E6743">IFERROR(INDEX(Jesper!AI$2:AI$366,ROUNDDOWN($C6743/24,0)+1,1)*INDEX($D$3:$AA$30,INDEX(Jesper!$R$2:$R$366,ROW(INDEX(Jesper!AI$2:AI$366,ROUNDDOWN($C6743/24,0)+1,1))-1)+IF('Standard Profiles'!$G$19=$B$10,7,0)+IF('Standard Profiles'!$G$19=$B$17,14,0)+IF('Standard Profiles'!$G$19=$B$24,21,0),MOD($C6743,24)+1)/SUM(INDEX($D$3:$AA$30,INDEX(Jesper!$R$2:$R$366,ROW(INDEX(Jesper!AI$2:AI$366,ROUNDDOWN($C6743/24,0)+1,1))-1)+IF('Standard Profiles'!$G$19=$B$10,7,0)+IF('Standard Profiles'!$G$19=$B$17,14,0)+IF('Standard Profiles'!$G$19=$B$24,21,0),0)),0)</f>
        <v>2.7395862434685716</v>
      </c>
      <c r="F6743" cm="1">
        <f t="array" ref="F6743">IFERROR(INDEX(Jesper!AJ$2:AJ$366,ROUNDDOWN($C6743/24,0)+1,1)*INDEX($D$3:$AA$30,INDEX(Jesper!$R$2:$R$366,ROW(INDEX(Jesper!AJ$2:AJ$366,ROUNDDOWN($C6743/24,0)+1,1))-1)+IF('Standard Profiles'!$G$20=$B$10,7,0)+IF('Standard Profiles'!$G$20=$B$17,14,0)+IF('Standard Profiles'!$G$20=$B$24,21,0),MOD($C6743,24)+1)/SUM(INDEX($D$3:$AA$30,INDEX(Jesper!$R$2:$R$366,ROW(INDEX(Jesper!AJ$2:AJ$366,ROUNDDOWN($C6743/24,0)+1,1))-1)+IF('Standard Profiles'!$G$20=$B$10,7,0)+IF('Standard Profiles'!$G$20=$B$17,14,0)+IF('Standard Profiles'!$G$20=$B$24,21,0),0)),0)</f>
        <v>1.2995296029685686</v>
      </c>
      <c r="G6743" cm="1">
        <f t="array" ref="G6743">IFERROR(INDEX(Jesper!AK$2:AK$366,ROUNDDOWN($C6743/24,0)+1,1)*INDEX($D$3:$AA$30,INDEX(Jesper!$R$2:$R$366,ROW(INDEX(Jesper!AK$2:AK$366,ROUNDDOWN($C6743/24,0)+1,1))-1)+IF('Standard Profiles'!$G$21=$B$10,7,0)+IF('Standard Profiles'!$G$21=$B$17,14,0)+IF('Standard Profiles'!$G$21=$B$24,21,0),MOD($C6743,24)+1)/SUM(INDEX($D$3:$AA$30,INDEX(Jesper!$R$2:$R$366,ROW(INDEX(Jesper!AK$2:AK$366,ROUNDDOWN($C6743/24,0)+1,1))-1)+IF('Standard Profiles'!$G$21=$B$10,7,0)+IF('Standard Profiles'!$G$21=$B$17,14,0)+IF('Standard Profiles'!$G$21=$B$24,21,0),0)),0)</f>
        <v>0.82686160482704896</v>
      </c>
      <c r="H6743" cm="1">
        <f t="array" ref="H6743">IFERROR(INDEX(Jesper!AL$2:AL$366,ROUNDDOWN($C6743/24,0)+1,1)*INDEX($D$3:$AA$30,INDEX(Jesper!$R$2:$R$366,ROW(INDEX(Jesper!AL$2:AL$366,ROUNDDOWN($C6743/24,0)+1,1))-1)+IF('Standard Profiles'!$G$22=$B$10,7,0)+IF('Standard Profiles'!$G$22=$B$17,14,0)+IF('Standard Profiles'!$G$22=$B$24,21,0),MOD($C6743,24)+1)/SUM(INDEX($D$3:$AA$30,INDEX(Jesper!$R$2:$R$366,ROW(INDEX(Jesper!AL$2:AL$366,ROUNDDOWN($C6743/24,0)+1,1))-1)+IF('Standard Profiles'!$G$22=$B$10,7,0)+IF('Standard Profiles'!$G$22=$B$17,14,0)+IF('Standard Profiles'!$G$22=$B$24,21,0),0)),0)</f>
        <v>0.58392688353934352</v>
      </c>
      <c r="I6743">
        <f t="shared" si="748"/>
        <v>0.56056980819777014</v>
      </c>
      <c r="J6743">
        <f t="shared" si="749"/>
        <v>4.5605841773895346</v>
      </c>
      <c r="K6743">
        <f t="shared" si="750"/>
        <v>0.21916689947748574</v>
      </c>
      <c r="L6743">
        <f t="shared" si="751"/>
        <v>0.10958344973874287</v>
      </c>
      <c r="M6743">
        <f t="shared" si="752"/>
        <v>0</v>
      </c>
      <c r="N6743" s="45">
        <f t="shared" si="753"/>
        <v>45206.541666650395</v>
      </c>
    </row>
    <row r="6744" spans="2:14" x14ac:dyDescent="0.25">
      <c r="B6744">
        <f t="shared" si="747"/>
        <v>6</v>
      </c>
      <c r="C6744" s="16">
        <v>6710</v>
      </c>
      <c r="D6744" cm="1">
        <f t="array" ref="D6744">IFERROR(INDEX(Jesper!AH$2:AH$366,ROUNDDOWN($C6744/24,0)+1,1)*INDEX($D$3:$AA$30,INDEX(Jesper!$R$2:$R$366,ROW(INDEX(Jesper!AH$2:AH$366,ROUNDDOWN($C6744/24,0)+1,1))-1)+IF('Standard Profiles'!$G$18=$B$10,7,0)+IF('Standard Profiles'!$G$18=$B$17,14,0)+IF('Standard Profiles'!$G$18=$B$24,21,0),MOD($C6744,24)+1)/SUM(INDEX($D$3:$AA$30,INDEX(Jesper!$R$2:$R$366,ROW(INDEX(Jesper!AH$2:AH$366,ROUNDDOWN($C6744/24,0)+1,1))-1)+IF('Standard Profiles'!$G$18=$B$10,7,0)+IF('Standard Profiles'!$G$18=$B$17,14,0)+IF('Standard Profiles'!$G$18=$B$24,21,0),0)),0)</f>
        <v>0</v>
      </c>
      <c r="E6744" cm="1">
        <f t="array" ref="E6744">IFERROR(INDEX(Jesper!AI$2:AI$366,ROUNDDOWN($C6744/24,0)+1,1)*INDEX($D$3:$AA$30,INDEX(Jesper!$R$2:$R$366,ROW(INDEX(Jesper!AI$2:AI$366,ROUNDDOWN($C6744/24,0)+1,1))-1)+IF('Standard Profiles'!$G$19=$B$10,7,0)+IF('Standard Profiles'!$G$19=$B$17,14,0)+IF('Standard Profiles'!$G$19=$B$24,21,0),MOD($C6744,24)+1)/SUM(INDEX($D$3:$AA$30,INDEX(Jesper!$R$2:$R$366,ROW(INDEX(Jesper!AI$2:AI$366,ROUNDDOWN($C6744/24,0)+1,1))-1)+IF('Standard Profiles'!$G$19=$B$10,7,0)+IF('Standard Profiles'!$G$19=$B$17,14,0)+IF('Standard Profiles'!$G$19=$B$24,21,0),0)),0)</f>
        <v>2.7395862434685716</v>
      </c>
      <c r="F6744" cm="1">
        <f t="array" ref="F6744">IFERROR(INDEX(Jesper!AJ$2:AJ$366,ROUNDDOWN($C6744/24,0)+1,1)*INDEX($D$3:$AA$30,INDEX(Jesper!$R$2:$R$366,ROW(INDEX(Jesper!AJ$2:AJ$366,ROUNDDOWN($C6744/24,0)+1,1))-1)+IF('Standard Profiles'!$G$20=$B$10,7,0)+IF('Standard Profiles'!$G$20=$B$17,14,0)+IF('Standard Profiles'!$G$20=$B$24,21,0),MOD($C6744,24)+1)/SUM(INDEX($D$3:$AA$30,INDEX(Jesper!$R$2:$R$366,ROW(INDEX(Jesper!AJ$2:AJ$366,ROUNDDOWN($C6744/24,0)+1,1))-1)+IF('Standard Profiles'!$G$20=$B$10,7,0)+IF('Standard Profiles'!$G$20=$B$17,14,0)+IF('Standard Profiles'!$G$20=$B$24,21,0),0)),0)</f>
        <v>1.2995296029685686</v>
      </c>
      <c r="G6744" cm="1">
        <f t="array" ref="G6744">IFERROR(INDEX(Jesper!AK$2:AK$366,ROUNDDOWN($C6744/24,0)+1,1)*INDEX($D$3:$AA$30,INDEX(Jesper!$R$2:$R$366,ROW(INDEX(Jesper!AK$2:AK$366,ROUNDDOWN($C6744/24,0)+1,1))-1)+IF('Standard Profiles'!$G$21=$B$10,7,0)+IF('Standard Profiles'!$G$21=$B$17,14,0)+IF('Standard Profiles'!$G$21=$B$24,21,0),MOD($C6744,24)+1)/SUM(INDEX($D$3:$AA$30,INDEX(Jesper!$R$2:$R$366,ROW(INDEX(Jesper!AK$2:AK$366,ROUNDDOWN($C6744/24,0)+1,1))-1)+IF('Standard Profiles'!$G$21=$B$10,7,0)+IF('Standard Profiles'!$G$21=$B$17,14,0)+IF('Standard Profiles'!$G$21=$B$24,21,0),0)),0)</f>
        <v>0.82686160482704896</v>
      </c>
      <c r="H6744" cm="1">
        <f t="array" ref="H6744">IFERROR(INDEX(Jesper!AL$2:AL$366,ROUNDDOWN($C6744/24,0)+1,1)*INDEX($D$3:$AA$30,INDEX(Jesper!$R$2:$R$366,ROW(INDEX(Jesper!AL$2:AL$366,ROUNDDOWN($C6744/24,0)+1,1))-1)+IF('Standard Profiles'!$G$22=$B$10,7,0)+IF('Standard Profiles'!$G$22=$B$17,14,0)+IF('Standard Profiles'!$G$22=$B$24,21,0),MOD($C6744,24)+1)/SUM(INDEX($D$3:$AA$30,INDEX(Jesper!$R$2:$R$366,ROW(INDEX(Jesper!AL$2:AL$366,ROUNDDOWN($C6744/24,0)+1,1))-1)+IF('Standard Profiles'!$G$22=$B$10,7,0)+IF('Standard Profiles'!$G$22=$B$17,14,0)+IF('Standard Profiles'!$G$22=$B$24,21,0),0)),0)</f>
        <v>0.58392688353934352</v>
      </c>
      <c r="I6744">
        <f t="shared" si="748"/>
        <v>0.56056980819777014</v>
      </c>
      <c r="J6744">
        <f t="shared" si="749"/>
        <v>4.5605841773895346</v>
      </c>
      <c r="K6744">
        <f t="shared" si="750"/>
        <v>0.21916689947748574</v>
      </c>
      <c r="L6744">
        <f t="shared" si="751"/>
        <v>0.10958344973874287</v>
      </c>
      <c r="M6744">
        <f t="shared" si="752"/>
        <v>0</v>
      </c>
      <c r="N6744" s="45">
        <f t="shared" si="753"/>
        <v>45206.583333317059</v>
      </c>
    </row>
    <row r="6745" spans="2:14" x14ac:dyDescent="0.25">
      <c r="B6745">
        <f t="shared" si="747"/>
        <v>6</v>
      </c>
      <c r="C6745" s="16">
        <v>6711</v>
      </c>
      <c r="D6745" cm="1">
        <f t="array" ref="D6745">IFERROR(INDEX(Jesper!AH$2:AH$366,ROUNDDOWN($C6745/24,0)+1,1)*INDEX($D$3:$AA$30,INDEX(Jesper!$R$2:$R$366,ROW(INDEX(Jesper!AH$2:AH$366,ROUNDDOWN($C6745/24,0)+1,1))-1)+IF('Standard Profiles'!$G$18=$B$10,7,0)+IF('Standard Profiles'!$G$18=$B$17,14,0)+IF('Standard Profiles'!$G$18=$B$24,21,0),MOD($C6745,24)+1)/SUM(INDEX($D$3:$AA$30,INDEX(Jesper!$R$2:$R$366,ROW(INDEX(Jesper!AH$2:AH$366,ROUNDDOWN($C6745/24,0)+1,1))-1)+IF('Standard Profiles'!$G$18=$B$10,7,0)+IF('Standard Profiles'!$G$18=$B$17,14,0)+IF('Standard Profiles'!$G$18=$B$24,21,0),0)),0)</f>
        <v>0</v>
      </c>
      <c r="E6745" cm="1">
        <f t="array" ref="E6745">IFERROR(INDEX(Jesper!AI$2:AI$366,ROUNDDOWN($C6745/24,0)+1,1)*INDEX($D$3:$AA$30,INDEX(Jesper!$R$2:$R$366,ROW(INDEX(Jesper!AI$2:AI$366,ROUNDDOWN($C6745/24,0)+1,1))-1)+IF('Standard Profiles'!$G$19=$B$10,7,0)+IF('Standard Profiles'!$G$19=$B$17,14,0)+IF('Standard Profiles'!$G$19=$B$24,21,0),MOD($C6745,24)+1)/SUM(INDEX($D$3:$AA$30,INDEX(Jesper!$R$2:$R$366,ROW(INDEX(Jesper!AI$2:AI$366,ROUNDDOWN($C6745/24,0)+1,1))-1)+IF('Standard Profiles'!$G$19=$B$10,7,0)+IF('Standard Profiles'!$G$19=$B$17,14,0)+IF('Standard Profiles'!$G$19=$B$24,21,0),0)),0)</f>
        <v>2.7395862434685716</v>
      </c>
      <c r="F6745" cm="1">
        <f t="array" ref="F6745">IFERROR(INDEX(Jesper!AJ$2:AJ$366,ROUNDDOWN($C6745/24,0)+1,1)*INDEX($D$3:$AA$30,INDEX(Jesper!$R$2:$R$366,ROW(INDEX(Jesper!AJ$2:AJ$366,ROUNDDOWN($C6745/24,0)+1,1))-1)+IF('Standard Profiles'!$G$20=$B$10,7,0)+IF('Standard Profiles'!$G$20=$B$17,14,0)+IF('Standard Profiles'!$G$20=$B$24,21,0),MOD($C6745,24)+1)/SUM(INDEX($D$3:$AA$30,INDEX(Jesper!$R$2:$R$366,ROW(INDEX(Jesper!AJ$2:AJ$366,ROUNDDOWN($C6745/24,0)+1,1))-1)+IF('Standard Profiles'!$G$20=$B$10,7,0)+IF('Standard Profiles'!$G$20=$B$17,14,0)+IF('Standard Profiles'!$G$20=$B$24,21,0),0)),0)</f>
        <v>1.2995296029685686</v>
      </c>
      <c r="G6745" cm="1">
        <f t="array" ref="G6745">IFERROR(INDEX(Jesper!AK$2:AK$366,ROUNDDOWN($C6745/24,0)+1,1)*INDEX($D$3:$AA$30,INDEX(Jesper!$R$2:$R$366,ROW(INDEX(Jesper!AK$2:AK$366,ROUNDDOWN($C6745/24,0)+1,1))-1)+IF('Standard Profiles'!$G$21=$B$10,7,0)+IF('Standard Profiles'!$G$21=$B$17,14,0)+IF('Standard Profiles'!$G$21=$B$24,21,0),MOD($C6745,24)+1)/SUM(INDEX($D$3:$AA$30,INDEX(Jesper!$R$2:$R$366,ROW(INDEX(Jesper!AK$2:AK$366,ROUNDDOWN($C6745/24,0)+1,1))-1)+IF('Standard Profiles'!$G$21=$B$10,7,0)+IF('Standard Profiles'!$G$21=$B$17,14,0)+IF('Standard Profiles'!$G$21=$B$24,21,0),0)),0)</f>
        <v>0.82686160482704896</v>
      </c>
      <c r="H6745" cm="1">
        <f t="array" ref="H6745">IFERROR(INDEX(Jesper!AL$2:AL$366,ROUNDDOWN($C6745/24,0)+1,1)*INDEX($D$3:$AA$30,INDEX(Jesper!$R$2:$R$366,ROW(INDEX(Jesper!AL$2:AL$366,ROUNDDOWN($C6745/24,0)+1,1))-1)+IF('Standard Profiles'!$G$22=$B$10,7,0)+IF('Standard Profiles'!$G$22=$B$17,14,0)+IF('Standard Profiles'!$G$22=$B$24,21,0),MOD($C6745,24)+1)/SUM(INDEX($D$3:$AA$30,INDEX(Jesper!$R$2:$R$366,ROW(INDEX(Jesper!AL$2:AL$366,ROUNDDOWN($C6745/24,0)+1,1))-1)+IF('Standard Profiles'!$G$22=$B$10,7,0)+IF('Standard Profiles'!$G$22=$B$17,14,0)+IF('Standard Profiles'!$G$22=$B$24,21,0),0)),0)</f>
        <v>0.52793389470680374</v>
      </c>
      <c r="I6745">
        <f t="shared" si="748"/>
        <v>0.50681653891853184</v>
      </c>
      <c r="J6745">
        <f t="shared" si="749"/>
        <v>4.5583444578362329</v>
      </c>
      <c r="K6745">
        <f t="shared" si="750"/>
        <v>0.21916689947748574</v>
      </c>
      <c r="L6745">
        <f t="shared" si="751"/>
        <v>0.10958344973874287</v>
      </c>
      <c r="M6745">
        <f t="shared" si="752"/>
        <v>0</v>
      </c>
      <c r="N6745" s="45">
        <f t="shared" si="753"/>
        <v>45206.624999983724</v>
      </c>
    </row>
    <row r="6746" spans="2:14" x14ac:dyDescent="0.25">
      <c r="B6746">
        <f t="shared" si="747"/>
        <v>6</v>
      </c>
      <c r="C6746" s="16">
        <v>6712</v>
      </c>
      <c r="D6746" cm="1">
        <f t="array" ref="D6746">IFERROR(INDEX(Jesper!AH$2:AH$366,ROUNDDOWN($C6746/24,0)+1,1)*INDEX($D$3:$AA$30,INDEX(Jesper!$R$2:$R$366,ROW(INDEX(Jesper!AH$2:AH$366,ROUNDDOWN($C6746/24,0)+1,1))-1)+IF('Standard Profiles'!$G$18=$B$10,7,0)+IF('Standard Profiles'!$G$18=$B$17,14,0)+IF('Standard Profiles'!$G$18=$B$24,21,0),MOD($C6746,24)+1)/SUM(INDEX($D$3:$AA$30,INDEX(Jesper!$R$2:$R$366,ROW(INDEX(Jesper!AH$2:AH$366,ROUNDDOWN($C6746/24,0)+1,1))-1)+IF('Standard Profiles'!$G$18=$B$10,7,0)+IF('Standard Profiles'!$G$18=$B$17,14,0)+IF('Standard Profiles'!$G$18=$B$24,21,0),0)),0)</f>
        <v>0</v>
      </c>
      <c r="E6746" cm="1">
        <f t="array" ref="E6746">IFERROR(INDEX(Jesper!AI$2:AI$366,ROUNDDOWN($C6746/24,0)+1,1)*INDEX($D$3:$AA$30,INDEX(Jesper!$R$2:$R$366,ROW(INDEX(Jesper!AI$2:AI$366,ROUNDDOWN($C6746/24,0)+1,1))-1)+IF('Standard Profiles'!$G$19=$B$10,7,0)+IF('Standard Profiles'!$G$19=$B$17,14,0)+IF('Standard Profiles'!$G$19=$B$24,21,0),MOD($C6746,24)+1)/SUM(INDEX($D$3:$AA$30,INDEX(Jesper!$R$2:$R$366,ROW(INDEX(Jesper!AI$2:AI$366,ROUNDDOWN($C6746/24,0)+1,1))-1)+IF('Standard Profiles'!$G$19=$B$10,7,0)+IF('Standard Profiles'!$G$19=$B$17,14,0)+IF('Standard Profiles'!$G$19=$B$24,21,0),0)),0)</f>
        <v>2.7395862434685716</v>
      </c>
      <c r="F6746" cm="1">
        <f t="array" ref="F6746">IFERROR(INDEX(Jesper!AJ$2:AJ$366,ROUNDDOWN($C6746/24,0)+1,1)*INDEX($D$3:$AA$30,INDEX(Jesper!$R$2:$R$366,ROW(INDEX(Jesper!AJ$2:AJ$366,ROUNDDOWN($C6746/24,0)+1,1))-1)+IF('Standard Profiles'!$G$20=$B$10,7,0)+IF('Standard Profiles'!$G$20=$B$17,14,0)+IF('Standard Profiles'!$G$20=$B$24,21,0),MOD($C6746,24)+1)/SUM(INDEX($D$3:$AA$30,INDEX(Jesper!$R$2:$R$366,ROW(INDEX(Jesper!AJ$2:AJ$366,ROUNDDOWN($C6746/24,0)+1,1))-1)+IF('Standard Profiles'!$G$20=$B$10,7,0)+IF('Standard Profiles'!$G$20=$B$17,14,0)+IF('Standard Profiles'!$G$20=$B$24,21,0),0)),0)</f>
        <v>1.2995296029685686</v>
      </c>
      <c r="G6746" cm="1">
        <f t="array" ref="G6746">IFERROR(INDEX(Jesper!AK$2:AK$366,ROUNDDOWN($C6746/24,0)+1,1)*INDEX($D$3:$AA$30,INDEX(Jesper!$R$2:$R$366,ROW(INDEX(Jesper!AK$2:AK$366,ROUNDDOWN($C6746/24,0)+1,1))-1)+IF('Standard Profiles'!$G$21=$B$10,7,0)+IF('Standard Profiles'!$G$21=$B$17,14,0)+IF('Standard Profiles'!$G$21=$B$24,21,0),MOD($C6746,24)+1)/SUM(INDEX($D$3:$AA$30,INDEX(Jesper!$R$2:$R$366,ROW(INDEX(Jesper!AK$2:AK$366,ROUNDDOWN($C6746/24,0)+1,1))-1)+IF('Standard Profiles'!$G$21=$B$10,7,0)+IF('Standard Profiles'!$G$21=$B$17,14,0)+IF('Standard Profiles'!$G$21=$B$24,21,0),0)),0)</f>
        <v>0.82686160482704896</v>
      </c>
      <c r="H6746" cm="1">
        <f t="array" ref="H6746">IFERROR(INDEX(Jesper!AL$2:AL$366,ROUNDDOWN($C6746/24,0)+1,1)*INDEX($D$3:$AA$30,INDEX(Jesper!$R$2:$R$366,ROW(INDEX(Jesper!AL$2:AL$366,ROUNDDOWN($C6746/24,0)+1,1))-1)+IF('Standard Profiles'!$G$22=$B$10,7,0)+IF('Standard Profiles'!$G$22=$B$17,14,0)+IF('Standard Profiles'!$G$22=$B$24,21,0),MOD($C6746,24)+1)/SUM(INDEX($D$3:$AA$30,INDEX(Jesper!$R$2:$R$366,ROW(INDEX(Jesper!AL$2:AL$366,ROUNDDOWN($C6746/24,0)+1,1))-1)+IF('Standard Profiles'!$G$22=$B$10,7,0)+IF('Standard Profiles'!$G$22=$B$17,14,0)+IF('Standard Profiles'!$G$22=$B$24,21,0),0)),0)</f>
        <v>0.47993990427891253</v>
      </c>
      <c r="I6746">
        <f t="shared" si="748"/>
        <v>0.46074230810775629</v>
      </c>
      <c r="J6746">
        <f t="shared" si="749"/>
        <v>4.556424698219117</v>
      </c>
      <c r="K6746">
        <f t="shared" si="750"/>
        <v>0.21916689947748574</v>
      </c>
      <c r="L6746">
        <f t="shared" si="751"/>
        <v>0.10958344973874287</v>
      </c>
      <c r="M6746">
        <f t="shared" si="752"/>
        <v>0</v>
      </c>
      <c r="N6746" s="45">
        <f t="shared" si="753"/>
        <v>45206.666666650388</v>
      </c>
    </row>
    <row r="6747" spans="2:14" x14ac:dyDescent="0.25">
      <c r="B6747">
        <f t="shared" si="747"/>
        <v>6</v>
      </c>
      <c r="C6747" s="16">
        <v>6713</v>
      </c>
      <c r="D6747" cm="1">
        <f t="array" ref="D6747">IFERROR(INDEX(Jesper!AH$2:AH$366,ROUNDDOWN($C6747/24,0)+1,1)*INDEX($D$3:$AA$30,INDEX(Jesper!$R$2:$R$366,ROW(INDEX(Jesper!AH$2:AH$366,ROUNDDOWN($C6747/24,0)+1,1))-1)+IF('Standard Profiles'!$G$18=$B$10,7,0)+IF('Standard Profiles'!$G$18=$B$17,14,0)+IF('Standard Profiles'!$G$18=$B$24,21,0),MOD($C6747,24)+1)/SUM(INDEX($D$3:$AA$30,INDEX(Jesper!$R$2:$R$366,ROW(INDEX(Jesper!AH$2:AH$366,ROUNDDOWN($C6747/24,0)+1,1))-1)+IF('Standard Profiles'!$G$18=$B$10,7,0)+IF('Standard Profiles'!$G$18=$B$17,14,0)+IF('Standard Profiles'!$G$18=$B$24,21,0),0)),0)</f>
        <v>0</v>
      </c>
      <c r="E6747" cm="1">
        <f t="array" ref="E6747">IFERROR(INDEX(Jesper!AI$2:AI$366,ROUNDDOWN($C6747/24,0)+1,1)*INDEX($D$3:$AA$30,INDEX(Jesper!$R$2:$R$366,ROW(INDEX(Jesper!AI$2:AI$366,ROUNDDOWN($C6747/24,0)+1,1))-1)+IF('Standard Profiles'!$G$19=$B$10,7,0)+IF('Standard Profiles'!$G$19=$B$17,14,0)+IF('Standard Profiles'!$G$19=$B$24,21,0),MOD($C6747,24)+1)/SUM(INDEX($D$3:$AA$30,INDEX(Jesper!$R$2:$R$366,ROW(INDEX(Jesper!AI$2:AI$366,ROUNDDOWN($C6747/24,0)+1,1))-1)+IF('Standard Profiles'!$G$19=$B$10,7,0)+IF('Standard Profiles'!$G$19=$B$17,14,0)+IF('Standard Profiles'!$G$19=$B$24,21,0),0)),0)</f>
        <v>2.7395862434685716</v>
      </c>
      <c r="F6747" cm="1">
        <f t="array" ref="F6747">IFERROR(INDEX(Jesper!AJ$2:AJ$366,ROUNDDOWN($C6747/24,0)+1,1)*INDEX($D$3:$AA$30,INDEX(Jesper!$R$2:$R$366,ROW(INDEX(Jesper!AJ$2:AJ$366,ROUNDDOWN($C6747/24,0)+1,1))-1)+IF('Standard Profiles'!$G$20=$B$10,7,0)+IF('Standard Profiles'!$G$20=$B$17,14,0)+IF('Standard Profiles'!$G$20=$B$24,21,0),MOD($C6747,24)+1)/SUM(INDEX($D$3:$AA$30,INDEX(Jesper!$R$2:$R$366,ROW(INDEX(Jesper!AJ$2:AJ$366,ROUNDDOWN($C6747/24,0)+1,1))-1)+IF('Standard Profiles'!$G$20=$B$10,7,0)+IF('Standard Profiles'!$G$20=$B$17,14,0)+IF('Standard Profiles'!$G$20=$B$24,21,0),0)),0)</f>
        <v>1.2995296029685686</v>
      </c>
      <c r="G6747" cm="1">
        <f t="array" ref="G6747">IFERROR(INDEX(Jesper!AK$2:AK$366,ROUNDDOWN($C6747/24,0)+1,1)*INDEX($D$3:$AA$30,INDEX(Jesper!$R$2:$R$366,ROW(INDEX(Jesper!AK$2:AK$366,ROUNDDOWN($C6747/24,0)+1,1))-1)+IF('Standard Profiles'!$G$21=$B$10,7,0)+IF('Standard Profiles'!$G$21=$B$17,14,0)+IF('Standard Profiles'!$G$21=$B$24,21,0),MOD($C6747,24)+1)/SUM(INDEX($D$3:$AA$30,INDEX(Jesper!$R$2:$R$366,ROW(INDEX(Jesper!AK$2:AK$366,ROUNDDOWN($C6747/24,0)+1,1))-1)+IF('Standard Profiles'!$G$21=$B$10,7,0)+IF('Standard Profiles'!$G$21=$B$17,14,0)+IF('Standard Profiles'!$G$21=$B$24,21,0),0)),0)</f>
        <v>0.82686160482704896</v>
      </c>
      <c r="H6747" cm="1">
        <f t="array" ref="H6747">IFERROR(INDEX(Jesper!AL$2:AL$366,ROUNDDOWN($C6747/24,0)+1,1)*INDEX($D$3:$AA$30,INDEX(Jesper!$R$2:$R$366,ROW(INDEX(Jesper!AL$2:AL$366,ROUNDDOWN($C6747/24,0)+1,1))-1)+IF('Standard Profiles'!$G$22=$B$10,7,0)+IF('Standard Profiles'!$G$22=$B$17,14,0)+IF('Standard Profiles'!$G$22=$B$24,21,0),MOD($C6747,24)+1)/SUM(INDEX($D$3:$AA$30,INDEX(Jesper!$R$2:$R$366,ROW(INDEX(Jesper!AL$2:AL$366,ROUNDDOWN($C6747/24,0)+1,1))-1)+IF('Standard Profiles'!$G$22=$B$10,7,0)+IF('Standard Profiles'!$G$22=$B$17,14,0)+IF('Standard Profiles'!$G$22=$B$24,21,0),0)),0)</f>
        <v>0.43194591385102132</v>
      </c>
      <c r="I6747">
        <f t="shared" si="748"/>
        <v>0.41466807729698069</v>
      </c>
      <c r="J6747">
        <f t="shared" si="749"/>
        <v>4.5545049386020011</v>
      </c>
      <c r="K6747">
        <f t="shared" si="750"/>
        <v>0.21916689947748574</v>
      </c>
      <c r="L6747">
        <f t="shared" si="751"/>
        <v>0.10958344973874287</v>
      </c>
      <c r="M6747">
        <f t="shared" si="752"/>
        <v>0</v>
      </c>
      <c r="N6747" s="45">
        <f t="shared" si="753"/>
        <v>45206.708333317052</v>
      </c>
    </row>
    <row r="6748" spans="2:14" x14ac:dyDescent="0.25">
      <c r="B6748">
        <f t="shared" si="747"/>
        <v>6</v>
      </c>
      <c r="C6748" s="16">
        <v>6714</v>
      </c>
      <c r="D6748" cm="1">
        <f t="array" ref="D6748">IFERROR(INDEX(Jesper!AH$2:AH$366,ROUNDDOWN($C6748/24,0)+1,1)*INDEX($D$3:$AA$30,INDEX(Jesper!$R$2:$R$366,ROW(INDEX(Jesper!AH$2:AH$366,ROUNDDOWN($C6748/24,0)+1,1))-1)+IF('Standard Profiles'!$G$18=$B$10,7,0)+IF('Standard Profiles'!$G$18=$B$17,14,0)+IF('Standard Profiles'!$G$18=$B$24,21,0),MOD($C6748,24)+1)/SUM(INDEX($D$3:$AA$30,INDEX(Jesper!$R$2:$R$366,ROW(INDEX(Jesper!AH$2:AH$366,ROUNDDOWN($C6748/24,0)+1,1))-1)+IF('Standard Profiles'!$G$18=$B$10,7,0)+IF('Standard Profiles'!$G$18=$B$17,14,0)+IF('Standard Profiles'!$G$18=$B$24,21,0),0)),0)</f>
        <v>0</v>
      </c>
      <c r="E6748" cm="1">
        <f t="array" ref="E6748">IFERROR(INDEX(Jesper!AI$2:AI$366,ROUNDDOWN($C6748/24,0)+1,1)*INDEX($D$3:$AA$30,INDEX(Jesper!$R$2:$R$366,ROW(INDEX(Jesper!AI$2:AI$366,ROUNDDOWN($C6748/24,0)+1,1))-1)+IF('Standard Profiles'!$G$19=$B$10,7,0)+IF('Standard Profiles'!$G$19=$B$17,14,0)+IF('Standard Profiles'!$G$19=$B$24,21,0),MOD($C6748,24)+1)/SUM(INDEX($D$3:$AA$30,INDEX(Jesper!$R$2:$R$366,ROW(INDEX(Jesper!AI$2:AI$366,ROUNDDOWN($C6748/24,0)+1,1))-1)+IF('Standard Profiles'!$G$19=$B$10,7,0)+IF('Standard Profiles'!$G$19=$B$17,14,0)+IF('Standard Profiles'!$G$19=$B$24,21,0),0)),0)</f>
        <v>2.7395862434685716</v>
      </c>
      <c r="F6748" cm="1">
        <f t="array" ref="F6748">IFERROR(INDEX(Jesper!AJ$2:AJ$366,ROUNDDOWN($C6748/24,0)+1,1)*INDEX($D$3:$AA$30,INDEX(Jesper!$R$2:$R$366,ROW(INDEX(Jesper!AJ$2:AJ$366,ROUNDDOWN($C6748/24,0)+1,1))-1)+IF('Standard Profiles'!$G$20=$B$10,7,0)+IF('Standard Profiles'!$G$20=$B$17,14,0)+IF('Standard Profiles'!$G$20=$B$24,21,0),MOD($C6748,24)+1)/SUM(INDEX($D$3:$AA$30,INDEX(Jesper!$R$2:$R$366,ROW(INDEX(Jesper!AJ$2:AJ$366,ROUNDDOWN($C6748/24,0)+1,1))-1)+IF('Standard Profiles'!$G$20=$B$10,7,0)+IF('Standard Profiles'!$G$20=$B$17,14,0)+IF('Standard Profiles'!$G$20=$B$24,21,0),0)),0)</f>
        <v>1.2995296029685686</v>
      </c>
      <c r="G6748" cm="1">
        <f t="array" ref="G6748">IFERROR(INDEX(Jesper!AK$2:AK$366,ROUNDDOWN($C6748/24,0)+1,1)*INDEX($D$3:$AA$30,INDEX(Jesper!$R$2:$R$366,ROW(INDEX(Jesper!AK$2:AK$366,ROUNDDOWN($C6748/24,0)+1,1))-1)+IF('Standard Profiles'!$G$21=$B$10,7,0)+IF('Standard Profiles'!$G$21=$B$17,14,0)+IF('Standard Profiles'!$G$21=$B$24,21,0),MOD($C6748,24)+1)/SUM(INDEX($D$3:$AA$30,INDEX(Jesper!$R$2:$R$366,ROW(INDEX(Jesper!AK$2:AK$366,ROUNDDOWN($C6748/24,0)+1,1))-1)+IF('Standard Profiles'!$G$21=$B$10,7,0)+IF('Standard Profiles'!$G$21=$B$17,14,0)+IF('Standard Profiles'!$G$21=$B$24,21,0),0)),0)</f>
        <v>0.82686160482704896</v>
      </c>
      <c r="H6748" cm="1">
        <f t="array" ref="H6748">IFERROR(INDEX(Jesper!AL$2:AL$366,ROUNDDOWN($C6748/24,0)+1,1)*INDEX($D$3:$AA$30,INDEX(Jesper!$R$2:$R$366,ROW(INDEX(Jesper!AL$2:AL$366,ROUNDDOWN($C6748/24,0)+1,1))-1)+IF('Standard Profiles'!$G$22=$B$10,7,0)+IF('Standard Profiles'!$G$22=$B$17,14,0)+IF('Standard Profiles'!$G$22=$B$24,21,0),MOD($C6748,24)+1)/SUM(INDEX($D$3:$AA$30,INDEX(Jesper!$R$2:$R$366,ROW(INDEX(Jesper!AL$2:AL$366,ROUNDDOWN($C6748/24,0)+1,1))-1)+IF('Standard Profiles'!$G$22=$B$10,7,0)+IF('Standard Profiles'!$G$22=$B$17,14,0)+IF('Standard Profiles'!$G$22=$B$24,21,0),0)),0)</f>
        <v>0.41594791704172418</v>
      </c>
      <c r="I6748">
        <f t="shared" si="748"/>
        <v>0.39931000036005543</v>
      </c>
      <c r="J6748">
        <f t="shared" si="749"/>
        <v>4.5538650187296295</v>
      </c>
      <c r="K6748">
        <f t="shared" si="750"/>
        <v>0.21916689947748574</v>
      </c>
      <c r="L6748">
        <f t="shared" si="751"/>
        <v>0.10958344973874287</v>
      </c>
      <c r="M6748">
        <f t="shared" si="752"/>
        <v>0</v>
      </c>
      <c r="N6748" s="45">
        <f t="shared" si="753"/>
        <v>45206.749999983716</v>
      </c>
    </row>
    <row r="6749" spans="2:14" x14ac:dyDescent="0.25">
      <c r="B6749">
        <f t="shared" si="747"/>
        <v>6</v>
      </c>
      <c r="C6749" s="16">
        <v>6715</v>
      </c>
      <c r="D6749" cm="1">
        <f t="array" ref="D6749">IFERROR(INDEX(Jesper!AH$2:AH$366,ROUNDDOWN($C6749/24,0)+1,1)*INDEX($D$3:$AA$30,INDEX(Jesper!$R$2:$R$366,ROW(INDEX(Jesper!AH$2:AH$366,ROUNDDOWN($C6749/24,0)+1,1))-1)+IF('Standard Profiles'!$G$18=$B$10,7,0)+IF('Standard Profiles'!$G$18=$B$17,14,0)+IF('Standard Profiles'!$G$18=$B$24,21,0),MOD($C6749,24)+1)/SUM(INDEX($D$3:$AA$30,INDEX(Jesper!$R$2:$R$366,ROW(INDEX(Jesper!AH$2:AH$366,ROUNDDOWN($C6749/24,0)+1,1))-1)+IF('Standard Profiles'!$G$18=$B$10,7,0)+IF('Standard Profiles'!$G$18=$B$17,14,0)+IF('Standard Profiles'!$G$18=$B$24,21,0),0)),0)</f>
        <v>0</v>
      </c>
      <c r="E6749" cm="1">
        <f t="array" ref="E6749">IFERROR(INDEX(Jesper!AI$2:AI$366,ROUNDDOWN($C6749/24,0)+1,1)*INDEX($D$3:$AA$30,INDEX(Jesper!$R$2:$R$366,ROW(INDEX(Jesper!AI$2:AI$366,ROUNDDOWN($C6749/24,0)+1,1))-1)+IF('Standard Profiles'!$G$19=$B$10,7,0)+IF('Standard Profiles'!$G$19=$B$17,14,0)+IF('Standard Profiles'!$G$19=$B$24,21,0),MOD($C6749,24)+1)/SUM(INDEX($D$3:$AA$30,INDEX(Jesper!$R$2:$R$366,ROW(INDEX(Jesper!AI$2:AI$366,ROUNDDOWN($C6749/24,0)+1,1))-1)+IF('Standard Profiles'!$G$19=$B$10,7,0)+IF('Standard Profiles'!$G$19=$B$17,14,0)+IF('Standard Profiles'!$G$19=$B$24,21,0),0)),0)</f>
        <v>2.7395862434685716</v>
      </c>
      <c r="F6749" cm="1">
        <f t="array" ref="F6749">IFERROR(INDEX(Jesper!AJ$2:AJ$366,ROUNDDOWN($C6749/24,0)+1,1)*INDEX($D$3:$AA$30,INDEX(Jesper!$R$2:$R$366,ROW(INDEX(Jesper!AJ$2:AJ$366,ROUNDDOWN($C6749/24,0)+1,1))-1)+IF('Standard Profiles'!$G$20=$B$10,7,0)+IF('Standard Profiles'!$G$20=$B$17,14,0)+IF('Standard Profiles'!$G$20=$B$24,21,0),MOD($C6749,24)+1)/SUM(INDEX($D$3:$AA$30,INDEX(Jesper!$R$2:$R$366,ROW(INDEX(Jesper!AJ$2:AJ$366,ROUNDDOWN($C6749/24,0)+1,1))-1)+IF('Standard Profiles'!$G$20=$B$10,7,0)+IF('Standard Profiles'!$G$20=$B$17,14,0)+IF('Standard Profiles'!$G$20=$B$24,21,0),0)),0)</f>
        <v>1.2995296029685686</v>
      </c>
      <c r="G6749" cm="1">
        <f t="array" ref="G6749">IFERROR(INDEX(Jesper!AK$2:AK$366,ROUNDDOWN($C6749/24,0)+1,1)*INDEX($D$3:$AA$30,INDEX(Jesper!$R$2:$R$366,ROW(INDEX(Jesper!AK$2:AK$366,ROUNDDOWN($C6749/24,0)+1,1))-1)+IF('Standard Profiles'!$G$21=$B$10,7,0)+IF('Standard Profiles'!$G$21=$B$17,14,0)+IF('Standard Profiles'!$G$21=$B$24,21,0),MOD($C6749,24)+1)/SUM(INDEX($D$3:$AA$30,INDEX(Jesper!$R$2:$R$366,ROW(INDEX(Jesper!AK$2:AK$366,ROUNDDOWN($C6749/24,0)+1,1))-1)+IF('Standard Profiles'!$G$21=$B$10,7,0)+IF('Standard Profiles'!$G$21=$B$17,14,0)+IF('Standard Profiles'!$G$21=$B$24,21,0),0)),0)</f>
        <v>0.82686160482704896</v>
      </c>
      <c r="H6749" cm="1">
        <f t="array" ref="H6749">IFERROR(INDEX(Jesper!AL$2:AL$366,ROUNDDOWN($C6749/24,0)+1,1)*INDEX($D$3:$AA$30,INDEX(Jesper!$R$2:$R$366,ROW(INDEX(Jesper!AL$2:AL$366,ROUNDDOWN($C6749/24,0)+1,1))-1)+IF('Standard Profiles'!$G$22=$B$10,7,0)+IF('Standard Profiles'!$G$22=$B$17,14,0)+IF('Standard Profiles'!$G$22=$B$24,21,0),MOD($C6749,24)+1)/SUM(INDEX($D$3:$AA$30,INDEX(Jesper!$R$2:$R$366,ROW(INDEX(Jesper!AL$2:AL$366,ROUNDDOWN($C6749/24,0)+1,1))-1)+IF('Standard Profiles'!$G$22=$B$10,7,0)+IF('Standard Profiles'!$G$22=$B$17,14,0)+IF('Standard Profiles'!$G$22=$B$24,21,0),0)),0)</f>
        <v>0.33595793299523874</v>
      </c>
      <c r="I6749">
        <f t="shared" si="748"/>
        <v>0.32251961567542936</v>
      </c>
      <c r="J6749">
        <f t="shared" si="749"/>
        <v>4.5506654193677702</v>
      </c>
      <c r="K6749">
        <f t="shared" si="750"/>
        <v>0.21916689947748574</v>
      </c>
      <c r="L6749">
        <f t="shared" si="751"/>
        <v>0.10958344973874287</v>
      </c>
      <c r="M6749">
        <f t="shared" si="752"/>
        <v>0</v>
      </c>
      <c r="N6749" s="45">
        <f t="shared" si="753"/>
        <v>45206.791666650381</v>
      </c>
    </row>
    <row r="6750" spans="2:14" x14ac:dyDescent="0.25">
      <c r="B6750">
        <f t="shared" si="747"/>
        <v>6</v>
      </c>
      <c r="C6750" s="16">
        <v>6716</v>
      </c>
      <c r="D6750" cm="1">
        <f t="array" ref="D6750">IFERROR(INDEX(Jesper!AH$2:AH$366,ROUNDDOWN($C6750/24,0)+1,1)*INDEX($D$3:$AA$30,INDEX(Jesper!$R$2:$R$366,ROW(INDEX(Jesper!AH$2:AH$366,ROUNDDOWN($C6750/24,0)+1,1))-1)+IF('Standard Profiles'!$G$18=$B$10,7,0)+IF('Standard Profiles'!$G$18=$B$17,14,0)+IF('Standard Profiles'!$G$18=$B$24,21,0),MOD($C6750,24)+1)/SUM(INDEX($D$3:$AA$30,INDEX(Jesper!$R$2:$R$366,ROW(INDEX(Jesper!AH$2:AH$366,ROUNDDOWN($C6750/24,0)+1,1))-1)+IF('Standard Profiles'!$G$18=$B$10,7,0)+IF('Standard Profiles'!$G$18=$B$17,14,0)+IF('Standard Profiles'!$G$18=$B$24,21,0),0)),0)</f>
        <v>0</v>
      </c>
      <c r="E6750" cm="1">
        <f t="array" ref="E6750">IFERROR(INDEX(Jesper!AI$2:AI$366,ROUNDDOWN($C6750/24,0)+1,1)*INDEX($D$3:$AA$30,INDEX(Jesper!$R$2:$R$366,ROW(INDEX(Jesper!AI$2:AI$366,ROUNDDOWN($C6750/24,0)+1,1))-1)+IF('Standard Profiles'!$G$19=$B$10,7,0)+IF('Standard Profiles'!$G$19=$B$17,14,0)+IF('Standard Profiles'!$G$19=$B$24,21,0),MOD($C6750,24)+1)/SUM(INDEX($D$3:$AA$30,INDEX(Jesper!$R$2:$R$366,ROW(INDEX(Jesper!AI$2:AI$366,ROUNDDOWN($C6750/24,0)+1,1))-1)+IF('Standard Profiles'!$G$19=$B$10,7,0)+IF('Standard Profiles'!$G$19=$B$17,14,0)+IF('Standard Profiles'!$G$19=$B$24,21,0),0)),0)</f>
        <v>2.7395862434685716</v>
      </c>
      <c r="F6750" cm="1">
        <f t="array" ref="F6750">IFERROR(INDEX(Jesper!AJ$2:AJ$366,ROUNDDOWN($C6750/24,0)+1,1)*INDEX($D$3:$AA$30,INDEX(Jesper!$R$2:$R$366,ROW(INDEX(Jesper!AJ$2:AJ$366,ROUNDDOWN($C6750/24,0)+1,1))-1)+IF('Standard Profiles'!$G$20=$B$10,7,0)+IF('Standard Profiles'!$G$20=$B$17,14,0)+IF('Standard Profiles'!$G$20=$B$24,21,0),MOD($C6750,24)+1)/SUM(INDEX($D$3:$AA$30,INDEX(Jesper!$R$2:$R$366,ROW(INDEX(Jesper!AJ$2:AJ$366,ROUNDDOWN($C6750/24,0)+1,1))-1)+IF('Standard Profiles'!$G$20=$B$10,7,0)+IF('Standard Profiles'!$G$20=$B$17,14,0)+IF('Standard Profiles'!$G$20=$B$24,21,0),0)),0)</f>
        <v>1.2995296029685686</v>
      </c>
      <c r="G6750" cm="1">
        <f t="array" ref="G6750">IFERROR(INDEX(Jesper!AK$2:AK$366,ROUNDDOWN($C6750/24,0)+1,1)*INDEX($D$3:$AA$30,INDEX(Jesper!$R$2:$R$366,ROW(INDEX(Jesper!AK$2:AK$366,ROUNDDOWN($C6750/24,0)+1,1))-1)+IF('Standard Profiles'!$G$21=$B$10,7,0)+IF('Standard Profiles'!$G$21=$B$17,14,0)+IF('Standard Profiles'!$G$21=$B$24,21,0),MOD($C6750,24)+1)/SUM(INDEX($D$3:$AA$30,INDEX(Jesper!$R$2:$R$366,ROW(INDEX(Jesper!AK$2:AK$366,ROUNDDOWN($C6750/24,0)+1,1))-1)+IF('Standard Profiles'!$G$21=$B$10,7,0)+IF('Standard Profiles'!$G$21=$B$17,14,0)+IF('Standard Profiles'!$G$21=$B$24,21,0),0)),0)</f>
        <v>0.82686160482704896</v>
      </c>
      <c r="H6750" cm="1">
        <f t="array" ref="H6750">IFERROR(INDEX(Jesper!AL$2:AL$366,ROUNDDOWN($C6750/24,0)+1,1)*INDEX($D$3:$AA$30,INDEX(Jesper!$R$2:$R$366,ROW(INDEX(Jesper!AL$2:AL$366,ROUNDDOWN($C6750/24,0)+1,1))-1)+IF('Standard Profiles'!$G$22=$B$10,7,0)+IF('Standard Profiles'!$G$22=$B$17,14,0)+IF('Standard Profiles'!$G$22=$B$24,21,0),MOD($C6750,24)+1)/SUM(INDEX($D$3:$AA$30,INDEX(Jesper!$R$2:$R$366,ROW(INDEX(Jesper!AL$2:AL$366,ROUNDDOWN($C6750/24,0)+1,1))-1)+IF('Standard Profiles'!$G$22=$B$10,7,0)+IF('Standard Profiles'!$G$22=$B$17,14,0)+IF('Standard Profiles'!$G$22=$B$24,21,0),0)),0)</f>
        <v>0.24796895054410481</v>
      </c>
      <c r="I6750">
        <f t="shared" si="748"/>
        <v>0.23805019252234075</v>
      </c>
      <c r="J6750">
        <f t="shared" si="749"/>
        <v>4.5471458600697252</v>
      </c>
      <c r="K6750">
        <f t="shared" si="750"/>
        <v>0.21916689947748574</v>
      </c>
      <c r="L6750">
        <f t="shared" si="751"/>
        <v>0.10958344973874287</v>
      </c>
      <c r="M6750">
        <f t="shared" si="752"/>
        <v>0</v>
      </c>
      <c r="N6750" s="45">
        <f t="shared" si="753"/>
        <v>45206.833333317045</v>
      </c>
    </row>
    <row r="6751" spans="2:14" x14ac:dyDescent="0.25">
      <c r="B6751">
        <f t="shared" si="747"/>
        <v>6</v>
      </c>
      <c r="C6751" s="16">
        <v>6717</v>
      </c>
      <c r="D6751" cm="1">
        <f t="array" ref="D6751">IFERROR(INDEX(Jesper!AH$2:AH$366,ROUNDDOWN($C6751/24,0)+1,1)*INDEX($D$3:$AA$30,INDEX(Jesper!$R$2:$R$366,ROW(INDEX(Jesper!AH$2:AH$366,ROUNDDOWN($C6751/24,0)+1,1))-1)+IF('Standard Profiles'!$G$18=$B$10,7,0)+IF('Standard Profiles'!$G$18=$B$17,14,0)+IF('Standard Profiles'!$G$18=$B$24,21,0),MOD($C6751,24)+1)/SUM(INDEX($D$3:$AA$30,INDEX(Jesper!$R$2:$R$366,ROW(INDEX(Jesper!AH$2:AH$366,ROUNDDOWN($C6751/24,0)+1,1))-1)+IF('Standard Profiles'!$G$18=$B$10,7,0)+IF('Standard Profiles'!$G$18=$B$17,14,0)+IF('Standard Profiles'!$G$18=$B$24,21,0),0)),0)</f>
        <v>0</v>
      </c>
      <c r="E6751" cm="1">
        <f t="array" ref="E6751">IFERROR(INDEX(Jesper!AI$2:AI$366,ROUNDDOWN($C6751/24,0)+1,1)*INDEX($D$3:$AA$30,INDEX(Jesper!$R$2:$R$366,ROW(INDEX(Jesper!AI$2:AI$366,ROUNDDOWN($C6751/24,0)+1,1))-1)+IF('Standard Profiles'!$G$19=$B$10,7,0)+IF('Standard Profiles'!$G$19=$B$17,14,0)+IF('Standard Profiles'!$G$19=$B$24,21,0),MOD($C6751,24)+1)/SUM(INDEX($D$3:$AA$30,INDEX(Jesper!$R$2:$R$366,ROW(INDEX(Jesper!AI$2:AI$366,ROUNDDOWN($C6751/24,0)+1,1))-1)+IF('Standard Profiles'!$G$19=$B$10,7,0)+IF('Standard Profiles'!$G$19=$B$17,14,0)+IF('Standard Profiles'!$G$19=$B$24,21,0),0)),0)</f>
        <v>2.7395862434685716</v>
      </c>
      <c r="F6751" cm="1">
        <f t="array" ref="F6751">IFERROR(INDEX(Jesper!AJ$2:AJ$366,ROUNDDOWN($C6751/24,0)+1,1)*INDEX($D$3:$AA$30,INDEX(Jesper!$R$2:$R$366,ROW(INDEX(Jesper!AJ$2:AJ$366,ROUNDDOWN($C6751/24,0)+1,1))-1)+IF('Standard Profiles'!$G$20=$B$10,7,0)+IF('Standard Profiles'!$G$20=$B$17,14,0)+IF('Standard Profiles'!$G$20=$B$24,21,0),MOD($C6751,24)+1)/SUM(INDEX($D$3:$AA$30,INDEX(Jesper!$R$2:$R$366,ROW(INDEX(Jesper!AJ$2:AJ$366,ROUNDDOWN($C6751/24,0)+1,1))-1)+IF('Standard Profiles'!$G$20=$B$10,7,0)+IF('Standard Profiles'!$G$20=$B$17,14,0)+IF('Standard Profiles'!$G$20=$B$24,21,0),0)),0)</f>
        <v>1.2995296029685686</v>
      </c>
      <c r="G6751" cm="1">
        <f t="array" ref="G6751">IFERROR(INDEX(Jesper!AK$2:AK$366,ROUNDDOWN($C6751/24,0)+1,1)*INDEX($D$3:$AA$30,INDEX(Jesper!$R$2:$R$366,ROW(INDEX(Jesper!AK$2:AK$366,ROUNDDOWN($C6751/24,0)+1,1))-1)+IF('Standard Profiles'!$G$21=$B$10,7,0)+IF('Standard Profiles'!$G$21=$B$17,14,0)+IF('Standard Profiles'!$G$21=$B$24,21,0),MOD($C6751,24)+1)/SUM(INDEX($D$3:$AA$30,INDEX(Jesper!$R$2:$R$366,ROW(INDEX(Jesper!AK$2:AK$366,ROUNDDOWN($C6751/24,0)+1,1))-1)+IF('Standard Profiles'!$G$21=$B$10,7,0)+IF('Standard Profiles'!$G$21=$B$17,14,0)+IF('Standard Profiles'!$G$21=$B$24,21,0),0)),0)</f>
        <v>0.82686160482704896</v>
      </c>
      <c r="H6751" cm="1">
        <f t="array" ref="H6751">IFERROR(INDEX(Jesper!AL$2:AL$366,ROUNDDOWN($C6751/24,0)+1,1)*INDEX($D$3:$AA$30,INDEX(Jesper!$R$2:$R$366,ROW(INDEX(Jesper!AL$2:AL$366,ROUNDDOWN($C6751/24,0)+1,1))-1)+IF('Standard Profiles'!$G$22=$B$10,7,0)+IF('Standard Profiles'!$G$22=$B$17,14,0)+IF('Standard Profiles'!$G$22=$B$24,21,0),MOD($C6751,24)+1)/SUM(INDEX($D$3:$AA$30,INDEX(Jesper!$R$2:$R$366,ROW(INDEX(Jesper!AL$2:AL$366,ROUNDDOWN($C6751/24,0)+1,1))-1)+IF('Standard Profiles'!$G$22=$B$10,7,0)+IF('Standard Profiles'!$G$22=$B$17,14,0)+IF('Standard Profiles'!$G$22=$B$24,21,0),0)),0)</f>
        <v>0.24796895054410481</v>
      </c>
      <c r="I6751">
        <f t="shared" si="748"/>
        <v>0.23805019252234075</v>
      </c>
      <c r="J6751">
        <f t="shared" si="749"/>
        <v>4.5471458600697252</v>
      </c>
      <c r="K6751">
        <f t="shared" si="750"/>
        <v>0.21916689947748574</v>
      </c>
      <c r="L6751">
        <f t="shared" si="751"/>
        <v>0.10958344973874287</v>
      </c>
      <c r="M6751">
        <f t="shared" si="752"/>
        <v>0</v>
      </c>
      <c r="N6751" s="45">
        <f t="shared" si="753"/>
        <v>45206.874999983709</v>
      </c>
    </row>
    <row r="6752" spans="2:14" x14ac:dyDescent="0.25">
      <c r="B6752">
        <f t="shared" si="747"/>
        <v>6</v>
      </c>
      <c r="C6752" s="16">
        <v>6718</v>
      </c>
      <c r="D6752" cm="1">
        <f t="array" ref="D6752">IFERROR(INDEX(Jesper!AH$2:AH$366,ROUNDDOWN($C6752/24,0)+1,1)*INDEX($D$3:$AA$30,INDEX(Jesper!$R$2:$R$366,ROW(INDEX(Jesper!AH$2:AH$366,ROUNDDOWN($C6752/24,0)+1,1))-1)+IF('Standard Profiles'!$G$18=$B$10,7,0)+IF('Standard Profiles'!$G$18=$B$17,14,0)+IF('Standard Profiles'!$G$18=$B$24,21,0),MOD($C6752,24)+1)/SUM(INDEX($D$3:$AA$30,INDEX(Jesper!$R$2:$R$366,ROW(INDEX(Jesper!AH$2:AH$366,ROUNDDOWN($C6752/24,0)+1,1))-1)+IF('Standard Profiles'!$G$18=$B$10,7,0)+IF('Standard Profiles'!$G$18=$B$17,14,0)+IF('Standard Profiles'!$G$18=$B$24,21,0),0)),0)</f>
        <v>0</v>
      </c>
      <c r="E6752" cm="1">
        <f t="array" ref="E6752">IFERROR(INDEX(Jesper!AI$2:AI$366,ROUNDDOWN($C6752/24,0)+1,1)*INDEX($D$3:$AA$30,INDEX(Jesper!$R$2:$R$366,ROW(INDEX(Jesper!AI$2:AI$366,ROUNDDOWN($C6752/24,0)+1,1))-1)+IF('Standard Profiles'!$G$19=$B$10,7,0)+IF('Standard Profiles'!$G$19=$B$17,14,0)+IF('Standard Profiles'!$G$19=$B$24,21,0),MOD($C6752,24)+1)/SUM(INDEX($D$3:$AA$30,INDEX(Jesper!$R$2:$R$366,ROW(INDEX(Jesper!AI$2:AI$366,ROUNDDOWN($C6752/24,0)+1,1))-1)+IF('Standard Profiles'!$G$19=$B$10,7,0)+IF('Standard Profiles'!$G$19=$B$17,14,0)+IF('Standard Profiles'!$G$19=$B$24,21,0),0)),0)</f>
        <v>2.7395862434685716</v>
      </c>
      <c r="F6752" cm="1">
        <f t="array" ref="F6752">IFERROR(INDEX(Jesper!AJ$2:AJ$366,ROUNDDOWN($C6752/24,0)+1,1)*INDEX($D$3:$AA$30,INDEX(Jesper!$R$2:$R$366,ROW(INDEX(Jesper!AJ$2:AJ$366,ROUNDDOWN($C6752/24,0)+1,1))-1)+IF('Standard Profiles'!$G$20=$B$10,7,0)+IF('Standard Profiles'!$G$20=$B$17,14,0)+IF('Standard Profiles'!$G$20=$B$24,21,0),MOD($C6752,24)+1)/SUM(INDEX($D$3:$AA$30,INDEX(Jesper!$R$2:$R$366,ROW(INDEX(Jesper!AJ$2:AJ$366,ROUNDDOWN($C6752/24,0)+1,1))-1)+IF('Standard Profiles'!$G$20=$B$10,7,0)+IF('Standard Profiles'!$G$20=$B$17,14,0)+IF('Standard Profiles'!$G$20=$B$24,21,0),0)),0)</f>
        <v>1.2995296029685686</v>
      </c>
      <c r="G6752" cm="1">
        <f t="array" ref="G6752">IFERROR(INDEX(Jesper!AK$2:AK$366,ROUNDDOWN($C6752/24,0)+1,1)*INDEX($D$3:$AA$30,INDEX(Jesper!$R$2:$R$366,ROW(INDEX(Jesper!AK$2:AK$366,ROUNDDOWN($C6752/24,0)+1,1))-1)+IF('Standard Profiles'!$G$21=$B$10,7,0)+IF('Standard Profiles'!$G$21=$B$17,14,0)+IF('Standard Profiles'!$G$21=$B$24,21,0),MOD($C6752,24)+1)/SUM(INDEX($D$3:$AA$30,INDEX(Jesper!$R$2:$R$366,ROW(INDEX(Jesper!AK$2:AK$366,ROUNDDOWN($C6752/24,0)+1,1))-1)+IF('Standard Profiles'!$G$21=$B$10,7,0)+IF('Standard Profiles'!$G$21=$B$17,14,0)+IF('Standard Profiles'!$G$21=$B$24,21,0),0)),0)</f>
        <v>0.82686160482704896</v>
      </c>
      <c r="H6752" cm="1">
        <f t="array" ref="H6752">IFERROR(INDEX(Jesper!AL$2:AL$366,ROUNDDOWN($C6752/24,0)+1,1)*INDEX($D$3:$AA$30,INDEX(Jesper!$R$2:$R$366,ROW(INDEX(Jesper!AL$2:AL$366,ROUNDDOWN($C6752/24,0)+1,1))-1)+IF('Standard Profiles'!$G$22=$B$10,7,0)+IF('Standard Profiles'!$G$22=$B$17,14,0)+IF('Standard Profiles'!$G$22=$B$24,21,0),MOD($C6752,24)+1)/SUM(INDEX($D$3:$AA$30,INDEX(Jesper!$R$2:$R$366,ROW(INDEX(Jesper!AL$2:AL$366,ROUNDDOWN($C6752/24,0)+1,1))-1)+IF('Standard Profiles'!$G$22=$B$10,7,0)+IF('Standard Profiles'!$G$22=$B$17,14,0)+IF('Standard Profiles'!$G$22=$B$24,21,0),0)),0)</f>
        <v>0.24796895054410481</v>
      </c>
      <c r="I6752">
        <f t="shared" si="748"/>
        <v>0.23805019252234075</v>
      </c>
      <c r="J6752">
        <f t="shared" si="749"/>
        <v>4.5471458600697252</v>
      </c>
      <c r="K6752">
        <f t="shared" si="750"/>
        <v>0.21916689947748574</v>
      </c>
      <c r="L6752">
        <f t="shared" si="751"/>
        <v>0.10958344973874287</v>
      </c>
      <c r="M6752">
        <f t="shared" si="752"/>
        <v>0</v>
      </c>
      <c r="N6752" s="45">
        <f t="shared" si="753"/>
        <v>45206.916666650373</v>
      </c>
    </row>
    <row r="6753" spans="2:14" x14ac:dyDescent="0.25">
      <c r="B6753">
        <f t="shared" si="747"/>
        <v>6</v>
      </c>
      <c r="C6753" s="16">
        <v>6719</v>
      </c>
      <c r="D6753" cm="1">
        <f t="array" ref="D6753">IFERROR(INDEX(Jesper!AH$2:AH$366,ROUNDDOWN($C6753/24,0)+1,1)*INDEX($D$3:$AA$30,INDEX(Jesper!$R$2:$R$366,ROW(INDEX(Jesper!AH$2:AH$366,ROUNDDOWN($C6753/24,0)+1,1))-1)+IF('Standard Profiles'!$G$18=$B$10,7,0)+IF('Standard Profiles'!$G$18=$B$17,14,0)+IF('Standard Profiles'!$G$18=$B$24,21,0),MOD($C6753,24)+1)/SUM(INDEX($D$3:$AA$30,INDEX(Jesper!$R$2:$R$366,ROW(INDEX(Jesper!AH$2:AH$366,ROUNDDOWN($C6753/24,0)+1,1))-1)+IF('Standard Profiles'!$G$18=$B$10,7,0)+IF('Standard Profiles'!$G$18=$B$17,14,0)+IF('Standard Profiles'!$G$18=$B$24,21,0),0)),0)</f>
        <v>0</v>
      </c>
      <c r="E6753" cm="1">
        <f t="array" ref="E6753">IFERROR(INDEX(Jesper!AI$2:AI$366,ROUNDDOWN($C6753/24,0)+1,1)*INDEX($D$3:$AA$30,INDEX(Jesper!$R$2:$R$366,ROW(INDEX(Jesper!AI$2:AI$366,ROUNDDOWN($C6753/24,0)+1,1))-1)+IF('Standard Profiles'!$G$19=$B$10,7,0)+IF('Standard Profiles'!$G$19=$B$17,14,0)+IF('Standard Profiles'!$G$19=$B$24,21,0),MOD($C6753,24)+1)/SUM(INDEX($D$3:$AA$30,INDEX(Jesper!$R$2:$R$366,ROW(INDEX(Jesper!AI$2:AI$366,ROUNDDOWN($C6753/24,0)+1,1))-1)+IF('Standard Profiles'!$G$19=$B$10,7,0)+IF('Standard Profiles'!$G$19=$B$17,14,0)+IF('Standard Profiles'!$G$19=$B$24,21,0),0)),0)</f>
        <v>2.7395862434685716</v>
      </c>
      <c r="F6753" cm="1">
        <f t="array" ref="F6753">IFERROR(INDEX(Jesper!AJ$2:AJ$366,ROUNDDOWN($C6753/24,0)+1,1)*INDEX($D$3:$AA$30,INDEX(Jesper!$R$2:$R$366,ROW(INDEX(Jesper!AJ$2:AJ$366,ROUNDDOWN($C6753/24,0)+1,1))-1)+IF('Standard Profiles'!$G$20=$B$10,7,0)+IF('Standard Profiles'!$G$20=$B$17,14,0)+IF('Standard Profiles'!$G$20=$B$24,21,0),MOD($C6753,24)+1)/SUM(INDEX($D$3:$AA$30,INDEX(Jesper!$R$2:$R$366,ROW(INDEX(Jesper!AJ$2:AJ$366,ROUNDDOWN($C6753/24,0)+1,1))-1)+IF('Standard Profiles'!$G$20=$B$10,7,0)+IF('Standard Profiles'!$G$20=$B$17,14,0)+IF('Standard Profiles'!$G$20=$B$24,21,0),0)),0)</f>
        <v>1.2995296029685686</v>
      </c>
      <c r="G6753" cm="1">
        <f t="array" ref="G6753">IFERROR(INDEX(Jesper!AK$2:AK$366,ROUNDDOWN($C6753/24,0)+1,1)*INDEX($D$3:$AA$30,INDEX(Jesper!$R$2:$R$366,ROW(INDEX(Jesper!AK$2:AK$366,ROUNDDOWN($C6753/24,0)+1,1))-1)+IF('Standard Profiles'!$G$21=$B$10,7,0)+IF('Standard Profiles'!$G$21=$B$17,14,0)+IF('Standard Profiles'!$G$21=$B$24,21,0),MOD($C6753,24)+1)/SUM(INDEX($D$3:$AA$30,INDEX(Jesper!$R$2:$R$366,ROW(INDEX(Jesper!AK$2:AK$366,ROUNDDOWN($C6753/24,0)+1,1))-1)+IF('Standard Profiles'!$G$21=$B$10,7,0)+IF('Standard Profiles'!$G$21=$B$17,14,0)+IF('Standard Profiles'!$G$21=$B$24,21,0),0)),0)</f>
        <v>0.82686160482704896</v>
      </c>
      <c r="H6753" cm="1">
        <f t="array" ref="H6753">IFERROR(INDEX(Jesper!AL$2:AL$366,ROUNDDOWN($C6753/24,0)+1,1)*INDEX($D$3:$AA$30,INDEX(Jesper!$R$2:$R$366,ROW(INDEX(Jesper!AL$2:AL$366,ROUNDDOWN($C6753/24,0)+1,1))-1)+IF('Standard Profiles'!$G$22=$B$10,7,0)+IF('Standard Profiles'!$G$22=$B$17,14,0)+IF('Standard Profiles'!$G$22=$B$24,21,0),MOD($C6753,24)+1)/SUM(INDEX($D$3:$AA$30,INDEX(Jesper!$R$2:$R$366,ROW(INDEX(Jesper!AL$2:AL$366,ROUNDDOWN($C6753/24,0)+1,1))-1)+IF('Standard Profiles'!$G$22=$B$10,7,0)+IF('Standard Profiles'!$G$22=$B$17,14,0)+IF('Standard Profiles'!$G$22=$B$24,21,0),0)),0)</f>
        <v>0.24796895054410481</v>
      </c>
      <c r="I6753">
        <f t="shared" si="748"/>
        <v>0.23805019252234075</v>
      </c>
      <c r="J6753">
        <f t="shared" si="749"/>
        <v>4.5471458600697252</v>
      </c>
      <c r="K6753">
        <f t="shared" si="750"/>
        <v>0.21916689947748574</v>
      </c>
      <c r="L6753">
        <f t="shared" si="751"/>
        <v>0.10958344973874287</v>
      </c>
      <c r="M6753">
        <f t="shared" si="752"/>
        <v>0</v>
      </c>
      <c r="N6753" s="45">
        <f t="shared" si="753"/>
        <v>45206.958333317038</v>
      </c>
    </row>
    <row r="6754" spans="2:14" x14ac:dyDescent="0.25">
      <c r="B6754">
        <f t="shared" si="747"/>
        <v>7</v>
      </c>
      <c r="C6754" s="16">
        <v>6720</v>
      </c>
      <c r="D6754" cm="1">
        <f t="array" ref="D6754">IFERROR(INDEX(Jesper!AH$2:AH$366,ROUNDDOWN($C6754/24,0)+1,1)*INDEX($D$3:$AA$30,INDEX(Jesper!$R$2:$R$366,ROW(INDEX(Jesper!AH$2:AH$366,ROUNDDOWN($C6754/24,0)+1,1))-1)+IF('Standard Profiles'!$G$18=$B$10,7,0)+IF('Standard Profiles'!$G$18=$B$17,14,0)+IF('Standard Profiles'!$G$18=$B$24,21,0),MOD($C6754,24)+1)/SUM(INDEX($D$3:$AA$30,INDEX(Jesper!$R$2:$R$366,ROW(INDEX(Jesper!AH$2:AH$366,ROUNDDOWN($C6754/24,0)+1,1))-1)+IF('Standard Profiles'!$G$18=$B$10,7,0)+IF('Standard Profiles'!$G$18=$B$17,14,0)+IF('Standard Profiles'!$G$18=$B$24,21,0),0)),0)</f>
        <v>0</v>
      </c>
      <c r="E6754" cm="1">
        <f t="array" ref="E6754">IFERROR(INDEX(Jesper!AI$2:AI$366,ROUNDDOWN($C6754/24,0)+1,1)*INDEX($D$3:$AA$30,INDEX(Jesper!$R$2:$R$366,ROW(INDEX(Jesper!AI$2:AI$366,ROUNDDOWN($C6754/24,0)+1,1))-1)+IF('Standard Profiles'!$G$19=$B$10,7,0)+IF('Standard Profiles'!$G$19=$B$17,14,0)+IF('Standard Profiles'!$G$19=$B$24,21,0),MOD($C6754,24)+1)/SUM(INDEX($D$3:$AA$30,INDEX(Jesper!$R$2:$R$366,ROW(INDEX(Jesper!AI$2:AI$366,ROUNDDOWN($C6754/24,0)+1,1))-1)+IF('Standard Profiles'!$G$19=$B$10,7,0)+IF('Standard Profiles'!$G$19=$B$17,14,0)+IF('Standard Profiles'!$G$19=$B$24,21,0),0)),0)</f>
        <v>2.7736606736410314</v>
      </c>
      <c r="F6754" cm="1">
        <f t="array" ref="F6754">IFERROR(INDEX(Jesper!AJ$2:AJ$366,ROUNDDOWN($C6754/24,0)+1,1)*INDEX($D$3:$AA$30,INDEX(Jesper!$R$2:$R$366,ROW(INDEX(Jesper!AJ$2:AJ$366,ROUNDDOWN($C6754/24,0)+1,1))-1)+IF('Standard Profiles'!$G$20=$B$10,7,0)+IF('Standard Profiles'!$G$20=$B$17,14,0)+IF('Standard Profiles'!$G$20=$B$24,21,0),MOD($C6754,24)+1)/SUM(INDEX($D$3:$AA$30,INDEX(Jesper!$R$2:$R$366,ROW(INDEX(Jesper!AJ$2:AJ$366,ROUNDDOWN($C6754/24,0)+1,1))-1)+IF('Standard Profiles'!$G$20=$B$10,7,0)+IF('Standard Profiles'!$G$20=$B$17,14,0)+IF('Standard Profiles'!$G$20=$B$24,21,0),0)),0)</f>
        <v>1.4432286573292714</v>
      </c>
      <c r="G6754" cm="1">
        <f t="array" ref="G6754">IFERROR(INDEX(Jesper!AK$2:AK$366,ROUNDDOWN($C6754/24,0)+1,1)*INDEX($D$3:$AA$30,INDEX(Jesper!$R$2:$R$366,ROW(INDEX(Jesper!AK$2:AK$366,ROUNDDOWN($C6754/24,0)+1,1))-1)+IF('Standard Profiles'!$G$21=$B$10,7,0)+IF('Standard Profiles'!$G$21=$B$17,14,0)+IF('Standard Profiles'!$G$21=$B$24,21,0),MOD($C6754,24)+1)/SUM(INDEX($D$3:$AA$30,INDEX(Jesper!$R$2:$R$366,ROW(INDEX(Jesper!AK$2:AK$366,ROUNDDOWN($C6754/24,0)+1,1))-1)+IF('Standard Profiles'!$G$21=$B$10,7,0)+IF('Standard Profiles'!$G$21=$B$17,14,0)+IF('Standard Profiles'!$G$21=$B$24,21,0),0)),0)</f>
        <v>0.99451295301974552</v>
      </c>
      <c r="H6754" cm="1">
        <f t="array" ref="H6754">IFERROR(INDEX(Jesper!AL$2:AL$366,ROUNDDOWN($C6754/24,0)+1,1)*INDEX($D$3:$AA$30,INDEX(Jesper!$R$2:$R$366,ROW(INDEX(Jesper!AL$2:AL$366,ROUNDDOWN($C6754/24,0)+1,1))-1)+IF('Standard Profiles'!$G$22=$B$10,7,0)+IF('Standard Profiles'!$G$22=$B$17,14,0)+IF('Standard Profiles'!$G$22=$B$24,21,0),MOD($C6754,24)+1)/SUM(INDEX($D$3:$AA$30,INDEX(Jesper!$R$2:$R$366,ROW(INDEX(Jesper!AL$2:AL$366,ROUNDDOWN($C6754/24,0)+1,1))-1)+IF('Standard Profiles'!$G$22=$B$10,7,0)+IF('Standard Profiles'!$G$22=$B$17,14,0)+IF('Standard Profiles'!$G$22=$B$24,21,0),0)),0)</f>
        <v>0.380839547806814</v>
      </c>
      <c r="I6754">
        <f t="shared" si="748"/>
        <v>0.36560596589454164</v>
      </c>
      <c r="J6754">
        <f t="shared" si="749"/>
        <v>4.8937965850653971</v>
      </c>
      <c r="K6754">
        <f t="shared" si="750"/>
        <v>0.22189285389128252</v>
      </c>
      <c r="L6754">
        <f t="shared" si="751"/>
        <v>0.11094642694564126</v>
      </c>
      <c r="M6754">
        <f t="shared" si="752"/>
        <v>0</v>
      </c>
      <c r="N6754" s="45">
        <f t="shared" si="753"/>
        <v>45206.999999983702</v>
      </c>
    </row>
    <row r="6755" spans="2:14" x14ac:dyDescent="0.25">
      <c r="B6755">
        <f t="shared" ref="B6755:B6818" si="754">WEEKDAY(N6755,2)</f>
        <v>7</v>
      </c>
      <c r="C6755" s="16">
        <v>6721</v>
      </c>
      <c r="D6755" cm="1">
        <f t="array" ref="D6755">IFERROR(INDEX(Jesper!AH$2:AH$366,ROUNDDOWN($C6755/24,0)+1,1)*INDEX($D$3:$AA$30,INDEX(Jesper!$R$2:$R$366,ROW(INDEX(Jesper!AH$2:AH$366,ROUNDDOWN($C6755/24,0)+1,1))-1)+IF('Standard Profiles'!$G$18=$B$10,7,0)+IF('Standard Profiles'!$G$18=$B$17,14,0)+IF('Standard Profiles'!$G$18=$B$24,21,0),MOD($C6755,24)+1)/SUM(INDEX($D$3:$AA$30,INDEX(Jesper!$R$2:$R$366,ROW(INDEX(Jesper!AH$2:AH$366,ROUNDDOWN($C6755/24,0)+1,1))-1)+IF('Standard Profiles'!$G$18=$B$10,7,0)+IF('Standard Profiles'!$G$18=$B$17,14,0)+IF('Standard Profiles'!$G$18=$B$24,21,0),0)),0)</f>
        <v>0</v>
      </c>
      <c r="E6755" cm="1">
        <f t="array" ref="E6755">IFERROR(INDEX(Jesper!AI$2:AI$366,ROUNDDOWN($C6755/24,0)+1,1)*INDEX($D$3:$AA$30,INDEX(Jesper!$R$2:$R$366,ROW(INDEX(Jesper!AI$2:AI$366,ROUNDDOWN($C6755/24,0)+1,1))-1)+IF('Standard Profiles'!$G$19=$B$10,7,0)+IF('Standard Profiles'!$G$19=$B$17,14,0)+IF('Standard Profiles'!$G$19=$B$24,21,0),MOD($C6755,24)+1)/SUM(INDEX($D$3:$AA$30,INDEX(Jesper!$R$2:$R$366,ROW(INDEX(Jesper!AI$2:AI$366,ROUNDDOWN($C6755/24,0)+1,1))-1)+IF('Standard Profiles'!$G$19=$B$10,7,0)+IF('Standard Profiles'!$G$19=$B$17,14,0)+IF('Standard Profiles'!$G$19=$B$24,21,0),0)),0)</f>
        <v>2.7736606736410314</v>
      </c>
      <c r="F6755" cm="1">
        <f t="array" ref="F6755">IFERROR(INDEX(Jesper!AJ$2:AJ$366,ROUNDDOWN($C6755/24,0)+1,1)*INDEX($D$3:$AA$30,INDEX(Jesper!$R$2:$R$366,ROW(INDEX(Jesper!AJ$2:AJ$366,ROUNDDOWN($C6755/24,0)+1,1))-1)+IF('Standard Profiles'!$G$20=$B$10,7,0)+IF('Standard Profiles'!$G$20=$B$17,14,0)+IF('Standard Profiles'!$G$20=$B$24,21,0),MOD($C6755,24)+1)/SUM(INDEX($D$3:$AA$30,INDEX(Jesper!$R$2:$R$366,ROW(INDEX(Jesper!AJ$2:AJ$366,ROUNDDOWN($C6755/24,0)+1,1))-1)+IF('Standard Profiles'!$G$20=$B$10,7,0)+IF('Standard Profiles'!$G$20=$B$17,14,0)+IF('Standard Profiles'!$G$20=$B$24,21,0),0)),0)</f>
        <v>1.4432286573292714</v>
      </c>
      <c r="G6755" cm="1">
        <f t="array" ref="G6755">IFERROR(INDEX(Jesper!AK$2:AK$366,ROUNDDOWN($C6755/24,0)+1,1)*INDEX($D$3:$AA$30,INDEX(Jesper!$R$2:$R$366,ROW(INDEX(Jesper!AK$2:AK$366,ROUNDDOWN($C6755/24,0)+1,1))-1)+IF('Standard Profiles'!$G$21=$B$10,7,0)+IF('Standard Profiles'!$G$21=$B$17,14,0)+IF('Standard Profiles'!$G$21=$B$24,21,0),MOD($C6755,24)+1)/SUM(INDEX($D$3:$AA$30,INDEX(Jesper!$R$2:$R$366,ROW(INDEX(Jesper!AK$2:AK$366,ROUNDDOWN($C6755/24,0)+1,1))-1)+IF('Standard Profiles'!$G$21=$B$10,7,0)+IF('Standard Profiles'!$G$21=$B$17,14,0)+IF('Standard Profiles'!$G$21=$B$24,21,0),0)),0)</f>
        <v>0.99451295301974552</v>
      </c>
      <c r="H6755" cm="1">
        <f t="array" ref="H6755">IFERROR(INDEX(Jesper!AL$2:AL$366,ROUNDDOWN($C6755/24,0)+1,1)*INDEX($D$3:$AA$30,INDEX(Jesper!$R$2:$R$366,ROW(INDEX(Jesper!AL$2:AL$366,ROUNDDOWN($C6755/24,0)+1,1))-1)+IF('Standard Profiles'!$G$22=$B$10,7,0)+IF('Standard Profiles'!$G$22=$B$17,14,0)+IF('Standard Profiles'!$G$22=$B$24,21,0),MOD($C6755,24)+1)/SUM(INDEX($D$3:$AA$30,INDEX(Jesper!$R$2:$R$366,ROW(INDEX(Jesper!AL$2:AL$366,ROUNDDOWN($C6755/24,0)+1,1))-1)+IF('Standard Profiles'!$G$22=$B$10,7,0)+IF('Standard Profiles'!$G$22=$B$17,14,0)+IF('Standard Profiles'!$G$22=$B$24,21,0),0)),0)</f>
        <v>0.44226528132404208</v>
      </c>
      <c r="I6755">
        <f t="shared" ref="I6755:I6818" si="755">IF($B6755&lt;6,AC$37*$D6755+AC$38*$E6755+AC$39*$F6755+AC$40*$G6755,AC$46*$D6755+AC$47*$E6755+AC$48*$F6755+AC$49*$G6755+AC$50*$H6755)</f>
        <v>0.42457467007108063</v>
      </c>
      <c r="J6755">
        <f t="shared" ref="J6755:J6818" si="756">IF($B6755&lt;6,AD$37*$D6755+AD$38*$E6755+AD$39*$F6755+AD$40*$G6755,AD$46*$D6755+AD$47*$E6755+AD$48*$F6755+AD$49*$G6755+AD$50*$H6755)</f>
        <v>4.8962536144060858</v>
      </c>
      <c r="K6755">
        <f t="shared" ref="K6755:K6818" si="757">IF($B6755&lt;6,AE$37*$D6755+AE$38*$E6755+AE$39*$F6755+AE$40*$G6755,AE$46*$D6755+AE$47*$E6755+AE$48*$F6755+AE$49*$G6755+AE$50*$H6755)</f>
        <v>0.22189285389128252</v>
      </c>
      <c r="L6755">
        <f t="shared" ref="L6755:L6818" si="758">IF($B6755&lt;6,AF$37*$D6755+AF$38*$E6755+AF$39*$F6755+AF$40*$G6755,AF$46*$D6755+AF$47*$E6755+AF$48*$F6755+AF$49*$G6755+AF$50*$H6755)</f>
        <v>0.11094642694564126</v>
      </c>
      <c r="M6755">
        <f t="shared" ref="M6755:M6818" si="759">IF($B6755&lt;6,AG$37*$D6755+AG$38*$E6755+AG$39*$F6755+AG$40*$G6755,AG$46*$D6755+AG$47*$E6755+AG$48*$F6755+AG$49*$G6755+AG$50*$H6755)</f>
        <v>0</v>
      </c>
      <c r="N6755" s="45">
        <f t="shared" si="753"/>
        <v>45207.041666650366</v>
      </c>
    </row>
    <row r="6756" spans="2:14" x14ac:dyDescent="0.25">
      <c r="B6756">
        <f t="shared" si="754"/>
        <v>7</v>
      </c>
      <c r="C6756" s="16">
        <v>6722</v>
      </c>
      <c r="D6756" cm="1">
        <f t="array" ref="D6756">IFERROR(INDEX(Jesper!AH$2:AH$366,ROUNDDOWN($C6756/24,0)+1,1)*INDEX($D$3:$AA$30,INDEX(Jesper!$R$2:$R$366,ROW(INDEX(Jesper!AH$2:AH$366,ROUNDDOWN($C6756/24,0)+1,1))-1)+IF('Standard Profiles'!$G$18=$B$10,7,0)+IF('Standard Profiles'!$G$18=$B$17,14,0)+IF('Standard Profiles'!$G$18=$B$24,21,0),MOD($C6756,24)+1)/SUM(INDEX($D$3:$AA$30,INDEX(Jesper!$R$2:$R$366,ROW(INDEX(Jesper!AH$2:AH$366,ROUNDDOWN($C6756/24,0)+1,1))-1)+IF('Standard Profiles'!$G$18=$B$10,7,0)+IF('Standard Profiles'!$G$18=$B$17,14,0)+IF('Standard Profiles'!$G$18=$B$24,21,0),0)),0)</f>
        <v>0</v>
      </c>
      <c r="E6756" cm="1">
        <f t="array" ref="E6756">IFERROR(INDEX(Jesper!AI$2:AI$366,ROUNDDOWN($C6756/24,0)+1,1)*INDEX($D$3:$AA$30,INDEX(Jesper!$R$2:$R$366,ROW(INDEX(Jesper!AI$2:AI$366,ROUNDDOWN($C6756/24,0)+1,1))-1)+IF('Standard Profiles'!$G$19=$B$10,7,0)+IF('Standard Profiles'!$G$19=$B$17,14,0)+IF('Standard Profiles'!$G$19=$B$24,21,0),MOD($C6756,24)+1)/SUM(INDEX($D$3:$AA$30,INDEX(Jesper!$R$2:$R$366,ROW(INDEX(Jesper!AI$2:AI$366,ROUNDDOWN($C6756/24,0)+1,1))-1)+IF('Standard Profiles'!$G$19=$B$10,7,0)+IF('Standard Profiles'!$G$19=$B$17,14,0)+IF('Standard Profiles'!$G$19=$B$24,21,0),0)),0)</f>
        <v>2.7736606736410314</v>
      </c>
      <c r="F6756" cm="1">
        <f t="array" ref="F6756">IFERROR(INDEX(Jesper!AJ$2:AJ$366,ROUNDDOWN($C6756/24,0)+1,1)*INDEX($D$3:$AA$30,INDEX(Jesper!$R$2:$R$366,ROW(INDEX(Jesper!AJ$2:AJ$366,ROUNDDOWN($C6756/24,0)+1,1))-1)+IF('Standard Profiles'!$G$20=$B$10,7,0)+IF('Standard Profiles'!$G$20=$B$17,14,0)+IF('Standard Profiles'!$G$20=$B$24,21,0),MOD($C6756,24)+1)/SUM(INDEX($D$3:$AA$30,INDEX(Jesper!$R$2:$R$366,ROW(INDEX(Jesper!AJ$2:AJ$366,ROUNDDOWN($C6756/24,0)+1,1))-1)+IF('Standard Profiles'!$G$20=$B$10,7,0)+IF('Standard Profiles'!$G$20=$B$17,14,0)+IF('Standard Profiles'!$G$20=$B$24,21,0),0)),0)</f>
        <v>1.4432286573292714</v>
      </c>
      <c r="G6756" cm="1">
        <f t="array" ref="G6756">IFERROR(INDEX(Jesper!AK$2:AK$366,ROUNDDOWN($C6756/24,0)+1,1)*INDEX($D$3:$AA$30,INDEX(Jesper!$R$2:$R$366,ROW(INDEX(Jesper!AK$2:AK$366,ROUNDDOWN($C6756/24,0)+1,1))-1)+IF('Standard Profiles'!$G$21=$B$10,7,0)+IF('Standard Profiles'!$G$21=$B$17,14,0)+IF('Standard Profiles'!$G$21=$B$24,21,0),MOD($C6756,24)+1)/SUM(INDEX($D$3:$AA$30,INDEX(Jesper!$R$2:$R$366,ROW(INDEX(Jesper!AK$2:AK$366,ROUNDDOWN($C6756/24,0)+1,1))-1)+IF('Standard Profiles'!$G$21=$B$10,7,0)+IF('Standard Profiles'!$G$21=$B$17,14,0)+IF('Standard Profiles'!$G$21=$B$24,21,0),0)),0)</f>
        <v>0.99451295301974552</v>
      </c>
      <c r="H6756" cm="1">
        <f t="array" ref="H6756">IFERROR(INDEX(Jesper!AL$2:AL$366,ROUNDDOWN($C6756/24,0)+1,1)*INDEX($D$3:$AA$30,INDEX(Jesper!$R$2:$R$366,ROW(INDEX(Jesper!AL$2:AL$366,ROUNDDOWN($C6756/24,0)+1,1))-1)+IF('Standard Profiles'!$G$22=$B$10,7,0)+IF('Standard Profiles'!$G$22=$B$17,14,0)+IF('Standard Profiles'!$G$22=$B$24,21,0),MOD($C6756,24)+1)/SUM(INDEX($D$3:$AA$30,INDEX(Jesper!$R$2:$R$366,ROW(INDEX(Jesper!AL$2:AL$366,ROUNDDOWN($C6756/24,0)+1,1))-1)+IF('Standard Profiles'!$G$22=$B$10,7,0)+IF('Standard Profiles'!$G$22=$B$17,14,0)+IF('Standard Profiles'!$G$22=$B$24,21,0),0)),0)</f>
        <v>0.44226528132404208</v>
      </c>
      <c r="I6756">
        <f t="shared" si="755"/>
        <v>0.42457467007108063</v>
      </c>
      <c r="J6756">
        <f t="shared" si="756"/>
        <v>4.8962536144060858</v>
      </c>
      <c r="K6756">
        <f t="shared" si="757"/>
        <v>0.22189285389128252</v>
      </c>
      <c r="L6756">
        <f t="shared" si="758"/>
        <v>0.11094642694564126</v>
      </c>
      <c r="M6756">
        <f t="shared" si="759"/>
        <v>0</v>
      </c>
      <c r="N6756" s="45">
        <f t="shared" ref="N6756:N6819" si="760">N6755+1/24</f>
        <v>45207.08333331703</v>
      </c>
    </row>
    <row r="6757" spans="2:14" x14ac:dyDescent="0.25">
      <c r="B6757">
        <f t="shared" si="754"/>
        <v>7</v>
      </c>
      <c r="C6757" s="16">
        <v>6723</v>
      </c>
      <c r="D6757" cm="1">
        <f t="array" ref="D6757">IFERROR(INDEX(Jesper!AH$2:AH$366,ROUNDDOWN($C6757/24,0)+1,1)*INDEX($D$3:$AA$30,INDEX(Jesper!$R$2:$R$366,ROW(INDEX(Jesper!AH$2:AH$366,ROUNDDOWN($C6757/24,0)+1,1))-1)+IF('Standard Profiles'!$G$18=$B$10,7,0)+IF('Standard Profiles'!$G$18=$B$17,14,0)+IF('Standard Profiles'!$G$18=$B$24,21,0),MOD($C6757,24)+1)/SUM(INDEX($D$3:$AA$30,INDEX(Jesper!$R$2:$R$366,ROW(INDEX(Jesper!AH$2:AH$366,ROUNDDOWN($C6757/24,0)+1,1))-1)+IF('Standard Profiles'!$G$18=$B$10,7,0)+IF('Standard Profiles'!$G$18=$B$17,14,0)+IF('Standard Profiles'!$G$18=$B$24,21,0),0)),0)</f>
        <v>0</v>
      </c>
      <c r="E6757" cm="1">
        <f t="array" ref="E6757">IFERROR(INDEX(Jesper!AI$2:AI$366,ROUNDDOWN($C6757/24,0)+1,1)*INDEX($D$3:$AA$30,INDEX(Jesper!$R$2:$R$366,ROW(INDEX(Jesper!AI$2:AI$366,ROUNDDOWN($C6757/24,0)+1,1))-1)+IF('Standard Profiles'!$G$19=$B$10,7,0)+IF('Standard Profiles'!$G$19=$B$17,14,0)+IF('Standard Profiles'!$G$19=$B$24,21,0),MOD($C6757,24)+1)/SUM(INDEX($D$3:$AA$30,INDEX(Jesper!$R$2:$R$366,ROW(INDEX(Jesper!AI$2:AI$366,ROUNDDOWN($C6757/24,0)+1,1))-1)+IF('Standard Profiles'!$G$19=$B$10,7,0)+IF('Standard Profiles'!$G$19=$B$17,14,0)+IF('Standard Profiles'!$G$19=$B$24,21,0),0)),0)</f>
        <v>2.7736606736410314</v>
      </c>
      <c r="F6757" cm="1">
        <f t="array" ref="F6757">IFERROR(INDEX(Jesper!AJ$2:AJ$366,ROUNDDOWN($C6757/24,0)+1,1)*INDEX($D$3:$AA$30,INDEX(Jesper!$R$2:$R$366,ROW(INDEX(Jesper!AJ$2:AJ$366,ROUNDDOWN($C6757/24,0)+1,1))-1)+IF('Standard Profiles'!$G$20=$B$10,7,0)+IF('Standard Profiles'!$G$20=$B$17,14,0)+IF('Standard Profiles'!$G$20=$B$24,21,0),MOD($C6757,24)+1)/SUM(INDEX($D$3:$AA$30,INDEX(Jesper!$R$2:$R$366,ROW(INDEX(Jesper!AJ$2:AJ$366,ROUNDDOWN($C6757/24,0)+1,1))-1)+IF('Standard Profiles'!$G$20=$B$10,7,0)+IF('Standard Profiles'!$G$20=$B$17,14,0)+IF('Standard Profiles'!$G$20=$B$24,21,0),0)),0)</f>
        <v>1.4432286573292714</v>
      </c>
      <c r="G6757" cm="1">
        <f t="array" ref="G6757">IFERROR(INDEX(Jesper!AK$2:AK$366,ROUNDDOWN($C6757/24,0)+1,1)*INDEX($D$3:$AA$30,INDEX(Jesper!$R$2:$R$366,ROW(INDEX(Jesper!AK$2:AK$366,ROUNDDOWN($C6757/24,0)+1,1))-1)+IF('Standard Profiles'!$G$21=$B$10,7,0)+IF('Standard Profiles'!$G$21=$B$17,14,0)+IF('Standard Profiles'!$G$21=$B$24,21,0),MOD($C6757,24)+1)/SUM(INDEX($D$3:$AA$30,INDEX(Jesper!$R$2:$R$366,ROW(INDEX(Jesper!AK$2:AK$366,ROUNDDOWN($C6757/24,0)+1,1))-1)+IF('Standard Profiles'!$G$21=$B$10,7,0)+IF('Standard Profiles'!$G$21=$B$17,14,0)+IF('Standard Profiles'!$G$21=$B$24,21,0),0)),0)</f>
        <v>0.99451295301974552</v>
      </c>
      <c r="H6757" cm="1">
        <f t="array" ref="H6757">IFERROR(INDEX(Jesper!AL$2:AL$366,ROUNDDOWN($C6757/24,0)+1,1)*INDEX($D$3:$AA$30,INDEX(Jesper!$R$2:$R$366,ROW(INDEX(Jesper!AL$2:AL$366,ROUNDDOWN($C6757/24,0)+1,1))-1)+IF('Standard Profiles'!$G$22=$B$10,7,0)+IF('Standard Profiles'!$G$22=$B$17,14,0)+IF('Standard Profiles'!$G$22=$B$24,21,0),MOD($C6757,24)+1)/SUM(INDEX($D$3:$AA$30,INDEX(Jesper!$R$2:$R$366,ROW(INDEX(Jesper!AL$2:AL$366,ROUNDDOWN($C6757/24,0)+1,1))-1)+IF('Standard Profiles'!$G$22=$B$10,7,0)+IF('Standard Profiles'!$G$22=$B$17,14,0)+IF('Standard Profiles'!$G$22=$B$24,21,0),0)),0)</f>
        <v>0.44226528132404208</v>
      </c>
      <c r="I6757">
        <f t="shared" si="755"/>
        <v>0.42457467007108063</v>
      </c>
      <c r="J6757">
        <f t="shared" si="756"/>
        <v>4.8962536144060858</v>
      </c>
      <c r="K6757">
        <f t="shared" si="757"/>
        <v>0.22189285389128252</v>
      </c>
      <c r="L6757">
        <f t="shared" si="758"/>
        <v>0.11094642694564126</v>
      </c>
      <c r="M6757">
        <f t="shared" si="759"/>
        <v>0</v>
      </c>
      <c r="N6757" s="45">
        <f t="shared" si="760"/>
        <v>45207.124999983695</v>
      </c>
    </row>
    <row r="6758" spans="2:14" x14ac:dyDescent="0.25">
      <c r="B6758">
        <f t="shared" si="754"/>
        <v>7</v>
      </c>
      <c r="C6758" s="16">
        <v>6724</v>
      </c>
      <c r="D6758" cm="1">
        <f t="array" ref="D6758">IFERROR(INDEX(Jesper!AH$2:AH$366,ROUNDDOWN($C6758/24,0)+1,1)*INDEX($D$3:$AA$30,INDEX(Jesper!$R$2:$R$366,ROW(INDEX(Jesper!AH$2:AH$366,ROUNDDOWN($C6758/24,0)+1,1))-1)+IF('Standard Profiles'!$G$18=$B$10,7,0)+IF('Standard Profiles'!$G$18=$B$17,14,0)+IF('Standard Profiles'!$G$18=$B$24,21,0),MOD($C6758,24)+1)/SUM(INDEX($D$3:$AA$30,INDEX(Jesper!$R$2:$R$366,ROW(INDEX(Jesper!AH$2:AH$366,ROUNDDOWN($C6758/24,0)+1,1))-1)+IF('Standard Profiles'!$G$18=$B$10,7,0)+IF('Standard Profiles'!$G$18=$B$17,14,0)+IF('Standard Profiles'!$G$18=$B$24,21,0),0)),0)</f>
        <v>0</v>
      </c>
      <c r="E6758" cm="1">
        <f t="array" ref="E6758">IFERROR(INDEX(Jesper!AI$2:AI$366,ROUNDDOWN($C6758/24,0)+1,1)*INDEX($D$3:$AA$30,INDEX(Jesper!$R$2:$R$366,ROW(INDEX(Jesper!AI$2:AI$366,ROUNDDOWN($C6758/24,0)+1,1))-1)+IF('Standard Profiles'!$G$19=$B$10,7,0)+IF('Standard Profiles'!$G$19=$B$17,14,0)+IF('Standard Profiles'!$G$19=$B$24,21,0),MOD($C6758,24)+1)/SUM(INDEX($D$3:$AA$30,INDEX(Jesper!$R$2:$R$366,ROW(INDEX(Jesper!AI$2:AI$366,ROUNDDOWN($C6758/24,0)+1,1))-1)+IF('Standard Profiles'!$G$19=$B$10,7,0)+IF('Standard Profiles'!$G$19=$B$17,14,0)+IF('Standard Profiles'!$G$19=$B$24,21,0),0)),0)</f>
        <v>2.7736606736410314</v>
      </c>
      <c r="F6758" cm="1">
        <f t="array" ref="F6758">IFERROR(INDEX(Jesper!AJ$2:AJ$366,ROUNDDOWN($C6758/24,0)+1,1)*INDEX($D$3:$AA$30,INDEX(Jesper!$R$2:$R$366,ROW(INDEX(Jesper!AJ$2:AJ$366,ROUNDDOWN($C6758/24,0)+1,1))-1)+IF('Standard Profiles'!$G$20=$B$10,7,0)+IF('Standard Profiles'!$G$20=$B$17,14,0)+IF('Standard Profiles'!$G$20=$B$24,21,0),MOD($C6758,24)+1)/SUM(INDEX($D$3:$AA$30,INDEX(Jesper!$R$2:$R$366,ROW(INDEX(Jesper!AJ$2:AJ$366,ROUNDDOWN($C6758/24,0)+1,1))-1)+IF('Standard Profiles'!$G$20=$B$10,7,0)+IF('Standard Profiles'!$G$20=$B$17,14,0)+IF('Standard Profiles'!$G$20=$B$24,21,0),0)),0)</f>
        <v>1.4432286573292714</v>
      </c>
      <c r="G6758" cm="1">
        <f t="array" ref="G6758">IFERROR(INDEX(Jesper!AK$2:AK$366,ROUNDDOWN($C6758/24,0)+1,1)*INDEX($D$3:$AA$30,INDEX(Jesper!$R$2:$R$366,ROW(INDEX(Jesper!AK$2:AK$366,ROUNDDOWN($C6758/24,0)+1,1))-1)+IF('Standard Profiles'!$G$21=$B$10,7,0)+IF('Standard Profiles'!$G$21=$B$17,14,0)+IF('Standard Profiles'!$G$21=$B$24,21,0),MOD($C6758,24)+1)/SUM(INDEX($D$3:$AA$30,INDEX(Jesper!$R$2:$R$366,ROW(INDEX(Jesper!AK$2:AK$366,ROUNDDOWN($C6758/24,0)+1,1))-1)+IF('Standard Profiles'!$G$21=$B$10,7,0)+IF('Standard Profiles'!$G$21=$B$17,14,0)+IF('Standard Profiles'!$G$21=$B$24,21,0),0)),0)</f>
        <v>0.99451295301974552</v>
      </c>
      <c r="H6758" cm="1">
        <f t="array" ref="H6758">IFERROR(INDEX(Jesper!AL$2:AL$366,ROUNDDOWN($C6758/24,0)+1,1)*INDEX($D$3:$AA$30,INDEX(Jesper!$R$2:$R$366,ROW(INDEX(Jesper!AL$2:AL$366,ROUNDDOWN($C6758/24,0)+1,1))-1)+IF('Standard Profiles'!$G$22=$B$10,7,0)+IF('Standard Profiles'!$G$22=$B$17,14,0)+IF('Standard Profiles'!$G$22=$B$24,21,0),MOD($C6758,24)+1)/SUM(INDEX($D$3:$AA$30,INDEX(Jesper!$R$2:$R$366,ROW(INDEX(Jesper!AL$2:AL$366,ROUNDDOWN($C6758/24,0)+1,1))-1)+IF('Standard Profiles'!$G$22=$B$10,7,0)+IF('Standard Profiles'!$G$22=$B$17,14,0)+IF('Standard Profiles'!$G$22=$B$24,21,0),0)),0)</f>
        <v>0.44226528132404208</v>
      </c>
      <c r="I6758">
        <f t="shared" si="755"/>
        <v>0.42457467007108063</v>
      </c>
      <c r="J6758">
        <f t="shared" si="756"/>
        <v>4.8962536144060858</v>
      </c>
      <c r="K6758">
        <f t="shared" si="757"/>
        <v>0.22189285389128252</v>
      </c>
      <c r="L6758">
        <f t="shared" si="758"/>
        <v>0.11094642694564126</v>
      </c>
      <c r="M6758">
        <f t="shared" si="759"/>
        <v>0</v>
      </c>
      <c r="N6758" s="45">
        <f t="shared" si="760"/>
        <v>45207.166666650359</v>
      </c>
    </row>
    <row r="6759" spans="2:14" x14ac:dyDescent="0.25">
      <c r="B6759">
        <f t="shared" si="754"/>
        <v>7</v>
      </c>
      <c r="C6759" s="16">
        <v>6725</v>
      </c>
      <c r="D6759" cm="1">
        <f t="array" ref="D6759">IFERROR(INDEX(Jesper!AH$2:AH$366,ROUNDDOWN($C6759/24,0)+1,1)*INDEX($D$3:$AA$30,INDEX(Jesper!$R$2:$R$366,ROW(INDEX(Jesper!AH$2:AH$366,ROUNDDOWN($C6759/24,0)+1,1))-1)+IF('Standard Profiles'!$G$18=$B$10,7,0)+IF('Standard Profiles'!$G$18=$B$17,14,0)+IF('Standard Profiles'!$G$18=$B$24,21,0),MOD($C6759,24)+1)/SUM(INDEX($D$3:$AA$30,INDEX(Jesper!$R$2:$R$366,ROW(INDEX(Jesper!AH$2:AH$366,ROUNDDOWN($C6759/24,0)+1,1))-1)+IF('Standard Profiles'!$G$18=$B$10,7,0)+IF('Standard Profiles'!$G$18=$B$17,14,0)+IF('Standard Profiles'!$G$18=$B$24,21,0),0)),0)</f>
        <v>0</v>
      </c>
      <c r="E6759" cm="1">
        <f t="array" ref="E6759">IFERROR(INDEX(Jesper!AI$2:AI$366,ROUNDDOWN($C6759/24,0)+1,1)*INDEX($D$3:$AA$30,INDEX(Jesper!$R$2:$R$366,ROW(INDEX(Jesper!AI$2:AI$366,ROUNDDOWN($C6759/24,0)+1,1))-1)+IF('Standard Profiles'!$G$19=$B$10,7,0)+IF('Standard Profiles'!$G$19=$B$17,14,0)+IF('Standard Profiles'!$G$19=$B$24,21,0),MOD($C6759,24)+1)/SUM(INDEX($D$3:$AA$30,INDEX(Jesper!$R$2:$R$366,ROW(INDEX(Jesper!AI$2:AI$366,ROUNDDOWN($C6759/24,0)+1,1))-1)+IF('Standard Profiles'!$G$19=$B$10,7,0)+IF('Standard Profiles'!$G$19=$B$17,14,0)+IF('Standard Profiles'!$G$19=$B$24,21,0),0)),0)</f>
        <v>2.7736606736410314</v>
      </c>
      <c r="F6759" cm="1">
        <f t="array" ref="F6759">IFERROR(INDEX(Jesper!AJ$2:AJ$366,ROUNDDOWN($C6759/24,0)+1,1)*INDEX($D$3:$AA$30,INDEX(Jesper!$R$2:$R$366,ROW(INDEX(Jesper!AJ$2:AJ$366,ROUNDDOWN($C6759/24,0)+1,1))-1)+IF('Standard Profiles'!$G$20=$B$10,7,0)+IF('Standard Profiles'!$G$20=$B$17,14,0)+IF('Standard Profiles'!$G$20=$B$24,21,0),MOD($C6759,24)+1)/SUM(INDEX($D$3:$AA$30,INDEX(Jesper!$R$2:$R$366,ROW(INDEX(Jesper!AJ$2:AJ$366,ROUNDDOWN($C6759/24,0)+1,1))-1)+IF('Standard Profiles'!$G$20=$B$10,7,0)+IF('Standard Profiles'!$G$20=$B$17,14,0)+IF('Standard Profiles'!$G$20=$B$24,21,0),0)),0)</f>
        <v>1.4432286573292714</v>
      </c>
      <c r="G6759" cm="1">
        <f t="array" ref="G6759">IFERROR(INDEX(Jesper!AK$2:AK$366,ROUNDDOWN($C6759/24,0)+1,1)*INDEX($D$3:$AA$30,INDEX(Jesper!$R$2:$R$366,ROW(INDEX(Jesper!AK$2:AK$366,ROUNDDOWN($C6759/24,0)+1,1))-1)+IF('Standard Profiles'!$G$21=$B$10,7,0)+IF('Standard Profiles'!$G$21=$B$17,14,0)+IF('Standard Profiles'!$G$21=$B$24,21,0),MOD($C6759,24)+1)/SUM(INDEX($D$3:$AA$30,INDEX(Jesper!$R$2:$R$366,ROW(INDEX(Jesper!AK$2:AK$366,ROUNDDOWN($C6759/24,0)+1,1))-1)+IF('Standard Profiles'!$G$21=$B$10,7,0)+IF('Standard Profiles'!$G$21=$B$17,14,0)+IF('Standard Profiles'!$G$21=$B$24,21,0),0)),0)</f>
        <v>0.99451295301974552</v>
      </c>
      <c r="H6759" cm="1">
        <f t="array" ref="H6759">IFERROR(INDEX(Jesper!AL$2:AL$366,ROUNDDOWN($C6759/24,0)+1,1)*INDEX($D$3:$AA$30,INDEX(Jesper!$R$2:$R$366,ROW(INDEX(Jesper!AL$2:AL$366,ROUNDDOWN($C6759/24,0)+1,1))-1)+IF('Standard Profiles'!$G$22=$B$10,7,0)+IF('Standard Profiles'!$G$22=$B$17,14,0)+IF('Standard Profiles'!$G$22=$B$24,21,0),MOD($C6759,24)+1)/SUM(INDEX($D$3:$AA$30,INDEX(Jesper!$R$2:$R$366,ROW(INDEX(Jesper!AL$2:AL$366,ROUNDDOWN($C6759/24,0)+1,1))-1)+IF('Standard Profiles'!$G$22=$B$10,7,0)+IF('Standard Profiles'!$G$22=$B$17,14,0)+IF('Standard Profiles'!$G$22=$B$24,21,0),0)),0)</f>
        <v>0.55283160165505252</v>
      </c>
      <c r="I6759">
        <f t="shared" si="755"/>
        <v>0.53071833758885067</v>
      </c>
      <c r="J6759">
        <f t="shared" si="756"/>
        <v>4.9006762672193265</v>
      </c>
      <c r="K6759">
        <f t="shared" si="757"/>
        <v>0.22189285389128252</v>
      </c>
      <c r="L6759">
        <f t="shared" si="758"/>
        <v>0.11094642694564126</v>
      </c>
      <c r="M6759">
        <f t="shared" si="759"/>
        <v>0</v>
      </c>
      <c r="N6759" s="45">
        <f t="shared" si="760"/>
        <v>45207.208333317023</v>
      </c>
    </row>
    <row r="6760" spans="2:14" x14ac:dyDescent="0.25">
      <c r="B6760">
        <f t="shared" si="754"/>
        <v>7</v>
      </c>
      <c r="C6760" s="16">
        <v>6726</v>
      </c>
      <c r="D6760" cm="1">
        <f t="array" ref="D6760">IFERROR(INDEX(Jesper!AH$2:AH$366,ROUNDDOWN($C6760/24,0)+1,1)*INDEX($D$3:$AA$30,INDEX(Jesper!$R$2:$R$366,ROW(INDEX(Jesper!AH$2:AH$366,ROUNDDOWN($C6760/24,0)+1,1))-1)+IF('Standard Profiles'!$G$18=$B$10,7,0)+IF('Standard Profiles'!$G$18=$B$17,14,0)+IF('Standard Profiles'!$G$18=$B$24,21,0),MOD($C6760,24)+1)/SUM(INDEX($D$3:$AA$30,INDEX(Jesper!$R$2:$R$366,ROW(INDEX(Jesper!AH$2:AH$366,ROUNDDOWN($C6760/24,0)+1,1))-1)+IF('Standard Profiles'!$G$18=$B$10,7,0)+IF('Standard Profiles'!$G$18=$B$17,14,0)+IF('Standard Profiles'!$G$18=$B$24,21,0),0)),0)</f>
        <v>0</v>
      </c>
      <c r="E6760" cm="1">
        <f t="array" ref="E6760">IFERROR(INDEX(Jesper!AI$2:AI$366,ROUNDDOWN($C6760/24,0)+1,1)*INDEX($D$3:$AA$30,INDEX(Jesper!$R$2:$R$366,ROW(INDEX(Jesper!AI$2:AI$366,ROUNDDOWN($C6760/24,0)+1,1))-1)+IF('Standard Profiles'!$G$19=$B$10,7,0)+IF('Standard Profiles'!$G$19=$B$17,14,0)+IF('Standard Profiles'!$G$19=$B$24,21,0),MOD($C6760,24)+1)/SUM(INDEX($D$3:$AA$30,INDEX(Jesper!$R$2:$R$366,ROW(INDEX(Jesper!AI$2:AI$366,ROUNDDOWN($C6760/24,0)+1,1))-1)+IF('Standard Profiles'!$G$19=$B$10,7,0)+IF('Standard Profiles'!$G$19=$B$17,14,0)+IF('Standard Profiles'!$G$19=$B$24,21,0),0)),0)</f>
        <v>2.7736606736410314</v>
      </c>
      <c r="F6760" cm="1">
        <f t="array" ref="F6760">IFERROR(INDEX(Jesper!AJ$2:AJ$366,ROUNDDOWN($C6760/24,0)+1,1)*INDEX($D$3:$AA$30,INDEX(Jesper!$R$2:$R$366,ROW(INDEX(Jesper!AJ$2:AJ$366,ROUNDDOWN($C6760/24,0)+1,1))-1)+IF('Standard Profiles'!$G$20=$B$10,7,0)+IF('Standard Profiles'!$G$20=$B$17,14,0)+IF('Standard Profiles'!$G$20=$B$24,21,0),MOD($C6760,24)+1)/SUM(INDEX($D$3:$AA$30,INDEX(Jesper!$R$2:$R$366,ROW(INDEX(Jesper!AJ$2:AJ$366,ROUNDDOWN($C6760/24,0)+1,1))-1)+IF('Standard Profiles'!$G$20=$B$10,7,0)+IF('Standard Profiles'!$G$20=$B$17,14,0)+IF('Standard Profiles'!$G$20=$B$24,21,0),0)),0)</f>
        <v>1.4432286573292714</v>
      </c>
      <c r="G6760" cm="1">
        <f t="array" ref="G6760">IFERROR(INDEX(Jesper!AK$2:AK$366,ROUNDDOWN($C6760/24,0)+1,1)*INDEX($D$3:$AA$30,INDEX(Jesper!$R$2:$R$366,ROW(INDEX(Jesper!AK$2:AK$366,ROUNDDOWN($C6760/24,0)+1,1))-1)+IF('Standard Profiles'!$G$21=$B$10,7,0)+IF('Standard Profiles'!$G$21=$B$17,14,0)+IF('Standard Profiles'!$G$21=$B$24,21,0),MOD($C6760,24)+1)/SUM(INDEX($D$3:$AA$30,INDEX(Jesper!$R$2:$R$366,ROW(INDEX(Jesper!AK$2:AK$366,ROUNDDOWN($C6760/24,0)+1,1))-1)+IF('Standard Profiles'!$G$21=$B$10,7,0)+IF('Standard Profiles'!$G$21=$B$17,14,0)+IF('Standard Profiles'!$G$21=$B$24,21,0),0)),0)</f>
        <v>0.99451295301974552</v>
      </c>
      <c r="H6760" cm="1">
        <f t="array" ref="H6760">IFERROR(INDEX(Jesper!AL$2:AL$366,ROUNDDOWN($C6760/24,0)+1,1)*INDEX($D$3:$AA$30,INDEX(Jesper!$R$2:$R$366,ROW(INDEX(Jesper!AL$2:AL$366,ROUNDDOWN($C6760/24,0)+1,1))-1)+IF('Standard Profiles'!$G$22=$B$10,7,0)+IF('Standard Profiles'!$G$22=$B$17,14,0)+IF('Standard Profiles'!$G$22=$B$24,21,0),MOD($C6760,24)+1)/SUM(INDEX($D$3:$AA$30,INDEX(Jesper!$R$2:$R$366,ROW(INDEX(Jesper!AL$2:AL$366,ROUNDDOWN($C6760/24,0)+1,1))-1)+IF('Standard Profiles'!$G$22=$B$10,7,0)+IF('Standard Profiles'!$G$22=$B$17,14,0)+IF('Standard Profiles'!$G$22=$B$24,21,0),0)),0)</f>
        <v>0.65111277528261757</v>
      </c>
      <c r="I6760">
        <f t="shared" si="755"/>
        <v>0.62506826427131323</v>
      </c>
      <c r="J6760">
        <f t="shared" si="756"/>
        <v>4.9046075141644287</v>
      </c>
      <c r="K6760">
        <f t="shared" si="757"/>
        <v>0.22189285389128252</v>
      </c>
      <c r="L6760">
        <f t="shared" si="758"/>
        <v>0.11094642694564126</v>
      </c>
      <c r="M6760">
        <f t="shared" si="759"/>
        <v>0</v>
      </c>
      <c r="N6760" s="45">
        <f t="shared" si="760"/>
        <v>45207.249999983687</v>
      </c>
    </row>
    <row r="6761" spans="2:14" x14ac:dyDescent="0.25">
      <c r="B6761">
        <f t="shared" si="754"/>
        <v>7</v>
      </c>
      <c r="C6761" s="16">
        <v>6727</v>
      </c>
      <c r="D6761" cm="1">
        <f t="array" ref="D6761">IFERROR(INDEX(Jesper!AH$2:AH$366,ROUNDDOWN($C6761/24,0)+1,1)*INDEX($D$3:$AA$30,INDEX(Jesper!$R$2:$R$366,ROW(INDEX(Jesper!AH$2:AH$366,ROUNDDOWN($C6761/24,0)+1,1))-1)+IF('Standard Profiles'!$G$18=$B$10,7,0)+IF('Standard Profiles'!$G$18=$B$17,14,0)+IF('Standard Profiles'!$G$18=$B$24,21,0),MOD($C6761,24)+1)/SUM(INDEX($D$3:$AA$30,INDEX(Jesper!$R$2:$R$366,ROW(INDEX(Jesper!AH$2:AH$366,ROUNDDOWN($C6761/24,0)+1,1))-1)+IF('Standard Profiles'!$G$18=$B$10,7,0)+IF('Standard Profiles'!$G$18=$B$17,14,0)+IF('Standard Profiles'!$G$18=$B$24,21,0),0)),0)</f>
        <v>0</v>
      </c>
      <c r="E6761" cm="1">
        <f t="array" ref="E6761">IFERROR(INDEX(Jesper!AI$2:AI$366,ROUNDDOWN($C6761/24,0)+1,1)*INDEX($D$3:$AA$30,INDEX(Jesper!$R$2:$R$366,ROW(INDEX(Jesper!AI$2:AI$366,ROUNDDOWN($C6761/24,0)+1,1))-1)+IF('Standard Profiles'!$G$19=$B$10,7,0)+IF('Standard Profiles'!$G$19=$B$17,14,0)+IF('Standard Profiles'!$G$19=$B$24,21,0),MOD($C6761,24)+1)/SUM(INDEX($D$3:$AA$30,INDEX(Jesper!$R$2:$R$366,ROW(INDEX(Jesper!AI$2:AI$366,ROUNDDOWN($C6761/24,0)+1,1))-1)+IF('Standard Profiles'!$G$19=$B$10,7,0)+IF('Standard Profiles'!$G$19=$B$17,14,0)+IF('Standard Profiles'!$G$19=$B$24,21,0),0)),0)</f>
        <v>2.7736606736410314</v>
      </c>
      <c r="F6761" cm="1">
        <f t="array" ref="F6761">IFERROR(INDEX(Jesper!AJ$2:AJ$366,ROUNDDOWN($C6761/24,0)+1,1)*INDEX($D$3:$AA$30,INDEX(Jesper!$R$2:$R$366,ROW(INDEX(Jesper!AJ$2:AJ$366,ROUNDDOWN($C6761/24,0)+1,1))-1)+IF('Standard Profiles'!$G$20=$B$10,7,0)+IF('Standard Profiles'!$G$20=$B$17,14,0)+IF('Standard Profiles'!$G$20=$B$24,21,0),MOD($C6761,24)+1)/SUM(INDEX($D$3:$AA$30,INDEX(Jesper!$R$2:$R$366,ROW(INDEX(Jesper!AJ$2:AJ$366,ROUNDDOWN($C6761/24,0)+1,1))-1)+IF('Standard Profiles'!$G$20=$B$10,7,0)+IF('Standard Profiles'!$G$20=$B$17,14,0)+IF('Standard Profiles'!$G$20=$B$24,21,0),0)),0)</f>
        <v>1.4432286573292714</v>
      </c>
      <c r="G6761" cm="1">
        <f t="array" ref="G6761">IFERROR(INDEX(Jesper!AK$2:AK$366,ROUNDDOWN($C6761/24,0)+1,1)*INDEX($D$3:$AA$30,INDEX(Jesper!$R$2:$R$366,ROW(INDEX(Jesper!AK$2:AK$366,ROUNDDOWN($C6761/24,0)+1,1))-1)+IF('Standard Profiles'!$G$21=$B$10,7,0)+IF('Standard Profiles'!$G$21=$B$17,14,0)+IF('Standard Profiles'!$G$21=$B$24,21,0),MOD($C6761,24)+1)/SUM(INDEX($D$3:$AA$30,INDEX(Jesper!$R$2:$R$366,ROW(INDEX(Jesper!AK$2:AK$366,ROUNDDOWN($C6761/24,0)+1,1))-1)+IF('Standard Profiles'!$G$21=$B$10,7,0)+IF('Standard Profiles'!$G$21=$B$17,14,0)+IF('Standard Profiles'!$G$21=$B$24,21,0),0)),0)</f>
        <v>0.99451295301974552</v>
      </c>
      <c r="H6761" cm="1">
        <f t="array" ref="H6761">IFERROR(INDEX(Jesper!AL$2:AL$366,ROUNDDOWN($C6761/24,0)+1,1)*INDEX($D$3:$AA$30,INDEX(Jesper!$R$2:$R$366,ROW(INDEX(Jesper!AL$2:AL$366,ROUNDDOWN($C6761/24,0)+1,1))-1)+IF('Standard Profiles'!$G$22=$B$10,7,0)+IF('Standard Profiles'!$G$22=$B$17,14,0)+IF('Standard Profiles'!$G$22=$B$24,21,0),MOD($C6761,24)+1)/SUM(INDEX($D$3:$AA$30,INDEX(Jesper!$R$2:$R$366,ROW(INDEX(Jesper!AL$2:AL$366,ROUNDDOWN($C6761/24,0)+1,1))-1)+IF('Standard Profiles'!$G$22=$B$10,7,0)+IF('Standard Profiles'!$G$22=$B$17,14,0)+IF('Standard Profiles'!$G$22=$B$24,21,0),0)),0)</f>
        <v>0.77396424231707361</v>
      </c>
      <c r="I6761">
        <f t="shared" si="755"/>
        <v>0.7430056726243911</v>
      </c>
      <c r="J6761">
        <f t="shared" si="756"/>
        <v>4.909521572845807</v>
      </c>
      <c r="K6761">
        <f t="shared" si="757"/>
        <v>0.22189285389128252</v>
      </c>
      <c r="L6761">
        <f t="shared" si="758"/>
        <v>0.11094642694564126</v>
      </c>
      <c r="M6761">
        <f t="shared" si="759"/>
        <v>0</v>
      </c>
      <c r="N6761" s="45">
        <f t="shared" si="760"/>
        <v>45207.291666650352</v>
      </c>
    </row>
    <row r="6762" spans="2:14" x14ac:dyDescent="0.25">
      <c r="B6762">
        <f t="shared" si="754"/>
        <v>7</v>
      </c>
      <c r="C6762" s="16">
        <v>6728</v>
      </c>
      <c r="D6762" cm="1">
        <f t="array" ref="D6762">IFERROR(INDEX(Jesper!AH$2:AH$366,ROUNDDOWN($C6762/24,0)+1,1)*INDEX($D$3:$AA$30,INDEX(Jesper!$R$2:$R$366,ROW(INDEX(Jesper!AH$2:AH$366,ROUNDDOWN($C6762/24,0)+1,1))-1)+IF('Standard Profiles'!$G$18=$B$10,7,0)+IF('Standard Profiles'!$G$18=$B$17,14,0)+IF('Standard Profiles'!$G$18=$B$24,21,0),MOD($C6762,24)+1)/SUM(INDEX($D$3:$AA$30,INDEX(Jesper!$R$2:$R$366,ROW(INDEX(Jesper!AH$2:AH$366,ROUNDDOWN($C6762/24,0)+1,1))-1)+IF('Standard Profiles'!$G$18=$B$10,7,0)+IF('Standard Profiles'!$G$18=$B$17,14,0)+IF('Standard Profiles'!$G$18=$B$24,21,0),0)),0)</f>
        <v>0</v>
      </c>
      <c r="E6762" cm="1">
        <f t="array" ref="E6762">IFERROR(INDEX(Jesper!AI$2:AI$366,ROUNDDOWN($C6762/24,0)+1,1)*INDEX($D$3:$AA$30,INDEX(Jesper!$R$2:$R$366,ROW(INDEX(Jesper!AI$2:AI$366,ROUNDDOWN($C6762/24,0)+1,1))-1)+IF('Standard Profiles'!$G$19=$B$10,7,0)+IF('Standard Profiles'!$G$19=$B$17,14,0)+IF('Standard Profiles'!$G$19=$B$24,21,0),MOD($C6762,24)+1)/SUM(INDEX($D$3:$AA$30,INDEX(Jesper!$R$2:$R$366,ROW(INDEX(Jesper!AI$2:AI$366,ROUNDDOWN($C6762/24,0)+1,1))-1)+IF('Standard Profiles'!$G$19=$B$10,7,0)+IF('Standard Profiles'!$G$19=$B$17,14,0)+IF('Standard Profiles'!$G$19=$B$24,21,0),0)),0)</f>
        <v>2.7736606736410314</v>
      </c>
      <c r="F6762" cm="1">
        <f t="array" ref="F6762">IFERROR(INDEX(Jesper!AJ$2:AJ$366,ROUNDDOWN($C6762/24,0)+1,1)*INDEX($D$3:$AA$30,INDEX(Jesper!$R$2:$R$366,ROW(INDEX(Jesper!AJ$2:AJ$366,ROUNDDOWN($C6762/24,0)+1,1))-1)+IF('Standard Profiles'!$G$20=$B$10,7,0)+IF('Standard Profiles'!$G$20=$B$17,14,0)+IF('Standard Profiles'!$G$20=$B$24,21,0),MOD($C6762,24)+1)/SUM(INDEX($D$3:$AA$30,INDEX(Jesper!$R$2:$R$366,ROW(INDEX(Jesper!AJ$2:AJ$366,ROUNDDOWN($C6762/24,0)+1,1))-1)+IF('Standard Profiles'!$G$20=$B$10,7,0)+IF('Standard Profiles'!$G$20=$B$17,14,0)+IF('Standard Profiles'!$G$20=$B$24,21,0),0)),0)</f>
        <v>1.4432286573292714</v>
      </c>
      <c r="G6762" cm="1">
        <f t="array" ref="G6762">IFERROR(INDEX(Jesper!AK$2:AK$366,ROUNDDOWN($C6762/24,0)+1,1)*INDEX($D$3:$AA$30,INDEX(Jesper!$R$2:$R$366,ROW(INDEX(Jesper!AK$2:AK$366,ROUNDDOWN($C6762/24,0)+1,1))-1)+IF('Standard Profiles'!$G$21=$B$10,7,0)+IF('Standard Profiles'!$G$21=$B$17,14,0)+IF('Standard Profiles'!$G$21=$B$24,21,0),MOD($C6762,24)+1)/SUM(INDEX($D$3:$AA$30,INDEX(Jesper!$R$2:$R$366,ROW(INDEX(Jesper!AK$2:AK$366,ROUNDDOWN($C6762/24,0)+1,1))-1)+IF('Standard Profiles'!$G$21=$B$10,7,0)+IF('Standard Profiles'!$G$21=$B$17,14,0)+IF('Standard Profiles'!$G$21=$B$24,21,0),0)),0)</f>
        <v>0.99451295301974552</v>
      </c>
      <c r="H6762" cm="1">
        <f t="array" ref="H6762">IFERROR(INDEX(Jesper!AL$2:AL$366,ROUNDDOWN($C6762/24,0)+1,1)*INDEX($D$3:$AA$30,INDEX(Jesper!$R$2:$R$366,ROW(INDEX(Jesper!AL$2:AL$366,ROUNDDOWN($C6762/24,0)+1,1))-1)+IF('Standard Profiles'!$G$22=$B$10,7,0)+IF('Standard Profiles'!$G$22=$B$17,14,0)+IF('Standard Profiles'!$G$22=$B$24,21,0),MOD($C6762,24)+1)/SUM(INDEX($D$3:$AA$30,INDEX(Jesper!$R$2:$R$366,ROW(INDEX(Jesper!AL$2:AL$366,ROUNDDOWN($C6762/24,0)+1,1))-1)+IF('Standard Profiles'!$G$22=$B$10,7,0)+IF('Standard Profiles'!$G$22=$B$17,14,0)+IF('Standard Profiles'!$G$22=$B$24,21,0),0)),0)</f>
        <v>0.77396424231707361</v>
      </c>
      <c r="I6762">
        <f t="shared" si="755"/>
        <v>0.7430056726243911</v>
      </c>
      <c r="J6762">
        <f t="shared" si="756"/>
        <v>4.909521572845807</v>
      </c>
      <c r="K6762">
        <f t="shared" si="757"/>
        <v>0.22189285389128252</v>
      </c>
      <c r="L6762">
        <f t="shared" si="758"/>
        <v>0.11094642694564126</v>
      </c>
      <c r="M6762">
        <f t="shared" si="759"/>
        <v>0</v>
      </c>
      <c r="N6762" s="45">
        <f t="shared" si="760"/>
        <v>45207.333333317016</v>
      </c>
    </row>
    <row r="6763" spans="2:14" x14ac:dyDescent="0.25">
      <c r="B6763">
        <f t="shared" si="754"/>
        <v>7</v>
      </c>
      <c r="C6763" s="16">
        <v>6729</v>
      </c>
      <c r="D6763" cm="1">
        <f t="array" ref="D6763">IFERROR(INDEX(Jesper!AH$2:AH$366,ROUNDDOWN($C6763/24,0)+1,1)*INDEX($D$3:$AA$30,INDEX(Jesper!$R$2:$R$366,ROW(INDEX(Jesper!AH$2:AH$366,ROUNDDOWN($C6763/24,0)+1,1))-1)+IF('Standard Profiles'!$G$18=$B$10,7,0)+IF('Standard Profiles'!$G$18=$B$17,14,0)+IF('Standard Profiles'!$G$18=$B$24,21,0),MOD($C6763,24)+1)/SUM(INDEX($D$3:$AA$30,INDEX(Jesper!$R$2:$R$366,ROW(INDEX(Jesper!AH$2:AH$366,ROUNDDOWN($C6763/24,0)+1,1))-1)+IF('Standard Profiles'!$G$18=$B$10,7,0)+IF('Standard Profiles'!$G$18=$B$17,14,0)+IF('Standard Profiles'!$G$18=$B$24,21,0),0)),0)</f>
        <v>0</v>
      </c>
      <c r="E6763" cm="1">
        <f t="array" ref="E6763">IFERROR(INDEX(Jesper!AI$2:AI$366,ROUNDDOWN($C6763/24,0)+1,1)*INDEX($D$3:$AA$30,INDEX(Jesper!$R$2:$R$366,ROW(INDEX(Jesper!AI$2:AI$366,ROUNDDOWN($C6763/24,0)+1,1))-1)+IF('Standard Profiles'!$G$19=$B$10,7,0)+IF('Standard Profiles'!$G$19=$B$17,14,0)+IF('Standard Profiles'!$G$19=$B$24,21,0),MOD($C6763,24)+1)/SUM(INDEX($D$3:$AA$30,INDEX(Jesper!$R$2:$R$366,ROW(INDEX(Jesper!AI$2:AI$366,ROUNDDOWN($C6763/24,0)+1,1))-1)+IF('Standard Profiles'!$G$19=$B$10,7,0)+IF('Standard Profiles'!$G$19=$B$17,14,0)+IF('Standard Profiles'!$G$19=$B$24,21,0),0)),0)</f>
        <v>2.7736606736410314</v>
      </c>
      <c r="F6763" cm="1">
        <f t="array" ref="F6763">IFERROR(INDEX(Jesper!AJ$2:AJ$366,ROUNDDOWN($C6763/24,0)+1,1)*INDEX($D$3:$AA$30,INDEX(Jesper!$R$2:$R$366,ROW(INDEX(Jesper!AJ$2:AJ$366,ROUNDDOWN($C6763/24,0)+1,1))-1)+IF('Standard Profiles'!$G$20=$B$10,7,0)+IF('Standard Profiles'!$G$20=$B$17,14,0)+IF('Standard Profiles'!$G$20=$B$24,21,0),MOD($C6763,24)+1)/SUM(INDEX($D$3:$AA$30,INDEX(Jesper!$R$2:$R$366,ROW(INDEX(Jesper!AJ$2:AJ$366,ROUNDDOWN($C6763/24,0)+1,1))-1)+IF('Standard Profiles'!$G$20=$B$10,7,0)+IF('Standard Profiles'!$G$20=$B$17,14,0)+IF('Standard Profiles'!$G$20=$B$24,21,0),0)),0)</f>
        <v>1.4432286573292714</v>
      </c>
      <c r="G6763" cm="1">
        <f t="array" ref="G6763">IFERROR(INDEX(Jesper!AK$2:AK$366,ROUNDDOWN($C6763/24,0)+1,1)*INDEX($D$3:$AA$30,INDEX(Jesper!$R$2:$R$366,ROW(INDEX(Jesper!AK$2:AK$366,ROUNDDOWN($C6763/24,0)+1,1))-1)+IF('Standard Profiles'!$G$21=$B$10,7,0)+IF('Standard Profiles'!$G$21=$B$17,14,0)+IF('Standard Profiles'!$G$21=$B$24,21,0),MOD($C6763,24)+1)/SUM(INDEX($D$3:$AA$30,INDEX(Jesper!$R$2:$R$366,ROW(INDEX(Jesper!AK$2:AK$366,ROUNDDOWN($C6763/24,0)+1,1))-1)+IF('Standard Profiles'!$G$21=$B$10,7,0)+IF('Standard Profiles'!$G$21=$B$17,14,0)+IF('Standard Profiles'!$G$21=$B$24,21,0),0)),0)</f>
        <v>0.99451295301974552</v>
      </c>
      <c r="H6763" cm="1">
        <f t="array" ref="H6763">IFERROR(INDEX(Jesper!AL$2:AL$366,ROUNDDOWN($C6763/24,0)+1,1)*INDEX($D$3:$AA$30,INDEX(Jesper!$R$2:$R$366,ROW(INDEX(Jesper!AL$2:AL$366,ROUNDDOWN($C6763/24,0)+1,1))-1)+IF('Standard Profiles'!$G$22=$B$10,7,0)+IF('Standard Profiles'!$G$22=$B$17,14,0)+IF('Standard Profiles'!$G$22=$B$24,21,0),MOD($C6763,24)+1)/SUM(INDEX($D$3:$AA$30,INDEX(Jesper!$R$2:$R$366,ROW(INDEX(Jesper!AL$2:AL$366,ROUNDDOWN($C6763/24,0)+1,1))-1)+IF('Standard Profiles'!$G$22=$B$10,7,0)+IF('Standard Profiles'!$G$22=$B$17,14,0)+IF('Standard Profiles'!$G$22=$B$24,21,0),0)),0)</f>
        <v>0.77396424231707361</v>
      </c>
      <c r="I6763">
        <f t="shared" si="755"/>
        <v>0.7430056726243911</v>
      </c>
      <c r="J6763">
        <f t="shared" si="756"/>
        <v>4.909521572845807</v>
      </c>
      <c r="K6763">
        <f t="shared" si="757"/>
        <v>0.22189285389128252</v>
      </c>
      <c r="L6763">
        <f t="shared" si="758"/>
        <v>0.11094642694564126</v>
      </c>
      <c r="M6763">
        <f t="shared" si="759"/>
        <v>0</v>
      </c>
      <c r="N6763" s="45">
        <f t="shared" si="760"/>
        <v>45207.37499998368</v>
      </c>
    </row>
    <row r="6764" spans="2:14" x14ac:dyDescent="0.25">
      <c r="B6764">
        <f t="shared" si="754"/>
        <v>7</v>
      </c>
      <c r="C6764" s="16">
        <v>6730</v>
      </c>
      <c r="D6764" cm="1">
        <f t="array" ref="D6764">IFERROR(INDEX(Jesper!AH$2:AH$366,ROUNDDOWN($C6764/24,0)+1,1)*INDEX($D$3:$AA$30,INDEX(Jesper!$R$2:$R$366,ROW(INDEX(Jesper!AH$2:AH$366,ROUNDDOWN($C6764/24,0)+1,1))-1)+IF('Standard Profiles'!$G$18=$B$10,7,0)+IF('Standard Profiles'!$G$18=$B$17,14,0)+IF('Standard Profiles'!$G$18=$B$24,21,0),MOD($C6764,24)+1)/SUM(INDEX($D$3:$AA$30,INDEX(Jesper!$R$2:$R$366,ROW(INDEX(Jesper!AH$2:AH$366,ROUNDDOWN($C6764/24,0)+1,1))-1)+IF('Standard Profiles'!$G$18=$B$10,7,0)+IF('Standard Profiles'!$G$18=$B$17,14,0)+IF('Standard Profiles'!$G$18=$B$24,21,0),0)),0)</f>
        <v>0</v>
      </c>
      <c r="E6764" cm="1">
        <f t="array" ref="E6764">IFERROR(INDEX(Jesper!AI$2:AI$366,ROUNDDOWN($C6764/24,0)+1,1)*INDEX($D$3:$AA$30,INDEX(Jesper!$R$2:$R$366,ROW(INDEX(Jesper!AI$2:AI$366,ROUNDDOWN($C6764/24,0)+1,1))-1)+IF('Standard Profiles'!$G$19=$B$10,7,0)+IF('Standard Profiles'!$G$19=$B$17,14,0)+IF('Standard Profiles'!$G$19=$B$24,21,0),MOD($C6764,24)+1)/SUM(INDEX($D$3:$AA$30,INDEX(Jesper!$R$2:$R$366,ROW(INDEX(Jesper!AI$2:AI$366,ROUNDDOWN($C6764/24,0)+1,1))-1)+IF('Standard Profiles'!$G$19=$B$10,7,0)+IF('Standard Profiles'!$G$19=$B$17,14,0)+IF('Standard Profiles'!$G$19=$B$24,21,0),0)),0)</f>
        <v>2.7736606736410314</v>
      </c>
      <c r="F6764" cm="1">
        <f t="array" ref="F6764">IFERROR(INDEX(Jesper!AJ$2:AJ$366,ROUNDDOWN($C6764/24,0)+1,1)*INDEX($D$3:$AA$30,INDEX(Jesper!$R$2:$R$366,ROW(INDEX(Jesper!AJ$2:AJ$366,ROUNDDOWN($C6764/24,0)+1,1))-1)+IF('Standard Profiles'!$G$20=$B$10,7,0)+IF('Standard Profiles'!$G$20=$B$17,14,0)+IF('Standard Profiles'!$G$20=$B$24,21,0),MOD($C6764,24)+1)/SUM(INDEX($D$3:$AA$30,INDEX(Jesper!$R$2:$R$366,ROW(INDEX(Jesper!AJ$2:AJ$366,ROUNDDOWN($C6764/24,0)+1,1))-1)+IF('Standard Profiles'!$G$20=$B$10,7,0)+IF('Standard Profiles'!$G$20=$B$17,14,0)+IF('Standard Profiles'!$G$20=$B$24,21,0),0)),0)</f>
        <v>1.4432286573292714</v>
      </c>
      <c r="G6764" cm="1">
        <f t="array" ref="G6764">IFERROR(INDEX(Jesper!AK$2:AK$366,ROUNDDOWN($C6764/24,0)+1,1)*INDEX($D$3:$AA$30,INDEX(Jesper!$R$2:$R$366,ROW(INDEX(Jesper!AK$2:AK$366,ROUNDDOWN($C6764/24,0)+1,1))-1)+IF('Standard Profiles'!$G$21=$B$10,7,0)+IF('Standard Profiles'!$G$21=$B$17,14,0)+IF('Standard Profiles'!$G$21=$B$24,21,0),MOD($C6764,24)+1)/SUM(INDEX($D$3:$AA$30,INDEX(Jesper!$R$2:$R$366,ROW(INDEX(Jesper!AK$2:AK$366,ROUNDDOWN($C6764/24,0)+1,1))-1)+IF('Standard Profiles'!$G$21=$B$10,7,0)+IF('Standard Profiles'!$G$21=$B$17,14,0)+IF('Standard Profiles'!$G$21=$B$24,21,0),0)),0)</f>
        <v>0.99451295301974552</v>
      </c>
      <c r="H6764" cm="1">
        <f t="array" ref="H6764">IFERROR(INDEX(Jesper!AL$2:AL$366,ROUNDDOWN($C6764/24,0)+1,1)*INDEX($D$3:$AA$30,INDEX(Jesper!$R$2:$R$366,ROW(INDEX(Jesper!AL$2:AL$366,ROUNDDOWN($C6764/24,0)+1,1))-1)+IF('Standard Profiles'!$G$22=$B$10,7,0)+IF('Standard Profiles'!$G$22=$B$17,14,0)+IF('Standard Profiles'!$G$22=$B$24,21,0),MOD($C6764,24)+1)/SUM(INDEX($D$3:$AA$30,INDEX(Jesper!$R$2:$R$366,ROW(INDEX(Jesper!AL$2:AL$366,ROUNDDOWN($C6764/24,0)+1,1))-1)+IF('Standard Profiles'!$G$22=$B$10,7,0)+IF('Standard Profiles'!$G$22=$B$17,14,0)+IF('Standard Profiles'!$G$22=$B$24,21,0),0)),0)</f>
        <v>0.77396424231707361</v>
      </c>
      <c r="I6764">
        <f t="shared" si="755"/>
        <v>0.7430056726243911</v>
      </c>
      <c r="J6764">
        <f t="shared" si="756"/>
        <v>4.909521572845807</v>
      </c>
      <c r="K6764">
        <f t="shared" si="757"/>
        <v>0.22189285389128252</v>
      </c>
      <c r="L6764">
        <f t="shared" si="758"/>
        <v>0.11094642694564126</v>
      </c>
      <c r="M6764">
        <f t="shared" si="759"/>
        <v>0</v>
      </c>
      <c r="N6764" s="45">
        <f t="shared" si="760"/>
        <v>45207.416666650344</v>
      </c>
    </row>
    <row r="6765" spans="2:14" x14ac:dyDescent="0.25">
      <c r="B6765">
        <f t="shared" si="754"/>
        <v>7</v>
      </c>
      <c r="C6765" s="16">
        <v>6731</v>
      </c>
      <c r="D6765" cm="1">
        <f t="array" ref="D6765">IFERROR(INDEX(Jesper!AH$2:AH$366,ROUNDDOWN($C6765/24,0)+1,1)*INDEX($D$3:$AA$30,INDEX(Jesper!$R$2:$R$366,ROW(INDEX(Jesper!AH$2:AH$366,ROUNDDOWN($C6765/24,0)+1,1))-1)+IF('Standard Profiles'!$G$18=$B$10,7,0)+IF('Standard Profiles'!$G$18=$B$17,14,0)+IF('Standard Profiles'!$G$18=$B$24,21,0),MOD($C6765,24)+1)/SUM(INDEX($D$3:$AA$30,INDEX(Jesper!$R$2:$R$366,ROW(INDEX(Jesper!AH$2:AH$366,ROUNDDOWN($C6765/24,0)+1,1))-1)+IF('Standard Profiles'!$G$18=$B$10,7,0)+IF('Standard Profiles'!$G$18=$B$17,14,0)+IF('Standard Profiles'!$G$18=$B$24,21,0),0)),0)</f>
        <v>0</v>
      </c>
      <c r="E6765" cm="1">
        <f t="array" ref="E6765">IFERROR(INDEX(Jesper!AI$2:AI$366,ROUNDDOWN($C6765/24,0)+1,1)*INDEX($D$3:$AA$30,INDEX(Jesper!$R$2:$R$366,ROW(INDEX(Jesper!AI$2:AI$366,ROUNDDOWN($C6765/24,0)+1,1))-1)+IF('Standard Profiles'!$G$19=$B$10,7,0)+IF('Standard Profiles'!$G$19=$B$17,14,0)+IF('Standard Profiles'!$G$19=$B$24,21,0),MOD($C6765,24)+1)/SUM(INDEX($D$3:$AA$30,INDEX(Jesper!$R$2:$R$366,ROW(INDEX(Jesper!AI$2:AI$366,ROUNDDOWN($C6765/24,0)+1,1))-1)+IF('Standard Profiles'!$G$19=$B$10,7,0)+IF('Standard Profiles'!$G$19=$B$17,14,0)+IF('Standard Profiles'!$G$19=$B$24,21,0),0)),0)</f>
        <v>2.7736606736410314</v>
      </c>
      <c r="F6765" cm="1">
        <f t="array" ref="F6765">IFERROR(INDEX(Jesper!AJ$2:AJ$366,ROUNDDOWN($C6765/24,0)+1,1)*INDEX($D$3:$AA$30,INDEX(Jesper!$R$2:$R$366,ROW(INDEX(Jesper!AJ$2:AJ$366,ROUNDDOWN($C6765/24,0)+1,1))-1)+IF('Standard Profiles'!$G$20=$B$10,7,0)+IF('Standard Profiles'!$G$20=$B$17,14,0)+IF('Standard Profiles'!$G$20=$B$24,21,0),MOD($C6765,24)+1)/SUM(INDEX($D$3:$AA$30,INDEX(Jesper!$R$2:$R$366,ROW(INDEX(Jesper!AJ$2:AJ$366,ROUNDDOWN($C6765/24,0)+1,1))-1)+IF('Standard Profiles'!$G$20=$B$10,7,0)+IF('Standard Profiles'!$G$20=$B$17,14,0)+IF('Standard Profiles'!$G$20=$B$24,21,0),0)),0)</f>
        <v>1.4432286573292714</v>
      </c>
      <c r="G6765" cm="1">
        <f t="array" ref="G6765">IFERROR(INDEX(Jesper!AK$2:AK$366,ROUNDDOWN($C6765/24,0)+1,1)*INDEX($D$3:$AA$30,INDEX(Jesper!$R$2:$R$366,ROW(INDEX(Jesper!AK$2:AK$366,ROUNDDOWN($C6765/24,0)+1,1))-1)+IF('Standard Profiles'!$G$21=$B$10,7,0)+IF('Standard Profiles'!$G$21=$B$17,14,0)+IF('Standard Profiles'!$G$21=$B$24,21,0),MOD($C6765,24)+1)/SUM(INDEX($D$3:$AA$30,INDEX(Jesper!$R$2:$R$366,ROW(INDEX(Jesper!AK$2:AK$366,ROUNDDOWN($C6765/24,0)+1,1))-1)+IF('Standard Profiles'!$G$21=$B$10,7,0)+IF('Standard Profiles'!$G$21=$B$17,14,0)+IF('Standard Profiles'!$G$21=$B$24,21,0),0)),0)</f>
        <v>0.99451295301974552</v>
      </c>
      <c r="H6765" cm="1">
        <f t="array" ref="H6765">IFERROR(INDEX(Jesper!AL$2:AL$366,ROUNDDOWN($C6765/24,0)+1,1)*INDEX($D$3:$AA$30,INDEX(Jesper!$R$2:$R$366,ROW(INDEX(Jesper!AL$2:AL$366,ROUNDDOWN($C6765/24,0)+1,1))-1)+IF('Standard Profiles'!$G$22=$B$10,7,0)+IF('Standard Profiles'!$G$22=$B$17,14,0)+IF('Standard Profiles'!$G$22=$B$24,21,0),MOD($C6765,24)+1)/SUM(INDEX($D$3:$AA$30,INDEX(Jesper!$R$2:$R$366,ROW(INDEX(Jesper!AL$2:AL$366,ROUNDDOWN($C6765/24,0)+1,1))-1)+IF('Standard Profiles'!$G$22=$B$10,7,0)+IF('Standard Profiles'!$G$22=$B$17,14,0)+IF('Standard Profiles'!$G$22=$B$24,21,0),0)),0)</f>
        <v>0.77396424231707361</v>
      </c>
      <c r="I6765">
        <f t="shared" si="755"/>
        <v>0.7430056726243911</v>
      </c>
      <c r="J6765">
        <f t="shared" si="756"/>
        <v>4.909521572845807</v>
      </c>
      <c r="K6765">
        <f t="shared" si="757"/>
        <v>0.22189285389128252</v>
      </c>
      <c r="L6765">
        <f t="shared" si="758"/>
        <v>0.11094642694564126</v>
      </c>
      <c r="M6765">
        <f t="shared" si="759"/>
        <v>0</v>
      </c>
      <c r="N6765" s="45">
        <f t="shared" si="760"/>
        <v>45207.458333317009</v>
      </c>
    </row>
    <row r="6766" spans="2:14" x14ac:dyDescent="0.25">
      <c r="B6766">
        <f t="shared" si="754"/>
        <v>7</v>
      </c>
      <c r="C6766" s="16">
        <v>6732</v>
      </c>
      <c r="D6766" cm="1">
        <f t="array" ref="D6766">IFERROR(INDEX(Jesper!AH$2:AH$366,ROUNDDOWN($C6766/24,0)+1,1)*INDEX($D$3:$AA$30,INDEX(Jesper!$R$2:$R$366,ROW(INDEX(Jesper!AH$2:AH$366,ROUNDDOWN($C6766/24,0)+1,1))-1)+IF('Standard Profiles'!$G$18=$B$10,7,0)+IF('Standard Profiles'!$G$18=$B$17,14,0)+IF('Standard Profiles'!$G$18=$B$24,21,0),MOD($C6766,24)+1)/SUM(INDEX($D$3:$AA$30,INDEX(Jesper!$R$2:$R$366,ROW(INDEX(Jesper!AH$2:AH$366,ROUNDDOWN($C6766/24,0)+1,1))-1)+IF('Standard Profiles'!$G$18=$B$10,7,0)+IF('Standard Profiles'!$G$18=$B$17,14,0)+IF('Standard Profiles'!$G$18=$B$24,21,0),0)),0)</f>
        <v>0</v>
      </c>
      <c r="E6766" cm="1">
        <f t="array" ref="E6766">IFERROR(INDEX(Jesper!AI$2:AI$366,ROUNDDOWN($C6766/24,0)+1,1)*INDEX($D$3:$AA$30,INDEX(Jesper!$R$2:$R$366,ROW(INDEX(Jesper!AI$2:AI$366,ROUNDDOWN($C6766/24,0)+1,1))-1)+IF('Standard Profiles'!$G$19=$B$10,7,0)+IF('Standard Profiles'!$G$19=$B$17,14,0)+IF('Standard Profiles'!$G$19=$B$24,21,0),MOD($C6766,24)+1)/SUM(INDEX($D$3:$AA$30,INDEX(Jesper!$R$2:$R$366,ROW(INDEX(Jesper!AI$2:AI$366,ROUNDDOWN($C6766/24,0)+1,1))-1)+IF('Standard Profiles'!$G$19=$B$10,7,0)+IF('Standard Profiles'!$G$19=$B$17,14,0)+IF('Standard Profiles'!$G$19=$B$24,21,0),0)),0)</f>
        <v>2.7736606736410314</v>
      </c>
      <c r="F6766" cm="1">
        <f t="array" ref="F6766">IFERROR(INDEX(Jesper!AJ$2:AJ$366,ROUNDDOWN($C6766/24,0)+1,1)*INDEX($D$3:$AA$30,INDEX(Jesper!$R$2:$R$366,ROW(INDEX(Jesper!AJ$2:AJ$366,ROUNDDOWN($C6766/24,0)+1,1))-1)+IF('Standard Profiles'!$G$20=$B$10,7,0)+IF('Standard Profiles'!$G$20=$B$17,14,0)+IF('Standard Profiles'!$G$20=$B$24,21,0),MOD($C6766,24)+1)/SUM(INDEX($D$3:$AA$30,INDEX(Jesper!$R$2:$R$366,ROW(INDEX(Jesper!AJ$2:AJ$366,ROUNDDOWN($C6766/24,0)+1,1))-1)+IF('Standard Profiles'!$G$20=$B$10,7,0)+IF('Standard Profiles'!$G$20=$B$17,14,0)+IF('Standard Profiles'!$G$20=$B$24,21,0),0)),0)</f>
        <v>1.4432286573292714</v>
      </c>
      <c r="G6766" cm="1">
        <f t="array" ref="G6766">IFERROR(INDEX(Jesper!AK$2:AK$366,ROUNDDOWN($C6766/24,0)+1,1)*INDEX($D$3:$AA$30,INDEX(Jesper!$R$2:$R$366,ROW(INDEX(Jesper!AK$2:AK$366,ROUNDDOWN($C6766/24,0)+1,1))-1)+IF('Standard Profiles'!$G$21=$B$10,7,0)+IF('Standard Profiles'!$G$21=$B$17,14,0)+IF('Standard Profiles'!$G$21=$B$24,21,0),MOD($C6766,24)+1)/SUM(INDEX($D$3:$AA$30,INDEX(Jesper!$R$2:$R$366,ROW(INDEX(Jesper!AK$2:AK$366,ROUNDDOWN($C6766/24,0)+1,1))-1)+IF('Standard Profiles'!$G$21=$B$10,7,0)+IF('Standard Profiles'!$G$21=$B$17,14,0)+IF('Standard Profiles'!$G$21=$B$24,21,0),0)),0)</f>
        <v>0.99451295301974552</v>
      </c>
      <c r="H6766" cm="1">
        <f t="array" ref="H6766">IFERROR(INDEX(Jesper!AL$2:AL$366,ROUNDDOWN($C6766/24,0)+1,1)*INDEX($D$3:$AA$30,INDEX(Jesper!$R$2:$R$366,ROW(INDEX(Jesper!AL$2:AL$366,ROUNDDOWN($C6766/24,0)+1,1))-1)+IF('Standard Profiles'!$G$22=$B$10,7,0)+IF('Standard Profiles'!$G$22=$B$17,14,0)+IF('Standard Profiles'!$G$22=$B$24,21,0),MOD($C6766,24)+1)/SUM(INDEX($D$3:$AA$30,INDEX(Jesper!$R$2:$R$366,ROW(INDEX(Jesper!AL$2:AL$366,ROUNDDOWN($C6766/24,0)+1,1))-1)+IF('Standard Profiles'!$G$22=$B$10,7,0)+IF('Standard Profiles'!$G$22=$B$17,14,0)+IF('Standard Profiles'!$G$22=$B$24,21,0),0)),0)</f>
        <v>0.77396424231707361</v>
      </c>
      <c r="I6766">
        <f t="shared" si="755"/>
        <v>0.7430056726243911</v>
      </c>
      <c r="J6766">
        <f t="shared" si="756"/>
        <v>4.909521572845807</v>
      </c>
      <c r="K6766">
        <f t="shared" si="757"/>
        <v>0.22189285389128252</v>
      </c>
      <c r="L6766">
        <f t="shared" si="758"/>
        <v>0.11094642694564126</v>
      </c>
      <c r="M6766">
        <f t="shared" si="759"/>
        <v>0</v>
      </c>
      <c r="N6766" s="45">
        <f t="shared" si="760"/>
        <v>45207.499999983673</v>
      </c>
    </row>
    <row r="6767" spans="2:14" x14ac:dyDescent="0.25">
      <c r="B6767">
        <f t="shared" si="754"/>
        <v>7</v>
      </c>
      <c r="C6767" s="16">
        <v>6733</v>
      </c>
      <c r="D6767" cm="1">
        <f t="array" ref="D6767">IFERROR(INDEX(Jesper!AH$2:AH$366,ROUNDDOWN($C6767/24,0)+1,1)*INDEX($D$3:$AA$30,INDEX(Jesper!$R$2:$R$366,ROW(INDEX(Jesper!AH$2:AH$366,ROUNDDOWN($C6767/24,0)+1,1))-1)+IF('Standard Profiles'!$G$18=$B$10,7,0)+IF('Standard Profiles'!$G$18=$B$17,14,0)+IF('Standard Profiles'!$G$18=$B$24,21,0),MOD($C6767,24)+1)/SUM(INDEX($D$3:$AA$30,INDEX(Jesper!$R$2:$R$366,ROW(INDEX(Jesper!AH$2:AH$366,ROUNDDOWN($C6767/24,0)+1,1))-1)+IF('Standard Profiles'!$G$18=$B$10,7,0)+IF('Standard Profiles'!$G$18=$B$17,14,0)+IF('Standard Profiles'!$G$18=$B$24,21,0),0)),0)</f>
        <v>0</v>
      </c>
      <c r="E6767" cm="1">
        <f t="array" ref="E6767">IFERROR(INDEX(Jesper!AI$2:AI$366,ROUNDDOWN($C6767/24,0)+1,1)*INDEX($D$3:$AA$30,INDEX(Jesper!$R$2:$R$366,ROW(INDEX(Jesper!AI$2:AI$366,ROUNDDOWN($C6767/24,0)+1,1))-1)+IF('Standard Profiles'!$G$19=$B$10,7,0)+IF('Standard Profiles'!$G$19=$B$17,14,0)+IF('Standard Profiles'!$G$19=$B$24,21,0),MOD($C6767,24)+1)/SUM(INDEX($D$3:$AA$30,INDEX(Jesper!$R$2:$R$366,ROW(INDEX(Jesper!AI$2:AI$366,ROUNDDOWN($C6767/24,0)+1,1))-1)+IF('Standard Profiles'!$G$19=$B$10,7,0)+IF('Standard Profiles'!$G$19=$B$17,14,0)+IF('Standard Profiles'!$G$19=$B$24,21,0),0)),0)</f>
        <v>2.7736606736410314</v>
      </c>
      <c r="F6767" cm="1">
        <f t="array" ref="F6767">IFERROR(INDEX(Jesper!AJ$2:AJ$366,ROUNDDOWN($C6767/24,0)+1,1)*INDEX($D$3:$AA$30,INDEX(Jesper!$R$2:$R$366,ROW(INDEX(Jesper!AJ$2:AJ$366,ROUNDDOWN($C6767/24,0)+1,1))-1)+IF('Standard Profiles'!$G$20=$B$10,7,0)+IF('Standard Profiles'!$G$20=$B$17,14,0)+IF('Standard Profiles'!$G$20=$B$24,21,0),MOD($C6767,24)+1)/SUM(INDEX($D$3:$AA$30,INDEX(Jesper!$R$2:$R$366,ROW(INDEX(Jesper!AJ$2:AJ$366,ROUNDDOWN($C6767/24,0)+1,1))-1)+IF('Standard Profiles'!$G$20=$B$10,7,0)+IF('Standard Profiles'!$G$20=$B$17,14,0)+IF('Standard Profiles'!$G$20=$B$24,21,0),0)),0)</f>
        <v>1.4432286573292714</v>
      </c>
      <c r="G6767" cm="1">
        <f t="array" ref="G6767">IFERROR(INDEX(Jesper!AK$2:AK$366,ROUNDDOWN($C6767/24,0)+1,1)*INDEX($D$3:$AA$30,INDEX(Jesper!$R$2:$R$366,ROW(INDEX(Jesper!AK$2:AK$366,ROUNDDOWN($C6767/24,0)+1,1))-1)+IF('Standard Profiles'!$G$21=$B$10,7,0)+IF('Standard Profiles'!$G$21=$B$17,14,0)+IF('Standard Profiles'!$G$21=$B$24,21,0),MOD($C6767,24)+1)/SUM(INDEX($D$3:$AA$30,INDEX(Jesper!$R$2:$R$366,ROW(INDEX(Jesper!AK$2:AK$366,ROUNDDOWN($C6767/24,0)+1,1))-1)+IF('Standard Profiles'!$G$21=$B$10,7,0)+IF('Standard Profiles'!$G$21=$B$17,14,0)+IF('Standard Profiles'!$G$21=$B$24,21,0),0)),0)</f>
        <v>0.99451295301974552</v>
      </c>
      <c r="H6767" cm="1">
        <f t="array" ref="H6767">IFERROR(INDEX(Jesper!AL$2:AL$366,ROUNDDOWN($C6767/24,0)+1,1)*INDEX($D$3:$AA$30,INDEX(Jesper!$R$2:$R$366,ROW(INDEX(Jesper!AL$2:AL$366,ROUNDDOWN($C6767/24,0)+1,1))-1)+IF('Standard Profiles'!$G$22=$B$10,7,0)+IF('Standard Profiles'!$G$22=$B$17,14,0)+IF('Standard Profiles'!$G$22=$B$24,21,0),MOD($C6767,24)+1)/SUM(INDEX($D$3:$AA$30,INDEX(Jesper!$R$2:$R$366,ROW(INDEX(Jesper!AL$2:AL$366,ROUNDDOWN($C6767/24,0)+1,1))-1)+IF('Standard Profiles'!$G$22=$B$10,7,0)+IF('Standard Profiles'!$G$22=$B$17,14,0)+IF('Standard Profiles'!$G$22=$B$24,21,0),0)),0)</f>
        <v>0.77396424231707361</v>
      </c>
      <c r="I6767">
        <f t="shared" si="755"/>
        <v>0.7430056726243911</v>
      </c>
      <c r="J6767">
        <f t="shared" si="756"/>
        <v>4.909521572845807</v>
      </c>
      <c r="K6767">
        <f t="shared" si="757"/>
        <v>0.22189285389128252</v>
      </c>
      <c r="L6767">
        <f t="shared" si="758"/>
        <v>0.11094642694564126</v>
      </c>
      <c r="M6767">
        <f t="shared" si="759"/>
        <v>0</v>
      </c>
      <c r="N6767" s="45">
        <f t="shared" si="760"/>
        <v>45207.541666650337</v>
      </c>
    </row>
    <row r="6768" spans="2:14" x14ac:dyDescent="0.25">
      <c r="B6768">
        <f t="shared" si="754"/>
        <v>7</v>
      </c>
      <c r="C6768" s="16">
        <v>6734</v>
      </c>
      <c r="D6768" cm="1">
        <f t="array" ref="D6768">IFERROR(INDEX(Jesper!AH$2:AH$366,ROUNDDOWN($C6768/24,0)+1,1)*INDEX($D$3:$AA$30,INDEX(Jesper!$R$2:$R$366,ROW(INDEX(Jesper!AH$2:AH$366,ROUNDDOWN($C6768/24,0)+1,1))-1)+IF('Standard Profiles'!$G$18=$B$10,7,0)+IF('Standard Profiles'!$G$18=$B$17,14,0)+IF('Standard Profiles'!$G$18=$B$24,21,0),MOD($C6768,24)+1)/SUM(INDEX($D$3:$AA$30,INDEX(Jesper!$R$2:$R$366,ROW(INDEX(Jesper!AH$2:AH$366,ROUNDDOWN($C6768/24,0)+1,1))-1)+IF('Standard Profiles'!$G$18=$B$10,7,0)+IF('Standard Profiles'!$G$18=$B$17,14,0)+IF('Standard Profiles'!$G$18=$B$24,21,0),0)),0)</f>
        <v>0</v>
      </c>
      <c r="E6768" cm="1">
        <f t="array" ref="E6768">IFERROR(INDEX(Jesper!AI$2:AI$366,ROUNDDOWN($C6768/24,0)+1,1)*INDEX($D$3:$AA$30,INDEX(Jesper!$R$2:$R$366,ROW(INDEX(Jesper!AI$2:AI$366,ROUNDDOWN($C6768/24,0)+1,1))-1)+IF('Standard Profiles'!$G$19=$B$10,7,0)+IF('Standard Profiles'!$G$19=$B$17,14,0)+IF('Standard Profiles'!$G$19=$B$24,21,0),MOD($C6768,24)+1)/SUM(INDEX($D$3:$AA$30,INDEX(Jesper!$R$2:$R$366,ROW(INDEX(Jesper!AI$2:AI$366,ROUNDDOWN($C6768/24,0)+1,1))-1)+IF('Standard Profiles'!$G$19=$B$10,7,0)+IF('Standard Profiles'!$G$19=$B$17,14,0)+IF('Standard Profiles'!$G$19=$B$24,21,0),0)),0)</f>
        <v>2.7736606736410314</v>
      </c>
      <c r="F6768" cm="1">
        <f t="array" ref="F6768">IFERROR(INDEX(Jesper!AJ$2:AJ$366,ROUNDDOWN($C6768/24,0)+1,1)*INDEX($D$3:$AA$30,INDEX(Jesper!$R$2:$R$366,ROW(INDEX(Jesper!AJ$2:AJ$366,ROUNDDOWN($C6768/24,0)+1,1))-1)+IF('Standard Profiles'!$G$20=$B$10,7,0)+IF('Standard Profiles'!$G$20=$B$17,14,0)+IF('Standard Profiles'!$G$20=$B$24,21,0),MOD($C6768,24)+1)/SUM(INDEX($D$3:$AA$30,INDEX(Jesper!$R$2:$R$366,ROW(INDEX(Jesper!AJ$2:AJ$366,ROUNDDOWN($C6768/24,0)+1,1))-1)+IF('Standard Profiles'!$G$20=$B$10,7,0)+IF('Standard Profiles'!$G$20=$B$17,14,0)+IF('Standard Profiles'!$G$20=$B$24,21,0),0)),0)</f>
        <v>1.4432286573292714</v>
      </c>
      <c r="G6768" cm="1">
        <f t="array" ref="G6768">IFERROR(INDEX(Jesper!AK$2:AK$366,ROUNDDOWN($C6768/24,0)+1,1)*INDEX($D$3:$AA$30,INDEX(Jesper!$R$2:$R$366,ROW(INDEX(Jesper!AK$2:AK$366,ROUNDDOWN($C6768/24,0)+1,1))-1)+IF('Standard Profiles'!$G$21=$B$10,7,0)+IF('Standard Profiles'!$G$21=$B$17,14,0)+IF('Standard Profiles'!$G$21=$B$24,21,0),MOD($C6768,24)+1)/SUM(INDEX($D$3:$AA$30,INDEX(Jesper!$R$2:$R$366,ROW(INDEX(Jesper!AK$2:AK$366,ROUNDDOWN($C6768/24,0)+1,1))-1)+IF('Standard Profiles'!$G$21=$B$10,7,0)+IF('Standard Profiles'!$G$21=$B$17,14,0)+IF('Standard Profiles'!$G$21=$B$24,21,0),0)),0)</f>
        <v>0.99451295301974552</v>
      </c>
      <c r="H6768" cm="1">
        <f t="array" ref="H6768">IFERROR(INDEX(Jesper!AL$2:AL$366,ROUNDDOWN($C6768/24,0)+1,1)*INDEX($D$3:$AA$30,INDEX(Jesper!$R$2:$R$366,ROW(INDEX(Jesper!AL$2:AL$366,ROUNDDOWN($C6768/24,0)+1,1))-1)+IF('Standard Profiles'!$G$22=$B$10,7,0)+IF('Standard Profiles'!$G$22=$B$17,14,0)+IF('Standard Profiles'!$G$22=$B$24,21,0),MOD($C6768,24)+1)/SUM(INDEX($D$3:$AA$30,INDEX(Jesper!$R$2:$R$366,ROW(INDEX(Jesper!AL$2:AL$366,ROUNDDOWN($C6768/24,0)+1,1))-1)+IF('Standard Profiles'!$G$22=$B$10,7,0)+IF('Standard Profiles'!$G$22=$B$17,14,0)+IF('Standard Profiles'!$G$22=$B$24,21,0),0)),0)</f>
        <v>0.77396424231707361</v>
      </c>
      <c r="I6768">
        <f t="shared" si="755"/>
        <v>0.7430056726243911</v>
      </c>
      <c r="J6768">
        <f t="shared" si="756"/>
        <v>4.909521572845807</v>
      </c>
      <c r="K6768">
        <f t="shared" si="757"/>
        <v>0.22189285389128252</v>
      </c>
      <c r="L6768">
        <f t="shared" si="758"/>
        <v>0.11094642694564126</v>
      </c>
      <c r="M6768">
        <f t="shared" si="759"/>
        <v>0</v>
      </c>
      <c r="N6768" s="45">
        <f t="shared" si="760"/>
        <v>45207.583333317001</v>
      </c>
    </row>
    <row r="6769" spans="2:14" x14ac:dyDescent="0.25">
      <c r="B6769">
        <f t="shared" si="754"/>
        <v>7</v>
      </c>
      <c r="C6769" s="16">
        <v>6735</v>
      </c>
      <c r="D6769" cm="1">
        <f t="array" ref="D6769">IFERROR(INDEX(Jesper!AH$2:AH$366,ROUNDDOWN($C6769/24,0)+1,1)*INDEX($D$3:$AA$30,INDEX(Jesper!$R$2:$R$366,ROW(INDEX(Jesper!AH$2:AH$366,ROUNDDOWN($C6769/24,0)+1,1))-1)+IF('Standard Profiles'!$G$18=$B$10,7,0)+IF('Standard Profiles'!$G$18=$B$17,14,0)+IF('Standard Profiles'!$G$18=$B$24,21,0),MOD($C6769,24)+1)/SUM(INDEX($D$3:$AA$30,INDEX(Jesper!$R$2:$R$366,ROW(INDEX(Jesper!AH$2:AH$366,ROUNDDOWN($C6769/24,0)+1,1))-1)+IF('Standard Profiles'!$G$18=$B$10,7,0)+IF('Standard Profiles'!$G$18=$B$17,14,0)+IF('Standard Profiles'!$G$18=$B$24,21,0),0)),0)</f>
        <v>0</v>
      </c>
      <c r="E6769" cm="1">
        <f t="array" ref="E6769">IFERROR(INDEX(Jesper!AI$2:AI$366,ROUNDDOWN($C6769/24,0)+1,1)*INDEX($D$3:$AA$30,INDEX(Jesper!$R$2:$R$366,ROW(INDEX(Jesper!AI$2:AI$366,ROUNDDOWN($C6769/24,0)+1,1))-1)+IF('Standard Profiles'!$G$19=$B$10,7,0)+IF('Standard Profiles'!$G$19=$B$17,14,0)+IF('Standard Profiles'!$G$19=$B$24,21,0),MOD($C6769,24)+1)/SUM(INDEX($D$3:$AA$30,INDEX(Jesper!$R$2:$R$366,ROW(INDEX(Jesper!AI$2:AI$366,ROUNDDOWN($C6769/24,0)+1,1))-1)+IF('Standard Profiles'!$G$19=$B$10,7,0)+IF('Standard Profiles'!$G$19=$B$17,14,0)+IF('Standard Profiles'!$G$19=$B$24,21,0),0)),0)</f>
        <v>2.7736606736410314</v>
      </c>
      <c r="F6769" cm="1">
        <f t="array" ref="F6769">IFERROR(INDEX(Jesper!AJ$2:AJ$366,ROUNDDOWN($C6769/24,0)+1,1)*INDEX($D$3:$AA$30,INDEX(Jesper!$R$2:$R$366,ROW(INDEX(Jesper!AJ$2:AJ$366,ROUNDDOWN($C6769/24,0)+1,1))-1)+IF('Standard Profiles'!$G$20=$B$10,7,0)+IF('Standard Profiles'!$G$20=$B$17,14,0)+IF('Standard Profiles'!$G$20=$B$24,21,0),MOD($C6769,24)+1)/SUM(INDEX($D$3:$AA$30,INDEX(Jesper!$R$2:$R$366,ROW(INDEX(Jesper!AJ$2:AJ$366,ROUNDDOWN($C6769/24,0)+1,1))-1)+IF('Standard Profiles'!$G$20=$B$10,7,0)+IF('Standard Profiles'!$G$20=$B$17,14,0)+IF('Standard Profiles'!$G$20=$B$24,21,0),0)),0)</f>
        <v>1.4432286573292714</v>
      </c>
      <c r="G6769" cm="1">
        <f t="array" ref="G6769">IFERROR(INDEX(Jesper!AK$2:AK$366,ROUNDDOWN($C6769/24,0)+1,1)*INDEX($D$3:$AA$30,INDEX(Jesper!$R$2:$R$366,ROW(INDEX(Jesper!AK$2:AK$366,ROUNDDOWN($C6769/24,0)+1,1))-1)+IF('Standard Profiles'!$G$21=$B$10,7,0)+IF('Standard Profiles'!$G$21=$B$17,14,0)+IF('Standard Profiles'!$G$21=$B$24,21,0),MOD($C6769,24)+1)/SUM(INDEX($D$3:$AA$30,INDEX(Jesper!$R$2:$R$366,ROW(INDEX(Jesper!AK$2:AK$366,ROUNDDOWN($C6769/24,0)+1,1))-1)+IF('Standard Profiles'!$G$21=$B$10,7,0)+IF('Standard Profiles'!$G$21=$B$17,14,0)+IF('Standard Profiles'!$G$21=$B$24,21,0),0)),0)</f>
        <v>0.99451295301974552</v>
      </c>
      <c r="H6769" cm="1">
        <f t="array" ref="H6769">IFERROR(INDEX(Jesper!AL$2:AL$366,ROUNDDOWN($C6769/24,0)+1,1)*INDEX($D$3:$AA$30,INDEX(Jesper!$R$2:$R$366,ROW(INDEX(Jesper!AL$2:AL$366,ROUNDDOWN($C6769/24,0)+1,1))-1)+IF('Standard Profiles'!$G$22=$B$10,7,0)+IF('Standard Profiles'!$G$22=$B$17,14,0)+IF('Standard Profiles'!$G$22=$B$24,21,0),MOD($C6769,24)+1)/SUM(INDEX($D$3:$AA$30,INDEX(Jesper!$R$2:$R$366,ROW(INDEX(Jesper!AL$2:AL$366,ROUNDDOWN($C6769/24,0)+1,1))-1)+IF('Standard Profiles'!$G$22=$B$10,7,0)+IF('Standard Profiles'!$G$22=$B$17,14,0)+IF('Standard Profiles'!$G$22=$B$24,21,0),0)),0)</f>
        <v>0.68796821539295427</v>
      </c>
      <c r="I6769">
        <f t="shared" si="755"/>
        <v>0.66044948677723647</v>
      </c>
      <c r="J6769">
        <f t="shared" si="756"/>
        <v>4.9060817317688423</v>
      </c>
      <c r="K6769">
        <f t="shared" si="757"/>
        <v>0.22189285389128252</v>
      </c>
      <c r="L6769">
        <f t="shared" si="758"/>
        <v>0.11094642694564126</v>
      </c>
      <c r="M6769">
        <f t="shared" si="759"/>
        <v>0</v>
      </c>
      <c r="N6769" s="45">
        <f t="shared" si="760"/>
        <v>45207.624999983665</v>
      </c>
    </row>
    <row r="6770" spans="2:14" x14ac:dyDescent="0.25">
      <c r="B6770">
        <f t="shared" si="754"/>
        <v>7</v>
      </c>
      <c r="C6770" s="16">
        <v>6736</v>
      </c>
      <c r="D6770" cm="1">
        <f t="array" ref="D6770">IFERROR(INDEX(Jesper!AH$2:AH$366,ROUNDDOWN($C6770/24,0)+1,1)*INDEX($D$3:$AA$30,INDEX(Jesper!$R$2:$R$366,ROW(INDEX(Jesper!AH$2:AH$366,ROUNDDOWN($C6770/24,0)+1,1))-1)+IF('Standard Profiles'!$G$18=$B$10,7,0)+IF('Standard Profiles'!$G$18=$B$17,14,0)+IF('Standard Profiles'!$G$18=$B$24,21,0),MOD($C6770,24)+1)/SUM(INDEX($D$3:$AA$30,INDEX(Jesper!$R$2:$R$366,ROW(INDEX(Jesper!AH$2:AH$366,ROUNDDOWN($C6770/24,0)+1,1))-1)+IF('Standard Profiles'!$G$18=$B$10,7,0)+IF('Standard Profiles'!$G$18=$B$17,14,0)+IF('Standard Profiles'!$G$18=$B$24,21,0),0)),0)</f>
        <v>0</v>
      </c>
      <c r="E6770" cm="1">
        <f t="array" ref="E6770">IFERROR(INDEX(Jesper!AI$2:AI$366,ROUNDDOWN($C6770/24,0)+1,1)*INDEX($D$3:$AA$30,INDEX(Jesper!$R$2:$R$366,ROW(INDEX(Jesper!AI$2:AI$366,ROUNDDOWN($C6770/24,0)+1,1))-1)+IF('Standard Profiles'!$G$19=$B$10,7,0)+IF('Standard Profiles'!$G$19=$B$17,14,0)+IF('Standard Profiles'!$G$19=$B$24,21,0),MOD($C6770,24)+1)/SUM(INDEX($D$3:$AA$30,INDEX(Jesper!$R$2:$R$366,ROW(INDEX(Jesper!AI$2:AI$366,ROUNDDOWN($C6770/24,0)+1,1))-1)+IF('Standard Profiles'!$G$19=$B$10,7,0)+IF('Standard Profiles'!$G$19=$B$17,14,0)+IF('Standard Profiles'!$G$19=$B$24,21,0),0)),0)</f>
        <v>2.7736606736410314</v>
      </c>
      <c r="F6770" cm="1">
        <f t="array" ref="F6770">IFERROR(INDEX(Jesper!AJ$2:AJ$366,ROUNDDOWN($C6770/24,0)+1,1)*INDEX($D$3:$AA$30,INDEX(Jesper!$R$2:$R$366,ROW(INDEX(Jesper!AJ$2:AJ$366,ROUNDDOWN($C6770/24,0)+1,1))-1)+IF('Standard Profiles'!$G$20=$B$10,7,0)+IF('Standard Profiles'!$G$20=$B$17,14,0)+IF('Standard Profiles'!$G$20=$B$24,21,0),MOD($C6770,24)+1)/SUM(INDEX($D$3:$AA$30,INDEX(Jesper!$R$2:$R$366,ROW(INDEX(Jesper!AJ$2:AJ$366,ROUNDDOWN($C6770/24,0)+1,1))-1)+IF('Standard Profiles'!$G$20=$B$10,7,0)+IF('Standard Profiles'!$G$20=$B$17,14,0)+IF('Standard Profiles'!$G$20=$B$24,21,0),0)),0)</f>
        <v>1.4432286573292714</v>
      </c>
      <c r="G6770" cm="1">
        <f t="array" ref="G6770">IFERROR(INDEX(Jesper!AK$2:AK$366,ROUNDDOWN($C6770/24,0)+1,1)*INDEX($D$3:$AA$30,INDEX(Jesper!$R$2:$R$366,ROW(INDEX(Jesper!AK$2:AK$366,ROUNDDOWN($C6770/24,0)+1,1))-1)+IF('Standard Profiles'!$G$21=$B$10,7,0)+IF('Standard Profiles'!$G$21=$B$17,14,0)+IF('Standard Profiles'!$G$21=$B$24,21,0),MOD($C6770,24)+1)/SUM(INDEX($D$3:$AA$30,INDEX(Jesper!$R$2:$R$366,ROW(INDEX(Jesper!AK$2:AK$366,ROUNDDOWN($C6770/24,0)+1,1))-1)+IF('Standard Profiles'!$G$21=$B$10,7,0)+IF('Standard Profiles'!$G$21=$B$17,14,0)+IF('Standard Profiles'!$G$21=$B$24,21,0),0)),0)</f>
        <v>0.99451295301974552</v>
      </c>
      <c r="H6770" cm="1">
        <f t="array" ref="H6770">IFERROR(INDEX(Jesper!AL$2:AL$366,ROUNDDOWN($C6770/24,0)+1,1)*INDEX($D$3:$AA$30,INDEX(Jesper!$R$2:$R$366,ROW(INDEX(Jesper!AL$2:AL$366,ROUNDDOWN($C6770/24,0)+1,1))-1)+IF('Standard Profiles'!$G$22=$B$10,7,0)+IF('Standard Profiles'!$G$22=$B$17,14,0)+IF('Standard Profiles'!$G$22=$B$24,21,0),MOD($C6770,24)+1)/SUM(INDEX($D$3:$AA$30,INDEX(Jesper!$R$2:$R$366,ROW(INDEX(Jesper!AL$2:AL$366,ROUNDDOWN($C6770/24,0)+1,1))-1)+IF('Standard Profiles'!$G$22=$B$10,7,0)+IF('Standard Profiles'!$G$22=$B$17,14,0)+IF('Standard Profiles'!$G$22=$B$24,21,0),0)),0)</f>
        <v>0.67568306868950867</v>
      </c>
      <c r="I6770">
        <f t="shared" si="755"/>
        <v>0.64865574594192865</v>
      </c>
      <c r="J6770">
        <f t="shared" si="756"/>
        <v>4.9055903259007048</v>
      </c>
      <c r="K6770">
        <f t="shared" si="757"/>
        <v>0.22189285389128252</v>
      </c>
      <c r="L6770">
        <f t="shared" si="758"/>
        <v>0.11094642694564126</v>
      </c>
      <c r="M6770">
        <f t="shared" si="759"/>
        <v>0</v>
      </c>
      <c r="N6770" s="45">
        <f t="shared" si="760"/>
        <v>45207.66666665033</v>
      </c>
    </row>
    <row r="6771" spans="2:14" x14ac:dyDescent="0.25">
      <c r="B6771">
        <f t="shared" si="754"/>
        <v>7</v>
      </c>
      <c r="C6771" s="16">
        <v>6737</v>
      </c>
      <c r="D6771" cm="1">
        <f t="array" ref="D6771">IFERROR(INDEX(Jesper!AH$2:AH$366,ROUNDDOWN($C6771/24,0)+1,1)*INDEX($D$3:$AA$30,INDEX(Jesper!$R$2:$R$366,ROW(INDEX(Jesper!AH$2:AH$366,ROUNDDOWN($C6771/24,0)+1,1))-1)+IF('Standard Profiles'!$G$18=$B$10,7,0)+IF('Standard Profiles'!$G$18=$B$17,14,0)+IF('Standard Profiles'!$G$18=$B$24,21,0),MOD($C6771,24)+1)/SUM(INDEX($D$3:$AA$30,INDEX(Jesper!$R$2:$R$366,ROW(INDEX(Jesper!AH$2:AH$366,ROUNDDOWN($C6771/24,0)+1,1))-1)+IF('Standard Profiles'!$G$18=$B$10,7,0)+IF('Standard Profiles'!$G$18=$B$17,14,0)+IF('Standard Profiles'!$G$18=$B$24,21,0),0)),0)</f>
        <v>0</v>
      </c>
      <c r="E6771" cm="1">
        <f t="array" ref="E6771">IFERROR(INDEX(Jesper!AI$2:AI$366,ROUNDDOWN($C6771/24,0)+1,1)*INDEX($D$3:$AA$30,INDEX(Jesper!$R$2:$R$366,ROW(INDEX(Jesper!AI$2:AI$366,ROUNDDOWN($C6771/24,0)+1,1))-1)+IF('Standard Profiles'!$G$19=$B$10,7,0)+IF('Standard Profiles'!$G$19=$B$17,14,0)+IF('Standard Profiles'!$G$19=$B$24,21,0),MOD($C6771,24)+1)/SUM(INDEX($D$3:$AA$30,INDEX(Jesper!$R$2:$R$366,ROW(INDEX(Jesper!AI$2:AI$366,ROUNDDOWN($C6771/24,0)+1,1))-1)+IF('Standard Profiles'!$G$19=$B$10,7,0)+IF('Standard Profiles'!$G$19=$B$17,14,0)+IF('Standard Profiles'!$G$19=$B$24,21,0),0)),0)</f>
        <v>2.7736606736410314</v>
      </c>
      <c r="F6771" cm="1">
        <f t="array" ref="F6771">IFERROR(INDEX(Jesper!AJ$2:AJ$366,ROUNDDOWN($C6771/24,0)+1,1)*INDEX($D$3:$AA$30,INDEX(Jesper!$R$2:$R$366,ROW(INDEX(Jesper!AJ$2:AJ$366,ROUNDDOWN($C6771/24,0)+1,1))-1)+IF('Standard Profiles'!$G$20=$B$10,7,0)+IF('Standard Profiles'!$G$20=$B$17,14,0)+IF('Standard Profiles'!$G$20=$B$24,21,0),MOD($C6771,24)+1)/SUM(INDEX($D$3:$AA$30,INDEX(Jesper!$R$2:$R$366,ROW(INDEX(Jesper!AJ$2:AJ$366,ROUNDDOWN($C6771/24,0)+1,1))-1)+IF('Standard Profiles'!$G$20=$B$10,7,0)+IF('Standard Profiles'!$G$20=$B$17,14,0)+IF('Standard Profiles'!$G$20=$B$24,21,0),0)),0)</f>
        <v>1.4432286573292714</v>
      </c>
      <c r="G6771" cm="1">
        <f t="array" ref="G6771">IFERROR(INDEX(Jesper!AK$2:AK$366,ROUNDDOWN($C6771/24,0)+1,1)*INDEX($D$3:$AA$30,INDEX(Jesper!$R$2:$R$366,ROW(INDEX(Jesper!AK$2:AK$366,ROUNDDOWN($C6771/24,0)+1,1))-1)+IF('Standard Profiles'!$G$21=$B$10,7,0)+IF('Standard Profiles'!$G$21=$B$17,14,0)+IF('Standard Profiles'!$G$21=$B$24,21,0),MOD($C6771,24)+1)/SUM(INDEX($D$3:$AA$30,INDEX(Jesper!$R$2:$R$366,ROW(INDEX(Jesper!AK$2:AK$366,ROUNDDOWN($C6771/24,0)+1,1))-1)+IF('Standard Profiles'!$G$21=$B$10,7,0)+IF('Standard Profiles'!$G$21=$B$17,14,0)+IF('Standard Profiles'!$G$21=$B$24,21,0),0)),0)</f>
        <v>0.99451295301974552</v>
      </c>
      <c r="H6771" cm="1">
        <f t="array" ref="H6771">IFERROR(INDEX(Jesper!AL$2:AL$366,ROUNDDOWN($C6771/24,0)+1,1)*INDEX($D$3:$AA$30,INDEX(Jesper!$R$2:$R$366,ROW(INDEX(Jesper!AL$2:AL$366,ROUNDDOWN($C6771/24,0)+1,1))-1)+IF('Standard Profiles'!$G$22=$B$10,7,0)+IF('Standard Profiles'!$G$22=$B$17,14,0)+IF('Standard Profiles'!$G$22=$B$24,21,0),MOD($C6771,24)+1)/SUM(INDEX($D$3:$AA$30,INDEX(Jesper!$R$2:$R$366,ROW(INDEX(Jesper!AL$2:AL$366,ROUNDDOWN($C6771/24,0)+1,1))-1)+IF('Standard Profiles'!$G$22=$B$10,7,0)+IF('Standard Profiles'!$G$22=$B$17,14,0)+IF('Standard Profiles'!$G$22=$B$24,21,0),0)),0)</f>
        <v>0.57740189506194384</v>
      </c>
      <c r="I6771">
        <f t="shared" si="755"/>
        <v>0.55430581925946643</v>
      </c>
      <c r="J6771">
        <f t="shared" si="756"/>
        <v>4.9016590789556025</v>
      </c>
      <c r="K6771">
        <f t="shared" si="757"/>
        <v>0.22189285389128252</v>
      </c>
      <c r="L6771">
        <f t="shared" si="758"/>
        <v>0.11094642694564126</v>
      </c>
      <c r="M6771">
        <f t="shared" si="759"/>
        <v>0</v>
      </c>
      <c r="N6771" s="45">
        <f t="shared" si="760"/>
        <v>45207.708333316994</v>
      </c>
    </row>
    <row r="6772" spans="2:14" x14ac:dyDescent="0.25">
      <c r="B6772">
        <f t="shared" si="754"/>
        <v>7</v>
      </c>
      <c r="C6772" s="16">
        <v>6738</v>
      </c>
      <c r="D6772" cm="1">
        <f t="array" ref="D6772">IFERROR(INDEX(Jesper!AH$2:AH$366,ROUNDDOWN($C6772/24,0)+1,1)*INDEX($D$3:$AA$30,INDEX(Jesper!$R$2:$R$366,ROW(INDEX(Jesper!AH$2:AH$366,ROUNDDOWN($C6772/24,0)+1,1))-1)+IF('Standard Profiles'!$G$18=$B$10,7,0)+IF('Standard Profiles'!$G$18=$B$17,14,0)+IF('Standard Profiles'!$G$18=$B$24,21,0),MOD($C6772,24)+1)/SUM(INDEX($D$3:$AA$30,INDEX(Jesper!$R$2:$R$366,ROW(INDEX(Jesper!AH$2:AH$366,ROUNDDOWN($C6772/24,0)+1,1))-1)+IF('Standard Profiles'!$G$18=$B$10,7,0)+IF('Standard Profiles'!$G$18=$B$17,14,0)+IF('Standard Profiles'!$G$18=$B$24,21,0),0)),0)</f>
        <v>0</v>
      </c>
      <c r="E6772" cm="1">
        <f t="array" ref="E6772">IFERROR(INDEX(Jesper!AI$2:AI$366,ROUNDDOWN($C6772/24,0)+1,1)*INDEX($D$3:$AA$30,INDEX(Jesper!$R$2:$R$366,ROW(INDEX(Jesper!AI$2:AI$366,ROUNDDOWN($C6772/24,0)+1,1))-1)+IF('Standard Profiles'!$G$19=$B$10,7,0)+IF('Standard Profiles'!$G$19=$B$17,14,0)+IF('Standard Profiles'!$G$19=$B$24,21,0),MOD($C6772,24)+1)/SUM(INDEX($D$3:$AA$30,INDEX(Jesper!$R$2:$R$366,ROW(INDEX(Jesper!AI$2:AI$366,ROUNDDOWN($C6772/24,0)+1,1))-1)+IF('Standard Profiles'!$G$19=$B$10,7,0)+IF('Standard Profiles'!$G$19=$B$17,14,0)+IF('Standard Profiles'!$G$19=$B$24,21,0),0)),0)</f>
        <v>2.7736606736410314</v>
      </c>
      <c r="F6772" cm="1">
        <f t="array" ref="F6772">IFERROR(INDEX(Jesper!AJ$2:AJ$366,ROUNDDOWN($C6772/24,0)+1,1)*INDEX($D$3:$AA$30,INDEX(Jesper!$R$2:$R$366,ROW(INDEX(Jesper!AJ$2:AJ$366,ROUNDDOWN($C6772/24,0)+1,1))-1)+IF('Standard Profiles'!$G$20=$B$10,7,0)+IF('Standard Profiles'!$G$20=$B$17,14,0)+IF('Standard Profiles'!$G$20=$B$24,21,0),MOD($C6772,24)+1)/SUM(INDEX($D$3:$AA$30,INDEX(Jesper!$R$2:$R$366,ROW(INDEX(Jesper!AJ$2:AJ$366,ROUNDDOWN($C6772/24,0)+1,1))-1)+IF('Standard Profiles'!$G$20=$B$10,7,0)+IF('Standard Profiles'!$G$20=$B$17,14,0)+IF('Standard Profiles'!$G$20=$B$24,21,0),0)),0)</f>
        <v>1.4432286573292714</v>
      </c>
      <c r="G6772" cm="1">
        <f t="array" ref="G6772">IFERROR(INDEX(Jesper!AK$2:AK$366,ROUNDDOWN($C6772/24,0)+1,1)*INDEX($D$3:$AA$30,INDEX(Jesper!$R$2:$R$366,ROW(INDEX(Jesper!AK$2:AK$366,ROUNDDOWN($C6772/24,0)+1,1))-1)+IF('Standard Profiles'!$G$21=$B$10,7,0)+IF('Standard Profiles'!$G$21=$B$17,14,0)+IF('Standard Profiles'!$G$21=$B$24,21,0),MOD($C6772,24)+1)/SUM(INDEX($D$3:$AA$30,INDEX(Jesper!$R$2:$R$366,ROW(INDEX(Jesper!AK$2:AK$366,ROUNDDOWN($C6772/24,0)+1,1))-1)+IF('Standard Profiles'!$G$21=$B$10,7,0)+IF('Standard Profiles'!$G$21=$B$17,14,0)+IF('Standard Profiles'!$G$21=$B$24,21,0),0)),0)</f>
        <v>0.99451295301974552</v>
      </c>
      <c r="H6772" cm="1">
        <f t="array" ref="H6772">IFERROR(INDEX(Jesper!AL$2:AL$366,ROUNDDOWN($C6772/24,0)+1,1)*INDEX($D$3:$AA$30,INDEX(Jesper!$R$2:$R$366,ROW(INDEX(Jesper!AL$2:AL$366,ROUNDDOWN($C6772/24,0)+1,1))-1)+IF('Standard Profiles'!$G$22=$B$10,7,0)+IF('Standard Profiles'!$G$22=$B$17,14,0)+IF('Standard Profiles'!$G$22=$B$24,21,0),MOD($C6772,24)+1)/SUM(INDEX($D$3:$AA$30,INDEX(Jesper!$R$2:$R$366,ROW(INDEX(Jesper!AL$2:AL$366,ROUNDDOWN($C6772/24,0)+1,1))-1)+IF('Standard Profiles'!$G$22=$B$10,7,0)+IF('Standard Profiles'!$G$22=$B$17,14,0)+IF('Standard Profiles'!$G$22=$B$24,21,0),0)),0)</f>
        <v>0.54054645495160702</v>
      </c>
      <c r="I6772">
        <f t="shared" si="755"/>
        <v>0.51892459675354308</v>
      </c>
      <c r="J6772">
        <f t="shared" si="756"/>
        <v>4.9001848613511889</v>
      </c>
      <c r="K6772">
        <f t="shared" si="757"/>
        <v>0.22189285389128252</v>
      </c>
      <c r="L6772">
        <f t="shared" si="758"/>
        <v>0.11094642694564126</v>
      </c>
      <c r="M6772">
        <f t="shared" si="759"/>
        <v>0</v>
      </c>
      <c r="N6772" s="45">
        <f t="shared" si="760"/>
        <v>45207.749999983658</v>
      </c>
    </row>
    <row r="6773" spans="2:14" x14ac:dyDescent="0.25">
      <c r="B6773">
        <f t="shared" si="754"/>
        <v>7</v>
      </c>
      <c r="C6773" s="16">
        <v>6739</v>
      </c>
      <c r="D6773" cm="1">
        <f t="array" ref="D6773">IFERROR(INDEX(Jesper!AH$2:AH$366,ROUNDDOWN($C6773/24,0)+1,1)*INDEX($D$3:$AA$30,INDEX(Jesper!$R$2:$R$366,ROW(INDEX(Jesper!AH$2:AH$366,ROUNDDOWN($C6773/24,0)+1,1))-1)+IF('Standard Profiles'!$G$18=$B$10,7,0)+IF('Standard Profiles'!$G$18=$B$17,14,0)+IF('Standard Profiles'!$G$18=$B$24,21,0),MOD($C6773,24)+1)/SUM(INDEX($D$3:$AA$30,INDEX(Jesper!$R$2:$R$366,ROW(INDEX(Jesper!AH$2:AH$366,ROUNDDOWN($C6773/24,0)+1,1))-1)+IF('Standard Profiles'!$G$18=$B$10,7,0)+IF('Standard Profiles'!$G$18=$B$17,14,0)+IF('Standard Profiles'!$G$18=$B$24,21,0),0)),0)</f>
        <v>0</v>
      </c>
      <c r="E6773" cm="1">
        <f t="array" ref="E6773">IFERROR(INDEX(Jesper!AI$2:AI$366,ROUNDDOWN($C6773/24,0)+1,1)*INDEX($D$3:$AA$30,INDEX(Jesper!$R$2:$R$366,ROW(INDEX(Jesper!AI$2:AI$366,ROUNDDOWN($C6773/24,0)+1,1))-1)+IF('Standard Profiles'!$G$19=$B$10,7,0)+IF('Standard Profiles'!$G$19=$B$17,14,0)+IF('Standard Profiles'!$G$19=$B$24,21,0),MOD($C6773,24)+1)/SUM(INDEX($D$3:$AA$30,INDEX(Jesper!$R$2:$R$366,ROW(INDEX(Jesper!AI$2:AI$366,ROUNDDOWN($C6773/24,0)+1,1))-1)+IF('Standard Profiles'!$G$19=$B$10,7,0)+IF('Standard Profiles'!$G$19=$B$17,14,0)+IF('Standard Profiles'!$G$19=$B$24,21,0),0)),0)</f>
        <v>2.7736606736410314</v>
      </c>
      <c r="F6773" cm="1">
        <f t="array" ref="F6773">IFERROR(INDEX(Jesper!AJ$2:AJ$366,ROUNDDOWN($C6773/24,0)+1,1)*INDEX($D$3:$AA$30,INDEX(Jesper!$R$2:$R$366,ROW(INDEX(Jesper!AJ$2:AJ$366,ROUNDDOWN($C6773/24,0)+1,1))-1)+IF('Standard Profiles'!$G$20=$B$10,7,0)+IF('Standard Profiles'!$G$20=$B$17,14,0)+IF('Standard Profiles'!$G$20=$B$24,21,0),MOD($C6773,24)+1)/SUM(INDEX($D$3:$AA$30,INDEX(Jesper!$R$2:$R$366,ROW(INDEX(Jesper!AJ$2:AJ$366,ROUNDDOWN($C6773/24,0)+1,1))-1)+IF('Standard Profiles'!$G$20=$B$10,7,0)+IF('Standard Profiles'!$G$20=$B$17,14,0)+IF('Standard Profiles'!$G$20=$B$24,21,0),0)),0)</f>
        <v>1.4432286573292714</v>
      </c>
      <c r="G6773" cm="1">
        <f t="array" ref="G6773">IFERROR(INDEX(Jesper!AK$2:AK$366,ROUNDDOWN($C6773/24,0)+1,1)*INDEX($D$3:$AA$30,INDEX(Jesper!$R$2:$R$366,ROW(INDEX(Jesper!AK$2:AK$366,ROUNDDOWN($C6773/24,0)+1,1))-1)+IF('Standard Profiles'!$G$21=$B$10,7,0)+IF('Standard Profiles'!$G$21=$B$17,14,0)+IF('Standard Profiles'!$G$21=$B$24,21,0),MOD($C6773,24)+1)/SUM(INDEX($D$3:$AA$30,INDEX(Jesper!$R$2:$R$366,ROW(INDEX(Jesper!AK$2:AK$366,ROUNDDOWN($C6773/24,0)+1,1))-1)+IF('Standard Profiles'!$G$21=$B$10,7,0)+IF('Standard Profiles'!$G$21=$B$17,14,0)+IF('Standard Profiles'!$G$21=$B$24,21,0),0)),0)</f>
        <v>0.99451295301974552</v>
      </c>
      <c r="H6773" cm="1">
        <f t="array" ref="H6773">IFERROR(INDEX(Jesper!AL$2:AL$366,ROUNDDOWN($C6773/24,0)+1,1)*INDEX($D$3:$AA$30,INDEX(Jesper!$R$2:$R$366,ROW(INDEX(Jesper!AL$2:AL$366,ROUNDDOWN($C6773/24,0)+1,1))-1)+IF('Standard Profiles'!$G$22=$B$10,7,0)+IF('Standard Profiles'!$G$22=$B$17,14,0)+IF('Standard Profiles'!$G$22=$B$24,21,0),MOD($C6773,24)+1)/SUM(INDEX($D$3:$AA$30,INDEX(Jesper!$R$2:$R$366,ROW(INDEX(Jesper!AL$2:AL$366,ROUNDDOWN($C6773/24,0)+1,1))-1)+IF('Standard Profiles'!$G$22=$B$10,7,0)+IF('Standard Profiles'!$G$22=$B$17,14,0)+IF('Standard Profiles'!$G$22=$B$24,21,0),0)),0)</f>
        <v>0.45455042802748774</v>
      </c>
      <c r="I6773">
        <f t="shared" si="755"/>
        <v>0.43636841090638845</v>
      </c>
      <c r="J6773">
        <f t="shared" si="756"/>
        <v>4.8967450202742242</v>
      </c>
      <c r="K6773">
        <f t="shared" si="757"/>
        <v>0.22189285389128252</v>
      </c>
      <c r="L6773">
        <f t="shared" si="758"/>
        <v>0.11094642694564126</v>
      </c>
      <c r="M6773">
        <f t="shared" si="759"/>
        <v>0</v>
      </c>
      <c r="N6773" s="45">
        <f t="shared" si="760"/>
        <v>45207.791666650322</v>
      </c>
    </row>
    <row r="6774" spans="2:14" x14ac:dyDescent="0.25">
      <c r="B6774">
        <f t="shared" si="754"/>
        <v>7</v>
      </c>
      <c r="C6774" s="16">
        <v>6740</v>
      </c>
      <c r="D6774" cm="1">
        <f t="array" ref="D6774">IFERROR(INDEX(Jesper!AH$2:AH$366,ROUNDDOWN($C6774/24,0)+1,1)*INDEX($D$3:$AA$30,INDEX(Jesper!$R$2:$R$366,ROW(INDEX(Jesper!AH$2:AH$366,ROUNDDOWN($C6774/24,0)+1,1))-1)+IF('Standard Profiles'!$G$18=$B$10,7,0)+IF('Standard Profiles'!$G$18=$B$17,14,0)+IF('Standard Profiles'!$G$18=$B$24,21,0),MOD($C6774,24)+1)/SUM(INDEX($D$3:$AA$30,INDEX(Jesper!$R$2:$R$366,ROW(INDEX(Jesper!AH$2:AH$366,ROUNDDOWN($C6774/24,0)+1,1))-1)+IF('Standard Profiles'!$G$18=$B$10,7,0)+IF('Standard Profiles'!$G$18=$B$17,14,0)+IF('Standard Profiles'!$G$18=$B$24,21,0),0)),0)</f>
        <v>0</v>
      </c>
      <c r="E6774" cm="1">
        <f t="array" ref="E6774">IFERROR(INDEX(Jesper!AI$2:AI$366,ROUNDDOWN($C6774/24,0)+1,1)*INDEX($D$3:$AA$30,INDEX(Jesper!$R$2:$R$366,ROW(INDEX(Jesper!AI$2:AI$366,ROUNDDOWN($C6774/24,0)+1,1))-1)+IF('Standard Profiles'!$G$19=$B$10,7,0)+IF('Standard Profiles'!$G$19=$B$17,14,0)+IF('Standard Profiles'!$G$19=$B$24,21,0),MOD($C6774,24)+1)/SUM(INDEX($D$3:$AA$30,INDEX(Jesper!$R$2:$R$366,ROW(INDEX(Jesper!AI$2:AI$366,ROUNDDOWN($C6774/24,0)+1,1))-1)+IF('Standard Profiles'!$G$19=$B$10,7,0)+IF('Standard Profiles'!$G$19=$B$17,14,0)+IF('Standard Profiles'!$G$19=$B$24,21,0),0)),0)</f>
        <v>2.7736606736410314</v>
      </c>
      <c r="F6774" cm="1">
        <f t="array" ref="F6774">IFERROR(INDEX(Jesper!AJ$2:AJ$366,ROUNDDOWN($C6774/24,0)+1,1)*INDEX($D$3:$AA$30,INDEX(Jesper!$R$2:$R$366,ROW(INDEX(Jesper!AJ$2:AJ$366,ROUNDDOWN($C6774/24,0)+1,1))-1)+IF('Standard Profiles'!$G$20=$B$10,7,0)+IF('Standard Profiles'!$G$20=$B$17,14,0)+IF('Standard Profiles'!$G$20=$B$24,21,0),MOD($C6774,24)+1)/SUM(INDEX($D$3:$AA$30,INDEX(Jesper!$R$2:$R$366,ROW(INDEX(Jesper!AJ$2:AJ$366,ROUNDDOWN($C6774/24,0)+1,1))-1)+IF('Standard Profiles'!$G$20=$B$10,7,0)+IF('Standard Profiles'!$G$20=$B$17,14,0)+IF('Standard Profiles'!$G$20=$B$24,21,0),0)),0)</f>
        <v>1.4432286573292714</v>
      </c>
      <c r="G6774" cm="1">
        <f t="array" ref="G6774">IFERROR(INDEX(Jesper!AK$2:AK$366,ROUNDDOWN($C6774/24,0)+1,1)*INDEX($D$3:$AA$30,INDEX(Jesper!$R$2:$R$366,ROW(INDEX(Jesper!AK$2:AK$366,ROUNDDOWN($C6774/24,0)+1,1))-1)+IF('Standard Profiles'!$G$21=$B$10,7,0)+IF('Standard Profiles'!$G$21=$B$17,14,0)+IF('Standard Profiles'!$G$21=$B$24,21,0),MOD($C6774,24)+1)/SUM(INDEX($D$3:$AA$30,INDEX(Jesper!$R$2:$R$366,ROW(INDEX(Jesper!AK$2:AK$366,ROUNDDOWN($C6774/24,0)+1,1))-1)+IF('Standard Profiles'!$G$21=$B$10,7,0)+IF('Standard Profiles'!$G$21=$B$17,14,0)+IF('Standard Profiles'!$G$21=$B$24,21,0),0)),0)</f>
        <v>0.99451295301974552</v>
      </c>
      <c r="H6774" cm="1">
        <f t="array" ref="H6774">IFERROR(INDEX(Jesper!AL$2:AL$366,ROUNDDOWN($C6774/24,0)+1,1)*INDEX($D$3:$AA$30,INDEX(Jesper!$R$2:$R$366,ROW(INDEX(Jesper!AL$2:AL$366,ROUNDDOWN($C6774/24,0)+1,1))-1)+IF('Standard Profiles'!$G$22=$B$10,7,0)+IF('Standard Profiles'!$G$22=$B$17,14,0)+IF('Standard Profiles'!$G$22=$B$24,21,0),MOD($C6774,24)+1)/SUM(INDEX($D$3:$AA$30,INDEX(Jesper!$R$2:$R$366,ROW(INDEX(Jesper!AL$2:AL$366,ROUNDDOWN($C6774/24,0)+1,1))-1)+IF('Standard Profiles'!$G$22=$B$10,7,0)+IF('Standard Profiles'!$G$22=$B$17,14,0)+IF('Standard Profiles'!$G$22=$B$24,21,0),0)),0)</f>
        <v>0.380839547806814</v>
      </c>
      <c r="I6774">
        <f t="shared" si="755"/>
        <v>0.36560596589454164</v>
      </c>
      <c r="J6774">
        <f t="shared" si="756"/>
        <v>4.8937965850653971</v>
      </c>
      <c r="K6774">
        <f t="shared" si="757"/>
        <v>0.22189285389128252</v>
      </c>
      <c r="L6774">
        <f t="shared" si="758"/>
        <v>0.11094642694564126</v>
      </c>
      <c r="M6774">
        <f t="shared" si="759"/>
        <v>0</v>
      </c>
      <c r="N6774" s="45">
        <f t="shared" si="760"/>
        <v>45207.833333316987</v>
      </c>
    </row>
    <row r="6775" spans="2:14" x14ac:dyDescent="0.25">
      <c r="B6775">
        <f t="shared" si="754"/>
        <v>7</v>
      </c>
      <c r="C6775" s="16">
        <v>6741</v>
      </c>
      <c r="D6775" cm="1">
        <f t="array" ref="D6775">IFERROR(INDEX(Jesper!AH$2:AH$366,ROUNDDOWN($C6775/24,0)+1,1)*INDEX($D$3:$AA$30,INDEX(Jesper!$R$2:$R$366,ROW(INDEX(Jesper!AH$2:AH$366,ROUNDDOWN($C6775/24,0)+1,1))-1)+IF('Standard Profiles'!$G$18=$B$10,7,0)+IF('Standard Profiles'!$G$18=$B$17,14,0)+IF('Standard Profiles'!$G$18=$B$24,21,0),MOD($C6775,24)+1)/SUM(INDEX($D$3:$AA$30,INDEX(Jesper!$R$2:$R$366,ROW(INDEX(Jesper!AH$2:AH$366,ROUNDDOWN($C6775/24,0)+1,1))-1)+IF('Standard Profiles'!$G$18=$B$10,7,0)+IF('Standard Profiles'!$G$18=$B$17,14,0)+IF('Standard Profiles'!$G$18=$B$24,21,0),0)),0)</f>
        <v>0</v>
      </c>
      <c r="E6775" cm="1">
        <f t="array" ref="E6775">IFERROR(INDEX(Jesper!AI$2:AI$366,ROUNDDOWN($C6775/24,0)+1,1)*INDEX($D$3:$AA$30,INDEX(Jesper!$R$2:$R$366,ROW(INDEX(Jesper!AI$2:AI$366,ROUNDDOWN($C6775/24,0)+1,1))-1)+IF('Standard Profiles'!$G$19=$B$10,7,0)+IF('Standard Profiles'!$G$19=$B$17,14,0)+IF('Standard Profiles'!$G$19=$B$24,21,0),MOD($C6775,24)+1)/SUM(INDEX($D$3:$AA$30,INDEX(Jesper!$R$2:$R$366,ROW(INDEX(Jesper!AI$2:AI$366,ROUNDDOWN($C6775/24,0)+1,1))-1)+IF('Standard Profiles'!$G$19=$B$10,7,0)+IF('Standard Profiles'!$G$19=$B$17,14,0)+IF('Standard Profiles'!$G$19=$B$24,21,0),0)),0)</f>
        <v>2.7736606736410314</v>
      </c>
      <c r="F6775" cm="1">
        <f t="array" ref="F6775">IFERROR(INDEX(Jesper!AJ$2:AJ$366,ROUNDDOWN($C6775/24,0)+1,1)*INDEX($D$3:$AA$30,INDEX(Jesper!$R$2:$R$366,ROW(INDEX(Jesper!AJ$2:AJ$366,ROUNDDOWN($C6775/24,0)+1,1))-1)+IF('Standard Profiles'!$G$20=$B$10,7,0)+IF('Standard Profiles'!$G$20=$B$17,14,0)+IF('Standard Profiles'!$G$20=$B$24,21,0),MOD($C6775,24)+1)/SUM(INDEX($D$3:$AA$30,INDEX(Jesper!$R$2:$R$366,ROW(INDEX(Jesper!AJ$2:AJ$366,ROUNDDOWN($C6775/24,0)+1,1))-1)+IF('Standard Profiles'!$G$20=$B$10,7,0)+IF('Standard Profiles'!$G$20=$B$17,14,0)+IF('Standard Profiles'!$G$20=$B$24,21,0),0)),0)</f>
        <v>1.4432286573292714</v>
      </c>
      <c r="G6775" cm="1">
        <f t="array" ref="G6775">IFERROR(INDEX(Jesper!AK$2:AK$366,ROUNDDOWN($C6775/24,0)+1,1)*INDEX($D$3:$AA$30,INDEX(Jesper!$R$2:$R$366,ROW(INDEX(Jesper!AK$2:AK$366,ROUNDDOWN($C6775/24,0)+1,1))-1)+IF('Standard Profiles'!$G$21=$B$10,7,0)+IF('Standard Profiles'!$G$21=$B$17,14,0)+IF('Standard Profiles'!$G$21=$B$24,21,0),MOD($C6775,24)+1)/SUM(INDEX($D$3:$AA$30,INDEX(Jesper!$R$2:$R$366,ROW(INDEX(Jesper!AK$2:AK$366,ROUNDDOWN($C6775/24,0)+1,1))-1)+IF('Standard Profiles'!$G$21=$B$10,7,0)+IF('Standard Profiles'!$G$21=$B$17,14,0)+IF('Standard Profiles'!$G$21=$B$24,21,0),0)),0)</f>
        <v>0.99451295301974552</v>
      </c>
      <c r="H6775" cm="1">
        <f t="array" ref="H6775">IFERROR(INDEX(Jesper!AL$2:AL$366,ROUNDDOWN($C6775/24,0)+1,1)*INDEX($D$3:$AA$30,INDEX(Jesper!$R$2:$R$366,ROW(INDEX(Jesper!AL$2:AL$366,ROUNDDOWN($C6775/24,0)+1,1))-1)+IF('Standard Profiles'!$G$22=$B$10,7,0)+IF('Standard Profiles'!$G$22=$B$17,14,0)+IF('Standard Profiles'!$G$22=$B$24,21,0),MOD($C6775,24)+1)/SUM(INDEX($D$3:$AA$30,INDEX(Jesper!$R$2:$R$366,ROW(INDEX(Jesper!AL$2:AL$366,ROUNDDOWN($C6775/24,0)+1,1))-1)+IF('Standard Profiles'!$G$22=$B$10,7,0)+IF('Standard Profiles'!$G$22=$B$17,14,0)+IF('Standard Profiles'!$G$22=$B$24,21,0),0)),0)</f>
        <v>0.33169896099303153</v>
      </c>
      <c r="I6775">
        <f t="shared" si="755"/>
        <v>0.31843100255331047</v>
      </c>
      <c r="J6775">
        <f t="shared" si="756"/>
        <v>4.8918309615928459</v>
      </c>
      <c r="K6775">
        <f t="shared" si="757"/>
        <v>0.22189285389128252</v>
      </c>
      <c r="L6775">
        <f t="shared" si="758"/>
        <v>0.11094642694564126</v>
      </c>
      <c r="M6775">
        <f t="shared" si="759"/>
        <v>0</v>
      </c>
      <c r="N6775" s="45">
        <f t="shared" si="760"/>
        <v>45207.874999983651</v>
      </c>
    </row>
    <row r="6776" spans="2:14" x14ac:dyDescent="0.25">
      <c r="B6776">
        <f t="shared" si="754"/>
        <v>7</v>
      </c>
      <c r="C6776" s="16">
        <v>6742</v>
      </c>
      <c r="D6776" cm="1">
        <f t="array" ref="D6776">IFERROR(INDEX(Jesper!AH$2:AH$366,ROUNDDOWN($C6776/24,0)+1,1)*INDEX($D$3:$AA$30,INDEX(Jesper!$R$2:$R$366,ROW(INDEX(Jesper!AH$2:AH$366,ROUNDDOWN($C6776/24,0)+1,1))-1)+IF('Standard Profiles'!$G$18=$B$10,7,0)+IF('Standard Profiles'!$G$18=$B$17,14,0)+IF('Standard Profiles'!$G$18=$B$24,21,0),MOD($C6776,24)+1)/SUM(INDEX($D$3:$AA$30,INDEX(Jesper!$R$2:$R$366,ROW(INDEX(Jesper!AH$2:AH$366,ROUNDDOWN($C6776/24,0)+1,1))-1)+IF('Standard Profiles'!$G$18=$B$10,7,0)+IF('Standard Profiles'!$G$18=$B$17,14,0)+IF('Standard Profiles'!$G$18=$B$24,21,0),0)),0)</f>
        <v>0</v>
      </c>
      <c r="E6776" cm="1">
        <f t="array" ref="E6776">IFERROR(INDEX(Jesper!AI$2:AI$366,ROUNDDOWN($C6776/24,0)+1,1)*INDEX($D$3:$AA$30,INDEX(Jesper!$R$2:$R$366,ROW(INDEX(Jesper!AI$2:AI$366,ROUNDDOWN($C6776/24,0)+1,1))-1)+IF('Standard Profiles'!$G$19=$B$10,7,0)+IF('Standard Profiles'!$G$19=$B$17,14,0)+IF('Standard Profiles'!$G$19=$B$24,21,0),MOD($C6776,24)+1)/SUM(INDEX($D$3:$AA$30,INDEX(Jesper!$R$2:$R$366,ROW(INDEX(Jesper!AI$2:AI$366,ROUNDDOWN($C6776/24,0)+1,1))-1)+IF('Standard Profiles'!$G$19=$B$10,7,0)+IF('Standard Profiles'!$G$19=$B$17,14,0)+IF('Standard Profiles'!$G$19=$B$24,21,0),0)),0)</f>
        <v>2.7736606736410314</v>
      </c>
      <c r="F6776" cm="1">
        <f t="array" ref="F6776">IFERROR(INDEX(Jesper!AJ$2:AJ$366,ROUNDDOWN($C6776/24,0)+1,1)*INDEX($D$3:$AA$30,INDEX(Jesper!$R$2:$R$366,ROW(INDEX(Jesper!AJ$2:AJ$366,ROUNDDOWN($C6776/24,0)+1,1))-1)+IF('Standard Profiles'!$G$20=$B$10,7,0)+IF('Standard Profiles'!$G$20=$B$17,14,0)+IF('Standard Profiles'!$G$20=$B$24,21,0),MOD($C6776,24)+1)/SUM(INDEX($D$3:$AA$30,INDEX(Jesper!$R$2:$R$366,ROW(INDEX(Jesper!AJ$2:AJ$366,ROUNDDOWN($C6776/24,0)+1,1))-1)+IF('Standard Profiles'!$G$20=$B$10,7,0)+IF('Standard Profiles'!$G$20=$B$17,14,0)+IF('Standard Profiles'!$G$20=$B$24,21,0),0)),0)</f>
        <v>1.4432286573292714</v>
      </c>
      <c r="G6776" cm="1">
        <f t="array" ref="G6776">IFERROR(INDEX(Jesper!AK$2:AK$366,ROUNDDOWN($C6776/24,0)+1,1)*INDEX($D$3:$AA$30,INDEX(Jesper!$R$2:$R$366,ROW(INDEX(Jesper!AK$2:AK$366,ROUNDDOWN($C6776/24,0)+1,1))-1)+IF('Standard Profiles'!$G$21=$B$10,7,0)+IF('Standard Profiles'!$G$21=$B$17,14,0)+IF('Standard Profiles'!$G$21=$B$24,21,0),MOD($C6776,24)+1)/SUM(INDEX($D$3:$AA$30,INDEX(Jesper!$R$2:$R$366,ROW(INDEX(Jesper!AK$2:AK$366,ROUNDDOWN($C6776/24,0)+1,1))-1)+IF('Standard Profiles'!$G$21=$B$10,7,0)+IF('Standard Profiles'!$G$21=$B$17,14,0)+IF('Standard Profiles'!$G$21=$B$24,21,0),0)),0)</f>
        <v>0.99451295301974552</v>
      </c>
      <c r="H6776" cm="1">
        <f t="array" ref="H6776">IFERROR(INDEX(Jesper!AL$2:AL$366,ROUNDDOWN($C6776/24,0)+1,1)*INDEX($D$3:$AA$30,INDEX(Jesper!$R$2:$R$366,ROW(INDEX(Jesper!AL$2:AL$366,ROUNDDOWN($C6776/24,0)+1,1))-1)+IF('Standard Profiles'!$G$22=$B$10,7,0)+IF('Standard Profiles'!$G$22=$B$17,14,0)+IF('Standard Profiles'!$G$22=$B$24,21,0),MOD($C6776,24)+1)/SUM(INDEX($D$3:$AA$30,INDEX(Jesper!$R$2:$R$366,ROW(INDEX(Jesper!AL$2:AL$366,ROUNDDOWN($C6776/24,0)+1,1))-1)+IF('Standard Profiles'!$G$22=$B$10,7,0)+IF('Standard Profiles'!$G$22=$B$17,14,0)+IF('Standard Profiles'!$G$22=$B$24,21,0),0)),0)</f>
        <v>0.33169896099303153</v>
      </c>
      <c r="I6776">
        <f t="shared" si="755"/>
        <v>0.31843100255331047</v>
      </c>
      <c r="J6776">
        <f t="shared" si="756"/>
        <v>4.8918309615928459</v>
      </c>
      <c r="K6776">
        <f t="shared" si="757"/>
        <v>0.22189285389128252</v>
      </c>
      <c r="L6776">
        <f t="shared" si="758"/>
        <v>0.11094642694564126</v>
      </c>
      <c r="M6776">
        <f t="shared" si="759"/>
        <v>0</v>
      </c>
      <c r="N6776" s="45">
        <f t="shared" si="760"/>
        <v>45207.916666650315</v>
      </c>
    </row>
    <row r="6777" spans="2:14" x14ac:dyDescent="0.25">
      <c r="B6777">
        <f t="shared" si="754"/>
        <v>7</v>
      </c>
      <c r="C6777" s="16">
        <v>6743</v>
      </c>
      <c r="D6777" cm="1">
        <f t="array" ref="D6777">IFERROR(INDEX(Jesper!AH$2:AH$366,ROUNDDOWN($C6777/24,0)+1,1)*INDEX($D$3:$AA$30,INDEX(Jesper!$R$2:$R$366,ROW(INDEX(Jesper!AH$2:AH$366,ROUNDDOWN($C6777/24,0)+1,1))-1)+IF('Standard Profiles'!$G$18=$B$10,7,0)+IF('Standard Profiles'!$G$18=$B$17,14,0)+IF('Standard Profiles'!$G$18=$B$24,21,0),MOD($C6777,24)+1)/SUM(INDEX($D$3:$AA$30,INDEX(Jesper!$R$2:$R$366,ROW(INDEX(Jesper!AH$2:AH$366,ROUNDDOWN($C6777/24,0)+1,1))-1)+IF('Standard Profiles'!$G$18=$B$10,7,0)+IF('Standard Profiles'!$G$18=$B$17,14,0)+IF('Standard Profiles'!$G$18=$B$24,21,0),0)),0)</f>
        <v>0</v>
      </c>
      <c r="E6777" cm="1">
        <f t="array" ref="E6777">IFERROR(INDEX(Jesper!AI$2:AI$366,ROUNDDOWN($C6777/24,0)+1,1)*INDEX($D$3:$AA$30,INDEX(Jesper!$R$2:$R$366,ROW(INDEX(Jesper!AI$2:AI$366,ROUNDDOWN($C6777/24,0)+1,1))-1)+IF('Standard Profiles'!$G$19=$B$10,7,0)+IF('Standard Profiles'!$G$19=$B$17,14,0)+IF('Standard Profiles'!$G$19=$B$24,21,0),MOD($C6777,24)+1)/SUM(INDEX($D$3:$AA$30,INDEX(Jesper!$R$2:$R$366,ROW(INDEX(Jesper!AI$2:AI$366,ROUNDDOWN($C6777/24,0)+1,1))-1)+IF('Standard Profiles'!$G$19=$B$10,7,0)+IF('Standard Profiles'!$G$19=$B$17,14,0)+IF('Standard Profiles'!$G$19=$B$24,21,0),0)),0)</f>
        <v>2.7736606736410314</v>
      </c>
      <c r="F6777" cm="1">
        <f t="array" ref="F6777">IFERROR(INDEX(Jesper!AJ$2:AJ$366,ROUNDDOWN($C6777/24,0)+1,1)*INDEX($D$3:$AA$30,INDEX(Jesper!$R$2:$R$366,ROW(INDEX(Jesper!AJ$2:AJ$366,ROUNDDOWN($C6777/24,0)+1,1))-1)+IF('Standard Profiles'!$G$20=$B$10,7,0)+IF('Standard Profiles'!$G$20=$B$17,14,0)+IF('Standard Profiles'!$G$20=$B$24,21,0),MOD($C6777,24)+1)/SUM(INDEX($D$3:$AA$30,INDEX(Jesper!$R$2:$R$366,ROW(INDEX(Jesper!AJ$2:AJ$366,ROUNDDOWN($C6777/24,0)+1,1))-1)+IF('Standard Profiles'!$G$20=$B$10,7,0)+IF('Standard Profiles'!$G$20=$B$17,14,0)+IF('Standard Profiles'!$G$20=$B$24,21,0),0)),0)</f>
        <v>1.4432286573292714</v>
      </c>
      <c r="G6777" cm="1">
        <f t="array" ref="G6777">IFERROR(INDEX(Jesper!AK$2:AK$366,ROUNDDOWN($C6777/24,0)+1,1)*INDEX($D$3:$AA$30,INDEX(Jesper!$R$2:$R$366,ROW(INDEX(Jesper!AK$2:AK$366,ROUNDDOWN($C6777/24,0)+1,1))-1)+IF('Standard Profiles'!$G$21=$B$10,7,0)+IF('Standard Profiles'!$G$21=$B$17,14,0)+IF('Standard Profiles'!$G$21=$B$24,21,0),MOD($C6777,24)+1)/SUM(INDEX($D$3:$AA$30,INDEX(Jesper!$R$2:$R$366,ROW(INDEX(Jesper!AK$2:AK$366,ROUNDDOWN($C6777/24,0)+1,1))-1)+IF('Standard Profiles'!$G$21=$B$10,7,0)+IF('Standard Profiles'!$G$21=$B$17,14,0)+IF('Standard Profiles'!$G$21=$B$24,21,0),0)),0)</f>
        <v>0.99451295301974552</v>
      </c>
      <c r="H6777" cm="1">
        <f t="array" ref="H6777">IFERROR(INDEX(Jesper!AL$2:AL$366,ROUNDDOWN($C6777/24,0)+1,1)*INDEX($D$3:$AA$30,INDEX(Jesper!$R$2:$R$366,ROW(INDEX(Jesper!AL$2:AL$366,ROUNDDOWN($C6777/24,0)+1,1))-1)+IF('Standard Profiles'!$G$22=$B$10,7,0)+IF('Standard Profiles'!$G$22=$B$17,14,0)+IF('Standard Profiles'!$G$22=$B$24,21,0),MOD($C6777,24)+1)/SUM(INDEX($D$3:$AA$30,INDEX(Jesper!$R$2:$R$366,ROW(INDEX(Jesper!AL$2:AL$366,ROUNDDOWN($C6777/24,0)+1,1))-1)+IF('Standard Profiles'!$G$22=$B$10,7,0)+IF('Standard Profiles'!$G$22=$B$17,14,0)+IF('Standard Profiles'!$G$22=$B$24,21,0),0)),0)</f>
        <v>0.33169896099303153</v>
      </c>
      <c r="I6777">
        <f t="shared" si="755"/>
        <v>0.31843100255331047</v>
      </c>
      <c r="J6777">
        <f t="shared" si="756"/>
        <v>4.8918309615928459</v>
      </c>
      <c r="K6777">
        <f t="shared" si="757"/>
        <v>0.22189285389128252</v>
      </c>
      <c r="L6777">
        <f t="shared" si="758"/>
        <v>0.11094642694564126</v>
      </c>
      <c r="M6777">
        <f t="shared" si="759"/>
        <v>0</v>
      </c>
      <c r="N6777" s="45">
        <f t="shared" si="760"/>
        <v>45207.958333316979</v>
      </c>
    </row>
    <row r="6778" spans="2:14" x14ac:dyDescent="0.25">
      <c r="B6778">
        <f t="shared" si="754"/>
        <v>1</v>
      </c>
      <c r="C6778" s="16">
        <v>6744</v>
      </c>
      <c r="D6778" cm="1">
        <f t="array" ref="D6778">IFERROR(INDEX(Jesper!AH$2:AH$366,ROUNDDOWN($C6778/24,0)+1,1)*INDEX($D$3:$AA$30,INDEX(Jesper!$R$2:$R$366,ROW(INDEX(Jesper!AH$2:AH$366,ROUNDDOWN($C6778/24,0)+1,1))-1)+IF('Standard Profiles'!$G$18=$B$10,7,0)+IF('Standard Profiles'!$G$18=$B$17,14,0)+IF('Standard Profiles'!$G$18=$B$24,21,0),MOD($C6778,24)+1)/SUM(INDEX($D$3:$AA$30,INDEX(Jesper!$R$2:$R$366,ROW(INDEX(Jesper!AH$2:AH$366,ROUNDDOWN($C6778/24,0)+1,1))-1)+IF('Standard Profiles'!$G$18=$B$10,7,0)+IF('Standard Profiles'!$G$18=$B$17,14,0)+IF('Standard Profiles'!$G$18=$B$24,21,0),0)),0)</f>
        <v>5.4211880577886555</v>
      </c>
      <c r="E6778" cm="1">
        <f t="array" ref="E6778">IFERROR(INDEX(Jesper!AI$2:AI$366,ROUNDDOWN($C6778/24,0)+1,1)*INDEX($D$3:$AA$30,INDEX(Jesper!$R$2:$R$366,ROW(INDEX(Jesper!AI$2:AI$366,ROUNDDOWN($C6778/24,0)+1,1))-1)+IF('Standard Profiles'!$G$19=$B$10,7,0)+IF('Standard Profiles'!$G$19=$B$17,14,0)+IF('Standard Profiles'!$G$19=$B$24,21,0),MOD($C6778,24)+1)/SUM(INDEX($D$3:$AA$30,INDEX(Jesper!$R$2:$R$366,ROW(INDEX(Jesper!AI$2:AI$366,ROUNDDOWN($C6778/24,0)+1,1))-1)+IF('Standard Profiles'!$G$19=$B$10,7,0)+IF('Standard Profiles'!$G$19=$B$17,14,0)+IF('Standard Profiles'!$G$19=$B$24,21,0),0)),0)</f>
        <v>3.3402463187595979</v>
      </c>
      <c r="F6778" cm="1">
        <f t="array" ref="F6778">IFERROR(INDEX(Jesper!AJ$2:AJ$366,ROUNDDOWN($C6778/24,0)+1,1)*INDEX($D$3:$AA$30,INDEX(Jesper!$R$2:$R$366,ROW(INDEX(Jesper!AJ$2:AJ$366,ROUNDDOWN($C6778/24,0)+1,1))-1)+IF('Standard Profiles'!$G$20=$B$10,7,0)+IF('Standard Profiles'!$G$20=$B$17,14,0)+IF('Standard Profiles'!$G$20=$B$24,21,0),MOD($C6778,24)+1)/SUM(INDEX($D$3:$AA$30,INDEX(Jesper!$R$2:$R$366,ROW(INDEX(Jesper!AJ$2:AJ$366,ROUNDDOWN($C6778/24,0)+1,1))-1)+IF('Standard Profiles'!$G$20=$B$10,7,0)+IF('Standard Profiles'!$G$20=$B$17,14,0)+IF('Standard Profiles'!$G$20=$B$24,21,0),0)),0)</f>
        <v>0</v>
      </c>
      <c r="G6778" cm="1">
        <f t="array" ref="G6778">IFERROR(INDEX(Jesper!AK$2:AK$366,ROUNDDOWN($C6778/24,0)+1,1)*INDEX($D$3:$AA$30,INDEX(Jesper!$R$2:$R$366,ROW(INDEX(Jesper!AK$2:AK$366,ROUNDDOWN($C6778/24,0)+1,1))-1)+IF('Standard Profiles'!$G$21=$B$10,7,0)+IF('Standard Profiles'!$G$21=$B$17,14,0)+IF('Standard Profiles'!$G$21=$B$24,21,0),MOD($C6778,24)+1)/SUM(INDEX($D$3:$AA$30,INDEX(Jesper!$R$2:$R$366,ROW(INDEX(Jesper!AK$2:AK$366,ROUNDDOWN($C6778/24,0)+1,1))-1)+IF('Standard Profiles'!$G$21=$B$10,7,0)+IF('Standard Profiles'!$G$21=$B$17,14,0)+IF('Standard Profiles'!$G$21=$B$24,21,0),0)),0)</f>
        <v>0.66335862616974306</v>
      </c>
      <c r="H6778" cm="1">
        <f t="array" ref="H6778">IFERROR(INDEX(Jesper!AL$2:AL$366,ROUNDDOWN($C6778/24,0)+1,1)*INDEX($D$3:$AA$30,INDEX(Jesper!$R$2:$R$366,ROW(INDEX(Jesper!AL$2:AL$366,ROUNDDOWN($C6778/24,0)+1,1))-1)+IF('Standard Profiles'!$G$22=$B$10,7,0)+IF('Standard Profiles'!$G$22=$B$17,14,0)+IF('Standard Profiles'!$G$22=$B$24,21,0),MOD($C6778,24)+1)/SUM(INDEX($D$3:$AA$30,INDEX(Jesper!$R$2:$R$366,ROW(INDEX(Jesper!AL$2:AL$366,ROUNDDOWN($C6778/24,0)+1,1))-1)+IF('Standard Profiles'!$G$22=$B$10,7,0)+IF('Standard Profiles'!$G$22=$B$17,14,0)+IF('Standard Profiles'!$G$22=$B$24,21,0),0)),0)</f>
        <v>0</v>
      </c>
      <c r="I6778">
        <f t="shared" si="755"/>
        <v>0.31841214056147649</v>
      </c>
      <c r="J6778">
        <f t="shared" si="756"/>
        <v>8.2389907729103342</v>
      </c>
      <c r="K6778">
        <f t="shared" si="757"/>
        <v>0.57826005949745662</v>
      </c>
      <c r="L6778">
        <f t="shared" si="758"/>
        <v>0.28913002974872831</v>
      </c>
      <c r="M6778">
        <f t="shared" si="759"/>
        <v>0</v>
      </c>
      <c r="N6778" s="45">
        <f t="shared" si="760"/>
        <v>45207.999999983644</v>
      </c>
    </row>
    <row r="6779" spans="2:14" x14ac:dyDescent="0.25">
      <c r="B6779">
        <f t="shared" si="754"/>
        <v>1</v>
      </c>
      <c r="C6779" s="16">
        <v>6745</v>
      </c>
      <c r="D6779" cm="1">
        <f t="array" ref="D6779">IFERROR(INDEX(Jesper!AH$2:AH$366,ROUNDDOWN($C6779/24,0)+1,1)*INDEX($D$3:$AA$30,INDEX(Jesper!$R$2:$R$366,ROW(INDEX(Jesper!AH$2:AH$366,ROUNDDOWN($C6779/24,0)+1,1))-1)+IF('Standard Profiles'!$G$18=$B$10,7,0)+IF('Standard Profiles'!$G$18=$B$17,14,0)+IF('Standard Profiles'!$G$18=$B$24,21,0),MOD($C6779,24)+1)/SUM(INDEX($D$3:$AA$30,INDEX(Jesper!$R$2:$R$366,ROW(INDEX(Jesper!AH$2:AH$366,ROUNDDOWN($C6779/24,0)+1,1))-1)+IF('Standard Profiles'!$G$18=$B$10,7,0)+IF('Standard Profiles'!$G$18=$B$17,14,0)+IF('Standard Profiles'!$G$18=$B$24,21,0),0)),0)</f>
        <v>5.4211880577886555</v>
      </c>
      <c r="E6779" cm="1">
        <f t="array" ref="E6779">IFERROR(INDEX(Jesper!AI$2:AI$366,ROUNDDOWN($C6779/24,0)+1,1)*INDEX($D$3:$AA$30,INDEX(Jesper!$R$2:$R$366,ROW(INDEX(Jesper!AI$2:AI$366,ROUNDDOWN($C6779/24,0)+1,1))-1)+IF('Standard Profiles'!$G$19=$B$10,7,0)+IF('Standard Profiles'!$G$19=$B$17,14,0)+IF('Standard Profiles'!$G$19=$B$24,21,0),MOD($C6779,24)+1)/SUM(INDEX($D$3:$AA$30,INDEX(Jesper!$R$2:$R$366,ROW(INDEX(Jesper!AI$2:AI$366,ROUNDDOWN($C6779/24,0)+1,1))-1)+IF('Standard Profiles'!$G$19=$B$10,7,0)+IF('Standard Profiles'!$G$19=$B$17,14,0)+IF('Standard Profiles'!$G$19=$B$24,21,0),0)),0)</f>
        <v>3.3402463187595979</v>
      </c>
      <c r="F6779" cm="1">
        <f t="array" ref="F6779">IFERROR(INDEX(Jesper!AJ$2:AJ$366,ROUNDDOWN($C6779/24,0)+1,1)*INDEX($D$3:$AA$30,INDEX(Jesper!$R$2:$R$366,ROW(INDEX(Jesper!AJ$2:AJ$366,ROUNDDOWN($C6779/24,0)+1,1))-1)+IF('Standard Profiles'!$G$20=$B$10,7,0)+IF('Standard Profiles'!$G$20=$B$17,14,0)+IF('Standard Profiles'!$G$20=$B$24,21,0),MOD($C6779,24)+1)/SUM(INDEX($D$3:$AA$30,INDEX(Jesper!$R$2:$R$366,ROW(INDEX(Jesper!AJ$2:AJ$366,ROUNDDOWN($C6779/24,0)+1,1))-1)+IF('Standard Profiles'!$G$20=$B$10,7,0)+IF('Standard Profiles'!$G$20=$B$17,14,0)+IF('Standard Profiles'!$G$20=$B$24,21,0),0)),0)</f>
        <v>0</v>
      </c>
      <c r="G6779" cm="1">
        <f t="array" ref="G6779">IFERROR(INDEX(Jesper!AK$2:AK$366,ROUNDDOWN($C6779/24,0)+1,1)*INDEX($D$3:$AA$30,INDEX(Jesper!$R$2:$R$366,ROW(INDEX(Jesper!AK$2:AK$366,ROUNDDOWN($C6779/24,0)+1,1))-1)+IF('Standard Profiles'!$G$21=$B$10,7,0)+IF('Standard Profiles'!$G$21=$B$17,14,0)+IF('Standard Profiles'!$G$21=$B$24,21,0),MOD($C6779,24)+1)/SUM(INDEX($D$3:$AA$30,INDEX(Jesper!$R$2:$R$366,ROW(INDEX(Jesper!AK$2:AK$366,ROUNDDOWN($C6779/24,0)+1,1))-1)+IF('Standard Profiles'!$G$21=$B$10,7,0)+IF('Standard Profiles'!$G$21=$B$17,14,0)+IF('Standard Profiles'!$G$21=$B$24,21,0),0)),0)</f>
        <v>0.66335862616974306</v>
      </c>
      <c r="H6779" cm="1">
        <f t="array" ref="H6779">IFERROR(INDEX(Jesper!AL$2:AL$366,ROUNDDOWN($C6779/24,0)+1,1)*INDEX($D$3:$AA$30,INDEX(Jesper!$R$2:$R$366,ROW(INDEX(Jesper!AL$2:AL$366,ROUNDDOWN($C6779/24,0)+1,1))-1)+IF('Standard Profiles'!$G$22=$B$10,7,0)+IF('Standard Profiles'!$G$22=$B$17,14,0)+IF('Standard Profiles'!$G$22=$B$24,21,0),MOD($C6779,24)+1)/SUM(INDEX($D$3:$AA$30,INDEX(Jesper!$R$2:$R$366,ROW(INDEX(Jesper!AL$2:AL$366,ROUNDDOWN($C6779/24,0)+1,1))-1)+IF('Standard Profiles'!$G$22=$B$10,7,0)+IF('Standard Profiles'!$G$22=$B$17,14,0)+IF('Standard Profiles'!$G$22=$B$24,21,0),0)),0)</f>
        <v>0</v>
      </c>
      <c r="I6779">
        <f t="shared" si="755"/>
        <v>0.31841214056147649</v>
      </c>
      <c r="J6779">
        <f t="shared" si="756"/>
        <v>8.2389907729103342</v>
      </c>
      <c r="K6779">
        <f t="shared" si="757"/>
        <v>0.57826005949745662</v>
      </c>
      <c r="L6779">
        <f t="shared" si="758"/>
        <v>0.28913002974872831</v>
      </c>
      <c r="M6779">
        <f t="shared" si="759"/>
        <v>0</v>
      </c>
      <c r="N6779" s="45">
        <f t="shared" si="760"/>
        <v>45208.041666650308</v>
      </c>
    </row>
    <row r="6780" spans="2:14" x14ac:dyDescent="0.25">
      <c r="B6780">
        <f t="shared" si="754"/>
        <v>1</v>
      </c>
      <c r="C6780" s="16">
        <v>6746</v>
      </c>
      <c r="D6780" cm="1">
        <f t="array" ref="D6780">IFERROR(INDEX(Jesper!AH$2:AH$366,ROUNDDOWN($C6780/24,0)+1,1)*INDEX($D$3:$AA$30,INDEX(Jesper!$R$2:$R$366,ROW(INDEX(Jesper!AH$2:AH$366,ROUNDDOWN($C6780/24,0)+1,1))-1)+IF('Standard Profiles'!$G$18=$B$10,7,0)+IF('Standard Profiles'!$G$18=$B$17,14,0)+IF('Standard Profiles'!$G$18=$B$24,21,0),MOD($C6780,24)+1)/SUM(INDEX($D$3:$AA$30,INDEX(Jesper!$R$2:$R$366,ROW(INDEX(Jesper!AH$2:AH$366,ROUNDDOWN($C6780/24,0)+1,1))-1)+IF('Standard Profiles'!$G$18=$B$10,7,0)+IF('Standard Profiles'!$G$18=$B$17,14,0)+IF('Standard Profiles'!$G$18=$B$24,21,0),0)),0)</f>
        <v>5.4211880577886555</v>
      </c>
      <c r="E6780" cm="1">
        <f t="array" ref="E6780">IFERROR(INDEX(Jesper!AI$2:AI$366,ROUNDDOWN($C6780/24,0)+1,1)*INDEX($D$3:$AA$30,INDEX(Jesper!$R$2:$R$366,ROW(INDEX(Jesper!AI$2:AI$366,ROUNDDOWN($C6780/24,0)+1,1))-1)+IF('Standard Profiles'!$G$19=$B$10,7,0)+IF('Standard Profiles'!$G$19=$B$17,14,0)+IF('Standard Profiles'!$G$19=$B$24,21,0),MOD($C6780,24)+1)/SUM(INDEX($D$3:$AA$30,INDEX(Jesper!$R$2:$R$366,ROW(INDEX(Jesper!AI$2:AI$366,ROUNDDOWN($C6780/24,0)+1,1))-1)+IF('Standard Profiles'!$G$19=$B$10,7,0)+IF('Standard Profiles'!$G$19=$B$17,14,0)+IF('Standard Profiles'!$G$19=$B$24,21,0),0)),0)</f>
        <v>3.3402463187595979</v>
      </c>
      <c r="F6780" cm="1">
        <f t="array" ref="F6780">IFERROR(INDEX(Jesper!AJ$2:AJ$366,ROUNDDOWN($C6780/24,0)+1,1)*INDEX($D$3:$AA$30,INDEX(Jesper!$R$2:$R$366,ROW(INDEX(Jesper!AJ$2:AJ$366,ROUNDDOWN($C6780/24,0)+1,1))-1)+IF('Standard Profiles'!$G$20=$B$10,7,0)+IF('Standard Profiles'!$G$20=$B$17,14,0)+IF('Standard Profiles'!$G$20=$B$24,21,0),MOD($C6780,24)+1)/SUM(INDEX($D$3:$AA$30,INDEX(Jesper!$R$2:$R$366,ROW(INDEX(Jesper!AJ$2:AJ$366,ROUNDDOWN($C6780/24,0)+1,1))-1)+IF('Standard Profiles'!$G$20=$B$10,7,0)+IF('Standard Profiles'!$G$20=$B$17,14,0)+IF('Standard Profiles'!$G$20=$B$24,21,0),0)),0)</f>
        <v>0</v>
      </c>
      <c r="G6780" cm="1">
        <f t="array" ref="G6780">IFERROR(INDEX(Jesper!AK$2:AK$366,ROUNDDOWN($C6780/24,0)+1,1)*INDEX($D$3:$AA$30,INDEX(Jesper!$R$2:$R$366,ROW(INDEX(Jesper!AK$2:AK$366,ROUNDDOWN($C6780/24,0)+1,1))-1)+IF('Standard Profiles'!$G$21=$B$10,7,0)+IF('Standard Profiles'!$G$21=$B$17,14,0)+IF('Standard Profiles'!$G$21=$B$24,21,0),MOD($C6780,24)+1)/SUM(INDEX($D$3:$AA$30,INDEX(Jesper!$R$2:$R$366,ROW(INDEX(Jesper!AK$2:AK$366,ROUNDDOWN($C6780/24,0)+1,1))-1)+IF('Standard Profiles'!$G$21=$B$10,7,0)+IF('Standard Profiles'!$G$21=$B$17,14,0)+IF('Standard Profiles'!$G$21=$B$24,21,0),0)),0)</f>
        <v>0.66335862616974306</v>
      </c>
      <c r="H6780" cm="1">
        <f t="array" ref="H6780">IFERROR(INDEX(Jesper!AL$2:AL$366,ROUNDDOWN($C6780/24,0)+1,1)*INDEX($D$3:$AA$30,INDEX(Jesper!$R$2:$R$366,ROW(INDEX(Jesper!AL$2:AL$366,ROUNDDOWN($C6780/24,0)+1,1))-1)+IF('Standard Profiles'!$G$22=$B$10,7,0)+IF('Standard Profiles'!$G$22=$B$17,14,0)+IF('Standard Profiles'!$G$22=$B$24,21,0),MOD($C6780,24)+1)/SUM(INDEX($D$3:$AA$30,INDEX(Jesper!$R$2:$R$366,ROW(INDEX(Jesper!AL$2:AL$366,ROUNDDOWN($C6780/24,0)+1,1))-1)+IF('Standard Profiles'!$G$22=$B$10,7,0)+IF('Standard Profiles'!$G$22=$B$17,14,0)+IF('Standard Profiles'!$G$22=$B$24,21,0),0)),0)</f>
        <v>0</v>
      </c>
      <c r="I6780">
        <f t="shared" si="755"/>
        <v>0.31841214056147649</v>
      </c>
      <c r="J6780">
        <f t="shared" si="756"/>
        <v>8.2389907729103342</v>
      </c>
      <c r="K6780">
        <f t="shared" si="757"/>
        <v>0.57826005949745662</v>
      </c>
      <c r="L6780">
        <f t="shared" si="758"/>
        <v>0.28913002974872831</v>
      </c>
      <c r="M6780">
        <f t="shared" si="759"/>
        <v>0</v>
      </c>
      <c r="N6780" s="45">
        <f t="shared" si="760"/>
        <v>45208.083333316972</v>
      </c>
    </row>
    <row r="6781" spans="2:14" x14ac:dyDescent="0.25">
      <c r="B6781">
        <f t="shared" si="754"/>
        <v>1</v>
      </c>
      <c r="C6781" s="16">
        <v>6747</v>
      </c>
      <c r="D6781" cm="1">
        <f t="array" ref="D6781">IFERROR(INDEX(Jesper!AH$2:AH$366,ROUNDDOWN($C6781/24,0)+1,1)*INDEX($D$3:$AA$30,INDEX(Jesper!$R$2:$R$366,ROW(INDEX(Jesper!AH$2:AH$366,ROUNDDOWN($C6781/24,0)+1,1))-1)+IF('Standard Profiles'!$G$18=$B$10,7,0)+IF('Standard Profiles'!$G$18=$B$17,14,0)+IF('Standard Profiles'!$G$18=$B$24,21,0),MOD($C6781,24)+1)/SUM(INDEX($D$3:$AA$30,INDEX(Jesper!$R$2:$R$366,ROW(INDEX(Jesper!AH$2:AH$366,ROUNDDOWN($C6781/24,0)+1,1))-1)+IF('Standard Profiles'!$G$18=$B$10,7,0)+IF('Standard Profiles'!$G$18=$B$17,14,0)+IF('Standard Profiles'!$G$18=$B$24,21,0),0)),0)</f>
        <v>5.4211880577886555</v>
      </c>
      <c r="E6781" cm="1">
        <f t="array" ref="E6781">IFERROR(INDEX(Jesper!AI$2:AI$366,ROUNDDOWN($C6781/24,0)+1,1)*INDEX($D$3:$AA$30,INDEX(Jesper!$R$2:$R$366,ROW(INDEX(Jesper!AI$2:AI$366,ROUNDDOWN($C6781/24,0)+1,1))-1)+IF('Standard Profiles'!$G$19=$B$10,7,0)+IF('Standard Profiles'!$G$19=$B$17,14,0)+IF('Standard Profiles'!$G$19=$B$24,21,0),MOD($C6781,24)+1)/SUM(INDEX($D$3:$AA$30,INDEX(Jesper!$R$2:$R$366,ROW(INDEX(Jesper!AI$2:AI$366,ROUNDDOWN($C6781/24,0)+1,1))-1)+IF('Standard Profiles'!$G$19=$B$10,7,0)+IF('Standard Profiles'!$G$19=$B$17,14,0)+IF('Standard Profiles'!$G$19=$B$24,21,0),0)),0)</f>
        <v>3.3402463187595979</v>
      </c>
      <c r="F6781" cm="1">
        <f t="array" ref="F6781">IFERROR(INDEX(Jesper!AJ$2:AJ$366,ROUNDDOWN($C6781/24,0)+1,1)*INDEX($D$3:$AA$30,INDEX(Jesper!$R$2:$R$366,ROW(INDEX(Jesper!AJ$2:AJ$366,ROUNDDOWN($C6781/24,0)+1,1))-1)+IF('Standard Profiles'!$G$20=$B$10,7,0)+IF('Standard Profiles'!$G$20=$B$17,14,0)+IF('Standard Profiles'!$G$20=$B$24,21,0),MOD($C6781,24)+1)/SUM(INDEX($D$3:$AA$30,INDEX(Jesper!$R$2:$R$366,ROW(INDEX(Jesper!AJ$2:AJ$366,ROUNDDOWN($C6781/24,0)+1,1))-1)+IF('Standard Profiles'!$G$20=$B$10,7,0)+IF('Standard Profiles'!$G$20=$B$17,14,0)+IF('Standard Profiles'!$G$20=$B$24,21,0),0)),0)</f>
        <v>0</v>
      </c>
      <c r="G6781" cm="1">
        <f t="array" ref="G6781">IFERROR(INDEX(Jesper!AK$2:AK$366,ROUNDDOWN($C6781/24,0)+1,1)*INDEX($D$3:$AA$30,INDEX(Jesper!$R$2:$R$366,ROW(INDEX(Jesper!AK$2:AK$366,ROUNDDOWN($C6781/24,0)+1,1))-1)+IF('Standard Profiles'!$G$21=$B$10,7,0)+IF('Standard Profiles'!$G$21=$B$17,14,0)+IF('Standard Profiles'!$G$21=$B$24,21,0),MOD($C6781,24)+1)/SUM(INDEX($D$3:$AA$30,INDEX(Jesper!$R$2:$R$366,ROW(INDEX(Jesper!AK$2:AK$366,ROUNDDOWN($C6781/24,0)+1,1))-1)+IF('Standard Profiles'!$G$21=$B$10,7,0)+IF('Standard Profiles'!$G$21=$B$17,14,0)+IF('Standard Profiles'!$G$21=$B$24,21,0),0)),0)</f>
        <v>0.66335862616974306</v>
      </c>
      <c r="H6781" cm="1">
        <f t="array" ref="H6781">IFERROR(INDEX(Jesper!AL$2:AL$366,ROUNDDOWN($C6781/24,0)+1,1)*INDEX($D$3:$AA$30,INDEX(Jesper!$R$2:$R$366,ROW(INDEX(Jesper!AL$2:AL$366,ROUNDDOWN($C6781/24,0)+1,1))-1)+IF('Standard Profiles'!$G$22=$B$10,7,0)+IF('Standard Profiles'!$G$22=$B$17,14,0)+IF('Standard Profiles'!$G$22=$B$24,21,0),MOD($C6781,24)+1)/SUM(INDEX($D$3:$AA$30,INDEX(Jesper!$R$2:$R$366,ROW(INDEX(Jesper!AL$2:AL$366,ROUNDDOWN($C6781/24,0)+1,1))-1)+IF('Standard Profiles'!$G$22=$B$10,7,0)+IF('Standard Profiles'!$G$22=$B$17,14,0)+IF('Standard Profiles'!$G$22=$B$24,21,0),0)),0)</f>
        <v>0</v>
      </c>
      <c r="I6781">
        <f t="shared" si="755"/>
        <v>0.31841214056147649</v>
      </c>
      <c r="J6781">
        <f t="shared" si="756"/>
        <v>8.2389907729103342</v>
      </c>
      <c r="K6781">
        <f t="shared" si="757"/>
        <v>0.57826005949745662</v>
      </c>
      <c r="L6781">
        <f t="shared" si="758"/>
        <v>0.28913002974872831</v>
      </c>
      <c r="M6781">
        <f t="shared" si="759"/>
        <v>0</v>
      </c>
      <c r="N6781" s="45">
        <f t="shared" si="760"/>
        <v>45208.124999983636</v>
      </c>
    </row>
    <row r="6782" spans="2:14" x14ac:dyDescent="0.25">
      <c r="B6782">
        <f t="shared" si="754"/>
        <v>1</v>
      </c>
      <c r="C6782" s="16">
        <v>6748</v>
      </c>
      <c r="D6782" cm="1">
        <f t="array" ref="D6782">IFERROR(INDEX(Jesper!AH$2:AH$366,ROUNDDOWN($C6782/24,0)+1,1)*INDEX($D$3:$AA$30,INDEX(Jesper!$R$2:$R$366,ROW(INDEX(Jesper!AH$2:AH$366,ROUNDDOWN($C6782/24,0)+1,1))-1)+IF('Standard Profiles'!$G$18=$B$10,7,0)+IF('Standard Profiles'!$G$18=$B$17,14,0)+IF('Standard Profiles'!$G$18=$B$24,21,0),MOD($C6782,24)+1)/SUM(INDEX($D$3:$AA$30,INDEX(Jesper!$R$2:$R$366,ROW(INDEX(Jesper!AH$2:AH$366,ROUNDDOWN($C6782/24,0)+1,1))-1)+IF('Standard Profiles'!$G$18=$B$10,7,0)+IF('Standard Profiles'!$G$18=$B$17,14,0)+IF('Standard Profiles'!$G$18=$B$24,21,0),0)),0)</f>
        <v>5.4211880577886555</v>
      </c>
      <c r="E6782" cm="1">
        <f t="array" ref="E6782">IFERROR(INDEX(Jesper!AI$2:AI$366,ROUNDDOWN($C6782/24,0)+1,1)*INDEX($D$3:$AA$30,INDEX(Jesper!$R$2:$R$366,ROW(INDEX(Jesper!AI$2:AI$366,ROUNDDOWN($C6782/24,0)+1,1))-1)+IF('Standard Profiles'!$G$19=$B$10,7,0)+IF('Standard Profiles'!$G$19=$B$17,14,0)+IF('Standard Profiles'!$G$19=$B$24,21,0),MOD($C6782,24)+1)/SUM(INDEX($D$3:$AA$30,INDEX(Jesper!$R$2:$R$366,ROW(INDEX(Jesper!AI$2:AI$366,ROUNDDOWN($C6782/24,0)+1,1))-1)+IF('Standard Profiles'!$G$19=$B$10,7,0)+IF('Standard Profiles'!$G$19=$B$17,14,0)+IF('Standard Profiles'!$G$19=$B$24,21,0),0)),0)</f>
        <v>3.3402463187595979</v>
      </c>
      <c r="F6782" cm="1">
        <f t="array" ref="F6782">IFERROR(INDEX(Jesper!AJ$2:AJ$366,ROUNDDOWN($C6782/24,0)+1,1)*INDEX($D$3:$AA$30,INDEX(Jesper!$R$2:$R$366,ROW(INDEX(Jesper!AJ$2:AJ$366,ROUNDDOWN($C6782/24,0)+1,1))-1)+IF('Standard Profiles'!$G$20=$B$10,7,0)+IF('Standard Profiles'!$G$20=$B$17,14,0)+IF('Standard Profiles'!$G$20=$B$24,21,0),MOD($C6782,24)+1)/SUM(INDEX($D$3:$AA$30,INDEX(Jesper!$R$2:$R$366,ROW(INDEX(Jesper!AJ$2:AJ$366,ROUNDDOWN($C6782/24,0)+1,1))-1)+IF('Standard Profiles'!$G$20=$B$10,7,0)+IF('Standard Profiles'!$G$20=$B$17,14,0)+IF('Standard Profiles'!$G$20=$B$24,21,0),0)),0)</f>
        <v>0</v>
      </c>
      <c r="G6782" cm="1">
        <f t="array" ref="G6782">IFERROR(INDEX(Jesper!AK$2:AK$366,ROUNDDOWN($C6782/24,0)+1,1)*INDEX($D$3:$AA$30,INDEX(Jesper!$R$2:$R$366,ROW(INDEX(Jesper!AK$2:AK$366,ROUNDDOWN($C6782/24,0)+1,1))-1)+IF('Standard Profiles'!$G$21=$B$10,7,0)+IF('Standard Profiles'!$G$21=$B$17,14,0)+IF('Standard Profiles'!$G$21=$B$24,21,0),MOD($C6782,24)+1)/SUM(INDEX($D$3:$AA$30,INDEX(Jesper!$R$2:$R$366,ROW(INDEX(Jesper!AK$2:AK$366,ROUNDDOWN($C6782/24,0)+1,1))-1)+IF('Standard Profiles'!$G$21=$B$10,7,0)+IF('Standard Profiles'!$G$21=$B$17,14,0)+IF('Standard Profiles'!$G$21=$B$24,21,0),0)),0)</f>
        <v>0.66335862616974306</v>
      </c>
      <c r="H6782" cm="1">
        <f t="array" ref="H6782">IFERROR(INDEX(Jesper!AL$2:AL$366,ROUNDDOWN($C6782/24,0)+1,1)*INDEX($D$3:$AA$30,INDEX(Jesper!$R$2:$R$366,ROW(INDEX(Jesper!AL$2:AL$366,ROUNDDOWN($C6782/24,0)+1,1))-1)+IF('Standard Profiles'!$G$22=$B$10,7,0)+IF('Standard Profiles'!$G$22=$B$17,14,0)+IF('Standard Profiles'!$G$22=$B$24,21,0),MOD($C6782,24)+1)/SUM(INDEX($D$3:$AA$30,INDEX(Jesper!$R$2:$R$366,ROW(INDEX(Jesper!AL$2:AL$366,ROUNDDOWN($C6782/24,0)+1,1))-1)+IF('Standard Profiles'!$G$22=$B$10,7,0)+IF('Standard Profiles'!$G$22=$B$17,14,0)+IF('Standard Profiles'!$G$22=$B$24,21,0),0)),0)</f>
        <v>0</v>
      </c>
      <c r="I6782">
        <f t="shared" si="755"/>
        <v>0.31841214056147649</v>
      </c>
      <c r="J6782">
        <f t="shared" si="756"/>
        <v>8.2389907729103342</v>
      </c>
      <c r="K6782">
        <f t="shared" si="757"/>
        <v>0.57826005949745662</v>
      </c>
      <c r="L6782">
        <f t="shared" si="758"/>
        <v>0.28913002974872831</v>
      </c>
      <c r="M6782">
        <f t="shared" si="759"/>
        <v>0</v>
      </c>
      <c r="N6782" s="45">
        <f t="shared" si="760"/>
        <v>45208.166666650301</v>
      </c>
    </row>
    <row r="6783" spans="2:14" x14ac:dyDescent="0.25">
      <c r="B6783">
        <f t="shared" si="754"/>
        <v>1</v>
      </c>
      <c r="C6783" s="16">
        <v>6749</v>
      </c>
      <c r="D6783" cm="1">
        <f t="array" ref="D6783">IFERROR(INDEX(Jesper!AH$2:AH$366,ROUNDDOWN($C6783/24,0)+1,1)*INDEX($D$3:$AA$30,INDEX(Jesper!$R$2:$R$366,ROW(INDEX(Jesper!AH$2:AH$366,ROUNDDOWN($C6783/24,0)+1,1))-1)+IF('Standard Profiles'!$G$18=$B$10,7,0)+IF('Standard Profiles'!$G$18=$B$17,14,0)+IF('Standard Profiles'!$G$18=$B$24,21,0),MOD($C6783,24)+1)/SUM(INDEX($D$3:$AA$30,INDEX(Jesper!$R$2:$R$366,ROW(INDEX(Jesper!AH$2:AH$366,ROUNDDOWN($C6783/24,0)+1,1))-1)+IF('Standard Profiles'!$G$18=$B$10,7,0)+IF('Standard Profiles'!$G$18=$B$17,14,0)+IF('Standard Profiles'!$G$18=$B$24,21,0),0)),0)</f>
        <v>5.4211880577886555</v>
      </c>
      <c r="E6783" cm="1">
        <f t="array" ref="E6783">IFERROR(INDEX(Jesper!AI$2:AI$366,ROUNDDOWN($C6783/24,0)+1,1)*INDEX($D$3:$AA$30,INDEX(Jesper!$R$2:$R$366,ROW(INDEX(Jesper!AI$2:AI$366,ROUNDDOWN($C6783/24,0)+1,1))-1)+IF('Standard Profiles'!$G$19=$B$10,7,0)+IF('Standard Profiles'!$G$19=$B$17,14,0)+IF('Standard Profiles'!$G$19=$B$24,21,0),MOD($C6783,24)+1)/SUM(INDEX($D$3:$AA$30,INDEX(Jesper!$R$2:$R$366,ROW(INDEX(Jesper!AI$2:AI$366,ROUNDDOWN($C6783/24,0)+1,1))-1)+IF('Standard Profiles'!$G$19=$B$10,7,0)+IF('Standard Profiles'!$G$19=$B$17,14,0)+IF('Standard Profiles'!$G$19=$B$24,21,0),0)),0)</f>
        <v>3.3402463187595979</v>
      </c>
      <c r="F6783" cm="1">
        <f t="array" ref="F6783">IFERROR(INDEX(Jesper!AJ$2:AJ$366,ROUNDDOWN($C6783/24,0)+1,1)*INDEX($D$3:$AA$30,INDEX(Jesper!$R$2:$R$366,ROW(INDEX(Jesper!AJ$2:AJ$366,ROUNDDOWN($C6783/24,0)+1,1))-1)+IF('Standard Profiles'!$G$20=$B$10,7,0)+IF('Standard Profiles'!$G$20=$B$17,14,0)+IF('Standard Profiles'!$G$20=$B$24,21,0),MOD($C6783,24)+1)/SUM(INDEX($D$3:$AA$30,INDEX(Jesper!$R$2:$R$366,ROW(INDEX(Jesper!AJ$2:AJ$366,ROUNDDOWN($C6783/24,0)+1,1))-1)+IF('Standard Profiles'!$G$20=$B$10,7,0)+IF('Standard Profiles'!$G$20=$B$17,14,0)+IF('Standard Profiles'!$G$20=$B$24,21,0),0)),0)</f>
        <v>0</v>
      </c>
      <c r="G6783" cm="1">
        <f t="array" ref="G6783">IFERROR(INDEX(Jesper!AK$2:AK$366,ROUNDDOWN($C6783/24,0)+1,1)*INDEX($D$3:$AA$30,INDEX(Jesper!$R$2:$R$366,ROW(INDEX(Jesper!AK$2:AK$366,ROUNDDOWN($C6783/24,0)+1,1))-1)+IF('Standard Profiles'!$G$21=$B$10,7,0)+IF('Standard Profiles'!$G$21=$B$17,14,0)+IF('Standard Profiles'!$G$21=$B$24,21,0),MOD($C6783,24)+1)/SUM(INDEX($D$3:$AA$30,INDEX(Jesper!$R$2:$R$366,ROW(INDEX(Jesper!AK$2:AK$366,ROUNDDOWN($C6783/24,0)+1,1))-1)+IF('Standard Profiles'!$G$21=$B$10,7,0)+IF('Standard Profiles'!$G$21=$B$17,14,0)+IF('Standard Profiles'!$G$21=$B$24,21,0),0)),0)</f>
        <v>0.66335862616974306</v>
      </c>
      <c r="H6783" cm="1">
        <f t="array" ref="H6783">IFERROR(INDEX(Jesper!AL$2:AL$366,ROUNDDOWN($C6783/24,0)+1,1)*INDEX($D$3:$AA$30,INDEX(Jesper!$R$2:$R$366,ROW(INDEX(Jesper!AL$2:AL$366,ROUNDDOWN($C6783/24,0)+1,1))-1)+IF('Standard Profiles'!$G$22=$B$10,7,0)+IF('Standard Profiles'!$G$22=$B$17,14,0)+IF('Standard Profiles'!$G$22=$B$24,21,0),MOD($C6783,24)+1)/SUM(INDEX($D$3:$AA$30,INDEX(Jesper!$R$2:$R$366,ROW(INDEX(Jesper!AL$2:AL$366,ROUNDDOWN($C6783/24,0)+1,1))-1)+IF('Standard Profiles'!$G$22=$B$10,7,0)+IF('Standard Profiles'!$G$22=$B$17,14,0)+IF('Standard Profiles'!$G$22=$B$24,21,0),0)),0)</f>
        <v>0</v>
      </c>
      <c r="I6783">
        <f t="shared" si="755"/>
        <v>0.31841214056147649</v>
      </c>
      <c r="J6783">
        <f t="shared" si="756"/>
        <v>8.2389907729103342</v>
      </c>
      <c r="K6783">
        <f t="shared" si="757"/>
        <v>0.57826005949745662</v>
      </c>
      <c r="L6783">
        <f t="shared" si="758"/>
        <v>0.28913002974872831</v>
      </c>
      <c r="M6783">
        <f t="shared" si="759"/>
        <v>0</v>
      </c>
      <c r="N6783" s="45">
        <f t="shared" si="760"/>
        <v>45208.208333316965</v>
      </c>
    </row>
    <row r="6784" spans="2:14" x14ac:dyDescent="0.25">
      <c r="B6784">
        <f t="shared" si="754"/>
        <v>1</v>
      </c>
      <c r="C6784" s="16">
        <v>6750</v>
      </c>
      <c r="D6784" cm="1">
        <f t="array" ref="D6784">IFERROR(INDEX(Jesper!AH$2:AH$366,ROUNDDOWN($C6784/24,0)+1,1)*INDEX($D$3:$AA$30,INDEX(Jesper!$R$2:$R$366,ROW(INDEX(Jesper!AH$2:AH$366,ROUNDDOWN($C6784/24,0)+1,1))-1)+IF('Standard Profiles'!$G$18=$B$10,7,0)+IF('Standard Profiles'!$G$18=$B$17,14,0)+IF('Standard Profiles'!$G$18=$B$24,21,0),MOD($C6784,24)+1)/SUM(INDEX($D$3:$AA$30,INDEX(Jesper!$R$2:$R$366,ROW(INDEX(Jesper!AH$2:AH$366,ROUNDDOWN($C6784/24,0)+1,1))-1)+IF('Standard Profiles'!$G$18=$B$10,7,0)+IF('Standard Profiles'!$G$18=$B$17,14,0)+IF('Standard Profiles'!$G$18=$B$24,21,0),0)),0)</f>
        <v>5.4211880577886555</v>
      </c>
      <c r="E6784" cm="1">
        <f t="array" ref="E6784">IFERROR(INDEX(Jesper!AI$2:AI$366,ROUNDDOWN($C6784/24,0)+1,1)*INDEX($D$3:$AA$30,INDEX(Jesper!$R$2:$R$366,ROW(INDEX(Jesper!AI$2:AI$366,ROUNDDOWN($C6784/24,0)+1,1))-1)+IF('Standard Profiles'!$G$19=$B$10,7,0)+IF('Standard Profiles'!$G$19=$B$17,14,0)+IF('Standard Profiles'!$G$19=$B$24,21,0),MOD($C6784,24)+1)/SUM(INDEX($D$3:$AA$30,INDEX(Jesper!$R$2:$R$366,ROW(INDEX(Jesper!AI$2:AI$366,ROUNDDOWN($C6784/24,0)+1,1))-1)+IF('Standard Profiles'!$G$19=$B$10,7,0)+IF('Standard Profiles'!$G$19=$B$17,14,0)+IF('Standard Profiles'!$G$19=$B$24,21,0),0)),0)</f>
        <v>3.3402463187595979</v>
      </c>
      <c r="F6784" cm="1">
        <f t="array" ref="F6784">IFERROR(INDEX(Jesper!AJ$2:AJ$366,ROUNDDOWN($C6784/24,0)+1,1)*INDEX($D$3:$AA$30,INDEX(Jesper!$R$2:$R$366,ROW(INDEX(Jesper!AJ$2:AJ$366,ROUNDDOWN($C6784/24,0)+1,1))-1)+IF('Standard Profiles'!$G$20=$B$10,7,0)+IF('Standard Profiles'!$G$20=$B$17,14,0)+IF('Standard Profiles'!$G$20=$B$24,21,0),MOD($C6784,24)+1)/SUM(INDEX($D$3:$AA$30,INDEX(Jesper!$R$2:$R$366,ROW(INDEX(Jesper!AJ$2:AJ$366,ROUNDDOWN($C6784/24,0)+1,1))-1)+IF('Standard Profiles'!$G$20=$B$10,7,0)+IF('Standard Profiles'!$G$20=$B$17,14,0)+IF('Standard Profiles'!$G$20=$B$24,21,0),0)),0)</f>
        <v>0</v>
      </c>
      <c r="G6784" cm="1">
        <f t="array" ref="G6784">IFERROR(INDEX(Jesper!AK$2:AK$366,ROUNDDOWN($C6784/24,0)+1,1)*INDEX($D$3:$AA$30,INDEX(Jesper!$R$2:$R$366,ROW(INDEX(Jesper!AK$2:AK$366,ROUNDDOWN($C6784/24,0)+1,1))-1)+IF('Standard Profiles'!$G$21=$B$10,7,0)+IF('Standard Profiles'!$G$21=$B$17,14,0)+IF('Standard Profiles'!$G$21=$B$24,21,0),MOD($C6784,24)+1)/SUM(INDEX($D$3:$AA$30,INDEX(Jesper!$R$2:$R$366,ROW(INDEX(Jesper!AK$2:AK$366,ROUNDDOWN($C6784/24,0)+1,1))-1)+IF('Standard Profiles'!$G$21=$B$10,7,0)+IF('Standard Profiles'!$G$21=$B$17,14,0)+IF('Standard Profiles'!$G$21=$B$24,21,0),0)),0)</f>
        <v>0.66335862616974306</v>
      </c>
      <c r="H6784" cm="1">
        <f t="array" ref="H6784">IFERROR(INDEX(Jesper!AL$2:AL$366,ROUNDDOWN($C6784/24,0)+1,1)*INDEX($D$3:$AA$30,INDEX(Jesper!$R$2:$R$366,ROW(INDEX(Jesper!AL$2:AL$366,ROUNDDOWN($C6784/24,0)+1,1))-1)+IF('Standard Profiles'!$G$22=$B$10,7,0)+IF('Standard Profiles'!$G$22=$B$17,14,0)+IF('Standard Profiles'!$G$22=$B$24,21,0),MOD($C6784,24)+1)/SUM(INDEX($D$3:$AA$30,INDEX(Jesper!$R$2:$R$366,ROW(INDEX(Jesper!AL$2:AL$366,ROUNDDOWN($C6784/24,0)+1,1))-1)+IF('Standard Profiles'!$G$22=$B$10,7,0)+IF('Standard Profiles'!$G$22=$B$17,14,0)+IF('Standard Profiles'!$G$22=$B$24,21,0),0)),0)</f>
        <v>0</v>
      </c>
      <c r="I6784">
        <f t="shared" si="755"/>
        <v>0.31841214056147649</v>
      </c>
      <c r="J6784">
        <f t="shared" si="756"/>
        <v>8.2389907729103342</v>
      </c>
      <c r="K6784">
        <f t="shared" si="757"/>
        <v>0.57826005949745662</v>
      </c>
      <c r="L6784">
        <f t="shared" si="758"/>
        <v>0.28913002974872831</v>
      </c>
      <c r="M6784">
        <f t="shared" si="759"/>
        <v>0</v>
      </c>
      <c r="N6784" s="45">
        <f t="shared" si="760"/>
        <v>45208.249999983629</v>
      </c>
    </row>
    <row r="6785" spans="2:14" x14ac:dyDescent="0.25">
      <c r="B6785">
        <f t="shared" si="754"/>
        <v>1</v>
      </c>
      <c r="C6785" s="16">
        <v>6751</v>
      </c>
      <c r="D6785" cm="1">
        <f t="array" ref="D6785">IFERROR(INDEX(Jesper!AH$2:AH$366,ROUNDDOWN($C6785/24,0)+1,1)*INDEX($D$3:$AA$30,INDEX(Jesper!$R$2:$R$366,ROW(INDEX(Jesper!AH$2:AH$366,ROUNDDOWN($C6785/24,0)+1,1))-1)+IF('Standard Profiles'!$G$18=$B$10,7,0)+IF('Standard Profiles'!$G$18=$B$17,14,0)+IF('Standard Profiles'!$G$18=$B$24,21,0),MOD($C6785,24)+1)/SUM(INDEX($D$3:$AA$30,INDEX(Jesper!$R$2:$R$366,ROW(INDEX(Jesper!AH$2:AH$366,ROUNDDOWN($C6785/24,0)+1,1))-1)+IF('Standard Profiles'!$G$18=$B$10,7,0)+IF('Standard Profiles'!$G$18=$B$17,14,0)+IF('Standard Profiles'!$G$18=$B$24,21,0),0)),0)</f>
        <v>23.094261126179671</v>
      </c>
      <c r="E6785" cm="1">
        <f t="array" ref="E6785">IFERROR(INDEX(Jesper!AI$2:AI$366,ROUNDDOWN($C6785/24,0)+1,1)*INDEX($D$3:$AA$30,INDEX(Jesper!$R$2:$R$366,ROW(INDEX(Jesper!AI$2:AI$366,ROUNDDOWN($C6785/24,0)+1,1))-1)+IF('Standard Profiles'!$G$19=$B$10,7,0)+IF('Standard Profiles'!$G$19=$B$17,14,0)+IF('Standard Profiles'!$G$19=$B$24,21,0),MOD($C6785,24)+1)/SUM(INDEX($D$3:$AA$30,INDEX(Jesper!$R$2:$R$366,ROW(INDEX(Jesper!AI$2:AI$366,ROUNDDOWN($C6785/24,0)+1,1))-1)+IF('Standard Profiles'!$G$19=$B$10,7,0)+IF('Standard Profiles'!$G$19=$B$17,14,0)+IF('Standard Profiles'!$G$19=$B$24,21,0),0)),0)</f>
        <v>14.229449317915886</v>
      </c>
      <c r="F6785" cm="1">
        <f t="array" ref="F6785">IFERROR(INDEX(Jesper!AJ$2:AJ$366,ROUNDDOWN($C6785/24,0)+1,1)*INDEX($D$3:$AA$30,INDEX(Jesper!$R$2:$R$366,ROW(INDEX(Jesper!AJ$2:AJ$366,ROUNDDOWN($C6785/24,0)+1,1))-1)+IF('Standard Profiles'!$G$20=$B$10,7,0)+IF('Standard Profiles'!$G$20=$B$17,14,0)+IF('Standard Profiles'!$G$20=$B$24,21,0),MOD($C6785,24)+1)/SUM(INDEX($D$3:$AA$30,INDEX(Jesper!$R$2:$R$366,ROW(INDEX(Jesper!AJ$2:AJ$366,ROUNDDOWN($C6785/24,0)+1,1))-1)+IF('Standard Profiles'!$G$20=$B$10,7,0)+IF('Standard Profiles'!$G$20=$B$17,14,0)+IF('Standard Profiles'!$G$20=$B$24,21,0),0)),0)</f>
        <v>0</v>
      </c>
      <c r="G6785" cm="1">
        <f t="array" ref="G6785">IFERROR(INDEX(Jesper!AK$2:AK$366,ROUNDDOWN($C6785/24,0)+1,1)*INDEX($D$3:$AA$30,INDEX(Jesper!$R$2:$R$366,ROW(INDEX(Jesper!AK$2:AK$366,ROUNDDOWN($C6785/24,0)+1,1))-1)+IF('Standard Profiles'!$G$21=$B$10,7,0)+IF('Standard Profiles'!$G$21=$B$17,14,0)+IF('Standard Profiles'!$G$21=$B$24,21,0),MOD($C6785,24)+1)/SUM(INDEX($D$3:$AA$30,INDEX(Jesper!$R$2:$R$366,ROW(INDEX(Jesper!AK$2:AK$366,ROUNDDOWN($C6785/24,0)+1,1))-1)+IF('Standard Profiles'!$G$21=$B$10,7,0)+IF('Standard Profiles'!$G$21=$B$17,14,0)+IF('Standard Profiles'!$G$21=$B$24,21,0),0)),0)</f>
        <v>2.8856100238383817</v>
      </c>
      <c r="H6785" cm="1">
        <f t="array" ref="H6785">IFERROR(INDEX(Jesper!AL$2:AL$366,ROUNDDOWN($C6785/24,0)+1,1)*INDEX($D$3:$AA$30,INDEX(Jesper!$R$2:$R$366,ROW(INDEX(Jesper!AL$2:AL$366,ROUNDDOWN($C6785/24,0)+1,1))-1)+IF('Standard Profiles'!$G$22=$B$10,7,0)+IF('Standard Profiles'!$G$22=$B$17,14,0)+IF('Standard Profiles'!$G$22=$B$24,21,0),MOD($C6785,24)+1)/SUM(INDEX($D$3:$AA$30,INDEX(Jesper!$R$2:$R$366,ROW(INDEX(Jesper!AL$2:AL$366,ROUNDDOWN($C6785/24,0)+1,1))-1)+IF('Standard Profiles'!$G$22=$B$10,7,0)+IF('Standard Profiles'!$G$22=$B$17,14,0)+IF('Standard Profiles'!$G$22=$B$24,21,0),0)),0)</f>
        <v>0</v>
      </c>
      <c r="I6785">
        <f t="shared" si="755"/>
        <v>1.3850928114424226</v>
      </c>
      <c r="J6785">
        <f t="shared" si="756"/>
        <v>35.129145876302772</v>
      </c>
      <c r="K6785">
        <f t="shared" si="757"/>
        <v>2.4633878534591651</v>
      </c>
      <c r="L6785">
        <f t="shared" si="758"/>
        <v>1.2316939267295826</v>
      </c>
      <c r="M6785">
        <f t="shared" si="759"/>
        <v>0</v>
      </c>
      <c r="N6785" s="45">
        <f t="shared" si="760"/>
        <v>45208.291666650293</v>
      </c>
    </row>
    <row r="6786" spans="2:14" x14ac:dyDescent="0.25">
      <c r="B6786">
        <f t="shared" si="754"/>
        <v>1</v>
      </c>
      <c r="C6786" s="16">
        <v>6752</v>
      </c>
      <c r="D6786" cm="1">
        <f t="array" ref="D6786">IFERROR(INDEX(Jesper!AH$2:AH$366,ROUNDDOWN($C6786/24,0)+1,1)*INDEX($D$3:$AA$30,INDEX(Jesper!$R$2:$R$366,ROW(INDEX(Jesper!AH$2:AH$366,ROUNDDOWN($C6786/24,0)+1,1))-1)+IF('Standard Profiles'!$G$18=$B$10,7,0)+IF('Standard Profiles'!$G$18=$B$17,14,0)+IF('Standard Profiles'!$G$18=$B$24,21,0),MOD($C6786,24)+1)/SUM(INDEX($D$3:$AA$30,INDEX(Jesper!$R$2:$R$366,ROW(INDEX(Jesper!AH$2:AH$366,ROUNDDOWN($C6786/24,0)+1,1))-1)+IF('Standard Profiles'!$G$18=$B$10,7,0)+IF('Standard Profiles'!$G$18=$B$17,14,0)+IF('Standard Profiles'!$G$18=$B$24,21,0),0)),0)</f>
        <v>25.98104376695213</v>
      </c>
      <c r="E6786" cm="1">
        <f t="array" ref="E6786">IFERROR(INDEX(Jesper!AI$2:AI$366,ROUNDDOWN($C6786/24,0)+1,1)*INDEX($D$3:$AA$30,INDEX(Jesper!$R$2:$R$366,ROW(INDEX(Jesper!AI$2:AI$366,ROUNDDOWN($C6786/24,0)+1,1))-1)+IF('Standard Profiles'!$G$19=$B$10,7,0)+IF('Standard Profiles'!$G$19=$B$17,14,0)+IF('Standard Profiles'!$G$19=$B$24,21,0),MOD($C6786,24)+1)/SUM(INDEX($D$3:$AA$30,INDEX(Jesper!$R$2:$R$366,ROW(INDEX(Jesper!AI$2:AI$366,ROUNDDOWN($C6786/24,0)+1,1))-1)+IF('Standard Profiles'!$G$19=$B$10,7,0)+IF('Standard Profiles'!$G$19=$B$17,14,0)+IF('Standard Profiles'!$G$19=$B$24,21,0),0)),0)</f>
        <v>16.008130482655371</v>
      </c>
      <c r="F6786" cm="1">
        <f t="array" ref="F6786">IFERROR(INDEX(Jesper!AJ$2:AJ$366,ROUNDDOWN($C6786/24,0)+1,1)*INDEX($D$3:$AA$30,INDEX(Jesper!$R$2:$R$366,ROW(INDEX(Jesper!AJ$2:AJ$366,ROUNDDOWN($C6786/24,0)+1,1))-1)+IF('Standard Profiles'!$G$20=$B$10,7,0)+IF('Standard Profiles'!$G$20=$B$17,14,0)+IF('Standard Profiles'!$G$20=$B$24,21,0),MOD($C6786,24)+1)/SUM(INDEX($D$3:$AA$30,INDEX(Jesper!$R$2:$R$366,ROW(INDEX(Jesper!AJ$2:AJ$366,ROUNDDOWN($C6786/24,0)+1,1))-1)+IF('Standard Profiles'!$G$20=$B$10,7,0)+IF('Standard Profiles'!$G$20=$B$17,14,0)+IF('Standard Profiles'!$G$20=$B$24,21,0),0)),0)</f>
        <v>0</v>
      </c>
      <c r="G6786" cm="1">
        <f t="array" ref="G6786">IFERROR(INDEX(Jesper!AK$2:AK$366,ROUNDDOWN($C6786/24,0)+1,1)*INDEX($D$3:$AA$30,INDEX(Jesper!$R$2:$R$366,ROW(INDEX(Jesper!AK$2:AK$366,ROUNDDOWN($C6786/24,0)+1,1))-1)+IF('Standard Profiles'!$G$21=$B$10,7,0)+IF('Standard Profiles'!$G$21=$B$17,14,0)+IF('Standard Profiles'!$G$21=$B$24,21,0),MOD($C6786,24)+1)/SUM(INDEX($D$3:$AA$30,INDEX(Jesper!$R$2:$R$366,ROW(INDEX(Jesper!AK$2:AK$366,ROUNDDOWN($C6786/24,0)+1,1))-1)+IF('Standard Profiles'!$G$21=$B$10,7,0)+IF('Standard Profiles'!$G$21=$B$17,14,0)+IF('Standard Profiles'!$G$21=$B$24,21,0),0)),0)</f>
        <v>3.2463112768181794</v>
      </c>
      <c r="H6786" cm="1">
        <f t="array" ref="H6786">IFERROR(INDEX(Jesper!AL$2:AL$366,ROUNDDOWN($C6786/24,0)+1,1)*INDEX($D$3:$AA$30,INDEX(Jesper!$R$2:$R$366,ROW(INDEX(Jesper!AL$2:AL$366,ROUNDDOWN($C6786/24,0)+1,1))-1)+IF('Standard Profiles'!$G$22=$B$10,7,0)+IF('Standard Profiles'!$G$22=$B$17,14,0)+IF('Standard Profiles'!$G$22=$B$24,21,0),MOD($C6786,24)+1)/SUM(INDEX($D$3:$AA$30,INDEX(Jesper!$R$2:$R$366,ROW(INDEX(Jesper!AL$2:AL$366,ROUNDDOWN($C6786/24,0)+1,1))-1)+IF('Standard Profiles'!$G$22=$B$10,7,0)+IF('Standard Profiles'!$G$22=$B$17,14,0)+IF('Standard Profiles'!$G$22=$B$24,21,0),0)),0)</f>
        <v>0</v>
      </c>
      <c r="I6786">
        <f t="shared" si="755"/>
        <v>1.5582294128727254</v>
      </c>
      <c r="J6786">
        <f t="shared" si="756"/>
        <v>39.520289110840615</v>
      </c>
      <c r="K6786">
        <f t="shared" si="757"/>
        <v>2.7713113351415606</v>
      </c>
      <c r="L6786">
        <f t="shared" si="758"/>
        <v>1.3856556675707803</v>
      </c>
      <c r="M6786">
        <f t="shared" si="759"/>
        <v>0</v>
      </c>
      <c r="N6786" s="45">
        <f t="shared" si="760"/>
        <v>45208.333333316958</v>
      </c>
    </row>
    <row r="6787" spans="2:14" x14ac:dyDescent="0.25">
      <c r="B6787">
        <f t="shared" si="754"/>
        <v>1</v>
      </c>
      <c r="C6787" s="16">
        <v>6753</v>
      </c>
      <c r="D6787" cm="1">
        <f t="array" ref="D6787">IFERROR(INDEX(Jesper!AH$2:AH$366,ROUNDDOWN($C6787/24,0)+1,1)*INDEX($D$3:$AA$30,INDEX(Jesper!$R$2:$R$366,ROW(INDEX(Jesper!AH$2:AH$366,ROUNDDOWN($C6787/24,0)+1,1))-1)+IF('Standard Profiles'!$G$18=$B$10,7,0)+IF('Standard Profiles'!$G$18=$B$17,14,0)+IF('Standard Profiles'!$G$18=$B$24,21,0),MOD($C6787,24)+1)/SUM(INDEX($D$3:$AA$30,INDEX(Jesper!$R$2:$R$366,ROW(INDEX(Jesper!AH$2:AH$366,ROUNDDOWN($C6787/24,0)+1,1))-1)+IF('Standard Profiles'!$G$18=$B$10,7,0)+IF('Standard Profiles'!$G$18=$B$17,14,0)+IF('Standard Profiles'!$G$18=$B$24,21,0),0)),0)</f>
        <v>28.867826407724589</v>
      </c>
      <c r="E6787" cm="1">
        <f t="array" ref="E6787">IFERROR(INDEX(Jesper!AI$2:AI$366,ROUNDDOWN($C6787/24,0)+1,1)*INDEX($D$3:$AA$30,INDEX(Jesper!$R$2:$R$366,ROW(INDEX(Jesper!AI$2:AI$366,ROUNDDOWN($C6787/24,0)+1,1))-1)+IF('Standard Profiles'!$G$19=$B$10,7,0)+IF('Standard Profiles'!$G$19=$B$17,14,0)+IF('Standard Profiles'!$G$19=$B$24,21,0),MOD($C6787,24)+1)/SUM(INDEX($D$3:$AA$30,INDEX(Jesper!$R$2:$R$366,ROW(INDEX(Jesper!AI$2:AI$366,ROUNDDOWN($C6787/24,0)+1,1))-1)+IF('Standard Profiles'!$G$19=$B$10,7,0)+IF('Standard Profiles'!$G$19=$B$17,14,0)+IF('Standard Profiles'!$G$19=$B$24,21,0),0)),0)</f>
        <v>17.78681164739486</v>
      </c>
      <c r="F6787" cm="1">
        <f t="array" ref="F6787">IFERROR(INDEX(Jesper!AJ$2:AJ$366,ROUNDDOWN($C6787/24,0)+1,1)*INDEX($D$3:$AA$30,INDEX(Jesper!$R$2:$R$366,ROW(INDEX(Jesper!AJ$2:AJ$366,ROUNDDOWN($C6787/24,0)+1,1))-1)+IF('Standard Profiles'!$G$20=$B$10,7,0)+IF('Standard Profiles'!$G$20=$B$17,14,0)+IF('Standard Profiles'!$G$20=$B$24,21,0),MOD($C6787,24)+1)/SUM(INDEX($D$3:$AA$30,INDEX(Jesper!$R$2:$R$366,ROW(INDEX(Jesper!AJ$2:AJ$366,ROUNDDOWN($C6787/24,0)+1,1))-1)+IF('Standard Profiles'!$G$20=$B$10,7,0)+IF('Standard Profiles'!$G$20=$B$17,14,0)+IF('Standard Profiles'!$G$20=$B$24,21,0),0)),0)</f>
        <v>0</v>
      </c>
      <c r="G6787" cm="1">
        <f t="array" ref="G6787">IFERROR(INDEX(Jesper!AK$2:AK$366,ROUNDDOWN($C6787/24,0)+1,1)*INDEX($D$3:$AA$30,INDEX(Jesper!$R$2:$R$366,ROW(INDEX(Jesper!AK$2:AK$366,ROUNDDOWN($C6787/24,0)+1,1))-1)+IF('Standard Profiles'!$G$21=$B$10,7,0)+IF('Standard Profiles'!$G$21=$B$17,14,0)+IF('Standard Profiles'!$G$21=$B$24,21,0),MOD($C6787,24)+1)/SUM(INDEX($D$3:$AA$30,INDEX(Jesper!$R$2:$R$366,ROW(INDEX(Jesper!AK$2:AK$366,ROUNDDOWN($C6787/24,0)+1,1))-1)+IF('Standard Profiles'!$G$21=$B$10,7,0)+IF('Standard Profiles'!$G$21=$B$17,14,0)+IF('Standard Profiles'!$G$21=$B$24,21,0),0)),0)</f>
        <v>3.6070125297979767</v>
      </c>
      <c r="H6787" cm="1">
        <f t="array" ref="H6787">IFERROR(INDEX(Jesper!AL$2:AL$366,ROUNDDOWN($C6787/24,0)+1,1)*INDEX($D$3:$AA$30,INDEX(Jesper!$R$2:$R$366,ROW(INDEX(Jesper!AL$2:AL$366,ROUNDDOWN($C6787/24,0)+1,1))-1)+IF('Standard Profiles'!$G$22=$B$10,7,0)+IF('Standard Profiles'!$G$22=$B$17,14,0)+IF('Standard Profiles'!$G$22=$B$24,21,0),MOD($C6787,24)+1)/SUM(INDEX($D$3:$AA$30,INDEX(Jesper!$R$2:$R$366,ROW(INDEX(Jesper!AL$2:AL$366,ROUNDDOWN($C6787/24,0)+1,1))-1)+IF('Standard Profiles'!$G$22=$B$10,7,0)+IF('Standard Profiles'!$G$22=$B$17,14,0)+IF('Standard Profiles'!$G$22=$B$24,21,0),0)),0)</f>
        <v>0</v>
      </c>
      <c r="I6787">
        <f t="shared" si="755"/>
        <v>1.7313660143030281</v>
      </c>
      <c r="J6787">
        <f t="shared" si="756"/>
        <v>43.911432345378465</v>
      </c>
      <c r="K6787">
        <f t="shared" si="757"/>
        <v>3.0792348168239565</v>
      </c>
      <c r="L6787">
        <f t="shared" si="758"/>
        <v>1.5396174084119782</v>
      </c>
      <c r="M6787">
        <f t="shared" si="759"/>
        <v>0</v>
      </c>
      <c r="N6787" s="45">
        <f t="shared" si="760"/>
        <v>45208.374999983622</v>
      </c>
    </row>
    <row r="6788" spans="2:14" x14ac:dyDescent="0.25">
      <c r="B6788">
        <f t="shared" si="754"/>
        <v>1</v>
      </c>
      <c r="C6788" s="16">
        <v>6754</v>
      </c>
      <c r="D6788" cm="1">
        <f t="array" ref="D6788">IFERROR(INDEX(Jesper!AH$2:AH$366,ROUNDDOWN($C6788/24,0)+1,1)*INDEX($D$3:$AA$30,INDEX(Jesper!$R$2:$R$366,ROW(INDEX(Jesper!AH$2:AH$366,ROUNDDOWN($C6788/24,0)+1,1))-1)+IF('Standard Profiles'!$G$18=$B$10,7,0)+IF('Standard Profiles'!$G$18=$B$17,14,0)+IF('Standard Profiles'!$G$18=$B$24,21,0),MOD($C6788,24)+1)/SUM(INDEX($D$3:$AA$30,INDEX(Jesper!$R$2:$R$366,ROW(INDEX(Jesper!AH$2:AH$366,ROUNDDOWN($C6788/24,0)+1,1))-1)+IF('Standard Profiles'!$G$18=$B$10,7,0)+IF('Standard Profiles'!$G$18=$B$17,14,0)+IF('Standard Profiles'!$G$18=$B$24,21,0),0)),0)</f>
        <v>28.867826407724589</v>
      </c>
      <c r="E6788" cm="1">
        <f t="array" ref="E6788">IFERROR(INDEX(Jesper!AI$2:AI$366,ROUNDDOWN($C6788/24,0)+1,1)*INDEX($D$3:$AA$30,INDEX(Jesper!$R$2:$R$366,ROW(INDEX(Jesper!AI$2:AI$366,ROUNDDOWN($C6788/24,0)+1,1))-1)+IF('Standard Profiles'!$G$19=$B$10,7,0)+IF('Standard Profiles'!$G$19=$B$17,14,0)+IF('Standard Profiles'!$G$19=$B$24,21,0),MOD($C6788,24)+1)/SUM(INDEX($D$3:$AA$30,INDEX(Jesper!$R$2:$R$366,ROW(INDEX(Jesper!AI$2:AI$366,ROUNDDOWN($C6788/24,0)+1,1))-1)+IF('Standard Profiles'!$G$19=$B$10,7,0)+IF('Standard Profiles'!$G$19=$B$17,14,0)+IF('Standard Profiles'!$G$19=$B$24,21,0),0)),0)</f>
        <v>17.78681164739486</v>
      </c>
      <c r="F6788" cm="1">
        <f t="array" ref="F6788">IFERROR(INDEX(Jesper!AJ$2:AJ$366,ROUNDDOWN($C6788/24,0)+1,1)*INDEX($D$3:$AA$30,INDEX(Jesper!$R$2:$R$366,ROW(INDEX(Jesper!AJ$2:AJ$366,ROUNDDOWN($C6788/24,0)+1,1))-1)+IF('Standard Profiles'!$G$20=$B$10,7,0)+IF('Standard Profiles'!$G$20=$B$17,14,0)+IF('Standard Profiles'!$G$20=$B$24,21,0),MOD($C6788,24)+1)/SUM(INDEX($D$3:$AA$30,INDEX(Jesper!$R$2:$R$366,ROW(INDEX(Jesper!AJ$2:AJ$366,ROUNDDOWN($C6788/24,0)+1,1))-1)+IF('Standard Profiles'!$G$20=$B$10,7,0)+IF('Standard Profiles'!$G$20=$B$17,14,0)+IF('Standard Profiles'!$G$20=$B$24,21,0),0)),0)</f>
        <v>0</v>
      </c>
      <c r="G6788" cm="1">
        <f t="array" ref="G6788">IFERROR(INDEX(Jesper!AK$2:AK$366,ROUNDDOWN($C6788/24,0)+1,1)*INDEX($D$3:$AA$30,INDEX(Jesper!$R$2:$R$366,ROW(INDEX(Jesper!AK$2:AK$366,ROUNDDOWN($C6788/24,0)+1,1))-1)+IF('Standard Profiles'!$G$21=$B$10,7,0)+IF('Standard Profiles'!$G$21=$B$17,14,0)+IF('Standard Profiles'!$G$21=$B$24,21,0),MOD($C6788,24)+1)/SUM(INDEX($D$3:$AA$30,INDEX(Jesper!$R$2:$R$366,ROW(INDEX(Jesper!AK$2:AK$366,ROUNDDOWN($C6788/24,0)+1,1))-1)+IF('Standard Profiles'!$G$21=$B$10,7,0)+IF('Standard Profiles'!$G$21=$B$17,14,0)+IF('Standard Profiles'!$G$21=$B$24,21,0),0)),0)</f>
        <v>3.6070125297979767</v>
      </c>
      <c r="H6788" cm="1">
        <f t="array" ref="H6788">IFERROR(INDEX(Jesper!AL$2:AL$366,ROUNDDOWN($C6788/24,0)+1,1)*INDEX($D$3:$AA$30,INDEX(Jesper!$R$2:$R$366,ROW(INDEX(Jesper!AL$2:AL$366,ROUNDDOWN($C6788/24,0)+1,1))-1)+IF('Standard Profiles'!$G$22=$B$10,7,0)+IF('Standard Profiles'!$G$22=$B$17,14,0)+IF('Standard Profiles'!$G$22=$B$24,21,0),MOD($C6788,24)+1)/SUM(INDEX($D$3:$AA$30,INDEX(Jesper!$R$2:$R$366,ROW(INDEX(Jesper!AL$2:AL$366,ROUNDDOWN($C6788/24,0)+1,1))-1)+IF('Standard Profiles'!$G$22=$B$10,7,0)+IF('Standard Profiles'!$G$22=$B$17,14,0)+IF('Standard Profiles'!$G$22=$B$24,21,0),0)),0)</f>
        <v>0</v>
      </c>
      <c r="I6788">
        <f t="shared" si="755"/>
        <v>1.7313660143030281</v>
      </c>
      <c r="J6788">
        <f t="shared" si="756"/>
        <v>43.911432345378465</v>
      </c>
      <c r="K6788">
        <f t="shared" si="757"/>
        <v>3.0792348168239565</v>
      </c>
      <c r="L6788">
        <f t="shared" si="758"/>
        <v>1.5396174084119782</v>
      </c>
      <c r="M6788">
        <f t="shared" si="759"/>
        <v>0</v>
      </c>
      <c r="N6788" s="45">
        <f t="shared" si="760"/>
        <v>45208.416666650286</v>
      </c>
    </row>
    <row r="6789" spans="2:14" x14ac:dyDescent="0.25">
      <c r="B6789">
        <f t="shared" si="754"/>
        <v>1</v>
      </c>
      <c r="C6789" s="16">
        <v>6755</v>
      </c>
      <c r="D6789" cm="1">
        <f t="array" ref="D6789">IFERROR(INDEX(Jesper!AH$2:AH$366,ROUNDDOWN($C6789/24,0)+1,1)*INDEX($D$3:$AA$30,INDEX(Jesper!$R$2:$R$366,ROW(INDEX(Jesper!AH$2:AH$366,ROUNDDOWN($C6789/24,0)+1,1))-1)+IF('Standard Profiles'!$G$18=$B$10,7,0)+IF('Standard Profiles'!$G$18=$B$17,14,0)+IF('Standard Profiles'!$G$18=$B$24,21,0),MOD($C6789,24)+1)/SUM(INDEX($D$3:$AA$30,INDEX(Jesper!$R$2:$R$366,ROW(INDEX(Jesper!AH$2:AH$366,ROUNDDOWN($C6789/24,0)+1,1))-1)+IF('Standard Profiles'!$G$18=$B$10,7,0)+IF('Standard Profiles'!$G$18=$B$17,14,0)+IF('Standard Profiles'!$G$18=$B$24,21,0),0)),0)</f>
        <v>34.641391689269504</v>
      </c>
      <c r="E6789" cm="1">
        <f t="array" ref="E6789">IFERROR(INDEX(Jesper!AI$2:AI$366,ROUNDDOWN($C6789/24,0)+1,1)*INDEX($D$3:$AA$30,INDEX(Jesper!$R$2:$R$366,ROW(INDEX(Jesper!AI$2:AI$366,ROUNDDOWN($C6789/24,0)+1,1))-1)+IF('Standard Profiles'!$G$19=$B$10,7,0)+IF('Standard Profiles'!$G$19=$B$17,14,0)+IF('Standard Profiles'!$G$19=$B$24,21,0),MOD($C6789,24)+1)/SUM(INDEX($D$3:$AA$30,INDEX(Jesper!$R$2:$R$366,ROW(INDEX(Jesper!AI$2:AI$366,ROUNDDOWN($C6789/24,0)+1,1))-1)+IF('Standard Profiles'!$G$19=$B$10,7,0)+IF('Standard Profiles'!$G$19=$B$17,14,0)+IF('Standard Profiles'!$G$19=$B$24,21,0),0)),0)</f>
        <v>21.344173976873826</v>
      </c>
      <c r="F6789" cm="1">
        <f t="array" ref="F6789">IFERROR(INDEX(Jesper!AJ$2:AJ$366,ROUNDDOWN($C6789/24,0)+1,1)*INDEX($D$3:$AA$30,INDEX(Jesper!$R$2:$R$366,ROW(INDEX(Jesper!AJ$2:AJ$366,ROUNDDOWN($C6789/24,0)+1,1))-1)+IF('Standard Profiles'!$G$20=$B$10,7,0)+IF('Standard Profiles'!$G$20=$B$17,14,0)+IF('Standard Profiles'!$G$20=$B$24,21,0),MOD($C6789,24)+1)/SUM(INDEX($D$3:$AA$30,INDEX(Jesper!$R$2:$R$366,ROW(INDEX(Jesper!AJ$2:AJ$366,ROUNDDOWN($C6789/24,0)+1,1))-1)+IF('Standard Profiles'!$G$20=$B$10,7,0)+IF('Standard Profiles'!$G$20=$B$17,14,0)+IF('Standard Profiles'!$G$20=$B$24,21,0),0)),0)</f>
        <v>0</v>
      </c>
      <c r="G6789" cm="1">
        <f t="array" ref="G6789">IFERROR(INDEX(Jesper!AK$2:AK$366,ROUNDDOWN($C6789/24,0)+1,1)*INDEX($D$3:$AA$30,INDEX(Jesper!$R$2:$R$366,ROW(INDEX(Jesper!AK$2:AK$366,ROUNDDOWN($C6789/24,0)+1,1))-1)+IF('Standard Profiles'!$G$21=$B$10,7,0)+IF('Standard Profiles'!$G$21=$B$17,14,0)+IF('Standard Profiles'!$G$21=$B$24,21,0),MOD($C6789,24)+1)/SUM(INDEX($D$3:$AA$30,INDEX(Jesper!$R$2:$R$366,ROW(INDEX(Jesper!AK$2:AK$366,ROUNDDOWN($C6789/24,0)+1,1))-1)+IF('Standard Profiles'!$G$21=$B$10,7,0)+IF('Standard Profiles'!$G$21=$B$17,14,0)+IF('Standard Profiles'!$G$21=$B$24,21,0),0)),0)</f>
        <v>4.3284150357575717</v>
      </c>
      <c r="H6789" cm="1">
        <f t="array" ref="H6789">IFERROR(INDEX(Jesper!AL$2:AL$366,ROUNDDOWN($C6789/24,0)+1,1)*INDEX($D$3:$AA$30,INDEX(Jesper!$R$2:$R$366,ROW(INDEX(Jesper!AL$2:AL$366,ROUNDDOWN($C6789/24,0)+1,1))-1)+IF('Standard Profiles'!$G$22=$B$10,7,0)+IF('Standard Profiles'!$G$22=$B$17,14,0)+IF('Standard Profiles'!$G$22=$B$24,21,0),MOD($C6789,24)+1)/SUM(INDEX($D$3:$AA$30,INDEX(Jesper!$R$2:$R$366,ROW(INDEX(Jesper!AL$2:AL$366,ROUNDDOWN($C6789/24,0)+1,1))-1)+IF('Standard Profiles'!$G$22=$B$10,7,0)+IF('Standard Profiles'!$G$22=$B$17,14,0)+IF('Standard Profiles'!$G$22=$B$24,21,0),0)),0)</f>
        <v>0</v>
      </c>
      <c r="I6789">
        <f t="shared" si="755"/>
        <v>2.0776392171636333</v>
      </c>
      <c r="J6789">
        <f t="shared" si="756"/>
        <v>52.693718814454144</v>
      </c>
      <c r="K6789">
        <f t="shared" si="757"/>
        <v>3.6950817801887474</v>
      </c>
      <c r="L6789">
        <f t="shared" si="758"/>
        <v>1.8475408900943737</v>
      </c>
      <c r="M6789">
        <f t="shared" si="759"/>
        <v>0</v>
      </c>
      <c r="N6789" s="45">
        <f t="shared" si="760"/>
        <v>45208.45833331695</v>
      </c>
    </row>
    <row r="6790" spans="2:14" x14ac:dyDescent="0.25">
      <c r="B6790">
        <f t="shared" si="754"/>
        <v>1</v>
      </c>
      <c r="C6790" s="16">
        <v>6756</v>
      </c>
      <c r="D6790" cm="1">
        <f t="array" ref="D6790">IFERROR(INDEX(Jesper!AH$2:AH$366,ROUNDDOWN($C6790/24,0)+1,1)*INDEX($D$3:$AA$30,INDEX(Jesper!$R$2:$R$366,ROW(INDEX(Jesper!AH$2:AH$366,ROUNDDOWN($C6790/24,0)+1,1))-1)+IF('Standard Profiles'!$G$18=$B$10,7,0)+IF('Standard Profiles'!$G$18=$B$17,14,0)+IF('Standard Profiles'!$G$18=$B$24,21,0),MOD($C6790,24)+1)/SUM(INDEX($D$3:$AA$30,INDEX(Jesper!$R$2:$R$366,ROW(INDEX(Jesper!AH$2:AH$366,ROUNDDOWN($C6790/24,0)+1,1))-1)+IF('Standard Profiles'!$G$18=$B$10,7,0)+IF('Standard Profiles'!$G$18=$B$17,14,0)+IF('Standard Profiles'!$G$18=$B$24,21,0),0)),0)</f>
        <v>34.641391689269504</v>
      </c>
      <c r="E6790" cm="1">
        <f t="array" ref="E6790">IFERROR(INDEX(Jesper!AI$2:AI$366,ROUNDDOWN($C6790/24,0)+1,1)*INDEX($D$3:$AA$30,INDEX(Jesper!$R$2:$R$366,ROW(INDEX(Jesper!AI$2:AI$366,ROUNDDOWN($C6790/24,0)+1,1))-1)+IF('Standard Profiles'!$G$19=$B$10,7,0)+IF('Standard Profiles'!$G$19=$B$17,14,0)+IF('Standard Profiles'!$G$19=$B$24,21,0),MOD($C6790,24)+1)/SUM(INDEX($D$3:$AA$30,INDEX(Jesper!$R$2:$R$366,ROW(INDEX(Jesper!AI$2:AI$366,ROUNDDOWN($C6790/24,0)+1,1))-1)+IF('Standard Profiles'!$G$19=$B$10,7,0)+IF('Standard Profiles'!$G$19=$B$17,14,0)+IF('Standard Profiles'!$G$19=$B$24,21,0),0)),0)</f>
        <v>21.344173976873826</v>
      </c>
      <c r="F6790" cm="1">
        <f t="array" ref="F6790">IFERROR(INDEX(Jesper!AJ$2:AJ$366,ROUNDDOWN($C6790/24,0)+1,1)*INDEX($D$3:$AA$30,INDEX(Jesper!$R$2:$R$366,ROW(INDEX(Jesper!AJ$2:AJ$366,ROUNDDOWN($C6790/24,0)+1,1))-1)+IF('Standard Profiles'!$G$20=$B$10,7,0)+IF('Standard Profiles'!$G$20=$B$17,14,0)+IF('Standard Profiles'!$G$20=$B$24,21,0),MOD($C6790,24)+1)/SUM(INDEX($D$3:$AA$30,INDEX(Jesper!$R$2:$R$366,ROW(INDEX(Jesper!AJ$2:AJ$366,ROUNDDOWN($C6790/24,0)+1,1))-1)+IF('Standard Profiles'!$G$20=$B$10,7,0)+IF('Standard Profiles'!$G$20=$B$17,14,0)+IF('Standard Profiles'!$G$20=$B$24,21,0),0)),0)</f>
        <v>0</v>
      </c>
      <c r="G6790" cm="1">
        <f t="array" ref="G6790">IFERROR(INDEX(Jesper!AK$2:AK$366,ROUNDDOWN($C6790/24,0)+1,1)*INDEX($D$3:$AA$30,INDEX(Jesper!$R$2:$R$366,ROW(INDEX(Jesper!AK$2:AK$366,ROUNDDOWN($C6790/24,0)+1,1))-1)+IF('Standard Profiles'!$G$21=$B$10,7,0)+IF('Standard Profiles'!$G$21=$B$17,14,0)+IF('Standard Profiles'!$G$21=$B$24,21,0),MOD($C6790,24)+1)/SUM(INDEX($D$3:$AA$30,INDEX(Jesper!$R$2:$R$366,ROW(INDEX(Jesper!AK$2:AK$366,ROUNDDOWN($C6790/24,0)+1,1))-1)+IF('Standard Profiles'!$G$21=$B$10,7,0)+IF('Standard Profiles'!$G$21=$B$17,14,0)+IF('Standard Profiles'!$G$21=$B$24,21,0),0)),0)</f>
        <v>4.3284150357575717</v>
      </c>
      <c r="H6790" cm="1">
        <f t="array" ref="H6790">IFERROR(INDEX(Jesper!AL$2:AL$366,ROUNDDOWN($C6790/24,0)+1,1)*INDEX($D$3:$AA$30,INDEX(Jesper!$R$2:$R$366,ROW(INDEX(Jesper!AL$2:AL$366,ROUNDDOWN($C6790/24,0)+1,1))-1)+IF('Standard Profiles'!$G$22=$B$10,7,0)+IF('Standard Profiles'!$G$22=$B$17,14,0)+IF('Standard Profiles'!$G$22=$B$24,21,0),MOD($C6790,24)+1)/SUM(INDEX($D$3:$AA$30,INDEX(Jesper!$R$2:$R$366,ROW(INDEX(Jesper!AL$2:AL$366,ROUNDDOWN($C6790/24,0)+1,1))-1)+IF('Standard Profiles'!$G$22=$B$10,7,0)+IF('Standard Profiles'!$G$22=$B$17,14,0)+IF('Standard Profiles'!$G$22=$B$24,21,0),0)),0)</f>
        <v>0</v>
      </c>
      <c r="I6790">
        <f t="shared" si="755"/>
        <v>2.0776392171636333</v>
      </c>
      <c r="J6790">
        <f t="shared" si="756"/>
        <v>52.693718814454144</v>
      </c>
      <c r="K6790">
        <f t="shared" si="757"/>
        <v>3.6950817801887474</v>
      </c>
      <c r="L6790">
        <f t="shared" si="758"/>
        <v>1.8475408900943737</v>
      </c>
      <c r="M6790">
        <f t="shared" si="759"/>
        <v>0</v>
      </c>
      <c r="N6790" s="45">
        <f t="shared" si="760"/>
        <v>45208.499999983615</v>
      </c>
    </row>
    <row r="6791" spans="2:14" x14ac:dyDescent="0.25">
      <c r="B6791">
        <f t="shared" si="754"/>
        <v>1</v>
      </c>
      <c r="C6791" s="16">
        <v>6757</v>
      </c>
      <c r="D6791" cm="1">
        <f t="array" ref="D6791">IFERROR(INDEX(Jesper!AH$2:AH$366,ROUNDDOWN($C6791/24,0)+1,1)*INDEX($D$3:$AA$30,INDEX(Jesper!$R$2:$R$366,ROW(INDEX(Jesper!AH$2:AH$366,ROUNDDOWN($C6791/24,0)+1,1))-1)+IF('Standard Profiles'!$G$18=$B$10,7,0)+IF('Standard Profiles'!$G$18=$B$17,14,0)+IF('Standard Profiles'!$G$18=$B$24,21,0),MOD($C6791,24)+1)/SUM(INDEX($D$3:$AA$30,INDEX(Jesper!$R$2:$R$366,ROW(INDEX(Jesper!AH$2:AH$366,ROUNDDOWN($C6791/24,0)+1,1))-1)+IF('Standard Profiles'!$G$18=$B$10,7,0)+IF('Standard Profiles'!$G$18=$B$17,14,0)+IF('Standard Profiles'!$G$18=$B$24,21,0),0)),0)</f>
        <v>23.094261126179671</v>
      </c>
      <c r="E6791" cm="1">
        <f t="array" ref="E6791">IFERROR(INDEX(Jesper!AI$2:AI$366,ROUNDDOWN($C6791/24,0)+1,1)*INDEX($D$3:$AA$30,INDEX(Jesper!$R$2:$R$366,ROW(INDEX(Jesper!AI$2:AI$366,ROUNDDOWN($C6791/24,0)+1,1))-1)+IF('Standard Profiles'!$G$19=$B$10,7,0)+IF('Standard Profiles'!$G$19=$B$17,14,0)+IF('Standard Profiles'!$G$19=$B$24,21,0),MOD($C6791,24)+1)/SUM(INDEX($D$3:$AA$30,INDEX(Jesper!$R$2:$R$366,ROW(INDEX(Jesper!AI$2:AI$366,ROUNDDOWN($C6791/24,0)+1,1))-1)+IF('Standard Profiles'!$G$19=$B$10,7,0)+IF('Standard Profiles'!$G$19=$B$17,14,0)+IF('Standard Profiles'!$G$19=$B$24,21,0),0)),0)</f>
        <v>14.229449317915886</v>
      </c>
      <c r="F6791" cm="1">
        <f t="array" ref="F6791">IFERROR(INDEX(Jesper!AJ$2:AJ$366,ROUNDDOWN($C6791/24,0)+1,1)*INDEX($D$3:$AA$30,INDEX(Jesper!$R$2:$R$366,ROW(INDEX(Jesper!AJ$2:AJ$366,ROUNDDOWN($C6791/24,0)+1,1))-1)+IF('Standard Profiles'!$G$20=$B$10,7,0)+IF('Standard Profiles'!$G$20=$B$17,14,0)+IF('Standard Profiles'!$G$20=$B$24,21,0),MOD($C6791,24)+1)/SUM(INDEX($D$3:$AA$30,INDEX(Jesper!$R$2:$R$366,ROW(INDEX(Jesper!AJ$2:AJ$366,ROUNDDOWN($C6791/24,0)+1,1))-1)+IF('Standard Profiles'!$G$20=$B$10,7,0)+IF('Standard Profiles'!$G$20=$B$17,14,0)+IF('Standard Profiles'!$G$20=$B$24,21,0),0)),0)</f>
        <v>0</v>
      </c>
      <c r="G6791" cm="1">
        <f t="array" ref="G6791">IFERROR(INDEX(Jesper!AK$2:AK$366,ROUNDDOWN($C6791/24,0)+1,1)*INDEX($D$3:$AA$30,INDEX(Jesper!$R$2:$R$366,ROW(INDEX(Jesper!AK$2:AK$366,ROUNDDOWN($C6791/24,0)+1,1))-1)+IF('Standard Profiles'!$G$21=$B$10,7,0)+IF('Standard Profiles'!$G$21=$B$17,14,0)+IF('Standard Profiles'!$G$21=$B$24,21,0),MOD($C6791,24)+1)/SUM(INDEX($D$3:$AA$30,INDEX(Jesper!$R$2:$R$366,ROW(INDEX(Jesper!AK$2:AK$366,ROUNDDOWN($C6791/24,0)+1,1))-1)+IF('Standard Profiles'!$G$21=$B$10,7,0)+IF('Standard Profiles'!$G$21=$B$17,14,0)+IF('Standard Profiles'!$G$21=$B$24,21,0),0)),0)</f>
        <v>2.8856100238383817</v>
      </c>
      <c r="H6791" cm="1">
        <f t="array" ref="H6791">IFERROR(INDEX(Jesper!AL$2:AL$366,ROUNDDOWN($C6791/24,0)+1,1)*INDEX($D$3:$AA$30,INDEX(Jesper!$R$2:$R$366,ROW(INDEX(Jesper!AL$2:AL$366,ROUNDDOWN($C6791/24,0)+1,1))-1)+IF('Standard Profiles'!$G$22=$B$10,7,0)+IF('Standard Profiles'!$G$22=$B$17,14,0)+IF('Standard Profiles'!$G$22=$B$24,21,0),MOD($C6791,24)+1)/SUM(INDEX($D$3:$AA$30,INDEX(Jesper!$R$2:$R$366,ROW(INDEX(Jesper!AL$2:AL$366,ROUNDDOWN($C6791/24,0)+1,1))-1)+IF('Standard Profiles'!$G$22=$B$10,7,0)+IF('Standard Profiles'!$G$22=$B$17,14,0)+IF('Standard Profiles'!$G$22=$B$24,21,0),0)),0)</f>
        <v>0</v>
      </c>
      <c r="I6791">
        <f t="shared" si="755"/>
        <v>1.3850928114424226</v>
      </c>
      <c r="J6791">
        <f t="shared" si="756"/>
        <v>35.129145876302772</v>
      </c>
      <c r="K6791">
        <f t="shared" si="757"/>
        <v>2.4633878534591651</v>
      </c>
      <c r="L6791">
        <f t="shared" si="758"/>
        <v>1.2316939267295826</v>
      </c>
      <c r="M6791">
        <f t="shared" si="759"/>
        <v>0</v>
      </c>
      <c r="N6791" s="45">
        <f t="shared" si="760"/>
        <v>45208.541666650279</v>
      </c>
    </row>
    <row r="6792" spans="2:14" x14ac:dyDescent="0.25">
      <c r="B6792">
        <f t="shared" si="754"/>
        <v>1</v>
      </c>
      <c r="C6792" s="16">
        <v>6758</v>
      </c>
      <c r="D6792" cm="1">
        <f t="array" ref="D6792">IFERROR(INDEX(Jesper!AH$2:AH$366,ROUNDDOWN($C6792/24,0)+1,1)*INDEX($D$3:$AA$30,INDEX(Jesper!$R$2:$R$366,ROW(INDEX(Jesper!AH$2:AH$366,ROUNDDOWN($C6792/24,0)+1,1))-1)+IF('Standard Profiles'!$G$18=$B$10,7,0)+IF('Standard Profiles'!$G$18=$B$17,14,0)+IF('Standard Profiles'!$G$18=$B$24,21,0),MOD($C6792,24)+1)/SUM(INDEX($D$3:$AA$30,INDEX(Jesper!$R$2:$R$366,ROW(INDEX(Jesper!AH$2:AH$366,ROUNDDOWN($C6792/24,0)+1,1))-1)+IF('Standard Profiles'!$G$18=$B$10,7,0)+IF('Standard Profiles'!$G$18=$B$17,14,0)+IF('Standard Profiles'!$G$18=$B$24,21,0),0)),0)</f>
        <v>34.641391689269504</v>
      </c>
      <c r="E6792" cm="1">
        <f t="array" ref="E6792">IFERROR(INDEX(Jesper!AI$2:AI$366,ROUNDDOWN($C6792/24,0)+1,1)*INDEX($D$3:$AA$30,INDEX(Jesper!$R$2:$R$366,ROW(INDEX(Jesper!AI$2:AI$366,ROUNDDOWN($C6792/24,0)+1,1))-1)+IF('Standard Profiles'!$G$19=$B$10,7,0)+IF('Standard Profiles'!$G$19=$B$17,14,0)+IF('Standard Profiles'!$G$19=$B$24,21,0),MOD($C6792,24)+1)/SUM(INDEX($D$3:$AA$30,INDEX(Jesper!$R$2:$R$366,ROW(INDEX(Jesper!AI$2:AI$366,ROUNDDOWN($C6792/24,0)+1,1))-1)+IF('Standard Profiles'!$G$19=$B$10,7,0)+IF('Standard Profiles'!$G$19=$B$17,14,0)+IF('Standard Profiles'!$G$19=$B$24,21,0),0)),0)</f>
        <v>21.344173976873826</v>
      </c>
      <c r="F6792" cm="1">
        <f t="array" ref="F6792">IFERROR(INDEX(Jesper!AJ$2:AJ$366,ROUNDDOWN($C6792/24,0)+1,1)*INDEX($D$3:$AA$30,INDEX(Jesper!$R$2:$R$366,ROW(INDEX(Jesper!AJ$2:AJ$366,ROUNDDOWN($C6792/24,0)+1,1))-1)+IF('Standard Profiles'!$G$20=$B$10,7,0)+IF('Standard Profiles'!$G$20=$B$17,14,0)+IF('Standard Profiles'!$G$20=$B$24,21,0),MOD($C6792,24)+1)/SUM(INDEX($D$3:$AA$30,INDEX(Jesper!$R$2:$R$366,ROW(INDEX(Jesper!AJ$2:AJ$366,ROUNDDOWN($C6792/24,0)+1,1))-1)+IF('Standard Profiles'!$G$20=$B$10,7,0)+IF('Standard Profiles'!$G$20=$B$17,14,0)+IF('Standard Profiles'!$G$20=$B$24,21,0),0)),0)</f>
        <v>0</v>
      </c>
      <c r="G6792" cm="1">
        <f t="array" ref="G6792">IFERROR(INDEX(Jesper!AK$2:AK$366,ROUNDDOWN($C6792/24,0)+1,1)*INDEX($D$3:$AA$30,INDEX(Jesper!$R$2:$R$366,ROW(INDEX(Jesper!AK$2:AK$366,ROUNDDOWN($C6792/24,0)+1,1))-1)+IF('Standard Profiles'!$G$21=$B$10,7,0)+IF('Standard Profiles'!$G$21=$B$17,14,0)+IF('Standard Profiles'!$G$21=$B$24,21,0),MOD($C6792,24)+1)/SUM(INDEX($D$3:$AA$30,INDEX(Jesper!$R$2:$R$366,ROW(INDEX(Jesper!AK$2:AK$366,ROUNDDOWN($C6792/24,0)+1,1))-1)+IF('Standard Profiles'!$G$21=$B$10,7,0)+IF('Standard Profiles'!$G$21=$B$17,14,0)+IF('Standard Profiles'!$G$21=$B$24,21,0),0)),0)</f>
        <v>4.3284150357575717</v>
      </c>
      <c r="H6792" cm="1">
        <f t="array" ref="H6792">IFERROR(INDEX(Jesper!AL$2:AL$366,ROUNDDOWN($C6792/24,0)+1,1)*INDEX($D$3:$AA$30,INDEX(Jesper!$R$2:$R$366,ROW(INDEX(Jesper!AL$2:AL$366,ROUNDDOWN($C6792/24,0)+1,1))-1)+IF('Standard Profiles'!$G$22=$B$10,7,0)+IF('Standard Profiles'!$G$22=$B$17,14,0)+IF('Standard Profiles'!$G$22=$B$24,21,0),MOD($C6792,24)+1)/SUM(INDEX($D$3:$AA$30,INDEX(Jesper!$R$2:$R$366,ROW(INDEX(Jesper!AL$2:AL$366,ROUNDDOWN($C6792/24,0)+1,1))-1)+IF('Standard Profiles'!$G$22=$B$10,7,0)+IF('Standard Profiles'!$G$22=$B$17,14,0)+IF('Standard Profiles'!$G$22=$B$24,21,0),0)),0)</f>
        <v>0</v>
      </c>
      <c r="I6792">
        <f t="shared" si="755"/>
        <v>2.0776392171636333</v>
      </c>
      <c r="J6792">
        <f t="shared" si="756"/>
        <v>52.693718814454144</v>
      </c>
      <c r="K6792">
        <f t="shared" si="757"/>
        <v>3.6950817801887474</v>
      </c>
      <c r="L6792">
        <f t="shared" si="758"/>
        <v>1.8475408900943737</v>
      </c>
      <c r="M6792">
        <f t="shared" si="759"/>
        <v>0</v>
      </c>
      <c r="N6792" s="45">
        <f t="shared" si="760"/>
        <v>45208.583333316943</v>
      </c>
    </row>
    <row r="6793" spans="2:14" x14ac:dyDescent="0.25">
      <c r="B6793">
        <f t="shared" si="754"/>
        <v>1</v>
      </c>
      <c r="C6793" s="16">
        <v>6759</v>
      </c>
      <c r="D6793" cm="1">
        <f t="array" ref="D6793">IFERROR(INDEX(Jesper!AH$2:AH$366,ROUNDDOWN($C6793/24,0)+1,1)*INDEX($D$3:$AA$30,INDEX(Jesper!$R$2:$R$366,ROW(INDEX(Jesper!AH$2:AH$366,ROUNDDOWN($C6793/24,0)+1,1))-1)+IF('Standard Profiles'!$G$18=$B$10,7,0)+IF('Standard Profiles'!$G$18=$B$17,14,0)+IF('Standard Profiles'!$G$18=$B$24,21,0),MOD($C6793,24)+1)/SUM(INDEX($D$3:$AA$30,INDEX(Jesper!$R$2:$R$366,ROW(INDEX(Jesper!AH$2:AH$366,ROUNDDOWN($C6793/24,0)+1,1))-1)+IF('Standard Profiles'!$G$18=$B$10,7,0)+IF('Standard Profiles'!$G$18=$B$17,14,0)+IF('Standard Profiles'!$G$18=$B$24,21,0),0)),0)</f>
        <v>34.641391689269504</v>
      </c>
      <c r="E6793" cm="1">
        <f t="array" ref="E6793">IFERROR(INDEX(Jesper!AI$2:AI$366,ROUNDDOWN($C6793/24,0)+1,1)*INDEX($D$3:$AA$30,INDEX(Jesper!$R$2:$R$366,ROW(INDEX(Jesper!AI$2:AI$366,ROUNDDOWN($C6793/24,0)+1,1))-1)+IF('Standard Profiles'!$G$19=$B$10,7,0)+IF('Standard Profiles'!$G$19=$B$17,14,0)+IF('Standard Profiles'!$G$19=$B$24,21,0),MOD($C6793,24)+1)/SUM(INDEX($D$3:$AA$30,INDEX(Jesper!$R$2:$R$366,ROW(INDEX(Jesper!AI$2:AI$366,ROUNDDOWN($C6793/24,0)+1,1))-1)+IF('Standard Profiles'!$G$19=$B$10,7,0)+IF('Standard Profiles'!$G$19=$B$17,14,0)+IF('Standard Profiles'!$G$19=$B$24,21,0),0)),0)</f>
        <v>21.344173976873826</v>
      </c>
      <c r="F6793" cm="1">
        <f t="array" ref="F6793">IFERROR(INDEX(Jesper!AJ$2:AJ$366,ROUNDDOWN($C6793/24,0)+1,1)*INDEX($D$3:$AA$30,INDEX(Jesper!$R$2:$R$366,ROW(INDEX(Jesper!AJ$2:AJ$366,ROUNDDOWN($C6793/24,0)+1,1))-1)+IF('Standard Profiles'!$G$20=$B$10,7,0)+IF('Standard Profiles'!$G$20=$B$17,14,0)+IF('Standard Profiles'!$G$20=$B$24,21,0),MOD($C6793,24)+1)/SUM(INDEX($D$3:$AA$30,INDEX(Jesper!$R$2:$R$366,ROW(INDEX(Jesper!AJ$2:AJ$366,ROUNDDOWN($C6793/24,0)+1,1))-1)+IF('Standard Profiles'!$G$20=$B$10,7,0)+IF('Standard Profiles'!$G$20=$B$17,14,0)+IF('Standard Profiles'!$G$20=$B$24,21,0),0)),0)</f>
        <v>0</v>
      </c>
      <c r="G6793" cm="1">
        <f t="array" ref="G6793">IFERROR(INDEX(Jesper!AK$2:AK$366,ROUNDDOWN($C6793/24,0)+1,1)*INDEX($D$3:$AA$30,INDEX(Jesper!$R$2:$R$366,ROW(INDEX(Jesper!AK$2:AK$366,ROUNDDOWN($C6793/24,0)+1,1))-1)+IF('Standard Profiles'!$G$21=$B$10,7,0)+IF('Standard Profiles'!$G$21=$B$17,14,0)+IF('Standard Profiles'!$G$21=$B$24,21,0),MOD($C6793,24)+1)/SUM(INDEX($D$3:$AA$30,INDEX(Jesper!$R$2:$R$366,ROW(INDEX(Jesper!AK$2:AK$366,ROUNDDOWN($C6793/24,0)+1,1))-1)+IF('Standard Profiles'!$G$21=$B$10,7,0)+IF('Standard Profiles'!$G$21=$B$17,14,0)+IF('Standard Profiles'!$G$21=$B$24,21,0),0)),0)</f>
        <v>4.3284150357575717</v>
      </c>
      <c r="H6793" cm="1">
        <f t="array" ref="H6793">IFERROR(INDEX(Jesper!AL$2:AL$366,ROUNDDOWN($C6793/24,0)+1,1)*INDEX($D$3:$AA$30,INDEX(Jesper!$R$2:$R$366,ROW(INDEX(Jesper!AL$2:AL$366,ROUNDDOWN($C6793/24,0)+1,1))-1)+IF('Standard Profiles'!$G$22=$B$10,7,0)+IF('Standard Profiles'!$G$22=$B$17,14,0)+IF('Standard Profiles'!$G$22=$B$24,21,0),MOD($C6793,24)+1)/SUM(INDEX($D$3:$AA$30,INDEX(Jesper!$R$2:$R$366,ROW(INDEX(Jesper!AL$2:AL$366,ROUNDDOWN($C6793/24,0)+1,1))-1)+IF('Standard Profiles'!$G$22=$B$10,7,0)+IF('Standard Profiles'!$G$22=$B$17,14,0)+IF('Standard Profiles'!$G$22=$B$24,21,0),0)),0)</f>
        <v>0</v>
      </c>
      <c r="I6793">
        <f t="shared" si="755"/>
        <v>2.0776392171636333</v>
      </c>
      <c r="J6793">
        <f t="shared" si="756"/>
        <v>52.693718814454144</v>
      </c>
      <c r="K6793">
        <f t="shared" si="757"/>
        <v>3.6950817801887474</v>
      </c>
      <c r="L6793">
        <f t="shared" si="758"/>
        <v>1.8475408900943737</v>
      </c>
      <c r="M6793">
        <f t="shared" si="759"/>
        <v>0</v>
      </c>
      <c r="N6793" s="45">
        <f t="shared" si="760"/>
        <v>45208.624999983607</v>
      </c>
    </row>
    <row r="6794" spans="2:14" x14ac:dyDescent="0.25">
      <c r="B6794">
        <f t="shared" si="754"/>
        <v>1</v>
      </c>
      <c r="C6794" s="16">
        <v>6760</v>
      </c>
      <c r="D6794" cm="1">
        <f t="array" ref="D6794">IFERROR(INDEX(Jesper!AH$2:AH$366,ROUNDDOWN($C6794/24,0)+1,1)*INDEX($D$3:$AA$30,INDEX(Jesper!$R$2:$R$366,ROW(INDEX(Jesper!AH$2:AH$366,ROUNDDOWN($C6794/24,0)+1,1))-1)+IF('Standard Profiles'!$G$18=$B$10,7,0)+IF('Standard Profiles'!$G$18=$B$17,14,0)+IF('Standard Profiles'!$G$18=$B$24,21,0),MOD($C6794,24)+1)/SUM(INDEX($D$3:$AA$30,INDEX(Jesper!$R$2:$R$366,ROW(INDEX(Jesper!AH$2:AH$366,ROUNDDOWN($C6794/24,0)+1,1))-1)+IF('Standard Profiles'!$G$18=$B$10,7,0)+IF('Standard Profiles'!$G$18=$B$17,14,0)+IF('Standard Profiles'!$G$18=$B$24,21,0),0)),0)</f>
        <v>20.207478485407208</v>
      </c>
      <c r="E6794" cm="1">
        <f t="array" ref="E6794">IFERROR(INDEX(Jesper!AI$2:AI$366,ROUNDDOWN($C6794/24,0)+1,1)*INDEX($D$3:$AA$30,INDEX(Jesper!$R$2:$R$366,ROW(INDEX(Jesper!AI$2:AI$366,ROUNDDOWN($C6794/24,0)+1,1))-1)+IF('Standard Profiles'!$G$19=$B$10,7,0)+IF('Standard Profiles'!$G$19=$B$17,14,0)+IF('Standard Profiles'!$G$19=$B$24,21,0),MOD($C6794,24)+1)/SUM(INDEX($D$3:$AA$30,INDEX(Jesper!$R$2:$R$366,ROW(INDEX(Jesper!AI$2:AI$366,ROUNDDOWN($C6794/24,0)+1,1))-1)+IF('Standard Profiles'!$G$19=$B$10,7,0)+IF('Standard Profiles'!$G$19=$B$17,14,0)+IF('Standard Profiles'!$G$19=$B$24,21,0),0)),0)</f>
        <v>12.4507681531764</v>
      </c>
      <c r="F6794" cm="1">
        <f t="array" ref="F6794">IFERROR(INDEX(Jesper!AJ$2:AJ$366,ROUNDDOWN($C6794/24,0)+1,1)*INDEX($D$3:$AA$30,INDEX(Jesper!$R$2:$R$366,ROW(INDEX(Jesper!AJ$2:AJ$366,ROUNDDOWN($C6794/24,0)+1,1))-1)+IF('Standard Profiles'!$G$20=$B$10,7,0)+IF('Standard Profiles'!$G$20=$B$17,14,0)+IF('Standard Profiles'!$G$20=$B$24,21,0),MOD($C6794,24)+1)/SUM(INDEX($D$3:$AA$30,INDEX(Jesper!$R$2:$R$366,ROW(INDEX(Jesper!AJ$2:AJ$366,ROUNDDOWN($C6794/24,0)+1,1))-1)+IF('Standard Profiles'!$G$20=$B$10,7,0)+IF('Standard Profiles'!$G$20=$B$17,14,0)+IF('Standard Profiles'!$G$20=$B$24,21,0),0)),0)</f>
        <v>0</v>
      </c>
      <c r="G6794" cm="1">
        <f t="array" ref="G6794">IFERROR(INDEX(Jesper!AK$2:AK$366,ROUNDDOWN($C6794/24,0)+1,1)*INDEX($D$3:$AA$30,INDEX(Jesper!$R$2:$R$366,ROW(INDEX(Jesper!AK$2:AK$366,ROUNDDOWN($C6794/24,0)+1,1))-1)+IF('Standard Profiles'!$G$21=$B$10,7,0)+IF('Standard Profiles'!$G$21=$B$17,14,0)+IF('Standard Profiles'!$G$21=$B$24,21,0),MOD($C6794,24)+1)/SUM(INDEX($D$3:$AA$30,INDEX(Jesper!$R$2:$R$366,ROW(INDEX(Jesper!AK$2:AK$366,ROUNDDOWN($C6794/24,0)+1,1))-1)+IF('Standard Profiles'!$G$21=$B$10,7,0)+IF('Standard Profiles'!$G$21=$B$17,14,0)+IF('Standard Profiles'!$G$21=$B$24,21,0),0)),0)</f>
        <v>3.6070125297979767</v>
      </c>
      <c r="H6794" cm="1">
        <f t="array" ref="H6794">IFERROR(INDEX(Jesper!AL$2:AL$366,ROUNDDOWN($C6794/24,0)+1,1)*INDEX($D$3:$AA$30,INDEX(Jesper!$R$2:$R$366,ROW(INDEX(Jesper!AL$2:AL$366,ROUNDDOWN($C6794/24,0)+1,1))-1)+IF('Standard Profiles'!$G$22=$B$10,7,0)+IF('Standard Profiles'!$G$22=$B$17,14,0)+IF('Standard Profiles'!$G$22=$B$24,21,0),MOD($C6794,24)+1)/SUM(INDEX($D$3:$AA$30,INDEX(Jesper!$R$2:$R$366,ROW(INDEX(Jesper!AL$2:AL$366,ROUNDDOWN($C6794/24,0)+1,1))-1)+IF('Standard Profiles'!$G$22=$B$10,7,0)+IF('Standard Profiles'!$G$22=$B$17,14,0)+IF('Standard Profiles'!$G$22=$B$24,21,0),0)),0)</f>
        <v>0</v>
      </c>
      <c r="I6794">
        <f t="shared" si="755"/>
        <v>1.7313660143030281</v>
      </c>
      <c r="J6794">
        <f t="shared" si="756"/>
        <v>31.300696596413403</v>
      </c>
      <c r="K6794">
        <f t="shared" si="757"/>
        <v>2.1554643717767688</v>
      </c>
      <c r="L6794">
        <f t="shared" si="758"/>
        <v>1.0777321858883844</v>
      </c>
      <c r="M6794">
        <f t="shared" si="759"/>
        <v>0</v>
      </c>
      <c r="N6794" s="45">
        <f t="shared" si="760"/>
        <v>45208.666666650272</v>
      </c>
    </row>
    <row r="6795" spans="2:14" x14ac:dyDescent="0.25">
      <c r="B6795">
        <f t="shared" si="754"/>
        <v>1</v>
      </c>
      <c r="C6795" s="16">
        <v>6761</v>
      </c>
      <c r="D6795" cm="1">
        <f t="array" ref="D6795">IFERROR(INDEX(Jesper!AH$2:AH$366,ROUNDDOWN($C6795/24,0)+1,1)*INDEX($D$3:$AA$30,INDEX(Jesper!$R$2:$R$366,ROW(INDEX(Jesper!AH$2:AH$366,ROUNDDOWN($C6795/24,0)+1,1))-1)+IF('Standard Profiles'!$G$18=$B$10,7,0)+IF('Standard Profiles'!$G$18=$B$17,14,0)+IF('Standard Profiles'!$G$18=$B$24,21,0),MOD($C6795,24)+1)/SUM(INDEX($D$3:$AA$30,INDEX(Jesper!$R$2:$R$366,ROW(INDEX(Jesper!AH$2:AH$366,ROUNDDOWN($C6795/24,0)+1,1))-1)+IF('Standard Profiles'!$G$18=$B$10,7,0)+IF('Standard Profiles'!$G$18=$B$17,14,0)+IF('Standard Profiles'!$G$18=$B$24,21,0),0)),0)</f>
        <v>5.7735652815449177</v>
      </c>
      <c r="E6795" cm="1">
        <f t="array" ref="E6795">IFERROR(INDEX(Jesper!AI$2:AI$366,ROUNDDOWN($C6795/24,0)+1,1)*INDEX($D$3:$AA$30,INDEX(Jesper!$R$2:$R$366,ROW(INDEX(Jesper!AI$2:AI$366,ROUNDDOWN($C6795/24,0)+1,1))-1)+IF('Standard Profiles'!$G$19=$B$10,7,0)+IF('Standard Profiles'!$G$19=$B$17,14,0)+IF('Standard Profiles'!$G$19=$B$24,21,0),MOD($C6795,24)+1)/SUM(INDEX($D$3:$AA$30,INDEX(Jesper!$R$2:$R$366,ROW(INDEX(Jesper!AI$2:AI$366,ROUNDDOWN($C6795/24,0)+1,1))-1)+IF('Standard Profiles'!$G$19=$B$10,7,0)+IF('Standard Profiles'!$G$19=$B$17,14,0)+IF('Standard Profiles'!$G$19=$B$24,21,0),0)),0)</f>
        <v>3.5573623294789716</v>
      </c>
      <c r="F6795" cm="1">
        <f t="array" ref="F6795">IFERROR(INDEX(Jesper!AJ$2:AJ$366,ROUNDDOWN($C6795/24,0)+1,1)*INDEX($D$3:$AA$30,INDEX(Jesper!$R$2:$R$366,ROW(INDEX(Jesper!AJ$2:AJ$366,ROUNDDOWN($C6795/24,0)+1,1))-1)+IF('Standard Profiles'!$G$20=$B$10,7,0)+IF('Standard Profiles'!$G$20=$B$17,14,0)+IF('Standard Profiles'!$G$20=$B$24,21,0),MOD($C6795,24)+1)/SUM(INDEX($D$3:$AA$30,INDEX(Jesper!$R$2:$R$366,ROW(INDEX(Jesper!AJ$2:AJ$366,ROUNDDOWN($C6795/24,0)+1,1))-1)+IF('Standard Profiles'!$G$20=$B$10,7,0)+IF('Standard Profiles'!$G$20=$B$17,14,0)+IF('Standard Profiles'!$G$20=$B$24,21,0),0)),0)</f>
        <v>0</v>
      </c>
      <c r="G6795" cm="1">
        <f t="array" ref="G6795">IFERROR(INDEX(Jesper!AK$2:AK$366,ROUNDDOWN($C6795/24,0)+1,1)*INDEX($D$3:$AA$30,INDEX(Jesper!$R$2:$R$366,ROW(INDEX(Jesper!AK$2:AK$366,ROUNDDOWN($C6795/24,0)+1,1))-1)+IF('Standard Profiles'!$G$21=$B$10,7,0)+IF('Standard Profiles'!$G$21=$B$17,14,0)+IF('Standard Profiles'!$G$21=$B$24,21,0),MOD($C6795,24)+1)/SUM(INDEX($D$3:$AA$30,INDEX(Jesper!$R$2:$R$366,ROW(INDEX(Jesper!AK$2:AK$366,ROUNDDOWN($C6795/24,0)+1,1))-1)+IF('Standard Profiles'!$G$21=$B$10,7,0)+IF('Standard Profiles'!$G$21=$B$17,14,0)+IF('Standard Profiles'!$G$21=$B$24,21,0),0)),0)</f>
        <v>2.9021939894926252</v>
      </c>
      <c r="H6795" cm="1">
        <f t="array" ref="H6795">IFERROR(INDEX(Jesper!AL$2:AL$366,ROUNDDOWN($C6795/24,0)+1,1)*INDEX($D$3:$AA$30,INDEX(Jesper!$R$2:$R$366,ROW(INDEX(Jesper!AL$2:AL$366,ROUNDDOWN($C6795/24,0)+1,1))-1)+IF('Standard Profiles'!$G$22=$B$10,7,0)+IF('Standard Profiles'!$G$22=$B$17,14,0)+IF('Standard Profiles'!$G$22=$B$24,21,0),MOD($C6795,24)+1)/SUM(INDEX($D$3:$AA$30,INDEX(Jesper!$R$2:$R$366,ROW(INDEX(Jesper!AL$2:AL$366,ROUNDDOWN($C6795/24,0)+1,1))-1)+IF('Standard Profiles'!$G$22=$B$10,7,0)+IF('Standard Profiles'!$G$22=$B$17,14,0)+IF('Standard Profiles'!$G$22=$B$24,21,0),0)),0)</f>
        <v>0</v>
      </c>
      <c r="I6795">
        <f t="shared" si="755"/>
        <v>1.3930531149564593</v>
      </c>
      <c r="J6795">
        <f t="shared" si="756"/>
        <v>9.9162980405128689</v>
      </c>
      <c r="K6795">
        <f t="shared" si="757"/>
        <v>0.61584696336479128</v>
      </c>
      <c r="L6795">
        <f t="shared" si="758"/>
        <v>0.30792348168239564</v>
      </c>
      <c r="M6795">
        <f t="shared" si="759"/>
        <v>0</v>
      </c>
      <c r="N6795" s="45">
        <f t="shared" si="760"/>
        <v>45208.708333316936</v>
      </c>
    </row>
    <row r="6796" spans="2:14" x14ac:dyDescent="0.25">
      <c r="B6796">
        <f t="shared" si="754"/>
        <v>1</v>
      </c>
      <c r="C6796" s="16">
        <v>6762</v>
      </c>
      <c r="D6796" cm="1">
        <f t="array" ref="D6796">IFERROR(INDEX(Jesper!AH$2:AH$366,ROUNDDOWN($C6796/24,0)+1,1)*INDEX($D$3:$AA$30,INDEX(Jesper!$R$2:$R$366,ROW(INDEX(Jesper!AH$2:AH$366,ROUNDDOWN($C6796/24,0)+1,1))-1)+IF('Standard Profiles'!$G$18=$B$10,7,0)+IF('Standard Profiles'!$G$18=$B$17,14,0)+IF('Standard Profiles'!$G$18=$B$24,21,0),MOD($C6796,24)+1)/SUM(INDEX($D$3:$AA$30,INDEX(Jesper!$R$2:$R$366,ROW(INDEX(Jesper!AH$2:AH$366,ROUNDDOWN($C6796/24,0)+1,1))-1)+IF('Standard Profiles'!$G$18=$B$10,7,0)+IF('Standard Profiles'!$G$18=$B$17,14,0)+IF('Standard Profiles'!$G$18=$B$24,21,0),0)),0)</f>
        <v>5.6922474606780877</v>
      </c>
      <c r="E6796" cm="1">
        <f t="array" ref="E6796">IFERROR(INDEX(Jesper!AI$2:AI$366,ROUNDDOWN($C6796/24,0)+1,1)*INDEX($D$3:$AA$30,INDEX(Jesper!$R$2:$R$366,ROW(INDEX(Jesper!AI$2:AI$366,ROUNDDOWN($C6796/24,0)+1,1))-1)+IF('Standard Profiles'!$G$19=$B$10,7,0)+IF('Standard Profiles'!$G$19=$B$17,14,0)+IF('Standard Profiles'!$G$19=$B$24,21,0),MOD($C6796,24)+1)/SUM(INDEX($D$3:$AA$30,INDEX(Jesper!$R$2:$R$366,ROW(INDEX(Jesper!AI$2:AI$366,ROUNDDOWN($C6796/24,0)+1,1))-1)+IF('Standard Profiles'!$G$19=$B$10,7,0)+IF('Standard Profiles'!$G$19=$B$17,14,0)+IF('Standard Profiles'!$G$19=$B$24,21,0),0)),0)</f>
        <v>3.5072586346975774</v>
      </c>
      <c r="F6796" cm="1">
        <f t="array" ref="F6796">IFERROR(INDEX(Jesper!AJ$2:AJ$366,ROUNDDOWN($C6796/24,0)+1,1)*INDEX($D$3:$AA$30,INDEX(Jesper!$R$2:$R$366,ROW(INDEX(Jesper!AJ$2:AJ$366,ROUNDDOWN($C6796/24,0)+1,1))-1)+IF('Standard Profiles'!$G$20=$B$10,7,0)+IF('Standard Profiles'!$G$20=$B$17,14,0)+IF('Standard Profiles'!$G$20=$B$24,21,0),MOD($C6796,24)+1)/SUM(INDEX($D$3:$AA$30,INDEX(Jesper!$R$2:$R$366,ROW(INDEX(Jesper!AJ$2:AJ$366,ROUNDDOWN($C6796/24,0)+1,1))-1)+IF('Standard Profiles'!$G$20=$B$10,7,0)+IF('Standard Profiles'!$G$20=$B$17,14,0)+IF('Standard Profiles'!$G$20=$B$24,21,0),0)),0)</f>
        <v>0</v>
      </c>
      <c r="G6796" cm="1">
        <f t="array" ref="G6796">IFERROR(INDEX(Jesper!AK$2:AK$366,ROUNDDOWN($C6796/24,0)+1,1)*INDEX($D$3:$AA$30,INDEX(Jesper!$R$2:$R$366,ROW(INDEX(Jesper!AK$2:AK$366,ROUNDDOWN($C6796/24,0)+1,1))-1)+IF('Standard Profiles'!$G$21=$B$10,7,0)+IF('Standard Profiles'!$G$21=$B$17,14,0)+IF('Standard Profiles'!$G$21=$B$24,21,0),MOD($C6796,24)+1)/SUM(INDEX($D$3:$AA$30,INDEX(Jesper!$R$2:$R$366,ROW(INDEX(Jesper!AK$2:AK$366,ROUNDDOWN($C6796/24,0)+1,1))-1)+IF('Standard Profiles'!$G$21=$B$10,7,0)+IF('Standard Profiles'!$G$21=$B$17,14,0)+IF('Standard Profiles'!$G$21=$B$24,21,0),0)),0)</f>
        <v>1.0364978533902234</v>
      </c>
      <c r="H6796" cm="1">
        <f t="array" ref="H6796">IFERROR(INDEX(Jesper!AL$2:AL$366,ROUNDDOWN($C6796/24,0)+1,1)*INDEX($D$3:$AA$30,INDEX(Jesper!$R$2:$R$366,ROW(INDEX(Jesper!AL$2:AL$366,ROUNDDOWN($C6796/24,0)+1,1))-1)+IF('Standard Profiles'!$G$22=$B$10,7,0)+IF('Standard Profiles'!$G$22=$B$17,14,0)+IF('Standard Profiles'!$G$22=$B$24,21,0),MOD($C6796,24)+1)/SUM(INDEX($D$3:$AA$30,INDEX(Jesper!$R$2:$R$366,ROW(INDEX(Jesper!AL$2:AL$366,ROUNDDOWN($C6796/24,0)+1,1))-1)+IF('Standard Profiles'!$G$22=$B$10,7,0)+IF('Standard Profiles'!$G$22=$B$17,14,0)+IF('Standard Profiles'!$G$22=$B$24,21,0),0)),0)</f>
        <v>0</v>
      </c>
      <c r="I6796">
        <f t="shared" si="755"/>
        <v>0.49751896962730696</v>
      </c>
      <c r="J6796">
        <f t="shared" si="756"/>
        <v>8.8277253854300852</v>
      </c>
      <c r="K6796">
        <f t="shared" si="757"/>
        <v>0.60717306247232938</v>
      </c>
      <c r="L6796">
        <f t="shared" si="758"/>
        <v>0.30358653123616469</v>
      </c>
      <c r="M6796">
        <f t="shared" si="759"/>
        <v>0</v>
      </c>
      <c r="N6796" s="45">
        <f t="shared" si="760"/>
        <v>45208.7499999836</v>
      </c>
    </row>
    <row r="6797" spans="2:14" x14ac:dyDescent="0.25">
      <c r="B6797">
        <f t="shared" si="754"/>
        <v>1</v>
      </c>
      <c r="C6797" s="16">
        <v>6763</v>
      </c>
      <c r="D6797" cm="1">
        <f t="array" ref="D6797">IFERROR(INDEX(Jesper!AH$2:AH$366,ROUNDDOWN($C6797/24,0)+1,1)*INDEX($D$3:$AA$30,INDEX(Jesper!$R$2:$R$366,ROW(INDEX(Jesper!AH$2:AH$366,ROUNDDOWN($C6797/24,0)+1,1))-1)+IF('Standard Profiles'!$G$18=$B$10,7,0)+IF('Standard Profiles'!$G$18=$B$17,14,0)+IF('Standard Profiles'!$G$18=$B$24,21,0),MOD($C6797,24)+1)/SUM(INDEX($D$3:$AA$30,INDEX(Jesper!$R$2:$R$366,ROW(INDEX(Jesper!AH$2:AH$366,ROUNDDOWN($C6797/24,0)+1,1))-1)+IF('Standard Profiles'!$G$18=$B$10,7,0)+IF('Standard Profiles'!$G$18=$B$17,14,0)+IF('Standard Profiles'!$G$18=$B$24,21,0),0)),0)</f>
        <v>5.6922474606780877</v>
      </c>
      <c r="E6797" cm="1">
        <f t="array" ref="E6797">IFERROR(INDEX(Jesper!AI$2:AI$366,ROUNDDOWN($C6797/24,0)+1,1)*INDEX($D$3:$AA$30,INDEX(Jesper!$R$2:$R$366,ROW(INDEX(Jesper!AI$2:AI$366,ROUNDDOWN($C6797/24,0)+1,1))-1)+IF('Standard Profiles'!$G$19=$B$10,7,0)+IF('Standard Profiles'!$G$19=$B$17,14,0)+IF('Standard Profiles'!$G$19=$B$24,21,0),MOD($C6797,24)+1)/SUM(INDEX($D$3:$AA$30,INDEX(Jesper!$R$2:$R$366,ROW(INDEX(Jesper!AI$2:AI$366,ROUNDDOWN($C6797/24,0)+1,1))-1)+IF('Standard Profiles'!$G$19=$B$10,7,0)+IF('Standard Profiles'!$G$19=$B$17,14,0)+IF('Standard Profiles'!$G$19=$B$24,21,0),0)),0)</f>
        <v>3.5072586346975774</v>
      </c>
      <c r="F6797" cm="1">
        <f t="array" ref="F6797">IFERROR(INDEX(Jesper!AJ$2:AJ$366,ROUNDDOWN($C6797/24,0)+1,1)*INDEX($D$3:$AA$30,INDEX(Jesper!$R$2:$R$366,ROW(INDEX(Jesper!AJ$2:AJ$366,ROUNDDOWN($C6797/24,0)+1,1))-1)+IF('Standard Profiles'!$G$20=$B$10,7,0)+IF('Standard Profiles'!$G$20=$B$17,14,0)+IF('Standard Profiles'!$G$20=$B$24,21,0),MOD($C6797,24)+1)/SUM(INDEX($D$3:$AA$30,INDEX(Jesper!$R$2:$R$366,ROW(INDEX(Jesper!AJ$2:AJ$366,ROUNDDOWN($C6797/24,0)+1,1))-1)+IF('Standard Profiles'!$G$20=$B$10,7,0)+IF('Standard Profiles'!$G$20=$B$17,14,0)+IF('Standard Profiles'!$G$20=$B$24,21,0),0)),0)</f>
        <v>0</v>
      </c>
      <c r="G6797" cm="1">
        <f t="array" ref="G6797">IFERROR(INDEX(Jesper!AK$2:AK$366,ROUNDDOWN($C6797/24,0)+1,1)*INDEX($D$3:$AA$30,INDEX(Jesper!$R$2:$R$366,ROW(INDEX(Jesper!AK$2:AK$366,ROUNDDOWN($C6797/24,0)+1,1))-1)+IF('Standard Profiles'!$G$21=$B$10,7,0)+IF('Standard Profiles'!$G$21=$B$17,14,0)+IF('Standard Profiles'!$G$21=$B$24,21,0),MOD($C6797,24)+1)/SUM(INDEX($D$3:$AA$30,INDEX(Jesper!$R$2:$R$366,ROW(INDEX(Jesper!AK$2:AK$366,ROUNDDOWN($C6797/24,0)+1,1))-1)+IF('Standard Profiles'!$G$21=$B$10,7,0)+IF('Standard Profiles'!$G$21=$B$17,14,0)+IF('Standard Profiles'!$G$21=$B$24,21,0),0)),0)</f>
        <v>1.0364978533902234</v>
      </c>
      <c r="H6797" cm="1">
        <f t="array" ref="H6797">IFERROR(INDEX(Jesper!AL$2:AL$366,ROUNDDOWN($C6797/24,0)+1,1)*INDEX($D$3:$AA$30,INDEX(Jesper!$R$2:$R$366,ROW(INDEX(Jesper!AL$2:AL$366,ROUNDDOWN($C6797/24,0)+1,1))-1)+IF('Standard Profiles'!$G$22=$B$10,7,0)+IF('Standard Profiles'!$G$22=$B$17,14,0)+IF('Standard Profiles'!$G$22=$B$24,21,0),MOD($C6797,24)+1)/SUM(INDEX($D$3:$AA$30,INDEX(Jesper!$R$2:$R$366,ROW(INDEX(Jesper!AL$2:AL$366,ROUNDDOWN($C6797/24,0)+1,1))-1)+IF('Standard Profiles'!$G$22=$B$10,7,0)+IF('Standard Profiles'!$G$22=$B$17,14,0)+IF('Standard Profiles'!$G$22=$B$24,21,0),0)),0)</f>
        <v>0</v>
      </c>
      <c r="I6797">
        <f t="shared" si="755"/>
        <v>0.49751896962730696</v>
      </c>
      <c r="J6797">
        <f t="shared" si="756"/>
        <v>8.8277253854300852</v>
      </c>
      <c r="K6797">
        <f t="shared" si="757"/>
        <v>0.60717306247232938</v>
      </c>
      <c r="L6797">
        <f t="shared" si="758"/>
        <v>0.30358653123616469</v>
      </c>
      <c r="M6797">
        <f t="shared" si="759"/>
        <v>0</v>
      </c>
      <c r="N6797" s="45">
        <f t="shared" si="760"/>
        <v>45208.791666650264</v>
      </c>
    </row>
    <row r="6798" spans="2:14" x14ac:dyDescent="0.25">
      <c r="B6798">
        <f t="shared" si="754"/>
        <v>1</v>
      </c>
      <c r="C6798" s="16">
        <v>6764</v>
      </c>
      <c r="D6798" cm="1">
        <f t="array" ref="D6798">IFERROR(INDEX(Jesper!AH$2:AH$366,ROUNDDOWN($C6798/24,0)+1,1)*INDEX($D$3:$AA$30,INDEX(Jesper!$R$2:$R$366,ROW(INDEX(Jesper!AH$2:AH$366,ROUNDDOWN($C6798/24,0)+1,1))-1)+IF('Standard Profiles'!$G$18=$B$10,7,0)+IF('Standard Profiles'!$G$18=$B$17,14,0)+IF('Standard Profiles'!$G$18=$B$24,21,0),MOD($C6798,24)+1)/SUM(INDEX($D$3:$AA$30,INDEX(Jesper!$R$2:$R$366,ROW(INDEX(Jesper!AH$2:AH$366,ROUNDDOWN($C6798/24,0)+1,1))-1)+IF('Standard Profiles'!$G$18=$B$10,7,0)+IF('Standard Profiles'!$G$18=$B$17,14,0)+IF('Standard Profiles'!$G$18=$B$24,21,0),0)),0)</f>
        <v>5.6922474606780877</v>
      </c>
      <c r="E6798" cm="1">
        <f t="array" ref="E6798">IFERROR(INDEX(Jesper!AI$2:AI$366,ROUNDDOWN($C6798/24,0)+1,1)*INDEX($D$3:$AA$30,INDEX(Jesper!$R$2:$R$366,ROW(INDEX(Jesper!AI$2:AI$366,ROUNDDOWN($C6798/24,0)+1,1))-1)+IF('Standard Profiles'!$G$19=$B$10,7,0)+IF('Standard Profiles'!$G$19=$B$17,14,0)+IF('Standard Profiles'!$G$19=$B$24,21,0),MOD($C6798,24)+1)/SUM(INDEX($D$3:$AA$30,INDEX(Jesper!$R$2:$R$366,ROW(INDEX(Jesper!AI$2:AI$366,ROUNDDOWN($C6798/24,0)+1,1))-1)+IF('Standard Profiles'!$G$19=$B$10,7,0)+IF('Standard Profiles'!$G$19=$B$17,14,0)+IF('Standard Profiles'!$G$19=$B$24,21,0),0)),0)</f>
        <v>3.5072586346975774</v>
      </c>
      <c r="F6798" cm="1">
        <f t="array" ref="F6798">IFERROR(INDEX(Jesper!AJ$2:AJ$366,ROUNDDOWN($C6798/24,0)+1,1)*INDEX($D$3:$AA$30,INDEX(Jesper!$R$2:$R$366,ROW(INDEX(Jesper!AJ$2:AJ$366,ROUNDDOWN($C6798/24,0)+1,1))-1)+IF('Standard Profiles'!$G$20=$B$10,7,0)+IF('Standard Profiles'!$G$20=$B$17,14,0)+IF('Standard Profiles'!$G$20=$B$24,21,0),MOD($C6798,24)+1)/SUM(INDEX($D$3:$AA$30,INDEX(Jesper!$R$2:$R$366,ROW(INDEX(Jesper!AJ$2:AJ$366,ROUNDDOWN($C6798/24,0)+1,1))-1)+IF('Standard Profiles'!$G$20=$B$10,7,0)+IF('Standard Profiles'!$G$20=$B$17,14,0)+IF('Standard Profiles'!$G$20=$B$24,21,0),0)),0)</f>
        <v>0</v>
      </c>
      <c r="G6798" cm="1">
        <f t="array" ref="G6798">IFERROR(INDEX(Jesper!AK$2:AK$366,ROUNDDOWN($C6798/24,0)+1,1)*INDEX($D$3:$AA$30,INDEX(Jesper!$R$2:$R$366,ROW(INDEX(Jesper!AK$2:AK$366,ROUNDDOWN($C6798/24,0)+1,1))-1)+IF('Standard Profiles'!$G$21=$B$10,7,0)+IF('Standard Profiles'!$G$21=$B$17,14,0)+IF('Standard Profiles'!$G$21=$B$24,21,0),MOD($C6798,24)+1)/SUM(INDEX($D$3:$AA$30,INDEX(Jesper!$R$2:$R$366,ROW(INDEX(Jesper!AK$2:AK$366,ROUNDDOWN($C6798/24,0)+1,1))-1)+IF('Standard Profiles'!$G$21=$B$10,7,0)+IF('Standard Profiles'!$G$21=$B$17,14,0)+IF('Standard Profiles'!$G$21=$B$24,21,0),0)),0)</f>
        <v>1.0364978533902234</v>
      </c>
      <c r="H6798" cm="1">
        <f t="array" ref="H6798">IFERROR(INDEX(Jesper!AL$2:AL$366,ROUNDDOWN($C6798/24,0)+1,1)*INDEX($D$3:$AA$30,INDEX(Jesper!$R$2:$R$366,ROW(INDEX(Jesper!AL$2:AL$366,ROUNDDOWN($C6798/24,0)+1,1))-1)+IF('Standard Profiles'!$G$22=$B$10,7,0)+IF('Standard Profiles'!$G$22=$B$17,14,0)+IF('Standard Profiles'!$G$22=$B$24,21,0),MOD($C6798,24)+1)/SUM(INDEX($D$3:$AA$30,INDEX(Jesper!$R$2:$R$366,ROW(INDEX(Jesper!AL$2:AL$366,ROUNDDOWN($C6798/24,0)+1,1))-1)+IF('Standard Profiles'!$G$22=$B$10,7,0)+IF('Standard Profiles'!$G$22=$B$17,14,0)+IF('Standard Profiles'!$G$22=$B$24,21,0),0)),0)</f>
        <v>0</v>
      </c>
      <c r="I6798">
        <f t="shared" si="755"/>
        <v>0.49751896962730696</v>
      </c>
      <c r="J6798">
        <f t="shared" si="756"/>
        <v>8.8277253854300852</v>
      </c>
      <c r="K6798">
        <f t="shared" si="757"/>
        <v>0.60717306247232938</v>
      </c>
      <c r="L6798">
        <f t="shared" si="758"/>
        <v>0.30358653123616469</v>
      </c>
      <c r="M6798">
        <f t="shared" si="759"/>
        <v>0</v>
      </c>
      <c r="N6798" s="45">
        <f t="shared" si="760"/>
        <v>45208.833333316928</v>
      </c>
    </row>
    <row r="6799" spans="2:14" x14ac:dyDescent="0.25">
      <c r="B6799">
        <f t="shared" si="754"/>
        <v>1</v>
      </c>
      <c r="C6799" s="16">
        <v>6765</v>
      </c>
      <c r="D6799" cm="1">
        <f t="array" ref="D6799">IFERROR(INDEX(Jesper!AH$2:AH$366,ROUNDDOWN($C6799/24,0)+1,1)*INDEX($D$3:$AA$30,INDEX(Jesper!$R$2:$R$366,ROW(INDEX(Jesper!AH$2:AH$366,ROUNDDOWN($C6799/24,0)+1,1))-1)+IF('Standard Profiles'!$G$18=$B$10,7,0)+IF('Standard Profiles'!$G$18=$B$17,14,0)+IF('Standard Profiles'!$G$18=$B$24,21,0),MOD($C6799,24)+1)/SUM(INDEX($D$3:$AA$30,INDEX(Jesper!$R$2:$R$366,ROW(INDEX(Jesper!AH$2:AH$366,ROUNDDOWN($C6799/24,0)+1,1))-1)+IF('Standard Profiles'!$G$18=$B$10,7,0)+IF('Standard Profiles'!$G$18=$B$17,14,0)+IF('Standard Profiles'!$G$18=$B$24,21,0),0)),0)</f>
        <v>5.6922474606780877</v>
      </c>
      <c r="E6799" cm="1">
        <f t="array" ref="E6799">IFERROR(INDEX(Jesper!AI$2:AI$366,ROUNDDOWN($C6799/24,0)+1,1)*INDEX($D$3:$AA$30,INDEX(Jesper!$R$2:$R$366,ROW(INDEX(Jesper!AI$2:AI$366,ROUNDDOWN($C6799/24,0)+1,1))-1)+IF('Standard Profiles'!$G$19=$B$10,7,0)+IF('Standard Profiles'!$G$19=$B$17,14,0)+IF('Standard Profiles'!$G$19=$B$24,21,0),MOD($C6799,24)+1)/SUM(INDEX($D$3:$AA$30,INDEX(Jesper!$R$2:$R$366,ROW(INDEX(Jesper!AI$2:AI$366,ROUNDDOWN($C6799/24,0)+1,1))-1)+IF('Standard Profiles'!$G$19=$B$10,7,0)+IF('Standard Profiles'!$G$19=$B$17,14,0)+IF('Standard Profiles'!$G$19=$B$24,21,0),0)),0)</f>
        <v>3.5072586346975774</v>
      </c>
      <c r="F6799" cm="1">
        <f t="array" ref="F6799">IFERROR(INDEX(Jesper!AJ$2:AJ$366,ROUNDDOWN($C6799/24,0)+1,1)*INDEX($D$3:$AA$30,INDEX(Jesper!$R$2:$R$366,ROW(INDEX(Jesper!AJ$2:AJ$366,ROUNDDOWN($C6799/24,0)+1,1))-1)+IF('Standard Profiles'!$G$20=$B$10,7,0)+IF('Standard Profiles'!$G$20=$B$17,14,0)+IF('Standard Profiles'!$G$20=$B$24,21,0),MOD($C6799,24)+1)/SUM(INDEX($D$3:$AA$30,INDEX(Jesper!$R$2:$R$366,ROW(INDEX(Jesper!AJ$2:AJ$366,ROUNDDOWN($C6799/24,0)+1,1))-1)+IF('Standard Profiles'!$G$20=$B$10,7,0)+IF('Standard Profiles'!$G$20=$B$17,14,0)+IF('Standard Profiles'!$G$20=$B$24,21,0),0)),0)</f>
        <v>0</v>
      </c>
      <c r="G6799" cm="1">
        <f t="array" ref="G6799">IFERROR(INDEX(Jesper!AK$2:AK$366,ROUNDDOWN($C6799/24,0)+1,1)*INDEX($D$3:$AA$30,INDEX(Jesper!$R$2:$R$366,ROW(INDEX(Jesper!AK$2:AK$366,ROUNDDOWN($C6799/24,0)+1,1))-1)+IF('Standard Profiles'!$G$21=$B$10,7,0)+IF('Standard Profiles'!$G$21=$B$17,14,0)+IF('Standard Profiles'!$G$21=$B$24,21,0),MOD($C6799,24)+1)/SUM(INDEX($D$3:$AA$30,INDEX(Jesper!$R$2:$R$366,ROW(INDEX(Jesper!AK$2:AK$366,ROUNDDOWN($C6799/24,0)+1,1))-1)+IF('Standard Profiles'!$G$21=$B$10,7,0)+IF('Standard Profiles'!$G$21=$B$17,14,0)+IF('Standard Profiles'!$G$21=$B$24,21,0),0)),0)</f>
        <v>1.0364978533902234</v>
      </c>
      <c r="H6799" cm="1">
        <f t="array" ref="H6799">IFERROR(INDEX(Jesper!AL$2:AL$366,ROUNDDOWN($C6799/24,0)+1,1)*INDEX($D$3:$AA$30,INDEX(Jesper!$R$2:$R$366,ROW(INDEX(Jesper!AL$2:AL$366,ROUNDDOWN($C6799/24,0)+1,1))-1)+IF('Standard Profiles'!$G$22=$B$10,7,0)+IF('Standard Profiles'!$G$22=$B$17,14,0)+IF('Standard Profiles'!$G$22=$B$24,21,0),MOD($C6799,24)+1)/SUM(INDEX($D$3:$AA$30,INDEX(Jesper!$R$2:$R$366,ROW(INDEX(Jesper!AL$2:AL$366,ROUNDDOWN($C6799/24,0)+1,1))-1)+IF('Standard Profiles'!$G$22=$B$10,7,0)+IF('Standard Profiles'!$G$22=$B$17,14,0)+IF('Standard Profiles'!$G$22=$B$24,21,0),0)),0)</f>
        <v>0</v>
      </c>
      <c r="I6799">
        <f t="shared" si="755"/>
        <v>0.49751896962730696</v>
      </c>
      <c r="J6799">
        <f t="shared" si="756"/>
        <v>8.8277253854300852</v>
      </c>
      <c r="K6799">
        <f t="shared" si="757"/>
        <v>0.60717306247232938</v>
      </c>
      <c r="L6799">
        <f t="shared" si="758"/>
        <v>0.30358653123616469</v>
      </c>
      <c r="M6799">
        <f t="shared" si="759"/>
        <v>0</v>
      </c>
      <c r="N6799" s="45">
        <f t="shared" si="760"/>
        <v>45208.874999983593</v>
      </c>
    </row>
    <row r="6800" spans="2:14" x14ac:dyDescent="0.25">
      <c r="B6800">
        <f t="shared" si="754"/>
        <v>1</v>
      </c>
      <c r="C6800" s="16">
        <v>6766</v>
      </c>
      <c r="D6800" cm="1">
        <f t="array" ref="D6800">IFERROR(INDEX(Jesper!AH$2:AH$366,ROUNDDOWN($C6800/24,0)+1,1)*INDEX($D$3:$AA$30,INDEX(Jesper!$R$2:$R$366,ROW(INDEX(Jesper!AH$2:AH$366,ROUNDDOWN($C6800/24,0)+1,1))-1)+IF('Standard Profiles'!$G$18=$B$10,7,0)+IF('Standard Profiles'!$G$18=$B$17,14,0)+IF('Standard Profiles'!$G$18=$B$24,21,0),MOD($C6800,24)+1)/SUM(INDEX($D$3:$AA$30,INDEX(Jesper!$R$2:$R$366,ROW(INDEX(Jesper!AH$2:AH$366,ROUNDDOWN($C6800/24,0)+1,1))-1)+IF('Standard Profiles'!$G$18=$B$10,7,0)+IF('Standard Profiles'!$G$18=$B$17,14,0)+IF('Standard Profiles'!$G$18=$B$24,21,0),0)),0)</f>
        <v>5.6922474606780877</v>
      </c>
      <c r="E6800" cm="1">
        <f t="array" ref="E6800">IFERROR(INDEX(Jesper!AI$2:AI$366,ROUNDDOWN($C6800/24,0)+1,1)*INDEX($D$3:$AA$30,INDEX(Jesper!$R$2:$R$366,ROW(INDEX(Jesper!AI$2:AI$366,ROUNDDOWN($C6800/24,0)+1,1))-1)+IF('Standard Profiles'!$G$19=$B$10,7,0)+IF('Standard Profiles'!$G$19=$B$17,14,0)+IF('Standard Profiles'!$G$19=$B$24,21,0),MOD($C6800,24)+1)/SUM(INDEX($D$3:$AA$30,INDEX(Jesper!$R$2:$R$366,ROW(INDEX(Jesper!AI$2:AI$366,ROUNDDOWN($C6800/24,0)+1,1))-1)+IF('Standard Profiles'!$G$19=$B$10,7,0)+IF('Standard Profiles'!$G$19=$B$17,14,0)+IF('Standard Profiles'!$G$19=$B$24,21,0),0)),0)</f>
        <v>3.5072586346975774</v>
      </c>
      <c r="F6800" cm="1">
        <f t="array" ref="F6800">IFERROR(INDEX(Jesper!AJ$2:AJ$366,ROUNDDOWN($C6800/24,0)+1,1)*INDEX($D$3:$AA$30,INDEX(Jesper!$R$2:$R$366,ROW(INDEX(Jesper!AJ$2:AJ$366,ROUNDDOWN($C6800/24,0)+1,1))-1)+IF('Standard Profiles'!$G$20=$B$10,7,0)+IF('Standard Profiles'!$G$20=$B$17,14,0)+IF('Standard Profiles'!$G$20=$B$24,21,0),MOD($C6800,24)+1)/SUM(INDEX($D$3:$AA$30,INDEX(Jesper!$R$2:$R$366,ROW(INDEX(Jesper!AJ$2:AJ$366,ROUNDDOWN($C6800/24,0)+1,1))-1)+IF('Standard Profiles'!$G$20=$B$10,7,0)+IF('Standard Profiles'!$G$20=$B$17,14,0)+IF('Standard Profiles'!$G$20=$B$24,21,0),0)),0)</f>
        <v>0</v>
      </c>
      <c r="G6800" cm="1">
        <f t="array" ref="G6800">IFERROR(INDEX(Jesper!AK$2:AK$366,ROUNDDOWN($C6800/24,0)+1,1)*INDEX($D$3:$AA$30,INDEX(Jesper!$R$2:$R$366,ROW(INDEX(Jesper!AK$2:AK$366,ROUNDDOWN($C6800/24,0)+1,1))-1)+IF('Standard Profiles'!$G$21=$B$10,7,0)+IF('Standard Profiles'!$G$21=$B$17,14,0)+IF('Standard Profiles'!$G$21=$B$24,21,0),MOD($C6800,24)+1)/SUM(INDEX($D$3:$AA$30,INDEX(Jesper!$R$2:$R$366,ROW(INDEX(Jesper!AK$2:AK$366,ROUNDDOWN($C6800/24,0)+1,1))-1)+IF('Standard Profiles'!$G$21=$B$10,7,0)+IF('Standard Profiles'!$G$21=$B$17,14,0)+IF('Standard Profiles'!$G$21=$B$24,21,0),0)),0)</f>
        <v>1.0364978533902234</v>
      </c>
      <c r="H6800" cm="1">
        <f t="array" ref="H6800">IFERROR(INDEX(Jesper!AL$2:AL$366,ROUNDDOWN($C6800/24,0)+1,1)*INDEX($D$3:$AA$30,INDEX(Jesper!$R$2:$R$366,ROW(INDEX(Jesper!AL$2:AL$366,ROUNDDOWN($C6800/24,0)+1,1))-1)+IF('Standard Profiles'!$G$22=$B$10,7,0)+IF('Standard Profiles'!$G$22=$B$17,14,0)+IF('Standard Profiles'!$G$22=$B$24,21,0),MOD($C6800,24)+1)/SUM(INDEX($D$3:$AA$30,INDEX(Jesper!$R$2:$R$366,ROW(INDEX(Jesper!AL$2:AL$366,ROUNDDOWN($C6800/24,0)+1,1))-1)+IF('Standard Profiles'!$G$22=$B$10,7,0)+IF('Standard Profiles'!$G$22=$B$17,14,0)+IF('Standard Profiles'!$G$22=$B$24,21,0),0)),0)</f>
        <v>0</v>
      </c>
      <c r="I6800">
        <f t="shared" si="755"/>
        <v>0.49751896962730696</v>
      </c>
      <c r="J6800">
        <f t="shared" si="756"/>
        <v>8.8277253854300852</v>
      </c>
      <c r="K6800">
        <f t="shared" si="757"/>
        <v>0.60717306247232938</v>
      </c>
      <c r="L6800">
        <f t="shared" si="758"/>
        <v>0.30358653123616469</v>
      </c>
      <c r="M6800">
        <f t="shared" si="759"/>
        <v>0</v>
      </c>
      <c r="N6800" s="45">
        <f t="shared" si="760"/>
        <v>45208.916666650257</v>
      </c>
    </row>
    <row r="6801" spans="2:14" x14ac:dyDescent="0.25">
      <c r="B6801">
        <f t="shared" si="754"/>
        <v>1</v>
      </c>
      <c r="C6801" s="16">
        <v>6767</v>
      </c>
      <c r="D6801" cm="1">
        <f t="array" ref="D6801">IFERROR(INDEX(Jesper!AH$2:AH$366,ROUNDDOWN($C6801/24,0)+1,1)*INDEX($D$3:$AA$30,INDEX(Jesper!$R$2:$R$366,ROW(INDEX(Jesper!AH$2:AH$366,ROUNDDOWN($C6801/24,0)+1,1))-1)+IF('Standard Profiles'!$G$18=$B$10,7,0)+IF('Standard Profiles'!$G$18=$B$17,14,0)+IF('Standard Profiles'!$G$18=$B$24,21,0),MOD($C6801,24)+1)/SUM(INDEX($D$3:$AA$30,INDEX(Jesper!$R$2:$R$366,ROW(INDEX(Jesper!AH$2:AH$366,ROUNDDOWN($C6801/24,0)+1,1))-1)+IF('Standard Profiles'!$G$18=$B$10,7,0)+IF('Standard Profiles'!$G$18=$B$17,14,0)+IF('Standard Profiles'!$G$18=$B$24,21,0),0)),0)</f>
        <v>5.6922474606780877</v>
      </c>
      <c r="E6801" cm="1">
        <f t="array" ref="E6801">IFERROR(INDEX(Jesper!AI$2:AI$366,ROUNDDOWN($C6801/24,0)+1,1)*INDEX($D$3:$AA$30,INDEX(Jesper!$R$2:$R$366,ROW(INDEX(Jesper!AI$2:AI$366,ROUNDDOWN($C6801/24,0)+1,1))-1)+IF('Standard Profiles'!$G$19=$B$10,7,0)+IF('Standard Profiles'!$G$19=$B$17,14,0)+IF('Standard Profiles'!$G$19=$B$24,21,0),MOD($C6801,24)+1)/SUM(INDEX($D$3:$AA$30,INDEX(Jesper!$R$2:$R$366,ROW(INDEX(Jesper!AI$2:AI$366,ROUNDDOWN($C6801/24,0)+1,1))-1)+IF('Standard Profiles'!$G$19=$B$10,7,0)+IF('Standard Profiles'!$G$19=$B$17,14,0)+IF('Standard Profiles'!$G$19=$B$24,21,0),0)),0)</f>
        <v>3.5072586346975774</v>
      </c>
      <c r="F6801" cm="1">
        <f t="array" ref="F6801">IFERROR(INDEX(Jesper!AJ$2:AJ$366,ROUNDDOWN($C6801/24,0)+1,1)*INDEX($D$3:$AA$30,INDEX(Jesper!$R$2:$R$366,ROW(INDEX(Jesper!AJ$2:AJ$366,ROUNDDOWN($C6801/24,0)+1,1))-1)+IF('Standard Profiles'!$G$20=$B$10,7,0)+IF('Standard Profiles'!$G$20=$B$17,14,0)+IF('Standard Profiles'!$G$20=$B$24,21,0),MOD($C6801,24)+1)/SUM(INDEX($D$3:$AA$30,INDEX(Jesper!$R$2:$R$366,ROW(INDEX(Jesper!AJ$2:AJ$366,ROUNDDOWN($C6801/24,0)+1,1))-1)+IF('Standard Profiles'!$G$20=$B$10,7,0)+IF('Standard Profiles'!$G$20=$B$17,14,0)+IF('Standard Profiles'!$G$20=$B$24,21,0),0)),0)</f>
        <v>0</v>
      </c>
      <c r="G6801" cm="1">
        <f t="array" ref="G6801">IFERROR(INDEX(Jesper!AK$2:AK$366,ROUNDDOWN($C6801/24,0)+1,1)*INDEX($D$3:$AA$30,INDEX(Jesper!$R$2:$R$366,ROW(INDEX(Jesper!AK$2:AK$366,ROUNDDOWN($C6801/24,0)+1,1))-1)+IF('Standard Profiles'!$G$21=$B$10,7,0)+IF('Standard Profiles'!$G$21=$B$17,14,0)+IF('Standard Profiles'!$G$21=$B$24,21,0),MOD($C6801,24)+1)/SUM(INDEX($D$3:$AA$30,INDEX(Jesper!$R$2:$R$366,ROW(INDEX(Jesper!AK$2:AK$366,ROUNDDOWN($C6801/24,0)+1,1))-1)+IF('Standard Profiles'!$G$21=$B$10,7,0)+IF('Standard Profiles'!$G$21=$B$17,14,0)+IF('Standard Profiles'!$G$21=$B$24,21,0),0)),0)</f>
        <v>1.0364978533902234</v>
      </c>
      <c r="H6801" cm="1">
        <f t="array" ref="H6801">IFERROR(INDEX(Jesper!AL$2:AL$366,ROUNDDOWN($C6801/24,0)+1,1)*INDEX($D$3:$AA$30,INDEX(Jesper!$R$2:$R$366,ROW(INDEX(Jesper!AL$2:AL$366,ROUNDDOWN($C6801/24,0)+1,1))-1)+IF('Standard Profiles'!$G$22=$B$10,7,0)+IF('Standard Profiles'!$G$22=$B$17,14,0)+IF('Standard Profiles'!$G$22=$B$24,21,0),MOD($C6801,24)+1)/SUM(INDEX($D$3:$AA$30,INDEX(Jesper!$R$2:$R$366,ROW(INDEX(Jesper!AL$2:AL$366,ROUNDDOWN($C6801/24,0)+1,1))-1)+IF('Standard Profiles'!$G$22=$B$10,7,0)+IF('Standard Profiles'!$G$22=$B$17,14,0)+IF('Standard Profiles'!$G$22=$B$24,21,0),0)),0)</f>
        <v>0</v>
      </c>
      <c r="I6801">
        <f t="shared" si="755"/>
        <v>0.49751896962730696</v>
      </c>
      <c r="J6801">
        <f t="shared" si="756"/>
        <v>8.8277253854300852</v>
      </c>
      <c r="K6801">
        <f t="shared" si="757"/>
        <v>0.60717306247232938</v>
      </c>
      <c r="L6801">
        <f t="shared" si="758"/>
        <v>0.30358653123616469</v>
      </c>
      <c r="M6801">
        <f t="shared" si="759"/>
        <v>0</v>
      </c>
      <c r="N6801" s="45">
        <f t="shared" si="760"/>
        <v>45208.958333316921</v>
      </c>
    </row>
    <row r="6802" spans="2:14" x14ac:dyDescent="0.25">
      <c r="B6802">
        <f t="shared" si="754"/>
        <v>2</v>
      </c>
      <c r="C6802" s="16">
        <v>6768</v>
      </c>
      <c r="D6802" cm="1">
        <f t="array" ref="D6802">IFERROR(INDEX(Jesper!AH$2:AH$366,ROUNDDOWN($C6802/24,0)+1,1)*INDEX($D$3:$AA$30,INDEX(Jesper!$R$2:$R$366,ROW(INDEX(Jesper!AH$2:AH$366,ROUNDDOWN($C6802/24,0)+1,1))-1)+IF('Standard Profiles'!$G$18=$B$10,7,0)+IF('Standard Profiles'!$G$18=$B$17,14,0)+IF('Standard Profiles'!$G$18=$B$24,21,0),MOD($C6802,24)+1)/SUM(INDEX($D$3:$AA$30,INDEX(Jesper!$R$2:$R$366,ROW(INDEX(Jesper!AH$2:AH$366,ROUNDDOWN($C6802/24,0)+1,1))-1)+IF('Standard Profiles'!$G$18=$B$10,7,0)+IF('Standard Profiles'!$G$18=$B$17,14,0)+IF('Standard Profiles'!$G$18=$B$24,21,0),0)),0)</f>
        <v>3.5690424627947381</v>
      </c>
      <c r="E6802" cm="1">
        <f t="array" ref="E6802">IFERROR(INDEX(Jesper!AI$2:AI$366,ROUNDDOWN($C6802/24,0)+1,1)*INDEX($D$3:$AA$30,INDEX(Jesper!$R$2:$R$366,ROW(INDEX(Jesper!AI$2:AI$366,ROUNDDOWN($C6802/24,0)+1,1))-1)+IF('Standard Profiles'!$G$19=$B$10,7,0)+IF('Standard Profiles'!$G$19=$B$17,14,0)+IF('Standard Profiles'!$G$19=$B$24,21,0),MOD($C6802,24)+1)/SUM(INDEX($D$3:$AA$30,INDEX(Jesper!$R$2:$R$366,ROW(INDEX(Jesper!AI$2:AI$366,ROUNDDOWN($C6802/24,0)+1,1))-1)+IF('Standard Profiles'!$G$19=$B$10,7,0)+IF('Standard Profiles'!$G$19=$B$17,14,0)+IF('Standard Profiles'!$G$19=$B$24,21,0),0)),0)</f>
        <v>1.7652417457811602</v>
      </c>
      <c r="F6802" cm="1">
        <f t="array" ref="F6802">IFERROR(INDEX(Jesper!AJ$2:AJ$366,ROUNDDOWN($C6802/24,0)+1,1)*INDEX($D$3:$AA$30,INDEX(Jesper!$R$2:$R$366,ROW(INDEX(Jesper!AJ$2:AJ$366,ROUNDDOWN($C6802/24,0)+1,1))-1)+IF('Standard Profiles'!$G$20=$B$10,7,0)+IF('Standard Profiles'!$G$20=$B$17,14,0)+IF('Standard Profiles'!$G$20=$B$24,21,0),MOD($C6802,24)+1)/SUM(INDEX($D$3:$AA$30,INDEX(Jesper!$R$2:$R$366,ROW(INDEX(Jesper!AJ$2:AJ$366,ROUNDDOWN($C6802/24,0)+1,1))-1)+IF('Standard Profiles'!$G$20=$B$10,7,0)+IF('Standard Profiles'!$G$20=$B$17,14,0)+IF('Standard Profiles'!$G$20=$B$24,21,0),0)),0)</f>
        <v>0</v>
      </c>
      <c r="G6802" cm="1">
        <f t="array" ref="G6802">IFERROR(INDEX(Jesper!AK$2:AK$366,ROUNDDOWN($C6802/24,0)+1,1)*INDEX($D$3:$AA$30,INDEX(Jesper!$R$2:$R$366,ROW(INDEX(Jesper!AK$2:AK$366,ROUNDDOWN($C6802/24,0)+1,1))-1)+IF('Standard Profiles'!$G$21=$B$10,7,0)+IF('Standard Profiles'!$G$21=$B$17,14,0)+IF('Standard Profiles'!$G$21=$B$24,21,0),MOD($C6802,24)+1)/SUM(INDEX($D$3:$AA$30,INDEX(Jesper!$R$2:$R$366,ROW(INDEX(Jesper!AK$2:AK$366,ROUNDDOWN($C6802/24,0)+1,1))-1)+IF('Standard Profiles'!$G$21=$B$10,7,0)+IF('Standard Profiles'!$G$21=$B$17,14,0)+IF('Standard Profiles'!$G$21=$B$24,21,0),0)),0)</f>
        <v>0.75194696942599293</v>
      </c>
      <c r="H6802" cm="1">
        <f t="array" ref="H6802">IFERROR(INDEX(Jesper!AL$2:AL$366,ROUNDDOWN($C6802/24,0)+1,1)*INDEX($D$3:$AA$30,INDEX(Jesper!$R$2:$R$366,ROW(INDEX(Jesper!AL$2:AL$366,ROUNDDOWN($C6802/24,0)+1,1))-1)+IF('Standard Profiles'!$G$22=$B$10,7,0)+IF('Standard Profiles'!$G$22=$B$17,14,0)+IF('Standard Profiles'!$G$22=$B$24,21,0),MOD($C6802,24)+1)/SUM(INDEX($D$3:$AA$30,INDEX(Jesper!$R$2:$R$366,ROW(INDEX(Jesper!AL$2:AL$366,ROUNDDOWN($C6802/24,0)+1,1))-1)+IF('Standard Profiles'!$G$22=$B$10,7,0)+IF('Standard Profiles'!$G$22=$B$17,14,0)+IF('Standard Profiles'!$G$22=$B$24,21,0),0)),0)</f>
        <v>0</v>
      </c>
      <c r="I6802">
        <f t="shared" si="755"/>
        <v>0.36093454532447644</v>
      </c>
      <c r="J6802">
        <f t="shared" si="756"/>
        <v>5.1542498386302569</v>
      </c>
      <c r="K6802">
        <f t="shared" si="757"/>
        <v>0.3806978626981054</v>
      </c>
      <c r="L6802">
        <f t="shared" si="758"/>
        <v>0.1903489313490527</v>
      </c>
      <c r="M6802">
        <f t="shared" si="759"/>
        <v>0</v>
      </c>
      <c r="N6802" s="45">
        <f t="shared" si="760"/>
        <v>45208.999999983585</v>
      </c>
    </row>
    <row r="6803" spans="2:14" x14ac:dyDescent="0.25">
      <c r="B6803">
        <f t="shared" si="754"/>
        <v>2</v>
      </c>
      <c r="C6803" s="16">
        <v>6769</v>
      </c>
      <c r="D6803" cm="1">
        <f t="array" ref="D6803">IFERROR(INDEX(Jesper!AH$2:AH$366,ROUNDDOWN($C6803/24,0)+1,1)*INDEX($D$3:$AA$30,INDEX(Jesper!$R$2:$R$366,ROW(INDEX(Jesper!AH$2:AH$366,ROUNDDOWN($C6803/24,0)+1,1))-1)+IF('Standard Profiles'!$G$18=$B$10,7,0)+IF('Standard Profiles'!$G$18=$B$17,14,0)+IF('Standard Profiles'!$G$18=$B$24,21,0),MOD($C6803,24)+1)/SUM(INDEX($D$3:$AA$30,INDEX(Jesper!$R$2:$R$366,ROW(INDEX(Jesper!AH$2:AH$366,ROUNDDOWN($C6803/24,0)+1,1))-1)+IF('Standard Profiles'!$G$18=$B$10,7,0)+IF('Standard Profiles'!$G$18=$B$17,14,0)+IF('Standard Profiles'!$G$18=$B$24,21,0),0)),0)</f>
        <v>5.438540895687221</v>
      </c>
      <c r="E6803" cm="1">
        <f t="array" ref="E6803">IFERROR(INDEX(Jesper!AI$2:AI$366,ROUNDDOWN($C6803/24,0)+1,1)*INDEX($D$3:$AA$30,INDEX(Jesper!$R$2:$R$366,ROW(INDEX(Jesper!AI$2:AI$366,ROUNDDOWN($C6803/24,0)+1,1))-1)+IF('Standard Profiles'!$G$19=$B$10,7,0)+IF('Standard Profiles'!$G$19=$B$17,14,0)+IF('Standard Profiles'!$G$19=$B$24,21,0),MOD($C6803,24)+1)/SUM(INDEX($D$3:$AA$30,INDEX(Jesper!$R$2:$R$366,ROW(INDEX(Jesper!AI$2:AI$366,ROUNDDOWN($C6803/24,0)+1,1))-1)+IF('Standard Profiles'!$G$19=$B$10,7,0)+IF('Standard Profiles'!$G$19=$B$17,14,0)+IF('Standard Profiles'!$G$19=$B$24,21,0),0)),0)</f>
        <v>2.6898921840474825</v>
      </c>
      <c r="F6803" cm="1">
        <f t="array" ref="F6803">IFERROR(INDEX(Jesper!AJ$2:AJ$366,ROUNDDOWN($C6803/24,0)+1,1)*INDEX($D$3:$AA$30,INDEX(Jesper!$R$2:$R$366,ROW(INDEX(Jesper!AJ$2:AJ$366,ROUNDDOWN($C6803/24,0)+1,1))-1)+IF('Standard Profiles'!$G$20=$B$10,7,0)+IF('Standard Profiles'!$G$20=$B$17,14,0)+IF('Standard Profiles'!$G$20=$B$24,21,0),MOD($C6803,24)+1)/SUM(INDEX($D$3:$AA$30,INDEX(Jesper!$R$2:$R$366,ROW(INDEX(Jesper!AJ$2:AJ$366,ROUNDDOWN($C6803/24,0)+1,1))-1)+IF('Standard Profiles'!$G$20=$B$10,7,0)+IF('Standard Profiles'!$G$20=$B$17,14,0)+IF('Standard Profiles'!$G$20=$B$24,21,0),0)),0)</f>
        <v>0</v>
      </c>
      <c r="G6803" cm="1">
        <f t="array" ref="G6803">IFERROR(INDEX(Jesper!AK$2:AK$366,ROUNDDOWN($C6803/24,0)+1,1)*INDEX($D$3:$AA$30,INDEX(Jesper!$R$2:$R$366,ROW(INDEX(Jesper!AK$2:AK$366,ROUNDDOWN($C6803/24,0)+1,1))-1)+IF('Standard Profiles'!$G$21=$B$10,7,0)+IF('Standard Profiles'!$G$21=$B$17,14,0)+IF('Standard Profiles'!$G$21=$B$24,21,0),MOD($C6803,24)+1)/SUM(INDEX($D$3:$AA$30,INDEX(Jesper!$R$2:$R$366,ROW(INDEX(Jesper!AK$2:AK$366,ROUNDDOWN($C6803/24,0)+1,1))-1)+IF('Standard Profiles'!$G$21=$B$10,7,0)+IF('Standard Profiles'!$G$21=$B$17,14,0)+IF('Standard Profiles'!$G$21=$B$24,21,0),0)),0)</f>
        <v>0.75194696942599293</v>
      </c>
      <c r="H6803" cm="1">
        <f t="array" ref="H6803">IFERROR(INDEX(Jesper!AL$2:AL$366,ROUNDDOWN($C6803/24,0)+1,1)*INDEX($D$3:$AA$30,INDEX(Jesper!$R$2:$R$366,ROW(INDEX(Jesper!AL$2:AL$366,ROUNDDOWN($C6803/24,0)+1,1))-1)+IF('Standard Profiles'!$G$22=$B$10,7,0)+IF('Standard Profiles'!$G$22=$B$17,14,0)+IF('Standard Profiles'!$G$22=$B$24,21,0),MOD($C6803,24)+1)/SUM(INDEX($D$3:$AA$30,INDEX(Jesper!$R$2:$R$366,ROW(INDEX(Jesper!AL$2:AL$366,ROUNDDOWN($C6803/24,0)+1,1))-1)+IF('Standard Profiles'!$G$22=$B$10,7,0)+IF('Standard Profiles'!$G$22=$B$17,14,0)+IF('Standard Profiles'!$G$22=$B$24,21,0),0)),0)</f>
        <v>0</v>
      </c>
      <c r="I6803">
        <f t="shared" si="755"/>
        <v>0.36093454532447644</v>
      </c>
      <c r="J6803">
        <f t="shared" si="756"/>
        <v>7.6492789605262645</v>
      </c>
      <c r="K6803">
        <f t="shared" si="757"/>
        <v>0.58011102887330357</v>
      </c>
      <c r="L6803">
        <f t="shared" si="758"/>
        <v>0.29005551443665178</v>
      </c>
      <c r="M6803">
        <f t="shared" si="759"/>
        <v>0</v>
      </c>
      <c r="N6803" s="45">
        <f t="shared" si="760"/>
        <v>45209.04166665025</v>
      </c>
    </row>
    <row r="6804" spans="2:14" x14ac:dyDescent="0.25">
      <c r="B6804">
        <f t="shared" si="754"/>
        <v>2</v>
      </c>
      <c r="C6804" s="16">
        <v>6770</v>
      </c>
      <c r="D6804" cm="1">
        <f t="array" ref="D6804">IFERROR(INDEX(Jesper!AH$2:AH$366,ROUNDDOWN($C6804/24,0)+1,1)*INDEX($D$3:$AA$30,INDEX(Jesper!$R$2:$R$366,ROW(INDEX(Jesper!AH$2:AH$366,ROUNDDOWN($C6804/24,0)+1,1))-1)+IF('Standard Profiles'!$G$18=$B$10,7,0)+IF('Standard Profiles'!$G$18=$B$17,14,0)+IF('Standard Profiles'!$G$18=$B$24,21,0),MOD($C6804,24)+1)/SUM(INDEX($D$3:$AA$30,INDEX(Jesper!$R$2:$R$366,ROW(INDEX(Jesper!AH$2:AH$366,ROUNDDOWN($C6804/24,0)+1,1))-1)+IF('Standard Profiles'!$G$18=$B$10,7,0)+IF('Standard Profiles'!$G$18=$B$17,14,0)+IF('Standard Profiles'!$G$18=$B$24,21,0),0)),0)</f>
        <v>5.438540895687221</v>
      </c>
      <c r="E6804" cm="1">
        <f t="array" ref="E6804">IFERROR(INDEX(Jesper!AI$2:AI$366,ROUNDDOWN($C6804/24,0)+1,1)*INDEX($D$3:$AA$30,INDEX(Jesper!$R$2:$R$366,ROW(INDEX(Jesper!AI$2:AI$366,ROUNDDOWN($C6804/24,0)+1,1))-1)+IF('Standard Profiles'!$G$19=$B$10,7,0)+IF('Standard Profiles'!$G$19=$B$17,14,0)+IF('Standard Profiles'!$G$19=$B$24,21,0),MOD($C6804,24)+1)/SUM(INDEX($D$3:$AA$30,INDEX(Jesper!$R$2:$R$366,ROW(INDEX(Jesper!AI$2:AI$366,ROUNDDOWN($C6804/24,0)+1,1))-1)+IF('Standard Profiles'!$G$19=$B$10,7,0)+IF('Standard Profiles'!$G$19=$B$17,14,0)+IF('Standard Profiles'!$G$19=$B$24,21,0),0)),0)</f>
        <v>2.6898921840474825</v>
      </c>
      <c r="F6804" cm="1">
        <f t="array" ref="F6804">IFERROR(INDEX(Jesper!AJ$2:AJ$366,ROUNDDOWN($C6804/24,0)+1,1)*INDEX($D$3:$AA$30,INDEX(Jesper!$R$2:$R$366,ROW(INDEX(Jesper!AJ$2:AJ$366,ROUNDDOWN($C6804/24,0)+1,1))-1)+IF('Standard Profiles'!$G$20=$B$10,7,0)+IF('Standard Profiles'!$G$20=$B$17,14,0)+IF('Standard Profiles'!$G$20=$B$24,21,0),MOD($C6804,24)+1)/SUM(INDEX($D$3:$AA$30,INDEX(Jesper!$R$2:$R$366,ROW(INDEX(Jesper!AJ$2:AJ$366,ROUNDDOWN($C6804/24,0)+1,1))-1)+IF('Standard Profiles'!$G$20=$B$10,7,0)+IF('Standard Profiles'!$G$20=$B$17,14,0)+IF('Standard Profiles'!$G$20=$B$24,21,0),0)),0)</f>
        <v>0</v>
      </c>
      <c r="G6804" cm="1">
        <f t="array" ref="G6804">IFERROR(INDEX(Jesper!AK$2:AK$366,ROUNDDOWN($C6804/24,0)+1,1)*INDEX($D$3:$AA$30,INDEX(Jesper!$R$2:$R$366,ROW(INDEX(Jesper!AK$2:AK$366,ROUNDDOWN($C6804/24,0)+1,1))-1)+IF('Standard Profiles'!$G$21=$B$10,7,0)+IF('Standard Profiles'!$G$21=$B$17,14,0)+IF('Standard Profiles'!$G$21=$B$24,21,0),MOD($C6804,24)+1)/SUM(INDEX($D$3:$AA$30,INDEX(Jesper!$R$2:$R$366,ROW(INDEX(Jesper!AK$2:AK$366,ROUNDDOWN($C6804/24,0)+1,1))-1)+IF('Standard Profiles'!$G$21=$B$10,7,0)+IF('Standard Profiles'!$G$21=$B$17,14,0)+IF('Standard Profiles'!$G$21=$B$24,21,0),0)),0)</f>
        <v>0.75194696942599293</v>
      </c>
      <c r="H6804" cm="1">
        <f t="array" ref="H6804">IFERROR(INDEX(Jesper!AL$2:AL$366,ROUNDDOWN($C6804/24,0)+1,1)*INDEX($D$3:$AA$30,INDEX(Jesper!$R$2:$R$366,ROW(INDEX(Jesper!AL$2:AL$366,ROUNDDOWN($C6804/24,0)+1,1))-1)+IF('Standard Profiles'!$G$22=$B$10,7,0)+IF('Standard Profiles'!$G$22=$B$17,14,0)+IF('Standard Profiles'!$G$22=$B$24,21,0),MOD($C6804,24)+1)/SUM(INDEX($D$3:$AA$30,INDEX(Jesper!$R$2:$R$366,ROW(INDEX(Jesper!AL$2:AL$366,ROUNDDOWN($C6804/24,0)+1,1))-1)+IF('Standard Profiles'!$G$22=$B$10,7,0)+IF('Standard Profiles'!$G$22=$B$17,14,0)+IF('Standard Profiles'!$G$22=$B$24,21,0),0)),0)</f>
        <v>0</v>
      </c>
      <c r="I6804">
        <f t="shared" si="755"/>
        <v>0.36093454532447644</v>
      </c>
      <c r="J6804">
        <f t="shared" si="756"/>
        <v>7.6492789605262645</v>
      </c>
      <c r="K6804">
        <f t="shared" si="757"/>
        <v>0.58011102887330357</v>
      </c>
      <c r="L6804">
        <f t="shared" si="758"/>
        <v>0.29005551443665178</v>
      </c>
      <c r="M6804">
        <f t="shared" si="759"/>
        <v>0</v>
      </c>
      <c r="N6804" s="45">
        <f t="shared" si="760"/>
        <v>45209.083333316914</v>
      </c>
    </row>
    <row r="6805" spans="2:14" x14ac:dyDescent="0.25">
      <c r="B6805">
        <f t="shared" si="754"/>
        <v>2</v>
      </c>
      <c r="C6805" s="16">
        <v>6771</v>
      </c>
      <c r="D6805" cm="1">
        <f t="array" ref="D6805">IFERROR(INDEX(Jesper!AH$2:AH$366,ROUNDDOWN($C6805/24,0)+1,1)*INDEX($D$3:$AA$30,INDEX(Jesper!$R$2:$R$366,ROW(INDEX(Jesper!AH$2:AH$366,ROUNDDOWN($C6805/24,0)+1,1))-1)+IF('Standard Profiles'!$G$18=$B$10,7,0)+IF('Standard Profiles'!$G$18=$B$17,14,0)+IF('Standard Profiles'!$G$18=$B$24,21,0),MOD($C6805,24)+1)/SUM(INDEX($D$3:$AA$30,INDEX(Jesper!$R$2:$R$366,ROW(INDEX(Jesper!AH$2:AH$366,ROUNDDOWN($C6805/24,0)+1,1))-1)+IF('Standard Profiles'!$G$18=$B$10,7,0)+IF('Standard Profiles'!$G$18=$B$17,14,0)+IF('Standard Profiles'!$G$18=$B$24,21,0),0)),0)</f>
        <v>5.438540895687221</v>
      </c>
      <c r="E6805" cm="1">
        <f t="array" ref="E6805">IFERROR(INDEX(Jesper!AI$2:AI$366,ROUNDDOWN($C6805/24,0)+1,1)*INDEX($D$3:$AA$30,INDEX(Jesper!$R$2:$R$366,ROW(INDEX(Jesper!AI$2:AI$366,ROUNDDOWN($C6805/24,0)+1,1))-1)+IF('Standard Profiles'!$G$19=$B$10,7,0)+IF('Standard Profiles'!$G$19=$B$17,14,0)+IF('Standard Profiles'!$G$19=$B$24,21,0),MOD($C6805,24)+1)/SUM(INDEX($D$3:$AA$30,INDEX(Jesper!$R$2:$R$366,ROW(INDEX(Jesper!AI$2:AI$366,ROUNDDOWN($C6805/24,0)+1,1))-1)+IF('Standard Profiles'!$G$19=$B$10,7,0)+IF('Standard Profiles'!$G$19=$B$17,14,0)+IF('Standard Profiles'!$G$19=$B$24,21,0),0)),0)</f>
        <v>2.6898921840474825</v>
      </c>
      <c r="F6805" cm="1">
        <f t="array" ref="F6805">IFERROR(INDEX(Jesper!AJ$2:AJ$366,ROUNDDOWN($C6805/24,0)+1,1)*INDEX($D$3:$AA$30,INDEX(Jesper!$R$2:$R$366,ROW(INDEX(Jesper!AJ$2:AJ$366,ROUNDDOWN($C6805/24,0)+1,1))-1)+IF('Standard Profiles'!$G$20=$B$10,7,0)+IF('Standard Profiles'!$G$20=$B$17,14,0)+IF('Standard Profiles'!$G$20=$B$24,21,0),MOD($C6805,24)+1)/SUM(INDEX($D$3:$AA$30,INDEX(Jesper!$R$2:$R$366,ROW(INDEX(Jesper!AJ$2:AJ$366,ROUNDDOWN($C6805/24,0)+1,1))-1)+IF('Standard Profiles'!$G$20=$B$10,7,0)+IF('Standard Profiles'!$G$20=$B$17,14,0)+IF('Standard Profiles'!$G$20=$B$24,21,0),0)),0)</f>
        <v>0</v>
      </c>
      <c r="G6805" cm="1">
        <f t="array" ref="G6805">IFERROR(INDEX(Jesper!AK$2:AK$366,ROUNDDOWN($C6805/24,0)+1,1)*INDEX($D$3:$AA$30,INDEX(Jesper!$R$2:$R$366,ROW(INDEX(Jesper!AK$2:AK$366,ROUNDDOWN($C6805/24,0)+1,1))-1)+IF('Standard Profiles'!$G$21=$B$10,7,0)+IF('Standard Profiles'!$G$21=$B$17,14,0)+IF('Standard Profiles'!$G$21=$B$24,21,0),MOD($C6805,24)+1)/SUM(INDEX($D$3:$AA$30,INDEX(Jesper!$R$2:$R$366,ROW(INDEX(Jesper!AK$2:AK$366,ROUNDDOWN($C6805/24,0)+1,1))-1)+IF('Standard Profiles'!$G$21=$B$10,7,0)+IF('Standard Profiles'!$G$21=$B$17,14,0)+IF('Standard Profiles'!$G$21=$B$24,21,0),0)),0)</f>
        <v>0.75194696942599293</v>
      </c>
      <c r="H6805" cm="1">
        <f t="array" ref="H6805">IFERROR(INDEX(Jesper!AL$2:AL$366,ROUNDDOWN($C6805/24,0)+1,1)*INDEX($D$3:$AA$30,INDEX(Jesper!$R$2:$R$366,ROW(INDEX(Jesper!AL$2:AL$366,ROUNDDOWN($C6805/24,0)+1,1))-1)+IF('Standard Profiles'!$G$22=$B$10,7,0)+IF('Standard Profiles'!$G$22=$B$17,14,0)+IF('Standard Profiles'!$G$22=$B$24,21,0),MOD($C6805,24)+1)/SUM(INDEX($D$3:$AA$30,INDEX(Jesper!$R$2:$R$366,ROW(INDEX(Jesper!AL$2:AL$366,ROUNDDOWN($C6805/24,0)+1,1))-1)+IF('Standard Profiles'!$G$22=$B$10,7,0)+IF('Standard Profiles'!$G$22=$B$17,14,0)+IF('Standard Profiles'!$G$22=$B$24,21,0),0)),0)</f>
        <v>0</v>
      </c>
      <c r="I6805">
        <f t="shared" si="755"/>
        <v>0.36093454532447644</v>
      </c>
      <c r="J6805">
        <f t="shared" si="756"/>
        <v>7.6492789605262645</v>
      </c>
      <c r="K6805">
        <f t="shared" si="757"/>
        <v>0.58011102887330357</v>
      </c>
      <c r="L6805">
        <f t="shared" si="758"/>
        <v>0.29005551443665178</v>
      </c>
      <c r="M6805">
        <f t="shared" si="759"/>
        <v>0</v>
      </c>
      <c r="N6805" s="45">
        <f t="shared" si="760"/>
        <v>45209.124999983578</v>
      </c>
    </row>
    <row r="6806" spans="2:14" x14ac:dyDescent="0.25">
      <c r="B6806">
        <f t="shared" si="754"/>
        <v>2</v>
      </c>
      <c r="C6806" s="16">
        <v>6772</v>
      </c>
      <c r="D6806" cm="1">
        <f t="array" ref="D6806">IFERROR(INDEX(Jesper!AH$2:AH$366,ROUNDDOWN($C6806/24,0)+1,1)*INDEX($D$3:$AA$30,INDEX(Jesper!$R$2:$R$366,ROW(INDEX(Jesper!AH$2:AH$366,ROUNDDOWN($C6806/24,0)+1,1))-1)+IF('Standard Profiles'!$G$18=$B$10,7,0)+IF('Standard Profiles'!$G$18=$B$17,14,0)+IF('Standard Profiles'!$G$18=$B$24,21,0),MOD($C6806,24)+1)/SUM(INDEX($D$3:$AA$30,INDEX(Jesper!$R$2:$R$366,ROW(INDEX(Jesper!AH$2:AH$366,ROUNDDOWN($C6806/24,0)+1,1))-1)+IF('Standard Profiles'!$G$18=$B$10,7,0)+IF('Standard Profiles'!$G$18=$B$17,14,0)+IF('Standard Profiles'!$G$18=$B$24,21,0),0)),0)</f>
        <v>5.438540895687221</v>
      </c>
      <c r="E6806" cm="1">
        <f t="array" ref="E6806">IFERROR(INDEX(Jesper!AI$2:AI$366,ROUNDDOWN($C6806/24,0)+1,1)*INDEX($D$3:$AA$30,INDEX(Jesper!$R$2:$R$366,ROW(INDEX(Jesper!AI$2:AI$366,ROUNDDOWN($C6806/24,0)+1,1))-1)+IF('Standard Profiles'!$G$19=$B$10,7,0)+IF('Standard Profiles'!$G$19=$B$17,14,0)+IF('Standard Profiles'!$G$19=$B$24,21,0),MOD($C6806,24)+1)/SUM(INDEX($D$3:$AA$30,INDEX(Jesper!$R$2:$R$366,ROW(INDEX(Jesper!AI$2:AI$366,ROUNDDOWN($C6806/24,0)+1,1))-1)+IF('Standard Profiles'!$G$19=$B$10,7,0)+IF('Standard Profiles'!$G$19=$B$17,14,0)+IF('Standard Profiles'!$G$19=$B$24,21,0),0)),0)</f>
        <v>2.6898921840474825</v>
      </c>
      <c r="F6806" cm="1">
        <f t="array" ref="F6806">IFERROR(INDEX(Jesper!AJ$2:AJ$366,ROUNDDOWN($C6806/24,0)+1,1)*INDEX($D$3:$AA$30,INDEX(Jesper!$R$2:$R$366,ROW(INDEX(Jesper!AJ$2:AJ$366,ROUNDDOWN($C6806/24,0)+1,1))-1)+IF('Standard Profiles'!$G$20=$B$10,7,0)+IF('Standard Profiles'!$G$20=$B$17,14,0)+IF('Standard Profiles'!$G$20=$B$24,21,0),MOD($C6806,24)+1)/SUM(INDEX($D$3:$AA$30,INDEX(Jesper!$R$2:$R$366,ROW(INDEX(Jesper!AJ$2:AJ$366,ROUNDDOWN($C6806/24,0)+1,1))-1)+IF('Standard Profiles'!$G$20=$B$10,7,0)+IF('Standard Profiles'!$G$20=$B$17,14,0)+IF('Standard Profiles'!$G$20=$B$24,21,0),0)),0)</f>
        <v>0</v>
      </c>
      <c r="G6806" cm="1">
        <f t="array" ref="G6806">IFERROR(INDEX(Jesper!AK$2:AK$366,ROUNDDOWN($C6806/24,0)+1,1)*INDEX($D$3:$AA$30,INDEX(Jesper!$R$2:$R$366,ROW(INDEX(Jesper!AK$2:AK$366,ROUNDDOWN($C6806/24,0)+1,1))-1)+IF('Standard Profiles'!$G$21=$B$10,7,0)+IF('Standard Profiles'!$G$21=$B$17,14,0)+IF('Standard Profiles'!$G$21=$B$24,21,0),MOD($C6806,24)+1)/SUM(INDEX($D$3:$AA$30,INDEX(Jesper!$R$2:$R$366,ROW(INDEX(Jesper!AK$2:AK$366,ROUNDDOWN($C6806/24,0)+1,1))-1)+IF('Standard Profiles'!$G$21=$B$10,7,0)+IF('Standard Profiles'!$G$21=$B$17,14,0)+IF('Standard Profiles'!$G$21=$B$24,21,0),0)),0)</f>
        <v>0.75194696942599293</v>
      </c>
      <c r="H6806" cm="1">
        <f t="array" ref="H6806">IFERROR(INDEX(Jesper!AL$2:AL$366,ROUNDDOWN($C6806/24,0)+1,1)*INDEX($D$3:$AA$30,INDEX(Jesper!$R$2:$R$366,ROW(INDEX(Jesper!AL$2:AL$366,ROUNDDOWN($C6806/24,0)+1,1))-1)+IF('Standard Profiles'!$G$22=$B$10,7,0)+IF('Standard Profiles'!$G$22=$B$17,14,0)+IF('Standard Profiles'!$G$22=$B$24,21,0),MOD($C6806,24)+1)/SUM(INDEX($D$3:$AA$30,INDEX(Jesper!$R$2:$R$366,ROW(INDEX(Jesper!AL$2:AL$366,ROUNDDOWN($C6806/24,0)+1,1))-1)+IF('Standard Profiles'!$G$22=$B$10,7,0)+IF('Standard Profiles'!$G$22=$B$17,14,0)+IF('Standard Profiles'!$G$22=$B$24,21,0),0)),0)</f>
        <v>0</v>
      </c>
      <c r="I6806">
        <f t="shared" si="755"/>
        <v>0.36093454532447644</v>
      </c>
      <c r="J6806">
        <f t="shared" si="756"/>
        <v>7.6492789605262645</v>
      </c>
      <c r="K6806">
        <f t="shared" si="757"/>
        <v>0.58011102887330357</v>
      </c>
      <c r="L6806">
        <f t="shared" si="758"/>
        <v>0.29005551443665178</v>
      </c>
      <c r="M6806">
        <f t="shared" si="759"/>
        <v>0</v>
      </c>
      <c r="N6806" s="45">
        <f t="shared" si="760"/>
        <v>45209.166666650242</v>
      </c>
    </row>
    <row r="6807" spans="2:14" x14ac:dyDescent="0.25">
      <c r="B6807">
        <f t="shared" si="754"/>
        <v>2</v>
      </c>
      <c r="C6807" s="16">
        <v>6773</v>
      </c>
      <c r="D6807" cm="1">
        <f t="array" ref="D6807">IFERROR(INDEX(Jesper!AH$2:AH$366,ROUNDDOWN($C6807/24,0)+1,1)*INDEX($D$3:$AA$30,INDEX(Jesper!$R$2:$R$366,ROW(INDEX(Jesper!AH$2:AH$366,ROUNDDOWN($C6807/24,0)+1,1))-1)+IF('Standard Profiles'!$G$18=$B$10,7,0)+IF('Standard Profiles'!$G$18=$B$17,14,0)+IF('Standard Profiles'!$G$18=$B$24,21,0),MOD($C6807,24)+1)/SUM(INDEX($D$3:$AA$30,INDEX(Jesper!$R$2:$R$366,ROW(INDEX(Jesper!AH$2:AH$366,ROUNDDOWN($C6807/24,0)+1,1))-1)+IF('Standard Profiles'!$G$18=$B$10,7,0)+IF('Standard Profiles'!$G$18=$B$17,14,0)+IF('Standard Profiles'!$G$18=$B$24,21,0),0)),0)</f>
        <v>5.438540895687221</v>
      </c>
      <c r="E6807" cm="1">
        <f t="array" ref="E6807">IFERROR(INDEX(Jesper!AI$2:AI$366,ROUNDDOWN($C6807/24,0)+1,1)*INDEX($D$3:$AA$30,INDEX(Jesper!$R$2:$R$366,ROW(INDEX(Jesper!AI$2:AI$366,ROUNDDOWN($C6807/24,0)+1,1))-1)+IF('Standard Profiles'!$G$19=$B$10,7,0)+IF('Standard Profiles'!$G$19=$B$17,14,0)+IF('Standard Profiles'!$G$19=$B$24,21,0),MOD($C6807,24)+1)/SUM(INDEX($D$3:$AA$30,INDEX(Jesper!$R$2:$R$366,ROW(INDEX(Jesper!AI$2:AI$366,ROUNDDOWN($C6807/24,0)+1,1))-1)+IF('Standard Profiles'!$G$19=$B$10,7,0)+IF('Standard Profiles'!$G$19=$B$17,14,0)+IF('Standard Profiles'!$G$19=$B$24,21,0),0)),0)</f>
        <v>2.6898921840474825</v>
      </c>
      <c r="F6807" cm="1">
        <f t="array" ref="F6807">IFERROR(INDEX(Jesper!AJ$2:AJ$366,ROUNDDOWN($C6807/24,0)+1,1)*INDEX($D$3:$AA$30,INDEX(Jesper!$R$2:$R$366,ROW(INDEX(Jesper!AJ$2:AJ$366,ROUNDDOWN($C6807/24,0)+1,1))-1)+IF('Standard Profiles'!$G$20=$B$10,7,0)+IF('Standard Profiles'!$G$20=$B$17,14,0)+IF('Standard Profiles'!$G$20=$B$24,21,0),MOD($C6807,24)+1)/SUM(INDEX($D$3:$AA$30,INDEX(Jesper!$R$2:$R$366,ROW(INDEX(Jesper!AJ$2:AJ$366,ROUNDDOWN($C6807/24,0)+1,1))-1)+IF('Standard Profiles'!$G$20=$B$10,7,0)+IF('Standard Profiles'!$G$20=$B$17,14,0)+IF('Standard Profiles'!$G$20=$B$24,21,0),0)),0)</f>
        <v>0</v>
      </c>
      <c r="G6807" cm="1">
        <f t="array" ref="G6807">IFERROR(INDEX(Jesper!AK$2:AK$366,ROUNDDOWN($C6807/24,0)+1,1)*INDEX($D$3:$AA$30,INDEX(Jesper!$R$2:$R$366,ROW(INDEX(Jesper!AK$2:AK$366,ROUNDDOWN($C6807/24,0)+1,1))-1)+IF('Standard Profiles'!$G$21=$B$10,7,0)+IF('Standard Profiles'!$G$21=$B$17,14,0)+IF('Standard Profiles'!$G$21=$B$24,21,0),MOD($C6807,24)+1)/SUM(INDEX($D$3:$AA$30,INDEX(Jesper!$R$2:$R$366,ROW(INDEX(Jesper!AK$2:AK$366,ROUNDDOWN($C6807/24,0)+1,1))-1)+IF('Standard Profiles'!$G$21=$B$10,7,0)+IF('Standard Profiles'!$G$21=$B$17,14,0)+IF('Standard Profiles'!$G$21=$B$24,21,0),0)),0)</f>
        <v>0.75194696942599293</v>
      </c>
      <c r="H6807" cm="1">
        <f t="array" ref="H6807">IFERROR(INDEX(Jesper!AL$2:AL$366,ROUNDDOWN($C6807/24,0)+1,1)*INDEX($D$3:$AA$30,INDEX(Jesper!$R$2:$R$366,ROW(INDEX(Jesper!AL$2:AL$366,ROUNDDOWN($C6807/24,0)+1,1))-1)+IF('Standard Profiles'!$G$22=$B$10,7,0)+IF('Standard Profiles'!$G$22=$B$17,14,0)+IF('Standard Profiles'!$G$22=$B$24,21,0),MOD($C6807,24)+1)/SUM(INDEX($D$3:$AA$30,INDEX(Jesper!$R$2:$R$366,ROW(INDEX(Jesper!AL$2:AL$366,ROUNDDOWN($C6807/24,0)+1,1))-1)+IF('Standard Profiles'!$G$22=$B$10,7,0)+IF('Standard Profiles'!$G$22=$B$17,14,0)+IF('Standard Profiles'!$G$22=$B$24,21,0),0)),0)</f>
        <v>0</v>
      </c>
      <c r="I6807">
        <f t="shared" si="755"/>
        <v>0.36093454532447644</v>
      </c>
      <c r="J6807">
        <f t="shared" si="756"/>
        <v>7.6492789605262645</v>
      </c>
      <c r="K6807">
        <f t="shared" si="757"/>
        <v>0.58011102887330357</v>
      </c>
      <c r="L6807">
        <f t="shared" si="758"/>
        <v>0.29005551443665178</v>
      </c>
      <c r="M6807">
        <f t="shared" si="759"/>
        <v>0</v>
      </c>
      <c r="N6807" s="45">
        <f t="shared" si="760"/>
        <v>45209.208333316907</v>
      </c>
    </row>
    <row r="6808" spans="2:14" x14ac:dyDescent="0.25">
      <c r="B6808">
        <f t="shared" si="754"/>
        <v>2</v>
      </c>
      <c r="C6808" s="16">
        <v>6774</v>
      </c>
      <c r="D6808" cm="1">
        <f t="array" ref="D6808">IFERROR(INDEX(Jesper!AH$2:AH$366,ROUNDDOWN($C6808/24,0)+1,1)*INDEX($D$3:$AA$30,INDEX(Jesper!$R$2:$R$366,ROW(INDEX(Jesper!AH$2:AH$366,ROUNDDOWN($C6808/24,0)+1,1))-1)+IF('Standard Profiles'!$G$18=$B$10,7,0)+IF('Standard Profiles'!$G$18=$B$17,14,0)+IF('Standard Profiles'!$G$18=$B$24,21,0),MOD($C6808,24)+1)/SUM(INDEX($D$3:$AA$30,INDEX(Jesper!$R$2:$R$366,ROW(INDEX(Jesper!AH$2:AH$366,ROUNDDOWN($C6808/24,0)+1,1))-1)+IF('Standard Profiles'!$G$18=$B$10,7,0)+IF('Standard Profiles'!$G$18=$B$17,14,0)+IF('Standard Profiles'!$G$18=$B$24,21,0),0)),0)</f>
        <v>5.438540895687221</v>
      </c>
      <c r="E6808" cm="1">
        <f t="array" ref="E6808">IFERROR(INDEX(Jesper!AI$2:AI$366,ROUNDDOWN($C6808/24,0)+1,1)*INDEX($D$3:$AA$30,INDEX(Jesper!$R$2:$R$366,ROW(INDEX(Jesper!AI$2:AI$366,ROUNDDOWN($C6808/24,0)+1,1))-1)+IF('Standard Profiles'!$G$19=$B$10,7,0)+IF('Standard Profiles'!$G$19=$B$17,14,0)+IF('Standard Profiles'!$G$19=$B$24,21,0),MOD($C6808,24)+1)/SUM(INDEX($D$3:$AA$30,INDEX(Jesper!$R$2:$R$366,ROW(INDEX(Jesper!AI$2:AI$366,ROUNDDOWN($C6808/24,0)+1,1))-1)+IF('Standard Profiles'!$G$19=$B$10,7,0)+IF('Standard Profiles'!$G$19=$B$17,14,0)+IF('Standard Profiles'!$G$19=$B$24,21,0),0)),0)</f>
        <v>2.6898921840474825</v>
      </c>
      <c r="F6808" cm="1">
        <f t="array" ref="F6808">IFERROR(INDEX(Jesper!AJ$2:AJ$366,ROUNDDOWN($C6808/24,0)+1,1)*INDEX($D$3:$AA$30,INDEX(Jesper!$R$2:$R$366,ROW(INDEX(Jesper!AJ$2:AJ$366,ROUNDDOWN($C6808/24,0)+1,1))-1)+IF('Standard Profiles'!$G$20=$B$10,7,0)+IF('Standard Profiles'!$G$20=$B$17,14,0)+IF('Standard Profiles'!$G$20=$B$24,21,0),MOD($C6808,24)+1)/SUM(INDEX($D$3:$AA$30,INDEX(Jesper!$R$2:$R$366,ROW(INDEX(Jesper!AJ$2:AJ$366,ROUNDDOWN($C6808/24,0)+1,1))-1)+IF('Standard Profiles'!$G$20=$B$10,7,0)+IF('Standard Profiles'!$G$20=$B$17,14,0)+IF('Standard Profiles'!$G$20=$B$24,21,0),0)),0)</f>
        <v>0</v>
      </c>
      <c r="G6808" cm="1">
        <f t="array" ref="G6808">IFERROR(INDEX(Jesper!AK$2:AK$366,ROUNDDOWN($C6808/24,0)+1,1)*INDEX($D$3:$AA$30,INDEX(Jesper!$R$2:$R$366,ROW(INDEX(Jesper!AK$2:AK$366,ROUNDDOWN($C6808/24,0)+1,1))-1)+IF('Standard Profiles'!$G$21=$B$10,7,0)+IF('Standard Profiles'!$G$21=$B$17,14,0)+IF('Standard Profiles'!$G$21=$B$24,21,0),MOD($C6808,24)+1)/SUM(INDEX($D$3:$AA$30,INDEX(Jesper!$R$2:$R$366,ROW(INDEX(Jesper!AK$2:AK$366,ROUNDDOWN($C6808/24,0)+1,1))-1)+IF('Standard Profiles'!$G$21=$B$10,7,0)+IF('Standard Profiles'!$G$21=$B$17,14,0)+IF('Standard Profiles'!$G$21=$B$24,21,0),0)),0)</f>
        <v>0.75194696942599293</v>
      </c>
      <c r="H6808" cm="1">
        <f t="array" ref="H6808">IFERROR(INDEX(Jesper!AL$2:AL$366,ROUNDDOWN($C6808/24,0)+1,1)*INDEX($D$3:$AA$30,INDEX(Jesper!$R$2:$R$366,ROW(INDEX(Jesper!AL$2:AL$366,ROUNDDOWN($C6808/24,0)+1,1))-1)+IF('Standard Profiles'!$G$22=$B$10,7,0)+IF('Standard Profiles'!$G$22=$B$17,14,0)+IF('Standard Profiles'!$G$22=$B$24,21,0),MOD($C6808,24)+1)/SUM(INDEX($D$3:$AA$30,INDEX(Jesper!$R$2:$R$366,ROW(INDEX(Jesper!AL$2:AL$366,ROUNDDOWN($C6808/24,0)+1,1))-1)+IF('Standard Profiles'!$G$22=$B$10,7,0)+IF('Standard Profiles'!$G$22=$B$17,14,0)+IF('Standard Profiles'!$G$22=$B$24,21,0),0)),0)</f>
        <v>0</v>
      </c>
      <c r="I6808">
        <f t="shared" si="755"/>
        <v>0.36093454532447644</v>
      </c>
      <c r="J6808">
        <f t="shared" si="756"/>
        <v>7.6492789605262645</v>
      </c>
      <c r="K6808">
        <f t="shared" si="757"/>
        <v>0.58011102887330357</v>
      </c>
      <c r="L6808">
        <f t="shared" si="758"/>
        <v>0.29005551443665178</v>
      </c>
      <c r="M6808">
        <f t="shared" si="759"/>
        <v>0</v>
      </c>
      <c r="N6808" s="45">
        <f t="shared" si="760"/>
        <v>45209.249999983571</v>
      </c>
    </row>
    <row r="6809" spans="2:14" x14ac:dyDescent="0.25">
      <c r="B6809">
        <f t="shared" si="754"/>
        <v>2</v>
      </c>
      <c r="C6809" s="16">
        <v>6775</v>
      </c>
      <c r="D6809" cm="1">
        <f t="array" ref="D6809">IFERROR(INDEX(Jesper!AH$2:AH$366,ROUNDDOWN($C6809/24,0)+1,1)*INDEX($D$3:$AA$30,INDEX(Jesper!$R$2:$R$366,ROW(INDEX(Jesper!AH$2:AH$366,ROUNDDOWN($C6809/24,0)+1,1))-1)+IF('Standard Profiles'!$G$18=$B$10,7,0)+IF('Standard Profiles'!$G$18=$B$17,14,0)+IF('Standard Profiles'!$G$18=$B$24,21,0),MOD($C6809,24)+1)/SUM(INDEX($D$3:$AA$30,INDEX(Jesper!$R$2:$R$366,ROW(INDEX(Jesper!AH$2:AH$366,ROUNDDOWN($C6809/24,0)+1,1))-1)+IF('Standard Profiles'!$G$18=$B$10,7,0)+IF('Standard Profiles'!$G$18=$B$17,14,0)+IF('Standard Profiles'!$G$18=$B$24,21,0),0)),0)</f>
        <v>22.926848963381435</v>
      </c>
      <c r="E6809" cm="1">
        <f t="array" ref="E6809">IFERROR(INDEX(Jesper!AI$2:AI$366,ROUNDDOWN($C6809/24,0)+1,1)*INDEX($D$3:$AA$30,INDEX(Jesper!$R$2:$R$366,ROW(INDEX(Jesper!AI$2:AI$366,ROUNDDOWN($C6809/24,0)+1,1))-1)+IF('Standard Profiles'!$G$19=$B$10,7,0)+IF('Standard Profiles'!$G$19=$B$17,14,0)+IF('Standard Profiles'!$G$19=$B$24,21,0),MOD($C6809,24)+1)/SUM(INDEX($D$3:$AA$30,INDEX(Jesper!$R$2:$R$366,ROW(INDEX(Jesper!AI$2:AI$366,ROUNDDOWN($C6809/24,0)+1,1))-1)+IF('Standard Profiles'!$G$19=$B$10,7,0)+IF('Standard Profiles'!$G$19=$B$17,14,0)+IF('Standard Profiles'!$G$19=$B$24,21,0),0)),0)</f>
        <v>11.339576738375165</v>
      </c>
      <c r="F6809" cm="1">
        <f t="array" ref="F6809">IFERROR(INDEX(Jesper!AJ$2:AJ$366,ROUNDDOWN($C6809/24,0)+1,1)*INDEX($D$3:$AA$30,INDEX(Jesper!$R$2:$R$366,ROW(INDEX(Jesper!AJ$2:AJ$366,ROUNDDOWN($C6809/24,0)+1,1))-1)+IF('Standard Profiles'!$G$20=$B$10,7,0)+IF('Standard Profiles'!$G$20=$B$17,14,0)+IF('Standard Profiles'!$G$20=$B$24,21,0),MOD($C6809,24)+1)/SUM(INDEX($D$3:$AA$30,INDEX(Jesper!$R$2:$R$366,ROW(INDEX(Jesper!AJ$2:AJ$366,ROUNDDOWN($C6809/24,0)+1,1))-1)+IF('Standard Profiles'!$G$20=$B$10,7,0)+IF('Standard Profiles'!$G$20=$B$17,14,0)+IF('Standard Profiles'!$G$20=$B$24,21,0),0)),0)</f>
        <v>0</v>
      </c>
      <c r="G6809" cm="1">
        <f t="array" ref="G6809">IFERROR(INDEX(Jesper!AK$2:AK$366,ROUNDDOWN($C6809/24,0)+1,1)*INDEX($D$3:$AA$30,INDEX(Jesper!$R$2:$R$366,ROW(INDEX(Jesper!AK$2:AK$366,ROUNDDOWN($C6809/24,0)+1,1))-1)+IF('Standard Profiles'!$G$21=$B$10,7,0)+IF('Standard Profiles'!$G$21=$B$17,14,0)+IF('Standard Profiles'!$G$21=$B$24,21,0),MOD($C6809,24)+1)/SUM(INDEX($D$3:$AA$30,INDEX(Jesper!$R$2:$R$366,ROW(INDEX(Jesper!AK$2:AK$366,ROUNDDOWN($C6809/24,0)+1,1))-1)+IF('Standard Profiles'!$G$21=$B$10,7,0)+IF('Standard Profiles'!$G$21=$B$17,14,0)+IF('Standard Profiles'!$G$21=$B$24,21,0),0)),0)</f>
        <v>2.166092399023908</v>
      </c>
      <c r="H6809" cm="1">
        <f t="array" ref="H6809">IFERROR(INDEX(Jesper!AL$2:AL$366,ROUNDDOWN($C6809/24,0)+1,1)*INDEX($D$3:$AA$30,INDEX(Jesper!$R$2:$R$366,ROW(INDEX(Jesper!AL$2:AL$366,ROUNDDOWN($C6809/24,0)+1,1))-1)+IF('Standard Profiles'!$G$22=$B$10,7,0)+IF('Standard Profiles'!$G$22=$B$17,14,0)+IF('Standard Profiles'!$G$22=$B$24,21,0),MOD($C6809,24)+1)/SUM(INDEX($D$3:$AA$30,INDEX(Jesper!$R$2:$R$366,ROW(INDEX(Jesper!AL$2:AL$366,ROUNDDOWN($C6809/24,0)+1,1))-1)+IF('Standard Profiles'!$G$22=$B$10,7,0)+IF('Standard Profiles'!$G$22=$B$17,14,0)+IF('Standard Profiles'!$G$22=$B$24,21,0),0)),0)</f>
        <v>0</v>
      </c>
      <c r="I6809">
        <f t="shared" si="755"/>
        <v>1.0397243515314754</v>
      </c>
      <c r="J6809">
        <f t="shared" si="756"/>
        <v>31.724497915108003</v>
      </c>
      <c r="K6809">
        <f t="shared" si="757"/>
        <v>2.4455305560940199</v>
      </c>
      <c r="L6809">
        <f t="shared" si="758"/>
        <v>1.22276527804701</v>
      </c>
      <c r="M6809">
        <f t="shared" si="759"/>
        <v>0</v>
      </c>
      <c r="N6809" s="45">
        <f t="shared" si="760"/>
        <v>45209.291666650235</v>
      </c>
    </row>
    <row r="6810" spans="2:14" x14ac:dyDescent="0.25">
      <c r="B6810">
        <f t="shared" si="754"/>
        <v>2</v>
      </c>
      <c r="C6810" s="16">
        <v>6776</v>
      </c>
      <c r="D6810" cm="1">
        <f t="array" ref="D6810">IFERROR(INDEX(Jesper!AH$2:AH$366,ROUNDDOWN($C6810/24,0)+1,1)*INDEX($D$3:$AA$30,INDEX(Jesper!$R$2:$R$366,ROW(INDEX(Jesper!AH$2:AH$366,ROUNDDOWN($C6810/24,0)+1,1))-1)+IF('Standard Profiles'!$G$18=$B$10,7,0)+IF('Standard Profiles'!$G$18=$B$17,14,0)+IF('Standard Profiles'!$G$18=$B$24,21,0),MOD($C6810,24)+1)/SUM(INDEX($D$3:$AA$30,INDEX(Jesper!$R$2:$R$366,ROW(INDEX(Jesper!AH$2:AH$366,ROUNDDOWN($C6810/24,0)+1,1))-1)+IF('Standard Profiles'!$G$18=$B$10,7,0)+IF('Standard Profiles'!$G$18=$B$17,14,0)+IF('Standard Profiles'!$G$18=$B$24,21,0),0)),0)</f>
        <v>25.581536738088765</v>
      </c>
      <c r="E6810" cm="1">
        <f t="array" ref="E6810">IFERROR(INDEX(Jesper!AI$2:AI$366,ROUNDDOWN($C6810/24,0)+1,1)*INDEX($D$3:$AA$30,INDEX(Jesper!$R$2:$R$366,ROW(INDEX(Jesper!AI$2:AI$366,ROUNDDOWN($C6810/24,0)+1,1))-1)+IF('Standard Profiles'!$G$19=$B$10,7,0)+IF('Standard Profiles'!$G$19=$B$17,14,0)+IF('Standard Profiles'!$G$19=$B$24,21,0),MOD($C6810,24)+1)/SUM(INDEX($D$3:$AA$30,INDEX(Jesper!$R$2:$R$366,ROW(INDEX(Jesper!AI$2:AI$366,ROUNDDOWN($C6810/24,0)+1,1))-1)+IF('Standard Profiles'!$G$19=$B$10,7,0)+IF('Standard Profiles'!$G$19=$B$17,14,0)+IF('Standard Profiles'!$G$19=$B$24,21,0),0)),0)</f>
        <v>12.652580360713344</v>
      </c>
      <c r="F6810" cm="1">
        <f t="array" ref="F6810">IFERROR(INDEX(Jesper!AJ$2:AJ$366,ROUNDDOWN($C6810/24,0)+1,1)*INDEX($D$3:$AA$30,INDEX(Jesper!$R$2:$R$366,ROW(INDEX(Jesper!AJ$2:AJ$366,ROUNDDOWN($C6810/24,0)+1,1))-1)+IF('Standard Profiles'!$G$20=$B$10,7,0)+IF('Standard Profiles'!$G$20=$B$17,14,0)+IF('Standard Profiles'!$G$20=$B$24,21,0),MOD($C6810,24)+1)/SUM(INDEX($D$3:$AA$30,INDEX(Jesper!$R$2:$R$366,ROW(INDEX(Jesper!AJ$2:AJ$366,ROUNDDOWN($C6810/24,0)+1,1))-1)+IF('Standard Profiles'!$G$20=$B$10,7,0)+IF('Standard Profiles'!$G$20=$B$17,14,0)+IF('Standard Profiles'!$G$20=$B$24,21,0),0)),0)</f>
        <v>0</v>
      </c>
      <c r="G6810" cm="1">
        <f t="array" ref="G6810">IFERROR(INDEX(Jesper!AK$2:AK$366,ROUNDDOWN($C6810/24,0)+1,1)*INDEX($D$3:$AA$30,INDEX(Jesper!$R$2:$R$366,ROW(INDEX(Jesper!AK$2:AK$366,ROUNDDOWN($C6810/24,0)+1,1))-1)+IF('Standard Profiles'!$G$21=$B$10,7,0)+IF('Standard Profiles'!$G$21=$B$17,14,0)+IF('Standard Profiles'!$G$21=$B$24,21,0),MOD($C6810,24)+1)/SUM(INDEX($D$3:$AA$30,INDEX(Jesper!$R$2:$R$366,ROW(INDEX(Jesper!AK$2:AK$366,ROUNDDOWN($C6810/24,0)+1,1))-1)+IF('Standard Profiles'!$G$21=$B$10,7,0)+IF('Standard Profiles'!$G$21=$B$17,14,0)+IF('Standard Profiles'!$G$21=$B$24,21,0),0)),0)</f>
        <v>2.4169030978582557</v>
      </c>
      <c r="H6810" cm="1">
        <f t="array" ref="H6810">IFERROR(INDEX(Jesper!AL$2:AL$366,ROUNDDOWN($C6810/24,0)+1,1)*INDEX($D$3:$AA$30,INDEX(Jesper!$R$2:$R$366,ROW(INDEX(Jesper!AL$2:AL$366,ROUNDDOWN($C6810/24,0)+1,1))-1)+IF('Standard Profiles'!$G$22=$B$10,7,0)+IF('Standard Profiles'!$G$22=$B$17,14,0)+IF('Standard Profiles'!$G$22=$B$24,21,0),MOD($C6810,24)+1)/SUM(INDEX($D$3:$AA$30,INDEX(Jesper!$R$2:$R$366,ROW(INDEX(Jesper!AL$2:AL$366,ROUNDDOWN($C6810/24,0)+1,1))-1)+IF('Standard Profiles'!$G$22=$B$10,7,0)+IF('Standard Profiles'!$G$22=$B$17,14,0)+IF('Standard Profiles'!$G$22=$B$24,21,0),0)),0)</f>
        <v>0</v>
      </c>
      <c r="I6810">
        <f t="shared" si="755"/>
        <v>1.1601134869719623</v>
      </c>
      <c r="J6810">
        <f t="shared" si="756"/>
        <v>35.397860831594201</v>
      </c>
      <c r="K6810">
        <f t="shared" si="757"/>
        <v>2.7286972520628017</v>
      </c>
      <c r="L6810">
        <f t="shared" si="758"/>
        <v>1.3643486260314008</v>
      </c>
      <c r="M6810">
        <f t="shared" si="759"/>
        <v>0</v>
      </c>
      <c r="N6810" s="45">
        <f t="shared" si="760"/>
        <v>45209.333333316899</v>
      </c>
    </row>
    <row r="6811" spans="2:14" x14ac:dyDescent="0.25">
      <c r="B6811">
        <f t="shared" si="754"/>
        <v>2</v>
      </c>
      <c r="C6811" s="16">
        <v>6777</v>
      </c>
      <c r="D6811" cm="1">
        <f t="array" ref="D6811">IFERROR(INDEX(Jesper!AH$2:AH$366,ROUNDDOWN($C6811/24,0)+1,1)*INDEX($D$3:$AA$30,INDEX(Jesper!$R$2:$R$366,ROW(INDEX(Jesper!AH$2:AH$366,ROUNDDOWN($C6811/24,0)+1,1))-1)+IF('Standard Profiles'!$G$18=$B$10,7,0)+IF('Standard Profiles'!$G$18=$B$17,14,0)+IF('Standard Profiles'!$G$18=$B$24,21,0),MOD($C6811,24)+1)/SUM(INDEX($D$3:$AA$30,INDEX(Jesper!$R$2:$R$366,ROW(INDEX(Jesper!AH$2:AH$366,ROUNDDOWN($C6811/24,0)+1,1))-1)+IF('Standard Profiles'!$G$18=$B$10,7,0)+IF('Standard Profiles'!$G$18=$B$17,14,0)+IF('Standard Profiles'!$G$18=$B$24,21,0),0)),0)</f>
        <v>28.236224512796088</v>
      </c>
      <c r="E6811" cm="1">
        <f t="array" ref="E6811">IFERROR(INDEX(Jesper!AI$2:AI$366,ROUNDDOWN($C6811/24,0)+1,1)*INDEX($D$3:$AA$30,INDEX(Jesper!$R$2:$R$366,ROW(INDEX(Jesper!AI$2:AI$366,ROUNDDOWN($C6811/24,0)+1,1))-1)+IF('Standard Profiles'!$G$19=$B$10,7,0)+IF('Standard Profiles'!$G$19=$B$17,14,0)+IF('Standard Profiles'!$G$19=$B$24,21,0),MOD($C6811,24)+1)/SUM(INDEX($D$3:$AA$30,INDEX(Jesper!$R$2:$R$366,ROW(INDEX(Jesper!AI$2:AI$366,ROUNDDOWN($C6811/24,0)+1,1))-1)+IF('Standard Profiles'!$G$19=$B$10,7,0)+IF('Standard Profiles'!$G$19=$B$17,14,0)+IF('Standard Profiles'!$G$19=$B$24,21,0),0)),0)</f>
        <v>13.965583983051522</v>
      </c>
      <c r="F6811" cm="1">
        <f t="array" ref="F6811">IFERROR(INDEX(Jesper!AJ$2:AJ$366,ROUNDDOWN($C6811/24,0)+1,1)*INDEX($D$3:$AA$30,INDEX(Jesper!$R$2:$R$366,ROW(INDEX(Jesper!AJ$2:AJ$366,ROUNDDOWN($C6811/24,0)+1,1))-1)+IF('Standard Profiles'!$G$20=$B$10,7,0)+IF('Standard Profiles'!$G$20=$B$17,14,0)+IF('Standard Profiles'!$G$20=$B$24,21,0),MOD($C6811,24)+1)/SUM(INDEX($D$3:$AA$30,INDEX(Jesper!$R$2:$R$366,ROW(INDEX(Jesper!AJ$2:AJ$366,ROUNDDOWN($C6811/24,0)+1,1))-1)+IF('Standard Profiles'!$G$20=$B$10,7,0)+IF('Standard Profiles'!$G$20=$B$17,14,0)+IF('Standard Profiles'!$G$20=$B$24,21,0),0)),0)</f>
        <v>0</v>
      </c>
      <c r="G6811" cm="1">
        <f t="array" ref="G6811">IFERROR(INDEX(Jesper!AK$2:AK$366,ROUNDDOWN($C6811/24,0)+1,1)*INDEX($D$3:$AA$30,INDEX(Jesper!$R$2:$R$366,ROW(INDEX(Jesper!AK$2:AK$366,ROUNDDOWN($C6811/24,0)+1,1))-1)+IF('Standard Profiles'!$G$21=$B$10,7,0)+IF('Standard Profiles'!$G$21=$B$17,14,0)+IF('Standard Profiles'!$G$21=$B$24,21,0),MOD($C6811,24)+1)/SUM(INDEX($D$3:$AA$30,INDEX(Jesper!$R$2:$R$366,ROW(INDEX(Jesper!AK$2:AK$366,ROUNDDOWN($C6811/24,0)+1,1))-1)+IF('Standard Profiles'!$G$21=$B$10,7,0)+IF('Standard Profiles'!$G$21=$B$17,14,0)+IF('Standard Profiles'!$G$21=$B$24,21,0),0)),0)</f>
        <v>2.667713796692603</v>
      </c>
      <c r="H6811" cm="1">
        <f t="array" ref="H6811">IFERROR(INDEX(Jesper!AL$2:AL$366,ROUNDDOWN($C6811/24,0)+1,1)*INDEX($D$3:$AA$30,INDEX(Jesper!$R$2:$R$366,ROW(INDEX(Jesper!AL$2:AL$366,ROUNDDOWN($C6811/24,0)+1,1))-1)+IF('Standard Profiles'!$G$22=$B$10,7,0)+IF('Standard Profiles'!$G$22=$B$17,14,0)+IF('Standard Profiles'!$G$22=$B$24,21,0),MOD($C6811,24)+1)/SUM(INDEX($D$3:$AA$30,INDEX(Jesper!$R$2:$R$366,ROW(INDEX(Jesper!AL$2:AL$366,ROUNDDOWN($C6811/24,0)+1,1))-1)+IF('Standard Profiles'!$G$22=$B$10,7,0)+IF('Standard Profiles'!$G$22=$B$17,14,0)+IF('Standard Profiles'!$G$22=$B$24,21,0),0)),0)</f>
        <v>0</v>
      </c>
      <c r="I6811">
        <f t="shared" si="755"/>
        <v>1.2805026224124487</v>
      </c>
      <c r="J6811">
        <f t="shared" si="756"/>
        <v>39.071223748080385</v>
      </c>
      <c r="K6811">
        <f t="shared" si="757"/>
        <v>3.011863948031583</v>
      </c>
      <c r="L6811">
        <f t="shared" si="758"/>
        <v>1.5059319740157915</v>
      </c>
      <c r="M6811">
        <f t="shared" si="759"/>
        <v>0</v>
      </c>
      <c r="N6811" s="45">
        <f t="shared" si="760"/>
        <v>45209.374999983564</v>
      </c>
    </row>
    <row r="6812" spans="2:14" x14ac:dyDescent="0.25">
      <c r="B6812">
        <f t="shared" si="754"/>
        <v>2</v>
      </c>
      <c r="C6812" s="16">
        <v>6778</v>
      </c>
      <c r="D6812" cm="1">
        <f t="array" ref="D6812">IFERROR(INDEX(Jesper!AH$2:AH$366,ROUNDDOWN($C6812/24,0)+1,1)*INDEX($D$3:$AA$30,INDEX(Jesper!$R$2:$R$366,ROW(INDEX(Jesper!AH$2:AH$366,ROUNDDOWN($C6812/24,0)+1,1))-1)+IF('Standard Profiles'!$G$18=$B$10,7,0)+IF('Standard Profiles'!$G$18=$B$17,14,0)+IF('Standard Profiles'!$G$18=$B$24,21,0),MOD($C6812,24)+1)/SUM(INDEX($D$3:$AA$30,INDEX(Jesper!$R$2:$R$366,ROW(INDEX(Jesper!AH$2:AH$366,ROUNDDOWN($C6812/24,0)+1,1))-1)+IF('Standard Profiles'!$G$18=$B$10,7,0)+IF('Standard Profiles'!$G$18=$B$17,14,0)+IF('Standard Profiles'!$G$18=$B$24,21,0),0)),0)</f>
        <v>28.236224512796088</v>
      </c>
      <c r="E6812" cm="1">
        <f t="array" ref="E6812">IFERROR(INDEX(Jesper!AI$2:AI$366,ROUNDDOWN($C6812/24,0)+1,1)*INDEX($D$3:$AA$30,INDEX(Jesper!$R$2:$R$366,ROW(INDEX(Jesper!AI$2:AI$366,ROUNDDOWN($C6812/24,0)+1,1))-1)+IF('Standard Profiles'!$G$19=$B$10,7,0)+IF('Standard Profiles'!$G$19=$B$17,14,0)+IF('Standard Profiles'!$G$19=$B$24,21,0),MOD($C6812,24)+1)/SUM(INDEX($D$3:$AA$30,INDEX(Jesper!$R$2:$R$366,ROW(INDEX(Jesper!AI$2:AI$366,ROUNDDOWN($C6812/24,0)+1,1))-1)+IF('Standard Profiles'!$G$19=$B$10,7,0)+IF('Standard Profiles'!$G$19=$B$17,14,0)+IF('Standard Profiles'!$G$19=$B$24,21,0),0)),0)</f>
        <v>13.965583983051522</v>
      </c>
      <c r="F6812" cm="1">
        <f t="array" ref="F6812">IFERROR(INDEX(Jesper!AJ$2:AJ$366,ROUNDDOWN($C6812/24,0)+1,1)*INDEX($D$3:$AA$30,INDEX(Jesper!$R$2:$R$366,ROW(INDEX(Jesper!AJ$2:AJ$366,ROUNDDOWN($C6812/24,0)+1,1))-1)+IF('Standard Profiles'!$G$20=$B$10,7,0)+IF('Standard Profiles'!$G$20=$B$17,14,0)+IF('Standard Profiles'!$G$20=$B$24,21,0),MOD($C6812,24)+1)/SUM(INDEX($D$3:$AA$30,INDEX(Jesper!$R$2:$R$366,ROW(INDEX(Jesper!AJ$2:AJ$366,ROUNDDOWN($C6812/24,0)+1,1))-1)+IF('Standard Profiles'!$G$20=$B$10,7,0)+IF('Standard Profiles'!$G$20=$B$17,14,0)+IF('Standard Profiles'!$G$20=$B$24,21,0),0)),0)</f>
        <v>0</v>
      </c>
      <c r="G6812" cm="1">
        <f t="array" ref="G6812">IFERROR(INDEX(Jesper!AK$2:AK$366,ROUNDDOWN($C6812/24,0)+1,1)*INDEX($D$3:$AA$30,INDEX(Jesper!$R$2:$R$366,ROW(INDEX(Jesper!AK$2:AK$366,ROUNDDOWN($C6812/24,0)+1,1))-1)+IF('Standard Profiles'!$G$21=$B$10,7,0)+IF('Standard Profiles'!$G$21=$B$17,14,0)+IF('Standard Profiles'!$G$21=$B$24,21,0),MOD($C6812,24)+1)/SUM(INDEX($D$3:$AA$30,INDEX(Jesper!$R$2:$R$366,ROW(INDEX(Jesper!AK$2:AK$366,ROUNDDOWN($C6812/24,0)+1,1))-1)+IF('Standard Profiles'!$G$21=$B$10,7,0)+IF('Standard Profiles'!$G$21=$B$17,14,0)+IF('Standard Profiles'!$G$21=$B$24,21,0),0)),0)</f>
        <v>2.667713796692603</v>
      </c>
      <c r="H6812" cm="1">
        <f t="array" ref="H6812">IFERROR(INDEX(Jesper!AL$2:AL$366,ROUNDDOWN($C6812/24,0)+1,1)*INDEX($D$3:$AA$30,INDEX(Jesper!$R$2:$R$366,ROW(INDEX(Jesper!AL$2:AL$366,ROUNDDOWN($C6812/24,0)+1,1))-1)+IF('Standard Profiles'!$G$22=$B$10,7,0)+IF('Standard Profiles'!$G$22=$B$17,14,0)+IF('Standard Profiles'!$G$22=$B$24,21,0),MOD($C6812,24)+1)/SUM(INDEX($D$3:$AA$30,INDEX(Jesper!$R$2:$R$366,ROW(INDEX(Jesper!AL$2:AL$366,ROUNDDOWN($C6812/24,0)+1,1))-1)+IF('Standard Profiles'!$G$22=$B$10,7,0)+IF('Standard Profiles'!$G$22=$B$17,14,0)+IF('Standard Profiles'!$G$22=$B$24,21,0),0)),0)</f>
        <v>0</v>
      </c>
      <c r="I6812">
        <f t="shared" si="755"/>
        <v>1.2805026224124487</v>
      </c>
      <c r="J6812">
        <f t="shared" si="756"/>
        <v>39.071223748080385</v>
      </c>
      <c r="K6812">
        <f t="shared" si="757"/>
        <v>3.011863948031583</v>
      </c>
      <c r="L6812">
        <f t="shared" si="758"/>
        <v>1.5059319740157915</v>
      </c>
      <c r="M6812">
        <f t="shared" si="759"/>
        <v>0</v>
      </c>
      <c r="N6812" s="45">
        <f t="shared" si="760"/>
        <v>45209.416666650228</v>
      </c>
    </row>
    <row r="6813" spans="2:14" x14ac:dyDescent="0.25">
      <c r="B6813">
        <f t="shared" si="754"/>
        <v>2</v>
      </c>
      <c r="C6813" s="16">
        <v>6779</v>
      </c>
      <c r="D6813" cm="1">
        <f t="array" ref="D6813">IFERROR(INDEX(Jesper!AH$2:AH$366,ROUNDDOWN($C6813/24,0)+1,1)*INDEX($D$3:$AA$30,INDEX(Jesper!$R$2:$R$366,ROW(INDEX(Jesper!AH$2:AH$366,ROUNDDOWN($C6813/24,0)+1,1))-1)+IF('Standard Profiles'!$G$18=$B$10,7,0)+IF('Standard Profiles'!$G$18=$B$17,14,0)+IF('Standard Profiles'!$G$18=$B$24,21,0),MOD($C6813,24)+1)/SUM(INDEX($D$3:$AA$30,INDEX(Jesper!$R$2:$R$366,ROW(INDEX(Jesper!AH$2:AH$366,ROUNDDOWN($C6813/24,0)+1,1))-1)+IF('Standard Profiles'!$G$18=$B$10,7,0)+IF('Standard Profiles'!$G$18=$B$17,14,0)+IF('Standard Profiles'!$G$18=$B$24,21,0),0)),0)</f>
        <v>33.786935314456855</v>
      </c>
      <c r="E6813" cm="1">
        <f t="array" ref="E6813">IFERROR(INDEX(Jesper!AI$2:AI$366,ROUNDDOWN($C6813/24,0)+1,1)*INDEX($D$3:$AA$30,INDEX(Jesper!$R$2:$R$366,ROW(INDEX(Jesper!AI$2:AI$366,ROUNDDOWN($C6813/24,0)+1,1))-1)+IF('Standard Profiles'!$G$19=$B$10,7,0)+IF('Standard Profiles'!$G$19=$B$17,14,0)+IF('Standard Profiles'!$G$19=$B$24,21,0),MOD($C6813,24)+1)/SUM(INDEX($D$3:$AA$30,INDEX(Jesper!$R$2:$R$366,ROW(INDEX(Jesper!AI$2:AI$366,ROUNDDOWN($C6813/24,0)+1,1))-1)+IF('Standard Profiles'!$G$19=$B$10,7,0)+IF('Standard Profiles'!$G$19=$B$17,14,0)+IF('Standard Profiles'!$G$19=$B$24,21,0),0)),0)</f>
        <v>16.71095519339498</v>
      </c>
      <c r="F6813" cm="1">
        <f t="array" ref="F6813">IFERROR(INDEX(Jesper!AJ$2:AJ$366,ROUNDDOWN($C6813/24,0)+1,1)*INDEX($D$3:$AA$30,INDEX(Jesper!$R$2:$R$366,ROW(INDEX(Jesper!AJ$2:AJ$366,ROUNDDOWN($C6813/24,0)+1,1))-1)+IF('Standard Profiles'!$G$20=$B$10,7,0)+IF('Standard Profiles'!$G$20=$B$17,14,0)+IF('Standard Profiles'!$G$20=$B$24,21,0),MOD($C6813,24)+1)/SUM(INDEX($D$3:$AA$30,INDEX(Jesper!$R$2:$R$366,ROW(INDEX(Jesper!AJ$2:AJ$366,ROUNDDOWN($C6813/24,0)+1,1))-1)+IF('Standard Profiles'!$G$20=$B$10,7,0)+IF('Standard Profiles'!$G$20=$B$17,14,0)+IF('Standard Profiles'!$G$20=$B$24,21,0),0)),0)</f>
        <v>0</v>
      </c>
      <c r="G6813" cm="1">
        <f t="array" ref="G6813">IFERROR(INDEX(Jesper!AK$2:AK$366,ROUNDDOWN($C6813/24,0)+1,1)*INDEX($D$3:$AA$30,INDEX(Jesper!$R$2:$R$366,ROW(INDEX(Jesper!AK$2:AK$366,ROUNDDOWN($C6813/24,0)+1,1))-1)+IF('Standard Profiles'!$G$21=$B$10,7,0)+IF('Standard Profiles'!$G$21=$B$17,14,0)+IF('Standard Profiles'!$G$21=$B$24,21,0),MOD($C6813,24)+1)/SUM(INDEX($D$3:$AA$30,INDEX(Jesper!$R$2:$R$366,ROW(INDEX(Jesper!AK$2:AK$366,ROUNDDOWN($C6813/24,0)+1,1))-1)+IF('Standard Profiles'!$G$21=$B$10,7,0)+IF('Standard Profiles'!$G$21=$B$17,14,0)+IF('Standard Profiles'!$G$21=$B$24,21,0),0)),0)</f>
        <v>3.1921361669826021</v>
      </c>
      <c r="H6813" cm="1">
        <f t="array" ref="H6813">IFERROR(INDEX(Jesper!AL$2:AL$366,ROUNDDOWN($C6813/24,0)+1,1)*INDEX($D$3:$AA$30,INDEX(Jesper!$R$2:$R$366,ROW(INDEX(Jesper!AL$2:AL$366,ROUNDDOWN($C6813/24,0)+1,1))-1)+IF('Standard Profiles'!$G$22=$B$10,7,0)+IF('Standard Profiles'!$G$22=$B$17,14,0)+IF('Standard Profiles'!$G$22=$B$24,21,0),MOD($C6813,24)+1)/SUM(INDEX($D$3:$AA$30,INDEX(Jesper!$R$2:$R$366,ROW(INDEX(Jesper!AL$2:AL$366,ROUNDDOWN($C6813/24,0)+1,1))-1)+IF('Standard Profiles'!$G$22=$B$10,7,0)+IF('Standard Profiles'!$G$22=$B$17,14,0)+IF('Standard Profiles'!$G$22=$B$24,21,0),0)),0)</f>
        <v>0</v>
      </c>
      <c r="I6813">
        <f t="shared" si="755"/>
        <v>1.5322253601516482</v>
      </c>
      <c r="J6813">
        <f t="shared" si="756"/>
        <v>46.751891664369687</v>
      </c>
      <c r="K6813">
        <f t="shared" si="757"/>
        <v>3.6039397668753983</v>
      </c>
      <c r="L6813">
        <f t="shared" si="758"/>
        <v>1.8019698834376991</v>
      </c>
      <c r="M6813">
        <f t="shared" si="759"/>
        <v>0</v>
      </c>
      <c r="N6813" s="45">
        <f t="shared" si="760"/>
        <v>45209.458333316892</v>
      </c>
    </row>
    <row r="6814" spans="2:14" x14ac:dyDescent="0.25">
      <c r="B6814">
        <f t="shared" si="754"/>
        <v>2</v>
      </c>
      <c r="C6814" s="16">
        <v>6780</v>
      </c>
      <c r="D6814" cm="1">
        <f t="array" ref="D6814">IFERROR(INDEX(Jesper!AH$2:AH$366,ROUNDDOWN($C6814/24,0)+1,1)*INDEX($D$3:$AA$30,INDEX(Jesper!$R$2:$R$366,ROW(INDEX(Jesper!AH$2:AH$366,ROUNDDOWN($C6814/24,0)+1,1))-1)+IF('Standard Profiles'!$G$18=$B$10,7,0)+IF('Standard Profiles'!$G$18=$B$17,14,0)+IF('Standard Profiles'!$G$18=$B$24,21,0),MOD($C6814,24)+1)/SUM(INDEX($D$3:$AA$30,INDEX(Jesper!$R$2:$R$366,ROW(INDEX(Jesper!AH$2:AH$366,ROUNDDOWN($C6814/24,0)+1,1))-1)+IF('Standard Profiles'!$G$18=$B$10,7,0)+IF('Standard Profiles'!$G$18=$B$17,14,0)+IF('Standard Profiles'!$G$18=$B$24,21,0),0)),0)</f>
        <v>33.786935314456855</v>
      </c>
      <c r="E6814" cm="1">
        <f t="array" ref="E6814">IFERROR(INDEX(Jesper!AI$2:AI$366,ROUNDDOWN($C6814/24,0)+1,1)*INDEX($D$3:$AA$30,INDEX(Jesper!$R$2:$R$366,ROW(INDEX(Jesper!AI$2:AI$366,ROUNDDOWN($C6814/24,0)+1,1))-1)+IF('Standard Profiles'!$G$19=$B$10,7,0)+IF('Standard Profiles'!$G$19=$B$17,14,0)+IF('Standard Profiles'!$G$19=$B$24,21,0),MOD($C6814,24)+1)/SUM(INDEX($D$3:$AA$30,INDEX(Jesper!$R$2:$R$366,ROW(INDEX(Jesper!AI$2:AI$366,ROUNDDOWN($C6814/24,0)+1,1))-1)+IF('Standard Profiles'!$G$19=$B$10,7,0)+IF('Standard Profiles'!$G$19=$B$17,14,0)+IF('Standard Profiles'!$G$19=$B$24,21,0),0)),0)</f>
        <v>16.71095519339498</v>
      </c>
      <c r="F6814" cm="1">
        <f t="array" ref="F6814">IFERROR(INDEX(Jesper!AJ$2:AJ$366,ROUNDDOWN($C6814/24,0)+1,1)*INDEX($D$3:$AA$30,INDEX(Jesper!$R$2:$R$366,ROW(INDEX(Jesper!AJ$2:AJ$366,ROUNDDOWN($C6814/24,0)+1,1))-1)+IF('Standard Profiles'!$G$20=$B$10,7,0)+IF('Standard Profiles'!$G$20=$B$17,14,0)+IF('Standard Profiles'!$G$20=$B$24,21,0),MOD($C6814,24)+1)/SUM(INDEX($D$3:$AA$30,INDEX(Jesper!$R$2:$R$366,ROW(INDEX(Jesper!AJ$2:AJ$366,ROUNDDOWN($C6814/24,0)+1,1))-1)+IF('Standard Profiles'!$G$20=$B$10,7,0)+IF('Standard Profiles'!$G$20=$B$17,14,0)+IF('Standard Profiles'!$G$20=$B$24,21,0),0)),0)</f>
        <v>0</v>
      </c>
      <c r="G6814" cm="1">
        <f t="array" ref="G6814">IFERROR(INDEX(Jesper!AK$2:AK$366,ROUNDDOWN($C6814/24,0)+1,1)*INDEX($D$3:$AA$30,INDEX(Jesper!$R$2:$R$366,ROW(INDEX(Jesper!AK$2:AK$366,ROUNDDOWN($C6814/24,0)+1,1))-1)+IF('Standard Profiles'!$G$21=$B$10,7,0)+IF('Standard Profiles'!$G$21=$B$17,14,0)+IF('Standard Profiles'!$G$21=$B$24,21,0),MOD($C6814,24)+1)/SUM(INDEX($D$3:$AA$30,INDEX(Jesper!$R$2:$R$366,ROW(INDEX(Jesper!AK$2:AK$366,ROUNDDOWN($C6814/24,0)+1,1))-1)+IF('Standard Profiles'!$G$21=$B$10,7,0)+IF('Standard Profiles'!$G$21=$B$17,14,0)+IF('Standard Profiles'!$G$21=$B$24,21,0),0)),0)</f>
        <v>3.1921361669826021</v>
      </c>
      <c r="H6814" cm="1">
        <f t="array" ref="H6814">IFERROR(INDEX(Jesper!AL$2:AL$366,ROUNDDOWN($C6814/24,0)+1,1)*INDEX($D$3:$AA$30,INDEX(Jesper!$R$2:$R$366,ROW(INDEX(Jesper!AL$2:AL$366,ROUNDDOWN($C6814/24,0)+1,1))-1)+IF('Standard Profiles'!$G$22=$B$10,7,0)+IF('Standard Profiles'!$G$22=$B$17,14,0)+IF('Standard Profiles'!$G$22=$B$24,21,0),MOD($C6814,24)+1)/SUM(INDEX($D$3:$AA$30,INDEX(Jesper!$R$2:$R$366,ROW(INDEX(Jesper!AL$2:AL$366,ROUNDDOWN($C6814/24,0)+1,1))-1)+IF('Standard Profiles'!$G$22=$B$10,7,0)+IF('Standard Profiles'!$G$22=$B$17,14,0)+IF('Standard Profiles'!$G$22=$B$24,21,0),0)),0)</f>
        <v>0</v>
      </c>
      <c r="I6814">
        <f t="shared" si="755"/>
        <v>1.5322253601516482</v>
      </c>
      <c r="J6814">
        <f t="shared" si="756"/>
        <v>46.751891664369687</v>
      </c>
      <c r="K6814">
        <f t="shared" si="757"/>
        <v>3.6039397668753983</v>
      </c>
      <c r="L6814">
        <f t="shared" si="758"/>
        <v>1.8019698834376991</v>
      </c>
      <c r="M6814">
        <f t="shared" si="759"/>
        <v>0</v>
      </c>
      <c r="N6814" s="45">
        <f t="shared" si="760"/>
        <v>45209.499999983556</v>
      </c>
    </row>
    <row r="6815" spans="2:14" x14ac:dyDescent="0.25">
      <c r="B6815">
        <f t="shared" si="754"/>
        <v>2</v>
      </c>
      <c r="C6815" s="16">
        <v>6781</v>
      </c>
      <c r="D6815" cm="1">
        <f t="array" ref="D6815">IFERROR(INDEX(Jesper!AH$2:AH$366,ROUNDDOWN($C6815/24,0)+1,1)*INDEX($D$3:$AA$30,INDEX(Jesper!$R$2:$R$366,ROW(INDEX(Jesper!AH$2:AH$366,ROUNDDOWN($C6815/24,0)+1,1))-1)+IF('Standard Profiles'!$G$18=$B$10,7,0)+IF('Standard Profiles'!$G$18=$B$17,14,0)+IF('Standard Profiles'!$G$18=$B$24,21,0),MOD($C6815,24)+1)/SUM(INDEX($D$3:$AA$30,INDEX(Jesper!$R$2:$R$366,ROW(INDEX(Jesper!AH$2:AH$366,ROUNDDOWN($C6815/24,0)+1,1))-1)+IF('Standard Profiles'!$G$18=$B$10,7,0)+IF('Standard Profiles'!$G$18=$B$17,14,0)+IF('Standard Profiles'!$G$18=$B$24,21,0),0)),0)</f>
        <v>22.444178458889198</v>
      </c>
      <c r="E6815" cm="1">
        <f t="array" ref="E6815">IFERROR(INDEX(Jesper!AI$2:AI$366,ROUNDDOWN($C6815/24,0)+1,1)*INDEX($D$3:$AA$30,INDEX(Jesper!$R$2:$R$366,ROW(INDEX(Jesper!AI$2:AI$366,ROUNDDOWN($C6815/24,0)+1,1))-1)+IF('Standard Profiles'!$G$19=$B$10,7,0)+IF('Standard Profiles'!$G$19=$B$17,14,0)+IF('Standard Profiles'!$G$19=$B$24,21,0),MOD($C6815,24)+1)/SUM(INDEX($D$3:$AA$30,INDEX(Jesper!$R$2:$R$366,ROW(INDEX(Jesper!AI$2:AI$366,ROUNDDOWN($C6815/24,0)+1,1))-1)+IF('Standard Profiles'!$G$19=$B$10,7,0)+IF('Standard Profiles'!$G$19=$B$17,14,0)+IF('Standard Profiles'!$G$19=$B$24,21,0),0)),0)</f>
        <v>11.100848807040952</v>
      </c>
      <c r="F6815" cm="1">
        <f t="array" ref="F6815">IFERROR(INDEX(Jesper!AJ$2:AJ$366,ROUNDDOWN($C6815/24,0)+1,1)*INDEX($D$3:$AA$30,INDEX(Jesper!$R$2:$R$366,ROW(INDEX(Jesper!AJ$2:AJ$366,ROUNDDOWN($C6815/24,0)+1,1))-1)+IF('Standard Profiles'!$G$20=$B$10,7,0)+IF('Standard Profiles'!$G$20=$B$17,14,0)+IF('Standard Profiles'!$G$20=$B$24,21,0),MOD($C6815,24)+1)/SUM(INDEX($D$3:$AA$30,INDEX(Jesper!$R$2:$R$366,ROW(INDEX(Jesper!AJ$2:AJ$366,ROUNDDOWN($C6815/24,0)+1,1))-1)+IF('Standard Profiles'!$G$20=$B$10,7,0)+IF('Standard Profiles'!$G$20=$B$17,14,0)+IF('Standard Profiles'!$G$20=$B$24,21,0),0)),0)</f>
        <v>0</v>
      </c>
      <c r="G6815" cm="1">
        <f t="array" ref="G6815">IFERROR(INDEX(Jesper!AK$2:AK$366,ROUNDDOWN($C6815/24,0)+1,1)*INDEX($D$3:$AA$30,INDEX(Jesper!$R$2:$R$366,ROW(INDEX(Jesper!AK$2:AK$366,ROUNDDOWN($C6815/24,0)+1,1))-1)+IF('Standard Profiles'!$G$21=$B$10,7,0)+IF('Standard Profiles'!$G$21=$B$17,14,0)+IF('Standard Profiles'!$G$21=$B$24,21,0),MOD($C6815,24)+1)/SUM(INDEX($D$3:$AA$30,INDEX(Jesper!$R$2:$R$366,ROW(INDEX(Jesper!AK$2:AK$366,ROUNDDOWN($C6815/24,0)+1,1))-1)+IF('Standard Profiles'!$G$21=$B$10,7,0)+IF('Standard Profiles'!$G$21=$B$17,14,0)+IF('Standard Profiles'!$G$21=$B$24,21,0),0)),0)</f>
        <v>2.1204904537812994</v>
      </c>
      <c r="H6815" cm="1">
        <f t="array" ref="H6815">IFERROR(INDEX(Jesper!AL$2:AL$366,ROUNDDOWN($C6815/24,0)+1,1)*INDEX($D$3:$AA$30,INDEX(Jesper!$R$2:$R$366,ROW(INDEX(Jesper!AL$2:AL$366,ROUNDDOWN($C6815/24,0)+1,1))-1)+IF('Standard Profiles'!$G$22=$B$10,7,0)+IF('Standard Profiles'!$G$22=$B$17,14,0)+IF('Standard Profiles'!$G$22=$B$24,21,0),MOD($C6815,24)+1)/SUM(INDEX($D$3:$AA$30,INDEX(Jesper!$R$2:$R$366,ROW(INDEX(Jesper!AL$2:AL$366,ROUNDDOWN($C6815/24,0)+1,1))-1)+IF('Standard Profiles'!$G$22=$B$10,7,0)+IF('Standard Profiles'!$G$22=$B$17,14,0)+IF('Standard Profiles'!$G$22=$B$24,21,0),0)),0)</f>
        <v>0</v>
      </c>
      <c r="I6815">
        <f t="shared" si="755"/>
        <v>1.0178354178150233</v>
      </c>
      <c r="J6815">
        <f t="shared" si="756"/>
        <v>31.056613748474152</v>
      </c>
      <c r="K6815">
        <f t="shared" si="757"/>
        <v>2.3940457022815145</v>
      </c>
      <c r="L6815">
        <f t="shared" si="758"/>
        <v>1.1970228511407572</v>
      </c>
      <c r="M6815">
        <f t="shared" si="759"/>
        <v>0</v>
      </c>
      <c r="N6815" s="45">
        <f t="shared" si="760"/>
        <v>45209.541666650221</v>
      </c>
    </row>
    <row r="6816" spans="2:14" x14ac:dyDescent="0.25">
      <c r="B6816">
        <f t="shared" si="754"/>
        <v>2</v>
      </c>
      <c r="C6816" s="16">
        <v>6782</v>
      </c>
      <c r="D6816" cm="1">
        <f t="array" ref="D6816">IFERROR(INDEX(Jesper!AH$2:AH$366,ROUNDDOWN($C6816/24,0)+1,1)*INDEX($D$3:$AA$30,INDEX(Jesper!$R$2:$R$366,ROW(INDEX(Jesper!AH$2:AH$366,ROUNDDOWN($C6816/24,0)+1,1))-1)+IF('Standard Profiles'!$G$18=$B$10,7,0)+IF('Standard Profiles'!$G$18=$B$17,14,0)+IF('Standard Profiles'!$G$18=$B$24,21,0),MOD($C6816,24)+1)/SUM(INDEX($D$3:$AA$30,INDEX(Jesper!$R$2:$R$366,ROW(INDEX(Jesper!AH$2:AH$366,ROUNDDOWN($C6816/24,0)+1,1))-1)+IF('Standard Profiles'!$G$18=$B$10,7,0)+IF('Standard Profiles'!$G$18=$B$17,14,0)+IF('Standard Profiles'!$G$18=$B$24,21,0),0)),0)</f>
        <v>33.786935314456855</v>
      </c>
      <c r="E6816" cm="1">
        <f t="array" ref="E6816">IFERROR(INDEX(Jesper!AI$2:AI$366,ROUNDDOWN($C6816/24,0)+1,1)*INDEX($D$3:$AA$30,INDEX(Jesper!$R$2:$R$366,ROW(INDEX(Jesper!AI$2:AI$366,ROUNDDOWN($C6816/24,0)+1,1))-1)+IF('Standard Profiles'!$G$19=$B$10,7,0)+IF('Standard Profiles'!$G$19=$B$17,14,0)+IF('Standard Profiles'!$G$19=$B$24,21,0),MOD($C6816,24)+1)/SUM(INDEX($D$3:$AA$30,INDEX(Jesper!$R$2:$R$366,ROW(INDEX(Jesper!AI$2:AI$366,ROUNDDOWN($C6816/24,0)+1,1))-1)+IF('Standard Profiles'!$G$19=$B$10,7,0)+IF('Standard Profiles'!$G$19=$B$17,14,0)+IF('Standard Profiles'!$G$19=$B$24,21,0),0)),0)</f>
        <v>16.71095519339498</v>
      </c>
      <c r="F6816" cm="1">
        <f t="array" ref="F6816">IFERROR(INDEX(Jesper!AJ$2:AJ$366,ROUNDDOWN($C6816/24,0)+1,1)*INDEX($D$3:$AA$30,INDEX(Jesper!$R$2:$R$366,ROW(INDEX(Jesper!AJ$2:AJ$366,ROUNDDOWN($C6816/24,0)+1,1))-1)+IF('Standard Profiles'!$G$20=$B$10,7,0)+IF('Standard Profiles'!$G$20=$B$17,14,0)+IF('Standard Profiles'!$G$20=$B$24,21,0),MOD($C6816,24)+1)/SUM(INDEX($D$3:$AA$30,INDEX(Jesper!$R$2:$R$366,ROW(INDEX(Jesper!AJ$2:AJ$366,ROUNDDOWN($C6816/24,0)+1,1))-1)+IF('Standard Profiles'!$G$20=$B$10,7,0)+IF('Standard Profiles'!$G$20=$B$17,14,0)+IF('Standard Profiles'!$G$20=$B$24,21,0),0)),0)</f>
        <v>0</v>
      </c>
      <c r="G6816" cm="1">
        <f t="array" ref="G6816">IFERROR(INDEX(Jesper!AK$2:AK$366,ROUNDDOWN($C6816/24,0)+1,1)*INDEX($D$3:$AA$30,INDEX(Jesper!$R$2:$R$366,ROW(INDEX(Jesper!AK$2:AK$366,ROUNDDOWN($C6816/24,0)+1,1))-1)+IF('Standard Profiles'!$G$21=$B$10,7,0)+IF('Standard Profiles'!$G$21=$B$17,14,0)+IF('Standard Profiles'!$G$21=$B$24,21,0),MOD($C6816,24)+1)/SUM(INDEX($D$3:$AA$30,INDEX(Jesper!$R$2:$R$366,ROW(INDEX(Jesper!AK$2:AK$366,ROUNDDOWN($C6816/24,0)+1,1))-1)+IF('Standard Profiles'!$G$21=$B$10,7,0)+IF('Standard Profiles'!$G$21=$B$17,14,0)+IF('Standard Profiles'!$G$21=$B$24,21,0),0)),0)</f>
        <v>3.1921361669826021</v>
      </c>
      <c r="H6816" cm="1">
        <f t="array" ref="H6816">IFERROR(INDEX(Jesper!AL$2:AL$366,ROUNDDOWN($C6816/24,0)+1,1)*INDEX($D$3:$AA$30,INDEX(Jesper!$R$2:$R$366,ROW(INDEX(Jesper!AL$2:AL$366,ROUNDDOWN($C6816/24,0)+1,1))-1)+IF('Standard Profiles'!$G$22=$B$10,7,0)+IF('Standard Profiles'!$G$22=$B$17,14,0)+IF('Standard Profiles'!$G$22=$B$24,21,0),MOD($C6816,24)+1)/SUM(INDEX($D$3:$AA$30,INDEX(Jesper!$R$2:$R$366,ROW(INDEX(Jesper!AL$2:AL$366,ROUNDDOWN($C6816/24,0)+1,1))-1)+IF('Standard Profiles'!$G$22=$B$10,7,0)+IF('Standard Profiles'!$G$22=$B$17,14,0)+IF('Standard Profiles'!$G$22=$B$24,21,0),0)),0)</f>
        <v>0</v>
      </c>
      <c r="I6816">
        <f t="shared" si="755"/>
        <v>1.5322253601516482</v>
      </c>
      <c r="J6816">
        <f t="shared" si="756"/>
        <v>46.751891664369687</v>
      </c>
      <c r="K6816">
        <f t="shared" si="757"/>
        <v>3.6039397668753983</v>
      </c>
      <c r="L6816">
        <f t="shared" si="758"/>
        <v>1.8019698834376991</v>
      </c>
      <c r="M6816">
        <f t="shared" si="759"/>
        <v>0</v>
      </c>
      <c r="N6816" s="45">
        <f t="shared" si="760"/>
        <v>45209.583333316885</v>
      </c>
    </row>
    <row r="6817" spans="2:14" x14ac:dyDescent="0.25">
      <c r="B6817">
        <f t="shared" si="754"/>
        <v>2</v>
      </c>
      <c r="C6817" s="16">
        <v>6783</v>
      </c>
      <c r="D6817" cm="1">
        <f t="array" ref="D6817">IFERROR(INDEX(Jesper!AH$2:AH$366,ROUNDDOWN($C6817/24,0)+1,1)*INDEX($D$3:$AA$30,INDEX(Jesper!$R$2:$R$366,ROW(INDEX(Jesper!AH$2:AH$366,ROUNDDOWN($C6817/24,0)+1,1))-1)+IF('Standard Profiles'!$G$18=$B$10,7,0)+IF('Standard Profiles'!$G$18=$B$17,14,0)+IF('Standard Profiles'!$G$18=$B$24,21,0),MOD($C6817,24)+1)/SUM(INDEX($D$3:$AA$30,INDEX(Jesper!$R$2:$R$366,ROW(INDEX(Jesper!AH$2:AH$366,ROUNDDOWN($C6817/24,0)+1,1))-1)+IF('Standard Profiles'!$G$18=$B$10,7,0)+IF('Standard Profiles'!$G$18=$B$17,14,0)+IF('Standard Profiles'!$G$18=$B$24,21,0),0)),0)</f>
        <v>33.786935314456855</v>
      </c>
      <c r="E6817" cm="1">
        <f t="array" ref="E6817">IFERROR(INDEX(Jesper!AI$2:AI$366,ROUNDDOWN($C6817/24,0)+1,1)*INDEX($D$3:$AA$30,INDEX(Jesper!$R$2:$R$366,ROW(INDEX(Jesper!AI$2:AI$366,ROUNDDOWN($C6817/24,0)+1,1))-1)+IF('Standard Profiles'!$G$19=$B$10,7,0)+IF('Standard Profiles'!$G$19=$B$17,14,0)+IF('Standard Profiles'!$G$19=$B$24,21,0),MOD($C6817,24)+1)/SUM(INDEX($D$3:$AA$30,INDEX(Jesper!$R$2:$R$366,ROW(INDEX(Jesper!AI$2:AI$366,ROUNDDOWN($C6817/24,0)+1,1))-1)+IF('Standard Profiles'!$G$19=$B$10,7,0)+IF('Standard Profiles'!$G$19=$B$17,14,0)+IF('Standard Profiles'!$G$19=$B$24,21,0),0)),0)</f>
        <v>16.71095519339498</v>
      </c>
      <c r="F6817" cm="1">
        <f t="array" ref="F6817">IFERROR(INDEX(Jesper!AJ$2:AJ$366,ROUNDDOWN($C6817/24,0)+1,1)*INDEX($D$3:$AA$30,INDEX(Jesper!$R$2:$R$366,ROW(INDEX(Jesper!AJ$2:AJ$366,ROUNDDOWN($C6817/24,0)+1,1))-1)+IF('Standard Profiles'!$G$20=$B$10,7,0)+IF('Standard Profiles'!$G$20=$B$17,14,0)+IF('Standard Profiles'!$G$20=$B$24,21,0),MOD($C6817,24)+1)/SUM(INDEX($D$3:$AA$30,INDEX(Jesper!$R$2:$R$366,ROW(INDEX(Jesper!AJ$2:AJ$366,ROUNDDOWN($C6817/24,0)+1,1))-1)+IF('Standard Profiles'!$G$20=$B$10,7,0)+IF('Standard Profiles'!$G$20=$B$17,14,0)+IF('Standard Profiles'!$G$20=$B$24,21,0),0)),0)</f>
        <v>0</v>
      </c>
      <c r="G6817" cm="1">
        <f t="array" ref="G6817">IFERROR(INDEX(Jesper!AK$2:AK$366,ROUNDDOWN($C6817/24,0)+1,1)*INDEX($D$3:$AA$30,INDEX(Jesper!$R$2:$R$366,ROW(INDEX(Jesper!AK$2:AK$366,ROUNDDOWN($C6817/24,0)+1,1))-1)+IF('Standard Profiles'!$G$21=$B$10,7,0)+IF('Standard Profiles'!$G$21=$B$17,14,0)+IF('Standard Profiles'!$G$21=$B$24,21,0),MOD($C6817,24)+1)/SUM(INDEX($D$3:$AA$30,INDEX(Jesper!$R$2:$R$366,ROW(INDEX(Jesper!AK$2:AK$366,ROUNDDOWN($C6817/24,0)+1,1))-1)+IF('Standard Profiles'!$G$21=$B$10,7,0)+IF('Standard Profiles'!$G$21=$B$17,14,0)+IF('Standard Profiles'!$G$21=$B$24,21,0),0)),0)</f>
        <v>3.1921361669826021</v>
      </c>
      <c r="H6817" cm="1">
        <f t="array" ref="H6817">IFERROR(INDEX(Jesper!AL$2:AL$366,ROUNDDOWN($C6817/24,0)+1,1)*INDEX($D$3:$AA$30,INDEX(Jesper!$R$2:$R$366,ROW(INDEX(Jesper!AL$2:AL$366,ROUNDDOWN($C6817/24,0)+1,1))-1)+IF('Standard Profiles'!$G$22=$B$10,7,0)+IF('Standard Profiles'!$G$22=$B$17,14,0)+IF('Standard Profiles'!$G$22=$B$24,21,0),MOD($C6817,24)+1)/SUM(INDEX($D$3:$AA$30,INDEX(Jesper!$R$2:$R$366,ROW(INDEX(Jesper!AL$2:AL$366,ROUNDDOWN($C6817/24,0)+1,1))-1)+IF('Standard Profiles'!$G$22=$B$10,7,0)+IF('Standard Profiles'!$G$22=$B$17,14,0)+IF('Standard Profiles'!$G$22=$B$24,21,0),0)),0)</f>
        <v>0</v>
      </c>
      <c r="I6817">
        <f t="shared" si="755"/>
        <v>1.5322253601516482</v>
      </c>
      <c r="J6817">
        <f t="shared" si="756"/>
        <v>46.751891664369687</v>
      </c>
      <c r="K6817">
        <f t="shared" si="757"/>
        <v>3.6039397668753983</v>
      </c>
      <c r="L6817">
        <f t="shared" si="758"/>
        <v>1.8019698834376991</v>
      </c>
      <c r="M6817">
        <f t="shared" si="759"/>
        <v>0</v>
      </c>
      <c r="N6817" s="45">
        <f t="shared" si="760"/>
        <v>45209.624999983549</v>
      </c>
    </row>
    <row r="6818" spans="2:14" x14ac:dyDescent="0.25">
      <c r="B6818">
        <f t="shared" si="754"/>
        <v>2</v>
      </c>
      <c r="C6818" s="16">
        <v>6784</v>
      </c>
      <c r="D6818" cm="1">
        <f t="array" ref="D6818">IFERROR(INDEX(Jesper!AH$2:AH$366,ROUNDDOWN($C6818/24,0)+1,1)*INDEX($D$3:$AA$30,INDEX(Jesper!$R$2:$R$366,ROW(INDEX(Jesper!AH$2:AH$366,ROUNDDOWN($C6818/24,0)+1,1))-1)+IF('Standard Profiles'!$G$18=$B$10,7,0)+IF('Standard Profiles'!$G$18=$B$17,14,0)+IF('Standard Profiles'!$G$18=$B$24,21,0),MOD($C6818,24)+1)/SUM(INDEX($D$3:$AA$30,INDEX(Jesper!$R$2:$R$366,ROW(INDEX(Jesper!AH$2:AH$366,ROUNDDOWN($C6818/24,0)+1,1))-1)+IF('Standard Profiles'!$G$18=$B$10,7,0)+IF('Standard Profiles'!$G$18=$B$17,14,0)+IF('Standard Profiles'!$G$18=$B$24,21,0),0)),0)</f>
        <v>19.910158310304933</v>
      </c>
      <c r="E6818" cm="1">
        <f t="array" ref="E6818">IFERROR(INDEX(Jesper!AI$2:AI$366,ROUNDDOWN($C6818/24,0)+1,1)*INDEX($D$3:$AA$30,INDEX(Jesper!$R$2:$R$366,ROW(INDEX(Jesper!AI$2:AI$366,ROUNDDOWN($C6818/24,0)+1,1))-1)+IF('Standard Profiles'!$G$19=$B$10,7,0)+IF('Standard Profiles'!$G$19=$B$17,14,0)+IF('Standard Profiles'!$G$19=$B$24,21,0),MOD($C6818,24)+1)/SUM(INDEX($D$3:$AA$30,INDEX(Jesper!$R$2:$R$366,ROW(INDEX(Jesper!AI$2:AI$366,ROUNDDOWN($C6818/24,0)+1,1))-1)+IF('Standard Profiles'!$G$19=$B$10,7,0)+IF('Standard Profiles'!$G$19=$B$17,14,0)+IF('Standard Profiles'!$G$19=$B$24,21,0),0)),0)</f>
        <v>9.8475271675363292</v>
      </c>
      <c r="F6818" cm="1">
        <f t="array" ref="F6818">IFERROR(INDEX(Jesper!AJ$2:AJ$366,ROUNDDOWN($C6818/24,0)+1,1)*INDEX($D$3:$AA$30,INDEX(Jesper!$R$2:$R$366,ROW(INDEX(Jesper!AJ$2:AJ$366,ROUNDDOWN($C6818/24,0)+1,1))-1)+IF('Standard Profiles'!$G$20=$B$10,7,0)+IF('Standard Profiles'!$G$20=$B$17,14,0)+IF('Standard Profiles'!$G$20=$B$24,21,0),MOD($C6818,24)+1)/SUM(INDEX($D$3:$AA$30,INDEX(Jesper!$R$2:$R$366,ROW(INDEX(Jesper!AJ$2:AJ$366,ROUNDDOWN($C6818/24,0)+1,1))-1)+IF('Standard Profiles'!$G$20=$B$10,7,0)+IF('Standard Profiles'!$G$20=$B$17,14,0)+IF('Standard Profiles'!$G$20=$B$24,21,0),0)),0)</f>
        <v>0</v>
      </c>
      <c r="G6818" cm="1">
        <f t="array" ref="G6818">IFERROR(INDEX(Jesper!AK$2:AK$366,ROUNDDOWN($C6818/24,0)+1,1)*INDEX($D$3:$AA$30,INDEX(Jesper!$R$2:$R$366,ROW(INDEX(Jesper!AK$2:AK$366,ROUNDDOWN($C6818/24,0)+1,1))-1)+IF('Standard Profiles'!$G$21=$B$10,7,0)+IF('Standard Profiles'!$G$21=$B$17,14,0)+IF('Standard Profiles'!$G$21=$B$24,21,0),MOD($C6818,24)+1)/SUM(INDEX($D$3:$AA$30,INDEX(Jesper!$R$2:$R$366,ROW(INDEX(Jesper!AK$2:AK$366,ROUNDDOWN($C6818/24,0)+1,1))-1)+IF('Standard Profiles'!$G$21=$B$10,7,0)+IF('Standard Profiles'!$G$21=$B$17,14,0)+IF('Standard Profiles'!$G$21=$B$24,21,0),0)),0)</f>
        <v>2.6681989237696522</v>
      </c>
      <c r="H6818" cm="1">
        <f t="array" ref="H6818">IFERROR(INDEX(Jesper!AL$2:AL$366,ROUNDDOWN($C6818/24,0)+1,1)*INDEX($D$3:$AA$30,INDEX(Jesper!$R$2:$R$366,ROW(INDEX(Jesper!AL$2:AL$366,ROUNDDOWN($C6818/24,0)+1,1))-1)+IF('Standard Profiles'!$G$22=$B$10,7,0)+IF('Standard Profiles'!$G$22=$B$17,14,0)+IF('Standard Profiles'!$G$22=$B$24,21,0),MOD($C6818,24)+1)/SUM(INDEX($D$3:$AA$30,INDEX(Jesper!$R$2:$R$366,ROW(INDEX(Jesper!AL$2:AL$366,ROUNDDOWN($C6818/24,0)+1,1))-1)+IF('Standard Profiles'!$G$22=$B$10,7,0)+IF('Standard Profiles'!$G$22=$B$17,14,0)+IF('Standard Profiles'!$G$22=$B$24,21,0),0)),0)</f>
        <v>0</v>
      </c>
      <c r="I6818">
        <f t="shared" si="755"/>
        <v>1.2807354834094324</v>
      </c>
      <c r="J6818">
        <f t="shared" si="756"/>
        <v>27.959523588552692</v>
      </c>
      <c r="K6818">
        <f t="shared" si="757"/>
        <v>2.1237502197658595</v>
      </c>
      <c r="L6818">
        <f t="shared" si="758"/>
        <v>1.0618751098829298</v>
      </c>
      <c r="M6818">
        <f t="shared" si="759"/>
        <v>0</v>
      </c>
      <c r="N6818" s="45">
        <f t="shared" si="760"/>
        <v>45209.666666650213</v>
      </c>
    </row>
    <row r="6819" spans="2:14" x14ac:dyDescent="0.25">
      <c r="B6819">
        <f t="shared" ref="B6819:B6882" si="761">WEEKDAY(N6819,2)</f>
        <v>2</v>
      </c>
      <c r="C6819" s="16">
        <v>6785</v>
      </c>
      <c r="D6819" cm="1">
        <f t="array" ref="D6819">IFERROR(INDEX(Jesper!AH$2:AH$366,ROUNDDOWN($C6819/24,0)+1,1)*INDEX($D$3:$AA$30,INDEX(Jesper!$R$2:$R$366,ROW(INDEX(Jesper!AH$2:AH$366,ROUNDDOWN($C6819/24,0)+1,1))-1)+IF('Standard Profiles'!$G$18=$B$10,7,0)+IF('Standard Profiles'!$G$18=$B$17,14,0)+IF('Standard Profiles'!$G$18=$B$24,21,0),MOD($C6819,24)+1)/SUM(INDEX($D$3:$AA$30,INDEX(Jesper!$R$2:$R$366,ROW(INDEX(Jesper!AH$2:AH$366,ROUNDDOWN($C6819/24,0)+1,1))-1)+IF('Standard Profiles'!$G$18=$B$10,7,0)+IF('Standard Profiles'!$G$18=$B$17,14,0)+IF('Standard Profiles'!$G$18=$B$24,21,0),0)),0)</f>
        <v>8.4977201495112826</v>
      </c>
      <c r="E6819" cm="1">
        <f t="array" ref="E6819">IFERROR(INDEX(Jesper!AI$2:AI$366,ROUNDDOWN($C6819/24,0)+1,1)*INDEX($D$3:$AA$30,INDEX(Jesper!$R$2:$R$366,ROW(INDEX(Jesper!AI$2:AI$366,ROUNDDOWN($C6819/24,0)+1,1))-1)+IF('Standard Profiles'!$G$19=$B$10,7,0)+IF('Standard Profiles'!$G$19=$B$17,14,0)+IF('Standard Profiles'!$G$19=$B$24,21,0),MOD($C6819,24)+1)/SUM(INDEX($D$3:$AA$30,INDEX(Jesper!$R$2:$R$366,ROW(INDEX(Jesper!AI$2:AI$366,ROUNDDOWN($C6819/24,0)+1,1))-1)+IF('Standard Profiles'!$G$19=$B$10,7,0)+IF('Standard Profiles'!$G$19=$B$17,14,0)+IF('Standard Profiles'!$G$19=$B$24,21,0),0)),0)</f>
        <v>4.2029565375741909</v>
      </c>
      <c r="F6819" cm="1">
        <f t="array" ref="F6819">IFERROR(INDEX(Jesper!AJ$2:AJ$366,ROUNDDOWN($C6819/24,0)+1,1)*INDEX($D$3:$AA$30,INDEX(Jesper!$R$2:$R$366,ROW(INDEX(Jesper!AJ$2:AJ$366,ROUNDDOWN($C6819/24,0)+1,1))-1)+IF('Standard Profiles'!$G$20=$B$10,7,0)+IF('Standard Profiles'!$G$20=$B$17,14,0)+IF('Standard Profiles'!$G$20=$B$24,21,0),MOD($C6819,24)+1)/SUM(INDEX($D$3:$AA$30,INDEX(Jesper!$R$2:$R$366,ROW(INDEX(Jesper!AJ$2:AJ$366,ROUNDDOWN($C6819/24,0)+1,1))-1)+IF('Standard Profiles'!$G$20=$B$10,7,0)+IF('Standard Profiles'!$G$20=$B$17,14,0)+IF('Standard Profiles'!$G$20=$B$24,21,0),0)),0)</f>
        <v>0</v>
      </c>
      <c r="G6819" cm="1">
        <f t="array" ref="G6819">IFERROR(INDEX(Jesper!AK$2:AK$366,ROUNDDOWN($C6819/24,0)+1,1)*INDEX($D$3:$AA$30,INDEX(Jesper!$R$2:$R$366,ROW(INDEX(Jesper!AK$2:AK$366,ROUNDDOWN($C6819/24,0)+1,1))-1)+IF('Standard Profiles'!$G$21=$B$10,7,0)+IF('Standard Profiles'!$G$21=$B$17,14,0)+IF('Standard Profiles'!$G$21=$B$24,21,0),MOD($C6819,24)+1)/SUM(INDEX($D$3:$AA$30,INDEX(Jesper!$R$2:$R$366,ROW(INDEX(Jesper!AK$2:AK$366,ROUNDDOWN($C6819/24,0)+1,1))-1)+IF('Standard Profiles'!$G$21=$B$10,7,0)+IF('Standard Profiles'!$G$21=$B$17,14,0)+IF('Standard Profiles'!$G$21=$B$24,21,0),0)),0)</f>
        <v>2.1200053267042507</v>
      </c>
      <c r="H6819" cm="1">
        <f t="array" ref="H6819">IFERROR(INDEX(Jesper!AL$2:AL$366,ROUNDDOWN($C6819/24,0)+1,1)*INDEX($D$3:$AA$30,INDEX(Jesper!$R$2:$R$366,ROW(INDEX(Jesper!AL$2:AL$366,ROUNDDOWN($C6819/24,0)+1,1))-1)+IF('Standard Profiles'!$G$22=$B$10,7,0)+IF('Standard Profiles'!$G$22=$B$17,14,0)+IF('Standard Profiles'!$G$22=$B$24,21,0),MOD($C6819,24)+1)/SUM(INDEX($D$3:$AA$30,INDEX(Jesper!$R$2:$R$366,ROW(INDEX(Jesper!AL$2:AL$366,ROUNDDOWN($C6819/24,0)+1,1))-1)+IF('Standard Profiles'!$G$22=$B$10,7,0)+IF('Standard Profiles'!$G$22=$B$17,14,0)+IF('Standard Profiles'!$G$22=$B$24,21,0),0)),0)</f>
        <v>0</v>
      </c>
      <c r="I6819">
        <f t="shared" ref="I6819:I6882" si="762">IF($B6819&lt;6,AC$37*$D6819+AC$38*$E6819+AC$39*$F6819+AC$40*$G6819,AC$46*$D6819+AC$47*$E6819+AC$48*$F6819+AC$49*$G6819+AC$50*$H6819)</f>
        <v>1.0176025568180398</v>
      </c>
      <c r="J6819">
        <f t="shared" ref="J6819:J6882" si="763">IF($B6819&lt;6,AD$37*$D6819+AD$38*$E6819+AD$39*$F6819+AD$40*$G6819,AD$46*$D6819+AD$47*$E6819+AD$48*$F6819+AD$49*$G6819+AD$50*$H6819)</f>
        <v>12.443444233049879</v>
      </c>
      <c r="K6819">
        <f t="shared" ref="K6819:K6882" si="764">IF($B6819&lt;6,AE$37*$D6819+AE$38*$E6819+AE$39*$F6819+AE$40*$G6819,AE$46*$D6819+AE$47*$E6819+AE$48*$F6819+AE$49*$G6819+AE$50*$H6819)</f>
        <v>0.90642348261453687</v>
      </c>
      <c r="L6819">
        <f t="shared" ref="L6819:L6882" si="765">IF($B6819&lt;6,AF$37*$D6819+AF$38*$E6819+AF$39*$F6819+AF$40*$G6819,AF$46*$D6819+AF$47*$E6819+AF$48*$F6819+AF$49*$G6819+AF$50*$H6819)</f>
        <v>0.45321174130726843</v>
      </c>
      <c r="M6819">
        <f t="shared" ref="M6819:M6882" si="766">IF($B6819&lt;6,AG$37*$D6819+AG$38*$E6819+AG$39*$F6819+AG$40*$G6819,AG$46*$D6819+AG$47*$E6819+AG$48*$F6819+AG$49*$G6819+AG$50*$H6819)</f>
        <v>0</v>
      </c>
      <c r="N6819" s="45">
        <f t="shared" si="760"/>
        <v>45209.708333316878</v>
      </c>
    </row>
    <row r="6820" spans="2:14" x14ac:dyDescent="0.25">
      <c r="B6820">
        <f t="shared" si="761"/>
        <v>2</v>
      </c>
      <c r="C6820" s="16">
        <v>6786</v>
      </c>
      <c r="D6820" cm="1">
        <f t="array" ref="D6820">IFERROR(INDEX(Jesper!AH$2:AH$366,ROUNDDOWN($C6820/24,0)+1,1)*INDEX($D$3:$AA$30,INDEX(Jesper!$R$2:$R$366,ROW(INDEX(Jesper!AH$2:AH$366,ROUNDDOWN($C6820/24,0)+1,1))-1)+IF('Standard Profiles'!$G$18=$B$10,7,0)+IF('Standard Profiles'!$G$18=$B$17,14,0)+IF('Standard Profiles'!$G$18=$B$24,21,0),MOD($C6820,24)+1)/SUM(INDEX($D$3:$AA$30,INDEX(Jesper!$R$2:$R$366,ROW(INDEX(Jesper!AH$2:AH$366,ROUNDDOWN($C6820/24,0)+1,1))-1)+IF('Standard Profiles'!$G$18=$B$10,7,0)+IF('Standard Profiles'!$G$18=$B$17,14,0)+IF('Standard Profiles'!$G$18=$B$24,21,0),0)),0)</f>
        <v>5.6084952986774468</v>
      </c>
      <c r="E6820" cm="1">
        <f t="array" ref="E6820">IFERROR(INDEX(Jesper!AI$2:AI$366,ROUNDDOWN($C6820/24,0)+1,1)*INDEX($D$3:$AA$30,INDEX(Jesper!$R$2:$R$366,ROW(INDEX(Jesper!AI$2:AI$366,ROUNDDOWN($C6820/24,0)+1,1))-1)+IF('Standard Profiles'!$G$19=$B$10,7,0)+IF('Standard Profiles'!$G$19=$B$17,14,0)+IF('Standard Profiles'!$G$19=$B$24,21,0),MOD($C6820,24)+1)/SUM(INDEX($D$3:$AA$30,INDEX(Jesper!$R$2:$R$366,ROW(INDEX(Jesper!AI$2:AI$366,ROUNDDOWN($C6820/24,0)+1,1))-1)+IF('Standard Profiles'!$G$19=$B$10,7,0)+IF('Standard Profiles'!$G$19=$B$17,14,0)+IF('Standard Profiles'!$G$19=$B$24,21,0),0)),0)</f>
        <v>2.7739513147989658</v>
      </c>
      <c r="F6820" cm="1">
        <f t="array" ref="F6820">IFERROR(INDEX(Jesper!AJ$2:AJ$366,ROUNDDOWN($C6820/24,0)+1,1)*INDEX($D$3:$AA$30,INDEX(Jesper!$R$2:$R$366,ROW(INDEX(Jesper!AJ$2:AJ$366,ROUNDDOWN($C6820/24,0)+1,1))-1)+IF('Standard Profiles'!$G$20=$B$10,7,0)+IF('Standard Profiles'!$G$20=$B$17,14,0)+IF('Standard Profiles'!$G$20=$B$24,21,0),MOD($C6820,24)+1)/SUM(INDEX($D$3:$AA$30,INDEX(Jesper!$R$2:$R$366,ROW(INDEX(Jesper!AJ$2:AJ$366,ROUNDDOWN($C6820/24,0)+1,1))-1)+IF('Standard Profiles'!$G$20=$B$10,7,0)+IF('Standard Profiles'!$G$20=$B$17,14,0)+IF('Standard Profiles'!$G$20=$B$24,21,0),0)),0)</f>
        <v>0</v>
      </c>
      <c r="G6820" cm="1">
        <f t="array" ref="G6820">IFERROR(INDEX(Jesper!AK$2:AK$366,ROUNDDOWN($C6820/24,0)+1,1)*INDEX($D$3:$AA$30,INDEX(Jesper!$R$2:$R$366,ROW(INDEX(Jesper!AK$2:AK$366,ROUNDDOWN($C6820/24,0)+1,1))-1)+IF('Standard Profiles'!$G$21=$B$10,7,0)+IF('Standard Profiles'!$G$21=$B$17,14,0)+IF('Standard Profiles'!$G$21=$B$24,21,0),MOD($C6820,24)+1)/SUM(INDEX($D$3:$AA$30,INDEX(Jesper!$R$2:$R$366,ROW(INDEX(Jesper!AK$2:AK$366,ROUNDDOWN($C6820/24,0)+1,1))-1)+IF('Standard Profiles'!$G$21=$B$10,7,0)+IF('Standard Profiles'!$G$21=$B$17,14,0)+IF('Standard Profiles'!$G$21=$B$24,21,0),0)),0)</f>
        <v>0.75194696942599293</v>
      </c>
      <c r="H6820" cm="1">
        <f t="array" ref="H6820">IFERROR(INDEX(Jesper!AL$2:AL$366,ROUNDDOWN($C6820/24,0)+1,1)*INDEX($D$3:$AA$30,INDEX(Jesper!$R$2:$R$366,ROW(INDEX(Jesper!AL$2:AL$366,ROUNDDOWN($C6820/24,0)+1,1))-1)+IF('Standard Profiles'!$G$22=$B$10,7,0)+IF('Standard Profiles'!$G$22=$B$17,14,0)+IF('Standard Profiles'!$G$22=$B$24,21,0),MOD($C6820,24)+1)/SUM(INDEX($D$3:$AA$30,INDEX(Jesper!$R$2:$R$366,ROW(INDEX(Jesper!AL$2:AL$366,ROUNDDOWN($C6820/24,0)+1,1))-1)+IF('Standard Profiles'!$G$22=$B$10,7,0)+IF('Standard Profiles'!$G$22=$B$17,14,0)+IF('Standard Profiles'!$G$22=$B$24,21,0),0)),0)</f>
        <v>0</v>
      </c>
      <c r="I6820">
        <f t="shared" si="762"/>
        <v>0.36093454532447644</v>
      </c>
      <c r="J6820">
        <f t="shared" si="763"/>
        <v>7.8760997897895377</v>
      </c>
      <c r="K6820">
        <f t="shared" si="764"/>
        <v>0.59823949852559433</v>
      </c>
      <c r="L6820">
        <f t="shared" si="765"/>
        <v>0.29911974926279716</v>
      </c>
      <c r="M6820">
        <f t="shared" si="766"/>
        <v>0</v>
      </c>
      <c r="N6820" s="45">
        <f t="shared" ref="N6820:N6883" si="767">N6819+1/24</f>
        <v>45209.749999983542</v>
      </c>
    </row>
    <row r="6821" spans="2:14" x14ac:dyDescent="0.25">
      <c r="B6821">
        <f t="shared" si="761"/>
        <v>2</v>
      </c>
      <c r="C6821" s="16">
        <v>6787</v>
      </c>
      <c r="D6821" cm="1">
        <f t="array" ref="D6821">IFERROR(INDEX(Jesper!AH$2:AH$366,ROUNDDOWN($C6821/24,0)+1,1)*INDEX($D$3:$AA$30,INDEX(Jesper!$R$2:$R$366,ROW(INDEX(Jesper!AH$2:AH$366,ROUNDDOWN($C6821/24,0)+1,1))-1)+IF('Standard Profiles'!$G$18=$B$10,7,0)+IF('Standard Profiles'!$G$18=$B$17,14,0)+IF('Standard Profiles'!$G$18=$B$24,21,0),MOD($C6821,24)+1)/SUM(INDEX($D$3:$AA$30,INDEX(Jesper!$R$2:$R$366,ROW(INDEX(Jesper!AH$2:AH$366,ROUNDDOWN($C6821/24,0)+1,1))-1)+IF('Standard Profiles'!$G$18=$B$10,7,0)+IF('Standard Profiles'!$G$18=$B$17,14,0)+IF('Standard Profiles'!$G$18=$B$24,21,0),0)),0)</f>
        <v>5.6084952986774468</v>
      </c>
      <c r="E6821" cm="1">
        <f t="array" ref="E6821">IFERROR(INDEX(Jesper!AI$2:AI$366,ROUNDDOWN($C6821/24,0)+1,1)*INDEX($D$3:$AA$30,INDEX(Jesper!$R$2:$R$366,ROW(INDEX(Jesper!AI$2:AI$366,ROUNDDOWN($C6821/24,0)+1,1))-1)+IF('Standard Profiles'!$G$19=$B$10,7,0)+IF('Standard Profiles'!$G$19=$B$17,14,0)+IF('Standard Profiles'!$G$19=$B$24,21,0),MOD($C6821,24)+1)/SUM(INDEX($D$3:$AA$30,INDEX(Jesper!$R$2:$R$366,ROW(INDEX(Jesper!AI$2:AI$366,ROUNDDOWN($C6821/24,0)+1,1))-1)+IF('Standard Profiles'!$G$19=$B$10,7,0)+IF('Standard Profiles'!$G$19=$B$17,14,0)+IF('Standard Profiles'!$G$19=$B$24,21,0),0)),0)</f>
        <v>2.7739513147989658</v>
      </c>
      <c r="F6821" cm="1">
        <f t="array" ref="F6821">IFERROR(INDEX(Jesper!AJ$2:AJ$366,ROUNDDOWN($C6821/24,0)+1,1)*INDEX($D$3:$AA$30,INDEX(Jesper!$R$2:$R$366,ROW(INDEX(Jesper!AJ$2:AJ$366,ROUNDDOWN($C6821/24,0)+1,1))-1)+IF('Standard Profiles'!$G$20=$B$10,7,0)+IF('Standard Profiles'!$G$20=$B$17,14,0)+IF('Standard Profiles'!$G$20=$B$24,21,0),MOD($C6821,24)+1)/SUM(INDEX($D$3:$AA$30,INDEX(Jesper!$R$2:$R$366,ROW(INDEX(Jesper!AJ$2:AJ$366,ROUNDDOWN($C6821/24,0)+1,1))-1)+IF('Standard Profiles'!$G$20=$B$10,7,0)+IF('Standard Profiles'!$G$20=$B$17,14,0)+IF('Standard Profiles'!$G$20=$B$24,21,0),0)),0)</f>
        <v>0</v>
      </c>
      <c r="G6821" cm="1">
        <f t="array" ref="G6821">IFERROR(INDEX(Jesper!AK$2:AK$366,ROUNDDOWN($C6821/24,0)+1,1)*INDEX($D$3:$AA$30,INDEX(Jesper!$R$2:$R$366,ROW(INDEX(Jesper!AK$2:AK$366,ROUNDDOWN($C6821/24,0)+1,1))-1)+IF('Standard Profiles'!$G$21=$B$10,7,0)+IF('Standard Profiles'!$G$21=$B$17,14,0)+IF('Standard Profiles'!$G$21=$B$24,21,0),MOD($C6821,24)+1)/SUM(INDEX($D$3:$AA$30,INDEX(Jesper!$R$2:$R$366,ROW(INDEX(Jesper!AK$2:AK$366,ROUNDDOWN($C6821/24,0)+1,1))-1)+IF('Standard Profiles'!$G$21=$B$10,7,0)+IF('Standard Profiles'!$G$21=$B$17,14,0)+IF('Standard Profiles'!$G$21=$B$24,21,0),0)),0)</f>
        <v>0.75194696942599293</v>
      </c>
      <c r="H6821" cm="1">
        <f t="array" ref="H6821">IFERROR(INDEX(Jesper!AL$2:AL$366,ROUNDDOWN($C6821/24,0)+1,1)*INDEX($D$3:$AA$30,INDEX(Jesper!$R$2:$R$366,ROW(INDEX(Jesper!AL$2:AL$366,ROUNDDOWN($C6821/24,0)+1,1))-1)+IF('Standard Profiles'!$G$22=$B$10,7,0)+IF('Standard Profiles'!$G$22=$B$17,14,0)+IF('Standard Profiles'!$G$22=$B$24,21,0),MOD($C6821,24)+1)/SUM(INDEX($D$3:$AA$30,INDEX(Jesper!$R$2:$R$366,ROW(INDEX(Jesper!AL$2:AL$366,ROUNDDOWN($C6821/24,0)+1,1))-1)+IF('Standard Profiles'!$G$22=$B$10,7,0)+IF('Standard Profiles'!$G$22=$B$17,14,0)+IF('Standard Profiles'!$G$22=$B$24,21,0),0)),0)</f>
        <v>0</v>
      </c>
      <c r="I6821">
        <f t="shared" si="762"/>
        <v>0.36093454532447644</v>
      </c>
      <c r="J6821">
        <f t="shared" si="763"/>
        <v>7.8760997897895377</v>
      </c>
      <c r="K6821">
        <f t="shared" si="764"/>
        <v>0.59823949852559433</v>
      </c>
      <c r="L6821">
        <f t="shared" si="765"/>
        <v>0.29911974926279716</v>
      </c>
      <c r="M6821">
        <f t="shared" si="766"/>
        <v>0</v>
      </c>
      <c r="N6821" s="45">
        <f t="shared" si="767"/>
        <v>45209.791666650206</v>
      </c>
    </row>
    <row r="6822" spans="2:14" x14ac:dyDescent="0.25">
      <c r="B6822">
        <f t="shared" si="761"/>
        <v>2</v>
      </c>
      <c r="C6822" s="16">
        <v>6788</v>
      </c>
      <c r="D6822" cm="1">
        <f t="array" ref="D6822">IFERROR(INDEX(Jesper!AH$2:AH$366,ROUNDDOWN($C6822/24,0)+1,1)*INDEX($D$3:$AA$30,INDEX(Jesper!$R$2:$R$366,ROW(INDEX(Jesper!AH$2:AH$366,ROUNDDOWN($C6822/24,0)+1,1))-1)+IF('Standard Profiles'!$G$18=$B$10,7,0)+IF('Standard Profiles'!$G$18=$B$17,14,0)+IF('Standard Profiles'!$G$18=$B$24,21,0),MOD($C6822,24)+1)/SUM(INDEX($D$3:$AA$30,INDEX(Jesper!$R$2:$R$366,ROW(INDEX(Jesper!AH$2:AH$366,ROUNDDOWN($C6822/24,0)+1,1))-1)+IF('Standard Profiles'!$G$18=$B$10,7,0)+IF('Standard Profiles'!$G$18=$B$17,14,0)+IF('Standard Profiles'!$G$18=$B$24,21,0),0)),0)</f>
        <v>5.6084952986774468</v>
      </c>
      <c r="E6822" cm="1">
        <f t="array" ref="E6822">IFERROR(INDEX(Jesper!AI$2:AI$366,ROUNDDOWN($C6822/24,0)+1,1)*INDEX($D$3:$AA$30,INDEX(Jesper!$R$2:$R$366,ROW(INDEX(Jesper!AI$2:AI$366,ROUNDDOWN($C6822/24,0)+1,1))-1)+IF('Standard Profiles'!$G$19=$B$10,7,0)+IF('Standard Profiles'!$G$19=$B$17,14,0)+IF('Standard Profiles'!$G$19=$B$24,21,0),MOD($C6822,24)+1)/SUM(INDEX($D$3:$AA$30,INDEX(Jesper!$R$2:$R$366,ROW(INDEX(Jesper!AI$2:AI$366,ROUNDDOWN($C6822/24,0)+1,1))-1)+IF('Standard Profiles'!$G$19=$B$10,7,0)+IF('Standard Profiles'!$G$19=$B$17,14,0)+IF('Standard Profiles'!$G$19=$B$24,21,0),0)),0)</f>
        <v>2.7739513147989658</v>
      </c>
      <c r="F6822" cm="1">
        <f t="array" ref="F6822">IFERROR(INDEX(Jesper!AJ$2:AJ$366,ROUNDDOWN($C6822/24,0)+1,1)*INDEX($D$3:$AA$30,INDEX(Jesper!$R$2:$R$366,ROW(INDEX(Jesper!AJ$2:AJ$366,ROUNDDOWN($C6822/24,0)+1,1))-1)+IF('Standard Profiles'!$G$20=$B$10,7,0)+IF('Standard Profiles'!$G$20=$B$17,14,0)+IF('Standard Profiles'!$G$20=$B$24,21,0),MOD($C6822,24)+1)/SUM(INDEX($D$3:$AA$30,INDEX(Jesper!$R$2:$R$366,ROW(INDEX(Jesper!AJ$2:AJ$366,ROUNDDOWN($C6822/24,0)+1,1))-1)+IF('Standard Profiles'!$G$20=$B$10,7,0)+IF('Standard Profiles'!$G$20=$B$17,14,0)+IF('Standard Profiles'!$G$20=$B$24,21,0),0)),0)</f>
        <v>0</v>
      </c>
      <c r="G6822" cm="1">
        <f t="array" ref="G6822">IFERROR(INDEX(Jesper!AK$2:AK$366,ROUNDDOWN($C6822/24,0)+1,1)*INDEX($D$3:$AA$30,INDEX(Jesper!$R$2:$R$366,ROW(INDEX(Jesper!AK$2:AK$366,ROUNDDOWN($C6822/24,0)+1,1))-1)+IF('Standard Profiles'!$G$21=$B$10,7,0)+IF('Standard Profiles'!$G$21=$B$17,14,0)+IF('Standard Profiles'!$G$21=$B$24,21,0),MOD($C6822,24)+1)/SUM(INDEX($D$3:$AA$30,INDEX(Jesper!$R$2:$R$366,ROW(INDEX(Jesper!AK$2:AK$366,ROUNDDOWN($C6822/24,0)+1,1))-1)+IF('Standard Profiles'!$G$21=$B$10,7,0)+IF('Standard Profiles'!$G$21=$B$17,14,0)+IF('Standard Profiles'!$G$21=$B$24,21,0),0)),0)</f>
        <v>0.75194696942599293</v>
      </c>
      <c r="H6822" cm="1">
        <f t="array" ref="H6822">IFERROR(INDEX(Jesper!AL$2:AL$366,ROUNDDOWN($C6822/24,0)+1,1)*INDEX($D$3:$AA$30,INDEX(Jesper!$R$2:$R$366,ROW(INDEX(Jesper!AL$2:AL$366,ROUNDDOWN($C6822/24,0)+1,1))-1)+IF('Standard Profiles'!$G$22=$B$10,7,0)+IF('Standard Profiles'!$G$22=$B$17,14,0)+IF('Standard Profiles'!$G$22=$B$24,21,0),MOD($C6822,24)+1)/SUM(INDEX($D$3:$AA$30,INDEX(Jesper!$R$2:$R$366,ROW(INDEX(Jesper!AL$2:AL$366,ROUNDDOWN($C6822/24,0)+1,1))-1)+IF('Standard Profiles'!$G$22=$B$10,7,0)+IF('Standard Profiles'!$G$22=$B$17,14,0)+IF('Standard Profiles'!$G$22=$B$24,21,0),0)),0)</f>
        <v>0</v>
      </c>
      <c r="I6822">
        <f t="shared" si="762"/>
        <v>0.36093454532447644</v>
      </c>
      <c r="J6822">
        <f t="shared" si="763"/>
        <v>7.8760997897895377</v>
      </c>
      <c r="K6822">
        <f t="shared" si="764"/>
        <v>0.59823949852559433</v>
      </c>
      <c r="L6822">
        <f t="shared" si="765"/>
        <v>0.29911974926279716</v>
      </c>
      <c r="M6822">
        <f t="shared" si="766"/>
        <v>0</v>
      </c>
      <c r="N6822" s="45">
        <f t="shared" si="767"/>
        <v>45209.83333331687</v>
      </c>
    </row>
    <row r="6823" spans="2:14" x14ac:dyDescent="0.25">
      <c r="B6823">
        <f t="shared" si="761"/>
        <v>2</v>
      </c>
      <c r="C6823" s="16">
        <v>6789</v>
      </c>
      <c r="D6823" cm="1">
        <f t="array" ref="D6823">IFERROR(INDEX(Jesper!AH$2:AH$366,ROUNDDOWN($C6823/24,0)+1,1)*INDEX($D$3:$AA$30,INDEX(Jesper!$R$2:$R$366,ROW(INDEX(Jesper!AH$2:AH$366,ROUNDDOWN($C6823/24,0)+1,1))-1)+IF('Standard Profiles'!$G$18=$B$10,7,0)+IF('Standard Profiles'!$G$18=$B$17,14,0)+IF('Standard Profiles'!$G$18=$B$24,21,0),MOD($C6823,24)+1)/SUM(INDEX($D$3:$AA$30,INDEX(Jesper!$R$2:$R$366,ROW(INDEX(Jesper!AH$2:AH$366,ROUNDDOWN($C6823/24,0)+1,1))-1)+IF('Standard Profiles'!$G$18=$B$10,7,0)+IF('Standard Profiles'!$G$18=$B$17,14,0)+IF('Standard Profiles'!$G$18=$B$24,21,0),0)),0)</f>
        <v>5.6084952986774468</v>
      </c>
      <c r="E6823" cm="1">
        <f t="array" ref="E6823">IFERROR(INDEX(Jesper!AI$2:AI$366,ROUNDDOWN($C6823/24,0)+1,1)*INDEX($D$3:$AA$30,INDEX(Jesper!$R$2:$R$366,ROW(INDEX(Jesper!AI$2:AI$366,ROUNDDOWN($C6823/24,0)+1,1))-1)+IF('Standard Profiles'!$G$19=$B$10,7,0)+IF('Standard Profiles'!$G$19=$B$17,14,0)+IF('Standard Profiles'!$G$19=$B$24,21,0),MOD($C6823,24)+1)/SUM(INDEX($D$3:$AA$30,INDEX(Jesper!$R$2:$R$366,ROW(INDEX(Jesper!AI$2:AI$366,ROUNDDOWN($C6823/24,0)+1,1))-1)+IF('Standard Profiles'!$G$19=$B$10,7,0)+IF('Standard Profiles'!$G$19=$B$17,14,0)+IF('Standard Profiles'!$G$19=$B$24,21,0),0)),0)</f>
        <v>2.7739513147989658</v>
      </c>
      <c r="F6823" cm="1">
        <f t="array" ref="F6823">IFERROR(INDEX(Jesper!AJ$2:AJ$366,ROUNDDOWN($C6823/24,0)+1,1)*INDEX($D$3:$AA$30,INDEX(Jesper!$R$2:$R$366,ROW(INDEX(Jesper!AJ$2:AJ$366,ROUNDDOWN($C6823/24,0)+1,1))-1)+IF('Standard Profiles'!$G$20=$B$10,7,0)+IF('Standard Profiles'!$G$20=$B$17,14,0)+IF('Standard Profiles'!$G$20=$B$24,21,0),MOD($C6823,24)+1)/SUM(INDEX($D$3:$AA$30,INDEX(Jesper!$R$2:$R$366,ROW(INDEX(Jesper!AJ$2:AJ$366,ROUNDDOWN($C6823/24,0)+1,1))-1)+IF('Standard Profiles'!$G$20=$B$10,7,0)+IF('Standard Profiles'!$G$20=$B$17,14,0)+IF('Standard Profiles'!$G$20=$B$24,21,0),0)),0)</f>
        <v>0</v>
      </c>
      <c r="G6823" cm="1">
        <f t="array" ref="G6823">IFERROR(INDEX(Jesper!AK$2:AK$366,ROUNDDOWN($C6823/24,0)+1,1)*INDEX($D$3:$AA$30,INDEX(Jesper!$R$2:$R$366,ROW(INDEX(Jesper!AK$2:AK$366,ROUNDDOWN($C6823/24,0)+1,1))-1)+IF('Standard Profiles'!$G$21=$B$10,7,0)+IF('Standard Profiles'!$G$21=$B$17,14,0)+IF('Standard Profiles'!$G$21=$B$24,21,0),MOD($C6823,24)+1)/SUM(INDEX($D$3:$AA$30,INDEX(Jesper!$R$2:$R$366,ROW(INDEX(Jesper!AK$2:AK$366,ROUNDDOWN($C6823/24,0)+1,1))-1)+IF('Standard Profiles'!$G$21=$B$10,7,0)+IF('Standard Profiles'!$G$21=$B$17,14,0)+IF('Standard Profiles'!$G$21=$B$24,21,0),0)),0)</f>
        <v>0.75194696942599293</v>
      </c>
      <c r="H6823" cm="1">
        <f t="array" ref="H6823">IFERROR(INDEX(Jesper!AL$2:AL$366,ROUNDDOWN($C6823/24,0)+1,1)*INDEX($D$3:$AA$30,INDEX(Jesper!$R$2:$R$366,ROW(INDEX(Jesper!AL$2:AL$366,ROUNDDOWN($C6823/24,0)+1,1))-1)+IF('Standard Profiles'!$G$22=$B$10,7,0)+IF('Standard Profiles'!$G$22=$B$17,14,0)+IF('Standard Profiles'!$G$22=$B$24,21,0),MOD($C6823,24)+1)/SUM(INDEX($D$3:$AA$30,INDEX(Jesper!$R$2:$R$366,ROW(INDEX(Jesper!AL$2:AL$366,ROUNDDOWN($C6823/24,0)+1,1))-1)+IF('Standard Profiles'!$G$22=$B$10,7,0)+IF('Standard Profiles'!$G$22=$B$17,14,0)+IF('Standard Profiles'!$G$22=$B$24,21,0),0)),0)</f>
        <v>0</v>
      </c>
      <c r="I6823">
        <f t="shared" si="762"/>
        <v>0.36093454532447644</v>
      </c>
      <c r="J6823">
        <f t="shared" si="763"/>
        <v>7.8760997897895377</v>
      </c>
      <c r="K6823">
        <f t="shared" si="764"/>
        <v>0.59823949852559433</v>
      </c>
      <c r="L6823">
        <f t="shared" si="765"/>
        <v>0.29911974926279716</v>
      </c>
      <c r="M6823">
        <f t="shared" si="766"/>
        <v>0</v>
      </c>
      <c r="N6823" s="45">
        <f t="shared" si="767"/>
        <v>45209.874999983535</v>
      </c>
    </row>
    <row r="6824" spans="2:14" x14ac:dyDescent="0.25">
      <c r="B6824">
        <f t="shared" si="761"/>
        <v>2</v>
      </c>
      <c r="C6824" s="16">
        <v>6790</v>
      </c>
      <c r="D6824" cm="1">
        <f t="array" ref="D6824">IFERROR(INDEX(Jesper!AH$2:AH$366,ROUNDDOWN($C6824/24,0)+1,1)*INDEX($D$3:$AA$30,INDEX(Jesper!$R$2:$R$366,ROW(INDEX(Jesper!AH$2:AH$366,ROUNDDOWN($C6824/24,0)+1,1))-1)+IF('Standard Profiles'!$G$18=$B$10,7,0)+IF('Standard Profiles'!$G$18=$B$17,14,0)+IF('Standard Profiles'!$G$18=$B$24,21,0),MOD($C6824,24)+1)/SUM(INDEX($D$3:$AA$30,INDEX(Jesper!$R$2:$R$366,ROW(INDEX(Jesper!AH$2:AH$366,ROUNDDOWN($C6824/24,0)+1,1))-1)+IF('Standard Profiles'!$G$18=$B$10,7,0)+IF('Standard Profiles'!$G$18=$B$17,14,0)+IF('Standard Profiles'!$G$18=$B$24,21,0),0)),0)</f>
        <v>5.6084952986774468</v>
      </c>
      <c r="E6824" cm="1">
        <f t="array" ref="E6824">IFERROR(INDEX(Jesper!AI$2:AI$366,ROUNDDOWN($C6824/24,0)+1,1)*INDEX($D$3:$AA$30,INDEX(Jesper!$R$2:$R$366,ROW(INDEX(Jesper!AI$2:AI$366,ROUNDDOWN($C6824/24,0)+1,1))-1)+IF('Standard Profiles'!$G$19=$B$10,7,0)+IF('Standard Profiles'!$G$19=$B$17,14,0)+IF('Standard Profiles'!$G$19=$B$24,21,0),MOD($C6824,24)+1)/SUM(INDEX($D$3:$AA$30,INDEX(Jesper!$R$2:$R$366,ROW(INDEX(Jesper!AI$2:AI$366,ROUNDDOWN($C6824/24,0)+1,1))-1)+IF('Standard Profiles'!$G$19=$B$10,7,0)+IF('Standard Profiles'!$G$19=$B$17,14,0)+IF('Standard Profiles'!$G$19=$B$24,21,0),0)),0)</f>
        <v>2.7739513147989658</v>
      </c>
      <c r="F6824" cm="1">
        <f t="array" ref="F6824">IFERROR(INDEX(Jesper!AJ$2:AJ$366,ROUNDDOWN($C6824/24,0)+1,1)*INDEX($D$3:$AA$30,INDEX(Jesper!$R$2:$R$366,ROW(INDEX(Jesper!AJ$2:AJ$366,ROUNDDOWN($C6824/24,0)+1,1))-1)+IF('Standard Profiles'!$G$20=$B$10,7,0)+IF('Standard Profiles'!$G$20=$B$17,14,0)+IF('Standard Profiles'!$G$20=$B$24,21,0),MOD($C6824,24)+1)/SUM(INDEX($D$3:$AA$30,INDEX(Jesper!$R$2:$R$366,ROW(INDEX(Jesper!AJ$2:AJ$366,ROUNDDOWN($C6824/24,0)+1,1))-1)+IF('Standard Profiles'!$G$20=$B$10,7,0)+IF('Standard Profiles'!$G$20=$B$17,14,0)+IF('Standard Profiles'!$G$20=$B$24,21,0),0)),0)</f>
        <v>0</v>
      </c>
      <c r="G6824" cm="1">
        <f t="array" ref="G6824">IFERROR(INDEX(Jesper!AK$2:AK$366,ROUNDDOWN($C6824/24,0)+1,1)*INDEX($D$3:$AA$30,INDEX(Jesper!$R$2:$R$366,ROW(INDEX(Jesper!AK$2:AK$366,ROUNDDOWN($C6824/24,0)+1,1))-1)+IF('Standard Profiles'!$G$21=$B$10,7,0)+IF('Standard Profiles'!$G$21=$B$17,14,0)+IF('Standard Profiles'!$G$21=$B$24,21,0),MOD($C6824,24)+1)/SUM(INDEX($D$3:$AA$30,INDEX(Jesper!$R$2:$R$366,ROW(INDEX(Jesper!AK$2:AK$366,ROUNDDOWN($C6824/24,0)+1,1))-1)+IF('Standard Profiles'!$G$21=$B$10,7,0)+IF('Standard Profiles'!$G$21=$B$17,14,0)+IF('Standard Profiles'!$G$21=$B$24,21,0),0)),0)</f>
        <v>0.75194696942599293</v>
      </c>
      <c r="H6824" cm="1">
        <f t="array" ref="H6824">IFERROR(INDEX(Jesper!AL$2:AL$366,ROUNDDOWN($C6824/24,0)+1,1)*INDEX($D$3:$AA$30,INDEX(Jesper!$R$2:$R$366,ROW(INDEX(Jesper!AL$2:AL$366,ROUNDDOWN($C6824/24,0)+1,1))-1)+IF('Standard Profiles'!$G$22=$B$10,7,0)+IF('Standard Profiles'!$G$22=$B$17,14,0)+IF('Standard Profiles'!$G$22=$B$24,21,0),MOD($C6824,24)+1)/SUM(INDEX($D$3:$AA$30,INDEX(Jesper!$R$2:$R$366,ROW(INDEX(Jesper!AL$2:AL$366,ROUNDDOWN($C6824/24,0)+1,1))-1)+IF('Standard Profiles'!$G$22=$B$10,7,0)+IF('Standard Profiles'!$G$22=$B$17,14,0)+IF('Standard Profiles'!$G$22=$B$24,21,0),0)),0)</f>
        <v>0</v>
      </c>
      <c r="I6824">
        <f t="shared" si="762"/>
        <v>0.36093454532447644</v>
      </c>
      <c r="J6824">
        <f t="shared" si="763"/>
        <v>7.8760997897895377</v>
      </c>
      <c r="K6824">
        <f t="shared" si="764"/>
        <v>0.59823949852559433</v>
      </c>
      <c r="L6824">
        <f t="shared" si="765"/>
        <v>0.29911974926279716</v>
      </c>
      <c r="M6824">
        <f t="shared" si="766"/>
        <v>0</v>
      </c>
      <c r="N6824" s="45">
        <f t="shared" si="767"/>
        <v>45209.916666650199</v>
      </c>
    </row>
    <row r="6825" spans="2:14" x14ac:dyDescent="0.25">
      <c r="B6825">
        <f t="shared" si="761"/>
        <v>2</v>
      </c>
      <c r="C6825" s="16">
        <v>6791</v>
      </c>
      <c r="D6825" cm="1">
        <f t="array" ref="D6825">IFERROR(INDEX(Jesper!AH$2:AH$366,ROUNDDOWN($C6825/24,0)+1,1)*INDEX($D$3:$AA$30,INDEX(Jesper!$R$2:$R$366,ROW(INDEX(Jesper!AH$2:AH$366,ROUNDDOWN($C6825/24,0)+1,1))-1)+IF('Standard Profiles'!$G$18=$B$10,7,0)+IF('Standard Profiles'!$G$18=$B$17,14,0)+IF('Standard Profiles'!$G$18=$B$24,21,0),MOD($C6825,24)+1)/SUM(INDEX($D$3:$AA$30,INDEX(Jesper!$R$2:$R$366,ROW(INDEX(Jesper!AH$2:AH$366,ROUNDDOWN($C6825/24,0)+1,1))-1)+IF('Standard Profiles'!$G$18=$B$10,7,0)+IF('Standard Profiles'!$G$18=$B$17,14,0)+IF('Standard Profiles'!$G$18=$B$24,21,0),0)),0)</f>
        <v>5.6084952986774468</v>
      </c>
      <c r="E6825" cm="1">
        <f t="array" ref="E6825">IFERROR(INDEX(Jesper!AI$2:AI$366,ROUNDDOWN($C6825/24,0)+1,1)*INDEX($D$3:$AA$30,INDEX(Jesper!$R$2:$R$366,ROW(INDEX(Jesper!AI$2:AI$366,ROUNDDOWN($C6825/24,0)+1,1))-1)+IF('Standard Profiles'!$G$19=$B$10,7,0)+IF('Standard Profiles'!$G$19=$B$17,14,0)+IF('Standard Profiles'!$G$19=$B$24,21,0),MOD($C6825,24)+1)/SUM(INDEX($D$3:$AA$30,INDEX(Jesper!$R$2:$R$366,ROW(INDEX(Jesper!AI$2:AI$366,ROUNDDOWN($C6825/24,0)+1,1))-1)+IF('Standard Profiles'!$G$19=$B$10,7,0)+IF('Standard Profiles'!$G$19=$B$17,14,0)+IF('Standard Profiles'!$G$19=$B$24,21,0),0)),0)</f>
        <v>2.7739513147989658</v>
      </c>
      <c r="F6825" cm="1">
        <f t="array" ref="F6825">IFERROR(INDEX(Jesper!AJ$2:AJ$366,ROUNDDOWN($C6825/24,0)+1,1)*INDEX($D$3:$AA$30,INDEX(Jesper!$R$2:$R$366,ROW(INDEX(Jesper!AJ$2:AJ$366,ROUNDDOWN($C6825/24,0)+1,1))-1)+IF('Standard Profiles'!$G$20=$B$10,7,0)+IF('Standard Profiles'!$G$20=$B$17,14,0)+IF('Standard Profiles'!$G$20=$B$24,21,0),MOD($C6825,24)+1)/SUM(INDEX($D$3:$AA$30,INDEX(Jesper!$R$2:$R$366,ROW(INDEX(Jesper!AJ$2:AJ$366,ROUNDDOWN($C6825/24,0)+1,1))-1)+IF('Standard Profiles'!$G$20=$B$10,7,0)+IF('Standard Profiles'!$G$20=$B$17,14,0)+IF('Standard Profiles'!$G$20=$B$24,21,0),0)),0)</f>
        <v>0</v>
      </c>
      <c r="G6825" cm="1">
        <f t="array" ref="G6825">IFERROR(INDEX(Jesper!AK$2:AK$366,ROUNDDOWN($C6825/24,0)+1,1)*INDEX($D$3:$AA$30,INDEX(Jesper!$R$2:$R$366,ROW(INDEX(Jesper!AK$2:AK$366,ROUNDDOWN($C6825/24,0)+1,1))-1)+IF('Standard Profiles'!$G$21=$B$10,7,0)+IF('Standard Profiles'!$G$21=$B$17,14,0)+IF('Standard Profiles'!$G$21=$B$24,21,0),MOD($C6825,24)+1)/SUM(INDEX($D$3:$AA$30,INDEX(Jesper!$R$2:$R$366,ROW(INDEX(Jesper!AK$2:AK$366,ROUNDDOWN($C6825/24,0)+1,1))-1)+IF('Standard Profiles'!$G$21=$B$10,7,0)+IF('Standard Profiles'!$G$21=$B$17,14,0)+IF('Standard Profiles'!$G$21=$B$24,21,0),0)),0)</f>
        <v>0.75194696942599293</v>
      </c>
      <c r="H6825" cm="1">
        <f t="array" ref="H6825">IFERROR(INDEX(Jesper!AL$2:AL$366,ROUNDDOWN($C6825/24,0)+1,1)*INDEX($D$3:$AA$30,INDEX(Jesper!$R$2:$R$366,ROW(INDEX(Jesper!AL$2:AL$366,ROUNDDOWN($C6825/24,0)+1,1))-1)+IF('Standard Profiles'!$G$22=$B$10,7,0)+IF('Standard Profiles'!$G$22=$B$17,14,0)+IF('Standard Profiles'!$G$22=$B$24,21,0),MOD($C6825,24)+1)/SUM(INDEX($D$3:$AA$30,INDEX(Jesper!$R$2:$R$366,ROW(INDEX(Jesper!AL$2:AL$366,ROUNDDOWN($C6825/24,0)+1,1))-1)+IF('Standard Profiles'!$G$22=$B$10,7,0)+IF('Standard Profiles'!$G$22=$B$17,14,0)+IF('Standard Profiles'!$G$22=$B$24,21,0),0)),0)</f>
        <v>0</v>
      </c>
      <c r="I6825">
        <f t="shared" si="762"/>
        <v>0.36093454532447644</v>
      </c>
      <c r="J6825">
        <f t="shared" si="763"/>
        <v>7.8760997897895377</v>
      </c>
      <c r="K6825">
        <f t="shared" si="764"/>
        <v>0.59823949852559433</v>
      </c>
      <c r="L6825">
        <f t="shared" si="765"/>
        <v>0.29911974926279716</v>
      </c>
      <c r="M6825">
        <f t="shared" si="766"/>
        <v>0</v>
      </c>
      <c r="N6825" s="45">
        <f t="shared" si="767"/>
        <v>45209.958333316863</v>
      </c>
    </row>
    <row r="6826" spans="2:14" x14ac:dyDescent="0.25">
      <c r="B6826">
        <f t="shared" si="761"/>
        <v>3</v>
      </c>
      <c r="C6826" s="16">
        <v>6792</v>
      </c>
      <c r="D6826" cm="1">
        <f t="array" ref="D6826">IFERROR(INDEX(Jesper!AH$2:AH$366,ROUNDDOWN($C6826/24,0)+1,1)*INDEX($D$3:$AA$30,INDEX(Jesper!$R$2:$R$366,ROW(INDEX(Jesper!AH$2:AH$366,ROUNDDOWN($C6826/24,0)+1,1))-1)+IF('Standard Profiles'!$G$18=$B$10,7,0)+IF('Standard Profiles'!$G$18=$B$17,14,0)+IF('Standard Profiles'!$G$18=$B$24,21,0),MOD($C6826,24)+1)/SUM(INDEX($D$3:$AA$30,INDEX(Jesper!$R$2:$R$366,ROW(INDEX(Jesper!AH$2:AH$366,ROUNDDOWN($C6826/24,0)+1,1))-1)+IF('Standard Profiles'!$G$18=$B$10,7,0)+IF('Standard Profiles'!$G$18=$B$17,14,0)+IF('Standard Profiles'!$G$18=$B$24,21,0),0)),0)</f>
        <v>5.5025543842630373</v>
      </c>
      <c r="E6826" cm="1">
        <f t="array" ref="E6826">IFERROR(INDEX(Jesper!AI$2:AI$366,ROUNDDOWN($C6826/24,0)+1,1)*INDEX($D$3:$AA$30,INDEX(Jesper!$R$2:$R$366,ROW(INDEX(Jesper!AI$2:AI$366,ROUNDDOWN($C6826/24,0)+1,1))-1)+IF('Standard Profiles'!$G$19=$B$10,7,0)+IF('Standard Profiles'!$G$19=$B$17,14,0)+IF('Standard Profiles'!$G$19=$B$24,21,0),MOD($C6826,24)+1)/SUM(INDEX($D$3:$AA$30,INDEX(Jesper!$R$2:$R$366,ROW(INDEX(Jesper!AI$2:AI$366,ROUNDDOWN($C6826/24,0)+1,1))-1)+IF('Standard Profiles'!$G$19=$B$10,7,0)+IF('Standard Profiles'!$G$19=$B$17,14,0)+IF('Standard Profiles'!$G$19=$B$24,21,0),0)),0)</f>
        <v>2.5599519288464183</v>
      </c>
      <c r="F6826" cm="1">
        <f t="array" ref="F6826">IFERROR(INDEX(Jesper!AJ$2:AJ$366,ROUNDDOWN($C6826/24,0)+1,1)*INDEX($D$3:$AA$30,INDEX(Jesper!$R$2:$R$366,ROW(INDEX(Jesper!AJ$2:AJ$366,ROUNDDOWN($C6826/24,0)+1,1))-1)+IF('Standard Profiles'!$G$20=$B$10,7,0)+IF('Standard Profiles'!$G$20=$B$17,14,0)+IF('Standard Profiles'!$G$20=$B$24,21,0),MOD($C6826,24)+1)/SUM(INDEX($D$3:$AA$30,INDEX(Jesper!$R$2:$R$366,ROW(INDEX(Jesper!AJ$2:AJ$366,ROUNDDOWN($C6826/24,0)+1,1))-1)+IF('Standard Profiles'!$G$20=$B$10,7,0)+IF('Standard Profiles'!$G$20=$B$17,14,0)+IF('Standard Profiles'!$G$20=$B$24,21,0),0)),0)</f>
        <v>0</v>
      </c>
      <c r="G6826" cm="1">
        <f t="array" ref="G6826">IFERROR(INDEX(Jesper!AK$2:AK$366,ROUNDDOWN($C6826/24,0)+1,1)*INDEX($D$3:$AA$30,INDEX(Jesper!$R$2:$R$366,ROW(INDEX(Jesper!AK$2:AK$366,ROUNDDOWN($C6826/24,0)+1,1))-1)+IF('Standard Profiles'!$G$21=$B$10,7,0)+IF('Standard Profiles'!$G$21=$B$17,14,0)+IF('Standard Profiles'!$G$21=$B$24,21,0),MOD($C6826,24)+1)/SUM(INDEX($D$3:$AA$30,INDEX(Jesper!$R$2:$R$366,ROW(INDEX(Jesper!AK$2:AK$366,ROUNDDOWN($C6826/24,0)+1,1))-1)+IF('Standard Profiles'!$G$21=$B$10,7,0)+IF('Standard Profiles'!$G$21=$B$17,14,0)+IF('Standard Profiles'!$G$21=$B$24,21,0),0)),0)</f>
        <v>0.62544280916414408</v>
      </c>
      <c r="H6826" cm="1">
        <f t="array" ref="H6826">IFERROR(INDEX(Jesper!AL$2:AL$366,ROUNDDOWN($C6826/24,0)+1,1)*INDEX($D$3:$AA$30,INDEX(Jesper!$R$2:$R$366,ROW(INDEX(Jesper!AL$2:AL$366,ROUNDDOWN($C6826/24,0)+1,1))-1)+IF('Standard Profiles'!$G$22=$B$10,7,0)+IF('Standard Profiles'!$G$22=$B$17,14,0)+IF('Standard Profiles'!$G$22=$B$24,21,0),MOD($C6826,24)+1)/SUM(INDEX($D$3:$AA$30,INDEX(Jesper!$R$2:$R$366,ROW(INDEX(Jesper!AL$2:AL$366,ROUNDDOWN($C6826/24,0)+1,1))-1)+IF('Standard Profiles'!$G$22=$B$10,7,0)+IF('Standard Profiles'!$G$22=$B$17,14,0)+IF('Standard Profiles'!$G$22=$B$24,21,0),0)),0)</f>
        <v>0</v>
      </c>
      <c r="I6826">
        <f t="shared" si="762"/>
        <v>0.30021254839878903</v>
      </c>
      <c r="J6826">
        <f t="shared" si="763"/>
        <v>7.5073278723927253</v>
      </c>
      <c r="K6826">
        <f t="shared" si="764"/>
        <v>0.58693913432139067</v>
      </c>
      <c r="L6826">
        <f t="shared" si="765"/>
        <v>0.29346956716069533</v>
      </c>
      <c r="M6826">
        <f t="shared" si="766"/>
        <v>0</v>
      </c>
      <c r="N6826" s="45">
        <f t="shared" si="767"/>
        <v>45209.999999983527</v>
      </c>
    </row>
    <row r="6827" spans="2:14" x14ac:dyDescent="0.25">
      <c r="B6827">
        <f t="shared" si="761"/>
        <v>3</v>
      </c>
      <c r="C6827" s="16">
        <v>6793</v>
      </c>
      <c r="D6827" cm="1">
        <f t="array" ref="D6827">IFERROR(INDEX(Jesper!AH$2:AH$366,ROUNDDOWN($C6827/24,0)+1,1)*INDEX($D$3:$AA$30,INDEX(Jesper!$R$2:$R$366,ROW(INDEX(Jesper!AH$2:AH$366,ROUNDDOWN($C6827/24,0)+1,1))-1)+IF('Standard Profiles'!$G$18=$B$10,7,0)+IF('Standard Profiles'!$G$18=$B$17,14,0)+IF('Standard Profiles'!$G$18=$B$24,21,0),MOD($C6827,24)+1)/SUM(INDEX($D$3:$AA$30,INDEX(Jesper!$R$2:$R$366,ROW(INDEX(Jesper!AH$2:AH$366,ROUNDDOWN($C6827/24,0)+1,1))-1)+IF('Standard Profiles'!$G$18=$B$10,7,0)+IF('Standard Profiles'!$G$18=$B$17,14,0)+IF('Standard Profiles'!$G$18=$B$24,21,0),0)),0)</f>
        <v>5.5025543842630373</v>
      </c>
      <c r="E6827" cm="1">
        <f t="array" ref="E6827">IFERROR(INDEX(Jesper!AI$2:AI$366,ROUNDDOWN($C6827/24,0)+1,1)*INDEX($D$3:$AA$30,INDEX(Jesper!$R$2:$R$366,ROW(INDEX(Jesper!AI$2:AI$366,ROUNDDOWN($C6827/24,0)+1,1))-1)+IF('Standard Profiles'!$G$19=$B$10,7,0)+IF('Standard Profiles'!$G$19=$B$17,14,0)+IF('Standard Profiles'!$G$19=$B$24,21,0),MOD($C6827,24)+1)/SUM(INDEX($D$3:$AA$30,INDEX(Jesper!$R$2:$R$366,ROW(INDEX(Jesper!AI$2:AI$366,ROUNDDOWN($C6827/24,0)+1,1))-1)+IF('Standard Profiles'!$G$19=$B$10,7,0)+IF('Standard Profiles'!$G$19=$B$17,14,0)+IF('Standard Profiles'!$G$19=$B$24,21,0),0)),0)</f>
        <v>2.5599519288464183</v>
      </c>
      <c r="F6827" cm="1">
        <f t="array" ref="F6827">IFERROR(INDEX(Jesper!AJ$2:AJ$366,ROUNDDOWN($C6827/24,0)+1,1)*INDEX($D$3:$AA$30,INDEX(Jesper!$R$2:$R$366,ROW(INDEX(Jesper!AJ$2:AJ$366,ROUNDDOWN($C6827/24,0)+1,1))-1)+IF('Standard Profiles'!$G$20=$B$10,7,0)+IF('Standard Profiles'!$G$20=$B$17,14,0)+IF('Standard Profiles'!$G$20=$B$24,21,0),MOD($C6827,24)+1)/SUM(INDEX($D$3:$AA$30,INDEX(Jesper!$R$2:$R$366,ROW(INDEX(Jesper!AJ$2:AJ$366,ROUNDDOWN($C6827/24,0)+1,1))-1)+IF('Standard Profiles'!$G$20=$B$10,7,0)+IF('Standard Profiles'!$G$20=$B$17,14,0)+IF('Standard Profiles'!$G$20=$B$24,21,0),0)),0)</f>
        <v>0</v>
      </c>
      <c r="G6827" cm="1">
        <f t="array" ref="G6827">IFERROR(INDEX(Jesper!AK$2:AK$366,ROUNDDOWN($C6827/24,0)+1,1)*INDEX($D$3:$AA$30,INDEX(Jesper!$R$2:$R$366,ROW(INDEX(Jesper!AK$2:AK$366,ROUNDDOWN($C6827/24,0)+1,1))-1)+IF('Standard Profiles'!$G$21=$B$10,7,0)+IF('Standard Profiles'!$G$21=$B$17,14,0)+IF('Standard Profiles'!$G$21=$B$24,21,0),MOD($C6827,24)+1)/SUM(INDEX($D$3:$AA$30,INDEX(Jesper!$R$2:$R$366,ROW(INDEX(Jesper!AK$2:AK$366,ROUNDDOWN($C6827/24,0)+1,1))-1)+IF('Standard Profiles'!$G$21=$B$10,7,0)+IF('Standard Profiles'!$G$21=$B$17,14,0)+IF('Standard Profiles'!$G$21=$B$24,21,0),0)),0)</f>
        <v>0.62544280916414408</v>
      </c>
      <c r="H6827" cm="1">
        <f t="array" ref="H6827">IFERROR(INDEX(Jesper!AL$2:AL$366,ROUNDDOWN($C6827/24,0)+1,1)*INDEX($D$3:$AA$30,INDEX(Jesper!$R$2:$R$366,ROW(INDEX(Jesper!AL$2:AL$366,ROUNDDOWN($C6827/24,0)+1,1))-1)+IF('Standard Profiles'!$G$22=$B$10,7,0)+IF('Standard Profiles'!$G$22=$B$17,14,0)+IF('Standard Profiles'!$G$22=$B$24,21,0),MOD($C6827,24)+1)/SUM(INDEX($D$3:$AA$30,INDEX(Jesper!$R$2:$R$366,ROW(INDEX(Jesper!AL$2:AL$366,ROUNDDOWN($C6827/24,0)+1,1))-1)+IF('Standard Profiles'!$G$22=$B$10,7,0)+IF('Standard Profiles'!$G$22=$B$17,14,0)+IF('Standard Profiles'!$G$22=$B$24,21,0),0)),0)</f>
        <v>0</v>
      </c>
      <c r="I6827">
        <f t="shared" si="762"/>
        <v>0.30021254839878903</v>
      </c>
      <c r="J6827">
        <f t="shared" si="763"/>
        <v>7.5073278723927253</v>
      </c>
      <c r="K6827">
        <f t="shared" si="764"/>
        <v>0.58693913432139067</v>
      </c>
      <c r="L6827">
        <f t="shared" si="765"/>
        <v>0.29346956716069533</v>
      </c>
      <c r="M6827">
        <f t="shared" si="766"/>
        <v>0</v>
      </c>
      <c r="N6827" s="45">
        <f t="shared" si="767"/>
        <v>45210.041666650191</v>
      </c>
    </row>
    <row r="6828" spans="2:14" x14ac:dyDescent="0.25">
      <c r="B6828">
        <f t="shared" si="761"/>
        <v>3</v>
      </c>
      <c r="C6828" s="16">
        <v>6794</v>
      </c>
      <c r="D6828" cm="1">
        <f t="array" ref="D6828">IFERROR(INDEX(Jesper!AH$2:AH$366,ROUNDDOWN($C6828/24,0)+1,1)*INDEX($D$3:$AA$30,INDEX(Jesper!$R$2:$R$366,ROW(INDEX(Jesper!AH$2:AH$366,ROUNDDOWN($C6828/24,0)+1,1))-1)+IF('Standard Profiles'!$G$18=$B$10,7,0)+IF('Standard Profiles'!$G$18=$B$17,14,0)+IF('Standard Profiles'!$G$18=$B$24,21,0),MOD($C6828,24)+1)/SUM(INDEX($D$3:$AA$30,INDEX(Jesper!$R$2:$R$366,ROW(INDEX(Jesper!AH$2:AH$366,ROUNDDOWN($C6828/24,0)+1,1))-1)+IF('Standard Profiles'!$G$18=$B$10,7,0)+IF('Standard Profiles'!$G$18=$B$17,14,0)+IF('Standard Profiles'!$G$18=$B$24,21,0),0)),0)</f>
        <v>5.5025543842630373</v>
      </c>
      <c r="E6828" cm="1">
        <f t="array" ref="E6828">IFERROR(INDEX(Jesper!AI$2:AI$366,ROUNDDOWN($C6828/24,0)+1,1)*INDEX($D$3:$AA$30,INDEX(Jesper!$R$2:$R$366,ROW(INDEX(Jesper!AI$2:AI$366,ROUNDDOWN($C6828/24,0)+1,1))-1)+IF('Standard Profiles'!$G$19=$B$10,7,0)+IF('Standard Profiles'!$G$19=$B$17,14,0)+IF('Standard Profiles'!$G$19=$B$24,21,0),MOD($C6828,24)+1)/SUM(INDEX($D$3:$AA$30,INDEX(Jesper!$R$2:$R$366,ROW(INDEX(Jesper!AI$2:AI$366,ROUNDDOWN($C6828/24,0)+1,1))-1)+IF('Standard Profiles'!$G$19=$B$10,7,0)+IF('Standard Profiles'!$G$19=$B$17,14,0)+IF('Standard Profiles'!$G$19=$B$24,21,0),0)),0)</f>
        <v>2.5599519288464183</v>
      </c>
      <c r="F6828" cm="1">
        <f t="array" ref="F6828">IFERROR(INDEX(Jesper!AJ$2:AJ$366,ROUNDDOWN($C6828/24,0)+1,1)*INDEX($D$3:$AA$30,INDEX(Jesper!$R$2:$R$366,ROW(INDEX(Jesper!AJ$2:AJ$366,ROUNDDOWN($C6828/24,0)+1,1))-1)+IF('Standard Profiles'!$G$20=$B$10,7,0)+IF('Standard Profiles'!$G$20=$B$17,14,0)+IF('Standard Profiles'!$G$20=$B$24,21,0),MOD($C6828,24)+1)/SUM(INDEX($D$3:$AA$30,INDEX(Jesper!$R$2:$R$366,ROW(INDEX(Jesper!AJ$2:AJ$366,ROUNDDOWN($C6828/24,0)+1,1))-1)+IF('Standard Profiles'!$G$20=$B$10,7,0)+IF('Standard Profiles'!$G$20=$B$17,14,0)+IF('Standard Profiles'!$G$20=$B$24,21,0),0)),0)</f>
        <v>0</v>
      </c>
      <c r="G6828" cm="1">
        <f t="array" ref="G6828">IFERROR(INDEX(Jesper!AK$2:AK$366,ROUNDDOWN($C6828/24,0)+1,1)*INDEX($D$3:$AA$30,INDEX(Jesper!$R$2:$R$366,ROW(INDEX(Jesper!AK$2:AK$366,ROUNDDOWN($C6828/24,0)+1,1))-1)+IF('Standard Profiles'!$G$21=$B$10,7,0)+IF('Standard Profiles'!$G$21=$B$17,14,0)+IF('Standard Profiles'!$G$21=$B$24,21,0),MOD($C6828,24)+1)/SUM(INDEX($D$3:$AA$30,INDEX(Jesper!$R$2:$R$366,ROW(INDEX(Jesper!AK$2:AK$366,ROUNDDOWN($C6828/24,0)+1,1))-1)+IF('Standard Profiles'!$G$21=$B$10,7,0)+IF('Standard Profiles'!$G$21=$B$17,14,0)+IF('Standard Profiles'!$G$21=$B$24,21,0),0)),0)</f>
        <v>0.62544280916414408</v>
      </c>
      <c r="H6828" cm="1">
        <f t="array" ref="H6828">IFERROR(INDEX(Jesper!AL$2:AL$366,ROUNDDOWN($C6828/24,0)+1,1)*INDEX($D$3:$AA$30,INDEX(Jesper!$R$2:$R$366,ROW(INDEX(Jesper!AL$2:AL$366,ROUNDDOWN($C6828/24,0)+1,1))-1)+IF('Standard Profiles'!$G$22=$B$10,7,0)+IF('Standard Profiles'!$G$22=$B$17,14,0)+IF('Standard Profiles'!$G$22=$B$24,21,0),MOD($C6828,24)+1)/SUM(INDEX($D$3:$AA$30,INDEX(Jesper!$R$2:$R$366,ROW(INDEX(Jesper!AL$2:AL$366,ROUNDDOWN($C6828/24,0)+1,1))-1)+IF('Standard Profiles'!$G$22=$B$10,7,0)+IF('Standard Profiles'!$G$22=$B$17,14,0)+IF('Standard Profiles'!$G$22=$B$24,21,0),0)),0)</f>
        <v>0</v>
      </c>
      <c r="I6828">
        <f t="shared" si="762"/>
        <v>0.30021254839878903</v>
      </c>
      <c r="J6828">
        <f t="shared" si="763"/>
        <v>7.5073278723927253</v>
      </c>
      <c r="K6828">
        <f t="shared" si="764"/>
        <v>0.58693913432139067</v>
      </c>
      <c r="L6828">
        <f t="shared" si="765"/>
        <v>0.29346956716069533</v>
      </c>
      <c r="M6828">
        <f t="shared" si="766"/>
        <v>0</v>
      </c>
      <c r="N6828" s="45">
        <f t="shared" si="767"/>
        <v>45210.083333316856</v>
      </c>
    </row>
    <row r="6829" spans="2:14" x14ac:dyDescent="0.25">
      <c r="B6829">
        <f t="shared" si="761"/>
        <v>3</v>
      </c>
      <c r="C6829" s="16">
        <v>6795</v>
      </c>
      <c r="D6829" cm="1">
        <f t="array" ref="D6829">IFERROR(INDEX(Jesper!AH$2:AH$366,ROUNDDOWN($C6829/24,0)+1,1)*INDEX($D$3:$AA$30,INDEX(Jesper!$R$2:$R$366,ROW(INDEX(Jesper!AH$2:AH$366,ROUNDDOWN($C6829/24,0)+1,1))-1)+IF('Standard Profiles'!$G$18=$B$10,7,0)+IF('Standard Profiles'!$G$18=$B$17,14,0)+IF('Standard Profiles'!$G$18=$B$24,21,0),MOD($C6829,24)+1)/SUM(INDEX($D$3:$AA$30,INDEX(Jesper!$R$2:$R$366,ROW(INDEX(Jesper!AH$2:AH$366,ROUNDDOWN($C6829/24,0)+1,1))-1)+IF('Standard Profiles'!$G$18=$B$10,7,0)+IF('Standard Profiles'!$G$18=$B$17,14,0)+IF('Standard Profiles'!$G$18=$B$24,21,0),0)),0)</f>
        <v>5.5025543842630373</v>
      </c>
      <c r="E6829" cm="1">
        <f t="array" ref="E6829">IFERROR(INDEX(Jesper!AI$2:AI$366,ROUNDDOWN($C6829/24,0)+1,1)*INDEX($D$3:$AA$30,INDEX(Jesper!$R$2:$R$366,ROW(INDEX(Jesper!AI$2:AI$366,ROUNDDOWN($C6829/24,0)+1,1))-1)+IF('Standard Profiles'!$G$19=$B$10,7,0)+IF('Standard Profiles'!$G$19=$B$17,14,0)+IF('Standard Profiles'!$G$19=$B$24,21,0),MOD($C6829,24)+1)/SUM(INDEX($D$3:$AA$30,INDEX(Jesper!$R$2:$R$366,ROW(INDEX(Jesper!AI$2:AI$366,ROUNDDOWN($C6829/24,0)+1,1))-1)+IF('Standard Profiles'!$G$19=$B$10,7,0)+IF('Standard Profiles'!$G$19=$B$17,14,0)+IF('Standard Profiles'!$G$19=$B$24,21,0),0)),0)</f>
        <v>2.5599519288464183</v>
      </c>
      <c r="F6829" cm="1">
        <f t="array" ref="F6829">IFERROR(INDEX(Jesper!AJ$2:AJ$366,ROUNDDOWN($C6829/24,0)+1,1)*INDEX($D$3:$AA$30,INDEX(Jesper!$R$2:$R$366,ROW(INDEX(Jesper!AJ$2:AJ$366,ROUNDDOWN($C6829/24,0)+1,1))-1)+IF('Standard Profiles'!$G$20=$B$10,7,0)+IF('Standard Profiles'!$G$20=$B$17,14,0)+IF('Standard Profiles'!$G$20=$B$24,21,0),MOD($C6829,24)+1)/SUM(INDEX($D$3:$AA$30,INDEX(Jesper!$R$2:$R$366,ROW(INDEX(Jesper!AJ$2:AJ$366,ROUNDDOWN($C6829/24,0)+1,1))-1)+IF('Standard Profiles'!$G$20=$B$10,7,0)+IF('Standard Profiles'!$G$20=$B$17,14,0)+IF('Standard Profiles'!$G$20=$B$24,21,0),0)),0)</f>
        <v>0</v>
      </c>
      <c r="G6829" cm="1">
        <f t="array" ref="G6829">IFERROR(INDEX(Jesper!AK$2:AK$366,ROUNDDOWN($C6829/24,0)+1,1)*INDEX($D$3:$AA$30,INDEX(Jesper!$R$2:$R$366,ROW(INDEX(Jesper!AK$2:AK$366,ROUNDDOWN($C6829/24,0)+1,1))-1)+IF('Standard Profiles'!$G$21=$B$10,7,0)+IF('Standard Profiles'!$G$21=$B$17,14,0)+IF('Standard Profiles'!$G$21=$B$24,21,0),MOD($C6829,24)+1)/SUM(INDEX($D$3:$AA$30,INDEX(Jesper!$R$2:$R$366,ROW(INDEX(Jesper!AK$2:AK$366,ROUNDDOWN($C6829/24,0)+1,1))-1)+IF('Standard Profiles'!$G$21=$B$10,7,0)+IF('Standard Profiles'!$G$21=$B$17,14,0)+IF('Standard Profiles'!$G$21=$B$24,21,0),0)),0)</f>
        <v>0.62544280916414408</v>
      </c>
      <c r="H6829" cm="1">
        <f t="array" ref="H6829">IFERROR(INDEX(Jesper!AL$2:AL$366,ROUNDDOWN($C6829/24,0)+1,1)*INDEX($D$3:$AA$30,INDEX(Jesper!$R$2:$R$366,ROW(INDEX(Jesper!AL$2:AL$366,ROUNDDOWN($C6829/24,0)+1,1))-1)+IF('Standard Profiles'!$G$22=$B$10,7,0)+IF('Standard Profiles'!$G$22=$B$17,14,0)+IF('Standard Profiles'!$G$22=$B$24,21,0),MOD($C6829,24)+1)/SUM(INDEX($D$3:$AA$30,INDEX(Jesper!$R$2:$R$366,ROW(INDEX(Jesper!AL$2:AL$366,ROUNDDOWN($C6829/24,0)+1,1))-1)+IF('Standard Profiles'!$G$22=$B$10,7,0)+IF('Standard Profiles'!$G$22=$B$17,14,0)+IF('Standard Profiles'!$G$22=$B$24,21,0),0)),0)</f>
        <v>0</v>
      </c>
      <c r="I6829">
        <f t="shared" si="762"/>
        <v>0.30021254839878903</v>
      </c>
      <c r="J6829">
        <f t="shared" si="763"/>
        <v>7.5073278723927253</v>
      </c>
      <c r="K6829">
        <f t="shared" si="764"/>
        <v>0.58693913432139067</v>
      </c>
      <c r="L6829">
        <f t="shared" si="765"/>
        <v>0.29346956716069533</v>
      </c>
      <c r="M6829">
        <f t="shared" si="766"/>
        <v>0</v>
      </c>
      <c r="N6829" s="45">
        <f t="shared" si="767"/>
        <v>45210.12499998352</v>
      </c>
    </row>
    <row r="6830" spans="2:14" x14ac:dyDescent="0.25">
      <c r="B6830">
        <f t="shared" si="761"/>
        <v>3</v>
      </c>
      <c r="C6830" s="16">
        <v>6796</v>
      </c>
      <c r="D6830" cm="1">
        <f t="array" ref="D6830">IFERROR(INDEX(Jesper!AH$2:AH$366,ROUNDDOWN($C6830/24,0)+1,1)*INDEX($D$3:$AA$30,INDEX(Jesper!$R$2:$R$366,ROW(INDEX(Jesper!AH$2:AH$366,ROUNDDOWN($C6830/24,0)+1,1))-1)+IF('Standard Profiles'!$G$18=$B$10,7,0)+IF('Standard Profiles'!$G$18=$B$17,14,0)+IF('Standard Profiles'!$G$18=$B$24,21,0),MOD($C6830,24)+1)/SUM(INDEX($D$3:$AA$30,INDEX(Jesper!$R$2:$R$366,ROW(INDEX(Jesper!AH$2:AH$366,ROUNDDOWN($C6830/24,0)+1,1))-1)+IF('Standard Profiles'!$G$18=$B$10,7,0)+IF('Standard Profiles'!$G$18=$B$17,14,0)+IF('Standard Profiles'!$G$18=$B$24,21,0),0)),0)</f>
        <v>5.5025543842630373</v>
      </c>
      <c r="E6830" cm="1">
        <f t="array" ref="E6830">IFERROR(INDEX(Jesper!AI$2:AI$366,ROUNDDOWN($C6830/24,0)+1,1)*INDEX($D$3:$AA$30,INDEX(Jesper!$R$2:$R$366,ROW(INDEX(Jesper!AI$2:AI$366,ROUNDDOWN($C6830/24,0)+1,1))-1)+IF('Standard Profiles'!$G$19=$B$10,7,0)+IF('Standard Profiles'!$G$19=$B$17,14,0)+IF('Standard Profiles'!$G$19=$B$24,21,0),MOD($C6830,24)+1)/SUM(INDEX($D$3:$AA$30,INDEX(Jesper!$R$2:$R$366,ROW(INDEX(Jesper!AI$2:AI$366,ROUNDDOWN($C6830/24,0)+1,1))-1)+IF('Standard Profiles'!$G$19=$B$10,7,0)+IF('Standard Profiles'!$G$19=$B$17,14,0)+IF('Standard Profiles'!$G$19=$B$24,21,0),0)),0)</f>
        <v>2.5599519288464183</v>
      </c>
      <c r="F6830" cm="1">
        <f t="array" ref="F6830">IFERROR(INDEX(Jesper!AJ$2:AJ$366,ROUNDDOWN($C6830/24,0)+1,1)*INDEX($D$3:$AA$30,INDEX(Jesper!$R$2:$R$366,ROW(INDEX(Jesper!AJ$2:AJ$366,ROUNDDOWN($C6830/24,0)+1,1))-1)+IF('Standard Profiles'!$G$20=$B$10,7,0)+IF('Standard Profiles'!$G$20=$B$17,14,0)+IF('Standard Profiles'!$G$20=$B$24,21,0),MOD($C6830,24)+1)/SUM(INDEX($D$3:$AA$30,INDEX(Jesper!$R$2:$R$366,ROW(INDEX(Jesper!AJ$2:AJ$366,ROUNDDOWN($C6830/24,0)+1,1))-1)+IF('Standard Profiles'!$G$20=$B$10,7,0)+IF('Standard Profiles'!$G$20=$B$17,14,0)+IF('Standard Profiles'!$G$20=$B$24,21,0),0)),0)</f>
        <v>0</v>
      </c>
      <c r="G6830" cm="1">
        <f t="array" ref="G6830">IFERROR(INDEX(Jesper!AK$2:AK$366,ROUNDDOWN($C6830/24,0)+1,1)*INDEX($D$3:$AA$30,INDEX(Jesper!$R$2:$R$366,ROW(INDEX(Jesper!AK$2:AK$366,ROUNDDOWN($C6830/24,0)+1,1))-1)+IF('Standard Profiles'!$G$21=$B$10,7,0)+IF('Standard Profiles'!$G$21=$B$17,14,0)+IF('Standard Profiles'!$G$21=$B$24,21,0),MOD($C6830,24)+1)/SUM(INDEX($D$3:$AA$30,INDEX(Jesper!$R$2:$R$366,ROW(INDEX(Jesper!AK$2:AK$366,ROUNDDOWN($C6830/24,0)+1,1))-1)+IF('Standard Profiles'!$G$21=$B$10,7,0)+IF('Standard Profiles'!$G$21=$B$17,14,0)+IF('Standard Profiles'!$G$21=$B$24,21,0),0)),0)</f>
        <v>0.62544280916414408</v>
      </c>
      <c r="H6830" cm="1">
        <f t="array" ref="H6830">IFERROR(INDEX(Jesper!AL$2:AL$366,ROUNDDOWN($C6830/24,0)+1,1)*INDEX($D$3:$AA$30,INDEX(Jesper!$R$2:$R$366,ROW(INDEX(Jesper!AL$2:AL$366,ROUNDDOWN($C6830/24,0)+1,1))-1)+IF('Standard Profiles'!$G$22=$B$10,7,0)+IF('Standard Profiles'!$G$22=$B$17,14,0)+IF('Standard Profiles'!$G$22=$B$24,21,0),MOD($C6830,24)+1)/SUM(INDEX($D$3:$AA$30,INDEX(Jesper!$R$2:$R$366,ROW(INDEX(Jesper!AL$2:AL$366,ROUNDDOWN($C6830/24,0)+1,1))-1)+IF('Standard Profiles'!$G$22=$B$10,7,0)+IF('Standard Profiles'!$G$22=$B$17,14,0)+IF('Standard Profiles'!$G$22=$B$24,21,0),0)),0)</f>
        <v>0</v>
      </c>
      <c r="I6830">
        <f t="shared" si="762"/>
        <v>0.30021254839878903</v>
      </c>
      <c r="J6830">
        <f t="shared" si="763"/>
        <v>7.5073278723927253</v>
      </c>
      <c r="K6830">
        <f t="shared" si="764"/>
        <v>0.58693913432139067</v>
      </c>
      <c r="L6830">
        <f t="shared" si="765"/>
        <v>0.29346956716069533</v>
      </c>
      <c r="M6830">
        <f t="shared" si="766"/>
        <v>0</v>
      </c>
      <c r="N6830" s="45">
        <f t="shared" si="767"/>
        <v>45210.166666650184</v>
      </c>
    </row>
    <row r="6831" spans="2:14" x14ac:dyDescent="0.25">
      <c r="B6831">
        <f t="shared" si="761"/>
        <v>3</v>
      </c>
      <c r="C6831" s="16">
        <v>6797</v>
      </c>
      <c r="D6831" cm="1">
        <f t="array" ref="D6831">IFERROR(INDEX(Jesper!AH$2:AH$366,ROUNDDOWN($C6831/24,0)+1,1)*INDEX($D$3:$AA$30,INDEX(Jesper!$R$2:$R$366,ROW(INDEX(Jesper!AH$2:AH$366,ROUNDDOWN($C6831/24,0)+1,1))-1)+IF('Standard Profiles'!$G$18=$B$10,7,0)+IF('Standard Profiles'!$G$18=$B$17,14,0)+IF('Standard Profiles'!$G$18=$B$24,21,0),MOD($C6831,24)+1)/SUM(INDEX($D$3:$AA$30,INDEX(Jesper!$R$2:$R$366,ROW(INDEX(Jesper!AH$2:AH$366,ROUNDDOWN($C6831/24,0)+1,1))-1)+IF('Standard Profiles'!$G$18=$B$10,7,0)+IF('Standard Profiles'!$G$18=$B$17,14,0)+IF('Standard Profiles'!$G$18=$B$24,21,0),0)),0)</f>
        <v>5.5025543842630373</v>
      </c>
      <c r="E6831" cm="1">
        <f t="array" ref="E6831">IFERROR(INDEX(Jesper!AI$2:AI$366,ROUNDDOWN($C6831/24,0)+1,1)*INDEX($D$3:$AA$30,INDEX(Jesper!$R$2:$R$366,ROW(INDEX(Jesper!AI$2:AI$366,ROUNDDOWN($C6831/24,0)+1,1))-1)+IF('Standard Profiles'!$G$19=$B$10,7,0)+IF('Standard Profiles'!$G$19=$B$17,14,0)+IF('Standard Profiles'!$G$19=$B$24,21,0),MOD($C6831,24)+1)/SUM(INDEX($D$3:$AA$30,INDEX(Jesper!$R$2:$R$366,ROW(INDEX(Jesper!AI$2:AI$366,ROUNDDOWN($C6831/24,0)+1,1))-1)+IF('Standard Profiles'!$G$19=$B$10,7,0)+IF('Standard Profiles'!$G$19=$B$17,14,0)+IF('Standard Profiles'!$G$19=$B$24,21,0),0)),0)</f>
        <v>2.5599519288464183</v>
      </c>
      <c r="F6831" cm="1">
        <f t="array" ref="F6831">IFERROR(INDEX(Jesper!AJ$2:AJ$366,ROUNDDOWN($C6831/24,0)+1,1)*INDEX($D$3:$AA$30,INDEX(Jesper!$R$2:$R$366,ROW(INDEX(Jesper!AJ$2:AJ$366,ROUNDDOWN($C6831/24,0)+1,1))-1)+IF('Standard Profiles'!$G$20=$B$10,7,0)+IF('Standard Profiles'!$G$20=$B$17,14,0)+IF('Standard Profiles'!$G$20=$B$24,21,0),MOD($C6831,24)+1)/SUM(INDEX($D$3:$AA$30,INDEX(Jesper!$R$2:$R$366,ROW(INDEX(Jesper!AJ$2:AJ$366,ROUNDDOWN($C6831/24,0)+1,1))-1)+IF('Standard Profiles'!$G$20=$B$10,7,0)+IF('Standard Profiles'!$G$20=$B$17,14,0)+IF('Standard Profiles'!$G$20=$B$24,21,0),0)),0)</f>
        <v>0</v>
      </c>
      <c r="G6831" cm="1">
        <f t="array" ref="G6831">IFERROR(INDEX(Jesper!AK$2:AK$366,ROUNDDOWN($C6831/24,0)+1,1)*INDEX($D$3:$AA$30,INDEX(Jesper!$R$2:$R$366,ROW(INDEX(Jesper!AK$2:AK$366,ROUNDDOWN($C6831/24,0)+1,1))-1)+IF('Standard Profiles'!$G$21=$B$10,7,0)+IF('Standard Profiles'!$G$21=$B$17,14,0)+IF('Standard Profiles'!$G$21=$B$24,21,0),MOD($C6831,24)+1)/SUM(INDEX($D$3:$AA$30,INDEX(Jesper!$R$2:$R$366,ROW(INDEX(Jesper!AK$2:AK$366,ROUNDDOWN($C6831/24,0)+1,1))-1)+IF('Standard Profiles'!$G$21=$B$10,7,0)+IF('Standard Profiles'!$G$21=$B$17,14,0)+IF('Standard Profiles'!$G$21=$B$24,21,0),0)),0)</f>
        <v>0.62544280916414408</v>
      </c>
      <c r="H6831" cm="1">
        <f t="array" ref="H6831">IFERROR(INDEX(Jesper!AL$2:AL$366,ROUNDDOWN($C6831/24,0)+1,1)*INDEX($D$3:$AA$30,INDEX(Jesper!$R$2:$R$366,ROW(INDEX(Jesper!AL$2:AL$366,ROUNDDOWN($C6831/24,0)+1,1))-1)+IF('Standard Profiles'!$G$22=$B$10,7,0)+IF('Standard Profiles'!$G$22=$B$17,14,0)+IF('Standard Profiles'!$G$22=$B$24,21,0),MOD($C6831,24)+1)/SUM(INDEX($D$3:$AA$30,INDEX(Jesper!$R$2:$R$366,ROW(INDEX(Jesper!AL$2:AL$366,ROUNDDOWN($C6831/24,0)+1,1))-1)+IF('Standard Profiles'!$G$22=$B$10,7,0)+IF('Standard Profiles'!$G$22=$B$17,14,0)+IF('Standard Profiles'!$G$22=$B$24,21,0),0)),0)</f>
        <v>0</v>
      </c>
      <c r="I6831">
        <f t="shared" si="762"/>
        <v>0.30021254839878903</v>
      </c>
      <c r="J6831">
        <f t="shared" si="763"/>
        <v>7.5073278723927253</v>
      </c>
      <c r="K6831">
        <f t="shared" si="764"/>
        <v>0.58693913432139067</v>
      </c>
      <c r="L6831">
        <f t="shared" si="765"/>
        <v>0.29346956716069533</v>
      </c>
      <c r="M6831">
        <f t="shared" si="766"/>
        <v>0</v>
      </c>
      <c r="N6831" s="45">
        <f t="shared" si="767"/>
        <v>45210.208333316848</v>
      </c>
    </row>
    <row r="6832" spans="2:14" x14ac:dyDescent="0.25">
      <c r="B6832">
        <f t="shared" si="761"/>
        <v>3</v>
      </c>
      <c r="C6832" s="16">
        <v>6798</v>
      </c>
      <c r="D6832" cm="1">
        <f t="array" ref="D6832">IFERROR(INDEX(Jesper!AH$2:AH$366,ROUNDDOWN($C6832/24,0)+1,1)*INDEX($D$3:$AA$30,INDEX(Jesper!$R$2:$R$366,ROW(INDEX(Jesper!AH$2:AH$366,ROUNDDOWN($C6832/24,0)+1,1))-1)+IF('Standard Profiles'!$G$18=$B$10,7,0)+IF('Standard Profiles'!$G$18=$B$17,14,0)+IF('Standard Profiles'!$G$18=$B$24,21,0),MOD($C6832,24)+1)/SUM(INDEX($D$3:$AA$30,INDEX(Jesper!$R$2:$R$366,ROW(INDEX(Jesper!AH$2:AH$366,ROUNDDOWN($C6832/24,0)+1,1))-1)+IF('Standard Profiles'!$G$18=$B$10,7,0)+IF('Standard Profiles'!$G$18=$B$17,14,0)+IF('Standard Profiles'!$G$18=$B$24,21,0),0)),0)</f>
        <v>5.5025543842630373</v>
      </c>
      <c r="E6832" cm="1">
        <f t="array" ref="E6832">IFERROR(INDEX(Jesper!AI$2:AI$366,ROUNDDOWN($C6832/24,0)+1,1)*INDEX($D$3:$AA$30,INDEX(Jesper!$R$2:$R$366,ROW(INDEX(Jesper!AI$2:AI$366,ROUNDDOWN($C6832/24,0)+1,1))-1)+IF('Standard Profiles'!$G$19=$B$10,7,0)+IF('Standard Profiles'!$G$19=$B$17,14,0)+IF('Standard Profiles'!$G$19=$B$24,21,0),MOD($C6832,24)+1)/SUM(INDEX($D$3:$AA$30,INDEX(Jesper!$R$2:$R$366,ROW(INDEX(Jesper!AI$2:AI$366,ROUNDDOWN($C6832/24,0)+1,1))-1)+IF('Standard Profiles'!$G$19=$B$10,7,0)+IF('Standard Profiles'!$G$19=$B$17,14,0)+IF('Standard Profiles'!$G$19=$B$24,21,0),0)),0)</f>
        <v>2.5599519288464183</v>
      </c>
      <c r="F6832" cm="1">
        <f t="array" ref="F6832">IFERROR(INDEX(Jesper!AJ$2:AJ$366,ROUNDDOWN($C6832/24,0)+1,1)*INDEX($D$3:$AA$30,INDEX(Jesper!$R$2:$R$366,ROW(INDEX(Jesper!AJ$2:AJ$366,ROUNDDOWN($C6832/24,0)+1,1))-1)+IF('Standard Profiles'!$G$20=$B$10,7,0)+IF('Standard Profiles'!$G$20=$B$17,14,0)+IF('Standard Profiles'!$G$20=$B$24,21,0),MOD($C6832,24)+1)/SUM(INDEX($D$3:$AA$30,INDEX(Jesper!$R$2:$R$366,ROW(INDEX(Jesper!AJ$2:AJ$366,ROUNDDOWN($C6832/24,0)+1,1))-1)+IF('Standard Profiles'!$G$20=$B$10,7,0)+IF('Standard Profiles'!$G$20=$B$17,14,0)+IF('Standard Profiles'!$G$20=$B$24,21,0),0)),0)</f>
        <v>0</v>
      </c>
      <c r="G6832" cm="1">
        <f t="array" ref="G6832">IFERROR(INDEX(Jesper!AK$2:AK$366,ROUNDDOWN($C6832/24,0)+1,1)*INDEX($D$3:$AA$30,INDEX(Jesper!$R$2:$R$366,ROW(INDEX(Jesper!AK$2:AK$366,ROUNDDOWN($C6832/24,0)+1,1))-1)+IF('Standard Profiles'!$G$21=$B$10,7,0)+IF('Standard Profiles'!$G$21=$B$17,14,0)+IF('Standard Profiles'!$G$21=$B$24,21,0),MOD($C6832,24)+1)/SUM(INDEX($D$3:$AA$30,INDEX(Jesper!$R$2:$R$366,ROW(INDEX(Jesper!AK$2:AK$366,ROUNDDOWN($C6832/24,0)+1,1))-1)+IF('Standard Profiles'!$G$21=$B$10,7,0)+IF('Standard Profiles'!$G$21=$B$17,14,0)+IF('Standard Profiles'!$G$21=$B$24,21,0),0)),0)</f>
        <v>0.62544280916414408</v>
      </c>
      <c r="H6832" cm="1">
        <f t="array" ref="H6832">IFERROR(INDEX(Jesper!AL$2:AL$366,ROUNDDOWN($C6832/24,0)+1,1)*INDEX($D$3:$AA$30,INDEX(Jesper!$R$2:$R$366,ROW(INDEX(Jesper!AL$2:AL$366,ROUNDDOWN($C6832/24,0)+1,1))-1)+IF('Standard Profiles'!$G$22=$B$10,7,0)+IF('Standard Profiles'!$G$22=$B$17,14,0)+IF('Standard Profiles'!$G$22=$B$24,21,0),MOD($C6832,24)+1)/SUM(INDEX($D$3:$AA$30,INDEX(Jesper!$R$2:$R$366,ROW(INDEX(Jesper!AL$2:AL$366,ROUNDDOWN($C6832/24,0)+1,1))-1)+IF('Standard Profiles'!$G$22=$B$10,7,0)+IF('Standard Profiles'!$G$22=$B$17,14,0)+IF('Standard Profiles'!$G$22=$B$24,21,0),0)),0)</f>
        <v>0</v>
      </c>
      <c r="I6832">
        <f t="shared" si="762"/>
        <v>0.30021254839878903</v>
      </c>
      <c r="J6832">
        <f t="shared" si="763"/>
        <v>7.5073278723927253</v>
      </c>
      <c r="K6832">
        <f t="shared" si="764"/>
        <v>0.58693913432139067</v>
      </c>
      <c r="L6832">
        <f t="shared" si="765"/>
        <v>0.29346956716069533</v>
      </c>
      <c r="M6832">
        <f t="shared" si="766"/>
        <v>0</v>
      </c>
      <c r="N6832" s="45">
        <f t="shared" si="767"/>
        <v>45210.249999983513</v>
      </c>
    </row>
    <row r="6833" spans="2:14" x14ac:dyDescent="0.25">
      <c r="B6833">
        <f t="shared" si="761"/>
        <v>3</v>
      </c>
      <c r="C6833" s="16">
        <v>6799</v>
      </c>
      <c r="D6833" cm="1">
        <f t="array" ref="D6833">IFERROR(INDEX(Jesper!AH$2:AH$366,ROUNDDOWN($C6833/24,0)+1,1)*INDEX($D$3:$AA$30,INDEX(Jesper!$R$2:$R$366,ROW(INDEX(Jesper!AH$2:AH$366,ROUNDDOWN($C6833/24,0)+1,1))-1)+IF('Standard Profiles'!$G$18=$B$10,7,0)+IF('Standard Profiles'!$G$18=$B$17,14,0)+IF('Standard Profiles'!$G$18=$B$24,21,0),MOD($C6833,24)+1)/SUM(INDEX($D$3:$AA$30,INDEX(Jesper!$R$2:$R$366,ROW(INDEX(Jesper!AH$2:AH$366,ROUNDDOWN($C6833/24,0)+1,1))-1)+IF('Standard Profiles'!$G$18=$B$10,7,0)+IF('Standard Profiles'!$G$18=$B$17,14,0)+IF('Standard Profiles'!$G$18=$B$24,21,0),0)),0)</f>
        <v>22.493775346578293</v>
      </c>
      <c r="E6833" cm="1">
        <f t="array" ref="E6833">IFERROR(INDEX(Jesper!AI$2:AI$366,ROUNDDOWN($C6833/24,0)+1,1)*INDEX($D$3:$AA$30,INDEX(Jesper!$R$2:$R$366,ROW(INDEX(Jesper!AI$2:AI$366,ROUNDDOWN($C6833/24,0)+1,1))-1)+IF('Standard Profiles'!$G$19=$B$10,7,0)+IF('Standard Profiles'!$G$19=$B$17,14,0)+IF('Standard Profiles'!$G$19=$B$24,21,0),MOD($C6833,24)+1)/SUM(INDEX($D$3:$AA$30,INDEX(Jesper!$R$2:$R$366,ROW(INDEX(Jesper!AI$2:AI$366,ROUNDDOWN($C6833/24,0)+1,1))-1)+IF('Standard Profiles'!$G$19=$B$10,7,0)+IF('Standard Profiles'!$G$19=$B$17,14,0)+IF('Standard Profiles'!$G$19=$B$24,21,0),0)),0)</f>
        <v>10.464773187920661</v>
      </c>
      <c r="F6833" cm="1">
        <f t="array" ref="F6833">IFERROR(INDEX(Jesper!AJ$2:AJ$366,ROUNDDOWN($C6833/24,0)+1,1)*INDEX($D$3:$AA$30,INDEX(Jesper!$R$2:$R$366,ROW(INDEX(Jesper!AJ$2:AJ$366,ROUNDDOWN($C6833/24,0)+1,1))-1)+IF('Standard Profiles'!$G$20=$B$10,7,0)+IF('Standard Profiles'!$G$20=$B$17,14,0)+IF('Standard Profiles'!$G$20=$B$24,21,0),MOD($C6833,24)+1)/SUM(INDEX($D$3:$AA$30,INDEX(Jesper!$R$2:$R$366,ROW(INDEX(Jesper!AJ$2:AJ$366,ROUNDDOWN($C6833/24,0)+1,1))-1)+IF('Standard Profiles'!$G$20=$B$10,7,0)+IF('Standard Profiles'!$G$20=$B$17,14,0)+IF('Standard Profiles'!$G$20=$B$24,21,0),0)),0)</f>
        <v>0</v>
      </c>
      <c r="G6833" cm="1">
        <f t="array" ref="G6833">IFERROR(INDEX(Jesper!AK$2:AK$366,ROUNDDOWN($C6833/24,0)+1,1)*INDEX($D$3:$AA$30,INDEX(Jesper!$R$2:$R$366,ROW(INDEX(Jesper!AK$2:AK$366,ROUNDDOWN($C6833/24,0)+1,1))-1)+IF('Standard Profiles'!$G$21=$B$10,7,0)+IF('Standard Profiles'!$G$21=$B$17,14,0)+IF('Standard Profiles'!$G$21=$B$24,21,0),MOD($C6833,24)+1)/SUM(INDEX($D$3:$AA$30,INDEX(Jesper!$R$2:$R$366,ROW(INDEX(Jesper!AK$2:AK$366,ROUNDDOWN($C6833/24,0)+1,1))-1)+IF('Standard Profiles'!$G$21=$B$10,7,0)+IF('Standard Profiles'!$G$21=$B$17,14,0)+IF('Standard Profiles'!$G$21=$B$24,21,0),0)),0)</f>
        <v>1.7230949392472166</v>
      </c>
      <c r="H6833" cm="1">
        <f t="array" ref="H6833">IFERROR(INDEX(Jesper!AL$2:AL$366,ROUNDDOWN($C6833/24,0)+1,1)*INDEX($D$3:$AA$30,INDEX(Jesper!$R$2:$R$366,ROW(INDEX(Jesper!AL$2:AL$366,ROUNDDOWN($C6833/24,0)+1,1))-1)+IF('Standard Profiles'!$G$22=$B$10,7,0)+IF('Standard Profiles'!$G$22=$B$17,14,0)+IF('Standard Profiles'!$G$22=$B$24,21,0),MOD($C6833,24)+1)/SUM(INDEX($D$3:$AA$30,INDEX(Jesper!$R$2:$R$366,ROW(INDEX(Jesper!AL$2:AL$366,ROUNDDOWN($C6833/24,0)+1,1))-1)+IF('Standard Profiles'!$G$22=$B$10,7,0)+IF('Standard Profiles'!$G$22=$B$17,14,0)+IF('Standard Profiles'!$G$22=$B$24,21,0),0)),0)</f>
        <v>0</v>
      </c>
      <c r="I6833">
        <f t="shared" si="762"/>
        <v>0.82708557083866352</v>
      </c>
      <c r="J6833">
        <f t="shared" si="763"/>
        <v>30.25555384745498</v>
      </c>
      <c r="K6833">
        <f t="shared" si="764"/>
        <v>2.3993360369683514</v>
      </c>
      <c r="L6833">
        <f t="shared" si="765"/>
        <v>1.1996680184841757</v>
      </c>
      <c r="M6833">
        <f t="shared" si="766"/>
        <v>0</v>
      </c>
      <c r="N6833" s="45">
        <f t="shared" si="767"/>
        <v>45210.291666650177</v>
      </c>
    </row>
    <row r="6834" spans="2:14" x14ac:dyDescent="0.25">
      <c r="B6834">
        <f t="shared" si="761"/>
        <v>3</v>
      </c>
      <c r="C6834" s="16">
        <v>6800</v>
      </c>
      <c r="D6834" cm="1">
        <f t="array" ref="D6834">IFERROR(INDEX(Jesper!AH$2:AH$366,ROUNDDOWN($C6834/24,0)+1,1)*INDEX($D$3:$AA$30,INDEX(Jesper!$R$2:$R$366,ROW(INDEX(Jesper!AH$2:AH$366,ROUNDDOWN($C6834/24,0)+1,1))-1)+IF('Standard Profiles'!$G$18=$B$10,7,0)+IF('Standard Profiles'!$G$18=$B$17,14,0)+IF('Standard Profiles'!$G$18=$B$24,21,0),MOD($C6834,24)+1)/SUM(INDEX($D$3:$AA$30,INDEX(Jesper!$R$2:$R$366,ROW(INDEX(Jesper!AH$2:AH$366,ROUNDDOWN($C6834/24,0)+1,1))-1)+IF('Standard Profiles'!$G$18=$B$10,7,0)+IF('Standard Profiles'!$G$18=$B$17,14,0)+IF('Standard Profiles'!$G$18=$B$24,21,0),0)),0)</f>
        <v>25.098317755129465</v>
      </c>
      <c r="E6834" cm="1">
        <f t="array" ref="E6834">IFERROR(INDEX(Jesper!AI$2:AI$366,ROUNDDOWN($C6834/24,0)+1,1)*INDEX($D$3:$AA$30,INDEX(Jesper!$R$2:$R$366,ROW(INDEX(Jesper!AI$2:AI$366,ROUNDDOWN($C6834/24,0)+1,1))-1)+IF('Standard Profiles'!$G$19=$B$10,7,0)+IF('Standard Profiles'!$G$19=$B$17,14,0)+IF('Standard Profiles'!$G$19=$B$24,21,0),MOD($C6834,24)+1)/SUM(INDEX($D$3:$AA$30,INDEX(Jesper!$R$2:$R$366,ROW(INDEX(Jesper!AI$2:AI$366,ROUNDDOWN($C6834/24,0)+1,1))-1)+IF('Standard Profiles'!$G$19=$B$10,7,0)+IF('Standard Profiles'!$G$19=$B$17,14,0)+IF('Standard Profiles'!$G$19=$B$24,21,0),0)),0)</f>
        <v>11.676483767574632</v>
      </c>
      <c r="F6834" cm="1">
        <f t="array" ref="F6834">IFERROR(INDEX(Jesper!AJ$2:AJ$366,ROUNDDOWN($C6834/24,0)+1,1)*INDEX($D$3:$AA$30,INDEX(Jesper!$R$2:$R$366,ROW(INDEX(Jesper!AJ$2:AJ$366,ROUNDDOWN($C6834/24,0)+1,1))-1)+IF('Standard Profiles'!$G$20=$B$10,7,0)+IF('Standard Profiles'!$G$20=$B$17,14,0)+IF('Standard Profiles'!$G$20=$B$24,21,0),MOD($C6834,24)+1)/SUM(INDEX($D$3:$AA$30,INDEX(Jesper!$R$2:$R$366,ROW(INDEX(Jesper!AJ$2:AJ$366,ROUNDDOWN($C6834/24,0)+1,1))-1)+IF('Standard Profiles'!$G$20=$B$10,7,0)+IF('Standard Profiles'!$G$20=$B$17,14,0)+IF('Standard Profiles'!$G$20=$B$24,21,0),0)),0)</f>
        <v>0</v>
      </c>
      <c r="G6834" cm="1">
        <f t="array" ref="G6834">IFERROR(INDEX(Jesper!AK$2:AK$366,ROUNDDOWN($C6834/24,0)+1,1)*INDEX($D$3:$AA$30,INDEX(Jesper!$R$2:$R$366,ROW(INDEX(Jesper!AK$2:AK$366,ROUNDDOWN($C6834/24,0)+1,1))-1)+IF('Standard Profiles'!$G$21=$B$10,7,0)+IF('Standard Profiles'!$G$21=$B$17,14,0)+IF('Standard Profiles'!$G$21=$B$24,21,0),MOD($C6834,24)+1)/SUM(INDEX($D$3:$AA$30,INDEX(Jesper!$R$2:$R$366,ROW(INDEX(Jesper!AK$2:AK$366,ROUNDDOWN($C6834/24,0)+1,1))-1)+IF('Standard Profiles'!$G$21=$B$10,7,0)+IF('Standard Profiles'!$G$21=$B$17,14,0)+IF('Standard Profiles'!$G$21=$B$24,21,0),0)),0)</f>
        <v>1.9226111953705787</v>
      </c>
      <c r="H6834" cm="1">
        <f t="array" ref="H6834">IFERROR(INDEX(Jesper!AL$2:AL$366,ROUNDDOWN($C6834/24,0)+1,1)*INDEX($D$3:$AA$30,INDEX(Jesper!$R$2:$R$366,ROW(INDEX(Jesper!AL$2:AL$366,ROUNDDOWN($C6834/24,0)+1,1))-1)+IF('Standard Profiles'!$G$22=$B$10,7,0)+IF('Standard Profiles'!$G$22=$B$17,14,0)+IF('Standard Profiles'!$G$22=$B$24,21,0),MOD($C6834,24)+1)/SUM(INDEX($D$3:$AA$30,INDEX(Jesper!$R$2:$R$366,ROW(INDEX(Jesper!AL$2:AL$366,ROUNDDOWN($C6834/24,0)+1,1))-1)+IF('Standard Profiles'!$G$22=$B$10,7,0)+IF('Standard Profiles'!$G$22=$B$17,14,0)+IF('Standard Profiles'!$G$22=$B$24,21,0),0)),0)</f>
        <v>0</v>
      </c>
      <c r="I6834">
        <f t="shared" si="762"/>
        <v>0.92285337377787735</v>
      </c>
      <c r="J6834">
        <f t="shared" si="763"/>
        <v>33.758828503476082</v>
      </c>
      <c r="K6834">
        <f t="shared" si="764"/>
        <v>2.6771538938804764</v>
      </c>
      <c r="L6834">
        <f t="shared" si="765"/>
        <v>1.3385769469402382</v>
      </c>
      <c r="M6834">
        <f t="shared" si="766"/>
        <v>0</v>
      </c>
      <c r="N6834" s="45">
        <f t="shared" si="767"/>
        <v>45210.333333316841</v>
      </c>
    </row>
    <row r="6835" spans="2:14" x14ac:dyDescent="0.25">
      <c r="B6835">
        <f t="shared" si="761"/>
        <v>3</v>
      </c>
      <c r="C6835" s="16">
        <v>6801</v>
      </c>
      <c r="D6835" cm="1">
        <f t="array" ref="D6835">IFERROR(INDEX(Jesper!AH$2:AH$366,ROUNDDOWN($C6835/24,0)+1,1)*INDEX($D$3:$AA$30,INDEX(Jesper!$R$2:$R$366,ROW(INDEX(Jesper!AH$2:AH$366,ROUNDDOWN($C6835/24,0)+1,1))-1)+IF('Standard Profiles'!$G$18=$B$10,7,0)+IF('Standard Profiles'!$G$18=$B$17,14,0)+IF('Standard Profiles'!$G$18=$B$24,21,0),MOD($C6835,24)+1)/SUM(INDEX($D$3:$AA$30,INDEX(Jesper!$R$2:$R$366,ROW(INDEX(Jesper!AH$2:AH$366,ROUNDDOWN($C6835/24,0)+1,1))-1)+IF('Standard Profiles'!$G$18=$B$10,7,0)+IF('Standard Profiles'!$G$18=$B$17,14,0)+IF('Standard Profiles'!$G$18=$B$24,21,0),0)),0)</f>
        <v>27.702860163680636</v>
      </c>
      <c r="E6835" cm="1">
        <f t="array" ref="E6835">IFERROR(INDEX(Jesper!AI$2:AI$366,ROUNDDOWN($C6835/24,0)+1,1)*INDEX($D$3:$AA$30,INDEX(Jesper!$R$2:$R$366,ROW(INDEX(Jesper!AI$2:AI$366,ROUNDDOWN($C6835/24,0)+1,1))-1)+IF('Standard Profiles'!$G$19=$B$10,7,0)+IF('Standard Profiles'!$G$19=$B$17,14,0)+IF('Standard Profiles'!$G$19=$B$24,21,0),MOD($C6835,24)+1)/SUM(INDEX($D$3:$AA$30,INDEX(Jesper!$R$2:$R$366,ROW(INDEX(Jesper!AI$2:AI$366,ROUNDDOWN($C6835/24,0)+1,1))-1)+IF('Standard Profiles'!$G$19=$B$10,7,0)+IF('Standard Profiles'!$G$19=$B$17,14,0)+IF('Standard Profiles'!$G$19=$B$24,21,0),0)),0)</f>
        <v>12.888194347228605</v>
      </c>
      <c r="F6835" cm="1">
        <f t="array" ref="F6835">IFERROR(INDEX(Jesper!AJ$2:AJ$366,ROUNDDOWN($C6835/24,0)+1,1)*INDEX($D$3:$AA$30,INDEX(Jesper!$R$2:$R$366,ROW(INDEX(Jesper!AJ$2:AJ$366,ROUNDDOWN($C6835/24,0)+1,1))-1)+IF('Standard Profiles'!$G$20=$B$10,7,0)+IF('Standard Profiles'!$G$20=$B$17,14,0)+IF('Standard Profiles'!$G$20=$B$24,21,0),MOD($C6835,24)+1)/SUM(INDEX($D$3:$AA$30,INDEX(Jesper!$R$2:$R$366,ROW(INDEX(Jesper!AJ$2:AJ$366,ROUNDDOWN($C6835/24,0)+1,1))-1)+IF('Standard Profiles'!$G$20=$B$10,7,0)+IF('Standard Profiles'!$G$20=$B$17,14,0)+IF('Standard Profiles'!$G$20=$B$24,21,0),0)),0)</f>
        <v>0</v>
      </c>
      <c r="G6835" cm="1">
        <f t="array" ref="G6835">IFERROR(INDEX(Jesper!AK$2:AK$366,ROUNDDOWN($C6835/24,0)+1,1)*INDEX($D$3:$AA$30,INDEX(Jesper!$R$2:$R$366,ROW(INDEX(Jesper!AK$2:AK$366,ROUNDDOWN($C6835/24,0)+1,1))-1)+IF('Standard Profiles'!$G$21=$B$10,7,0)+IF('Standard Profiles'!$G$21=$B$17,14,0)+IF('Standard Profiles'!$G$21=$B$24,21,0),MOD($C6835,24)+1)/SUM(INDEX($D$3:$AA$30,INDEX(Jesper!$R$2:$R$366,ROW(INDEX(Jesper!AK$2:AK$366,ROUNDDOWN($C6835/24,0)+1,1))-1)+IF('Standard Profiles'!$G$21=$B$10,7,0)+IF('Standard Profiles'!$G$21=$B$17,14,0)+IF('Standard Profiles'!$G$21=$B$24,21,0),0)),0)</f>
        <v>2.1221274514939403</v>
      </c>
      <c r="H6835" cm="1">
        <f t="array" ref="H6835">IFERROR(INDEX(Jesper!AL$2:AL$366,ROUNDDOWN($C6835/24,0)+1,1)*INDEX($D$3:$AA$30,INDEX(Jesper!$R$2:$R$366,ROW(INDEX(Jesper!AL$2:AL$366,ROUNDDOWN($C6835/24,0)+1,1))-1)+IF('Standard Profiles'!$G$22=$B$10,7,0)+IF('Standard Profiles'!$G$22=$B$17,14,0)+IF('Standard Profiles'!$G$22=$B$24,21,0),MOD($C6835,24)+1)/SUM(INDEX($D$3:$AA$30,INDEX(Jesper!$R$2:$R$366,ROW(INDEX(Jesper!AL$2:AL$366,ROUNDDOWN($C6835/24,0)+1,1))-1)+IF('Standard Profiles'!$G$22=$B$10,7,0)+IF('Standard Profiles'!$G$22=$B$17,14,0)+IF('Standard Profiles'!$G$22=$B$24,21,0),0)),0)</f>
        <v>0</v>
      </c>
      <c r="I6835">
        <f t="shared" si="762"/>
        <v>1.018621176717091</v>
      </c>
      <c r="J6835">
        <f t="shared" si="763"/>
        <v>37.262103159497187</v>
      </c>
      <c r="K6835">
        <f t="shared" si="764"/>
        <v>2.9549717507926014</v>
      </c>
      <c r="L6835">
        <f t="shared" si="765"/>
        <v>1.4774858753963007</v>
      </c>
      <c r="M6835">
        <f t="shared" si="766"/>
        <v>0</v>
      </c>
      <c r="N6835" s="45">
        <f t="shared" si="767"/>
        <v>45210.374999983505</v>
      </c>
    </row>
    <row r="6836" spans="2:14" x14ac:dyDescent="0.25">
      <c r="B6836">
        <f t="shared" si="761"/>
        <v>3</v>
      </c>
      <c r="C6836" s="16">
        <v>6802</v>
      </c>
      <c r="D6836" cm="1">
        <f t="array" ref="D6836">IFERROR(INDEX(Jesper!AH$2:AH$366,ROUNDDOWN($C6836/24,0)+1,1)*INDEX($D$3:$AA$30,INDEX(Jesper!$R$2:$R$366,ROW(INDEX(Jesper!AH$2:AH$366,ROUNDDOWN($C6836/24,0)+1,1))-1)+IF('Standard Profiles'!$G$18=$B$10,7,0)+IF('Standard Profiles'!$G$18=$B$17,14,0)+IF('Standard Profiles'!$G$18=$B$24,21,0),MOD($C6836,24)+1)/SUM(INDEX($D$3:$AA$30,INDEX(Jesper!$R$2:$R$366,ROW(INDEX(Jesper!AH$2:AH$366,ROUNDDOWN($C6836/24,0)+1,1))-1)+IF('Standard Profiles'!$G$18=$B$10,7,0)+IF('Standard Profiles'!$G$18=$B$17,14,0)+IF('Standard Profiles'!$G$18=$B$24,21,0),0)),0)</f>
        <v>27.702860163680636</v>
      </c>
      <c r="E6836" cm="1">
        <f t="array" ref="E6836">IFERROR(INDEX(Jesper!AI$2:AI$366,ROUNDDOWN($C6836/24,0)+1,1)*INDEX($D$3:$AA$30,INDEX(Jesper!$R$2:$R$366,ROW(INDEX(Jesper!AI$2:AI$366,ROUNDDOWN($C6836/24,0)+1,1))-1)+IF('Standard Profiles'!$G$19=$B$10,7,0)+IF('Standard Profiles'!$G$19=$B$17,14,0)+IF('Standard Profiles'!$G$19=$B$24,21,0),MOD($C6836,24)+1)/SUM(INDEX($D$3:$AA$30,INDEX(Jesper!$R$2:$R$366,ROW(INDEX(Jesper!AI$2:AI$366,ROUNDDOWN($C6836/24,0)+1,1))-1)+IF('Standard Profiles'!$G$19=$B$10,7,0)+IF('Standard Profiles'!$G$19=$B$17,14,0)+IF('Standard Profiles'!$G$19=$B$24,21,0),0)),0)</f>
        <v>12.888194347228605</v>
      </c>
      <c r="F6836" cm="1">
        <f t="array" ref="F6836">IFERROR(INDEX(Jesper!AJ$2:AJ$366,ROUNDDOWN($C6836/24,0)+1,1)*INDEX($D$3:$AA$30,INDEX(Jesper!$R$2:$R$366,ROW(INDEX(Jesper!AJ$2:AJ$366,ROUNDDOWN($C6836/24,0)+1,1))-1)+IF('Standard Profiles'!$G$20=$B$10,7,0)+IF('Standard Profiles'!$G$20=$B$17,14,0)+IF('Standard Profiles'!$G$20=$B$24,21,0),MOD($C6836,24)+1)/SUM(INDEX($D$3:$AA$30,INDEX(Jesper!$R$2:$R$366,ROW(INDEX(Jesper!AJ$2:AJ$366,ROUNDDOWN($C6836/24,0)+1,1))-1)+IF('Standard Profiles'!$G$20=$B$10,7,0)+IF('Standard Profiles'!$G$20=$B$17,14,0)+IF('Standard Profiles'!$G$20=$B$24,21,0),0)),0)</f>
        <v>0</v>
      </c>
      <c r="G6836" cm="1">
        <f t="array" ref="G6836">IFERROR(INDEX(Jesper!AK$2:AK$366,ROUNDDOWN($C6836/24,0)+1,1)*INDEX($D$3:$AA$30,INDEX(Jesper!$R$2:$R$366,ROW(INDEX(Jesper!AK$2:AK$366,ROUNDDOWN($C6836/24,0)+1,1))-1)+IF('Standard Profiles'!$G$21=$B$10,7,0)+IF('Standard Profiles'!$G$21=$B$17,14,0)+IF('Standard Profiles'!$G$21=$B$24,21,0),MOD($C6836,24)+1)/SUM(INDEX($D$3:$AA$30,INDEX(Jesper!$R$2:$R$366,ROW(INDEX(Jesper!AK$2:AK$366,ROUNDDOWN($C6836/24,0)+1,1))-1)+IF('Standard Profiles'!$G$21=$B$10,7,0)+IF('Standard Profiles'!$G$21=$B$17,14,0)+IF('Standard Profiles'!$G$21=$B$24,21,0),0)),0)</f>
        <v>2.1221274514939403</v>
      </c>
      <c r="H6836" cm="1">
        <f t="array" ref="H6836">IFERROR(INDEX(Jesper!AL$2:AL$366,ROUNDDOWN($C6836/24,0)+1,1)*INDEX($D$3:$AA$30,INDEX(Jesper!$R$2:$R$366,ROW(INDEX(Jesper!AL$2:AL$366,ROUNDDOWN($C6836/24,0)+1,1))-1)+IF('Standard Profiles'!$G$22=$B$10,7,0)+IF('Standard Profiles'!$G$22=$B$17,14,0)+IF('Standard Profiles'!$G$22=$B$24,21,0),MOD($C6836,24)+1)/SUM(INDEX($D$3:$AA$30,INDEX(Jesper!$R$2:$R$366,ROW(INDEX(Jesper!AL$2:AL$366,ROUNDDOWN($C6836/24,0)+1,1))-1)+IF('Standard Profiles'!$G$22=$B$10,7,0)+IF('Standard Profiles'!$G$22=$B$17,14,0)+IF('Standard Profiles'!$G$22=$B$24,21,0),0)),0)</f>
        <v>0</v>
      </c>
      <c r="I6836">
        <f t="shared" si="762"/>
        <v>1.018621176717091</v>
      </c>
      <c r="J6836">
        <f t="shared" si="763"/>
        <v>37.262103159497187</v>
      </c>
      <c r="K6836">
        <f t="shared" si="764"/>
        <v>2.9549717507926014</v>
      </c>
      <c r="L6836">
        <f t="shared" si="765"/>
        <v>1.4774858753963007</v>
      </c>
      <c r="M6836">
        <f t="shared" si="766"/>
        <v>0</v>
      </c>
      <c r="N6836" s="45">
        <f t="shared" si="767"/>
        <v>45210.41666665017</v>
      </c>
    </row>
    <row r="6837" spans="2:14" x14ac:dyDescent="0.25">
      <c r="B6837">
        <f t="shared" si="761"/>
        <v>3</v>
      </c>
      <c r="C6837" s="16">
        <v>6803</v>
      </c>
      <c r="D6837" cm="1">
        <f t="array" ref="D6837">IFERROR(INDEX(Jesper!AH$2:AH$366,ROUNDDOWN($C6837/24,0)+1,1)*INDEX($D$3:$AA$30,INDEX(Jesper!$R$2:$R$366,ROW(INDEX(Jesper!AH$2:AH$366,ROUNDDOWN($C6837/24,0)+1,1))-1)+IF('Standard Profiles'!$G$18=$B$10,7,0)+IF('Standard Profiles'!$G$18=$B$17,14,0)+IF('Standard Profiles'!$G$18=$B$24,21,0),MOD($C6837,24)+1)/SUM(INDEX($D$3:$AA$30,INDEX(Jesper!$R$2:$R$366,ROW(INDEX(Jesper!AH$2:AH$366,ROUNDDOWN($C6837/24,0)+1,1))-1)+IF('Standard Profiles'!$G$18=$B$10,7,0)+IF('Standard Profiles'!$G$18=$B$17,14,0)+IF('Standard Profiles'!$G$18=$B$24,21,0),0)),0)</f>
        <v>33.148721563378537</v>
      </c>
      <c r="E6837" cm="1">
        <f t="array" ref="E6837">IFERROR(INDEX(Jesper!AI$2:AI$366,ROUNDDOWN($C6837/24,0)+1,1)*INDEX($D$3:$AA$30,INDEX(Jesper!$R$2:$R$366,ROW(INDEX(Jesper!AI$2:AI$366,ROUNDDOWN($C6837/24,0)+1,1))-1)+IF('Standard Profiles'!$G$19=$B$10,7,0)+IF('Standard Profiles'!$G$19=$B$17,14,0)+IF('Standard Profiles'!$G$19=$B$24,21,0),MOD($C6837,24)+1)/SUM(INDEX($D$3:$AA$30,INDEX(Jesper!$R$2:$R$366,ROW(INDEX(Jesper!AI$2:AI$366,ROUNDDOWN($C6837/24,0)+1,1))-1)+IF('Standard Profiles'!$G$19=$B$10,7,0)+IF('Standard Profiles'!$G$19=$B$17,14,0)+IF('Standard Profiles'!$G$19=$B$24,21,0),0)),0)</f>
        <v>15.421771013777816</v>
      </c>
      <c r="F6837" cm="1">
        <f t="array" ref="F6837">IFERROR(INDEX(Jesper!AJ$2:AJ$366,ROUNDDOWN($C6837/24,0)+1,1)*INDEX($D$3:$AA$30,INDEX(Jesper!$R$2:$R$366,ROW(INDEX(Jesper!AJ$2:AJ$366,ROUNDDOWN($C6837/24,0)+1,1))-1)+IF('Standard Profiles'!$G$20=$B$10,7,0)+IF('Standard Profiles'!$G$20=$B$17,14,0)+IF('Standard Profiles'!$G$20=$B$24,21,0),MOD($C6837,24)+1)/SUM(INDEX($D$3:$AA$30,INDEX(Jesper!$R$2:$R$366,ROW(INDEX(Jesper!AJ$2:AJ$366,ROUNDDOWN($C6837/24,0)+1,1))-1)+IF('Standard Profiles'!$G$20=$B$10,7,0)+IF('Standard Profiles'!$G$20=$B$17,14,0)+IF('Standard Profiles'!$G$20=$B$24,21,0),0)),0)</f>
        <v>0</v>
      </c>
      <c r="G6837" cm="1">
        <f t="array" ref="G6837">IFERROR(INDEX(Jesper!AK$2:AK$366,ROUNDDOWN($C6837/24,0)+1,1)*INDEX($D$3:$AA$30,INDEX(Jesper!$R$2:$R$366,ROW(INDEX(Jesper!AK$2:AK$366,ROUNDDOWN($C6837/24,0)+1,1))-1)+IF('Standard Profiles'!$G$21=$B$10,7,0)+IF('Standard Profiles'!$G$21=$B$17,14,0)+IF('Standard Profiles'!$G$21=$B$24,21,0),MOD($C6837,24)+1)/SUM(INDEX($D$3:$AA$30,INDEX(Jesper!$R$2:$R$366,ROW(INDEX(Jesper!AK$2:AK$366,ROUNDDOWN($C6837/24,0)+1,1))-1)+IF('Standard Profiles'!$G$21=$B$10,7,0)+IF('Standard Profiles'!$G$21=$B$17,14,0)+IF('Standard Profiles'!$G$21=$B$24,21,0),0)),0)</f>
        <v>2.5392978052064241</v>
      </c>
      <c r="H6837" cm="1">
        <f t="array" ref="H6837">IFERROR(INDEX(Jesper!AL$2:AL$366,ROUNDDOWN($C6837/24,0)+1,1)*INDEX($D$3:$AA$30,INDEX(Jesper!$R$2:$R$366,ROW(INDEX(Jesper!AL$2:AL$366,ROUNDDOWN($C6837/24,0)+1,1))-1)+IF('Standard Profiles'!$G$22=$B$10,7,0)+IF('Standard Profiles'!$G$22=$B$17,14,0)+IF('Standard Profiles'!$G$22=$B$24,21,0),MOD($C6837,24)+1)/SUM(INDEX($D$3:$AA$30,INDEX(Jesper!$R$2:$R$366,ROW(INDEX(Jesper!AL$2:AL$366,ROUNDDOWN($C6837/24,0)+1,1))-1)+IF('Standard Profiles'!$G$22=$B$10,7,0)+IF('Standard Profiles'!$G$22=$B$17,14,0)+IF('Standard Profiles'!$G$22=$B$24,21,0),0)),0)</f>
        <v>0</v>
      </c>
      <c r="I6837">
        <f t="shared" si="762"/>
        <v>1.218862946499083</v>
      </c>
      <c r="J6837">
        <f t="shared" si="763"/>
        <v>44.587131985723133</v>
      </c>
      <c r="K6837">
        <f t="shared" si="764"/>
        <v>3.5358636334270441</v>
      </c>
      <c r="L6837">
        <f t="shared" si="765"/>
        <v>1.7679318167135221</v>
      </c>
      <c r="M6837">
        <f t="shared" si="766"/>
        <v>0</v>
      </c>
      <c r="N6837" s="45">
        <f t="shared" si="767"/>
        <v>45210.458333316834</v>
      </c>
    </row>
    <row r="6838" spans="2:14" x14ac:dyDescent="0.25">
      <c r="B6838">
        <f t="shared" si="761"/>
        <v>3</v>
      </c>
      <c r="C6838" s="16">
        <v>6804</v>
      </c>
      <c r="D6838" cm="1">
        <f t="array" ref="D6838">IFERROR(INDEX(Jesper!AH$2:AH$366,ROUNDDOWN($C6838/24,0)+1,1)*INDEX($D$3:$AA$30,INDEX(Jesper!$R$2:$R$366,ROW(INDEX(Jesper!AH$2:AH$366,ROUNDDOWN($C6838/24,0)+1,1))-1)+IF('Standard Profiles'!$G$18=$B$10,7,0)+IF('Standard Profiles'!$G$18=$B$17,14,0)+IF('Standard Profiles'!$G$18=$B$24,21,0),MOD($C6838,24)+1)/SUM(INDEX($D$3:$AA$30,INDEX(Jesper!$R$2:$R$366,ROW(INDEX(Jesper!AH$2:AH$366,ROUNDDOWN($C6838/24,0)+1,1))-1)+IF('Standard Profiles'!$G$18=$B$10,7,0)+IF('Standard Profiles'!$G$18=$B$17,14,0)+IF('Standard Profiles'!$G$18=$B$24,21,0),0)),0)</f>
        <v>33.148721563378537</v>
      </c>
      <c r="E6838" cm="1">
        <f t="array" ref="E6838">IFERROR(INDEX(Jesper!AI$2:AI$366,ROUNDDOWN($C6838/24,0)+1,1)*INDEX($D$3:$AA$30,INDEX(Jesper!$R$2:$R$366,ROW(INDEX(Jesper!AI$2:AI$366,ROUNDDOWN($C6838/24,0)+1,1))-1)+IF('Standard Profiles'!$G$19=$B$10,7,0)+IF('Standard Profiles'!$G$19=$B$17,14,0)+IF('Standard Profiles'!$G$19=$B$24,21,0),MOD($C6838,24)+1)/SUM(INDEX($D$3:$AA$30,INDEX(Jesper!$R$2:$R$366,ROW(INDEX(Jesper!AI$2:AI$366,ROUNDDOWN($C6838/24,0)+1,1))-1)+IF('Standard Profiles'!$G$19=$B$10,7,0)+IF('Standard Profiles'!$G$19=$B$17,14,0)+IF('Standard Profiles'!$G$19=$B$24,21,0),0)),0)</f>
        <v>15.421771013777816</v>
      </c>
      <c r="F6838" cm="1">
        <f t="array" ref="F6838">IFERROR(INDEX(Jesper!AJ$2:AJ$366,ROUNDDOWN($C6838/24,0)+1,1)*INDEX($D$3:$AA$30,INDEX(Jesper!$R$2:$R$366,ROW(INDEX(Jesper!AJ$2:AJ$366,ROUNDDOWN($C6838/24,0)+1,1))-1)+IF('Standard Profiles'!$G$20=$B$10,7,0)+IF('Standard Profiles'!$G$20=$B$17,14,0)+IF('Standard Profiles'!$G$20=$B$24,21,0),MOD($C6838,24)+1)/SUM(INDEX($D$3:$AA$30,INDEX(Jesper!$R$2:$R$366,ROW(INDEX(Jesper!AJ$2:AJ$366,ROUNDDOWN($C6838/24,0)+1,1))-1)+IF('Standard Profiles'!$G$20=$B$10,7,0)+IF('Standard Profiles'!$G$20=$B$17,14,0)+IF('Standard Profiles'!$G$20=$B$24,21,0),0)),0)</f>
        <v>0</v>
      </c>
      <c r="G6838" cm="1">
        <f t="array" ref="G6838">IFERROR(INDEX(Jesper!AK$2:AK$366,ROUNDDOWN($C6838/24,0)+1,1)*INDEX($D$3:$AA$30,INDEX(Jesper!$R$2:$R$366,ROW(INDEX(Jesper!AK$2:AK$366,ROUNDDOWN($C6838/24,0)+1,1))-1)+IF('Standard Profiles'!$G$21=$B$10,7,0)+IF('Standard Profiles'!$G$21=$B$17,14,0)+IF('Standard Profiles'!$G$21=$B$24,21,0),MOD($C6838,24)+1)/SUM(INDEX($D$3:$AA$30,INDEX(Jesper!$R$2:$R$366,ROW(INDEX(Jesper!AK$2:AK$366,ROUNDDOWN($C6838/24,0)+1,1))-1)+IF('Standard Profiles'!$G$21=$B$10,7,0)+IF('Standard Profiles'!$G$21=$B$17,14,0)+IF('Standard Profiles'!$G$21=$B$24,21,0),0)),0)</f>
        <v>2.5392978052064241</v>
      </c>
      <c r="H6838" cm="1">
        <f t="array" ref="H6838">IFERROR(INDEX(Jesper!AL$2:AL$366,ROUNDDOWN($C6838/24,0)+1,1)*INDEX($D$3:$AA$30,INDEX(Jesper!$R$2:$R$366,ROW(INDEX(Jesper!AL$2:AL$366,ROUNDDOWN($C6838/24,0)+1,1))-1)+IF('Standard Profiles'!$G$22=$B$10,7,0)+IF('Standard Profiles'!$G$22=$B$17,14,0)+IF('Standard Profiles'!$G$22=$B$24,21,0),MOD($C6838,24)+1)/SUM(INDEX($D$3:$AA$30,INDEX(Jesper!$R$2:$R$366,ROW(INDEX(Jesper!AL$2:AL$366,ROUNDDOWN($C6838/24,0)+1,1))-1)+IF('Standard Profiles'!$G$22=$B$10,7,0)+IF('Standard Profiles'!$G$22=$B$17,14,0)+IF('Standard Profiles'!$G$22=$B$24,21,0),0)),0)</f>
        <v>0</v>
      </c>
      <c r="I6838">
        <f t="shared" si="762"/>
        <v>1.218862946499083</v>
      </c>
      <c r="J6838">
        <f t="shared" si="763"/>
        <v>44.587131985723133</v>
      </c>
      <c r="K6838">
        <f t="shared" si="764"/>
        <v>3.5358636334270441</v>
      </c>
      <c r="L6838">
        <f t="shared" si="765"/>
        <v>1.7679318167135221</v>
      </c>
      <c r="M6838">
        <f t="shared" si="766"/>
        <v>0</v>
      </c>
      <c r="N6838" s="45">
        <f t="shared" si="767"/>
        <v>45210.499999983498</v>
      </c>
    </row>
    <row r="6839" spans="2:14" x14ac:dyDescent="0.25">
      <c r="B6839">
        <f t="shared" si="761"/>
        <v>3</v>
      </c>
      <c r="C6839" s="16">
        <v>6805</v>
      </c>
      <c r="D6839" cm="1">
        <f t="array" ref="D6839">IFERROR(INDEX(Jesper!AH$2:AH$366,ROUNDDOWN($C6839/24,0)+1,1)*INDEX($D$3:$AA$30,INDEX(Jesper!$R$2:$R$366,ROW(INDEX(Jesper!AH$2:AH$366,ROUNDDOWN($C6839/24,0)+1,1))-1)+IF('Standard Profiles'!$G$18=$B$10,7,0)+IF('Standard Profiles'!$G$18=$B$17,14,0)+IF('Standard Profiles'!$G$18=$B$24,21,0),MOD($C6839,24)+1)/SUM(INDEX($D$3:$AA$30,INDEX(Jesper!$R$2:$R$366,ROW(INDEX(Jesper!AH$2:AH$366,ROUNDDOWN($C6839/24,0)+1,1))-1)+IF('Standard Profiles'!$G$18=$B$10,7,0)+IF('Standard Profiles'!$G$18=$B$17,14,0)+IF('Standard Profiles'!$G$18=$B$24,21,0),0)),0)</f>
        <v>22.020222181387172</v>
      </c>
      <c r="E6839" cm="1">
        <f t="array" ref="E6839">IFERROR(INDEX(Jesper!AI$2:AI$366,ROUNDDOWN($C6839/24,0)+1,1)*INDEX($D$3:$AA$30,INDEX(Jesper!$R$2:$R$366,ROW(INDEX(Jesper!AI$2:AI$366,ROUNDDOWN($C6839/24,0)+1,1))-1)+IF('Standard Profiles'!$G$19=$B$10,7,0)+IF('Standard Profiles'!$G$19=$B$17,14,0)+IF('Standard Profiles'!$G$19=$B$24,21,0),MOD($C6839,24)+1)/SUM(INDEX($D$3:$AA$30,INDEX(Jesper!$R$2:$R$366,ROW(INDEX(Jesper!AI$2:AI$366,ROUNDDOWN($C6839/24,0)+1,1))-1)+IF('Standard Profiles'!$G$19=$B$10,7,0)+IF('Standard Profiles'!$G$19=$B$17,14,0)+IF('Standard Profiles'!$G$19=$B$24,21,0),0)),0)</f>
        <v>10.244462173438121</v>
      </c>
      <c r="F6839" cm="1">
        <f t="array" ref="F6839">IFERROR(INDEX(Jesper!AJ$2:AJ$366,ROUNDDOWN($C6839/24,0)+1,1)*INDEX($D$3:$AA$30,INDEX(Jesper!$R$2:$R$366,ROW(INDEX(Jesper!AJ$2:AJ$366,ROUNDDOWN($C6839/24,0)+1,1))-1)+IF('Standard Profiles'!$G$20=$B$10,7,0)+IF('Standard Profiles'!$G$20=$B$17,14,0)+IF('Standard Profiles'!$G$20=$B$24,21,0),MOD($C6839,24)+1)/SUM(INDEX($D$3:$AA$30,INDEX(Jesper!$R$2:$R$366,ROW(INDEX(Jesper!AJ$2:AJ$366,ROUNDDOWN($C6839/24,0)+1,1))-1)+IF('Standard Profiles'!$G$20=$B$10,7,0)+IF('Standard Profiles'!$G$20=$B$17,14,0)+IF('Standard Profiles'!$G$20=$B$24,21,0),0)),0)</f>
        <v>0</v>
      </c>
      <c r="G6839" cm="1">
        <f t="array" ref="G6839">IFERROR(INDEX(Jesper!AK$2:AK$366,ROUNDDOWN($C6839/24,0)+1,1)*INDEX($D$3:$AA$30,INDEX(Jesper!$R$2:$R$366,ROW(INDEX(Jesper!AK$2:AK$366,ROUNDDOWN($C6839/24,0)+1,1))-1)+IF('Standard Profiles'!$G$21=$B$10,7,0)+IF('Standard Profiles'!$G$21=$B$17,14,0)+IF('Standard Profiles'!$G$21=$B$24,21,0),MOD($C6839,24)+1)/SUM(INDEX($D$3:$AA$30,INDEX(Jesper!$R$2:$R$366,ROW(INDEX(Jesper!AK$2:AK$366,ROUNDDOWN($C6839/24,0)+1,1))-1)+IF('Standard Profiles'!$G$21=$B$10,7,0)+IF('Standard Profiles'!$G$21=$B$17,14,0)+IF('Standard Profiles'!$G$21=$B$24,21,0),0)),0)</f>
        <v>1.6868192563156963</v>
      </c>
      <c r="H6839" cm="1">
        <f t="array" ref="H6839">IFERROR(INDEX(Jesper!AL$2:AL$366,ROUNDDOWN($C6839/24,0)+1,1)*INDEX($D$3:$AA$30,INDEX(Jesper!$R$2:$R$366,ROW(INDEX(Jesper!AL$2:AL$366,ROUNDDOWN($C6839/24,0)+1,1))-1)+IF('Standard Profiles'!$G$22=$B$10,7,0)+IF('Standard Profiles'!$G$22=$B$17,14,0)+IF('Standard Profiles'!$G$22=$B$24,21,0),MOD($C6839,24)+1)/SUM(INDEX($D$3:$AA$30,INDEX(Jesper!$R$2:$R$366,ROW(INDEX(Jesper!AL$2:AL$366,ROUNDDOWN($C6839/24,0)+1,1))-1)+IF('Standard Profiles'!$G$22=$B$10,7,0)+IF('Standard Profiles'!$G$22=$B$17,14,0)+IF('Standard Profiles'!$G$22=$B$24,21,0),0)),0)</f>
        <v>0</v>
      </c>
      <c r="I6839">
        <f t="shared" si="762"/>
        <v>0.80967324303153376</v>
      </c>
      <c r="J6839">
        <f t="shared" si="763"/>
        <v>29.618594819087505</v>
      </c>
      <c r="K6839">
        <f t="shared" si="764"/>
        <v>2.3488236993479652</v>
      </c>
      <c r="L6839">
        <f t="shared" si="765"/>
        <v>1.1744118496739826</v>
      </c>
      <c r="M6839">
        <f t="shared" si="766"/>
        <v>0</v>
      </c>
      <c r="N6839" s="45">
        <f t="shared" si="767"/>
        <v>45210.541666650162</v>
      </c>
    </row>
    <row r="6840" spans="2:14" x14ac:dyDescent="0.25">
      <c r="B6840">
        <f t="shared" si="761"/>
        <v>3</v>
      </c>
      <c r="C6840" s="16">
        <v>6806</v>
      </c>
      <c r="D6840" cm="1">
        <f t="array" ref="D6840">IFERROR(INDEX(Jesper!AH$2:AH$366,ROUNDDOWN($C6840/24,0)+1,1)*INDEX($D$3:$AA$30,INDEX(Jesper!$R$2:$R$366,ROW(INDEX(Jesper!AH$2:AH$366,ROUNDDOWN($C6840/24,0)+1,1))-1)+IF('Standard Profiles'!$G$18=$B$10,7,0)+IF('Standard Profiles'!$G$18=$B$17,14,0)+IF('Standard Profiles'!$G$18=$B$24,21,0),MOD($C6840,24)+1)/SUM(INDEX($D$3:$AA$30,INDEX(Jesper!$R$2:$R$366,ROW(INDEX(Jesper!AH$2:AH$366,ROUNDDOWN($C6840/24,0)+1,1))-1)+IF('Standard Profiles'!$G$18=$B$10,7,0)+IF('Standard Profiles'!$G$18=$B$17,14,0)+IF('Standard Profiles'!$G$18=$B$24,21,0),0)),0)</f>
        <v>33.148721563378537</v>
      </c>
      <c r="E6840" cm="1">
        <f t="array" ref="E6840">IFERROR(INDEX(Jesper!AI$2:AI$366,ROUNDDOWN($C6840/24,0)+1,1)*INDEX($D$3:$AA$30,INDEX(Jesper!$R$2:$R$366,ROW(INDEX(Jesper!AI$2:AI$366,ROUNDDOWN($C6840/24,0)+1,1))-1)+IF('Standard Profiles'!$G$19=$B$10,7,0)+IF('Standard Profiles'!$G$19=$B$17,14,0)+IF('Standard Profiles'!$G$19=$B$24,21,0),MOD($C6840,24)+1)/SUM(INDEX($D$3:$AA$30,INDEX(Jesper!$R$2:$R$366,ROW(INDEX(Jesper!AI$2:AI$366,ROUNDDOWN($C6840/24,0)+1,1))-1)+IF('Standard Profiles'!$G$19=$B$10,7,0)+IF('Standard Profiles'!$G$19=$B$17,14,0)+IF('Standard Profiles'!$G$19=$B$24,21,0),0)),0)</f>
        <v>15.421771013777816</v>
      </c>
      <c r="F6840" cm="1">
        <f t="array" ref="F6840">IFERROR(INDEX(Jesper!AJ$2:AJ$366,ROUNDDOWN($C6840/24,0)+1,1)*INDEX($D$3:$AA$30,INDEX(Jesper!$R$2:$R$366,ROW(INDEX(Jesper!AJ$2:AJ$366,ROUNDDOWN($C6840/24,0)+1,1))-1)+IF('Standard Profiles'!$G$20=$B$10,7,0)+IF('Standard Profiles'!$G$20=$B$17,14,0)+IF('Standard Profiles'!$G$20=$B$24,21,0),MOD($C6840,24)+1)/SUM(INDEX($D$3:$AA$30,INDEX(Jesper!$R$2:$R$366,ROW(INDEX(Jesper!AJ$2:AJ$366,ROUNDDOWN($C6840/24,0)+1,1))-1)+IF('Standard Profiles'!$G$20=$B$10,7,0)+IF('Standard Profiles'!$G$20=$B$17,14,0)+IF('Standard Profiles'!$G$20=$B$24,21,0),0)),0)</f>
        <v>0</v>
      </c>
      <c r="G6840" cm="1">
        <f t="array" ref="G6840">IFERROR(INDEX(Jesper!AK$2:AK$366,ROUNDDOWN($C6840/24,0)+1,1)*INDEX($D$3:$AA$30,INDEX(Jesper!$R$2:$R$366,ROW(INDEX(Jesper!AK$2:AK$366,ROUNDDOWN($C6840/24,0)+1,1))-1)+IF('Standard Profiles'!$G$21=$B$10,7,0)+IF('Standard Profiles'!$G$21=$B$17,14,0)+IF('Standard Profiles'!$G$21=$B$24,21,0),MOD($C6840,24)+1)/SUM(INDEX($D$3:$AA$30,INDEX(Jesper!$R$2:$R$366,ROW(INDEX(Jesper!AK$2:AK$366,ROUNDDOWN($C6840/24,0)+1,1))-1)+IF('Standard Profiles'!$G$21=$B$10,7,0)+IF('Standard Profiles'!$G$21=$B$17,14,0)+IF('Standard Profiles'!$G$21=$B$24,21,0),0)),0)</f>
        <v>2.5392978052064241</v>
      </c>
      <c r="H6840" cm="1">
        <f t="array" ref="H6840">IFERROR(INDEX(Jesper!AL$2:AL$366,ROUNDDOWN($C6840/24,0)+1,1)*INDEX($D$3:$AA$30,INDEX(Jesper!$R$2:$R$366,ROW(INDEX(Jesper!AL$2:AL$366,ROUNDDOWN($C6840/24,0)+1,1))-1)+IF('Standard Profiles'!$G$22=$B$10,7,0)+IF('Standard Profiles'!$G$22=$B$17,14,0)+IF('Standard Profiles'!$G$22=$B$24,21,0),MOD($C6840,24)+1)/SUM(INDEX($D$3:$AA$30,INDEX(Jesper!$R$2:$R$366,ROW(INDEX(Jesper!AL$2:AL$366,ROUNDDOWN($C6840/24,0)+1,1))-1)+IF('Standard Profiles'!$G$22=$B$10,7,0)+IF('Standard Profiles'!$G$22=$B$17,14,0)+IF('Standard Profiles'!$G$22=$B$24,21,0),0)),0)</f>
        <v>0</v>
      </c>
      <c r="I6840">
        <f t="shared" si="762"/>
        <v>1.218862946499083</v>
      </c>
      <c r="J6840">
        <f t="shared" si="763"/>
        <v>44.587131985723133</v>
      </c>
      <c r="K6840">
        <f t="shared" si="764"/>
        <v>3.5358636334270441</v>
      </c>
      <c r="L6840">
        <f t="shared" si="765"/>
        <v>1.7679318167135221</v>
      </c>
      <c r="M6840">
        <f t="shared" si="766"/>
        <v>0</v>
      </c>
      <c r="N6840" s="45">
        <f t="shared" si="767"/>
        <v>45210.583333316827</v>
      </c>
    </row>
    <row r="6841" spans="2:14" x14ac:dyDescent="0.25">
      <c r="B6841">
        <f t="shared" si="761"/>
        <v>3</v>
      </c>
      <c r="C6841" s="16">
        <v>6807</v>
      </c>
      <c r="D6841" cm="1">
        <f t="array" ref="D6841">IFERROR(INDEX(Jesper!AH$2:AH$366,ROUNDDOWN($C6841/24,0)+1,1)*INDEX($D$3:$AA$30,INDEX(Jesper!$R$2:$R$366,ROW(INDEX(Jesper!AH$2:AH$366,ROUNDDOWN($C6841/24,0)+1,1))-1)+IF('Standard Profiles'!$G$18=$B$10,7,0)+IF('Standard Profiles'!$G$18=$B$17,14,0)+IF('Standard Profiles'!$G$18=$B$24,21,0),MOD($C6841,24)+1)/SUM(INDEX($D$3:$AA$30,INDEX(Jesper!$R$2:$R$366,ROW(INDEX(Jesper!AH$2:AH$366,ROUNDDOWN($C6841/24,0)+1,1))-1)+IF('Standard Profiles'!$G$18=$B$10,7,0)+IF('Standard Profiles'!$G$18=$B$17,14,0)+IF('Standard Profiles'!$G$18=$B$24,21,0),0)),0)</f>
        <v>33.148721563378537</v>
      </c>
      <c r="E6841" cm="1">
        <f t="array" ref="E6841">IFERROR(INDEX(Jesper!AI$2:AI$366,ROUNDDOWN($C6841/24,0)+1,1)*INDEX($D$3:$AA$30,INDEX(Jesper!$R$2:$R$366,ROW(INDEX(Jesper!AI$2:AI$366,ROUNDDOWN($C6841/24,0)+1,1))-1)+IF('Standard Profiles'!$G$19=$B$10,7,0)+IF('Standard Profiles'!$G$19=$B$17,14,0)+IF('Standard Profiles'!$G$19=$B$24,21,0),MOD($C6841,24)+1)/SUM(INDEX($D$3:$AA$30,INDEX(Jesper!$R$2:$R$366,ROW(INDEX(Jesper!AI$2:AI$366,ROUNDDOWN($C6841/24,0)+1,1))-1)+IF('Standard Profiles'!$G$19=$B$10,7,0)+IF('Standard Profiles'!$G$19=$B$17,14,0)+IF('Standard Profiles'!$G$19=$B$24,21,0),0)),0)</f>
        <v>15.421771013777816</v>
      </c>
      <c r="F6841" cm="1">
        <f t="array" ref="F6841">IFERROR(INDEX(Jesper!AJ$2:AJ$366,ROUNDDOWN($C6841/24,0)+1,1)*INDEX($D$3:$AA$30,INDEX(Jesper!$R$2:$R$366,ROW(INDEX(Jesper!AJ$2:AJ$366,ROUNDDOWN($C6841/24,0)+1,1))-1)+IF('Standard Profiles'!$G$20=$B$10,7,0)+IF('Standard Profiles'!$G$20=$B$17,14,0)+IF('Standard Profiles'!$G$20=$B$24,21,0),MOD($C6841,24)+1)/SUM(INDEX($D$3:$AA$30,INDEX(Jesper!$R$2:$R$366,ROW(INDEX(Jesper!AJ$2:AJ$366,ROUNDDOWN($C6841/24,0)+1,1))-1)+IF('Standard Profiles'!$G$20=$B$10,7,0)+IF('Standard Profiles'!$G$20=$B$17,14,0)+IF('Standard Profiles'!$G$20=$B$24,21,0),0)),0)</f>
        <v>0</v>
      </c>
      <c r="G6841" cm="1">
        <f t="array" ref="G6841">IFERROR(INDEX(Jesper!AK$2:AK$366,ROUNDDOWN($C6841/24,0)+1,1)*INDEX($D$3:$AA$30,INDEX(Jesper!$R$2:$R$366,ROW(INDEX(Jesper!AK$2:AK$366,ROUNDDOWN($C6841/24,0)+1,1))-1)+IF('Standard Profiles'!$G$21=$B$10,7,0)+IF('Standard Profiles'!$G$21=$B$17,14,0)+IF('Standard Profiles'!$G$21=$B$24,21,0),MOD($C6841,24)+1)/SUM(INDEX($D$3:$AA$30,INDEX(Jesper!$R$2:$R$366,ROW(INDEX(Jesper!AK$2:AK$366,ROUNDDOWN($C6841/24,0)+1,1))-1)+IF('Standard Profiles'!$G$21=$B$10,7,0)+IF('Standard Profiles'!$G$21=$B$17,14,0)+IF('Standard Profiles'!$G$21=$B$24,21,0),0)),0)</f>
        <v>2.5392978052064241</v>
      </c>
      <c r="H6841" cm="1">
        <f t="array" ref="H6841">IFERROR(INDEX(Jesper!AL$2:AL$366,ROUNDDOWN($C6841/24,0)+1,1)*INDEX($D$3:$AA$30,INDEX(Jesper!$R$2:$R$366,ROW(INDEX(Jesper!AL$2:AL$366,ROUNDDOWN($C6841/24,0)+1,1))-1)+IF('Standard Profiles'!$G$22=$B$10,7,0)+IF('Standard Profiles'!$G$22=$B$17,14,0)+IF('Standard Profiles'!$G$22=$B$24,21,0),MOD($C6841,24)+1)/SUM(INDEX($D$3:$AA$30,INDEX(Jesper!$R$2:$R$366,ROW(INDEX(Jesper!AL$2:AL$366,ROUNDDOWN($C6841/24,0)+1,1))-1)+IF('Standard Profiles'!$G$22=$B$10,7,0)+IF('Standard Profiles'!$G$22=$B$17,14,0)+IF('Standard Profiles'!$G$22=$B$24,21,0),0)),0)</f>
        <v>0</v>
      </c>
      <c r="I6841">
        <f t="shared" si="762"/>
        <v>1.218862946499083</v>
      </c>
      <c r="J6841">
        <f t="shared" si="763"/>
        <v>44.587131985723133</v>
      </c>
      <c r="K6841">
        <f t="shared" si="764"/>
        <v>3.5358636334270441</v>
      </c>
      <c r="L6841">
        <f t="shared" si="765"/>
        <v>1.7679318167135221</v>
      </c>
      <c r="M6841">
        <f t="shared" si="766"/>
        <v>0</v>
      </c>
      <c r="N6841" s="45">
        <f t="shared" si="767"/>
        <v>45210.624999983491</v>
      </c>
    </row>
    <row r="6842" spans="2:14" x14ac:dyDescent="0.25">
      <c r="B6842">
        <f t="shared" si="761"/>
        <v>3</v>
      </c>
      <c r="C6842" s="16">
        <v>6808</v>
      </c>
      <c r="D6842" cm="1">
        <f t="array" ref="D6842">IFERROR(INDEX(Jesper!AH$2:AH$366,ROUNDDOWN($C6842/24,0)+1,1)*INDEX($D$3:$AA$30,INDEX(Jesper!$R$2:$R$366,ROW(INDEX(Jesper!AH$2:AH$366,ROUNDDOWN($C6842/24,0)+1,1))-1)+IF('Standard Profiles'!$G$18=$B$10,7,0)+IF('Standard Profiles'!$G$18=$B$17,14,0)+IF('Standard Profiles'!$G$18=$B$24,21,0),MOD($C6842,24)+1)/SUM(INDEX($D$3:$AA$30,INDEX(Jesper!$R$2:$R$366,ROW(INDEX(Jesper!AH$2:AH$366,ROUNDDOWN($C6842/24,0)+1,1))-1)+IF('Standard Profiles'!$G$18=$B$10,7,0)+IF('Standard Profiles'!$G$18=$B$17,14,0)+IF('Standard Profiles'!$G$18=$B$24,21,0),0)),0)</f>
        <v>19.53406806413378</v>
      </c>
      <c r="E6842" cm="1">
        <f t="array" ref="E6842">IFERROR(INDEX(Jesper!AI$2:AI$366,ROUNDDOWN($C6842/24,0)+1,1)*INDEX($D$3:$AA$30,INDEX(Jesper!$R$2:$R$366,ROW(INDEX(Jesper!AI$2:AI$366,ROUNDDOWN($C6842/24,0)+1,1))-1)+IF('Standard Profiles'!$G$19=$B$10,7,0)+IF('Standard Profiles'!$G$19=$B$17,14,0)+IF('Standard Profiles'!$G$19=$B$24,21,0),MOD($C6842,24)+1)/SUM(INDEX($D$3:$AA$30,INDEX(Jesper!$R$2:$R$366,ROW(INDEX(Jesper!AI$2:AI$366,ROUNDDOWN($C6842/24,0)+1,1))-1)+IF('Standard Profiles'!$G$19=$B$10,7,0)+IF('Standard Profiles'!$G$19=$B$17,14,0)+IF('Standard Profiles'!$G$19=$B$24,21,0),0)),0)</f>
        <v>9.0878293474047851</v>
      </c>
      <c r="F6842" cm="1">
        <f t="array" ref="F6842">IFERROR(INDEX(Jesper!AJ$2:AJ$366,ROUNDDOWN($C6842/24,0)+1,1)*INDEX($D$3:$AA$30,INDEX(Jesper!$R$2:$R$366,ROW(INDEX(Jesper!AJ$2:AJ$366,ROUNDDOWN($C6842/24,0)+1,1))-1)+IF('Standard Profiles'!$G$20=$B$10,7,0)+IF('Standard Profiles'!$G$20=$B$17,14,0)+IF('Standard Profiles'!$G$20=$B$24,21,0),MOD($C6842,24)+1)/SUM(INDEX($D$3:$AA$30,INDEX(Jesper!$R$2:$R$366,ROW(INDEX(Jesper!AJ$2:AJ$366,ROUNDDOWN($C6842/24,0)+1,1))-1)+IF('Standard Profiles'!$G$20=$B$10,7,0)+IF('Standard Profiles'!$G$20=$B$17,14,0)+IF('Standard Profiles'!$G$20=$B$24,21,0),0)),0)</f>
        <v>0</v>
      </c>
      <c r="G6842" cm="1">
        <f t="array" ref="G6842">IFERROR(INDEX(Jesper!AK$2:AK$366,ROUNDDOWN($C6842/24,0)+1,1)*INDEX($D$3:$AA$30,INDEX(Jesper!$R$2:$R$366,ROW(INDEX(Jesper!AK$2:AK$366,ROUNDDOWN($C6842/24,0)+1,1))-1)+IF('Standard Profiles'!$G$21=$B$10,7,0)+IF('Standard Profiles'!$G$21=$B$17,14,0)+IF('Standard Profiles'!$G$21=$B$24,21,0),MOD($C6842,24)+1)/SUM(INDEX($D$3:$AA$30,INDEX(Jesper!$R$2:$R$366,ROW(INDEX(Jesper!AK$2:AK$366,ROUNDDOWN($C6842/24,0)+1,1))-1)+IF('Standard Profiles'!$G$21=$B$10,7,0)+IF('Standard Profiles'!$G$21=$B$17,14,0)+IF('Standard Profiles'!$G$21=$B$24,21,0),0)),0)</f>
        <v>2.1218147300893588</v>
      </c>
      <c r="H6842" cm="1">
        <f t="array" ref="H6842">IFERROR(INDEX(Jesper!AL$2:AL$366,ROUNDDOWN($C6842/24,0)+1,1)*INDEX($D$3:$AA$30,INDEX(Jesper!$R$2:$R$366,ROW(INDEX(Jesper!AL$2:AL$366,ROUNDDOWN($C6842/24,0)+1,1))-1)+IF('Standard Profiles'!$G$22=$B$10,7,0)+IF('Standard Profiles'!$G$22=$B$17,14,0)+IF('Standard Profiles'!$G$22=$B$24,21,0),MOD($C6842,24)+1)/SUM(INDEX($D$3:$AA$30,INDEX(Jesper!$R$2:$R$366,ROW(INDEX(Jesper!AL$2:AL$366,ROUNDDOWN($C6842/24,0)+1,1))-1)+IF('Standard Profiles'!$G$22=$B$10,7,0)+IF('Standard Profiles'!$G$22=$B$17,14,0)+IF('Standard Profiles'!$G$22=$B$24,21,0),0)),0)</f>
        <v>0</v>
      </c>
      <c r="I6842">
        <f t="shared" si="762"/>
        <v>1.0184710704428916</v>
      </c>
      <c r="J6842">
        <f t="shared" si="763"/>
        <v>26.599790180923627</v>
      </c>
      <c r="K6842">
        <f t="shared" si="764"/>
        <v>2.0836339268409367</v>
      </c>
      <c r="L6842">
        <f t="shared" si="765"/>
        <v>1.0418169634204684</v>
      </c>
      <c r="M6842">
        <f t="shared" si="766"/>
        <v>0</v>
      </c>
      <c r="N6842" s="45">
        <f t="shared" si="767"/>
        <v>45210.666666650155</v>
      </c>
    </row>
    <row r="6843" spans="2:14" x14ac:dyDescent="0.25">
      <c r="B6843">
        <f t="shared" si="761"/>
        <v>3</v>
      </c>
      <c r="C6843" s="16">
        <v>6809</v>
      </c>
      <c r="D6843" cm="1">
        <f t="array" ref="D6843">IFERROR(INDEX(Jesper!AH$2:AH$366,ROUNDDOWN($C6843/24,0)+1,1)*INDEX($D$3:$AA$30,INDEX(Jesper!$R$2:$R$366,ROW(INDEX(Jesper!AH$2:AH$366,ROUNDDOWN($C6843/24,0)+1,1))-1)+IF('Standard Profiles'!$G$18=$B$10,7,0)+IF('Standard Profiles'!$G$18=$B$17,14,0)+IF('Standard Profiles'!$G$18=$B$24,21,0),MOD($C6843,24)+1)/SUM(INDEX($D$3:$AA$30,INDEX(Jesper!$R$2:$R$366,ROW(INDEX(Jesper!AH$2:AH$366,ROUNDDOWN($C6843/24,0)+1,1))-1)+IF('Standard Profiles'!$G$18=$B$10,7,0)+IF('Standard Profiles'!$G$18=$B$17,14,0)+IF('Standard Profiles'!$G$18=$B$24,21,0),0)),0)</f>
        <v>8.3372036125197546</v>
      </c>
      <c r="E6843" cm="1">
        <f t="array" ref="E6843">IFERROR(INDEX(Jesper!AI$2:AI$366,ROUNDDOWN($C6843/24,0)+1,1)*INDEX($D$3:$AA$30,INDEX(Jesper!$R$2:$R$366,ROW(INDEX(Jesper!AI$2:AI$366,ROUNDDOWN($C6843/24,0)+1,1))-1)+IF('Standard Profiles'!$G$19=$B$10,7,0)+IF('Standard Profiles'!$G$19=$B$17,14,0)+IF('Standard Profiles'!$G$19=$B$24,21,0),MOD($C6843,24)+1)/SUM(INDEX($D$3:$AA$30,INDEX(Jesper!$R$2:$R$366,ROW(INDEX(Jesper!AI$2:AI$366,ROUNDDOWN($C6843/24,0)+1,1))-1)+IF('Standard Profiles'!$G$19=$B$10,7,0)+IF('Standard Profiles'!$G$19=$B$17,14,0)+IF('Standard Profiles'!$G$19=$B$24,21,0),0)),0)</f>
        <v>3.8787150437066944</v>
      </c>
      <c r="F6843" cm="1">
        <f t="array" ref="F6843">IFERROR(INDEX(Jesper!AJ$2:AJ$366,ROUNDDOWN($C6843/24,0)+1,1)*INDEX($D$3:$AA$30,INDEX(Jesper!$R$2:$R$366,ROW(INDEX(Jesper!AJ$2:AJ$366,ROUNDDOWN($C6843/24,0)+1,1))-1)+IF('Standard Profiles'!$G$20=$B$10,7,0)+IF('Standard Profiles'!$G$20=$B$17,14,0)+IF('Standard Profiles'!$G$20=$B$24,21,0),MOD($C6843,24)+1)/SUM(INDEX($D$3:$AA$30,INDEX(Jesper!$R$2:$R$366,ROW(INDEX(Jesper!AJ$2:AJ$366,ROUNDDOWN($C6843/24,0)+1,1))-1)+IF('Standard Profiles'!$G$20=$B$10,7,0)+IF('Standard Profiles'!$G$20=$B$17,14,0)+IF('Standard Profiles'!$G$20=$B$24,21,0),0)),0)</f>
        <v>0</v>
      </c>
      <c r="G6843" cm="1">
        <f t="array" ref="G6843">IFERROR(INDEX(Jesper!AK$2:AK$366,ROUNDDOWN($C6843/24,0)+1,1)*INDEX($D$3:$AA$30,INDEX(Jesper!$R$2:$R$366,ROW(INDEX(Jesper!AK$2:AK$366,ROUNDDOWN($C6843/24,0)+1,1))-1)+IF('Standard Profiles'!$G$21=$B$10,7,0)+IF('Standard Profiles'!$G$21=$B$17,14,0)+IF('Standard Profiles'!$G$21=$B$24,21,0),MOD($C6843,24)+1)/SUM(INDEX($D$3:$AA$30,INDEX(Jesper!$R$2:$R$366,ROW(INDEX(Jesper!AK$2:AK$366,ROUNDDOWN($C6843/24,0)+1,1))-1)+IF('Standard Profiles'!$G$21=$B$10,7,0)+IF('Standard Profiles'!$G$21=$B$17,14,0)+IF('Standard Profiles'!$G$21=$B$24,21,0),0)),0)</f>
        <v>1.6871319777202782</v>
      </c>
      <c r="H6843" cm="1">
        <f t="array" ref="H6843">IFERROR(INDEX(Jesper!AL$2:AL$366,ROUNDDOWN($C6843/24,0)+1,1)*INDEX($D$3:$AA$30,INDEX(Jesper!$R$2:$R$366,ROW(INDEX(Jesper!AL$2:AL$366,ROUNDDOWN($C6843/24,0)+1,1))-1)+IF('Standard Profiles'!$G$22=$B$10,7,0)+IF('Standard Profiles'!$G$22=$B$17,14,0)+IF('Standard Profiles'!$G$22=$B$24,21,0),MOD($C6843,24)+1)/SUM(INDEX($D$3:$AA$30,INDEX(Jesper!$R$2:$R$366,ROW(INDEX(Jesper!AL$2:AL$366,ROUNDDOWN($C6843/24,0)+1,1))-1)+IF('Standard Profiles'!$G$22=$B$10,7,0)+IF('Standard Profiles'!$G$22=$B$17,14,0)+IF('Standard Profiles'!$G$22=$B$24,21,0),0)),0)</f>
        <v>0</v>
      </c>
      <c r="I6843">
        <f t="shared" si="762"/>
        <v>0.80982334930573319</v>
      </c>
      <c r="J6843">
        <f t="shared" si="763"/>
        <v>11.759274706637832</v>
      </c>
      <c r="K6843">
        <f t="shared" si="764"/>
        <v>0.88930171866877383</v>
      </c>
      <c r="L6843">
        <f t="shared" si="765"/>
        <v>0.44465085933438692</v>
      </c>
      <c r="M6843">
        <f t="shared" si="766"/>
        <v>0</v>
      </c>
      <c r="N6843" s="45">
        <f t="shared" si="767"/>
        <v>45210.708333316819</v>
      </c>
    </row>
    <row r="6844" spans="2:14" x14ac:dyDescent="0.25">
      <c r="B6844">
        <f t="shared" si="761"/>
        <v>3</v>
      </c>
      <c r="C6844" s="16">
        <v>6810</v>
      </c>
      <c r="D6844" cm="1">
        <f t="array" ref="D6844">IFERROR(INDEX(Jesper!AH$2:AH$366,ROUNDDOWN($C6844/24,0)+1,1)*INDEX($D$3:$AA$30,INDEX(Jesper!$R$2:$R$366,ROW(INDEX(Jesper!AH$2:AH$366,ROUNDDOWN($C6844/24,0)+1,1))-1)+IF('Standard Profiles'!$G$18=$B$10,7,0)+IF('Standard Profiles'!$G$18=$B$17,14,0)+IF('Standard Profiles'!$G$18=$B$24,21,0),MOD($C6844,24)+1)/SUM(INDEX($D$3:$AA$30,INDEX(Jesper!$R$2:$R$366,ROW(INDEX(Jesper!AH$2:AH$366,ROUNDDOWN($C6844/24,0)+1,1))-1)+IF('Standard Profiles'!$G$18=$B$10,7,0)+IF('Standard Profiles'!$G$18=$B$17,14,0)+IF('Standard Profiles'!$G$18=$B$24,21,0),0)),0)</f>
        <v>5.5025543842630373</v>
      </c>
      <c r="E6844" cm="1">
        <f t="array" ref="E6844">IFERROR(INDEX(Jesper!AI$2:AI$366,ROUNDDOWN($C6844/24,0)+1,1)*INDEX($D$3:$AA$30,INDEX(Jesper!$R$2:$R$366,ROW(INDEX(Jesper!AI$2:AI$366,ROUNDDOWN($C6844/24,0)+1,1))-1)+IF('Standard Profiles'!$G$19=$B$10,7,0)+IF('Standard Profiles'!$G$19=$B$17,14,0)+IF('Standard Profiles'!$G$19=$B$24,21,0),MOD($C6844,24)+1)/SUM(INDEX($D$3:$AA$30,INDEX(Jesper!$R$2:$R$366,ROW(INDEX(Jesper!AI$2:AI$366,ROUNDDOWN($C6844/24,0)+1,1))-1)+IF('Standard Profiles'!$G$19=$B$10,7,0)+IF('Standard Profiles'!$G$19=$B$17,14,0)+IF('Standard Profiles'!$G$19=$B$24,21,0),0)),0)</f>
        <v>2.5599519288464183</v>
      </c>
      <c r="F6844" cm="1">
        <f t="array" ref="F6844">IFERROR(INDEX(Jesper!AJ$2:AJ$366,ROUNDDOWN($C6844/24,0)+1,1)*INDEX($D$3:$AA$30,INDEX(Jesper!$R$2:$R$366,ROW(INDEX(Jesper!AJ$2:AJ$366,ROUNDDOWN($C6844/24,0)+1,1))-1)+IF('Standard Profiles'!$G$20=$B$10,7,0)+IF('Standard Profiles'!$G$20=$B$17,14,0)+IF('Standard Profiles'!$G$20=$B$24,21,0),MOD($C6844,24)+1)/SUM(INDEX($D$3:$AA$30,INDEX(Jesper!$R$2:$R$366,ROW(INDEX(Jesper!AJ$2:AJ$366,ROUNDDOWN($C6844/24,0)+1,1))-1)+IF('Standard Profiles'!$G$20=$B$10,7,0)+IF('Standard Profiles'!$G$20=$B$17,14,0)+IF('Standard Profiles'!$G$20=$B$24,21,0),0)),0)</f>
        <v>0</v>
      </c>
      <c r="G6844" cm="1">
        <f t="array" ref="G6844">IFERROR(INDEX(Jesper!AK$2:AK$366,ROUNDDOWN($C6844/24,0)+1,1)*INDEX($D$3:$AA$30,INDEX(Jesper!$R$2:$R$366,ROW(INDEX(Jesper!AK$2:AK$366,ROUNDDOWN($C6844/24,0)+1,1))-1)+IF('Standard Profiles'!$G$21=$B$10,7,0)+IF('Standard Profiles'!$G$21=$B$17,14,0)+IF('Standard Profiles'!$G$21=$B$24,21,0),MOD($C6844,24)+1)/SUM(INDEX($D$3:$AA$30,INDEX(Jesper!$R$2:$R$366,ROW(INDEX(Jesper!AK$2:AK$366,ROUNDDOWN($C6844/24,0)+1,1))-1)+IF('Standard Profiles'!$G$21=$B$10,7,0)+IF('Standard Profiles'!$G$21=$B$17,14,0)+IF('Standard Profiles'!$G$21=$B$24,21,0),0)),0)</f>
        <v>0.62544280916414408</v>
      </c>
      <c r="H6844" cm="1">
        <f t="array" ref="H6844">IFERROR(INDEX(Jesper!AL$2:AL$366,ROUNDDOWN($C6844/24,0)+1,1)*INDEX($D$3:$AA$30,INDEX(Jesper!$R$2:$R$366,ROW(INDEX(Jesper!AL$2:AL$366,ROUNDDOWN($C6844/24,0)+1,1))-1)+IF('Standard Profiles'!$G$22=$B$10,7,0)+IF('Standard Profiles'!$G$22=$B$17,14,0)+IF('Standard Profiles'!$G$22=$B$24,21,0),MOD($C6844,24)+1)/SUM(INDEX($D$3:$AA$30,INDEX(Jesper!$R$2:$R$366,ROW(INDEX(Jesper!AL$2:AL$366,ROUNDDOWN($C6844/24,0)+1,1))-1)+IF('Standard Profiles'!$G$22=$B$10,7,0)+IF('Standard Profiles'!$G$22=$B$17,14,0)+IF('Standard Profiles'!$G$22=$B$24,21,0),0)),0)</f>
        <v>0</v>
      </c>
      <c r="I6844">
        <f t="shared" si="762"/>
        <v>0.30021254839878903</v>
      </c>
      <c r="J6844">
        <f t="shared" si="763"/>
        <v>7.5073278723927253</v>
      </c>
      <c r="K6844">
        <f t="shared" si="764"/>
        <v>0.58693913432139067</v>
      </c>
      <c r="L6844">
        <f t="shared" si="765"/>
        <v>0.29346956716069533</v>
      </c>
      <c r="M6844">
        <f t="shared" si="766"/>
        <v>0</v>
      </c>
      <c r="N6844" s="45">
        <f t="shared" si="767"/>
        <v>45210.749999983484</v>
      </c>
    </row>
    <row r="6845" spans="2:14" x14ac:dyDescent="0.25">
      <c r="B6845">
        <f t="shared" si="761"/>
        <v>3</v>
      </c>
      <c r="C6845" s="16">
        <v>6811</v>
      </c>
      <c r="D6845" cm="1">
        <f t="array" ref="D6845">IFERROR(INDEX(Jesper!AH$2:AH$366,ROUNDDOWN($C6845/24,0)+1,1)*INDEX($D$3:$AA$30,INDEX(Jesper!$R$2:$R$366,ROW(INDEX(Jesper!AH$2:AH$366,ROUNDDOWN($C6845/24,0)+1,1))-1)+IF('Standard Profiles'!$G$18=$B$10,7,0)+IF('Standard Profiles'!$G$18=$B$17,14,0)+IF('Standard Profiles'!$G$18=$B$24,21,0),MOD($C6845,24)+1)/SUM(INDEX($D$3:$AA$30,INDEX(Jesper!$R$2:$R$366,ROW(INDEX(Jesper!AH$2:AH$366,ROUNDDOWN($C6845/24,0)+1,1))-1)+IF('Standard Profiles'!$G$18=$B$10,7,0)+IF('Standard Profiles'!$G$18=$B$17,14,0)+IF('Standard Profiles'!$G$18=$B$24,21,0),0)),0)</f>
        <v>5.5025543842630373</v>
      </c>
      <c r="E6845" cm="1">
        <f t="array" ref="E6845">IFERROR(INDEX(Jesper!AI$2:AI$366,ROUNDDOWN($C6845/24,0)+1,1)*INDEX($D$3:$AA$30,INDEX(Jesper!$R$2:$R$366,ROW(INDEX(Jesper!AI$2:AI$366,ROUNDDOWN($C6845/24,0)+1,1))-1)+IF('Standard Profiles'!$G$19=$B$10,7,0)+IF('Standard Profiles'!$G$19=$B$17,14,0)+IF('Standard Profiles'!$G$19=$B$24,21,0),MOD($C6845,24)+1)/SUM(INDEX($D$3:$AA$30,INDEX(Jesper!$R$2:$R$366,ROW(INDEX(Jesper!AI$2:AI$366,ROUNDDOWN($C6845/24,0)+1,1))-1)+IF('Standard Profiles'!$G$19=$B$10,7,0)+IF('Standard Profiles'!$G$19=$B$17,14,0)+IF('Standard Profiles'!$G$19=$B$24,21,0),0)),0)</f>
        <v>2.5599519288464183</v>
      </c>
      <c r="F6845" cm="1">
        <f t="array" ref="F6845">IFERROR(INDEX(Jesper!AJ$2:AJ$366,ROUNDDOWN($C6845/24,0)+1,1)*INDEX($D$3:$AA$30,INDEX(Jesper!$R$2:$R$366,ROW(INDEX(Jesper!AJ$2:AJ$366,ROUNDDOWN($C6845/24,0)+1,1))-1)+IF('Standard Profiles'!$G$20=$B$10,7,0)+IF('Standard Profiles'!$G$20=$B$17,14,0)+IF('Standard Profiles'!$G$20=$B$24,21,0),MOD($C6845,24)+1)/SUM(INDEX($D$3:$AA$30,INDEX(Jesper!$R$2:$R$366,ROW(INDEX(Jesper!AJ$2:AJ$366,ROUNDDOWN($C6845/24,0)+1,1))-1)+IF('Standard Profiles'!$G$20=$B$10,7,0)+IF('Standard Profiles'!$G$20=$B$17,14,0)+IF('Standard Profiles'!$G$20=$B$24,21,0),0)),0)</f>
        <v>0</v>
      </c>
      <c r="G6845" cm="1">
        <f t="array" ref="G6845">IFERROR(INDEX(Jesper!AK$2:AK$366,ROUNDDOWN($C6845/24,0)+1,1)*INDEX($D$3:$AA$30,INDEX(Jesper!$R$2:$R$366,ROW(INDEX(Jesper!AK$2:AK$366,ROUNDDOWN($C6845/24,0)+1,1))-1)+IF('Standard Profiles'!$G$21=$B$10,7,0)+IF('Standard Profiles'!$G$21=$B$17,14,0)+IF('Standard Profiles'!$G$21=$B$24,21,0),MOD($C6845,24)+1)/SUM(INDEX($D$3:$AA$30,INDEX(Jesper!$R$2:$R$366,ROW(INDEX(Jesper!AK$2:AK$366,ROUNDDOWN($C6845/24,0)+1,1))-1)+IF('Standard Profiles'!$G$21=$B$10,7,0)+IF('Standard Profiles'!$G$21=$B$17,14,0)+IF('Standard Profiles'!$G$21=$B$24,21,0),0)),0)</f>
        <v>0.62544280916414408</v>
      </c>
      <c r="H6845" cm="1">
        <f t="array" ref="H6845">IFERROR(INDEX(Jesper!AL$2:AL$366,ROUNDDOWN($C6845/24,0)+1,1)*INDEX($D$3:$AA$30,INDEX(Jesper!$R$2:$R$366,ROW(INDEX(Jesper!AL$2:AL$366,ROUNDDOWN($C6845/24,0)+1,1))-1)+IF('Standard Profiles'!$G$22=$B$10,7,0)+IF('Standard Profiles'!$G$22=$B$17,14,0)+IF('Standard Profiles'!$G$22=$B$24,21,0),MOD($C6845,24)+1)/SUM(INDEX($D$3:$AA$30,INDEX(Jesper!$R$2:$R$366,ROW(INDEX(Jesper!AL$2:AL$366,ROUNDDOWN($C6845/24,0)+1,1))-1)+IF('Standard Profiles'!$G$22=$B$10,7,0)+IF('Standard Profiles'!$G$22=$B$17,14,0)+IF('Standard Profiles'!$G$22=$B$24,21,0),0)),0)</f>
        <v>0</v>
      </c>
      <c r="I6845">
        <f t="shared" si="762"/>
        <v>0.30021254839878903</v>
      </c>
      <c r="J6845">
        <f t="shared" si="763"/>
        <v>7.5073278723927253</v>
      </c>
      <c r="K6845">
        <f t="shared" si="764"/>
        <v>0.58693913432139067</v>
      </c>
      <c r="L6845">
        <f t="shared" si="765"/>
        <v>0.29346956716069533</v>
      </c>
      <c r="M6845">
        <f t="shared" si="766"/>
        <v>0</v>
      </c>
      <c r="N6845" s="45">
        <f t="shared" si="767"/>
        <v>45210.791666650148</v>
      </c>
    </row>
    <row r="6846" spans="2:14" x14ac:dyDescent="0.25">
      <c r="B6846">
        <f t="shared" si="761"/>
        <v>3</v>
      </c>
      <c r="C6846" s="16">
        <v>6812</v>
      </c>
      <c r="D6846" cm="1">
        <f t="array" ref="D6846">IFERROR(INDEX(Jesper!AH$2:AH$366,ROUNDDOWN($C6846/24,0)+1,1)*INDEX($D$3:$AA$30,INDEX(Jesper!$R$2:$R$366,ROW(INDEX(Jesper!AH$2:AH$366,ROUNDDOWN($C6846/24,0)+1,1))-1)+IF('Standard Profiles'!$G$18=$B$10,7,0)+IF('Standard Profiles'!$G$18=$B$17,14,0)+IF('Standard Profiles'!$G$18=$B$24,21,0),MOD($C6846,24)+1)/SUM(INDEX($D$3:$AA$30,INDEX(Jesper!$R$2:$R$366,ROW(INDEX(Jesper!AH$2:AH$366,ROUNDDOWN($C6846/24,0)+1,1))-1)+IF('Standard Profiles'!$G$18=$B$10,7,0)+IF('Standard Profiles'!$G$18=$B$17,14,0)+IF('Standard Profiles'!$G$18=$B$24,21,0),0)),0)</f>
        <v>5.5025543842630373</v>
      </c>
      <c r="E6846" cm="1">
        <f t="array" ref="E6846">IFERROR(INDEX(Jesper!AI$2:AI$366,ROUNDDOWN($C6846/24,0)+1,1)*INDEX($D$3:$AA$30,INDEX(Jesper!$R$2:$R$366,ROW(INDEX(Jesper!AI$2:AI$366,ROUNDDOWN($C6846/24,0)+1,1))-1)+IF('Standard Profiles'!$G$19=$B$10,7,0)+IF('Standard Profiles'!$G$19=$B$17,14,0)+IF('Standard Profiles'!$G$19=$B$24,21,0),MOD($C6846,24)+1)/SUM(INDEX($D$3:$AA$30,INDEX(Jesper!$R$2:$R$366,ROW(INDEX(Jesper!AI$2:AI$366,ROUNDDOWN($C6846/24,0)+1,1))-1)+IF('Standard Profiles'!$G$19=$B$10,7,0)+IF('Standard Profiles'!$G$19=$B$17,14,0)+IF('Standard Profiles'!$G$19=$B$24,21,0),0)),0)</f>
        <v>2.5599519288464183</v>
      </c>
      <c r="F6846" cm="1">
        <f t="array" ref="F6846">IFERROR(INDEX(Jesper!AJ$2:AJ$366,ROUNDDOWN($C6846/24,0)+1,1)*INDEX($D$3:$AA$30,INDEX(Jesper!$R$2:$R$366,ROW(INDEX(Jesper!AJ$2:AJ$366,ROUNDDOWN($C6846/24,0)+1,1))-1)+IF('Standard Profiles'!$G$20=$B$10,7,0)+IF('Standard Profiles'!$G$20=$B$17,14,0)+IF('Standard Profiles'!$G$20=$B$24,21,0),MOD($C6846,24)+1)/SUM(INDEX($D$3:$AA$30,INDEX(Jesper!$R$2:$R$366,ROW(INDEX(Jesper!AJ$2:AJ$366,ROUNDDOWN($C6846/24,0)+1,1))-1)+IF('Standard Profiles'!$G$20=$B$10,7,0)+IF('Standard Profiles'!$G$20=$B$17,14,0)+IF('Standard Profiles'!$G$20=$B$24,21,0),0)),0)</f>
        <v>0</v>
      </c>
      <c r="G6846" cm="1">
        <f t="array" ref="G6846">IFERROR(INDEX(Jesper!AK$2:AK$366,ROUNDDOWN($C6846/24,0)+1,1)*INDEX($D$3:$AA$30,INDEX(Jesper!$R$2:$R$366,ROW(INDEX(Jesper!AK$2:AK$366,ROUNDDOWN($C6846/24,0)+1,1))-1)+IF('Standard Profiles'!$G$21=$B$10,7,0)+IF('Standard Profiles'!$G$21=$B$17,14,0)+IF('Standard Profiles'!$G$21=$B$24,21,0),MOD($C6846,24)+1)/SUM(INDEX($D$3:$AA$30,INDEX(Jesper!$R$2:$R$366,ROW(INDEX(Jesper!AK$2:AK$366,ROUNDDOWN($C6846/24,0)+1,1))-1)+IF('Standard Profiles'!$G$21=$B$10,7,0)+IF('Standard Profiles'!$G$21=$B$17,14,0)+IF('Standard Profiles'!$G$21=$B$24,21,0),0)),0)</f>
        <v>0.62544280916414408</v>
      </c>
      <c r="H6846" cm="1">
        <f t="array" ref="H6846">IFERROR(INDEX(Jesper!AL$2:AL$366,ROUNDDOWN($C6846/24,0)+1,1)*INDEX($D$3:$AA$30,INDEX(Jesper!$R$2:$R$366,ROW(INDEX(Jesper!AL$2:AL$366,ROUNDDOWN($C6846/24,0)+1,1))-1)+IF('Standard Profiles'!$G$22=$B$10,7,0)+IF('Standard Profiles'!$G$22=$B$17,14,0)+IF('Standard Profiles'!$G$22=$B$24,21,0),MOD($C6846,24)+1)/SUM(INDEX($D$3:$AA$30,INDEX(Jesper!$R$2:$R$366,ROW(INDEX(Jesper!AL$2:AL$366,ROUNDDOWN($C6846/24,0)+1,1))-1)+IF('Standard Profiles'!$G$22=$B$10,7,0)+IF('Standard Profiles'!$G$22=$B$17,14,0)+IF('Standard Profiles'!$G$22=$B$24,21,0),0)),0)</f>
        <v>0</v>
      </c>
      <c r="I6846">
        <f t="shared" si="762"/>
        <v>0.30021254839878903</v>
      </c>
      <c r="J6846">
        <f t="shared" si="763"/>
        <v>7.5073278723927253</v>
      </c>
      <c r="K6846">
        <f t="shared" si="764"/>
        <v>0.58693913432139067</v>
      </c>
      <c r="L6846">
        <f t="shared" si="765"/>
        <v>0.29346956716069533</v>
      </c>
      <c r="M6846">
        <f t="shared" si="766"/>
        <v>0</v>
      </c>
      <c r="N6846" s="45">
        <f t="shared" si="767"/>
        <v>45210.833333316812</v>
      </c>
    </row>
    <row r="6847" spans="2:14" x14ac:dyDescent="0.25">
      <c r="B6847">
        <f t="shared" si="761"/>
        <v>3</v>
      </c>
      <c r="C6847" s="16">
        <v>6813</v>
      </c>
      <c r="D6847" cm="1">
        <f t="array" ref="D6847">IFERROR(INDEX(Jesper!AH$2:AH$366,ROUNDDOWN($C6847/24,0)+1,1)*INDEX($D$3:$AA$30,INDEX(Jesper!$R$2:$R$366,ROW(INDEX(Jesper!AH$2:AH$366,ROUNDDOWN($C6847/24,0)+1,1))-1)+IF('Standard Profiles'!$G$18=$B$10,7,0)+IF('Standard Profiles'!$G$18=$B$17,14,0)+IF('Standard Profiles'!$G$18=$B$24,21,0),MOD($C6847,24)+1)/SUM(INDEX($D$3:$AA$30,INDEX(Jesper!$R$2:$R$366,ROW(INDEX(Jesper!AH$2:AH$366,ROUNDDOWN($C6847/24,0)+1,1))-1)+IF('Standard Profiles'!$G$18=$B$10,7,0)+IF('Standard Profiles'!$G$18=$B$17,14,0)+IF('Standard Profiles'!$G$18=$B$24,21,0),0)),0)</f>
        <v>5.5025543842630373</v>
      </c>
      <c r="E6847" cm="1">
        <f t="array" ref="E6847">IFERROR(INDEX(Jesper!AI$2:AI$366,ROUNDDOWN($C6847/24,0)+1,1)*INDEX($D$3:$AA$30,INDEX(Jesper!$R$2:$R$366,ROW(INDEX(Jesper!AI$2:AI$366,ROUNDDOWN($C6847/24,0)+1,1))-1)+IF('Standard Profiles'!$G$19=$B$10,7,0)+IF('Standard Profiles'!$G$19=$B$17,14,0)+IF('Standard Profiles'!$G$19=$B$24,21,0),MOD($C6847,24)+1)/SUM(INDEX($D$3:$AA$30,INDEX(Jesper!$R$2:$R$366,ROW(INDEX(Jesper!AI$2:AI$366,ROUNDDOWN($C6847/24,0)+1,1))-1)+IF('Standard Profiles'!$G$19=$B$10,7,0)+IF('Standard Profiles'!$G$19=$B$17,14,0)+IF('Standard Profiles'!$G$19=$B$24,21,0),0)),0)</f>
        <v>2.5599519288464183</v>
      </c>
      <c r="F6847" cm="1">
        <f t="array" ref="F6847">IFERROR(INDEX(Jesper!AJ$2:AJ$366,ROUNDDOWN($C6847/24,0)+1,1)*INDEX($D$3:$AA$30,INDEX(Jesper!$R$2:$R$366,ROW(INDEX(Jesper!AJ$2:AJ$366,ROUNDDOWN($C6847/24,0)+1,1))-1)+IF('Standard Profiles'!$G$20=$B$10,7,0)+IF('Standard Profiles'!$G$20=$B$17,14,0)+IF('Standard Profiles'!$G$20=$B$24,21,0),MOD($C6847,24)+1)/SUM(INDEX($D$3:$AA$30,INDEX(Jesper!$R$2:$R$366,ROW(INDEX(Jesper!AJ$2:AJ$366,ROUNDDOWN($C6847/24,0)+1,1))-1)+IF('Standard Profiles'!$G$20=$B$10,7,0)+IF('Standard Profiles'!$G$20=$B$17,14,0)+IF('Standard Profiles'!$G$20=$B$24,21,0),0)),0)</f>
        <v>0</v>
      </c>
      <c r="G6847" cm="1">
        <f t="array" ref="G6847">IFERROR(INDEX(Jesper!AK$2:AK$366,ROUNDDOWN($C6847/24,0)+1,1)*INDEX($D$3:$AA$30,INDEX(Jesper!$R$2:$R$366,ROW(INDEX(Jesper!AK$2:AK$366,ROUNDDOWN($C6847/24,0)+1,1))-1)+IF('Standard Profiles'!$G$21=$B$10,7,0)+IF('Standard Profiles'!$G$21=$B$17,14,0)+IF('Standard Profiles'!$G$21=$B$24,21,0),MOD($C6847,24)+1)/SUM(INDEX($D$3:$AA$30,INDEX(Jesper!$R$2:$R$366,ROW(INDEX(Jesper!AK$2:AK$366,ROUNDDOWN($C6847/24,0)+1,1))-1)+IF('Standard Profiles'!$G$21=$B$10,7,0)+IF('Standard Profiles'!$G$21=$B$17,14,0)+IF('Standard Profiles'!$G$21=$B$24,21,0),0)),0)</f>
        <v>0.62544280916414408</v>
      </c>
      <c r="H6847" cm="1">
        <f t="array" ref="H6847">IFERROR(INDEX(Jesper!AL$2:AL$366,ROUNDDOWN($C6847/24,0)+1,1)*INDEX($D$3:$AA$30,INDEX(Jesper!$R$2:$R$366,ROW(INDEX(Jesper!AL$2:AL$366,ROUNDDOWN($C6847/24,0)+1,1))-1)+IF('Standard Profiles'!$G$22=$B$10,7,0)+IF('Standard Profiles'!$G$22=$B$17,14,0)+IF('Standard Profiles'!$G$22=$B$24,21,0),MOD($C6847,24)+1)/SUM(INDEX($D$3:$AA$30,INDEX(Jesper!$R$2:$R$366,ROW(INDEX(Jesper!AL$2:AL$366,ROUNDDOWN($C6847/24,0)+1,1))-1)+IF('Standard Profiles'!$G$22=$B$10,7,0)+IF('Standard Profiles'!$G$22=$B$17,14,0)+IF('Standard Profiles'!$G$22=$B$24,21,0),0)),0)</f>
        <v>0</v>
      </c>
      <c r="I6847">
        <f t="shared" si="762"/>
        <v>0.30021254839878903</v>
      </c>
      <c r="J6847">
        <f t="shared" si="763"/>
        <v>7.5073278723927253</v>
      </c>
      <c r="K6847">
        <f t="shared" si="764"/>
        <v>0.58693913432139067</v>
      </c>
      <c r="L6847">
        <f t="shared" si="765"/>
        <v>0.29346956716069533</v>
      </c>
      <c r="M6847">
        <f t="shared" si="766"/>
        <v>0</v>
      </c>
      <c r="N6847" s="45">
        <f t="shared" si="767"/>
        <v>45210.874999983476</v>
      </c>
    </row>
    <row r="6848" spans="2:14" x14ac:dyDescent="0.25">
      <c r="B6848">
        <f t="shared" si="761"/>
        <v>3</v>
      </c>
      <c r="C6848" s="16">
        <v>6814</v>
      </c>
      <c r="D6848" cm="1">
        <f t="array" ref="D6848">IFERROR(INDEX(Jesper!AH$2:AH$366,ROUNDDOWN($C6848/24,0)+1,1)*INDEX($D$3:$AA$30,INDEX(Jesper!$R$2:$R$366,ROW(INDEX(Jesper!AH$2:AH$366,ROUNDDOWN($C6848/24,0)+1,1))-1)+IF('Standard Profiles'!$G$18=$B$10,7,0)+IF('Standard Profiles'!$G$18=$B$17,14,0)+IF('Standard Profiles'!$G$18=$B$24,21,0),MOD($C6848,24)+1)/SUM(INDEX($D$3:$AA$30,INDEX(Jesper!$R$2:$R$366,ROW(INDEX(Jesper!AH$2:AH$366,ROUNDDOWN($C6848/24,0)+1,1))-1)+IF('Standard Profiles'!$G$18=$B$10,7,0)+IF('Standard Profiles'!$G$18=$B$17,14,0)+IF('Standard Profiles'!$G$18=$B$24,21,0),0)),0)</f>
        <v>5.5025543842630373</v>
      </c>
      <c r="E6848" cm="1">
        <f t="array" ref="E6848">IFERROR(INDEX(Jesper!AI$2:AI$366,ROUNDDOWN($C6848/24,0)+1,1)*INDEX($D$3:$AA$30,INDEX(Jesper!$R$2:$R$366,ROW(INDEX(Jesper!AI$2:AI$366,ROUNDDOWN($C6848/24,0)+1,1))-1)+IF('Standard Profiles'!$G$19=$B$10,7,0)+IF('Standard Profiles'!$G$19=$B$17,14,0)+IF('Standard Profiles'!$G$19=$B$24,21,0),MOD($C6848,24)+1)/SUM(INDEX($D$3:$AA$30,INDEX(Jesper!$R$2:$R$366,ROW(INDEX(Jesper!AI$2:AI$366,ROUNDDOWN($C6848/24,0)+1,1))-1)+IF('Standard Profiles'!$G$19=$B$10,7,0)+IF('Standard Profiles'!$G$19=$B$17,14,0)+IF('Standard Profiles'!$G$19=$B$24,21,0),0)),0)</f>
        <v>2.5599519288464183</v>
      </c>
      <c r="F6848" cm="1">
        <f t="array" ref="F6848">IFERROR(INDEX(Jesper!AJ$2:AJ$366,ROUNDDOWN($C6848/24,0)+1,1)*INDEX($D$3:$AA$30,INDEX(Jesper!$R$2:$R$366,ROW(INDEX(Jesper!AJ$2:AJ$366,ROUNDDOWN($C6848/24,0)+1,1))-1)+IF('Standard Profiles'!$G$20=$B$10,7,0)+IF('Standard Profiles'!$G$20=$B$17,14,0)+IF('Standard Profiles'!$G$20=$B$24,21,0),MOD($C6848,24)+1)/SUM(INDEX($D$3:$AA$30,INDEX(Jesper!$R$2:$R$366,ROW(INDEX(Jesper!AJ$2:AJ$366,ROUNDDOWN($C6848/24,0)+1,1))-1)+IF('Standard Profiles'!$G$20=$B$10,7,0)+IF('Standard Profiles'!$G$20=$B$17,14,0)+IF('Standard Profiles'!$G$20=$B$24,21,0),0)),0)</f>
        <v>0</v>
      </c>
      <c r="G6848" cm="1">
        <f t="array" ref="G6848">IFERROR(INDEX(Jesper!AK$2:AK$366,ROUNDDOWN($C6848/24,0)+1,1)*INDEX($D$3:$AA$30,INDEX(Jesper!$R$2:$R$366,ROW(INDEX(Jesper!AK$2:AK$366,ROUNDDOWN($C6848/24,0)+1,1))-1)+IF('Standard Profiles'!$G$21=$B$10,7,0)+IF('Standard Profiles'!$G$21=$B$17,14,0)+IF('Standard Profiles'!$G$21=$B$24,21,0),MOD($C6848,24)+1)/SUM(INDEX($D$3:$AA$30,INDEX(Jesper!$R$2:$R$366,ROW(INDEX(Jesper!AK$2:AK$366,ROUNDDOWN($C6848/24,0)+1,1))-1)+IF('Standard Profiles'!$G$21=$B$10,7,0)+IF('Standard Profiles'!$G$21=$B$17,14,0)+IF('Standard Profiles'!$G$21=$B$24,21,0),0)),0)</f>
        <v>0.62544280916414408</v>
      </c>
      <c r="H6848" cm="1">
        <f t="array" ref="H6848">IFERROR(INDEX(Jesper!AL$2:AL$366,ROUNDDOWN($C6848/24,0)+1,1)*INDEX($D$3:$AA$30,INDEX(Jesper!$R$2:$R$366,ROW(INDEX(Jesper!AL$2:AL$366,ROUNDDOWN($C6848/24,0)+1,1))-1)+IF('Standard Profiles'!$G$22=$B$10,7,0)+IF('Standard Profiles'!$G$22=$B$17,14,0)+IF('Standard Profiles'!$G$22=$B$24,21,0),MOD($C6848,24)+1)/SUM(INDEX($D$3:$AA$30,INDEX(Jesper!$R$2:$R$366,ROW(INDEX(Jesper!AL$2:AL$366,ROUNDDOWN($C6848/24,0)+1,1))-1)+IF('Standard Profiles'!$G$22=$B$10,7,0)+IF('Standard Profiles'!$G$22=$B$17,14,0)+IF('Standard Profiles'!$G$22=$B$24,21,0),0)),0)</f>
        <v>0</v>
      </c>
      <c r="I6848">
        <f t="shared" si="762"/>
        <v>0.30021254839878903</v>
      </c>
      <c r="J6848">
        <f t="shared" si="763"/>
        <v>7.5073278723927253</v>
      </c>
      <c r="K6848">
        <f t="shared" si="764"/>
        <v>0.58693913432139067</v>
      </c>
      <c r="L6848">
        <f t="shared" si="765"/>
        <v>0.29346956716069533</v>
      </c>
      <c r="M6848">
        <f t="shared" si="766"/>
        <v>0</v>
      </c>
      <c r="N6848" s="45">
        <f t="shared" si="767"/>
        <v>45210.916666650141</v>
      </c>
    </row>
    <row r="6849" spans="2:14" x14ac:dyDescent="0.25">
      <c r="B6849">
        <f t="shared" si="761"/>
        <v>3</v>
      </c>
      <c r="C6849" s="16">
        <v>6815</v>
      </c>
      <c r="D6849" cm="1">
        <f t="array" ref="D6849">IFERROR(INDEX(Jesper!AH$2:AH$366,ROUNDDOWN($C6849/24,0)+1,1)*INDEX($D$3:$AA$30,INDEX(Jesper!$R$2:$R$366,ROW(INDEX(Jesper!AH$2:AH$366,ROUNDDOWN($C6849/24,0)+1,1))-1)+IF('Standard Profiles'!$G$18=$B$10,7,0)+IF('Standard Profiles'!$G$18=$B$17,14,0)+IF('Standard Profiles'!$G$18=$B$24,21,0),MOD($C6849,24)+1)/SUM(INDEX($D$3:$AA$30,INDEX(Jesper!$R$2:$R$366,ROW(INDEX(Jesper!AH$2:AH$366,ROUNDDOWN($C6849/24,0)+1,1))-1)+IF('Standard Profiles'!$G$18=$B$10,7,0)+IF('Standard Profiles'!$G$18=$B$17,14,0)+IF('Standard Profiles'!$G$18=$B$24,21,0),0)),0)</f>
        <v>5.5025543842630373</v>
      </c>
      <c r="E6849" cm="1">
        <f t="array" ref="E6849">IFERROR(INDEX(Jesper!AI$2:AI$366,ROUNDDOWN($C6849/24,0)+1,1)*INDEX($D$3:$AA$30,INDEX(Jesper!$R$2:$R$366,ROW(INDEX(Jesper!AI$2:AI$366,ROUNDDOWN($C6849/24,0)+1,1))-1)+IF('Standard Profiles'!$G$19=$B$10,7,0)+IF('Standard Profiles'!$G$19=$B$17,14,0)+IF('Standard Profiles'!$G$19=$B$24,21,0),MOD($C6849,24)+1)/SUM(INDEX($D$3:$AA$30,INDEX(Jesper!$R$2:$R$366,ROW(INDEX(Jesper!AI$2:AI$366,ROUNDDOWN($C6849/24,0)+1,1))-1)+IF('Standard Profiles'!$G$19=$B$10,7,0)+IF('Standard Profiles'!$G$19=$B$17,14,0)+IF('Standard Profiles'!$G$19=$B$24,21,0),0)),0)</f>
        <v>2.5599519288464183</v>
      </c>
      <c r="F6849" cm="1">
        <f t="array" ref="F6849">IFERROR(INDEX(Jesper!AJ$2:AJ$366,ROUNDDOWN($C6849/24,0)+1,1)*INDEX($D$3:$AA$30,INDEX(Jesper!$R$2:$R$366,ROW(INDEX(Jesper!AJ$2:AJ$366,ROUNDDOWN($C6849/24,0)+1,1))-1)+IF('Standard Profiles'!$G$20=$B$10,7,0)+IF('Standard Profiles'!$G$20=$B$17,14,0)+IF('Standard Profiles'!$G$20=$B$24,21,0),MOD($C6849,24)+1)/SUM(INDEX($D$3:$AA$30,INDEX(Jesper!$R$2:$R$366,ROW(INDEX(Jesper!AJ$2:AJ$366,ROUNDDOWN($C6849/24,0)+1,1))-1)+IF('Standard Profiles'!$G$20=$B$10,7,0)+IF('Standard Profiles'!$G$20=$B$17,14,0)+IF('Standard Profiles'!$G$20=$B$24,21,0),0)),0)</f>
        <v>0</v>
      </c>
      <c r="G6849" cm="1">
        <f t="array" ref="G6849">IFERROR(INDEX(Jesper!AK$2:AK$366,ROUNDDOWN($C6849/24,0)+1,1)*INDEX($D$3:$AA$30,INDEX(Jesper!$R$2:$R$366,ROW(INDEX(Jesper!AK$2:AK$366,ROUNDDOWN($C6849/24,0)+1,1))-1)+IF('Standard Profiles'!$G$21=$B$10,7,0)+IF('Standard Profiles'!$G$21=$B$17,14,0)+IF('Standard Profiles'!$G$21=$B$24,21,0),MOD($C6849,24)+1)/SUM(INDEX($D$3:$AA$30,INDEX(Jesper!$R$2:$R$366,ROW(INDEX(Jesper!AK$2:AK$366,ROUNDDOWN($C6849/24,0)+1,1))-1)+IF('Standard Profiles'!$G$21=$B$10,7,0)+IF('Standard Profiles'!$G$21=$B$17,14,0)+IF('Standard Profiles'!$G$21=$B$24,21,0),0)),0)</f>
        <v>0.62544280916414408</v>
      </c>
      <c r="H6849" cm="1">
        <f t="array" ref="H6849">IFERROR(INDEX(Jesper!AL$2:AL$366,ROUNDDOWN($C6849/24,0)+1,1)*INDEX($D$3:$AA$30,INDEX(Jesper!$R$2:$R$366,ROW(INDEX(Jesper!AL$2:AL$366,ROUNDDOWN($C6849/24,0)+1,1))-1)+IF('Standard Profiles'!$G$22=$B$10,7,0)+IF('Standard Profiles'!$G$22=$B$17,14,0)+IF('Standard Profiles'!$G$22=$B$24,21,0),MOD($C6849,24)+1)/SUM(INDEX($D$3:$AA$30,INDEX(Jesper!$R$2:$R$366,ROW(INDEX(Jesper!AL$2:AL$366,ROUNDDOWN($C6849/24,0)+1,1))-1)+IF('Standard Profiles'!$G$22=$B$10,7,0)+IF('Standard Profiles'!$G$22=$B$17,14,0)+IF('Standard Profiles'!$G$22=$B$24,21,0),0)),0)</f>
        <v>0</v>
      </c>
      <c r="I6849">
        <f t="shared" si="762"/>
        <v>0.30021254839878903</v>
      </c>
      <c r="J6849">
        <f t="shared" si="763"/>
        <v>7.5073278723927253</v>
      </c>
      <c r="K6849">
        <f t="shared" si="764"/>
        <v>0.58693913432139067</v>
      </c>
      <c r="L6849">
        <f t="shared" si="765"/>
        <v>0.29346956716069533</v>
      </c>
      <c r="M6849">
        <f t="shared" si="766"/>
        <v>0</v>
      </c>
      <c r="N6849" s="45">
        <f t="shared" si="767"/>
        <v>45210.958333316805</v>
      </c>
    </row>
    <row r="6850" spans="2:14" x14ac:dyDescent="0.25">
      <c r="B6850">
        <f t="shared" si="761"/>
        <v>4</v>
      </c>
      <c r="C6850" s="16">
        <v>6816</v>
      </c>
      <c r="D6850" cm="1">
        <f t="array" ref="D6850">IFERROR(INDEX(Jesper!AH$2:AH$366,ROUNDDOWN($C6850/24,0)+1,1)*INDEX($D$3:$AA$30,INDEX(Jesper!$R$2:$R$366,ROW(INDEX(Jesper!AH$2:AH$366,ROUNDDOWN($C6850/24,0)+1,1))-1)+IF('Standard Profiles'!$G$18=$B$10,7,0)+IF('Standard Profiles'!$G$18=$B$17,14,0)+IF('Standard Profiles'!$G$18=$B$24,21,0),MOD($C6850,24)+1)/SUM(INDEX($D$3:$AA$30,INDEX(Jesper!$R$2:$R$366,ROW(INDEX(Jesper!AH$2:AH$366,ROUNDDOWN($C6850/24,0)+1,1))-1)+IF('Standard Profiles'!$G$18=$B$10,7,0)+IF('Standard Profiles'!$G$18=$B$17,14,0)+IF('Standard Profiles'!$G$18=$B$24,21,0),0)),0)</f>
        <v>5.4647600985563995</v>
      </c>
      <c r="E6850" cm="1">
        <f t="array" ref="E6850">IFERROR(INDEX(Jesper!AI$2:AI$366,ROUNDDOWN($C6850/24,0)+1,1)*INDEX($D$3:$AA$30,INDEX(Jesper!$R$2:$R$366,ROW(INDEX(Jesper!AI$2:AI$366,ROUNDDOWN($C6850/24,0)+1,1))-1)+IF('Standard Profiles'!$G$19=$B$10,7,0)+IF('Standard Profiles'!$G$19=$B$17,14,0)+IF('Standard Profiles'!$G$19=$B$24,21,0),MOD($C6850,24)+1)/SUM(INDEX($D$3:$AA$30,INDEX(Jesper!$R$2:$R$366,ROW(INDEX(Jesper!AI$2:AI$366,ROUNDDOWN($C6850/24,0)+1,1))-1)+IF('Standard Profiles'!$G$19=$B$10,7,0)+IF('Standard Profiles'!$G$19=$B$17,14,0)+IF('Standard Profiles'!$G$19=$B$24,21,0),0)),0)</f>
        <v>2.4893024399296966</v>
      </c>
      <c r="F6850" cm="1">
        <f t="array" ref="F6850">IFERROR(INDEX(Jesper!AJ$2:AJ$366,ROUNDDOWN($C6850/24,0)+1,1)*INDEX($D$3:$AA$30,INDEX(Jesper!$R$2:$R$366,ROW(INDEX(Jesper!AJ$2:AJ$366,ROUNDDOWN($C6850/24,0)+1,1))-1)+IF('Standard Profiles'!$G$20=$B$10,7,0)+IF('Standard Profiles'!$G$20=$B$17,14,0)+IF('Standard Profiles'!$G$20=$B$24,21,0),MOD($C6850,24)+1)/SUM(INDEX($D$3:$AA$30,INDEX(Jesper!$R$2:$R$366,ROW(INDEX(Jesper!AJ$2:AJ$366,ROUNDDOWN($C6850/24,0)+1,1))-1)+IF('Standard Profiles'!$G$20=$B$10,7,0)+IF('Standard Profiles'!$G$20=$B$17,14,0)+IF('Standard Profiles'!$G$20=$B$24,21,0),0)),0)</f>
        <v>0</v>
      </c>
      <c r="G6850" cm="1">
        <f t="array" ref="G6850">IFERROR(INDEX(Jesper!AK$2:AK$366,ROUNDDOWN($C6850/24,0)+1,1)*INDEX($D$3:$AA$30,INDEX(Jesper!$R$2:$R$366,ROW(INDEX(Jesper!AK$2:AK$366,ROUNDDOWN($C6850/24,0)+1,1))-1)+IF('Standard Profiles'!$G$21=$B$10,7,0)+IF('Standard Profiles'!$G$21=$B$17,14,0)+IF('Standard Profiles'!$G$21=$B$24,21,0),MOD($C6850,24)+1)/SUM(INDEX($D$3:$AA$30,INDEX(Jesper!$R$2:$R$366,ROW(INDEX(Jesper!AK$2:AK$366,ROUNDDOWN($C6850/24,0)+1,1))-1)+IF('Standard Profiles'!$G$21=$B$10,7,0)+IF('Standard Profiles'!$G$21=$B$17,14,0)+IF('Standard Profiles'!$G$21=$B$24,21,0),0)),0)</f>
        <v>0.52773214987272798</v>
      </c>
      <c r="H6850" cm="1">
        <f t="array" ref="H6850">IFERROR(INDEX(Jesper!AL$2:AL$366,ROUNDDOWN($C6850/24,0)+1,1)*INDEX($D$3:$AA$30,INDEX(Jesper!$R$2:$R$366,ROW(INDEX(Jesper!AL$2:AL$366,ROUNDDOWN($C6850/24,0)+1,1))-1)+IF('Standard Profiles'!$G$22=$B$10,7,0)+IF('Standard Profiles'!$G$22=$B$17,14,0)+IF('Standard Profiles'!$G$22=$B$24,21,0),MOD($C6850,24)+1)/SUM(INDEX($D$3:$AA$30,INDEX(Jesper!$R$2:$R$366,ROW(INDEX(Jesper!AL$2:AL$366,ROUNDDOWN($C6850/24,0)+1,1))-1)+IF('Standard Profiles'!$G$22=$B$10,7,0)+IF('Standard Profiles'!$G$22=$B$17,14,0)+IF('Standard Profiles'!$G$22=$B$24,21,0),0)),0)</f>
        <v>0</v>
      </c>
      <c r="I6850">
        <f t="shared" si="762"/>
        <v>0.25331143193890931</v>
      </c>
      <c r="J6850">
        <f t="shared" si="763"/>
        <v>7.3541216406508907</v>
      </c>
      <c r="K6850">
        <f t="shared" si="764"/>
        <v>0.58290774384601596</v>
      </c>
      <c r="L6850">
        <f t="shared" si="765"/>
        <v>0.29145387192300798</v>
      </c>
      <c r="M6850">
        <f t="shared" si="766"/>
        <v>0</v>
      </c>
      <c r="N6850" s="45">
        <f t="shared" si="767"/>
        <v>45210.999999983469</v>
      </c>
    </row>
    <row r="6851" spans="2:14" x14ac:dyDescent="0.25">
      <c r="B6851">
        <f t="shared" si="761"/>
        <v>4</v>
      </c>
      <c r="C6851" s="16">
        <v>6817</v>
      </c>
      <c r="D6851" cm="1">
        <f t="array" ref="D6851">IFERROR(INDEX(Jesper!AH$2:AH$366,ROUNDDOWN($C6851/24,0)+1,1)*INDEX($D$3:$AA$30,INDEX(Jesper!$R$2:$R$366,ROW(INDEX(Jesper!AH$2:AH$366,ROUNDDOWN($C6851/24,0)+1,1))-1)+IF('Standard Profiles'!$G$18=$B$10,7,0)+IF('Standard Profiles'!$G$18=$B$17,14,0)+IF('Standard Profiles'!$G$18=$B$24,21,0),MOD($C6851,24)+1)/SUM(INDEX($D$3:$AA$30,INDEX(Jesper!$R$2:$R$366,ROW(INDEX(Jesper!AH$2:AH$366,ROUNDDOWN($C6851/24,0)+1,1))-1)+IF('Standard Profiles'!$G$18=$B$10,7,0)+IF('Standard Profiles'!$G$18=$B$17,14,0)+IF('Standard Profiles'!$G$18=$B$24,21,0),0)),0)</f>
        <v>5.4647600985563995</v>
      </c>
      <c r="E6851" cm="1">
        <f t="array" ref="E6851">IFERROR(INDEX(Jesper!AI$2:AI$366,ROUNDDOWN($C6851/24,0)+1,1)*INDEX($D$3:$AA$30,INDEX(Jesper!$R$2:$R$366,ROW(INDEX(Jesper!AI$2:AI$366,ROUNDDOWN($C6851/24,0)+1,1))-1)+IF('Standard Profiles'!$G$19=$B$10,7,0)+IF('Standard Profiles'!$G$19=$B$17,14,0)+IF('Standard Profiles'!$G$19=$B$24,21,0),MOD($C6851,24)+1)/SUM(INDEX($D$3:$AA$30,INDEX(Jesper!$R$2:$R$366,ROW(INDEX(Jesper!AI$2:AI$366,ROUNDDOWN($C6851/24,0)+1,1))-1)+IF('Standard Profiles'!$G$19=$B$10,7,0)+IF('Standard Profiles'!$G$19=$B$17,14,0)+IF('Standard Profiles'!$G$19=$B$24,21,0),0)),0)</f>
        <v>2.4893024399296966</v>
      </c>
      <c r="F6851" cm="1">
        <f t="array" ref="F6851">IFERROR(INDEX(Jesper!AJ$2:AJ$366,ROUNDDOWN($C6851/24,0)+1,1)*INDEX($D$3:$AA$30,INDEX(Jesper!$R$2:$R$366,ROW(INDEX(Jesper!AJ$2:AJ$366,ROUNDDOWN($C6851/24,0)+1,1))-1)+IF('Standard Profiles'!$G$20=$B$10,7,0)+IF('Standard Profiles'!$G$20=$B$17,14,0)+IF('Standard Profiles'!$G$20=$B$24,21,0),MOD($C6851,24)+1)/SUM(INDEX($D$3:$AA$30,INDEX(Jesper!$R$2:$R$366,ROW(INDEX(Jesper!AJ$2:AJ$366,ROUNDDOWN($C6851/24,0)+1,1))-1)+IF('Standard Profiles'!$G$20=$B$10,7,0)+IF('Standard Profiles'!$G$20=$B$17,14,0)+IF('Standard Profiles'!$G$20=$B$24,21,0),0)),0)</f>
        <v>0</v>
      </c>
      <c r="G6851" cm="1">
        <f t="array" ref="G6851">IFERROR(INDEX(Jesper!AK$2:AK$366,ROUNDDOWN($C6851/24,0)+1,1)*INDEX($D$3:$AA$30,INDEX(Jesper!$R$2:$R$366,ROW(INDEX(Jesper!AK$2:AK$366,ROUNDDOWN($C6851/24,0)+1,1))-1)+IF('Standard Profiles'!$G$21=$B$10,7,0)+IF('Standard Profiles'!$G$21=$B$17,14,0)+IF('Standard Profiles'!$G$21=$B$24,21,0),MOD($C6851,24)+1)/SUM(INDEX($D$3:$AA$30,INDEX(Jesper!$R$2:$R$366,ROW(INDEX(Jesper!AK$2:AK$366,ROUNDDOWN($C6851/24,0)+1,1))-1)+IF('Standard Profiles'!$G$21=$B$10,7,0)+IF('Standard Profiles'!$G$21=$B$17,14,0)+IF('Standard Profiles'!$G$21=$B$24,21,0),0)),0)</f>
        <v>0.52773214987272798</v>
      </c>
      <c r="H6851" cm="1">
        <f t="array" ref="H6851">IFERROR(INDEX(Jesper!AL$2:AL$366,ROUNDDOWN($C6851/24,0)+1,1)*INDEX($D$3:$AA$30,INDEX(Jesper!$R$2:$R$366,ROW(INDEX(Jesper!AL$2:AL$366,ROUNDDOWN($C6851/24,0)+1,1))-1)+IF('Standard Profiles'!$G$22=$B$10,7,0)+IF('Standard Profiles'!$G$22=$B$17,14,0)+IF('Standard Profiles'!$G$22=$B$24,21,0),MOD($C6851,24)+1)/SUM(INDEX($D$3:$AA$30,INDEX(Jesper!$R$2:$R$366,ROW(INDEX(Jesper!AL$2:AL$366,ROUNDDOWN($C6851/24,0)+1,1))-1)+IF('Standard Profiles'!$G$22=$B$10,7,0)+IF('Standard Profiles'!$G$22=$B$17,14,0)+IF('Standard Profiles'!$G$22=$B$24,21,0),0)),0)</f>
        <v>0</v>
      </c>
      <c r="I6851">
        <f t="shared" si="762"/>
        <v>0.25331143193890931</v>
      </c>
      <c r="J6851">
        <f t="shared" si="763"/>
        <v>7.3541216406508907</v>
      </c>
      <c r="K6851">
        <f t="shared" si="764"/>
        <v>0.58290774384601596</v>
      </c>
      <c r="L6851">
        <f t="shared" si="765"/>
        <v>0.29145387192300798</v>
      </c>
      <c r="M6851">
        <f t="shared" si="766"/>
        <v>0</v>
      </c>
      <c r="N6851" s="45">
        <f t="shared" si="767"/>
        <v>45211.041666650133</v>
      </c>
    </row>
    <row r="6852" spans="2:14" x14ac:dyDescent="0.25">
      <c r="B6852">
        <f t="shared" si="761"/>
        <v>4</v>
      </c>
      <c r="C6852" s="16">
        <v>6818</v>
      </c>
      <c r="D6852" cm="1">
        <f t="array" ref="D6852">IFERROR(INDEX(Jesper!AH$2:AH$366,ROUNDDOWN($C6852/24,0)+1,1)*INDEX($D$3:$AA$30,INDEX(Jesper!$R$2:$R$366,ROW(INDEX(Jesper!AH$2:AH$366,ROUNDDOWN($C6852/24,0)+1,1))-1)+IF('Standard Profiles'!$G$18=$B$10,7,0)+IF('Standard Profiles'!$G$18=$B$17,14,0)+IF('Standard Profiles'!$G$18=$B$24,21,0),MOD($C6852,24)+1)/SUM(INDEX($D$3:$AA$30,INDEX(Jesper!$R$2:$R$366,ROW(INDEX(Jesper!AH$2:AH$366,ROUNDDOWN($C6852/24,0)+1,1))-1)+IF('Standard Profiles'!$G$18=$B$10,7,0)+IF('Standard Profiles'!$G$18=$B$17,14,0)+IF('Standard Profiles'!$G$18=$B$24,21,0),0)),0)</f>
        <v>5.4647600985563995</v>
      </c>
      <c r="E6852" cm="1">
        <f t="array" ref="E6852">IFERROR(INDEX(Jesper!AI$2:AI$366,ROUNDDOWN($C6852/24,0)+1,1)*INDEX($D$3:$AA$30,INDEX(Jesper!$R$2:$R$366,ROW(INDEX(Jesper!AI$2:AI$366,ROUNDDOWN($C6852/24,0)+1,1))-1)+IF('Standard Profiles'!$G$19=$B$10,7,0)+IF('Standard Profiles'!$G$19=$B$17,14,0)+IF('Standard Profiles'!$G$19=$B$24,21,0),MOD($C6852,24)+1)/SUM(INDEX($D$3:$AA$30,INDEX(Jesper!$R$2:$R$366,ROW(INDEX(Jesper!AI$2:AI$366,ROUNDDOWN($C6852/24,0)+1,1))-1)+IF('Standard Profiles'!$G$19=$B$10,7,0)+IF('Standard Profiles'!$G$19=$B$17,14,0)+IF('Standard Profiles'!$G$19=$B$24,21,0),0)),0)</f>
        <v>2.4893024399296966</v>
      </c>
      <c r="F6852" cm="1">
        <f t="array" ref="F6852">IFERROR(INDEX(Jesper!AJ$2:AJ$366,ROUNDDOWN($C6852/24,0)+1,1)*INDEX($D$3:$AA$30,INDEX(Jesper!$R$2:$R$366,ROW(INDEX(Jesper!AJ$2:AJ$366,ROUNDDOWN($C6852/24,0)+1,1))-1)+IF('Standard Profiles'!$G$20=$B$10,7,0)+IF('Standard Profiles'!$G$20=$B$17,14,0)+IF('Standard Profiles'!$G$20=$B$24,21,0),MOD($C6852,24)+1)/SUM(INDEX($D$3:$AA$30,INDEX(Jesper!$R$2:$R$366,ROW(INDEX(Jesper!AJ$2:AJ$366,ROUNDDOWN($C6852/24,0)+1,1))-1)+IF('Standard Profiles'!$G$20=$B$10,7,0)+IF('Standard Profiles'!$G$20=$B$17,14,0)+IF('Standard Profiles'!$G$20=$B$24,21,0),0)),0)</f>
        <v>0</v>
      </c>
      <c r="G6852" cm="1">
        <f t="array" ref="G6852">IFERROR(INDEX(Jesper!AK$2:AK$366,ROUNDDOWN($C6852/24,0)+1,1)*INDEX($D$3:$AA$30,INDEX(Jesper!$R$2:$R$366,ROW(INDEX(Jesper!AK$2:AK$366,ROUNDDOWN($C6852/24,0)+1,1))-1)+IF('Standard Profiles'!$G$21=$B$10,7,0)+IF('Standard Profiles'!$G$21=$B$17,14,0)+IF('Standard Profiles'!$G$21=$B$24,21,0),MOD($C6852,24)+1)/SUM(INDEX($D$3:$AA$30,INDEX(Jesper!$R$2:$R$366,ROW(INDEX(Jesper!AK$2:AK$366,ROUNDDOWN($C6852/24,0)+1,1))-1)+IF('Standard Profiles'!$G$21=$B$10,7,0)+IF('Standard Profiles'!$G$21=$B$17,14,0)+IF('Standard Profiles'!$G$21=$B$24,21,0),0)),0)</f>
        <v>0.52773214987272798</v>
      </c>
      <c r="H6852" cm="1">
        <f t="array" ref="H6852">IFERROR(INDEX(Jesper!AL$2:AL$366,ROUNDDOWN($C6852/24,0)+1,1)*INDEX($D$3:$AA$30,INDEX(Jesper!$R$2:$R$366,ROW(INDEX(Jesper!AL$2:AL$366,ROUNDDOWN($C6852/24,0)+1,1))-1)+IF('Standard Profiles'!$G$22=$B$10,7,0)+IF('Standard Profiles'!$G$22=$B$17,14,0)+IF('Standard Profiles'!$G$22=$B$24,21,0),MOD($C6852,24)+1)/SUM(INDEX($D$3:$AA$30,INDEX(Jesper!$R$2:$R$366,ROW(INDEX(Jesper!AL$2:AL$366,ROUNDDOWN($C6852/24,0)+1,1))-1)+IF('Standard Profiles'!$G$22=$B$10,7,0)+IF('Standard Profiles'!$G$22=$B$17,14,0)+IF('Standard Profiles'!$G$22=$B$24,21,0),0)),0)</f>
        <v>0</v>
      </c>
      <c r="I6852">
        <f t="shared" si="762"/>
        <v>0.25331143193890931</v>
      </c>
      <c r="J6852">
        <f t="shared" si="763"/>
        <v>7.3541216406508907</v>
      </c>
      <c r="K6852">
        <f t="shared" si="764"/>
        <v>0.58290774384601596</v>
      </c>
      <c r="L6852">
        <f t="shared" si="765"/>
        <v>0.29145387192300798</v>
      </c>
      <c r="M6852">
        <f t="shared" si="766"/>
        <v>0</v>
      </c>
      <c r="N6852" s="45">
        <f t="shared" si="767"/>
        <v>45211.083333316798</v>
      </c>
    </row>
    <row r="6853" spans="2:14" x14ac:dyDescent="0.25">
      <c r="B6853">
        <f t="shared" si="761"/>
        <v>4</v>
      </c>
      <c r="C6853" s="16">
        <v>6819</v>
      </c>
      <c r="D6853" cm="1">
        <f t="array" ref="D6853">IFERROR(INDEX(Jesper!AH$2:AH$366,ROUNDDOWN($C6853/24,0)+1,1)*INDEX($D$3:$AA$30,INDEX(Jesper!$R$2:$R$366,ROW(INDEX(Jesper!AH$2:AH$366,ROUNDDOWN($C6853/24,0)+1,1))-1)+IF('Standard Profiles'!$G$18=$B$10,7,0)+IF('Standard Profiles'!$G$18=$B$17,14,0)+IF('Standard Profiles'!$G$18=$B$24,21,0),MOD($C6853,24)+1)/SUM(INDEX($D$3:$AA$30,INDEX(Jesper!$R$2:$R$366,ROW(INDEX(Jesper!AH$2:AH$366,ROUNDDOWN($C6853/24,0)+1,1))-1)+IF('Standard Profiles'!$G$18=$B$10,7,0)+IF('Standard Profiles'!$G$18=$B$17,14,0)+IF('Standard Profiles'!$G$18=$B$24,21,0),0)),0)</f>
        <v>5.4647600985563995</v>
      </c>
      <c r="E6853" cm="1">
        <f t="array" ref="E6853">IFERROR(INDEX(Jesper!AI$2:AI$366,ROUNDDOWN($C6853/24,0)+1,1)*INDEX($D$3:$AA$30,INDEX(Jesper!$R$2:$R$366,ROW(INDEX(Jesper!AI$2:AI$366,ROUNDDOWN($C6853/24,0)+1,1))-1)+IF('Standard Profiles'!$G$19=$B$10,7,0)+IF('Standard Profiles'!$G$19=$B$17,14,0)+IF('Standard Profiles'!$G$19=$B$24,21,0),MOD($C6853,24)+1)/SUM(INDEX($D$3:$AA$30,INDEX(Jesper!$R$2:$R$366,ROW(INDEX(Jesper!AI$2:AI$366,ROUNDDOWN($C6853/24,0)+1,1))-1)+IF('Standard Profiles'!$G$19=$B$10,7,0)+IF('Standard Profiles'!$G$19=$B$17,14,0)+IF('Standard Profiles'!$G$19=$B$24,21,0),0)),0)</f>
        <v>2.4893024399296966</v>
      </c>
      <c r="F6853" cm="1">
        <f t="array" ref="F6853">IFERROR(INDEX(Jesper!AJ$2:AJ$366,ROUNDDOWN($C6853/24,0)+1,1)*INDEX($D$3:$AA$30,INDEX(Jesper!$R$2:$R$366,ROW(INDEX(Jesper!AJ$2:AJ$366,ROUNDDOWN($C6853/24,0)+1,1))-1)+IF('Standard Profiles'!$G$20=$B$10,7,0)+IF('Standard Profiles'!$G$20=$B$17,14,0)+IF('Standard Profiles'!$G$20=$B$24,21,0),MOD($C6853,24)+1)/SUM(INDEX($D$3:$AA$30,INDEX(Jesper!$R$2:$R$366,ROW(INDEX(Jesper!AJ$2:AJ$366,ROUNDDOWN($C6853/24,0)+1,1))-1)+IF('Standard Profiles'!$G$20=$B$10,7,0)+IF('Standard Profiles'!$G$20=$B$17,14,0)+IF('Standard Profiles'!$G$20=$B$24,21,0),0)),0)</f>
        <v>0</v>
      </c>
      <c r="G6853" cm="1">
        <f t="array" ref="G6853">IFERROR(INDEX(Jesper!AK$2:AK$366,ROUNDDOWN($C6853/24,0)+1,1)*INDEX($D$3:$AA$30,INDEX(Jesper!$R$2:$R$366,ROW(INDEX(Jesper!AK$2:AK$366,ROUNDDOWN($C6853/24,0)+1,1))-1)+IF('Standard Profiles'!$G$21=$B$10,7,0)+IF('Standard Profiles'!$G$21=$B$17,14,0)+IF('Standard Profiles'!$G$21=$B$24,21,0),MOD($C6853,24)+1)/SUM(INDEX($D$3:$AA$30,INDEX(Jesper!$R$2:$R$366,ROW(INDEX(Jesper!AK$2:AK$366,ROUNDDOWN($C6853/24,0)+1,1))-1)+IF('Standard Profiles'!$G$21=$B$10,7,0)+IF('Standard Profiles'!$G$21=$B$17,14,0)+IF('Standard Profiles'!$G$21=$B$24,21,0),0)),0)</f>
        <v>0.52773214987272798</v>
      </c>
      <c r="H6853" cm="1">
        <f t="array" ref="H6853">IFERROR(INDEX(Jesper!AL$2:AL$366,ROUNDDOWN($C6853/24,0)+1,1)*INDEX($D$3:$AA$30,INDEX(Jesper!$R$2:$R$366,ROW(INDEX(Jesper!AL$2:AL$366,ROUNDDOWN($C6853/24,0)+1,1))-1)+IF('Standard Profiles'!$G$22=$B$10,7,0)+IF('Standard Profiles'!$G$22=$B$17,14,0)+IF('Standard Profiles'!$G$22=$B$24,21,0),MOD($C6853,24)+1)/SUM(INDEX($D$3:$AA$30,INDEX(Jesper!$R$2:$R$366,ROW(INDEX(Jesper!AL$2:AL$366,ROUNDDOWN($C6853/24,0)+1,1))-1)+IF('Standard Profiles'!$G$22=$B$10,7,0)+IF('Standard Profiles'!$G$22=$B$17,14,0)+IF('Standard Profiles'!$G$22=$B$24,21,0),0)),0)</f>
        <v>0</v>
      </c>
      <c r="I6853">
        <f t="shared" si="762"/>
        <v>0.25331143193890931</v>
      </c>
      <c r="J6853">
        <f t="shared" si="763"/>
        <v>7.3541216406508907</v>
      </c>
      <c r="K6853">
        <f t="shared" si="764"/>
        <v>0.58290774384601596</v>
      </c>
      <c r="L6853">
        <f t="shared" si="765"/>
        <v>0.29145387192300798</v>
      </c>
      <c r="M6853">
        <f t="shared" si="766"/>
        <v>0</v>
      </c>
      <c r="N6853" s="45">
        <f t="shared" si="767"/>
        <v>45211.124999983462</v>
      </c>
    </row>
    <row r="6854" spans="2:14" x14ac:dyDescent="0.25">
      <c r="B6854">
        <f t="shared" si="761"/>
        <v>4</v>
      </c>
      <c r="C6854" s="16">
        <v>6820</v>
      </c>
      <c r="D6854" cm="1">
        <f t="array" ref="D6854">IFERROR(INDEX(Jesper!AH$2:AH$366,ROUNDDOWN($C6854/24,0)+1,1)*INDEX($D$3:$AA$30,INDEX(Jesper!$R$2:$R$366,ROW(INDEX(Jesper!AH$2:AH$366,ROUNDDOWN($C6854/24,0)+1,1))-1)+IF('Standard Profiles'!$G$18=$B$10,7,0)+IF('Standard Profiles'!$G$18=$B$17,14,0)+IF('Standard Profiles'!$G$18=$B$24,21,0),MOD($C6854,24)+1)/SUM(INDEX($D$3:$AA$30,INDEX(Jesper!$R$2:$R$366,ROW(INDEX(Jesper!AH$2:AH$366,ROUNDDOWN($C6854/24,0)+1,1))-1)+IF('Standard Profiles'!$G$18=$B$10,7,0)+IF('Standard Profiles'!$G$18=$B$17,14,0)+IF('Standard Profiles'!$G$18=$B$24,21,0),0)),0)</f>
        <v>5.4647600985563995</v>
      </c>
      <c r="E6854" cm="1">
        <f t="array" ref="E6854">IFERROR(INDEX(Jesper!AI$2:AI$366,ROUNDDOWN($C6854/24,0)+1,1)*INDEX($D$3:$AA$30,INDEX(Jesper!$R$2:$R$366,ROW(INDEX(Jesper!AI$2:AI$366,ROUNDDOWN($C6854/24,0)+1,1))-1)+IF('Standard Profiles'!$G$19=$B$10,7,0)+IF('Standard Profiles'!$G$19=$B$17,14,0)+IF('Standard Profiles'!$G$19=$B$24,21,0),MOD($C6854,24)+1)/SUM(INDEX($D$3:$AA$30,INDEX(Jesper!$R$2:$R$366,ROW(INDEX(Jesper!AI$2:AI$366,ROUNDDOWN($C6854/24,0)+1,1))-1)+IF('Standard Profiles'!$G$19=$B$10,7,0)+IF('Standard Profiles'!$G$19=$B$17,14,0)+IF('Standard Profiles'!$G$19=$B$24,21,0),0)),0)</f>
        <v>2.4893024399296966</v>
      </c>
      <c r="F6854" cm="1">
        <f t="array" ref="F6854">IFERROR(INDEX(Jesper!AJ$2:AJ$366,ROUNDDOWN($C6854/24,0)+1,1)*INDEX($D$3:$AA$30,INDEX(Jesper!$R$2:$R$366,ROW(INDEX(Jesper!AJ$2:AJ$366,ROUNDDOWN($C6854/24,0)+1,1))-1)+IF('Standard Profiles'!$G$20=$B$10,7,0)+IF('Standard Profiles'!$G$20=$B$17,14,0)+IF('Standard Profiles'!$G$20=$B$24,21,0),MOD($C6854,24)+1)/SUM(INDEX($D$3:$AA$30,INDEX(Jesper!$R$2:$R$366,ROW(INDEX(Jesper!AJ$2:AJ$366,ROUNDDOWN($C6854/24,0)+1,1))-1)+IF('Standard Profiles'!$G$20=$B$10,7,0)+IF('Standard Profiles'!$G$20=$B$17,14,0)+IF('Standard Profiles'!$G$20=$B$24,21,0),0)),0)</f>
        <v>0</v>
      </c>
      <c r="G6854" cm="1">
        <f t="array" ref="G6854">IFERROR(INDEX(Jesper!AK$2:AK$366,ROUNDDOWN($C6854/24,0)+1,1)*INDEX($D$3:$AA$30,INDEX(Jesper!$R$2:$R$366,ROW(INDEX(Jesper!AK$2:AK$366,ROUNDDOWN($C6854/24,0)+1,1))-1)+IF('Standard Profiles'!$G$21=$B$10,7,0)+IF('Standard Profiles'!$G$21=$B$17,14,0)+IF('Standard Profiles'!$G$21=$B$24,21,0),MOD($C6854,24)+1)/SUM(INDEX($D$3:$AA$30,INDEX(Jesper!$R$2:$R$366,ROW(INDEX(Jesper!AK$2:AK$366,ROUNDDOWN($C6854/24,0)+1,1))-1)+IF('Standard Profiles'!$G$21=$B$10,7,0)+IF('Standard Profiles'!$G$21=$B$17,14,0)+IF('Standard Profiles'!$G$21=$B$24,21,0),0)),0)</f>
        <v>0.52773214987272798</v>
      </c>
      <c r="H6854" cm="1">
        <f t="array" ref="H6854">IFERROR(INDEX(Jesper!AL$2:AL$366,ROUNDDOWN($C6854/24,0)+1,1)*INDEX($D$3:$AA$30,INDEX(Jesper!$R$2:$R$366,ROW(INDEX(Jesper!AL$2:AL$366,ROUNDDOWN($C6854/24,0)+1,1))-1)+IF('Standard Profiles'!$G$22=$B$10,7,0)+IF('Standard Profiles'!$G$22=$B$17,14,0)+IF('Standard Profiles'!$G$22=$B$24,21,0),MOD($C6854,24)+1)/SUM(INDEX($D$3:$AA$30,INDEX(Jesper!$R$2:$R$366,ROW(INDEX(Jesper!AL$2:AL$366,ROUNDDOWN($C6854/24,0)+1,1))-1)+IF('Standard Profiles'!$G$22=$B$10,7,0)+IF('Standard Profiles'!$G$22=$B$17,14,0)+IF('Standard Profiles'!$G$22=$B$24,21,0),0)),0)</f>
        <v>0</v>
      </c>
      <c r="I6854">
        <f t="shared" si="762"/>
        <v>0.25331143193890931</v>
      </c>
      <c r="J6854">
        <f t="shared" si="763"/>
        <v>7.3541216406508907</v>
      </c>
      <c r="K6854">
        <f t="shared" si="764"/>
        <v>0.58290774384601596</v>
      </c>
      <c r="L6854">
        <f t="shared" si="765"/>
        <v>0.29145387192300798</v>
      </c>
      <c r="M6854">
        <f t="shared" si="766"/>
        <v>0</v>
      </c>
      <c r="N6854" s="45">
        <f t="shared" si="767"/>
        <v>45211.166666650126</v>
      </c>
    </row>
    <row r="6855" spans="2:14" x14ac:dyDescent="0.25">
      <c r="B6855">
        <f t="shared" si="761"/>
        <v>4</v>
      </c>
      <c r="C6855" s="16">
        <v>6821</v>
      </c>
      <c r="D6855" cm="1">
        <f t="array" ref="D6855">IFERROR(INDEX(Jesper!AH$2:AH$366,ROUNDDOWN($C6855/24,0)+1,1)*INDEX($D$3:$AA$30,INDEX(Jesper!$R$2:$R$366,ROW(INDEX(Jesper!AH$2:AH$366,ROUNDDOWN($C6855/24,0)+1,1))-1)+IF('Standard Profiles'!$G$18=$B$10,7,0)+IF('Standard Profiles'!$G$18=$B$17,14,0)+IF('Standard Profiles'!$G$18=$B$24,21,0),MOD($C6855,24)+1)/SUM(INDEX($D$3:$AA$30,INDEX(Jesper!$R$2:$R$366,ROW(INDEX(Jesper!AH$2:AH$366,ROUNDDOWN($C6855/24,0)+1,1))-1)+IF('Standard Profiles'!$G$18=$B$10,7,0)+IF('Standard Profiles'!$G$18=$B$17,14,0)+IF('Standard Profiles'!$G$18=$B$24,21,0),0)),0)</f>
        <v>5.4647600985563995</v>
      </c>
      <c r="E6855" cm="1">
        <f t="array" ref="E6855">IFERROR(INDEX(Jesper!AI$2:AI$366,ROUNDDOWN($C6855/24,0)+1,1)*INDEX($D$3:$AA$30,INDEX(Jesper!$R$2:$R$366,ROW(INDEX(Jesper!AI$2:AI$366,ROUNDDOWN($C6855/24,0)+1,1))-1)+IF('Standard Profiles'!$G$19=$B$10,7,0)+IF('Standard Profiles'!$G$19=$B$17,14,0)+IF('Standard Profiles'!$G$19=$B$24,21,0),MOD($C6855,24)+1)/SUM(INDEX($D$3:$AA$30,INDEX(Jesper!$R$2:$R$366,ROW(INDEX(Jesper!AI$2:AI$366,ROUNDDOWN($C6855/24,0)+1,1))-1)+IF('Standard Profiles'!$G$19=$B$10,7,0)+IF('Standard Profiles'!$G$19=$B$17,14,0)+IF('Standard Profiles'!$G$19=$B$24,21,0),0)),0)</f>
        <v>2.4893024399296966</v>
      </c>
      <c r="F6855" cm="1">
        <f t="array" ref="F6855">IFERROR(INDEX(Jesper!AJ$2:AJ$366,ROUNDDOWN($C6855/24,0)+1,1)*INDEX($D$3:$AA$30,INDEX(Jesper!$R$2:$R$366,ROW(INDEX(Jesper!AJ$2:AJ$366,ROUNDDOWN($C6855/24,0)+1,1))-1)+IF('Standard Profiles'!$G$20=$B$10,7,0)+IF('Standard Profiles'!$G$20=$B$17,14,0)+IF('Standard Profiles'!$G$20=$B$24,21,0),MOD($C6855,24)+1)/SUM(INDEX($D$3:$AA$30,INDEX(Jesper!$R$2:$R$366,ROW(INDEX(Jesper!AJ$2:AJ$366,ROUNDDOWN($C6855/24,0)+1,1))-1)+IF('Standard Profiles'!$G$20=$B$10,7,0)+IF('Standard Profiles'!$G$20=$B$17,14,0)+IF('Standard Profiles'!$G$20=$B$24,21,0),0)),0)</f>
        <v>0</v>
      </c>
      <c r="G6855" cm="1">
        <f t="array" ref="G6855">IFERROR(INDEX(Jesper!AK$2:AK$366,ROUNDDOWN($C6855/24,0)+1,1)*INDEX($D$3:$AA$30,INDEX(Jesper!$R$2:$R$366,ROW(INDEX(Jesper!AK$2:AK$366,ROUNDDOWN($C6855/24,0)+1,1))-1)+IF('Standard Profiles'!$G$21=$B$10,7,0)+IF('Standard Profiles'!$G$21=$B$17,14,0)+IF('Standard Profiles'!$G$21=$B$24,21,0),MOD($C6855,24)+1)/SUM(INDEX($D$3:$AA$30,INDEX(Jesper!$R$2:$R$366,ROW(INDEX(Jesper!AK$2:AK$366,ROUNDDOWN($C6855/24,0)+1,1))-1)+IF('Standard Profiles'!$G$21=$B$10,7,0)+IF('Standard Profiles'!$G$21=$B$17,14,0)+IF('Standard Profiles'!$G$21=$B$24,21,0),0)),0)</f>
        <v>0.52773214987272798</v>
      </c>
      <c r="H6855" cm="1">
        <f t="array" ref="H6855">IFERROR(INDEX(Jesper!AL$2:AL$366,ROUNDDOWN($C6855/24,0)+1,1)*INDEX($D$3:$AA$30,INDEX(Jesper!$R$2:$R$366,ROW(INDEX(Jesper!AL$2:AL$366,ROUNDDOWN($C6855/24,0)+1,1))-1)+IF('Standard Profiles'!$G$22=$B$10,7,0)+IF('Standard Profiles'!$G$22=$B$17,14,0)+IF('Standard Profiles'!$G$22=$B$24,21,0),MOD($C6855,24)+1)/SUM(INDEX($D$3:$AA$30,INDEX(Jesper!$R$2:$R$366,ROW(INDEX(Jesper!AL$2:AL$366,ROUNDDOWN($C6855/24,0)+1,1))-1)+IF('Standard Profiles'!$G$22=$B$10,7,0)+IF('Standard Profiles'!$G$22=$B$17,14,0)+IF('Standard Profiles'!$G$22=$B$24,21,0),0)),0)</f>
        <v>0</v>
      </c>
      <c r="I6855">
        <f t="shared" si="762"/>
        <v>0.25331143193890931</v>
      </c>
      <c r="J6855">
        <f t="shared" si="763"/>
        <v>7.3541216406508907</v>
      </c>
      <c r="K6855">
        <f t="shared" si="764"/>
        <v>0.58290774384601596</v>
      </c>
      <c r="L6855">
        <f t="shared" si="765"/>
        <v>0.29145387192300798</v>
      </c>
      <c r="M6855">
        <f t="shared" si="766"/>
        <v>0</v>
      </c>
      <c r="N6855" s="45">
        <f t="shared" si="767"/>
        <v>45211.20833331679</v>
      </c>
    </row>
    <row r="6856" spans="2:14" x14ac:dyDescent="0.25">
      <c r="B6856">
        <f t="shared" si="761"/>
        <v>4</v>
      </c>
      <c r="C6856" s="16">
        <v>6822</v>
      </c>
      <c r="D6856" cm="1">
        <f t="array" ref="D6856">IFERROR(INDEX(Jesper!AH$2:AH$366,ROUNDDOWN($C6856/24,0)+1,1)*INDEX($D$3:$AA$30,INDEX(Jesper!$R$2:$R$366,ROW(INDEX(Jesper!AH$2:AH$366,ROUNDDOWN($C6856/24,0)+1,1))-1)+IF('Standard Profiles'!$G$18=$B$10,7,0)+IF('Standard Profiles'!$G$18=$B$17,14,0)+IF('Standard Profiles'!$G$18=$B$24,21,0),MOD($C6856,24)+1)/SUM(INDEX($D$3:$AA$30,INDEX(Jesper!$R$2:$R$366,ROW(INDEX(Jesper!AH$2:AH$366,ROUNDDOWN($C6856/24,0)+1,1))-1)+IF('Standard Profiles'!$G$18=$B$10,7,0)+IF('Standard Profiles'!$G$18=$B$17,14,0)+IF('Standard Profiles'!$G$18=$B$24,21,0),0)),0)</f>
        <v>5.4647600985563995</v>
      </c>
      <c r="E6856" cm="1">
        <f t="array" ref="E6856">IFERROR(INDEX(Jesper!AI$2:AI$366,ROUNDDOWN($C6856/24,0)+1,1)*INDEX($D$3:$AA$30,INDEX(Jesper!$R$2:$R$366,ROW(INDEX(Jesper!AI$2:AI$366,ROUNDDOWN($C6856/24,0)+1,1))-1)+IF('Standard Profiles'!$G$19=$B$10,7,0)+IF('Standard Profiles'!$G$19=$B$17,14,0)+IF('Standard Profiles'!$G$19=$B$24,21,0),MOD($C6856,24)+1)/SUM(INDEX($D$3:$AA$30,INDEX(Jesper!$R$2:$R$366,ROW(INDEX(Jesper!AI$2:AI$366,ROUNDDOWN($C6856/24,0)+1,1))-1)+IF('Standard Profiles'!$G$19=$B$10,7,0)+IF('Standard Profiles'!$G$19=$B$17,14,0)+IF('Standard Profiles'!$G$19=$B$24,21,0),0)),0)</f>
        <v>2.4893024399296966</v>
      </c>
      <c r="F6856" cm="1">
        <f t="array" ref="F6856">IFERROR(INDEX(Jesper!AJ$2:AJ$366,ROUNDDOWN($C6856/24,0)+1,1)*INDEX($D$3:$AA$30,INDEX(Jesper!$R$2:$R$366,ROW(INDEX(Jesper!AJ$2:AJ$366,ROUNDDOWN($C6856/24,0)+1,1))-1)+IF('Standard Profiles'!$G$20=$B$10,7,0)+IF('Standard Profiles'!$G$20=$B$17,14,0)+IF('Standard Profiles'!$G$20=$B$24,21,0),MOD($C6856,24)+1)/SUM(INDEX($D$3:$AA$30,INDEX(Jesper!$R$2:$R$366,ROW(INDEX(Jesper!AJ$2:AJ$366,ROUNDDOWN($C6856/24,0)+1,1))-1)+IF('Standard Profiles'!$G$20=$B$10,7,0)+IF('Standard Profiles'!$G$20=$B$17,14,0)+IF('Standard Profiles'!$G$20=$B$24,21,0),0)),0)</f>
        <v>0</v>
      </c>
      <c r="G6856" cm="1">
        <f t="array" ref="G6856">IFERROR(INDEX(Jesper!AK$2:AK$366,ROUNDDOWN($C6856/24,0)+1,1)*INDEX($D$3:$AA$30,INDEX(Jesper!$R$2:$R$366,ROW(INDEX(Jesper!AK$2:AK$366,ROUNDDOWN($C6856/24,0)+1,1))-1)+IF('Standard Profiles'!$G$21=$B$10,7,0)+IF('Standard Profiles'!$G$21=$B$17,14,0)+IF('Standard Profiles'!$G$21=$B$24,21,0),MOD($C6856,24)+1)/SUM(INDEX($D$3:$AA$30,INDEX(Jesper!$R$2:$R$366,ROW(INDEX(Jesper!AK$2:AK$366,ROUNDDOWN($C6856/24,0)+1,1))-1)+IF('Standard Profiles'!$G$21=$B$10,7,0)+IF('Standard Profiles'!$G$21=$B$17,14,0)+IF('Standard Profiles'!$G$21=$B$24,21,0),0)),0)</f>
        <v>0.52773214987272798</v>
      </c>
      <c r="H6856" cm="1">
        <f t="array" ref="H6856">IFERROR(INDEX(Jesper!AL$2:AL$366,ROUNDDOWN($C6856/24,0)+1,1)*INDEX($D$3:$AA$30,INDEX(Jesper!$R$2:$R$366,ROW(INDEX(Jesper!AL$2:AL$366,ROUNDDOWN($C6856/24,0)+1,1))-1)+IF('Standard Profiles'!$G$22=$B$10,7,0)+IF('Standard Profiles'!$G$22=$B$17,14,0)+IF('Standard Profiles'!$G$22=$B$24,21,0),MOD($C6856,24)+1)/SUM(INDEX($D$3:$AA$30,INDEX(Jesper!$R$2:$R$366,ROW(INDEX(Jesper!AL$2:AL$366,ROUNDDOWN($C6856/24,0)+1,1))-1)+IF('Standard Profiles'!$G$22=$B$10,7,0)+IF('Standard Profiles'!$G$22=$B$17,14,0)+IF('Standard Profiles'!$G$22=$B$24,21,0),0)),0)</f>
        <v>0</v>
      </c>
      <c r="I6856">
        <f t="shared" si="762"/>
        <v>0.25331143193890931</v>
      </c>
      <c r="J6856">
        <f t="shared" si="763"/>
        <v>7.3541216406508907</v>
      </c>
      <c r="K6856">
        <f t="shared" si="764"/>
        <v>0.58290774384601596</v>
      </c>
      <c r="L6856">
        <f t="shared" si="765"/>
        <v>0.29145387192300798</v>
      </c>
      <c r="M6856">
        <f t="shared" si="766"/>
        <v>0</v>
      </c>
      <c r="N6856" s="45">
        <f t="shared" si="767"/>
        <v>45211.249999983454</v>
      </c>
    </row>
    <row r="6857" spans="2:14" x14ac:dyDescent="0.25">
      <c r="B6857">
        <f t="shared" si="761"/>
        <v>4</v>
      </c>
      <c r="C6857" s="16">
        <v>6823</v>
      </c>
      <c r="D6857" cm="1">
        <f t="array" ref="D6857">IFERROR(INDEX(Jesper!AH$2:AH$366,ROUNDDOWN($C6857/24,0)+1,1)*INDEX($D$3:$AA$30,INDEX(Jesper!$R$2:$R$366,ROW(INDEX(Jesper!AH$2:AH$366,ROUNDDOWN($C6857/24,0)+1,1))-1)+IF('Standard Profiles'!$G$18=$B$10,7,0)+IF('Standard Profiles'!$G$18=$B$17,14,0)+IF('Standard Profiles'!$G$18=$B$24,21,0),MOD($C6857,24)+1)/SUM(INDEX($D$3:$AA$30,INDEX(Jesper!$R$2:$R$366,ROW(INDEX(Jesper!AH$2:AH$366,ROUNDDOWN($C6857/24,0)+1,1))-1)+IF('Standard Profiles'!$G$18=$B$10,7,0)+IF('Standard Profiles'!$G$18=$B$17,14,0)+IF('Standard Profiles'!$G$18=$B$24,21,0),0)),0)</f>
        <v>22.3392768877351</v>
      </c>
      <c r="E6857" cm="1">
        <f t="array" ref="E6857">IFERROR(INDEX(Jesper!AI$2:AI$366,ROUNDDOWN($C6857/24,0)+1,1)*INDEX($D$3:$AA$30,INDEX(Jesper!$R$2:$R$366,ROW(INDEX(Jesper!AI$2:AI$366,ROUNDDOWN($C6857/24,0)+1,1))-1)+IF('Standard Profiles'!$G$19=$B$10,7,0)+IF('Standard Profiles'!$G$19=$B$17,14,0)+IF('Standard Profiles'!$G$19=$B$24,21,0),MOD($C6857,24)+1)/SUM(INDEX($D$3:$AA$30,INDEX(Jesper!$R$2:$R$366,ROW(INDEX(Jesper!AI$2:AI$366,ROUNDDOWN($C6857/24,0)+1,1))-1)+IF('Standard Profiles'!$G$19=$B$10,7,0)+IF('Standard Profiles'!$G$19=$B$17,14,0)+IF('Standard Profiles'!$G$19=$B$24,21,0),0)),0)</f>
        <v>10.175966640803516</v>
      </c>
      <c r="F6857" cm="1">
        <f t="array" ref="F6857">IFERROR(INDEX(Jesper!AJ$2:AJ$366,ROUNDDOWN($C6857/24,0)+1,1)*INDEX($D$3:$AA$30,INDEX(Jesper!$R$2:$R$366,ROW(INDEX(Jesper!AJ$2:AJ$366,ROUNDDOWN($C6857/24,0)+1,1))-1)+IF('Standard Profiles'!$G$20=$B$10,7,0)+IF('Standard Profiles'!$G$20=$B$17,14,0)+IF('Standard Profiles'!$G$20=$B$24,21,0),MOD($C6857,24)+1)/SUM(INDEX($D$3:$AA$30,INDEX(Jesper!$R$2:$R$366,ROW(INDEX(Jesper!AJ$2:AJ$366,ROUNDDOWN($C6857/24,0)+1,1))-1)+IF('Standard Profiles'!$G$20=$B$10,7,0)+IF('Standard Profiles'!$G$20=$B$17,14,0)+IF('Standard Profiles'!$G$20=$B$24,21,0),0)),0)</f>
        <v>0</v>
      </c>
      <c r="G6857" cm="1">
        <f t="array" ref="G6857">IFERROR(INDEX(Jesper!AK$2:AK$366,ROUNDDOWN($C6857/24,0)+1,1)*INDEX($D$3:$AA$30,INDEX(Jesper!$R$2:$R$366,ROW(INDEX(Jesper!AK$2:AK$366,ROUNDDOWN($C6857/24,0)+1,1))-1)+IF('Standard Profiles'!$G$21=$B$10,7,0)+IF('Standard Profiles'!$G$21=$B$17,14,0)+IF('Standard Profiles'!$G$21=$B$24,21,0),MOD($C6857,24)+1)/SUM(INDEX($D$3:$AA$30,INDEX(Jesper!$R$2:$R$366,ROW(INDEX(Jesper!AK$2:AK$366,ROUNDDOWN($C6857/24,0)+1,1))-1)+IF('Standard Profiles'!$G$21=$B$10,7,0)+IF('Standard Profiles'!$G$21=$B$17,14,0)+IF('Standard Profiles'!$G$21=$B$24,21,0),0)),0)</f>
        <v>1.4539020728993652</v>
      </c>
      <c r="H6857" cm="1">
        <f t="array" ref="H6857">IFERROR(INDEX(Jesper!AL$2:AL$366,ROUNDDOWN($C6857/24,0)+1,1)*INDEX($D$3:$AA$30,INDEX(Jesper!$R$2:$R$366,ROW(INDEX(Jesper!AL$2:AL$366,ROUNDDOWN($C6857/24,0)+1,1))-1)+IF('Standard Profiles'!$G$22=$B$10,7,0)+IF('Standard Profiles'!$G$22=$B$17,14,0)+IF('Standard Profiles'!$G$22=$B$24,21,0),MOD($C6857,24)+1)/SUM(INDEX($D$3:$AA$30,INDEX(Jesper!$R$2:$R$366,ROW(INDEX(Jesper!AL$2:AL$366,ROUNDDOWN($C6857/24,0)+1,1))-1)+IF('Standard Profiles'!$G$22=$B$10,7,0)+IF('Standard Profiles'!$G$22=$B$17,14,0)+IF('Standard Profiles'!$G$22=$B$24,21,0),0)),0)</f>
        <v>0</v>
      </c>
      <c r="I6857">
        <f t="shared" si="762"/>
        <v>0.69787299499169497</v>
      </c>
      <c r="J6857">
        <f t="shared" si="763"/>
        <v>29.69698830440867</v>
      </c>
      <c r="K6857">
        <f t="shared" si="764"/>
        <v>2.3828562013584107</v>
      </c>
      <c r="L6857">
        <f t="shared" si="765"/>
        <v>1.1914281006792053</v>
      </c>
      <c r="M6857">
        <f t="shared" si="766"/>
        <v>0</v>
      </c>
      <c r="N6857" s="45">
        <f t="shared" si="767"/>
        <v>45211.291666650119</v>
      </c>
    </row>
    <row r="6858" spans="2:14" x14ac:dyDescent="0.25">
      <c r="B6858">
        <f t="shared" si="761"/>
        <v>4</v>
      </c>
      <c r="C6858" s="16">
        <v>6824</v>
      </c>
      <c r="D6858" cm="1">
        <f t="array" ref="D6858">IFERROR(INDEX(Jesper!AH$2:AH$366,ROUNDDOWN($C6858/24,0)+1,1)*INDEX($D$3:$AA$30,INDEX(Jesper!$R$2:$R$366,ROW(INDEX(Jesper!AH$2:AH$366,ROUNDDOWN($C6858/24,0)+1,1))-1)+IF('Standard Profiles'!$G$18=$B$10,7,0)+IF('Standard Profiles'!$G$18=$B$17,14,0)+IF('Standard Profiles'!$G$18=$B$24,21,0),MOD($C6858,24)+1)/SUM(INDEX($D$3:$AA$30,INDEX(Jesper!$R$2:$R$366,ROW(INDEX(Jesper!AH$2:AH$366,ROUNDDOWN($C6858/24,0)+1,1))-1)+IF('Standard Profiles'!$G$18=$B$10,7,0)+IF('Standard Profiles'!$G$18=$B$17,14,0)+IF('Standard Profiles'!$G$18=$B$24,21,0),0)),0)</f>
        <v>24.925930001051796</v>
      </c>
      <c r="E6858" cm="1">
        <f t="array" ref="E6858">IFERROR(INDEX(Jesper!AI$2:AI$366,ROUNDDOWN($C6858/24,0)+1,1)*INDEX($D$3:$AA$30,INDEX(Jesper!$R$2:$R$366,ROW(INDEX(Jesper!AI$2:AI$366,ROUNDDOWN($C6858/24,0)+1,1))-1)+IF('Standard Profiles'!$G$19=$B$10,7,0)+IF('Standard Profiles'!$G$19=$B$17,14,0)+IF('Standard Profiles'!$G$19=$B$24,21,0),MOD($C6858,24)+1)/SUM(INDEX($D$3:$AA$30,INDEX(Jesper!$R$2:$R$366,ROW(INDEX(Jesper!AI$2:AI$366,ROUNDDOWN($C6858/24,0)+1,1))-1)+IF('Standard Profiles'!$G$19=$B$10,7,0)+IF('Standard Profiles'!$G$19=$B$17,14,0)+IF('Standard Profiles'!$G$19=$B$24,21,0),0)),0)</f>
        <v>11.354236462370238</v>
      </c>
      <c r="F6858" cm="1">
        <f t="array" ref="F6858">IFERROR(INDEX(Jesper!AJ$2:AJ$366,ROUNDDOWN($C6858/24,0)+1,1)*INDEX($D$3:$AA$30,INDEX(Jesper!$R$2:$R$366,ROW(INDEX(Jesper!AJ$2:AJ$366,ROUNDDOWN($C6858/24,0)+1,1))-1)+IF('Standard Profiles'!$G$20=$B$10,7,0)+IF('Standard Profiles'!$G$20=$B$17,14,0)+IF('Standard Profiles'!$G$20=$B$24,21,0),MOD($C6858,24)+1)/SUM(INDEX($D$3:$AA$30,INDEX(Jesper!$R$2:$R$366,ROW(INDEX(Jesper!AJ$2:AJ$366,ROUNDDOWN($C6858/24,0)+1,1))-1)+IF('Standard Profiles'!$G$20=$B$10,7,0)+IF('Standard Profiles'!$G$20=$B$17,14,0)+IF('Standard Profiles'!$G$20=$B$24,21,0),0)),0)</f>
        <v>0</v>
      </c>
      <c r="G6858" cm="1">
        <f t="array" ref="G6858">IFERROR(INDEX(Jesper!AK$2:AK$366,ROUNDDOWN($C6858/24,0)+1,1)*INDEX($D$3:$AA$30,INDEX(Jesper!$R$2:$R$366,ROW(INDEX(Jesper!AK$2:AK$366,ROUNDDOWN($C6858/24,0)+1,1))-1)+IF('Standard Profiles'!$G$21=$B$10,7,0)+IF('Standard Profiles'!$G$21=$B$17,14,0)+IF('Standard Profiles'!$G$21=$B$24,21,0),MOD($C6858,24)+1)/SUM(INDEX($D$3:$AA$30,INDEX(Jesper!$R$2:$R$366,ROW(INDEX(Jesper!AK$2:AK$366,ROUNDDOWN($C6858/24,0)+1,1))-1)+IF('Standard Profiles'!$G$21=$B$10,7,0)+IF('Standard Profiles'!$G$21=$B$17,14,0)+IF('Standard Profiles'!$G$21=$B$24,21,0),0)),0)</f>
        <v>1.6222486287087656</v>
      </c>
      <c r="H6858" cm="1">
        <f t="array" ref="H6858">IFERROR(INDEX(Jesper!AL$2:AL$366,ROUNDDOWN($C6858/24,0)+1,1)*INDEX($D$3:$AA$30,INDEX(Jesper!$R$2:$R$366,ROW(INDEX(Jesper!AL$2:AL$366,ROUNDDOWN($C6858/24,0)+1,1))-1)+IF('Standard Profiles'!$G$22=$B$10,7,0)+IF('Standard Profiles'!$G$22=$B$17,14,0)+IF('Standard Profiles'!$G$22=$B$24,21,0),MOD($C6858,24)+1)/SUM(INDEX($D$3:$AA$30,INDEX(Jesper!$R$2:$R$366,ROW(INDEX(Jesper!AL$2:AL$366,ROUNDDOWN($C6858/24,0)+1,1))-1)+IF('Standard Profiles'!$G$22=$B$10,7,0)+IF('Standard Profiles'!$G$22=$B$17,14,0)+IF('Standard Profiles'!$G$22=$B$24,21,0),0)),0)</f>
        <v>0</v>
      </c>
      <c r="I6858">
        <f t="shared" si="762"/>
        <v>0.77867934178020715</v>
      </c>
      <c r="J6858">
        <f t="shared" si="763"/>
        <v>33.135586950182301</v>
      </c>
      <c r="K6858">
        <f t="shared" si="764"/>
        <v>2.6587658667788583</v>
      </c>
      <c r="L6858">
        <f t="shared" si="765"/>
        <v>1.3293829333894291</v>
      </c>
      <c r="M6858">
        <f t="shared" si="766"/>
        <v>0</v>
      </c>
      <c r="N6858" s="45">
        <f t="shared" si="767"/>
        <v>45211.333333316783</v>
      </c>
    </row>
    <row r="6859" spans="2:14" x14ac:dyDescent="0.25">
      <c r="B6859">
        <f t="shared" si="761"/>
        <v>4</v>
      </c>
      <c r="C6859" s="16">
        <v>6825</v>
      </c>
      <c r="D6859" cm="1">
        <f t="array" ref="D6859">IFERROR(INDEX(Jesper!AH$2:AH$366,ROUNDDOWN($C6859/24,0)+1,1)*INDEX($D$3:$AA$30,INDEX(Jesper!$R$2:$R$366,ROW(INDEX(Jesper!AH$2:AH$366,ROUNDDOWN($C6859/24,0)+1,1))-1)+IF('Standard Profiles'!$G$18=$B$10,7,0)+IF('Standard Profiles'!$G$18=$B$17,14,0)+IF('Standard Profiles'!$G$18=$B$24,21,0),MOD($C6859,24)+1)/SUM(INDEX($D$3:$AA$30,INDEX(Jesper!$R$2:$R$366,ROW(INDEX(Jesper!AH$2:AH$366,ROUNDDOWN($C6859/24,0)+1,1))-1)+IF('Standard Profiles'!$G$18=$B$10,7,0)+IF('Standard Profiles'!$G$18=$B$17,14,0)+IF('Standard Profiles'!$G$18=$B$24,21,0),0)),0)</f>
        <v>27.512583114368493</v>
      </c>
      <c r="E6859" cm="1">
        <f t="array" ref="E6859">IFERROR(INDEX(Jesper!AI$2:AI$366,ROUNDDOWN($C6859/24,0)+1,1)*INDEX($D$3:$AA$30,INDEX(Jesper!$R$2:$R$366,ROW(INDEX(Jesper!AI$2:AI$366,ROUNDDOWN($C6859/24,0)+1,1))-1)+IF('Standard Profiles'!$G$19=$B$10,7,0)+IF('Standard Profiles'!$G$19=$B$17,14,0)+IF('Standard Profiles'!$G$19=$B$24,21,0),MOD($C6859,24)+1)/SUM(INDEX($D$3:$AA$30,INDEX(Jesper!$R$2:$R$366,ROW(INDEX(Jesper!AI$2:AI$366,ROUNDDOWN($C6859/24,0)+1,1))-1)+IF('Standard Profiles'!$G$19=$B$10,7,0)+IF('Standard Profiles'!$G$19=$B$17,14,0)+IF('Standard Profiles'!$G$19=$B$24,21,0),0)),0)</f>
        <v>12.532506283936963</v>
      </c>
      <c r="F6859" cm="1">
        <f t="array" ref="F6859">IFERROR(INDEX(Jesper!AJ$2:AJ$366,ROUNDDOWN($C6859/24,0)+1,1)*INDEX($D$3:$AA$30,INDEX(Jesper!$R$2:$R$366,ROW(INDEX(Jesper!AJ$2:AJ$366,ROUNDDOWN($C6859/24,0)+1,1))-1)+IF('Standard Profiles'!$G$20=$B$10,7,0)+IF('Standard Profiles'!$G$20=$B$17,14,0)+IF('Standard Profiles'!$G$20=$B$24,21,0),MOD($C6859,24)+1)/SUM(INDEX($D$3:$AA$30,INDEX(Jesper!$R$2:$R$366,ROW(INDEX(Jesper!AJ$2:AJ$366,ROUNDDOWN($C6859/24,0)+1,1))-1)+IF('Standard Profiles'!$G$20=$B$10,7,0)+IF('Standard Profiles'!$G$20=$B$17,14,0)+IF('Standard Profiles'!$G$20=$B$24,21,0),0)),0)</f>
        <v>0</v>
      </c>
      <c r="G6859" cm="1">
        <f t="array" ref="G6859">IFERROR(INDEX(Jesper!AK$2:AK$366,ROUNDDOWN($C6859/24,0)+1,1)*INDEX($D$3:$AA$30,INDEX(Jesper!$R$2:$R$366,ROW(INDEX(Jesper!AK$2:AK$366,ROUNDDOWN($C6859/24,0)+1,1))-1)+IF('Standard Profiles'!$G$21=$B$10,7,0)+IF('Standard Profiles'!$G$21=$B$17,14,0)+IF('Standard Profiles'!$G$21=$B$24,21,0),MOD($C6859,24)+1)/SUM(INDEX($D$3:$AA$30,INDEX(Jesper!$R$2:$R$366,ROW(INDEX(Jesper!AK$2:AK$366,ROUNDDOWN($C6859/24,0)+1,1))-1)+IF('Standard Profiles'!$G$21=$B$10,7,0)+IF('Standard Profiles'!$G$21=$B$17,14,0)+IF('Standard Profiles'!$G$21=$B$24,21,0),0)),0)</f>
        <v>1.790595184518166</v>
      </c>
      <c r="H6859" cm="1">
        <f t="array" ref="H6859">IFERROR(INDEX(Jesper!AL$2:AL$366,ROUNDDOWN($C6859/24,0)+1,1)*INDEX($D$3:$AA$30,INDEX(Jesper!$R$2:$R$366,ROW(INDEX(Jesper!AL$2:AL$366,ROUNDDOWN($C6859/24,0)+1,1))-1)+IF('Standard Profiles'!$G$22=$B$10,7,0)+IF('Standard Profiles'!$G$22=$B$17,14,0)+IF('Standard Profiles'!$G$22=$B$24,21,0),MOD($C6859,24)+1)/SUM(INDEX($D$3:$AA$30,INDEX(Jesper!$R$2:$R$366,ROW(INDEX(Jesper!AL$2:AL$366,ROUNDDOWN($C6859/24,0)+1,1))-1)+IF('Standard Profiles'!$G$22=$B$10,7,0)+IF('Standard Profiles'!$G$22=$B$17,14,0)+IF('Standard Profiles'!$G$22=$B$24,21,0),0)),0)</f>
        <v>0</v>
      </c>
      <c r="I6859">
        <f t="shared" si="762"/>
        <v>0.85948568856871921</v>
      </c>
      <c r="J6859">
        <f t="shared" si="763"/>
        <v>36.574185595955946</v>
      </c>
      <c r="K6859">
        <f t="shared" si="764"/>
        <v>2.9346755321993059</v>
      </c>
      <c r="L6859">
        <f t="shared" si="765"/>
        <v>1.4673377660996529</v>
      </c>
      <c r="M6859">
        <f t="shared" si="766"/>
        <v>0</v>
      </c>
      <c r="N6859" s="45">
        <f t="shared" si="767"/>
        <v>45211.374999983447</v>
      </c>
    </row>
    <row r="6860" spans="2:14" x14ac:dyDescent="0.25">
      <c r="B6860">
        <f t="shared" si="761"/>
        <v>4</v>
      </c>
      <c r="C6860" s="16">
        <v>6826</v>
      </c>
      <c r="D6860" cm="1">
        <f t="array" ref="D6860">IFERROR(INDEX(Jesper!AH$2:AH$366,ROUNDDOWN($C6860/24,0)+1,1)*INDEX($D$3:$AA$30,INDEX(Jesper!$R$2:$R$366,ROW(INDEX(Jesper!AH$2:AH$366,ROUNDDOWN($C6860/24,0)+1,1))-1)+IF('Standard Profiles'!$G$18=$B$10,7,0)+IF('Standard Profiles'!$G$18=$B$17,14,0)+IF('Standard Profiles'!$G$18=$B$24,21,0),MOD($C6860,24)+1)/SUM(INDEX($D$3:$AA$30,INDEX(Jesper!$R$2:$R$366,ROW(INDEX(Jesper!AH$2:AH$366,ROUNDDOWN($C6860/24,0)+1,1))-1)+IF('Standard Profiles'!$G$18=$B$10,7,0)+IF('Standard Profiles'!$G$18=$B$17,14,0)+IF('Standard Profiles'!$G$18=$B$24,21,0),0)),0)</f>
        <v>27.512583114368493</v>
      </c>
      <c r="E6860" cm="1">
        <f t="array" ref="E6860">IFERROR(INDEX(Jesper!AI$2:AI$366,ROUNDDOWN($C6860/24,0)+1,1)*INDEX($D$3:$AA$30,INDEX(Jesper!$R$2:$R$366,ROW(INDEX(Jesper!AI$2:AI$366,ROUNDDOWN($C6860/24,0)+1,1))-1)+IF('Standard Profiles'!$G$19=$B$10,7,0)+IF('Standard Profiles'!$G$19=$B$17,14,0)+IF('Standard Profiles'!$G$19=$B$24,21,0),MOD($C6860,24)+1)/SUM(INDEX($D$3:$AA$30,INDEX(Jesper!$R$2:$R$366,ROW(INDEX(Jesper!AI$2:AI$366,ROUNDDOWN($C6860/24,0)+1,1))-1)+IF('Standard Profiles'!$G$19=$B$10,7,0)+IF('Standard Profiles'!$G$19=$B$17,14,0)+IF('Standard Profiles'!$G$19=$B$24,21,0),0)),0)</f>
        <v>12.532506283936963</v>
      </c>
      <c r="F6860" cm="1">
        <f t="array" ref="F6860">IFERROR(INDEX(Jesper!AJ$2:AJ$366,ROUNDDOWN($C6860/24,0)+1,1)*INDEX($D$3:$AA$30,INDEX(Jesper!$R$2:$R$366,ROW(INDEX(Jesper!AJ$2:AJ$366,ROUNDDOWN($C6860/24,0)+1,1))-1)+IF('Standard Profiles'!$G$20=$B$10,7,0)+IF('Standard Profiles'!$G$20=$B$17,14,0)+IF('Standard Profiles'!$G$20=$B$24,21,0),MOD($C6860,24)+1)/SUM(INDEX($D$3:$AA$30,INDEX(Jesper!$R$2:$R$366,ROW(INDEX(Jesper!AJ$2:AJ$366,ROUNDDOWN($C6860/24,0)+1,1))-1)+IF('Standard Profiles'!$G$20=$B$10,7,0)+IF('Standard Profiles'!$G$20=$B$17,14,0)+IF('Standard Profiles'!$G$20=$B$24,21,0),0)),0)</f>
        <v>0</v>
      </c>
      <c r="G6860" cm="1">
        <f t="array" ref="G6860">IFERROR(INDEX(Jesper!AK$2:AK$366,ROUNDDOWN($C6860/24,0)+1,1)*INDEX($D$3:$AA$30,INDEX(Jesper!$R$2:$R$366,ROW(INDEX(Jesper!AK$2:AK$366,ROUNDDOWN($C6860/24,0)+1,1))-1)+IF('Standard Profiles'!$G$21=$B$10,7,0)+IF('Standard Profiles'!$G$21=$B$17,14,0)+IF('Standard Profiles'!$G$21=$B$24,21,0),MOD($C6860,24)+1)/SUM(INDEX($D$3:$AA$30,INDEX(Jesper!$R$2:$R$366,ROW(INDEX(Jesper!AK$2:AK$366,ROUNDDOWN($C6860/24,0)+1,1))-1)+IF('Standard Profiles'!$G$21=$B$10,7,0)+IF('Standard Profiles'!$G$21=$B$17,14,0)+IF('Standard Profiles'!$G$21=$B$24,21,0),0)),0)</f>
        <v>1.790595184518166</v>
      </c>
      <c r="H6860" cm="1">
        <f t="array" ref="H6860">IFERROR(INDEX(Jesper!AL$2:AL$366,ROUNDDOWN($C6860/24,0)+1,1)*INDEX($D$3:$AA$30,INDEX(Jesper!$R$2:$R$366,ROW(INDEX(Jesper!AL$2:AL$366,ROUNDDOWN($C6860/24,0)+1,1))-1)+IF('Standard Profiles'!$G$22=$B$10,7,0)+IF('Standard Profiles'!$G$22=$B$17,14,0)+IF('Standard Profiles'!$G$22=$B$24,21,0),MOD($C6860,24)+1)/SUM(INDEX($D$3:$AA$30,INDEX(Jesper!$R$2:$R$366,ROW(INDEX(Jesper!AL$2:AL$366,ROUNDDOWN($C6860/24,0)+1,1))-1)+IF('Standard Profiles'!$G$22=$B$10,7,0)+IF('Standard Profiles'!$G$22=$B$17,14,0)+IF('Standard Profiles'!$G$22=$B$24,21,0),0)),0)</f>
        <v>0</v>
      </c>
      <c r="I6860">
        <f t="shared" si="762"/>
        <v>0.85948568856871921</v>
      </c>
      <c r="J6860">
        <f t="shared" si="763"/>
        <v>36.574185595955946</v>
      </c>
      <c r="K6860">
        <f t="shared" si="764"/>
        <v>2.9346755321993059</v>
      </c>
      <c r="L6860">
        <f t="shared" si="765"/>
        <v>1.4673377660996529</v>
      </c>
      <c r="M6860">
        <f t="shared" si="766"/>
        <v>0</v>
      </c>
      <c r="N6860" s="45">
        <f t="shared" si="767"/>
        <v>45211.416666650111</v>
      </c>
    </row>
    <row r="6861" spans="2:14" x14ac:dyDescent="0.25">
      <c r="B6861">
        <f t="shared" si="761"/>
        <v>4</v>
      </c>
      <c r="C6861" s="16">
        <v>6827</v>
      </c>
      <c r="D6861" cm="1">
        <f t="array" ref="D6861">IFERROR(INDEX(Jesper!AH$2:AH$366,ROUNDDOWN($C6861/24,0)+1,1)*INDEX($D$3:$AA$30,INDEX(Jesper!$R$2:$R$366,ROW(INDEX(Jesper!AH$2:AH$366,ROUNDDOWN($C6861/24,0)+1,1))-1)+IF('Standard Profiles'!$G$18=$B$10,7,0)+IF('Standard Profiles'!$G$18=$B$17,14,0)+IF('Standard Profiles'!$G$18=$B$24,21,0),MOD($C6861,24)+1)/SUM(INDEX($D$3:$AA$30,INDEX(Jesper!$R$2:$R$366,ROW(INDEX(Jesper!AH$2:AH$366,ROUNDDOWN($C6861/24,0)+1,1))-1)+IF('Standard Profiles'!$G$18=$B$10,7,0)+IF('Standard Profiles'!$G$18=$B$17,14,0)+IF('Standard Profiles'!$G$18=$B$24,21,0),0)),0)</f>
        <v>32.921039624030669</v>
      </c>
      <c r="E6861" cm="1">
        <f t="array" ref="E6861">IFERROR(INDEX(Jesper!AI$2:AI$366,ROUNDDOWN($C6861/24,0)+1,1)*INDEX($D$3:$AA$30,INDEX(Jesper!$R$2:$R$366,ROW(INDEX(Jesper!AI$2:AI$366,ROUNDDOWN($C6861/24,0)+1,1))-1)+IF('Standard Profiles'!$G$19=$B$10,7,0)+IF('Standard Profiles'!$G$19=$B$17,14,0)+IF('Standard Profiles'!$G$19=$B$24,21,0),MOD($C6861,24)+1)/SUM(INDEX($D$3:$AA$30,INDEX(Jesper!$R$2:$R$366,ROW(INDEX(Jesper!AI$2:AI$366,ROUNDDOWN($C6861/24,0)+1,1))-1)+IF('Standard Profiles'!$G$19=$B$10,7,0)+IF('Standard Profiles'!$G$19=$B$17,14,0)+IF('Standard Profiles'!$G$19=$B$24,21,0),0)),0)</f>
        <v>14.996161365394654</v>
      </c>
      <c r="F6861" cm="1">
        <f t="array" ref="F6861">IFERROR(INDEX(Jesper!AJ$2:AJ$366,ROUNDDOWN($C6861/24,0)+1,1)*INDEX($D$3:$AA$30,INDEX(Jesper!$R$2:$R$366,ROW(INDEX(Jesper!AJ$2:AJ$366,ROUNDDOWN($C6861/24,0)+1,1))-1)+IF('Standard Profiles'!$G$20=$B$10,7,0)+IF('Standard Profiles'!$G$20=$B$17,14,0)+IF('Standard Profiles'!$G$20=$B$24,21,0),MOD($C6861,24)+1)/SUM(INDEX($D$3:$AA$30,INDEX(Jesper!$R$2:$R$366,ROW(INDEX(Jesper!AJ$2:AJ$366,ROUNDDOWN($C6861/24,0)+1,1))-1)+IF('Standard Profiles'!$G$20=$B$10,7,0)+IF('Standard Profiles'!$G$20=$B$17,14,0)+IF('Standard Profiles'!$G$20=$B$24,21,0),0)),0)</f>
        <v>0</v>
      </c>
      <c r="G6861" cm="1">
        <f t="array" ref="G6861">IFERROR(INDEX(Jesper!AK$2:AK$366,ROUNDDOWN($C6861/24,0)+1,1)*INDEX($D$3:$AA$30,INDEX(Jesper!$R$2:$R$366,ROW(INDEX(Jesper!AK$2:AK$366,ROUNDDOWN($C6861/24,0)+1,1))-1)+IF('Standard Profiles'!$G$21=$B$10,7,0)+IF('Standard Profiles'!$G$21=$B$17,14,0)+IF('Standard Profiles'!$G$21=$B$24,21,0),MOD($C6861,24)+1)/SUM(INDEX($D$3:$AA$30,INDEX(Jesper!$R$2:$R$366,ROW(INDEX(Jesper!AK$2:AK$366,ROUNDDOWN($C6861/24,0)+1,1))-1)+IF('Standard Profiles'!$G$21=$B$10,7,0)+IF('Standard Profiles'!$G$21=$B$17,14,0)+IF('Standard Profiles'!$G$21=$B$24,21,0),0)),0)</f>
        <v>2.1425925284832754</v>
      </c>
      <c r="H6861" cm="1">
        <f t="array" ref="H6861">IFERROR(INDEX(Jesper!AL$2:AL$366,ROUNDDOWN($C6861/24,0)+1,1)*INDEX($D$3:$AA$30,INDEX(Jesper!$R$2:$R$366,ROW(INDEX(Jesper!AL$2:AL$366,ROUNDDOWN($C6861/24,0)+1,1))-1)+IF('Standard Profiles'!$G$22=$B$10,7,0)+IF('Standard Profiles'!$G$22=$B$17,14,0)+IF('Standard Profiles'!$G$22=$B$24,21,0),MOD($C6861,24)+1)/SUM(INDEX($D$3:$AA$30,INDEX(Jesper!$R$2:$R$366,ROW(INDEX(Jesper!AL$2:AL$366,ROUNDDOWN($C6861/24,0)+1,1))-1)+IF('Standard Profiles'!$G$22=$B$10,7,0)+IF('Standard Profiles'!$G$22=$B$17,14,0)+IF('Standard Profiles'!$G$22=$B$24,21,0),0)),0)</f>
        <v>0</v>
      </c>
      <c r="I6861">
        <f t="shared" si="762"/>
        <v>1.0284444136719717</v>
      </c>
      <c r="J6861">
        <f t="shared" si="763"/>
        <v>43.763982764391713</v>
      </c>
      <c r="K6861">
        <f t="shared" si="764"/>
        <v>3.511577559896605</v>
      </c>
      <c r="L6861">
        <f t="shared" si="765"/>
        <v>1.7557887799483025</v>
      </c>
      <c r="M6861">
        <f t="shared" si="766"/>
        <v>0</v>
      </c>
      <c r="N6861" s="45">
        <f t="shared" si="767"/>
        <v>45211.458333316776</v>
      </c>
    </row>
    <row r="6862" spans="2:14" x14ac:dyDescent="0.25">
      <c r="B6862">
        <f t="shared" si="761"/>
        <v>4</v>
      </c>
      <c r="C6862" s="16">
        <v>6828</v>
      </c>
      <c r="D6862" cm="1">
        <f t="array" ref="D6862">IFERROR(INDEX(Jesper!AH$2:AH$366,ROUNDDOWN($C6862/24,0)+1,1)*INDEX($D$3:$AA$30,INDEX(Jesper!$R$2:$R$366,ROW(INDEX(Jesper!AH$2:AH$366,ROUNDDOWN($C6862/24,0)+1,1))-1)+IF('Standard Profiles'!$G$18=$B$10,7,0)+IF('Standard Profiles'!$G$18=$B$17,14,0)+IF('Standard Profiles'!$G$18=$B$24,21,0),MOD($C6862,24)+1)/SUM(INDEX($D$3:$AA$30,INDEX(Jesper!$R$2:$R$366,ROW(INDEX(Jesper!AH$2:AH$366,ROUNDDOWN($C6862/24,0)+1,1))-1)+IF('Standard Profiles'!$G$18=$B$10,7,0)+IF('Standard Profiles'!$G$18=$B$17,14,0)+IF('Standard Profiles'!$G$18=$B$24,21,0),0)),0)</f>
        <v>32.921039624030669</v>
      </c>
      <c r="E6862" cm="1">
        <f t="array" ref="E6862">IFERROR(INDEX(Jesper!AI$2:AI$366,ROUNDDOWN($C6862/24,0)+1,1)*INDEX($D$3:$AA$30,INDEX(Jesper!$R$2:$R$366,ROW(INDEX(Jesper!AI$2:AI$366,ROUNDDOWN($C6862/24,0)+1,1))-1)+IF('Standard Profiles'!$G$19=$B$10,7,0)+IF('Standard Profiles'!$G$19=$B$17,14,0)+IF('Standard Profiles'!$G$19=$B$24,21,0),MOD($C6862,24)+1)/SUM(INDEX($D$3:$AA$30,INDEX(Jesper!$R$2:$R$366,ROW(INDEX(Jesper!AI$2:AI$366,ROUNDDOWN($C6862/24,0)+1,1))-1)+IF('Standard Profiles'!$G$19=$B$10,7,0)+IF('Standard Profiles'!$G$19=$B$17,14,0)+IF('Standard Profiles'!$G$19=$B$24,21,0),0)),0)</f>
        <v>14.996161365394654</v>
      </c>
      <c r="F6862" cm="1">
        <f t="array" ref="F6862">IFERROR(INDEX(Jesper!AJ$2:AJ$366,ROUNDDOWN($C6862/24,0)+1,1)*INDEX($D$3:$AA$30,INDEX(Jesper!$R$2:$R$366,ROW(INDEX(Jesper!AJ$2:AJ$366,ROUNDDOWN($C6862/24,0)+1,1))-1)+IF('Standard Profiles'!$G$20=$B$10,7,0)+IF('Standard Profiles'!$G$20=$B$17,14,0)+IF('Standard Profiles'!$G$20=$B$24,21,0),MOD($C6862,24)+1)/SUM(INDEX($D$3:$AA$30,INDEX(Jesper!$R$2:$R$366,ROW(INDEX(Jesper!AJ$2:AJ$366,ROUNDDOWN($C6862/24,0)+1,1))-1)+IF('Standard Profiles'!$G$20=$B$10,7,0)+IF('Standard Profiles'!$G$20=$B$17,14,0)+IF('Standard Profiles'!$G$20=$B$24,21,0),0)),0)</f>
        <v>0</v>
      </c>
      <c r="G6862" cm="1">
        <f t="array" ref="G6862">IFERROR(INDEX(Jesper!AK$2:AK$366,ROUNDDOWN($C6862/24,0)+1,1)*INDEX($D$3:$AA$30,INDEX(Jesper!$R$2:$R$366,ROW(INDEX(Jesper!AK$2:AK$366,ROUNDDOWN($C6862/24,0)+1,1))-1)+IF('Standard Profiles'!$G$21=$B$10,7,0)+IF('Standard Profiles'!$G$21=$B$17,14,0)+IF('Standard Profiles'!$G$21=$B$24,21,0),MOD($C6862,24)+1)/SUM(INDEX($D$3:$AA$30,INDEX(Jesper!$R$2:$R$366,ROW(INDEX(Jesper!AK$2:AK$366,ROUNDDOWN($C6862/24,0)+1,1))-1)+IF('Standard Profiles'!$G$21=$B$10,7,0)+IF('Standard Profiles'!$G$21=$B$17,14,0)+IF('Standard Profiles'!$G$21=$B$24,21,0),0)),0)</f>
        <v>2.1425925284832754</v>
      </c>
      <c r="H6862" cm="1">
        <f t="array" ref="H6862">IFERROR(INDEX(Jesper!AL$2:AL$366,ROUNDDOWN($C6862/24,0)+1,1)*INDEX($D$3:$AA$30,INDEX(Jesper!$R$2:$R$366,ROW(INDEX(Jesper!AL$2:AL$366,ROUNDDOWN($C6862/24,0)+1,1))-1)+IF('Standard Profiles'!$G$22=$B$10,7,0)+IF('Standard Profiles'!$G$22=$B$17,14,0)+IF('Standard Profiles'!$G$22=$B$24,21,0),MOD($C6862,24)+1)/SUM(INDEX($D$3:$AA$30,INDEX(Jesper!$R$2:$R$366,ROW(INDEX(Jesper!AL$2:AL$366,ROUNDDOWN($C6862/24,0)+1,1))-1)+IF('Standard Profiles'!$G$22=$B$10,7,0)+IF('Standard Profiles'!$G$22=$B$17,14,0)+IF('Standard Profiles'!$G$22=$B$24,21,0),0)),0)</f>
        <v>0</v>
      </c>
      <c r="I6862">
        <f t="shared" si="762"/>
        <v>1.0284444136719717</v>
      </c>
      <c r="J6862">
        <f t="shared" si="763"/>
        <v>43.763982764391713</v>
      </c>
      <c r="K6862">
        <f t="shared" si="764"/>
        <v>3.511577559896605</v>
      </c>
      <c r="L6862">
        <f t="shared" si="765"/>
        <v>1.7557887799483025</v>
      </c>
      <c r="M6862">
        <f t="shared" si="766"/>
        <v>0</v>
      </c>
      <c r="N6862" s="45">
        <f t="shared" si="767"/>
        <v>45211.49999998344</v>
      </c>
    </row>
    <row r="6863" spans="2:14" x14ac:dyDescent="0.25">
      <c r="B6863">
        <f t="shared" si="761"/>
        <v>4</v>
      </c>
      <c r="C6863" s="16">
        <v>6829</v>
      </c>
      <c r="D6863" cm="1">
        <f t="array" ref="D6863">IFERROR(INDEX(Jesper!AH$2:AH$366,ROUNDDOWN($C6863/24,0)+1,1)*INDEX($D$3:$AA$30,INDEX(Jesper!$R$2:$R$366,ROW(INDEX(Jesper!AH$2:AH$366,ROUNDDOWN($C6863/24,0)+1,1))-1)+IF('Standard Profiles'!$G$18=$B$10,7,0)+IF('Standard Profiles'!$G$18=$B$17,14,0)+IF('Standard Profiles'!$G$18=$B$24,21,0),MOD($C6863,24)+1)/SUM(INDEX($D$3:$AA$30,INDEX(Jesper!$R$2:$R$366,ROW(INDEX(Jesper!AH$2:AH$366,ROUNDDOWN($C6863/24,0)+1,1))-1)+IF('Standard Profiles'!$G$18=$B$10,7,0)+IF('Standard Profiles'!$G$18=$B$17,14,0)+IF('Standard Profiles'!$G$18=$B$24,21,0),0)),0)</f>
        <v>21.868976321677518</v>
      </c>
      <c r="E6863" cm="1">
        <f t="array" ref="E6863">IFERROR(INDEX(Jesper!AI$2:AI$366,ROUNDDOWN($C6863/24,0)+1,1)*INDEX($D$3:$AA$30,INDEX(Jesper!$R$2:$R$366,ROW(INDEX(Jesper!AI$2:AI$366,ROUNDDOWN($C6863/24,0)+1,1))-1)+IF('Standard Profiles'!$G$19=$B$10,7,0)+IF('Standard Profiles'!$G$19=$B$17,14,0)+IF('Standard Profiles'!$G$19=$B$24,21,0),MOD($C6863,24)+1)/SUM(INDEX($D$3:$AA$30,INDEX(Jesper!$R$2:$R$366,ROW(INDEX(Jesper!AI$2:AI$366,ROUNDDOWN($C6863/24,0)+1,1))-1)+IF('Standard Profiles'!$G$19=$B$10,7,0)+IF('Standard Profiles'!$G$19=$B$17,14,0)+IF('Standard Profiles'!$G$19=$B$24,21,0),0)),0)</f>
        <v>9.961735764155021</v>
      </c>
      <c r="F6863" cm="1">
        <f t="array" ref="F6863">IFERROR(INDEX(Jesper!AJ$2:AJ$366,ROUNDDOWN($C6863/24,0)+1,1)*INDEX($D$3:$AA$30,INDEX(Jesper!$R$2:$R$366,ROW(INDEX(Jesper!AJ$2:AJ$366,ROUNDDOWN($C6863/24,0)+1,1))-1)+IF('Standard Profiles'!$G$20=$B$10,7,0)+IF('Standard Profiles'!$G$20=$B$17,14,0)+IF('Standard Profiles'!$G$20=$B$24,21,0),MOD($C6863,24)+1)/SUM(INDEX($D$3:$AA$30,INDEX(Jesper!$R$2:$R$366,ROW(INDEX(Jesper!AJ$2:AJ$366,ROUNDDOWN($C6863/24,0)+1,1))-1)+IF('Standard Profiles'!$G$20=$B$10,7,0)+IF('Standard Profiles'!$G$20=$B$17,14,0)+IF('Standard Profiles'!$G$20=$B$24,21,0),0)),0)</f>
        <v>0</v>
      </c>
      <c r="G6863" cm="1">
        <f t="array" ref="G6863">IFERROR(INDEX(Jesper!AK$2:AK$366,ROUNDDOWN($C6863/24,0)+1,1)*INDEX($D$3:$AA$30,INDEX(Jesper!$R$2:$R$366,ROW(INDEX(Jesper!AK$2:AK$366,ROUNDDOWN($C6863/24,0)+1,1))-1)+IF('Standard Profiles'!$G$21=$B$10,7,0)+IF('Standard Profiles'!$G$21=$B$17,14,0)+IF('Standard Profiles'!$G$21=$B$24,21,0),MOD($C6863,24)+1)/SUM(INDEX($D$3:$AA$30,INDEX(Jesper!$R$2:$R$366,ROW(INDEX(Jesper!AK$2:AK$366,ROUNDDOWN($C6863/24,0)+1,1))-1)+IF('Standard Profiles'!$G$21=$B$10,7,0)+IF('Standard Profiles'!$G$21=$B$17,14,0)+IF('Standard Profiles'!$G$21=$B$24,21,0),0)),0)</f>
        <v>1.4232936082067471</v>
      </c>
      <c r="H6863" cm="1">
        <f t="array" ref="H6863">IFERROR(INDEX(Jesper!AL$2:AL$366,ROUNDDOWN($C6863/24,0)+1,1)*INDEX($D$3:$AA$30,INDEX(Jesper!$R$2:$R$366,ROW(INDEX(Jesper!AL$2:AL$366,ROUNDDOWN($C6863/24,0)+1,1))-1)+IF('Standard Profiles'!$G$22=$B$10,7,0)+IF('Standard Profiles'!$G$22=$B$17,14,0)+IF('Standard Profiles'!$G$22=$B$24,21,0),MOD($C6863,24)+1)/SUM(INDEX($D$3:$AA$30,INDEX(Jesper!$R$2:$R$366,ROW(INDEX(Jesper!AL$2:AL$366,ROUNDDOWN($C6863/24,0)+1,1))-1)+IF('Standard Profiles'!$G$22=$B$10,7,0)+IF('Standard Profiles'!$G$22=$B$17,14,0)+IF('Standard Profiles'!$G$22=$B$24,21,0),0)),0)</f>
        <v>0</v>
      </c>
      <c r="I6863">
        <f t="shared" si="762"/>
        <v>0.68318093193923823</v>
      </c>
      <c r="J6863">
        <f t="shared" si="763"/>
        <v>29.071788550631645</v>
      </c>
      <c r="K6863">
        <f t="shared" si="764"/>
        <v>2.3326908076456023</v>
      </c>
      <c r="L6863">
        <f t="shared" si="765"/>
        <v>1.1663454038228012</v>
      </c>
      <c r="M6863">
        <f t="shared" si="766"/>
        <v>0</v>
      </c>
      <c r="N6863" s="45">
        <f t="shared" si="767"/>
        <v>45211.541666650104</v>
      </c>
    </row>
    <row r="6864" spans="2:14" x14ac:dyDescent="0.25">
      <c r="B6864">
        <f t="shared" si="761"/>
        <v>4</v>
      </c>
      <c r="C6864" s="16">
        <v>6830</v>
      </c>
      <c r="D6864" cm="1">
        <f t="array" ref="D6864">IFERROR(INDEX(Jesper!AH$2:AH$366,ROUNDDOWN($C6864/24,0)+1,1)*INDEX($D$3:$AA$30,INDEX(Jesper!$R$2:$R$366,ROW(INDEX(Jesper!AH$2:AH$366,ROUNDDOWN($C6864/24,0)+1,1))-1)+IF('Standard Profiles'!$G$18=$B$10,7,0)+IF('Standard Profiles'!$G$18=$B$17,14,0)+IF('Standard Profiles'!$G$18=$B$24,21,0),MOD($C6864,24)+1)/SUM(INDEX($D$3:$AA$30,INDEX(Jesper!$R$2:$R$366,ROW(INDEX(Jesper!AH$2:AH$366,ROUNDDOWN($C6864/24,0)+1,1))-1)+IF('Standard Profiles'!$G$18=$B$10,7,0)+IF('Standard Profiles'!$G$18=$B$17,14,0)+IF('Standard Profiles'!$G$18=$B$24,21,0),0)),0)</f>
        <v>32.921039624030669</v>
      </c>
      <c r="E6864" cm="1">
        <f t="array" ref="E6864">IFERROR(INDEX(Jesper!AI$2:AI$366,ROUNDDOWN($C6864/24,0)+1,1)*INDEX($D$3:$AA$30,INDEX(Jesper!$R$2:$R$366,ROW(INDEX(Jesper!AI$2:AI$366,ROUNDDOWN($C6864/24,0)+1,1))-1)+IF('Standard Profiles'!$G$19=$B$10,7,0)+IF('Standard Profiles'!$G$19=$B$17,14,0)+IF('Standard Profiles'!$G$19=$B$24,21,0),MOD($C6864,24)+1)/SUM(INDEX($D$3:$AA$30,INDEX(Jesper!$R$2:$R$366,ROW(INDEX(Jesper!AI$2:AI$366,ROUNDDOWN($C6864/24,0)+1,1))-1)+IF('Standard Profiles'!$G$19=$B$10,7,0)+IF('Standard Profiles'!$G$19=$B$17,14,0)+IF('Standard Profiles'!$G$19=$B$24,21,0),0)),0)</f>
        <v>14.996161365394654</v>
      </c>
      <c r="F6864" cm="1">
        <f t="array" ref="F6864">IFERROR(INDEX(Jesper!AJ$2:AJ$366,ROUNDDOWN($C6864/24,0)+1,1)*INDEX($D$3:$AA$30,INDEX(Jesper!$R$2:$R$366,ROW(INDEX(Jesper!AJ$2:AJ$366,ROUNDDOWN($C6864/24,0)+1,1))-1)+IF('Standard Profiles'!$G$20=$B$10,7,0)+IF('Standard Profiles'!$G$20=$B$17,14,0)+IF('Standard Profiles'!$G$20=$B$24,21,0),MOD($C6864,24)+1)/SUM(INDEX($D$3:$AA$30,INDEX(Jesper!$R$2:$R$366,ROW(INDEX(Jesper!AJ$2:AJ$366,ROUNDDOWN($C6864/24,0)+1,1))-1)+IF('Standard Profiles'!$G$20=$B$10,7,0)+IF('Standard Profiles'!$G$20=$B$17,14,0)+IF('Standard Profiles'!$G$20=$B$24,21,0),0)),0)</f>
        <v>0</v>
      </c>
      <c r="G6864" cm="1">
        <f t="array" ref="G6864">IFERROR(INDEX(Jesper!AK$2:AK$366,ROUNDDOWN($C6864/24,0)+1,1)*INDEX($D$3:$AA$30,INDEX(Jesper!$R$2:$R$366,ROW(INDEX(Jesper!AK$2:AK$366,ROUNDDOWN($C6864/24,0)+1,1))-1)+IF('Standard Profiles'!$G$21=$B$10,7,0)+IF('Standard Profiles'!$G$21=$B$17,14,0)+IF('Standard Profiles'!$G$21=$B$24,21,0),MOD($C6864,24)+1)/SUM(INDEX($D$3:$AA$30,INDEX(Jesper!$R$2:$R$366,ROW(INDEX(Jesper!AK$2:AK$366,ROUNDDOWN($C6864/24,0)+1,1))-1)+IF('Standard Profiles'!$G$21=$B$10,7,0)+IF('Standard Profiles'!$G$21=$B$17,14,0)+IF('Standard Profiles'!$G$21=$B$24,21,0),0)),0)</f>
        <v>2.1425925284832754</v>
      </c>
      <c r="H6864" cm="1">
        <f t="array" ref="H6864">IFERROR(INDEX(Jesper!AL$2:AL$366,ROUNDDOWN($C6864/24,0)+1,1)*INDEX($D$3:$AA$30,INDEX(Jesper!$R$2:$R$366,ROW(INDEX(Jesper!AL$2:AL$366,ROUNDDOWN($C6864/24,0)+1,1))-1)+IF('Standard Profiles'!$G$22=$B$10,7,0)+IF('Standard Profiles'!$G$22=$B$17,14,0)+IF('Standard Profiles'!$G$22=$B$24,21,0),MOD($C6864,24)+1)/SUM(INDEX($D$3:$AA$30,INDEX(Jesper!$R$2:$R$366,ROW(INDEX(Jesper!AL$2:AL$366,ROUNDDOWN($C6864/24,0)+1,1))-1)+IF('Standard Profiles'!$G$22=$B$10,7,0)+IF('Standard Profiles'!$G$22=$B$17,14,0)+IF('Standard Profiles'!$G$22=$B$24,21,0),0)),0)</f>
        <v>0</v>
      </c>
      <c r="I6864">
        <f t="shared" si="762"/>
        <v>1.0284444136719717</v>
      </c>
      <c r="J6864">
        <f t="shared" si="763"/>
        <v>43.763982764391713</v>
      </c>
      <c r="K6864">
        <f t="shared" si="764"/>
        <v>3.511577559896605</v>
      </c>
      <c r="L6864">
        <f t="shared" si="765"/>
        <v>1.7557887799483025</v>
      </c>
      <c r="M6864">
        <f t="shared" si="766"/>
        <v>0</v>
      </c>
      <c r="N6864" s="45">
        <f t="shared" si="767"/>
        <v>45211.583333316768</v>
      </c>
    </row>
    <row r="6865" spans="2:14" x14ac:dyDescent="0.25">
      <c r="B6865">
        <f t="shared" si="761"/>
        <v>4</v>
      </c>
      <c r="C6865" s="16">
        <v>6831</v>
      </c>
      <c r="D6865" cm="1">
        <f t="array" ref="D6865">IFERROR(INDEX(Jesper!AH$2:AH$366,ROUNDDOWN($C6865/24,0)+1,1)*INDEX($D$3:$AA$30,INDEX(Jesper!$R$2:$R$366,ROW(INDEX(Jesper!AH$2:AH$366,ROUNDDOWN($C6865/24,0)+1,1))-1)+IF('Standard Profiles'!$G$18=$B$10,7,0)+IF('Standard Profiles'!$G$18=$B$17,14,0)+IF('Standard Profiles'!$G$18=$B$24,21,0),MOD($C6865,24)+1)/SUM(INDEX($D$3:$AA$30,INDEX(Jesper!$R$2:$R$366,ROW(INDEX(Jesper!AH$2:AH$366,ROUNDDOWN($C6865/24,0)+1,1))-1)+IF('Standard Profiles'!$G$18=$B$10,7,0)+IF('Standard Profiles'!$G$18=$B$17,14,0)+IF('Standard Profiles'!$G$18=$B$24,21,0),0)),0)</f>
        <v>32.921039624030669</v>
      </c>
      <c r="E6865" cm="1">
        <f t="array" ref="E6865">IFERROR(INDEX(Jesper!AI$2:AI$366,ROUNDDOWN($C6865/24,0)+1,1)*INDEX($D$3:$AA$30,INDEX(Jesper!$R$2:$R$366,ROW(INDEX(Jesper!AI$2:AI$366,ROUNDDOWN($C6865/24,0)+1,1))-1)+IF('Standard Profiles'!$G$19=$B$10,7,0)+IF('Standard Profiles'!$G$19=$B$17,14,0)+IF('Standard Profiles'!$G$19=$B$24,21,0),MOD($C6865,24)+1)/SUM(INDEX($D$3:$AA$30,INDEX(Jesper!$R$2:$R$366,ROW(INDEX(Jesper!AI$2:AI$366,ROUNDDOWN($C6865/24,0)+1,1))-1)+IF('Standard Profiles'!$G$19=$B$10,7,0)+IF('Standard Profiles'!$G$19=$B$17,14,0)+IF('Standard Profiles'!$G$19=$B$24,21,0),0)),0)</f>
        <v>14.996161365394654</v>
      </c>
      <c r="F6865" cm="1">
        <f t="array" ref="F6865">IFERROR(INDEX(Jesper!AJ$2:AJ$366,ROUNDDOWN($C6865/24,0)+1,1)*INDEX($D$3:$AA$30,INDEX(Jesper!$R$2:$R$366,ROW(INDEX(Jesper!AJ$2:AJ$366,ROUNDDOWN($C6865/24,0)+1,1))-1)+IF('Standard Profiles'!$G$20=$B$10,7,0)+IF('Standard Profiles'!$G$20=$B$17,14,0)+IF('Standard Profiles'!$G$20=$B$24,21,0),MOD($C6865,24)+1)/SUM(INDEX($D$3:$AA$30,INDEX(Jesper!$R$2:$R$366,ROW(INDEX(Jesper!AJ$2:AJ$366,ROUNDDOWN($C6865/24,0)+1,1))-1)+IF('Standard Profiles'!$G$20=$B$10,7,0)+IF('Standard Profiles'!$G$20=$B$17,14,0)+IF('Standard Profiles'!$G$20=$B$24,21,0),0)),0)</f>
        <v>0</v>
      </c>
      <c r="G6865" cm="1">
        <f t="array" ref="G6865">IFERROR(INDEX(Jesper!AK$2:AK$366,ROUNDDOWN($C6865/24,0)+1,1)*INDEX($D$3:$AA$30,INDEX(Jesper!$R$2:$R$366,ROW(INDEX(Jesper!AK$2:AK$366,ROUNDDOWN($C6865/24,0)+1,1))-1)+IF('Standard Profiles'!$G$21=$B$10,7,0)+IF('Standard Profiles'!$G$21=$B$17,14,0)+IF('Standard Profiles'!$G$21=$B$24,21,0),MOD($C6865,24)+1)/SUM(INDEX($D$3:$AA$30,INDEX(Jesper!$R$2:$R$366,ROW(INDEX(Jesper!AK$2:AK$366,ROUNDDOWN($C6865/24,0)+1,1))-1)+IF('Standard Profiles'!$G$21=$B$10,7,0)+IF('Standard Profiles'!$G$21=$B$17,14,0)+IF('Standard Profiles'!$G$21=$B$24,21,0),0)),0)</f>
        <v>2.1425925284832754</v>
      </c>
      <c r="H6865" cm="1">
        <f t="array" ref="H6865">IFERROR(INDEX(Jesper!AL$2:AL$366,ROUNDDOWN($C6865/24,0)+1,1)*INDEX($D$3:$AA$30,INDEX(Jesper!$R$2:$R$366,ROW(INDEX(Jesper!AL$2:AL$366,ROUNDDOWN($C6865/24,0)+1,1))-1)+IF('Standard Profiles'!$G$22=$B$10,7,0)+IF('Standard Profiles'!$G$22=$B$17,14,0)+IF('Standard Profiles'!$G$22=$B$24,21,0),MOD($C6865,24)+1)/SUM(INDEX($D$3:$AA$30,INDEX(Jesper!$R$2:$R$366,ROW(INDEX(Jesper!AL$2:AL$366,ROUNDDOWN($C6865/24,0)+1,1))-1)+IF('Standard Profiles'!$G$22=$B$10,7,0)+IF('Standard Profiles'!$G$22=$B$17,14,0)+IF('Standard Profiles'!$G$22=$B$24,21,0),0)),0)</f>
        <v>0</v>
      </c>
      <c r="I6865">
        <f t="shared" si="762"/>
        <v>1.0284444136719717</v>
      </c>
      <c r="J6865">
        <f t="shared" si="763"/>
        <v>43.763982764391713</v>
      </c>
      <c r="K6865">
        <f t="shared" si="764"/>
        <v>3.511577559896605</v>
      </c>
      <c r="L6865">
        <f t="shared" si="765"/>
        <v>1.7557887799483025</v>
      </c>
      <c r="M6865">
        <f t="shared" si="766"/>
        <v>0</v>
      </c>
      <c r="N6865" s="45">
        <f t="shared" si="767"/>
        <v>45211.624999983433</v>
      </c>
    </row>
    <row r="6866" spans="2:14" x14ac:dyDescent="0.25">
      <c r="B6866">
        <f t="shared" si="761"/>
        <v>4</v>
      </c>
      <c r="C6866" s="16">
        <v>6832</v>
      </c>
      <c r="D6866" cm="1">
        <f t="array" ref="D6866">IFERROR(INDEX(Jesper!AH$2:AH$366,ROUNDDOWN($C6866/24,0)+1,1)*INDEX($D$3:$AA$30,INDEX(Jesper!$R$2:$R$366,ROW(INDEX(Jesper!AH$2:AH$366,ROUNDDOWN($C6866/24,0)+1,1))-1)+IF('Standard Profiles'!$G$18=$B$10,7,0)+IF('Standard Profiles'!$G$18=$B$17,14,0)+IF('Standard Profiles'!$G$18=$B$24,21,0),MOD($C6866,24)+1)/SUM(INDEX($D$3:$AA$30,INDEX(Jesper!$R$2:$R$366,ROW(INDEX(Jesper!AH$2:AH$366,ROUNDDOWN($C6866/24,0)+1,1))-1)+IF('Standard Profiles'!$G$18=$B$10,7,0)+IF('Standard Profiles'!$G$18=$B$17,14,0)+IF('Standard Profiles'!$G$18=$B$24,21,0),0)),0)</f>
        <v>19.399898349875219</v>
      </c>
      <c r="E6866" cm="1">
        <f t="array" ref="E6866">IFERROR(INDEX(Jesper!AI$2:AI$366,ROUNDDOWN($C6866/24,0)+1,1)*INDEX($D$3:$AA$30,INDEX(Jesper!$R$2:$R$366,ROW(INDEX(Jesper!AI$2:AI$366,ROUNDDOWN($C6866/24,0)+1,1))-1)+IF('Standard Profiles'!$G$19=$B$10,7,0)+IF('Standard Profiles'!$G$19=$B$17,14,0)+IF('Standard Profiles'!$G$19=$B$24,21,0),MOD($C6866,24)+1)/SUM(INDEX($D$3:$AA$30,INDEX(Jesper!$R$2:$R$366,ROW(INDEX(Jesper!AI$2:AI$366,ROUNDDOWN($C6866/24,0)+1,1))-1)+IF('Standard Profiles'!$G$19=$B$10,7,0)+IF('Standard Profiles'!$G$19=$B$17,14,0)+IF('Standard Profiles'!$G$19=$B$24,21,0),0)),0)</f>
        <v>8.8370236617504219</v>
      </c>
      <c r="F6866" cm="1">
        <f t="array" ref="F6866">IFERROR(INDEX(Jesper!AJ$2:AJ$366,ROUNDDOWN($C6866/24,0)+1,1)*INDEX($D$3:$AA$30,INDEX(Jesper!$R$2:$R$366,ROW(INDEX(Jesper!AJ$2:AJ$366,ROUNDDOWN($C6866/24,0)+1,1))-1)+IF('Standard Profiles'!$G$20=$B$10,7,0)+IF('Standard Profiles'!$G$20=$B$17,14,0)+IF('Standard Profiles'!$G$20=$B$24,21,0),MOD($C6866,24)+1)/SUM(INDEX($D$3:$AA$30,INDEX(Jesper!$R$2:$R$366,ROW(INDEX(Jesper!AJ$2:AJ$366,ROUNDDOWN($C6866/24,0)+1,1))-1)+IF('Standard Profiles'!$G$20=$B$10,7,0)+IF('Standard Profiles'!$G$20=$B$17,14,0)+IF('Standard Profiles'!$G$20=$B$24,21,0),0)),0)</f>
        <v>0</v>
      </c>
      <c r="G6866" cm="1">
        <f t="array" ref="G6866">IFERROR(INDEX(Jesper!AK$2:AK$366,ROUNDDOWN($C6866/24,0)+1,1)*INDEX($D$3:$AA$30,INDEX(Jesper!$R$2:$R$366,ROW(INDEX(Jesper!AK$2:AK$366,ROUNDDOWN($C6866/24,0)+1,1))-1)+IF('Standard Profiles'!$G$21=$B$10,7,0)+IF('Standard Profiles'!$G$21=$B$17,14,0)+IF('Standard Profiles'!$G$21=$B$24,21,0),MOD($C6866,24)+1)/SUM(INDEX($D$3:$AA$30,INDEX(Jesper!$R$2:$R$366,ROW(INDEX(Jesper!AK$2:AK$366,ROUNDDOWN($C6866/24,0)+1,1))-1)+IF('Standard Profiles'!$G$21=$B$10,7,0)+IF('Standard Profiles'!$G$21=$B$17,14,0)+IF('Standard Profiles'!$G$21=$B$24,21,0),0)),0)</f>
        <v>1.7903313184432297</v>
      </c>
      <c r="H6866" cm="1">
        <f t="array" ref="H6866">IFERROR(INDEX(Jesper!AL$2:AL$366,ROUNDDOWN($C6866/24,0)+1,1)*INDEX($D$3:$AA$30,INDEX(Jesper!$R$2:$R$366,ROW(INDEX(Jesper!AL$2:AL$366,ROUNDDOWN($C6866/24,0)+1,1))-1)+IF('Standard Profiles'!$G$22=$B$10,7,0)+IF('Standard Profiles'!$G$22=$B$17,14,0)+IF('Standard Profiles'!$G$22=$B$24,21,0),MOD($C6866,24)+1)/SUM(INDEX($D$3:$AA$30,INDEX(Jesper!$R$2:$R$366,ROW(INDEX(Jesper!AL$2:AL$366,ROUNDDOWN($C6866/24,0)+1,1))-1)+IF('Standard Profiles'!$G$22=$B$10,7,0)+IF('Standard Profiles'!$G$22=$B$17,14,0)+IF('Standard Profiles'!$G$22=$B$24,21,0),0)),0)</f>
        <v>0</v>
      </c>
      <c r="I6866">
        <f t="shared" si="762"/>
        <v>0.85935903285274984</v>
      </c>
      <c r="J6866">
        <f t="shared" si="763"/>
        <v>26.063910561236085</v>
      </c>
      <c r="K6866">
        <f t="shared" si="764"/>
        <v>2.0693224906533567</v>
      </c>
      <c r="L6866">
        <f t="shared" si="765"/>
        <v>1.0346612453266784</v>
      </c>
      <c r="M6866">
        <f t="shared" si="766"/>
        <v>0</v>
      </c>
      <c r="N6866" s="45">
        <f t="shared" si="767"/>
        <v>45211.666666650097</v>
      </c>
    </row>
    <row r="6867" spans="2:14" x14ac:dyDescent="0.25">
      <c r="B6867">
        <f t="shared" si="761"/>
        <v>4</v>
      </c>
      <c r="C6867" s="16">
        <v>6833</v>
      </c>
      <c r="D6867" cm="1">
        <f t="array" ref="D6867">IFERROR(INDEX(Jesper!AH$2:AH$366,ROUNDDOWN($C6867/24,0)+1,1)*INDEX($D$3:$AA$30,INDEX(Jesper!$R$2:$R$366,ROW(INDEX(Jesper!AH$2:AH$366,ROUNDDOWN($C6867/24,0)+1,1))-1)+IF('Standard Profiles'!$G$18=$B$10,7,0)+IF('Standard Profiles'!$G$18=$B$17,14,0)+IF('Standard Profiles'!$G$18=$B$24,21,0),MOD($C6867,24)+1)/SUM(INDEX($D$3:$AA$30,INDEX(Jesper!$R$2:$R$366,ROW(INDEX(Jesper!AH$2:AH$366,ROUNDDOWN($C6867/24,0)+1,1))-1)+IF('Standard Profiles'!$G$18=$B$10,7,0)+IF('Standard Profiles'!$G$18=$B$17,14,0)+IF('Standard Profiles'!$G$18=$B$24,21,0),0)),0)</f>
        <v>8.2799395432672718</v>
      </c>
      <c r="E6867" cm="1">
        <f t="array" ref="E6867">IFERROR(INDEX(Jesper!AI$2:AI$366,ROUNDDOWN($C6867/24,0)+1,1)*INDEX($D$3:$AA$30,INDEX(Jesper!$R$2:$R$366,ROW(INDEX(Jesper!AI$2:AI$366,ROUNDDOWN($C6867/24,0)+1,1))-1)+IF('Standard Profiles'!$G$19=$B$10,7,0)+IF('Standard Profiles'!$G$19=$B$17,14,0)+IF('Standard Profiles'!$G$19=$B$24,21,0),MOD($C6867,24)+1)/SUM(INDEX($D$3:$AA$30,INDEX(Jesper!$R$2:$R$366,ROW(INDEX(Jesper!AI$2:AI$366,ROUNDDOWN($C6867/24,0)+1,1))-1)+IF('Standard Profiles'!$G$19=$B$10,7,0)+IF('Standard Profiles'!$G$19=$B$17,14,0)+IF('Standard Profiles'!$G$19=$B$24,21,0),0)),0)</f>
        <v>3.771670363529843</v>
      </c>
      <c r="F6867" cm="1">
        <f t="array" ref="F6867">IFERROR(INDEX(Jesper!AJ$2:AJ$366,ROUNDDOWN($C6867/24,0)+1,1)*INDEX($D$3:$AA$30,INDEX(Jesper!$R$2:$R$366,ROW(INDEX(Jesper!AJ$2:AJ$366,ROUNDDOWN($C6867/24,0)+1,1))-1)+IF('Standard Profiles'!$G$20=$B$10,7,0)+IF('Standard Profiles'!$G$20=$B$17,14,0)+IF('Standard Profiles'!$G$20=$B$24,21,0),MOD($C6867,24)+1)/SUM(INDEX($D$3:$AA$30,INDEX(Jesper!$R$2:$R$366,ROW(INDEX(Jesper!AJ$2:AJ$366,ROUNDDOWN($C6867/24,0)+1,1))-1)+IF('Standard Profiles'!$G$20=$B$10,7,0)+IF('Standard Profiles'!$G$20=$B$17,14,0)+IF('Standard Profiles'!$G$20=$B$24,21,0),0)),0)</f>
        <v>0</v>
      </c>
      <c r="G6867" cm="1">
        <f t="array" ref="G6867">IFERROR(INDEX(Jesper!AK$2:AK$366,ROUNDDOWN($C6867/24,0)+1,1)*INDEX($D$3:$AA$30,INDEX(Jesper!$R$2:$R$366,ROW(INDEX(Jesper!AK$2:AK$366,ROUNDDOWN($C6867/24,0)+1,1))-1)+IF('Standard Profiles'!$G$21=$B$10,7,0)+IF('Standard Profiles'!$G$21=$B$17,14,0)+IF('Standard Profiles'!$G$21=$B$24,21,0),MOD($C6867,24)+1)/SUM(INDEX($D$3:$AA$30,INDEX(Jesper!$R$2:$R$366,ROW(INDEX(Jesper!AK$2:AK$366,ROUNDDOWN($C6867/24,0)+1,1))-1)+IF('Standard Profiles'!$G$21=$B$10,7,0)+IF('Standard Profiles'!$G$21=$B$17,14,0)+IF('Standard Profiles'!$G$21=$B$24,21,0),0)),0)</f>
        <v>1.4235574742816837</v>
      </c>
      <c r="H6867" cm="1">
        <f t="array" ref="H6867">IFERROR(INDEX(Jesper!AL$2:AL$366,ROUNDDOWN($C6867/24,0)+1,1)*INDEX($D$3:$AA$30,INDEX(Jesper!$R$2:$R$366,ROW(INDEX(Jesper!AL$2:AL$366,ROUNDDOWN($C6867/24,0)+1,1))-1)+IF('Standard Profiles'!$G$22=$B$10,7,0)+IF('Standard Profiles'!$G$22=$B$17,14,0)+IF('Standard Profiles'!$G$22=$B$24,21,0),MOD($C6867,24)+1)/SUM(INDEX($D$3:$AA$30,INDEX(Jesper!$R$2:$R$366,ROW(INDEX(Jesper!AL$2:AL$366,ROUNDDOWN($C6867/24,0)+1,1))-1)+IF('Standard Profiles'!$G$22=$B$10,7,0)+IF('Standard Profiles'!$G$22=$B$17,14,0)+IF('Standard Profiles'!$G$22=$B$24,21,0),0)),0)</f>
        <v>0</v>
      </c>
      <c r="I6867">
        <f t="shared" si="762"/>
        <v>0.68330758765520783</v>
      </c>
      <c r="J6867">
        <f t="shared" si="763"/>
        <v>11.467069466500828</v>
      </c>
      <c r="K6867">
        <f t="shared" si="764"/>
        <v>0.8831935512818424</v>
      </c>
      <c r="L6867">
        <f t="shared" si="765"/>
        <v>0.4415967756409212</v>
      </c>
      <c r="M6867">
        <f t="shared" si="766"/>
        <v>0</v>
      </c>
      <c r="N6867" s="45">
        <f t="shared" si="767"/>
        <v>45211.708333316761</v>
      </c>
    </row>
    <row r="6868" spans="2:14" x14ac:dyDescent="0.25">
      <c r="B6868">
        <f t="shared" si="761"/>
        <v>4</v>
      </c>
      <c r="C6868" s="16">
        <v>6834</v>
      </c>
      <c r="D6868" cm="1">
        <f t="array" ref="D6868">IFERROR(INDEX(Jesper!AH$2:AH$366,ROUNDDOWN($C6868/24,0)+1,1)*INDEX($D$3:$AA$30,INDEX(Jesper!$R$2:$R$366,ROW(INDEX(Jesper!AH$2:AH$366,ROUNDDOWN($C6868/24,0)+1,1))-1)+IF('Standard Profiles'!$G$18=$B$10,7,0)+IF('Standard Profiles'!$G$18=$B$17,14,0)+IF('Standard Profiles'!$G$18=$B$24,21,0),MOD($C6868,24)+1)/SUM(INDEX($D$3:$AA$30,INDEX(Jesper!$R$2:$R$366,ROW(INDEX(Jesper!AH$2:AH$366,ROUNDDOWN($C6868/24,0)+1,1))-1)+IF('Standard Profiles'!$G$18=$B$10,7,0)+IF('Standard Profiles'!$G$18=$B$17,14,0)+IF('Standard Profiles'!$G$18=$B$24,21,0),0)),0)</f>
        <v>5.4647600985563995</v>
      </c>
      <c r="E6868" cm="1">
        <f t="array" ref="E6868">IFERROR(INDEX(Jesper!AI$2:AI$366,ROUNDDOWN($C6868/24,0)+1,1)*INDEX($D$3:$AA$30,INDEX(Jesper!$R$2:$R$366,ROW(INDEX(Jesper!AI$2:AI$366,ROUNDDOWN($C6868/24,0)+1,1))-1)+IF('Standard Profiles'!$G$19=$B$10,7,0)+IF('Standard Profiles'!$G$19=$B$17,14,0)+IF('Standard Profiles'!$G$19=$B$24,21,0),MOD($C6868,24)+1)/SUM(INDEX($D$3:$AA$30,INDEX(Jesper!$R$2:$R$366,ROW(INDEX(Jesper!AI$2:AI$366,ROUNDDOWN($C6868/24,0)+1,1))-1)+IF('Standard Profiles'!$G$19=$B$10,7,0)+IF('Standard Profiles'!$G$19=$B$17,14,0)+IF('Standard Profiles'!$G$19=$B$24,21,0),0)),0)</f>
        <v>2.4893024399296966</v>
      </c>
      <c r="F6868" cm="1">
        <f t="array" ref="F6868">IFERROR(INDEX(Jesper!AJ$2:AJ$366,ROUNDDOWN($C6868/24,0)+1,1)*INDEX($D$3:$AA$30,INDEX(Jesper!$R$2:$R$366,ROW(INDEX(Jesper!AJ$2:AJ$366,ROUNDDOWN($C6868/24,0)+1,1))-1)+IF('Standard Profiles'!$G$20=$B$10,7,0)+IF('Standard Profiles'!$G$20=$B$17,14,0)+IF('Standard Profiles'!$G$20=$B$24,21,0),MOD($C6868,24)+1)/SUM(INDEX($D$3:$AA$30,INDEX(Jesper!$R$2:$R$366,ROW(INDEX(Jesper!AJ$2:AJ$366,ROUNDDOWN($C6868/24,0)+1,1))-1)+IF('Standard Profiles'!$G$20=$B$10,7,0)+IF('Standard Profiles'!$G$20=$B$17,14,0)+IF('Standard Profiles'!$G$20=$B$24,21,0),0)),0)</f>
        <v>0</v>
      </c>
      <c r="G6868" cm="1">
        <f t="array" ref="G6868">IFERROR(INDEX(Jesper!AK$2:AK$366,ROUNDDOWN($C6868/24,0)+1,1)*INDEX($D$3:$AA$30,INDEX(Jesper!$R$2:$R$366,ROW(INDEX(Jesper!AK$2:AK$366,ROUNDDOWN($C6868/24,0)+1,1))-1)+IF('Standard Profiles'!$G$21=$B$10,7,0)+IF('Standard Profiles'!$G$21=$B$17,14,0)+IF('Standard Profiles'!$G$21=$B$24,21,0),MOD($C6868,24)+1)/SUM(INDEX($D$3:$AA$30,INDEX(Jesper!$R$2:$R$366,ROW(INDEX(Jesper!AK$2:AK$366,ROUNDDOWN($C6868/24,0)+1,1))-1)+IF('Standard Profiles'!$G$21=$B$10,7,0)+IF('Standard Profiles'!$G$21=$B$17,14,0)+IF('Standard Profiles'!$G$21=$B$24,21,0),0)),0)</f>
        <v>0.52773214987272798</v>
      </c>
      <c r="H6868" cm="1">
        <f t="array" ref="H6868">IFERROR(INDEX(Jesper!AL$2:AL$366,ROUNDDOWN($C6868/24,0)+1,1)*INDEX($D$3:$AA$30,INDEX(Jesper!$R$2:$R$366,ROW(INDEX(Jesper!AL$2:AL$366,ROUNDDOWN($C6868/24,0)+1,1))-1)+IF('Standard Profiles'!$G$22=$B$10,7,0)+IF('Standard Profiles'!$G$22=$B$17,14,0)+IF('Standard Profiles'!$G$22=$B$24,21,0),MOD($C6868,24)+1)/SUM(INDEX($D$3:$AA$30,INDEX(Jesper!$R$2:$R$366,ROW(INDEX(Jesper!AL$2:AL$366,ROUNDDOWN($C6868/24,0)+1,1))-1)+IF('Standard Profiles'!$G$22=$B$10,7,0)+IF('Standard Profiles'!$G$22=$B$17,14,0)+IF('Standard Profiles'!$G$22=$B$24,21,0),0)),0)</f>
        <v>0</v>
      </c>
      <c r="I6868">
        <f t="shared" si="762"/>
        <v>0.25331143193890931</v>
      </c>
      <c r="J6868">
        <f t="shared" si="763"/>
        <v>7.3541216406508907</v>
      </c>
      <c r="K6868">
        <f t="shared" si="764"/>
        <v>0.58290774384601596</v>
      </c>
      <c r="L6868">
        <f t="shared" si="765"/>
        <v>0.29145387192300798</v>
      </c>
      <c r="M6868">
        <f t="shared" si="766"/>
        <v>0</v>
      </c>
      <c r="N6868" s="45">
        <f t="shared" si="767"/>
        <v>45211.749999983425</v>
      </c>
    </row>
    <row r="6869" spans="2:14" x14ac:dyDescent="0.25">
      <c r="B6869">
        <f t="shared" si="761"/>
        <v>4</v>
      </c>
      <c r="C6869" s="16">
        <v>6835</v>
      </c>
      <c r="D6869" cm="1">
        <f t="array" ref="D6869">IFERROR(INDEX(Jesper!AH$2:AH$366,ROUNDDOWN($C6869/24,0)+1,1)*INDEX($D$3:$AA$30,INDEX(Jesper!$R$2:$R$366,ROW(INDEX(Jesper!AH$2:AH$366,ROUNDDOWN($C6869/24,0)+1,1))-1)+IF('Standard Profiles'!$G$18=$B$10,7,0)+IF('Standard Profiles'!$G$18=$B$17,14,0)+IF('Standard Profiles'!$G$18=$B$24,21,0),MOD($C6869,24)+1)/SUM(INDEX($D$3:$AA$30,INDEX(Jesper!$R$2:$R$366,ROW(INDEX(Jesper!AH$2:AH$366,ROUNDDOWN($C6869/24,0)+1,1))-1)+IF('Standard Profiles'!$G$18=$B$10,7,0)+IF('Standard Profiles'!$G$18=$B$17,14,0)+IF('Standard Profiles'!$G$18=$B$24,21,0),0)),0)</f>
        <v>5.4647600985563995</v>
      </c>
      <c r="E6869" cm="1">
        <f t="array" ref="E6869">IFERROR(INDEX(Jesper!AI$2:AI$366,ROUNDDOWN($C6869/24,0)+1,1)*INDEX($D$3:$AA$30,INDEX(Jesper!$R$2:$R$366,ROW(INDEX(Jesper!AI$2:AI$366,ROUNDDOWN($C6869/24,0)+1,1))-1)+IF('Standard Profiles'!$G$19=$B$10,7,0)+IF('Standard Profiles'!$G$19=$B$17,14,0)+IF('Standard Profiles'!$G$19=$B$24,21,0),MOD($C6869,24)+1)/SUM(INDEX($D$3:$AA$30,INDEX(Jesper!$R$2:$R$366,ROW(INDEX(Jesper!AI$2:AI$366,ROUNDDOWN($C6869/24,0)+1,1))-1)+IF('Standard Profiles'!$G$19=$B$10,7,0)+IF('Standard Profiles'!$G$19=$B$17,14,0)+IF('Standard Profiles'!$G$19=$B$24,21,0),0)),0)</f>
        <v>2.4893024399296966</v>
      </c>
      <c r="F6869" cm="1">
        <f t="array" ref="F6869">IFERROR(INDEX(Jesper!AJ$2:AJ$366,ROUNDDOWN($C6869/24,0)+1,1)*INDEX($D$3:$AA$30,INDEX(Jesper!$R$2:$R$366,ROW(INDEX(Jesper!AJ$2:AJ$366,ROUNDDOWN($C6869/24,0)+1,1))-1)+IF('Standard Profiles'!$G$20=$B$10,7,0)+IF('Standard Profiles'!$G$20=$B$17,14,0)+IF('Standard Profiles'!$G$20=$B$24,21,0),MOD($C6869,24)+1)/SUM(INDEX($D$3:$AA$30,INDEX(Jesper!$R$2:$R$366,ROW(INDEX(Jesper!AJ$2:AJ$366,ROUNDDOWN($C6869/24,0)+1,1))-1)+IF('Standard Profiles'!$G$20=$B$10,7,0)+IF('Standard Profiles'!$G$20=$B$17,14,0)+IF('Standard Profiles'!$G$20=$B$24,21,0),0)),0)</f>
        <v>0</v>
      </c>
      <c r="G6869" cm="1">
        <f t="array" ref="G6869">IFERROR(INDEX(Jesper!AK$2:AK$366,ROUNDDOWN($C6869/24,0)+1,1)*INDEX($D$3:$AA$30,INDEX(Jesper!$R$2:$R$366,ROW(INDEX(Jesper!AK$2:AK$366,ROUNDDOWN($C6869/24,0)+1,1))-1)+IF('Standard Profiles'!$G$21=$B$10,7,0)+IF('Standard Profiles'!$G$21=$B$17,14,0)+IF('Standard Profiles'!$G$21=$B$24,21,0),MOD($C6869,24)+1)/SUM(INDEX($D$3:$AA$30,INDEX(Jesper!$R$2:$R$366,ROW(INDEX(Jesper!AK$2:AK$366,ROUNDDOWN($C6869/24,0)+1,1))-1)+IF('Standard Profiles'!$G$21=$B$10,7,0)+IF('Standard Profiles'!$G$21=$B$17,14,0)+IF('Standard Profiles'!$G$21=$B$24,21,0),0)),0)</f>
        <v>0.52773214987272798</v>
      </c>
      <c r="H6869" cm="1">
        <f t="array" ref="H6869">IFERROR(INDEX(Jesper!AL$2:AL$366,ROUNDDOWN($C6869/24,0)+1,1)*INDEX($D$3:$AA$30,INDEX(Jesper!$R$2:$R$366,ROW(INDEX(Jesper!AL$2:AL$366,ROUNDDOWN($C6869/24,0)+1,1))-1)+IF('Standard Profiles'!$G$22=$B$10,7,0)+IF('Standard Profiles'!$G$22=$B$17,14,0)+IF('Standard Profiles'!$G$22=$B$24,21,0),MOD($C6869,24)+1)/SUM(INDEX($D$3:$AA$30,INDEX(Jesper!$R$2:$R$366,ROW(INDEX(Jesper!AL$2:AL$366,ROUNDDOWN($C6869/24,0)+1,1))-1)+IF('Standard Profiles'!$G$22=$B$10,7,0)+IF('Standard Profiles'!$G$22=$B$17,14,0)+IF('Standard Profiles'!$G$22=$B$24,21,0),0)),0)</f>
        <v>0</v>
      </c>
      <c r="I6869">
        <f t="shared" si="762"/>
        <v>0.25331143193890931</v>
      </c>
      <c r="J6869">
        <f t="shared" si="763"/>
        <v>7.3541216406508907</v>
      </c>
      <c r="K6869">
        <f t="shared" si="764"/>
        <v>0.58290774384601596</v>
      </c>
      <c r="L6869">
        <f t="shared" si="765"/>
        <v>0.29145387192300798</v>
      </c>
      <c r="M6869">
        <f t="shared" si="766"/>
        <v>0</v>
      </c>
      <c r="N6869" s="45">
        <f t="shared" si="767"/>
        <v>45211.79166665009</v>
      </c>
    </row>
    <row r="6870" spans="2:14" x14ac:dyDescent="0.25">
      <c r="B6870">
        <f t="shared" si="761"/>
        <v>4</v>
      </c>
      <c r="C6870" s="16">
        <v>6836</v>
      </c>
      <c r="D6870" cm="1">
        <f t="array" ref="D6870">IFERROR(INDEX(Jesper!AH$2:AH$366,ROUNDDOWN($C6870/24,0)+1,1)*INDEX($D$3:$AA$30,INDEX(Jesper!$R$2:$R$366,ROW(INDEX(Jesper!AH$2:AH$366,ROUNDDOWN($C6870/24,0)+1,1))-1)+IF('Standard Profiles'!$G$18=$B$10,7,0)+IF('Standard Profiles'!$G$18=$B$17,14,0)+IF('Standard Profiles'!$G$18=$B$24,21,0),MOD($C6870,24)+1)/SUM(INDEX($D$3:$AA$30,INDEX(Jesper!$R$2:$R$366,ROW(INDEX(Jesper!AH$2:AH$366,ROUNDDOWN($C6870/24,0)+1,1))-1)+IF('Standard Profiles'!$G$18=$B$10,7,0)+IF('Standard Profiles'!$G$18=$B$17,14,0)+IF('Standard Profiles'!$G$18=$B$24,21,0),0)),0)</f>
        <v>5.4647600985563995</v>
      </c>
      <c r="E6870" cm="1">
        <f t="array" ref="E6870">IFERROR(INDEX(Jesper!AI$2:AI$366,ROUNDDOWN($C6870/24,0)+1,1)*INDEX($D$3:$AA$30,INDEX(Jesper!$R$2:$R$366,ROW(INDEX(Jesper!AI$2:AI$366,ROUNDDOWN($C6870/24,0)+1,1))-1)+IF('Standard Profiles'!$G$19=$B$10,7,0)+IF('Standard Profiles'!$G$19=$B$17,14,0)+IF('Standard Profiles'!$G$19=$B$24,21,0),MOD($C6870,24)+1)/SUM(INDEX($D$3:$AA$30,INDEX(Jesper!$R$2:$R$366,ROW(INDEX(Jesper!AI$2:AI$366,ROUNDDOWN($C6870/24,0)+1,1))-1)+IF('Standard Profiles'!$G$19=$B$10,7,0)+IF('Standard Profiles'!$G$19=$B$17,14,0)+IF('Standard Profiles'!$G$19=$B$24,21,0),0)),0)</f>
        <v>2.4893024399296966</v>
      </c>
      <c r="F6870" cm="1">
        <f t="array" ref="F6870">IFERROR(INDEX(Jesper!AJ$2:AJ$366,ROUNDDOWN($C6870/24,0)+1,1)*INDEX($D$3:$AA$30,INDEX(Jesper!$R$2:$R$366,ROW(INDEX(Jesper!AJ$2:AJ$366,ROUNDDOWN($C6870/24,0)+1,1))-1)+IF('Standard Profiles'!$G$20=$B$10,7,0)+IF('Standard Profiles'!$G$20=$B$17,14,0)+IF('Standard Profiles'!$G$20=$B$24,21,0),MOD($C6870,24)+1)/SUM(INDEX($D$3:$AA$30,INDEX(Jesper!$R$2:$R$366,ROW(INDEX(Jesper!AJ$2:AJ$366,ROUNDDOWN($C6870/24,0)+1,1))-1)+IF('Standard Profiles'!$G$20=$B$10,7,0)+IF('Standard Profiles'!$G$20=$B$17,14,0)+IF('Standard Profiles'!$G$20=$B$24,21,0),0)),0)</f>
        <v>0</v>
      </c>
      <c r="G6870" cm="1">
        <f t="array" ref="G6870">IFERROR(INDEX(Jesper!AK$2:AK$366,ROUNDDOWN($C6870/24,0)+1,1)*INDEX($D$3:$AA$30,INDEX(Jesper!$R$2:$R$366,ROW(INDEX(Jesper!AK$2:AK$366,ROUNDDOWN($C6870/24,0)+1,1))-1)+IF('Standard Profiles'!$G$21=$B$10,7,0)+IF('Standard Profiles'!$G$21=$B$17,14,0)+IF('Standard Profiles'!$G$21=$B$24,21,0),MOD($C6870,24)+1)/SUM(INDEX($D$3:$AA$30,INDEX(Jesper!$R$2:$R$366,ROW(INDEX(Jesper!AK$2:AK$366,ROUNDDOWN($C6870/24,0)+1,1))-1)+IF('Standard Profiles'!$G$21=$B$10,7,0)+IF('Standard Profiles'!$G$21=$B$17,14,0)+IF('Standard Profiles'!$G$21=$B$24,21,0),0)),0)</f>
        <v>0.52773214987272798</v>
      </c>
      <c r="H6870" cm="1">
        <f t="array" ref="H6870">IFERROR(INDEX(Jesper!AL$2:AL$366,ROUNDDOWN($C6870/24,0)+1,1)*INDEX($D$3:$AA$30,INDEX(Jesper!$R$2:$R$366,ROW(INDEX(Jesper!AL$2:AL$366,ROUNDDOWN($C6870/24,0)+1,1))-1)+IF('Standard Profiles'!$G$22=$B$10,7,0)+IF('Standard Profiles'!$G$22=$B$17,14,0)+IF('Standard Profiles'!$G$22=$B$24,21,0),MOD($C6870,24)+1)/SUM(INDEX($D$3:$AA$30,INDEX(Jesper!$R$2:$R$366,ROW(INDEX(Jesper!AL$2:AL$366,ROUNDDOWN($C6870/24,0)+1,1))-1)+IF('Standard Profiles'!$G$22=$B$10,7,0)+IF('Standard Profiles'!$G$22=$B$17,14,0)+IF('Standard Profiles'!$G$22=$B$24,21,0),0)),0)</f>
        <v>0</v>
      </c>
      <c r="I6870">
        <f t="shared" si="762"/>
        <v>0.25331143193890931</v>
      </c>
      <c r="J6870">
        <f t="shared" si="763"/>
        <v>7.3541216406508907</v>
      </c>
      <c r="K6870">
        <f t="shared" si="764"/>
        <v>0.58290774384601596</v>
      </c>
      <c r="L6870">
        <f t="shared" si="765"/>
        <v>0.29145387192300798</v>
      </c>
      <c r="M6870">
        <f t="shared" si="766"/>
        <v>0</v>
      </c>
      <c r="N6870" s="45">
        <f t="shared" si="767"/>
        <v>45211.833333316754</v>
      </c>
    </row>
    <row r="6871" spans="2:14" x14ac:dyDescent="0.25">
      <c r="B6871">
        <f t="shared" si="761"/>
        <v>4</v>
      </c>
      <c r="C6871" s="16">
        <v>6837</v>
      </c>
      <c r="D6871" cm="1">
        <f t="array" ref="D6871">IFERROR(INDEX(Jesper!AH$2:AH$366,ROUNDDOWN($C6871/24,0)+1,1)*INDEX($D$3:$AA$30,INDEX(Jesper!$R$2:$R$366,ROW(INDEX(Jesper!AH$2:AH$366,ROUNDDOWN($C6871/24,0)+1,1))-1)+IF('Standard Profiles'!$G$18=$B$10,7,0)+IF('Standard Profiles'!$G$18=$B$17,14,0)+IF('Standard Profiles'!$G$18=$B$24,21,0),MOD($C6871,24)+1)/SUM(INDEX($D$3:$AA$30,INDEX(Jesper!$R$2:$R$366,ROW(INDEX(Jesper!AH$2:AH$366,ROUNDDOWN($C6871/24,0)+1,1))-1)+IF('Standard Profiles'!$G$18=$B$10,7,0)+IF('Standard Profiles'!$G$18=$B$17,14,0)+IF('Standard Profiles'!$G$18=$B$24,21,0),0)),0)</f>
        <v>5.4647600985563995</v>
      </c>
      <c r="E6871" cm="1">
        <f t="array" ref="E6871">IFERROR(INDEX(Jesper!AI$2:AI$366,ROUNDDOWN($C6871/24,0)+1,1)*INDEX($D$3:$AA$30,INDEX(Jesper!$R$2:$R$366,ROW(INDEX(Jesper!AI$2:AI$366,ROUNDDOWN($C6871/24,0)+1,1))-1)+IF('Standard Profiles'!$G$19=$B$10,7,0)+IF('Standard Profiles'!$G$19=$B$17,14,0)+IF('Standard Profiles'!$G$19=$B$24,21,0),MOD($C6871,24)+1)/SUM(INDEX($D$3:$AA$30,INDEX(Jesper!$R$2:$R$366,ROW(INDEX(Jesper!AI$2:AI$366,ROUNDDOWN($C6871/24,0)+1,1))-1)+IF('Standard Profiles'!$G$19=$B$10,7,0)+IF('Standard Profiles'!$G$19=$B$17,14,0)+IF('Standard Profiles'!$G$19=$B$24,21,0),0)),0)</f>
        <v>2.4893024399296966</v>
      </c>
      <c r="F6871" cm="1">
        <f t="array" ref="F6871">IFERROR(INDEX(Jesper!AJ$2:AJ$366,ROUNDDOWN($C6871/24,0)+1,1)*INDEX($D$3:$AA$30,INDEX(Jesper!$R$2:$R$366,ROW(INDEX(Jesper!AJ$2:AJ$366,ROUNDDOWN($C6871/24,0)+1,1))-1)+IF('Standard Profiles'!$G$20=$B$10,7,0)+IF('Standard Profiles'!$G$20=$B$17,14,0)+IF('Standard Profiles'!$G$20=$B$24,21,0),MOD($C6871,24)+1)/SUM(INDEX($D$3:$AA$30,INDEX(Jesper!$R$2:$R$366,ROW(INDEX(Jesper!AJ$2:AJ$366,ROUNDDOWN($C6871/24,0)+1,1))-1)+IF('Standard Profiles'!$G$20=$B$10,7,0)+IF('Standard Profiles'!$G$20=$B$17,14,0)+IF('Standard Profiles'!$G$20=$B$24,21,0),0)),0)</f>
        <v>0</v>
      </c>
      <c r="G6871" cm="1">
        <f t="array" ref="G6871">IFERROR(INDEX(Jesper!AK$2:AK$366,ROUNDDOWN($C6871/24,0)+1,1)*INDEX($D$3:$AA$30,INDEX(Jesper!$R$2:$R$366,ROW(INDEX(Jesper!AK$2:AK$366,ROUNDDOWN($C6871/24,0)+1,1))-1)+IF('Standard Profiles'!$G$21=$B$10,7,0)+IF('Standard Profiles'!$G$21=$B$17,14,0)+IF('Standard Profiles'!$G$21=$B$24,21,0),MOD($C6871,24)+1)/SUM(INDEX($D$3:$AA$30,INDEX(Jesper!$R$2:$R$366,ROW(INDEX(Jesper!AK$2:AK$366,ROUNDDOWN($C6871/24,0)+1,1))-1)+IF('Standard Profiles'!$G$21=$B$10,7,0)+IF('Standard Profiles'!$G$21=$B$17,14,0)+IF('Standard Profiles'!$G$21=$B$24,21,0),0)),0)</f>
        <v>0.52773214987272798</v>
      </c>
      <c r="H6871" cm="1">
        <f t="array" ref="H6871">IFERROR(INDEX(Jesper!AL$2:AL$366,ROUNDDOWN($C6871/24,0)+1,1)*INDEX($D$3:$AA$30,INDEX(Jesper!$R$2:$R$366,ROW(INDEX(Jesper!AL$2:AL$366,ROUNDDOWN($C6871/24,0)+1,1))-1)+IF('Standard Profiles'!$G$22=$B$10,7,0)+IF('Standard Profiles'!$G$22=$B$17,14,0)+IF('Standard Profiles'!$G$22=$B$24,21,0),MOD($C6871,24)+1)/SUM(INDEX($D$3:$AA$30,INDEX(Jesper!$R$2:$R$366,ROW(INDEX(Jesper!AL$2:AL$366,ROUNDDOWN($C6871/24,0)+1,1))-1)+IF('Standard Profiles'!$G$22=$B$10,7,0)+IF('Standard Profiles'!$G$22=$B$17,14,0)+IF('Standard Profiles'!$G$22=$B$24,21,0),0)),0)</f>
        <v>0</v>
      </c>
      <c r="I6871">
        <f t="shared" si="762"/>
        <v>0.25331143193890931</v>
      </c>
      <c r="J6871">
        <f t="shared" si="763"/>
        <v>7.3541216406508907</v>
      </c>
      <c r="K6871">
        <f t="shared" si="764"/>
        <v>0.58290774384601596</v>
      </c>
      <c r="L6871">
        <f t="shared" si="765"/>
        <v>0.29145387192300798</v>
      </c>
      <c r="M6871">
        <f t="shared" si="766"/>
        <v>0</v>
      </c>
      <c r="N6871" s="45">
        <f t="shared" si="767"/>
        <v>45211.874999983418</v>
      </c>
    </row>
    <row r="6872" spans="2:14" x14ac:dyDescent="0.25">
      <c r="B6872">
        <f t="shared" si="761"/>
        <v>4</v>
      </c>
      <c r="C6872" s="16">
        <v>6838</v>
      </c>
      <c r="D6872" cm="1">
        <f t="array" ref="D6872">IFERROR(INDEX(Jesper!AH$2:AH$366,ROUNDDOWN($C6872/24,0)+1,1)*INDEX($D$3:$AA$30,INDEX(Jesper!$R$2:$R$366,ROW(INDEX(Jesper!AH$2:AH$366,ROUNDDOWN($C6872/24,0)+1,1))-1)+IF('Standard Profiles'!$G$18=$B$10,7,0)+IF('Standard Profiles'!$G$18=$B$17,14,0)+IF('Standard Profiles'!$G$18=$B$24,21,0),MOD($C6872,24)+1)/SUM(INDEX($D$3:$AA$30,INDEX(Jesper!$R$2:$R$366,ROW(INDEX(Jesper!AH$2:AH$366,ROUNDDOWN($C6872/24,0)+1,1))-1)+IF('Standard Profiles'!$G$18=$B$10,7,0)+IF('Standard Profiles'!$G$18=$B$17,14,0)+IF('Standard Profiles'!$G$18=$B$24,21,0),0)),0)</f>
        <v>5.4647600985563995</v>
      </c>
      <c r="E6872" cm="1">
        <f t="array" ref="E6872">IFERROR(INDEX(Jesper!AI$2:AI$366,ROUNDDOWN($C6872/24,0)+1,1)*INDEX($D$3:$AA$30,INDEX(Jesper!$R$2:$R$366,ROW(INDEX(Jesper!AI$2:AI$366,ROUNDDOWN($C6872/24,0)+1,1))-1)+IF('Standard Profiles'!$G$19=$B$10,7,0)+IF('Standard Profiles'!$G$19=$B$17,14,0)+IF('Standard Profiles'!$G$19=$B$24,21,0),MOD($C6872,24)+1)/SUM(INDEX($D$3:$AA$30,INDEX(Jesper!$R$2:$R$366,ROW(INDEX(Jesper!AI$2:AI$366,ROUNDDOWN($C6872/24,0)+1,1))-1)+IF('Standard Profiles'!$G$19=$B$10,7,0)+IF('Standard Profiles'!$G$19=$B$17,14,0)+IF('Standard Profiles'!$G$19=$B$24,21,0),0)),0)</f>
        <v>2.4893024399296966</v>
      </c>
      <c r="F6872" cm="1">
        <f t="array" ref="F6872">IFERROR(INDEX(Jesper!AJ$2:AJ$366,ROUNDDOWN($C6872/24,0)+1,1)*INDEX($D$3:$AA$30,INDEX(Jesper!$R$2:$R$366,ROW(INDEX(Jesper!AJ$2:AJ$366,ROUNDDOWN($C6872/24,0)+1,1))-1)+IF('Standard Profiles'!$G$20=$B$10,7,0)+IF('Standard Profiles'!$G$20=$B$17,14,0)+IF('Standard Profiles'!$G$20=$B$24,21,0),MOD($C6872,24)+1)/SUM(INDEX($D$3:$AA$30,INDEX(Jesper!$R$2:$R$366,ROW(INDEX(Jesper!AJ$2:AJ$366,ROUNDDOWN($C6872/24,0)+1,1))-1)+IF('Standard Profiles'!$G$20=$B$10,7,0)+IF('Standard Profiles'!$G$20=$B$17,14,0)+IF('Standard Profiles'!$G$20=$B$24,21,0),0)),0)</f>
        <v>0</v>
      </c>
      <c r="G6872" cm="1">
        <f t="array" ref="G6872">IFERROR(INDEX(Jesper!AK$2:AK$366,ROUNDDOWN($C6872/24,0)+1,1)*INDEX($D$3:$AA$30,INDEX(Jesper!$R$2:$R$366,ROW(INDEX(Jesper!AK$2:AK$366,ROUNDDOWN($C6872/24,0)+1,1))-1)+IF('Standard Profiles'!$G$21=$B$10,7,0)+IF('Standard Profiles'!$G$21=$B$17,14,0)+IF('Standard Profiles'!$G$21=$B$24,21,0),MOD($C6872,24)+1)/SUM(INDEX($D$3:$AA$30,INDEX(Jesper!$R$2:$R$366,ROW(INDEX(Jesper!AK$2:AK$366,ROUNDDOWN($C6872/24,0)+1,1))-1)+IF('Standard Profiles'!$G$21=$B$10,7,0)+IF('Standard Profiles'!$G$21=$B$17,14,0)+IF('Standard Profiles'!$G$21=$B$24,21,0),0)),0)</f>
        <v>0.52773214987272798</v>
      </c>
      <c r="H6872" cm="1">
        <f t="array" ref="H6872">IFERROR(INDEX(Jesper!AL$2:AL$366,ROUNDDOWN($C6872/24,0)+1,1)*INDEX($D$3:$AA$30,INDEX(Jesper!$R$2:$R$366,ROW(INDEX(Jesper!AL$2:AL$366,ROUNDDOWN($C6872/24,0)+1,1))-1)+IF('Standard Profiles'!$G$22=$B$10,7,0)+IF('Standard Profiles'!$G$22=$B$17,14,0)+IF('Standard Profiles'!$G$22=$B$24,21,0),MOD($C6872,24)+1)/SUM(INDEX($D$3:$AA$30,INDEX(Jesper!$R$2:$R$366,ROW(INDEX(Jesper!AL$2:AL$366,ROUNDDOWN($C6872/24,0)+1,1))-1)+IF('Standard Profiles'!$G$22=$B$10,7,0)+IF('Standard Profiles'!$G$22=$B$17,14,0)+IF('Standard Profiles'!$G$22=$B$24,21,0),0)),0)</f>
        <v>0</v>
      </c>
      <c r="I6872">
        <f t="shared" si="762"/>
        <v>0.25331143193890931</v>
      </c>
      <c r="J6872">
        <f t="shared" si="763"/>
        <v>7.3541216406508907</v>
      </c>
      <c r="K6872">
        <f t="shared" si="764"/>
        <v>0.58290774384601596</v>
      </c>
      <c r="L6872">
        <f t="shared" si="765"/>
        <v>0.29145387192300798</v>
      </c>
      <c r="M6872">
        <f t="shared" si="766"/>
        <v>0</v>
      </c>
      <c r="N6872" s="45">
        <f t="shared" si="767"/>
        <v>45211.916666650082</v>
      </c>
    </row>
    <row r="6873" spans="2:14" x14ac:dyDescent="0.25">
      <c r="B6873">
        <f t="shared" si="761"/>
        <v>4</v>
      </c>
      <c r="C6873" s="16">
        <v>6839</v>
      </c>
      <c r="D6873" cm="1">
        <f t="array" ref="D6873">IFERROR(INDEX(Jesper!AH$2:AH$366,ROUNDDOWN($C6873/24,0)+1,1)*INDEX($D$3:$AA$30,INDEX(Jesper!$R$2:$R$366,ROW(INDEX(Jesper!AH$2:AH$366,ROUNDDOWN($C6873/24,0)+1,1))-1)+IF('Standard Profiles'!$G$18=$B$10,7,0)+IF('Standard Profiles'!$G$18=$B$17,14,0)+IF('Standard Profiles'!$G$18=$B$24,21,0),MOD($C6873,24)+1)/SUM(INDEX($D$3:$AA$30,INDEX(Jesper!$R$2:$R$366,ROW(INDEX(Jesper!AH$2:AH$366,ROUNDDOWN($C6873/24,0)+1,1))-1)+IF('Standard Profiles'!$G$18=$B$10,7,0)+IF('Standard Profiles'!$G$18=$B$17,14,0)+IF('Standard Profiles'!$G$18=$B$24,21,0),0)),0)</f>
        <v>5.4647600985563995</v>
      </c>
      <c r="E6873" cm="1">
        <f t="array" ref="E6873">IFERROR(INDEX(Jesper!AI$2:AI$366,ROUNDDOWN($C6873/24,0)+1,1)*INDEX($D$3:$AA$30,INDEX(Jesper!$R$2:$R$366,ROW(INDEX(Jesper!AI$2:AI$366,ROUNDDOWN($C6873/24,0)+1,1))-1)+IF('Standard Profiles'!$G$19=$B$10,7,0)+IF('Standard Profiles'!$G$19=$B$17,14,0)+IF('Standard Profiles'!$G$19=$B$24,21,0),MOD($C6873,24)+1)/SUM(INDEX($D$3:$AA$30,INDEX(Jesper!$R$2:$R$366,ROW(INDEX(Jesper!AI$2:AI$366,ROUNDDOWN($C6873/24,0)+1,1))-1)+IF('Standard Profiles'!$G$19=$B$10,7,0)+IF('Standard Profiles'!$G$19=$B$17,14,0)+IF('Standard Profiles'!$G$19=$B$24,21,0),0)),0)</f>
        <v>2.4893024399296966</v>
      </c>
      <c r="F6873" cm="1">
        <f t="array" ref="F6873">IFERROR(INDEX(Jesper!AJ$2:AJ$366,ROUNDDOWN($C6873/24,0)+1,1)*INDEX($D$3:$AA$30,INDEX(Jesper!$R$2:$R$366,ROW(INDEX(Jesper!AJ$2:AJ$366,ROUNDDOWN($C6873/24,0)+1,1))-1)+IF('Standard Profiles'!$G$20=$B$10,7,0)+IF('Standard Profiles'!$G$20=$B$17,14,0)+IF('Standard Profiles'!$G$20=$B$24,21,0),MOD($C6873,24)+1)/SUM(INDEX($D$3:$AA$30,INDEX(Jesper!$R$2:$R$366,ROW(INDEX(Jesper!AJ$2:AJ$366,ROUNDDOWN($C6873/24,0)+1,1))-1)+IF('Standard Profiles'!$G$20=$B$10,7,0)+IF('Standard Profiles'!$G$20=$B$17,14,0)+IF('Standard Profiles'!$G$20=$B$24,21,0),0)),0)</f>
        <v>0</v>
      </c>
      <c r="G6873" cm="1">
        <f t="array" ref="G6873">IFERROR(INDEX(Jesper!AK$2:AK$366,ROUNDDOWN($C6873/24,0)+1,1)*INDEX($D$3:$AA$30,INDEX(Jesper!$R$2:$R$366,ROW(INDEX(Jesper!AK$2:AK$366,ROUNDDOWN($C6873/24,0)+1,1))-1)+IF('Standard Profiles'!$G$21=$B$10,7,0)+IF('Standard Profiles'!$G$21=$B$17,14,0)+IF('Standard Profiles'!$G$21=$B$24,21,0),MOD($C6873,24)+1)/SUM(INDEX($D$3:$AA$30,INDEX(Jesper!$R$2:$R$366,ROW(INDEX(Jesper!AK$2:AK$366,ROUNDDOWN($C6873/24,0)+1,1))-1)+IF('Standard Profiles'!$G$21=$B$10,7,0)+IF('Standard Profiles'!$G$21=$B$17,14,0)+IF('Standard Profiles'!$G$21=$B$24,21,0),0)),0)</f>
        <v>0.52773214987272798</v>
      </c>
      <c r="H6873" cm="1">
        <f t="array" ref="H6873">IFERROR(INDEX(Jesper!AL$2:AL$366,ROUNDDOWN($C6873/24,0)+1,1)*INDEX($D$3:$AA$30,INDEX(Jesper!$R$2:$R$366,ROW(INDEX(Jesper!AL$2:AL$366,ROUNDDOWN($C6873/24,0)+1,1))-1)+IF('Standard Profiles'!$G$22=$B$10,7,0)+IF('Standard Profiles'!$G$22=$B$17,14,0)+IF('Standard Profiles'!$G$22=$B$24,21,0),MOD($C6873,24)+1)/SUM(INDEX($D$3:$AA$30,INDEX(Jesper!$R$2:$R$366,ROW(INDEX(Jesper!AL$2:AL$366,ROUNDDOWN($C6873/24,0)+1,1))-1)+IF('Standard Profiles'!$G$22=$B$10,7,0)+IF('Standard Profiles'!$G$22=$B$17,14,0)+IF('Standard Profiles'!$G$22=$B$24,21,0),0)),0)</f>
        <v>0</v>
      </c>
      <c r="I6873">
        <f t="shared" si="762"/>
        <v>0.25331143193890931</v>
      </c>
      <c r="J6873">
        <f t="shared" si="763"/>
        <v>7.3541216406508907</v>
      </c>
      <c r="K6873">
        <f t="shared" si="764"/>
        <v>0.58290774384601596</v>
      </c>
      <c r="L6873">
        <f t="shared" si="765"/>
        <v>0.29145387192300798</v>
      </c>
      <c r="M6873">
        <f t="shared" si="766"/>
        <v>0</v>
      </c>
      <c r="N6873" s="45">
        <f t="shared" si="767"/>
        <v>45211.958333316747</v>
      </c>
    </row>
    <row r="6874" spans="2:14" x14ac:dyDescent="0.25">
      <c r="B6874">
        <f t="shared" si="761"/>
        <v>5</v>
      </c>
      <c r="C6874" s="16">
        <v>6840</v>
      </c>
      <c r="D6874" cm="1">
        <f t="array" ref="D6874">IFERROR(INDEX(Jesper!AH$2:AH$366,ROUNDDOWN($C6874/24,0)+1,1)*INDEX($D$3:$AA$30,INDEX(Jesper!$R$2:$R$366,ROW(INDEX(Jesper!AH$2:AH$366,ROUNDDOWN($C6874/24,0)+1,1))-1)+IF('Standard Profiles'!$G$18=$B$10,7,0)+IF('Standard Profiles'!$G$18=$B$17,14,0)+IF('Standard Profiles'!$G$18=$B$24,21,0),MOD($C6874,24)+1)/SUM(INDEX($D$3:$AA$30,INDEX(Jesper!$R$2:$R$366,ROW(INDEX(Jesper!AH$2:AH$366,ROUNDDOWN($C6874/24,0)+1,1))-1)+IF('Standard Profiles'!$G$18=$B$10,7,0)+IF('Standard Profiles'!$G$18=$B$17,14,0)+IF('Standard Profiles'!$G$18=$B$24,21,0),0)),0)</f>
        <v>8.1544385772535382</v>
      </c>
      <c r="E6874" cm="1">
        <f t="array" ref="E6874">IFERROR(INDEX(Jesper!AI$2:AI$366,ROUNDDOWN($C6874/24,0)+1,1)*INDEX($D$3:$AA$30,INDEX(Jesper!$R$2:$R$366,ROW(INDEX(Jesper!AI$2:AI$366,ROUNDDOWN($C6874/24,0)+1,1))-1)+IF('Standard Profiles'!$G$19=$B$10,7,0)+IF('Standard Profiles'!$G$19=$B$17,14,0)+IF('Standard Profiles'!$G$19=$B$24,21,0),MOD($C6874,24)+1)/SUM(INDEX($D$3:$AA$30,INDEX(Jesper!$R$2:$R$366,ROW(INDEX(Jesper!AI$2:AI$366,ROUNDDOWN($C6874/24,0)+1,1))-1)+IF('Standard Profiles'!$G$19=$B$10,7,0)+IF('Standard Profiles'!$G$19=$B$17,14,0)+IF('Standard Profiles'!$G$19=$B$24,21,0),0)),0)</f>
        <v>3.4331655585518259</v>
      </c>
      <c r="F6874" cm="1">
        <f t="array" ref="F6874">IFERROR(INDEX(Jesper!AJ$2:AJ$366,ROUNDDOWN($C6874/24,0)+1,1)*INDEX($D$3:$AA$30,INDEX(Jesper!$R$2:$R$366,ROW(INDEX(Jesper!AJ$2:AJ$366,ROUNDDOWN($C6874/24,0)+1,1))-1)+IF('Standard Profiles'!$G$20=$B$10,7,0)+IF('Standard Profiles'!$G$20=$B$17,14,0)+IF('Standard Profiles'!$G$20=$B$24,21,0),MOD($C6874,24)+1)/SUM(INDEX($D$3:$AA$30,INDEX(Jesper!$R$2:$R$366,ROW(INDEX(Jesper!AJ$2:AJ$366,ROUNDDOWN($C6874/24,0)+1,1))-1)+IF('Standard Profiles'!$G$20=$B$10,7,0)+IF('Standard Profiles'!$G$20=$B$17,14,0)+IF('Standard Profiles'!$G$20=$B$24,21,0),0)),0)</f>
        <v>0</v>
      </c>
      <c r="G6874" cm="1">
        <f t="array" ref="G6874">IFERROR(INDEX(Jesper!AK$2:AK$366,ROUNDDOWN($C6874/24,0)+1,1)*INDEX($D$3:$AA$30,INDEX(Jesper!$R$2:$R$366,ROW(INDEX(Jesper!AK$2:AK$366,ROUNDDOWN($C6874/24,0)+1,1))-1)+IF('Standard Profiles'!$G$21=$B$10,7,0)+IF('Standard Profiles'!$G$21=$B$17,14,0)+IF('Standard Profiles'!$G$21=$B$24,21,0),MOD($C6874,24)+1)/SUM(INDEX($D$3:$AA$30,INDEX(Jesper!$R$2:$R$366,ROW(INDEX(Jesper!AK$2:AK$366,ROUNDDOWN($C6874/24,0)+1,1))-1)+IF('Standard Profiles'!$G$21=$B$10,7,0)+IF('Standard Profiles'!$G$21=$B$17,14,0)+IF('Standard Profiles'!$G$21=$B$24,21,0),0)),0)</f>
        <v>0.1845208781784437</v>
      </c>
      <c r="H6874" cm="1">
        <f t="array" ref="H6874">IFERROR(INDEX(Jesper!AL$2:AL$366,ROUNDDOWN($C6874/24,0)+1,1)*INDEX($D$3:$AA$30,INDEX(Jesper!$R$2:$R$366,ROW(INDEX(Jesper!AL$2:AL$366,ROUNDDOWN($C6874/24,0)+1,1))-1)+IF('Standard Profiles'!$G$22=$B$10,7,0)+IF('Standard Profiles'!$G$22=$B$17,14,0)+IF('Standard Profiles'!$G$22=$B$24,21,0),MOD($C6874,24)+1)/SUM(INDEX($D$3:$AA$30,INDEX(Jesper!$R$2:$R$366,ROW(INDEX(Jesper!AL$2:AL$366,ROUNDDOWN($C6874/24,0)+1,1))-1)+IF('Standard Profiles'!$G$22=$B$10,7,0)+IF('Standard Profiles'!$G$22=$B$17,14,0)+IF('Standard Profiles'!$G$22=$B$24,21,0),0)),0)</f>
        <v>0</v>
      </c>
      <c r="I6874">
        <f t="shared" si="762"/>
        <v>8.8570021525652937E-2</v>
      </c>
      <c r="J6874">
        <f t="shared" si="763"/>
        <v>10.378844820097589</v>
      </c>
      <c r="K6874">
        <f t="shared" si="764"/>
        <v>0.86980678157371083</v>
      </c>
      <c r="L6874">
        <f t="shared" si="765"/>
        <v>0.43490339078685541</v>
      </c>
      <c r="M6874">
        <f t="shared" si="766"/>
        <v>0</v>
      </c>
      <c r="N6874" s="45">
        <f t="shared" si="767"/>
        <v>45211.999999983411</v>
      </c>
    </row>
    <row r="6875" spans="2:14" x14ac:dyDescent="0.25">
      <c r="B6875">
        <f t="shared" si="761"/>
        <v>5</v>
      </c>
      <c r="C6875" s="16">
        <v>6841</v>
      </c>
      <c r="D6875" cm="1">
        <f t="array" ref="D6875">IFERROR(INDEX(Jesper!AH$2:AH$366,ROUNDDOWN($C6875/24,0)+1,1)*INDEX($D$3:$AA$30,INDEX(Jesper!$R$2:$R$366,ROW(INDEX(Jesper!AH$2:AH$366,ROUNDDOWN($C6875/24,0)+1,1))-1)+IF('Standard Profiles'!$G$18=$B$10,7,0)+IF('Standard Profiles'!$G$18=$B$17,14,0)+IF('Standard Profiles'!$G$18=$B$24,21,0),MOD($C6875,24)+1)/SUM(INDEX($D$3:$AA$30,INDEX(Jesper!$R$2:$R$366,ROW(INDEX(Jesper!AH$2:AH$366,ROUNDDOWN($C6875/24,0)+1,1))-1)+IF('Standard Profiles'!$G$18=$B$10,7,0)+IF('Standard Profiles'!$G$18=$B$17,14,0)+IF('Standard Profiles'!$G$18=$B$24,21,0),0)),0)</f>
        <v>4.9420839862142651</v>
      </c>
      <c r="E6875" cm="1">
        <f t="array" ref="E6875">IFERROR(INDEX(Jesper!AI$2:AI$366,ROUNDDOWN($C6875/24,0)+1,1)*INDEX($D$3:$AA$30,INDEX(Jesper!$R$2:$R$366,ROW(INDEX(Jesper!AI$2:AI$366,ROUNDDOWN($C6875/24,0)+1,1))-1)+IF('Standard Profiles'!$G$19=$B$10,7,0)+IF('Standard Profiles'!$G$19=$B$17,14,0)+IF('Standard Profiles'!$G$19=$B$24,21,0),MOD($C6875,24)+1)/SUM(INDEX($D$3:$AA$30,INDEX(Jesper!$R$2:$R$366,ROW(INDEX(Jesper!AI$2:AI$366,ROUNDDOWN($C6875/24,0)+1,1))-1)+IF('Standard Profiles'!$G$19=$B$10,7,0)+IF('Standard Profiles'!$G$19=$B$17,14,0)+IF('Standard Profiles'!$G$19=$B$24,21,0),0)),0)</f>
        <v>2.0807063991223189</v>
      </c>
      <c r="F6875" cm="1">
        <f t="array" ref="F6875">IFERROR(INDEX(Jesper!AJ$2:AJ$366,ROUNDDOWN($C6875/24,0)+1,1)*INDEX($D$3:$AA$30,INDEX(Jesper!$R$2:$R$366,ROW(INDEX(Jesper!AJ$2:AJ$366,ROUNDDOWN($C6875/24,0)+1,1))-1)+IF('Standard Profiles'!$G$20=$B$10,7,0)+IF('Standard Profiles'!$G$20=$B$17,14,0)+IF('Standard Profiles'!$G$20=$B$24,21,0),MOD($C6875,24)+1)/SUM(INDEX($D$3:$AA$30,INDEX(Jesper!$R$2:$R$366,ROW(INDEX(Jesper!AJ$2:AJ$366,ROUNDDOWN($C6875/24,0)+1,1))-1)+IF('Standard Profiles'!$G$20=$B$10,7,0)+IF('Standard Profiles'!$G$20=$B$17,14,0)+IF('Standard Profiles'!$G$20=$B$24,21,0),0)),0)</f>
        <v>0</v>
      </c>
      <c r="G6875" cm="1">
        <f t="array" ref="G6875">IFERROR(INDEX(Jesper!AK$2:AK$366,ROUNDDOWN($C6875/24,0)+1,1)*INDEX($D$3:$AA$30,INDEX(Jesper!$R$2:$R$366,ROW(INDEX(Jesper!AK$2:AK$366,ROUNDDOWN($C6875/24,0)+1,1))-1)+IF('Standard Profiles'!$G$21=$B$10,7,0)+IF('Standard Profiles'!$G$21=$B$17,14,0)+IF('Standard Profiles'!$G$21=$B$24,21,0),MOD($C6875,24)+1)/SUM(INDEX($D$3:$AA$30,INDEX(Jesper!$R$2:$R$366,ROW(INDEX(Jesper!AK$2:AK$366,ROUNDDOWN($C6875/24,0)+1,1))-1)+IF('Standard Profiles'!$G$21=$B$10,7,0)+IF('Standard Profiles'!$G$21=$B$17,14,0)+IF('Standard Profiles'!$G$21=$B$24,21,0),0)),0)</f>
        <v>0.1845208781784437</v>
      </c>
      <c r="H6875" cm="1">
        <f t="array" ref="H6875">IFERROR(INDEX(Jesper!AL$2:AL$366,ROUNDDOWN($C6875/24,0)+1,1)*INDEX($D$3:$AA$30,INDEX(Jesper!$R$2:$R$366,ROW(INDEX(Jesper!AL$2:AL$366,ROUNDDOWN($C6875/24,0)+1,1))-1)+IF('Standard Profiles'!$G$22=$B$10,7,0)+IF('Standard Profiles'!$G$22=$B$17,14,0)+IF('Standard Profiles'!$G$22=$B$24,21,0),MOD($C6875,24)+1)/SUM(INDEX($D$3:$AA$30,INDEX(Jesper!$R$2:$R$366,ROW(INDEX(Jesper!AL$2:AL$366,ROUNDDOWN($C6875/24,0)+1,1))-1)+IF('Standard Profiles'!$G$22=$B$10,7,0)+IF('Standard Profiles'!$G$22=$B$17,14,0)+IF('Standard Profiles'!$G$22=$B$24,21,0),0)),0)</f>
        <v>0</v>
      </c>
      <c r="I6875">
        <f t="shared" si="762"/>
        <v>8.8570021525652937E-2</v>
      </c>
      <c r="J6875">
        <f t="shared" si="763"/>
        <v>6.3280078041950913</v>
      </c>
      <c r="K6875">
        <f t="shared" si="764"/>
        <v>0.5271556251961883</v>
      </c>
      <c r="L6875">
        <f t="shared" si="765"/>
        <v>0.26357781259809415</v>
      </c>
      <c r="M6875">
        <f t="shared" si="766"/>
        <v>0</v>
      </c>
      <c r="N6875" s="45">
        <f t="shared" si="767"/>
        <v>45212.041666650075</v>
      </c>
    </row>
    <row r="6876" spans="2:14" x14ac:dyDescent="0.25">
      <c r="B6876">
        <f t="shared" si="761"/>
        <v>5</v>
      </c>
      <c r="C6876" s="16">
        <v>6842</v>
      </c>
      <c r="D6876" cm="1">
        <f t="array" ref="D6876">IFERROR(INDEX(Jesper!AH$2:AH$366,ROUNDDOWN($C6876/24,0)+1,1)*INDEX($D$3:$AA$30,INDEX(Jesper!$R$2:$R$366,ROW(INDEX(Jesper!AH$2:AH$366,ROUNDDOWN($C6876/24,0)+1,1))-1)+IF('Standard Profiles'!$G$18=$B$10,7,0)+IF('Standard Profiles'!$G$18=$B$17,14,0)+IF('Standard Profiles'!$G$18=$B$24,21,0),MOD($C6876,24)+1)/SUM(INDEX($D$3:$AA$30,INDEX(Jesper!$R$2:$R$366,ROW(INDEX(Jesper!AH$2:AH$366,ROUNDDOWN($C6876/24,0)+1,1))-1)+IF('Standard Profiles'!$G$18=$B$10,7,0)+IF('Standard Profiles'!$G$18=$B$17,14,0)+IF('Standard Profiles'!$G$18=$B$24,21,0),0)),0)</f>
        <v>4.9420839862142651</v>
      </c>
      <c r="E6876" cm="1">
        <f t="array" ref="E6876">IFERROR(INDEX(Jesper!AI$2:AI$366,ROUNDDOWN($C6876/24,0)+1,1)*INDEX($D$3:$AA$30,INDEX(Jesper!$R$2:$R$366,ROW(INDEX(Jesper!AI$2:AI$366,ROUNDDOWN($C6876/24,0)+1,1))-1)+IF('Standard Profiles'!$G$19=$B$10,7,0)+IF('Standard Profiles'!$G$19=$B$17,14,0)+IF('Standard Profiles'!$G$19=$B$24,21,0),MOD($C6876,24)+1)/SUM(INDEX($D$3:$AA$30,INDEX(Jesper!$R$2:$R$366,ROW(INDEX(Jesper!AI$2:AI$366,ROUNDDOWN($C6876/24,0)+1,1))-1)+IF('Standard Profiles'!$G$19=$B$10,7,0)+IF('Standard Profiles'!$G$19=$B$17,14,0)+IF('Standard Profiles'!$G$19=$B$24,21,0),0)),0)</f>
        <v>2.0807063991223189</v>
      </c>
      <c r="F6876" cm="1">
        <f t="array" ref="F6876">IFERROR(INDEX(Jesper!AJ$2:AJ$366,ROUNDDOWN($C6876/24,0)+1,1)*INDEX($D$3:$AA$30,INDEX(Jesper!$R$2:$R$366,ROW(INDEX(Jesper!AJ$2:AJ$366,ROUNDDOWN($C6876/24,0)+1,1))-1)+IF('Standard Profiles'!$G$20=$B$10,7,0)+IF('Standard Profiles'!$G$20=$B$17,14,0)+IF('Standard Profiles'!$G$20=$B$24,21,0),MOD($C6876,24)+1)/SUM(INDEX($D$3:$AA$30,INDEX(Jesper!$R$2:$R$366,ROW(INDEX(Jesper!AJ$2:AJ$366,ROUNDDOWN($C6876/24,0)+1,1))-1)+IF('Standard Profiles'!$G$20=$B$10,7,0)+IF('Standard Profiles'!$G$20=$B$17,14,0)+IF('Standard Profiles'!$G$20=$B$24,21,0),0)),0)</f>
        <v>0</v>
      </c>
      <c r="G6876" cm="1">
        <f t="array" ref="G6876">IFERROR(INDEX(Jesper!AK$2:AK$366,ROUNDDOWN($C6876/24,0)+1,1)*INDEX($D$3:$AA$30,INDEX(Jesper!$R$2:$R$366,ROW(INDEX(Jesper!AK$2:AK$366,ROUNDDOWN($C6876/24,0)+1,1))-1)+IF('Standard Profiles'!$G$21=$B$10,7,0)+IF('Standard Profiles'!$G$21=$B$17,14,0)+IF('Standard Profiles'!$G$21=$B$24,21,0),MOD($C6876,24)+1)/SUM(INDEX($D$3:$AA$30,INDEX(Jesper!$R$2:$R$366,ROW(INDEX(Jesper!AK$2:AK$366,ROUNDDOWN($C6876/24,0)+1,1))-1)+IF('Standard Profiles'!$G$21=$B$10,7,0)+IF('Standard Profiles'!$G$21=$B$17,14,0)+IF('Standard Profiles'!$G$21=$B$24,21,0),0)),0)</f>
        <v>0.1845208781784437</v>
      </c>
      <c r="H6876" cm="1">
        <f t="array" ref="H6876">IFERROR(INDEX(Jesper!AL$2:AL$366,ROUNDDOWN($C6876/24,0)+1,1)*INDEX($D$3:$AA$30,INDEX(Jesper!$R$2:$R$366,ROW(INDEX(Jesper!AL$2:AL$366,ROUNDDOWN($C6876/24,0)+1,1))-1)+IF('Standard Profiles'!$G$22=$B$10,7,0)+IF('Standard Profiles'!$G$22=$B$17,14,0)+IF('Standard Profiles'!$G$22=$B$24,21,0),MOD($C6876,24)+1)/SUM(INDEX($D$3:$AA$30,INDEX(Jesper!$R$2:$R$366,ROW(INDEX(Jesper!AL$2:AL$366,ROUNDDOWN($C6876/24,0)+1,1))-1)+IF('Standard Profiles'!$G$22=$B$10,7,0)+IF('Standard Profiles'!$G$22=$B$17,14,0)+IF('Standard Profiles'!$G$22=$B$24,21,0),0)),0)</f>
        <v>0</v>
      </c>
      <c r="I6876">
        <f t="shared" si="762"/>
        <v>8.8570021525652937E-2</v>
      </c>
      <c r="J6876">
        <f t="shared" si="763"/>
        <v>6.3280078041950913</v>
      </c>
      <c r="K6876">
        <f t="shared" si="764"/>
        <v>0.5271556251961883</v>
      </c>
      <c r="L6876">
        <f t="shared" si="765"/>
        <v>0.26357781259809415</v>
      </c>
      <c r="M6876">
        <f t="shared" si="766"/>
        <v>0</v>
      </c>
      <c r="N6876" s="45">
        <f t="shared" si="767"/>
        <v>45212.083333316739</v>
      </c>
    </row>
    <row r="6877" spans="2:14" x14ac:dyDescent="0.25">
      <c r="B6877">
        <f t="shared" si="761"/>
        <v>5</v>
      </c>
      <c r="C6877" s="16">
        <v>6843</v>
      </c>
      <c r="D6877" cm="1">
        <f t="array" ref="D6877">IFERROR(INDEX(Jesper!AH$2:AH$366,ROUNDDOWN($C6877/24,0)+1,1)*INDEX($D$3:$AA$30,INDEX(Jesper!$R$2:$R$366,ROW(INDEX(Jesper!AH$2:AH$366,ROUNDDOWN($C6877/24,0)+1,1))-1)+IF('Standard Profiles'!$G$18=$B$10,7,0)+IF('Standard Profiles'!$G$18=$B$17,14,0)+IF('Standard Profiles'!$G$18=$B$24,21,0),MOD($C6877,24)+1)/SUM(INDEX($D$3:$AA$30,INDEX(Jesper!$R$2:$R$366,ROW(INDEX(Jesper!AH$2:AH$366,ROUNDDOWN($C6877/24,0)+1,1))-1)+IF('Standard Profiles'!$G$18=$B$10,7,0)+IF('Standard Profiles'!$G$18=$B$17,14,0)+IF('Standard Profiles'!$G$18=$B$24,21,0),0)),0)</f>
        <v>4.9420839862142651</v>
      </c>
      <c r="E6877" cm="1">
        <f t="array" ref="E6877">IFERROR(INDEX(Jesper!AI$2:AI$366,ROUNDDOWN($C6877/24,0)+1,1)*INDEX($D$3:$AA$30,INDEX(Jesper!$R$2:$R$366,ROW(INDEX(Jesper!AI$2:AI$366,ROUNDDOWN($C6877/24,0)+1,1))-1)+IF('Standard Profiles'!$G$19=$B$10,7,0)+IF('Standard Profiles'!$G$19=$B$17,14,0)+IF('Standard Profiles'!$G$19=$B$24,21,0),MOD($C6877,24)+1)/SUM(INDEX($D$3:$AA$30,INDEX(Jesper!$R$2:$R$366,ROW(INDEX(Jesper!AI$2:AI$366,ROUNDDOWN($C6877/24,0)+1,1))-1)+IF('Standard Profiles'!$G$19=$B$10,7,0)+IF('Standard Profiles'!$G$19=$B$17,14,0)+IF('Standard Profiles'!$G$19=$B$24,21,0),0)),0)</f>
        <v>2.0807063991223189</v>
      </c>
      <c r="F6877" cm="1">
        <f t="array" ref="F6877">IFERROR(INDEX(Jesper!AJ$2:AJ$366,ROUNDDOWN($C6877/24,0)+1,1)*INDEX($D$3:$AA$30,INDEX(Jesper!$R$2:$R$366,ROW(INDEX(Jesper!AJ$2:AJ$366,ROUNDDOWN($C6877/24,0)+1,1))-1)+IF('Standard Profiles'!$G$20=$B$10,7,0)+IF('Standard Profiles'!$G$20=$B$17,14,0)+IF('Standard Profiles'!$G$20=$B$24,21,0),MOD($C6877,24)+1)/SUM(INDEX($D$3:$AA$30,INDEX(Jesper!$R$2:$R$366,ROW(INDEX(Jesper!AJ$2:AJ$366,ROUNDDOWN($C6877/24,0)+1,1))-1)+IF('Standard Profiles'!$G$20=$B$10,7,0)+IF('Standard Profiles'!$G$20=$B$17,14,0)+IF('Standard Profiles'!$G$20=$B$24,21,0),0)),0)</f>
        <v>0</v>
      </c>
      <c r="G6877" cm="1">
        <f t="array" ref="G6877">IFERROR(INDEX(Jesper!AK$2:AK$366,ROUNDDOWN($C6877/24,0)+1,1)*INDEX($D$3:$AA$30,INDEX(Jesper!$R$2:$R$366,ROW(INDEX(Jesper!AK$2:AK$366,ROUNDDOWN($C6877/24,0)+1,1))-1)+IF('Standard Profiles'!$G$21=$B$10,7,0)+IF('Standard Profiles'!$G$21=$B$17,14,0)+IF('Standard Profiles'!$G$21=$B$24,21,0),MOD($C6877,24)+1)/SUM(INDEX($D$3:$AA$30,INDEX(Jesper!$R$2:$R$366,ROW(INDEX(Jesper!AK$2:AK$366,ROUNDDOWN($C6877/24,0)+1,1))-1)+IF('Standard Profiles'!$G$21=$B$10,7,0)+IF('Standard Profiles'!$G$21=$B$17,14,0)+IF('Standard Profiles'!$G$21=$B$24,21,0),0)),0)</f>
        <v>0.1845208781784437</v>
      </c>
      <c r="H6877" cm="1">
        <f t="array" ref="H6877">IFERROR(INDEX(Jesper!AL$2:AL$366,ROUNDDOWN($C6877/24,0)+1,1)*INDEX($D$3:$AA$30,INDEX(Jesper!$R$2:$R$366,ROW(INDEX(Jesper!AL$2:AL$366,ROUNDDOWN($C6877/24,0)+1,1))-1)+IF('Standard Profiles'!$G$22=$B$10,7,0)+IF('Standard Profiles'!$G$22=$B$17,14,0)+IF('Standard Profiles'!$G$22=$B$24,21,0),MOD($C6877,24)+1)/SUM(INDEX($D$3:$AA$30,INDEX(Jesper!$R$2:$R$366,ROW(INDEX(Jesper!AL$2:AL$366,ROUNDDOWN($C6877/24,0)+1,1))-1)+IF('Standard Profiles'!$G$22=$B$10,7,0)+IF('Standard Profiles'!$G$22=$B$17,14,0)+IF('Standard Profiles'!$G$22=$B$24,21,0),0)),0)</f>
        <v>0</v>
      </c>
      <c r="I6877">
        <f t="shared" si="762"/>
        <v>8.8570021525652937E-2</v>
      </c>
      <c r="J6877">
        <f t="shared" si="763"/>
        <v>6.3280078041950913</v>
      </c>
      <c r="K6877">
        <f t="shared" si="764"/>
        <v>0.5271556251961883</v>
      </c>
      <c r="L6877">
        <f t="shared" si="765"/>
        <v>0.26357781259809415</v>
      </c>
      <c r="M6877">
        <f t="shared" si="766"/>
        <v>0</v>
      </c>
      <c r="N6877" s="45">
        <f t="shared" si="767"/>
        <v>45212.124999983404</v>
      </c>
    </row>
    <row r="6878" spans="2:14" x14ac:dyDescent="0.25">
      <c r="B6878">
        <f t="shared" si="761"/>
        <v>5</v>
      </c>
      <c r="C6878" s="16">
        <v>6844</v>
      </c>
      <c r="D6878" cm="1">
        <f t="array" ref="D6878">IFERROR(INDEX(Jesper!AH$2:AH$366,ROUNDDOWN($C6878/24,0)+1,1)*INDEX($D$3:$AA$30,INDEX(Jesper!$R$2:$R$366,ROW(INDEX(Jesper!AH$2:AH$366,ROUNDDOWN($C6878/24,0)+1,1))-1)+IF('Standard Profiles'!$G$18=$B$10,7,0)+IF('Standard Profiles'!$G$18=$B$17,14,0)+IF('Standard Profiles'!$G$18=$B$24,21,0),MOD($C6878,24)+1)/SUM(INDEX($D$3:$AA$30,INDEX(Jesper!$R$2:$R$366,ROW(INDEX(Jesper!AH$2:AH$366,ROUNDDOWN($C6878/24,0)+1,1))-1)+IF('Standard Profiles'!$G$18=$B$10,7,0)+IF('Standard Profiles'!$G$18=$B$17,14,0)+IF('Standard Profiles'!$G$18=$B$24,21,0),0)),0)</f>
        <v>4.9420839862142651</v>
      </c>
      <c r="E6878" cm="1">
        <f t="array" ref="E6878">IFERROR(INDEX(Jesper!AI$2:AI$366,ROUNDDOWN($C6878/24,0)+1,1)*INDEX($D$3:$AA$30,INDEX(Jesper!$R$2:$R$366,ROW(INDEX(Jesper!AI$2:AI$366,ROUNDDOWN($C6878/24,0)+1,1))-1)+IF('Standard Profiles'!$G$19=$B$10,7,0)+IF('Standard Profiles'!$G$19=$B$17,14,0)+IF('Standard Profiles'!$G$19=$B$24,21,0),MOD($C6878,24)+1)/SUM(INDEX($D$3:$AA$30,INDEX(Jesper!$R$2:$R$366,ROW(INDEX(Jesper!AI$2:AI$366,ROUNDDOWN($C6878/24,0)+1,1))-1)+IF('Standard Profiles'!$G$19=$B$10,7,0)+IF('Standard Profiles'!$G$19=$B$17,14,0)+IF('Standard Profiles'!$G$19=$B$24,21,0),0)),0)</f>
        <v>2.0807063991223189</v>
      </c>
      <c r="F6878" cm="1">
        <f t="array" ref="F6878">IFERROR(INDEX(Jesper!AJ$2:AJ$366,ROUNDDOWN($C6878/24,0)+1,1)*INDEX($D$3:$AA$30,INDEX(Jesper!$R$2:$R$366,ROW(INDEX(Jesper!AJ$2:AJ$366,ROUNDDOWN($C6878/24,0)+1,1))-1)+IF('Standard Profiles'!$G$20=$B$10,7,0)+IF('Standard Profiles'!$G$20=$B$17,14,0)+IF('Standard Profiles'!$G$20=$B$24,21,0),MOD($C6878,24)+1)/SUM(INDEX($D$3:$AA$30,INDEX(Jesper!$R$2:$R$366,ROW(INDEX(Jesper!AJ$2:AJ$366,ROUNDDOWN($C6878/24,0)+1,1))-1)+IF('Standard Profiles'!$G$20=$B$10,7,0)+IF('Standard Profiles'!$G$20=$B$17,14,0)+IF('Standard Profiles'!$G$20=$B$24,21,0),0)),0)</f>
        <v>0</v>
      </c>
      <c r="G6878" cm="1">
        <f t="array" ref="G6878">IFERROR(INDEX(Jesper!AK$2:AK$366,ROUNDDOWN($C6878/24,0)+1,1)*INDEX($D$3:$AA$30,INDEX(Jesper!$R$2:$R$366,ROW(INDEX(Jesper!AK$2:AK$366,ROUNDDOWN($C6878/24,0)+1,1))-1)+IF('Standard Profiles'!$G$21=$B$10,7,0)+IF('Standard Profiles'!$G$21=$B$17,14,0)+IF('Standard Profiles'!$G$21=$B$24,21,0),MOD($C6878,24)+1)/SUM(INDEX($D$3:$AA$30,INDEX(Jesper!$R$2:$R$366,ROW(INDEX(Jesper!AK$2:AK$366,ROUNDDOWN($C6878/24,0)+1,1))-1)+IF('Standard Profiles'!$G$21=$B$10,7,0)+IF('Standard Profiles'!$G$21=$B$17,14,0)+IF('Standard Profiles'!$G$21=$B$24,21,0),0)),0)</f>
        <v>0.1845208781784437</v>
      </c>
      <c r="H6878" cm="1">
        <f t="array" ref="H6878">IFERROR(INDEX(Jesper!AL$2:AL$366,ROUNDDOWN($C6878/24,0)+1,1)*INDEX($D$3:$AA$30,INDEX(Jesper!$R$2:$R$366,ROW(INDEX(Jesper!AL$2:AL$366,ROUNDDOWN($C6878/24,0)+1,1))-1)+IF('Standard Profiles'!$G$22=$B$10,7,0)+IF('Standard Profiles'!$G$22=$B$17,14,0)+IF('Standard Profiles'!$G$22=$B$24,21,0),MOD($C6878,24)+1)/SUM(INDEX($D$3:$AA$30,INDEX(Jesper!$R$2:$R$366,ROW(INDEX(Jesper!AL$2:AL$366,ROUNDDOWN($C6878/24,0)+1,1))-1)+IF('Standard Profiles'!$G$22=$B$10,7,0)+IF('Standard Profiles'!$G$22=$B$17,14,0)+IF('Standard Profiles'!$G$22=$B$24,21,0),0)),0)</f>
        <v>0</v>
      </c>
      <c r="I6878">
        <f t="shared" si="762"/>
        <v>8.8570021525652937E-2</v>
      </c>
      <c r="J6878">
        <f t="shared" si="763"/>
        <v>6.3280078041950913</v>
      </c>
      <c r="K6878">
        <f t="shared" si="764"/>
        <v>0.5271556251961883</v>
      </c>
      <c r="L6878">
        <f t="shared" si="765"/>
        <v>0.26357781259809415</v>
      </c>
      <c r="M6878">
        <f t="shared" si="766"/>
        <v>0</v>
      </c>
      <c r="N6878" s="45">
        <f t="shared" si="767"/>
        <v>45212.166666650068</v>
      </c>
    </row>
    <row r="6879" spans="2:14" x14ac:dyDescent="0.25">
      <c r="B6879">
        <f t="shared" si="761"/>
        <v>5</v>
      </c>
      <c r="C6879" s="16">
        <v>6845</v>
      </c>
      <c r="D6879" cm="1">
        <f t="array" ref="D6879">IFERROR(INDEX(Jesper!AH$2:AH$366,ROUNDDOWN($C6879/24,0)+1,1)*INDEX($D$3:$AA$30,INDEX(Jesper!$R$2:$R$366,ROW(INDEX(Jesper!AH$2:AH$366,ROUNDDOWN($C6879/24,0)+1,1))-1)+IF('Standard Profiles'!$G$18=$B$10,7,0)+IF('Standard Profiles'!$G$18=$B$17,14,0)+IF('Standard Profiles'!$G$18=$B$24,21,0),MOD($C6879,24)+1)/SUM(INDEX($D$3:$AA$30,INDEX(Jesper!$R$2:$R$366,ROW(INDEX(Jesper!AH$2:AH$366,ROUNDDOWN($C6879/24,0)+1,1))-1)+IF('Standard Profiles'!$G$18=$B$10,7,0)+IF('Standard Profiles'!$G$18=$B$17,14,0)+IF('Standard Profiles'!$G$18=$B$24,21,0),0)),0)</f>
        <v>4.9420839862142651</v>
      </c>
      <c r="E6879" cm="1">
        <f t="array" ref="E6879">IFERROR(INDEX(Jesper!AI$2:AI$366,ROUNDDOWN($C6879/24,0)+1,1)*INDEX($D$3:$AA$30,INDEX(Jesper!$R$2:$R$366,ROW(INDEX(Jesper!AI$2:AI$366,ROUNDDOWN($C6879/24,0)+1,1))-1)+IF('Standard Profiles'!$G$19=$B$10,7,0)+IF('Standard Profiles'!$G$19=$B$17,14,0)+IF('Standard Profiles'!$G$19=$B$24,21,0),MOD($C6879,24)+1)/SUM(INDEX($D$3:$AA$30,INDEX(Jesper!$R$2:$R$366,ROW(INDEX(Jesper!AI$2:AI$366,ROUNDDOWN($C6879/24,0)+1,1))-1)+IF('Standard Profiles'!$G$19=$B$10,7,0)+IF('Standard Profiles'!$G$19=$B$17,14,0)+IF('Standard Profiles'!$G$19=$B$24,21,0),0)),0)</f>
        <v>2.0807063991223189</v>
      </c>
      <c r="F6879" cm="1">
        <f t="array" ref="F6879">IFERROR(INDEX(Jesper!AJ$2:AJ$366,ROUNDDOWN($C6879/24,0)+1,1)*INDEX($D$3:$AA$30,INDEX(Jesper!$R$2:$R$366,ROW(INDEX(Jesper!AJ$2:AJ$366,ROUNDDOWN($C6879/24,0)+1,1))-1)+IF('Standard Profiles'!$G$20=$B$10,7,0)+IF('Standard Profiles'!$G$20=$B$17,14,0)+IF('Standard Profiles'!$G$20=$B$24,21,0),MOD($C6879,24)+1)/SUM(INDEX($D$3:$AA$30,INDEX(Jesper!$R$2:$R$366,ROW(INDEX(Jesper!AJ$2:AJ$366,ROUNDDOWN($C6879/24,0)+1,1))-1)+IF('Standard Profiles'!$G$20=$B$10,7,0)+IF('Standard Profiles'!$G$20=$B$17,14,0)+IF('Standard Profiles'!$G$20=$B$24,21,0),0)),0)</f>
        <v>0</v>
      </c>
      <c r="G6879" cm="1">
        <f t="array" ref="G6879">IFERROR(INDEX(Jesper!AK$2:AK$366,ROUNDDOWN($C6879/24,0)+1,1)*INDEX($D$3:$AA$30,INDEX(Jesper!$R$2:$R$366,ROW(INDEX(Jesper!AK$2:AK$366,ROUNDDOWN($C6879/24,0)+1,1))-1)+IF('Standard Profiles'!$G$21=$B$10,7,0)+IF('Standard Profiles'!$G$21=$B$17,14,0)+IF('Standard Profiles'!$G$21=$B$24,21,0),MOD($C6879,24)+1)/SUM(INDEX($D$3:$AA$30,INDEX(Jesper!$R$2:$R$366,ROW(INDEX(Jesper!AK$2:AK$366,ROUNDDOWN($C6879/24,0)+1,1))-1)+IF('Standard Profiles'!$G$21=$B$10,7,0)+IF('Standard Profiles'!$G$21=$B$17,14,0)+IF('Standard Profiles'!$G$21=$B$24,21,0),0)),0)</f>
        <v>0.1845208781784437</v>
      </c>
      <c r="H6879" cm="1">
        <f t="array" ref="H6879">IFERROR(INDEX(Jesper!AL$2:AL$366,ROUNDDOWN($C6879/24,0)+1,1)*INDEX($D$3:$AA$30,INDEX(Jesper!$R$2:$R$366,ROW(INDEX(Jesper!AL$2:AL$366,ROUNDDOWN($C6879/24,0)+1,1))-1)+IF('Standard Profiles'!$G$22=$B$10,7,0)+IF('Standard Profiles'!$G$22=$B$17,14,0)+IF('Standard Profiles'!$G$22=$B$24,21,0),MOD($C6879,24)+1)/SUM(INDEX($D$3:$AA$30,INDEX(Jesper!$R$2:$R$366,ROW(INDEX(Jesper!AL$2:AL$366,ROUNDDOWN($C6879/24,0)+1,1))-1)+IF('Standard Profiles'!$G$22=$B$10,7,0)+IF('Standard Profiles'!$G$22=$B$17,14,0)+IF('Standard Profiles'!$G$22=$B$24,21,0),0)),0)</f>
        <v>0</v>
      </c>
      <c r="I6879">
        <f t="shared" si="762"/>
        <v>8.8570021525652937E-2</v>
      </c>
      <c r="J6879">
        <f t="shared" si="763"/>
        <v>6.3280078041950913</v>
      </c>
      <c r="K6879">
        <f t="shared" si="764"/>
        <v>0.5271556251961883</v>
      </c>
      <c r="L6879">
        <f t="shared" si="765"/>
        <v>0.26357781259809415</v>
      </c>
      <c r="M6879">
        <f t="shared" si="766"/>
        <v>0</v>
      </c>
      <c r="N6879" s="45">
        <f t="shared" si="767"/>
        <v>45212.208333316732</v>
      </c>
    </row>
    <row r="6880" spans="2:14" x14ac:dyDescent="0.25">
      <c r="B6880">
        <f t="shared" si="761"/>
        <v>5</v>
      </c>
      <c r="C6880" s="16">
        <v>6846</v>
      </c>
      <c r="D6880" cm="1">
        <f t="array" ref="D6880">IFERROR(INDEX(Jesper!AH$2:AH$366,ROUNDDOWN($C6880/24,0)+1,1)*INDEX($D$3:$AA$30,INDEX(Jesper!$R$2:$R$366,ROW(INDEX(Jesper!AH$2:AH$366,ROUNDDOWN($C6880/24,0)+1,1))-1)+IF('Standard Profiles'!$G$18=$B$10,7,0)+IF('Standard Profiles'!$G$18=$B$17,14,0)+IF('Standard Profiles'!$G$18=$B$24,21,0),MOD($C6880,24)+1)/SUM(INDEX($D$3:$AA$30,INDEX(Jesper!$R$2:$R$366,ROW(INDEX(Jesper!AH$2:AH$366,ROUNDDOWN($C6880/24,0)+1,1))-1)+IF('Standard Profiles'!$G$18=$B$10,7,0)+IF('Standard Profiles'!$G$18=$B$17,14,0)+IF('Standard Profiles'!$G$18=$B$24,21,0),0)),0)</f>
        <v>4.9420839862142651</v>
      </c>
      <c r="E6880" cm="1">
        <f t="array" ref="E6880">IFERROR(INDEX(Jesper!AI$2:AI$366,ROUNDDOWN($C6880/24,0)+1,1)*INDEX($D$3:$AA$30,INDEX(Jesper!$R$2:$R$366,ROW(INDEX(Jesper!AI$2:AI$366,ROUNDDOWN($C6880/24,0)+1,1))-1)+IF('Standard Profiles'!$G$19=$B$10,7,0)+IF('Standard Profiles'!$G$19=$B$17,14,0)+IF('Standard Profiles'!$G$19=$B$24,21,0),MOD($C6880,24)+1)/SUM(INDEX($D$3:$AA$30,INDEX(Jesper!$R$2:$R$366,ROW(INDEX(Jesper!AI$2:AI$366,ROUNDDOWN($C6880/24,0)+1,1))-1)+IF('Standard Profiles'!$G$19=$B$10,7,0)+IF('Standard Profiles'!$G$19=$B$17,14,0)+IF('Standard Profiles'!$G$19=$B$24,21,0),0)),0)</f>
        <v>2.0807063991223189</v>
      </c>
      <c r="F6880" cm="1">
        <f t="array" ref="F6880">IFERROR(INDEX(Jesper!AJ$2:AJ$366,ROUNDDOWN($C6880/24,0)+1,1)*INDEX($D$3:$AA$30,INDEX(Jesper!$R$2:$R$366,ROW(INDEX(Jesper!AJ$2:AJ$366,ROUNDDOWN($C6880/24,0)+1,1))-1)+IF('Standard Profiles'!$G$20=$B$10,7,0)+IF('Standard Profiles'!$G$20=$B$17,14,0)+IF('Standard Profiles'!$G$20=$B$24,21,0),MOD($C6880,24)+1)/SUM(INDEX($D$3:$AA$30,INDEX(Jesper!$R$2:$R$366,ROW(INDEX(Jesper!AJ$2:AJ$366,ROUNDDOWN($C6880/24,0)+1,1))-1)+IF('Standard Profiles'!$G$20=$B$10,7,0)+IF('Standard Profiles'!$G$20=$B$17,14,0)+IF('Standard Profiles'!$G$20=$B$24,21,0),0)),0)</f>
        <v>0</v>
      </c>
      <c r="G6880" cm="1">
        <f t="array" ref="G6880">IFERROR(INDEX(Jesper!AK$2:AK$366,ROUNDDOWN($C6880/24,0)+1,1)*INDEX($D$3:$AA$30,INDEX(Jesper!$R$2:$R$366,ROW(INDEX(Jesper!AK$2:AK$366,ROUNDDOWN($C6880/24,0)+1,1))-1)+IF('Standard Profiles'!$G$21=$B$10,7,0)+IF('Standard Profiles'!$G$21=$B$17,14,0)+IF('Standard Profiles'!$G$21=$B$24,21,0),MOD($C6880,24)+1)/SUM(INDEX($D$3:$AA$30,INDEX(Jesper!$R$2:$R$366,ROW(INDEX(Jesper!AK$2:AK$366,ROUNDDOWN($C6880/24,0)+1,1))-1)+IF('Standard Profiles'!$G$21=$B$10,7,0)+IF('Standard Profiles'!$G$21=$B$17,14,0)+IF('Standard Profiles'!$G$21=$B$24,21,0),0)),0)</f>
        <v>0.1845208781784437</v>
      </c>
      <c r="H6880" cm="1">
        <f t="array" ref="H6880">IFERROR(INDEX(Jesper!AL$2:AL$366,ROUNDDOWN($C6880/24,0)+1,1)*INDEX($D$3:$AA$30,INDEX(Jesper!$R$2:$R$366,ROW(INDEX(Jesper!AL$2:AL$366,ROUNDDOWN($C6880/24,0)+1,1))-1)+IF('Standard Profiles'!$G$22=$B$10,7,0)+IF('Standard Profiles'!$G$22=$B$17,14,0)+IF('Standard Profiles'!$G$22=$B$24,21,0),MOD($C6880,24)+1)/SUM(INDEX($D$3:$AA$30,INDEX(Jesper!$R$2:$R$366,ROW(INDEX(Jesper!AL$2:AL$366,ROUNDDOWN($C6880/24,0)+1,1))-1)+IF('Standard Profiles'!$G$22=$B$10,7,0)+IF('Standard Profiles'!$G$22=$B$17,14,0)+IF('Standard Profiles'!$G$22=$B$24,21,0),0)),0)</f>
        <v>0</v>
      </c>
      <c r="I6880">
        <f t="shared" si="762"/>
        <v>8.8570021525652937E-2</v>
      </c>
      <c r="J6880">
        <f t="shared" si="763"/>
        <v>6.3280078041950913</v>
      </c>
      <c r="K6880">
        <f t="shared" si="764"/>
        <v>0.5271556251961883</v>
      </c>
      <c r="L6880">
        <f t="shared" si="765"/>
        <v>0.26357781259809415</v>
      </c>
      <c r="M6880">
        <f t="shared" si="766"/>
        <v>0</v>
      </c>
      <c r="N6880" s="45">
        <f t="shared" si="767"/>
        <v>45212.249999983396</v>
      </c>
    </row>
    <row r="6881" spans="2:14" x14ac:dyDescent="0.25">
      <c r="B6881">
        <f t="shared" si="761"/>
        <v>5</v>
      </c>
      <c r="C6881" s="16">
        <v>6847</v>
      </c>
      <c r="D6881" cm="1">
        <f t="array" ref="D6881">IFERROR(INDEX(Jesper!AH$2:AH$366,ROUNDDOWN($C6881/24,0)+1,1)*INDEX($D$3:$AA$30,INDEX(Jesper!$R$2:$R$366,ROW(INDEX(Jesper!AH$2:AH$366,ROUNDDOWN($C6881/24,0)+1,1))-1)+IF('Standard Profiles'!$G$18=$B$10,7,0)+IF('Standard Profiles'!$G$18=$B$17,14,0)+IF('Standard Profiles'!$G$18=$B$24,21,0),MOD($C6881,24)+1)/SUM(INDEX($D$3:$AA$30,INDEX(Jesper!$R$2:$R$366,ROW(INDEX(Jesper!AH$2:AH$366,ROUNDDOWN($C6881/24,0)+1,1))-1)+IF('Standard Profiles'!$G$18=$B$10,7,0)+IF('Standard Profiles'!$G$18=$B$17,14,0)+IF('Standard Profiles'!$G$18=$B$24,21,0),0)),0)</f>
        <v>21.053277781272772</v>
      </c>
      <c r="E6881" cm="1">
        <f t="array" ref="E6881">IFERROR(INDEX(Jesper!AI$2:AI$366,ROUNDDOWN($C6881/24,0)+1,1)*INDEX($D$3:$AA$30,INDEX(Jesper!$R$2:$R$366,ROW(INDEX(Jesper!AI$2:AI$366,ROUNDDOWN($C6881/24,0)+1,1))-1)+IF('Standard Profiles'!$G$19=$B$10,7,0)+IF('Standard Profiles'!$G$19=$B$17,14,0)+IF('Standard Profiles'!$G$19=$B$24,21,0),MOD($C6881,24)+1)/SUM(INDEX($D$3:$AA$30,INDEX(Jesper!$R$2:$R$366,ROW(INDEX(Jesper!AI$2:AI$366,ROUNDDOWN($C6881/24,0)+1,1))-1)+IF('Standard Profiles'!$G$19=$B$10,7,0)+IF('Standard Profiles'!$G$19=$B$17,14,0)+IF('Standard Profiles'!$G$19=$B$24,21,0),0)),0)</f>
        <v>8.8638092602610765</v>
      </c>
      <c r="F6881" cm="1">
        <f t="array" ref="F6881">IFERROR(INDEX(Jesper!AJ$2:AJ$366,ROUNDDOWN($C6881/24,0)+1,1)*INDEX($D$3:$AA$30,INDEX(Jesper!$R$2:$R$366,ROW(INDEX(Jesper!AJ$2:AJ$366,ROUNDDOWN($C6881/24,0)+1,1))-1)+IF('Standard Profiles'!$G$20=$B$10,7,0)+IF('Standard Profiles'!$G$20=$B$17,14,0)+IF('Standard Profiles'!$G$20=$B$24,21,0),MOD($C6881,24)+1)/SUM(INDEX($D$3:$AA$30,INDEX(Jesper!$R$2:$R$366,ROW(INDEX(Jesper!AJ$2:AJ$366,ROUNDDOWN($C6881/24,0)+1,1))-1)+IF('Standard Profiles'!$G$20=$B$10,7,0)+IF('Standard Profiles'!$G$20=$B$17,14,0)+IF('Standard Profiles'!$G$20=$B$24,21,0),0)),0)</f>
        <v>0</v>
      </c>
      <c r="G6881" cm="1">
        <f t="array" ref="G6881">IFERROR(INDEX(Jesper!AK$2:AK$366,ROUNDDOWN($C6881/24,0)+1,1)*INDEX($D$3:$AA$30,INDEX(Jesper!$R$2:$R$366,ROW(INDEX(Jesper!AK$2:AK$366,ROUNDDOWN($C6881/24,0)+1,1))-1)+IF('Standard Profiles'!$G$21=$B$10,7,0)+IF('Standard Profiles'!$G$21=$B$17,14,0)+IF('Standard Profiles'!$G$21=$B$24,21,0),MOD($C6881,24)+1)/SUM(INDEX($D$3:$AA$30,INDEX(Jesper!$R$2:$R$366,ROW(INDEX(Jesper!AK$2:AK$366,ROUNDDOWN($C6881/24,0)+1,1))-1)+IF('Standard Profiles'!$G$21=$B$10,7,0)+IF('Standard Profiles'!$G$21=$B$17,14,0)+IF('Standard Profiles'!$G$21=$B$24,21,0),0)),0)</f>
        <v>0.49999205699965393</v>
      </c>
      <c r="H6881" cm="1">
        <f t="array" ref="H6881">IFERROR(INDEX(Jesper!AL$2:AL$366,ROUNDDOWN($C6881/24,0)+1,1)*INDEX($D$3:$AA$30,INDEX(Jesper!$R$2:$R$366,ROW(INDEX(Jesper!AL$2:AL$366,ROUNDDOWN($C6881/24,0)+1,1))-1)+IF('Standard Profiles'!$G$22=$B$10,7,0)+IF('Standard Profiles'!$G$22=$B$17,14,0)+IF('Standard Profiles'!$G$22=$B$24,21,0),MOD($C6881,24)+1)/SUM(INDEX($D$3:$AA$30,INDEX(Jesper!$R$2:$R$366,ROW(INDEX(Jesper!AL$2:AL$366,ROUNDDOWN($C6881/24,0)+1,1))-1)+IF('Standard Profiles'!$G$22=$B$10,7,0)+IF('Standard Profiles'!$G$22=$B$17,14,0)+IF('Standard Profiles'!$G$22=$B$24,21,0),0)),0)</f>
        <v>0</v>
      </c>
      <c r="I6881">
        <f t="shared" si="762"/>
        <v>0.23999618735983377</v>
      </c>
      <c r="J6881">
        <f t="shared" si="763"/>
        <v>26.808558466170023</v>
      </c>
      <c r="K6881">
        <f t="shared" si="764"/>
        <v>2.2456829633357627</v>
      </c>
      <c r="L6881">
        <f t="shared" si="765"/>
        <v>1.1228414816678813</v>
      </c>
      <c r="M6881">
        <f t="shared" si="766"/>
        <v>0</v>
      </c>
      <c r="N6881" s="45">
        <f t="shared" si="767"/>
        <v>45212.291666650061</v>
      </c>
    </row>
    <row r="6882" spans="2:14" x14ac:dyDescent="0.25">
      <c r="B6882">
        <f t="shared" si="761"/>
        <v>5</v>
      </c>
      <c r="C6882" s="16">
        <v>6848</v>
      </c>
      <c r="D6882" cm="1">
        <f t="array" ref="D6882">IFERROR(INDEX(Jesper!AH$2:AH$366,ROUNDDOWN($C6882/24,0)+1,1)*INDEX($D$3:$AA$30,INDEX(Jesper!$R$2:$R$366,ROW(INDEX(Jesper!AH$2:AH$366,ROUNDDOWN($C6882/24,0)+1,1))-1)+IF('Standard Profiles'!$G$18=$B$10,7,0)+IF('Standard Profiles'!$G$18=$B$17,14,0)+IF('Standard Profiles'!$G$18=$B$24,21,0),MOD($C6882,24)+1)/SUM(INDEX($D$3:$AA$30,INDEX(Jesper!$R$2:$R$366,ROW(INDEX(Jesper!AH$2:AH$366,ROUNDDOWN($C6882/24,0)+1,1))-1)+IF('Standard Profiles'!$G$18=$B$10,7,0)+IF('Standard Profiles'!$G$18=$B$17,14,0)+IF('Standard Profiles'!$G$18=$B$24,21,0),0)),0)</f>
        <v>26.316597226590964</v>
      </c>
      <c r="E6882" cm="1">
        <f t="array" ref="E6882">IFERROR(INDEX(Jesper!AI$2:AI$366,ROUNDDOWN($C6882/24,0)+1,1)*INDEX($D$3:$AA$30,INDEX(Jesper!$R$2:$R$366,ROW(INDEX(Jesper!AI$2:AI$366,ROUNDDOWN($C6882/24,0)+1,1))-1)+IF('Standard Profiles'!$G$19=$B$10,7,0)+IF('Standard Profiles'!$G$19=$B$17,14,0)+IF('Standard Profiles'!$G$19=$B$24,21,0),MOD($C6882,24)+1)/SUM(INDEX($D$3:$AA$30,INDEX(Jesper!$R$2:$R$366,ROW(INDEX(Jesper!AI$2:AI$366,ROUNDDOWN($C6882/24,0)+1,1))-1)+IF('Standard Profiles'!$G$19=$B$10,7,0)+IF('Standard Profiles'!$G$19=$B$17,14,0)+IF('Standard Profiles'!$G$19=$B$24,21,0),0)),0)</f>
        <v>11.079761575326346</v>
      </c>
      <c r="F6882" cm="1">
        <f t="array" ref="F6882">IFERROR(INDEX(Jesper!AJ$2:AJ$366,ROUNDDOWN($C6882/24,0)+1,1)*INDEX($D$3:$AA$30,INDEX(Jesper!$R$2:$R$366,ROW(INDEX(Jesper!AJ$2:AJ$366,ROUNDDOWN($C6882/24,0)+1,1))-1)+IF('Standard Profiles'!$G$20=$B$10,7,0)+IF('Standard Profiles'!$G$20=$B$17,14,0)+IF('Standard Profiles'!$G$20=$B$24,21,0),MOD($C6882,24)+1)/SUM(INDEX($D$3:$AA$30,INDEX(Jesper!$R$2:$R$366,ROW(INDEX(Jesper!AJ$2:AJ$366,ROUNDDOWN($C6882/24,0)+1,1))-1)+IF('Standard Profiles'!$G$20=$B$10,7,0)+IF('Standard Profiles'!$G$20=$B$17,14,0)+IF('Standard Profiles'!$G$20=$B$24,21,0),0)),0)</f>
        <v>0</v>
      </c>
      <c r="G6882" cm="1">
        <f t="array" ref="G6882">IFERROR(INDEX(Jesper!AK$2:AK$366,ROUNDDOWN($C6882/24,0)+1,1)*INDEX($D$3:$AA$30,INDEX(Jesper!$R$2:$R$366,ROW(INDEX(Jesper!AK$2:AK$366,ROUNDDOWN($C6882/24,0)+1,1))-1)+IF('Standard Profiles'!$G$21=$B$10,7,0)+IF('Standard Profiles'!$G$21=$B$17,14,0)+IF('Standard Profiles'!$G$21=$B$24,21,0),MOD($C6882,24)+1)/SUM(INDEX($D$3:$AA$30,INDEX(Jesper!$R$2:$R$366,ROW(INDEX(Jesper!AK$2:AK$366,ROUNDDOWN($C6882/24,0)+1,1))-1)+IF('Standard Profiles'!$G$21=$B$10,7,0)+IF('Standard Profiles'!$G$21=$B$17,14,0)+IF('Standard Profiles'!$G$21=$B$24,21,0),0)),0)</f>
        <v>0.6249900712495674</v>
      </c>
      <c r="H6882" cm="1">
        <f t="array" ref="H6882">IFERROR(INDEX(Jesper!AL$2:AL$366,ROUNDDOWN($C6882/24,0)+1,1)*INDEX($D$3:$AA$30,INDEX(Jesper!$R$2:$R$366,ROW(INDEX(Jesper!AL$2:AL$366,ROUNDDOWN($C6882/24,0)+1,1))-1)+IF('Standard Profiles'!$G$22=$B$10,7,0)+IF('Standard Profiles'!$G$22=$B$17,14,0)+IF('Standard Profiles'!$G$22=$B$24,21,0),MOD($C6882,24)+1)/SUM(INDEX($D$3:$AA$30,INDEX(Jesper!$R$2:$R$366,ROW(INDEX(Jesper!AL$2:AL$366,ROUNDDOWN($C6882/24,0)+1,1))-1)+IF('Standard Profiles'!$G$22=$B$10,7,0)+IF('Standard Profiles'!$G$22=$B$17,14,0)+IF('Standard Profiles'!$G$22=$B$24,21,0),0)),0)</f>
        <v>0</v>
      </c>
      <c r="I6882">
        <f t="shared" si="762"/>
        <v>0.29999523419979218</v>
      </c>
      <c r="J6882">
        <f t="shared" si="763"/>
        <v>33.51069808271253</v>
      </c>
      <c r="K6882">
        <f t="shared" si="764"/>
        <v>2.8071037041697031</v>
      </c>
      <c r="L6882">
        <f t="shared" si="765"/>
        <v>1.4035518520848516</v>
      </c>
      <c r="M6882">
        <f t="shared" si="766"/>
        <v>0</v>
      </c>
      <c r="N6882" s="45">
        <f t="shared" si="767"/>
        <v>45212.333333316725</v>
      </c>
    </row>
    <row r="6883" spans="2:14" x14ac:dyDescent="0.25">
      <c r="B6883">
        <f t="shared" ref="B6883:B6946" si="768">WEEKDAY(N6883,2)</f>
        <v>5</v>
      </c>
      <c r="C6883" s="16">
        <v>6849</v>
      </c>
      <c r="D6883" cm="1">
        <f t="array" ref="D6883">IFERROR(INDEX(Jesper!AH$2:AH$366,ROUNDDOWN($C6883/24,0)+1,1)*INDEX($D$3:$AA$30,INDEX(Jesper!$R$2:$R$366,ROW(INDEX(Jesper!AH$2:AH$366,ROUNDDOWN($C6883/24,0)+1,1))-1)+IF('Standard Profiles'!$G$18=$B$10,7,0)+IF('Standard Profiles'!$G$18=$B$17,14,0)+IF('Standard Profiles'!$G$18=$B$24,21,0),MOD($C6883,24)+1)/SUM(INDEX($D$3:$AA$30,INDEX(Jesper!$R$2:$R$366,ROW(INDEX(Jesper!AH$2:AH$366,ROUNDDOWN($C6883/24,0)+1,1))-1)+IF('Standard Profiles'!$G$18=$B$10,7,0)+IF('Standard Profiles'!$G$18=$B$17,14,0)+IF('Standard Profiles'!$G$18=$B$24,21,0),0)),0)</f>
        <v>28.948256949250059</v>
      </c>
      <c r="E6883" cm="1">
        <f t="array" ref="E6883">IFERROR(INDEX(Jesper!AI$2:AI$366,ROUNDDOWN($C6883/24,0)+1,1)*INDEX($D$3:$AA$30,INDEX(Jesper!$R$2:$R$366,ROW(INDEX(Jesper!AI$2:AI$366,ROUNDDOWN($C6883/24,0)+1,1))-1)+IF('Standard Profiles'!$G$19=$B$10,7,0)+IF('Standard Profiles'!$G$19=$B$17,14,0)+IF('Standard Profiles'!$G$19=$B$24,21,0),MOD($C6883,24)+1)/SUM(INDEX($D$3:$AA$30,INDEX(Jesper!$R$2:$R$366,ROW(INDEX(Jesper!AI$2:AI$366,ROUNDDOWN($C6883/24,0)+1,1))-1)+IF('Standard Profiles'!$G$19=$B$10,7,0)+IF('Standard Profiles'!$G$19=$B$17,14,0)+IF('Standard Profiles'!$G$19=$B$24,21,0),0)),0)</f>
        <v>12.187737732858983</v>
      </c>
      <c r="F6883" cm="1">
        <f t="array" ref="F6883">IFERROR(INDEX(Jesper!AJ$2:AJ$366,ROUNDDOWN($C6883/24,0)+1,1)*INDEX($D$3:$AA$30,INDEX(Jesper!$R$2:$R$366,ROW(INDEX(Jesper!AJ$2:AJ$366,ROUNDDOWN($C6883/24,0)+1,1))-1)+IF('Standard Profiles'!$G$20=$B$10,7,0)+IF('Standard Profiles'!$G$20=$B$17,14,0)+IF('Standard Profiles'!$G$20=$B$24,21,0),MOD($C6883,24)+1)/SUM(INDEX($D$3:$AA$30,INDEX(Jesper!$R$2:$R$366,ROW(INDEX(Jesper!AJ$2:AJ$366,ROUNDDOWN($C6883/24,0)+1,1))-1)+IF('Standard Profiles'!$G$20=$B$10,7,0)+IF('Standard Profiles'!$G$20=$B$17,14,0)+IF('Standard Profiles'!$G$20=$B$24,21,0),0)),0)</f>
        <v>0</v>
      </c>
      <c r="G6883" cm="1">
        <f t="array" ref="G6883">IFERROR(INDEX(Jesper!AK$2:AK$366,ROUNDDOWN($C6883/24,0)+1,1)*INDEX($D$3:$AA$30,INDEX(Jesper!$R$2:$R$366,ROW(INDEX(Jesper!AK$2:AK$366,ROUNDDOWN($C6883/24,0)+1,1))-1)+IF('Standard Profiles'!$G$21=$B$10,7,0)+IF('Standard Profiles'!$G$21=$B$17,14,0)+IF('Standard Profiles'!$G$21=$B$24,21,0),MOD($C6883,24)+1)/SUM(INDEX($D$3:$AA$30,INDEX(Jesper!$R$2:$R$366,ROW(INDEX(Jesper!AK$2:AK$366,ROUNDDOWN($C6883/24,0)+1,1))-1)+IF('Standard Profiles'!$G$21=$B$10,7,0)+IF('Standard Profiles'!$G$21=$B$17,14,0)+IF('Standard Profiles'!$G$21=$B$24,21,0),0)),0)</f>
        <v>0.68748907837452422</v>
      </c>
      <c r="H6883" cm="1">
        <f t="array" ref="H6883">IFERROR(INDEX(Jesper!AL$2:AL$366,ROUNDDOWN($C6883/24,0)+1,1)*INDEX($D$3:$AA$30,INDEX(Jesper!$R$2:$R$366,ROW(INDEX(Jesper!AL$2:AL$366,ROUNDDOWN($C6883/24,0)+1,1))-1)+IF('Standard Profiles'!$G$22=$B$10,7,0)+IF('Standard Profiles'!$G$22=$B$17,14,0)+IF('Standard Profiles'!$G$22=$B$24,21,0),MOD($C6883,24)+1)/SUM(INDEX($D$3:$AA$30,INDEX(Jesper!$R$2:$R$366,ROW(INDEX(Jesper!AL$2:AL$366,ROUNDDOWN($C6883/24,0)+1,1))-1)+IF('Standard Profiles'!$G$22=$B$10,7,0)+IF('Standard Profiles'!$G$22=$B$17,14,0)+IF('Standard Profiles'!$G$22=$B$24,21,0),0)),0)</f>
        <v>0</v>
      </c>
      <c r="I6883">
        <f t="shared" ref="I6883:I6946" si="769">IF($B6883&lt;6,AC$37*$D6883+AC$38*$E6883+AC$39*$F6883+AC$40*$G6883,AC$46*$D6883+AC$47*$E6883+AC$48*$F6883+AC$49*$G6883+AC$50*$H6883)</f>
        <v>0.32999475761977148</v>
      </c>
      <c r="J6883">
        <f t="shared" ref="J6883:J6946" si="770">IF($B6883&lt;6,AD$37*$D6883+AD$38*$E6883+AD$39*$F6883+AD$40*$G6883,AD$46*$D6883+AD$47*$E6883+AD$48*$F6883+AD$49*$G6883+AD$50*$H6883)</f>
        <v>36.861767890983785</v>
      </c>
      <c r="K6883">
        <f t="shared" ref="K6883:K6946" si="771">IF($B6883&lt;6,AE$37*$D6883+AE$38*$E6883+AE$39*$F6883+AE$40*$G6883,AE$46*$D6883+AE$47*$E6883+AE$48*$F6883+AE$49*$G6883+AE$50*$H6883)</f>
        <v>3.0878140745866731</v>
      </c>
      <c r="L6883">
        <f t="shared" ref="L6883:L6946" si="772">IF($B6883&lt;6,AF$37*$D6883+AF$38*$E6883+AF$39*$F6883+AF$40*$G6883,AF$46*$D6883+AF$47*$E6883+AF$48*$F6883+AF$49*$G6883+AF$50*$H6883)</f>
        <v>1.5439070372933366</v>
      </c>
      <c r="M6883">
        <f t="shared" ref="M6883:M6946" si="773">IF($B6883&lt;6,AG$37*$D6883+AG$38*$E6883+AG$39*$F6883+AG$40*$G6883,AG$46*$D6883+AG$47*$E6883+AG$48*$F6883+AG$49*$G6883+AG$50*$H6883)</f>
        <v>0</v>
      </c>
      <c r="N6883" s="45">
        <f t="shared" si="767"/>
        <v>45212.374999983389</v>
      </c>
    </row>
    <row r="6884" spans="2:14" x14ac:dyDescent="0.25">
      <c r="B6884">
        <f t="shared" si="768"/>
        <v>5</v>
      </c>
      <c r="C6884" s="16">
        <v>6850</v>
      </c>
      <c r="D6884" cm="1">
        <f t="array" ref="D6884">IFERROR(INDEX(Jesper!AH$2:AH$366,ROUNDDOWN($C6884/24,0)+1,1)*INDEX($D$3:$AA$30,INDEX(Jesper!$R$2:$R$366,ROW(INDEX(Jesper!AH$2:AH$366,ROUNDDOWN($C6884/24,0)+1,1))-1)+IF('Standard Profiles'!$G$18=$B$10,7,0)+IF('Standard Profiles'!$G$18=$B$17,14,0)+IF('Standard Profiles'!$G$18=$B$24,21,0),MOD($C6884,24)+1)/SUM(INDEX($D$3:$AA$30,INDEX(Jesper!$R$2:$R$366,ROW(INDEX(Jesper!AH$2:AH$366,ROUNDDOWN($C6884/24,0)+1,1))-1)+IF('Standard Profiles'!$G$18=$B$10,7,0)+IF('Standard Profiles'!$G$18=$B$17,14,0)+IF('Standard Profiles'!$G$18=$B$24,21,0),0)),0)</f>
        <v>28.948256949250059</v>
      </c>
      <c r="E6884" cm="1">
        <f t="array" ref="E6884">IFERROR(INDEX(Jesper!AI$2:AI$366,ROUNDDOWN($C6884/24,0)+1,1)*INDEX($D$3:$AA$30,INDEX(Jesper!$R$2:$R$366,ROW(INDEX(Jesper!AI$2:AI$366,ROUNDDOWN($C6884/24,0)+1,1))-1)+IF('Standard Profiles'!$G$19=$B$10,7,0)+IF('Standard Profiles'!$G$19=$B$17,14,0)+IF('Standard Profiles'!$G$19=$B$24,21,0),MOD($C6884,24)+1)/SUM(INDEX($D$3:$AA$30,INDEX(Jesper!$R$2:$R$366,ROW(INDEX(Jesper!AI$2:AI$366,ROUNDDOWN($C6884/24,0)+1,1))-1)+IF('Standard Profiles'!$G$19=$B$10,7,0)+IF('Standard Profiles'!$G$19=$B$17,14,0)+IF('Standard Profiles'!$G$19=$B$24,21,0),0)),0)</f>
        <v>12.187737732858983</v>
      </c>
      <c r="F6884" cm="1">
        <f t="array" ref="F6884">IFERROR(INDEX(Jesper!AJ$2:AJ$366,ROUNDDOWN($C6884/24,0)+1,1)*INDEX($D$3:$AA$30,INDEX(Jesper!$R$2:$R$366,ROW(INDEX(Jesper!AJ$2:AJ$366,ROUNDDOWN($C6884/24,0)+1,1))-1)+IF('Standard Profiles'!$G$20=$B$10,7,0)+IF('Standard Profiles'!$G$20=$B$17,14,0)+IF('Standard Profiles'!$G$20=$B$24,21,0),MOD($C6884,24)+1)/SUM(INDEX($D$3:$AA$30,INDEX(Jesper!$R$2:$R$366,ROW(INDEX(Jesper!AJ$2:AJ$366,ROUNDDOWN($C6884/24,0)+1,1))-1)+IF('Standard Profiles'!$G$20=$B$10,7,0)+IF('Standard Profiles'!$G$20=$B$17,14,0)+IF('Standard Profiles'!$G$20=$B$24,21,0),0)),0)</f>
        <v>0</v>
      </c>
      <c r="G6884" cm="1">
        <f t="array" ref="G6884">IFERROR(INDEX(Jesper!AK$2:AK$366,ROUNDDOWN($C6884/24,0)+1,1)*INDEX($D$3:$AA$30,INDEX(Jesper!$R$2:$R$366,ROW(INDEX(Jesper!AK$2:AK$366,ROUNDDOWN($C6884/24,0)+1,1))-1)+IF('Standard Profiles'!$G$21=$B$10,7,0)+IF('Standard Profiles'!$G$21=$B$17,14,0)+IF('Standard Profiles'!$G$21=$B$24,21,0),MOD($C6884,24)+1)/SUM(INDEX($D$3:$AA$30,INDEX(Jesper!$R$2:$R$366,ROW(INDEX(Jesper!AK$2:AK$366,ROUNDDOWN($C6884/24,0)+1,1))-1)+IF('Standard Profiles'!$G$21=$B$10,7,0)+IF('Standard Profiles'!$G$21=$B$17,14,0)+IF('Standard Profiles'!$G$21=$B$24,21,0),0)),0)</f>
        <v>0.68748907837452422</v>
      </c>
      <c r="H6884" cm="1">
        <f t="array" ref="H6884">IFERROR(INDEX(Jesper!AL$2:AL$366,ROUNDDOWN($C6884/24,0)+1,1)*INDEX($D$3:$AA$30,INDEX(Jesper!$R$2:$R$366,ROW(INDEX(Jesper!AL$2:AL$366,ROUNDDOWN($C6884/24,0)+1,1))-1)+IF('Standard Profiles'!$G$22=$B$10,7,0)+IF('Standard Profiles'!$G$22=$B$17,14,0)+IF('Standard Profiles'!$G$22=$B$24,21,0),MOD($C6884,24)+1)/SUM(INDEX($D$3:$AA$30,INDEX(Jesper!$R$2:$R$366,ROW(INDEX(Jesper!AL$2:AL$366,ROUNDDOWN($C6884/24,0)+1,1))-1)+IF('Standard Profiles'!$G$22=$B$10,7,0)+IF('Standard Profiles'!$G$22=$B$17,14,0)+IF('Standard Profiles'!$G$22=$B$24,21,0),0)),0)</f>
        <v>0</v>
      </c>
      <c r="I6884">
        <f t="shared" si="769"/>
        <v>0.32999475761977148</v>
      </c>
      <c r="J6884">
        <f t="shared" si="770"/>
        <v>36.861767890983785</v>
      </c>
      <c r="K6884">
        <f t="shared" si="771"/>
        <v>3.0878140745866731</v>
      </c>
      <c r="L6884">
        <f t="shared" si="772"/>
        <v>1.5439070372933366</v>
      </c>
      <c r="M6884">
        <f t="shared" si="773"/>
        <v>0</v>
      </c>
      <c r="N6884" s="45">
        <f t="shared" ref="N6884:N6947" si="774">N6883+1/24</f>
        <v>45212.416666650053</v>
      </c>
    </row>
    <row r="6885" spans="2:14" x14ac:dyDescent="0.25">
      <c r="B6885">
        <f t="shared" si="768"/>
        <v>5</v>
      </c>
      <c r="C6885" s="16">
        <v>6851</v>
      </c>
      <c r="D6885" cm="1">
        <f t="array" ref="D6885">IFERROR(INDEX(Jesper!AH$2:AH$366,ROUNDDOWN($C6885/24,0)+1,1)*INDEX($D$3:$AA$30,INDEX(Jesper!$R$2:$R$366,ROW(INDEX(Jesper!AH$2:AH$366,ROUNDDOWN($C6885/24,0)+1,1))-1)+IF('Standard Profiles'!$G$18=$B$10,7,0)+IF('Standard Profiles'!$G$18=$B$17,14,0)+IF('Standard Profiles'!$G$18=$B$24,21,0),MOD($C6885,24)+1)/SUM(INDEX($D$3:$AA$30,INDEX(Jesper!$R$2:$R$366,ROW(INDEX(Jesper!AH$2:AH$366,ROUNDDOWN($C6885/24,0)+1,1))-1)+IF('Standard Profiles'!$G$18=$B$10,7,0)+IF('Standard Profiles'!$G$18=$B$17,14,0)+IF('Standard Profiles'!$G$18=$B$24,21,0),0)),0)</f>
        <v>34.211576394568254</v>
      </c>
      <c r="E6885" cm="1">
        <f t="array" ref="E6885">IFERROR(INDEX(Jesper!AI$2:AI$366,ROUNDDOWN($C6885/24,0)+1,1)*INDEX($D$3:$AA$30,INDEX(Jesper!$R$2:$R$366,ROW(INDEX(Jesper!AI$2:AI$366,ROUNDDOWN($C6885/24,0)+1,1))-1)+IF('Standard Profiles'!$G$19=$B$10,7,0)+IF('Standard Profiles'!$G$19=$B$17,14,0)+IF('Standard Profiles'!$G$19=$B$24,21,0),MOD($C6885,24)+1)/SUM(INDEX($D$3:$AA$30,INDEX(Jesper!$R$2:$R$366,ROW(INDEX(Jesper!AI$2:AI$366,ROUNDDOWN($C6885/24,0)+1,1))-1)+IF('Standard Profiles'!$G$19=$B$10,7,0)+IF('Standard Profiles'!$G$19=$B$17,14,0)+IF('Standard Profiles'!$G$19=$B$24,21,0),0)),0)</f>
        <v>14.40369004792425</v>
      </c>
      <c r="F6885" cm="1">
        <f t="array" ref="F6885">IFERROR(INDEX(Jesper!AJ$2:AJ$366,ROUNDDOWN($C6885/24,0)+1,1)*INDEX($D$3:$AA$30,INDEX(Jesper!$R$2:$R$366,ROW(INDEX(Jesper!AJ$2:AJ$366,ROUNDDOWN($C6885/24,0)+1,1))-1)+IF('Standard Profiles'!$G$20=$B$10,7,0)+IF('Standard Profiles'!$G$20=$B$17,14,0)+IF('Standard Profiles'!$G$20=$B$24,21,0),MOD($C6885,24)+1)/SUM(INDEX($D$3:$AA$30,INDEX(Jesper!$R$2:$R$366,ROW(INDEX(Jesper!AJ$2:AJ$366,ROUNDDOWN($C6885/24,0)+1,1))-1)+IF('Standard Profiles'!$G$20=$B$10,7,0)+IF('Standard Profiles'!$G$20=$B$17,14,0)+IF('Standard Profiles'!$G$20=$B$24,21,0),0)),0)</f>
        <v>0</v>
      </c>
      <c r="G6885" cm="1">
        <f t="array" ref="G6885">IFERROR(INDEX(Jesper!AK$2:AK$366,ROUNDDOWN($C6885/24,0)+1,1)*INDEX($D$3:$AA$30,INDEX(Jesper!$R$2:$R$366,ROW(INDEX(Jesper!AK$2:AK$366,ROUNDDOWN($C6885/24,0)+1,1))-1)+IF('Standard Profiles'!$G$21=$B$10,7,0)+IF('Standard Profiles'!$G$21=$B$17,14,0)+IF('Standard Profiles'!$G$21=$B$24,21,0),MOD($C6885,24)+1)/SUM(INDEX($D$3:$AA$30,INDEX(Jesper!$R$2:$R$366,ROW(INDEX(Jesper!AK$2:AK$366,ROUNDDOWN($C6885/24,0)+1,1))-1)+IF('Standard Profiles'!$G$21=$B$10,7,0)+IF('Standard Profiles'!$G$21=$B$17,14,0)+IF('Standard Profiles'!$G$21=$B$24,21,0),0)),0)</f>
        <v>0.81248709262443775</v>
      </c>
      <c r="H6885" cm="1">
        <f t="array" ref="H6885">IFERROR(INDEX(Jesper!AL$2:AL$366,ROUNDDOWN($C6885/24,0)+1,1)*INDEX($D$3:$AA$30,INDEX(Jesper!$R$2:$R$366,ROW(INDEX(Jesper!AL$2:AL$366,ROUNDDOWN($C6885/24,0)+1,1))-1)+IF('Standard Profiles'!$G$22=$B$10,7,0)+IF('Standard Profiles'!$G$22=$B$17,14,0)+IF('Standard Profiles'!$G$22=$B$24,21,0),MOD($C6885,24)+1)/SUM(INDEX($D$3:$AA$30,INDEX(Jesper!$R$2:$R$366,ROW(INDEX(Jesper!AL$2:AL$366,ROUNDDOWN($C6885/24,0)+1,1))-1)+IF('Standard Profiles'!$G$22=$B$10,7,0)+IF('Standard Profiles'!$G$22=$B$17,14,0)+IF('Standard Profiles'!$G$22=$B$24,21,0),0)),0)</f>
        <v>0</v>
      </c>
      <c r="I6885">
        <f t="shared" si="769"/>
        <v>0.38999380445972992</v>
      </c>
      <c r="J6885">
        <f t="shared" si="770"/>
        <v>43.563907507526288</v>
      </c>
      <c r="K6885">
        <f t="shared" si="771"/>
        <v>3.649234815420614</v>
      </c>
      <c r="L6885">
        <f t="shared" si="772"/>
        <v>1.824617407710307</v>
      </c>
      <c r="M6885">
        <f t="shared" si="773"/>
        <v>0</v>
      </c>
      <c r="N6885" s="45">
        <f t="shared" si="774"/>
        <v>45212.458333316717</v>
      </c>
    </row>
    <row r="6886" spans="2:14" x14ac:dyDescent="0.25">
      <c r="B6886">
        <f t="shared" si="768"/>
        <v>5</v>
      </c>
      <c r="C6886" s="16">
        <v>6852</v>
      </c>
      <c r="D6886" cm="1">
        <f t="array" ref="D6886">IFERROR(INDEX(Jesper!AH$2:AH$366,ROUNDDOWN($C6886/24,0)+1,1)*INDEX($D$3:$AA$30,INDEX(Jesper!$R$2:$R$366,ROW(INDEX(Jesper!AH$2:AH$366,ROUNDDOWN($C6886/24,0)+1,1))-1)+IF('Standard Profiles'!$G$18=$B$10,7,0)+IF('Standard Profiles'!$G$18=$B$17,14,0)+IF('Standard Profiles'!$G$18=$B$24,21,0),MOD($C6886,24)+1)/SUM(INDEX($D$3:$AA$30,INDEX(Jesper!$R$2:$R$366,ROW(INDEX(Jesper!AH$2:AH$366,ROUNDDOWN($C6886/24,0)+1,1))-1)+IF('Standard Profiles'!$G$18=$B$10,7,0)+IF('Standard Profiles'!$G$18=$B$17,14,0)+IF('Standard Profiles'!$G$18=$B$24,21,0),0)),0)</f>
        <v>34.211576394568254</v>
      </c>
      <c r="E6886" cm="1">
        <f t="array" ref="E6886">IFERROR(INDEX(Jesper!AI$2:AI$366,ROUNDDOWN($C6886/24,0)+1,1)*INDEX($D$3:$AA$30,INDEX(Jesper!$R$2:$R$366,ROW(INDEX(Jesper!AI$2:AI$366,ROUNDDOWN($C6886/24,0)+1,1))-1)+IF('Standard Profiles'!$G$19=$B$10,7,0)+IF('Standard Profiles'!$G$19=$B$17,14,0)+IF('Standard Profiles'!$G$19=$B$24,21,0),MOD($C6886,24)+1)/SUM(INDEX($D$3:$AA$30,INDEX(Jesper!$R$2:$R$366,ROW(INDEX(Jesper!AI$2:AI$366,ROUNDDOWN($C6886/24,0)+1,1))-1)+IF('Standard Profiles'!$G$19=$B$10,7,0)+IF('Standard Profiles'!$G$19=$B$17,14,0)+IF('Standard Profiles'!$G$19=$B$24,21,0),0)),0)</f>
        <v>14.40369004792425</v>
      </c>
      <c r="F6886" cm="1">
        <f t="array" ref="F6886">IFERROR(INDEX(Jesper!AJ$2:AJ$366,ROUNDDOWN($C6886/24,0)+1,1)*INDEX($D$3:$AA$30,INDEX(Jesper!$R$2:$R$366,ROW(INDEX(Jesper!AJ$2:AJ$366,ROUNDDOWN($C6886/24,0)+1,1))-1)+IF('Standard Profiles'!$G$20=$B$10,7,0)+IF('Standard Profiles'!$G$20=$B$17,14,0)+IF('Standard Profiles'!$G$20=$B$24,21,0),MOD($C6886,24)+1)/SUM(INDEX($D$3:$AA$30,INDEX(Jesper!$R$2:$R$366,ROW(INDEX(Jesper!AJ$2:AJ$366,ROUNDDOWN($C6886/24,0)+1,1))-1)+IF('Standard Profiles'!$G$20=$B$10,7,0)+IF('Standard Profiles'!$G$20=$B$17,14,0)+IF('Standard Profiles'!$G$20=$B$24,21,0),0)),0)</f>
        <v>0</v>
      </c>
      <c r="G6886" cm="1">
        <f t="array" ref="G6886">IFERROR(INDEX(Jesper!AK$2:AK$366,ROUNDDOWN($C6886/24,0)+1,1)*INDEX($D$3:$AA$30,INDEX(Jesper!$R$2:$R$366,ROW(INDEX(Jesper!AK$2:AK$366,ROUNDDOWN($C6886/24,0)+1,1))-1)+IF('Standard Profiles'!$G$21=$B$10,7,0)+IF('Standard Profiles'!$G$21=$B$17,14,0)+IF('Standard Profiles'!$G$21=$B$24,21,0),MOD($C6886,24)+1)/SUM(INDEX($D$3:$AA$30,INDEX(Jesper!$R$2:$R$366,ROW(INDEX(Jesper!AK$2:AK$366,ROUNDDOWN($C6886/24,0)+1,1))-1)+IF('Standard Profiles'!$G$21=$B$10,7,0)+IF('Standard Profiles'!$G$21=$B$17,14,0)+IF('Standard Profiles'!$G$21=$B$24,21,0),0)),0)</f>
        <v>0.81248709262443775</v>
      </c>
      <c r="H6886" cm="1">
        <f t="array" ref="H6886">IFERROR(INDEX(Jesper!AL$2:AL$366,ROUNDDOWN($C6886/24,0)+1,1)*INDEX($D$3:$AA$30,INDEX(Jesper!$R$2:$R$366,ROW(INDEX(Jesper!AL$2:AL$366,ROUNDDOWN($C6886/24,0)+1,1))-1)+IF('Standard Profiles'!$G$22=$B$10,7,0)+IF('Standard Profiles'!$G$22=$B$17,14,0)+IF('Standard Profiles'!$G$22=$B$24,21,0),MOD($C6886,24)+1)/SUM(INDEX($D$3:$AA$30,INDEX(Jesper!$R$2:$R$366,ROW(INDEX(Jesper!AL$2:AL$366,ROUNDDOWN($C6886/24,0)+1,1))-1)+IF('Standard Profiles'!$G$22=$B$10,7,0)+IF('Standard Profiles'!$G$22=$B$17,14,0)+IF('Standard Profiles'!$G$22=$B$24,21,0),0)),0)</f>
        <v>0</v>
      </c>
      <c r="I6886">
        <f t="shared" si="769"/>
        <v>0.38999380445972992</v>
      </c>
      <c r="J6886">
        <f t="shared" si="770"/>
        <v>43.563907507526288</v>
      </c>
      <c r="K6886">
        <f t="shared" si="771"/>
        <v>3.649234815420614</v>
      </c>
      <c r="L6886">
        <f t="shared" si="772"/>
        <v>1.824617407710307</v>
      </c>
      <c r="M6886">
        <f t="shared" si="773"/>
        <v>0</v>
      </c>
      <c r="N6886" s="45">
        <f t="shared" si="774"/>
        <v>45212.499999983382</v>
      </c>
    </row>
    <row r="6887" spans="2:14" x14ac:dyDescent="0.25">
      <c r="B6887">
        <f t="shared" si="768"/>
        <v>5</v>
      </c>
      <c r="C6887" s="16">
        <v>6853</v>
      </c>
      <c r="D6887" cm="1">
        <f t="array" ref="D6887">IFERROR(INDEX(Jesper!AH$2:AH$366,ROUNDDOWN($C6887/24,0)+1,1)*INDEX($D$3:$AA$30,INDEX(Jesper!$R$2:$R$366,ROW(INDEX(Jesper!AH$2:AH$366,ROUNDDOWN($C6887/24,0)+1,1))-1)+IF('Standard Profiles'!$G$18=$B$10,7,0)+IF('Standard Profiles'!$G$18=$B$17,14,0)+IF('Standard Profiles'!$G$18=$B$24,21,0),MOD($C6887,24)+1)/SUM(INDEX($D$3:$AA$30,INDEX(Jesper!$R$2:$R$366,ROW(INDEX(Jesper!AH$2:AH$366,ROUNDDOWN($C6887/24,0)+1,1))-1)+IF('Standard Profiles'!$G$18=$B$10,7,0)+IF('Standard Profiles'!$G$18=$B$17,14,0)+IF('Standard Profiles'!$G$18=$B$24,21,0),0)),0)</f>
        <v>23.684937503931867</v>
      </c>
      <c r="E6887" cm="1">
        <f t="array" ref="E6887">IFERROR(INDEX(Jesper!AI$2:AI$366,ROUNDDOWN($C6887/24,0)+1,1)*INDEX($D$3:$AA$30,INDEX(Jesper!$R$2:$R$366,ROW(INDEX(Jesper!AI$2:AI$366,ROUNDDOWN($C6887/24,0)+1,1))-1)+IF('Standard Profiles'!$G$19=$B$10,7,0)+IF('Standard Profiles'!$G$19=$B$17,14,0)+IF('Standard Profiles'!$G$19=$B$24,21,0),MOD($C6887,24)+1)/SUM(INDEX($D$3:$AA$30,INDEX(Jesper!$R$2:$R$366,ROW(INDEX(Jesper!AI$2:AI$366,ROUNDDOWN($C6887/24,0)+1,1))-1)+IF('Standard Profiles'!$G$19=$B$10,7,0)+IF('Standard Profiles'!$G$19=$B$17,14,0)+IF('Standard Profiles'!$G$19=$B$24,21,0),0)),0)</f>
        <v>9.9717854177937131</v>
      </c>
      <c r="F6887" cm="1">
        <f t="array" ref="F6887">IFERROR(INDEX(Jesper!AJ$2:AJ$366,ROUNDDOWN($C6887/24,0)+1,1)*INDEX($D$3:$AA$30,INDEX(Jesper!$R$2:$R$366,ROW(INDEX(Jesper!AJ$2:AJ$366,ROUNDDOWN($C6887/24,0)+1,1))-1)+IF('Standard Profiles'!$G$20=$B$10,7,0)+IF('Standard Profiles'!$G$20=$B$17,14,0)+IF('Standard Profiles'!$G$20=$B$24,21,0),MOD($C6887,24)+1)/SUM(INDEX($D$3:$AA$30,INDEX(Jesper!$R$2:$R$366,ROW(INDEX(Jesper!AJ$2:AJ$366,ROUNDDOWN($C6887/24,0)+1,1))-1)+IF('Standard Profiles'!$G$20=$B$10,7,0)+IF('Standard Profiles'!$G$20=$B$17,14,0)+IF('Standard Profiles'!$G$20=$B$24,21,0),0)),0)</f>
        <v>0</v>
      </c>
      <c r="G6887" cm="1">
        <f t="array" ref="G6887">IFERROR(INDEX(Jesper!AK$2:AK$366,ROUNDDOWN($C6887/24,0)+1,1)*INDEX($D$3:$AA$30,INDEX(Jesper!$R$2:$R$366,ROW(INDEX(Jesper!AK$2:AK$366,ROUNDDOWN($C6887/24,0)+1,1))-1)+IF('Standard Profiles'!$G$21=$B$10,7,0)+IF('Standard Profiles'!$G$21=$B$17,14,0)+IF('Standard Profiles'!$G$21=$B$24,21,0),MOD($C6887,24)+1)/SUM(INDEX($D$3:$AA$30,INDEX(Jesper!$R$2:$R$366,ROW(INDEX(Jesper!AK$2:AK$366,ROUNDDOWN($C6887/24,0)+1,1))-1)+IF('Standard Profiles'!$G$21=$B$10,7,0)+IF('Standard Profiles'!$G$21=$B$17,14,0)+IF('Standard Profiles'!$G$21=$B$24,21,0),0)),0)</f>
        <v>0.5624910641246107</v>
      </c>
      <c r="H6887" cm="1">
        <f t="array" ref="H6887">IFERROR(INDEX(Jesper!AL$2:AL$366,ROUNDDOWN($C6887/24,0)+1,1)*INDEX($D$3:$AA$30,INDEX(Jesper!$R$2:$R$366,ROW(INDEX(Jesper!AL$2:AL$366,ROUNDDOWN($C6887/24,0)+1,1))-1)+IF('Standard Profiles'!$G$22=$B$10,7,0)+IF('Standard Profiles'!$G$22=$B$17,14,0)+IF('Standard Profiles'!$G$22=$B$24,21,0),MOD($C6887,24)+1)/SUM(INDEX($D$3:$AA$30,INDEX(Jesper!$R$2:$R$366,ROW(INDEX(Jesper!AL$2:AL$366,ROUNDDOWN($C6887/24,0)+1,1))-1)+IF('Standard Profiles'!$G$22=$B$10,7,0)+IF('Standard Profiles'!$G$22=$B$17,14,0)+IF('Standard Profiles'!$G$22=$B$24,21,0),0)),0)</f>
        <v>0</v>
      </c>
      <c r="I6887">
        <f t="shared" si="769"/>
        <v>0.26999571077981299</v>
      </c>
      <c r="J6887">
        <f t="shared" si="770"/>
        <v>30.159628274441275</v>
      </c>
      <c r="K6887">
        <f t="shared" si="771"/>
        <v>2.5263933337527327</v>
      </c>
      <c r="L6887">
        <f t="shared" si="772"/>
        <v>1.2631966668763663</v>
      </c>
      <c r="M6887">
        <f t="shared" si="773"/>
        <v>0</v>
      </c>
      <c r="N6887" s="45">
        <f t="shared" si="774"/>
        <v>45212.541666650046</v>
      </c>
    </row>
    <row r="6888" spans="2:14" x14ac:dyDescent="0.25">
      <c r="B6888">
        <f t="shared" si="768"/>
        <v>5</v>
      </c>
      <c r="C6888" s="16">
        <v>6854</v>
      </c>
      <c r="D6888" cm="1">
        <f t="array" ref="D6888">IFERROR(INDEX(Jesper!AH$2:AH$366,ROUNDDOWN($C6888/24,0)+1,1)*INDEX($D$3:$AA$30,INDEX(Jesper!$R$2:$R$366,ROW(INDEX(Jesper!AH$2:AH$366,ROUNDDOWN($C6888/24,0)+1,1))-1)+IF('Standard Profiles'!$G$18=$B$10,7,0)+IF('Standard Profiles'!$G$18=$B$17,14,0)+IF('Standard Profiles'!$G$18=$B$24,21,0),MOD($C6888,24)+1)/SUM(INDEX($D$3:$AA$30,INDEX(Jesper!$R$2:$R$366,ROW(INDEX(Jesper!AH$2:AH$366,ROUNDDOWN($C6888/24,0)+1,1))-1)+IF('Standard Profiles'!$G$18=$B$10,7,0)+IF('Standard Profiles'!$G$18=$B$17,14,0)+IF('Standard Profiles'!$G$18=$B$24,21,0),0)),0)</f>
        <v>34.211576394568254</v>
      </c>
      <c r="E6888" cm="1">
        <f t="array" ref="E6888">IFERROR(INDEX(Jesper!AI$2:AI$366,ROUNDDOWN($C6888/24,0)+1,1)*INDEX($D$3:$AA$30,INDEX(Jesper!$R$2:$R$366,ROW(INDEX(Jesper!AI$2:AI$366,ROUNDDOWN($C6888/24,0)+1,1))-1)+IF('Standard Profiles'!$G$19=$B$10,7,0)+IF('Standard Profiles'!$G$19=$B$17,14,0)+IF('Standard Profiles'!$G$19=$B$24,21,0),MOD($C6888,24)+1)/SUM(INDEX($D$3:$AA$30,INDEX(Jesper!$R$2:$R$366,ROW(INDEX(Jesper!AI$2:AI$366,ROUNDDOWN($C6888/24,0)+1,1))-1)+IF('Standard Profiles'!$G$19=$B$10,7,0)+IF('Standard Profiles'!$G$19=$B$17,14,0)+IF('Standard Profiles'!$G$19=$B$24,21,0),0)),0)</f>
        <v>14.40369004792425</v>
      </c>
      <c r="F6888" cm="1">
        <f t="array" ref="F6888">IFERROR(INDEX(Jesper!AJ$2:AJ$366,ROUNDDOWN($C6888/24,0)+1,1)*INDEX($D$3:$AA$30,INDEX(Jesper!$R$2:$R$366,ROW(INDEX(Jesper!AJ$2:AJ$366,ROUNDDOWN($C6888/24,0)+1,1))-1)+IF('Standard Profiles'!$G$20=$B$10,7,0)+IF('Standard Profiles'!$G$20=$B$17,14,0)+IF('Standard Profiles'!$G$20=$B$24,21,0),MOD($C6888,24)+1)/SUM(INDEX($D$3:$AA$30,INDEX(Jesper!$R$2:$R$366,ROW(INDEX(Jesper!AJ$2:AJ$366,ROUNDDOWN($C6888/24,0)+1,1))-1)+IF('Standard Profiles'!$G$20=$B$10,7,0)+IF('Standard Profiles'!$G$20=$B$17,14,0)+IF('Standard Profiles'!$G$20=$B$24,21,0),0)),0)</f>
        <v>0</v>
      </c>
      <c r="G6888" cm="1">
        <f t="array" ref="G6888">IFERROR(INDEX(Jesper!AK$2:AK$366,ROUNDDOWN($C6888/24,0)+1,1)*INDEX($D$3:$AA$30,INDEX(Jesper!$R$2:$R$366,ROW(INDEX(Jesper!AK$2:AK$366,ROUNDDOWN($C6888/24,0)+1,1))-1)+IF('Standard Profiles'!$G$21=$B$10,7,0)+IF('Standard Profiles'!$G$21=$B$17,14,0)+IF('Standard Profiles'!$G$21=$B$24,21,0),MOD($C6888,24)+1)/SUM(INDEX($D$3:$AA$30,INDEX(Jesper!$R$2:$R$366,ROW(INDEX(Jesper!AK$2:AK$366,ROUNDDOWN($C6888/24,0)+1,1))-1)+IF('Standard Profiles'!$G$21=$B$10,7,0)+IF('Standard Profiles'!$G$21=$B$17,14,0)+IF('Standard Profiles'!$G$21=$B$24,21,0),0)),0)</f>
        <v>0.81248709262443775</v>
      </c>
      <c r="H6888" cm="1">
        <f t="array" ref="H6888">IFERROR(INDEX(Jesper!AL$2:AL$366,ROUNDDOWN($C6888/24,0)+1,1)*INDEX($D$3:$AA$30,INDEX(Jesper!$R$2:$R$366,ROW(INDEX(Jesper!AL$2:AL$366,ROUNDDOWN($C6888/24,0)+1,1))-1)+IF('Standard Profiles'!$G$22=$B$10,7,0)+IF('Standard Profiles'!$G$22=$B$17,14,0)+IF('Standard Profiles'!$G$22=$B$24,21,0),MOD($C6888,24)+1)/SUM(INDEX($D$3:$AA$30,INDEX(Jesper!$R$2:$R$366,ROW(INDEX(Jesper!AL$2:AL$366,ROUNDDOWN($C6888/24,0)+1,1))-1)+IF('Standard Profiles'!$G$22=$B$10,7,0)+IF('Standard Profiles'!$G$22=$B$17,14,0)+IF('Standard Profiles'!$G$22=$B$24,21,0),0)),0)</f>
        <v>0</v>
      </c>
      <c r="I6888">
        <f t="shared" si="769"/>
        <v>0.38999380445972992</v>
      </c>
      <c r="J6888">
        <f t="shared" si="770"/>
        <v>43.563907507526288</v>
      </c>
      <c r="K6888">
        <f t="shared" si="771"/>
        <v>3.649234815420614</v>
      </c>
      <c r="L6888">
        <f t="shared" si="772"/>
        <v>1.824617407710307</v>
      </c>
      <c r="M6888">
        <f t="shared" si="773"/>
        <v>0</v>
      </c>
      <c r="N6888" s="45">
        <f t="shared" si="774"/>
        <v>45212.58333331671</v>
      </c>
    </row>
    <row r="6889" spans="2:14" x14ac:dyDescent="0.25">
      <c r="B6889">
        <f t="shared" si="768"/>
        <v>5</v>
      </c>
      <c r="C6889" s="16">
        <v>6855</v>
      </c>
      <c r="D6889" cm="1">
        <f t="array" ref="D6889">IFERROR(INDEX(Jesper!AH$2:AH$366,ROUNDDOWN($C6889/24,0)+1,1)*INDEX($D$3:$AA$30,INDEX(Jesper!$R$2:$R$366,ROW(INDEX(Jesper!AH$2:AH$366,ROUNDDOWN($C6889/24,0)+1,1))-1)+IF('Standard Profiles'!$G$18=$B$10,7,0)+IF('Standard Profiles'!$G$18=$B$17,14,0)+IF('Standard Profiles'!$G$18=$B$24,21,0),MOD($C6889,24)+1)/SUM(INDEX($D$3:$AA$30,INDEX(Jesper!$R$2:$R$366,ROW(INDEX(Jesper!AH$2:AH$366,ROUNDDOWN($C6889/24,0)+1,1))-1)+IF('Standard Profiles'!$G$18=$B$10,7,0)+IF('Standard Profiles'!$G$18=$B$17,14,0)+IF('Standard Profiles'!$G$18=$B$24,21,0),0)),0)</f>
        <v>26.316597226590964</v>
      </c>
      <c r="E6889" cm="1">
        <f t="array" ref="E6889">IFERROR(INDEX(Jesper!AI$2:AI$366,ROUNDDOWN($C6889/24,0)+1,1)*INDEX($D$3:$AA$30,INDEX(Jesper!$R$2:$R$366,ROW(INDEX(Jesper!AI$2:AI$366,ROUNDDOWN($C6889/24,0)+1,1))-1)+IF('Standard Profiles'!$G$19=$B$10,7,0)+IF('Standard Profiles'!$G$19=$B$17,14,0)+IF('Standard Profiles'!$G$19=$B$24,21,0),MOD($C6889,24)+1)/SUM(INDEX($D$3:$AA$30,INDEX(Jesper!$R$2:$R$366,ROW(INDEX(Jesper!AI$2:AI$366,ROUNDDOWN($C6889/24,0)+1,1))-1)+IF('Standard Profiles'!$G$19=$B$10,7,0)+IF('Standard Profiles'!$G$19=$B$17,14,0)+IF('Standard Profiles'!$G$19=$B$24,21,0),0)),0)</f>
        <v>11.079761575326346</v>
      </c>
      <c r="F6889" cm="1">
        <f t="array" ref="F6889">IFERROR(INDEX(Jesper!AJ$2:AJ$366,ROUNDDOWN($C6889/24,0)+1,1)*INDEX($D$3:$AA$30,INDEX(Jesper!$R$2:$R$366,ROW(INDEX(Jesper!AJ$2:AJ$366,ROUNDDOWN($C6889/24,0)+1,1))-1)+IF('Standard Profiles'!$G$20=$B$10,7,0)+IF('Standard Profiles'!$G$20=$B$17,14,0)+IF('Standard Profiles'!$G$20=$B$24,21,0),MOD($C6889,24)+1)/SUM(INDEX($D$3:$AA$30,INDEX(Jesper!$R$2:$R$366,ROW(INDEX(Jesper!AJ$2:AJ$366,ROUNDDOWN($C6889/24,0)+1,1))-1)+IF('Standard Profiles'!$G$20=$B$10,7,0)+IF('Standard Profiles'!$G$20=$B$17,14,0)+IF('Standard Profiles'!$G$20=$B$24,21,0),0)),0)</f>
        <v>0</v>
      </c>
      <c r="G6889" cm="1">
        <f t="array" ref="G6889">IFERROR(INDEX(Jesper!AK$2:AK$366,ROUNDDOWN($C6889/24,0)+1,1)*INDEX($D$3:$AA$30,INDEX(Jesper!$R$2:$R$366,ROW(INDEX(Jesper!AK$2:AK$366,ROUNDDOWN($C6889/24,0)+1,1))-1)+IF('Standard Profiles'!$G$21=$B$10,7,0)+IF('Standard Profiles'!$G$21=$B$17,14,0)+IF('Standard Profiles'!$G$21=$B$24,21,0),MOD($C6889,24)+1)/SUM(INDEX($D$3:$AA$30,INDEX(Jesper!$R$2:$R$366,ROW(INDEX(Jesper!AK$2:AK$366,ROUNDDOWN($C6889/24,0)+1,1))-1)+IF('Standard Profiles'!$G$21=$B$10,7,0)+IF('Standard Profiles'!$G$21=$B$17,14,0)+IF('Standard Profiles'!$G$21=$B$24,21,0),0)),0)</f>
        <v>0.68748907837452422</v>
      </c>
      <c r="H6889" cm="1">
        <f t="array" ref="H6889">IFERROR(INDEX(Jesper!AL$2:AL$366,ROUNDDOWN($C6889/24,0)+1,1)*INDEX($D$3:$AA$30,INDEX(Jesper!$R$2:$R$366,ROW(INDEX(Jesper!AL$2:AL$366,ROUNDDOWN($C6889/24,0)+1,1))-1)+IF('Standard Profiles'!$G$22=$B$10,7,0)+IF('Standard Profiles'!$G$22=$B$17,14,0)+IF('Standard Profiles'!$G$22=$B$24,21,0),MOD($C6889,24)+1)/SUM(INDEX($D$3:$AA$30,INDEX(Jesper!$R$2:$R$366,ROW(INDEX(Jesper!AL$2:AL$366,ROUNDDOWN($C6889/24,0)+1,1))-1)+IF('Standard Profiles'!$G$22=$B$10,7,0)+IF('Standard Profiles'!$G$22=$B$17,14,0)+IF('Standard Profiles'!$G$22=$B$24,21,0),0)),0)</f>
        <v>0</v>
      </c>
      <c r="I6889">
        <f t="shared" si="769"/>
        <v>0.32999475761977148</v>
      </c>
      <c r="J6889">
        <f t="shared" si="770"/>
        <v>33.543197566417511</v>
      </c>
      <c r="K6889">
        <f t="shared" si="771"/>
        <v>2.8071037041697031</v>
      </c>
      <c r="L6889">
        <f t="shared" si="772"/>
        <v>1.4035518520848516</v>
      </c>
      <c r="M6889">
        <f t="shared" si="773"/>
        <v>0</v>
      </c>
      <c r="N6889" s="45">
        <f t="shared" si="774"/>
        <v>45212.624999983374</v>
      </c>
    </row>
    <row r="6890" spans="2:14" x14ac:dyDescent="0.25">
      <c r="B6890">
        <f t="shared" si="768"/>
        <v>5</v>
      </c>
      <c r="C6890" s="16">
        <v>6856</v>
      </c>
      <c r="D6890" cm="1">
        <f t="array" ref="D6890">IFERROR(INDEX(Jesper!AH$2:AH$366,ROUNDDOWN($C6890/24,0)+1,1)*INDEX($D$3:$AA$30,INDEX(Jesper!$R$2:$R$366,ROW(INDEX(Jesper!AH$2:AH$366,ROUNDDOWN($C6890/24,0)+1,1))-1)+IF('Standard Profiles'!$G$18=$B$10,7,0)+IF('Standard Profiles'!$G$18=$B$17,14,0)+IF('Standard Profiles'!$G$18=$B$24,21,0),MOD($C6890,24)+1)/SUM(INDEX($D$3:$AA$30,INDEX(Jesper!$R$2:$R$366,ROW(INDEX(Jesper!AH$2:AH$366,ROUNDDOWN($C6890/24,0)+1,1))-1)+IF('Standard Profiles'!$G$18=$B$10,7,0)+IF('Standard Profiles'!$G$18=$B$17,14,0)+IF('Standard Profiles'!$G$18=$B$24,21,0),0)),0)</f>
        <v>12.355209965535662</v>
      </c>
      <c r="E6890" cm="1">
        <f t="array" ref="E6890">IFERROR(INDEX(Jesper!AI$2:AI$366,ROUNDDOWN($C6890/24,0)+1,1)*INDEX($D$3:$AA$30,INDEX(Jesper!$R$2:$R$366,ROW(INDEX(Jesper!AI$2:AI$366,ROUNDDOWN($C6890/24,0)+1,1))-1)+IF('Standard Profiles'!$G$19=$B$10,7,0)+IF('Standard Profiles'!$G$19=$B$17,14,0)+IF('Standard Profiles'!$G$19=$B$24,21,0),MOD($C6890,24)+1)/SUM(INDEX($D$3:$AA$30,INDEX(Jesper!$R$2:$R$366,ROW(INDEX(Jesper!AI$2:AI$366,ROUNDDOWN($C6890/24,0)+1,1))-1)+IF('Standard Profiles'!$G$19=$B$10,7,0)+IF('Standard Profiles'!$G$19=$B$17,14,0)+IF('Standard Profiles'!$G$19=$B$24,21,0),0)),0)</f>
        <v>5.2017659978057971</v>
      </c>
      <c r="F6890" cm="1">
        <f t="array" ref="F6890">IFERROR(INDEX(Jesper!AJ$2:AJ$366,ROUNDDOWN($C6890/24,0)+1,1)*INDEX($D$3:$AA$30,INDEX(Jesper!$R$2:$R$366,ROW(INDEX(Jesper!AJ$2:AJ$366,ROUNDDOWN($C6890/24,0)+1,1))-1)+IF('Standard Profiles'!$G$20=$B$10,7,0)+IF('Standard Profiles'!$G$20=$B$17,14,0)+IF('Standard Profiles'!$G$20=$B$24,21,0),MOD($C6890,24)+1)/SUM(INDEX($D$3:$AA$30,INDEX(Jesper!$R$2:$R$366,ROW(INDEX(Jesper!AJ$2:AJ$366,ROUNDDOWN($C6890/24,0)+1,1))-1)+IF('Standard Profiles'!$G$20=$B$10,7,0)+IF('Standard Profiles'!$G$20=$B$17,14,0)+IF('Standard Profiles'!$G$20=$B$24,21,0),0)),0)</f>
        <v>0</v>
      </c>
      <c r="G6890" cm="1">
        <f t="array" ref="G6890">IFERROR(INDEX(Jesper!AK$2:AK$366,ROUNDDOWN($C6890/24,0)+1,1)*INDEX($D$3:$AA$30,INDEX(Jesper!$R$2:$R$366,ROW(INDEX(Jesper!AK$2:AK$366,ROUNDDOWN($C6890/24,0)+1,1))-1)+IF('Standard Profiles'!$G$21=$B$10,7,0)+IF('Standard Profiles'!$G$21=$B$17,14,0)+IF('Standard Profiles'!$G$21=$B$24,21,0),MOD($C6890,24)+1)/SUM(INDEX($D$3:$AA$30,INDEX(Jesper!$R$2:$R$366,ROW(INDEX(Jesper!AK$2:AK$366,ROUNDDOWN($C6890/24,0)+1,1))-1)+IF('Standard Profiles'!$G$21=$B$10,7,0)+IF('Standard Profiles'!$G$21=$B$17,14,0)+IF('Standard Profiles'!$G$21=$B$24,21,0),0)),0)</f>
        <v>0.59522863928530234</v>
      </c>
      <c r="H6890" cm="1">
        <f t="array" ref="H6890">IFERROR(INDEX(Jesper!AL$2:AL$366,ROUNDDOWN($C6890/24,0)+1,1)*INDEX($D$3:$AA$30,INDEX(Jesper!$R$2:$R$366,ROW(INDEX(Jesper!AL$2:AL$366,ROUNDDOWN($C6890/24,0)+1,1))-1)+IF('Standard Profiles'!$G$22=$B$10,7,0)+IF('Standard Profiles'!$G$22=$B$17,14,0)+IF('Standard Profiles'!$G$22=$B$24,21,0),MOD($C6890,24)+1)/SUM(INDEX($D$3:$AA$30,INDEX(Jesper!$R$2:$R$366,ROW(INDEX(Jesper!AL$2:AL$366,ROUNDDOWN($C6890/24,0)+1,1))-1)+IF('Standard Profiles'!$G$22=$B$10,7,0)+IF('Standard Profiles'!$G$22=$B$17,14,0)+IF('Standard Profiles'!$G$22=$B$24,21,0),0)),0)</f>
        <v>0</v>
      </c>
      <c r="I6890">
        <f t="shared" si="769"/>
        <v>0.285709746856945</v>
      </c>
      <c r="J6890">
        <f t="shared" si="770"/>
        <v>15.889661261284111</v>
      </c>
      <c r="K6890">
        <f t="shared" si="771"/>
        <v>1.3178890629904707</v>
      </c>
      <c r="L6890">
        <f t="shared" si="772"/>
        <v>0.65894453149523535</v>
      </c>
      <c r="M6890">
        <f t="shared" si="773"/>
        <v>0</v>
      </c>
      <c r="N6890" s="45">
        <f t="shared" si="774"/>
        <v>45212.666666650039</v>
      </c>
    </row>
    <row r="6891" spans="2:14" x14ac:dyDescent="0.25">
      <c r="B6891">
        <f t="shared" si="768"/>
        <v>5</v>
      </c>
      <c r="C6891" s="16">
        <v>6857</v>
      </c>
      <c r="D6891" cm="1">
        <f t="array" ref="D6891">IFERROR(INDEX(Jesper!AH$2:AH$366,ROUNDDOWN($C6891/24,0)+1,1)*INDEX($D$3:$AA$30,INDEX(Jesper!$R$2:$R$366,ROW(INDEX(Jesper!AH$2:AH$366,ROUNDDOWN($C6891/24,0)+1,1))-1)+IF('Standard Profiles'!$G$18=$B$10,7,0)+IF('Standard Profiles'!$G$18=$B$17,14,0)+IF('Standard Profiles'!$G$18=$B$24,21,0),MOD($C6891,24)+1)/SUM(INDEX($D$3:$AA$30,INDEX(Jesper!$R$2:$R$366,ROW(INDEX(Jesper!AH$2:AH$366,ROUNDDOWN($C6891/24,0)+1,1))-1)+IF('Standard Profiles'!$G$18=$B$10,7,0)+IF('Standard Profiles'!$G$18=$B$17,14,0)+IF('Standard Profiles'!$G$18=$B$24,21,0),0)),0)</f>
        <v>8.1544385772535382</v>
      </c>
      <c r="E6891" cm="1">
        <f t="array" ref="E6891">IFERROR(INDEX(Jesper!AI$2:AI$366,ROUNDDOWN($C6891/24,0)+1,1)*INDEX($D$3:$AA$30,INDEX(Jesper!$R$2:$R$366,ROW(INDEX(Jesper!AI$2:AI$366,ROUNDDOWN($C6891/24,0)+1,1))-1)+IF('Standard Profiles'!$G$19=$B$10,7,0)+IF('Standard Profiles'!$G$19=$B$17,14,0)+IF('Standard Profiles'!$G$19=$B$24,21,0),MOD($C6891,24)+1)/SUM(INDEX($D$3:$AA$30,INDEX(Jesper!$R$2:$R$366,ROW(INDEX(Jesper!AI$2:AI$366,ROUNDDOWN($C6891/24,0)+1,1))-1)+IF('Standard Profiles'!$G$19=$B$10,7,0)+IF('Standard Profiles'!$G$19=$B$17,14,0)+IF('Standard Profiles'!$G$19=$B$24,21,0),0)),0)</f>
        <v>3.4331655585518259</v>
      </c>
      <c r="F6891" cm="1">
        <f t="array" ref="F6891">IFERROR(INDEX(Jesper!AJ$2:AJ$366,ROUNDDOWN($C6891/24,0)+1,1)*INDEX($D$3:$AA$30,INDEX(Jesper!$R$2:$R$366,ROW(INDEX(Jesper!AJ$2:AJ$366,ROUNDDOWN($C6891/24,0)+1,1))-1)+IF('Standard Profiles'!$G$20=$B$10,7,0)+IF('Standard Profiles'!$G$20=$B$17,14,0)+IF('Standard Profiles'!$G$20=$B$24,21,0),MOD($C6891,24)+1)/SUM(INDEX($D$3:$AA$30,INDEX(Jesper!$R$2:$R$366,ROW(INDEX(Jesper!AJ$2:AJ$366,ROUNDDOWN($C6891/24,0)+1,1))-1)+IF('Standard Profiles'!$G$20=$B$10,7,0)+IF('Standard Profiles'!$G$20=$B$17,14,0)+IF('Standard Profiles'!$G$20=$B$24,21,0),0)),0)</f>
        <v>0</v>
      </c>
      <c r="G6891" cm="1">
        <f t="array" ref="G6891">IFERROR(INDEX(Jesper!AK$2:AK$366,ROUNDDOWN($C6891/24,0)+1,1)*INDEX($D$3:$AA$30,INDEX(Jesper!$R$2:$R$366,ROW(INDEX(Jesper!AK$2:AK$366,ROUNDDOWN($C6891/24,0)+1,1))-1)+IF('Standard Profiles'!$G$21=$B$10,7,0)+IF('Standard Profiles'!$G$21=$B$17,14,0)+IF('Standard Profiles'!$G$21=$B$24,21,0),MOD($C6891,24)+1)/SUM(INDEX($D$3:$AA$30,INDEX(Jesper!$R$2:$R$366,ROW(INDEX(Jesper!AK$2:AK$366,ROUNDDOWN($C6891/24,0)+1,1))-1)+IF('Standard Profiles'!$G$21=$B$10,7,0)+IF('Standard Profiles'!$G$21=$B$17,14,0)+IF('Standard Profiles'!$G$21=$B$24,21,0),0)),0)</f>
        <v>0.49999205699965393</v>
      </c>
      <c r="H6891" cm="1">
        <f t="array" ref="H6891">IFERROR(INDEX(Jesper!AL$2:AL$366,ROUNDDOWN($C6891/24,0)+1,1)*INDEX($D$3:$AA$30,INDEX(Jesper!$R$2:$R$366,ROW(INDEX(Jesper!AL$2:AL$366,ROUNDDOWN($C6891/24,0)+1,1))-1)+IF('Standard Profiles'!$G$22=$B$10,7,0)+IF('Standard Profiles'!$G$22=$B$17,14,0)+IF('Standard Profiles'!$G$22=$B$24,21,0),MOD($C6891,24)+1)/SUM(INDEX($D$3:$AA$30,INDEX(Jesper!$R$2:$R$366,ROW(INDEX(Jesper!AL$2:AL$366,ROUNDDOWN($C6891/24,0)+1,1))-1)+IF('Standard Profiles'!$G$22=$B$10,7,0)+IF('Standard Profiles'!$G$22=$B$17,14,0)+IF('Standard Profiles'!$G$22=$B$24,21,0),0)),0)</f>
        <v>0</v>
      </c>
      <c r="I6891">
        <f t="shared" si="769"/>
        <v>0.23999618735983377</v>
      </c>
      <c r="J6891">
        <f t="shared" si="770"/>
        <v>10.542889833084617</v>
      </c>
      <c r="K6891">
        <f t="shared" si="771"/>
        <v>0.86980678157371083</v>
      </c>
      <c r="L6891">
        <f t="shared" si="772"/>
        <v>0.43490339078685541</v>
      </c>
      <c r="M6891">
        <f t="shared" si="773"/>
        <v>0</v>
      </c>
      <c r="N6891" s="45">
        <f t="shared" si="774"/>
        <v>45212.708333316703</v>
      </c>
    </row>
    <row r="6892" spans="2:14" x14ac:dyDescent="0.25">
      <c r="B6892">
        <f t="shared" si="768"/>
        <v>5</v>
      </c>
      <c r="C6892" s="16">
        <v>6858</v>
      </c>
      <c r="D6892" cm="1">
        <f t="array" ref="D6892">IFERROR(INDEX(Jesper!AH$2:AH$366,ROUNDDOWN($C6892/24,0)+1,1)*INDEX($D$3:$AA$30,INDEX(Jesper!$R$2:$R$366,ROW(INDEX(Jesper!AH$2:AH$366,ROUNDDOWN($C6892/24,0)+1,1))-1)+IF('Standard Profiles'!$G$18=$B$10,7,0)+IF('Standard Profiles'!$G$18=$B$17,14,0)+IF('Standard Profiles'!$G$18=$B$24,21,0),MOD($C6892,24)+1)/SUM(INDEX($D$3:$AA$30,INDEX(Jesper!$R$2:$R$366,ROW(INDEX(Jesper!AH$2:AH$366,ROUNDDOWN($C6892/24,0)+1,1))-1)+IF('Standard Profiles'!$G$18=$B$10,7,0)+IF('Standard Profiles'!$G$18=$B$17,14,0)+IF('Standard Profiles'!$G$18=$B$24,21,0),0)),0)</f>
        <v>5.1891881855249782</v>
      </c>
      <c r="E6892" cm="1">
        <f t="array" ref="E6892">IFERROR(INDEX(Jesper!AI$2:AI$366,ROUNDDOWN($C6892/24,0)+1,1)*INDEX($D$3:$AA$30,INDEX(Jesper!$R$2:$R$366,ROW(INDEX(Jesper!AI$2:AI$366,ROUNDDOWN($C6892/24,0)+1,1))-1)+IF('Standard Profiles'!$G$19=$B$10,7,0)+IF('Standard Profiles'!$G$19=$B$17,14,0)+IF('Standard Profiles'!$G$19=$B$24,21,0),MOD($C6892,24)+1)/SUM(INDEX($D$3:$AA$30,INDEX(Jesper!$R$2:$R$366,ROW(INDEX(Jesper!AI$2:AI$366,ROUNDDOWN($C6892/24,0)+1,1))-1)+IF('Standard Profiles'!$G$19=$B$10,7,0)+IF('Standard Profiles'!$G$19=$B$17,14,0)+IF('Standard Profiles'!$G$19=$B$24,21,0),0)),0)</f>
        <v>2.1847417190784344</v>
      </c>
      <c r="F6892" cm="1">
        <f t="array" ref="F6892">IFERROR(INDEX(Jesper!AJ$2:AJ$366,ROUNDDOWN($C6892/24,0)+1,1)*INDEX($D$3:$AA$30,INDEX(Jesper!$R$2:$R$366,ROW(INDEX(Jesper!AJ$2:AJ$366,ROUNDDOWN($C6892/24,0)+1,1))-1)+IF('Standard Profiles'!$G$20=$B$10,7,0)+IF('Standard Profiles'!$G$20=$B$17,14,0)+IF('Standard Profiles'!$G$20=$B$24,21,0),MOD($C6892,24)+1)/SUM(INDEX($D$3:$AA$30,INDEX(Jesper!$R$2:$R$366,ROW(INDEX(Jesper!AJ$2:AJ$366,ROUNDDOWN($C6892/24,0)+1,1))-1)+IF('Standard Profiles'!$G$20=$B$10,7,0)+IF('Standard Profiles'!$G$20=$B$17,14,0)+IF('Standard Profiles'!$G$20=$B$24,21,0),0)),0)</f>
        <v>0</v>
      </c>
      <c r="G6892" cm="1">
        <f t="array" ref="G6892">IFERROR(INDEX(Jesper!AK$2:AK$366,ROUNDDOWN($C6892/24,0)+1,1)*INDEX($D$3:$AA$30,INDEX(Jesper!$R$2:$R$366,ROW(INDEX(Jesper!AK$2:AK$366,ROUNDDOWN($C6892/24,0)+1,1))-1)+IF('Standard Profiles'!$G$21=$B$10,7,0)+IF('Standard Profiles'!$G$21=$B$17,14,0)+IF('Standard Profiles'!$G$21=$B$24,21,0),MOD($C6892,24)+1)/SUM(INDEX($D$3:$AA$30,INDEX(Jesper!$R$2:$R$366,ROW(INDEX(Jesper!AK$2:AK$366,ROUNDDOWN($C6892/24,0)+1,1))-1)+IF('Standard Profiles'!$G$21=$B$10,7,0)+IF('Standard Profiles'!$G$21=$B$17,14,0)+IF('Standard Profiles'!$G$21=$B$24,21,0),0)),0)</f>
        <v>0.1845208781784437</v>
      </c>
      <c r="H6892" cm="1">
        <f t="array" ref="H6892">IFERROR(INDEX(Jesper!AL$2:AL$366,ROUNDDOWN($C6892/24,0)+1,1)*INDEX($D$3:$AA$30,INDEX(Jesper!$R$2:$R$366,ROW(INDEX(Jesper!AL$2:AL$366,ROUNDDOWN($C6892/24,0)+1,1))-1)+IF('Standard Profiles'!$G$22=$B$10,7,0)+IF('Standard Profiles'!$G$22=$B$17,14,0)+IF('Standard Profiles'!$G$22=$B$24,21,0),MOD($C6892,24)+1)/SUM(INDEX($D$3:$AA$30,INDEX(Jesper!$R$2:$R$366,ROW(INDEX(Jesper!AL$2:AL$366,ROUNDDOWN($C6892/24,0)+1,1))-1)+IF('Standard Profiles'!$G$22=$B$10,7,0)+IF('Standard Profiles'!$G$22=$B$17,14,0)+IF('Standard Profiles'!$G$22=$B$24,21,0),0)),0)</f>
        <v>0</v>
      </c>
      <c r="I6892">
        <f t="shared" si="769"/>
        <v>8.8570021525652937E-2</v>
      </c>
      <c r="J6892">
        <f t="shared" si="770"/>
        <v>6.6396106515722062</v>
      </c>
      <c r="K6892">
        <f t="shared" si="771"/>
        <v>0.55351340645599767</v>
      </c>
      <c r="L6892">
        <f t="shared" si="772"/>
        <v>0.27675670322799883</v>
      </c>
      <c r="M6892">
        <f t="shared" si="773"/>
        <v>0</v>
      </c>
      <c r="N6892" s="45">
        <f t="shared" si="774"/>
        <v>45212.749999983367</v>
      </c>
    </row>
    <row r="6893" spans="2:14" x14ac:dyDescent="0.25">
      <c r="B6893">
        <f t="shared" si="768"/>
        <v>5</v>
      </c>
      <c r="C6893" s="16">
        <v>6859</v>
      </c>
      <c r="D6893" cm="1">
        <f t="array" ref="D6893">IFERROR(INDEX(Jesper!AH$2:AH$366,ROUNDDOWN($C6893/24,0)+1,1)*INDEX($D$3:$AA$30,INDEX(Jesper!$R$2:$R$366,ROW(INDEX(Jesper!AH$2:AH$366,ROUNDDOWN($C6893/24,0)+1,1))-1)+IF('Standard Profiles'!$G$18=$B$10,7,0)+IF('Standard Profiles'!$G$18=$B$17,14,0)+IF('Standard Profiles'!$G$18=$B$24,21,0),MOD($C6893,24)+1)/SUM(INDEX($D$3:$AA$30,INDEX(Jesper!$R$2:$R$366,ROW(INDEX(Jesper!AH$2:AH$366,ROUNDDOWN($C6893/24,0)+1,1))-1)+IF('Standard Profiles'!$G$18=$B$10,7,0)+IF('Standard Profiles'!$G$18=$B$17,14,0)+IF('Standard Profiles'!$G$18=$B$24,21,0),0)),0)</f>
        <v>4.9420839862142651</v>
      </c>
      <c r="E6893" cm="1">
        <f t="array" ref="E6893">IFERROR(INDEX(Jesper!AI$2:AI$366,ROUNDDOWN($C6893/24,0)+1,1)*INDEX($D$3:$AA$30,INDEX(Jesper!$R$2:$R$366,ROW(INDEX(Jesper!AI$2:AI$366,ROUNDDOWN($C6893/24,0)+1,1))-1)+IF('Standard Profiles'!$G$19=$B$10,7,0)+IF('Standard Profiles'!$G$19=$B$17,14,0)+IF('Standard Profiles'!$G$19=$B$24,21,0),MOD($C6893,24)+1)/SUM(INDEX($D$3:$AA$30,INDEX(Jesper!$R$2:$R$366,ROW(INDEX(Jesper!AI$2:AI$366,ROUNDDOWN($C6893/24,0)+1,1))-1)+IF('Standard Profiles'!$G$19=$B$10,7,0)+IF('Standard Profiles'!$G$19=$B$17,14,0)+IF('Standard Profiles'!$G$19=$B$24,21,0),0)),0)</f>
        <v>2.0807063991223189</v>
      </c>
      <c r="F6893" cm="1">
        <f t="array" ref="F6893">IFERROR(INDEX(Jesper!AJ$2:AJ$366,ROUNDDOWN($C6893/24,0)+1,1)*INDEX($D$3:$AA$30,INDEX(Jesper!$R$2:$R$366,ROW(INDEX(Jesper!AJ$2:AJ$366,ROUNDDOWN($C6893/24,0)+1,1))-1)+IF('Standard Profiles'!$G$20=$B$10,7,0)+IF('Standard Profiles'!$G$20=$B$17,14,0)+IF('Standard Profiles'!$G$20=$B$24,21,0),MOD($C6893,24)+1)/SUM(INDEX($D$3:$AA$30,INDEX(Jesper!$R$2:$R$366,ROW(INDEX(Jesper!AJ$2:AJ$366,ROUNDDOWN($C6893/24,0)+1,1))-1)+IF('Standard Profiles'!$G$20=$B$10,7,0)+IF('Standard Profiles'!$G$20=$B$17,14,0)+IF('Standard Profiles'!$G$20=$B$24,21,0),0)),0)</f>
        <v>0</v>
      </c>
      <c r="G6893" cm="1">
        <f t="array" ref="G6893">IFERROR(INDEX(Jesper!AK$2:AK$366,ROUNDDOWN($C6893/24,0)+1,1)*INDEX($D$3:$AA$30,INDEX(Jesper!$R$2:$R$366,ROW(INDEX(Jesper!AK$2:AK$366,ROUNDDOWN($C6893/24,0)+1,1))-1)+IF('Standard Profiles'!$G$21=$B$10,7,0)+IF('Standard Profiles'!$G$21=$B$17,14,0)+IF('Standard Profiles'!$G$21=$B$24,21,0),MOD($C6893,24)+1)/SUM(INDEX($D$3:$AA$30,INDEX(Jesper!$R$2:$R$366,ROW(INDEX(Jesper!AK$2:AK$366,ROUNDDOWN($C6893/24,0)+1,1))-1)+IF('Standard Profiles'!$G$21=$B$10,7,0)+IF('Standard Profiles'!$G$21=$B$17,14,0)+IF('Standard Profiles'!$G$21=$B$24,21,0),0)),0)</f>
        <v>0.1845208781784437</v>
      </c>
      <c r="H6893" cm="1">
        <f t="array" ref="H6893">IFERROR(INDEX(Jesper!AL$2:AL$366,ROUNDDOWN($C6893/24,0)+1,1)*INDEX($D$3:$AA$30,INDEX(Jesper!$R$2:$R$366,ROW(INDEX(Jesper!AL$2:AL$366,ROUNDDOWN($C6893/24,0)+1,1))-1)+IF('Standard Profiles'!$G$22=$B$10,7,0)+IF('Standard Profiles'!$G$22=$B$17,14,0)+IF('Standard Profiles'!$G$22=$B$24,21,0),MOD($C6893,24)+1)/SUM(INDEX($D$3:$AA$30,INDEX(Jesper!$R$2:$R$366,ROW(INDEX(Jesper!AL$2:AL$366,ROUNDDOWN($C6893/24,0)+1,1))-1)+IF('Standard Profiles'!$G$22=$B$10,7,0)+IF('Standard Profiles'!$G$22=$B$17,14,0)+IF('Standard Profiles'!$G$22=$B$24,21,0),0)),0)</f>
        <v>0</v>
      </c>
      <c r="I6893">
        <f t="shared" si="769"/>
        <v>8.8570021525652937E-2</v>
      </c>
      <c r="J6893">
        <f t="shared" si="770"/>
        <v>6.3280078041950913</v>
      </c>
      <c r="K6893">
        <f t="shared" si="771"/>
        <v>0.5271556251961883</v>
      </c>
      <c r="L6893">
        <f t="shared" si="772"/>
        <v>0.26357781259809415</v>
      </c>
      <c r="M6893">
        <f t="shared" si="773"/>
        <v>0</v>
      </c>
      <c r="N6893" s="45">
        <f t="shared" si="774"/>
        <v>45212.791666650031</v>
      </c>
    </row>
    <row r="6894" spans="2:14" x14ac:dyDescent="0.25">
      <c r="B6894">
        <f t="shared" si="768"/>
        <v>5</v>
      </c>
      <c r="C6894" s="16">
        <v>6860</v>
      </c>
      <c r="D6894" cm="1">
        <f t="array" ref="D6894">IFERROR(INDEX(Jesper!AH$2:AH$366,ROUNDDOWN($C6894/24,0)+1,1)*INDEX($D$3:$AA$30,INDEX(Jesper!$R$2:$R$366,ROW(INDEX(Jesper!AH$2:AH$366,ROUNDDOWN($C6894/24,0)+1,1))-1)+IF('Standard Profiles'!$G$18=$B$10,7,0)+IF('Standard Profiles'!$G$18=$B$17,14,0)+IF('Standard Profiles'!$G$18=$B$24,21,0),MOD($C6894,24)+1)/SUM(INDEX($D$3:$AA$30,INDEX(Jesper!$R$2:$R$366,ROW(INDEX(Jesper!AH$2:AH$366,ROUNDDOWN($C6894/24,0)+1,1))-1)+IF('Standard Profiles'!$G$18=$B$10,7,0)+IF('Standard Profiles'!$G$18=$B$17,14,0)+IF('Standard Profiles'!$G$18=$B$24,21,0),0)),0)</f>
        <v>4.9420839862142651</v>
      </c>
      <c r="E6894" cm="1">
        <f t="array" ref="E6894">IFERROR(INDEX(Jesper!AI$2:AI$366,ROUNDDOWN($C6894/24,0)+1,1)*INDEX($D$3:$AA$30,INDEX(Jesper!$R$2:$R$366,ROW(INDEX(Jesper!AI$2:AI$366,ROUNDDOWN($C6894/24,0)+1,1))-1)+IF('Standard Profiles'!$G$19=$B$10,7,0)+IF('Standard Profiles'!$G$19=$B$17,14,0)+IF('Standard Profiles'!$G$19=$B$24,21,0),MOD($C6894,24)+1)/SUM(INDEX($D$3:$AA$30,INDEX(Jesper!$R$2:$R$366,ROW(INDEX(Jesper!AI$2:AI$366,ROUNDDOWN($C6894/24,0)+1,1))-1)+IF('Standard Profiles'!$G$19=$B$10,7,0)+IF('Standard Profiles'!$G$19=$B$17,14,0)+IF('Standard Profiles'!$G$19=$B$24,21,0),0)),0)</f>
        <v>2.0807063991223189</v>
      </c>
      <c r="F6894" cm="1">
        <f t="array" ref="F6894">IFERROR(INDEX(Jesper!AJ$2:AJ$366,ROUNDDOWN($C6894/24,0)+1,1)*INDEX($D$3:$AA$30,INDEX(Jesper!$R$2:$R$366,ROW(INDEX(Jesper!AJ$2:AJ$366,ROUNDDOWN($C6894/24,0)+1,1))-1)+IF('Standard Profiles'!$G$20=$B$10,7,0)+IF('Standard Profiles'!$G$20=$B$17,14,0)+IF('Standard Profiles'!$G$20=$B$24,21,0),MOD($C6894,24)+1)/SUM(INDEX($D$3:$AA$30,INDEX(Jesper!$R$2:$R$366,ROW(INDEX(Jesper!AJ$2:AJ$366,ROUNDDOWN($C6894/24,0)+1,1))-1)+IF('Standard Profiles'!$G$20=$B$10,7,0)+IF('Standard Profiles'!$G$20=$B$17,14,0)+IF('Standard Profiles'!$G$20=$B$24,21,0),0)),0)</f>
        <v>0</v>
      </c>
      <c r="G6894" cm="1">
        <f t="array" ref="G6894">IFERROR(INDEX(Jesper!AK$2:AK$366,ROUNDDOWN($C6894/24,0)+1,1)*INDEX($D$3:$AA$30,INDEX(Jesper!$R$2:$R$366,ROW(INDEX(Jesper!AK$2:AK$366,ROUNDDOWN($C6894/24,0)+1,1))-1)+IF('Standard Profiles'!$G$21=$B$10,7,0)+IF('Standard Profiles'!$G$21=$B$17,14,0)+IF('Standard Profiles'!$G$21=$B$24,21,0),MOD($C6894,24)+1)/SUM(INDEX($D$3:$AA$30,INDEX(Jesper!$R$2:$R$366,ROW(INDEX(Jesper!AK$2:AK$366,ROUNDDOWN($C6894/24,0)+1,1))-1)+IF('Standard Profiles'!$G$21=$B$10,7,0)+IF('Standard Profiles'!$G$21=$B$17,14,0)+IF('Standard Profiles'!$G$21=$B$24,21,0),0)),0)</f>
        <v>0.1845208781784437</v>
      </c>
      <c r="H6894" cm="1">
        <f t="array" ref="H6894">IFERROR(INDEX(Jesper!AL$2:AL$366,ROUNDDOWN($C6894/24,0)+1,1)*INDEX($D$3:$AA$30,INDEX(Jesper!$R$2:$R$366,ROW(INDEX(Jesper!AL$2:AL$366,ROUNDDOWN($C6894/24,0)+1,1))-1)+IF('Standard Profiles'!$G$22=$B$10,7,0)+IF('Standard Profiles'!$G$22=$B$17,14,0)+IF('Standard Profiles'!$G$22=$B$24,21,0),MOD($C6894,24)+1)/SUM(INDEX($D$3:$AA$30,INDEX(Jesper!$R$2:$R$366,ROW(INDEX(Jesper!AL$2:AL$366,ROUNDDOWN($C6894/24,0)+1,1))-1)+IF('Standard Profiles'!$G$22=$B$10,7,0)+IF('Standard Profiles'!$G$22=$B$17,14,0)+IF('Standard Profiles'!$G$22=$B$24,21,0),0)),0)</f>
        <v>0</v>
      </c>
      <c r="I6894">
        <f t="shared" si="769"/>
        <v>8.8570021525652937E-2</v>
      </c>
      <c r="J6894">
        <f t="shared" si="770"/>
        <v>6.3280078041950913</v>
      </c>
      <c r="K6894">
        <f t="shared" si="771"/>
        <v>0.5271556251961883</v>
      </c>
      <c r="L6894">
        <f t="shared" si="772"/>
        <v>0.26357781259809415</v>
      </c>
      <c r="M6894">
        <f t="shared" si="773"/>
        <v>0</v>
      </c>
      <c r="N6894" s="45">
        <f t="shared" si="774"/>
        <v>45212.833333316696</v>
      </c>
    </row>
    <row r="6895" spans="2:14" x14ac:dyDescent="0.25">
      <c r="B6895">
        <f t="shared" si="768"/>
        <v>5</v>
      </c>
      <c r="C6895" s="16">
        <v>6861</v>
      </c>
      <c r="D6895" cm="1">
        <f t="array" ref="D6895">IFERROR(INDEX(Jesper!AH$2:AH$366,ROUNDDOWN($C6895/24,0)+1,1)*INDEX($D$3:$AA$30,INDEX(Jesper!$R$2:$R$366,ROW(INDEX(Jesper!AH$2:AH$366,ROUNDDOWN($C6895/24,0)+1,1))-1)+IF('Standard Profiles'!$G$18=$B$10,7,0)+IF('Standard Profiles'!$G$18=$B$17,14,0)+IF('Standard Profiles'!$G$18=$B$24,21,0),MOD($C6895,24)+1)/SUM(INDEX($D$3:$AA$30,INDEX(Jesper!$R$2:$R$366,ROW(INDEX(Jesper!AH$2:AH$366,ROUNDDOWN($C6895/24,0)+1,1))-1)+IF('Standard Profiles'!$G$18=$B$10,7,0)+IF('Standard Profiles'!$G$18=$B$17,14,0)+IF('Standard Profiles'!$G$18=$B$24,21,0),0)),0)</f>
        <v>4.9420839862142651</v>
      </c>
      <c r="E6895" cm="1">
        <f t="array" ref="E6895">IFERROR(INDEX(Jesper!AI$2:AI$366,ROUNDDOWN($C6895/24,0)+1,1)*INDEX($D$3:$AA$30,INDEX(Jesper!$R$2:$R$366,ROW(INDEX(Jesper!AI$2:AI$366,ROUNDDOWN($C6895/24,0)+1,1))-1)+IF('Standard Profiles'!$G$19=$B$10,7,0)+IF('Standard Profiles'!$G$19=$B$17,14,0)+IF('Standard Profiles'!$G$19=$B$24,21,0),MOD($C6895,24)+1)/SUM(INDEX($D$3:$AA$30,INDEX(Jesper!$R$2:$R$366,ROW(INDEX(Jesper!AI$2:AI$366,ROUNDDOWN($C6895/24,0)+1,1))-1)+IF('Standard Profiles'!$G$19=$B$10,7,0)+IF('Standard Profiles'!$G$19=$B$17,14,0)+IF('Standard Profiles'!$G$19=$B$24,21,0),0)),0)</f>
        <v>2.0807063991223189</v>
      </c>
      <c r="F6895" cm="1">
        <f t="array" ref="F6895">IFERROR(INDEX(Jesper!AJ$2:AJ$366,ROUNDDOWN($C6895/24,0)+1,1)*INDEX($D$3:$AA$30,INDEX(Jesper!$R$2:$R$366,ROW(INDEX(Jesper!AJ$2:AJ$366,ROUNDDOWN($C6895/24,0)+1,1))-1)+IF('Standard Profiles'!$G$20=$B$10,7,0)+IF('Standard Profiles'!$G$20=$B$17,14,0)+IF('Standard Profiles'!$G$20=$B$24,21,0),MOD($C6895,24)+1)/SUM(INDEX($D$3:$AA$30,INDEX(Jesper!$R$2:$R$366,ROW(INDEX(Jesper!AJ$2:AJ$366,ROUNDDOWN($C6895/24,0)+1,1))-1)+IF('Standard Profiles'!$G$20=$B$10,7,0)+IF('Standard Profiles'!$G$20=$B$17,14,0)+IF('Standard Profiles'!$G$20=$B$24,21,0),0)),0)</f>
        <v>0</v>
      </c>
      <c r="G6895" cm="1">
        <f t="array" ref="G6895">IFERROR(INDEX(Jesper!AK$2:AK$366,ROUNDDOWN($C6895/24,0)+1,1)*INDEX($D$3:$AA$30,INDEX(Jesper!$R$2:$R$366,ROW(INDEX(Jesper!AK$2:AK$366,ROUNDDOWN($C6895/24,0)+1,1))-1)+IF('Standard Profiles'!$G$21=$B$10,7,0)+IF('Standard Profiles'!$G$21=$B$17,14,0)+IF('Standard Profiles'!$G$21=$B$24,21,0),MOD($C6895,24)+1)/SUM(INDEX($D$3:$AA$30,INDEX(Jesper!$R$2:$R$366,ROW(INDEX(Jesper!AK$2:AK$366,ROUNDDOWN($C6895/24,0)+1,1))-1)+IF('Standard Profiles'!$G$21=$B$10,7,0)+IF('Standard Profiles'!$G$21=$B$17,14,0)+IF('Standard Profiles'!$G$21=$B$24,21,0),0)),0)</f>
        <v>0.1845208781784437</v>
      </c>
      <c r="H6895" cm="1">
        <f t="array" ref="H6895">IFERROR(INDEX(Jesper!AL$2:AL$366,ROUNDDOWN($C6895/24,0)+1,1)*INDEX($D$3:$AA$30,INDEX(Jesper!$R$2:$R$366,ROW(INDEX(Jesper!AL$2:AL$366,ROUNDDOWN($C6895/24,0)+1,1))-1)+IF('Standard Profiles'!$G$22=$B$10,7,0)+IF('Standard Profiles'!$G$22=$B$17,14,0)+IF('Standard Profiles'!$G$22=$B$24,21,0),MOD($C6895,24)+1)/SUM(INDEX($D$3:$AA$30,INDEX(Jesper!$R$2:$R$366,ROW(INDEX(Jesper!AL$2:AL$366,ROUNDDOWN($C6895/24,0)+1,1))-1)+IF('Standard Profiles'!$G$22=$B$10,7,0)+IF('Standard Profiles'!$G$22=$B$17,14,0)+IF('Standard Profiles'!$G$22=$B$24,21,0),0)),0)</f>
        <v>0</v>
      </c>
      <c r="I6895">
        <f t="shared" si="769"/>
        <v>8.8570021525652937E-2</v>
      </c>
      <c r="J6895">
        <f t="shared" si="770"/>
        <v>6.3280078041950913</v>
      </c>
      <c r="K6895">
        <f t="shared" si="771"/>
        <v>0.5271556251961883</v>
      </c>
      <c r="L6895">
        <f t="shared" si="772"/>
        <v>0.26357781259809415</v>
      </c>
      <c r="M6895">
        <f t="shared" si="773"/>
        <v>0</v>
      </c>
      <c r="N6895" s="45">
        <f t="shared" si="774"/>
        <v>45212.87499998336</v>
      </c>
    </row>
    <row r="6896" spans="2:14" x14ac:dyDescent="0.25">
      <c r="B6896">
        <f t="shared" si="768"/>
        <v>5</v>
      </c>
      <c r="C6896" s="16">
        <v>6862</v>
      </c>
      <c r="D6896" cm="1">
        <f t="array" ref="D6896">IFERROR(INDEX(Jesper!AH$2:AH$366,ROUNDDOWN($C6896/24,0)+1,1)*INDEX($D$3:$AA$30,INDEX(Jesper!$R$2:$R$366,ROW(INDEX(Jesper!AH$2:AH$366,ROUNDDOWN($C6896/24,0)+1,1))-1)+IF('Standard Profiles'!$G$18=$B$10,7,0)+IF('Standard Profiles'!$G$18=$B$17,14,0)+IF('Standard Profiles'!$G$18=$B$24,21,0),MOD($C6896,24)+1)/SUM(INDEX($D$3:$AA$30,INDEX(Jesper!$R$2:$R$366,ROW(INDEX(Jesper!AH$2:AH$366,ROUNDDOWN($C6896/24,0)+1,1))-1)+IF('Standard Profiles'!$G$18=$B$10,7,0)+IF('Standard Profiles'!$G$18=$B$17,14,0)+IF('Standard Profiles'!$G$18=$B$24,21,0),0)),0)</f>
        <v>4.9420839862142651</v>
      </c>
      <c r="E6896" cm="1">
        <f t="array" ref="E6896">IFERROR(INDEX(Jesper!AI$2:AI$366,ROUNDDOWN($C6896/24,0)+1,1)*INDEX($D$3:$AA$30,INDEX(Jesper!$R$2:$R$366,ROW(INDEX(Jesper!AI$2:AI$366,ROUNDDOWN($C6896/24,0)+1,1))-1)+IF('Standard Profiles'!$G$19=$B$10,7,0)+IF('Standard Profiles'!$G$19=$B$17,14,0)+IF('Standard Profiles'!$G$19=$B$24,21,0),MOD($C6896,24)+1)/SUM(INDEX($D$3:$AA$30,INDEX(Jesper!$R$2:$R$366,ROW(INDEX(Jesper!AI$2:AI$366,ROUNDDOWN($C6896/24,0)+1,1))-1)+IF('Standard Profiles'!$G$19=$B$10,7,0)+IF('Standard Profiles'!$G$19=$B$17,14,0)+IF('Standard Profiles'!$G$19=$B$24,21,0),0)),0)</f>
        <v>2.0807063991223189</v>
      </c>
      <c r="F6896" cm="1">
        <f t="array" ref="F6896">IFERROR(INDEX(Jesper!AJ$2:AJ$366,ROUNDDOWN($C6896/24,0)+1,1)*INDEX($D$3:$AA$30,INDEX(Jesper!$R$2:$R$366,ROW(INDEX(Jesper!AJ$2:AJ$366,ROUNDDOWN($C6896/24,0)+1,1))-1)+IF('Standard Profiles'!$G$20=$B$10,7,0)+IF('Standard Profiles'!$G$20=$B$17,14,0)+IF('Standard Profiles'!$G$20=$B$24,21,0),MOD($C6896,24)+1)/SUM(INDEX($D$3:$AA$30,INDEX(Jesper!$R$2:$R$366,ROW(INDEX(Jesper!AJ$2:AJ$366,ROUNDDOWN($C6896/24,0)+1,1))-1)+IF('Standard Profiles'!$G$20=$B$10,7,0)+IF('Standard Profiles'!$G$20=$B$17,14,0)+IF('Standard Profiles'!$G$20=$B$24,21,0),0)),0)</f>
        <v>0</v>
      </c>
      <c r="G6896" cm="1">
        <f t="array" ref="G6896">IFERROR(INDEX(Jesper!AK$2:AK$366,ROUNDDOWN($C6896/24,0)+1,1)*INDEX($D$3:$AA$30,INDEX(Jesper!$R$2:$R$366,ROW(INDEX(Jesper!AK$2:AK$366,ROUNDDOWN($C6896/24,0)+1,1))-1)+IF('Standard Profiles'!$G$21=$B$10,7,0)+IF('Standard Profiles'!$G$21=$B$17,14,0)+IF('Standard Profiles'!$G$21=$B$24,21,0),MOD($C6896,24)+1)/SUM(INDEX($D$3:$AA$30,INDEX(Jesper!$R$2:$R$366,ROW(INDEX(Jesper!AK$2:AK$366,ROUNDDOWN($C6896/24,0)+1,1))-1)+IF('Standard Profiles'!$G$21=$B$10,7,0)+IF('Standard Profiles'!$G$21=$B$17,14,0)+IF('Standard Profiles'!$G$21=$B$24,21,0),0)),0)</f>
        <v>0.1845208781784437</v>
      </c>
      <c r="H6896" cm="1">
        <f t="array" ref="H6896">IFERROR(INDEX(Jesper!AL$2:AL$366,ROUNDDOWN($C6896/24,0)+1,1)*INDEX($D$3:$AA$30,INDEX(Jesper!$R$2:$R$366,ROW(INDEX(Jesper!AL$2:AL$366,ROUNDDOWN($C6896/24,0)+1,1))-1)+IF('Standard Profiles'!$G$22=$B$10,7,0)+IF('Standard Profiles'!$G$22=$B$17,14,0)+IF('Standard Profiles'!$G$22=$B$24,21,0),MOD($C6896,24)+1)/SUM(INDEX($D$3:$AA$30,INDEX(Jesper!$R$2:$R$366,ROW(INDEX(Jesper!AL$2:AL$366,ROUNDDOWN($C6896/24,0)+1,1))-1)+IF('Standard Profiles'!$G$22=$B$10,7,0)+IF('Standard Profiles'!$G$22=$B$17,14,0)+IF('Standard Profiles'!$G$22=$B$24,21,0),0)),0)</f>
        <v>0</v>
      </c>
      <c r="I6896">
        <f t="shared" si="769"/>
        <v>8.8570021525652937E-2</v>
      </c>
      <c r="J6896">
        <f t="shared" si="770"/>
        <v>6.3280078041950913</v>
      </c>
      <c r="K6896">
        <f t="shared" si="771"/>
        <v>0.5271556251961883</v>
      </c>
      <c r="L6896">
        <f t="shared" si="772"/>
        <v>0.26357781259809415</v>
      </c>
      <c r="M6896">
        <f t="shared" si="773"/>
        <v>0</v>
      </c>
      <c r="N6896" s="45">
        <f t="shared" si="774"/>
        <v>45212.916666650024</v>
      </c>
    </row>
    <row r="6897" spans="2:14" x14ac:dyDescent="0.25">
      <c r="B6897">
        <f t="shared" si="768"/>
        <v>5</v>
      </c>
      <c r="C6897" s="16">
        <v>6863</v>
      </c>
      <c r="D6897" cm="1">
        <f t="array" ref="D6897">IFERROR(INDEX(Jesper!AH$2:AH$366,ROUNDDOWN($C6897/24,0)+1,1)*INDEX($D$3:$AA$30,INDEX(Jesper!$R$2:$R$366,ROW(INDEX(Jesper!AH$2:AH$366,ROUNDDOWN($C6897/24,0)+1,1))-1)+IF('Standard Profiles'!$G$18=$B$10,7,0)+IF('Standard Profiles'!$G$18=$B$17,14,0)+IF('Standard Profiles'!$G$18=$B$24,21,0),MOD($C6897,24)+1)/SUM(INDEX($D$3:$AA$30,INDEX(Jesper!$R$2:$R$366,ROW(INDEX(Jesper!AH$2:AH$366,ROUNDDOWN($C6897/24,0)+1,1))-1)+IF('Standard Profiles'!$G$18=$B$10,7,0)+IF('Standard Profiles'!$G$18=$B$17,14,0)+IF('Standard Profiles'!$G$18=$B$24,21,0),0)),0)</f>
        <v>4.9420839862142651</v>
      </c>
      <c r="E6897" cm="1">
        <f t="array" ref="E6897">IFERROR(INDEX(Jesper!AI$2:AI$366,ROUNDDOWN($C6897/24,0)+1,1)*INDEX($D$3:$AA$30,INDEX(Jesper!$R$2:$R$366,ROW(INDEX(Jesper!AI$2:AI$366,ROUNDDOWN($C6897/24,0)+1,1))-1)+IF('Standard Profiles'!$G$19=$B$10,7,0)+IF('Standard Profiles'!$G$19=$B$17,14,0)+IF('Standard Profiles'!$G$19=$B$24,21,0),MOD($C6897,24)+1)/SUM(INDEX($D$3:$AA$30,INDEX(Jesper!$R$2:$R$366,ROW(INDEX(Jesper!AI$2:AI$366,ROUNDDOWN($C6897/24,0)+1,1))-1)+IF('Standard Profiles'!$G$19=$B$10,7,0)+IF('Standard Profiles'!$G$19=$B$17,14,0)+IF('Standard Profiles'!$G$19=$B$24,21,0),0)),0)</f>
        <v>2.0807063991223189</v>
      </c>
      <c r="F6897" cm="1">
        <f t="array" ref="F6897">IFERROR(INDEX(Jesper!AJ$2:AJ$366,ROUNDDOWN($C6897/24,0)+1,1)*INDEX($D$3:$AA$30,INDEX(Jesper!$R$2:$R$366,ROW(INDEX(Jesper!AJ$2:AJ$366,ROUNDDOWN($C6897/24,0)+1,1))-1)+IF('Standard Profiles'!$G$20=$B$10,7,0)+IF('Standard Profiles'!$G$20=$B$17,14,0)+IF('Standard Profiles'!$G$20=$B$24,21,0),MOD($C6897,24)+1)/SUM(INDEX($D$3:$AA$30,INDEX(Jesper!$R$2:$R$366,ROW(INDEX(Jesper!AJ$2:AJ$366,ROUNDDOWN($C6897/24,0)+1,1))-1)+IF('Standard Profiles'!$G$20=$B$10,7,0)+IF('Standard Profiles'!$G$20=$B$17,14,0)+IF('Standard Profiles'!$G$20=$B$24,21,0),0)),0)</f>
        <v>0</v>
      </c>
      <c r="G6897" cm="1">
        <f t="array" ref="G6897">IFERROR(INDEX(Jesper!AK$2:AK$366,ROUNDDOWN($C6897/24,0)+1,1)*INDEX($D$3:$AA$30,INDEX(Jesper!$R$2:$R$366,ROW(INDEX(Jesper!AK$2:AK$366,ROUNDDOWN($C6897/24,0)+1,1))-1)+IF('Standard Profiles'!$G$21=$B$10,7,0)+IF('Standard Profiles'!$G$21=$B$17,14,0)+IF('Standard Profiles'!$G$21=$B$24,21,0),MOD($C6897,24)+1)/SUM(INDEX($D$3:$AA$30,INDEX(Jesper!$R$2:$R$366,ROW(INDEX(Jesper!AK$2:AK$366,ROUNDDOWN($C6897/24,0)+1,1))-1)+IF('Standard Profiles'!$G$21=$B$10,7,0)+IF('Standard Profiles'!$G$21=$B$17,14,0)+IF('Standard Profiles'!$G$21=$B$24,21,0),0)),0)</f>
        <v>0.1845208781784437</v>
      </c>
      <c r="H6897" cm="1">
        <f t="array" ref="H6897">IFERROR(INDEX(Jesper!AL$2:AL$366,ROUNDDOWN($C6897/24,0)+1,1)*INDEX($D$3:$AA$30,INDEX(Jesper!$R$2:$R$366,ROW(INDEX(Jesper!AL$2:AL$366,ROUNDDOWN($C6897/24,0)+1,1))-1)+IF('Standard Profiles'!$G$22=$B$10,7,0)+IF('Standard Profiles'!$G$22=$B$17,14,0)+IF('Standard Profiles'!$G$22=$B$24,21,0),MOD($C6897,24)+1)/SUM(INDEX($D$3:$AA$30,INDEX(Jesper!$R$2:$R$366,ROW(INDEX(Jesper!AL$2:AL$366,ROUNDDOWN($C6897/24,0)+1,1))-1)+IF('Standard Profiles'!$G$22=$B$10,7,0)+IF('Standard Profiles'!$G$22=$B$17,14,0)+IF('Standard Profiles'!$G$22=$B$24,21,0),0)),0)</f>
        <v>0</v>
      </c>
      <c r="I6897">
        <f t="shared" si="769"/>
        <v>8.8570021525652937E-2</v>
      </c>
      <c r="J6897">
        <f t="shared" si="770"/>
        <v>6.3280078041950913</v>
      </c>
      <c r="K6897">
        <f t="shared" si="771"/>
        <v>0.5271556251961883</v>
      </c>
      <c r="L6897">
        <f t="shared" si="772"/>
        <v>0.26357781259809415</v>
      </c>
      <c r="M6897">
        <f t="shared" si="773"/>
        <v>0</v>
      </c>
      <c r="N6897" s="45">
        <f t="shared" si="774"/>
        <v>45212.958333316688</v>
      </c>
    </row>
    <row r="6898" spans="2:14" x14ac:dyDescent="0.25">
      <c r="B6898">
        <f t="shared" si="768"/>
        <v>6</v>
      </c>
      <c r="C6898" s="16">
        <v>6864</v>
      </c>
      <c r="D6898" cm="1">
        <f t="array" ref="D6898">IFERROR(INDEX(Jesper!AH$2:AH$366,ROUNDDOWN($C6898/24,0)+1,1)*INDEX($D$3:$AA$30,INDEX(Jesper!$R$2:$R$366,ROW(INDEX(Jesper!AH$2:AH$366,ROUNDDOWN($C6898/24,0)+1,1))-1)+IF('Standard Profiles'!$G$18=$B$10,7,0)+IF('Standard Profiles'!$G$18=$B$17,14,0)+IF('Standard Profiles'!$G$18=$B$24,21,0),MOD($C6898,24)+1)/SUM(INDEX($D$3:$AA$30,INDEX(Jesper!$R$2:$R$366,ROW(INDEX(Jesper!AH$2:AH$366,ROUNDDOWN($C6898/24,0)+1,1))-1)+IF('Standard Profiles'!$G$18=$B$10,7,0)+IF('Standard Profiles'!$G$18=$B$17,14,0)+IF('Standard Profiles'!$G$18=$B$24,21,0),0)),0)</f>
        <v>0</v>
      </c>
      <c r="E6898" cm="1">
        <f t="array" ref="E6898">IFERROR(INDEX(Jesper!AI$2:AI$366,ROUNDDOWN($C6898/24,0)+1,1)*INDEX($D$3:$AA$30,INDEX(Jesper!$R$2:$R$366,ROW(INDEX(Jesper!AI$2:AI$366,ROUNDDOWN($C6898/24,0)+1,1))-1)+IF('Standard Profiles'!$G$19=$B$10,7,0)+IF('Standard Profiles'!$G$19=$B$17,14,0)+IF('Standard Profiles'!$G$19=$B$24,21,0),MOD($C6898,24)+1)/SUM(INDEX($D$3:$AA$30,INDEX(Jesper!$R$2:$R$366,ROW(INDEX(Jesper!AI$2:AI$366,ROUNDDOWN($C6898/24,0)+1,1))-1)+IF('Standard Profiles'!$G$19=$B$10,7,0)+IF('Standard Profiles'!$G$19=$B$17,14,0)+IF('Standard Profiles'!$G$19=$B$24,21,0),0)),0)</f>
        <v>3.0326698153877052</v>
      </c>
      <c r="F6898" cm="1">
        <f t="array" ref="F6898">IFERROR(INDEX(Jesper!AJ$2:AJ$366,ROUNDDOWN($C6898/24,0)+1,1)*INDEX($D$3:$AA$30,INDEX(Jesper!$R$2:$R$366,ROW(INDEX(Jesper!AJ$2:AJ$366,ROUNDDOWN($C6898/24,0)+1,1))-1)+IF('Standard Profiles'!$G$20=$B$10,7,0)+IF('Standard Profiles'!$G$20=$B$17,14,0)+IF('Standard Profiles'!$G$20=$B$24,21,0),MOD($C6898,24)+1)/SUM(INDEX($D$3:$AA$30,INDEX(Jesper!$R$2:$R$366,ROW(INDEX(Jesper!AJ$2:AJ$366,ROUNDDOWN($C6898/24,0)+1,1))-1)+IF('Standard Profiles'!$G$20=$B$10,7,0)+IF('Standard Profiles'!$G$20=$B$17,14,0)+IF('Standard Profiles'!$G$20=$B$24,21,0),0)),0)</f>
        <v>1.3710942186797905</v>
      </c>
      <c r="G6898" cm="1">
        <f t="array" ref="G6898">IFERROR(INDEX(Jesper!AK$2:AK$366,ROUNDDOWN($C6898/24,0)+1,1)*INDEX($D$3:$AA$30,INDEX(Jesper!$R$2:$R$366,ROW(INDEX(Jesper!AK$2:AK$366,ROUNDDOWN($C6898/24,0)+1,1))-1)+IF('Standard Profiles'!$G$21=$B$10,7,0)+IF('Standard Profiles'!$G$21=$B$17,14,0)+IF('Standard Profiles'!$G$21=$B$24,21,0),MOD($C6898,24)+1)/SUM(INDEX($D$3:$AA$30,INDEX(Jesper!$R$2:$R$366,ROW(INDEX(Jesper!AK$2:AK$366,ROUNDDOWN($C6898/24,0)+1,1))-1)+IF('Standard Profiles'!$G$21=$B$10,7,0)+IF('Standard Profiles'!$G$21=$B$17,14,0)+IF('Standard Profiles'!$G$21=$B$24,21,0),0)),0)</f>
        <v>0.74668052525662831</v>
      </c>
      <c r="H6898" cm="1">
        <f t="array" ref="H6898">IFERROR(INDEX(Jesper!AL$2:AL$366,ROUNDDOWN($C6898/24,0)+1,1)*INDEX($D$3:$AA$30,INDEX(Jesper!$R$2:$R$366,ROW(INDEX(Jesper!AL$2:AL$366,ROUNDDOWN($C6898/24,0)+1,1))-1)+IF('Standard Profiles'!$G$22=$B$10,7,0)+IF('Standard Profiles'!$G$22=$B$17,14,0)+IF('Standard Profiles'!$G$22=$B$24,21,0),MOD($C6898,24)+1)/SUM(INDEX($D$3:$AA$30,INDEX(Jesper!$R$2:$R$366,ROW(INDEX(Jesper!AL$2:AL$366,ROUNDDOWN($C6898/24,0)+1,1))-1)+IF('Standard Profiles'!$G$22=$B$10,7,0)+IF('Standard Profiles'!$G$22=$B$17,14,0)+IF('Standard Profiles'!$G$22=$B$24,21,0),0)),0)</f>
        <v>0.13975280083683164</v>
      </c>
      <c r="I6898">
        <f t="shared" si="769"/>
        <v>0.13416268880335844</v>
      </c>
      <c r="J6898">
        <f t="shared" si="770"/>
        <v>4.7921142935110721</v>
      </c>
      <c r="K6898">
        <f t="shared" si="771"/>
        <v>0.24261358523101642</v>
      </c>
      <c r="L6898">
        <f t="shared" si="772"/>
        <v>0.12130679261550821</v>
      </c>
      <c r="M6898">
        <f t="shared" si="773"/>
        <v>0</v>
      </c>
      <c r="N6898" s="45">
        <f t="shared" si="774"/>
        <v>45212.999999983353</v>
      </c>
    </row>
    <row r="6899" spans="2:14" x14ac:dyDescent="0.25">
      <c r="B6899">
        <f t="shared" si="768"/>
        <v>6</v>
      </c>
      <c r="C6899" s="16">
        <v>6865</v>
      </c>
      <c r="D6899" cm="1">
        <f t="array" ref="D6899">IFERROR(INDEX(Jesper!AH$2:AH$366,ROUNDDOWN($C6899/24,0)+1,1)*INDEX($D$3:$AA$30,INDEX(Jesper!$R$2:$R$366,ROW(INDEX(Jesper!AH$2:AH$366,ROUNDDOWN($C6899/24,0)+1,1))-1)+IF('Standard Profiles'!$G$18=$B$10,7,0)+IF('Standard Profiles'!$G$18=$B$17,14,0)+IF('Standard Profiles'!$G$18=$B$24,21,0),MOD($C6899,24)+1)/SUM(INDEX($D$3:$AA$30,INDEX(Jesper!$R$2:$R$366,ROW(INDEX(Jesper!AH$2:AH$366,ROUNDDOWN($C6899/24,0)+1,1))-1)+IF('Standard Profiles'!$G$18=$B$10,7,0)+IF('Standard Profiles'!$G$18=$B$17,14,0)+IF('Standard Profiles'!$G$18=$B$24,21,0),0)),0)</f>
        <v>0</v>
      </c>
      <c r="E6899" cm="1">
        <f t="array" ref="E6899">IFERROR(INDEX(Jesper!AI$2:AI$366,ROUNDDOWN($C6899/24,0)+1,1)*INDEX($D$3:$AA$30,INDEX(Jesper!$R$2:$R$366,ROW(INDEX(Jesper!AI$2:AI$366,ROUNDDOWN($C6899/24,0)+1,1))-1)+IF('Standard Profiles'!$G$19=$B$10,7,0)+IF('Standard Profiles'!$G$19=$B$17,14,0)+IF('Standard Profiles'!$G$19=$B$24,21,0),MOD($C6899,24)+1)/SUM(INDEX($D$3:$AA$30,INDEX(Jesper!$R$2:$R$366,ROW(INDEX(Jesper!AI$2:AI$366,ROUNDDOWN($C6899/24,0)+1,1))-1)+IF('Standard Profiles'!$G$19=$B$10,7,0)+IF('Standard Profiles'!$G$19=$B$17,14,0)+IF('Standard Profiles'!$G$19=$B$24,21,0),0)),0)</f>
        <v>2.7294028338489347</v>
      </c>
      <c r="F6899" cm="1">
        <f t="array" ref="F6899">IFERROR(INDEX(Jesper!AJ$2:AJ$366,ROUNDDOWN($C6899/24,0)+1,1)*INDEX($D$3:$AA$30,INDEX(Jesper!$R$2:$R$366,ROW(INDEX(Jesper!AJ$2:AJ$366,ROUNDDOWN($C6899/24,0)+1,1))-1)+IF('Standard Profiles'!$G$20=$B$10,7,0)+IF('Standard Profiles'!$G$20=$B$17,14,0)+IF('Standard Profiles'!$G$20=$B$24,21,0),MOD($C6899,24)+1)/SUM(INDEX($D$3:$AA$30,INDEX(Jesper!$R$2:$R$366,ROW(INDEX(Jesper!AJ$2:AJ$366,ROUNDDOWN($C6899/24,0)+1,1))-1)+IF('Standard Profiles'!$G$20=$B$10,7,0)+IF('Standard Profiles'!$G$20=$B$17,14,0)+IF('Standard Profiles'!$G$20=$B$24,21,0),0)),0)</f>
        <v>1.2339847968118112</v>
      </c>
      <c r="G6899" cm="1">
        <f t="array" ref="G6899">IFERROR(INDEX(Jesper!AK$2:AK$366,ROUNDDOWN($C6899/24,0)+1,1)*INDEX($D$3:$AA$30,INDEX(Jesper!$R$2:$R$366,ROW(INDEX(Jesper!AK$2:AK$366,ROUNDDOWN($C6899/24,0)+1,1))-1)+IF('Standard Profiles'!$G$21=$B$10,7,0)+IF('Standard Profiles'!$G$21=$B$17,14,0)+IF('Standard Profiles'!$G$21=$B$24,21,0),MOD($C6899,24)+1)/SUM(INDEX($D$3:$AA$30,INDEX(Jesper!$R$2:$R$366,ROW(INDEX(Jesper!AK$2:AK$366,ROUNDDOWN($C6899/24,0)+1,1))-1)+IF('Standard Profiles'!$G$21=$B$10,7,0)+IF('Standard Profiles'!$G$21=$B$17,14,0)+IF('Standard Profiles'!$G$21=$B$24,21,0),0)),0)</f>
        <v>0.74668052525662831</v>
      </c>
      <c r="H6899" cm="1">
        <f t="array" ref="H6899">IFERROR(INDEX(Jesper!AL$2:AL$366,ROUNDDOWN($C6899/24,0)+1,1)*INDEX($D$3:$AA$30,INDEX(Jesper!$R$2:$R$366,ROW(INDEX(Jesper!AL$2:AL$366,ROUNDDOWN($C6899/24,0)+1,1))-1)+IF('Standard Profiles'!$G$22=$B$10,7,0)+IF('Standard Profiles'!$G$22=$B$17,14,0)+IF('Standard Profiles'!$G$22=$B$24,21,0),MOD($C6899,24)+1)/SUM(INDEX($D$3:$AA$30,INDEX(Jesper!$R$2:$R$366,ROW(INDEX(Jesper!AL$2:AL$366,ROUNDDOWN($C6899/24,0)+1,1))-1)+IF('Standard Profiles'!$G$22=$B$10,7,0)+IF('Standard Profiles'!$G$22=$B$17,14,0)+IF('Standard Profiles'!$G$22=$B$24,21,0),0)),0)</f>
        <v>0.2728507063957189</v>
      </c>
      <c r="I6899">
        <f t="shared" si="769"/>
        <v>0.2619366781398903</v>
      </c>
      <c r="J6899">
        <f t="shared" si="770"/>
        <v>4.3934538441113302</v>
      </c>
      <c r="K6899">
        <f t="shared" si="771"/>
        <v>0.21835222670791476</v>
      </c>
      <c r="L6899">
        <f t="shared" si="772"/>
        <v>0.10917611335395738</v>
      </c>
      <c r="M6899">
        <f t="shared" si="773"/>
        <v>0</v>
      </c>
      <c r="N6899" s="45">
        <f t="shared" si="774"/>
        <v>45213.041666650017</v>
      </c>
    </row>
    <row r="6900" spans="2:14" x14ac:dyDescent="0.25">
      <c r="B6900">
        <f t="shared" si="768"/>
        <v>6</v>
      </c>
      <c r="C6900" s="16">
        <v>6866</v>
      </c>
      <c r="D6900" cm="1">
        <f t="array" ref="D6900">IFERROR(INDEX(Jesper!AH$2:AH$366,ROUNDDOWN($C6900/24,0)+1,1)*INDEX($D$3:$AA$30,INDEX(Jesper!$R$2:$R$366,ROW(INDEX(Jesper!AH$2:AH$366,ROUNDDOWN($C6900/24,0)+1,1))-1)+IF('Standard Profiles'!$G$18=$B$10,7,0)+IF('Standard Profiles'!$G$18=$B$17,14,0)+IF('Standard Profiles'!$G$18=$B$24,21,0),MOD($C6900,24)+1)/SUM(INDEX($D$3:$AA$30,INDEX(Jesper!$R$2:$R$366,ROW(INDEX(Jesper!AH$2:AH$366,ROUNDDOWN($C6900/24,0)+1,1))-1)+IF('Standard Profiles'!$G$18=$B$10,7,0)+IF('Standard Profiles'!$G$18=$B$17,14,0)+IF('Standard Profiles'!$G$18=$B$24,21,0),0)),0)</f>
        <v>0</v>
      </c>
      <c r="E6900" cm="1">
        <f t="array" ref="E6900">IFERROR(INDEX(Jesper!AI$2:AI$366,ROUNDDOWN($C6900/24,0)+1,1)*INDEX($D$3:$AA$30,INDEX(Jesper!$R$2:$R$366,ROW(INDEX(Jesper!AI$2:AI$366,ROUNDDOWN($C6900/24,0)+1,1))-1)+IF('Standard Profiles'!$G$19=$B$10,7,0)+IF('Standard Profiles'!$G$19=$B$17,14,0)+IF('Standard Profiles'!$G$19=$B$24,21,0),MOD($C6900,24)+1)/SUM(INDEX($D$3:$AA$30,INDEX(Jesper!$R$2:$R$366,ROW(INDEX(Jesper!AI$2:AI$366,ROUNDDOWN($C6900/24,0)+1,1))-1)+IF('Standard Profiles'!$G$19=$B$10,7,0)+IF('Standard Profiles'!$G$19=$B$17,14,0)+IF('Standard Profiles'!$G$19=$B$24,21,0),0)),0)</f>
        <v>2.7294028338489347</v>
      </c>
      <c r="F6900" cm="1">
        <f t="array" ref="F6900">IFERROR(INDEX(Jesper!AJ$2:AJ$366,ROUNDDOWN($C6900/24,0)+1,1)*INDEX($D$3:$AA$30,INDEX(Jesper!$R$2:$R$366,ROW(INDEX(Jesper!AJ$2:AJ$366,ROUNDDOWN($C6900/24,0)+1,1))-1)+IF('Standard Profiles'!$G$20=$B$10,7,0)+IF('Standard Profiles'!$G$20=$B$17,14,0)+IF('Standard Profiles'!$G$20=$B$24,21,0),MOD($C6900,24)+1)/SUM(INDEX($D$3:$AA$30,INDEX(Jesper!$R$2:$R$366,ROW(INDEX(Jesper!AJ$2:AJ$366,ROUNDDOWN($C6900/24,0)+1,1))-1)+IF('Standard Profiles'!$G$20=$B$10,7,0)+IF('Standard Profiles'!$G$20=$B$17,14,0)+IF('Standard Profiles'!$G$20=$B$24,21,0),0)),0)</f>
        <v>1.2339847968118112</v>
      </c>
      <c r="G6900" cm="1">
        <f t="array" ref="G6900">IFERROR(INDEX(Jesper!AK$2:AK$366,ROUNDDOWN($C6900/24,0)+1,1)*INDEX($D$3:$AA$30,INDEX(Jesper!$R$2:$R$366,ROW(INDEX(Jesper!AK$2:AK$366,ROUNDDOWN($C6900/24,0)+1,1))-1)+IF('Standard Profiles'!$G$21=$B$10,7,0)+IF('Standard Profiles'!$G$21=$B$17,14,0)+IF('Standard Profiles'!$G$21=$B$24,21,0),MOD($C6900,24)+1)/SUM(INDEX($D$3:$AA$30,INDEX(Jesper!$R$2:$R$366,ROW(INDEX(Jesper!AK$2:AK$366,ROUNDDOWN($C6900/24,0)+1,1))-1)+IF('Standard Profiles'!$G$21=$B$10,7,0)+IF('Standard Profiles'!$G$21=$B$17,14,0)+IF('Standard Profiles'!$G$21=$B$24,21,0),0)),0)</f>
        <v>0.74668052525662831</v>
      </c>
      <c r="H6900" cm="1">
        <f t="array" ref="H6900">IFERROR(INDEX(Jesper!AL$2:AL$366,ROUNDDOWN($C6900/24,0)+1,1)*INDEX($D$3:$AA$30,INDEX(Jesper!$R$2:$R$366,ROW(INDEX(Jesper!AL$2:AL$366,ROUNDDOWN($C6900/24,0)+1,1))-1)+IF('Standard Profiles'!$G$22=$B$10,7,0)+IF('Standard Profiles'!$G$22=$B$17,14,0)+IF('Standard Profiles'!$G$22=$B$24,21,0),MOD($C6900,24)+1)/SUM(INDEX($D$3:$AA$30,INDEX(Jesper!$R$2:$R$366,ROW(INDEX(Jesper!AL$2:AL$366,ROUNDDOWN($C6900/24,0)+1,1))-1)+IF('Standard Profiles'!$G$22=$B$10,7,0)+IF('Standard Profiles'!$G$22=$B$17,14,0)+IF('Standard Profiles'!$G$22=$B$24,21,0),0)),0)</f>
        <v>0.2728507063957189</v>
      </c>
      <c r="I6900">
        <f t="shared" si="769"/>
        <v>0.2619366781398903</v>
      </c>
      <c r="J6900">
        <f t="shared" si="770"/>
        <v>4.3934538441113302</v>
      </c>
      <c r="K6900">
        <f t="shared" si="771"/>
        <v>0.21835222670791476</v>
      </c>
      <c r="L6900">
        <f t="shared" si="772"/>
        <v>0.10917611335395738</v>
      </c>
      <c r="M6900">
        <f t="shared" si="773"/>
        <v>0</v>
      </c>
      <c r="N6900" s="45">
        <f t="shared" si="774"/>
        <v>45213.083333316681</v>
      </c>
    </row>
    <row r="6901" spans="2:14" x14ac:dyDescent="0.25">
      <c r="B6901">
        <f t="shared" si="768"/>
        <v>6</v>
      </c>
      <c r="C6901" s="16">
        <v>6867</v>
      </c>
      <c r="D6901" cm="1">
        <f t="array" ref="D6901">IFERROR(INDEX(Jesper!AH$2:AH$366,ROUNDDOWN($C6901/24,0)+1,1)*INDEX($D$3:$AA$30,INDEX(Jesper!$R$2:$R$366,ROW(INDEX(Jesper!AH$2:AH$366,ROUNDDOWN($C6901/24,0)+1,1))-1)+IF('Standard Profiles'!$G$18=$B$10,7,0)+IF('Standard Profiles'!$G$18=$B$17,14,0)+IF('Standard Profiles'!$G$18=$B$24,21,0),MOD($C6901,24)+1)/SUM(INDEX($D$3:$AA$30,INDEX(Jesper!$R$2:$R$366,ROW(INDEX(Jesper!AH$2:AH$366,ROUNDDOWN($C6901/24,0)+1,1))-1)+IF('Standard Profiles'!$G$18=$B$10,7,0)+IF('Standard Profiles'!$G$18=$B$17,14,0)+IF('Standard Profiles'!$G$18=$B$24,21,0),0)),0)</f>
        <v>0</v>
      </c>
      <c r="E6901" cm="1">
        <f t="array" ref="E6901">IFERROR(INDEX(Jesper!AI$2:AI$366,ROUNDDOWN($C6901/24,0)+1,1)*INDEX($D$3:$AA$30,INDEX(Jesper!$R$2:$R$366,ROW(INDEX(Jesper!AI$2:AI$366,ROUNDDOWN($C6901/24,0)+1,1))-1)+IF('Standard Profiles'!$G$19=$B$10,7,0)+IF('Standard Profiles'!$G$19=$B$17,14,0)+IF('Standard Profiles'!$G$19=$B$24,21,0),MOD($C6901,24)+1)/SUM(INDEX($D$3:$AA$30,INDEX(Jesper!$R$2:$R$366,ROW(INDEX(Jesper!AI$2:AI$366,ROUNDDOWN($C6901/24,0)+1,1))-1)+IF('Standard Profiles'!$G$19=$B$10,7,0)+IF('Standard Profiles'!$G$19=$B$17,14,0)+IF('Standard Profiles'!$G$19=$B$24,21,0),0)),0)</f>
        <v>2.7294028338489347</v>
      </c>
      <c r="F6901" cm="1">
        <f t="array" ref="F6901">IFERROR(INDEX(Jesper!AJ$2:AJ$366,ROUNDDOWN($C6901/24,0)+1,1)*INDEX($D$3:$AA$30,INDEX(Jesper!$R$2:$R$366,ROW(INDEX(Jesper!AJ$2:AJ$366,ROUNDDOWN($C6901/24,0)+1,1))-1)+IF('Standard Profiles'!$G$20=$B$10,7,0)+IF('Standard Profiles'!$G$20=$B$17,14,0)+IF('Standard Profiles'!$G$20=$B$24,21,0),MOD($C6901,24)+1)/SUM(INDEX($D$3:$AA$30,INDEX(Jesper!$R$2:$R$366,ROW(INDEX(Jesper!AJ$2:AJ$366,ROUNDDOWN($C6901/24,0)+1,1))-1)+IF('Standard Profiles'!$G$20=$B$10,7,0)+IF('Standard Profiles'!$G$20=$B$17,14,0)+IF('Standard Profiles'!$G$20=$B$24,21,0),0)),0)</f>
        <v>1.2339847968118112</v>
      </c>
      <c r="G6901" cm="1">
        <f t="array" ref="G6901">IFERROR(INDEX(Jesper!AK$2:AK$366,ROUNDDOWN($C6901/24,0)+1,1)*INDEX($D$3:$AA$30,INDEX(Jesper!$R$2:$R$366,ROW(INDEX(Jesper!AK$2:AK$366,ROUNDDOWN($C6901/24,0)+1,1))-1)+IF('Standard Profiles'!$G$21=$B$10,7,0)+IF('Standard Profiles'!$G$21=$B$17,14,0)+IF('Standard Profiles'!$G$21=$B$24,21,0),MOD($C6901,24)+1)/SUM(INDEX($D$3:$AA$30,INDEX(Jesper!$R$2:$R$366,ROW(INDEX(Jesper!AK$2:AK$366,ROUNDDOWN($C6901/24,0)+1,1))-1)+IF('Standard Profiles'!$G$21=$B$10,7,0)+IF('Standard Profiles'!$G$21=$B$17,14,0)+IF('Standard Profiles'!$G$21=$B$24,21,0),0)),0)</f>
        <v>0.74668052525662831</v>
      </c>
      <c r="H6901" cm="1">
        <f t="array" ref="H6901">IFERROR(INDEX(Jesper!AL$2:AL$366,ROUNDDOWN($C6901/24,0)+1,1)*INDEX($D$3:$AA$30,INDEX(Jesper!$R$2:$R$366,ROW(INDEX(Jesper!AL$2:AL$366,ROUNDDOWN($C6901/24,0)+1,1))-1)+IF('Standard Profiles'!$G$22=$B$10,7,0)+IF('Standard Profiles'!$G$22=$B$17,14,0)+IF('Standard Profiles'!$G$22=$B$24,21,0),MOD($C6901,24)+1)/SUM(INDEX($D$3:$AA$30,INDEX(Jesper!$R$2:$R$366,ROW(INDEX(Jesper!AL$2:AL$366,ROUNDDOWN($C6901/24,0)+1,1))-1)+IF('Standard Profiles'!$G$22=$B$10,7,0)+IF('Standard Profiles'!$G$22=$B$17,14,0)+IF('Standard Profiles'!$G$22=$B$24,21,0),0)),0)</f>
        <v>0.2728507063957189</v>
      </c>
      <c r="I6901">
        <f t="shared" si="769"/>
        <v>0.2619366781398903</v>
      </c>
      <c r="J6901">
        <f t="shared" si="770"/>
        <v>4.3934538441113302</v>
      </c>
      <c r="K6901">
        <f t="shared" si="771"/>
        <v>0.21835222670791476</v>
      </c>
      <c r="L6901">
        <f t="shared" si="772"/>
        <v>0.10917611335395738</v>
      </c>
      <c r="M6901">
        <f t="shared" si="773"/>
        <v>0</v>
      </c>
      <c r="N6901" s="45">
        <f t="shared" si="774"/>
        <v>45213.124999983345</v>
      </c>
    </row>
    <row r="6902" spans="2:14" x14ac:dyDescent="0.25">
      <c r="B6902">
        <f t="shared" si="768"/>
        <v>6</v>
      </c>
      <c r="C6902" s="16">
        <v>6868</v>
      </c>
      <c r="D6902" cm="1">
        <f t="array" ref="D6902">IFERROR(INDEX(Jesper!AH$2:AH$366,ROUNDDOWN($C6902/24,0)+1,1)*INDEX($D$3:$AA$30,INDEX(Jesper!$R$2:$R$366,ROW(INDEX(Jesper!AH$2:AH$366,ROUNDDOWN($C6902/24,0)+1,1))-1)+IF('Standard Profiles'!$G$18=$B$10,7,0)+IF('Standard Profiles'!$G$18=$B$17,14,0)+IF('Standard Profiles'!$G$18=$B$24,21,0),MOD($C6902,24)+1)/SUM(INDEX($D$3:$AA$30,INDEX(Jesper!$R$2:$R$366,ROW(INDEX(Jesper!AH$2:AH$366,ROUNDDOWN($C6902/24,0)+1,1))-1)+IF('Standard Profiles'!$G$18=$B$10,7,0)+IF('Standard Profiles'!$G$18=$B$17,14,0)+IF('Standard Profiles'!$G$18=$B$24,21,0),0)),0)</f>
        <v>0</v>
      </c>
      <c r="E6902" cm="1">
        <f t="array" ref="E6902">IFERROR(INDEX(Jesper!AI$2:AI$366,ROUNDDOWN($C6902/24,0)+1,1)*INDEX($D$3:$AA$30,INDEX(Jesper!$R$2:$R$366,ROW(INDEX(Jesper!AI$2:AI$366,ROUNDDOWN($C6902/24,0)+1,1))-1)+IF('Standard Profiles'!$G$19=$B$10,7,0)+IF('Standard Profiles'!$G$19=$B$17,14,0)+IF('Standard Profiles'!$G$19=$B$24,21,0),MOD($C6902,24)+1)/SUM(INDEX($D$3:$AA$30,INDEX(Jesper!$R$2:$R$366,ROW(INDEX(Jesper!AI$2:AI$366,ROUNDDOWN($C6902/24,0)+1,1))-1)+IF('Standard Profiles'!$G$19=$B$10,7,0)+IF('Standard Profiles'!$G$19=$B$17,14,0)+IF('Standard Profiles'!$G$19=$B$24,21,0),0)),0)</f>
        <v>2.7294028338489347</v>
      </c>
      <c r="F6902" cm="1">
        <f t="array" ref="F6902">IFERROR(INDEX(Jesper!AJ$2:AJ$366,ROUNDDOWN($C6902/24,0)+1,1)*INDEX($D$3:$AA$30,INDEX(Jesper!$R$2:$R$366,ROW(INDEX(Jesper!AJ$2:AJ$366,ROUNDDOWN($C6902/24,0)+1,1))-1)+IF('Standard Profiles'!$G$20=$B$10,7,0)+IF('Standard Profiles'!$G$20=$B$17,14,0)+IF('Standard Profiles'!$G$20=$B$24,21,0),MOD($C6902,24)+1)/SUM(INDEX($D$3:$AA$30,INDEX(Jesper!$R$2:$R$366,ROW(INDEX(Jesper!AJ$2:AJ$366,ROUNDDOWN($C6902/24,0)+1,1))-1)+IF('Standard Profiles'!$G$20=$B$10,7,0)+IF('Standard Profiles'!$G$20=$B$17,14,0)+IF('Standard Profiles'!$G$20=$B$24,21,0),0)),0)</f>
        <v>1.2339847968118112</v>
      </c>
      <c r="G6902" cm="1">
        <f t="array" ref="G6902">IFERROR(INDEX(Jesper!AK$2:AK$366,ROUNDDOWN($C6902/24,0)+1,1)*INDEX($D$3:$AA$30,INDEX(Jesper!$R$2:$R$366,ROW(INDEX(Jesper!AK$2:AK$366,ROUNDDOWN($C6902/24,0)+1,1))-1)+IF('Standard Profiles'!$G$21=$B$10,7,0)+IF('Standard Profiles'!$G$21=$B$17,14,0)+IF('Standard Profiles'!$G$21=$B$24,21,0),MOD($C6902,24)+1)/SUM(INDEX($D$3:$AA$30,INDEX(Jesper!$R$2:$R$366,ROW(INDEX(Jesper!AK$2:AK$366,ROUNDDOWN($C6902/24,0)+1,1))-1)+IF('Standard Profiles'!$G$21=$B$10,7,0)+IF('Standard Profiles'!$G$21=$B$17,14,0)+IF('Standard Profiles'!$G$21=$B$24,21,0),0)),0)</f>
        <v>0.74668052525662831</v>
      </c>
      <c r="H6902" cm="1">
        <f t="array" ref="H6902">IFERROR(INDEX(Jesper!AL$2:AL$366,ROUNDDOWN($C6902/24,0)+1,1)*INDEX($D$3:$AA$30,INDEX(Jesper!$R$2:$R$366,ROW(INDEX(Jesper!AL$2:AL$366,ROUNDDOWN($C6902/24,0)+1,1))-1)+IF('Standard Profiles'!$G$22=$B$10,7,0)+IF('Standard Profiles'!$G$22=$B$17,14,0)+IF('Standard Profiles'!$G$22=$B$24,21,0),MOD($C6902,24)+1)/SUM(INDEX($D$3:$AA$30,INDEX(Jesper!$R$2:$R$366,ROW(INDEX(Jesper!AL$2:AL$366,ROUNDDOWN($C6902/24,0)+1,1))-1)+IF('Standard Profiles'!$G$22=$B$10,7,0)+IF('Standard Profiles'!$G$22=$B$17,14,0)+IF('Standard Profiles'!$G$22=$B$24,21,0),0)),0)</f>
        <v>0.2728507063957189</v>
      </c>
      <c r="I6902">
        <f t="shared" si="769"/>
        <v>0.2619366781398903</v>
      </c>
      <c r="J6902">
        <f t="shared" si="770"/>
        <v>4.3934538441113302</v>
      </c>
      <c r="K6902">
        <f t="shared" si="771"/>
        <v>0.21835222670791476</v>
      </c>
      <c r="L6902">
        <f t="shared" si="772"/>
        <v>0.10917611335395738</v>
      </c>
      <c r="M6902">
        <f t="shared" si="773"/>
        <v>0</v>
      </c>
      <c r="N6902" s="45">
        <f t="shared" si="774"/>
        <v>45213.16666665001</v>
      </c>
    </row>
    <row r="6903" spans="2:14" x14ac:dyDescent="0.25">
      <c r="B6903">
        <f t="shared" si="768"/>
        <v>6</v>
      </c>
      <c r="C6903" s="16">
        <v>6869</v>
      </c>
      <c r="D6903" cm="1">
        <f t="array" ref="D6903">IFERROR(INDEX(Jesper!AH$2:AH$366,ROUNDDOWN($C6903/24,0)+1,1)*INDEX($D$3:$AA$30,INDEX(Jesper!$R$2:$R$366,ROW(INDEX(Jesper!AH$2:AH$366,ROUNDDOWN($C6903/24,0)+1,1))-1)+IF('Standard Profiles'!$G$18=$B$10,7,0)+IF('Standard Profiles'!$G$18=$B$17,14,0)+IF('Standard Profiles'!$G$18=$B$24,21,0),MOD($C6903,24)+1)/SUM(INDEX($D$3:$AA$30,INDEX(Jesper!$R$2:$R$366,ROW(INDEX(Jesper!AH$2:AH$366,ROUNDDOWN($C6903/24,0)+1,1))-1)+IF('Standard Profiles'!$G$18=$B$10,7,0)+IF('Standard Profiles'!$G$18=$B$17,14,0)+IF('Standard Profiles'!$G$18=$B$24,21,0),0)),0)</f>
        <v>0</v>
      </c>
      <c r="E6903" cm="1">
        <f t="array" ref="E6903">IFERROR(INDEX(Jesper!AI$2:AI$366,ROUNDDOWN($C6903/24,0)+1,1)*INDEX($D$3:$AA$30,INDEX(Jesper!$R$2:$R$366,ROW(INDEX(Jesper!AI$2:AI$366,ROUNDDOWN($C6903/24,0)+1,1))-1)+IF('Standard Profiles'!$G$19=$B$10,7,0)+IF('Standard Profiles'!$G$19=$B$17,14,0)+IF('Standard Profiles'!$G$19=$B$24,21,0),MOD($C6903,24)+1)/SUM(INDEX($D$3:$AA$30,INDEX(Jesper!$R$2:$R$366,ROW(INDEX(Jesper!AI$2:AI$366,ROUNDDOWN($C6903/24,0)+1,1))-1)+IF('Standard Profiles'!$G$19=$B$10,7,0)+IF('Standard Profiles'!$G$19=$B$17,14,0)+IF('Standard Profiles'!$G$19=$B$24,21,0),0)),0)</f>
        <v>2.7294028338489347</v>
      </c>
      <c r="F6903" cm="1">
        <f t="array" ref="F6903">IFERROR(INDEX(Jesper!AJ$2:AJ$366,ROUNDDOWN($C6903/24,0)+1,1)*INDEX($D$3:$AA$30,INDEX(Jesper!$R$2:$R$366,ROW(INDEX(Jesper!AJ$2:AJ$366,ROUNDDOWN($C6903/24,0)+1,1))-1)+IF('Standard Profiles'!$G$20=$B$10,7,0)+IF('Standard Profiles'!$G$20=$B$17,14,0)+IF('Standard Profiles'!$G$20=$B$24,21,0),MOD($C6903,24)+1)/SUM(INDEX($D$3:$AA$30,INDEX(Jesper!$R$2:$R$366,ROW(INDEX(Jesper!AJ$2:AJ$366,ROUNDDOWN($C6903/24,0)+1,1))-1)+IF('Standard Profiles'!$G$20=$B$10,7,0)+IF('Standard Profiles'!$G$20=$B$17,14,0)+IF('Standard Profiles'!$G$20=$B$24,21,0),0)),0)</f>
        <v>1.2339847968118112</v>
      </c>
      <c r="G6903" cm="1">
        <f t="array" ref="G6903">IFERROR(INDEX(Jesper!AK$2:AK$366,ROUNDDOWN($C6903/24,0)+1,1)*INDEX($D$3:$AA$30,INDEX(Jesper!$R$2:$R$366,ROW(INDEX(Jesper!AK$2:AK$366,ROUNDDOWN($C6903/24,0)+1,1))-1)+IF('Standard Profiles'!$G$21=$B$10,7,0)+IF('Standard Profiles'!$G$21=$B$17,14,0)+IF('Standard Profiles'!$G$21=$B$24,21,0),MOD($C6903,24)+1)/SUM(INDEX($D$3:$AA$30,INDEX(Jesper!$R$2:$R$366,ROW(INDEX(Jesper!AK$2:AK$366,ROUNDDOWN($C6903/24,0)+1,1))-1)+IF('Standard Profiles'!$G$21=$B$10,7,0)+IF('Standard Profiles'!$G$21=$B$17,14,0)+IF('Standard Profiles'!$G$21=$B$24,21,0),0)),0)</f>
        <v>0.74668052525662831</v>
      </c>
      <c r="H6903" cm="1">
        <f t="array" ref="H6903">IFERROR(INDEX(Jesper!AL$2:AL$366,ROUNDDOWN($C6903/24,0)+1,1)*INDEX($D$3:$AA$30,INDEX(Jesper!$R$2:$R$366,ROW(INDEX(Jesper!AL$2:AL$366,ROUNDDOWN($C6903/24,0)+1,1))-1)+IF('Standard Profiles'!$G$22=$B$10,7,0)+IF('Standard Profiles'!$G$22=$B$17,14,0)+IF('Standard Profiles'!$G$22=$B$24,21,0),MOD($C6903,24)+1)/SUM(INDEX($D$3:$AA$30,INDEX(Jesper!$R$2:$R$366,ROW(INDEX(Jesper!AL$2:AL$366,ROUNDDOWN($C6903/24,0)+1,1))-1)+IF('Standard Profiles'!$G$22=$B$10,7,0)+IF('Standard Profiles'!$G$22=$B$17,14,0)+IF('Standard Profiles'!$G$22=$B$24,21,0),0)),0)</f>
        <v>0.33939965917516257</v>
      </c>
      <c r="I6903">
        <f t="shared" si="769"/>
        <v>0.32582367280815622</v>
      </c>
      <c r="J6903">
        <f t="shared" si="770"/>
        <v>4.396115802222508</v>
      </c>
      <c r="K6903">
        <f t="shared" si="771"/>
        <v>0.21835222670791476</v>
      </c>
      <c r="L6903">
        <f t="shared" si="772"/>
        <v>0.10917611335395738</v>
      </c>
      <c r="M6903">
        <f t="shared" si="773"/>
        <v>0</v>
      </c>
      <c r="N6903" s="45">
        <f t="shared" si="774"/>
        <v>45213.208333316674</v>
      </c>
    </row>
    <row r="6904" spans="2:14" x14ac:dyDescent="0.25">
      <c r="B6904">
        <f t="shared" si="768"/>
        <v>6</v>
      </c>
      <c r="C6904" s="16">
        <v>6870</v>
      </c>
      <c r="D6904" cm="1">
        <f t="array" ref="D6904">IFERROR(INDEX(Jesper!AH$2:AH$366,ROUNDDOWN($C6904/24,0)+1,1)*INDEX($D$3:$AA$30,INDEX(Jesper!$R$2:$R$366,ROW(INDEX(Jesper!AH$2:AH$366,ROUNDDOWN($C6904/24,0)+1,1))-1)+IF('Standard Profiles'!$G$18=$B$10,7,0)+IF('Standard Profiles'!$G$18=$B$17,14,0)+IF('Standard Profiles'!$G$18=$B$24,21,0),MOD($C6904,24)+1)/SUM(INDEX($D$3:$AA$30,INDEX(Jesper!$R$2:$R$366,ROW(INDEX(Jesper!AH$2:AH$366,ROUNDDOWN($C6904/24,0)+1,1))-1)+IF('Standard Profiles'!$G$18=$B$10,7,0)+IF('Standard Profiles'!$G$18=$B$17,14,0)+IF('Standard Profiles'!$G$18=$B$24,21,0),0)),0)</f>
        <v>0</v>
      </c>
      <c r="E6904" cm="1">
        <f t="array" ref="E6904">IFERROR(INDEX(Jesper!AI$2:AI$366,ROUNDDOWN($C6904/24,0)+1,1)*INDEX($D$3:$AA$30,INDEX(Jesper!$R$2:$R$366,ROW(INDEX(Jesper!AI$2:AI$366,ROUNDDOWN($C6904/24,0)+1,1))-1)+IF('Standard Profiles'!$G$19=$B$10,7,0)+IF('Standard Profiles'!$G$19=$B$17,14,0)+IF('Standard Profiles'!$G$19=$B$24,21,0),MOD($C6904,24)+1)/SUM(INDEX($D$3:$AA$30,INDEX(Jesper!$R$2:$R$366,ROW(INDEX(Jesper!AI$2:AI$366,ROUNDDOWN($C6904/24,0)+1,1))-1)+IF('Standard Profiles'!$G$19=$B$10,7,0)+IF('Standard Profiles'!$G$19=$B$17,14,0)+IF('Standard Profiles'!$G$19=$B$24,21,0),0)),0)</f>
        <v>2.7294028338489347</v>
      </c>
      <c r="F6904" cm="1">
        <f t="array" ref="F6904">IFERROR(INDEX(Jesper!AJ$2:AJ$366,ROUNDDOWN($C6904/24,0)+1,1)*INDEX($D$3:$AA$30,INDEX(Jesper!$R$2:$R$366,ROW(INDEX(Jesper!AJ$2:AJ$366,ROUNDDOWN($C6904/24,0)+1,1))-1)+IF('Standard Profiles'!$G$20=$B$10,7,0)+IF('Standard Profiles'!$G$20=$B$17,14,0)+IF('Standard Profiles'!$G$20=$B$24,21,0),MOD($C6904,24)+1)/SUM(INDEX($D$3:$AA$30,INDEX(Jesper!$R$2:$R$366,ROW(INDEX(Jesper!AJ$2:AJ$366,ROUNDDOWN($C6904/24,0)+1,1))-1)+IF('Standard Profiles'!$G$20=$B$10,7,0)+IF('Standard Profiles'!$G$20=$B$17,14,0)+IF('Standard Profiles'!$G$20=$B$24,21,0),0)),0)</f>
        <v>1.2339847968118112</v>
      </c>
      <c r="G6904" cm="1">
        <f t="array" ref="G6904">IFERROR(INDEX(Jesper!AK$2:AK$366,ROUNDDOWN($C6904/24,0)+1,1)*INDEX($D$3:$AA$30,INDEX(Jesper!$R$2:$R$366,ROW(INDEX(Jesper!AK$2:AK$366,ROUNDDOWN($C6904/24,0)+1,1))-1)+IF('Standard Profiles'!$G$21=$B$10,7,0)+IF('Standard Profiles'!$G$21=$B$17,14,0)+IF('Standard Profiles'!$G$21=$B$24,21,0),MOD($C6904,24)+1)/SUM(INDEX($D$3:$AA$30,INDEX(Jesper!$R$2:$R$366,ROW(INDEX(Jesper!AK$2:AK$366,ROUNDDOWN($C6904/24,0)+1,1))-1)+IF('Standard Profiles'!$G$21=$B$10,7,0)+IF('Standard Profiles'!$G$21=$B$17,14,0)+IF('Standard Profiles'!$G$21=$B$24,21,0),0)),0)</f>
        <v>0.74668052525662831</v>
      </c>
      <c r="H6904" cm="1">
        <f t="array" ref="H6904">IFERROR(INDEX(Jesper!AL$2:AL$366,ROUNDDOWN($C6904/24,0)+1,1)*INDEX($D$3:$AA$30,INDEX(Jesper!$R$2:$R$366,ROW(INDEX(Jesper!AL$2:AL$366,ROUNDDOWN($C6904/24,0)+1,1))-1)+IF('Standard Profiles'!$G$22=$B$10,7,0)+IF('Standard Profiles'!$G$22=$B$17,14,0)+IF('Standard Profiles'!$G$22=$B$24,21,0),MOD($C6904,24)+1)/SUM(INDEX($D$3:$AA$30,INDEX(Jesper!$R$2:$R$366,ROW(INDEX(Jesper!AL$2:AL$366,ROUNDDOWN($C6904/24,0)+1,1))-1)+IF('Standard Profiles'!$G$22=$B$10,7,0)+IF('Standard Profiles'!$G$22=$B$17,14,0)+IF('Standard Profiles'!$G$22=$B$24,21,0),0)),0)</f>
        <v>0.42591329778843934</v>
      </c>
      <c r="I6904">
        <f t="shared" si="769"/>
        <v>0.40887676587690197</v>
      </c>
      <c r="J6904">
        <f t="shared" si="770"/>
        <v>4.3995763477670389</v>
      </c>
      <c r="K6904">
        <f t="shared" si="771"/>
        <v>0.21835222670791476</v>
      </c>
      <c r="L6904">
        <f t="shared" si="772"/>
        <v>0.10917611335395738</v>
      </c>
      <c r="M6904">
        <f t="shared" si="773"/>
        <v>0</v>
      </c>
      <c r="N6904" s="45">
        <f t="shared" si="774"/>
        <v>45213.249999983338</v>
      </c>
    </row>
    <row r="6905" spans="2:14" x14ac:dyDescent="0.25">
      <c r="B6905">
        <f t="shared" si="768"/>
        <v>6</v>
      </c>
      <c r="C6905" s="16">
        <v>6871</v>
      </c>
      <c r="D6905" cm="1">
        <f t="array" ref="D6905">IFERROR(INDEX(Jesper!AH$2:AH$366,ROUNDDOWN($C6905/24,0)+1,1)*INDEX($D$3:$AA$30,INDEX(Jesper!$R$2:$R$366,ROW(INDEX(Jesper!AH$2:AH$366,ROUNDDOWN($C6905/24,0)+1,1))-1)+IF('Standard Profiles'!$G$18=$B$10,7,0)+IF('Standard Profiles'!$G$18=$B$17,14,0)+IF('Standard Profiles'!$G$18=$B$24,21,0),MOD($C6905,24)+1)/SUM(INDEX($D$3:$AA$30,INDEX(Jesper!$R$2:$R$366,ROW(INDEX(Jesper!AH$2:AH$366,ROUNDDOWN($C6905/24,0)+1,1))-1)+IF('Standard Profiles'!$G$18=$B$10,7,0)+IF('Standard Profiles'!$G$18=$B$17,14,0)+IF('Standard Profiles'!$G$18=$B$24,21,0),0)),0)</f>
        <v>0</v>
      </c>
      <c r="E6905" cm="1">
        <f t="array" ref="E6905">IFERROR(INDEX(Jesper!AI$2:AI$366,ROUNDDOWN($C6905/24,0)+1,1)*INDEX($D$3:$AA$30,INDEX(Jesper!$R$2:$R$366,ROW(INDEX(Jesper!AI$2:AI$366,ROUNDDOWN($C6905/24,0)+1,1))-1)+IF('Standard Profiles'!$G$19=$B$10,7,0)+IF('Standard Profiles'!$G$19=$B$17,14,0)+IF('Standard Profiles'!$G$19=$B$24,21,0),MOD($C6905,24)+1)/SUM(INDEX($D$3:$AA$30,INDEX(Jesper!$R$2:$R$366,ROW(INDEX(Jesper!AI$2:AI$366,ROUNDDOWN($C6905/24,0)+1,1))-1)+IF('Standard Profiles'!$G$19=$B$10,7,0)+IF('Standard Profiles'!$G$19=$B$17,14,0)+IF('Standard Profiles'!$G$19=$B$24,21,0),0)),0)</f>
        <v>2.7294028338489347</v>
      </c>
      <c r="F6905" cm="1">
        <f t="array" ref="F6905">IFERROR(INDEX(Jesper!AJ$2:AJ$366,ROUNDDOWN($C6905/24,0)+1,1)*INDEX($D$3:$AA$30,INDEX(Jesper!$R$2:$R$366,ROW(INDEX(Jesper!AJ$2:AJ$366,ROUNDDOWN($C6905/24,0)+1,1))-1)+IF('Standard Profiles'!$G$20=$B$10,7,0)+IF('Standard Profiles'!$G$20=$B$17,14,0)+IF('Standard Profiles'!$G$20=$B$24,21,0),MOD($C6905,24)+1)/SUM(INDEX($D$3:$AA$30,INDEX(Jesper!$R$2:$R$366,ROW(INDEX(Jesper!AJ$2:AJ$366,ROUNDDOWN($C6905/24,0)+1,1))-1)+IF('Standard Profiles'!$G$20=$B$10,7,0)+IF('Standard Profiles'!$G$20=$B$17,14,0)+IF('Standard Profiles'!$G$20=$B$24,21,0),0)),0)</f>
        <v>1.2339847968118112</v>
      </c>
      <c r="G6905" cm="1">
        <f t="array" ref="G6905">IFERROR(INDEX(Jesper!AK$2:AK$366,ROUNDDOWN($C6905/24,0)+1,1)*INDEX($D$3:$AA$30,INDEX(Jesper!$R$2:$R$366,ROW(INDEX(Jesper!AK$2:AK$366,ROUNDDOWN($C6905/24,0)+1,1))-1)+IF('Standard Profiles'!$G$21=$B$10,7,0)+IF('Standard Profiles'!$G$21=$B$17,14,0)+IF('Standard Profiles'!$G$21=$B$24,21,0),MOD($C6905,24)+1)/SUM(INDEX($D$3:$AA$30,INDEX(Jesper!$R$2:$R$366,ROW(INDEX(Jesper!AK$2:AK$366,ROUNDDOWN($C6905/24,0)+1,1))-1)+IF('Standard Profiles'!$G$21=$B$10,7,0)+IF('Standard Profiles'!$G$21=$B$17,14,0)+IF('Standard Profiles'!$G$21=$B$24,21,0),0)),0)</f>
        <v>0.74668052525662831</v>
      </c>
      <c r="H6905" cm="1">
        <f t="array" ref="H6905">IFERROR(INDEX(Jesper!AL$2:AL$366,ROUNDDOWN($C6905/24,0)+1,1)*INDEX($D$3:$AA$30,INDEX(Jesper!$R$2:$R$366,ROW(INDEX(Jesper!AL$2:AL$366,ROUNDDOWN($C6905/24,0)+1,1))-1)+IF('Standard Profiles'!$G$22=$B$10,7,0)+IF('Standard Profiles'!$G$22=$B$17,14,0)+IF('Standard Profiles'!$G$22=$B$24,21,0),MOD($C6905,24)+1)/SUM(INDEX($D$3:$AA$30,INDEX(Jesper!$R$2:$R$366,ROW(INDEX(Jesper!AL$2:AL$366,ROUNDDOWN($C6905/24,0)+1,1))-1)+IF('Standard Profiles'!$G$22=$B$10,7,0)+IF('Standard Profiles'!$G$22=$B$17,14,0)+IF('Standard Profiles'!$G$22=$B$24,21,0),0)),0)</f>
        <v>0.48580735528993857</v>
      </c>
      <c r="I6905">
        <f t="shared" si="769"/>
        <v>0.46637506107834126</v>
      </c>
      <c r="J6905">
        <f t="shared" si="770"/>
        <v>4.4019721100670992</v>
      </c>
      <c r="K6905">
        <f t="shared" si="771"/>
        <v>0.21835222670791476</v>
      </c>
      <c r="L6905">
        <f t="shared" si="772"/>
        <v>0.10917611335395738</v>
      </c>
      <c r="M6905">
        <f t="shared" si="773"/>
        <v>0</v>
      </c>
      <c r="N6905" s="45">
        <f t="shared" si="774"/>
        <v>45213.291666650002</v>
      </c>
    </row>
    <row r="6906" spans="2:14" x14ac:dyDescent="0.25">
      <c r="B6906">
        <f t="shared" si="768"/>
        <v>6</v>
      </c>
      <c r="C6906" s="16">
        <v>6872</v>
      </c>
      <c r="D6906" cm="1">
        <f t="array" ref="D6906">IFERROR(INDEX(Jesper!AH$2:AH$366,ROUNDDOWN($C6906/24,0)+1,1)*INDEX($D$3:$AA$30,INDEX(Jesper!$R$2:$R$366,ROW(INDEX(Jesper!AH$2:AH$366,ROUNDDOWN($C6906/24,0)+1,1))-1)+IF('Standard Profiles'!$G$18=$B$10,7,0)+IF('Standard Profiles'!$G$18=$B$17,14,0)+IF('Standard Profiles'!$G$18=$B$24,21,0),MOD($C6906,24)+1)/SUM(INDEX($D$3:$AA$30,INDEX(Jesper!$R$2:$R$366,ROW(INDEX(Jesper!AH$2:AH$366,ROUNDDOWN($C6906/24,0)+1,1))-1)+IF('Standard Profiles'!$G$18=$B$10,7,0)+IF('Standard Profiles'!$G$18=$B$17,14,0)+IF('Standard Profiles'!$G$18=$B$24,21,0),0)),0)</f>
        <v>0</v>
      </c>
      <c r="E6906" cm="1">
        <f t="array" ref="E6906">IFERROR(INDEX(Jesper!AI$2:AI$366,ROUNDDOWN($C6906/24,0)+1,1)*INDEX($D$3:$AA$30,INDEX(Jesper!$R$2:$R$366,ROW(INDEX(Jesper!AI$2:AI$366,ROUNDDOWN($C6906/24,0)+1,1))-1)+IF('Standard Profiles'!$G$19=$B$10,7,0)+IF('Standard Profiles'!$G$19=$B$17,14,0)+IF('Standard Profiles'!$G$19=$B$24,21,0),MOD($C6906,24)+1)/SUM(INDEX($D$3:$AA$30,INDEX(Jesper!$R$2:$R$366,ROW(INDEX(Jesper!AI$2:AI$366,ROUNDDOWN($C6906/24,0)+1,1))-1)+IF('Standard Profiles'!$G$19=$B$10,7,0)+IF('Standard Profiles'!$G$19=$B$17,14,0)+IF('Standard Profiles'!$G$19=$B$24,21,0),0)),0)</f>
        <v>2.7294028338489347</v>
      </c>
      <c r="F6906" cm="1">
        <f t="array" ref="F6906">IFERROR(INDEX(Jesper!AJ$2:AJ$366,ROUNDDOWN($C6906/24,0)+1,1)*INDEX($D$3:$AA$30,INDEX(Jesper!$R$2:$R$366,ROW(INDEX(Jesper!AJ$2:AJ$366,ROUNDDOWN($C6906/24,0)+1,1))-1)+IF('Standard Profiles'!$G$20=$B$10,7,0)+IF('Standard Profiles'!$G$20=$B$17,14,0)+IF('Standard Profiles'!$G$20=$B$24,21,0),MOD($C6906,24)+1)/SUM(INDEX($D$3:$AA$30,INDEX(Jesper!$R$2:$R$366,ROW(INDEX(Jesper!AJ$2:AJ$366,ROUNDDOWN($C6906/24,0)+1,1))-1)+IF('Standard Profiles'!$G$20=$B$10,7,0)+IF('Standard Profiles'!$G$20=$B$17,14,0)+IF('Standard Profiles'!$G$20=$B$24,21,0),0)),0)</f>
        <v>1.2339847968118112</v>
      </c>
      <c r="G6906" cm="1">
        <f t="array" ref="G6906">IFERROR(INDEX(Jesper!AK$2:AK$366,ROUNDDOWN($C6906/24,0)+1,1)*INDEX($D$3:$AA$30,INDEX(Jesper!$R$2:$R$366,ROW(INDEX(Jesper!AK$2:AK$366,ROUNDDOWN($C6906/24,0)+1,1))-1)+IF('Standard Profiles'!$G$21=$B$10,7,0)+IF('Standard Profiles'!$G$21=$B$17,14,0)+IF('Standard Profiles'!$G$21=$B$24,21,0),MOD($C6906,24)+1)/SUM(INDEX($D$3:$AA$30,INDEX(Jesper!$R$2:$R$366,ROW(INDEX(Jesper!AK$2:AK$366,ROUNDDOWN($C6906/24,0)+1,1))-1)+IF('Standard Profiles'!$G$21=$B$10,7,0)+IF('Standard Profiles'!$G$21=$B$17,14,0)+IF('Standard Profiles'!$G$21=$B$24,21,0),0)),0)</f>
        <v>0.74668052525662831</v>
      </c>
      <c r="H6906" cm="1">
        <f t="array" ref="H6906">IFERROR(INDEX(Jesper!AL$2:AL$366,ROUNDDOWN($C6906/24,0)+1,1)*INDEX($D$3:$AA$30,INDEX(Jesper!$R$2:$R$366,ROW(INDEX(Jesper!AL$2:AL$366,ROUNDDOWN($C6906/24,0)+1,1))-1)+IF('Standard Profiles'!$G$22=$B$10,7,0)+IF('Standard Profiles'!$G$22=$B$17,14,0)+IF('Standard Profiles'!$G$22=$B$24,21,0),MOD($C6906,24)+1)/SUM(INDEX($D$3:$AA$30,INDEX(Jesper!$R$2:$R$366,ROW(INDEX(Jesper!AL$2:AL$366,ROUNDDOWN($C6906/24,0)+1,1))-1)+IF('Standard Profiles'!$G$22=$B$10,7,0)+IF('Standard Profiles'!$G$22=$B$17,14,0)+IF('Standard Profiles'!$G$22=$B$24,21,0),0)),0)</f>
        <v>0.48580735528993857</v>
      </c>
      <c r="I6906">
        <f t="shared" si="769"/>
        <v>0.46637506107834126</v>
      </c>
      <c r="J6906">
        <f t="shared" si="770"/>
        <v>4.4019721100670992</v>
      </c>
      <c r="K6906">
        <f t="shared" si="771"/>
        <v>0.21835222670791476</v>
      </c>
      <c r="L6906">
        <f t="shared" si="772"/>
        <v>0.10917611335395738</v>
      </c>
      <c r="M6906">
        <f t="shared" si="773"/>
        <v>0</v>
      </c>
      <c r="N6906" s="45">
        <f t="shared" si="774"/>
        <v>45213.333333316667</v>
      </c>
    </row>
    <row r="6907" spans="2:14" x14ac:dyDescent="0.25">
      <c r="B6907">
        <f t="shared" si="768"/>
        <v>6</v>
      </c>
      <c r="C6907" s="16">
        <v>6873</v>
      </c>
      <c r="D6907" cm="1">
        <f t="array" ref="D6907">IFERROR(INDEX(Jesper!AH$2:AH$366,ROUNDDOWN($C6907/24,0)+1,1)*INDEX($D$3:$AA$30,INDEX(Jesper!$R$2:$R$366,ROW(INDEX(Jesper!AH$2:AH$366,ROUNDDOWN($C6907/24,0)+1,1))-1)+IF('Standard Profiles'!$G$18=$B$10,7,0)+IF('Standard Profiles'!$G$18=$B$17,14,0)+IF('Standard Profiles'!$G$18=$B$24,21,0),MOD($C6907,24)+1)/SUM(INDEX($D$3:$AA$30,INDEX(Jesper!$R$2:$R$366,ROW(INDEX(Jesper!AH$2:AH$366,ROUNDDOWN($C6907/24,0)+1,1))-1)+IF('Standard Profiles'!$G$18=$B$10,7,0)+IF('Standard Profiles'!$G$18=$B$17,14,0)+IF('Standard Profiles'!$G$18=$B$24,21,0),0)),0)</f>
        <v>0</v>
      </c>
      <c r="E6907" cm="1">
        <f t="array" ref="E6907">IFERROR(INDEX(Jesper!AI$2:AI$366,ROUNDDOWN($C6907/24,0)+1,1)*INDEX($D$3:$AA$30,INDEX(Jesper!$R$2:$R$366,ROW(INDEX(Jesper!AI$2:AI$366,ROUNDDOWN($C6907/24,0)+1,1))-1)+IF('Standard Profiles'!$G$19=$B$10,7,0)+IF('Standard Profiles'!$G$19=$B$17,14,0)+IF('Standard Profiles'!$G$19=$B$24,21,0),MOD($C6907,24)+1)/SUM(INDEX($D$3:$AA$30,INDEX(Jesper!$R$2:$R$366,ROW(INDEX(Jesper!AI$2:AI$366,ROUNDDOWN($C6907/24,0)+1,1))-1)+IF('Standard Profiles'!$G$19=$B$10,7,0)+IF('Standard Profiles'!$G$19=$B$17,14,0)+IF('Standard Profiles'!$G$19=$B$24,21,0),0)),0)</f>
        <v>2.7294028338489347</v>
      </c>
      <c r="F6907" cm="1">
        <f t="array" ref="F6907">IFERROR(INDEX(Jesper!AJ$2:AJ$366,ROUNDDOWN($C6907/24,0)+1,1)*INDEX($D$3:$AA$30,INDEX(Jesper!$R$2:$R$366,ROW(INDEX(Jesper!AJ$2:AJ$366,ROUNDDOWN($C6907/24,0)+1,1))-1)+IF('Standard Profiles'!$G$20=$B$10,7,0)+IF('Standard Profiles'!$G$20=$B$17,14,0)+IF('Standard Profiles'!$G$20=$B$24,21,0),MOD($C6907,24)+1)/SUM(INDEX($D$3:$AA$30,INDEX(Jesper!$R$2:$R$366,ROW(INDEX(Jesper!AJ$2:AJ$366,ROUNDDOWN($C6907/24,0)+1,1))-1)+IF('Standard Profiles'!$G$20=$B$10,7,0)+IF('Standard Profiles'!$G$20=$B$17,14,0)+IF('Standard Profiles'!$G$20=$B$24,21,0),0)),0)</f>
        <v>1.2339847968118112</v>
      </c>
      <c r="G6907" cm="1">
        <f t="array" ref="G6907">IFERROR(INDEX(Jesper!AK$2:AK$366,ROUNDDOWN($C6907/24,0)+1,1)*INDEX($D$3:$AA$30,INDEX(Jesper!$R$2:$R$366,ROW(INDEX(Jesper!AK$2:AK$366,ROUNDDOWN($C6907/24,0)+1,1))-1)+IF('Standard Profiles'!$G$21=$B$10,7,0)+IF('Standard Profiles'!$G$21=$B$17,14,0)+IF('Standard Profiles'!$G$21=$B$24,21,0),MOD($C6907,24)+1)/SUM(INDEX($D$3:$AA$30,INDEX(Jesper!$R$2:$R$366,ROW(INDEX(Jesper!AK$2:AK$366,ROUNDDOWN($C6907/24,0)+1,1))-1)+IF('Standard Profiles'!$G$21=$B$10,7,0)+IF('Standard Profiles'!$G$21=$B$17,14,0)+IF('Standard Profiles'!$G$21=$B$24,21,0),0)),0)</f>
        <v>0.74668052525662831</v>
      </c>
      <c r="H6907" cm="1">
        <f t="array" ref="H6907">IFERROR(INDEX(Jesper!AL$2:AL$366,ROUNDDOWN($C6907/24,0)+1,1)*INDEX($D$3:$AA$30,INDEX(Jesper!$R$2:$R$366,ROW(INDEX(Jesper!AL$2:AL$366,ROUNDDOWN($C6907/24,0)+1,1))-1)+IF('Standard Profiles'!$G$22=$B$10,7,0)+IF('Standard Profiles'!$G$22=$B$17,14,0)+IF('Standard Profiles'!$G$22=$B$24,21,0),MOD($C6907,24)+1)/SUM(INDEX($D$3:$AA$30,INDEX(Jesper!$R$2:$R$366,ROW(INDEX(Jesper!AL$2:AL$366,ROUNDDOWN($C6907/24,0)+1,1))-1)+IF('Standard Profiles'!$G$22=$B$10,7,0)+IF('Standard Profiles'!$G$22=$B$17,14,0)+IF('Standard Profiles'!$G$22=$B$24,21,0),0)),0)</f>
        <v>0.48580735528993857</v>
      </c>
      <c r="I6907">
        <f t="shared" si="769"/>
        <v>0.46637506107834126</v>
      </c>
      <c r="J6907">
        <f t="shared" si="770"/>
        <v>4.4019721100670992</v>
      </c>
      <c r="K6907">
        <f t="shared" si="771"/>
        <v>0.21835222670791476</v>
      </c>
      <c r="L6907">
        <f t="shared" si="772"/>
        <v>0.10917611335395738</v>
      </c>
      <c r="M6907">
        <f t="shared" si="773"/>
        <v>0</v>
      </c>
      <c r="N6907" s="45">
        <f t="shared" si="774"/>
        <v>45213.374999983331</v>
      </c>
    </row>
    <row r="6908" spans="2:14" x14ac:dyDescent="0.25">
      <c r="B6908">
        <f t="shared" si="768"/>
        <v>6</v>
      </c>
      <c r="C6908" s="16">
        <v>6874</v>
      </c>
      <c r="D6908" cm="1">
        <f t="array" ref="D6908">IFERROR(INDEX(Jesper!AH$2:AH$366,ROUNDDOWN($C6908/24,0)+1,1)*INDEX($D$3:$AA$30,INDEX(Jesper!$R$2:$R$366,ROW(INDEX(Jesper!AH$2:AH$366,ROUNDDOWN($C6908/24,0)+1,1))-1)+IF('Standard Profiles'!$G$18=$B$10,7,0)+IF('Standard Profiles'!$G$18=$B$17,14,0)+IF('Standard Profiles'!$G$18=$B$24,21,0),MOD($C6908,24)+1)/SUM(INDEX($D$3:$AA$30,INDEX(Jesper!$R$2:$R$366,ROW(INDEX(Jesper!AH$2:AH$366,ROUNDDOWN($C6908/24,0)+1,1))-1)+IF('Standard Profiles'!$G$18=$B$10,7,0)+IF('Standard Profiles'!$G$18=$B$17,14,0)+IF('Standard Profiles'!$G$18=$B$24,21,0),0)),0)</f>
        <v>0</v>
      </c>
      <c r="E6908" cm="1">
        <f t="array" ref="E6908">IFERROR(INDEX(Jesper!AI$2:AI$366,ROUNDDOWN($C6908/24,0)+1,1)*INDEX($D$3:$AA$30,INDEX(Jesper!$R$2:$R$366,ROW(INDEX(Jesper!AI$2:AI$366,ROUNDDOWN($C6908/24,0)+1,1))-1)+IF('Standard Profiles'!$G$19=$B$10,7,0)+IF('Standard Profiles'!$G$19=$B$17,14,0)+IF('Standard Profiles'!$G$19=$B$24,21,0),MOD($C6908,24)+1)/SUM(INDEX($D$3:$AA$30,INDEX(Jesper!$R$2:$R$366,ROW(INDEX(Jesper!AI$2:AI$366,ROUNDDOWN($C6908/24,0)+1,1))-1)+IF('Standard Profiles'!$G$19=$B$10,7,0)+IF('Standard Profiles'!$G$19=$B$17,14,0)+IF('Standard Profiles'!$G$19=$B$24,21,0),0)),0)</f>
        <v>2.7294028338489347</v>
      </c>
      <c r="F6908" cm="1">
        <f t="array" ref="F6908">IFERROR(INDEX(Jesper!AJ$2:AJ$366,ROUNDDOWN($C6908/24,0)+1,1)*INDEX($D$3:$AA$30,INDEX(Jesper!$R$2:$R$366,ROW(INDEX(Jesper!AJ$2:AJ$366,ROUNDDOWN($C6908/24,0)+1,1))-1)+IF('Standard Profiles'!$G$20=$B$10,7,0)+IF('Standard Profiles'!$G$20=$B$17,14,0)+IF('Standard Profiles'!$G$20=$B$24,21,0),MOD($C6908,24)+1)/SUM(INDEX($D$3:$AA$30,INDEX(Jesper!$R$2:$R$366,ROW(INDEX(Jesper!AJ$2:AJ$366,ROUNDDOWN($C6908/24,0)+1,1))-1)+IF('Standard Profiles'!$G$20=$B$10,7,0)+IF('Standard Profiles'!$G$20=$B$17,14,0)+IF('Standard Profiles'!$G$20=$B$24,21,0),0)),0)</f>
        <v>1.2339847968118112</v>
      </c>
      <c r="G6908" cm="1">
        <f t="array" ref="G6908">IFERROR(INDEX(Jesper!AK$2:AK$366,ROUNDDOWN($C6908/24,0)+1,1)*INDEX($D$3:$AA$30,INDEX(Jesper!$R$2:$R$366,ROW(INDEX(Jesper!AK$2:AK$366,ROUNDDOWN($C6908/24,0)+1,1))-1)+IF('Standard Profiles'!$G$21=$B$10,7,0)+IF('Standard Profiles'!$G$21=$B$17,14,0)+IF('Standard Profiles'!$G$21=$B$24,21,0),MOD($C6908,24)+1)/SUM(INDEX($D$3:$AA$30,INDEX(Jesper!$R$2:$R$366,ROW(INDEX(Jesper!AK$2:AK$366,ROUNDDOWN($C6908/24,0)+1,1))-1)+IF('Standard Profiles'!$G$21=$B$10,7,0)+IF('Standard Profiles'!$G$21=$B$17,14,0)+IF('Standard Profiles'!$G$21=$B$24,21,0),0)),0)</f>
        <v>0.74668052525662831</v>
      </c>
      <c r="H6908" cm="1">
        <f t="array" ref="H6908">IFERROR(INDEX(Jesper!AL$2:AL$366,ROUNDDOWN($C6908/24,0)+1,1)*INDEX($D$3:$AA$30,INDEX(Jesper!$R$2:$R$366,ROW(INDEX(Jesper!AL$2:AL$366,ROUNDDOWN($C6908/24,0)+1,1))-1)+IF('Standard Profiles'!$G$22=$B$10,7,0)+IF('Standard Profiles'!$G$22=$B$17,14,0)+IF('Standard Profiles'!$G$22=$B$24,21,0),MOD($C6908,24)+1)/SUM(INDEX($D$3:$AA$30,INDEX(Jesper!$R$2:$R$366,ROW(INDEX(Jesper!AL$2:AL$366,ROUNDDOWN($C6908/24,0)+1,1))-1)+IF('Standard Profiles'!$G$22=$B$10,7,0)+IF('Standard Profiles'!$G$22=$B$17,14,0)+IF('Standard Profiles'!$G$22=$B$24,21,0),0)),0)</f>
        <v>0.48580735528993857</v>
      </c>
      <c r="I6908">
        <f t="shared" si="769"/>
        <v>0.46637506107834126</v>
      </c>
      <c r="J6908">
        <f t="shared" si="770"/>
        <v>4.4019721100670992</v>
      </c>
      <c r="K6908">
        <f t="shared" si="771"/>
        <v>0.21835222670791476</v>
      </c>
      <c r="L6908">
        <f t="shared" si="772"/>
        <v>0.10917611335395738</v>
      </c>
      <c r="M6908">
        <f t="shared" si="773"/>
        <v>0</v>
      </c>
      <c r="N6908" s="45">
        <f t="shared" si="774"/>
        <v>45213.416666649995</v>
      </c>
    </row>
    <row r="6909" spans="2:14" x14ac:dyDescent="0.25">
      <c r="B6909">
        <f t="shared" si="768"/>
        <v>6</v>
      </c>
      <c r="C6909" s="16">
        <v>6875</v>
      </c>
      <c r="D6909" cm="1">
        <f t="array" ref="D6909">IFERROR(INDEX(Jesper!AH$2:AH$366,ROUNDDOWN($C6909/24,0)+1,1)*INDEX($D$3:$AA$30,INDEX(Jesper!$R$2:$R$366,ROW(INDEX(Jesper!AH$2:AH$366,ROUNDDOWN($C6909/24,0)+1,1))-1)+IF('Standard Profiles'!$G$18=$B$10,7,0)+IF('Standard Profiles'!$G$18=$B$17,14,0)+IF('Standard Profiles'!$G$18=$B$24,21,0),MOD($C6909,24)+1)/SUM(INDEX($D$3:$AA$30,INDEX(Jesper!$R$2:$R$366,ROW(INDEX(Jesper!AH$2:AH$366,ROUNDDOWN($C6909/24,0)+1,1))-1)+IF('Standard Profiles'!$G$18=$B$10,7,0)+IF('Standard Profiles'!$G$18=$B$17,14,0)+IF('Standard Profiles'!$G$18=$B$24,21,0),0)),0)</f>
        <v>0</v>
      </c>
      <c r="E6909" cm="1">
        <f t="array" ref="E6909">IFERROR(INDEX(Jesper!AI$2:AI$366,ROUNDDOWN($C6909/24,0)+1,1)*INDEX($D$3:$AA$30,INDEX(Jesper!$R$2:$R$366,ROW(INDEX(Jesper!AI$2:AI$366,ROUNDDOWN($C6909/24,0)+1,1))-1)+IF('Standard Profiles'!$G$19=$B$10,7,0)+IF('Standard Profiles'!$G$19=$B$17,14,0)+IF('Standard Profiles'!$G$19=$B$24,21,0),MOD($C6909,24)+1)/SUM(INDEX($D$3:$AA$30,INDEX(Jesper!$R$2:$R$366,ROW(INDEX(Jesper!AI$2:AI$366,ROUNDDOWN($C6909/24,0)+1,1))-1)+IF('Standard Profiles'!$G$19=$B$10,7,0)+IF('Standard Profiles'!$G$19=$B$17,14,0)+IF('Standard Profiles'!$G$19=$B$24,21,0),0)),0)</f>
        <v>2.7294028338489347</v>
      </c>
      <c r="F6909" cm="1">
        <f t="array" ref="F6909">IFERROR(INDEX(Jesper!AJ$2:AJ$366,ROUNDDOWN($C6909/24,0)+1,1)*INDEX($D$3:$AA$30,INDEX(Jesper!$R$2:$R$366,ROW(INDEX(Jesper!AJ$2:AJ$366,ROUNDDOWN($C6909/24,0)+1,1))-1)+IF('Standard Profiles'!$G$20=$B$10,7,0)+IF('Standard Profiles'!$G$20=$B$17,14,0)+IF('Standard Profiles'!$G$20=$B$24,21,0),MOD($C6909,24)+1)/SUM(INDEX($D$3:$AA$30,INDEX(Jesper!$R$2:$R$366,ROW(INDEX(Jesper!AJ$2:AJ$366,ROUNDDOWN($C6909/24,0)+1,1))-1)+IF('Standard Profiles'!$G$20=$B$10,7,0)+IF('Standard Profiles'!$G$20=$B$17,14,0)+IF('Standard Profiles'!$G$20=$B$24,21,0),0)),0)</f>
        <v>1.2339847968118112</v>
      </c>
      <c r="G6909" cm="1">
        <f t="array" ref="G6909">IFERROR(INDEX(Jesper!AK$2:AK$366,ROUNDDOWN($C6909/24,0)+1,1)*INDEX($D$3:$AA$30,INDEX(Jesper!$R$2:$R$366,ROW(INDEX(Jesper!AK$2:AK$366,ROUNDDOWN($C6909/24,0)+1,1))-1)+IF('Standard Profiles'!$G$21=$B$10,7,0)+IF('Standard Profiles'!$G$21=$B$17,14,0)+IF('Standard Profiles'!$G$21=$B$24,21,0),MOD($C6909,24)+1)/SUM(INDEX($D$3:$AA$30,INDEX(Jesper!$R$2:$R$366,ROW(INDEX(Jesper!AK$2:AK$366,ROUNDDOWN($C6909/24,0)+1,1))-1)+IF('Standard Profiles'!$G$21=$B$10,7,0)+IF('Standard Profiles'!$G$21=$B$17,14,0)+IF('Standard Profiles'!$G$21=$B$24,21,0),0)),0)</f>
        <v>0.74668052525662831</v>
      </c>
      <c r="H6909" cm="1">
        <f t="array" ref="H6909">IFERROR(INDEX(Jesper!AL$2:AL$366,ROUNDDOWN($C6909/24,0)+1,1)*INDEX($D$3:$AA$30,INDEX(Jesper!$R$2:$R$366,ROW(INDEX(Jesper!AL$2:AL$366,ROUNDDOWN($C6909/24,0)+1,1))-1)+IF('Standard Profiles'!$G$22=$B$10,7,0)+IF('Standard Profiles'!$G$22=$B$17,14,0)+IF('Standard Profiles'!$G$22=$B$24,21,0),MOD($C6909,24)+1)/SUM(INDEX($D$3:$AA$30,INDEX(Jesper!$R$2:$R$366,ROW(INDEX(Jesper!AL$2:AL$366,ROUNDDOWN($C6909/24,0)+1,1))-1)+IF('Standard Profiles'!$G$22=$B$10,7,0)+IF('Standard Profiles'!$G$22=$B$17,14,0)+IF('Standard Profiles'!$G$22=$B$24,21,0),0)),0)</f>
        <v>0.48580735528993857</v>
      </c>
      <c r="I6909">
        <f t="shared" si="769"/>
        <v>0.46637506107834126</v>
      </c>
      <c r="J6909">
        <f t="shared" si="770"/>
        <v>4.4019721100670992</v>
      </c>
      <c r="K6909">
        <f t="shared" si="771"/>
        <v>0.21835222670791476</v>
      </c>
      <c r="L6909">
        <f t="shared" si="772"/>
        <v>0.10917611335395738</v>
      </c>
      <c r="M6909">
        <f t="shared" si="773"/>
        <v>0</v>
      </c>
      <c r="N6909" s="45">
        <f t="shared" si="774"/>
        <v>45213.458333316659</v>
      </c>
    </row>
    <row r="6910" spans="2:14" x14ac:dyDescent="0.25">
      <c r="B6910">
        <f t="shared" si="768"/>
        <v>6</v>
      </c>
      <c r="C6910" s="16">
        <v>6876</v>
      </c>
      <c r="D6910" cm="1">
        <f t="array" ref="D6910">IFERROR(INDEX(Jesper!AH$2:AH$366,ROUNDDOWN($C6910/24,0)+1,1)*INDEX($D$3:$AA$30,INDEX(Jesper!$R$2:$R$366,ROW(INDEX(Jesper!AH$2:AH$366,ROUNDDOWN($C6910/24,0)+1,1))-1)+IF('Standard Profiles'!$G$18=$B$10,7,0)+IF('Standard Profiles'!$G$18=$B$17,14,0)+IF('Standard Profiles'!$G$18=$B$24,21,0),MOD($C6910,24)+1)/SUM(INDEX($D$3:$AA$30,INDEX(Jesper!$R$2:$R$366,ROW(INDEX(Jesper!AH$2:AH$366,ROUNDDOWN($C6910/24,0)+1,1))-1)+IF('Standard Profiles'!$G$18=$B$10,7,0)+IF('Standard Profiles'!$G$18=$B$17,14,0)+IF('Standard Profiles'!$G$18=$B$24,21,0),0)),0)</f>
        <v>0</v>
      </c>
      <c r="E6910" cm="1">
        <f t="array" ref="E6910">IFERROR(INDEX(Jesper!AI$2:AI$366,ROUNDDOWN($C6910/24,0)+1,1)*INDEX($D$3:$AA$30,INDEX(Jesper!$R$2:$R$366,ROW(INDEX(Jesper!AI$2:AI$366,ROUNDDOWN($C6910/24,0)+1,1))-1)+IF('Standard Profiles'!$G$19=$B$10,7,0)+IF('Standard Profiles'!$G$19=$B$17,14,0)+IF('Standard Profiles'!$G$19=$B$24,21,0),MOD($C6910,24)+1)/SUM(INDEX($D$3:$AA$30,INDEX(Jesper!$R$2:$R$366,ROW(INDEX(Jesper!AI$2:AI$366,ROUNDDOWN($C6910/24,0)+1,1))-1)+IF('Standard Profiles'!$G$19=$B$10,7,0)+IF('Standard Profiles'!$G$19=$B$17,14,0)+IF('Standard Profiles'!$G$19=$B$24,21,0),0)),0)</f>
        <v>2.7294028338489347</v>
      </c>
      <c r="F6910" cm="1">
        <f t="array" ref="F6910">IFERROR(INDEX(Jesper!AJ$2:AJ$366,ROUNDDOWN($C6910/24,0)+1,1)*INDEX($D$3:$AA$30,INDEX(Jesper!$R$2:$R$366,ROW(INDEX(Jesper!AJ$2:AJ$366,ROUNDDOWN($C6910/24,0)+1,1))-1)+IF('Standard Profiles'!$G$20=$B$10,7,0)+IF('Standard Profiles'!$G$20=$B$17,14,0)+IF('Standard Profiles'!$G$20=$B$24,21,0),MOD($C6910,24)+1)/SUM(INDEX($D$3:$AA$30,INDEX(Jesper!$R$2:$R$366,ROW(INDEX(Jesper!AJ$2:AJ$366,ROUNDDOWN($C6910/24,0)+1,1))-1)+IF('Standard Profiles'!$G$20=$B$10,7,0)+IF('Standard Profiles'!$G$20=$B$17,14,0)+IF('Standard Profiles'!$G$20=$B$24,21,0),0)),0)</f>
        <v>1.2339847968118112</v>
      </c>
      <c r="G6910" cm="1">
        <f t="array" ref="G6910">IFERROR(INDEX(Jesper!AK$2:AK$366,ROUNDDOWN($C6910/24,0)+1,1)*INDEX($D$3:$AA$30,INDEX(Jesper!$R$2:$R$366,ROW(INDEX(Jesper!AK$2:AK$366,ROUNDDOWN($C6910/24,0)+1,1))-1)+IF('Standard Profiles'!$G$21=$B$10,7,0)+IF('Standard Profiles'!$G$21=$B$17,14,0)+IF('Standard Profiles'!$G$21=$B$24,21,0),MOD($C6910,24)+1)/SUM(INDEX($D$3:$AA$30,INDEX(Jesper!$R$2:$R$366,ROW(INDEX(Jesper!AK$2:AK$366,ROUNDDOWN($C6910/24,0)+1,1))-1)+IF('Standard Profiles'!$G$21=$B$10,7,0)+IF('Standard Profiles'!$G$21=$B$17,14,0)+IF('Standard Profiles'!$G$21=$B$24,21,0),0)),0)</f>
        <v>0.74668052525662831</v>
      </c>
      <c r="H6910" cm="1">
        <f t="array" ref="H6910">IFERROR(INDEX(Jesper!AL$2:AL$366,ROUNDDOWN($C6910/24,0)+1,1)*INDEX($D$3:$AA$30,INDEX(Jesper!$R$2:$R$366,ROW(INDEX(Jesper!AL$2:AL$366,ROUNDDOWN($C6910/24,0)+1,1))-1)+IF('Standard Profiles'!$G$22=$B$10,7,0)+IF('Standard Profiles'!$G$22=$B$17,14,0)+IF('Standard Profiles'!$G$22=$B$24,21,0),MOD($C6910,24)+1)/SUM(INDEX($D$3:$AA$30,INDEX(Jesper!$R$2:$R$366,ROW(INDEX(Jesper!AL$2:AL$366,ROUNDDOWN($C6910/24,0)+1,1))-1)+IF('Standard Profiles'!$G$22=$B$10,7,0)+IF('Standard Profiles'!$G$22=$B$17,14,0)+IF('Standard Profiles'!$G$22=$B$24,21,0),0)),0)</f>
        <v>0.48580735528993857</v>
      </c>
      <c r="I6910">
        <f t="shared" si="769"/>
        <v>0.46637506107834126</v>
      </c>
      <c r="J6910">
        <f t="shared" si="770"/>
        <v>4.4019721100670992</v>
      </c>
      <c r="K6910">
        <f t="shared" si="771"/>
        <v>0.21835222670791476</v>
      </c>
      <c r="L6910">
        <f t="shared" si="772"/>
        <v>0.10917611335395738</v>
      </c>
      <c r="M6910">
        <f t="shared" si="773"/>
        <v>0</v>
      </c>
      <c r="N6910" s="45">
        <f t="shared" si="774"/>
        <v>45213.499999983324</v>
      </c>
    </row>
    <row r="6911" spans="2:14" x14ac:dyDescent="0.25">
      <c r="B6911">
        <f t="shared" si="768"/>
        <v>6</v>
      </c>
      <c r="C6911" s="16">
        <v>6877</v>
      </c>
      <c r="D6911" cm="1">
        <f t="array" ref="D6911">IFERROR(INDEX(Jesper!AH$2:AH$366,ROUNDDOWN($C6911/24,0)+1,1)*INDEX($D$3:$AA$30,INDEX(Jesper!$R$2:$R$366,ROW(INDEX(Jesper!AH$2:AH$366,ROUNDDOWN($C6911/24,0)+1,1))-1)+IF('Standard Profiles'!$G$18=$B$10,7,0)+IF('Standard Profiles'!$G$18=$B$17,14,0)+IF('Standard Profiles'!$G$18=$B$24,21,0),MOD($C6911,24)+1)/SUM(INDEX($D$3:$AA$30,INDEX(Jesper!$R$2:$R$366,ROW(INDEX(Jesper!AH$2:AH$366,ROUNDDOWN($C6911/24,0)+1,1))-1)+IF('Standard Profiles'!$G$18=$B$10,7,0)+IF('Standard Profiles'!$G$18=$B$17,14,0)+IF('Standard Profiles'!$G$18=$B$24,21,0),0)),0)</f>
        <v>0</v>
      </c>
      <c r="E6911" cm="1">
        <f t="array" ref="E6911">IFERROR(INDEX(Jesper!AI$2:AI$366,ROUNDDOWN($C6911/24,0)+1,1)*INDEX($D$3:$AA$30,INDEX(Jesper!$R$2:$R$366,ROW(INDEX(Jesper!AI$2:AI$366,ROUNDDOWN($C6911/24,0)+1,1))-1)+IF('Standard Profiles'!$G$19=$B$10,7,0)+IF('Standard Profiles'!$G$19=$B$17,14,0)+IF('Standard Profiles'!$G$19=$B$24,21,0),MOD($C6911,24)+1)/SUM(INDEX($D$3:$AA$30,INDEX(Jesper!$R$2:$R$366,ROW(INDEX(Jesper!AI$2:AI$366,ROUNDDOWN($C6911/24,0)+1,1))-1)+IF('Standard Profiles'!$G$19=$B$10,7,0)+IF('Standard Profiles'!$G$19=$B$17,14,0)+IF('Standard Profiles'!$G$19=$B$24,21,0),0)),0)</f>
        <v>2.7294028338489347</v>
      </c>
      <c r="F6911" cm="1">
        <f t="array" ref="F6911">IFERROR(INDEX(Jesper!AJ$2:AJ$366,ROUNDDOWN($C6911/24,0)+1,1)*INDEX($D$3:$AA$30,INDEX(Jesper!$R$2:$R$366,ROW(INDEX(Jesper!AJ$2:AJ$366,ROUNDDOWN($C6911/24,0)+1,1))-1)+IF('Standard Profiles'!$G$20=$B$10,7,0)+IF('Standard Profiles'!$G$20=$B$17,14,0)+IF('Standard Profiles'!$G$20=$B$24,21,0),MOD($C6911,24)+1)/SUM(INDEX($D$3:$AA$30,INDEX(Jesper!$R$2:$R$366,ROW(INDEX(Jesper!AJ$2:AJ$366,ROUNDDOWN($C6911/24,0)+1,1))-1)+IF('Standard Profiles'!$G$20=$B$10,7,0)+IF('Standard Profiles'!$G$20=$B$17,14,0)+IF('Standard Profiles'!$G$20=$B$24,21,0),0)),0)</f>
        <v>1.2339847968118112</v>
      </c>
      <c r="G6911" cm="1">
        <f t="array" ref="G6911">IFERROR(INDEX(Jesper!AK$2:AK$366,ROUNDDOWN($C6911/24,0)+1,1)*INDEX($D$3:$AA$30,INDEX(Jesper!$R$2:$R$366,ROW(INDEX(Jesper!AK$2:AK$366,ROUNDDOWN($C6911/24,0)+1,1))-1)+IF('Standard Profiles'!$G$21=$B$10,7,0)+IF('Standard Profiles'!$G$21=$B$17,14,0)+IF('Standard Profiles'!$G$21=$B$24,21,0),MOD($C6911,24)+1)/SUM(INDEX($D$3:$AA$30,INDEX(Jesper!$R$2:$R$366,ROW(INDEX(Jesper!AK$2:AK$366,ROUNDDOWN($C6911/24,0)+1,1))-1)+IF('Standard Profiles'!$G$21=$B$10,7,0)+IF('Standard Profiles'!$G$21=$B$17,14,0)+IF('Standard Profiles'!$G$21=$B$24,21,0),0)),0)</f>
        <v>0.74668052525662831</v>
      </c>
      <c r="H6911" cm="1">
        <f t="array" ref="H6911">IFERROR(INDEX(Jesper!AL$2:AL$366,ROUNDDOWN($C6911/24,0)+1,1)*INDEX($D$3:$AA$30,INDEX(Jesper!$R$2:$R$366,ROW(INDEX(Jesper!AL$2:AL$366,ROUNDDOWN($C6911/24,0)+1,1))-1)+IF('Standard Profiles'!$G$22=$B$10,7,0)+IF('Standard Profiles'!$G$22=$B$17,14,0)+IF('Standard Profiles'!$G$22=$B$24,21,0),MOD($C6911,24)+1)/SUM(INDEX($D$3:$AA$30,INDEX(Jesper!$R$2:$R$366,ROW(INDEX(Jesper!AL$2:AL$366,ROUNDDOWN($C6911/24,0)+1,1))-1)+IF('Standard Profiles'!$G$22=$B$10,7,0)+IF('Standard Profiles'!$G$22=$B$17,14,0)+IF('Standard Profiles'!$G$22=$B$24,21,0),0)),0)</f>
        <v>0.48580735528993857</v>
      </c>
      <c r="I6911">
        <f t="shared" si="769"/>
        <v>0.46637506107834126</v>
      </c>
      <c r="J6911">
        <f t="shared" si="770"/>
        <v>4.4019721100670992</v>
      </c>
      <c r="K6911">
        <f t="shared" si="771"/>
        <v>0.21835222670791476</v>
      </c>
      <c r="L6911">
        <f t="shared" si="772"/>
        <v>0.10917611335395738</v>
      </c>
      <c r="M6911">
        <f t="shared" si="773"/>
        <v>0</v>
      </c>
      <c r="N6911" s="45">
        <f t="shared" si="774"/>
        <v>45213.541666649988</v>
      </c>
    </row>
    <row r="6912" spans="2:14" x14ac:dyDescent="0.25">
      <c r="B6912">
        <f t="shared" si="768"/>
        <v>6</v>
      </c>
      <c r="C6912" s="16">
        <v>6878</v>
      </c>
      <c r="D6912" cm="1">
        <f t="array" ref="D6912">IFERROR(INDEX(Jesper!AH$2:AH$366,ROUNDDOWN($C6912/24,0)+1,1)*INDEX($D$3:$AA$30,INDEX(Jesper!$R$2:$R$366,ROW(INDEX(Jesper!AH$2:AH$366,ROUNDDOWN($C6912/24,0)+1,1))-1)+IF('Standard Profiles'!$G$18=$B$10,7,0)+IF('Standard Profiles'!$G$18=$B$17,14,0)+IF('Standard Profiles'!$G$18=$B$24,21,0),MOD($C6912,24)+1)/SUM(INDEX($D$3:$AA$30,INDEX(Jesper!$R$2:$R$366,ROW(INDEX(Jesper!AH$2:AH$366,ROUNDDOWN($C6912/24,0)+1,1))-1)+IF('Standard Profiles'!$G$18=$B$10,7,0)+IF('Standard Profiles'!$G$18=$B$17,14,0)+IF('Standard Profiles'!$G$18=$B$24,21,0),0)),0)</f>
        <v>0</v>
      </c>
      <c r="E6912" cm="1">
        <f t="array" ref="E6912">IFERROR(INDEX(Jesper!AI$2:AI$366,ROUNDDOWN($C6912/24,0)+1,1)*INDEX($D$3:$AA$30,INDEX(Jesper!$R$2:$R$366,ROW(INDEX(Jesper!AI$2:AI$366,ROUNDDOWN($C6912/24,0)+1,1))-1)+IF('Standard Profiles'!$G$19=$B$10,7,0)+IF('Standard Profiles'!$G$19=$B$17,14,0)+IF('Standard Profiles'!$G$19=$B$24,21,0),MOD($C6912,24)+1)/SUM(INDEX($D$3:$AA$30,INDEX(Jesper!$R$2:$R$366,ROW(INDEX(Jesper!AI$2:AI$366,ROUNDDOWN($C6912/24,0)+1,1))-1)+IF('Standard Profiles'!$G$19=$B$10,7,0)+IF('Standard Profiles'!$G$19=$B$17,14,0)+IF('Standard Profiles'!$G$19=$B$24,21,0),0)),0)</f>
        <v>2.7294028338489347</v>
      </c>
      <c r="F6912" cm="1">
        <f t="array" ref="F6912">IFERROR(INDEX(Jesper!AJ$2:AJ$366,ROUNDDOWN($C6912/24,0)+1,1)*INDEX($D$3:$AA$30,INDEX(Jesper!$R$2:$R$366,ROW(INDEX(Jesper!AJ$2:AJ$366,ROUNDDOWN($C6912/24,0)+1,1))-1)+IF('Standard Profiles'!$G$20=$B$10,7,0)+IF('Standard Profiles'!$G$20=$B$17,14,0)+IF('Standard Profiles'!$G$20=$B$24,21,0),MOD($C6912,24)+1)/SUM(INDEX($D$3:$AA$30,INDEX(Jesper!$R$2:$R$366,ROW(INDEX(Jesper!AJ$2:AJ$366,ROUNDDOWN($C6912/24,0)+1,1))-1)+IF('Standard Profiles'!$G$20=$B$10,7,0)+IF('Standard Profiles'!$G$20=$B$17,14,0)+IF('Standard Profiles'!$G$20=$B$24,21,0),0)),0)</f>
        <v>1.2339847968118112</v>
      </c>
      <c r="G6912" cm="1">
        <f t="array" ref="G6912">IFERROR(INDEX(Jesper!AK$2:AK$366,ROUNDDOWN($C6912/24,0)+1,1)*INDEX($D$3:$AA$30,INDEX(Jesper!$R$2:$R$366,ROW(INDEX(Jesper!AK$2:AK$366,ROUNDDOWN($C6912/24,0)+1,1))-1)+IF('Standard Profiles'!$G$21=$B$10,7,0)+IF('Standard Profiles'!$G$21=$B$17,14,0)+IF('Standard Profiles'!$G$21=$B$24,21,0),MOD($C6912,24)+1)/SUM(INDEX($D$3:$AA$30,INDEX(Jesper!$R$2:$R$366,ROW(INDEX(Jesper!AK$2:AK$366,ROUNDDOWN($C6912/24,0)+1,1))-1)+IF('Standard Profiles'!$G$21=$B$10,7,0)+IF('Standard Profiles'!$G$21=$B$17,14,0)+IF('Standard Profiles'!$G$21=$B$24,21,0),0)),0)</f>
        <v>0.74668052525662831</v>
      </c>
      <c r="H6912" cm="1">
        <f t="array" ref="H6912">IFERROR(INDEX(Jesper!AL$2:AL$366,ROUNDDOWN($C6912/24,0)+1,1)*INDEX($D$3:$AA$30,INDEX(Jesper!$R$2:$R$366,ROW(INDEX(Jesper!AL$2:AL$366,ROUNDDOWN($C6912/24,0)+1,1))-1)+IF('Standard Profiles'!$G$22=$B$10,7,0)+IF('Standard Profiles'!$G$22=$B$17,14,0)+IF('Standard Profiles'!$G$22=$B$24,21,0),MOD($C6912,24)+1)/SUM(INDEX($D$3:$AA$30,INDEX(Jesper!$R$2:$R$366,ROW(INDEX(Jesper!AL$2:AL$366,ROUNDDOWN($C6912/24,0)+1,1))-1)+IF('Standard Profiles'!$G$22=$B$10,7,0)+IF('Standard Profiles'!$G$22=$B$17,14,0)+IF('Standard Profiles'!$G$22=$B$24,21,0),0)),0)</f>
        <v>0.48580735528993857</v>
      </c>
      <c r="I6912">
        <f t="shared" si="769"/>
        <v>0.46637506107834126</v>
      </c>
      <c r="J6912">
        <f t="shared" si="770"/>
        <v>4.4019721100670992</v>
      </c>
      <c r="K6912">
        <f t="shared" si="771"/>
        <v>0.21835222670791476</v>
      </c>
      <c r="L6912">
        <f t="shared" si="772"/>
        <v>0.10917611335395738</v>
      </c>
      <c r="M6912">
        <f t="shared" si="773"/>
        <v>0</v>
      </c>
      <c r="N6912" s="45">
        <f t="shared" si="774"/>
        <v>45213.583333316652</v>
      </c>
    </row>
    <row r="6913" spans="2:14" x14ac:dyDescent="0.25">
      <c r="B6913">
        <f t="shared" si="768"/>
        <v>6</v>
      </c>
      <c r="C6913" s="16">
        <v>6879</v>
      </c>
      <c r="D6913" cm="1">
        <f t="array" ref="D6913">IFERROR(INDEX(Jesper!AH$2:AH$366,ROUNDDOWN($C6913/24,0)+1,1)*INDEX($D$3:$AA$30,INDEX(Jesper!$R$2:$R$366,ROW(INDEX(Jesper!AH$2:AH$366,ROUNDDOWN($C6913/24,0)+1,1))-1)+IF('Standard Profiles'!$G$18=$B$10,7,0)+IF('Standard Profiles'!$G$18=$B$17,14,0)+IF('Standard Profiles'!$G$18=$B$24,21,0),MOD($C6913,24)+1)/SUM(INDEX($D$3:$AA$30,INDEX(Jesper!$R$2:$R$366,ROW(INDEX(Jesper!AH$2:AH$366,ROUNDDOWN($C6913/24,0)+1,1))-1)+IF('Standard Profiles'!$G$18=$B$10,7,0)+IF('Standard Profiles'!$G$18=$B$17,14,0)+IF('Standard Profiles'!$G$18=$B$24,21,0),0)),0)</f>
        <v>0</v>
      </c>
      <c r="E6913" cm="1">
        <f t="array" ref="E6913">IFERROR(INDEX(Jesper!AI$2:AI$366,ROUNDDOWN($C6913/24,0)+1,1)*INDEX($D$3:$AA$30,INDEX(Jesper!$R$2:$R$366,ROW(INDEX(Jesper!AI$2:AI$366,ROUNDDOWN($C6913/24,0)+1,1))-1)+IF('Standard Profiles'!$G$19=$B$10,7,0)+IF('Standard Profiles'!$G$19=$B$17,14,0)+IF('Standard Profiles'!$G$19=$B$24,21,0),MOD($C6913,24)+1)/SUM(INDEX($D$3:$AA$30,INDEX(Jesper!$R$2:$R$366,ROW(INDEX(Jesper!AI$2:AI$366,ROUNDDOWN($C6913/24,0)+1,1))-1)+IF('Standard Profiles'!$G$19=$B$10,7,0)+IF('Standard Profiles'!$G$19=$B$17,14,0)+IF('Standard Profiles'!$G$19=$B$24,21,0),0)),0)</f>
        <v>2.7294028338489347</v>
      </c>
      <c r="F6913" cm="1">
        <f t="array" ref="F6913">IFERROR(INDEX(Jesper!AJ$2:AJ$366,ROUNDDOWN($C6913/24,0)+1,1)*INDEX($D$3:$AA$30,INDEX(Jesper!$R$2:$R$366,ROW(INDEX(Jesper!AJ$2:AJ$366,ROUNDDOWN($C6913/24,0)+1,1))-1)+IF('Standard Profiles'!$G$20=$B$10,7,0)+IF('Standard Profiles'!$G$20=$B$17,14,0)+IF('Standard Profiles'!$G$20=$B$24,21,0),MOD($C6913,24)+1)/SUM(INDEX($D$3:$AA$30,INDEX(Jesper!$R$2:$R$366,ROW(INDEX(Jesper!AJ$2:AJ$366,ROUNDDOWN($C6913/24,0)+1,1))-1)+IF('Standard Profiles'!$G$20=$B$10,7,0)+IF('Standard Profiles'!$G$20=$B$17,14,0)+IF('Standard Profiles'!$G$20=$B$24,21,0),0)),0)</f>
        <v>1.2339847968118112</v>
      </c>
      <c r="G6913" cm="1">
        <f t="array" ref="G6913">IFERROR(INDEX(Jesper!AK$2:AK$366,ROUNDDOWN($C6913/24,0)+1,1)*INDEX($D$3:$AA$30,INDEX(Jesper!$R$2:$R$366,ROW(INDEX(Jesper!AK$2:AK$366,ROUNDDOWN($C6913/24,0)+1,1))-1)+IF('Standard Profiles'!$G$21=$B$10,7,0)+IF('Standard Profiles'!$G$21=$B$17,14,0)+IF('Standard Profiles'!$G$21=$B$24,21,0),MOD($C6913,24)+1)/SUM(INDEX($D$3:$AA$30,INDEX(Jesper!$R$2:$R$366,ROW(INDEX(Jesper!AK$2:AK$366,ROUNDDOWN($C6913/24,0)+1,1))-1)+IF('Standard Profiles'!$G$21=$B$10,7,0)+IF('Standard Profiles'!$G$21=$B$17,14,0)+IF('Standard Profiles'!$G$21=$B$24,21,0),0)),0)</f>
        <v>0.74668052525662831</v>
      </c>
      <c r="H6913" cm="1">
        <f t="array" ref="H6913">IFERROR(INDEX(Jesper!AL$2:AL$366,ROUNDDOWN($C6913/24,0)+1,1)*INDEX($D$3:$AA$30,INDEX(Jesper!$R$2:$R$366,ROW(INDEX(Jesper!AL$2:AL$366,ROUNDDOWN($C6913/24,0)+1,1))-1)+IF('Standard Profiles'!$G$22=$B$10,7,0)+IF('Standard Profiles'!$G$22=$B$17,14,0)+IF('Standard Profiles'!$G$22=$B$24,21,0),MOD($C6913,24)+1)/SUM(INDEX($D$3:$AA$30,INDEX(Jesper!$R$2:$R$366,ROW(INDEX(Jesper!AL$2:AL$366,ROUNDDOWN($C6913/24,0)+1,1))-1)+IF('Standard Profiles'!$G$22=$B$10,7,0)+IF('Standard Profiles'!$G$22=$B$17,14,0)+IF('Standard Profiles'!$G$22=$B$24,21,0),0)),0)</f>
        <v>0.43922308834432799</v>
      </c>
      <c r="I6913">
        <f t="shared" si="769"/>
        <v>0.42165416481055512</v>
      </c>
      <c r="J6913">
        <f t="shared" si="770"/>
        <v>4.4001087393892746</v>
      </c>
      <c r="K6913">
        <f t="shared" si="771"/>
        <v>0.21835222670791476</v>
      </c>
      <c r="L6913">
        <f t="shared" si="772"/>
        <v>0.10917611335395738</v>
      </c>
      <c r="M6913">
        <f t="shared" si="773"/>
        <v>0</v>
      </c>
      <c r="N6913" s="45">
        <f t="shared" si="774"/>
        <v>45213.624999983316</v>
      </c>
    </row>
    <row r="6914" spans="2:14" x14ac:dyDescent="0.25">
      <c r="B6914">
        <f t="shared" si="768"/>
        <v>6</v>
      </c>
      <c r="C6914" s="16">
        <v>6880</v>
      </c>
      <c r="D6914" cm="1">
        <f t="array" ref="D6914">IFERROR(INDEX(Jesper!AH$2:AH$366,ROUNDDOWN($C6914/24,0)+1,1)*INDEX($D$3:$AA$30,INDEX(Jesper!$R$2:$R$366,ROW(INDEX(Jesper!AH$2:AH$366,ROUNDDOWN($C6914/24,0)+1,1))-1)+IF('Standard Profiles'!$G$18=$B$10,7,0)+IF('Standard Profiles'!$G$18=$B$17,14,0)+IF('Standard Profiles'!$G$18=$B$24,21,0),MOD($C6914,24)+1)/SUM(INDEX($D$3:$AA$30,INDEX(Jesper!$R$2:$R$366,ROW(INDEX(Jesper!AH$2:AH$366,ROUNDDOWN($C6914/24,0)+1,1))-1)+IF('Standard Profiles'!$G$18=$B$10,7,0)+IF('Standard Profiles'!$G$18=$B$17,14,0)+IF('Standard Profiles'!$G$18=$B$24,21,0),0)),0)</f>
        <v>0</v>
      </c>
      <c r="E6914" cm="1">
        <f t="array" ref="E6914">IFERROR(INDEX(Jesper!AI$2:AI$366,ROUNDDOWN($C6914/24,0)+1,1)*INDEX($D$3:$AA$30,INDEX(Jesper!$R$2:$R$366,ROW(INDEX(Jesper!AI$2:AI$366,ROUNDDOWN($C6914/24,0)+1,1))-1)+IF('Standard Profiles'!$G$19=$B$10,7,0)+IF('Standard Profiles'!$G$19=$B$17,14,0)+IF('Standard Profiles'!$G$19=$B$24,21,0),MOD($C6914,24)+1)/SUM(INDEX($D$3:$AA$30,INDEX(Jesper!$R$2:$R$366,ROW(INDEX(Jesper!AI$2:AI$366,ROUNDDOWN($C6914/24,0)+1,1))-1)+IF('Standard Profiles'!$G$19=$B$10,7,0)+IF('Standard Profiles'!$G$19=$B$17,14,0)+IF('Standard Profiles'!$G$19=$B$24,21,0),0)),0)</f>
        <v>2.7294028338489347</v>
      </c>
      <c r="F6914" cm="1">
        <f t="array" ref="F6914">IFERROR(INDEX(Jesper!AJ$2:AJ$366,ROUNDDOWN($C6914/24,0)+1,1)*INDEX($D$3:$AA$30,INDEX(Jesper!$R$2:$R$366,ROW(INDEX(Jesper!AJ$2:AJ$366,ROUNDDOWN($C6914/24,0)+1,1))-1)+IF('Standard Profiles'!$G$20=$B$10,7,0)+IF('Standard Profiles'!$G$20=$B$17,14,0)+IF('Standard Profiles'!$G$20=$B$24,21,0),MOD($C6914,24)+1)/SUM(INDEX($D$3:$AA$30,INDEX(Jesper!$R$2:$R$366,ROW(INDEX(Jesper!AJ$2:AJ$366,ROUNDDOWN($C6914/24,0)+1,1))-1)+IF('Standard Profiles'!$G$20=$B$10,7,0)+IF('Standard Profiles'!$G$20=$B$17,14,0)+IF('Standard Profiles'!$G$20=$B$24,21,0),0)),0)</f>
        <v>1.2339847968118112</v>
      </c>
      <c r="G6914" cm="1">
        <f t="array" ref="G6914">IFERROR(INDEX(Jesper!AK$2:AK$366,ROUNDDOWN($C6914/24,0)+1,1)*INDEX($D$3:$AA$30,INDEX(Jesper!$R$2:$R$366,ROW(INDEX(Jesper!AK$2:AK$366,ROUNDDOWN($C6914/24,0)+1,1))-1)+IF('Standard Profiles'!$G$21=$B$10,7,0)+IF('Standard Profiles'!$G$21=$B$17,14,0)+IF('Standard Profiles'!$G$21=$B$24,21,0),MOD($C6914,24)+1)/SUM(INDEX($D$3:$AA$30,INDEX(Jesper!$R$2:$R$366,ROW(INDEX(Jesper!AK$2:AK$366,ROUNDDOWN($C6914/24,0)+1,1))-1)+IF('Standard Profiles'!$G$21=$B$10,7,0)+IF('Standard Profiles'!$G$21=$B$17,14,0)+IF('Standard Profiles'!$G$21=$B$24,21,0),0)),0)</f>
        <v>0.74668052525662831</v>
      </c>
      <c r="H6914" cm="1">
        <f t="array" ref="H6914">IFERROR(INDEX(Jesper!AL$2:AL$366,ROUNDDOWN($C6914/24,0)+1,1)*INDEX($D$3:$AA$30,INDEX(Jesper!$R$2:$R$366,ROW(INDEX(Jesper!AL$2:AL$366,ROUNDDOWN($C6914/24,0)+1,1))-1)+IF('Standard Profiles'!$G$22=$B$10,7,0)+IF('Standard Profiles'!$G$22=$B$17,14,0)+IF('Standard Profiles'!$G$22=$B$24,21,0),MOD($C6914,24)+1)/SUM(INDEX($D$3:$AA$30,INDEX(Jesper!$R$2:$R$366,ROW(INDEX(Jesper!AL$2:AL$366,ROUNDDOWN($C6914/24,0)+1,1))-1)+IF('Standard Profiles'!$G$22=$B$10,7,0)+IF('Standard Profiles'!$G$22=$B$17,14,0)+IF('Standard Profiles'!$G$22=$B$24,21,0),0)),0)</f>
        <v>0.39929371667666186</v>
      </c>
      <c r="I6914">
        <f t="shared" si="769"/>
        <v>0.38332196800959562</v>
      </c>
      <c r="J6914">
        <f t="shared" si="770"/>
        <v>4.3985115645225683</v>
      </c>
      <c r="K6914">
        <f t="shared" si="771"/>
        <v>0.21835222670791476</v>
      </c>
      <c r="L6914">
        <f t="shared" si="772"/>
        <v>0.10917611335395738</v>
      </c>
      <c r="M6914">
        <f t="shared" si="773"/>
        <v>0</v>
      </c>
      <c r="N6914" s="45">
        <f t="shared" si="774"/>
        <v>45213.66666664998</v>
      </c>
    </row>
    <row r="6915" spans="2:14" x14ac:dyDescent="0.25">
      <c r="B6915">
        <f t="shared" si="768"/>
        <v>6</v>
      </c>
      <c r="C6915" s="16">
        <v>6881</v>
      </c>
      <c r="D6915" cm="1">
        <f t="array" ref="D6915">IFERROR(INDEX(Jesper!AH$2:AH$366,ROUNDDOWN($C6915/24,0)+1,1)*INDEX($D$3:$AA$30,INDEX(Jesper!$R$2:$R$366,ROW(INDEX(Jesper!AH$2:AH$366,ROUNDDOWN($C6915/24,0)+1,1))-1)+IF('Standard Profiles'!$G$18=$B$10,7,0)+IF('Standard Profiles'!$G$18=$B$17,14,0)+IF('Standard Profiles'!$G$18=$B$24,21,0),MOD($C6915,24)+1)/SUM(INDEX($D$3:$AA$30,INDEX(Jesper!$R$2:$R$366,ROW(INDEX(Jesper!AH$2:AH$366,ROUNDDOWN($C6915/24,0)+1,1))-1)+IF('Standard Profiles'!$G$18=$B$10,7,0)+IF('Standard Profiles'!$G$18=$B$17,14,0)+IF('Standard Profiles'!$G$18=$B$24,21,0),0)),0)</f>
        <v>0</v>
      </c>
      <c r="E6915" cm="1">
        <f t="array" ref="E6915">IFERROR(INDEX(Jesper!AI$2:AI$366,ROUNDDOWN($C6915/24,0)+1,1)*INDEX($D$3:$AA$30,INDEX(Jesper!$R$2:$R$366,ROW(INDEX(Jesper!AI$2:AI$366,ROUNDDOWN($C6915/24,0)+1,1))-1)+IF('Standard Profiles'!$G$19=$B$10,7,0)+IF('Standard Profiles'!$G$19=$B$17,14,0)+IF('Standard Profiles'!$G$19=$B$24,21,0),MOD($C6915,24)+1)/SUM(INDEX($D$3:$AA$30,INDEX(Jesper!$R$2:$R$366,ROW(INDEX(Jesper!AI$2:AI$366,ROUNDDOWN($C6915/24,0)+1,1))-1)+IF('Standard Profiles'!$G$19=$B$10,7,0)+IF('Standard Profiles'!$G$19=$B$17,14,0)+IF('Standard Profiles'!$G$19=$B$24,21,0),0)),0)</f>
        <v>2.7294028338489347</v>
      </c>
      <c r="F6915" cm="1">
        <f t="array" ref="F6915">IFERROR(INDEX(Jesper!AJ$2:AJ$366,ROUNDDOWN($C6915/24,0)+1,1)*INDEX($D$3:$AA$30,INDEX(Jesper!$R$2:$R$366,ROW(INDEX(Jesper!AJ$2:AJ$366,ROUNDDOWN($C6915/24,0)+1,1))-1)+IF('Standard Profiles'!$G$20=$B$10,7,0)+IF('Standard Profiles'!$G$20=$B$17,14,0)+IF('Standard Profiles'!$G$20=$B$24,21,0),MOD($C6915,24)+1)/SUM(INDEX($D$3:$AA$30,INDEX(Jesper!$R$2:$R$366,ROW(INDEX(Jesper!AJ$2:AJ$366,ROUNDDOWN($C6915/24,0)+1,1))-1)+IF('Standard Profiles'!$G$20=$B$10,7,0)+IF('Standard Profiles'!$G$20=$B$17,14,0)+IF('Standard Profiles'!$G$20=$B$24,21,0),0)),0)</f>
        <v>1.2339847968118112</v>
      </c>
      <c r="G6915" cm="1">
        <f t="array" ref="G6915">IFERROR(INDEX(Jesper!AK$2:AK$366,ROUNDDOWN($C6915/24,0)+1,1)*INDEX($D$3:$AA$30,INDEX(Jesper!$R$2:$R$366,ROW(INDEX(Jesper!AK$2:AK$366,ROUNDDOWN($C6915/24,0)+1,1))-1)+IF('Standard Profiles'!$G$21=$B$10,7,0)+IF('Standard Profiles'!$G$21=$B$17,14,0)+IF('Standard Profiles'!$G$21=$B$24,21,0),MOD($C6915,24)+1)/SUM(INDEX($D$3:$AA$30,INDEX(Jesper!$R$2:$R$366,ROW(INDEX(Jesper!AK$2:AK$366,ROUNDDOWN($C6915/24,0)+1,1))-1)+IF('Standard Profiles'!$G$21=$B$10,7,0)+IF('Standard Profiles'!$G$21=$B$17,14,0)+IF('Standard Profiles'!$G$21=$B$24,21,0),0)),0)</f>
        <v>0.74668052525662831</v>
      </c>
      <c r="H6915" cm="1">
        <f t="array" ref="H6915">IFERROR(INDEX(Jesper!AL$2:AL$366,ROUNDDOWN($C6915/24,0)+1,1)*INDEX($D$3:$AA$30,INDEX(Jesper!$R$2:$R$366,ROW(INDEX(Jesper!AL$2:AL$366,ROUNDDOWN($C6915/24,0)+1,1))-1)+IF('Standard Profiles'!$G$22=$B$10,7,0)+IF('Standard Profiles'!$G$22=$B$17,14,0)+IF('Standard Profiles'!$G$22=$B$24,21,0),MOD($C6915,24)+1)/SUM(INDEX($D$3:$AA$30,INDEX(Jesper!$R$2:$R$366,ROW(INDEX(Jesper!AL$2:AL$366,ROUNDDOWN($C6915/24,0)+1,1))-1)+IF('Standard Profiles'!$G$22=$B$10,7,0)+IF('Standard Profiles'!$G$22=$B$17,14,0)+IF('Standard Profiles'!$G$22=$B$24,21,0),0)),0)</f>
        <v>0.35936434500899567</v>
      </c>
      <c r="I6915">
        <f t="shared" si="769"/>
        <v>0.34498977120863605</v>
      </c>
      <c r="J6915">
        <f t="shared" si="770"/>
        <v>4.3969143896558611</v>
      </c>
      <c r="K6915">
        <f t="shared" si="771"/>
        <v>0.21835222670791476</v>
      </c>
      <c r="L6915">
        <f t="shared" si="772"/>
        <v>0.10917611335395738</v>
      </c>
      <c r="M6915">
        <f t="shared" si="773"/>
        <v>0</v>
      </c>
      <c r="N6915" s="45">
        <f t="shared" si="774"/>
        <v>45213.708333316645</v>
      </c>
    </row>
    <row r="6916" spans="2:14" x14ac:dyDescent="0.25">
      <c r="B6916">
        <f t="shared" si="768"/>
        <v>6</v>
      </c>
      <c r="C6916" s="16">
        <v>6882</v>
      </c>
      <c r="D6916" cm="1">
        <f t="array" ref="D6916">IFERROR(INDEX(Jesper!AH$2:AH$366,ROUNDDOWN($C6916/24,0)+1,1)*INDEX($D$3:$AA$30,INDEX(Jesper!$R$2:$R$366,ROW(INDEX(Jesper!AH$2:AH$366,ROUNDDOWN($C6916/24,0)+1,1))-1)+IF('Standard Profiles'!$G$18=$B$10,7,0)+IF('Standard Profiles'!$G$18=$B$17,14,0)+IF('Standard Profiles'!$G$18=$B$24,21,0),MOD($C6916,24)+1)/SUM(INDEX($D$3:$AA$30,INDEX(Jesper!$R$2:$R$366,ROW(INDEX(Jesper!AH$2:AH$366,ROUNDDOWN($C6916/24,0)+1,1))-1)+IF('Standard Profiles'!$G$18=$B$10,7,0)+IF('Standard Profiles'!$G$18=$B$17,14,0)+IF('Standard Profiles'!$G$18=$B$24,21,0),0)),0)</f>
        <v>0</v>
      </c>
      <c r="E6916" cm="1">
        <f t="array" ref="E6916">IFERROR(INDEX(Jesper!AI$2:AI$366,ROUNDDOWN($C6916/24,0)+1,1)*INDEX($D$3:$AA$30,INDEX(Jesper!$R$2:$R$366,ROW(INDEX(Jesper!AI$2:AI$366,ROUNDDOWN($C6916/24,0)+1,1))-1)+IF('Standard Profiles'!$G$19=$B$10,7,0)+IF('Standard Profiles'!$G$19=$B$17,14,0)+IF('Standard Profiles'!$G$19=$B$24,21,0),MOD($C6916,24)+1)/SUM(INDEX($D$3:$AA$30,INDEX(Jesper!$R$2:$R$366,ROW(INDEX(Jesper!AI$2:AI$366,ROUNDDOWN($C6916/24,0)+1,1))-1)+IF('Standard Profiles'!$G$19=$B$10,7,0)+IF('Standard Profiles'!$G$19=$B$17,14,0)+IF('Standard Profiles'!$G$19=$B$24,21,0),0)),0)</f>
        <v>2.7294028338489347</v>
      </c>
      <c r="F6916" cm="1">
        <f t="array" ref="F6916">IFERROR(INDEX(Jesper!AJ$2:AJ$366,ROUNDDOWN($C6916/24,0)+1,1)*INDEX($D$3:$AA$30,INDEX(Jesper!$R$2:$R$366,ROW(INDEX(Jesper!AJ$2:AJ$366,ROUNDDOWN($C6916/24,0)+1,1))-1)+IF('Standard Profiles'!$G$20=$B$10,7,0)+IF('Standard Profiles'!$G$20=$B$17,14,0)+IF('Standard Profiles'!$G$20=$B$24,21,0),MOD($C6916,24)+1)/SUM(INDEX($D$3:$AA$30,INDEX(Jesper!$R$2:$R$366,ROW(INDEX(Jesper!AJ$2:AJ$366,ROUNDDOWN($C6916/24,0)+1,1))-1)+IF('Standard Profiles'!$G$20=$B$10,7,0)+IF('Standard Profiles'!$G$20=$B$17,14,0)+IF('Standard Profiles'!$G$20=$B$24,21,0),0)),0)</f>
        <v>1.2339847968118112</v>
      </c>
      <c r="G6916" cm="1">
        <f t="array" ref="G6916">IFERROR(INDEX(Jesper!AK$2:AK$366,ROUNDDOWN($C6916/24,0)+1,1)*INDEX($D$3:$AA$30,INDEX(Jesper!$R$2:$R$366,ROW(INDEX(Jesper!AK$2:AK$366,ROUNDDOWN($C6916/24,0)+1,1))-1)+IF('Standard Profiles'!$G$21=$B$10,7,0)+IF('Standard Profiles'!$G$21=$B$17,14,0)+IF('Standard Profiles'!$G$21=$B$24,21,0),MOD($C6916,24)+1)/SUM(INDEX($D$3:$AA$30,INDEX(Jesper!$R$2:$R$366,ROW(INDEX(Jesper!AK$2:AK$366,ROUNDDOWN($C6916/24,0)+1,1))-1)+IF('Standard Profiles'!$G$21=$B$10,7,0)+IF('Standard Profiles'!$G$21=$B$17,14,0)+IF('Standard Profiles'!$G$21=$B$24,21,0),0)),0)</f>
        <v>0.74668052525662831</v>
      </c>
      <c r="H6916" cm="1">
        <f t="array" ref="H6916">IFERROR(INDEX(Jesper!AL$2:AL$366,ROUNDDOWN($C6916/24,0)+1,1)*INDEX($D$3:$AA$30,INDEX(Jesper!$R$2:$R$366,ROW(INDEX(Jesper!AL$2:AL$366,ROUNDDOWN($C6916/24,0)+1,1))-1)+IF('Standard Profiles'!$G$22=$B$10,7,0)+IF('Standard Profiles'!$G$22=$B$17,14,0)+IF('Standard Profiles'!$G$22=$B$24,21,0),MOD($C6916,24)+1)/SUM(INDEX($D$3:$AA$30,INDEX(Jesper!$R$2:$R$366,ROW(INDEX(Jesper!AL$2:AL$366,ROUNDDOWN($C6916/24,0)+1,1))-1)+IF('Standard Profiles'!$G$22=$B$10,7,0)+IF('Standard Profiles'!$G$22=$B$17,14,0)+IF('Standard Profiles'!$G$22=$B$24,21,0),0)),0)</f>
        <v>0.3460545544531069</v>
      </c>
      <c r="I6916">
        <f t="shared" si="769"/>
        <v>0.33221237227498279</v>
      </c>
      <c r="J6916">
        <f t="shared" si="770"/>
        <v>4.3963819980336263</v>
      </c>
      <c r="K6916">
        <f t="shared" si="771"/>
        <v>0.21835222670791476</v>
      </c>
      <c r="L6916">
        <f t="shared" si="772"/>
        <v>0.10917611335395738</v>
      </c>
      <c r="M6916">
        <f t="shared" si="773"/>
        <v>0</v>
      </c>
      <c r="N6916" s="45">
        <f t="shared" si="774"/>
        <v>45213.749999983309</v>
      </c>
    </row>
    <row r="6917" spans="2:14" x14ac:dyDescent="0.25">
      <c r="B6917">
        <f t="shared" si="768"/>
        <v>6</v>
      </c>
      <c r="C6917" s="16">
        <v>6883</v>
      </c>
      <c r="D6917" cm="1">
        <f t="array" ref="D6917">IFERROR(INDEX(Jesper!AH$2:AH$366,ROUNDDOWN($C6917/24,0)+1,1)*INDEX($D$3:$AA$30,INDEX(Jesper!$R$2:$R$366,ROW(INDEX(Jesper!AH$2:AH$366,ROUNDDOWN($C6917/24,0)+1,1))-1)+IF('Standard Profiles'!$G$18=$B$10,7,0)+IF('Standard Profiles'!$G$18=$B$17,14,0)+IF('Standard Profiles'!$G$18=$B$24,21,0),MOD($C6917,24)+1)/SUM(INDEX($D$3:$AA$30,INDEX(Jesper!$R$2:$R$366,ROW(INDEX(Jesper!AH$2:AH$366,ROUNDDOWN($C6917/24,0)+1,1))-1)+IF('Standard Profiles'!$G$18=$B$10,7,0)+IF('Standard Profiles'!$G$18=$B$17,14,0)+IF('Standard Profiles'!$G$18=$B$24,21,0),0)),0)</f>
        <v>0</v>
      </c>
      <c r="E6917" cm="1">
        <f t="array" ref="E6917">IFERROR(INDEX(Jesper!AI$2:AI$366,ROUNDDOWN($C6917/24,0)+1,1)*INDEX($D$3:$AA$30,INDEX(Jesper!$R$2:$R$366,ROW(INDEX(Jesper!AI$2:AI$366,ROUNDDOWN($C6917/24,0)+1,1))-1)+IF('Standard Profiles'!$G$19=$B$10,7,0)+IF('Standard Profiles'!$G$19=$B$17,14,0)+IF('Standard Profiles'!$G$19=$B$24,21,0),MOD($C6917,24)+1)/SUM(INDEX($D$3:$AA$30,INDEX(Jesper!$R$2:$R$366,ROW(INDEX(Jesper!AI$2:AI$366,ROUNDDOWN($C6917/24,0)+1,1))-1)+IF('Standard Profiles'!$G$19=$B$10,7,0)+IF('Standard Profiles'!$G$19=$B$17,14,0)+IF('Standard Profiles'!$G$19=$B$24,21,0),0)),0)</f>
        <v>2.7294028338489347</v>
      </c>
      <c r="F6917" cm="1">
        <f t="array" ref="F6917">IFERROR(INDEX(Jesper!AJ$2:AJ$366,ROUNDDOWN($C6917/24,0)+1,1)*INDEX($D$3:$AA$30,INDEX(Jesper!$R$2:$R$366,ROW(INDEX(Jesper!AJ$2:AJ$366,ROUNDDOWN($C6917/24,0)+1,1))-1)+IF('Standard Profiles'!$G$20=$B$10,7,0)+IF('Standard Profiles'!$G$20=$B$17,14,0)+IF('Standard Profiles'!$G$20=$B$24,21,0),MOD($C6917,24)+1)/SUM(INDEX($D$3:$AA$30,INDEX(Jesper!$R$2:$R$366,ROW(INDEX(Jesper!AJ$2:AJ$366,ROUNDDOWN($C6917/24,0)+1,1))-1)+IF('Standard Profiles'!$G$20=$B$10,7,0)+IF('Standard Profiles'!$G$20=$B$17,14,0)+IF('Standard Profiles'!$G$20=$B$24,21,0),0)),0)</f>
        <v>1.2339847968118112</v>
      </c>
      <c r="G6917" cm="1">
        <f t="array" ref="G6917">IFERROR(INDEX(Jesper!AK$2:AK$366,ROUNDDOWN($C6917/24,0)+1,1)*INDEX($D$3:$AA$30,INDEX(Jesper!$R$2:$R$366,ROW(INDEX(Jesper!AK$2:AK$366,ROUNDDOWN($C6917/24,0)+1,1))-1)+IF('Standard Profiles'!$G$21=$B$10,7,0)+IF('Standard Profiles'!$G$21=$B$17,14,0)+IF('Standard Profiles'!$G$21=$B$24,21,0),MOD($C6917,24)+1)/SUM(INDEX($D$3:$AA$30,INDEX(Jesper!$R$2:$R$366,ROW(INDEX(Jesper!AK$2:AK$366,ROUNDDOWN($C6917/24,0)+1,1))-1)+IF('Standard Profiles'!$G$21=$B$10,7,0)+IF('Standard Profiles'!$G$21=$B$17,14,0)+IF('Standard Profiles'!$G$21=$B$24,21,0),0)),0)</f>
        <v>0.74668052525662831</v>
      </c>
      <c r="H6917" cm="1">
        <f t="array" ref="H6917">IFERROR(INDEX(Jesper!AL$2:AL$366,ROUNDDOWN($C6917/24,0)+1,1)*INDEX($D$3:$AA$30,INDEX(Jesper!$R$2:$R$366,ROW(INDEX(Jesper!AL$2:AL$366,ROUNDDOWN($C6917/24,0)+1,1))-1)+IF('Standard Profiles'!$G$22=$B$10,7,0)+IF('Standard Profiles'!$G$22=$B$17,14,0)+IF('Standard Profiles'!$G$22=$B$24,21,0),MOD($C6917,24)+1)/SUM(INDEX($D$3:$AA$30,INDEX(Jesper!$R$2:$R$366,ROW(INDEX(Jesper!AL$2:AL$366,ROUNDDOWN($C6917/24,0)+1,1))-1)+IF('Standard Profiles'!$G$22=$B$10,7,0)+IF('Standard Profiles'!$G$22=$B$17,14,0)+IF('Standard Profiles'!$G$22=$B$24,21,0),0)),0)</f>
        <v>0.27950560167366328</v>
      </c>
      <c r="I6917">
        <f t="shared" si="769"/>
        <v>0.26832537760671687</v>
      </c>
      <c r="J6917">
        <f t="shared" si="770"/>
        <v>4.3937200399224485</v>
      </c>
      <c r="K6917">
        <f t="shared" si="771"/>
        <v>0.21835222670791476</v>
      </c>
      <c r="L6917">
        <f t="shared" si="772"/>
        <v>0.10917611335395738</v>
      </c>
      <c r="M6917">
        <f t="shared" si="773"/>
        <v>0</v>
      </c>
      <c r="N6917" s="45">
        <f t="shared" si="774"/>
        <v>45213.791666649973</v>
      </c>
    </row>
    <row r="6918" spans="2:14" x14ac:dyDescent="0.25">
      <c r="B6918">
        <f t="shared" si="768"/>
        <v>6</v>
      </c>
      <c r="C6918" s="16">
        <v>6884</v>
      </c>
      <c r="D6918" cm="1">
        <f t="array" ref="D6918">IFERROR(INDEX(Jesper!AH$2:AH$366,ROUNDDOWN($C6918/24,0)+1,1)*INDEX($D$3:$AA$30,INDEX(Jesper!$R$2:$R$366,ROW(INDEX(Jesper!AH$2:AH$366,ROUNDDOWN($C6918/24,0)+1,1))-1)+IF('Standard Profiles'!$G$18=$B$10,7,0)+IF('Standard Profiles'!$G$18=$B$17,14,0)+IF('Standard Profiles'!$G$18=$B$24,21,0),MOD($C6918,24)+1)/SUM(INDEX($D$3:$AA$30,INDEX(Jesper!$R$2:$R$366,ROW(INDEX(Jesper!AH$2:AH$366,ROUNDDOWN($C6918/24,0)+1,1))-1)+IF('Standard Profiles'!$G$18=$B$10,7,0)+IF('Standard Profiles'!$G$18=$B$17,14,0)+IF('Standard Profiles'!$G$18=$B$24,21,0),0)),0)</f>
        <v>0</v>
      </c>
      <c r="E6918" cm="1">
        <f t="array" ref="E6918">IFERROR(INDEX(Jesper!AI$2:AI$366,ROUNDDOWN($C6918/24,0)+1,1)*INDEX($D$3:$AA$30,INDEX(Jesper!$R$2:$R$366,ROW(INDEX(Jesper!AI$2:AI$366,ROUNDDOWN($C6918/24,0)+1,1))-1)+IF('Standard Profiles'!$G$19=$B$10,7,0)+IF('Standard Profiles'!$G$19=$B$17,14,0)+IF('Standard Profiles'!$G$19=$B$24,21,0),MOD($C6918,24)+1)/SUM(INDEX($D$3:$AA$30,INDEX(Jesper!$R$2:$R$366,ROW(INDEX(Jesper!AI$2:AI$366,ROUNDDOWN($C6918/24,0)+1,1))-1)+IF('Standard Profiles'!$G$19=$B$10,7,0)+IF('Standard Profiles'!$G$19=$B$17,14,0)+IF('Standard Profiles'!$G$19=$B$24,21,0),0)),0)</f>
        <v>2.7294028338489347</v>
      </c>
      <c r="F6918" cm="1">
        <f t="array" ref="F6918">IFERROR(INDEX(Jesper!AJ$2:AJ$366,ROUNDDOWN($C6918/24,0)+1,1)*INDEX($D$3:$AA$30,INDEX(Jesper!$R$2:$R$366,ROW(INDEX(Jesper!AJ$2:AJ$366,ROUNDDOWN($C6918/24,0)+1,1))-1)+IF('Standard Profiles'!$G$20=$B$10,7,0)+IF('Standard Profiles'!$G$20=$B$17,14,0)+IF('Standard Profiles'!$G$20=$B$24,21,0),MOD($C6918,24)+1)/SUM(INDEX($D$3:$AA$30,INDEX(Jesper!$R$2:$R$366,ROW(INDEX(Jesper!AJ$2:AJ$366,ROUNDDOWN($C6918/24,0)+1,1))-1)+IF('Standard Profiles'!$G$20=$B$10,7,0)+IF('Standard Profiles'!$G$20=$B$17,14,0)+IF('Standard Profiles'!$G$20=$B$24,21,0),0)),0)</f>
        <v>1.2339847968118112</v>
      </c>
      <c r="G6918" cm="1">
        <f t="array" ref="G6918">IFERROR(INDEX(Jesper!AK$2:AK$366,ROUNDDOWN($C6918/24,0)+1,1)*INDEX($D$3:$AA$30,INDEX(Jesper!$R$2:$R$366,ROW(INDEX(Jesper!AK$2:AK$366,ROUNDDOWN($C6918/24,0)+1,1))-1)+IF('Standard Profiles'!$G$21=$B$10,7,0)+IF('Standard Profiles'!$G$21=$B$17,14,0)+IF('Standard Profiles'!$G$21=$B$24,21,0),MOD($C6918,24)+1)/SUM(INDEX($D$3:$AA$30,INDEX(Jesper!$R$2:$R$366,ROW(INDEX(Jesper!AK$2:AK$366,ROUNDDOWN($C6918/24,0)+1,1))-1)+IF('Standard Profiles'!$G$21=$B$10,7,0)+IF('Standard Profiles'!$G$21=$B$17,14,0)+IF('Standard Profiles'!$G$21=$B$24,21,0),0)),0)</f>
        <v>0.74668052525662831</v>
      </c>
      <c r="H6918" cm="1">
        <f t="array" ref="H6918">IFERROR(INDEX(Jesper!AL$2:AL$366,ROUNDDOWN($C6918/24,0)+1,1)*INDEX($D$3:$AA$30,INDEX(Jesper!$R$2:$R$366,ROW(INDEX(Jesper!AL$2:AL$366,ROUNDDOWN($C6918/24,0)+1,1))-1)+IF('Standard Profiles'!$G$22=$B$10,7,0)+IF('Standard Profiles'!$G$22=$B$17,14,0)+IF('Standard Profiles'!$G$22=$B$24,21,0),MOD($C6918,24)+1)/SUM(INDEX($D$3:$AA$30,INDEX(Jesper!$R$2:$R$366,ROW(INDEX(Jesper!AL$2:AL$366,ROUNDDOWN($C6918/24,0)+1,1))-1)+IF('Standard Profiles'!$G$22=$B$10,7,0)+IF('Standard Profiles'!$G$22=$B$17,14,0)+IF('Standard Profiles'!$G$22=$B$24,21,0),0)),0)</f>
        <v>0.20630175361627529</v>
      </c>
      <c r="I6918">
        <f t="shared" si="769"/>
        <v>0.19804968347162438</v>
      </c>
      <c r="J6918">
        <f t="shared" si="770"/>
        <v>4.3907918860001525</v>
      </c>
      <c r="K6918">
        <f t="shared" si="771"/>
        <v>0.21835222670791476</v>
      </c>
      <c r="L6918">
        <f t="shared" si="772"/>
        <v>0.10917611335395738</v>
      </c>
      <c r="M6918">
        <f t="shared" si="773"/>
        <v>0</v>
      </c>
      <c r="N6918" s="45">
        <f t="shared" si="774"/>
        <v>45213.833333316637</v>
      </c>
    </row>
    <row r="6919" spans="2:14" x14ac:dyDescent="0.25">
      <c r="B6919">
        <f t="shared" si="768"/>
        <v>6</v>
      </c>
      <c r="C6919" s="16">
        <v>6885</v>
      </c>
      <c r="D6919" cm="1">
        <f t="array" ref="D6919">IFERROR(INDEX(Jesper!AH$2:AH$366,ROUNDDOWN($C6919/24,0)+1,1)*INDEX($D$3:$AA$30,INDEX(Jesper!$R$2:$R$366,ROW(INDEX(Jesper!AH$2:AH$366,ROUNDDOWN($C6919/24,0)+1,1))-1)+IF('Standard Profiles'!$G$18=$B$10,7,0)+IF('Standard Profiles'!$G$18=$B$17,14,0)+IF('Standard Profiles'!$G$18=$B$24,21,0),MOD($C6919,24)+1)/SUM(INDEX($D$3:$AA$30,INDEX(Jesper!$R$2:$R$366,ROW(INDEX(Jesper!AH$2:AH$366,ROUNDDOWN($C6919/24,0)+1,1))-1)+IF('Standard Profiles'!$G$18=$B$10,7,0)+IF('Standard Profiles'!$G$18=$B$17,14,0)+IF('Standard Profiles'!$G$18=$B$24,21,0),0)),0)</f>
        <v>0</v>
      </c>
      <c r="E6919" cm="1">
        <f t="array" ref="E6919">IFERROR(INDEX(Jesper!AI$2:AI$366,ROUNDDOWN($C6919/24,0)+1,1)*INDEX($D$3:$AA$30,INDEX(Jesper!$R$2:$R$366,ROW(INDEX(Jesper!AI$2:AI$366,ROUNDDOWN($C6919/24,0)+1,1))-1)+IF('Standard Profiles'!$G$19=$B$10,7,0)+IF('Standard Profiles'!$G$19=$B$17,14,0)+IF('Standard Profiles'!$G$19=$B$24,21,0),MOD($C6919,24)+1)/SUM(INDEX($D$3:$AA$30,INDEX(Jesper!$R$2:$R$366,ROW(INDEX(Jesper!AI$2:AI$366,ROUNDDOWN($C6919/24,0)+1,1))-1)+IF('Standard Profiles'!$G$19=$B$10,7,0)+IF('Standard Profiles'!$G$19=$B$17,14,0)+IF('Standard Profiles'!$G$19=$B$24,21,0),0)),0)</f>
        <v>2.7294028338489347</v>
      </c>
      <c r="F6919" cm="1">
        <f t="array" ref="F6919">IFERROR(INDEX(Jesper!AJ$2:AJ$366,ROUNDDOWN($C6919/24,0)+1,1)*INDEX($D$3:$AA$30,INDEX(Jesper!$R$2:$R$366,ROW(INDEX(Jesper!AJ$2:AJ$366,ROUNDDOWN($C6919/24,0)+1,1))-1)+IF('Standard Profiles'!$G$20=$B$10,7,0)+IF('Standard Profiles'!$G$20=$B$17,14,0)+IF('Standard Profiles'!$G$20=$B$24,21,0),MOD($C6919,24)+1)/SUM(INDEX($D$3:$AA$30,INDEX(Jesper!$R$2:$R$366,ROW(INDEX(Jesper!AJ$2:AJ$366,ROUNDDOWN($C6919/24,0)+1,1))-1)+IF('Standard Profiles'!$G$20=$B$10,7,0)+IF('Standard Profiles'!$G$20=$B$17,14,0)+IF('Standard Profiles'!$G$20=$B$24,21,0),0)),0)</f>
        <v>1.2339847968118112</v>
      </c>
      <c r="G6919" cm="1">
        <f t="array" ref="G6919">IFERROR(INDEX(Jesper!AK$2:AK$366,ROUNDDOWN($C6919/24,0)+1,1)*INDEX($D$3:$AA$30,INDEX(Jesper!$R$2:$R$366,ROW(INDEX(Jesper!AK$2:AK$366,ROUNDDOWN($C6919/24,0)+1,1))-1)+IF('Standard Profiles'!$G$21=$B$10,7,0)+IF('Standard Profiles'!$G$21=$B$17,14,0)+IF('Standard Profiles'!$G$21=$B$24,21,0),MOD($C6919,24)+1)/SUM(INDEX($D$3:$AA$30,INDEX(Jesper!$R$2:$R$366,ROW(INDEX(Jesper!AK$2:AK$366,ROUNDDOWN($C6919/24,0)+1,1))-1)+IF('Standard Profiles'!$G$21=$B$10,7,0)+IF('Standard Profiles'!$G$21=$B$17,14,0)+IF('Standard Profiles'!$G$21=$B$24,21,0),0)),0)</f>
        <v>0.74668052525662831</v>
      </c>
      <c r="H6919" cm="1">
        <f t="array" ref="H6919">IFERROR(INDEX(Jesper!AL$2:AL$366,ROUNDDOWN($C6919/24,0)+1,1)*INDEX($D$3:$AA$30,INDEX(Jesper!$R$2:$R$366,ROW(INDEX(Jesper!AL$2:AL$366,ROUNDDOWN($C6919/24,0)+1,1))-1)+IF('Standard Profiles'!$G$22=$B$10,7,0)+IF('Standard Profiles'!$G$22=$B$17,14,0)+IF('Standard Profiles'!$G$22=$B$24,21,0),MOD($C6919,24)+1)/SUM(INDEX($D$3:$AA$30,INDEX(Jesper!$R$2:$R$366,ROW(INDEX(Jesper!AL$2:AL$366,ROUNDDOWN($C6919/24,0)+1,1))-1)+IF('Standard Profiles'!$G$22=$B$10,7,0)+IF('Standard Profiles'!$G$22=$B$17,14,0)+IF('Standard Profiles'!$G$22=$B$24,21,0),0)),0)</f>
        <v>0.20630175361627529</v>
      </c>
      <c r="I6919">
        <f t="shared" si="769"/>
        <v>0.19804968347162438</v>
      </c>
      <c r="J6919">
        <f t="shared" si="770"/>
        <v>4.3907918860001525</v>
      </c>
      <c r="K6919">
        <f t="shared" si="771"/>
        <v>0.21835222670791476</v>
      </c>
      <c r="L6919">
        <f t="shared" si="772"/>
        <v>0.10917611335395738</v>
      </c>
      <c r="M6919">
        <f t="shared" si="773"/>
        <v>0</v>
      </c>
      <c r="N6919" s="45">
        <f t="shared" si="774"/>
        <v>45213.874999983302</v>
      </c>
    </row>
    <row r="6920" spans="2:14" x14ac:dyDescent="0.25">
      <c r="B6920">
        <f t="shared" si="768"/>
        <v>6</v>
      </c>
      <c r="C6920" s="16">
        <v>6886</v>
      </c>
      <c r="D6920" cm="1">
        <f t="array" ref="D6920">IFERROR(INDEX(Jesper!AH$2:AH$366,ROUNDDOWN($C6920/24,0)+1,1)*INDEX($D$3:$AA$30,INDEX(Jesper!$R$2:$R$366,ROW(INDEX(Jesper!AH$2:AH$366,ROUNDDOWN($C6920/24,0)+1,1))-1)+IF('Standard Profiles'!$G$18=$B$10,7,0)+IF('Standard Profiles'!$G$18=$B$17,14,0)+IF('Standard Profiles'!$G$18=$B$24,21,0),MOD($C6920,24)+1)/SUM(INDEX($D$3:$AA$30,INDEX(Jesper!$R$2:$R$366,ROW(INDEX(Jesper!AH$2:AH$366,ROUNDDOWN($C6920/24,0)+1,1))-1)+IF('Standard Profiles'!$G$18=$B$10,7,0)+IF('Standard Profiles'!$G$18=$B$17,14,0)+IF('Standard Profiles'!$G$18=$B$24,21,0),0)),0)</f>
        <v>0</v>
      </c>
      <c r="E6920" cm="1">
        <f t="array" ref="E6920">IFERROR(INDEX(Jesper!AI$2:AI$366,ROUNDDOWN($C6920/24,0)+1,1)*INDEX($D$3:$AA$30,INDEX(Jesper!$R$2:$R$366,ROW(INDEX(Jesper!AI$2:AI$366,ROUNDDOWN($C6920/24,0)+1,1))-1)+IF('Standard Profiles'!$G$19=$B$10,7,0)+IF('Standard Profiles'!$G$19=$B$17,14,0)+IF('Standard Profiles'!$G$19=$B$24,21,0),MOD($C6920,24)+1)/SUM(INDEX($D$3:$AA$30,INDEX(Jesper!$R$2:$R$366,ROW(INDEX(Jesper!AI$2:AI$366,ROUNDDOWN($C6920/24,0)+1,1))-1)+IF('Standard Profiles'!$G$19=$B$10,7,0)+IF('Standard Profiles'!$G$19=$B$17,14,0)+IF('Standard Profiles'!$G$19=$B$24,21,0),0)),0)</f>
        <v>2.7294028338489347</v>
      </c>
      <c r="F6920" cm="1">
        <f t="array" ref="F6920">IFERROR(INDEX(Jesper!AJ$2:AJ$366,ROUNDDOWN($C6920/24,0)+1,1)*INDEX($D$3:$AA$30,INDEX(Jesper!$R$2:$R$366,ROW(INDEX(Jesper!AJ$2:AJ$366,ROUNDDOWN($C6920/24,0)+1,1))-1)+IF('Standard Profiles'!$G$20=$B$10,7,0)+IF('Standard Profiles'!$G$20=$B$17,14,0)+IF('Standard Profiles'!$G$20=$B$24,21,0),MOD($C6920,24)+1)/SUM(INDEX($D$3:$AA$30,INDEX(Jesper!$R$2:$R$366,ROW(INDEX(Jesper!AJ$2:AJ$366,ROUNDDOWN($C6920/24,0)+1,1))-1)+IF('Standard Profiles'!$G$20=$B$10,7,0)+IF('Standard Profiles'!$G$20=$B$17,14,0)+IF('Standard Profiles'!$G$20=$B$24,21,0),0)),0)</f>
        <v>1.2339847968118112</v>
      </c>
      <c r="G6920" cm="1">
        <f t="array" ref="G6920">IFERROR(INDEX(Jesper!AK$2:AK$366,ROUNDDOWN($C6920/24,0)+1,1)*INDEX($D$3:$AA$30,INDEX(Jesper!$R$2:$R$366,ROW(INDEX(Jesper!AK$2:AK$366,ROUNDDOWN($C6920/24,0)+1,1))-1)+IF('Standard Profiles'!$G$21=$B$10,7,0)+IF('Standard Profiles'!$G$21=$B$17,14,0)+IF('Standard Profiles'!$G$21=$B$24,21,0),MOD($C6920,24)+1)/SUM(INDEX($D$3:$AA$30,INDEX(Jesper!$R$2:$R$366,ROW(INDEX(Jesper!AK$2:AK$366,ROUNDDOWN($C6920/24,0)+1,1))-1)+IF('Standard Profiles'!$G$21=$B$10,7,0)+IF('Standard Profiles'!$G$21=$B$17,14,0)+IF('Standard Profiles'!$G$21=$B$24,21,0),0)),0)</f>
        <v>0.74668052525662831</v>
      </c>
      <c r="H6920" cm="1">
        <f t="array" ref="H6920">IFERROR(INDEX(Jesper!AL$2:AL$366,ROUNDDOWN($C6920/24,0)+1,1)*INDEX($D$3:$AA$30,INDEX(Jesper!$R$2:$R$366,ROW(INDEX(Jesper!AL$2:AL$366,ROUNDDOWN($C6920/24,0)+1,1))-1)+IF('Standard Profiles'!$G$22=$B$10,7,0)+IF('Standard Profiles'!$G$22=$B$17,14,0)+IF('Standard Profiles'!$G$22=$B$24,21,0),MOD($C6920,24)+1)/SUM(INDEX($D$3:$AA$30,INDEX(Jesper!$R$2:$R$366,ROW(INDEX(Jesper!AL$2:AL$366,ROUNDDOWN($C6920/24,0)+1,1))-1)+IF('Standard Profiles'!$G$22=$B$10,7,0)+IF('Standard Profiles'!$G$22=$B$17,14,0)+IF('Standard Profiles'!$G$22=$B$24,21,0),0)),0)</f>
        <v>0.20630175361627529</v>
      </c>
      <c r="I6920">
        <f t="shared" si="769"/>
        <v>0.19804968347162438</v>
      </c>
      <c r="J6920">
        <f t="shared" si="770"/>
        <v>4.3907918860001525</v>
      </c>
      <c r="K6920">
        <f t="shared" si="771"/>
        <v>0.21835222670791476</v>
      </c>
      <c r="L6920">
        <f t="shared" si="772"/>
        <v>0.10917611335395738</v>
      </c>
      <c r="M6920">
        <f t="shared" si="773"/>
        <v>0</v>
      </c>
      <c r="N6920" s="45">
        <f t="shared" si="774"/>
        <v>45213.916666649966</v>
      </c>
    </row>
    <row r="6921" spans="2:14" x14ac:dyDescent="0.25">
      <c r="B6921">
        <f t="shared" si="768"/>
        <v>6</v>
      </c>
      <c r="C6921" s="16">
        <v>6887</v>
      </c>
      <c r="D6921" cm="1">
        <f t="array" ref="D6921">IFERROR(INDEX(Jesper!AH$2:AH$366,ROUNDDOWN($C6921/24,0)+1,1)*INDEX($D$3:$AA$30,INDEX(Jesper!$R$2:$R$366,ROW(INDEX(Jesper!AH$2:AH$366,ROUNDDOWN($C6921/24,0)+1,1))-1)+IF('Standard Profiles'!$G$18=$B$10,7,0)+IF('Standard Profiles'!$G$18=$B$17,14,0)+IF('Standard Profiles'!$G$18=$B$24,21,0),MOD($C6921,24)+1)/SUM(INDEX($D$3:$AA$30,INDEX(Jesper!$R$2:$R$366,ROW(INDEX(Jesper!AH$2:AH$366,ROUNDDOWN($C6921/24,0)+1,1))-1)+IF('Standard Profiles'!$G$18=$B$10,7,0)+IF('Standard Profiles'!$G$18=$B$17,14,0)+IF('Standard Profiles'!$G$18=$B$24,21,0),0)),0)</f>
        <v>0</v>
      </c>
      <c r="E6921" cm="1">
        <f t="array" ref="E6921">IFERROR(INDEX(Jesper!AI$2:AI$366,ROUNDDOWN($C6921/24,0)+1,1)*INDEX($D$3:$AA$30,INDEX(Jesper!$R$2:$R$366,ROW(INDEX(Jesper!AI$2:AI$366,ROUNDDOWN($C6921/24,0)+1,1))-1)+IF('Standard Profiles'!$G$19=$B$10,7,0)+IF('Standard Profiles'!$G$19=$B$17,14,0)+IF('Standard Profiles'!$G$19=$B$24,21,0),MOD($C6921,24)+1)/SUM(INDEX($D$3:$AA$30,INDEX(Jesper!$R$2:$R$366,ROW(INDEX(Jesper!AI$2:AI$366,ROUNDDOWN($C6921/24,0)+1,1))-1)+IF('Standard Profiles'!$G$19=$B$10,7,0)+IF('Standard Profiles'!$G$19=$B$17,14,0)+IF('Standard Profiles'!$G$19=$B$24,21,0),0)),0)</f>
        <v>2.7294028338489347</v>
      </c>
      <c r="F6921" cm="1">
        <f t="array" ref="F6921">IFERROR(INDEX(Jesper!AJ$2:AJ$366,ROUNDDOWN($C6921/24,0)+1,1)*INDEX($D$3:$AA$30,INDEX(Jesper!$R$2:$R$366,ROW(INDEX(Jesper!AJ$2:AJ$366,ROUNDDOWN($C6921/24,0)+1,1))-1)+IF('Standard Profiles'!$G$20=$B$10,7,0)+IF('Standard Profiles'!$G$20=$B$17,14,0)+IF('Standard Profiles'!$G$20=$B$24,21,0),MOD($C6921,24)+1)/SUM(INDEX($D$3:$AA$30,INDEX(Jesper!$R$2:$R$366,ROW(INDEX(Jesper!AJ$2:AJ$366,ROUNDDOWN($C6921/24,0)+1,1))-1)+IF('Standard Profiles'!$G$20=$B$10,7,0)+IF('Standard Profiles'!$G$20=$B$17,14,0)+IF('Standard Profiles'!$G$20=$B$24,21,0),0)),0)</f>
        <v>1.2339847968118112</v>
      </c>
      <c r="G6921" cm="1">
        <f t="array" ref="G6921">IFERROR(INDEX(Jesper!AK$2:AK$366,ROUNDDOWN($C6921/24,0)+1,1)*INDEX($D$3:$AA$30,INDEX(Jesper!$R$2:$R$366,ROW(INDEX(Jesper!AK$2:AK$366,ROUNDDOWN($C6921/24,0)+1,1))-1)+IF('Standard Profiles'!$G$21=$B$10,7,0)+IF('Standard Profiles'!$G$21=$B$17,14,0)+IF('Standard Profiles'!$G$21=$B$24,21,0),MOD($C6921,24)+1)/SUM(INDEX($D$3:$AA$30,INDEX(Jesper!$R$2:$R$366,ROW(INDEX(Jesper!AK$2:AK$366,ROUNDDOWN($C6921/24,0)+1,1))-1)+IF('Standard Profiles'!$G$21=$B$10,7,0)+IF('Standard Profiles'!$G$21=$B$17,14,0)+IF('Standard Profiles'!$G$21=$B$24,21,0),0)),0)</f>
        <v>0.74668052525662831</v>
      </c>
      <c r="H6921" cm="1">
        <f t="array" ref="H6921">IFERROR(INDEX(Jesper!AL$2:AL$366,ROUNDDOWN($C6921/24,0)+1,1)*INDEX($D$3:$AA$30,INDEX(Jesper!$R$2:$R$366,ROW(INDEX(Jesper!AL$2:AL$366,ROUNDDOWN($C6921/24,0)+1,1))-1)+IF('Standard Profiles'!$G$22=$B$10,7,0)+IF('Standard Profiles'!$G$22=$B$17,14,0)+IF('Standard Profiles'!$G$22=$B$24,21,0),MOD($C6921,24)+1)/SUM(INDEX($D$3:$AA$30,INDEX(Jesper!$R$2:$R$366,ROW(INDEX(Jesper!AL$2:AL$366,ROUNDDOWN($C6921/24,0)+1,1))-1)+IF('Standard Profiles'!$G$22=$B$10,7,0)+IF('Standard Profiles'!$G$22=$B$17,14,0)+IF('Standard Profiles'!$G$22=$B$24,21,0),0)),0)</f>
        <v>0.20630175361627529</v>
      </c>
      <c r="I6921">
        <f t="shared" si="769"/>
        <v>0.19804968347162438</v>
      </c>
      <c r="J6921">
        <f t="shared" si="770"/>
        <v>4.3907918860001525</v>
      </c>
      <c r="K6921">
        <f t="shared" si="771"/>
        <v>0.21835222670791476</v>
      </c>
      <c r="L6921">
        <f t="shared" si="772"/>
        <v>0.10917611335395738</v>
      </c>
      <c r="M6921">
        <f t="shared" si="773"/>
        <v>0</v>
      </c>
      <c r="N6921" s="45">
        <f t="shared" si="774"/>
        <v>45213.95833331663</v>
      </c>
    </row>
    <row r="6922" spans="2:14" x14ac:dyDescent="0.25">
      <c r="B6922">
        <f t="shared" si="768"/>
        <v>7</v>
      </c>
      <c r="C6922" s="16">
        <v>6888</v>
      </c>
      <c r="D6922" cm="1">
        <f t="array" ref="D6922">IFERROR(INDEX(Jesper!AH$2:AH$366,ROUNDDOWN($C6922/24,0)+1,1)*INDEX($D$3:$AA$30,INDEX(Jesper!$R$2:$R$366,ROW(INDEX(Jesper!AH$2:AH$366,ROUNDDOWN($C6922/24,0)+1,1))-1)+IF('Standard Profiles'!$G$18=$B$10,7,0)+IF('Standard Profiles'!$G$18=$B$17,14,0)+IF('Standard Profiles'!$G$18=$B$24,21,0),MOD($C6922,24)+1)/SUM(INDEX($D$3:$AA$30,INDEX(Jesper!$R$2:$R$366,ROW(INDEX(Jesper!AH$2:AH$366,ROUNDDOWN($C6922/24,0)+1,1))-1)+IF('Standard Profiles'!$G$18=$B$10,7,0)+IF('Standard Profiles'!$G$18=$B$17,14,0)+IF('Standard Profiles'!$G$18=$B$24,21,0),0)),0)</f>
        <v>0</v>
      </c>
      <c r="E6922" cm="1">
        <f t="array" ref="E6922">IFERROR(INDEX(Jesper!AI$2:AI$366,ROUNDDOWN($C6922/24,0)+1,1)*INDEX($D$3:$AA$30,INDEX(Jesper!$R$2:$R$366,ROW(INDEX(Jesper!AI$2:AI$366,ROUNDDOWN($C6922/24,0)+1,1))-1)+IF('Standard Profiles'!$G$19=$B$10,7,0)+IF('Standard Profiles'!$G$19=$B$17,14,0)+IF('Standard Profiles'!$G$19=$B$24,21,0),MOD($C6922,24)+1)/SUM(INDEX($D$3:$AA$30,INDEX(Jesper!$R$2:$R$366,ROW(INDEX(Jesper!AI$2:AI$366,ROUNDDOWN($C6922/24,0)+1,1))-1)+IF('Standard Profiles'!$G$19=$B$10,7,0)+IF('Standard Profiles'!$G$19=$B$17,14,0)+IF('Standard Profiles'!$G$19=$B$24,21,0),0)),0)</f>
        <v>2.9316728879619149</v>
      </c>
      <c r="F6922" cm="1">
        <f t="array" ref="F6922">IFERROR(INDEX(Jesper!AJ$2:AJ$366,ROUNDDOWN($C6922/24,0)+1,1)*INDEX($D$3:$AA$30,INDEX(Jesper!$R$2:$R$366,ROW(INDEX(Jesper!AJ$2:AJ$366,ROUNDDOWN($C6922/24,0)+1,1))-1)+IF('Standard Profiles'!$G$20=$B$10,7,0)+IF('Standard Profiles'!$G$20=$B$17,14,0)+IF('Standard Profiles'!$G$20=$B$24,21,0),MOD($C6922,24)+1)/SUM(INDEX($D$3:$AA$30,INDEX(Jesper!$R$2:$R$366,ROW(INDEX(Jesper!AJ$2:AJ$366,ROUNDDOWN($C6922/24,0)+1,1))-1)+IF('Standard Profiles'!$G$20=$B$10,7,0)+IF('Standard Profiles'!$G$20=$B$17,14,0)+IF('Standard Profiles'!$G$20=$B$24,21,0),0)),0)</f>
        <v>1.6220101604952997</v>
      </c>
      <c r="G6922" cm="1">
        <f t="array" ref="G6922">IFERROR(INDEX(Jesper!AK$2:AK$366,ROUNDDOWN($C6922/24,0)+1,1)*INDEX($D$3:$AA$30,INDEX(Jesper!$R$2:$R$366,ROW(INDEX(Jesper!AK$2:AK$366,ROUNDDOWN($C6922/24,0)+1,1))-1)+IF('Standard Profiles'!$G$21=$B$10,7,0)+IF('Standard Profiles'!$G$21=$B$17,14,0)+IF('Standard Profiles'!$G$21=$B$24,21,0),MOD($C6922,24)+1)/SUM(INDEX($D$3:$AA$30,INDEX(Jesper!$R$2:$R$366,ROW(INDEX(Jesper!AK$2:AK$366,ROUNDDOWN($C6922/24,0)+1,1))-1)+IF('Standard Profiles'!$G$21=$B$10,7,0)+IF('Standard Profiles'!$G$21=$B$17,14,0)+IF('Standard Profiles'!$G$21=$B$24,21,0),0)),0)</f>
        <v>1.0528264654345967</v>
      </c>
      <c r="H6922" cm="1">
        <f t="array" ref="H6922">IFERROR(INDEX(Jesper!AL$2:AL$366,ROUNDDOWN($C6922/24,0)+1,1)*INDEX($D$3:$AA$30,INDEX(Jesper!$R$2:$R$366,ROW(INDEX(Jesper!AL$2:AL$366,ROUNDDOWN($C6922/24,0)+1,1))-1)+IF('Standard Profiles'!$G$22=$B$10,7,0)+IF('Standard Profiles'!$G$22=$B$17,14,0)+IF('Standard Profiles'!$G$22=$B$24,21,0),MOD($C6922,24)+1)/SUM(INDEX($D$3:$AA$30,INDEX(Jesper!$R$2:$R$366,ROW(INDEX(Jesper!AL$2:AL$366,ROUNDDOWN($C6922/24,0)+1,1))-1)+IF('Standard Profiles'!$G$22=$B$10,7,0)+IF('Standard Profiles'!$G$22=$B$17,14,0)+IF('Standard Profiles'!$G$22=$B$24,21,0),0)),0)</f>
        <v>0.41528013224361449</v>
      </c>
      <c r="I6922">
        <f t="shared" si="769"/>
        <v>0.39866892695387013</v>
      </c>
      <c r="J6922">
        <f t="shared" si="770"/>
        <v>5.2713199726261264</v>
      </c>
      <c r="K6922">
        <f t="shared" si="771"/>
        <v>0.23453383103695319</v>
      </c>
      <c r="L6922">
        <f t="shared" si="772"/>
        <v>0.11726691551847659</v>
      </c>
      <c r="M6922">
        <f t="shared" si="773"/>
        <v>0</v>
      </c>
      <c r="N6922" s="45">
        <f t="shared" si="774"/>
        <v>45213.999999983294</v>
      </c>
    </row>
    <row r="6923" spans="2:14" x14ac:dyDescent="0.25">
      <c r="B6923">
        <f t="shared" si="768"/>
        <v>7</v>
      </c>
      <c r="C6923" s="16">
        <v>6889</v>
      </c>
      <c r="D6923" cm="1">
        <f t="array" ref="D6923">IFERROR(INDEX(Jesper!AH$2:AH$366,ROUNDDOWN($C6923/24,0)+1,1)*INDEX($D$3:$AA$30,INDEX(Jesper!$R$2:$R$366,ROW(INDEX(Jesper!AH$2:AH$366,ROUNDDOWN($C6923/24,0)+1,1))-1)+IF('Standard Profiles'!$G$18=$B$10,7,0)+IF('Standard Profiles'!$G$18=$B$17,14,0)+IF('Standard Profiles'!$G$18=$B$24,21,0),MOD($C6923,24)+1)/SUM(INDEX($D$3:$AA$30,INDEX(Jesper!$R$2:$R$366,ROW(INDEX(Jesper!AH$2:AH$366,ROUNDDOWN($C6923/24,0)+1,1))-1)+IF('Standard Profiles'!$G$18=$B$10,7,0)+IF('Standard Profiles'!$G$18=$B$17,14,0)+IF('Standard Profiles'!$G$18=$B$24,21,0),0)),0)</f>
        <v>0</v>
      </c>
      <c r="E6923" cm="1">
        <f t="array" ref="E6923">IFERROR(INDEX(Jesper!AI$2:AI$366,ROUNDDOWN($C6923/24,0)+1,1)*INDEX($D$3:$AA$30,INDEX(Jesper!$R$2:$R$366,ROW(INDEX(Jesper!AI$2:AI$366,ROUNDDOWN($C6923/24,0)+1,1))-1)+IF('Standard Profiles'!$G$19=$B$10,7,0)+IF('Standard Profiles'!$G$19=$B$17,14,0)+IF('Standard Profiles'!$G$19=$B$24,21,0),MOD($C6923,24)+1)/SUM(INDEX($D$3:$AA$30,INDEX(Jesper!$R$2:$R$366,ROW(INDEX(Jesper!AI$2:AI$366,ROUNDDOWN($C6923/24,0)+1,1))-1)+IF('Standard Profiles'!$G$19=$B$10,7,0)+IF('Standard Profiles'!$G$19=$B$17,14,0)+IF('Standard Profiles'!$G$19=$B$24,21,0),0)),0)</f>
        <v>2.9316728879619149</v>
      </c>
      <c r="F6923" cm="1">
        <f t="array" ref="F6923">IFERROR(INDEX(Jesper!AJ$2:AJ$366,ROUNDDOWN($C6923/24,0)+1,1)*INDEX($D$3:$AA$30,INDEX(Jesper!$R$2:$R$366,ROW(INDEX(Jesper!AJ$2:AJ$366,ROUNDDOWN($C6923/24,0)+1,1))-1)+IF('Standard Profiles'!$G$20=$B$10,7,0)+IF('Standard Profiles'!$G$20=$B$17,14,0)+IF('Standard Profiles'!$G$20=$B$24,21,0),MOD($C6923,24)+1)/SUM(INDEX($D$3:$AA$30,INDEX(Jesper!$R$2:$R$366,ROW(INDEX(Jesper!AJ$2:AJ$366,ROUNDDOWN($C6923/24,0)+1,1))-1)+IF('Standard Profiles'!$G$20=$B$10,7,0)+IF('Standard Profiles'!$G$20=$B$17,14,0)+IF('Standard Profiles'!$G$20=$B$24,21,0),0)),0)</f>
        <v>1.6220101604952997</v>
      </c>
      <c r="G6923" cm="1">
        <f t="array" ref="G6923">IFERROR(INDEX(Jesper!AK$2:AK$366,ROUNDDOWN($C6923/24,0)+1,1)*INDEX($D$3:$AA$30,INDEX(Jesper!$R$2:$R$366,ROW(INDEX(Jesper!AK$2:AK$366,ROUNDDOWN($C6923/24,0)+1,1))-1)+IF('Standard Profiles'!$G$21=$B$10,7,0)+IF('Standard Profiles'!$G$21=$B$17,14,0)+IF('Standard Profiles'!$G$21=$B$24,21,0),MOD($C6923,24)+1)/SUM(INDEX($D$3:$AA$30,INDEX(Jesper!$R$2:$R$366,ROW(INDEX(Jesper!AK$2:AK$366,ROUNDDOWN($C6923/24,0)+1,1))-1)+IF('Standard Profiles'!$G$21=$B$10,7,0)+IF('Standard Profiles'!$G$21=$B$17,14,0)+IF('Standard Profiles'!$G$21=$B$24,21,0),0)),0)</f>
        <v>1.0528264654345967</v>
      </c>
      <c r="H6923" cm="1">
        <f t="array" ref="H6923">IFERROR(INDEX(Jesper!AL$2:AL$366,ROUNDDOWN($C6923/24,0)+1,1)*INDEX($D$3:$AA$30,INDEX(Jesper!$R$2:$R$366,ROW(INDEX(Jesper!AL$2:AL$366,ROUNDDOWN($C6923/24,0)+1,1))-1)+IF('Standard Profiles'!$G$22=$B$10,7,0)+IF('Standard Profiles'!$G$22=$B$17,14,0)+IF('Standard Profiles'!$G$22=$B$24,21,0),MOD($C6923,24)+1)/SUM(INDEX($D$3:$AA$30,INDEX(Jesper!$R$2:$R$366,ROW(INDEX(Jesper!AL$2:AL$366,ROUNDDOWN($C6923/24,0)+1,1))-1)+IF('Standard Profiles'!$G$22=$B$10,7,0)+IF('Standard Profiles'!$G$22=$B$17,14,0)+IF('Standard Profiles'!$G$22=$B$24,21,0),0)),0)</f>
        <v>0.4822607987345201</v>
      </c>
      <c r="I6923">
        <f t="shared" si="769"/>
        <v>0.46297036678513953</v>
      </c>
      <c r="J6923">
        <f t="shared" si="770"/>
        <v>5.2739991992857629</v>
      </c>
      <c r="K6923">
        <f t="shared" si="771"/>
        <v>0.23453383103695319</v>
      </c>
      <c r="L6923">
        <f t="shared" si="772"/>
        <v>0.11726691551847659</v>
      </c>
      <c r="M6923">
        <f t="shared" si="773"/>
        <v>0</v>
      </c>
      <c r="N6923" s="45">
        <f t="shared" si="774"/>
        <v>45214.041666649959</v>
      </c>
    </row>
    <row r="6924" spans="2:14" x14ac:dyDescent="0.25">
      <c r="B6924">
        <f t="shared" si="768"/>
        <v>7</v>
      </c>
      <c r="C6924" s="16">
        <v>6890</v>
      </c>
      <c r="D6924" cm="1">
        <f t="array" ref="D6924">IFERROR(INDEX(Jesper!AH$2:AH$366,ROUNDDOWN($C6924/24,0)+1,1)*INDEX($D$3:$AA$30,INDEX(Jesper!$R$2:$R$366,ROW(INDEX(Jesper!AH$2:AH$366,ROUNDDOWN($C6924/24,0)+1,1))-1)+IF('Standard Profiles'!$G$18=$B$10,7,0)+IF('Standard Profiles'!$G$18=$B$17,14,0)+IF('Standard Profiles'!$G$18=$B$24,21,0),MOD($C6924,24)+1)/SUM(INDEX($D$3:$AA$30,INDEX(Jesper!$R$2:$R$366,ROW(INDEX(Jesper!AH$2:AH$366,ROUNDDOWN($C6924/24,0)+1,1))-1)+IF('Standard Profiles'!$G$18=$B$10,7,0)+IF('Standard Profiles'!$G$18=$B$17,14,0)+IF('Standard Profiles'!$G$18=$B$24,21,0),0)),0)</f>
        <v>0</v>
      </c>
      <c r="E6924" cm="1">
        <f t="array" ref="E6924">IFERROR(INDEX(Jesper!AI$2:AI$366,ROUNDDOWN($C6924/24,0)+1,1)*INDEX($D$3:$AA$30,INDEX(Jesper!$R$2:$R$366,ROW(INDEX(Jesper!AI$2:AI$366,ROUNDDOWN($C6924/24,0)+1,1))-1)+IF('Standard Profiles'!$G$19=$B$10,7,0)+IF('Standard Profiles'!$G$19=$B$17,14,0)+IF('Standard Profiles'!$G$19=$B$24,21,0),MOD($C6924,24)+1)/SUM(INDEX($D$3:$AA$30,INDEX(Jesper!$R$2:$R$366,ROW(INDEX(Jesper!AI$2:AI$366,ROUNDDOWN($C6924/24,0)+1,1))-1)+IF('Standard Profiles'!$G$19=$B$10,7,0)+IF('Standard Profiles'!$G$19=$B$17,14,0)+IF('Standard Profiles'!$G$19=$B$24,21,0),0)),0)</f>
        <v>2.9316728879619149</v>
      </c>
      <c r="F6924" cm="1">
        <f t="array" ref="F6924">IFERROR(INDEX(Jesper!AJ$2:AJ$366,ROUNDDOWN($C6924/24,0)+1,1)*INDEX($D$3:$AA$30,INDEX(Jesper!$R$2:$R$366,ROW(INDEX(Jesper!AJ$2:AJ$366,ROUNDDOWN($C6924/24,0)+1,1))-1)+IF('Standard Profiles'!$G$20=$B$10,7,0)+IF('Standard Profiles'!$G$20=$B$17,14,0)+IF('Standard Profiles'!$G$20=$B$24,21,0),MOD($C6924,24)+1)/SUM(INDEX($D$3:$AA$30,INDEX(Jesper!$R$2:$R$366,ROW(INDEX(Jesper!AJ$2:AJ$366,ROUNDDOWN($C6924/24,0)+1,1))-1)+IF('Standard Profiles'!$G$20=$B$10,7,0)+IF('Standard Profiles'!$G$20=$B$17,14,0)+IF('Standard Profiles'!$G$20=$B$24,21,0),0)),0)</f>
        <v>1.6220101604952997</v>
      </c>
      <c r="G6924" cm="1">
        <f t="array" ref="G6924">IFERROR(INDEX(Jesper!AK$2:AK$366,ROUNDDOWN($C6924/24,0)+1,1)*INDEX($D$3:$AA$30,INDEX(Jesper!$R$2:$R$366,ROW(INDEX(Jesper!AK$2:AK$366,ROUNDDOWN($C6924/24,0)+1,1))-1)+IF('Standard Profiles'!$G$21=$B$10,7,0)+IF('Standard Profiles'!$G$21=$B$17,14,0)+IF('Standard Profiles'!$G$21=$B$24,21,0),MOD($C6924,24)+1)/SUM(INDEX($D$3:$AA$30,INDEX(Jesper!$R$2:$R$366,ROW(INDEX(Jesper!AK$2:AK$366,ROUNDDOWN($C6924/24,0)+1,1))-1)+IF('Standard Profiles'!$G$21=$B$10,7,0)+IF('Standard Profiles'!$G$21=$B$17,14,0)+IF('Standard Profiles'!$G$21=$B$24,21,0),0)),0)</f>
        <v>1.0528264654345967</v>
      </c>
      <c r="H6924" cm="1">
        <f t="array" ref="H6924">IFERROR(INDEX(Jesper!AL$2:AL$366,ROUNDDOWN($C6924/24,0)+1,1)*INDEX($D$3:$AA$30,INDEX(Jesper!$R$2:$R$366,ROW(INDEX(Jesper!AL$2:AL$366,ROUNDDOWN($C6924/24,0)+1,1))-1)+IF('Standard Profiles'!$G$22=$B$10,7,0)+IF('Standard Profiles'!$G$22=$B$17,14,0)+IF('Standard Profiles'!$G$22=$B$24,21,0),MOD($C6924,24)+1)/SUM(INDEX($D$3:$AA$30,INDEX(Jesper!$R$2:$R$366,ROW(INDEX(Jesper!AL$2:AL$366,ROUNDDOWN($C6924/24,0)+1,1))-1)+IF('Standard Profiles'!$G$22=$B$10,7,0)+IF('Standard Profiles'!$G$22=$B$17,14,0)+IF('Standard Profiles'!$G$22=$B$24,21,0),0)),0)</f>
        <v>0.4822607987345201</v>
      </c>
      <c r="I6924">
        <f t="shared" si="769"/>
        <v>0.46297036678513953</v>
      </c>
      <c r="J6924">
        <f t="shared" si="770"/>
        <v>5.2739991992857629</v>
      </c>
      <c r="K6924">
        <f t="shared" si="771"/>
        <v>0.23453383103695319</v>
      </c>
      <c r="L6924">
        <f t="shared" si="772"/>
        <v>0.11726691551847659</v>
      </c>
      <c r="M6924">
        <f t="shared" si="773"/>
        <v>0</v>
      </c>
      <c r="N6924" s="45">
        <f t="shared" si="774"/>
        <v>45214.083333316623</v>
      </c>
    </row>
    <row r="6925" spans="2:14" x14ac:dyDescent="0.25">
      <c r="B6925">
        <f t="shared" si="768"/>
        <v>7</v>
      </c>
      <c r="C6925" s="16">
        <v>6891</v>
      </c>
      <c r="D6925" cm="1">
        <f t="array" ref="D6925">IFERROR(INDEX(Jesper!AH$2:AH$366,ROUNDDOWN($C6925/24,0)+1,1)*INDEX($D$3:$AA$30,INDEX(Jesper!$R$2:$R$366,ROW(INDEX(Jesper!AH$2:AH$366,ROUNDDOWN($C6925/24,0)+1,1))-1)+IF('Standard Profiles'!$G$18=$B$10,7,0)+IF('Standard Profiles'!$G$18=$B$17,14,0)+IF('Standard Profiles'!$G$18=$B$24,21,0),MOD($C6925,24)+1)/SUM(INDEX($D$3:$AA$30,INDEX(Jesper!$R$2:$R$366,ROW(INDEX(Jesper!AH$2:AH$366,ROUNDDOWN($C6925/24,0)+1,1))-1)+IF('Standard Profiles'!$G$18=$B$10,7,0)+IF('Standard Profiles'!$G$18=$B$17,14,0)+IF('Standard Profiles'!$G$18=$B$24,21,0),0)),0)</f>
        <v>0</v>
      </c>
      <c r="E6925" cm="1">
        <f t="array" ref="E6925">IFERROR(INDEX(Jesper!AI$2:AI$366,ROUNDDOWN($C6925/24,0)+1,1)*INDEX($D$3:$AA$30,INDEX(Jesper!$R$2:$R$366,ROW(INDEX(Jesper!AI$2:AI$366,ROUNDDOWN($C6925/24,0)+1,1))-1)+IF('Standard Profiles'!$G$19=$B$10,7,0)+IF('Standard Profiles'!$G$19=$B$17,14,0)+IF('Standard Profiles'!$G$19=$B$24,21,0),MOD($C6925,24)+1)/SUM(INDEX($D$3:$AA$30,INDEX(Jesper!$R$2:$R$366,ROW(INDEX(Jesper!AI$2:AI$366,ROUNDDOWN($C6925/24,0)+1,1))-1)+IF('Standard Profiles'!$G$19=$B$10,7,0)+IF('Standard Profiles'!$G$19=$B$17,14,0)+IF('Standard Profiles'!$G$19=$B$24,21,0),0)),0)</f>
        <v>2.9316728879619149</v>
      </c>
      <c r="F6925" cm="1">
        <f t="array" ref="F6925">IFERROR(INDEX(Jesper!AJ$2:AJ$366,ROUNDDOWN($C6925/24,0)+1,1)*INDEX($D$3:$AA$30,INDEX(Jesper!$R$2:$R$366,ROW(INDEX(Jesper!AJ$2:AJ$366,ROUNDDOWN($C6925/24,0)+1,1))-1)+IF('Standard Profiles'!$G$20=$B$10,7,0)+IF('Standard Profiles'!$G$20=$B$17,14,0)+IF('Standard Profiles'!$G$20=$B$24,21,0),MOD($C6925,24)+1)/SUM(INDEX($D$3:$AA$30,INDEX(Jesper!$R$2:$R$366,ROW(INDEX(Jesper!AJ$2:AJ$366,ROUNDDOWN($C6925/24,0)+1,1))-1)+IF('Standard Profiles'!$G$20=$B$10,7,0)+IF('Standard Profiles'!$G$20=$B$17,14,0)+IF('Standard Profiles'!$G$20=$B$24,21,0),0)),0)</f>
        <v>1.6220101604952997</v>
      </c>
      <c r="G6925" cm="1">
        <f t="array" ref="G6925">IFERROR(INDEX(Jesper!AK$2:AK$366,ROUNDDOWN($C6925/24,0)+1,1)*INDEX($D$3:$AA$30,INDEX(Jesper!$R$2:$R$366,ROW(INDEX(Jesper!AK$2:AK$366,ROUNDDOWN($C6925/24,0)+1,1))-1)+IF('Standard Profiles'!$G$21=$B$10,7,0)+IF('Standard Profiles'!$G$21=$B$17,14,0)+IF('Standard Profiles'!$G$21=$B$24,21,0),MOD($C6925,24)+1)/SUM(INDEX($D$3:$AA$30,INDEX(Jesper!$R$2:$R$366,ROW(INDEX(Jesper!AK$2:AK$366,ROUNDDOWN($C6925/24,0)+1,1))-1)+IF('Standard Profiles'!$G$21=$B$10,7,0)+IF('Standard Profiles'!$G$21=$B$17,14,0)+IF('Standard Profiles'!$G$21=$B$24,21,0),0)),0)</f>
        <v>1.0528264654345967</v>
      </c>
      <c r="H6925" cm="1">
        <f t="array" ref="H6925">IFERROR(INDEX(Jesper!AL$2:AL$366,ROUNDDOWN($C6925/24,0)+1,1)*INDEX($D$3:$AA$30,INDEX(Jesper!$R$2:$R$366,ROW(INDEX(Jesper!AL$2:AL$366,ROUNDDOWN($C6925/24,0)+1,1))-1)+IF('Standard Profiles'!$G$22=$B$10,7,0)+IF('Standard Profiles'!$G$22=$B$17,14,0)+IF('Standard Profiles'!$G$22=$B$24,21,0),MOD($C6925,24)+1)/SUM(INDEX($D$3:$AA$30,INDEX(Jesper!$R$2:$R$366,ROW(INDEX(Jesper!AL$2:AL$366,ROUNDDOWN($C6925/24,0)+1,1))-1)+IF('Standard Profiles'!$G$22=$B$10,7,0)+IF('Standard Profiles'!$G$22=$B$17,14,0)+IF('Standard Profiles'!$G$22=$B$24,21,0),0)),0)</f>
        <v>0.4822607987345201</v>
      </c>
      <c r="I6925">
        <f t="shared" si="769"/>
        <v>0.46297036678513953</v>
      </c>
      <c r="J6925">
        <f t="shared" si="770"/>
        <v>5.2739991992857629</v>
      </c>
      <c r="K6925">
        <f t="shared" si="771"/>
        <v>0.23453383103695319</v>
      </c>
      <c r="L6925">
        <f t="shared" si="772"/>
        <v>0.11726691551847659</v>
      </c>
      <c r="M6925">
        <f t="shared" si="773"/>
        <v>0</v>
      </c>
      <c r="N6925" s="45">
        <f t="shared" si="774"/>
        <v>45214.124999983287</v>
      </c>
    </row>
    <row r="6926" spans="2:14" x14ac:dyDescent="0.25">
      <c r="B6926">
        <f t="shared" si="768"/>
        <v>7</v>
      </c>
      <c r="C6926" s="16">
        <v>6892</v>
      </c>
      <c r="D6926" cm="1">
        <f t="array" ref="D6926">IFERROR(INDEX(Jesper!AH$2:AH$366,ROUNDDOWN($C6926/24,0)+1,1)*INDEX($D$3:$AA$30,INDEX(Jesper!$R$2:$R$366,ROW(INDEX(Jesper!AH$2:AH$366,ROUNDDOWN($C6926/24,0)+1,1))-1)+IF('Standard Profiles'!$G$18=$B$10,7,0)+IF('Standard Profiles'!$G$18=$B$17,14,0)+IF('Standard Profiles'!$G$18=$B$24,21,0),MOD($C6926,24)+1)/SUM(INDEX($D$3:$AA$30,INDEX(Jesper!$R$2:$R$366,ROW(INDEX(Jesper!AH$2:AH$366,ROUNDDOWN($C6926/24,0)+1,1))-1)+IF('Standard Profiles'!$G$18=$B$10,7,0)+IF('Standard Profiles'!$G$18=$B$17,14,0)+IF('Standard Profiles'!$G$18=$B$24,21,0),0)),0)</f>
        <v>0</v>
      </c>
      <c r="E6926" cm="1">
        <f t="array" ref="E6926">IFERROR(INDEX(Jesper!AI$2:AI$366,ROUNDDOWN($C6926/24,0)+1,1)*INDEX($D$3:$AA$30,INDEX(Jesper!$R$2:$R$366,ROW(INDEX(Jesper!AI$2:AI$366,ROUNDDOWN($C6926/24,0)+1,1))-1)+IF('Standard Profiles'!$G$19=$B$10,7,0)+IF('Standard Profiles'!$G$19=$B$17,14,0)+IF('Standard Profiles'!$G$19=$B$24,21,0),MOD($C6926,24)+1)/SUM(INDEX($D$3:$AA$30,INDEX(Jesper!$R$2:$R$366,ROW(INDEX(Jesper!AI$2:AI$366,ROUNDDOWN($C6926/24,0)+1,1))-1)+IF('Standard Profiles'!$G$19=$B$10,7,0)+IF('Standard Profiles'!$G$19=$B$17,14,0)+IF('Standard Profiles'!$G$19=$B$24,21,0),0)),0)</f>
        <v>2.9316728879619149</v>
      </c>
      <c r="F6926" cm="1">
        <f t="array" ref="F6926">IFERROR(INDEX(Jesper!AJ$2:AJ$366,ROUNDDOWN($C6926/24,0)+1,1)*INDEX($D$3:$AA$30,INDEX(Jesper!$R$2:$R$366,ROW(INDEX(Jesper!AJ$2:AJ$366,ROUNDDOWN($C6926/24,0)+1,1))-1)+IF('Standard Profiles'!$G$20=$B$10,7,0)+IF('Standard Profiles'!$G$20=$B$17,14,0)+IF('Standard Profiles'!$G$20=$B$24,21,0),MOD($C6926,24)+1)/SUM(INDEX($D$3:$AA$30,INDEX(Jesper!$R$2:$R$366,ROW(INDEX(Jesper!AJ$2:AJ$366,ROUNDDOWN($C6926/24,0)+1,1))-1)+IF('Standard Profiles'!$G$20=$B$10,7,0)+IF('Standard Profiles'!$G$20=$B$17,14,0)+IF('Standard Profiles'!$G$20=$B$24,21,0),0)),0)</f>
        <v>1.6220101604952997</v>
      </c>
      <c r="G6926" cm="1">
        <f t="array" ref="G6926">IFERROR(INDEX(Jesper!AK$2:AK$366,ROUNDDOWN($C6926/24,0)+1,1)*INDEX($D$3:$AA$30,INDEX(Jesper!$R$2:$R$366,ROW(INDEX(Jesper!AK$2:AK$366,ROUNDDOWN($C6926/24,0)+1,1))-1)+IF('Standard Profiles'!$G$21=$B$10,7,0)+IF('Standard Profiles'!$G$21=$B$17,14,0)+IF('Standard Profiles'!$G$21=$B$24,21,0),MOD($C6926,24)+1)/SUM(INDEX($D$3:$AA$30,INDEX(Jesper!$R$2:$R$366,ROW(INDEX(Jesper!AK$2:AK$366,ROUNDDOWN($C6926/24,0)+1,1))-1)+IF('Standard Profiles'!$G$21=$B$10,7,0)+IF('Standard Profiles'!$G$21=$B$17,14,0)+IF('Standard Profiles'!$G$21=$B$24,21,0),0)),0)</f>
        <v>1.0528264654345967</v>
      </c>
      <c r="H6926" cm="1">
        <f t="array" ref="H6926">IFERROR(INDEX(Jesper!AL$2:AL$366,ROUNDDOWN($C6926/24,0)+1,1)*INDEX($D$3:$AA$30,INDEX(Jesper!$R$2:$R$366,ROW(INDEX(Jesper!AL$2:AL$366,ROUNDDOWN($C6926/24,0)+1,1))-1)+IF('Standard Profiles'!$G$22=$B$10,7,0)+IF('Standard Profiles'!$G$22=$B$17,14,0)+IF('Standard Profiles'!$G$22=$B$24,21,0),MOD($C6926,24)+1)/SUM(INDEX($D$3:$AA$30,INDEX(Jesper!$R$2:$R$366,ROW(INDEX(Jesper!AL$2:AL$366,ROUNDDOWN($C6926/24,0)+1,1))-1)+IF('Standard Profiles'!$G$22=$B$10,7,0)+IF('Standard Profiles'!$G$22=$B$17,14,0)+IF('Standard Profiles'!$G$22=$B$24,21,0),0)),0)</f>
        <v>0.4822607987345201</v>
      </c>
      <c r="I6926">
        <f t="shared" si="769"/>
        <v>0.46297036678513953</v>
      </c>
      <c r="J6926">
        <f t="shared" si="770"/>
        <v>5.2739991992857629</v>
      </c>
      <c r="K6926">
        <f t="shared" si="771"/>
        <v>0.23453383103695319</v>
      </c>
      <c r="L6926">
        <f t="shared" si="772"/>
        <v>0.11726691551847659</v>
      </c>
      <c r="M6926">
        <f t="shared" si="773"/>
        <v>0</v>
      </c>
      <c r="N6926" s="45">
        <f t="shared" si="774"/>
        <v>45214.166666649951</v>
      </c>
    </row>
    <row r="6927" spans="2:14" x14ac:dyDescent="0.25">
      <c r="B6927">
        <f t="shared" si="768"/>
        <v>7</v>
      </c>
      <c r="C6927" s="16">
        <v>6893</v>
      </c>
      <c r="D6927" cm="1">
        <f t="array" ref="D6927">IFERROR(INDEX(Jesper!AH$2:AH$366,ROUNDDOWN($C6927/24,0)+1,1)*INDEX($D$3:$AA$30,INDEX(Jesper!$R$2:$R$366,ROW(INDEX(Jesper!AH$2:AH$366,ROUNDDOWN($C6927/24,0)+1,1))-1)+IF('Standard Profiles'!$G$18=$B$10,7,0)+IF('Standard Profiles'!$G$18=$B$17,14,0)+IF('Standard Profiles'!$G$18=$B$24,21,0),MOD($C6927,24)+1)/SUM(INDEX($D$3:$AA$30,INDEX(Jesper!$R$2:$R$366,ROW(INDEX(Jesper!AH$2:AH$366,ROUNDDOWN($C6927/24,0)+1,1))-1)+IF('Standard Profiles'!$G$18=$B$10,7,0)+IF('Standard Profiles'!$G$18=$B$17,14,0)+IF('Standard Profiles'!$G$18=$B$24,21,0),0)),0)</f>
        <v>0</v>
      </c>
      <c r="E6927" cm="1">
        <f t="array" ref="E6927">IFERROR(INDEX(Jesper!AI$2:AI$366,ROUNDDOWN($C6927/24,0)+1,1)*INDEX($D$3:$AA$30,INDEX(Jesper!$R$2:$R$366,ROW(INDEX(Jesper!AI$2:AI$366,ROUNDDOWN($C6927/24,0)+1,1))-1)+IF('Standard Profiles'!$G$19=$B$10,7,0)+IF('Standard Profiles'!$G$19=$B$17,14,0)+IF('Standard Profiles'!$G$19=$B$24,21,0),MOD($C6927,24)+1)/SUM(INDEX($D$3:$AA$30,INDEX(Jesper!$R$2:$R$366,ROW(INDEX(Jesper!AI$2:AI$366,ROUNDDOWN($C6927/24,0)+1,1))-1)+IF('Standard Profiles'!$G$19=$B$10,7,0)+IF('Standard Profiles'!$G$19=$B$17,14,0)+IF('Standard Profiles'!$G$19=$B$24,21,0),0)),0)</f>
        <v>2.9316728879619149</v>
      </c>
      <c r="F6927" cm="1">
        <f t="array" ref="F6927">IFERROR(INDEX(Jesper!AJ$2:AJ$366,ROUNDDOWN($C6927/24,0)+1,1)*INDEX($D$3:$AA$30,INDEX(Jesper!$R$2:$R$366,ROW(INDEX(Jesper!AJ$2:AJ$366,ROUNDDOWN($C6927/24,0)+1,1))-1)+IF('Standard Profiles'!$G$20=$B$10,7,0)+IF('Standard Profiles'!$G$20=$B$17,14,0)+IF('Standard Profiles'!$G$20=$B$24,21,0),MOD($C6927,24)+1)/SUM(INDEX($D$3:$AA$30,INDEX(Jesper!$R$2:$R$366,ROW(INDEX(Jesper!AJ$2:AJ$366,ROUNDDOWN($C6927/24,0)+1,1))-1)+IF('Standard Profiles'!$G$20=$B$10,7,0)+IF('Standard Profiles'!$G$20=$B$17,14,0)+IF('Standard Profiles'!$G$20=$B$24,21,0),0)),0)</f>
        <v>1.6220101604952997</v>
      </c>
      <c r="G6927" cm="1">
        <f t="array" ref="G6927">IFERROR(INDEX(Jesper!AK$2:AK$366,ROUNDDOWN($C6927/24,0)+1,1)*INDEX($D$3:$AA$30,INDEX(Jesper!$R$2:$R$366,ROW(INDEX(Jesper!AK$2:AK$366,ROUNDDOWN($C6927/24,0)+1,1))-1)+IF('Standard Profiles'!$G$21=$B$10,7,0)+IF('Standard Profiles'!$G$21=$B$17,14,0)+IF('Standard Profiles'!$G$21=$B$24,21,0),MOD($C6927,24)+1)/SUM(INDEX($D$3:$AA$30,INDEX(Jesper!$R$2:$R$366,ROW(INDEX(Jesper!AK$2:AK$366,ROUNDDOWN($C6927/24,0)+1,1))-1)+IF('Standard Profiles'!$G$21=$B$10,7,0)+IF('Standard Profiles'!$G$21=$B$17,14,0)+IF('Standard Profiles'!$G$21=$B$24,21,0),0)),0)</f>
        <v>1.0528264654345967</v>
      </c>
      <c r="H6927" cm="1">
        <f t="array" ref="H6927">IFERROR(INDEX(Jesper!AL$2:AL$366,ROUNDDOWN($C6927/24,0)+1,1)*INDEX($D$3:$AA$30,INDEX(Jesper!$R$2:$R$366,ROW(INDEX(Jesper!AL$2:AL$366,ROUNDDOWN($C6927/24,0)+1,1))-1)+IF('Standard Profiles'!$G$22=$B$10,7,0)+IF('Standard Profiles'!$G$22=$B$17,14,0)+IF('Standard Profiles'!$G$22=$B$24,21,0),MOD($C6927,24)+1)/SUM(INDEX($D$3:$AA$30,INDEX(Jesper!$R$2:$R$366,ROW(INDEX(Jesper!AL$2:AL$366,ROUNDDOWN($C6927/24,0)+1,1))-1)+IF('Standard Profiles'!$G$22=$B$10,7,0)+IF('Standard Profiles'!$G$22=$B$17,14,0)+IF('Standard Profiles'!$G$22=$B$24,21,0),0)),0)</f>
        <v>0.6028259984181501</v>
      </c>
      <c r="I6927">
        <f t="shared" si="769"/>
        <v>0.57871295848142446</v>
      </c>
      <c r="J6927">
        <f t="shared" si="770"/>
        <v>5.2788218072731077</v>
      </c>
      <c r="K6927">
        <f t="shared" si="771"/>
        <v>0.23453383103695319</v>
      </c>
      <c r="L6927">
        <f t="shared" si="772"/>
        <v>0.11726691551847659</v>
      </c>
      <c r="M6927">
        <f t="shared" si="773"/>
        <v>0</v>
      </c>
      <c r="N6927" s="45">
        <f t="shared" si="774"/>
        <v>45214.208333316616</v>
      </c>
    </row>
    <row r="6928" spans="2:14" x14ac:dyDescent="0.25">
      <c r="B6928">
        <f t="shared" si="768"/>
        <v>7</v>
      </c>
      <c r="C6928" s="16">
        <v>6894</v>
      </c>
      <c r="D6928" cm="1">
        <f t="array" ref="D6928">IFERROR(INDEX(Jesper!AH$2:AH$366,ROUNDDOWN($C6928/24,0)+1,1)*INDEX($D$3:$AA$30,INDEX(Jesper!$R$2:$R$366,ROW(INDEX(Jesper!AH$2:AH$366,ROUNDDOWN($C6928/24,0)+1,1))-1)+IF('Standard Profiles'!$G$18=$B$10,7,0)+IF('Standard Profiles'!$G$18=$B$17,14,0)+IF('Standard Profiles'!$G$18=$B$24,21,0),MOD($C6928,24)+1)/SUM(INDEX($D$3:$AA$30,INDEX(Jesper!$R$2:$R$366,ROW(INDEX(Jesper!AH$2:AH$366,ROUNDDOWN($C6928/24,0)+1,1))-1)+IF('Standard Profiles'!$G$18=$B$10,7,0)+IF('Standard Profiles'!$G$18=$B$17,14,0)+IF('Standard Profiles'!$G$18=$B$24,21,0),0)),0)</f>
        <v>0</v>
      </c>
      <c r="E6928" cm="1">
        <f t="array" ref="E6928">IFERROR(INDEX(Jesper!AI$2:AI$366,ROUNDDOWN($C6928/24,0)+1,1)*INDEX($D$3:$AA$30,INDEX(Jesper!$R$2:$R$366,ROW(INDEX(Jesper!AI$2:AI$366,ROUNDDOWN($C6928/24,0)+1,1))-1)+IF('Standard Profiles'!$G$19=$B$10,7,0)+IF('Standard Profiles'!$G$19=$B$17,14,0)+IF('Standard Profiles'!$G$19=$B$24,21,0),MOD($C6928,24)+1)/SUM(INDEX($D$3:$AA$30,INDEX(Jesper!$R$2:$R$366,ROW(INDEX(Jesper!AI$2:AI$366,ROUNDDOWN($C6928/24,0)+1,1))-1)+IF('Standard Profiles'!$G$19=$B$10,7,0)+IF('Standard Profiles'!$G$19=$B$17,14,0)+IF('Standard Profiles'!$G$19=$B$24,21,0),0)),0)</f>
        <v>2.9316728879619149</v>
      </c>
      <c r="F6928" cm="1">
        <f t="array" ref="F6928">IFERROR(INDEX(Jesper!AJ$2:AJ$366,ROUNDDOWN($C6928/24,0)+1,1)*INDEX($D$3:$AA$30,INDEX(Jesper!$R$2:$R$366,ROW(INDEX(Jesper!AJ$2:AJ$366,ROUNDDOWN($C6928/24,0)+1,1))-1)+IF('Standard Profiles'!$G$20=$B$10,7,0)+IF('Standard Profiles'!$G$20=$B$17,14,0)+IF('Standard Profiles'!$G$20=$B$24,21,0),MOD($C6928,24)+1)/SUM(INDEX($D$3:$AA$30,INDEX(Jesper!$R$2:$R$366,ROW(INDEX(Jesper!AJ$2:AJ$366,ROUNDDOWN($C6928/24,0)+1,1))-1)+IF('Standard Profiles'!$G$20=$B$10,7,0)+IF('Standard Profiles'!$G$20=$B$17,14,0)+IF('Standard Profiles'!$G$20=$B$24,21,0),0)),0)</f>
        <v>1.6220101604952997</v>
      </c>
      <c r="G6928" cm="1">
        <f t="array" ref="G6928">IFERROR(INDEX(Jesper!AK$2:AK$366,ROUNDDOWN($C6928/24,0)+1,1)*INDEX($D$3:$AA$30,INDEX(Jesper!$R$2:$R$366,ROW(INDEX(Jesper!AK$2:AK$366,ROUNDDOWN($C6928/24,0)+1,1))-1)+IF('Standard Profiles'!$G$21=$B$10,7,0)+IF('Standard Profiles'!$G$21=$B$17,14,0)+IF('Standard Profiles'!$G$21=$B$24,21,0),MOD($C6928,24)+1)/SUM(INDEX($D$3:$AA$30,INDEX(Jesper!$R$2:$R$366,ROW(INDEX(Jesper!AK$2:AK$366,ROUNDDOWN($C6928/24,0)+1,1))-1)+IF('Standard Profiles'!$G$21=$B$10,7,0)+IF('Standard Profiles'!$G$21=$B$17,14,0)+IF('Standard Profiles'!$G$21=$B$24,21,0),0)),0)</f>
        <v>1.0528264654345967</v>
      </c>
      <c r="H6928" cm="1">
        <f t="array" ref="H6928">IFERROR(INDEX(Jesper!AL$2:AL$366,ROUNDDOWN($C6928/24,0)+1,1)*INDEX($D$3:$AA$30,INDEX(Jesper!$R$2:$R$366,ROW(INDEX(Jesper!AL$2:AL$366,ROUNDDOWN($C6928/24,0)+1,1))-1)+IF('Standard Profiles'!$G$22=$B$10,7,0)+IF('Standard Profiles'!$G$22=$B$17,14,0)+IF('Standard Profiles'!$G$22=$B$24,21,0),MOD($C6928,24)+1)/SUM(INDEX($D$3:$AA$30,INDEX(Jesper!$R$2:$R$366,ROW(INDEX(Jesper!AL$2:AL$366,ROUNDDOWN($C6928/24,0)+1,1))-1)+IF('Standard Profiles'!$G$22=$B$10,7,0)+IF('Standard Profiles'!$G$22=$B$17,14,0)+IF('Standard Profiles'!$G$22=$B$24,21,0),0)),0)</f>
        <v>0.70999506480359897</v>
      </c>
      <c r="I6928">
        <f t="shared" si="769"/>
        <v>0.68159526221145539</v>
      </c>
      <c r="J6928">
        <f t="shared" si="770"/>
        <v>5.2831085699285252</v>
      </c>
      <c r="K6928">
        <f t="shared" si="771"/>
        <v>0.23453383103695319</v>
      </c>
      <c r="L6928">
        <f t="shared" si="772"/>
        <v>0.11726691551847659</v>
      </c>
      <c r="M6928">
        <f t="shared" si="773"/>
        <v>0</v>
      </c>
      <c r="N6928" s="45">
        <f t="shared" si="774"/>
        <v>45214.24999998328</v>
      </c>
    </row>
    <row r="6929" spans="2:14" x14ac:dyDescent="0.25">
      <c r="B6929">
        <f t="shared" si="768"/>
        <v>7</v>
      </c>
      <c r="C6929" s="16">
        <v>6895</v>
      </c>
      <c r="D6929" cm="1">
        <f t="array" ref="D6929">IFERROR(INDEX(Jesper!AH$2:AH$366,ROUNDDOWN($C6929/24,0)+1,1)*INDEX($D$3:$AA$30,INDEX(Jesper!$R$2:$R$366,ROW(INDEX(Jesper!AH$2:AH$366,ROUNDDOWN($C6929/24,0)+1,1))-1)+IF('Standard Profiles'!$G$18=$B$10,7,0)+IF('Standard Profiles'!$G$18=$B$17,14,0)+IF('Standard Profiles'!$G$18=$B$24,21,0),MOD($C6929,24)+1)/SUM(INDEX($D$3:$AA$30,INDEX(Jesper!$R$2:$R$366,ROW(INDEX(Jesper!AH$2:AH$366,ROUNDDOWN($C6929/24,0)+1,1))-1)+IF('Standard Profiles'!$G$18=$B$10,7,0)+IF('Standard Profiles'!$G$18=$B$17,14,0)+IF('Standard Profiles'!$G$18=$B$24,21,0),0)),0)</f>
        <v>0</v>
      </c>
      <c r="E6929" cm="1">
        <f t="array" ref="E6929">IFERROR(INDEX(Jesper!AI$2:AI$366,ROUNDDOWN($C6929/24,0)+1,1)*INDEX($D$3:$AA$30,INDEX(Jesper!$R$2:$R$366,ROW(INDEX(Jesper!AI$2:AI$366,ROUNDDOWN($C6929/24,0)+1,1))-1)+IF('Standard Profiles'!$G$19=$B$10,7,0)+IF('Standard Profiles'!$G$19=$B$17,14,0)+IF('Standard Profiles'!$G$19=$B$24,21,0),MOD($C6929,24)+1)/SUM(INDEX($D$3:$AA$30,INDEX(Jesper!$R$2:$R$366,ROW(INDEX(Jesper!AI$2:AI$366,ROUNDDOWN($C6929/24,0)+1,1))-1)+IF('Standard Profiles'!$G$19=$B$10,7,0)+IF('Standard Profiles'!$G$19=$B$17,14,0)+IF('Standard Profiles'!$G$19=$B$24,21,0),0)),0)</f>
        <v>2.9316728879619149</v>
      </c>
      <c r="F6929" cm="1">
        <f t="array" ref="F6929">IFERROR(INDEX(Jesper!AJ$2:AJ$366,ROUNDDOWN($C6929/24,0)+1,1)*INDEX($D$3:$AA$30,INDEX(Jesper!$R$2:$R$366,ROW(INDEX(Jesper!AJ$2:AJ$366,ROUNDDOWN($C6929/24,0)+1,1))-1)+IF('Standard Profiles'!$G$20=$B$10,7,0)+IF('Standard Profiles'!$G$20=$B$17,14,0)+IF('Standard Profiles'!$G$20=$B$24,21,0),MOD($C6929,24)+1)/SUM(INDEX($D$3:$AA$30,INDEX(Jesper!$R$2:$R$366,ROW(INDEX(Jesper!AJ$2:AJ$366,ROUNDDOWN($C6929/24,0)+1,1))-1)+IF('Standard Profiles'!$G$20=$B$10,7,0)+IF('Standard Profiles'!$G$20=$B$17,14,0)+IF('Standard Profiles'!$G$20=$B$24,21,0),0)),0)</f>
        <v>1.6220101604952997</v>
      </c>
      <c r="G6929" cm="1">
        <f t="array" ref="G6929">IFERROR(INDEX(Jesper!AK$2:AK$366,ROUNDDOWN($C6929/24,0)+1,1)*INDEX($D$3:$AA$30,INDEX(Jesper!$R$2:$R$366,ROW(INDEX(Jesper!AK$2:AK$366,ROUNDDOWN($C6929/24,0)+1,1))-1)+IF('Standard Profiles'!$G$21=$B$10,7,0)+IF('Standard Profiles'!$G$21=$B$17,14,0)+IF('Standard Profiles'!$G$21=$B$24,21,0),MOD($C6929,24)+1)/SUM(INDEX($D$3:$AA$30,INDEX(Jesper!$R$2:$R$366,ROW(INDEX(Jesper!AK$2:AK$366,ROUNDDOWN($C6929/24,0)+1,1))-1)+IF('Standard Profiles'!$G$21=$B$10,7,0)+IF('Standard Profiles'!$G$21=$B$17,14,0)+IF('Standard Profiles'!$G$21=$B$24,21,0),0)),0)</f>
        <v>1.0528264654345967</v>
      </c>
      <c r="H6929" cm="1">
        <f t="array" ref="H6929">IFERROR(INDEX(Jesper!AL$2:AL$366,ROUNDDOWN($C6929/24,0)+1,1)*INDEX($D$3:$AA$30,INDEX(Jesper!$R$2:$R$366,ROW(INDEX(Jesper!AL$2:AL$366,ROUNDDOWN($C6929/24,0)+1,1))-1)+IF('Standard Profiles'!$G$22=$B$10,7,0)+IF('Standard Profiles'!$G$22=$B$17,14,0)+IF('Standard Profiles'!$G$22=$B$24,21,0),MOD($C6929,24)+1)/SUM(INDEX($D$3:$AA$30,INDEX(Jesper!$R$2:$R$366,ROW(INDEX(Jesper!AL$2:AL$366,ROUNDDOWN($C6929/24,0)+1,1))-1)+IF('Standard Profiles'!$G$22=$B$10,7,0)+IF('Standard Profiles'!$G$22=$B$17,14,0)+IF('Standard Profiles'!$G$22=$B$24,21,0),0)),0)</f>
        <v>0.84395639778541021</v>
      </c>
      <c r="I6929">
        <f t="shared" si="769"/>
        <v>0.81019814187399419</v>
      </c>
      <c r="J6929">
        <f t="shared" si="770"/>
        <v>5.2884670232477982</v>
      </c>
      <c r="K6929">
        <f t="shared" si="771"/>
        <v>0.23453383103695319</v>
      </c>
      <c r="L6929">
        <f t="shared" si="772"/>
        <v>0.11726691551847659</v>
      </c>
      <c r="M6929">
        <f t="shared" si="773"/>
        <v>0</v>
      </c>
      <c r="N6929" s="45">
        <f t="shared" si="774"/>
        <v>45214.291666649944</v>
      </c>
    </row>
    <row r="6930" spans="2:14" x14ac:dyDescent="0.25">
      <c r="B6930">
        <f t="shared" si="768"/>
        <v>7</v>
      </c>
      <c r="C6930" s="16">
        <v>6896</v>
      </c>
      <c r="D6930" cm="1">
        <f t="array" ref="D6930">IFERROR(INDEX(Jesper!AH$2:AH$366,ROUNDDOWN($C6930/24,0)+1,1)*INDEX($D$3:$AA$30,INDEX(Jesper!$R$2:$R$366,ROW(INDEX(Jesper!AH$2:AH$366,ROUNDDOWN($C6930/24,0)+1,1))-1)+IF('Standard Profiles'!$G$18=$B$10,7,0)+IF('Standard Profiles'!$G$18=$B$17,14,0)+IF('Standard Profiles'!$G$18=$B$24,21,0),MOD($C6930,24)+1)/SUM(INDEX($D$3:$AA$30,INDEX(Jesper!$R$2:$R$366,ROW(INDEX(Jesper!AH$2:AH$366,ROUNDDOWN($C6930/24,0)+1,1))-1)+IF('Standard Profiles'!$G$18=$B$10,7,0)+IF('Standard Profiles'!$G$18=$B$17,14,0)+IF('Standard Profiles'!$G$18=$B$24,21,0),0)),0)</f>
        <v>0</v>
      </c>
      <c r="E6930" cm="1">
        <f t="array" ref="E6930">IFERROR(INDEX(Jesper!AI$2:AI$366,ROUNDDOWN($C6930/24,0)+1,1)*INDEX($D$3:$AA$30,INDEX(Jesper!$R$2:$R$366,ROW(INDEX(Jesper!AI$2:AI$366,ROUNDDOWN($C6930/24,0)+1,1))-1)+IF('Standard Profiles'!$G$19=$B$10,7,0)+IF('Standard Profiles'!$G$19=$B$17,14,0)+IF('Standard Profiles'!$G$19=$B$24,21,0),MOD($C6930,24)+1)/SUM(INDEX($D$3:$AA$30,INDEX(Jesper!$R$2:$R$366,ROW(INDEX(Jesper!AI$2:AI$366,ROUNDDOWN($C6930/24,0)+1,1))-1)+IF('Standard Profiles'!$G$19=$B$10,7,0)+IF('Standard Profiles'!$G$19=$B$17,14,0)+IF('Standard Profiles'!$G$19=$B$24,21,0),0)),0)</f>
        <v>2.9316728879619149</v>
      </c>
      <c r="F6930" cm="1">
        <f t="array" ref="F6930">IFERROR(INDEX(Jesper!AJ$2:AJ$366,ROUNDDOWN($C6930/24,0)+1,1)*INDEX($D$3:$AA$30,INDEX(Jesper!$R$2:$R$366,ROW(INDEX(Jesper!AJ$2:AJ$366,ROUNDDOWN($C6930/24,0)+1,1))-1)+IF('Standard Profiles'!$G$20=$B$10,7,0)+IF('Standard Profiles'!$G$20=$B$17,14,0)+IF('Standard Profiles'!$G$20=$B$24,21,0),MOD($C6930,24)+1)/SUM(INDEX($D$3:$AA$30,INDEX(Jesper!$R$2:$R$366,ROW(INDEX(Jesper!AJ$2:AJ$366,ROUNDDOWN($C6930/24,0)+1,1))-1)+IF('Standard Profiles'!$G$20=$B$10,7,0)+IF('Standard Profiles'!$G$20=$B$17,14,0)+IF('Standard Profiles'!$G$20=$B$24,21,0),0)),0)</f>
        <v>1.6220101604952997</v>
      </c>
      <c r="G6930" cm="1">
        <f t="array" ref="G6930">IFERROR(INDEX(Jesper!AK$2:AK$366,ROUNDDOWN($C6930/24,0)+1,1)*INDEX($D$3:$AA$30,INDEX(Jesper!$R$2:$R$366,ROW(INDEX(Jesper!AK$2:AK$366,ROUNDDOWN($C6930/24,0)+1,1))-1)+IF('Standard Profiles'!$G$21=$B$10,7,0)+IF('Standard Profiles'!$G$21=$B$17,14,0)+IF('Standard Profiles'!$G$21=$B$24,21,0),MOD($C6930,24)+1)/SUM(INDEX($D$3:$AA$30,INDEX(Jesper!$R$2:$R$366,ROW(INDEX(Jesper!AK$2:AK$366,ROUNDDOWN($C6930/24,0)+1,1))-1)+IF('Standard Profiles'!$G$21=$B$10,7,0)+IF('Standard Profiles'!$G$21=$B$17,14,0)+IF('Standard Profiles'!$G$21=$B$24,21,0),0)),0)</f>
        <v>1.0528264654345967</v>
      </c>
      <c r="H6930" cm="1">
        <f t="array" ref="H6930">IFERROR(INDEX(Jesper!AL$2:AL$366,ROUNDDOWN($C6930/24,0)+1,1)*INDEX($D$3:$AA$30,INDEX(Jesper!$R$2:$R$366,ROW(INDEX(Jesper!AL$2:AL$366,ROUNDDOWN($C6930/24,0)+1,1))-1)+IF('Standard Profiles'!$G$22=$B$10,7,0)+IF('Standard Profiles'!$G$22=$B$17,14,0)+IF('Standard Profiles'!$G$22=$B$24,21,0),MOD($C6930,24)+1)/SUM(INDEX($D$3:$AA$30,INDEX(Jesper!$R$2:$R$366,ROW(INDEX(Jesper!AL$2:AL$366,ROUNDDOWN($C6930/24,0)+1,1))-1)+IF('Standard Profiles'!$G$22=$B$10,7,0)+IF('Standard Profiles'!$G$22=$B$17,14,0)+IF('Standard Profiles'!$G$22=$B$24,21,0),0)),0)</f>
        <v>0.84395639778541021</v>
      </c>
      <c r="I6930">
        <f t="shared" si="769"/>
        <v>0.81019814187399419</v>
      </c>
      <c r="J6930">
        <f t="shared" si="770"/>
        <v>5.2884670232477982</v>
      </c>
      <c r="K6930">
        <f t="shared" si="771"/>
        <v>0.23453383103695319</v>
      </c>
      <c r="L6930">
        <f t="shared" si="772"/>
        <v>0.11726691551847659</v>
      </c>
      <c r="M6930">
        <f t="shared" si="773"/>
        <v>0</v>
      </c>
      <c r="N6930" s="45">
        <f t="shared" si="774"/>
        <v>45214.333333316608</v>
      </c>
    </row>
    <row r="6931" spans="2:14" x14ac:dyDescent="0.25">
      <c r="B6931">
        <f t="shared" si="768"/>
        <v>7</v>
      </c>
      <c r="C6931" s="16">
        <v>6897</v>
      </c>
      <c r="D6931" cm="1">
        <f t="array" ref="D6931">IFERROR(INDEX(Jesper!AH$2:AH$366,ROUNDDOWN($C6931/24,0)+1,1)*INDEX($D$3:$AA$30,INDEX(Jesper!$R$2:$R$366,ROW(INDEX(Jesper!AH$2:AH$366,ROUNDDOWN($C6931/24,0)+1,1))-1)+IF('Standard Profiles'!$G$18=$B$10,7,0)+IF('Standard Profiles'!$G$18=$B$17,14,0)+IF('Standard Profiles'!$G$18=$B$24,21,0),MOD($C6931,24)+1)/SUM(INDEX($D$3:$AA$30,INDEX(Jesper!$R$2:$R$366,ROW(INDEX(Jesper!AH$2:AH$366,ROUNDDOWN($C6931/24,0)+1,1))-1)+IF('Standard Profiles'!$G$18=$B$10,7,0)+IF('Standard Profiles'!$G$18=$B$17,14,0)+IF('Standard Profiles'!$G$18=$B$24,21,0),0)),0)</f>
        <v>0</v>
      </c>
      <c r="E6931" cm="1">
        <f t="array" ref="E6931">IFERROR(INDEX(Jesper!AI$2:AI$366,ROUNDDOWN($C6931/24,0)+1,1)*INDEX($D$3:$AA$30,INDEX(Jesper!$R$2:$R$366,ROW(INDEX(Jesper!AI$2:AI$366,ROUNDDOWN($C6931/24,0)+1,1))-1)+IF('Standard Profiles'!$G$19=$B$10,7,0)+IF('Standard Profiles'!$G$19=$B$17,14,0)+IF('Standard Profiles'!$G$19=$B$24,21,0),MOD($C6931,24)+1)/SUM(INDEX($D$3:$AA$30,INDEX(Jesper!$R$2:$R$366,ROW(INDEX(Jesper!AI$2:AI$366,ROUNDDOWN($C6931/24,0)+1,1))-1)+IF('Standard Profiles'!$G$19=$B$10,7,0)+IF('Standard Profiles'!$G$19=$B$17,14,0)+IF('Standard Profiles'!$G$19=$B$24,21,0),0)),0)</f>
        <v>2.9316728879619149</v>
      </c>
      <c r="F6931" cm="1">
        <f t="array" ref="F6931">IFERROR(INDEX(Jesper!AJ$2:AJ$366,ROUNDDOWN($C6931/24,0)+1,1)*INDEX($D$3:$AA$30,INDEX(Jesper!$R$2:$R$366,ROW(INDEX(Jesper!AJ$2:AJ$366,ROUNDDOWN($C6931/24,0)+1,1))-1)+IF('Standard Profiles'!$G$20=$B$10,7,0)+IF('Standard Profiles'!$G$20=$B$17,14,0)+IF('Standard Profiles'!$G$20=$B$24,21,0),MOD($C6931,24)+1)/SUM(INDEX($D$3:$AA$30,INDEX(Jesper!$R$2:$R$366,ROW(INDEX(Jesper!AJ$2:AJ$366,ROUNDDOWN($C6931/24,0)+1,1))-1)+IF('Standard Profiles'!$G$20=$B$10,7,0)+IF('Standard Profiles'!$G$20=$B$17,14,0)+IF('Standard Profiles'!$G$20=$B$24,21,0),0)),0)</f>
        <v>1.6220101604952997</v>
      </c>
      <c r="G6931" cm="1">
        <f t="array" ref="G6931">IFERROR(INDEX(Jesper!AK$2:AK$366,ROUNDDOWN($C6931/24,0)+1,1)*INDEX($D$3:$AA$30,INDEX(Jesper!$R$2:$R$366,ROW(INDEX(Jesper!AK$2:AK$366,ROUNDDOWN($C6931/24,0)+1,1))-1)+IF('Standard Profiles'!$G$21=$B$10,7,0)+IF('Standard Profiles'!$G$21=$B$17,14,0)+IF('Standard Profiles'!$G$21=$B$24,21,0),MOD($C6931,24)+1)/SUM(INDEX($D$3:$AA$30,INDEX(Jesper!$R$2:$R$366,ROW(INDEX(Jesper!AK$2:AK$366,ROUNDDOWN($C6931/24,0)+1,1))-1)+IF('Standard Profiles'!$G$21=$B$10,7,0)+IF('Standard Profiles'!$G$21=$B$17,14,0)+IF('Standard Profiles'!$G$21=$B$24,21,0),0)),0)</f>
        <v>1.0528264654345967</v>
      </c>
      <c r="H6931" cm="1">
        <f t="array" ref="H6931">IFERROR(INDEX(Jesper!AL$2:AL$366,ROUNDDOWN($C6931/24,0)+1,1)*INDEX($D$3:$AA$30,INDEX(Jesper!$R$2:$R$366,ROW(INDEX(Jesper!AL$2:AL$366,ROUNDDOWN($C6931/24,0)+1,1))-1)+IF('Standard Profiles'!$G$22=$B$10,7,0)+IF('Standard Profiles'!$G$22=$B$17,14,0)+IF('Standard Profiles'!$G$22=$B$24,21,0),MOD($C6931,24)+1)/SUM(INDEX($D$3:$AA$30,INDEX(Jesper!$R$2:$R$366,ROW(INDEX(Jesper!AL$2:AL$366,ROUNDDOWN($C6931/24,0)+1,1))-1)+IF('Standard Profiles'!$G$22=$B$10,7,0)+IF('Standard Profiles'!$G$22=$B$17,14,0)+IF('Standard Profiles'!$G$22=$B$24,21,0),0)),0)</f>
        <v>0.84395639778541021</v>
      </c>
      <c r="I6931">
        <f t="shared" si="769"/>
        <v>0.81019814187399419</v>
      </c>
      <c r="J6931">
        <f t="shared" si="770"/>
        <v>5.2884670232477982</v>
      </c>
      <c r="K6931">
        <f t="shared" si="771"/>
        <v>0.23453383103695319</v>
      </c>
      <c r="L6931">
        <f t="shared" si="772"/>
        <v>0.11726691551847659</v>
      </c>
      <c r="M6931">
        <f t="shared" si="773"/>
        <v>0</v>
      </c>
      <c r="N6931" s="45">
        <f t="shared" si="774"/>
        <v>45214.374999983273</v>
      </c>
    </row>
    <row r="6932" spans="2:14" x14ac:dyDescent="0.25">
      <c r="B6932">
        <f t="shared" si="768"/>
        <v>7</v>
      </c>
      <c r="C6932" s="16">
        <v>6898</v>
      </c>
      <c r="D6932" cm="1">
        <f t="array" ref="D6932">IFERROR(INDEX(Jesper!AH$2:AH$366,ROUNDDOWN($C6932/24,0)+1,1)*INDEX($D$3:$AA$30,INDEX(Jesper!$R$2:$R$366,ROW(INDEX(Jesper!AH$2:AH$366,ROUNDDOWN($C6932/24,0)+1,1))-1)+IF('Standard Profiles'!$G$18=$B$10,7,0)+IF('Standard Profiles'!$G$18=$B$17,14,0)+IF('Standard Profiles'!$G$18=$B$24,21,0),MOD($C6932,24)+1)/SUM(INDEX($D$3:$AA$30,INDEX(Jesper!$R$2:$R$366,ROW(INDEX(Jesper!AH$2:AH$366,ROUNDDOWN($C6932/24,0)+1,1))-1)+IF('Standard Profiles'!$G$18=$B$10,7,0)+IF('Standard Profiles'!$G$18=$B$17,14,0)+IF('Standard Profiles'!$G$18=$B$24,21,0),0)),0)</f>
        <v>0</v>
      </c>
      <c r="E6932" cm="1">
        <f t="array" ref="E6932">IFERROR(INDEX(Jesper!AI$2:AI$366,ROUNDDOWN($C6932/24,0)+1,1)*INDEX($D$3:$AA$30,INDEX(Jesper!$R$2:$R$366,ROW(INDEX(Jesper!AI$2:AI$366,ROUNDDOWN($C6932/24,0)+1,1))-1)+IF('Standard Profiles'!$G$19=$B$10,7,0)+IF('Standard Profiles'!$G$19=$B$17,14,0)+IF('Standard Profiles'!$G$19=$B$24,21,0),MOD($C6932,24)+1)/SUM(INDEX($D$3:$AA$30,INDEX(Jesper!$R$2:$R$366,ROW(INDEX(Jesper!AI$2:AI$366,ROUNDDOWN($C6932/24,0)+1,1))-1)+IF('Standard Profiles'!$G$19=$B$10,7,0)+IF('Standard Profiles'!$G$19=$B$17,14,0)+IF('Standard Profiles'!$G$19=$B$24,21,0),0)),0)</f>
        <v>2.9316728879619149</v>
      </c>
      <c r="F6932" cm="1">
        <f t="array" ref="F6932">IFERROR(INDEX(Jesper!AJ$2:AJ$366,ROUNDDOWN($C6932/24,0)+1,1)*INDEX($D$3:$AA$30,INDEX(Jesper!$R$2:$R$366,ROW(INDEX(Jesper!AJ$2:AJ$366,ROUNDDOWN($C6932/24,0)+1,1))-1)+IF('Standard Profiles'!$G$20=$B$10,7,0)+IF('Standard Profiles'!$G$20=$B$17,14,0)+IF('Standard Profiles'!$G$20=$B$24,21,0),MOD($C6932,24)+1)/SUM(INDEX($D$3:$AA$30,INDEX(Jesper!$R$2:$R$366,ROW(INDEX(Jesper!AJ$2:AJ$366,ROUNDDOWN($C6932/24,0)+1,1))-1)+IF('Standard Profiles'!$G$20=$B$10,7,0)+IF('Standard Profiles'!$G$20=$B$17,14,0)+IF('Standard Profiles'!$G$20=$B$24,21,0),0)),0)</f>
        <v>1.6220101604952997</v>
      </c>
      <c r="G6932" cm="1">
        <f t="array" ref="G6932">IFERROR(INDEX(Jesper!AK$2:AK$366,ROUNDDOWN($C6932/24,0)+1,1)*INDEX($D$3:$AA$30,INDEX(Jesper!$R$2:$R$366,ROW(INDEX(Jesper!AK$2:AK$366,ROUNDDOWN($C6932/24,0)+1,1))-1)+IF('Standard Profiles'!$G$21=$B$10,7,0)+IF('Standard Profiles'!$G$21=$B$17,14,0)+IF('Standard Profiles'!$G$21=$B$24,21,0),MOD($C6932,24)+1)/SUM(INDEX($D$3:$AA$30,INDEX(Jesper!$R$2:$R$366,ROW(INDEX(Jesper!AK$2:AK$366,ROUNDDOWN($C6932/24,0)+1,1))-1)+IF('Standard Profiles'!$G$21=$B$10,7,0)+IF('Standard Profiles'!$G$21=$B$17,14,0)+IF('Standard Profiles'!$G$21=$B$24,21,0),0)),0)</f>
        <v>1.0528264654345967</v>
      </c>
      <c r="H6932" cm="1">
        <f t="array" ref="H6932">IFERROR(INDEX(Jesper!AL$2:AL$366,ROUNDDOWN($C6932/24,0)+1,1)*INDEX($D$3:$AA$30,INDEX(Jesper!$R$2:$R$366,ROW(INDEX(Jesper!AL$2:AL$366,ROUNDDOWN($C6932/24,0)+1,1))-1)+IF('Standard Profiles'!$G$22=$B$10,7,0)+IF('Standard Profiles'!$G$22=$B$17,14,0)+IF('Standard Profiles'!$G$22=$B$24,21,0),MOD($C6932,24)+1)/SUM(INDEX($D$3:$AA$30,INDEX(Jesper!$R$2:$R$366,ROW(INDEX(Jesper!AL$2:AL$366,ROUNDDOWN($C6932/24,0)+1,1))-1)+IF('Standard Profiles'!$G$22=$B$10,7,0)+IF('Standard Profiles'!$G$22=$B$17,14,0)+IF('Standard Profiles'!$G$22=$B$24,21,0),0)),0)</f>
        <v>0.84395639778541021</v>
      </c>
      <c r="I6932">
        <f t="shared" si="769"/>
        <v>0.81019814187399419</v>
      </c>
      <c r="J6932">
        <f t="shared" si="770"/>
        <v>5.2884670232477982</v>
      </c>
      <c r="K6932">
        <f t="shared" si="771"/>
        <v>0.23453383103695319</v>
      </c>
      <c r="L6932">
        <f t="shared" si="772"/>
        <v>0.11726691551847659</v>
      </c>
      <c r="M6932">
        <f t="shared" si="773"/>
        <v>0</v>
      </c>
      <c r="N6932" s="45">
        <f t="shared" si="774"/>
        <v>45214.416666649937</v>
      </c>
    </row>
    <row r="6933" spans="2:14" x14ac:dyDescent="0.25">
      <c r="B6933">
        <f t="shared" si="768"/>
        <v>7</v>
      </c>
      <c r="C6933" s="16">
        <v>6899</v>
      </c>
      <c r="D6933" cm="1">
        <f t="array" ref="D6933">IFERROR(INDEX(Jesper!AH$2:AH$366,ROUNDDOWN($C6933/24,0)+1,1)*INDEX($D$3:$AA$30,INDEX(Jesper!$R$2:$R$366,ROW(INDEX(Jesper!AH$2:AH$366,ROUNDDOWN($C6933/24,0)+1,1))-1)+IF('Standard Profiles'!$G$18=$B$10,7,0)+IF('Standard Profiles'!$G$18=$B$17,14,0)+IF('Standard Profiles'!$G$18=$B$24,21,0),MOD($C6933,24)+1)/SUM(INDEX($D$3:$AA$30,INDEX(Jesper!$R$2:$R$366,ROW(INDEX(Jesper!AH$2:AH$366,ROUNDDOWN($C6933/24,0)+1,1))-1)+IF('Standard Profiles'!$G$18=$B$10,7,0)+IF('Standard Profiles'!$G$18=$B$17,14,0)+IF('Standard Profiles'!$G$18=$B$24,21,0),0)),0)</f>
        <v>0</v>
      </c>
      <c r="E6933" cm="1">
        <f t="array" ref="E6933">IFERROR(INDEX(Jesper!AI$2:AI$366,ROUNDDOWN($C6933/24,0)+1,1)*INDEX($D$3:$AA$30,INDEX(Jesper!$R$2:$R$366,ROW(INDEX(Jesper!AI$2:AI$366,ROUNDDOWN($C6933/24,0)+1,1))-1)+IF('Standard Profiles'!$G$19=$B$10,7,0)+IF('Standard Profiles'!$G$19=$B$17,14,0)+IF('Standard Profiles'!$G$19=$B$24,21,0),MOD($C6933,24)+1)/SUM(INDEX($D$3:$AA$30,INDEX(Jesper!$R$2:$R$366,ROW(INDEX(Jesper!AI$2:AI$366,ROUNDDOWN($C6933/24,0)+1,1))-1)+IF('Standard Profiles'!$G$19=$B$10,7,0)+IF('Standard Profiles'!$G$19=$B$17,14,0)+IF('Standard Profiles'!$G$19=$B$24,21,0),0)),0)</f>
        <v>2.9316728879619149</v>
      </c>
      <c r="F6933" cm="1">
        <f t="array" ref="F6933">IFERROR(INDEX(Jesper!AJ$2:AJ$366,ROUNDDOWN($C6933/24,0)+1,1)*INDEX($D$3:$AA$30,INDEX(Jesper!$R$2:$R$366,ROW(INDEX(Jesper!AJ$2:AJ$366,ROUNDDOWN($C6933/24,0)+1,1))-1)+IF('Standard Profiles'!$G$20=$B$10,7,0)+IF('Standard Profiles'!$G$20=$B$17,14,0)+IF('Standard Profiles'!$G$20=$B$24,21,0),MOD($C6933,24)+1)/SUM(INDEX($D$3:$AA$30,INDEX(Jesper!$R$2:$R$366,ROW(INDEX(Jesper!AJ$2:AJ$366,ROUNDDOWN($C6933/24,0)+1,1))-1)+IF('Standard Profiles'!$G$20=$B$10,7,0)+IF('Standard Profiles'!$G$20=$B$17,14,0)+IF('Standard Profiles'!$G$20=$B$24,21,0),0)),0)</f>
        <v>1.6220101604952997</v>
      </c>
      <c r="G6933" cm="1">
        <f t="array" ref="G6933">IFERROR(INDEX(Jesper!AK$2:AK$366,ROUNDDOWN($C6933/24,0)+1,1)*INDEX($D$3:$AA$30,INDEX(Jesper!$R$2:$R$366,ROW(INDEX(Jesper!AK$2:AK$366,ROUNDDOWN($C6933/24,0)+1,1))-1)+IF('Standard Profiles'!$G$21=$B$10,7,0)+IF('Standard Profiles'!$G$21=$B$17,14,0)+IF('Standard Profiles'!$G$21=$B$24,21,0),MOD($C6933,24)+1)/SUM(INDEX($D$3:$AA$30,INDEX(Jesper!$R$2:$R$366,ROW(INDEX(Jesper!AK$2:AK$366,ROUNDDOWN($C6933/24,0)+1,1))-1)+IF('Standard Profiles'!$G$21=$B$10,7,0)+IF('Standard Profiles'!$G$21=$B$17,14,0)+IF('Standard Profiles'!$G$21=$B$24,21,0),0)),0)</f>
        <v>1.0528264654345967</v>
      </c>
      <c r="H6933" cm="1">
        <f t="array" ref="H6933">IFERROR(INDEX(Jesper!AL$2:AL$366,ROUNDDOWN($C6933/24,0)+1,1)*INDEX($D$3:$AA$30,INDEX(Jesper!$R$2:$R$366,ROW(INDEX(Jesper!AL$2:AL$366,ROUNDDOWN($C6933/24,0)+1,1))-1)+IF('Standard Profiles'!$G$22=$B$10,7,0)+IF('Standard Profiles'!$G$22=$B$17,14,0)+IF('Standard Profiles'!$G$22=$B$24,21,0),MOD($C6933,24)+1)/SUM(INDEX($D$3:$AA$30,INDEX(Jesper!$R$2:$R$366,ROW(INDEX(Jesper!AL$2:AL$366,ROUNDDOWN($C6933/24,0)+1,1))-1)+IF('Standard Profiles'!$G$22=$B$10,7,0)+IF('Standard Profiles'!$G$22=$B$17,14,0)+IF('Standard Profiles'!$G$22=$B$24,21,0),0)),0)</f>
        <v>0.84395639778541021</v>
      </c>
      <c r="I6933">
        <f t="shared" si="769"/>
        <v>0.81019814187399419</v>
      </c>
      <c r="J6933">
        <f t="shared" si="770"/>
        <v>5.2884670232477982</v>
      </c>
      <c r="K6933">
        <f t="shared" si="771"/>
        <v>0.23453383103695319</v>
      </c>
      <c r="L6933">
        <f t="shared" si="772"/>
        <v>0.11726691551847659</v>
      </c>
      <c r="M6933">
        <f t="shared" si="773"/>
        <v>0</v>
      </c>
      <c r="N6933" s="45">
        <f t="shared" si="774"/>
        <v>45214.458333316601</v>
      </c>
    </row>
    <row r="6934" spans="2:14" x14ac:dyDescent="0.25">
      <c r="B6934">
        <f t="shared" si="768"/>
        <v>7</v>
      </c>
      <c r="C6934" s="16">
        <v>6900</v>
      </c>
      <c r="D6934" cm="1">
        <f t="array" ref="D6934">IFERROR(INDEX(Jesper!AH$2:AH$366,ROUNDDOWN($C6934/24,0)+1,1)*INDEX($D$3:$AA$30,INDEX(Jesper!$R$2:$R$366,ROW(INDEX(Jesper!AH$2:AH$366,ROUNDDOWN($C6934/24,0)+1,1))-1)+IF('Standard Profiles'!$G$18=$B$10,7,0)+IF('Standard Profiles'!$G$18=$B$17,14,0)+IF('Standard Profiles'!$G$18=$B$24,21,0),MOD($C6934,24)+1)/SUM(INDEX($D$3:$AA$30,INDEX(Jesper!$R$2:$R$366,ROW(INDEX(Jesper!AH$2:AH$366,ROUNDDOWN($C6934/24,0)+1,1))-1)+IF('Standard Profiles'!$G$18=$B$10,7,0)+IF('Standard Profiles'!$G$18=$B$17,14,0)+IF('Standard Profiles'!$G$18=$B$24,21,0),0)),0)</f>
        <v>0</v>
      </c>
      <c r="E6934" cm="1">
        <f t="array" ref="E6934">IFERROR(INDEX(Jesper!AI$2:AI$366,ROUNDDOWN($C6934/24,0)+1,1)*INDEX($D$3:$AA$30,INDEX(Jesper!$R$2:$R$366,ROW(INDEX(Jesper!AI$2:AI$366,ROUNDDOWN($C6934/24,0)+1,1))-1)+IF('Standard Profiles'!$G$19=$B$10,7,0)+IF('Standard Profiles'!$G$19=$B$17,14,0)+IF('Standard Profiles'!$G$19=$B$24,21,0),MOD($C6934,24)+1)/SUM(INDEX($D$3:$AA$30,INDEX(Jesper!$R$2:$R$366,ROW(INDEX(Jesper!AI$2:AI$366,ROUNDDOWN($C6934/24,0)+1,1))-1)+IF('Standard Profiles'!$G$19=$B$10,7,0)+IF('Standard Profiles'!$G$19=$B$17,14,0)+IF('Standard Profiles'!$G$19=$B$24,21,0),0)),0)</f>
        <v>2.9316728879619149</v>
      </c>
      <c r="F6934" cm="1">
        <f t="array" ref="F6934">IFERROR(INDEX(Jesper!AJ$2:AJ$366,ROUNDDOWN($C6934/24,0)+1,1)*INDEX($D$3:$AA$30,INDEX(Jesper!$R$2:$R$366,ROW(INDEX(Jesper!AJ$2:AJ$366,ROUNDDOWN($C6934/24,0)+1,1))-1)+IF('Standard Profiles'!$G$20=$B$10,7,0)+IF('Standard Profiles'!$G$20=$B$17,14,0)+IF('Standard Profiles'!$G$20=$B$24,21,0),MOD($C6934,24)+1)/SUM(INDEX($D$3:$AA$30,INDEX(Jesper!$R$2:$R$366,ROW(INDEX(Jesper!AJ$2:AJ$366,ROUNDDOWN($C6934/24,0)+1,1))-1)+IF('Standard Profiles'!$G$20=$B$10,7,0)+IF('Standard Profiles'!$G$20=$B$17,14,0)+IF('Standard Profiles'!$G$20=$B$24,21,0),0)),0)</f>
        <v>1.6220101604952997</v>
      </c>
      <c r="G6934" cm="1">
        <f t="array" ref="G6934">IFERROR(INDEX(Jesper!AK$2:AK$366,ROUNDDOWN($C6934/24,0)+1,1)*INDEX($D$3:$AA$30,INDEX(Jesper!$R$2:$R$366,ROW(INDEX(Jesper!AK$2:AK$366,ROUNDDOWN($C6934/24,0)+1,1))-1)+IF('Standard Profiles'!$G$21=$B$10,7,0)+IF('Standard Profiles'!$G$21=$B$17,14,0)+IF('Standard Profiles'!$G$21=$B$24,21,0),MOD($C6934,24)+1)/SUM(INDEX($D$3:$AA$30,INDEX(Jesper!$R$2:$R$366,ROW(INDEX(Jesper!AK$2:AK$366,ROUNDDOWN($C6934/24,0)+1,1))-1)+IF('Standard Profiles'!$G$21=$B$10,7,0)+IF('Standard Profiles'!$G$21=$B$17,14,0)+IF('Standard Profiles'!$G$21=$B$24,21,0),0)),0)</f>
        <v>1.0528264654345967</v>
      </c>
      <c r="H6934" cm="1">
        <f t="array" ref="H6934">IFERROR(INDEX(Jesper!AL$2:AL$366,ROUNDDOWN($C6934/24,0)+1,1)*INDEX($D$3:$AA$30,INDEX(Jesper!$R$2:$R$366,ROW(INDEX(Jesper!AL$2:AL$366,ROUNDDOWN($C6934/24,0)+1,1))-1)+IF('Standard Profiles'!$G$22=$B$10,7,0)+IF('Standard Profiles'!$G$22=$B$17,14,0)+IF('Standard Profiles'!$G$22=$B$24,21,0),MOD($C6934,24)+1)/SUM(INDEX($D$3:$AA$30,INDEX(Jesper!$R$2:$R$366,ROW(INDEX(Jesper!AL$2:AL$366,ROUNDDOWN($C6934/24,0)+1,1))-1)+IF('Standard Profiles'!$G$22=$B$10,7,0)+IF('Standard Profiles'!$G$22=$B$17,14,0)+IF('Standard Profiles'!$G$22=$B$24,21,0),0)),0)</f>
        <v>0.84395639778541021</v>
      </c>
      <c r="I6934">
        <f t="shared" si="769"/>
        <v>0.81019814187399419</v>
      </c>
      <c r="J6934">
        <f t="shared" si="770"/>
        <v>5.2884670232477982</v>
      </c>
      <c r="K6934">
        <f t="shared" si="771"/>
        <v>0.23453383103695319</v>
      </c>
      <c r="L6934">
        <f t="shared" si="772"/>
        <v>0.11726691551847659</v>
      </c>
      <c r="M6934">
        <f t="shared" si="773"/>
        <v>0</v>
      </c>
      <c r="N6934" s="45">
        <f t="shared" si="774"/>
        <v>45214.499999983265</v>
      </c>
    </row>
    <row r="6935" spans="2:14" x14ac:dyDescent="0.25">
      <c r="B6935">
        <f t="shared" si="768"/>
        <v>7</v>
      </c>
      <c r="C6935" s="16">
        <v>6901</v>
      </c>
      <c r="D6935" cm="1">
        <f t="array" ref="D6935">IFERROR(INDEX(Jesper!AH$2:AH$366,ROUNDDOWN($C6935/24,0)+1,1)*INDEX($D$3:$AA$30,INDEX(Jesper!$R$2:$R$366,ROW(INDEX(Jesper!AH$2:AH$366,ROUNDDOWN($C6935/24,0)+1,1))-1)+IF('Standard Profiles'!$G$18=$B$10,7,0)+IF('Standard Profiles'!$G$18=$B$17,14,0)+IF('Standard Profiles'!$G$18=$B$24,21,0),MOD($C6935,24)+1)/SUM(INDEX($D$3:$AA$30,INDEX(Jesper!$R$2:$R$366,ROW(INDEX(Jesper!AH$2:AH$366,ROUNDDOWN($C6935/24,0)+1,1))-1)+IF('Standard Profiles'!$G$18=$B$10,7,0)+IF('Standard Profiles'!$G$18=$B$17,14,0)+IF('Standard Profiles'!$G$18=$B$24,21,0),0)),0)</f>
        <v>0</v>
      </c>
      <c r="E6935" cm="1">
        <f t="array" ref="E6935">IFERROR(INDEX(Jesper!AI$2:AI$366,ROUNDDOWN($C6935/24,0)+1,1)*INDEX($D$3:$AA$30,INDEX(Jesper!$R$2:$R$366,ROW(INDEX(Jesper!AI$2:AI$366,ROUNDDOWN($C6935/24,0)+1,1))-1)+IF('Standard Profiles'!$G$19=$B$10,7,0)+IF('Standard Profiles'!$G$19=$B$17,14,0)+IF('Standard Profiles'!$G$19=$B$24,21,0),MOD($C6935,24)+1)/SUM(INDEX($D$3:$AA$30,INDEX(Jesper!$R$2:$R$366,ROW(INDEX(Jesper!AI$2:AI$366,ROUNDDOWN($C6935/24,0)+1,1))-1)+IF('Standard Profiles'!$G$19=$B$10,7,0)+IF('Standard Profiles'!$G$19=$B$17,14,0)+IF('Standard Profiles'!$G$19=$B$24,21,0),0)),0)</f>
        <v>2.9316728879619149</v>
      </c>
      <c r="F6935" cm="1">
        <f t="array" ref="F6935">IFERROR(INDEX(Jesper!AJ$2:AJ$366,ROUNDDOWN($C6935/24,0)+1,1)*INDEX($D$3:$AA$30,INDEX(Jesper!$R$2:$R$366,ROW(INDEX(Jesper!AJ$2:AJ$366,ROUNDDOWN($C6935/24,0)+1,1))-1)+IF('Standard Profiles'!$G$20=$B$10,7,0)+IF('Standard Profiles'!$G$20=$B$17,14,0)+IF('Standard Profiles'!$G$20=$B$24,21,0),MOD($C6935,24)+1)/SUM(INDEX($D$3:$AA$30,INDEX(Jesper!$R$2:$R$366,ROW(INDEX(Jesper!AJ$2:AJ$366,ROUNDDOWN($C6935/24,0)+1,1))-1)+IF('Standard Profiles'!$G$20=$B$10,7,0)+IF('Standard Profiles'!$G$20=$B$17,14,0)+IF('Standard Profiles'!$G$20=$B$24,21,0),0)),0)</f>
        <v>1.6220101604952997</v>
      </c>
      <c r="G6935" cm="1">
        <f t="array" ref="G6935">IFERROR(INDEX(Jesper!AK$2:AK$366,ROUNDDOWN($C6935/24,0)+1,1)*INDEX($D$3:$AA$30,INDEX(Jesper!$R$2:$R$366,ROW(INDEX(Jesper!AK$2:AK$366,ROUNDDOWN($C6935/24,0)+1,1))-1)+IF('Standard Profiles'!$G$21=$B$10,7,0)+IF('Standard Profiles'!$G$21=$B$17,14,0)+IF('Standard Profiles'!$G$21=$B$24,21,0),MOD($C6935,24)+1)/SUM(INDEX($D$3:$AA$30,INDEX(Jesper!$R$2:$R$366,ROW(INDEX(Jesper!AK$2:AK$366,ROUNDDOWN($C6935/24,0)+1,1))-1)+IF('Standard Profiles'!$G$21=$B$10,7,0)+IF('Standard Profiles'!$G$21=$B$17,14,0)+IF('Standard Profiles'!$G$21=$B$24,21,0),0)),0)</f>
        <v>1.0528264654345967</v>
      </c>
      <c r="H6935" cm="1">
        <f t="array" ref="H6935">IFERROR(INDEX(Jesper!AL$2:AL$366,ROUNDDOWN($C6935/24,0)+1,1)*INDEX($D$3:$AA$30,INDEX(Jesper!$R$2:$R$366,ROW(INDEX(Jesper!AL$2:AL$366,ROUNDDOWN($C6935/24,0)+1,1))-1)+IF('Standard Profiles'!$G$22=$B$10,7,0)+IF('Standard Profiles'!$G$22=$B$17,14,0)+IF('Standard Profiles'!$G$22=$B$24,21,0),MOD($C6935,24)+1)/SUM(INDEX($D$3:$AA$30,INDEX(Jesper!$R$2:$R$366,ROW(INDEX(Jesper!AL$2:AL$366,ROUNDDOWN($C6935/24,0)+1,1))-1)+IF('Standard Profiles'!$G$22=$B$10,7,0)+IF('Standard Profiles'!$G$22=$B$17,14,0)+IF('Standard Profiles'!$G$22=$B$24,21,0),0)),0)</f>
        <v>0.84395639778541021</v>
      </c>
      <c r="I6935">
        <f t="shared" si="769"/>
        <v>0.81019814187399419</v>
      </c>
      <c r="J6935">
        <f t="shared" si="770"/>
        <v>5.2884670232477982</v>
      </c>
      <c r="K6935">
        <f t="shared" si="771"/>
        <v>0.23453383103695319</v>
      </c>
      <c r="L6935">
        <f t="shared" si="772"/>
        <v>0.11726691551847659</v>
      </c>
      <c r="M6935">
        <f t="shared" si="773"/>
        <v>0</v>
      </c>
      <c r="N6935" s="45">
        <f t="shared" si="774"/>
        <v>45214.54166664993</v>
      </c>
    </row>
    <row r="6936" spans="2:14" x14ac:dyDescent="0.25">
      <c r="B6936">
        <f t="shared" si="768"/>
        <v>7</v>
      </c>
      <c r="C6936" s="16">
        <v>6902</v>
      </c>
      <c r="D6936" cm="1">
        <f t="array" ref="D6936">IFERROR(INDEX(Jesper!AH$2:AH$366,ROUNDDOWN($C6936/24,0)+1,1)*INDEX($D$3:$AA$30,INDEX(Jesper!$R$2:$R$366,ROW(INDEX(Jesper!AH$2:AH$366,ROUNDDOWN($C6936/24,0)+1,1))-1)+IF('Standard Profiles'!$G$18=$B$10,7,0)+IF('Standard Profiles'!$G$18=$B$17,14,0)+IF('Standard Profiles'!$G$18=$B$24,21,0),MOD($C6936,24)+1)/SUM(INDEX($D$3:$AA$30,INDEX(Jesper!$R$2:$R$366,ROW(INDEX(Jesper!AH$2:AH$366,ROUNDDOWN($C6936/24,0)+1,1))-1)+IF('Standard Profiles'!$G$18=$B$10,7,0)+IF('Standard Profiles'!$G$18=$B$17,14,0)+IF('Standard Profiles'!$G$18=$B$24,21,0),0)),0)</f>
        <v>0</v>
      </c>
      <c r="E6936" cm="1">
        <f t="array" ref="E6936">IFERROR(INDEX(Jesper!AI$2:AI$366,ROUNDDOWN($C6936/24,0)+1,1)*INDEX($D$3:$AA$30,INDEX(Jesper!$R$2:$R$366,ROW(INDEX(Jesper!AI$2:AI$366,ROUNDDOWN($C6936/24,0)+1,1))-1)+IF('Standard Profiles'!$G$19=$B$10,7,0)+IF('Standard Profiles'!$G$19=$B$17,14,0)+IF('Standard Profiles'!$G$19=$B$24,21,0),MOD($C6936,24)+1)/SUM(INDEX($D$3:$AA$30,INDEX(Jesper!$R$2:$R$366,ROW(INDEX(Jesper!AI$2:AI$366,ROUNDDOWN($C6936/24,0)+1,1))-1)+IF('Standard Profiles'!$G$19=$B$10,7,0)+IF('Standard Profiles'!$G$19=$B$17,14,0)+IF('Standard Profiles'!$G$19=$B$24,21,0),0)),0)</f>
        <v>2.9316728879619149</v>
      </c>
      <c r="F6936" cm="1">
        <f t="array" ref="F6936">IFERROR(INDEX(Jesper!AJ$2:AJ$366,ROUNDDOWN($C6936/24,0)+1,1)*INDEX($D$3:$AA$30,INDEX(Jesper!$R$2:$R$366,ROW(INDEX(Jesper!AJ$2:AJ$366,ROUNDDOWN($C6936/24,0)+1,1))-1)+IF('Standard Profiles'!$G$20=$B$10,7,0)+IF('Standard Profiles'!$G$20=$B$17,14,0)+IF('Standard Profiles'!$G$20=$B$24,21,0),MOD($C6936,24)+1)/SUM(INDEX($D$3:$AA$30,INDEX(Jesper!$R$2:$R$366,ROW(INDEX(Jesper!AJ$2:AJ$366,ROUNDDOWN($C6936/24,0)+1,1))-1)+IF('Standard Profiles'!$G$20=$B$10,7,0)+IF('Standard Profiles'!$G$20=$B$17,14,0)+IF('Standard Profiles'!$G$20=$B$24,21,0),0)),0)</f>
        <v>1.6220101604952997</v>
      </c>
      <c r="G6936" cm="1">
        <f t="array" ref="G6936">IFERROR(INDEX(Jesper!AK$2:AK$366,ROUNDDOWN($C6936/24,0)+1,1)*INDEX($D$3:$AA$30,INDEX(Jesper!$R$2:$R$366,ROW(INDEX(Jesper!AK$2:AK$366,ROUNDDOWN($C6936/24,0)+1,1))-1)+IF('Standard Profiles'!$G$21=$B$10,7,0)+IF('Standard Profiles'!$G$21=$B$17,14,0)+IF('Standard Profiles'!$G$21=$B$24,21,0),MOD($C6936,24)+1)/SUM(INDEX($D$3:$AA$30,INDEX(Jesper!$R$2:$R$366,ROW(INDEX(Jesper!AK$2:AK$366,ROUNDDOWN($C6936/24,0)+1,1))-1)+IF('Standard Profiles'!$G$21=$B$10,7,0)+IF('Standard Profiles'!$G$21=$B$17,14,0)+IF('Standard Profiles'!$G$21=$B$24,21,0),0)),0)</f>
        <v>1.0528264654345967</v>
      </c>
      <c r="H6936" cm="1">
        <f t="array" ref="H6936">IFERROR(INDEX(Jesper!AL$2:AL$366,ROUNDDOWN($C6936/24,0)+1,1)*INDEX($D$3:$AA$30,INDEX(Jesper!$R$2:$R$366,ROW(INDEX(Jesper!AL$2:AL$366,ROUNDDOWN($C6936/24,0)+1,1))-1)+IF('Standard Profiles'!$G$22=$B$10,7,0)+IF('Standard Profiles'!$G$22=$B$17,14,0)+IF('Standard Profiles'!$G$22=$B$24,21,0),MOD($C6936,24)+1)/SUM(INDEX($D$3:$AA$30,INDEX(Jesper!$R$2:$R$366,ROW(INDEX(Jesper!AL$2:AL$366,ROUNDDOWN($C6936/24,0)+1,1))-1)+IF('Standard Profiles'!$G$22=$B$10,7,0)+IF('Standard Profiles'!$G$22=$B$17,14,0)+IF('Standard Profiles'!$G$22=$B$24,21,0),0)),0)</f>
        <v>0.84395639778541021</v>
      </c>
      <c r="I6936">
        <f t="shared" si="769"/>
        <v>0.81019814187399419</v>
      </c>
      <c r="J6936">
        <f t="shared" si="770"/>
        <v>5.2884670232477982</v>
      </c>
      <c r="K6936">
        <f t="shared" si="771"/>
        <v>0.23453383103695319</v>
      </c>
      <c r="L6936">
        <f t="shared" si="772"/>
        <v>0.11726691551847659</v>
      </c>
      <c r="M6936">
        <f t="shared" si="773"/>
        <v>0</v>
      </c>
      <c r="N6936" s="45">
        <f t="shared" si="774"/>
        <v>45214.583333316594</v>
      </c>
    </row>
    <row r="6937" spans="2:14" x14ac:dyDescent="0.25">
      <c r="B6937">
        <f t="shared" si="768"/>
        <v>7</v>
      </c>
      <c r="C6937" s="16">
        <v>6903</v>
      </c>
      <c r="D6937" cm="1">
        <f t="array" ref="D6937">IFERROR(INDEX(Jesper!AH$2:AH$366,ROUNDDOWN($C6937/24,0)+1,1)*INDEX($D$3:$AA$30,INDEX(Jesper!$R$2:$R$366,ROW(INDEX(Jesper!AH$2:AH$366,ROUNDDOWN($C6937/24,0)+1,1))-1)+IF('Standard Profiles'!$G$18=$B$10,7,0)+IF('Standard Profiles'!$G$18=$B$17,14,0)+IF('Standard Profiles'!$G$18=$B$24,21,0),MOD($C6937,24)+1)/SUM(INDEX($D$3:$AA$30,INDEX(Jesper!$R$2:$R$366,ROW(INDEX(Jesper!AH$2:AH$366,ROUNDDOWN($C6937/24,0)+1,1))-1)+IF('Standard Profiles'!$G$18=$B$10,7,0)+IF('Standard Profiles'!$G$18=$B$17,14,0)+IF('Standard Profiles'!$G$18=$B$24,21,0),0)),0)</f>
        <v>0</v>
      </c>
      <c r="E6937" cm="1">
        <f t="array" ref="E6937">IFERROR(INDEX(Jesper!AI$2:AI$366,ROUNDDOWN($C6937/24,0)+1,1)*INDEX($D$3:$AA$30,INDEX(Jesper!$R$2:$R$366,ROW(INDEX(Jesper!AI$2:AI$366,ROUNDDOWN($C6937/24,0)+1,1))-1)+IF('Standard Profiles'!$G$19=$B$10,7,0)+IF('Standard Profiles'!$G$19=$B$17,14,0)+IF('Standard Profiles'!$G$19=$B$24,21,0),MOD($C6937,24)+1)/SUM(INDEX($D$3:$AA$30,INDEX(Jesper!$R$2:$R$366,ROW(INDEX(Jesper!AI$2:AI$366,ROUNDDOWN($C6937/24,0)+1,1))-1)+IF('Standard Profiles'!$G$19=$B$10,7,0)+IF('Standard Profiles'!$G$19=$B$17,14,0)+IF('Standard Profiles'!$G$19=$B$24,21,0),0)),0)</f>
        <v>2.9316728879619149</v>
      </c>
      <c r="F6937" cm="1">
        <f t="array" ref="F6937">IFERROR(INDEX(Jesper!AJ$2:AJ$366,ROUNDDOWN($C6937/24,0)+1,1)*INDEX($D$3:$AA$30,INDEX(Jesper!$R$2:$R$366,ROW(INDEX(Jesper!AJ$2:AJ$366,ROUNDDOWN($C6937/24,0)+1,1))-1)+IF('Standard Profiles'!$G$20=$B$10,7,0)+IF('Standard Profiles'!$G$20=$B$17,14,0)+IF('Standard Profiles'!$G$20=$B$24,21,0),MOD($C6937,24)+1)/SUM(INDEX($D$3:$AA$30,INDEX(Jesper!$R$2:$R$366,ROW(INDEX(Jesper!AJ$2:AJ$366,ROUNDDOWN($C6937/24,0)+1,1))-1)+IF('Standard Profiles'!$G$20=$B$10,7,0)+IF('Standard Profiles'!$G$20=$B$17,14,0)+IF('Standard Profiles'!$G$20=$B$24,21,0),0)),0)</f>
        <v>1.6220101604952997</v>
      </c>
      <c r="G6937" cm="1">
        <f t="array" ref="G6937">IFERROR(INDEX(Jesper!AK$2:AK$366,ROUNDDOWN($C6937/24,0)+1,1)*INDEX($D$3:$AA$30,INDEX(Jesper!$R$2:$R$366,ROW(INDEX(Jesper!AK$2:AK$366,ROUNDDOWN($C6937/24,0)+1,1))-1)+IF('Standard Profiles'!$G$21=$B$10,7,0)+IF('Standard Profiles'!$G$21=$B$17,14,0)+IF('Standard Profiles'!$G$21=$B$24,21,0),MOD($C6937,24)+1)/SUM(INDEX($D$3:$AA$30,INDEX(Jesper!$R$2:$R$366,ROW(INDEX(Jesper!AK$2:AK$366,ROUNDDOWN($C6937/24,0)+1,1))-1)+IF('Standard Profiles'!$G$21=$B$10,7,0)+IF('Standard Profiles'!$G$21=$B$17,14,0)+IF('Standard Profiles'!$G$21=$B$24,21,0),0)),0)</f>
        <v>1.0528264654345967</v>
      </c>
      <c r="H6937" cm="1">
        <f t="array" ref="H6937">IFERROR(INDEX(Jesper!AL$2:AL$366,ROUNDDOWN($C6937/24,0)+1,1)*INDEX($D$3:$AA$30,INDEX(Jesper!$R$2:$R$366,ROW(INDEX(Jesper!AL$2:AL$366,ROUNDDOWN($C6937/24,0)+1,1))-1)+IF('Standard Profiles'!$G$22=$B$10,7,0)+IF('Standard Profiles'!$G$22=$B$17,14,0)+IF('Standard Profiles'!$G$22=$B$24,21,0),MOD($C6937,24)+1)/SUM(INDEX($D$3:$AA$30,INDEX(Jesper!$R$2:$R$366,ROW(INDEX(Jesper!AL$2:AL$366,ROUNDDOWN($C6937/24,0)+1,1))-1)+IF('Standard Profiles'!$G$22=$B$10,7,0)+IF('Standard Profiles'!$G$22=$B$17,14,0)+IF('Standard Profiles'!$G$22=$B$24,21,0),0)),0)</f>
        <v>0.75018346469814234</v>
      </c>
      <c r="I6937">
        <f t="shared" si="769"/>
        <v>0.72017612611021709</v>
      </c>
      <c r="J6937">
        <f t="shared" si="770"/>
        <v>5.2847161059243071</v>
      </c>
      <c r="K6937">
        <f t="shared" si="771"/>
        <v>0.23453383103695319</v>
      </c>
      <c r="L6937">
        <f t="shared" si="772"/>
        <v>0.11726691551847659</v>
      </c>
      <c r="M6937">
        <f t="shared" si="773"/>
        <v>0</v>
      </c>
      <c r="N6937" s="45">
        <f t="shared" si="774"/>
        <v>45214.624999983258</v>
      </c>
    </row>
    <row r="6938" spans="2:14" x14ac:dyDescent="0.25">
      <c r="B6938">
        <f t="shared" si="768"/>
        <v>7</v>
      </c>
      <c r="C6938" s="16">
        <v>6904</v>
      </c>
      <c r="D6938" cm="1">
        <f t="array" ref="D6938">IFERROR(INDEX(Jesper!AH$2:AH$366,ROUNDDOWN($C6938/24,0)+1,1)*INDEX($D$3:$AA$30,INDEX(Jesper!$R$2:$R$366,ROW(INDEX(Jesper!AH$2:AH$366,ROUNDDOWN($C6938/24,0)+1,1))-1)+IF('Standard Profiles'!$G$18=$B$10,7,0)+IF('Standard Profiles'!$G$18=$B$17,14,0)+IF('Standard Profiles'!$G$18=$B$24,21,0),MOD($C6938,24)+1)/SUM(INDEX($D$3:$AA$30,INDEX(Jesper!$R$2:$R$366,ROW(INDEX(Jesper!AH$2:AH$366,ROUNDDOWN($C6938/24,0)+1,1))-1)+IF('Standard Profiles'!$G$18=$B$10,7,0)+IF('Standard Profiles'!$G$18=$B$17,14,0)+IF('Standard Profiles'!$G$18=$B$24,21,0),0)),0)</f>
        <v>0</v>
      </c>
      <c r="E6938" cm="1">
        <f t="array" ref="E6938">IFERROR(INDEX(Jesper!AI$2:AI$366,ROUNDDOWN($C6938/24,0)+1,1)*INDEX($D$3:$AA$30,INDEX(Jesper!$R$2:$R$366,ROW(INDEX(Jesper!AI$2:AI$366,ROUNDDOWN($C6938/24,0)+1,1))-1)+IF('Standard Profiles'!$G$19=$B$10,7,0)+IF('Standard Profiles'!$G$19=$B$17,14,0)+IF('Standard Profiles'!$G$19=$B$24,21,0),MOD($C6938,24)+1)/SUM(INDEX($D$3:$AA$30,INDEX(Jesper!$R$2:$R$366,ROW(INDEX(Jesper!AI$2:AI$366,ROUNDDOWN($C6938/24,0)+1,1))-1)+IF('Standard Profiles'!$G$19=$B$10,7,0)+IF('Standard Profiles'!$G$19=$B$17,14,0)+IF('Standard Profiles'!$G$19=$B$24,21,0),0)),0)</f>
        <v>2.9316728879619149</v>
      </c>
      <c r="F6938" cm="1">
        <f t="array" ref="F6938">IFERROR(INDEX(Jesper!AJ$2:AJ$366,ROUNDDOWN($C6938/24,0)+1,1)*INDEX($D$3:$AA$30,INDEX(Jesper!$R$2:$R$366,ROW(INDEX(Jesper!AJ$2:AJ$366,ROUNDDOWN($C6938/24,0)+1,1))-1)+IF('Standard Profiles'!$G$20=$B$10,7,0)+IF('Standard Profiles'!$G$20=$B$17,14,0)+IF('Standard Profiles'!$G$20=$B$24,21,0),MOD($C6938,24)+1)/SUM(INDEX($D$3:$AA$30,INDEX(Jesper!$R$2:$R$366,ROW(INDEX(Jesper!AJ$2:AJ$366,ROUNDDOWN($C6938/24,0)+1,1))-1)+IF('Standard Profiles'!$G$20=$B$10,7,0)+IF('Standard Profiles'!$G$20=$B$17,14,0)+IF('Standard Profiles'!$G$20=$B$24,21,0),0)),0)</f>
        <v>1.6220101604952997</v>
      </c>
      <c r="G6938" cm="1">
        <f t="array" ref="G6938">IFERROR(INDEX(Jesper!AK$2:AK$366,ROUNDDOWN($C6938/24,0)+1,1)*INDEX($D$3:$AA$30,INDEX(Jesper!$R$2:$R$366,ROW(INDEX(Jesper!AK$2:AK$366,ROUNDDOWN($C6938/24,0)+1,1))-1)+IF('Standard Profiles'!$G$21=$B$10,7,0)+IF('Standard Profiles'!$G$21=$B$17,14,0)+IF('Standard Profiles'!$G$21=$B$24,21,0),MOD($C6938,24)+1)/SUM(INDEX($D$3:$AA$30,INDEX(Jesper!$R$2:$R$366,ROW(INDEX(Jesper!AK$2:AK$366,ROUNDDOWN($C6938/24,0)+1,1))-1)+IF('Standard Profiles'!$G$21=$B$10,7,0)+IF('Standard Profiles'!$G$21=$B$17,14,0)+IF('Standard Profiles'!$G$21=$B$24,21,0),0)),0)</f>
        <v>1.0528264654345967</v>
      </c>
      <c r="H6938" cm="1">
        <f t="array" ref="H6938">IFERROR(INDEX(Jesper!AL$2:AL$366,ROUNDDOWN($C6938/24,0)+1,1)*INDEX($D$3:$AA$30,INDEX(Jesper!$R$2:$R$366,ROW(INDEX(Jesper!AL$2:AL$366,ROUNDDOWN($C6938/24,0)+1,1))-1)+IF('Standard Profiles'!$G$22=$B$10,7,0)+IF('Standard Profiles'!$G$22=$B$17,14,0)+IF('Standard Profiles'!$G$22=$B$24,21,0),MOD($C6938,24)+1)/SUM(INDEX($D$3:$AA$30,INDEX(Jesper!$R$2:$R$366,ROW(INDEX(Jesper!AL$2:AL$366,ROUNDDOWN($C6938/24,0)+1,1))-1)+IF('Standard Profiles'!$G$22=$B$10,7,0)+IF('Standard Profiles'!$G$22=$B$17,14,0)+IF('Standard Profiles'!$G$22=$B$24,21,0),0)),0)</f>
        <v>0.73678733139996122</v>
      </c>
      <c r="I6938">
        <f t="shared" si="769"/>
        <v>0.70731583814396315</v>
      </c>
      <c r="J6938">
        <f t="shared" si="770"/>
        <v>5.2841802605923798</v>
      </c>
      <c r="K6938">
        <f t="shared" si="771"/>
        <v>0.23453383103695319</v>
      </c>
      <c r="L6938">
        <f t="shared" si="772"/>
        <v>0.11726691551847659</v>
      </c>
      <c r="M6938">
        <f t="shared" si="773"/>
        <v>0</v>
      </c>
      <c r="N6938" s="45">
        <f t="shared" si="774"/>
        <v>45214.666666649922</v>
      </c>
    </row>
    <row r="6939" spans="2:14" x14ac:dyDescent="0.25">
      <c r="B6939">
        <f t="shared" si="768"/>
        <v>7</v>
      </c>
      <c r="C6939" s="16">
        <v>6905</v>
      </c>
      <c r="D6939" cm="1">
        <f t="array" ref="D6939">IFERROR(INDEX(Jesper!AH$2:AH$366,ROUNDDOWN($C6939/24,0)+1,1)*INDEX($D$3:$AA$30,INDEX(Jesper!$R$2:$R$366,ROW(INDEX(Jesper!AH$2:AH$366,ROUNDDOWN($C6939/24,0)+1,1))-1)+IF('Standard Profiles'!$G$18=$B$10,7,0)+IF('Standard Profiles'!$G$18=$B$17,14,0)+IF('Standard Profiles'!$G$18=$B$24,21,0),MOD($C6939,24)+1)/SUM(INDEX($D$3:$AA$30,INDEX(Jesper!$R$2:$R$366,ROW(INDEX(Jesper!AH$2:AH$366,ROUNDDOWN($C6939/24,0)+1,1))-1)+IF('Standard Profiles'!$G$18=$B$10,7,0)+IF('Standard Profiles'!$G$18=$B$17,14,0)+IF('Standard Profiles'!$G$18=$B$24,21,0),0)),0)</f>
        <v>0</v>
      </c>
      <c r="E6939" cm="1">
        <f t="array" ref="E6939">IFERROR(INDEX(Jesper!AI$2:AI$366,ROUNDDOWN($C6939/24,0)+1,1)*INDEX($D$3:$AA$30,INDEX(Jesper!$R$2:$R$366,ROW(INDEX(Jesper!AI$2:AI$366,ROUNDDOWN($C6939/24,0)+1,1))-1)+IF('Standard Profiles'!$G$19=$B$10,7,0)+IF('Standard Profiles'!$G$19=$B$17,14,0)+IF('Standard Profiles'!$G$19=$B$24,21,0),MOD($C6939,24)+1)/SUM(INDEX($D$3:$AA$30,INDEX(Jesper!$R$2:$R$366,ROW(INDEX(Jesper!AI$2:AI$366,ROUNDDOWN($C6939/24,0)+1,1))-1)+IF('Standard Profiles'!$G$19=$B$10,7,0)+IF('Standard Profiles'!$G$19=$B$17,14,0)+IF('Standard Profiles'!$G$19=$B$24,21,0),0)),0)</f>
        <v>2.9316728879619149</v>
      </c>
      <c r="F6939" cm="1">
        <f t="array" ref="F6939">IFERROR(INDEX(Jesper!AJ$2:AJ$366,ROUNDDOWN($C6939/24,0)+1,1)*INDEX($D$3:$AA$30,INDEX(Jesper!$R$2:$R$366,ROW(INDEX(Jesper!AJ$2:AJ$366,ROUNDDOWN($C6939/24,0)+1,1))-1)+IF('Standard Profiles'!$G$20=$B$10,7,0)+IF('Standard Profiles'!$G$20=$B$17,14,0)+IF('Standard Profiles'!$G$20=$B$24,21,0),MOD($C6939,24)+1)/SUM(INDEX($D$3:$AA$30,INDEX(Jesper!$R$2:$R$366,ROW(INDEX(Jesper!AJ$2:AJ$366,ROUNDDOWN($C6939/24,0)+1,1))-1)+IF('Standard Profiles'!$G$20=$B$10,7,0)+IF('Standard Profiles'!$G$20=$B$17,14,0)+IF('Standard Profiles'!$G$20=$B$24,21,0),0)),0)</f>
        <v>1.6220101604952997</v>
      </c>
      <c r="G6939" cm="1">
        <f t="array" ref="G6939">IFERROR(INDEX(Jesper!AK$2:AK$366,ROUNDDOWN($C6939/24,0)+1,1)*INDEX($D$3:$AA$30,INDEX(Jesper!$R$2:$R$366,ROW(INDEX(Jesper!AK$2:AK$366,ROUNDDOWN($C6939/24,0)+1,1))-1)+IF('Standard Profiles'!$G$21=$B$10,7,0)+IF('Standard Profiles'!$G$21=$B$17,14,0)+IF('Standard Profiles'!$G$21=$B$24,21,0),MOD($C6939,24)+1)/SUM(INDEX($D$3:$AA$30,INDEX(Jesper!$R$2:$R$366,ROW(INDEX(Jesper!AK$2:AK$366,ROUNDDOWN($C6939/24,0)+1,1))-1)+IF('Standard Profiles'!$G$21=$B$10,7,0)+IF('Standard Profiles'!$G$21=$B$17,14,0)+IF('Standard Profiles'!$G$21=$B$24,21,0),0)),0)</f>
        <v>1.0528264654345967</v>
      </c>
      <c r="H6939" cm="1">
        <f t="array" ref="H6939">IFERROR(INDEX(Jesper!AL$2:AL$366,ROUNDDOWN($C6939/24,0)+1,1)*INDEX($D$3:$AA$30,INDEX(Jesper!$R$2:$R$366,ROW(INDEX(Jesper!AL$2:AL$366,ROUNDDOWN($C6939/24,0)+1,1))-1)+IF('Standard Profiles'!$G$22=$B$10,7,0)+IF('Standard Profiles'!$G$22=$B$17,14,0)+IF('Standard Profiles'!$G$22=$B$24,21,0),MOD($C6939,24)+1)/SUM(INDEX($D$3:$AA$30,INDEX(Jesper!$R$2:$R$366,ROW(INDEX(Jesper!AL$2:AL$366,ROUNDDOWN($C6939/24,0)+1,1))-1)+IF('Standard Profiles'!$G$22=$B$10,7,0)+IF('Standard Profiles'!$G$22=$B$17,14,0)+IF('Standard Profiles'!$G$22=$B$24,21,0),0)),0)</f>
        <v>0.62961826501451246</v>
      </c>
      <c r="I6939">
        <f t="shared" si="769"/>
        <v>0.60443353441393233</v>
      </c>
      <c r="J6939">
        <f t="shared" si="770"/>
        <v>5.2798934979369623</v>
      </c>
      <c r="K6939">
        <f t="shared" si="771"/>
        <v>0.23453383103695319</v>
      </c>
      <c r="L6939">
        <f t="shared" si="772"/>
        <v>0.11726691551847659</v>
      </c>
      <c r="M6939">
        <f t="shared" si="773"/>
        <v>0</v>
      </c>
      <c r="N6939" s="45">
        <f t="shared" si="774"/>
        <v>45214.708333316587</v>
      </c>
    </row>
    <row r="6940" spans="2:14" x14ac:dyDescent="0.25">
      <c r="B6940">
        <f t="shared" si="768"/>
        <v>7</v>
      </c>
      <c r="C6940" s="16">
        <v>6906</v>
      </c>
      <c r="D6940" cm="1">
        <f t="array" ref="D6940">IFERROR(INDEX(Jesper!AH$2:AH$366,ROUNDDOWN($C6940/24,0)+1,1)*INDEX($D$3:$AA$30,INDEX(Jesper!$R$2:$R$366,ROW(INDEX(Jesper!AH$2:AH$366,ROUNDDOWN($C6940/24,0)+1,1))-1)+IF('Standard Profiles'!$G$18=$B$10,7,0)+IF('Standard Profiles'!$G$18=$B$17,14,0)+IF('Standard Profiles'!$G$18=$B$24,21,0),MOD($C6940,24)+1)/SUM(INDEX($D$3:$AA$30,INDEX(Jesper!$R$2:$R$366,ROW(INDEX(Jesper!AH$2:AH$366,ROUNDDOWN($C6940/24,0)+1,1))-1)+IF('Standard Profiles'!$G$18=$B$10,7,0)+IF('Standard Profiles'!$G$18=$B$17,14,0)+IF('Standard Profiles'!$G$18=$B$24,21,0),0)),0)</f>
        <v>0</v>
      </c>
      <c r="E6940" cm="1">
        <f t="array" ref="E6940">IFERROR(INDEX(Jesper!AI$2:AI$366,ROUNDDOWN($C6940/24,0)+1,1)*INDEX($D$3:$AA$30,INDEX(Jesper!$R$2:$R$366,ROW(INDEX(Jesper!AI$2:AI$366,ROUNDDOWN($C6940/24,0)+1,1))-1)+IF('Standard Profiles'!$G$19=$B$10,7,0)+IF('Standard Profiles'!$G$19=$B$17,14,0)+IF('Standard Profiles'!$G$19=$B$24,21,0),MOD($C6940,24)+1)/SUM(INDEX($D$3:$AA$30,INDEX(Jesper!$R$2:$R$366,ROW(INDEX(Jesper!AI$2:AI$366,ROUNDDOWN($C6940/24,0)+1,1))-1)+IF('Standard Profiles'!$G$19=$B$10,7,0)+IF('Standard Profiles'!$G$19=$B$17,14,0)+IF('Standard Profiles'!$G$19=$B$24,21,0),0)),0)</f>
        <v>2.9316728879619149</v>
      </c>
      <c r="F6940" cm="1">
        <f t="array" ref="F6940">IFERROR(INDEX(Jesper!AJ$2:AJ$366,ROUNDDOWN($C6940/24,0)+1,1)*INDEX($D$3:$AA$30,INDEX(Jesper!$R$2:$R$366,ROW(INDEX(Jesper!AJ$2:AJ$366,ROUNDDOWN($C6940/24,0)+1,1))-1)+IF('Standard Profiles'!$G$20=$B$10,7,0)+IF('Standard Profiles'!$G$20=$B$17,14,0)+IF('Standard Profiles'!$G$20=$B$24,21,0),MOD($C6940,24)+1)/SUM(INDEX($D$3:$AA$30,INDEX(Jesper!$R$2:$R$366,ROW(INDEX(Jesper!AJ$2:AJ$366,ROUNDDOWN($C6940/24,0)+1,1))-1)+IF('Standard Profiles'!$G$20=$B$10,7,0)+IF('Standard Profiles'!$G$20=$B$17,14,0)+IF('Standard Profiles'!$G$20=$B$24,21,0),0)),0)</f>
        <v>1.6220101604952997</v>
      </c>
      <c r="G6940" cm="1">
        <f t="array" ref="G6940">IFERROR(INDEX(Jesper!AK$2:AK$366,ROUNDDOWN($C6940/24,0)+1,1)*INDEX($D$3:$AA$30,INDEX(Jesper!$R$2:$R$366,ROW(INDEX(Jesper!AK$2:AK$366,ROUNDDOWN($C6940/24,0)+1,1))-1)+IF('Standard Profiles'!$G$21=$B$10,7,0)+IF('Standard Profiles'!$G$21=$B$17,14,0)+IF('Standard Profiles'!$G$21=$B$24,21,0),MOD($C6940,24)+1)/SUM(INDEX($D$3:$AA$30,INDEX(Jesper!$R$2:$R$366,ROW(INDEX(Jesper!AK$2:AK$366,ROUNDDOWN($C6940/24,0)+1,1))-1)+IF('Standard Profiles'!$G$21=$B$10,7,0)+IF('Standard Profiles'!$G$21=$B$17,14,0)+IF('Standard Profiles'!$G$21=$B$24,21,0),0)),0)</f>
        <v>1.0528264654345967</v>
      </c>
      <c r="H6940" cm="1">
        <f t="array" ref="H6940">IFERROR(INDEX(Jesper!AL$2:AL$366,ROUNDDOWN($C6940/24,0)+1,1)*INDEX($D$3:$AA$30,INDEX(Jesper!$R$2:$R$366,ROW(INDEX(Jesper!AL$2:AL$366,ROUNDDOWN($C6940/24,0)+1,1))-1)+IF('Standard Profiles'!$G$22=$B$10,7,0)+IF('Standard Profiles'!$G$22=$B$17,14,0)+IF('Standard Profiles'!$G$22=$B$24,21,0),MOD($C6940,24)+1)/SUM(INDEX($D$3:$AA$30,INDEX(Jesper!$R$2:$R$366,ROW(INDEX(Jesper!AL$2:AL$366,ROUNDDOWN($C6940/24,0)+1,1))-1)+IF('Standard Profiles'!$G$22=$B$10,7,0)+IF('Standard Profiles'!$G$22=$B$17,14,0)+IF('Standard Profiles'!$G$22=$B$24,21,0),0)),0)</f>
        <v>0.58942986511996909</v>
      </c>
      <c r="I6940">
        <f t="shared" si="769"/>
        <v>0.56585267051517063</v>
      </c>
      <c r="J6940">
        <f t="shared" si="770"/>
        <v>5.2782859619411804</v>
      </c>
      <c r="K6940">
        <f t="shared" si="771"/>
        <v>0.23453383103695319</v>
      </c>
      <c r="L6940">
        <f t="shared" si="772"/>
        <v>0.11726691551847659</v>
      </c>
      <c r="M6940">
        <f t="shared" si="773"/>
        <v>0</v>
      </c>
      <c r="N6940" s="45">
        <f t="shared" si="774"/>
        <v>45214.749999983251</v>
      </c>
    </row>
    <row r="6941" spans="2:14" x14ac:dyDescent="0.25">
      <c r="B6941">
        <f t="shared" si="768"/>
        <v>7</v>
      </c>
      <c r="C6941" s="16">
        <v>6907</v>
      </c>
      <c r="D6941" cm="1">
        <f t="array" ref="D6941">IFERROR(INDEX(Jesper!AH$2:AH$366,ROUNDDOWN($C6941/24,0)+1,1)*INDEX($D$3:$AA$30,INDEX(Jesper!$R$2:$R$366,ROW(INDEX(Jesper!AH$2:AH$366,ROUNDDOWN($C6941/24,0)+1,1))-1)+IF('Standard Profiles'!$G$18=$B$10,7,0)+IF('Standard Profiles'!$G$18=$B$17,14,0)+IF('Standard Profiles'!$G$18=$B$24,21,0),MOD($C6941,24)+1)/SUM(INDEX($D$3:$AA$30,INDEX(Jesper!$R$2:$R$366,ROW(INDEX(Jesper!AH$2:AH$366,ROUNDDOWN($C6941/24,0)+1,1))-1)+IF('Standard Profiles'!$G$18=$B$10,7,0)+IF('Standard Profiles'!$G$18=$B$17,14,0)+IF('Standard Profiles'!$G$18=$B$24,21,0),0)),0)</f>
        <v>0</v>
      </c>
      <c r="E6941" cm="1">
        <f t="array" ref="E6941">IFERROR(INDEX(Jesper!AI$2:AI$366,ROUNDDOWN($C6941/24,0)+1,1)*INDEX($D$3:$AA$30,INDEX(Jesper!$R$2:$R$366,ROW(INDEX(Jesper!AI$2:AI$366,ROUNDDOWN($C6941/24,0)+1,1))-1)+IF('Standard Profiles'!$G$19=$B$10,7,0)+IF('Standard Profiles'!$G$19=$B$17,14,0)+IF('Standard Profiles'!$G$19=$B$24,21,0),MOD($C6941,24)+1)/SUM(INDEX($D$3:$AA$30,INDEX(Jesper!$R$2:$R$366,ROW(INDEX(Jesper!AI$2:AI$366,ROUNDDOWN($C6941/24,0)+1,1))-1)+IF('Standard Profiles'!$G$19=$B$10,7,0)+IF('Standard Profiles'!$G$19=$B$17,14,0)+IF('Standard Profiles'!$G$19=$B$24,21,0),0)),0)</f>
        <v>2.9316728879619149</v>
      </c>
      <c r="F6941" cm="1">
        <f t="array" ref="F6941">IFERROR(INDEX(Jesper!AJ$2:AJ$366,ROUNDDOWN($C6941/24,0)+1,1)*INDEX($D$3:$AA$30,INDEX(Jesper!$R$2:$R$366,ROW(INDEX(Jesper!AJ$2:AJ$366,ROUNDDOWN($C6941/24,0)+1,1))-1)+IF('Standard Profiles'!$G$20=$B$10,7,0)+IF('Standard Profiles'!$G$20=$B$17,14,0)+IF('Standard Profiles'!$G$20=$B$24,21,0),MOD($C6941,24)+1)/SUM(INDEX($D$3:$AA$30,INDEX(Jesper!$R$2:$R$366,ROW(INDEX(Jesper!AJ$2:AJ$366,ROUNDDOWN($C6941/24,0)+1,1))-1)+IF('Standard Profiles'!$G$20=$B$10,7,0)+IF('Standard Profiles'!$G$20=$B$17,14,0)+IF('Standard Profiles'!$G$20=$B$24,21,0),0)),0)</f>
        <v>1.6220101604952997</v>
      </c>
      <c r="G6941" cm="1">
        <f t="array" ref="G6941">IFERROR(INDEX(Jesper!AK$2:AK$366,ROUNDDOWN($C6941/24,0)+1,1)*INDEX($D$3:$AA$30,INDEX(Jesper!$R$2:$R$366,ROW(INDEX(Jesper!AK$2:AK$366,ROUNDDOWN($C6941/24,0)+1,1))-1)+IF('Standard Profiles'!$G$21=$B$10,7,0)+IF('Standard Profiles'!$G$21=$B$17,14,0)+IF('Standard Profiles'!$G$21=$B$24,21,0),MOD($C6941,24)+1)/SUM(INDEX($D$3:$AA$30,INDEX(Jesper!$R$2:$R$366,ROW(INDEX(Jesper!AK$2:AK$366,ROUNDDOWN($C6941/24,0)+1,1))-1)+IF('Standard Profiles'!$G$21=$B$10,7,0)+IF('Standard Profiles'!$G$21=$B$17,14,0)+IF('Standard Profiles'!$G$21=$B$24,21,0),0)),0)</f>
        <v>1.0528264654345967</v>
      </c>
      <c r="H6941" cm="1">
        <f t="array" ref="H6941">IFERROR(INDEX(Jesper!AL$2:AL$366,ROUNDDOWN($C6941/24,0)+1,1)*INDEX($D$3:$AA$30,INDEX(Jesper!$R$2:$R$366,ROW(INDEX(Jesper!AL$2:AL$366,ROUNDDOWN($C6941/24,0)+1,1))-1)+IF('Standard Profiles'!$G$22=$B$10,7,0)+IF('Standard Profiles'!$G$22=$B$17,14,0)+IF('Standard Profiles'!$G$22=$B$24,21,0),MOD($C6941,24)+1)/SUM(INDEX($D$3:$AA$30,INDEX(Jesper!$R$2:$R$366,ROW(INDEX(Jesper!AL$2:AL$366,ROUNDDOWN($C6941/24,0)+1,1))-1)+IF('Standard Profiles'!$G$22=$B$10,7,0)+IF('Standard Profiles'!$G$22=$B$17,14,0)+IF('Standard Profiles'!$G$22=$B$24,21,0),0)),0)</f>
        <v>0.49565693203270123</v>
      </c>
      <c r="I6941">
        <f t="shared" si="769"/>
        <v>0.47583065475139341</v>
      </c>
      <c r="J6941">
        <f t="shared" si="770"/>
        <v>5.2745350446176893</v>
      </c>
      <c r="K6941">
        <f t="shared" si="771"/>
        <v>0.23453383103695319</v>
      </c>
      <c r="L6941">
        <f t="shared" si="772"/>
        <v>0.11726691551847659</v>
      </c>
      <c r="M6941">
        <f t="shared" si="773"/>
        <v>0</v>
      </c>
      <c r="N6941" s="45">
        <f t="shared" si="774"/>
        <v>45214.791666649915</v>
      </c>
    </row>
    <row r="6942" spans="2:14" x14ac:dyDescent="0.25">
      <c r="B6942">
        <f t="shared" si="768"/>
        <v>7</v>
      </c>
      <c r="C6942" s="16">
        <v>6908</v>
      </c>
      <c r="D6942" cm="1">
        <f t="array" ref="D6942">IFERROR(INDEX(Jesper!AH$2:AH$366,ROUNDDOWN($C6942/24,0)+1,1)*INDEX($D$3:$AA$30,INDEX(Jesper!$R$2:$R$366,ROW(INDEX(Jesper!AH$2:AH$366,ROUNDDOWN($C6942/24,0)+1,1))-1)+IF('Standard Profiles'!$G$18=$B$10,7,0)+IF('Standard Profiles'!$G$18=$B$17,14,0)+IF('Standard Profiles'!$G$18=$B$24,21,0),MOD($C6942,24)+1)/SUM(INDEX($D$3:$AA$30,INDEX(Jesper!$R$2:$R$366,ROW(INDEX(Jesper!AH$2:AH$366,ROUNDDOWN($C6942/24,0)+1,1))-1)+IF('Standard Profiles'!$G$18=$B$10,7,0)+IF('Standard Profiles'!$G$18=$B$17,14,0)+IF('Standard Profiles'!$G$18=$B$24,21,0),0)),0)</f>
        <v>0</v>
      </c>
      <c r="E6942" cm="1">
        <f t="array" ref="E6942">IFERROR(INDEX(Jesper!AI$2:AI$366,ROUNDDOWN($C6942/24,0)+1,1)*INDEX($D$3:$AA$30,INDEX(Jesper!$R$2:$R$366,ROW(INDEX(Jesper!AI$2:AI$366,ROUNDDOWN($C6942/24,0)+1,1))-1)+IF('Standard Profiles'!$G$19=$B$10,7,0)+IF('Standard Profiles'!$G$19=$B$17,14,0)+IF('Standard Profiles'!$G$19=$B$24,21,0),MOD($C6942,24)+1)/SUM(INDEX($D$3:$AA$30,INDEX(Jesper!$R$2:$R$366,ROW(INDEX(Jesper!AI$2:AI$366,ROUNDDOWN($C6942/24,0)+1,1))-1)+IF('Standard Profiles'!$G$19=$B$10,7,0)+IF('Standard Profiles'!$G$19=$B$17,14,0)+IF('Standard Profiles'!$G$19=$B$24,21,0),0)),0)</f>
        <v>2.9316728879619149</v>
      </c>
      <c r="F6942" cm="1">
        <f t="array" ref="F6942">IFERROR(INDEX(Jesper!AJ$2:AJ$366,ROUNDDOWN($C6942/24,0)+1,1)*INDEX($D$3:$AA$30,INDEX(Jesper!$R$2:$R$366,ROW(INDEX(Jesper!AJ$2:AJ$366,ROUNDDOWN($C6942/24,0)+1,1))-1)+IF('Standard Profiles'!$G$20=$B$10,7,0)+IF('Standard Profiles'!$G$20=$B$17,14,0)+IF('Standard Profiles'!$G$20=$B$24,21,0),MOD($C6942,24)+1)/SUM(INDEX($D$3:$AA$30,INDEX(Jesper!$R$2:$R$366,ROW(INDEX(Jesper!AJ$2:AJ$366,ROUNDDOWN($C6942/24,0)+1,1))-1)+IF('Standard Profiles'!$G$20=$B$10,7,0)+IF('Standard Profiles'!$G$20=$B$17,14,0)+IF('Standard Profiles'!$G$20=$B$24,21,0),0)),0)</f>
        <v>1.6220101604952997</v>
      </c>
      <c r="G6942" cm="1">
        <f t="array" ref="G6942">IFERROR(INDEX(Jesper!AK$2:AK$366,ROUNDDOWN($C6942/24,0)+1,1)*INDEX($D$3:$AA$30,INDEX(Jesper!$R$2:$R$366,ROW(INDEX(Jesper!AK$2:AK$366,ROUNDDOWN($C6942/24,0)+1,1))-1)+IF('Standard Profiles'!$G$21=$B$10,7,0)+IF('Standard Profiles'!$G$21=$B$17,14,0)+IF('Standard Profiles'!$G$21=$B$24,21,0),MOD($C6942,24)+1)/SUM(INDEX($D$3:$AA$30,INDEX(Jesper!$R$2:$R$366,ROW(INDEX(Jesper!AK$2:AK$366,ROUNDDOWN($C6942/24,0)+1,1))-1)+IF('Standard Profiles'!$G$21=$B$10,7,0)+IF('Standard Profiles'!$G$21=$B$17,14,0)+IF('Standard Profiles'!$G$21=$B$24,21,0),0)),0)</f>
        <v>1.0528264654345967</v>
      </c>
      <c r="H6942" cm="1">
        <f t="array" ref="H6942">IFERROR(INDEX(Jesper!AL$2:AL$366,ROUNDDOWN($C6942/24,0)+1,1)*INDEX($D$3:$AA$30,INDEX(Jesper!$R$2:$R$366,ROW(INDEX(Jesper!AL$2:AL$366,ROUNDDOWN($C6942/24,0)+1,1))-1)+IF('Standard Profiles'!$G$22=$B$10,7,0)+IF('Standard Profiles'!$G$22=$B$17,14,0)+IF('Standard Profiles'!$G$22=$B$24,21,0),MOD($C6942,24)+1)/SUM(INDEX($D$3:$AA$30,INDEX(Jesper!$R$2:$R$366,ROW(INDEX(Jesper!AL$2:AL$366,ROUNDDOWN($C6942/24,0)+1,1))-1)+IF('Standard Profiles'!$G$22=$B$10,7,0)+IF('Standard Profiles'!$G$22=$B$17,14,0)+IF('Standard Profiles'!$G$22=$B$24,21,0),0)),0)</f>
        <v>0.41528013224361449</v>
      </c>
      <c r="I6942">
        <f t="shared" si="769"/>
        <v>0.39866892695387013</v>
      </c>
      <c r="J6942">
        <f t="shared" si="770"/>
        <v>5.2713199726261264</v>
      </c>
      <c r="K6942">
        <f t="shared" si="771"/>
        <v>0.23453383103695319</v>
      </c>
      <c r="L6942">
        <f t="shared" si="772"/>
        <v>0.11726691551847659</v>
      </c>
      <c r="M6942">
        <f t="shared" si="773"/>
        <v>0</v>
      </c>
      <c r="N6942" s="45">
        <f t="shared" si="774"/>
        <v>45214.833333316579</v>
      </c>
    </row>
    <row r="6943" spans="2:14" x14ac:dyDescent="0.25">
      <c r="B6943">
        <f t="shared" si="768"/>
        <v>7</v>
      </c>
      <c r="C6943" s="16">
        <v>6909</v>
      </c>
      <c r="D6943" cm="1">
        <f t="array" ref="D6943">IFERROR(INDEX(Jesper!AH$2:AH$366,ROUNDDOWN($C6943/24,0)+1,1)*INDEX($D$3:$AA$30,INDEX(Jesper!$R$2:$R$366,ROW(INDEX(Jesper!AH$2:AH$366,ROUNDDOWN($C6943/24,0)+1,1))-1)+IF('Standard Profiles'!$G$18=$B$10,7,0)+IF('Standard Profiles'!$G$18=$B$17,14,0)+IF('Standard Profiles'!$G$18=$B$24,21,0),MOD($C6943,24)+1)/SUM(INDEX($D$3:$AA$30,INDEX(Jesper!$R$2:$R$366,ROW(INDEX(Jesper!AH$2:AH$366,ROUNDDOWN($C6943/24,0)+1,1))-1)+IF('Standard Profiles'!$G$18=$B$10,7,0)+IF('Standard Profiles'!$G$18=$B$17,14,0)+IF('Standard Profiles'!$G$18=$B$24,21,0),0)),0)</f>
        <v>0</v>
      </c>
      <c r="E6943" cm="1">
        <f t="array" ref="E6943">IFERROR(INDEX(Jesper!AI$2:AI$366,ROUNDDOWN($C6943/24,0)+1,1)*INDEX($D$3:$AA$30,INDEX(Jesper!$R$2:$R$366,ROW(INDEX(Jesper!AI$2:AI$366,ROUNDDOWN($C6943/24,0)+1,1))-1)+IF('Standard Profiles'!$G$19=$B$10,7,0)+IF('Standard Profiles'!$G$19=$B$17,14,0)+IF('Standard Profiles'!$G$19=$B$24,21,0),MOD($C6943,24)+1)/SUM(INDEX($D$3:$AA$30,INDEX(Jesper!$R$2:$R$366,ROW(INDEX(Jesper!AI$2:AI$366,ROUNDDOWN($C6943/24,0)+1,1))-1)+IF('Standard Profiles'!$G$19=$B$10,7,0)+IF('Standard Profiles'!$G$19=$B$17,14,0)+IF('Standard Profiles'!$G$19=$B$24,21,0),0)),0)</f>
        <v>2.9316728879619149</v>
      </c>
      <c r="F6943" cm="1">
        <f t="array" ref="F6943">IFERROR(INDEX(Jesper!AJ$2:AJ$366,ROUNDDOWN($C6943/24,0)+1,1)*INDEX($D$3:$AA$30,INDEX(Jesper!$R$2:$R$366,ROW(INDEX(Jesper!AJ$2:AJ$366,ROUNDDOWN($C6943/24,0)+1,1))-1)+IF('Standard Profiles'!$G$20=$B$10,7,0)+IF('Standard Profiles'!$G$20=$B$17,14,0)+IF('Standard Profiles'!$G$20=$B$24,21,0),MOD($C6943,24)+1)/SUM(INDEX($D$3:$AA$30,INDEX(Jesper!$R$2:$R$366,ROW(INDEX(Jesper!AJ$2:AJ$366,ROUNDDOWN($C6943/24,0)+1,1))-1)+IF('Standard Profiles'!$G$20=$B$10,7,0)+IF('Standard Profiles'!$G$20=$B$17,14,0)+IF('Standard Profiles'!$G$20=$B$24,21,0),0)),0)</f>
        <v>1.6220101604952997</v>
      </c>
      <c r="G6943" cm="1">
        <f t="array" ref="G6943">IFERROR(INDEX(Jesper!AK$2:AK$366,ROUNDDOWN($C6943/24,0)+1,1)*INDEX($D$3:$AA$30,INDEX(Jesper!$R$2:$R$366,ROW(INDEX(Jesper!AK$2:AK$366,ROUNDDOWN($C6943/24,0)+1,1))-1)+IF('Standard Profiles'!$G$21=$B$10,7,0)+IF('Standard Profiles'!$G$21=$B$17,14,0)+IF('Standard Profiles'!$G$21=$B$24,21,0),MOD($C6943,24)+1)/SUM(INDEX($D$3:$AA$30,INDEX(Jesper!$R$2:$R$366,ROW(INDEX(Jesper!AK$2:AK$366,ROUNDDOWN($C6943/24,0)+1,1))-1)+IF('Standard Profiles'!$G$21=$B$10,7,0)+IF('Standard Profiles'!$G$21=$B$17,14,0)+IF('Standard Profiles'!$G$21=$B$24,21,0),0)),0)</f>
        <v>1.0528264654345967</v>
      </c>
      <c r="H6943" cm="1">
        <f t="array" ref="H6943">IFERROR(INDEX(Jesper!AL$2:AL$366,ROUNDDOWN($C6943/24,0)+1,1)*INDEX($D$3:$AA$30,INDEX(Jesper!$R$2:$R$366,ROW(INDEX(Jesper!AL$2:AL$366,ROUNDDOWN($C6943/24,0)+1,1))-1)+IF('Standard Profiles'!$G$22=$B$10,7,0)+IF('Standard Profiles'!$G$22=$B$17,14,0)+IF('Standard Profiles'!$G$22=$B$24,21,0),MOD($C6943,24)+1)/SUM(INDEX($D$3:$AA$30,INDEX(Jesper!$R$2:$R$366,ROW(INDEX(Jesper!AL$2:AL$366,ROUNDDOWN($C6943/24,0)+1,1))-1)+IF('Standard Profiles'!$G$22=$B$10,7,0)+IF('Standard Profiles'!$G$22=$B$17,14,0)+IF('Standard Profiles'!$G$22=$B$24,21,0),0)),0)</f>
        <v>0.3616955990508901</v>
      </c>
      <c r="I6943">
        <f t="shared" si="769"/>
        <v>0.34722777508885466</v>
      </c>
      <c r="J6943">
        <f t="shared" si="770"/>
        <v>5.2691765912984172</v>
      </c>
      <c r="K6943">
        <f t="shared" si="771"/>
        <v>0.23453383103695319</v>
      </c>
      <c r="L6943">
        <f t="shared" si="772"/>
        <v>0.11726691551847659</v>
      </c>
      <c r="M6943">
        <f t="shared" si="773"/>
        <v>0</v>
      </c>
      <c r="N6943" s="45">
        <f t="shared" si="774"/>
        <v>45214.874999983243</v>
      </c>
    </row>
    <row r="6944" spans="2:14" x14ac:dyDescent="0.25">
      <c r="B6944">
        <f t="shared" si="768"/>
        <v>7</v>
      </c>
      <c r="C6944" s="16">
        <v>6910</v>
      </c>
      <c r="D6944" cm="1">
        <f t="array" ref="D6944">IFERROR(INDEX(Jesper!AH$2:AH$366,ROUNDDOWN($C6944/24,0)+1,1)*INDEX($D$3:$AA$30,INDEX(Jesper!$R$2:$R$366,ROW(INDEX(Jesper!AH$2:AH$366,ROUNDDOWN($C6944/24,0)+1,1))-1)+IF('Standard Profiles'!$G$18=$B$10,7,0)+IF('Standard Profiles'!$G$18=$B$17,14,0)+IF('Standard Profiles'!$G$18=$B$24,21,0),MOD($C6944,24)+1)/SUM(INDEX($D$3:$AA$30,INDEX(Jesper!$R$2:$R$366,ROW(INDEX(Jesper!AH$2:AH$366,ROUNDDOWN($C6944/24,0)+1,1))-1)+IF('Standard Profiles'!$G$18=$B$10,7,0)+IF('Standard Profiles'!$G$18=$B$17,14,0)+IF('Standard Profiles'!$G$18=$B$24,21,0),0)),0)</f>
        <v>0</v>
      </c>
      <c r="E6944" cm="1">
        <f t="array" ref="E6944">IFERROR(INDEX(Jesper!AI$2:AI$366,ROUNDDOWN($C6944/24,0)+1,1)*INDEX($D$3:$AA$30,INDEX(Jesper!$R$2:$R$366,ROW(INDEX(Jesper!AI$2:AI$366,ROUNDDOWN($C6944/24,0)+1,1))-1)+IF('Standard Profiles'!$G$19=$B$10,7,0)+IF('Standard Profiles'!$G$19=$B$17,14,0)+IF('Standard Profiles'!$G$19=$B$24,21,0),MOD($C6944,24)+1)/SUM(INDEX($D$3:$AA$30,INDEX(Jesper!$R$2:$R$366,ROW(INDEX(Jesper!AI$2:AI$366,ROUNDDOWN($C6944/24,0)+1,1))-1)+IF('Standard Profiles'!$G$19=$B$10,7,0)+IF('Standard Profiles'!$G$19=$B$17,14,0)+IF('Standard Profiles'!$G$19=$B$24,21,0),0)),0)</f>
        <v>2.9316728879619149</v>
      </c>
      <c r="F6944" cm="1">
        <f t="array" ref="F6944">IFERROR(INDEX(Jesper!AJ$2:AJ$366,ROUNDDOWN($C6944/24,0)+1,1)*INDEX($D$3:$AA$30,INDEX(Jesper!$R$2:$R$366,ROW(INDEX(Jesper!AJ$2:AJ$366,ROUNDDOWN($C6944/24,0)+1,1))-1)+IF('Standard Profiles'!$G$20=$B$10,7,0)+IF('Standard Profiles'!$G$20=$B$17,14,0)+IF('Standard Profiles'!$G$20=$B$24,21,0),MOD($C6944,24)+1)/SUM(INDEX($D$3:$AA$30,INDEX(Jesper!$R$2:$R$366,ROW(INDEX(Jesper!AJ$2:AJ$366,ROUNDDOWN($C6944/24,0)+1,1))-1)+IF('Standard Profiles'!$G$20=$B$10,7,0)+IF('Standard Profiles'!$G$20=$B$17,14,0)+IF('Standard Profiles'!$G$20=$B$24,21,0),0)),0)</f>
        <v>1.6220101604952997</v>
      </c>
      <c r="G6944" cm="1">
        <f t="array" ref="G6944">IFERROR(INDEX(Jesper!AK$2:AK$366,ROUNDDOWN($C6944/24,0)+1,1)*INDEX($D$3:$AA$30,INDEX(Jesper!$R$2:$R$366,ROW(INDEX(Jesper!AK$2:AK$366,ROUNDDOWN($C6944/24,0)+1,1))-1)+IF('Standard Profiles'!$G$21=$B$10,7,0)+IF('Standard Profiles'!$G$21=$B$17,14,0)+IF('Standard Profiles'!$G$21=$B$24,21,0),MOD($C6944,24)+1)/SUM(INDEX($D$3:$AA$30,INDEX(Jesper!$R$2:$R$366,ROW(INDEX(Jesper!AK$2:AK$366,ROUNDDOWN($C6944/24,0)+1,1))-1)+IF('Standard Profiles'!$G$21=$B$10,7,0)+IF('Standard Profiles'!$G$21=$B$17,14,0)+IF('Standard Profiles'!$G$21=$B$24,21,0),0)),0)</f>
        <v>1.0528264654345967</v>
      </c>
      <c r="H6944" cm="1">
        <f t="array" ref="H6944">IFERROR(INDEX(Jesper!AL$2:AL$366,ROUNDDOWN($C6944/24,0)+1,1)*INDEX($D$3:$AA$30,INDEX(Jesper!$R$2:$R$366,ROW(INDEX(Jesper!AL$2:AL$366,ROUNDDOWN($C6944/24,0)+1,1))-1)+IF('Standard Profiles'!$G$22=$B$10,7,0)+IF('Standard Profiles'!$G$22=$B$17,14,0)+IF('Standard Profiles'!$G$22=$B$24,21,0),MOD($C6944,24)+1)/SUM(INDEX($D$3:$AA$30,INDEX(Jesper!$R$2:$R$366,ROW(INDEX(Jesper!AL$2:AL$366,ROUNDDOWN($C6944/24,0)+1,1))-1)+IF('Standard Profiles'!$G$22=$B$10,7,0)+IF('Standard Profiles'!$G$22=$B$17,14,0)+IF('Standard Profiles'!$G$22=$B$24,21,0),0)),0)</f>
        <v>0.3616955990508901</v>
      </c>
      <c r="I6944">
        <f t="shared" si="769"/>
        <v>0.34722777508885466</v>
      </c>
      <c r="J6944">
        <f t="shared" si="770"/>
        <v>5.2691765912984172</v>
      </c>
      <c r="K6944">
        <f t="shared" si="771"/>
        <v>0.23453383103695319</v>
      </c>
      <c r="L6944">
        <f t="shared" si="772"/>
        <v>0.11726691551847659</v>
      </c>
      <c r="M6944">
        <f t="shared" si="773"/>
        <v>0</v>
      </c>
      <c r="N6944" s="45">
        <f t="shared" si="774"/>
        <v>45214.916666649908</v>
      </c>
    </row>
    <row r="6945" spans="2:14" x14ac:dyDescent="0.25">
      <c r="B6945">
        <f t="shared" si="768"/>
        <v>7</v>
      </c>
      <c r="C6945" s="16">
        <v>6911</v>
      </c>
      <c r="D6945" cm="1">
        <f t="array" ref="D6945">IFERROR(INDEX(Jesper!AH$2:AH$366,ROUNDDOWN($C6945/24,0)+1,1)*INDEX($D$3:$AA$30,INDEX(Jesper!$R$2:$R$366,ROW(INDEX(Jesper!AH$2:AH$366,ROUNDDOWN($C6945/24,0)+1,1))-1)+IF('Standard Profiles'!$G$18=$B$10,7,0)+IF('Standard Profiles'!$G$18=$B$17,14,0)+IF('Standard Profiles'!$G$18=$B$24,21,0),MOD($C6945,24)+1)/SUM(INDEX($D$3:$AA$30,INDEX(Jesper!$R$2:$R$366,ROW(INDEX(Jesper!AH$2:AH$366,ROUNDDOWN($C6945/24,0)+1,1))-1)+IF('Standard Profiles'!$G$18=$B$10,7,0)+IF('Standard Profiles'!$G$18=$B$17,14,0)+IF('Standard Profiles'!$G$18=$B$24,21,0),0)),0)</f>
        <v>0</v>
      </c>
      <c r="E6945" cm="1">
        <f t="array" ref="E6945">IFERROR(INDEX(Jesper!AI$2:AI$366,ROUNDDOWN($C6945/24,0)+1,1)*INDEX($D$3:$AA$30,INDEX(Jesper!$R$2:$R$366,ROW(INDEX(Jesper!AI$2:AI$366,ROUNDDOWN($C6945/24,0)+1,1))-1)+IF('Standard Profiles'!$G$19=$B$10,7,0)+IF('Standard Profiles'!$G$19=$B$17,14,0)+IF('Standard Profiles'!$G$19=$B$24,21,0),MOD($C6945,24)+1)/SUM(INDEX($D$3:$AA$30,INDEX(Jesper!$R$2:$R$366,ROW(INDEX(Jesper!AI$2:AI$366,ROUNDDOWN($C6945/24,0)+1,1))-1)+IF('Standard Profiles'!$G$19=$B$10,7,0)+IF('Standard Profiles'!$G$19=$B$17,14,0)+IF('Standard Profiles'!$G$19=$B$24,21,0),0)),0)</f>
        <v>2.9316728879619149</v>
      </c>
      <c r="F6945" cm="1">
        <f t="array" ref="F6945">IFERROR(INDEX(Jesper!AJ$2:AJ$366,ROUNDDOWN($C6945/24,0)+1,1)*INDEX($D$3:$AA$30,INDEX(Jesper!$R$2:$R$366,ROW(INDEX(Jesper!AJ$2:AJ$366,ROUNDDOWN($C6945/24,0)+1,1))-1)+IF('Standard Profiles'!$G$20=$B$10,7,0)+IF('Standard Profiles'!$G$20=$B$17,14,0)+IF('Standard Profiles'!$G$20=$B$24,21,0),MOD($C6945,24)+1)/SUM(INDEX($D$3:$AA$30,INDEX(Jesper!$R$2:$R$366,ROW(INDEX(Jesper!AJ$2:AJ$366,ROUNDDOWN($C6945/24,0)+1,1))-1)+IF('Standard Profiles'!$G$20=$B$10,7,0)+IF('Standard Profiles'!$G$20=$B$17,14,0)+IF('Standard Profiles'!$G$20=$B$24,21,0),0)),0)</f>
        <v>1.6220101604952997</v>
      </c>
      <c r="G6945" cm="1">
        <f t="array" ref="G6945">IFERROR(INDEX(Jesper!AK$2:AK$366,ROUNDDOWN($C6945/24,0)+1,1)*INDEX($D$3:$AA$30,INDEX(Jesper!$R$2:$R$366,ROW(INDEX(Jesper!AK$2:AK$366,ROUNDDOWN($C6945/24,0)+1,1))-1)+IF('Standard Profiles'!$G$21=$B$10,7,0)+IF('Standard Profiles'!$G$21=$B$17,14,0)+IF('Standard Profiles'!$G$21=$B$24,21,0),MOD($C6945,24)+1)/SUM(INDEX($D$3:$AA$30,INDEX(Jesper!$R$2:$R$366,ROW(INDEX(Jesper!AK$2:AK$366,ROUNDDOWN($C6945/24,0)+1,1))-1)+IF('Standard Profiles'!$G$21=$B$10,7,0)+IF('Standard Profiles'!$G$21=$B$17,14,0)+IF('Standard Profiles'!$G$21=$B$24,21,0),0)),0)</f>
        <v>1.0528264654345967</v>
      </c>
      <c r="H6945" cm="1">
        <f t="array" ref="H6945">IFERROR(INDEX(Jesper!AL$2:AL$366,ROUNDDOWN($C6945/24,0)+1,1)*INDEX($D$3:$AA$30,INDEX(Jesper!$R$2:$R$366,ROW(INDEX(Jesper!AL$2:AL$366,ROUNDDOWN($C6945/24,0)+1,1))-1)+IF('Standard Profiles'!$G$22=$B$10,7,0)+IF('Standard Profiles'!$G$22=$B$17,14,0)+IF('Standard Profiles'!$G$22=$B$24,21,0),MOD($C6945,24)+1)/SUM(INDEX($D$3:$AA$30,INDEX(Jesper!$R$2:$R$366,ROW(INDEX(Jesper!AL$2:AL$366,ROUNDDOWN($C6945/24,0)+1,1))-1)+IF('Standard Profiles'!$G$22=$B$10,7,0)+IF('Standard Profiles'!$G$22=$B$17,14,0)+IF('Standard Profiles'!$G$22=$B$24,21,0),0)),0)</f>
        <v>0.3616955990508901</v>
      </c>
      <c r="I6945">
        <f t="shared" si="769"/>
        <v>0.34722777508885466</v>
      </c>
      <c r="J6945">
        <f t="shared" si="770"/>
        <v>5.2691765912984172</v>
      </c>
      <c r="K6945">
        <f t="shared" si="771"/>
        <v>0.23453383103695319</v>
      </c>
      <c r="L6945">
        <f t="shared" si="772"/>
        <v>0.11726691551847659</v>
      </c>
      <c r="M6945">
        <f t="shared" si="773"/>
        <v>0</v>
      </c>
      <c r="N6945" s="45">
        <f t="shared" si="774"/>
        <v>45214.958333316572</v>
      </c>
    </row>
    <row r="6946" spans="2:14" x14ac:dyDescent="0.25">
      <c r="B6946">
        <f t="shared" si="768"/>
        <v>1</v>
      </c>
      <c r="C6946" s="16">
        <v>6912</v>
      </c>
      <c r="D6946" cm="1">
        <f t="array" ref="D6946">IFERROR(INDEX(Jesper!AH$2:AH$366,ROUNDDOWN($C6946/24,0)+1,1)*INDEX($D$3:$AA$30,INDEX(Jesper!$R$2:$R$366,ROW(INDEX(Jesper!AH$2:AH$366,ROUNDDOWN($C6946/24,0)+1,1))-1)+IF('Standard Profiles'!$G$18=$B$10,7,0)+IF('Standard Profiles'!$G$18=$B$17,14,0)+IF('Standard Profiles'!$G$18=$B$24,21,0),MOD($C6946,24)+1)/SUM(INDEX($D$3:$AA$30,INDEX(Jesper!$R$2:$R$366,ROW(INDEX(Jesper!AH$2:AH$366,ROUNDDOWN($C6946/24,0)+1,1))-1)+IF('Standard Profiles'!$G$18=$B$10,7,0)+IF('Standard Profiles'!$G$18=$B$17,14,0)+IF('Standard Profiles'!$G$18=$B$24,21,0),0)),0)</f>
        <v>5.6266994001823152</v>
      </c>
      <c r="E6946" cm="1">
        <f t="array" ref="E6946">IFERROR(INDEX(Jesper!AI$2:AI$366,ROUNDDOWN($C6946/24,0)+1,1)*INDEX($D$3:$AA$30,INDEX(Jesper!$R$2:$R$366,ROW(INDEX(Jesper!AI$2:AI$366,ROUNDDOWN($C6946/24,0)+1,1))-1)+IF('Standard Profiles'!$G$19=$B$10,7,0)+IF('Standard Profiles'!$G$19=$B$17,14,0)+IF('Standard Profiles'!$G$19=$B$24,21,0),MOD($C6946,24)+1)/SUM(INDEX($D$3:$AA$30,INDEX(Jesper!$R$2:$R$366,ROW(INDEX(Jesper!AI$2:AI$366,ROUNDDOWN($C6946/24,0)+1,1))-1)+IF('Standard Profiles'!$G$19=$B$10,7,0)+IF('Standard Profiles'!$G$19=$B$17,14,0)+IF('Standard Profiles'!$G$19=$B$24,21,0),0)),0)</f>
        <v>5.0421669699327412</v>
      </c>
      <c r="F6946" cm="1">
        <f t="array" ref="F6946">IFERROR(INDEX(Jesper!AJ$2:AJ$366,ROUNDDOWN($C6946/24,0)+1,1)*INDEX($D$3:$AA$30,INDEX(Jesper!$R$2:$R$366,ROW(INDEX(Jesper!AJ$2:AJ$366,ROUNDDOWN($C6946/24,0)+1,1))-1)+IF('Standard Profiles'!$G$20=$B$10,7,0)+IF('Standard Profiles'!$G$20=$B$17,14,0)+IF('Standard Profiles'!$G$20=$B$24,21,0),MOD($C6946,24)+1)/SUM(INDEX($D$3:$AA$30,INDEX(Jesper!$R$2:$R$366,ROW(INDEX(Jesper!AJ$2:AJ$366,ROUNDDOWN($C6946/24,0)+1,1))-1)+IF('Standard Profiles'!$G$20=$B$10,7,0)+IF('Standard Profiles'!$G$20=$B$17,14,0)+IF('Standard Profiles'!$G$20=$B$24,21,0),0)),0)</f>
        <v>0</v>
      </c>
      <c r="G6946" cm="1">
        <f t="array" ref="G6946">IFERROR(INDEX(Jesper!AK$2:AK$366,ROUNDDOWN($C6946/24,0)+1,1)*INDEX($D$3:$AA$30,INDEX(Jesper!$R$2:$R$366,ROW(INDEX(Jesper!AK$2:AK$366,ROUNDDOWN($C6946/24,0)+1,1))-1)+IF('Standard Profiles'!$G$21=$B$10,7,0)+IF('Standard Profiles'!$G$21=$B$17,14,0)+IF('Standard Profiles'!$G$21=$B$24,21,0),MOD($C6946,24)+1)/SUM(INDEX($D$3:$AA$30,INDEX(Jesper!$R$2:$R$366,ROW(INDEX(Jesper!AK$2:AK$366,ROUNDDOWN($C6946/24,0)+1,1))-1)+IF('Standard Profiles'!$G$21=$B$10,7,0)+IF('Standard Profiles'!$G$21=$B$17,14,0)+IF('Standard Profiles'!$G$21=$B$24,21,0),0)),0)</f>
        <v>2.5949789773021306</v>
      </c>
      <c r="H6946" cm="1">
        <f t="array" ref="H6946">IFERROR(INDEX(Jesper!AL$2:AL$366,ROUNDDOWN($C6946/24,0)+1,1)*INDEX($D$3:$AA$30,INDEX(Jesper!$R$2:$R$366,ROW(INDEX(Jesper!AL$2:AL$366,ROUNDDOWN($C6946/24,0)+1,1))-1)+IF('Standard Profiles'!$G$22=$B$10,7,0)+IF('Standard Profiles'!$G$22=$B$17,14,0)+IF('Standard Profiles'!$G$22=$B$24,21,0),MOD($C6946,24)+1)/SUM(INDEX($D$3:$AA$30,INDEX(Jesper!$R$2:$R$366,ROW(INDEX(Jesper!AL$2:AL$366,ROUNDDOWN($C6946/24,0)+1,1))-1)+IF('Standard Profiles'!$G$22=$B$10,7,0)+IF('Standard Profiles'!$G$22=$B$17,14,0)+IF('Standard Profiles'!$G$22=$B$24,21,0),0)),0)</f>
        <v>0</v>
      </c>
      <c r="I6946">
        <f t="shared" si="769"/>
        <v>1.245589909105022</v>
      </c>
      <c r="J6946">
        <f t="shared" si="770"/>
        <v>11.117983534282995</v>
      </c>
      <c r="K6946">
        <f t="shared" si="771"/>
        <v>0.60018126935278038</v>
      </c>
      <c r="L6946">
        <f t="shared" si="772"/>
        <v>0.30009063467639019</v>
      </c>
      <c r="M6946">
        <f t="shared" si="773"/>
        <v>0</v>
      </c>
      <c r="N6946" s="45">
        <f t="shared" si="774"/>
        <v>45214.999999983236</v>
      </c>
    </row>
    <row r="6947" spans="2:14" x14ac:dyDescent="0.25">
      <c r="B6947">
        <f t="shared" ref="B6947:B7010" si="775">WEEKDAY(N6947,2)</f>
        <v>1</v>
      </c>
      <c r="C6947" s="16">
        <v>6913</v>
      </c>
      <c r="D6947" cm="1">
        <f t="array" ref="D6947">IFERROR(INDEX(Jesper!AH$2:AH$366,ROUNDDOWN($C6947/24,0)+1,1)*INDEX($D$3:$AA$30,INDEX(Jesper!$R$2:$R$366,ROW(INDEX(Jesper!AH$2:AH$366,ROUNDDOWN($C6947/24,0)+1,1))-1)+IF('Standard Profiles'!$G$18=$B$10,7,0)+IF('Standard Profiles'!$G$18=$B$17,14,0)+IF('Standard Profiles'!$G$18=$B$24,21,0),MOD($C6947,24)+1)/SUM(INDEX($D$3:$AA$30,INDEX(Jesper!$R$2:$R$366,ROW(INDEX(Jesper!AH$2:AH$366,ROUNDDOWN($C6947/24,0)+1,1))-1)+IF('Standard Profiles'!$G$18=$B$10,7,0)+IF('Standard Profiles'!$G$18=$B$17,14,0)+IF('Standard Profiles'!$G$18=$B$24,21,0),0)),0)</f>
        <v>5.6266994001823152</v>
      </c>
      <c r="E6947" cm="1">
        <f t="array" ref="E6947">IFERROR(INDEX(Jesper!AI$2:AI$366,ROUNDDOWN($C6947/24,0)+1,1)*INDEX($D$3:$AA$30,INDEX(Jesper!$R$2:$R$366,ROW(INDEX(Jesper!AI$2:AI$366,ROUNDDOWN($C6947/24,0)+1,1))-1)+IF('Standard Profiles'!$G$19=$B$10,7,0)+IF('Standard Profiles'!$G$19=$B$17,14,0)+IF('Standard Profiles'!$G$19=$B$24,21,0),MOD($C6947,24)+1)/SUM(INDEX($D$3:$AA$30,INDEX(Jesper!$R$2:$R$366,ROW(INDEX(Jesper!AI$2:AI$366,ROUNDDOWN($C6947/24,0)+1,1))-1)+IF('Standard Profiles'!$G$19=$B$10,7,0)+IF('Standard Profiles'!$G$19=$B$17,14,0)+IF('Standard Profiles'!$G$19=$B$24,21,0),0)),0)</f>
        <v>5.0421669699327412</v>
      </c>
      <c r="F6947" cm="1">
        <f t="array" ref="F6947">IFERROR(INDEX(Jesper!AJ$2:AJ$366,ROUNDDOWN($C6947/24,0)+1,1)*INDEX($D$3:$AA$30,INDEX(Jesper!$R$2:$R$366,ROW(INDEX(Jesper!AJ$2:AJ$366,ROUNDDOWN($C6947/24,0)+1,1))-1)+IF('Standard Profiles'!$G$20=$B$10,7,0)+IF('Standard Profiles'!$G$20=$B$17,14,0)+IF('Standard Profiles'!$G$20=$B$24,21,0),MOD($C6947,24)+1)/SUM(INDEX($D$3:$AA$30,INDEX(Jesper!$R$2:$R$366,ROW(INDEX(Jesper!AJ$2:AJ$366,ROUNDDOWN($C6947/24,0)+1,1))-1)+IF('Standard Profiles'!$G$20=$B$10,7,0)+IF('Standard Profiles'!$G$20=$B$17,14,0)+IF('Standard Profiles'!$G$20=$B$24,21,0),0)),0)</f>
        <v>0</v>
      </c>
      <c r="G6947" cm="1">
        <f t="array" ref="G6947">IFERROR(INDEX(Jesper!AK$2:AK$366,ROUNDDOWN($C6947/24,0)+1,1)*INDEX($D$3:$AA$30,INDEX(Jesper!$R$2:$R$366,ROW(INDEX(Jesper!AK$2:AK$366,ROUNDDOWN($C6947/24,0)+1,1))-1)+IF('Standard Profiles'!$G$21=$B$10,7,0)+IF('Standard Profiles'!$G$21=$B$17,14,0)+IF('Standard Profiles'!$G$21=$B$24,21,0),MOD($C6947,24)+1)/SUM(INDEX($D$3:$AA$30,INDEX(Jesper!$R$2:$R$366,ROW(INDEX(Jesper!AK$2:AK$366,ROUNDDOWN($C6947/24,0)+1,1))-1)+IF('Standard Profiles'!$G$21=$B$10,7,0)+IF('Standard Profiles'!$G$21=$B$17,14,0)+IF('Standard Profiles'!$G$21=$B$24,21,0),0)),0)</f>
        <v>2.5949789773021306</v>
      </c>
      <c r="H6947" cm="1">
        <f t="array" ref="H6947">IFERROR(INDEX(Jesper!AL$2:AL$366,ROUNDDOWN($C6947/24,0)+1,1)*INDEX($D$3:$AA$30,INDEX(Jesper!$R$2:$R$366,ROW(INDEX(Jesper!AL$2:AL$366,ROUNDDOWN($C6947/24,0)+1,1))-1)+IF('Standard Profiles'!$G$22=$B$10,7,0)+IF('Standard Profiles'!$G$22=$B$17,14,0)+IF('Standard Profiles'!$G$22=$B$24,21,0),MOD($C6947,24)+1)/SUM(INDEX($D$3:$AA$30,INDEX(Jesper!$R$2:$R$366,ROW(INDEX(Jesper!AL$2:AL$366,ROUNDDOWN($C6947/24,0)+1,1))-1)+IF('Standard Profiles'!$G$22=$B$10,7,0)+IF('Standard Profiles'!$G$22=$B$17,14,0)+IF('Standard Profiles'!$G$22=$B$24,21,0),0)),0)</f>
        <v>0</v>
      </c>
      <c r="I6947">
        <f t="shared" ref="I6947:I7010" si="776">IF($B6947&lt;6,AC$37*$D6947+AC$38*$E6947+AC$39*$F6947+AC$40*$G6947,AC$46*$D6947+AC$47*$E6947+AC$48*$F6947+AC$49*$G6947+AC$50*$H6947)</f>
        <v>1.245589909105022</v>
      </c>
      <c r="J6947">
        <f t="shared" ref="J6947:J7010" si="777">IF($B6947&lt;6,AD$37*$D6947+AD$38*$E6947+AD$39*$F6947+AD$40*$G6947,AD$46*$D6947+AD$47*$E6947+AD$48*$F6947+AD$49*$G6947+AD$50*$H6947)</f>
        <v>11.117983534282995</v>
      </c>
      <c r="K6947">
        <f t="shared" ref="K6947:K7010" si="778">IF($B6947&lt;6,AE$37*$D6947+AE$38*$E6947+AE$39*$F6947+AE$40*$G6947,AE$46*$D6947+AE$47*$E6947+AE$48*$F6947+AE$49*$G6947+AE$50*$H6947)</f>
        <v>0.60018126935278038</v>
      </c>
      <c r="L6947">
        <f t="shared" ref="L6947:L7010" si="779">IF($B6947&lt;6,AF$37*$D6947+AF$38*$E6947+AF$39*$F6947+AF$40*$G6947,AF$46*$D6947+AF$47*$E6947+AF$48*$F6947+AF$49*$G6947+AF$50*$H6947)</f>
        <v>0.30009063467639019</v>
      </c>
      <c r="M6947">
        <f t="shared" ref="M6947:M7010" si="780">IF($B6947&lt;6,AG$37*$D6947+AG$38*$E6947+AG$39*$F6947+AG$40*$G6947,AG$46*$D6947+AG$47*$E6947+AG$48*$F6947+AG$49*$G6947+AG$50*$H6947)</f>
        <v>0</v>
      </c>
      <c r="N6947" s="45">
        <f t="shared" si="774"/>
        <v>45215.0416666499</v>
      </c>
    </row>
    <row r="6948" spans="2:14" x14ac:dyDescent="0.25">
      <c r="B6948">
        <f t="shared" si="775"/>
        <v>1</v>
      </c>
      <c r="C6948" s="16">
        <v>6914</v>
      </c>
      <c r="D6948" cm="1">
        <f t="array" ref="D6948">IFERROR(INDEX(Jesper!AH$2:AH$366,ROUNDDOWN($C6948/24,0)+1,1)*INDEX($D$3:$AA$30,INDEX(Jesper!$R$2:$R$366,ROW(INDEX(Jesper!AH$2:AH$366,ROUNDDOWN($C6948/24,0)+1,1))-1)+IF('Standard Profiles'!$G$18=$B$10,7,0)+IF('Standard Profiles'!$G$18=$B$17,14,0)+IF('Standard Profiles'!$G$18=$B$24,21,0),MOD($C6948,24)+1)/SUM(INDEX($D$3:$AA$30,INDEX(Jesper!$R$2:$R$366,ROW(INDEX(Jesper!AH$2:AH$366,ROUNDDOWN($C6948/24,0)+1,1))-1)+IF('Standard Profiles'!$G$18=$B$10,7,0)+IF('Standard Profiles'!$G$18=$B$17,14,0)+IF('Standard Profiles'!$G$18=$B$24,21,0),0)),0)</f>
        <v>5.6266994001823152</v>
      </c>
      <c r="E6948" cm="1">
        <f t="array" ref="E6948">IFERROR(INDEX(Jesper!AI$2:AI$366,ROUNDDOWN($C6948/24,0)+1,1)*INDEX($D$3:$AA$30,INDEX(Jesper!$R$2:$R$366,ROW(INDEX(Jesper!AI$2:AI$366,ROUNDDOWN($C6948/24,0)+1,1))-1)+IF('Standard Profiles'!$G$19=$B$10,7,0)+IF('Standard Profiles'!$G$19=$B$17,14,0)+IF('Standard Profiles'!$G$19=$B$24,21,0),MOD($C6948,24)+1)/SUM(INDEX($D$3:$AA$30,INDEX(Jesper!$R$2:$R$366,ROW(INDEX(Jesper!AI$2:AI$366,ROUNDDOWN($C6948/24,0)+1,1))-1)+IF('Standard Profiles'!$G$19=$B$10,7,0)+IF('Standard Profiles'!$G$19=$B$17,14,0)+IF('Standard Profiles'!$G$19=$B$24,21,0),0)),0)</f>
        <v>5.0421669699327412</v>
      </c>
      <c r="F6948" cm="1">
        <f t="array" ref="F6948">IFERROR(INDEX(Jesper!AJ$2:AJ$366,ROUNDDOWN($C6948/24,0)+1,1)*INDEX($D$3:$AA$30,INDEX(Jesper!$R$2:$R$366,ROW(INDEX(Jesper!AJ$2:AJ$366,ROUNDDOWN($C6948/24,0)+1,1))-1)+IF('Standard Profiles'!$G$20=$B$10,7,0)+IF('Standard Profiles'!$G$20=$B$17,14,0)+IF('Standard Profiles'!$G$20=$B$24,21,0),MOD($C6948,24)+1)/SUM(INDEX($D$3:$AA$30,INDEX(Jesper!$R$2:$R$366,ROW(INDEX(Jesper!AJ$2:AJ$366,ROUNDDOWN($C6948/24,0)+1,1))-1)+IF('Standard Profiles'!$G$20=$B$10,7,0)+IF('Standard Profiles'!$G$20=$B$17,14,0)+IF('Standard Profiles'!$G$20=$B$24,21,0),0)),0)</f>
        <v>0</v>
      </c>
      <c r="G6948" cm="1">
        <f t="array" ref="G6948">IFERROR(INDEX(Jesper!AK$2:AK$366,ROUNDDOWN($C6948/24,0)+1,1)*INDEX($D$3:$AA$30,INDEX(Jesper!$R$2:$R$366,ROW(INDEX(Jesper!AK$2:AK$366,ROUNDDOWN($C6948/24,0)+1,1))-1)+IF('Standard Profiles'!$G$21=$B$10,7,0)+IF('Standard Profiles'!$G$21=$B$17,14,0)+IF('Standard Profiles'!$G$21=$B$24,21,0),MOD($C6948,24)+1)/SUM(INDEX($D$3:$AA$30,INDEX(Jesper!$R$2:$R$366,ROW(INDEX(Jesper!AK$2:AK$366,ROUNDDOWN($C6948/24,0)+1,1))-1)+IF('Standard Profiles'!$G$21=$B$10,7,0)+IF('Standard Profiles'!$G$21=$B$17,14,0)+IF('Standard Profiles'!$G$21=$B$24,21,0),0)),0)</f>
        <v>2.5949789773021306</v>
      </c>
      <c r="H6948" cm="1">
        <f t="array" ref="H6948">IFERROR(INDEX(Jesper!AL$2:AL$366,ROUNDDOWN($C6948/24,0)+1,1)*INDEX($D$3:$AA$30,INDEX(Jesper!$R$2:$R$366,ROW(INDEX(Jesper!AL$2:AL$366,ROUNDDOWN($C6948/24,0)+1,1))-1)+IF('Standard Profiles'!$G$22=$B$10,7,0)+IF('Standard Profiles'!$G$22=$B$17,14,0)+IF('Standard Profiles'!$G$22=$B$24,21,0),MOD($C6948,24)+1)/SUM(INDEX($D$3:$AA$30,INDEX(Jesper!$R$2:$R$366,ROW(INDEX(Jesper!AL$2:AL$366,ROUNDDOWN($C6948/24,0)+1,1))-1)+IF('Standard Profiles'!$G$22=$B$10,7,0)+IF('Standard Profiles'!$G$22=$B$17,14,0)+IF('Standard Profiles'!$G$22=$B$24,21,0),0)),0)</f>
        <v>0</v>
      </c>
      <c r="I6948">
        <f t="shared" si="776"/>
        <v>1.245589909105022</v>
      </c>
      <c r="J6948">
        <f t="shared" si="777"/>
        <v>11.117983534282995</v>
      </c>
      <c r="K6948">
        <f t="shared" si="778"/>
        <v>0.60018126935278038</v>
      </c>
      <c r="L6948">
        <f t="shared" si="779"/>
        <v>0.30009063467639019</v>
      </c>
      <c r="M6948">
        <f t="shared" si="780"/>
        <v>0</v>
      </c>
      <c r="N6948" s="45">
        <f t="shared" ref="N6948:N7011" si="781">N6947+1/24</f>
        <v>45215.083333316565</v>
      </c>
    </row>
    <row r="6949" spans="2:14" x14ac:dyDescent="0.25">
      <c r="B6949">
        <f t="shared" si="775"/>
        <v>1</v>
      </c>
      <c r="C6949" s="16">
        <v>6915</v>
      </c>
      <c r="D6949" cm="1">
        <f t="array" ref="D6949">IFERROR(INDEX(Jesper!AH$2:AH$366,ROUNDDOWN($C6949/24,0)+1,1)*INDEX($D$3:$AA$30,INDEX(Jesper!$R$2:$R$366,ROW(INDEX(Jesper!AH$2:AH$366,ROUNDDOWN($C6949/24,0)+1,1))-1)+IF('Standard Profiles'!$G$18=$B$10,7,0)+IF('Standard Profiles'!$G$18=$B$17,14,0)+IF('Standard Profiles'!$G$18=$B$24,21,0),MOD($C6949,24)+1)/SUM(INDEX($D$3:$AA$30,INDEX(Jesper!$R$2:$R$366,ROW(INDEX(Jesper!AH$2:AH$366,ROUNDDOWN($C6949/24,0)+1,1))-1)+IF('Standard Profiles'!$G$18=$B$10,7,0)+IF('Standard Profiles'!$G$18=$B$17,14,0)+IF('Standard Profiles'!$G$18=$B$24,21,0),0)),0)</f>
        <v>5.6266994001823152</v>
      </c>
      <c r="E6949" cm="1">
        <f t="array" ref="E6949">IFERROR(INDEX(Jesper!AI$2:AI$366,ROUNDDOWN($C6949/24,0)+1,1)*INDEX($D$3:$AA$30,INDEX(Jesper!$R$2:$R$366,ROW(INDEX(Jesper!AI$2:AI$366,ROUNDDOWN($C6949/24,0)+1,1))-1)+IF('Standard Profiles'!$G$19=$B$10,7,0)+IF('Standard Profiles'!$G$19=$B$17,14,0)+IF('Standard Profiles'!$G$19=$B$24,21,0),MOD($C6949,24)+1)/SUM(INDEX($D$3:$AA$30,INDEX(Jesper!$R$2:$R$366,ROW(INDEX(Jesper!AI$2:AI$366,ROUNDDOWN($C6949/24,0)+1,1))-1)+IF('Standard Profiles'!$G$19=$B$10,7,0)+IF('Standard Profiles'!$G$19=$B$17,14,0)+IF('Standard Profiles'!$G$19=$B$24,21,0),0)),0)</f>
        <v>5.0421669699327412</v>
      </c>
      <c r="F6949" cm="1">
        <f t="array" ref="F6949">IFERROR(INDEX(Jesper!AJ$2:AJ$366,ROUNDDOWN($C6949/24,0)+1,1)*INDEX($D$3:$AA$30,INDEX(Jesper!$R$2:$R$366,ROW(INDEX(Jesper!AJ$2:AJ$366,ROUNDDOWN($C6949/24,0)+1,1))-1)+IF('Standard Profiles'!$G$20=$B$10,7,0)+IF('Standard Profiles'!$G$20=$B$17,14,0)+IF('Standard Profiles'!$G$20=$B$24,21,0),MOD($C6949,24)+1)/SUM(INDEX($D$3:$AA$30,INDEX(Jesper!$R$2:$R$366,ROW(INDEX(Jesper!AJ$2:AJ$366,ROUNDDOWN($C6949/24,0)+1,1))-1)+IF('Standard Profiles'!$G$20=$B$10,7,0)+IF('Standard Profiles'!$G$20=$B$17,14,0)+IF('Standard Profiles'!$G$20=$B$24,21,0),0)),0)</f>
        <v>0</v>
      </c>
      <c r="G6949" cm="1">
        <f t="array" ref="G6949">IFERROR(INDEX(Jesper!AK$2:AK$366,ROUNDDOWN($C6949/24,0)+1,1)*INDEX($D$3:$AA$30,INDEX(Jesper!$R$2:$R$366,ROW(INDEX(Jesper!AK$2:AK$366,ROUNDDOWN($C6949/24,0)+1,1))-1)+IF('Standard Profiles'!$G$21=$B$10,7,0)+IF('Standard Profiles'!$G$21=$B$17,14,0)+IF('Standard Profiles'!$G$21=$B$24,21,0),MOD($C6949,24)+1)/SUM(INDEX($D$3:$AA$30,INDEX(Jesper!$R$2:$R$366,ROW(INDEX(Jesper!AK$2:AK$366,ROUNDDOWN($C6949/24,0)+1,1))-1)+IF('Standard Profiles'!$G$21=$B$10,7,0)+IF('Standard Profiles'!$G$21=$B$17,14,0)+IF('Standard Profiles'!$G$21=$B$24,21,0),0)),0)</f>
        <v>2.5949789773021306</v>
      </c>
      <c r="H6949" cm="1">
        <f t="array" ref="H6949">IFERROR(INDEX(Jesper!AL$2:AL$366,ROUNDDOWN($C6949/24,0)+1,1)*INDEX($D$3:$AA$30,INDEX(Jesper!$R$2:$R$366,ROW(INDEX(Jesper!AL$2:AL$366,ROUNDDOWN($C6949/24,0)+1,1))-1)+IF('Standard Profiles'!$G$22=$B$10,7,0)+IF('Standard Profiles'!$G$22=$B$17,14,0)+IF('Standard Profiles'!$G$22=$B$24,21,0),MOD($C6949,24)+1)/SUM(INDEX($D$3:$AA$30,INDEX(Jesper!$R$2:$R$366,ROW(INDEX(Jesper!AL$2:AL$366,ROUNDDOWN($C6949/24,0)+1,1))-1)+IF('Standard Profiles'!$G$22=$B$10,7,0)+IF('Standard Profiles'!$G$22=$B$17,14,0)+IF('Standard Profiles'!$G$22=$B$24,21,0),0)),0)</f>
        <v>0</v>
      </c>
      <c r="I6949">
        <f t="shared" si="776"/>
        <v>1.245589909105022</v>
      </c>
      <c r="J6949">
        <f t="shared" si="777"/>
        <v>11.117983534282995</v>
      </c>
      <c r="K6949">
        <f t="shared" si="778"/>
        <v>0.60018126935278038</v>
      </c>
      <c r="L6949">
        <f t="shared" si="779"/>
        <v>0.30009063467639019</v>
      </c>
      <c r="M6949">
        <f t="shared" si="780"/>
        <v>0</v>
      </c>
      <c r="N6949" s="45">
        <f t="shared" si="781"/>
        <v>45215.124999983229</v>
      </c>
    </row>
    <row r="6950" spans="2:14" x14ac:dyDescent="0.25">
      <c r="B6950">
        <f t="shared" si="775"/>
        <v>1</v>
      </c>
      <c r="C6950" s="16">
        <v>6916</v>
      </c>
      <c r="D6950" cm="1">
        <f t="array" ref="D6950">IFERROR(INDEX(Jesper!AH$2:AH$366,ROUNDDOWN($C6950/24,0)+1,1)*INDEX($D$3:$AA$30,INDEX(Jesper!$R$2:$R$366,ROW(INDEX(Jesper!AH$2:AH$366,ROUNDDOWN($C6950/24,0)+1,1))-1)+IF('Standard Profiles'!$G$18=$B$10,7,0)+IF('Standard Profiles'!$G$18=$B$17,14,0)+IF('Standard Profiles'!$G$18=$B$24,21,0),MOD($C6950,24)+1)/SUM(INDEX($D$3:$AA$30,INDEX(Jesper!$R$2:$R$366,ROW(INDEX(Jesper!AH$2:AH$366,ROUNDDOWN($C6950/24,0)+1,1))-1)+IF('Standard Profiles'!$G$18=$B$10,7,0)+IF('Standard Profiles'!$G$18=$B$17,14,0)+IF('Standard Profiles'!$G$18=$B$24,21,0),0)),0)</f>
        <v>5.6266994001823152</v>
      </c>
      <c r="E6950" cm="1">
        <f t="array" ref="E6950">IFERROR(INDEX(Jesper!AI$2:AI$366,ROUNDDOWN($C6950/24,0)+1,1)*INDEX($D$3:$AA$30,INDEX(Jesper!$R$2:$R$366,ROW(INDEX(Jesper!AI$2:AI$366,ROUNDDOWN($C6950/24,0)+1,1))-1)+IF('Standard Profiles'!$G$19=$B$10,7,0)+IF('Standard Profiles'!$G$19=$B$17,14,0)+IF('Standard Profiles'!$G$19=$B$24,21,0),MOD($C6950,24)+1)/SUM(INDEX($D$3:$AA$30,INDEX(Jesper!$R$2:$R$366,ROW(INDEX(Jesper!AI$2:AI$366,ROUNDDOWN($C6950/24,0)+1,1))-1)+IF('Standard Profiles'!$G$19=$B$10,7,0)+IF('Standard Profiles'!$G$19=$B$17,14,0)+IF('Standard Profiles'!$G$19=$B$24,21,0),0)),0)</f>
        <v>5.0421669699327412</v>
      </c>
      <c r="F6950" cm="1">
        <f t="array" ref="F6950">IFERROR(INDEX(Jesper!AJ$2:AJ$366,ROUNDDOWN($C6950/24,0)+1,1)*INDEX($D$3:$AA$30,INDEX(Jesper!$R$2:$R$366,ROW(INDEX(Jesper!AJ$2:AJ$366,ROUNDDOWN($C6950/24,0)+1,1))-1)+IF('Standard Profiles'!$G$20=$B$10,7,0)+IF('Standard Profiles'!$G$20=$B$17,14,0)+IF('Standard Profiles'!$G$20=$B$24,21,0),MOD($C6950,24)+1)/SUM(INDEX($D$3:$AA$30,INDEX(Jesper!$R$2:$R$366,ROW(INDEX(Jesper!AJ$2:AJ$366,ROUNDDOWN($C6950/24,0)+1,1))-1)+IF('Standard Profiles'!$G$20=$B$10,7,0)+IF('Standard Profiles'!$G$20=$B$17,14,0)+IF('Standard Profiles'!$G$20=$B$24,21,0),0)),0)</f>
        <v>0</v>
      </c>
      <c r="G6950" cm="1">
        <f t="array" ref="G6950">IFERROR(INDEX(Jesper!AK$2:AK$366,ROUNDDOWN($C6950/24,0)+1,1)*INDEX($D$3:$AA$30,INDEX(Jesper!$R$2:$R$366,ROW(INDEX(Jesper!AK$2:AK$366,ROUNDDOWN($C6950/24,0)+1,1))-1)+IF('Standard Profiles'!$G$21=$B$10,7,0)+IF('Standard Profiles'!$G$21=$B$17,14,0)+IF('Standard Profiles'!$G$21=$B$24,21,0),MOD($C6950,24)+1)/SUM(INDEX($D$3:$AA$30,INDEX(Jesper!$R$2:$R$366,ROW(INDEX(Jesper!AK$2:AK$366,ROUNDDOWN($C6950/24,0)+1,1))-1)+IF('Standard Profiles'!$G$21=$B$10,7,0)+IF('Standard Profiles'!$G$21=$B$17,14,0)+IF('Standard Profiles'!$G$21=$B$24,21,0),0)),0)</f>
        <v>2.5949789773021306</v>
      </c>
      <c r="H6950" cm="1">
        <f t="array" ref="H6950">IFERROR(INDEX(Jesper!AL$2:AL$366,ROUNDDOWN($C6950/24,0)+1,1)*INDEX($D$3:$AA$30,INDEX(Jesper!$R$2:$R$366,ROW(INDEX(Jesper!AL$2:AL$366,ROUNDDOWN($C6950/24,0)+1,1))-1)+IF('Standard Profiles'!$G$22=$B$10,7,0)+IF('Standard Profiles'!$G$22=$B$17,14,0)+IF('Standard Profiles'!$G$22=$B$24,21,0),MOD($C6950,24)+1)/SUM(INDEX($D$3:$AA$30,INDEX(Jesper!$R$2:$R$366,ROW(INDEX(Jesper!AL$2:AL$366,ROUNDDOWN($C6950/24,0)+1,1))-1)+IF('Standard Profiles'!$G$22=$B$10,7,0)+IF('Standard Profiles'!$G$22=$B$17,14,0)+IF('Standard Profiles'!$G$22=$B$24,21,0),0)),0)</f>
        <v>0</v>
      </c>
      <c r="I6950">
        <f t="shared" si="776"/>
        <v>1.245589909105022</v>
      </c>
      <c r="J6950">
        <f t="shared" si="777"/>
        <v>11.117983534282995</v>
      </c>
      <c r="K6950">
        <f t="shared" si="778"/>
        <v>0.60018126935278038</v>
      </c>
      <c r="L6950">
        <f t="shared" si="779"/>
        <v>0.30009063467639019</v>
      </c>
      <c r="M6950">
        <f t="shared" si="780"/>
        <v>0</v>
      </c>
      <c r="N6950" s="45">
        <f t="shared" si="781"/>
        <v>45215.166666649893</v>
      </c>
    </row>
    <row r="6951" spans="2:14" x14ac:dyDescent="0.25">
      <c r="B6951">
        <f t="shared" si="775"/>
        <v>1</v>
      </c>
      <c r="C6951" s="16">
        <v>6917</v>
      </c>
      <c r="D6951" cm="1">
        <f t="array" ref="D6951">IFERROR(INDEX(Jesper!AH$2:AH$366,ROUNDDOWN($C6951/24,0)+1,1)*INDEX($D$3:$AA$30,INDEX(Jesper!$R$2:$R$366,ROW(INDEX(Jesper!AH$2:AH$366,ROUNDDOWN($C6951/24,0)+1,1))-1)+IF('Standard Profiles'!$G$18=$B$10,7,0)+IF('Standard Profiles'!$G$18=$B$17,14,0)+IF('Standard Profiles'!$G$18=$B$24,21,0),MOD($C6951,24)+1)/SUM(INDEX($D$3:$AA$30,INDEX(Jesper!$R$2:$R$366,ROW(INDEX(Jesper!AH$2:AH$366,ROUNDDOWN($C6951/24,0)+1,1))-1)+IF('Standard Profiles'!$G$18=$B$10,7,0)+IF('Standard Profiles'!$G$18=$B$17,14,0)+IF('Standard Profiles'!$G$18=$B$24,21,0),0)),0)</f>
        <v>5.6266994001823152</v>
      </c>
      <c r="E6951" cm="1">
        <f t="array" ref="E6951">IFERROR(INDEX(Jesper!AI$2:AI$366,ROUNDDOWN($C6951/24,0)+1,1)*INDEX($D$3:$AA$30,INDEX(Jesper!$R$2:$R$366,ROW(INDEX(Jesper!AI$2:AI$366,ROUNDDOWN($C6951/24,0)+1,1))-1)+IF('Standard Profiles'!$G$19=$B$10,7,0)+IF('Standard Profiles'!$G$19=$B$17,14,0)+IF('Standard Profiles'!$G$19=$B$24,21,0),MOD($C6951,24)+1)/SUM(INDEX($D$3:$AA$30,INDEX(Jesper!$R$2:$R$366,ROW(INDEX(Jesper!AI$2:AI$366,ROUNDDOWN($C6951/24,0)+1,1))-1)+IF('Standard Profiles'!$G$19=$B$10,7,0)+IF('Standard Profiles'!$G$19=$B$17,14,0)+IF('Standard Profiles'!$G$19=$B$24,21,0),0)),0)</f>
        <v>5.0421669699327412</v>
      </c>
      <c r="F6951" cm="1">
        <f t="array" ref="F6951">IFERROR(INDEX(Jesper!AJ$2:AJ$366,ROUNDDOWN($C6951/24,0)+1,1)*INDEX($D$3:$AA$30,INDEX(Jesper!$R$2:$R$366,ROW(INDEX(Jesper!AJ$2:AJ$366,ROUNDDOWN($C6951/24,0)+1,1))-1)+IF('Standard Profiles'!$G$20=$B$10,7,0)+IF('Standard Profiles'!$G$20=$B$17,14,0)+IF('Standard Profiles'!$G$20=$B$24,21,0),MOD($C6951,24)+1)/SUM(INDEX($D$3:$AA$30,INDEX(Jesper!$R$2:$R$366,ROW(INDEX(Jesper!AJ$2:AJ$366,ROUNDDOWN($C6951/24,0)+1,1))-1)+IF('Standard Profiles'!$G$20=$B$10,7,0)+IF('Standard Profiles'!$G$20=$B$17,14,0)+IF('Standard Profiles'!$G$20=$B$24,21,0),0)),0)</f>
        <v>0</v>
      </c>
      <c r="G6951" cm="1">
        <f t="array" ref="G6951">IFERROR(INDEX(Jesper!AK$2:AK$366,ROUNDDOWN($C6951/24,0)+1,1)*INDEX($D$3:$AA$30,INDEX(Jesper!$R$2:$R$366,ROW(INDEX(Jesper!AK$2:AK$366,ROUNDDOWN($C6951/24,0)+1,1))-1)+IF('Standard Profiles'!$G$21=$B$10,7,0)+IF('Standard Profiles'!$G$21=$B$17,14,0)+IF('Standard Profiles'!$G$21=$B$24,21,0),MOD($C6951,24)+1)/SUM(INDEX($D$3:$AA$30,INDEX(Jesper!$R$2:$R$366,ROW(INDEX(Jesper!AK$2:AK$366,ROUNDDOWN($C6951/24,0)+1,1))-1)+IF('Standard Profiles'!$G$21=$B$10,7,0)+IF('Standard Profiles'!$G$21=$B$17,14,0)+IF('Standard Profiles'!$G$21=$B$24,21,0),0)),0)</f>
        <v>2.5949789773021306</v>
      </c>
      <c r="H6951" cm="1">
        <f t="array" ref="H6951">IFERROR(INDEX(Jesper!AL$2:AL$366,ROUNDDOWN($C6951/24,0)+1,1)*INDEX($D$3:$AA$30,INDEX(Jesper!$R$2:$R$366,ROW(INDEX(Jesper!AL$2:AL$366,ROUNDDOWN($C6951/24,0)+1,1))-1)+IF('Standard Profiles'!$G$22=$B$10,7,0)+IF('Standard Profiles'!$G$22=$B$17,14,0)+IF('Standard Profiles'!$G$22=$B$24,21,0),MOD($C6951,24)+1)/SUM(INDEX($D$3:$AA$30,INDEX(Jesper!$R$2:$R$366,ROW(INDEX(Jesper!AL$2:AL$366,ROUNDDOWN($C6951/24,0)+1,1))-1)+IF('Standard Profiles'!$G$22=$B$10,7,0)+IF('Standard Profiles'!$G$22=$B$17,14,0)+IF('Standard Profiles'!$G$22=$B$24,21,0),0)),0)</f>
        <v>0</v>
      </c>
      <c r="I6951">
        <f t="shared" si="776"/>
        <v>1.245589909105022</v>
      </c>
      <c r="J6951">
        <f t="shared" si="777"/>
        <v>11.117983534282995</v>
      </c>
      <c r="K6951">
        <f t="shared" si="778"/>
        <v>0.60018126935278038</v>
      </c>
      <c r="L6951">
        <f t="shared" si="779"/>
        <v>0.30009063467639019</v>
      </c>
      <c r="M6951">
        <f t="shared" si="780"/>
        <v>0</v>
      </c>
      <c r="N6951" s="45">
        <f t="shared" si="781"/>
        <v>45215.208333316557</v>
      </c>
    </row>
    <row r="6952" spans="2:14" x14ac:dyDescent="0.25">
      <c r="B6952">
        <f t="shared" si="775"/>
        <v>1</v>
      </c>
      <c r="C6952" s="16">
        <v>6918</v>
      </c>
      <c r="D6952" cm="1">
        <f t="array" ref="D6952">IFERROR(INDEX(Jesper!AH$2:AH$366,ROUNDDOWN($C6952/24,0)+1,1)*INDEX($D$3:$AA$30,INDEX(Jesper!$R$2:$R$366,ROW(INDEX(Jesper!AH$2:AH$366,ROUNDDOWN($C6952/24,0)+1,1))-1)+IF('Standard Profiles'!$G$18=$B$10,7,0)+IF('Standard Profiles'!$G$18=$B$17,14,0)+IF('Standard Profiles'!$G$18=$B$24,21,0),MOD($C6952,24)+1)/SUM(INDEX($D$3:$AA$30,INDEX(Jesper!$R$2:$R$366,ROW(INDEX(Jesper!AH$2:AH$366,ROUNDDOWN($C6952/24,0)+1,1))-1)+IF('Standard Profiles'!$G$18=$B$10,7,0)+IF('Standard Profiles'!$G$18=$B$17,14,0)+IF('Standard Profiles'!$G$18=$B$24,21,0),0)),0)</f>
        <v>5.6266994001823152</v>
      </c>
      <c r="E6952" cm="1">
        <f t="array" ref="E6952">IFERROR(INDEX(Jesper!AI$2:AI$366,ROUNDDOWN($C6952/24,0)+1,1)*INDEX($D$3:$AA$30,INDEX(Jesper!$R$2:$R$366,ROW(INDEX(Jesper!AI$2:AI$366,ROUNDDOWN($C6952/24,0)+1,1))-1)+IF('Standard Profiles'!$G$19=$B$10,7,0)+IF('Standard Profiles'!$G$19=$B$17,14,0)+IF('Standard Profiles'!$G$19=$B$24,21,0),MOD($C6952,24)+1)/SUM(INDEX($D$3:$AA$30,INDEX(Jesper!$R$2:$R$366,ROW(INDEX(Jesper!AI$2:AI$366,ROUNDDOWN($C6952/24,0)+1,1))-1)+IF('Standard Profiles'!$G$19=$B$10,7,0)+IF('Standard Profiles'!$G$19=$B$17,14,0)+IF('Standard Profiles'!$G$19=$B$24,21,0),0)),0)</f>
        <v>5.0421669699327412</v>
      </c>
      <c r="F6952" cm="1">
        <f t="array" ref="F6952">IFERROR(INDEX(Jesper!AJ$2:AJ$366,ROUNDDOWN($C6952/24,0)+1,1)*INDEX($D$3:$AA$30,INDEX(Jesper!$R$2:$R$366,ROW(INDEX(Jesper!AJ$2:AJ$366,ROUNDDOWN($C6952/24,0)+1,1))-1)+IF('Standard Profiles'!$G$20=$B$10,7,0)+IF('Standard Profiles'!$G$20=$B$17,14,0)+IF('Standard Profiles'!$G$20=$B$24,21,0),MOD($C6952,24)+1)/SUM(INDEX($D$3:$AA$30,INDEX(Jesper!$R$2:$R$366,ROW(INDEX(Jesper!AJ$2:AJ$366,ROUNDDOWN($C6952/24,0)+1,1))-1)+IF('Standard Profiles'!$G$20=$B$10,7,0)+IF('Standard Profiles'!$G$20=$B$17,14,0)+IF('Standard Profiles'!$G$20=$B$24,21,0),0)),0)</f>
        <v>0</v>
      </c>
      <c r="G6952" cm="1">
        <f t="array" ref="G6952">IFERROR(INDEX(Jesper!AK$2:AK$366,ROUNDDOWN($C6952/24,0)+1,1)*INDEX($D$3:$AA$30,INDEX(Jesper!$R$2:$R$366,ROW(INDEX(Jesper!AK$2:AK$366,ROUNDDOWN($C6952/24,0)+1,1))-1)+IF('Standard Profiles'!$G$21=$B$10,7,0)+IF('Standard Profiles'!$G$21=$B$17,14,0)+IF('Standard Profiles'!$G$21=$B$24,21,0),MOD($C6952,24)+1)/SUM(INDEX($D$3:$AA$30,INDEX(Jesper!$R$2:$R$366,ROW(INDEX(Jesper!AK$2:AK$366,ROUNDDOWN($C6952/24,0)+1,1))-1)+IF('Standard Profiles'!$G$21=$B$10,7,0)+IF('Standard Profiles'!$G$21=$B$17,14,0)+IF('Standard Profiles'!$G$21=$B$24,21,0),0)),0)</f>
        <v>2.5949789773021306</v>
      </c>
      <c r="H6952" cm="1">
        <f t="array" ref="H6952">IFERROR(INDEX(Jesper!AL$2:AL$366,ROUNDDOWN($C6952/24,0)+1,1)*INDEX($D$3:$AA$30,INDEX(Jesper!$R$2:$R$366,ROW(INDEX(Jesper!AL$2:AL$366,ROUNDDOWN($C6952/24,0)+1,1))-1)+IF('Standard Profiles'!$G$22=$B$10,7,0)+IF('Standard Profiles'!$G$22=$B$17,14,0)+IF('Standard Profiles'!$G$22=$B$24,21,0),MOD($C6952,24)+1)/SUM(INDEX($D$3:$AA$30,INDEX(Jesper!$R$2:$R$366,ROW(INDEX(Jesper!AL$2:AL$366,ROUNDDOWN($C6952/24,0)+1,1))-1)+IF('Standard Profiles'!$G$22=$B$10,7,0)+IF('Standard Profiles'!$G$22=$B$17,14,0)+IF('Standard Profiles'!$G$22=$B$24,21,0),0)),0)</f>
        <v>0</v>
      </c>
      <c r="I6952">
        <f t="shared" si="776"/>
        <v>1.245589909105022</v>
      </c>
      <c r="J6952">
        <f t="shared" si="777"/>
        <v>11.117983534282995</v>
      </c>
      <c r="K6952">
        <f t="shared" si="778"/>
        <v>0.60018126935278038</v>
      </c>
      <c r="L6952">
        <f t="shared" si="779"/>
        <v>0.30009063467639019</v>
      </c>
      <c r="M6952">
        <f t="shared" si="780"/>
        <v>0</v>
      </c>
      <c r="N6952" s="45">
        <f t="shared" si="781"/>
        <v>45215.249999983222</v>
      </c>
    </row>
    <row r="6953" spans="2:14" x14ac:dyDescent="0.25">
      <c r="B6953">
        <f t="shared" si="775"/>
        <v>1</v>
      </c>
      <c r="C6953" s="16">
        <v>6919</v>
      </c>
      <c r="D6953" cm="1">
        <f t="array" ref="D6953">IFERROR(INDEX(Jesper!AH$2:AH$366,ROUNDDOWN($C6953/24,0)+1,1)*INDEX($D$3:$AA$30,INDEX(Jesper!$R$2:$R$366,ROW(INDEX(Jesper!AH$2:AH$366,ROUNDDOWN($C6953/24,0)+1,1))-1)+IF('Standard Profiles'!$G$18=$B$10,7,0)+IF('Standard Profiles'!$G$18=$B$17,14,0)+IF('Standard Profiles'!$G$18=$B$24,21,0),MOD($C6953,24)+1)/SUM(INDEX($D$3:$AA$30,INDEX(Jesper!$R$2:$R$366,ROW(INDEX(Jesper!AH$2:AH$366,ROUNDDOWN($C6953/24,0)+1,1))-1)+IF('Standard Profiles'!$G$18=$B$10,7,0)+IF('Standard Profiles'!$G$18=$B$17,14,0)+IF('Standard Profiles'!$G$18=$B$24,21,0),0)),0)</f>
        <v>23.969739444776661</v>
      </c>
      <c r="E6953" cm="1">
        <f t="array" ref="E6953">IFERROR(INDEX(Jesper!AI$2:AI$366,ROUNDDOWN($C6953/24,0)+1,1)*INDEX($D$3:$AA$30,INDEX(Jesper!$R$2:$R$366,ROW(INDEX(Jesper!AI$2:AI$366,ROUNDDOWN($C6953/24,0)+1,1))-1)+IF('Standard Profiles'!$G$19=$B$10,7,0)+IF('Standard Profiles'!$G$19=$B$17,14,0)+IF('Standard Profiles'!$G$19=$B$24,21,0),MOD($C6953,24)+1)/SUM(INDEX($D$3:$AA$30,INDEX(Jesper!$R$2:$R$366,ROW(INDEX(Jesper!AI$2:AI$366,ROUNDDOWN($C6953/24,0)+1,1))-1)+IF('Standard Profiles'!$G$19=$B$10,7,0)+IF('Standard Profiles'!$G$19=$B$17,14,0)+IF('Standard Profiles'!$G$19=$B$24,21,0),0)),0)</f>
        <v>21.479631291913478</v>
      </c>
      <c r="F6953" cm="1">
        <f t="array" ref="F6953">IFERROR(INDEX(Jesper!AJ$2:AJ$366,ROUNDDOWN($C6953/24,0)+1,1)*INDEX($D$3:$AA$30,INDEX(Jesper!$R$2:$R$366,ROW(INDEX(Jesper!AJ$2:AJ$366,ROUNDDOWN($C6953/24,0)+1,1))-1)+IF('Standard Profiles'!$G$20=$B$10,7,0)+IF('Standard Profiles'!$G$20=$B$17,14,0)+IF('Standard Profiles'!$G$20=$B$24,21,0),MOD($C6953,24)+1)/SUM(INDEX($D$3:$AA$30,INDEX(Jesper!$R$2:$R$366,ROW(INDEX(Jesper!AJ$2:AJ$366,ROUNDDOWN($C6953/24,0)+1,1))-1)+IF('Standard Profiles'!$G$20=$B$10,7,0)+IF('Standard Profiles'!$G$20=$B$17,14,0)+IF('Standard Profiles'!$G$20=$B$24,21,0),0)),0)</f>
        <v>0</v>
      </c>
      <c r="G6953" cm="1">
        <f t="array" ref="G6953">IFERROR(INDEX(Jesper!AK$2:AK$366,ROUNDDOWN($C6953/24,0)+1,1)*INDEX($D$3:$AA$30,INDEX(Jesper!$R$2:$R$366,ROW(INDEX(Jesper!AK$2:AK$366,ROUNDDOWN($C6953/24,0)+1,1))-1)+IF('Standard Profiles'!$G$21=$B$10,7,0)+IF('Standard Profiles'!$G$21=$B$17,14,0)+IF('Standard Profiles'!$G$21=$B$24,21,0),MOD($C6953,24)+1)/SUM(INDEX($D$3:$AA$30,INDEX(Jesper!$R$2:$R$366,ROW(INDEX(Jesper!AK$2:AK$366,ROUNDDOWN($C6953/24,0)+1,1))-1)+IF('Standard Profiles'!$G$21=$B$10,7,0)+IF('Standard Profiles'!$G$21=$B$17,14,0)+IF('Standard Profiles'!$G$21=$B$24,21,0),0)),0)</f>
        <v>11.288158551264267</v>
      </c>
      <c r="H6953" cm="1">
        <f t="array" ref="H6953">IFERROR(INDEX(Jesper!AL$2:AL$366,ROUNDDOWN($C6953/24,0)+1,1)*INDEX($D$3:$AA$30,INDEX(Jesper!$R$2:$R$366,ROW(INDEX(Jesper!AL$2:AL$366,ROUNDDOWN($C6953/24,0)+1,1))-1)+IF('Standard Profiles'!$G$22=$B$10,7,0)+IF('Standard Profiles'!$G$22=$B$17,14,0)+IF('Standard Profiles'!$G$22=$B$24,21,0),MOD($C6953,24)+1)/SUM(INDEX($D$3:$AA$30,INDEX(Jesper!$R$2:$R$366,ROW(INDEX(Jesper!AL$2:AL$366,ROUNDDOWN($C6953/24,0)+1,1))-1)+IF('Standard Profiles'!$G$22=$B$10,7,0)+IF('Standard Profiles'!$G$22=$B$17,14,0)+IF('Standard Profiles'!$G$22=$B$24,21,0),0)),0)</f>
        <v>0</v>
      </c>
      <c r="I6953">
        <f t="shared" si="776"/>
        <v>5.4183161046068458</v>
      </c>
      <c r="J6953">
        <f t="shared" si="777"/>
        <v>47.484054872183293</v>
      </c>
      <c r="K6953">
        <f t="shared" si="778"/>
        <v>2.5567722074428438</v>
      </c>
      <c r="L6953">
        <f t="shared" si="779"/>
        <v>1.2783861037214219</v>
      </c>
      <c r="M6953">
        <f t="shared" si="780"/>
        <v>0</v>
      </c>
      <c r="N6953" s="45">
        <f t="shared" si="781"/>
        <v>45215.291666649886</v>
      </c>
    </row>
    <row r="6954" spans="2:14" x14ac:dyDescent="0.25">
      <c r="B6954">
        <f t="shared" si="775"/>
        <v>1</v>
      </c>
      <c r="C6954" s="16">
        <v>6920</v>
      </c>
      <c r="D6954" cm="1">
        <f t="array" ref="D6954">IFERROR(INDEX(Jesper!AH$2:AH$366,ROUNDDOWN($C6954/24,0)+1,1)*INDEX($D$3:$AA$30,INDEX(Jesper!$R$2:$R$366,ROW(INDEX(Jesper!AH$2:AH$366,ROUNDDOWN($C6954/24,0)+1,1))-1)+IF('Standard Profiles'!$G$18=$B$10,7,0)+IF('Standard Profiles'!$G$18=$B$17,14,0)+IF('Standard Profiles'!$G$18=$B$24,21,0),MOD($C6954,24)+1)/SUM(INDEX($D$3:$AA$30,INDEX(Jesper!$R$2:$R$366,ROW(INDEX(Jesper!AH$2:AH$366,ROUNDDOWN($C6954/24,0)+1,1))-1)+IF('Standard Profiles'!$G$18=$B$10,7,0)+IF('Standard Profiles'!$G$18=$B$17,14,0)+IF('Standard Profiles'!$G$18=$B$24,21,0),0)),0)</f>
        <v>26.965956875373745</v>
      </c>
      <c r="E6954" cm="1">
        <f t="array" ref="E6954">IFERROR(INDEX(Jesper!AI$2:AI$366,ROUNDDOWN($C6954/24,0)+1,1)*INDEX($D$3:$AA$30,INDEX(Jesper!$R$2:$R$366,ROW(INDEX(Jesper!AI$2:AI$366,ROUNDDOWN($C6954/24,0)+1,1))-1)+IF('Standard Profiles'!$G$19=$B$10,7,0)+IF('Standard Profiles'!$G$19=$B$17,14,0)+IF('Standard Profiles'!$G$19=$B$24,21,0),MOD($C6954,24)+1)/SUM(INDEX($D$3:$AA$30,INDEX(Jesper!$R$2:$R$366,ROW(INDEX(Jesper!AI$2:AI$366,ROUNDDOWN($C6954/24,0)+1,1))-1)+IF('Standard Profiles'!$G$19=$B$10,7,0)+IF('Standard Profiles'!$G$19=$B$17,14,0)+IF('Standard Profiles'!$G$19=$B$24,21,0),0)),0)</f>
        <v>24.164585203402659</v>
      </c>
      <c r="F6954" cm="1">
        <f t="array" ref="F6954">IFERROR(INDEX(Jesper!AJ$2:AJ$366,ROUNDDOWN($C6954/24,0)+1,1)*INDEX($D$3:$AA$30,INDEX(Jesper!$R$2:$R$366,ROW(INDEX(Jesper!AJ$2:AJ$366,ROUNDDOWN($C6954/24,0)+1,1))-1)+IF('Standard Profiles'!$G$20=$B$10,7,0)+IF('Standard Profiles'!$G$20=$B$17,14,0)+IF('Standard Profiles'!$G$20=$B$24,21,0),MOD($C6954,24)+1)/SUM(INDEX($D$3:$AA$30,INDEX(Jesper!$R$2:$R$366,ROW(INDEX(Jesper!AJ$2:AJ$366,ROUNDDOWN($C6954/24,0)+1,1))-1)+IF('Standard Profiles'!$G$20=$B$10,7,0)+IF('Standard Profiles'!$G$20=$B$17,14,0)+IF('Standard Profiles'!$G$20=$B$24,21,0),0)),0)</f>
        <v>0</v>
      </c>
      <c r="G6954" cm="1">
        <f t="array" ref="G6954">IFERROR(INDEX(Jesper!AK$2:AK$366,ROUNDDOWN($C6954/24,0)+1,1)*INDEX($D$3:$AA$30,INDEX(Jesper!$R$2:$R$366,ROW(INDEX(Jesper!AK$2:AK$366,ROUNDDOWN($C6954/24,0)+1,1))-1)+IF('Standard Profiles'!$G$21=$B$10,7,0)+IF('Standard Profiles'!$G$21=$B$17,14,0)+IF('Standard Profiles'!$G$21=$B$24,21,0),MOD($C6954,24)+1)/SUM(INDEX($D$3:$AA$30,INDEX(Jesper!$R$2:$R$366,ROW(INDEX(Jesper!AK$2:AK$366,ROUNDDOWN($C6954/24,0)+1,1))-1)+IF('Standard Profiles'!$G$21=$B$10,7,0)+IF('Standard Profiles'!$G$21=$B$17,14,0)+IF('Standard Profiles'!$G$21=$B$24,21,0),0)),0)</f>
        <v>12.699178370172302</v>
      </c>
      <c r="H6954" cm="1">
        <f t="array" ref="H6954">IFERROR(INDEX(Jesper!AL$2:AL$366,ROUNDDOWN($C6954/24,0)+1,1)*INDEX($D$3:$AA$30,INDEX(Jesper!$R$2:$R$366,ROW(INDEX(Jesper!AL$2:AL$366,ROUNDDOWN($C6954/24,0)+1,1))-1)+IF('Standard Profiles'!$G$22=$B$10,7,0)+IF('Standard Profiles'!$G$22=$B$17,14,0)+IF('Standard Profiles'!$G$22=$B$24,21,0),MOD($C6954,24)+1)/SUM(INDEX($D$3:$AA$30,INDEX(Jesper!$R$2:$R$366,ROW(INDEX(Jesper!AL$2:AL$366,ROUNDDOWN($C6954/24,0)+1,1))-1)+IF('Standard Profiles'!$G$22=$B$10,7,0)+IF('Standard Profiles'!$G$22=$B$17,14,0)+IF('Standard Profiles'!$G$22=$B$24,21,0),0)),0)</f>
        <v>0</v>
      </c>
      <c r="I6954">
        <f t="shared" si="776"/>
        <v>6.0956056176827014</v>
      </c>
      <c r="J6954">
        <f t="shared" si="777"/>
        <v>53.419561731206201</v>
      </c>
      <c r="K6954">
        <f t="shared" si="778"/>
        <v>2.8763687333731998</v>
      </c>
      <c r="L6954">
        <f t="shared" si="779"/>
        <v>1.4381843666865999</v>
      </c>
      <c r="M6954">
        <f t="shared" si="780"/>
        <v>0</v>
      </c>
      <c r="N6954" s="45">
        <f t="shared" si="781"/>
        <v>45215.33333331655</v>
      </c>
    </row>
    <row r="6955" spans="2:14" x14ac:dyDescent="0.25">
      <c r="B6955">
        <f t="shared" si="775"/>
        <v>1</v>
      </c>
      <c r="C6955" s="16">
        <v>6921</v>
      </c>
      <c r="D6955" cm="1">
        <f t="array" ref="D6955">IFERROR(INDEX(Jesper!AH$2:AH$366,ROUNDDOWN($C6955/24,0)+1,1)*INDEX($D$3:$AA$30,INDEX(Jesper!$R$2:$R$366,ROW(INDEX(Jesper!AH$2:AH$366,ROUNDDOWN($C6955/24,0)+1,1))-1)+IF('Standard Profiles'!$G$18=$B$10,7,0)+IF('Standard Profiles'!$G$18=$B$17,14,0)+IF('Standard Profiles'!$G$18=$B$24,21,0),MOD($C6955,24)+1)/SUM(INDEX($D$3:$AA$30,INDEX(Jesper!$R$2:$R$366,ROW(INDEX(Jesper!AH$2:AH$366,ROUNDDOWN($C6955/24,0)+1,1))-1)+IF('Standard Profiles'!$G$18=$B$10,7,0)+IF('Standard Profiles'!$G$18=$B$17,14,0)+IF('Standard Profiles'!$G$18=$B$24,21,0),0)),0)</f>
        <v>29.962174305970823</v>
      </c>
      <c r="E6955" cm="1">
        <f t="array" ref="E6955">IFERROR(INDEX(Jesper!AI$2:AI$366,ROUNDDOWN($C6955/24,0)+1,1)*INDEX($D$3:$AA$30,INDEX(Jesper!$R$2:$R$366,ROW(INDEX(Jesper!AI$2:AI$366,ROUNDDOWN($C6955/24,0)+1,1))-1)+IF('Standard Profiles'!$G$19=$B$10,7,0)+IF('Standard Profiles'!$G$19=$B$17,14,0)+IF('Standard Profiles'!$G$19=$B$24,21,0),MOD($C6955,24)+1)/SUM(INDEX($D$3:$AA$30,INDEX(Jesper!$R$2:$R$366,ROW(INDEX(Jesper!AI$2:AI$366,ROUNDDOWN($C6955/24,0)+1,1))-1)+IF('Standard Profiles'!$G$19=$B$10,7,0)+IF('Standard Profiles'!$G$19=$B$17,14,0)+IF('Standard Profiles'!$G$19=$B$24,21,0),0)),0)</f>
        <v>26.849539114891847</v>
      </c>
      <c r="F6955" cm="1">
        <f t="array" ref="F6955">IFERROR(INDEX(Jesper!AJ$2:AJ$366,ROUNDDOWN($C6955/24,0)+1,1)*INDEX($D$3:$AA$30,INDEX(Jesper!$R$2:$R$366,ROW(INDEX(Jesper!AJ$2:AJ$366,ROUNDDOWN($C6955/24,0)+1,1))-1)+IF('Standard Profiles'!$G$20=$B$10,7,0)+IF('Standard Profiles'!$G$20=$B$17,14,0)+IF('Standard Profiles'!$G$20=$B$24,21,0),MOD($C6955,24)+1)/SUM(INDEX($D$3:$AA$30,INDEX(Jesper!$R$2:$R$366,ROW(INDEX(Jesper!AJ$2:AJ$366,ROUNDDOWN($C6955/24,0)+1,1))-1)+IF('Standard Profiles'!$G$20=$B$10,7,0)+IF('Standard Profiles'!$G$20=$B$17,14,0)+IF('Standard Profiles'!$G$20=$B$24,21,0),0)),0)</f>
        <v>0</v>
      </c>
      <c r="G6955" cm="1">
        <f t="array" ref="G6955">IFERROR(INDEX(Jesper!AK$2:AK$366,ROUNDDOWN($C6955/24,0)+1,1)*INDEX($D$3:$AA$30,INDEX(Jesper!$R$2:$R$366,ROW(INDEX(Jesper!AK$2:AK$366,ROUNDDOWN($C6955/24,0)+1,1))-1)+IF('Standard Profiles'!$G$21=$B$10,7,0)+IF('Standard Profiles'!$G$21=$B$17,14,0)+IF('Standard Profiles'!$G$21=$B$24,21,0),MOD($C6955,24)+1)/SUM(INDEX($D$3:$AA$30,INDEX(Jesper!$R$2:$R$366,ROW(INDEX(Jesper!AK$2:AK$366,ROUNDDOWN($C6955/24,0)+1,1))-1)+IF('Standard Profiles'!$G$21=$B$10,7,0)+IF('Standard Profiles'!$G$21=$B$17,14,0)+IF('Standard Profiles'!$G$21=$B$24,21,0),0)),0)</f>
        <v>14.110198189080334</v>
      </c>
      <c r="H6955" cm="1">
        <f t="array" ref="H6955">IFERROR(INDEX(Jesper!AL$2:AL$366,ROUNDDOWN($C6955/24,0)+1,1)*INDEX($D$3:$AA$30,INDEX(Jesper!$R$2:$R$366,ROW(INDEX(Jesper!AL$2:AL$366,ROUNDDOWN($C6955/24,0)+1,1))-1)+IF('Standard Profiles'!$G$22=$B$10,7,0)+IF('Standard Profiles'!$G$22=$B$17,14,0)+IF('Standard Profiles'!$G$22=$B$24,21,0),MOD($C6955,24)+1)/SUM(INDEX($D$3:$AA$30,INDEX(Jesper!$R$2:$R$366,ROW(INDEX(Jesper!AL$2:AL$366,ROUNDDOWN($C6955/24,0)+1,1))-1)+IF('Standard Profiles'!$G$22=$B$10,7,0)+IF('Standard Profiles'!$G$22=$B$17,14,0)+IF('Standard Profiles'!$G$22=$B$24,21,0),0)),0)</f>
        <v>0</v>
      </c>
      <c r="I6955">
        <f t="shared" si="776"/>
        <v>6.772895130758557</v>
      </c>
      <c r="J6955">
        <f t="shared" si="777"/>
        <v>59.355068590229116</v>
      </c>
      <c r="K6955">
        <f t="shared" si="778"/>
        <v>3.1959652593035548</v>
      </c>
      <c r="L6955">
        <f t="shared" si="779"/>
        <v>1.5979826296517774</v>
      </c>
      <c r="M6955">
        <f t="shared" si="780"/>
        <v>0</v>
      </c>
      <c r="N6955" s="45">
        <f t="shared" si="781"/>
        <v>45215.374999983214</v>
      </c>
    </row>
    <row r="6956" spans="2:14" x14ac:dyDescent="0.25">
      <c r="B6956">
        <f t="shared" si="775"/>
        <v>1</v>
      </c>
      <c r="C6956" s="16">
        <v>6922</v>
      </c>
      <c r="D6956" cm="1">
        <f t="array" ref="D6956">IFERROR(INDEX(Jesper!AH$2:AH$366,ROUNDDOWN($C6956/24,0)+1,1)*INDEX($D$3:$AA$30,INDEX(Jesper!$R$2:$R$366,ROW(INDEX(Jesper!AH$2:AH$366,ROUNDDOWN($C6956/24,0)+1,1))-1)+IF('Standard Profiles'!$G$18=$B$10,7,0)+IF('Standard Profiles'!$G$18=$B$17,14,0)+IF('Standard Profiles'!$G$18=$B$24,21,0),MOD($C6956,24)+1)/SUM(INDEX($D$3:$AA$30,INDEX(Jesper!$R$2:$R$366,ROW(INDEX(Jesper!AH$2:AH$366,ROUNDDOWN($C6956/24,0)+1,1))-1)+IF('Standard Profiles'!$G$18=$B$10,7,0)+IF('Standard Profiles'!$G$18=$B$17,14,0)+IF('Standard Profiles'!$G$18=$B$24,21,0),0)),0)</f>
        <v>29.962174305970823</v>
      </c>
      <c r="E6956" cm="1">
        <f t="array" ref="E6956">IFERROR(INDEX(Jesper!AI$2:AI$366,ROUNDDOWN($C6956/24,0)+1,1)*INDEX($D$3:$AA$30,INDEX(Jesper!$R$2:$R$366,ROW(INDEX(Jesper!AI$2:AI$366,ROUNDDOWN($C6956/24,0)+1,1))-1)+IF('Standard Profiles'!$G$19=$B$10,7,0)+IF('Standard Profiles'!$G$19=$B$17,14,0)+IF('Standard Profiles'!$G$19=$B$24,21,0),MOD($C6956,24)+1)/SUM(INDEX($D$3:$AA$30,INDEX(Jesper!$R$2:$R$366,ROW(INDEX(Jesper!AI$2:AI$366,ROUNDDOWN($C6956/24,0)+1,1))-1)+IF('Standard Profiles'!$G$19=$B$10,7,0)+IF('Standard Profiles'!$G$19=$B$17,14,0)+IF('Standard Profiles'!$G$19=$B$24,21,0),0)),0)</f>
        <v>26.849539114891847</v>
      </c>
      <c r="F6956" cm="1">
        <f t="array" ref="F6956">IFERROR(INDEX(Jesper!AJ$2:AJ$366,ROUNDDOWN($C6956/24,0)+1,1)*INDEX($D$3:$AA$30,INDEX(Jesper!$R$2:$R$366,ROW(INDEX(Jesper!AJ$2:AJ$366,ROUNDDOWN($C6956/24,0)+1,1))-1)+IF('Standard Profiles'!$G$20=$B$10,7,0)+IF('Standard Profiles'!$G$20=$B$17,14,0)+IF('Standard Profiles'!$G$20=$B$24,21,0),MOD($C6956,24)+1)/SUM(INDEX($D$3:$AA$30,INDEX(Jesper!$R$2:$R$366,ROW(INDEX(Jesper!AJ$2:AJ$366,ROUNDDOWN($C6956/24,0)+1,1))-1)+IF('Standard Profiles'!$G$20=$B$10,7,0)+IF('Standard Profiles'!$G$20=$B$17,14,0)+IF('Standard Profiles'!$G$20=$B$24,21,0),0)),0)</f>
        <v>0</v>
      </c>
      <c r="G6956" cm="1">
        <f t="array" ref="G6956">IFERROR(INDEX(Jesper!AK$2:AK$366,ROUNDDOWN($C6956/24,0)+1,1)*INDEX($D$3:$AA$30,INDEX(Jesper!$R$2:$R$366,ROW(INDEX(Jesper!AK$2:AK$366,ROUNDDOWN($C6956/24,0)+1,1))-1)+IF('Standard Profiles'!$G$21=$B$10,7,0)+IF('Standard Profiles'!$G$21=$B$17,14,0)+IF('Standard Profiles'!$G$21=$B$24,21,0),MOD($C6956,24)+1)/SUM(INDEX($D$3:$AA$30,INDEX(Jesper!$R$2:$R$366,ROW(INDEX(Jesper!AK$2:AK$366,ROUNDDOWN($C6956/24,0)+1,1))-1)+IF('Standard Profiles'!$G$21=$B$10,7,0)+IF('Standard Profiles'!$G$21=$B$17,14,0)+IF('Standard Profiles'!$G$21=$B$24,21,0),0)),0)</f>
        <v>14.110198189080334</v>
      </c>
      <c r="H6956" cm="1">
        <f t="array" ref="H6956">IFERROR(INDEX(Jesper!AL$2:AL$366,ROUNDDOWN($C6956/24,0)+1,1)*INDEX($D$3:$AA$30,INDEX(Jesper!$R$2:$R$366,ROW(INDEX(Jesper!AL$2:AL$366,ROUNDDOWN($C6956/24,0)+1,1))-1)+IF('Standard Profiles'!$G$22=$B$10,7,0)+IF('Standard Profiles'!$G$22=$B$17,14,0)+IF('Standard Profiles'!$G$22=$B$24,21,0),MOD($C6956,24)+1)/SUM(INDEX($D$3:$AA$30,INDEX(Jesper!$R$2:$R$366,ROW(INDEX(Jesper!AL$2:AL$366,ROUNDDOWN($C6956/24,0)+1,1))-1)+IF('Standard Profiles'!$G$22=$B$10,7,0)+IF('Standard Profiles'!$G$22=$B$17,14,0)+IF('Standard Profiles'!$G$22=$B$24,21,0),0)),0)</f>
        <v>0</v>
      </c>
      <c r="I6956">
        <f t="shared" si="776"/>
        <v>6.772895130758557</v>
      </c>
      <c r="J6956">
        <f t="shared" si="777"/>
        <v>59.355068590229116</v>
      </c>
      <c r="K6956">
        <f t="shared" si="778"/>
        <v>3.1959652593035548</v>
      </c>
      <c r="L6956">
        <f t="shared" si="779"/>
        <v>1.5979826296517774</v>
      </c>
      <c r="M6956">
        <f t="shared" si="780"/>
        <v>0</v>
      </c>
      <c r="N6956" s="45">
        <f t="shared" si="781"/>
        <v>45215.416666649879</v>
      </c>
    </row>
    <row r="6957" spans="2:14" x14ac:dyDescent="0.25">
      <c r="B6957">
        <f t="shared" si="775"/>
        <v>1</v>
      </c>
      <c r="C6957" s="16">
        <v>6923</v>
      </c>
      <c r="D6957" cm="1">
        <f t="array" ref="D6957">IFERROR(INDEX(Jesper!AH$2:AH$366,ROUNDDOWN($C6957/24,0)+1,1)*INDEX($D$3:$AA$30,INDEX(Jesper!$R$2:$R$366,ROW(INDEX(Jesper!AH$2:AH$366,ROUNDDOWN($C6957/24,0)+1,1))-1)+IF('Standard Profiles'!$G$18=$B$10,7,0)+IF('Standard Profiles'!$G$18=$B$17,14,0)+IF('Standard Profiles'!$G$18=$B$24,21,0),MOD($C6957,24)+1)/SUM(INDEX($D$3:$AA$30,INDEX(Jesper!$R$2:$R$366,ROW(INDEX(Jesper!AH$2:AH$366,ROUNDDOWN($C6957/24,0)+1,1))-1)+IF('Standard Profiles'!$G$18=$B$10,7,0)+IF('Standard Profiles'!$G$18=$B$17,14,0)+IF('Standard Profiles'!$G$18=$B$24,21,0),0)),0)</f>
        <v>35.954609167164982</v>
      </c>
      <c r="E6957" cm="1">
        <f t="array" ref="E6957">IFERROR(INDEX(Jesper!AI$2:AI$366,ROUNDDOWN($C6957/24,0)+1,1)*INDEX($D$3:$AA$30,INDEX(Jesper!$R$2:$R$366,ROW(INDEX(Jesper!AI$2:AI$366,ROUNDDOWN($C6957/24,0)+1,1))-1)+IF('Standard Profiles'!$G$19=$B$10,7,0)+IF('Standard Profiles'!$G$19=$B$17,14,0)+IF('Standard Profiles'!$G$19=$B$24,21,0),MOD($C6957,24)+1)/SUM(INDEX($D$3:$AA$30,INDEX(Jesper!$R$2:$R$366,ROW(INDEX(Jesper!AI$2:AI$366,ROUNDDOWN($C6957/24,0)+1,1))-1)+IF('Standard Profiles'!$G$19=$B$10,7,0)+IF('Standard Profiles'!$G$19=$B$17,14,0)+IF('Standard Profiles'!$G$19=$B$24,21,0),0)),0)</f>
        <v>32.21944693787021</v>
      </c>
      <c r="F6957" cm="1">
        <f t="array" ref="F6957">IFERROR(INDEX(Jesper!AJ$2:AJ$366,ROUNDDOWN($C6957/24,0)+1,1)*INDEX($D$3:$AA$30,INDEX(Jesper!$R$2:$R$366,ROW(INDEX(Jesper!AJ$2:AJ$366,ROUNDDOWN($C6957/24,0)+1,1))-1)+IF('Standard Profiles'!$G$20=$B$10,7,0)+IF('Standard Profiles'!$G$20=$B$17,14,0)+IF('Standard Profiles'!$G$20=$B$24,21,0),MOD($C6957,24)+1)/SUM(INDEX($D$3:$AA$30,INDEX(Jesper!$R$2:$R$366,ROW(INDEX(Jesper!AJ$2:AJ$366,ROUNDDOWN($C6957/24,0)+1,1))-1)+IF('Standard Profiles'!$G$20=$B$10,7,0)+IF('Standard Profiles'!$G$20=$B$17,14,0)+IF('Standard Profiles'!$G$20=$B$24,21,0),0)),0)</f>
        <v>0</v>
      </c>
      <c r="G6957" cm="1">
        <f t="array" ref="G6957">IFERROR(INDEX(Jesper!AK$2:AK$366,ROUNDDOWN($C6957/24,0)+1,1)*INDEX($D$3:$AA$30,INDEX(Jesper!$R$2:$R$366,ROW(INDEX(Jesper!AK$2:AK$366,ROUNDDOWN($C6957/24,0)+1,1))-1)+IF('Standard Profiles'!$G$21=$B$10,7,0)+IF('Standard Profiles'!$G$21=$B$17,14,0)+IF('Standard Profiles'!$G$21=$B$24,21,0),MOD($C6957,24)+1)/SUM(INDEX($D$3:$AA$30,INDEX(Jesper!$R$2:$R$366,ROW(INDEX(Jesper!AK$2:AK$366,ROUNDDOWN($C6957/24,0)+1,1))-1)+IF('Standard Profiles'!$G$21=$B$10,7,0)+IF('Standard Profiles'!$G$21=$B$17,14,0)+IF('Standard Profiles'!$G$21=$B$24,21,0),0)),0)</f>
        <v>16.932237826896397</v>
      </c>
      <c r="H6957" cm="1">
        <f t="array" ref="H6957">IFERROR(INDEX(Jesper!AL$2:AL$366,ROUNDDOWN($C6957/24,0)+1,1)*INDEX($D$3:$AA$30,INDEX(Jesper!$R$2:$R$366,ROW(INDEX(Jesper!AL$2:AL$366,ROUNDDOWN($C6957/24,0)+1,1))-1)+IF('Standard Profiles'!$G$22=$B$10,7,0)+IF('Standard Profiles'!$G$22=$B$17,14,0)+IF('Standard Profiles'!$G$22=$B$24,21,0),MOD($C6957,24)+1)/SUM(INDEX($D$3:$AA$30,INDEX(Jesper!$R$2:$R$366,ROW(INDEX(Jesper!AL$2:AL$366,ROUNDDOWN($C6957/24,0)+1,1))-1)+IF('Standard Profiles'!$G$22=$B$10,7,0)+IF('Standard Profiles'!$G$22=$B$17,14,0)+IF('Standard Profiles'!$G$22=$B$24,21,0),0)),0)</f>
        <v>0</v>
      </c>
      <c r="I6957">
        <f t="shared" si="776"/>
        <v>8.1274741569102673</v>
      </c>
      <c r="J6957">
        <f t="shared" si="777"/>
        <v>71.226082308274925</v>
      </c>
      <c r="K6957">
        <f t="shared" si="778"/>
        <v>3.8351583111642649</v>
      </c>
      <c r="L6957">
        <f t="shared" si="779"/>
        <v>1.9175791555821324</v>
      </c>
      <c r="M6957">
        <f t="shared" si="780"/>
        <v>0</v>
      </c>
      <c r="N6957" s="45">
        <f t="shared" si="781"/>
        <v>45215.458333316543</v>
      </c>
    </row>
    <row r="6958" spans="2:14" x14ac:dyDescent="0.25">
      <c r="B6958">
        <f t="shared" si="775"/>
        <v>1</v>
      </c>
      <c r="C6958" s="16">
        <v>6924</v>
      </c>
      <c r="D6958" cm="1">
        <f t="array" ref="D6958">IFERROR(INDEX(Jesper!AH$2:AH$366,ROUNDDOWN($C6958/24,0)+1,1)*INDEX($D$3:$AA$30,INDEX(Jesper!$R$2:$R$366,ROW(INDEX(Jesper!AH$2:AH$366,ROUNDDOWN($C6958/24,0)+1,1))-1)+IF('Standard Profiles'!$G$18=$B$10,7,0)+IF('Standard Profiles'!$G$18=$B$17,14,0)+IF('Standard Profiles'!$G$18=$B$24,21,0),MOD($C6958,24)+1)/SUM(INDEX($D$3:$AA$30,INDEX(Jesper!$R$2:$R$366,ROW(INDEX(Jesper!AH$2:AH$366,ROUNDDOWN($C6958/24,0)+1,1))-1)+IF('Standard Profiles'!$G$18=$B$10,7,0)+IF('Standard Profiles'!$G$18=$B$17,14,0)+IF('Standard Profiles'!$G$18=$B$24,21,0),0)),0)</f>
        <v>35.954609167164982</v>
      </c>
      <c r="E6958" cm="1">
        <f t="array" ref="E6958">IFERROR(INDEX(Jesper!AI$2:AI$366,ROUNDDOWN($C6958/24,0)+1,1)*INDEX($D$3:$AA$30,INDEX(Jesper!$R$2:$R$366,ROW(INDEX(Jesper!AI$2:AI$366,ROUNDDOWN($C6958/24,0)+1,1))-1)+IF('Standard Profiles'!$G$19=$B$10,7,0)+IF('Standard Profiles'!$G$19=$B$17,14,0)+IF('Standard Profiles'!$G$19=$B$24,21,0),MOD($C6958,24)+1)/SUM(INDEX($D$3:$AA$30,INDEX(Jesper!$R$2:$R$366,ROW(INDEX(Jesper!AI$2:AI$366,ROUNDDOWN($C6958/24,0)+1,1))-1)+IF('Standard Profiles'!$G$19=$B$10,7,0)+IF('Standard Profiles'!$G$19=$B$17,14,0)+IF('Standard Profiles'!$G$19=$B$24,21,0),0)),0)</f>
        <v>32.21944693787021</v>
      </c>
      <c r="F6958" cm="1">
        <f t="array" ref="F6958">IFERROR(INDEX(Jesper!AJ$2:AJ$366,ROUNDDOWN($C6958/24,0)+1,1)*INDEX($D$3:$AA$30,INDEX(Jesper!$R$2:$R$366,ROW(INDEX(Jesper!AJ$2:AJ$366,ROUNDDOWN($C6958/24,0)+1,1))-1)+IF('Standard Profiles'!$G$20=$B$10,7,0)+IF('Standard Profiles'!$G$20=$B$17,14,0)+IF('Standard Profiles'!$G$20=$B$24,21,0),MOD($C6958,24)+1)/SUM(INDEX($D$3:$AA$30,INDEX(Jesper!$R$2:$R$366,ROW(INDEX(Jesper!AJ$2:AJ$366,ROUNDDOWN($C6958/24,0)+1,1))-1)+IF('Standard Profiles'!$G$20=$B$10,7,0)+IF('Standard Profiles'!$G$20=$B$17,14,0)+IF('Standard Profiles'!$G$20=$B$24,21,0),0)),0)</f>
        <v>0</v>
      </c>
      <c r="G6958" cm="1">
        <f t="array" ref="G6958">IFERROR(INDEX(Jesper!AK$2:AK$366,ROUNDDOWN($C6958/24,0)+1,1)*INDEX($D$3:$AA$30,INDEX(Jesper!$R$2:$R$366,ROW(INDEX(Jesper!AK$2:AK$366,ROUNDDOWN($C6958/24,0)+1,1))-1)+IF('Standard Profiles'!$G$21=$B$10,7,0)+IF('Standard Profiles'!$G$21=$B$17,14,0)+IF('Standard Profiles'!$G$21=$B$24,21,0),MOD($C6958,24)+1)/SUM(INDEX($D$3:$AA$30,INDEX(Jesper!$R$2:$R$366,ROW(INDEX(Jesper!AK$2:AK$366,ROUNDDOWN($C6958/24,0)+1,1))-1)+IF('Standard Profiles'!$G$21=$B$10,7,0)+IF('Standard Profiles'!$G$21=$B$17,14,0)+IF('Standard Profiles'!$G$21=$B$24,21,0),0)),0)</f>
        <v>16.932237826896397</v>
      </c>
      <c r="H6958" cm="1">
        <f t="array" ref="H6958">IFERROR(INDEX(Jesper!AL$2:AL$366,ROUNDDOWN($C6958/24,0)+1,1)*INDEX($D$3:$AA$30,INDEX(Jesper!$R$2:$R$366,ROW(INDEX(Jesper!AL$2:AL$366,ROUNDDOWN($C6958/24,0)+1,1))-1)+IF('Standard Profiles'!$G$22=$B$10,7,0)+IF('Standard Profiles'!$G$22=$B$17,14,0)+IF('Standard Profiles'!$G$22=$B$24,21,0),MOD($C6958,24)+1)/SUM(INDEX($D$3:$AA$30,INDEX(Jesper!$R$2:$R$366,ROW(INDEX(Jesper!AL$2:AL$366,ROUNDDOWN($C6958/24,0)+1,1))-1)+IF('Standard Profiles'!$G$22=$B$10,7,0)+IF('Standard Profiles'!$G$22=$B$17,14,0)+IF('Standard Profiles'!$G$22=$B$24,21,0),0)),0)</f>
        <v>0</v>
      </c>
      <c r="I6958">
        <f t="shared" si="776"/>
        <v>8.1274741569102673</v>
      </c>
      <c r="J6958">
        <f t="shared" si="777"/>
        <v>71.226082308274925</v>
      </c>
      <c r="K6958">
        <f t="shared" si="778"/>
        <v>3.8351583111642649</v>
      </c>
      <c r="L6958">
        <f t="shared" si="779"/>
        <v>1.9175791555821324</v>
      </c>
      <c r="M6958">
        <f t="shared" si="780"/>
        <v>0</v>
      </c>
      <c r="N6958" s="45">
        <f t="shared" si="781"/>
        <v>45215.499999983207</v>
      </c>
    </row>
    <row r="6959" spans="2:14" x14ac:dyDescent="0.25">
      <c r="B6959">
        <f t="shared" si="775"/>
        <v>1</v>
      </c>
      <c r="C6959" s="16">
        <v>6925</v>
      </c>
      <c r="D6959" cm="1">
        <f t="array" ref="D6959">IFERROR(INDEX(Jesper!AH$2:AH$366,ROUNDDOWN($C6959/24,0)+1,1)*INDEX($D$3:$AA$30,INDEX(Jesper!$R$2:$R$366,ROW(INDEX(Jesper!AH$2:AH$366,ROUNDDOWN($C6959/24,0)+1,1))-1)+IF('Standard Profiles'!$G$18=$B$10,7,0)+IF('Standard Profiles'!$G$18=$B$17,14,0)+IF('Standard Profiles'!$G$18=$B$24,21,0),MOD($C6959,24)+1)/SUM(INDEX($D$3:$AA$30,INDEX(Jesper!$R$2:$R$366,ROW(INDEX(Jesper!AH$2:AH$366,ROUNDDOWN($C6959/24,0)+1,1))-1)+IF('Standard Profiles'!$G$18=$B$10,7,0)+IF('Standard Profiles'!$G$18=$B$17,14,0)+IF('Standard Profiles'!$G$18=$B$24,21,0),0)),0)</f>
        <v>23.969739444776661</v>
      </c>
      <c r="E6959" cm="1">
        <f t="array" ref="E6959">IFERROR(INDEX(Jesper!AI$2:AI$366,ROUNDDOWN($C6959/24,0)+1,1)*INDEX($D$3:$AA$30,INDEX(Jesper!$R$2:$R$366,ROW(INDEX(Jesper!AI$2:AI$366,ROUNDDOWN($C6959/24,0)+1,1))-1)+IF('Standard Profiles'!$G$19=$B$10,7,0)+IF('Standard Profiles'!$G$19=$B$17,14,0)+IF('Standard Profiles'!$G$19=$B$24,21,0),MOD($C6959,24)+1)/SUM(INDEX($D$3:$AA$30,INDEX(Jesper!$R$2:$R$366,ROW(INDEX(Jesper!AI$2:AI$366,ROUNDDOWN($C6959/24,0)+1,1))-1)+IF('Standard Profiles'!$G$19=$B$10,7,0)+IF('Standard Profiles'!$G$19=$B$17,14,0)+IF('Standard Profiles'!$G$19=$B$24,21,0),0)),0)</f>
        <v>21.479631291913478</v>
      </c>
      <c r="F6959" cm="1">
        <f t="array" ref="F6959">IFERROR(INDEX(Jesper!AJ$2:AJ$366,ROUNDDOWN($C6959/24,0)+1,1)*INDEX($D$3:$AA$30,INDEX(Jesper!$R$2:$R$366,ROW(INDEX(Jesper!AJ$2:AJ$366,ROUNDDOWN($C6959/24,0)+1,1))-1)+IF('Standard Profiles'!$G$20=$B$10,7,0)+IF('Standard Profiles'!$G$20=$B$17,14,0)+IF('Standard Profiles'!$G$20=$B$24,21,0),MOD($C6959,24)+1)/SUM(INDEX($D$3:$AA$30,INDEX(Jesper!$R$2:$R$366,ROW(INDEX(Jesper!AJ$2:AJ$366,ROUNDDOWN($C6959/24,0)+1,1))-1)+IF('Standard Profiles'!$G$20=$B$10,7,0)+IF('Standard Profiles'!$G$20=$B$17,14,0)+IF('Standard Profiles'!$G$20=$B$24,21,0),0)),0)</f>
        <v>0</v>
      </c>
      <c r="G6959" cm="1">
        <f t="array" ref="G6959">IFERROR(INDEX(Jesper!AK$2:AK$366,ROUNDDOWN($C6959/24,0)+1,1)*INDEX($D$3:$AA$30,INDEX(Jesper!$R$2:$R$366,ROW(INDEX(Jesper!AK$2:AK$366,ROUNDDOWN($C6959/24,0)+1,1))-1)+IF('Standard Profiles'!$G$21=$B$10,7,0)+IF('Standard Profiles'!$G$21=$B$17,14,0)+IF('Standard Profiles'!$G$21=$B$24,21,0),MOD($C6959,24)+1)/SUM(INDEX($D$3:$AA$30,INDEX(Jesper!$R$2:$R$366,ROW(INDEX(Jesper!AK$2:AK$366,ROUNDDOWN($C6959/24,0)+1,1))-1)+IF('Standard Profiles'!$G$21=$B$10,7,0)+IF('Standard Profiles'!$G$21=$B$17,14,0)+IF('Standard Profiles'!$G$21=$B$24,21,0),0)),0)</f>
        <v>11.288158551264267</v>
      </c>
      <c r="H6959" cm="1">
        <f t="array" ref="H6959">IFERROR(INDEX(Jesper!AL$2:AL$366,ROUNDDOWN($C6959/24,0)+1,1)*INDEX($D$3:$AA$30,INDEX(Jesper!$R$2:$R$366,ROW(INDEX(Jesper!AL$2:AL$366,ROUNDDOWN($C6959/24,0)+1,1))-1)+IF('Standard Profiles'!$G$22=$B$10,7,0)+IF('Standard Profiles'!$G$22=$B$17,14,0)+IF('Standard Profiles'!$G$22=$B$24,21,0),MOD($C6959,24)+1)/SUM(INDEX($D$3:$AA$30,INDEX(Jesper!$R$2:$R$366,ROW(INDEX(Jesper!AL$2:AL$366,ROUNDDOWN($C6959/24,0)+1,1))-1)+IF('Standard Profiles'!$G$22=$B$10,7,0)+IF('Standard Profiles'!$G$22=$B$17,14,0)+IF('Standard Profiles'!$G$22=$B$24,21,0),0)),0)</f>
        <v>0</v>
      </c>
      <c r="I6959">
        <f t="shared" si="776"/>
        <v>5.4183161046068458</v>
      </c>
      <c r="J6959">
        <f t="shared" si="777"/>
        <v>47.484054872183293</v>
      </c>
      <c r="K6959">
        <f t="shared" si="778"/>
        <v>2.5567722074428438</v>
      </c>
      <c r="L6959">
        <f t="shared" si="779"/>
        <v>1.2783861037214219</v>
      </c>
      <c r="M6959">
        <f t="shared" si="780"/>
        <v>0</v>
      </c>
      <c r="N6959" s="45">
        <f t="shared" si="781"/>
        <v>45215.541666649871</v>
      </c>
    </row>
    <row r="6960" spans="2:14" x14ac:dyDescent="0.25">
      <c r="B6960">
        <f t="shared" si="775"/>
        <v>1</v>
      </c>
      <c r="C6960" s="16">
        <v>6926</v>
      </c>
      <c r="D6960" cm="1">
        <f t="array" ref="D6960">IFERROR(INDEX(Jesper!AH$2:AH$366,ROUNDDOWN($C6960/24,0)+1,1)*INDEX($D$3:$AA$30,INDEX(Jesper!$R$2:$R$366,ROW(INDEX(Jesper!AH$2:AH$366,ROUNDDOWN($C6960/24,0)+1,1))-1)+IF('Standard Profiles'!$G$18=$B$10,7,0)+IF('Standard Profiles'!$G$18=$B$17,14,0)+IF('Standard Profiles'!$G$18=$B$24,21,0),MOD($C6960,24)+1)/SUM(INDEX($D$3:$AA$30,INDEX(Jesper!$R$2:$R$366,ROW(INDEX(Jesper!AH$2:AH$366,ROUNDDOWN($C6960/24,0)+1,1))-1)+IF('Standard Profiles'!$G$18=$B$10,7,0)+IF('Standard Profiles'!$G$18=$B$17,14,0)+IF('Standard Profiles'!$G$18=$B$24,21,0),0)),0)</f>
        <v>35.954609167164982</v>
      </c>
      <c r="E6960" cm="1">
        <f t="array" ref="E6960">IFERROR(INDEX(Jesper!AI$2:AI$366,ROUNDDOWN($C6960/24,0)+1,1)*INDEX($D$3:$AA$30,INDEX(Jesper!$R$2:$R$366,ROW(INDEX(Jesper!AI$2:AI$366,ROUNDDOWN($C6960/24,0)+1,1))-1)+IF('Standard Profiles'!$G$19=$B$10,7,0)+IF('Standard Profiles'!$G$19=$B$17,14,0)+IF('Standard Profiles'!$G$19=$B$24,21,0),MOD($C6960,24)+1)/SUM(INDEX($D$3:$AA$30,INDEX(Jesper!$R$2:$R$366,ROW(INDEX(Jesper!AI$2:AI$366,ROUNDDOWN($C6960/24,0)+1,1))-1)+IF('Standard Profiles'!$G$19=$B$10,7,0)+IF('Standard Profiles'!$G$19=$B$17,14,0)+IF('Standard Profiles'!$G$19=$B$24,21,0),0)),0)</f>
        <v>32.21944693787021</v>
      </c>
      <c r="F6960" cm="1">
        <f t="array" ref="F6960">IFERROR(INDEX(Jesper!AJ$2:AJ$366,ROUNDDOWN($C6960/24,0)+1,1)*INDEX($D$3:$AA$30,INDEX(Jesper!$R$2:$R$366,ROW(INDEX(Jesper!AJ$2:AJ$366,ROUNDDOWN($C6960/24,0)+1,1))-1)+IF('Standard Profiles'!$G$20=$B$10,7,0)+IF('Standard Profiles'!$G$20=$B$17,14,0)+IF('Standard Profiles'!$G$20=$B$24,21,0),MOD($C6960,24)+1)/SUM(INDEX($D$3:$AA$30,INDEX(Jesper!$R$2:$R$366,ROW(INDEX(Jesper!AJ$2:AJ$366,ROUNDDOWN($C6960/24,0)+1,1))-1)+IF('Standard Profiles'!$G$20=$B$10,7,0)+IF('Standard Profiles'!$G$20=$B$17,14,0)+IF('Standard Profiles'!$G$20=$B$24,21,0),0)),0)</f>
        <v>0</v>
      </c>
      <c r="G6960" cm="1">
        <f t="array" ref="G6960">IFERROR(INDEX(Jesper!AK$2:AK$366,ROUNDDOWN($C6960/24,0)+1,1)*INDEX($D$3:$AA$30,INDEX(Jesper!$R$2:$R$366,ROW(INDEX(Jesper!AK$2:AK$366,ROUNDDOWN($C6960/24,0)+1,1))-1)+IF('Standard Profiles'!$G$21=$B$10,7,0)+IF('Standard Profiles'!$G$21=$B$17,14,0)+IF('Standard Profiles'!$G$21=$B$24,21,0),MOD($C6960,24)+1)/SUM(INDEX($D$3:$AA$30,INDEX(Jesper!$R$2:$R$366,ROW(INDEX(Jesper!AK$2:AK$366,ROUNDDOWN($C6960/24,0)+1,1))-1)+IF('Standard Profiles'!$G$21=$B$10,7,0)+IF('Standard Profiles'!$G$21=$B$17,14,0)+IF('Standard Profiles'!$G$21=$B$24,21,0),0)),0)</f>
        <v>16.932237826896397</v>
      </c>
      <c r="H6960" cm="1">
        <f t="array" ref="H6960">IFERROR(INDEX(Jesper!AL$2:AL$366,ROUNDDOWN($C6960/24,0)+1,1)*INDEX($D$3:$AA$30,INDEX(Jesper!$R$2:$R$366,ROW(INDEX(Jesper!AL$2:AL$366,ROUNDDOWN($C6960/24,0)+1,1))-1)+IF('Standard Profiles'!$G$22=$B$10,7,0)+IF('Standard Profiles'!$G$22=$B$17,14,0)+IF('Standard Profiles'!$G$22=$B$24,21,0),MOD($C6960,24)+1)/SUM(INDEX($D$3:$AA$30,INDEX(Jesper!$R$2:$R$366,ROW(INDEX(Jesper!AL$2:AL$366,ROUNDDOWN($C6960/24,0)+1,1))-1)+IF('Standard Profiles'!$G$22=$B$10,7,0)+IF('Standard Profiles'!$G$22=$B$17,14,0)+IF('Standard Profiles'!$G$22=$B$24,21,0),0)),0)</f>
        <v>0</v>
      </c>
      <c r="I6960">
        <f t="shared" si="776"/>
        <v>8.1274741569102673</v>
      </c>
      <c r="J6960">
        <f t="shared" si="777"/>
        <v>71.226082308274925</v>
      </c>
      <c r="K6960">
        <f t="shared" si="778"/>
        <v>3.8351583111642649</v>
      </c>
      <c r="L6960">
        <f t="shared" si="779"/>
        <v>1.9175791555821324</v>
      </c>
      <c r="M6960">
        <f t="shared" si="780"/>
        <v>0</v>
      </c>
      <c r="N6960" s="45">
        <f t="shared" si="781"/>
        <v>45215.583333316536</v>
      </c>
    </row>
    <row r="6961" spans="2:14" x14ac:dyDescent="0.25">
      <c r="B6961">
        <f t="shared" si="775"/>
        <v>1</v>
      </c>
      <c r="C6961" s="16">
        <v>6927</v>
      </c>
      <c r="D6961" cm="1">
        <f t="array" ref="D6961">IFERROR(INDEX(Jesper!AH$2:AH$366,ROUNDDOWN($C6961/24,0)+1,1)*INDEX($D$3:$AA$30,INDEX(Jesper!$R$2:$R$366,ROW(INDEX(Jesper!AH$2:AH$366,ROUNDDOWN($C6961/24,0)+1,1))-1)+IF('Standard Profiles'!$G$18=$B$10,7,0)+IF('Standard Profiles'!$G$18=$B$17,14,0)+IF('Standard Profiles'!$G$18=$B$24,21,0),MOD($C6961,24)+1)/SUM(INDEX($D$3:$AA$30,INDEX(Jesper!$R$2:$R$366,ROW(INDEX(Jesper!AH$2:AH$366,ROUNDDOWN($C6961/24,0)+1,1))-1)+IF('Standard Profiles'!$G$18=$B$10,7,0)+IF('Standard Profiles'!$G$18=$B$17,14,0)+IF('Standard Profiles'!$G$18=$B$24,21,0),0)),0)</f>
        <v>35.954609167164982</v>
      </c>
      <c r="E6961" cm="1">
        <f t="array" ref="E6961">IFERROR(INDEX(Jesper!AI$2:AI$366,ROUNDDOWN($C6961/24,0)+1,1)*INDEX($D$3:$AA$30,INDEX(Jesper!$R$2:$R$366,ROW(INDEX(Jesper!AI$2:AI$366,ROUNDDOWN($C6961/24,0)+1,1))-1)+IF('Standard Profiles'!$G$19=$B$10,7,0)+IF('Standard Profiles'!$G$19=$B$17,14,0)+IF('Standard Profiles'!$G$19=$B$24,21,0),MOD($C6961,24)+1)/SUM(INDEX($D$3:$AA$30,INDEX(Jesper!$R$2:$R$366,ROW(INDEX(Jesper!AI$2:AI$366,ROUNDDOWN($C6961/24,0)+1,1))-1)+IF('Standard Profiles'!$G$19=$B$10,7,0)+IF('Standard Profiles'!$G$19=$B$17,14,0)+IF('Standard Profiles'!$G$19=$B$24,21,0),0)),0)</f>
        <v>32.21944693787021</v>
      </c>
      <c r="F6961" cm="1">
        <f t="array" ref="F6961">IFERROR(INDEX(Jesper!AJ$2:AJ$366,ROUNDDOWN($C6961/24,0)+1,1)*INDEX($D$3:$AA$30,INDEX(Jesper!$R$2:$R$366,ROW(INDEX(Jesper!AJ$2:AJ$366,ROUNDDOWN($C6961/24,0)+1,1))-1)+IF('Standard Profiles'!$G$20=$B$10,7,0)+IF('Standard Profiles'!$G$20=$B$17,14,0)+IF('Standard Profiles'!$G$20=$B$24,21,0),MOD($C6961,24)+1)/SUM(INDEX($D$3:$AA$30,INDEX(Jesper!$R$2:$R$366,ROW(INDEX(Jesper!AJ$2:AJ$366,ROUNDDOWN($C6961/24,0)+1,1))-1)+IF('Standard Profiles'!$G$20=$B$10,7,0)+IF('Standard Profiles'!$G$20=$B$17,14,0)+IF('Standard Profiles'!$G$20=$B$24,21,0),0)),0)</f>
        <v>0</v>
      </c>
      <c r="G6961" cm="1">
        <f t="array" ref="G6961">IFERROR(INDEX(Jesper!AK$2:AK$366,ROUNDDOWN($C6961/24,0)+1,1)*INDEX($D$3:$AA$30,INDEX(Jesper!$R$2:$R$366,ROW(INDEX(Jesper!AK$2:AK$366,ROUNDDOWN($C6961/24,0)+1,1))-1)+IF('Standard Profiles'!$G$21=$B$10,7,0)+IF('Standard Profiles'!$G$21=$B$17,14,0)+IF('Standard Profiles'!$G$21=$B$24,21,0),MOD($C6961,24)+1)/SUM(INDEX($D$3:$AA$30,INDEX(Jesper!$R$2:$R$366,ROW(INDEX(Jesper!AK$2:AK$366,ROUNDDOWN($C6961/24,0)+1,1))-1)+IF('Standard Profiles'!$G$21=$B$10,7,0)+IF('Standard Profiles'!$G$21=$B$17,14,0)+IF('Standard Profiles'!$G$21=$B$24,21,0),0)),0)</f>
        <v>16.932237826896397</v>
      </c>
      <c r="H6961" cm="1">
        <f t="array" ref="H6961">IFERROR(INDEX(Jesper!AL$2:AL$366,ROUNDDOWN($C6961/24,0)+1,1)*INDEX($D$3:$AA$30,INDEX(Jesper!$R$2:$R$366,ROW(INDEX(Jesper!AL$2:AL$366,ROUNDDOWN($C6961/24,0)+1,1))-1)+IF('Standard Profiles'!$G$22=$B$10,7,0)+IF('Standard Profiles'!$G$22=$B$17,14,0)+IF('Standard Profiles'!$G$22=$B$24,21,0),MOD($C6961,24)+1)/SUM(INDEX($D$3:$AA$30,INDEX(Jesper!$R$2:$R$366,ROW(INDEX(Jesper!AL$2:AL$366,ROUNDDOWN($C6961/24,0)+1,1))-1)+IF('Standard Profiles'!$G$22=$B$10,7,0)+IF('Standard Profiles'!$G$22=$B$17,14,0)+IF('Standard Profiles'!$G$22=$B$24,21,0),0)),0)</f>
        <v>0</v>
      </c>
      <c r="I6961">
        <f t="shared" si="776"/>
        <v>8.1274741569102673</v>
      </c>
      <c r="J6961">
        <f t="shared" si="777"/>
        <v>71.226082308274925</v>
      </c>
      <c r="K6961">
        <f t="shared" si="778"/>
        <v>3.8351583111642649</v>
      </c>
      <c r="L6961">
        <f t="shared" si="779"/>
        <v>1.9175791555821324</v>
      </c>
      <c r="M6961">
        <f t="shared" si="780"/>
        <v>0</v>
      </c>
      <c r="N6961" s="45">
        <f t="shared" si="781"/>
        <v>45215.6249999832</v>
      </c>
    </row>
    <row r="6962" spans="2:14" x14ac:dyDescent="0.25">
      <c r="B6962">
        <f t="shared" si="775"/>
        <v>1</v>
      </c>
      <c r="C6962" s="16">
        <v>6928</v>
      </c>
      <c r="D6962" cm="1">
        <f t="array" ref="D6962">IFERROR(INDEX(Jesper!AH$2:AH$366,ROUNDDOWN($C6962/24,0)+1,1)*INDEX($D$3:$AA$30,INDEX(Jesper!$R$2:$R$366,ROW(INDEX(Jesper!AH$2:AH$366,ROUNDDOWN($C6962/24,0)+1,1))-1)+IF('Standard Profiles'!$G$18=$B$10,7,0)+IF('Standard Profiles'!$G$18=$B$17,14,0)+IF('Standard Profiles'!$G$18=$B$24,21,0),MOD($C6962,24)+1)/SUM(INDEX($D$3:$AA$30,INDEX(Jesper!$R$2:$R$366,ROW(INDEX(Jesper!AH$2:AH$366,ROUNDDOWN($C6962/24,0)+1,1))-1)+IF('Standard Profiles'!$G$18=$B$10,7,0)+IF('Standard Profiles'!$G$18=$B$17,14,0)+IF('Standard Profiles'!$G$18=$B$24,21,0),0)),0)</f>
        <v>20.973522014179576</v>
      </c>
      <c r="E6962" cm="1">
        <f t="array" ref="E6962">IFERROR(INDEX(Jesper!AI$2:AI$366,ROUNDDOWN($C6962/24,0)+1,1)*INDEX($D$3:$AA$30,INDEX(Jesper!$R$2:$R$366,ROW(INDEX(Jesper!AI$2:AI$366,ROUNDDOWN($C6962/24,0)+1,1))-1)+IF('Standard Profiles'!$G$19=$B$10,7,0)+IF('Standard Profiles'!$G$19=$B$17,14,0)+IF('Standard Profiles'!$G$19=$B$24,21,0),MOD($C6962,24)+1)/SUM(INDEX($D$3:$AA$30,INDEX(Jesper!$R$2:$R$366,ROW(INDEX(Jesper!AI$2:AI$366,ROUNDDOWN($C6962/24,0)+1,1))-1)+IF('Standard Profiles'!$G$19=$B$10,7,0)+IF('Standard Profiles'!$G$19=$B$17,14,0)+IF('Standard Profiles'!$G$19=$B$24,21,0),0)),0)</f>
        <v>18.794677380424289</v>
      </c>
      <c r="F6962" cm="1">
        <f t="array" ref="F6962">IFERROR(INDEX(Jesper!AJ$2:AJ$366,ROUNDDOWN($C6962/24,0)+1,1)*INDEX($D$3:$AA$30,INDEX(Jesper!$R$2:$R$366,ROW(INDEX(Jesper!AJ$2:AJ$366,ROUNDDOWN($C6962/24,0)+1,1))-1)+IF('Standard Profiles'!$G$20=$B$10,7,0)+IF('Standard Profiles'!$G$20=$B$17,14,0)+IF('Standard Profiles'!$G$20=$B$24,21,0),MOD($C6962,24)+1)/SUM(INDEX($D$3:$AA$30,INDEX(Jesper!$R$2:$R$366,ROW(INDEX(Jesper!AJ$2:AJ$366,ROUNDDOWN($C6962/24,0)+1,1))-1)+IF('Standard Profiles'!$G$20=$B$10,7,0)+IF('Standard Profiles'!$G$20=$B$17,14,0)+IF('Standard Profiles'!$G$20=$B$24,21,0),0)),0)</f>
        <v>0</v>
      </c>
      <c r="G6962" cm="1">
        <f t="array" ref="G6962">IFERROR(INDEX(Jesper!AK$2:AK$366,ROUNDDOWN($C6962/24,0)+1,1)*INDEX($D$3:$AA$30,INDEX(Jesper!$R$2:$R$366,ROW(INDEX(Jesper!AK$2:AK$366,ROUNDDOWN($C6962/24,0)+1,1))-1)+IF('Standard Profiles'!$G$21=$B$10,7,0)+IF('Standard Profiles'!$G$21=$B$17,14,0)+IF('Standard Profiles'!$G$21=$B$24,21,0),MOD($C6962,24)+1)/SUM(INDEX($D$3:$AA$30,INDEX(Jesper!$R$2:$R$366,ROW(INDEX(Jesper!AK$2:AK$366,ROUNDDOWN($C6962/24,0)+1,1))-1)+IF('Standard Profiles'!$G$21=$B$10,7,0)+IF('Standard Profiles'!$G$21=$B$17,14,0)+IF('Standard Profiles'!$G$21=$B$24,21,0),0)),0)</f>
        <v>14.110198189080334</v>
      </c>
      <c r="H6962" cm="1">
        <f t="array" ref="H6962">IFERROR(INDEX(Jesper!AL$2:AL$366,ROUNDDOWN($C6962/24,0)+1,1)*INDEX($D$3:$AA$30,INDEX(Jesper!$R$2:$R$366,ROW(INDEX(Jesper!AL$2:AL$366,ROUNDDOWN($C6962/24,0)+1,1))-1)+IF('Standard Profiles'!$G$22=$B$10,7,0)+IF('Standard Profiles'!$G$22=$B$17,14,0)+IF('Standard Profiles'!$G$22=$B$24,21,0),MOD($C6962,24)+1)/SUM(INDEX($D$3:$AA$30,INDEX(Jesper!$R$2:$R$366,ROW(INDEX(Jesper!AL$2:AL$366,ROUNDDOWN($C6962/24,0)+1,1))-1)+IF('Standard Profiles'!$G$22=$B$10,7,0)+IF('Standard Profiles'!$G$22=$B$17,14,0)+IF('Standard Profiles'!$G$22=$B$24,21,0),0)),0)</f>
        <v>0</v>
      </c>
      <c r="I6962">
        <f t="shared" si="776"/>
        <v>6.772895130758557</v>
      </c>
      <c r="J6962">
        <f t="shared" si="777"/>
        <v>43.74973893065691</v>
      </c>
      <c r="K6962">
        <f t="shared" si="778"/>
        <v>2.2371756815124884</v>
      </c>
      <c r="L6962">
        <f t="shared" si="779"/>
        <v>1.1185878407562442</v>
      </c>
      <c r="M6962">
        <f t="shared" si="780"/>
        <v>0</v>
      </c>
      <c r="N6962" s="45">
        <f t="shared" si="781"/>
        <v>45215.666666649864</v>
      </c>
    </row>
    <row r="6963" spans="2:14" x14ac:dyDescent="0.25">
      <c r="B6963">
        <f t="shared" si="775"/>
        <v>1</v>
      </c>
      <c r="C6963" s="16">
        <v>6929</v>
      </c>
      <c r="D6963" cm="1">
        <f t="array" ref="D6963">IFERROR(INDEX(Jesper!AH$2:AH$366,ROUNDDOWN($C6963/24,0)+1,1)*INDEX($D$3:$AA$30,INDEX(Jesper!$R$2:$R$366,ROW(INDEX(Jesper!AH$2:AH$366,ROUNDDOWN($C6963/24,0)+1,1))-1)+IF('Standard Profiles'!$G$18=$B$10,7,0)+IF('Standard Profiles'!$G$18=$B$17,14,0)+IF('Standard Profiles'!$G$18=$B$24,21,0),MOD($C6963,24)+1)/SUM(INDEX($D$3:$AA$30,INDEX(Jesper!$R$2:$R$366,ROW(INDEX(Jesper!AH$2:AH$366,ROUNDDOWN($C6963/24,0)+1,1))-1)+IF('Standard Profiles'!$G$18=$B$10,7,0)+IF('Standard Profiles'!$G$18=$B$17,14,0)+IF('Standard Profiles'!$G$18=$B$24,21,0),0)),0)</f>
        <v>5.9924348611941651</v>
      </c>
      <c r="E6963" cm="1">
        <f t="array" ref="E6963">IFERROR(INDEX(Jesper!AI$2:AI$366,ROUNDDOWN($C6963/24,0)+1,1)*INDEX($D$3:$AA$30,INDEX(Jesper!$R$2:$R$366,ROW(INDEX(Jesper!AI$2:AI$366,ROUNDDOWN($C6963/24,0)+1,1))-1)+IF('Standard Profiles'!$G$19=$B$10,7,0)+IF('Standard Profiles'!$G$19=$B$17,14,0)+IF('Standard Profiles'!$G$19=$B$24,21,0),MOD($C6963,24)+1)/SUM(INDEX($D$3:$AA$30,INDEX(Jesper!$R$2:$R$366,ROW(INDEX(Jesper!AI$2:AI$366,ROUNDDOWN($C6963/24,0)+1,1))-1)+IF('Standard Profiles'!$G$19=$B$10,7,0)+IF('Standard Profiles'!$G$19=$B$17,14,0)+IF('Standard Profiles'!$G$19=$B$24,21,0),0)),0)</f>
        <v>5.3699078229783694</v>
      </c>
      <c r="F6963" cm="1">
        <f t="array" ref="F6963">IFERROR(INDEX(Jesper!AJ$2:AJ$366,ROUNDDOWN($C6963/24,0)+1,1)*INDEX($D$3:$AA$30,INDEX(Jesper!$R$2:$R$366,ROW(INDEX(Jesper!AJ$2:AJ$366,ROUNDDOWN($C6963/24,0)+1,1))-1)+IF('Standard Profiles'!$G$20=$B$10,7,0)+IF('Standard Profiles'!$G$20=$B$17,14,0)+IF('Standard Profiles'!$G$20=$B$24,21,0),MOD($C6963,24)+1)/SUM(INDEX($D$3:$AA$30,INDEX(Jesper!$R$2:$R$366,ROW(INDEX(Jesper!AJ$2:AJ$366,ROUNDDOWN($C6963/24,0)+1,1))-1)+IF('Standard Profiles'!$G$20=$B$10,7,0)+IF('Standard Profiles'!$G$20=$B$17,14,0)+IF('Standard Profiles'!$G$20=$B$24,21,0),0)),0)</f>
        <v>0</v>
      </c>
      <c r="G6963" cm="1">
        <f t="array" ref="G6963">IFERROR(INDEX(Jesper!AK$2:AK$366,ROUNDDOWN($C6963/24,0)+1,1)*INDEX($D$3:$AA$30,INDEX(Jesper!$R$2:$R$366,ROW(INDEX(Jesper!AK$2:AK$366,ROUNDDOWN($C6963/24,0)+1,1))-1)+IF('Standard Profiles'!$G$21=$B$10,7,0)+IF('Standard Profiles'!$G$21=$B$17,14,0)+IF('Standard Profiles'!$G$21=$B$24,21,0),MOD($C6963,24)+1)/SUM(INDEX($D$3:$AA$30,INDEX(Jesper!$R$2:$R$366,ROW(INDEX(Jesper!AK$2:AK$366,ROUNDDOWN($C6963/24,0)+1,1))-1)+IF('Standard Profiles'!$G$21=$B$10,7,0)+IF('Standard Profiles'!$G$21=$B$17,14,0)+IF('Standard Profiles'!$G$21=$B$24,21,0),0)),0)</f>
        <v>11.353033025696822</v>
      </c>
      <c r="H6963" cm="1">
        <f t="array" ref="H6963">IFERROR(INDEX(Jesper!AL$2:AL$366,ROUNDDOWN($C6963/24,0)+1,1)*INDEX($D$3:$AA$30,INDEX(Jesper!$R$2:$R$366,ROW(INDEX(Jesper!AL$2:AL$366,ROUNDDOWN($C6963/24,0)+1,1))-1)+IF('Standard Profiles'!$G$22=$B$10,7,0)+IF('Standard Profiles'!$G$22=$B$17,14,0)+IF('Standard Profiles'!$G$22=$B$24,21,0),MOD($C6963,24)+1)/SUM(INDEX($D$3:$AA$30,INDEX(Jesper!$R$2:$R$366,ROW(INDEX(Jesper!AL$2:AL$366,ROUNDDOWN($C6963/24,0)+1,1))-1)+IF('Standard Profiles'!$G$22=$B$10,7,0)+IF('Standard Profiles'!$G$22=$B$17,14,0)+IF('Standard Profiles'!$G$22=$B$24,21,0),0)),0)</f>
        <v>0</v>
      </c>
      <c r="I6963">
        <f t="shared" si="776"/>
        <v>5.4494558523344718</v>
      </c>
      <c r="J6963">
        <f t="shared" si="777"/>
        <v>16.307130279743816</v>
      </c>
      <c r="K6963">
        <f t="shared" si="778"/>
        <v>0.63919305186071096</v>
      </c>
      <c r="L6963">
        <f t="shared" si="779"/>
        <v>0.31959652593035548</v>
      </c>
      <c r="M6963">
        <f t="shared" si="780"/>
        <v>0</v>
      </c>
      <c r="N6963" s="45">
        <f t="shared" si="781"/>
        <v>45215.708333316528</v>
      </c>
    </row>
    <row r="6964" spans="2:14" x14ac:dyDescent="0.25">
      <c r="B6964">
        <f t="shared" si="775"/>
        <v>1</v>
      </c>
      <c r="C6964" s="16">
        <v>6930</v>
      </c>
      <c r="D6964" cm="1">
        <f t="array" ref="D6964">IFERROR(INDEX(Jesper!AH$2:AH$366,ROUNDDOWN($C6964/24,0)+1,1)*INDEX($D$3:$AA$30,INDEX(Jesper!$R$2:$R$366,ROW(INDEX(Jesper!AH$2:AH$366,ROUNDDOWN($C6964/24,0)+1,1))-1)+IF('Standard Profiles'!$G$18=$B$10,7,0)+IF('Standard Profiles'!$G$18=$B$17,14,0)+IF('Standard Profiles'!$G$18=$B$24,21,0),MOD($C6964,24)+1)/SUM(INDEX($D$3:$AA$30,INDEX(Jesper!$R$2:$R$366,ROW(INDEX(Jesper!AH$2:AH$366,ROUNDDOWN($C6964/24,0)+1,1))-1)+IF('Standard Profiles'!$G$18=$B$10,7,0)+IF('Standard Profiles'!$G$18=$B$17,14,0)+IF('Standard Profiles'!$G$18=$B$24,21,0),0)),0)</f>
        <v>5.9080343701914302</v>
      </c>
      <c r="E6964" cm="1">
        <f t="array" ref="E6964">IFERROR(INDEX(Jesper!AI$2:AI$366,ROUNDDOWN($C6964/24,0)+1,1)*INDEX($D$3:$AA$30,INDEX(Jesper!$R$2:$R$366,ROW(INDEX(Jesper!AI$2:AI$366,ROUNDDOWN($C6964/24,0)+1,1))-1)+IF('Standard Profiles'!$G$19=$B$10,7,0)+IF('Standard Profiles'!$G$19=$B$17,14,0)+IF('Standard Profiles'!$G$19=$B$24,21,0),MOD($C6964,24)+1)/SUM(INDEX($D$3:$AA$30,INDEX(Jesper!$R$2:$R$366,ROW(INDEX(Jesper!AI$2:AI$366,ROUNDDOWN($C6964/24,0)+1,1))-1)+IF('Standard Profiles'!$G$19=$B$10,7,0)+IF('Standard Profiles'!$G$19=$B$17,14,0)+IF('Standard Profiles'!$G$19=$B$24,21,0),0)),0)</f>
        <v>5.2942753184293778</v>
      </c>
      <c r="F6964" cm="1">
        <f t="array" ref="F6964">IFERROR(INDEX(Jesper!AJ$2:AJ$366,ROUNDDOWN($C6964/24,0)+1,1)*INDEX($D$3:$AA$30,INDEX(Jesper!$R$2:$R$366,ROW(INDEX(Jesper!AJ$2:AJ$366,ROUNDDOWN($C6964/24,0)+1,1))-1)+IF('Standard Profiles'!$G$20=$B$10,7,0)+IF('Standard Profiles'!$G$20=$B$17,14,0)+IF('Standard Profiles'!$G$20=$B$24,21,0),MOD($C6964,24)+1)/SUM(INDEX($D$3:$AA$30,INDEX(Jesper!$R$2:$R$366,ROW(INDEX(Jesper!AJ$2:AJ$366,ROUNDDOWN($C6964/24,0)+1,1))-1)+IF('Standard Profiles'!$G$20=$B$10,7,0)+IF('Standard Profiles'!$G$20=$B$17,14,0)+IF('Standard Profiles'!$G$20=$B$24,21,0),0)),0)</f>
        <v>0</v>
      </c>
      <c r="G6964" cm="1">
        <f t="array" ref="G6964">IFERROR(INDEX(Jesper!AK$2:AK$366,ROUNDDOWN($C6964/24,0)+1,1)*INDEX($D$3:$AA$30,INDEX(Jesper!$R$2:$R$366,ROW(INDEX(Jesper!AK$2:AK$366,ROUNDDOWN($C6964/24,0)+1,1))-1)+IF('Standard Profiles'!$G$21=$B$10,7,0)+IF('Standard Profiles'!$G$21=$B$17,14,0)+IF('Standard Profiles'!$G$21=$B$24,21,0),MOD($C6964,24)+1)/SUM(INDEX($D$3:$AA$30,INDEX(Jesper!$R$2:$R$366,ROW(INDEX(Jesper!AK$2:AK$366,ROUNDDOWN($C6964/24,0)+1,1))-1)+IF('Standard Profiles'!$G$21=$B$10,7,0)+IF('Standard Profiles'!$G$21=$B$17,14,0)+IF('Standard Profiles'!$G$21=$B$24,21,0),0)),0)</f>
        <v>4.0546546520345794</v>
      </c>
      <c r="H6964" cm="1">
        <f t="array" ref="H6964">IFERROR(INDEX(Jesper!AL$2:AL$366,ROUNDDOWN($C6964/24,0)+1,1)*INDEX($D$3:$AA$30,INDEX(Jesper!$R$2:$R$366,ROW(INDEX(Jesper!AL$2:AL$366,ROUNDDOWN($C6964/24,0)+1,1))-1)+IF('Standard Profiles'!$G$22=$B$10,7,0)+IF('Standard Profiles'!$G$22=$B$17,14,0)+IF('Standard Profiles'!$G$22=$B$24,21,0),MOD($C6964,24)+1)/SUM(INDEX($D$3:$AA$30,INDEX(Jesper!$R$2:$R$366,ROW(INDEX(Jesper!AL$2:AL$366,ROUNDDOWN($C6964/24,0)+1,1))-1)+IF('Standard Profiles'!$G$22=$B$10,7,0)+IF('Standard Profiles'!$G$22=$B$17,14,0)+IF('Standard Profiles'!$G$22=$B$24,21,0),0)),0)</f>
        <v>0</v>
      </c>
      <c r="I6964">
        <f t="shared" si="776"/>
        <v>1.9462342329765971</v>
      </c>
      <c r="J6964">
        <f t="shared" si="777"/>
        <v>12.365444608448161</v>
      </c>
      <c r="K6964">
        <f t="shared" si="778"/>
        <v>0.63019033282041925</v>
      </c>
      <c r="L6964">
        <f t="shared" si="779"/>
        <v>0.31509516641020963</v>
      </c>
      <c r="M6964">
        <f t="shared" si="780"/>
        <v>0</v>
      </c>
      <c r="N6964" s="45">
        <f t="shared" si="781"/>
        <v>45215.749999983193</v>
      </c>
    </row>
    <row r="6965" spans="2:14" x14ac:dyDescent="0.25">
      <c r="B6965">
        <f t="shared" si="775"/>
        <v>1</v>
      </c>
      <c r="C6965" s="16">
        <v>6931</v>
      </c>
      <c r="D6965" cm="1">
        <f t="array" ref="D6965">IFERROR(INDEX(Jesper!AH$2:AH$366,ROUNDDOWN($C6965/24,0)+1,1)*INDEX($D$3:$AA$30,INDEX(Jesper!$R$2:$R$366,ROW(INDEX(Jesper!AH$2:AH$366,ROUNDDOWN($C6965/24,0)+1,1))-1)+IF('Standard Profiles'!$G$18=$B$10,7,0)+IF('Standard Profiles'!$G$18=$B$17,14,0)+IF('Standard Profiles'!$G$18=$B$24,21,0),MOD($C6965,24)+1)/SUM(INDEX($D$3:$AA$30,INDEX(Jesper!$R$2:$R$366,ROW(INDEX(Jesper!AH$2:AH$366,ROUNDDOWN($C6965/24,0)+1,1))-1)+IF('Standard Profiles'!$G$18=$B$10,7,0)+IF('Standard Profiles'!$G$18=$B$17,14,0)+IF('Standard Profiles'!$G$18=$B$24,21,0),0)),0)</f>
        <v>5.9080343701914302</v>
      </c>
      <c r="E6965" cm="1">
        <f t="array" ref="E6965">IFERROR(INDEX(Jesper!AI$2:AI$366,ROUNDDOWN($C6965/24,0)+1,1)*INDEX($D$3:$AA$30,INDEX(Jesper!$R$2:$R$366,ROW(INDEX(Jesper!AI$2:AI$366,ROUNDDOWN($C6965/24,0)+1,1))-1)+IF('Standard Profiles'!$G$19=$B$10,7,0)+IF('Standard Profiles'!$G$19=$B$17,14,0)+IF('Standard Profiles'!$G$19=$B$24,21,0),MOD($C6965,24)+1)/SUM(INDEX($D$3:$AA$30,INDEX(Jesper!$R$2:$R$366,ROW(INDEX(Jesper!AI$2:AI$366,ROUNDDOWN($C6965/24,0)+1,1))-1)+IF('Standard Profiles'!$G$19=$B$10,7,0)+IF('Standard Profiles'!$G$19=$B$17,14,0)+IF('Standard Profiles'!$G$19=$B$24,21,0),0)),0)</f>
        <v>5.2942753184293778</v>
      </c>
      <c r="F6965" cm="1">
        <f t="array" ref="F6965">IFERROR(INDEX(Jesper!AJ$2:AJ$366,ROUNDDOWN($C6965/24,0)+1,1)*INDEX($D$3:$AA$30,INDEX(Jesper!$R$2:$R$366,ROW(INDEX(Jesper!AJ$2:AJ$366,ROUNDDOWN($C6965/24,0)+1,1))-1)+IF('Standard Profiles'!$G$20=$B$10,7,0)+IF('Standard Profiles'!$G$20=$B$17,14,0)+IF('Standard Profiles'!$G$20=$B$24,21,0),MOD($C6965,24)+1)/SUM(INDEX($D$3:$AA$30,INDEX(Jesper!$R$2:$R$366,ROW(INDEX(Jesper!AJ$2:AJ$366,ROUNDDOWN($C6965/24,0)+1,1))-1)+IF('Standard Profiles'!$G$20=$B$10,7,0)+IF('Standard Profiles'!$G$20=$B$17,14,0)+IF('Standard Profiles'!$G$20=$B$24,21,0),0)),0)</f>
        <v>0</v>
      </c>
      <c r="G6965" cm="1">
        <f t="array" ref="G6965">IFERROR(INDEX(Jesper!AK$2:AK$366,ROUNDDOWN($C6965/24,0)+1,1)*INDEX($D$3:$AA$30,INDEX(Jesper!$R$2:$R$366,ROW(INDEX(Jesper!AK$2:AK$366,ROUNDDOWN($C6965/24,0)+1,1))-1)+IF('Standard Profiles'!$G$21=$B$10,7,0)+IF('Standard Profiles'!$G$21=$B$17,14,0)+IF('Standard Profiles'!$G$21=$B$24,21,0),MOD($C6965,24)+1)/SUM(INDEX($D$3:$AA$30,INDEX(Jesper!$R$2:$R$366,ROW(INDEX(Jesper!AK$2:AK$366,ROUNDDOWN($C6965/24,0)+1,1))-1)+IF('Standard Profiles'!$G$21=$B$10,7,0)+IF('Standard Profiles'!$G$21=$B$17,14,0)+IF('Standard Profiles'!$G$21=$B$24,21,0),0)),0)</f>
        <v>4.0546546520345794</v>
      </c>
      <c r="H6965" cm="1">
        <f t="array" ref="H6965">IFERROR(INDEX(Jesper!AL$2:AL$366,ROUNDDOWN($C6965/24,0)+1,1)*INDEX($D$3:$AA$30,INDEX(Jesper!$R$2:$R$366,ROW(INDEX(Jesper!AL$2:AL$366,ROUNDDOWN($C6965/24,0)+1,1))-1)+IF('Standard Profiles'!$G$22=$B$10,7,0)+IF('Standard Profiles'!$G$22=$B$17,14,0)+IF('Standard Profiles'!$G$22=$B$24,21,0),MOD($C6965,24)+1)/SUM(INDEX($D$3:$AA$30,INDEX(Jesper!$R$2:$R$366,ROW(INDEX(Jesper!AL$2:AL$366,ROUNDDOWN($C6965/24,0)+1,1))-1)+IF('Standard Profiles'!$G$22=$B$10,7,0)+IF('Standard Profiles'!$G$22=$B$17,14,0)+IF('Standard Profiles'!$G$22=$B$24,21,0),0)),0)</f>
        <v>0</v>
      </c>
      <c r="I6965">
        <f t="shared" si="776"/>
        <v>1.9462342329765971</v>
      </c>
      <c r="J6965">
        <f t="shared" si="777"/>
        <v>12.365444608448161</v>
      </c>
      <c r="K6965">
        <f t="shared" si="778"/>
        <v>0.63019033282041925</v>
      </c>
      <c r="L6965">
        <f t="shared" si="779"/>
        <v>0.31509516641020963</v>
      </c>
      <c r="M6965">
        <f t="shared" si="780"/>
        <v>0</v>
      </c>
      <c r="N6965" s="45">
        <f t="shared" si="781"/>
        <v>45215.791666649857</v>
      </c>
    </row>
    <row r="6966" spans="2:14" x14ac:dyDescent="0.25">
      <c r="B6966">
        <f t="shared" si="775"/>
        <v>1</v>
      </c>
      <c r="C6966" s="16">
        <v>6932</v>
      </c>
      <c r="D6966" cm="1">
        <f t="array" ref="D6966">IFERROR(INDEX(Jesper!AH$2:AH$366,ROUNDDOWN($C6966/24,0)+1,1)*INDEX($D$3:$AA$30,INDEX(Jesper!$R$2:$R$366,ROW(INDEX(Jesper!AH$2:AH$366,ROUNDDOWN($C6966/24,0)+1,1))-1)+IF('Standard Profiles'!$G$18=$B$10,7,0)+IF('Standard Profiles'!$G$18=$B$17,14,0)+IF('Standard Profiles'!$G$18=$B$24,21,0),MOD($C6966,24)+1)/SUM(INDEX($D$3:$AA$30,INDEX(Jesper!$R$2:$R$366,ROW(INDEX(Jesper!AH$2:AH$366,ROUNDDOWN($C6966/24,0)+1,1))-1)+IF('Standard Profiles'!$G$18=$B$10,7,0)+IF('Standard Profiles'!$G$18=$B$17,14,0)+IF('Standard Profiles'!$G$18=$B$24,21,0),0)),0)</f>
        <v>5.9080343701914302</v>
      </c>
      <c r="E6966" cm="1">
        <f t="array" ref="E6966">IFERROR(INDEX(Jesper!AI$2:AI$366,ROUNDDOWN($C6966/24,0)+1,1)*INDEX($D$3:$AA$30,INDEX(Jesper!$R$2:$R$366,ROW(INDEX(Jesper!AI$2:AI$366,ROUNDDOWN($C6966/24,0)+1,1))-1)+IF('Standard Profiles'!$G$19=$B$10,7,0)+IF('Standard Profiles'!$G$19=$B$17,14,0)+IF('Standard Profiles'!$G$19=$B$24,21,0),MOD($C6966,24)+1)/SUM(INDEX($D$3:$AA$30,INDEX(Jesper!$R$2:$R$366,ROW(INDEX(Jesper!AI$2:AI$366,ROUNDDOWN($C6966/24,0)+1,1))-1)+IF('Standard Profiles'!$G$19=$B$10,7,0)+IF('Standard Profiles'!$G$19=$B$17,14,0)+IF('Standard Profiles'!$G$19=$B$24,21,0),0)),0)</f>
        <v>5.2942753184293778</v>
      </c>
      <c r="F6966" cm="1">
        <f t="array" ref="F6966">IFERROR(INDEX(Jesper!AJ$2:AJ$366,ROUNDDOWN($C6966/24,0)+1,1)*INDEX($D$3:$AA$30,INDEX(Jesper!$R$2:$R$366,ROW(INDEX(Jesper!AJ$2:AJ$366,ROUNDDOWN($C6966/24,0)+1,1))-1)+IF('Standard Profiles'!$G$20=$B$10,7,0)+IF('Standard Profiles'!$G$20=$B$17,14,0)+IF('Standard Profiles'!$G$20=$B$24,21,0),MOD($C6966,24)+1)/SUM(INDEX($D$3:$AA$30,INDEX(Jesper!$R$2:$R$366,ROW(INDEX(Jesper!AJ$2:AJ$366,ROUNDDOWN($C6966/24,0)+1,1))-1)+IF('Standard Profiles'!$G$20=$B$10,7,0)+IF('Standard Profiles'!$G$20=$B$17,14,0)+IF('Standard Profiles'!$G$20=$B$24,21,0),0)),0)</f>
        <v>0</v>
      </c>
      <c r="G6966" cm="1">
        <f t="array" ref="G6966">IFERROR(INDEX(Jesper!AK$2:AK$366,ROUNDDOWN($C6966/24,0)+1,1)*INDEX($D$3:$AA$30,INDEX(Jesper!$R$2:$R$366,ROW(INDEX(Jesper!AK$2:AK$366,ROUNDDOWN($C6966/24,0)+1,1))-1)+IF('Standard Profiles'!$G$21=$B$10,7,0)+IF('Standard Profiles'!$G$21=$B$17,14,0)+IF('Standard Profiles'!$G$21=$B$24,21,0),MOD($C6966,24)+1)/SUM(INDEX($D$3:$AA$30,INDEX(Jesper!$R$2:$R$366,ROW(INDEX(Jesper!AK$2:AK$366,ROUNDDOWN($C6966/24,0)+1,1))-1)+IF('Standard Profiles'!$G$21=$B$10,7,0)+IF('Standard Profiles'!$G$21=$B$17,14,0)+IF('Standard Profiles'!$G$21=$B$24,21,0),0)),0)</f>
        <v>4.0546546520345794</v>
      </c>
      <c r="H6966" cm="1">
        <f t="array" ref="H6966">IFERROR(INDEX(Jesper!AL$2:AL$366,ROUNDDOWN($C6966/24,0)+1,1)*INDEX($D$3:$AA$30,INDEX(Jesper!$R$2:$R$366,ROW(INDEX(Jesper!AL$2:AL$366,ROUNDDOWN($C6966/24,0)+1,1))-1)+IF('Standard Profiles'!$G$22=$B$10,7,0)+IF('Standard Profiles'!$G$22=$B$17,14,0)+IF('Standard Profiles'!$G$22=$B$24,21,0),MOD($C6966,24)+1)/SUM(INDEX($D$3:$AA$30,INDEX(Jesper!$R$2:$R$366,ROW(INDEX(Jesper!AL$2:AL$366,ROUNDDOWN($C6966/24,0)+1,1))-1)+IF('Standard Profiles'!$G$22=$B$10,7,0)+IF('Standard Profiles'!$G$22=$B$17,14,0)+IF('Standard Profiles'!$G$22=$B$24,21,0),0)),0)</f>
        <v>0</v>
      </c>
      <c r="I6966">
        <f t="shared" si="776"/>
        <v>1.9462342329765971</v>
      </c>
      <c r="J6966">
        <f t="shared" si="777"/>
        <v>12.365444608448161</v>
      </c>
      <c r="K6966">
        <f t="shared" si="778"/>
        <v>0.63019033282041925</v>
      </c>
      <c r="L6966">
        <f t="shared" si="779"/>
        <v>0.31509516641020963</v>
      </c>
      <c r="M6966">
        <f t="shared" si="780"/>
        <v>0</v>
      </c>
      <c r="N6966" s="45">
        <f t="shared" si="781"/>
        <v>45215.833333316521</v>
      </c>
    </row>
    <row r="6967" spans="2:14" x14ac:dyDescent="0.25">
      <c r="B6967">
        <f t="shared" si="775"/>
        <v>1</v>
      </c>
      <c r="C6967" s="16">
        <v>6933</v>
      </c>
      <c r="D6967" cm="1">
        <f t="array" ref="D6967">IFERROR(INDEX(Jesper!AH$2:AH$366,ROUNDDOWN($C6967/24,0)+1,1)*INDEX($D$3:$AA$30,INDEX(Jesper!$R$2:$R$366,ROW(INDEX(Jesper!AH$2:AH$366,ROUNDDOWN($C6967/24,0)+1,1))-1)+IF('Standard Profiles'!$G$18=$B$10,7,0)+IF('Standard Profiles'!$G$18=$B$17,14,0)+IF('Standard Profiles'!$G$18=$B$24,21,0),MOD($C6967,24)+1)/SUM(INDEX($D$3:$AA$30,INDEX(Jesper!$R$2:$R$366,ROW(INDEX(Jesper!AH$2:AH$366,ROUNDDOWN($C6967/24,0)+1,1))-1)+IF('Standard Profiles'!$G$18=$B$10,7,0)+IF('Standard Profiles'!$G$18=$B$17,14,0)+IF('Standard Profiles'!$G$18=$B$24,21,0),0)),0)</f>
        <v>5.9080343701914302</v>
      </c>
      <c r="E6967" cm="1">
        <f t="array" ref="E6967">IFERROR(INDEX(Jesper!AI$2:AI$366,ROUNDDOWN($C6967/24,0)+1,1)*INDEX($D$3:$AA$30,INDEX(Jesper!$R$2:$R$366,ROW(INDEX(Jesper!AI$2:AI$366,ROUNDDOWN($C6967/24,0)+1,1))-1)+IF('Standard Profiles'!$G$19=$B$10,7,0)+IF('Standard Profiles'!$G$19=$B$17,14,0)+IF('Standard Profiles'!$G$19=$B$24,21,0),MOD($C6967,24)+1)/SUM(INDEX($D$3:$AA$30,INDEX(Jesper!$R$2:$R$366,ROW(INDEX(Jesper!AI$2:AI$366,ROUNDDOWN($C6967/24,0)+1,1))-1)+IF('Standard Profiles'!$G$19=$B$10,7,0)+IF('Standard Profiles'!$G$19=$B$17,14,0)+IF('Standard Profiles'!$G$19=$B$24,21,0),0)),0)</f>
        <v>5.2942753184293778</v>
      </c>
      <c r="F6967" cm="1">
        <f t="array" ref="F6967">IFERROR(INDEX(Jesper!AJ$2:AJ$366,ROUNDDOWN($C6967/24,0)+1,1)*INDEX($D$3:$AA$30,INDEX(Jesper!$R$2:$R$366,ROW(INDEX(Jesper!AJ$2:AJ$366,ROUNDDOWN($C6967/24,0)+1,1))-1)+IF('Standard Profiles'!$G$20=$B$10,7,0)+IF('Standard Profiles'!$G$20=$B$17,14,0)+IF('Standard Profiles'!$G$20=$B$24,21,0),MOD($C6967,24)+1)/SUM(INDEX($D$3:$AA$30,INDEX(Jesper!$R$2:$R$366,ROW(INDEX(Jesper!AJ$2:AJ$366,ROUNDDOWN($C6967/24,0)+1,1))-1)+IF('Standard Profiles'!$G$20=$B$10,7,0)+IF('Standard Profiles'!$G$20=$B$17,14,0)+IF('Standard Profiles'!$G$20=$B$24,21,0),0)),0)</f>
        <v>0</v>
      </c>
      <c r="G6967" cm="1">
        <f t="array" ref="G6967">IFERROR(INDEX(Jesper!AK$2:AK$366,ROUNDDOWN($C6967/24,0)+1,1)*INDEX($D$3:$AA$30,INDEX(Jesper!$R$2:$R$366,ROW(INDEX(Jesper!AK$2:AK$366,ROUNDDOWN($C6967/24,0)+1,1))-1)+IF('Standard Profiles'!$G$21=$B$10,7,0)+IF('Standard Profiles'!$G$21=$B$17,14,0)+IF('Standard Profiles'!$G$21=$B$24,21,0),MOD($C6967,24)+1)/SUM(INDEX($D$3:$AA$30,INDEX(Jesper!$R$2:$R$366,ROW(INDEX(Jesper!AK$2:AK$366,ROUNDDOWN($C6967/24,0)+1,1))-1)+IF('Standard Profiles'!$G$21=$B$10,7,0)+IF('Standard Profiles'!$G$21=$B$17,14,0)+IF('Standard Profiles'!$G$21=$B$24,21,0),0)),0)</f>
        <v>4.0546546520345794</v>
      </c>
      <c r="H6967" cm="1">
        <f t="array" ref="H6967">IFERROR(INDEX(Jesper!AL$2:AL$366,ROUNDDOWN($C6967/24,0)+1,1)*INDEX($D$3:$AA$30,INDEX(Jesper!$R$2:$R$366,ROW(INDEX(Jesper!AL$2:AL$366,ROUNDDOWN($C6967/24,0)+1,1))-1)+IF('Standard Profiles'!$G$22=$B$10,7,0)+IF('Standard Profiles'!$G$22=$B$17,14,0)+IF('Standard Profiles'!$G$22=$B$24,21,0),MOD($C6967,24)+1)/SUM(INDEX($D$3:$AA$30,INDEX(Jesper!$R$2:$R$366,ROW(INDEX(Jesper!AL$2:AL$366,ROUNDDOWN($C6967/24,0)+1,1))-1)+IF('Standard Profiles'!$G$22=$B$10,7,0)+IF('Standard Profiles'!$G$22=$B$17,14,0)+IF('Standard Profiles'!$G$22=$B$24,21,0),0)),0)</f>
        <v>0</v>
      </c>
      <c r="I6967">
        <f t="shared" si="776"/>
        <v>1.9462342329765971</v>
      </c>
      <c r="J6967">
        <f t="shared" si="777"/>
        <v>12.365444608448161</v>
      </c>
      <c r="K6967">
        <f t="shared" si="778"/>
        <v>0.63019033282041925</v>
      </c>
      <c r="L6967">
        <f t="shared" si="779"/>
        <v>0.31509516641020963</v>
      </c>
      <c r="M6967">
        <f t="shared" si="780"/>
        <v>0</v>
      </c>
      <c r="N6967" s="45">
        <f t="shared" si="781"/>
        <v>45215.874999983185</v>
      </c>
    </row>
    <row r="6968" spans="2:14" x14ac:dyDescent="0.25">
      <c r="B6968">
        <f t="shared" si="775"/>
        <v>1</v>
      </c>
      <c r="C6968" s="16">
        <v>6934</v>
      </c>
      <c r="D6968" cm="1">
        <f t="array" ref="D6968">IFERROR(INDEX(Jesper!AH$2:AH$366,ROUNDDOWN($C6968/24,0)+1,1)*INDEX($D$3:$AA$30,INDEX(Jesper!$R$2:$R$366,ROW(INDEX(Jesper!AH$2:AH$366,ROUNDDOWN($C6968/24,0)+1,1))-1)+IF('Standard Profiles'!$G$18=$B$10,7,0)+IF('Standard Profiles'!$G$18=$B$17,14,0)+IF('Standard Profiles'!$G$18=$B$24,21,0),MOD($C6968,24)+1)/SUM(INDEX($D$3:$AA$30,INDEX(Jesper!$R$2:$R$366,ROW(INDEX(Jesper!AH$2:AH$366,ROUNDDOWN($C6968/24,0)+1,1))-1)+IF('Standard Profiles'!$G$18=$B$10,7,0)+IF('Standard Profiles'!$G$18=$B$17,14,0)+IF('Standard Profiles'!$G$18=$B$24,21,0),0)),0)</f>
        <v>5.9080343701914302</v>
      </c>
      <c r="E6968" cm="1">
        <f t="array" ref="E6968">IFERROR(INDEX(Jesper!AI$2:AI$366,ROUNDDOWN($C6968/24,0)+1,1)*INDEX($D$3:$AA$30,INDEX(Jesper!$R$2:$R$366,ROW(INDEX(Jesper!AI$2:AI$366,ROUNDDOWN($C6968/24,0)+1,1))-1)+IF('Standard Profiles'!$G$19=$B$10,7,0)+IF('Standard Profiles'!$G$19=$B$17,14,0)+IF('Standard Profiles'!$G$19=$B$24,21,0),MOD($C6968,24)+1)/SUM(INDEX($D$3:$AA$30,INDEX(Jesper!$R$2:$R$366,ROW(INDEX(Jesper!AI$2:AI$366,ROUNDDOWN($C6968/24,0)+1,1))-1)+IF('Standard Profiles'!$G$19=$B$10,7,0)+IF('Standard Profiles'!$G$19=$B$17,14,0)+IF('Standard Profiles'!$G$19=$B$24,21,0),0)),0)</f>
        <v>5.2942753184293778</v>
      </c>
      <c r="F6968" cm="1">
        <f t="array" ref="F6968">IFERROR(INDEX(Jesper!AJ$2:AJ$366,ROUNDDOWN($C6968/24,0)+1,1)*INDEX($D$3:$AA$30,INDEX(Jesper!$R$2:$R$366,ROW(INDEX(Jesper!AJ$2:AJ$366,ROUNDDOWN($C6968/24,0)+1,1))-1)+IF('Standard Profiles'!$G$20=$B$10,7,0)+IF('Standard Profiles'!$G$20=$B$17,14,0)+IF('Standard Profiles'!$G$20=$B$24,21,0),MOD($C6968,24)+1)/SUM(INDEX($D$3:$AA$30,INDEX(Jesper!$R$2:$R$366,ROW(INDEX(Jesper!AJ$2:AJ$366,ROUNDDOWN($C6968/24,0)+1,1))-1)+IF('Standard Profiles'!$G$20=$B$10,7,0)+IF('Standard Profiles'!$G$20=$B$17,14,0)+IF('Standard Profiles'!$G$20=$B$24,21,0),0)),0)</f>
        <v>0</v>
      </c>
      <c r="G6968" cm="1">
        <f t="array" ref="G6968">IFERROR(INDEX(Jesper!AK$2:AK$366,ROUNDDOWN($C6968/24,0)+1,1)*INDEX($D$3:$AA$30,INDEX(Jesper!$R$2:$R$366,ROW(INDEX(Jesper!AK$2:AK$366,ROUNDDOWN($C6968/24,0)+1,1))-1)+IF('Standard Profiles'!$G$21=$B$10,7,0)+IF('Standard Profiles'!$G$21=$B$17,14,0)+IF('Standard Profiles'!$G$21=$B$24,21,0),MOD($C6968,24)+1)/SUM(INDEX($D$3:$AA$30,INDEX(Jesper!$R$2:$R$366,ROW(INDEX(Jesper!AK$2:AK$366,ROUNDDOWN($C6968/24,0)+1,1))-1)+IF('Standard Profiles'!$G$21=$B$10,7,0)+IF('Standard Profiles'!$G$21=$B$17,14,0)+IF('Standard Profiles'!$G$21=$B$24,21,0),0)),0)</f>
        <v>4.0546546520345794</v>
      </c>
      <c r="H6968" cm="1">
        <f t="array" ref="H6968">IFERROR(INDEX(Jesper!AL$2:AL$366,ROUNDDOWN($C6968/24,0)+1,1)*INDEX($D$3:$AA$30,INDEX(Jesper!$R$2:$R$366,ROW(INDEX(Jesper!AL$2:AL$366,ROUNDDOWN($C6968/24,0)+1,1))-1)+IF('Standard Profiles'!$G$22=$B$10,7,0)+IF('Standard Profiles'!$G$22=$B$17,14,0)+IF('Standard Profiles'!$G$22=$B$24,21,0),MOD($C6968,24)+1)/SUM(INDEX($D$3:$AA$30,INDEX(Jesper!$R$2:$R$366,ROW(INDEX(Jesper!AL$2:AL$366,ROUNDDOWN($C6968/24,0)+1,1))-1)+IF('Standard Profiles'!$G$22=$B$10,7,0)+IF('Standard Profiles'!$G$22=$B$17,14,0)+IF('Standard Profiles'!$G$22=$B$24,21,0),0)),0)</f>
        <v>0</v>
      </c>
      <c r="I6968">
        <f t="shared" si="776"/>
        <v>1.9462342329765971</v>
      </c>
      <c r="J6968">
        <f t="shared" si="777"/>
        <v>12.365444608448161</v>
      </c>
      <c r="K6968">
        <f t="shared" si="778"/>
        <v>0.63019033282041925</v>
      </c>
      <c r="L6968">
        <f t="shared" si="779"/>
        <v>0.31509516641020963</v>
      </c>
      <c r="M6968">
        <f t="shared" si="780"/>
        <v>0</v>
      </c>
      <c r="N6968" s="45">
        <f t="shared" si="781"/>
        <v>45215.91666664985</v>
      </c>
    </row>
    <row r="6969" spans="2:14" x14ac:dyDescent="0.25">
      <c r="B6969">
        <f t="shared" si="775"/>
        <v>1</v>
      </c>
      <c r="C6969" s="16">
        <v>6935</v>
      </c>
      <c r="D6969" cm="1">
        <f t="array" ref="D6969">IFERROR(INDEX(Jesper!AH$2:AH$366,ROUNDDOWN($C6969/24,0)+1,1)*INDEX($D$3:$AA$30,INDEX(Jesper!$R$2:$R$366,ROW(INDEX(Jesper!AH$2:AH$366,ROUNDDOWN($C6969/24,0)+1,1))-1)+IF('Standard Profiles'!$G$18=$B$10,7,0)+IF('Standard Profiles'!$G$18=$B$17,14,0)+IF('Standard Profiles'!$G$18=$B$24,21,0),MOD($C6969,24)+1)/SUM(INDEX($D$3:$AA$30,INDEX(Jesper!$R$2:$R$366,ROW(INDEX(Jesper!AH$2:AH$366,ROUNDDOWN($C6969/24,0)+1,1))-1)+IF('Standard Profiles'!$G$18=$B$10,7,0)+IF('Standard Profiles'!$G$18=$B$17,14,0)+IF('Standard Profiles'!$G$18=$B$24,21,0),0)),0)</f>
        <v>5.9080343701914302</v>
      </c>
      <c r="E6969" cm="1">
        <f t="array" ref="E6969">IFERROR(INDEX(Jesper!AI$2:AI$366,ROUNDDOWN($C6969/24,0)+1,1)*INDEX($D$3:$AA$30,INDEX(Jesper!$R$2:$R$366,ROW(INDEX(Jesper!AI$2:AI$366,ROUNDDOWN($C6969/24,0)+1,1))-1)+IF('Standard Profiles'!$G$19=$B$10,7,0)+IF('Standard Profiles'!$G$19=$B$17,14,0)+IF('Standard Profiles'!$G$19=$B$24,21,0),MOD($C6969,24)+1)/SUM(INDEX($D$3:$AA$30,INDEX(Jesper!$R$2:$R$366,ROW(INDEX(Jesper!AI$2:AI$366,ROUNDDOWN($C6969/24,0)+1,1))-1)+IF('Standard Profiles'!$G$19=$B$10,7,0)+IF('Standard Profiles'!$G$19=$B$17,14,0)+IF('Standard Profiles'!$G$19=$B$24,21,0),0)),0)</f>
        <v>5.2942753184293778</v>
      </c>
      <c r="F6969" cm="1">
        <f t="array" ref="F6969">IFERROR(INDEX(Jesper!AJ$2:AJ$366,ROUNDDOWN($C6969/24,0)+1,1)*INDEX($D$3:$AA$30,INDEX(Jesper!$R$2:$R$366,ROW(INDEX(Jesper!AJ$2:AJ$366,ROUNDDOWN($C6969/24,0)+1,1))-1)+IF('Standard Profiles'!$G$20=$B$10,7,0)+IF('Standard Profiles'!$G$20=$B$17,14,0)+IF('Standard Profiles'!$G$20=$B$24,21,0),MOD($C6969,24)+1)/SUM(INDEX($D$3:$AA$30,INDEX(Jesper!$R$2:$R$366,ROW(INDEX(Jesper!AJ$2:AJ$366,ROUNDDOWN($C6969/24,0)+1,1))-1)+IF('Standard Profiles'!$G$20=$B$10,7,0)+IF('Standard Profiles'!$G$20=$B$17,14,0)+IF('Standard Profiles'!$G$20=$B$24,21,0),0)),0)</f>
        <v>0</v>
      </c>
      <c r="G6969" cm="1">
        <f t="array" ref="G6969">IFERROR(INDEX(Jesper!AK$2:AK$366,ROUNDDOWN($C6969/24,0)+1,1)*INDEX($D$3:$AA$30,INDEX(Jesper!$R$2:$R$366,ROW(INDEX(Jesper!AK$2:AK$366,ROUNDDOWN($C6969/24,0)+1,1))-1)+IF('Standard Profiles'!$G$21=$B$10,7,0)+IF('Standard Profiles'!$G$21=$B$17,14,0)+IF('Standard Profiles'!$G$21=$B$24,21,0),MOD($C6969,24)+1)/SUM(INDEX($D$3:$AA$30,INDEX(Jesper!$R$2:$R$366,ROW(INDEX(Jesper!AK$2:AK$366,ROUNDDOWN($C6969/24,0)+1,1))-1)+IF('Standard Profiles'!$G$21=$B$10,7,0)+IF('Standard Profiles'!$G$21=$B$17,14,0)+IF('Standard Profiles'!$G$21=$B$24,21,0),0)),0)</f>
        <v>4.0546546520345794</v>
      </c>
      <c r="H6969" cm="1">
        <f t="array" ref="H6969">IFERROR(INDEX(Jesper!AL$2:AL$366,ROUNDDOWN($C6969/24,0)+1,1)*INDEX($D$3:$AA$30,INDEX(Jesper!$R$2:$R$366,ROW(INDEX(Jesper!AL$2:AL$366,ROUNDDOWN($C6969/24,0)+1,1))-1)+IF('Standard Profiles'!$G$22=$B$10,7,0)+IF('Standard Profiles'!$G$22=$B$17,14,0)+IF('Standard Profiles'!$G$22=$B$24,21,0),MOD($C6969,24)+1)/SUM(INDEX($D$3:$AA$30,INDEX(Jesper!$R$2:$R$366,ROW(INDEX(Jesper!AL$2:AL$366,ROUNDDOWN($C6969/24,0)+1,1))-1)+IF('Standard Profiles'!$G$22=$B$10,7,0)+IF('Standard Profiles'!$G$22=$B$17,14,0)+IF('Standard Profiles'!$G$22=$B$24,21,0),0)),0)</f>
        <v>0</v>
      </c>
      <c r="I6969">
        <f t="shared" si="776"/>
        <v>1.9462342329765971</v>
      </c>
      <c r="J6969">
        <f t="shared" si="777"/>
        <v>12.365444608448161</v>
      </c>
      <c r="K6969">
        <f t="shared" si="778"/>
        <v>0.63019033282041925</v>
      </c>
      <c r="L6969">
        <f t="shared" si="779"/>
        <v>0.31509516641020963</v>
      </c>
      <c r="M6969">
        <f t="shared" si="780"/>
        <v>0</v>
      </c>
      <c r="N6969" s="45">
        <f t="shared" si="781"/>
        <v>45215.958333316514</v>
      </c>
    </row>
    <row r="6970" spans="2:14" x14ac:dyDescent="0.25">
      <c r="B6970">
        <f t="shared" si="775"/>
        <v>2</v>
      </c>
      <c r="C6970" s="16">
        <v>6936</v>
      </c>
      <c r="D6970" cm="1">
        <f t="array" ref="D6970">IFERROR(INDEX(Jesper!AH$2:AH$366,ROUNDDOWN($C6970/24,0)+1,1)*INDEX($D$3:$AA$30,INDEX(Jesper!$R$2:$R$366,ROW(INDEX(Jesper!AH$2:AH$366,ROUNDDOWN($C6970/24,0)+1,1))-1)+IF('Standard Profiles'!$G$18=$B$10,7,0)+IF('Standard Profiles'!$G$18=$B$17,14,0)+IF('Standard Profiles'!$G$18=$B$24,21,0),MOD($C6970,24)+1)/SUM(INDEX($D$3:$AA$30,INDEX(Jesper!$R$2:$R$366,ROW(INDEX(Jesper!AH$2:AH$366,ROUNDDOWN($C6970/24,0)+1,1))-1)+IF('Standard Profiles'!$G$18=$B$10,7,0)+IF('Standard Profiles'!$G$18=$B$17,14,0)+IF('Standard Profiles'!$G$18=$B$24,21,0),0)),0)</f>
        <v>3.7873358049102896</v>
      </c>
      <c r="E6970" cm="1">
        <f t="array" ref="E6970">IFERROR(INDEX(Jesper!AI$2:AI$366,ROUNDDOWN($C6970/24,0)+1,1)*INDEX($D$3:$AA$30,INDEX(Jesper!$R$2:$R$366,ROW(INDEX(Jesper!AI$2:AI$366,ROUNDDOWN($C6970/24,0)+1,1))-1)+IF('Standard Profiles'!$G$19=$B$10,7,0)+IF('Standard Profiles'!$G$19=$B$17,14,0)+IF('Standard Profiles'!$G$19=$B$24,21,0),MOD($C6970,24)+1)/SUM(INDEX($D$3:$AA$30,INDEX(Jesper!$R$2:$R$366,ROW(INDEX(Jesper!AI$2:AI$366,ROUNDDOWN($C6970/24,0)+1,1))-1)+IF('Standard Profiles'!$G$19=$B$10,7,0)+IF('Standard Profiles'!$G$19=$B$17,14,0)+IF('Standard Profiles'!$G$19=$B$24,21,0),0)),0)</f>
        <v>3.573015188516079</v>
      </c>
      <c r="F6970" cm="1">
        <f t="array" ref="F6970">IFERROR(INDEX(Jesper!AJ$2:AJ$366,ROUNDDOWN($C6970/24,0)+1,1)*INDEX($D$3:$AA$30,INDEX(Jesper!$R$2:$R$366,ROW(INDEX(Jesper!AJ$2:AJ$366,ROUNDDOWN($C6970/24,0)+1,1))-1)+IF('Standard Profiles'!$G$20=$B$10,7,0)+IF('Standard Profiles'!$G$20=$B$17,14,0)+IF('Standard Profiles'!$G$20=$B$24,21,0),MOD($C6970,24)+1)/SUM(INDEX($D$3:$AA$30,INDEX(Jesper!$R$2:$R$366,ROW(INDEX(Jesper!AJ$2:AJ$366,ROUNDDOWN($C6970/24,0)+1,1))-1)+IF('Standard Profiles'!$G$20=$B$10,7,0)+IF('Standard Profiles'!$G$20=$B$17,14,0)+IF('Standard Profiles'!$G$20=$B$24,21,0),0)),0)</f>
        <v>0</v>
      </c>
      <c r="G6970" cm="1">
        <f t="array" ref="G6970">IFERROR(INDEX(Jesper!AK$2:AK$366,ROUNDDOWN($C6970/24,0)+1,1)*INDEX($D$3:$AA$30,INDEX(Jesper!$R$2:$R$366,ROW(INDEX(Jesper!AK$2:AK$366,ROUNDDOWN($C6970/24,0)+1,1))-1)+IF('Standard Profiles'!$G$21=$B$10,7,0)+IF('Standard Profiles'!$G$21=$B$17,14,0)+IF('Standard Profiles'!$G$21=$B$24,21,0),MOD($C6970,24)+1)/SUM(INDEX($D$3:$AA$30,INDEX(Jesper!$R$2:$R$366,ROW(INDEX(Jesper!AK$2:AK$366,ROUNDDOWN($C6970/24,0)+1,1))-1)+IF('Standard Profiles'!$G$21=$B$10,7,0)+IF('Standard Profiles'!$G$21=$B$17,14,0)+IF('Standard Profiles'!$G$21=$B$24,21,0),0)),0)</f>
        <v>4.5875128079718923</v>
      </c>
      <c r="H6970" cm="1">
        <f t="array" ref="H6970">IFERROR(INDEX(Jesper!AL$2:AL$366,ROUNDDOWN($C6970/24,0)+1,1)*INDEX($D$3:$AA$30,INDEX(Jesper!$R$2:$R$366,ROW(INDEX(Jesper!AL$2:AL$366,ROUNDDOWN($C6970/24,0)+1,1))-1)+IF('Standard Profiles'!$G$22=$B$10,7,0)+IF('Standard Profiles'!$G$22=$B$17,14,0)+IF('Standard Profiles'!$G$22=$B$24,21,0),MOD($C6970,24)+1)/SUM(INDEX($D$3:$AA$30,INDEX(Jesper!$R$2:$R$366,ROW(INDEX(Jesper!AL$2:AL$366,ROUNDDOWN($C6970/24,0)+1,1))-1)+IF('Standard Profiles'!$G$22=$B$10,7,0)+IF('Standard Profiles'!$G$22=$B$17,14,0)+IF('Standard Profiles'!$G$22=$B$24,21,0),0)),0)</f>
        <v>0</v>
      </c>
      <c r="I6970">
        <f t="shared" si="776"/>
        <v>2.2020061478265074</v>
      </c>
      <c r="J6970">
        <f t="shared" si="777"/>
        <v>9.1398839247861066</v>
      </c>
      <c r="K6970">
        <f t="shared" si="778"/>
        <v>0.40398248585709756</v>
      </c>
      <c r="L6970">
        <f t="shared" si="779"/>
        <v>0.20199124292854878</v>
      </c>
      <c r="M6970">
        <f t="shared" si="780"/>
        <v>0</v>
      </c>
      <c r="N6970" s="45">
        <f t="shared" si="781"/>
        <v>45215.999999983178</v>
      </c>
    </row>
    <row r="6971" spans="2:14" x14ac:dyDescent="0.25">
      <c r="B6971">
        <f t="shared" si="775"/>
        <v>2</v>
      </c>
      <c r="C6971" s="16">
        <v>6937</v>
      </c>
      <c r="D6971" cm="1">
        <f t="array" ref="D6971">IFERROR(INDEX(Jesper!AH$2:AH$366,ROUNDDOWN($C6971/24,0)+1,1)*INDEX($D$3:$AA$30,INDEX(Jesper!$R$2:$R$366,ROW(INDEX(Jesper!AH$2:AH$366,ROUNDDOWN($C6971/24,0)+1,1))-1)+IF('Standard Profiles'!$G$18=$B$10,7,0)+IF('Standard Profiles'!$G$18=$B$17,14,0)+IF('Standard Profiles'!$G$18=$B$24,21,0),MOD($C6971,24)+1)/SUM(INDEX($D$3:$AA$30,INDEX(Jesper!$R$2:$R$366,ROW(INDEX(Jesper!AH$2:AH$366,ROUNDDOWN($C6971/24,0)+1,1))-1)+IF('Standard Profiles'!$G$18=$B$10,7,0)+IF('Standard Profiles'!$G$18=$B$17,14,0)+IF('Standard Profiles'!$G$18=$B$24,21,0),0)),0)</f>
        <v>5.7711783693871093</v>
      </c>
      <c r="E6971" cm="1">
        <f t="array" ref="E6971">IFERROR(INDEX(Jesper!AI$2:AI$366,ROUNDDOWN($C6971/24,0)+1,1)*INDEX($D$3:$AA$30,INDEX(Jesper!$R$2:$R$366,ROW(INDEX(Jesper!AI$2:AI$366,ROUNDDOWN($C6971/24,0)+1,1))-1)+IF('Standard Profiles'!$G$19=$B$10,7,0)+IF('Standard Profiles'!$G$19=$B$17,14,0)+IF('Standard Profiles'!$G$19=$B$24,21,0),MOD($C6971,24)+1)/SUM(INDEX($D$3:$AA$30,INDEX(Jesper!$R$2:$R$366,ROW(INDEX(Jesper!AI$2:AI$366,ROUNDDOWN($C6971/24,0)+1,1))-1)+IF('Standard Profiles'!$G$19=$B$10,7,0)+IF('Standard Profiles'!$G$19=$B$17,14,0)+IF('Standard Profiles'!$G$19=$B$24,21,0),0)),0)</f>
        <v>5.4445945729768832</v>
      </c>
      <c r="F6971" cm="1">
        <f t="array" ref="F6971">IFERROR(INDEX(Jesper!AJ$2:AJ$366,ROUNDDOWN($C6971/24,0)+1,1)*INDEX($D$3:$AA$30,INDEX(Jesper!$R$2:$R$366,ROW(INDEX(Jesper!AJ$2:AJ$366,ROUNDDOWN($C6971/24,0)+1,1))-1)+IF('Standard Profiles'!$G$20=$B$10,7,0)+IF('Standard Profiles'!$G$20=$B$17,14,0)+IF('Standard Profiles'!$G$20=$B$24,21,0),MOD($C6971,24)+1)/SUM(INDEX($D$3:$AA$30,INDEX(Jesper!$R$2:$R$366,ROW(INDEX(Jesper!AJ$2:AJ$366,ROUNDDOWN($C6971/24,0)+1,1))-1)+IF('Standard Profiles'!$G$20=$B$10,7,0)+IF('Standard Profiles'!$G$20=$B$17,14,0)+IF('Standard Profiles'!$G$20=$B$24,21,0),0)),0)</f>
        <v>0</v>
      </c>
      <c r="G6971" cm="1">
        <f t="array" ref="G6971">IFERROR(INDEX(Jesper!AK$2:AK$366,ROUNDDOWN($C6971/24,0)+1,1)*INDEX($D$3:$AA$30,INDEX(Jesper!$R$2:$R$366,ROW(INDEX(Jesper!AK$2:AK$366,ROUNDDOWN($C6971/24,0)+1,1))-1)+IF('Standard Profiles'!$G$21=$B$10,7,0)+IF('Standard Profiles'!$G$21=$B$17,14,0)+IF('Standard Profiles'!$G$21=$B$24,21,0),MOD($C6971,24)+1)/SUM(INDEX($D$3:$AA$30,INDEX(Jesper!$R$2:$R$366,ROW(INDEX(Jesper!AK$2:AK$366,ROUNDDOWN($C6971/24,0)+1,1))-1)+IF('Standard Profiles'!$G$21=$B$10,7,0)+IF('Standard Profiles'!$G$21=$B$17,14,0)+IF('Standard Profiles'!$G$21=$B$24,21,0),0)),0)</f>
        <v>4.5875128079718923</v>
      </c>
      <c r="H6971" cm="1">
        <f t="array" ref="H6971">IFERROR(INDEX(Jesper!AL$2:AL$366,ROUNDDOWN($C6971/24,0)+1,1)*INDEX($D$3:$AA$30,INDEX(Jesper!$R$2:$R$366,ROW(INDEX(Jesper!AL$2:AL$366,ROUNDDOWN($C6971/24,0)+1,1))-1)+IF('Standard Profiles'!$G$22=$B$10,7,0)+IF('Standard Profiles'!$G$22=$B$17,14,0)+IF('Standard Profiles'!$G$22=$B$24,21,0),MOD($C6971,24)+1)/SUM(INDEX($D$3:$AA$30,INDEX(Jesper!$R$2:$R$366,ROW(INDEX(Jesper!AL$2:AL$366,ROUNDDOWN($C6971/24,0)+1,1))-1)+IF('Standard Profiles'!$G$22=$B$10,7,0)+IF('Standard Profiles'!$G$22=$B$17,14,0)+IF('Standard Profiles'!$G$22=$B$24,21,0),0)),0)</f>
        <v>0</v>
      </c>
      <c r="I6971">
        <f t="shared" si="776"/>
        <v>2.2020061478265074</v>
      </c>
      <c r="J6971">
        <f t="shared" si="777"/>
        <v>12.67789106340744</v>
      </c>
      <c r="K6971">
        <f t="shared" si="778"/>
        <v>0.61559235940129164</v>
      </c>
      <c r="L6971">
        <f t="shared" si="779"/>
        <v>0.30779617970064582</v>
      </c>
      <c r="M6971">
        <f t="shared" si="780"/>
        <v>0</v>
      </c>
      <c r="N6971" s="45">
        <f t="shared" si="781"/>
        <v>45216.041666649842</v>
      </c>
    </row>
    <row r="6972" spans="2:14" x14ac:dyDescent="0.25">
      <c r="B6972">
        <f t="shared" si="775"/>
        <v>2</v>
      </c>
      <c r="C6972" s="16">
        <v>6938</v>
      </c>
      <c r="D6972" cm="1">
        <f t="array" ref="D6972">IFERROR(INDEX(Jesper!AH$2:AH$366,ROUNDDOWN($C6972/24,0)+1,1)*INDEX($D$3:$AA$30,INDEX(Jesper!$R$2:$R$366,ROW(INDEX(Jesper!AH$2:AH$366,ROUNDDOWN($C6972/24,0)+1,1))-1)+IF('Standard Profiles'!$G$18=$B$10,7,0)+IF('Standard Profiles'!$G$18=$B$17,14,0)+IF('Standard Profiles'!$G$18=$B$24,21,0),MOD($C6972,24)+1)/SUM(INDEX($D$3:$AA$30,INDEX(Jesper!$R$2:$R$366,ROW(INDEX(Jesper!AH$2:AH$366,ROUNDDOWN($C6972/24,0)+1,1))-1)+IF('Standard Profiles'!$G$18=$B$10,7,0)+IF('Standard Profiles'!$G$18=$B$17,14,0)+IF('Standard Profiles'!$G$18=$B$24,21,0),0)),0)</f>
        <v>5.7711783693871093</v>
      </c>
      <c r="E6972" cm="1">
        <f t="array" ref="E6972">IFERROR(INDEX(Jesper!AI$2:AI$366,ROUNDDOWN($C6972/24,0)+1,1)*INDEX($D$3:$AA$30,INDEX(Jesper!$R$2:$R$366,ROW(INDEX(Jesper!AI$2:AI$366,ROUNDDOWN($C6972/24,0)+1,1))-1)+IF('Standard Profiles'!$G$19=$B$10,7,0)+IF('Standard Profiles'!$G$19=$B$17,14,0)+IF('Standard Profiles'!$G$19=$B$24,21,0),MOD($C6972,24)+1)/SUM(INDEX($D$3:$AA$30,INDEX(Jesper!$R$2:$R$366,ROW(INDEX(Jesper!AI$2:AI$366,ROUNDDOWN($C6972/24,0)+1,1))-1)+IF('Standard Profiles'!$G$19=$B$10,7,0)+IF('Standard Profiles'!$G$19=$B$17,14,0)+IF('Standard Profiles'!$G$19=$B$24,21,0),0)),0)</f>
        <v>5.4445945729768832</v>
      </c>
      <c r="F6972" cm="1">
        <f t="array" ref="F6972">IFERROR(INDEX(Jesper!AJ$2:AJ$366,ROUNDDOWN($C6972/24,0)+1,1)*INDEX($D$3:$AA$30,INDEX(Jesper!$R$2:$R$366,ROW(INDEX(Jesper!AJ$2:AJ$366,ROUNDDOWN($C6972/24,0)+1,1))-1)+IF('Standard Profiles'!$G$20=$B$10,7,0)+IF('Standard Profiles'!$G$20=$B$17,14,0)+IF('Standard Profiles'!$G$20=$B$24,21,0),MOD($C6972,24)+1)/SUM(INDEX($D$3:$AA$30,INDEX(Jesper!$R$2:$R$366,ROW(INDEX(Jesper!AJ$2:AJ$366,ROUNDDOWN($C6972/24,0)+1,1))-1)+IF('Standard Profiles'!$G$20=$B$10,7,0)+IF('Standard Profiles'!$G$20=$B$17,14,0)+IF('Standard Profiles'!$G$20=$B$24,21,0),0)),0)</f>
        <v>0</v>
      </c>
      <c r="G6972" cm="1">
        <f t="array" ref="G6972">IFERROR(INDEX(Jesper!AK$2:AK$366,ROUNDDOWN($C6972/24,0)+1,1)*INDEX($D$3:$AA$30,INDEX(Jesper!$R$2:$R$366,ROW(INDEX(Jesper!AK$2:AK$366,ROUNDDOWN($C6972/24,0)+1,1))-1)+IF('Standard Profiles'!$G$21=$B$10,7,0)+IF('Standard Profiles'!$G$21=$B$17,14,0)+IF('Standard Profiles'!$G$21=$B$24,21,0),MOD($C6972,24)+1)/SUM(INDEX($D$3:$AA$30,INDEX(Jesper!$R$2:$R$366,ROW(INDEX(Jesper!AK$2:AK$366,ROUNDDOWN($C6972/24,0)+1,1))-1)+IF('Standard Profiles'!$G$21=$B$10,7,0)+IF('Standard Profiles'!$G$21=$B$17,14,0)+IF('Standard Profiles'!$G$21=$B$24,21,0),0)),0)</f>
        <v>4.5875128079718923</v>
      </c>
      <c r="H6972" cm="1">
        <f t="array" ref="H6972">IFERROR(INDEX(Jesper!AL$2:AL$366,ROUNDDOWN($C6972/24,0)+1,1)*INDEX($D$3:$AA$30,INDEX(Jesper!$R$2:$R$366,ROW(INDEX(Jesper!AL$2:AL$366,ROUNDDOWN($C6972/24,0)+1,1))-1)+IF('Standard Profiles'!$G$22=$B$10,7,0)+IF('Standard Profiles'!$G$22=$B$17,14,0)+IF('Standard Profiles'!$G$22=$B$24,21,0),MOD($C6972,24)+1)/SUM(INDEX($D$3:$AA$30,INDEX(Jesper!$R$2:$R$366,ROW(INDEX(Jesper!AL$2:AL$366,ROUNDDOWN($C6972/24,0)+1,1))-1)+IF('Standard Profiles'!$G$22=$B$10,7,0)+IF('Standard Profiles'!$G$22=$B$17,14,0)+IF('Standard Profiles'!$G$22=$B$24,21,0),0)),0)</f>
        <v>0</v>
      </c>
      <c r="I6972">
        <f t="shared" si="776"/>
        <v>2.2020061478265074</v>
      </c>
      <c r="J6972">
        <f t="shared" si="777"/>
        <v>12.67789106340744</v>
      </c>
      <c r="K6972">
        <f t="shared" si="778"/>
        <v>0.61559235940129164</v>
      </c>
      <c r="L6972">
        <f t="shared" si="779"/>
        <v>0.30779617970064582</v>
      </c>
      <c r="M6972">
        <f t="shared" si="780"/>
        <v>0</v>
      </c>
      <c r="N6972" s="45">
        <f t="shared" si="781"/>
        <v>45216.083333316506</v>
      </c>
    </row>
    <row r="6973" spans="2:14" x14ac:dyDescent="0.25">
      <c r="B6973">
        <f t="shared" si="775"/>
        <v>2</v>
      </c>
      <c r="C6973" s="16">
        <v>6939</v>
      </c>
      <c r="D6973" cm="1">
        <f t="array" ref="D6973">IFERROR(INDEX(Jesper!AH$2:AH$366,ROUNDDOWN($C6973/24,0)+1,1)*INDEX($D$3:$AA$30,INDEX(Jesper!$R$2:$R$366,ROW(INDEX(Jesper!AH$2:AH$366,ROUNDDOWN($C6973/24,0)+1,1))-1)+IF('Standard Profiles'!$G$18=$B$10,7,0)+IF('Standard Profiles'!$G$18=$B$17,14,0)+IF('Standard Profiles'!$G$18=$B$24,21,0),MOD($C6973,24)+1)/SUM(INDEX($D$3:$AA$30,INDEX(Jesper!$R$2:$R$366,ROW(INDEX(Jesper!AH$2:AH$366,ROUNDDOWN($C6973/24,0)+1,1))-1)+IF('Standard Profiles'!$G$18=$B$10,7,0)+IF('Standard Profiles'!$G$18=$B$17,14,0)+IF('Standard Profiles'!$G$18=$B$24,21,0),0)),0)</f>
        <v>5.7711783693871093</v>
      </c>
      <c r="E6973" cm="1">
        <f t="array" ref="E6973">IFERROR(INDEX(Jesper!AI$2:AI$366,ROUNDDOWN($C6973/24,0)+1,1)*INDEX($D$3:$AA$30,INDEX(Jesper!$R$2:$R$366,ROW(INDEX(Jesper!AI$2:AI$366,ROUNDDOWN($C6973/24,0)+1,1))-1)+IF('Standard Profiles'!$G$19=$B$10,7,0)+IF('Standard Profiles'!$G$19=$B$17,14,0)+IF('Standard Profiles'!$G$19=$B$24,21,0),MOD($C6973,24)+1)/SUM(INDEX($D$3:$AA$30,INDEX(Jesper!$R$2:$R$366,ROW(INDEX(Jesper!AI$2:AI$366,ROUNDDOWN($C6973/24,0)+1,1))-1)+IF('Standard Profiles'!$G$19=$B$10,7,0)+IF('Standard Profiles'!$G$19=$B$17,14,0)+IF('Standard Profiles'!$G$19=$B$24,21,0),0)),0)</f>
        <v>5.4445945729768832</v>
      </c>
      <c r="F6973" cm="1">
        <f t="array" ref="F6973">IFERROR(INDEX(Jesper!AJ$2:AJ$366,ROUNDDOWN($C6973/24,0)+1,1)*INDEX($D$3:$AA$30,INDEX(Jesper!$R$2:$R$366,ROW(INDEX(Jesper!AJ$2:AJ$366,ROUNDDOWN($C6973/24,0)+1,1))-1)+IF('Standard Profiles'!$G$20=$B$10,7,0)+IF('Standard Profiles'!$G$20=$B$17,14,0)+IF('Standard Profiles'!$G$20=$B$24,21,0),MOD($C6973,24)+1)/SUM(INDEX($D$3:$AA$30,INDEX(Jesper!$R$2:$R$366,ROW(INDEX(Jesper!AJ$2:AJ$366,ROUNDDOWN($C6973/24,0)+1,1))-1)+IF('Standard Profiles'!$G$20=$B$10,7,0)+IF('Standard Profiles'!$G$20=$B$17,14,0)+IF('Standard Profiles'!$G$20=$B$24,21,0),0)),0)</f>
        <v>0</v>
      </c>
      <c r="G6973" cm="1">
        <f t="array" ref="G6973">IFERROR(INDEX(Jesper!AK$2:AK$366,ROUNDDOWN($C6973/24,0)+1,1)*INDEX($D$3:$AA$30,INDEX(Jesper!$R$2:$R$366,ROW(INDEX(Jesper!AK$2:AK$366,ROUNDDOWN($C6973/24,0)+1,1))-1)+IF('Standard Profiles'!$G$21=$B$10,7,0)+IF('Standard Profiles'!$G$21=$B$17,14,0)+IF('Standard Profiles'!$G$21=$B$24,21,0),MOD($C6973,24)+1)/SUM(INDEX($D$3:$AA$30,INDEX(Jesper!$R$2:$R$366,ROW(INDEX(Jesper!AK$2:AK$366,ROUNDDOWN($C6973/24,0)+1,1))-1)+IF('Standard Profiles'!$G$21=$B$10,7,0)+IF('Standard Profiles'!$G$21=$B$17,14,0)+IF('Standard Profiles'!$G$21=$B$24,21,0),0)),0)</f>
        <v>4.5875128079718923</v>
      </c>
      <c r="H6973" cm="1">
        <f t="array" ref="H6973">IFERROR(INDEX(Jesper!AL$2:AL$366,ROUNDDOWN($C6973/24,0)+1,1)*INDEX($D$3:$AA$30,INDEX(Jesper!$R$2:$R$366,ROW(INDEX(Jesper!AL$2:AL$366,ROUNDDOWN($C6973/24,0)+1,1))-1)+IF('Standard Profiles'!$G$22=$B$10,7,0)+IF('Standard Profiles'!$G$22=$B$17,14,0)+IF('Standard Profiles'!$G$22=$B$24,21,0),MOD($C6973,24)+1)/SUM(INDEX($D$3:$AA$30,INDEX(Jesper!$R$2:$R$366,ROW(INDEX(Jesper!AL$2:AL$366,ROUNDDOWN($C6973/24,0)+1,1))-1)+IF('Standard Profiles'!$G$22=$B$10,7,0)+IF('Standard Profiles'!$G$22=$B$17,14,0)+IF('Standard Profiles'!$G$22=$B$24,21,0),0)),0)</f>
        <v>0</v>
      </c>
      <c r="I6973">
        <f t="shared" si="776"/>
        <v>2.2020061478265074</v>
      </c>
      <c r="J6973">
        <f t="shared" si="777"/>
        <v>12.67789106340744</v>
      </c>
      <c r="K6973">
        <f t="shared" si="778"/>
        <v>0.61559235940129164</v>
      </c>
      <c r="L6973">
        <f t="shared" si="779"/>
        <v>0.30779617970064582</v>
      </c>
      <c r="M6973">
        <f t="shared" si="780"/>
        <v>0</v>
      </c>
      <c r="N6973" s="45">
        <f t="shared" si="781"/>
        <v>45216.124999983171</v>
      </c>
    </row>
    <row r="6974" spans="2:14" x14ac:dyDescent="0.25">
      <c r="B6974">
        <f t="shared" si="775"/>
        <v>2</v>
      </c>
      <c r="C6974" s="16">
        <v>6940</v>
      </c>
      <c r="D6974" cm="1">
        <f t="array" ref="D6974">IFERROR(INDEX(Jesper!AH$2:AH$366,ROUNDDOWN($C6974/24,0)+1,1)*INDEX($D$3:$AA$30,INDEX(Jesper!$R$2:$R$366,ROW(INDEX(Jesper!AH$2:AH$366,ROUNDDOWN($C6974/24,0)+1,1))-1)+IF('Standard Profiles'!$G$18=$B$10,7,0)+IF('Standard Profiles'!$G$18=$B$17,14,0)+IF('Standard Profiles'!$G$18=$B$24,21,0),MOD($C6974,24)+1)/SUM(INDEX($D$3:$AA$30,INDEX(Jesper!$R$2:$R$366,ROW(INDEX(Jesper!AH$2:AH$366,ROUNDDOWN($C6974/24,0)+1,1))-1)+IF('Standard Profiles'!$G$18=$B$10,7,0)+IF('Standard Profiles'!$G$18=$B$17,14,0)+IF('Standard Profiles'!$G$18=$B$24,21,0),0)),0)</f>
        <v>5.7711783693871093</v>
      </c>
      <c r="E6974" cm="1">
        <f t="array" ref="E6974">IFERROR(INDEX(Jesper!AI$2:AI$366,ROUNDDOWN($C6974/24,0)+1,1)*INDEX($D$3:$AA$30,INDEX(Jesper!$R$2:$R$366,ROW(INDEX(Jesper!AI$2:AI$366,ROUNDDOWN($C6974/24,0)+1,1))-1)+IF('Standard Profiles'!$G$19=$B$10,7,0)+IF('Standard Profiles'!$G$19=$B$17,14,0)+IF('Standard Profiles'!$G$19=$B$24,21,0),MOD($C6974,24)+1)/SUM(INDEX($D$3:$AA$30,INDEX(Jesper!$R$2:$R$366,ROW(INDEX(Jesper!AI$2:AI$366,ROUNDDOWN($C6974/24,0)+1,1))-1)+IF('Standard Profiles'!$G$19=$B$10,7,0)+IF('Standard Profiles'!$G$19=$B$17,14,0)+IF('Standard Profiles'!$G$19=$B$24,21,0),0)),0)</f>
        <v>5.4445945729768832</v>
      </c>
      <c r="F6974" cm="1">
        <f t="array" ref="F6974">IFERROR(INDEX(Jesper!AJ$2:AJ$366,ROUNDDOWN($C6974/24,0)+1,1)*INDEX($D$3:$AA$30,INDEX(Jesper!$R$2:$R$366,ROW(INDEX(Jesper!AJ$2:AJ$366,ROUNDDOWN($C6974/24,0)+1,1))-1)+IF('Standard Profiles'!$G$20=$B$10,7,0)+IF('Standard Profiles'!$G$20=$B$17,14,0)+IF('Standard Profiles'!$G$20=$B$24,21,0),MOD($C6974,24)+1)/SUM(INDEX($D$3:$AA$30,INDEX(Jesper!$R$2:$R$366,ROW(INDEX(Jesper!AJ$2:AJ$366,ROUNDDOWN($C6974/24,0)+1,1))-1)+IF('Standard Profiles'!$G$20=$B$10,7,0)+IF('Standard Profiles'!$G$20=$B$17,14,0)+IF('Standard Profiles'!$G$20=$B$24,21,0),0)),0)</f>
        <v>0</v>
      </c>
      <c r="G6974" cm="1">
        <f t="array" ref="G6974">IFERROR(INDEX(Jesper!AK$2:AK$366,ROUNDDOWN($C6974/24,0)+1,1)*INDEX($D$3:$AA$30,INDEX(Jesper!$R$2:$R$366,ROW(INDEX(Jesper!AK$2:AK$366,ROUNDDOWN($C6974/24,0)+1,1))-1)+IF('Standard Profiles'!$G$21=$B$10,7,0)+IF('Standard Profiles'!$G$21=$B$17,14,0)+IF('Standard Profiles'!$G$21=$B$24,21,0),MOD($C6974,24)+1)/SUM(INDEX($D$3:$AA$30,INDEX(Jesper!$R$2:$R$366,ROW(INDEX(Jesper!AK$2:AK$366,ROUNDDOWN($C6974/24,0)+1,1))-1)+IF('Standard Profiles'!$G$21=$B$10,7,0)+IF('Standard Profiles'!$G$21=$B$17,14,0)+IF('Standard Profiles'!$G$21=$B$24,21,0),0)),0)</f>
        <v>4.5875128079718923</v>
      </c>
      <c r="H6974" cm="1">
        <f t="array" ref="H6974">IFERROR(INDEX(Jesper!AL$2:AL$366,ROUNDDOWN($C6974/24,0)+1,1)*INDEX($D$3:$AA$30,INDEX(Jesper!$R$2:$R$366,ROW(INDEX(Jesper!AL$2:AL$366,ROUNDDOWN($C6974/24,0)+1,1))-1)+IF('Standard Profiles'!$G$22=$B$10,7,0)+IF('Standard Profiles'!$G$22=$B$17,14,0)+IF('Standard Profiles'!$G$22=$B$24,21,0),MOD($C6974,24)+1)/SUM(INDEX($D$3:$AA$30,INDEX(Jesper!$R$2:$R$366,ROW(INDEX(Jesper!AL$2:AL$366,ROUNDDOWN($C6974/24,0)+1,1))-1)+IF('Standard Profiles'!$G$22=$B$10,7,0)+IF('Standard Profiles'!$G$22=$B$17,14,0)+IF('Standard Profiles'!$G$22=$B$24,21,0),0)),0)</f>
        <v>0</v>
      </c>
      <c r="I6974">
        <f t="shared" si="776"/>
        <v>2.2020061478265074</v>
      </c>
      <c r="J6974">
        <f t="shared" si="777"/>
        <v>12.67789106340744</v>
      </c>
      <c r="K6974">
        <f t="shared" si="778"/>
        <v>0.61559235940129164</v>
      </c>
      <c r="L6974">
        <f t="shared" si="779"/>
        <v>0.30779617970064582</v>
      </c>
      <c r="M6974">
        <f t="shared" si="780"/>
        <v>0</v>
      </c>
      <c r="N6974" s="45">
        <f t="shared" si="781"/>
        <v>45216.166666649835</v>
      </c>
    </row>
    <row r="6975" spans="2:14" x14ac:dyDescent="0.25">
      <c r="B6975">
        <f t="shared" si="775"/>
        <v>2</v>
      </c>
      <c r="C6975" s="16">
        <v>6941</v>
      </c>
      <c r="D6975" cm="1">
        <f t="array" ref="D6975">IFERROR(INDEX(Jesper!AH$2:AH$366,ROUNDDOWN($C6975/24,0)+1,1)*INDEX($D$3:$AA$30,INDEX(Jesper!$R$2:$R$366,ROW(INDEX(Jesper!AH$2:AH$366,ROUNDDOWN($C6975/24,0)+1,1))-1)+IF('Standard Profiles'!$G$18=$B$10,7,0)+IF('Standard Profiles'!$G$18=$B$17,14,0)+IF('Standard Profiles'!$G$18=$B$24,21,0),MOD($C6975,24)+1)/SUM(INDEX($D$3:$AA$30,INDEX(Jesper!$R$2:$R$366,ROW(INDEX(Jesper!AH$2:AH$366,ROUNDDOWN($C6975/24,0)+1,1))-1)+IF('Standard Profiles'!$G$18=$B$10,7,0)+IF('Standard Profiles'!$G$18=$B$17,14,0)+IF('Standard Profiles'!$G$18=$B$24,21,0),0)),0)</f>
        <v>5.7711783693871093</v>
      </c>
      <c r="E6975" cm="1">
        <f t="array" ref="E6975">IFERROR(INDEX(Jesper!AI$2:AI$366,ROUNDDOWN($C6975/24,0)+1,1)*INDEX($D$3:$AA$30,INDEX(Jesper!$R$2:$R$366,ROW(INDEX(Jesper!AI$2:AI$366,ROUNDDOWN($C6975/24,0)+1,1))-1)+IF('Standard Profiles'!$G$19=$B$10,7,0)+IF('Standard Profiles'!$G$19=$B$17,14,0)+IF('Standard Profiles'!$G$19=$B$24,21,0),MOD($C6975,24)+1)/SUM(INDEX($D$3:$AA$30,INDEX(Jesper!$R$2:$R$366,ROW(INDEX(Jesper!AI$2:AI$366,ROUNDDOWN($C6975/24,0)+1,1))-1)+IF('Standard Profiles'!$G$19=$B$10,7,0)+IF('Standard Profiles'!$G$19=$B$17,14,0)+IF('Standard Profiles'!$G$19=$B$24,21,0),0)),0)</f>
        <v>5.4445945729768832</v>
      </c>
      <c r="F6975" cm="1">
        <f t="array" ref="F6975">IFERROR(INDEX(Jesper!AJ$2:AJ$366,ROUNDDOWN($C6975/24,0)+1,1)*INDEX($D$3:$AA$30,INDEX(Jesper!$R$2:$R$366,ROW(INDEX(Jesper!AJ$2:AJ$366,ROUNDDOWN($C6975/24,0)+1,1))-1)+IF('Standard Profiles'!$G$20=$B$10,7,0)+IF('Standard Profiles'!$G$20=$B$17,14,0)+IF('Standard Profiles'!$G$20=$B$24,21,0),MOD($C6975,24)+1)/SUM(INDEX($D$3:$AA$30,INDEX(Jesper!$R$2:$R$366,ROW(INDEX(Jesper!AJ$2:AJ$366,ROUNDDOWN($C6975/24,0)+1,1))-1)+IF('Standard Profiles'!$G$20=$B$10,7,0)+IF('Standard Profiles'!$G$20=$B$17,14,0)+IF('Standard Profiles'!$G$20=$B$24,21,0),0)),0)</f>
        <v>0</v>
      </c>
      <c r="G6975" cm="1">
        <f t="array" ref="G6975">IFERROR(INDEX(Jesper!AK$2:AK$366,ROUNDDOWN($C6975/24,0)+1,1)*INDEX($D$3:$AA$30,INDEX(Jesper!$R$2:$R$366,ROW(INDEX(Jesper!AK$2:AK$366,ROUNDDOWN($C6975/24,0)+1,1))-1)+IF('Standard Profiles'!$G$21=$B$10,7,0)+IF('Standard Profiles'!$G$21=$B$17,14,0)+IF('Standard Profiles'!$G$21=$B$24,21,0),MOD($C6975,24)+1)/SUM(INDEX($D$3:$AA$30,INDEX(Jesper!$R$2:$R$366,ROW(INDEX(Jesper!AK$2:AK$366,ROUNDDOWN($C6975/24,0)+1,1))-1)+IF('Standard Profiles'!$G$21=$B$10,7,0)+IF('Standard Profiles'!$G$21=$B$17,14,0)+IF('Standard Profiles'!$G$21=$B$24,21,0),0)),0)</f>
        <v>4.5875128079718923</v>
      </c>
      <c r="H6975" cm="1">
        <f t="array" ref="H6975">IFERROR(INDEX(Jesper!AL$2:AL$366,ROUNDDOWN($C6975/24,0)+1,1)*INDEX($D$3:$AA$30,INDEX(Jesper!$R$2:$R$366,ROW(INDEX(Jesper!AL$2:AL$366,ROUNDDOWN($C6975/24,0)+1,1))-1)+IF('Standard Profiles'!$G$22=$B$10,7,0)+IF('Standard Profiles'!$G$22=$B$17,14,0)+IF('Standard Profiles'!$G$22=$B$24,21,0),MOD($C6975,24)+1)/SUM(INDEX($D$3:$AA$30,INDEX(Jesper!$R$2:$R$366,ROW(INDEX(Jesper!AL$2:AL$366,ROUNDDOWN($C6975/24,0)+1,1))-1)+IF('Standard Profiles'!$G$22=$B$10,7,0)+IF('Standard Profiles'!$G$22=$B$17,14,0)+IF('Standard Profiles'!$G$22=$B$24,21,0),0)),0)</f>
        <v>0</v>
      </c>
      <c r="I6975">
        <f t="shared" si="776"/>
        <v>2.2020061478265074</v>
      </c>
      <c r="J6975">
        <f t="shared" si="777"/>
        <v>12.67789106340744</v>
      </c>
      <c r="K6975">
        <f t="shared" si="778"/>
        <v>0.61559235940129164</v>
      </c>
      <c r="L6975">
        <f t="shared" si="779"/>
        <v>0.30779617970064582</v>
      </c>
      <c r="M6975">
        <f t="shared" si="780"/>
        <v>0</v>
      </c>
      <c r="N6975" s="45">
        <f t="shared" si="781"/>
        <v>45216.208333316499</v>
      </c>
    </row>
    <row r="6976" spans="2:14" x14ac:dyDescent="0.25">
      <c r="B6976">
        <f t="shared" si="775"/>
        <v>2</v>
      </c>
      <c r="C6976" s="16">
        <v>6942</v>
      </c>
      <c r="D6976" cm="1">
        <f t="array" ref="D6976">IFERROR(INDEX(Jesper!AH$2:AH$366,ROUNDDOWN($C6976/24,0)+1,1)*INDEX($D$3:$AA$30,INDEX(Jesper!$R$2:$R$366,ROW(INDEX(Jesper!AH$2:AH$366,ROUNDDOWN($C6976/24,0)+1,1))-1)+IF('Standard Profiles'!$G$18=$B$10,7,0)+IF('Standard Profiles'!$G$18=$B$17,14,0)+IF('Standard Profiles'!$G$18=$B$24,21,0),MOD($C6976,24)+1)/SUM(INDEX($D$3:$AA$30,INDEX(Jesper!$R$2:$R$366,ROW(INDEX(Jesper!AH$2:AH$366,ROUNDDOWN($C6976/24,0)+1,1))-1)+IF('Standard Profiles'!$G$18=$B$10,7,0)+IF('Standard Profiles'!$G$18=$B$17,14,0)+IF('Standard Profiles'!$G$18=$B$24,21,0),0)),0)</f>
        <v>5.7711783693871093</v>
      </c>
      <c r="E6976" cm="1">
        <f t="array" ref="E6976">IFERROR(INDEX(Jesper!AI$2:AI$366,ROUNDDOWN($C6976/24,0)+1,1)*INDEX($D$3:$AA$30,INDEX(Jesper!$R$2:$R$366,ROW(INDEX(Jesper!AI$2:AI$366,ROUNDDOWN($C6976/24,0)+1,1))-1)+IF('Standard Profiles'!$G$19=$B$10,7,0)+IF('Standard Profiles'!$G$19=$B$17,14,0)+IF('Standard Profiles'!$G$19=$B$24,21,0),MOD($C6976,24)+1)/SUM(INDEX($D$3:$AA$30,INDEX(Jesper!$R$2:$R$366,ROW(INDEX(Jesper!AI$2:AI$366,ROUNDDOWN($C6976/24,0)+1,1))-1)+IF('Standard Profiles'!$G$19=$B$10,7,0)+IF('Standard Profiles'!$G$19=$B$17,14,0)+IF('Standard Profiles'!$G$19=$B$24,21,0),0)),0)</f>
        <v>5.4445945729768832</v>
      </c>
      <c r="F6976" cm="1">
        <f t="array" ref="F6976">IFERROR(INDEX(Jesper!AJ$2:AJ$366,ROUNDDOWN($C6976/24,0)+1,1)*INDEX($D$3:$AA$30,INDEX(Jesper!$R$2:$R$366,ROW(INDEX(Jesper!AJ$2:AJ$366,ROUNDDOWN($C6976/24,0)+1,1))-1)+IF('Standard Profiles'!$G$20=$B$10,7,0)+IF('Standard Profiles'!$G$20=$B$17,14,0)+IF('Standard Profiles'!$G$20=$B$24,21,0),MOD($C6976,24)+1)/SUM(INDEX($D$3:$AA$30,INDEX(Jesper!$R$2:$R$366,ROW(INDEX(Jesper!AJ$2:AJ$366,ROUNDDOWN($C6976/24,0)+1,1))-1)+IF('Standard Profiles'!$G$20=$B$10,7,0)+IF('Standard Profiles'!$G$20=$B$17,14,0)+IF('Standard Profiles'!$G$20=$B$24,21,0),0)),0)</f>
        <v>0</v>
      </c>
      <c r="G6976" cm="1">
        <f t="array" ref="G6976">IFERROR(INDEX(Jesper!AK$2:AK$366,ROUNDDOWN($C6976/24,0)+1,1)*INDEX($D$3:$AA$30,INDEX(Jesper!$R$2:$R$366,ROW(INDEX(Jesper!AK$2:AK$366,ROUNDDOWN($C6976/24,0)+1,1))-1)+IF('Standard Profiles'!$G$21=$B$10,7,0)+IF('Standard Profiles'!$G$21=$B$17,14,0)+IF('Standard Profiles'!$G$21=$B$24,21,0),MOD($C6976,24)+1)/SUM(INDEX($D$3:$AA$30,INDEX(Jesper!$R$2:$R$366,ROW(INDEX(Jesper!AK$2:AK$366,ROUNDDOWN($C6976/24,0)+1,1))-1)+IF('Standard Profiles'!$G$21=$B$10,7,0)+IF('Standard Profiles'!$G$21=$B$17,14,0)+IF('Standard Profiles'!$G$21=$B$24,21,0),0)),0)</f>
        <v>4.5875128079718923</v>
      </c>
      <c r="H6976" cm="1">
        <f t="array" ref="H6976">IFERROR(INDEX(Jesper!AL$2:AL$366,ROUNDDOWN($C6976/24,0)+1,1)*INDEX($D$3:$AA$30,INDEX(Jesper!$R$2:$R$366,ROW(INDEX(Jesper!AL$2:AL$366,ROUNDDOWN($C6976/24,0)+1,1))-1)+IF('Standard Profiles'!$G$22=$B$10,7,0)+IF('Standard Profiles'!$G$22=$B$17,14,0)+IF('Standard Profiles'!$G$22=$B$24,21,0),MOD($C6976,24)+1)/SUM(INDEX($D$3:$AA$30,INDEX(Jesper!$R$2:$R$366,ROW(INDEX(Jesper!AL$2:AL$366,ROUNDDOWN($C6976/24,0)+1,1))-1)+IF('Standard Profiles'!$G$22=$B$10,7,0)+IF('Standard Profiles'!$G$22=$B$17,14,0)+IF('Standard Profiles'!$G$22=$B$24,21,0),0)),0)</f>
        <v>0</v>
      </c>
      <c r="I6976">
        <f t="shared" si="776"/>
        <v>2.2020061478265074</v>
      </c>
      <c r="J6976">
        <f t="shared" si="777"/>
        <v>12.67789106340744</v>
      </c>
      <c r="K6976">
        <f t="shared" si="778"/>
        <v>0.61559235940129164</v>
      </c>
      <c r="L6976">
        <f t="shared" si="779"/>
        <v>0.30779617970064582</v>
      </c>
      <c r="M6976">
        <f t="shared" si="780"/>
        <v>0</v>
      </c>
      <c r="N6976" s="45">
        <f t="shared" si="781"/>
        <v>45216.249999983163</v>
      </c>
    </row>
    <row r="6977" spans="2:14" x14ac:dyDescent="0.25">
      <c r="B6977">
        <f t="shared" si="775"/>
        <v>2</v>
      </c>
      <c r="C6977" s="16">
        <v>6943</v>
      </c>
      <c r="D6977" cm="1">
        <f t="array" ref="D6977">IFERROR(INDEX(Jesper!AH$2:AH$366,ROUNDDOWN($C6977/24,0)+1,1)*INDEX($D$3:$AA$30,INDEX(Jesper!$R$2:$R$366,ROW(INDEX(Jesper!AH$2:AH$366,ROUNDDOWN($C6977/24,0)+1,1))-1)+IF('Standard Profiles'!$G$18=$B$10,7,0)+IF('Standard Profiles'!$G$18=$B$17,14,0)+IF('Standard Profiles'!$G$18=$B$24,21,0),MOD($C6977,24)+1)/SUM(INDEX($D$3:$AA$30,INDEX(Jesper!$R$2:$R$366,ROW(INDEX(Jesper!AH$2:AH$366,ROUNDDOWN($C6977/24,0)+1,1))-1)+IF('Standard Profiles'!$G$18=$B$10,7,0)+IF('Standard Profiles'!$G$18=$B$17,14,0)+IF('Standard Profiles'!$G$18=$B$24,21,0),0)),0)</f>
        <v>24.329123813447531</v>
      </c>
      <c r="E6977" cm="1">
        <f t="array" ref="E6977">IFERROR(INDEX(Jesper!AI$2:AI$366,ROUNDDOWN($C6977/24,0)+1,1)*INDEX($D$3:$AA$30,INDEX(Jesper!$R$2:$R$366,ROW(INDEX(Jesper!AI$2:AI$366,ROUNDDOWN($C6977/24,0)+1,1))-1)+IF('Standard Profiles'!$G$19=$B$10,7,0)+IF('Standard Profiles'!$G$19=$B$17,14,0)+IF('Standard Profiles'!$G$19=$B$24,21,0),MOD($C6977,24)+1)/SUM(INDEX($D$3:$AA$30,INDEX(Jesper!$R$2:$R$366,ROW(INDEX(Jesper!AI$2:AI$366,ROUNDDOWN($C6977/24,0)+1,1))-1)+IF('Standard Profiles'!$G$19=$B$10,7,0)+IF('Standard Profiles'!$G$19=$B$17,14,0)+IF('Standard Profiles'!$G$19=$B$24,21,0),0)),0)</f>
        <v>22.952368996705669</v>
      </c>
      <c r="F6977" cm="1">
        <f t="array" ref="F6977">IFERROR(INDEX(Jesper!AJ$2:AJ$366,ROUNDDOWN($C6977/24,0)+1,1)*INDEX($D$3:$AA$30,INDEX(Jesper!$R$2:$R$366,ROW(INDEX(Jesper!AJ$2:AJ$366,ROUNDDOWN($C6977/24,0)+1,1))-1)+IF('Standard Profiles'!$G$20=$B$10,7,0)+IF('Standard Profiles'!$G$20=$B$17,14,0)+IF('Standard Profiles'!$G$20=$B$24,21,0),MOD($C6977,24)+1)/SUM(INDEX($D$3:$AA$30,INDEX(Jesper!$R$2:$R$366,ROW(INDEX(Jesper!AJ$2:AJ$366,ROUNDDOWN($C6977/24,0)+1,1))-1)+IF('Standard Profiles'!$G$20=$B$10,7,0)+IF('Standard Profiles'!$G$20=$B$17,14,0)+IF('Standard Profiles'!$G$20=$B$24,21,0),0)),0)</f>
        <v>0</v>
      </c>
      <c r="G6977" cm="1">
        <f t="array" ref="G6977">IFERROR(INDEX(Jesper!AK$2:AK$366,ROUNDDOWN($C6977/24,0)+1,1)*INDEX($D$3:$AA$30,INDEX(Jesper!$R$2:$R$366,ROW(INDEX(Jesper!AK$2:AK$366,ROUNDDOWN($C6977/24,0)+1,1))-1)+IF('Standard Profiles'!$G$21=$B$10,7,0)+IF('Standard Profiles'!$G$21=$B$17,14,0)+IF('Standard Profiles'!$G$21=$B$24,21,0),MOD($C6977,24)+1)/SUM(INDEX($D$3:$AA$30,INDEX(Jesper!$R$2:$R$366,ROW(INDEX(Jesper!AK$2:AK$366,ROUNDDOWN($C6977/24,0)+1,1))-1)+IF('Standard Profiles'!$G$21=$B$10,7,0)+IF('Standard Profiles'!$G$21=$B$17,14,0)+IF('Standard Profiles'!$G$21=$B$24,21,0),0)),0)</f>
        <v>13.214996572641613</v>
      </c>
      <c r="H6977" cm="1">
        <f t="array" ref="H6977">IFERROR(INDEX(Jesper!AL$2:AL$366,ROUNDDOWN($C6977/24,0)+1,1)*INDEX($D$3:$AA$30,INDEX(Jesper!$R$2:$R$366,ROW(INDEX(Jesper!AL$2:AL$366,ROUNDDOWN($C6977/24,0)+1,1))-1)+IF('Standard Profiles'!$G$22=$B$10,7,0)+IF('Standard Profiles'!$G$22=$B$17,14,0)+IF('Standard Profiles'!$G$22=$B$24,21,0),MOD($C6977,24)+1)/SUM(INDEX($D$3:$AA$30,INDEX(Jesper!$R$2:$R$366,ROW(INDEX(Jesper!AL$2:AL$366,ROUNDDOWN($C6977/24,0)+1,1))-1)+IF('Standard Profiles'!$G$22=$B$10,7,0)+IF('Standard Profiles'!$G$22=$B$17,14,0)+IF('Standard Profiles'!$G$22=$B$24,21,0),0)),0)</f>
        <v>0</v>
      </c>
      <c r="I6977">
        <f t="shared" si="776"/>
        <v>6.3431983548679716</v>
      </c>
      <c r="J6977">
        <f t="shared" si="777"/>
        <v>50.260631217775241</v>
      </c>
      <c r="K6977">
        <f t="shared" si="778"/>
        <v>2.59510654010107</v>
      </c>
      <c r="L6977">
        <f t="shared" si="779"/>
        <v>1.297553270050535</v>
      </c>
      <c r="M6977">
        <f t="shared" si="780"/>
        <v>0</v>
      </c>
      <c r="N6977" s="45">
        <f t="shared" si="781"/>
        <v>45216.291666649828</v>
      </c>
    </row>
    <row r="6978" spans="2:14" x14ac:dyDescent="0.25">
      <c r="B6978">
        <f t="shared" si="775"/>
        <v>2</v>
      </c>
      <c r="C6978" s="16">
        <v>6944</v>
      </c>
      <c r="D6978" cm="1">
        <f t="array" ref="D6978">IFERROR(INDEX(Jesper!AH$2:AH$366,ROUNDDOWN($C6978/24,0)+1,1)*INDEX($D$3:$AA$30,INDEX(Jesper!$R$2:$R$366,ROW(INDEX(Jesper!AH$2:AH$366,ROUNDDOWN($C6978/24,0)+1,1))-1)+IF('Standard Profiles'!$G$18=$B$10,7,0)+IF('Standard Profiles'!$G$18=$B$17,14,0)+IF('Standard Profiles'!$G$18=$B$24,21,0),MOD($C6978,24)+1)/SUM(INDEX($D$3:$AA$30,INDEX(Jesper!$R$2:$R$366,ROW(INDEX(Jesper!AH$2:AH$366,ROUNDDOWN($C6978/24,0)+1,1))-1)+IF('Standard Profiles'!$G$18=$B$10,7,0)+IF('Standard Profiles'!$G$18=$B$17,14,0)+IF('Standard Profiles'!$G$18=$B$24,21,0),0)),0)</f>
        <v>27.146180255004612</v>
      </c>
      <c r="E6978" cm="1">
        <f t="array" ref="E6978">IFERROR(INDEX(Jesper!AI$2:AI$366,ROUNDDOWN($C6978/24,0)+1,1)*INDEX($D$3:$AA$30,INDEX(Jesper!$R$2:$R$366,ROW(INDEX(Jesper!AI$2:AI$366,ROUNDDOWN($C6978/24,0)+1,1))-1)+IF('Standard Profiles'!$G$19=$B$10,7,0)+IF('Standard Profiles'!$G$19=$B$17,14,0)+IF('Standard Profiles'!$G$19=$B$24,21,0),MOD($C6978,24)+1)/SUM(INDEX($D$3:$AA$30,INDEX(Jesper!$R$2:$R$366,ROW(INDEX(Jesper!AI$2:AI$366,ROUNDDOWN($C6978/24,0)+1,1))-1)+IF('Standard Profiles'!$G$19=$B$10,7,0)+IF('Standard Profiles'!$G$19=$B$17,14,0)+IF('Standard Profiles'!$G$19=$B$24,21,0),0)),0)</f>
        <v>25.61001172264001</v>
      </c>
      <c r="F6978" cm="1">
        <f t="array" ref="F6978">IFERROR(INDEX(Jesper!AJ$2:AJ$366,ROUNDDOWN($C6978/24,0)+1,1)*INDEX($D$3:$AA$30,INDEX(Jesper!$R$2:$R$366,ROW(INDEX(Jesper!AJ$2:AJ$366,ROUNDDOWN($C6978/24,0)+1,1))-1)+IF('Standard Profiles'!$G$20=$B$10,7,0)+IF('Standard Profiles'!$G$20=$B$17,14,0)+IF('Standard Profiles'!$G$20=$B$24,21,0),MOD($C6978,24)+1)/SUM(INDEX($D$3:$AA$30,INDEX(Jesper!$R$2:$R$366,ROW(INDEX(Jesper!AJ$2:AJ$366,ROUNDDOWN($C6978/24,0)+1,1))-1)+IF('Standard Profiles'!$G$20=$B$10,7,0)+IF('Standard Profiles'!$G$20=$B$17,14,0)+IF('Standard Profiles'!$G$20=$B$24,21,0),0)),0)</f>
        <v>0</v>
      </c>
      <c r="G6978" cm="1">
        <f t="array" ref="G6978">IFERROR(INDEX(Jesper!AK$2:AK$366,ROUNDDOWN($C6978/24,0)+1,1)*INDEX($D$3:$AA$30,INDEX(Jesper!$R$2:$R$366,ROW(INDEX(Jesper!AK$2:AK$366,ROUNDDOWN($C6978/24,0)+1,1))-1)+IF('Standard Profiles'!$G$21=$B$10,7,0)+IF('Standard Profiles'!$G$21=$B$17,14,0)+IF('Standard Profiles'!$G$21=$B$24,21,0),MOD($C6978,24)+1)/SUM(INDEX($D$3:$AA$30,INDEX(Jesper!$R$2:$R$366,ROW(INDEX(Jesper!AK$2:AK$366,ROUNDDOWN($C6978/24,0)+1,1))-1)+IF('Standard Profiles'!$G$21=$B$10,7,0)+IF('Standard Profiles'!$G$21=$B$17,14,0)+IF('Standard Profiles'!$G$21=$B$24,21,0),0)),0)</f>
        <v>14.745154070526432</v>
      </c>
      <c r="H6978" cm="1">
        <f t="array" ref="H6978">IFERROR(INDEX(Jesper!AL$2:AL$366,ROUNDDOWN($C6978/24,0)+1,1)*INDEX($D$3:$AA$30,INDEX(Jesper!$R$2:$R$366,ROW(INDEX(Jesper!AL$2:AL$366,ROUNDDOWN($C6978/24,0)+1,1))-1)+IF('Standard Profiles'!$G$22=$B$10,7,0)+IF('Standard Profiles'!$G$22=$B$17,14,0)+IF('Standard Profiles'!$G$22=$B$24,21,0),MOD($C6978,24)+1)/SUM(INDEX($D$3:$AA$30,INDEX(Jesper!$R$2:$R$366,ROW(INDEX(Jesper!AL$2:AL$366,ROUNDDOWN($C6978/24,0)+1,1))-1)+IF('Standard Profiles'!$G$22=$B$10,7,0)+IF('Standard Profiles'!$G$22=$B$17,14,0)+IF('Standard Profiles'!$G$22=$B$24,21,0),0)),0)</f>
        <v>0</v>
      </c>
      <c r="I6978">
        <f t="shared" si="776"/>
        <v>7.0776739538526838</v>
      </c>
      <c r="J6978">
        <f t="shared" si="777"/>
        <v>56.080283253517635</v>
      </c>
      <c r="K6978">
        <f t="shared" si="778"/>
        <v>2.8955925605338253</v>
      </c>
      <c r="L6978">
        <f t="shared" si="779"/>
        <v>1.4477962802669126</v>
      </c>
      <c r="M6978">
        <f t="shared" si="780"/>
        <v>0</v>
      </c>
      <c r="N6978" s="45">
        <f t="shared" si="781"/>
        <v>45216.333333316492</v>
      </c>
    </row>
    <row r="6979" spans="2:14" x14ac:dyDescent="0.25">
      <c r="B6979">
        <f t="shared" si="775"/>
        <v>2</v>
      </c>
      <c r="C6979" s="16">
        <v>6945</v>
      </c>
      <c r="D6979" cm="1">
        <f t="array" ref="D6979">IFERROR(INDEX(Jesper!AH$2:AH$366,ROUNDDOWN($C6979/24,0)+1,1)*INDEX($D$3:$AA$30,INDEX(Jesper!$R$2:$R$366,ROW(INDEX(Jesper!AH$2:AH$366,ROUNDDOWN($C6979/24,0)+1,1))-1)+IF('Standard Profiles'!$G$18=$B$10,7,0)+IF('Standard Profiles'!$G$18=$B$17,14,0)+IF('Standard Profiles'!$G$18=$B$24,21,0),MOD($C6979,24)+1)/SUM(INDEX($D$3:$AA$30,INDEX(Jesper!$R$2:$R$366,ROW(INDEX(Jesper!AH$2:AH$366,ROUNDDOWN($C6979/24,0)+1,1))-1)+IF('Standard Profiles'!$G$18=$B$10,7,0)+IF('Standard Profiles'!$G$18=$B$17,14,0)+IF('Standard Profiles'!$G$18=$B$24,21,0),0)),0)</f>
        <v>29.963236696561697</v>
      </c>
      <c r="E6979" cm="1">
        <f t="array" ref="E6979">IFERROR(INDEX(Jesper!AI$2:AI$366,ROUNDDOWN($C6979/24,0)+1,1)*INDEX($D$3:$AA$30,INDEX(Jesper!$R$2:$R$366,ROW(INDEX(Jesper!AI$2:AI$366,ROUNDDOWN($C6979/24,0)+1,1))-1)+IF('Standard Profiles'!$G$19=$B$10,7,0)+IF('Standard Profiles'!$G$19=$B$17,14,0)+IF('Standard Profiles'!$G$19=$B$24,21,0),MOD($C6979,24)+1)/SUM(INDEX($D$3:$AA$30,INDEX(Jesper!$R$2:$R$366,ROW(INDEX(Jesper!AI$2:AI$366,ROUNDDOWN($C6979/24,0)+1,1))-1)+IF('Standard Profiles'!$G$19=$B$10,7,0)+IF('Standard Profiles'!$G$19=$B$17,14,0)+IF('Standard Profiles'!$G$19=$B$24,21,0),0)),0)</f>
        <v>28.267654448574355</v>
      </c>
      <c r="F6979" cm="1">
        <f t="array" ref="F6979">IFERROR(INDEX(Jesper!AJ$2:AJ$366,ROUNDDOWN($C6979/24,0)+1,1)*INDEX($D$3:$AA$30,INDEX(Jesper!$R$2:$R$366,ROW(INDEX(Jesper!AJ$2:AJ$366,ROUNDDOWN($C6979/24,0)+1,1))-1)+IF('Standard Profiles'!$G$20=$B$10,7,0)+IF('Standard Profiles'!$G$20=$B$17,14,0)+IF('Standard Profiles'!$G$20=$B$24,21,0),MOD($C6979,24)+1)/SUM(INDEX($D$3:$AA$30,INDEX(Jesper!$R$2:$R$366,ROW(INDEX(Jesper!AJ$2:AJ$366,ROUNDDOWN($C6979/24,0)+1,1))-1)+IF('Standard Profiles'!$G$20=$B$10,7,0)+IF('Standard Profiles'!$G$20=$B$17,14,0)+IF('Standard Profiles'!$G$20=$B$24,21,0),0)),0)</f>
        <v>0</v>
      </c>
      <c r="G6979" cm="1">
        <f t="array" ref="G6979">IFERROR(INDEX(Jesper!AK$2:AK$366,ROUNDDOWN($C6979/24,0)+1,1)*INDEX($D$3:$AA$30,INDEX(Jesper!$R$2:$R$366,ROW(INDEX(Jesper!AK$2:AK$366,ROUNDDOWN($C6979/24,0)+1,1))-1)+IF('Standard Profiles'!$G$21=$B$10,7,0)+IF('Standard Profiles'!$G$21=$B$17,14,0)+IF('Standard Profiles'!$G$21=$B$24,21,0),MOD($C6979,24)+1)/SUM(INDEX($D$3:$AA$30,INDEX(Jesper!$R$2:$R$366,ROW(INDEX(Jesper!AK$2:AK$366,ROUNDDOWN($C6979/24,0)+1,1))-1)+IF('Standard Profiles'!$G$21=$B$10,7,0)+IF('Standard Profiles'!$G$21=$B$17,14,0)+IF('Standard Profiles'!$G$21=$B$24,21,0),0)),0)</f>
        <v>16.275311568411247</v>
      </c>
      <c r="H6979" cm="1">
        <f t="array" ref="H6979">IFERROR(INDEX(Jesper!AL$2:AL$366,ROUNDDOWN($C6979/24,0)+1,1)*INDEX($D$3:$AA$30,INDEX(Jesper!$R$2:$R$366,ROW(INDEX(Jesper!AL$2:AL$366,ROUNDDOWN($C6979/24,0)+1,1))-1)+IF('Standard Profiles'!$G$22=$B$10,7,0)+IF('Standard Profiles'!$G$22=$B$17,14,0)+IF('Standard Profiles'!$G$22=$B$24,21,0),MOD($C6979,24)+1)/SUM(INDEX($D$3:$AA$30,INDEX(Jesper!$R$2:$R$366,ROW(INDEX(Jesper!AL$2:AL$366,ROUNDDOWN($C6979/24,0)+1,1))-1)+IF('Standard Profiles'!$G$22=$B$10,7,0)+IF('Standard Profiles'!$G$22=$B$17,14,0)+IF('Standard Profiles'!$G$22=$B$24,21,0),0)),0)</f>
        <v>0</v>
      </c>
      <c r="I6979">
        <f t="shared" si="776"/>
        <v>7.8121495528373952</v>
      </c>
      <c r="J6979">
        <f t="shared" si="777"/>
        <v>61.899935289260029</v>
      </c>
      <c r="K6979">
        <f t="shared" si="778"/>
        <v>3.1960785809665815</v>
      </c>
      <c r="L6979">
        <f t="shared" si="779"/>
        <v>1.5980392904832907</v>
      </c>
      <c r="M6979">
        <f t="shared" si="780"/>
        <v>0</v>
      </c>
      <c r="N6979" s="45">
        <f t="shared" si="781"/>
        <v>45216.374999983156</v>
      </c>
    </row>
    <row r="6980" spans="2:14" x14ac:dyDescent="0.25">
      <c r="B6980">
        <f t="shared" si="775"/>
        <v>2</v>
      </c>
      <c r="C6980" s="16">
        <v>6946</v>
      </c>
      <c r="D6980" cm="1">
        <f t="array" ref="D6980">IFERROR(INDEX(Jesper!AH$2:AH$366,ROUNDDOWN($C6980/24,0)+1,1)*INDEX($D$3:$AA$30,INDEX(Jesper!$R$2:$R$366,ROW(INDEX(Jesper!AH$2:AH$366,ROUNDDOWN($C6980/24,0)+1,1))-1)+IF('Standard Profiles'!$G$18=$B$10,7,0)+IF('Standard Profiles'!$G$18=$B$17,14,0)+IF('Standard Profiles'!$G$18=$B$24,21,0),MOD($C6980,24)+1)/SUM(INDEX($D$3:$AA$30,INDEX(Jesper!$R$2:$R$366,ROW(INDEX(Jesper!AH$2:AH$366,ROUNDDOWN($C6980/24,0)+1,1))-1)+IF('Standard Profiles'!$G$18=$B$10,7,0)+IF('Standard Profiles'!$G$18=$B$17,14,0)+IF('Standard Profiles'!$G$18=$B$24,21,0),0)),0)</f>
        <v>29.963236696561697</v>
      </c>
      <c r="E6980" cm="1">
        <f t="array" ref="E6980">IFERROR(INDEX(Jesper!AI$2:AI$366,ROUNDDOWN($C6980/24,0)+1,1)*INDEX($D$3:$AA$30,INDEX(Jesper!$R$2:$R$366,ROW(INDEX(Jesper!AI$2:AI$366,ROUNDDOWN($C6980/24,0)+1,1))-1)+IF('Standard Profiles'!$G$19=$B$10,7,0)+IF('Standard Profiles'!$G$19=$B$17,14,0)+IF('Standard Profiles'!$G$19=$B$24,21,0),MOD($C6980,24)+1)/SUM(INDEX($D$3:$AA$30,INDEX(Jesper!$R$2:$R$366,ROW(INDEX(Jesper!AI$2:AI$366,ROUNDDOWN($C6980/24,0)+1,1))-1)+IF('Standard Profiles'!$G$19=$B$10,7,0)+IF('Standard Profiles'!$G$19=$B$17,14,0)+IF('Standard Profiles'!$G$19=$B$24,21,0),0)),0)</f>
        <v>28.267654448574355</v>
      </c>
      <c r="F6980" cm="1">
        <f t="array" ref="F6980">IFERROR(INDEX(Jesper!AJ$2:AJ$366,ROUNDDOWN($C6980/24,0)+1,1)*INDEX($D$3:$AA$30,INDEX(Jesper!$R$2:$R$366,ROW(INDEX(Jesper!AJ$2:AJ$366,ROUNDDOWN($C6980/24,0)+1,1))-1)+IF('Standard Profiles'!$G$20=$B$10,7,0)+IF('Standard Profiles'!$G$20=$B$17,14,0)+IF('Standard Profiles'!$G$20=$B$24,21,0),MOD($C6980,24)+1)/SUM(INDEX($D$3:$AA$30,INDEX(Jesper!$R$2:$R$366,ROW(INDEX(Jesper!AJ$2:AJ$366,ROUNDDOWN($C6980/24,0)+1,1))-1)+IF('Standard Profiles'!$G$20=$B$10,7,0)+IF('Standard Profiles'!$G$20=$B$17,14,0)+IF('Standard Profiles'!$G$20=$B$24,21,0),0)),0)</f>
        <v>0</v>
      </c>
      <c r="G6980" cm="1">
        <f t="array" ref="G6980">IFERROR(INDEX(Jesper!AK$2:AK$366,ROUNDDOWN($C6980/24,0)+1,1)*INDEX($D$3:$AA$30,INDEX(Jesper!$R$2:$R$366,ROW(INDEX(Jesper!AK$2:AK$366,ROUNDDOWN($C6980/24,0)+1,1))-1)+IF('Standard Profiles'!$G$21=$B$10,7,0)+IF('Standard Profiles'!$G$21=$B$17,14,0)+IF('Standard Profiles'!$G$21=$B$24,21,0),MOD($C6980,24)+1)/SUM(INDEX($D$3:$AA$30,INDEX(Jesper!$R$2:$R$366,ROW(INDEX(Jesper!AK$2:AK$366,ROUNDDOWN($C6980/24,0)+1,1))-1)+IF('Standard Profiles'!$G$21=$B$10,7,0)+IF('Standard Profiles'!$G$21=$B$17,14,0)+IF('Standard Profiles'!$G$21=$B$24,21,0),0)),0)</f>
        <v>16.275311568411247</v>
      </c>
      <c r="H6980" cm="1">
        <f t="array" ref="H6980">IFERROR(INDEX(Jesper!AL$2:AL$366,ROUNDDOWN($C6980/24,0)+1,1)*INDEX($D$3:$AA$30,INDEX(Jesper!$R$2:$R$366,ROW(INDEX(Jesper!AL$2:AL$366,ROUNDDOWN($C6980/24,0)+1,1))-1)+IF('Standard Profiles'!$G$22=$B$10,7,0)+IF('Standard Profiles'!$G$22=$B$17,14,0)+IF('Standard Profiles'!$G$22=$B$24,21,0),MOD($C6980,24)+1)/SUM(INDEX($D$3:$AA$30,INDEX(Jesper!$R$2:$R$366,ROW(INDEX(Jesper!AL$2:AL$366,ROUNDDOWN($C6980/24,0)+1,1))-1)+IF('Standard Profiles'!$G$22=$B$10,7,0)+IF('Standard Profiles'!$G$22=$B$17,14,0)+IF('Standard Profiles'!$G$22=$B$24,21,0),0)),0)</f>
        <v>0</v>
      </c>
      <c r="I6980">
        <f t="shared" si="776"/>
        <v>7.8121495528373952</v>
      </c>
      <c r="J6980">
        <f t="shared" si="777"/>
        <v>61.899935289260029</v>
      </c>
      <c r="K6980">
        <f t="shared" si="778"/>
        <v>3.1960785809665815</v>
      </c>
      <c r="L6980">
        <f t="shared" si="779"/>
        <v>1.5980392904832907</v>
      </c>
      <c r="M6980">
        <f t="shared" si="780"/>
        <v>0</v>
      </c>
      <c r="N6980" s="45">
        <f t="shared" si="781"/>
        <v>45216.41666664982</v>
      </c>
    </row>
    <row r="6981" spans="2:14" x14ac:dyDescent="0.25">
      <c r="B6981">
        <f t="shared" si="775"/>
        <v>2</v>
      </c>
      <c r="C6981" s="16">
        <v>6947</v>
      </c>
      <c r="D6981" cm="1">
        <f t="array" ref="D6981">IFERROR(INDEX(Jesper!AH$2:AH$366,ROUNDDOWN($C6981/24,0)+1,1)*INDEX($D$3:$AA$30,INDEX(Jesper!$R$2:$R$366,ROW(INDEX(Jesper!AH$2:AH$366,ROUNDDOWN($C6981/24,0)+1,1))-1)+IF('Standard Profiles'!$G$18=$B$10,7,0)+IF('Standard Profiles'!$G$18=$B$17,14,0)+IF('Standard Profiles'!$G$18=$B$24,21,0),MOD($C6981,24)+1)/SUM(INDEX($D$3:$AA$30,INDEX(Jesper!$R$2:$R$366,ROW(INDEX(Jesper!AH$2:AH$366,ROUNDDOWN($C6981/24,0)+1,1))-1)+IF('Standard Profiles'!$G$18=$B$10,7,0)+IF('Standard Profiles'!$G$18=$B$17,14,0)+IF('Standard Profiles'!$G$18=$B$24,21,0),0)),0)</f>
        <v>35.853445619817407</v>
      </c>
      <c r="E6981" cm="1">
        <f t="array" ref="E6981">IFERROR(INDEX(Jesper!AI$2:AI$366,ROUNDDOWN($C6981/24,0)+1,1)*INDEX($D$3:$AA$30,INDEX(Jesper!$R$2:$R$366,ROW(INDEX(Jesper!AI$2:AI$366,ROUNDDOWN($C6981/24,0)+1,1))-1)+IF('Standard Profiles'!$G$19=$B$10,7,0)+IF('Standard Profiles'!$G$19=$B$17,14,0)+IF('Standard Profiles'!$G$19=$B$24,21,0),MOD($C6981,24)+1)/SUM(INDEX($D$3:$AA$30,INDEX(Jesper!$R$2:$R$366,ROW(INDEX(Jesper!AI$2:AI$366,ROUNDDOWN($C6981/24,0)+1,1))-1)+IF('Standard Profiles'!$G$19=$B$10,7,0)+IF('Standard Profiles'!$G$19=$B$17,14,0)+IF('Standard Profiles'!$G$19=$B$24,21,0),0)),0)</f>
        <v>33.824543784618882</v>
      </c>
      <c r="F6981" cm="1">
        <f t="array" ref="F6981">IFERROR(INDEX(Jesper!AJ$2:AJ$366,ROUNDDOWN($C6981/24,0)+1,1)*INDEX($D$3:$AA$30,INDEX(Jesper!$R$2:$R$366,ROW(INDEX(Jesper!AJ$2:AJ$366,ROUNDDOWN($C6981/24,0)+1,1))-1)+IF('Standard Profiles'!$G$20=$B$10,7,0)+IF('Standard Profiles'!$G$20=$B$17,14,0)+IF('Standard Profiles'!$G$20=$B$24,21,0),MOD($C6981,24)+1)/SUM(INDEX($D$3:$AA$30,INDEX(Jesper!$R$2:$R$366,ROW(INDEX(Jesper!AJ$2:AJ$366,ROUNDDOWN($C6981/24,0)+1,1))-1)+IF('Standard Profiles'!$G$20=$B$10,7,0)+IF('Standard Profiles'!$G$20=$B$17,14,0)+IF('Standard Profiles'!$G$20=$B$24,21,0),0)),0)</f>
        <v>0</v>
      </c>
      <c r="G6981" cm="1">
        <f t="array" ref="G6981">IFERROR(INDEX(Jesper!AK$2:AK$366,ROUNDDOWN($C6981/24,0)+1,1)*INDEX($D$3:$AA$30,INDEX(Jesper!$R$2:$R$366,ROW(INDEX(Jesper!AK$2:AK$366,ROUNDDOWN($C6981/24,0)+1,1))-1)+IF('Standard Profiles'!$G$21=$B$10,7,0)+IF('Standard Profiles'!$G$21=$B$17,14,0)+IF('Standard Profiles'!$G$21=$B$24,21,0),MOD($C6981,24)+1)/SUM(INDEX($D$3:$AA$30,INDEX(Jesper!$R$2:$R$366,ROW(INDEX(Jesper!AK$2:AK$366,ROUNDDOWN($C6981/24,0)+1,1))-1)+IF('Standard Profiles'!$G$21=$B$10,7,0)+IF('Standard Profiles'!$G$21=$B$17,14,0)+IF('Standard Profiles'!$G$21=$B$24,21,0),0)),0)</f>
        <v>19.474731791261327</v>
      </c>
      <c r="H6981" cm="1">
        <f t="array" ref="H6981">IFERROR(INDEX(Jesper!AL$2:AL$366,ROUNDDOWN($C6981/24,0)+1,1)*INDEX($D$3:$AA$30,INDEX(Jesper!$R$2:$R$366,ROW(INDEX(Jesper!AL$2:AL$366,ROUNDDOWN($C6981/24,0)+1,1))-1)+IF('Standard Profiles'!$G$22=$B$10,7,0)+IF('Standard Profiles'!$G$22=$B$17,14,0)+IF('Standard Profiles'!$G$22=$B$24,21,0),MOD($C6981,24)+1)/SUM(INDEX($D$3:$AA$30,INDEX(Jesper!$R$2:$R$366,ROW(INDEX(Jesper!AL$2:AL$366,ROUNDDOWN($C6981/24,0)+1,1))-1)+IF('Standard Profiles'!$G$22=$B$10,7,0)+IF('Standard Profiles'!$G$22=$B$17,14,0)+IF('Standard Profiles'!$G$22=$B$24,21,0),0)),0)</f>
        <v>0</v>
      </c>
      <c r="I6981">
        <f t="shared" si="776"/>
        <v>9.3478712598054319</v>
      </c>
      <c r="J6981">
        <f t="shared" si="777"/>
        <v>74.068298636721394</v>
      </c>
      <c r="K6981">
        <f t="shared" si="778"/>
        <v>3.8243675327805238</v>
      </c>
      <c r="L6981">
        <f t="shared" si="779"/>
        <v>1.9121837663902619</v>
      </c>
      <c r="M6981">
        <f t="shared" si="780"/>
        <v>0</v>
      </c>
      <c r="N6981" s="45">
        <f t="shared" si="781"/>
        <v>45216.458333316485</v>
      </c>
    </row>
    <row r="6982" spans="2:14" x14ac:dyDescent="0.25">
      <c r="B6982">
        <f t="shared" si="775"/>
        <v>2</v>
      </c>
      <c r="C6982" s="16">
        <v>6948</v>
      </c>
      <c r="D6982" cm="1">
        <f t="array" ref="D6982">IFERROR(INDEX(Jesper!AH$2:AH$366,ROUNDDOWN($C6982/24,0)+1,1)*INDEX($D$3:$AA$30,INDEX(Jesper!$R$2:$R$366,ROW(INDEX(Jesper!AH$2:AH$366,ROUNDDOWN($C6982/24,0)+1,1))-1)+IF('Standard Profiles'!$G$18=$B$10,7,0)+IF('Standard Profiles'!$G$18=$B$17,14,0)+IF('Standard Profiles'!$G$18=$B$24,21,0),MOD($C6982,24)+1)/SUM(INDEX($D$3:$AA$30,INDEX(Jesper!$R$2:$R$366,ROW(INDEX(Jesper!AH$2:AH$366,ROUNDDOWN($C6982/24,0)+1,1))-1)+IF('Standard Profiles'!$G$18=$B$10,7,0)+IF('Standard Profiles'!$G$18=$B$17,14,0)+IF('Standard Profiles'!$G$18=$B$24,21,0),0)),0)</f>
        <v>35.853445619817407</v>
      </c>
      <c r="E6982" cm="1">
        <f t="array" ref="E6982">IFERROR(INDEX(Jesper!AI$2:AI$366,ROUNDDOWN($C6982/24,0)+1,1)*INDEX($D$3:$AA$30,INDEX(Jesper!$R$2:$R$366,ROW(INDEX(Jesper!AI$2:AI$366,ROUNDDOWN($C6982/24,0)+1,1))-1)+IF('Standard Profiles'!$G$19=$B$10,7,0)+IF('Standard Profiles'!$G$19=$B$17,14,0)+IF('Standard Profiles'!$G$19=$B$24,21,0),MOD($C6982,24)+1)/SUM(INDEX($D$3:$AA$30,INDEX(Jesper!$R$2:$R$366,ROW(INDEX(Jesper!AI$2:AI$366,ROUNDDOWN($C6982/24,0)+1,1))-1)+IF('Standard Profiles'!$G$19=$B$10,7,0)+IF('Standard Profiles'!$G$19=$B$17,14,0)+IF('Standard Profiles'!$G$19=$B$24,21,0),0)),0)</f>
        <v>33.824543784618882</v>
      </c>
      <c r="F6982" cm="1">
        <f t="array" ref="F6982">IFERROR(INDEX(Jesper!AJ$2:AJ$366,ROUNDDOWN($C6982/24,0)+1,1)*INDEX($D$3:$AA$30,INDEX(Jesper!$R$2:$R$366,ROW(INDEX(Jesper!AJ$2:AJ$366,ROUNDDOWN($C6982/24,0)+1,1))-1)+IF('Standard Profiles'!$G$20=$B$10,7,0)+IF('Standard Profiles'!$G$20=$B$17,14,0)+IF('Standard Profiles'!$G$20=$B$24,21,0),MOD($C6982,24)+1)/SUM(INDEX($D$3:$AA$30,INDEX(Jesper!$R$2:$R$366,ROW(INDEX(Jesper!AJ$2:AJ$366,ROUNDDOWN($C6982/24,0)+1,1))-1)+IF('Standard Profiles'!$G$20=$B$10,7,0)+IF('Standard Profiles'!$G$20=$B$17,14,0)+IF('Standard Profiles'!$G$20=$B$24,21,0),0)),0)</f>
        <v>0</v>
      </c>
      <c r="G6982" cm="1">
        <f t="array" ref="G6982">IFERROR(INDEX(Jesper!AK$2:AK$366,ROUNDDOWN($C6982/24,0)+1,1)*INDEX($D$3:$AA$30,INDEX(Jesper!$R$2:$R$366,ROW(INDEX(Jesper!AK$2:AK$366,ROUNDDOWN($C6982/24,0)+1,1))-1)+IF('Standard Profiles'!$G$21=$B$10,7,0)+IF('Standard Profiles'!$G$21=$B$17,14,0)+IF('Standard Profiles'!$G$21=$B$24,21,0),MOD($C6982,24)+1)/SUM(INDEX($D$3:$AA$30,INDEX(Jesper!$R$2:$R$366,ROW(INDEX(Jesper!AK$2:AK$366,ROUNDDOWN($C6982/24,0)+1,1))-1)+IF('Standard Profiles'!$G$21=$B$10,7,0)+IF('Standard Profiles'!$G$21=$B$17,14,0)+IF('Standard Profiles'!$G$21=$B$24,21,0),0)),0)</f>
        <v>19.474731791261327</v>
      </c>
      <c r="H6982" cm="1">
        <f t="array" ref="H6982">IFERROR(INDEX(Jesper!AL$2:AL$366,ROUNDDOWN($C6982/24,0)+1,1)*INDEX($D$3:$AA$30,INDEX(Jesper!$R$2:$R$366,ROW(INDEX(Jesper!AL$2:AL$366,ROUNDDOWN($C6982/24,0)+1,1))-1)+IF('Standard Profiles'!$G$22=$B$10,7,0)+IF('Standard Profiles'!$G$22=$B$17,14,0)+IF('Standard Profiles'!$G$22=$B$24,21,0),MOD($C6982,24)+1)/SUM(INDEX($D$3:$AA$30,INDEX(Jesper!$R$2:$R$366,ROW(INDEX(Jesper!AL$2:AL$366,ROUNDDOWN($C6982/24,0)+1,1))-1)+IF('Standard Profiles'!$G$22=$B$10,7,0)+IF('Standard Profiles'!$G$22=$B$17,14,0)+IF('Standard Profiles'!$G$22=$B$24,21,0),0)),0)</f>
        <v>0</v>
      </c>
      <c r="I6982">
        <f t="shared" si="776"/>
        <v>9.3478712598054319</v>
      </c>
      <c r="J6982">
        <f t="shared" si="777"/>
        <v>74.068298636721394</v>
      </c>
      <c r="K6982">
        <f t="shared" si="778"/>
        <v>3.8243675327805238</v>
      </c>
      <c r="L6982">
        <f t="shared" si="779"/>
        <v>1.9121837663902619</v>
      </c>
      <c r="M6982">
        <f t="shared" si="780"/>
        <v>0</v>
      </c>
      <c r="N6982" s="45">
        <f t="shared" si="781"/>
        <v>45216.499999983149</v>
      </c>
    </row>
    <row r="6983" spans="2:14" x14ac:dyDescent="0.25">
      <c r="B6983">
        <f t="shared" si="775"/>
        <v>2</v>
      </c>
      <c r="C6983" s="16">
        <v>6949</v>
      </c>
      <c r="D6983" cm="1">
        <f t="array" ref="D6983">IFERROR(INDEX(Jesper!AH$2:AH$366,ROUNDDOWN($C6983/24,0)+1,1)*INDEX($D$3:$AA$30,INDEX(Jesper!$R$2:$R$366,ROW(INDEX(Jesper!AH$2:AH$366,ROUNDDOWN($C6983/24,0)+1,1))-1)+IF('Standard Profiles'!$G$18=$B$10,7,0)+IF('Standard Profiles'!$G$18=$B$17,14,0)+IF('Standard Profiles'!$G$18=$B$24,21,0),MOD($C6983,24)+1)/SUM(INDEX($D$3:$AA$30,INDEX(Jesper!$R$2:$R$366,ROW(INDEX(Jesper!AH$2:AH$366,ROUNDDOWN($C6983/24,0)+1,1))-1)+IF('Standard Profiles'!$G$18=$B$10,7,0)+IF('Standard Profiles'!$G$18=$B$17,14,0)+IF('Standard Profiles'!$G$18=$B$24,21,0),0)),0)</f>
        <v>23.816931733164424</v>
      </c>
      <c r="E6983" cm="1">
        <f t="array" ref="E6983">IFERROR(INDEX(Jesper!AI$2:AI$366,ROUNDDOWN($C6983/24,0)+1,1)*INDEX($D$3:$AA$30,INDEX(Jesper!$R$2:$R$366,ROW(INDEX(Jesper!AI$2:AI$366,ROUNDDOWN($C6983/24,0)+1,1))-1)+IF('Standard Profiles'!$G$19=$B$10,7,0)+IF('Standard Profiles'!$G$19=$B$17,14,0)+IF('Standard Profiles'!$G$19=$B$24,21,0),MOD($C6983,24)+1)/SUM(INDEX($D$3:$AA$30,INDEX(Jesper!$R$2:$R$366,ROW(INDEX(Jesper!AI$2:AI$366,ROUNDDOWN($C6983/24,0)+1,1))-1)+IF('Standard Profiles'!$G$19=$B$10,7,0)+IF('Standard Profiles'!$G$19=$B$17,14,0)+IF('Standard Profiles'!$G$19=$B$24,21,0),0)),0)</f>
        <v>22.469161228353972</v>
      </c>
      <c r="F6983" cm="1">
        <f t="array" ref="F6983">IFERROR(INDEX(Jesper!AJ$2:AJ$366,ROUNDDOWN($C6983/24,0)+1,1)*INDEX($D$3:$AA$30,INDEX(Jesper!$R$2:$R$366,ROW(INDEX(Jesper!AJ$2:AJ$366,ROUNDDOWN($C6983/24,0)+1,1))-1)+IF('Standard Profiles'!$G$20=$B$10,7,0)+IF('Standard Profiles'!$G$20=$B$17,14,0)+IF('Standard Profiles'!$G$20=$B$24,21,0),MOD($C6983,24)+1)/SUM(INDEX($D$3:$AA$30,INDEX(Jesper!$R$2:$R$366,ROW(INDEX(Jesper!AJ$2:AJ$366,ROUNDDOWN($C6983/24,0)+1,1))-1)+IF('Standard Profiles'!$G$20=$B$10,7,0)+IF('Standard Profiles'!$G$20=$B$17,14,0)+IF('Standard Profiles'!$G$20=$B$24,21,0),0)),0)</f>
        <v>0</v>
      </c>
      <c r="G6983" cm="1">
        <f t="array" ref="G6983">IFERROR(INDEX(Jesper!AK$2:AK$366,ROUNDDOWN($C6983/24,0)+1,1)*INDEX($D$3:$AA$30,INDEX(Jesper!$R$2:$R$366,ROW(INDEX(Jesper!AK$2:AK$366,ROUNDDOWN($C6983/24,0)+1,1))-1)+IF('Standard Profiles'!$G$21=$B$10,7,0)+IF('Standard Profiles'!$G$21=$B$17,14,0)+IF('Standard Profiles'!$G$21=$B$24,21,0),MOD($C6983,24)+1)/SUM(INDEX($D$3:$AA$30,INDEX(Jesper!$R$2:$R$366,ROW(INDEX(Jesper!AK$2:AK$366,ROUNDDOWN($C6983/24,0)+1,1))-1)+IF('Standard Profiles'!$G$21=$B$10,7,0)+IF('Standard Profiles'!$G$21=$B$17,14,0)+IF('Standard Profiles'!$G$21=$B$24,21,0),0)),0)</f>
        <v>12.936786118480734</v>
      </c>
      <c r="H6983" cm="1">
        <f t="array" ref="H6983">IFERROR(INDEX(Jesper!AL$2:AL$366,ROUNDDOWN($C6983/24,0)+1,1)*INDEX($D$3:$AA$30,INDEX(Jesper!$R$2:$R$366,ROW(INDEX(Jesper!AL$2:AL$366,ROUNDDOWN($C6983/24,0)+1,1))-1)+IF('Standard Profiles'!$G$22=$B$10,7,0)+IF('Standard Profiles'!$G$22=$B$17,14,0)+IF('Standard Profiles'!$G$22=$B$24,21,0),MOD($C6983,24)+1)/SUM(INDEX($D$3:$AA$30,INDEX(Jesper!$R$2:$R$366,ROW(INDEX(Jesper!AL$2:AL$366,ROUNDDOWN($C6983/24,0)+1,1))-1)+IF('Standard Profiles'!$G$22=$B$10,7,0)+IF('Standard Profiles'!$G$22=$B$17,14,0)+IF('Standard Profiles'!$G$22=$B$24,21,0),0)),0)</f>
        <v>0</v>
      </c>
      <c r="I6983">
        <f t="shared" si="776"/>
        <v>6.2096573368707491</v>
      </c>
      <c r="J6983">
        <f t="shared" si="777"/>
        <v>49.20251266582207</v>
      </c>
      <c r="K6983">
        <f t="shared" si="778"/>
        <v>2.5404727182042053</v>
      </c>
      <c r="L6983">
        <f t="shared" si="779"/>
        <v>1.2702363591021026</v>
      </c>
      <c r="M6983">
        <f t="shared" si="780"/>
        <v>0</v>
      </c>
      <c r="N6983" s="45">
        <f t="shared" si="781"/>
        <v>45216.541666649813</v>
      </c>
    </row>
    <row r="6984" spans="2:14" x14ac:dyDescent="0.25">
      <c r="B6984">
        <f t="shared" si="775"/>
        <v>2</v>
      </c>
      <c r="C6984" s="16">
        <v>6950</v>
      </c>
      <c r="D6984" cm="1">
        <f t="array" ref="D6984">IFERROR(INDEX(Jesper!AH$2:AH$366,ROUNDDOWN($C6984/24,0)+1,1)*INDEX($D$3:$AA$30,INDEX(Jesper!$R$2:$R$366,ROW(INDEX(Jesper!AH$2:AH$366,ROUNDDOWN($C6984/24,0)+1,1))-1)+IF('Standard Profiles'!$G$18=$B$10,7,0)+IF('Standard Profiles'!$G$18=$B$17,14,0)+IF('Standard Profiles'!$G$18=$B$24,21,0),MOD($C6984,24)+1)/SUM(INDEX($D$3:$AA$30,INDEX(Jesper!$R$2:$R$366,ROW(INDEX(Jesper!AH$2:AH$366,ROUNDDOWN($C6984/24,0)+1,1))-1)+IF('Standard Profiles'!$G$18=$B$10,7,0)+IF('Standard Profiles'!$G$18=$B$17,14,0)+IF('Standard Profiles'!$G$18=$B$24,21,0),0)),0)</f>
        <v>35.853445619817407</v>
      </c>
      <c r="E6984" cm="1">
        <f t="array" ref="E6984">IFERROR(INDEX(Jesper!AI$2:AI$366,ROUNDDOWN($C6984/24,0)+1,1)*INDEX($D$3:$AA$30,INDEX(Jesper!$R$2:$R$366,ROW(INDEX(Jesper!AI$2:AI$366,ROUNDDOWN($C6984/24,0)+1,1))-1)+IF('Standard Profiles'!$G$19=$B$10,7,0)+IF('Standard Profiles'!$G$19=$B$17,14,0)+IF('Standard Profiles'!$G$19=$B$24,21,0),MOD($C6984,24)+1)/SUM(INDEX($D$3:$AA$30,INDEX(Jesper!$R$2:$R$366,ROW(INDEX(Jesper!AI$2:AI$366,ROUNDDOWN($C6984/24,0)+1,1))-1)+IF('Standard Profiles'!$G$19=$B$10,7,0)+IF('Standard Profiles'!$G$19=$B$17,14,0)+IF('Standard Profiles'!$G$19=$B$24,21,0),0)),0)</f>
        <v>33.824543784618882</v>
      </c>
      <c r="F6984" cm="1">
        <f t="array" ref="F6984">IFERROR(INDEX(Jesper!AJ$2:AJ$366,ROUNDDOWN($C6984/24,0)+1,1)*INDEX($D$3:$AA$30,INDEX(Jesper!$R$2:$R$366,ROW(INDEX(Jesper!AJ$2:AJ$366,ROUNDDOWN($C6984/24,0)+1,1))-1)+IF('Standard Profiles'!$G$20=$B$10,7,0)+IF('Standard Profiles'!$G$20=$B$17,14,0)+IF('Standard Profiles'!$G$20=$B$24,21,0),MOD($C6984,24)+1)/SUM(INDEX($D$3:$AA$30,INDEX(Jesper!$R$2:$R$366,ROW(INDEX(Jesper!AJ$2:AJ$366,ROUNDDOWN($C6984/24,0)+1,1))-1)+IF('Standard Profiles'!$G$20=$B$10,7,0)+IF('Standard Profiles'!$G$20=$B$17,14,0)+IF('Standard Profiles'!$G$20=$B$24,21,0),0)),0)</f>
        <v>0</v>
      </c>
      <c r="G6984" cm="1">
        <f t="array" ref="G6984">IFERROR(INDEX(Jesper!AK$2:AK$366,ROUNDDOWN($C6984/24,0)+1,1)*INDEX($D$3:$AA$30,INDEX(Jesper!$R$2:$R$366,ROW(INDEX(Jesper!AK$2:AK$366,ROUNDDOWN($C6984/24,0)+1,1))-1)+IF('Standard Profiles'!$G$21=$B$10,7,0)+IF('Standard Profiles'!$G$21=$B$17,14,0)+IF('Standard Profiles'!$G$21=$B$24,21,0),MOD($C6984,24)+1)/SUM(INDEX($D$3:$AA$30,INDEX(Jesper!$R$2:$R$366,ROW(INDEX(Jesper!AK$2:AK$366,ROUNDDOWN($C6984/24,0)+1,1))-1)+IF('Standard Profiles'!$G$21=$B$10,7,0)+IF('Standard Profiles'!$G$21=$B$17,14,0)+IF('Standard Profiles'!$G$21=$B$24,21,0),0)),0)</f>
        <v>19.474731791261327</v>
      </c>
      <c r="H6984" cm="1">
        <f t="array" ref="H6984">IFERROR(INDEX(Jesper!AL$2:AL$366,ROUNDDOWN($C6984/24,0)+1,1)*INDEX($D$3:$AA$30,INDEX(Jesper!$R$2:$R$366,ROW(INDEX(Jesper!AL$2:AL$366,ROUNDDOWN($C6984/24,0)+1,1))-1)+IF('Standard Profiles'!$G$22=$B$10,7,0)+IF('Standard Profiles'!$G$22=$B$17,14,0)+IF('Standard Profiles'!$G$22=$B$24,21,0),MOD($C6984,24)+1)/SUM(INDEX($D$3:$AA$30,INDEX(Jesper!$R$2:$R$366,ROW(INDEX(Jesper!AL$2:AL$366,ROUNDDOWN($C6984/24,0)+1,1))-1)+IF('Standard Profiles'!$G$22=$B$10,7,0)+IF('Standard Profiles'!$G$22=$B$17,14,0)+IF('Standard Profiles'!$G$22=$B$24,21,0),0)),0)</f>
        <v>0</v>
      </c>
      <c r="I6984">
        <f t="shared" si="776"/>
        <v>9.3478712598054319</v>
      </c>
      <c r="J6984">
        <f t="shared" si="777"/>
        <v>74.068298636721394</v>
      </c>
      <c r="K6984">
        <f t="shared" si="778"/>
        <v>3.8243675327805238</v>
      </c>
      <c r="L6984">
        <f t="shared" si="779"/>
        <v>1.9121837663902619</v>
      </c>
      <c r="M6984">
        <f t="shared" si="780"/>
        <v>0</v>
      </c>
      <c r="N6984" s="45">
        <f t="shared" si="781"/>
        <v>45216.583333316477</v>
      </c>
    </row>
    <row r="6985" spans="2:14" x14ac:dyDescent="0.25">
      <c r="B6985">
        <f t="shared" si="775"/>
        <v>2</v>
      </c>
      <c r="C6985" s="16">
        <v>6951</v>
      </c>
      <c r="D6985" cm="1">
        <f t="array" ref="D6985">IFERROR(INDEX(Jesper!AH$2:AH$366,ROUNDDOWN($C6985/24,0)+1,1)*INDEX($D$3:$AA$30,INDEX(Jesper!$R$2:$R$366,ROW(INDEX(Jesper!AH$2:AH$366,ROUNDDOWN($C6985/24,0)+1,1))-1)+IF('Standard Profiles'!$G$18=$B$10,7,0)+IF('Standard Profiles'!$G$18=$B$17,14,0)+IF('Standard Profiles'!$G$18=$B$24,21,0),MOD($C6985,24)+1)/SUM(INDEX($D$3:$AA$30,INDEX(Jesper!$R$2:$R$366,ROW(INDEX(Jesper!AH$2:AH$366,ROUNDDOWN($C6985/24,0)+1,1))-1)+IF('Standard Profiles'!$G$18=$B$10,7,0)+IF('Standard Profiles'!$G$18=$B$17,14,0)+IF('Standard Profiles'!$G$18=$B$24,21,0),0)),0)</f>
        <v>35.853445619817407</v>
      </c>
      <c r="E6985" cm="1">
        <f t="array" ref="E6985">IFERROR(INDEX(Jesper!AI$2:AI$366,ROUNDDOWN($C6985/24,0)+1,1)*INDEX($D$3:$AA$30,INDEX(Jesper!$R$2:$R$366,ROW(INDEX(Jesper!AI$2:AI$366,ROUNDDOWN($C6985/24,0)+1,1))-1)+IF('Standard Profiles'!$G$19=$B$10,7,0)+IF('Standard Profiles'!$G$19=$B$17,14,0)+IF('Standard Profiles'!$G$19=$B$24,21,0),MOD($C6985,24)+1)/SUM(INDEX($D$3:$AA$30,INDEX(Jesper!$R$2:$R$366,ROW(INDEX(Jesper!AI$2:AI$366,ROUNDDOWN($C6985/24,0)+1,1))-1)+IF('Standard Profiles'!$G$19=$B$10,7,0)+IF('Standard Profiles'!$G$19=$B$17,14,0)+IF('Standard Profiles'!$G$19=$B$24,21,0),0)),0)</f>
        <v>33.824543784618882</v>
      </c>
      <c r="F6985" cm="1">
        <f t="array" ref="F6985">IFERROR(INDEX(Jesper!AJ$2:AJ$366,ROUNDDOWN($C6985/24,0)+1,1)*INDEX($D$3:$AA$30,INDEX(Jesper!$R$2:$R$366,ROW(INDEX(Jesper!AJ$2:AJ$366,ROUNDDOWN($C6985/24,0)+1,1))-1)+IF('Standard Profiles'!$G$20=$B$10,7,0)+IF('Standard Profiles'!$G$20=$B$17,14,0)+IF('Standard Profiles'!$G$20=$B$24,21,0),MOD($C6985,24)+1)/SUM(INDEX($D$3:$AA$30,INDEX(Jesper!$R$2:$R$366,ROW(INDEX(Jesper!AJ$2:AJ$366,ROUNDDOWN($C6985/24,0)+1,1))-1)+IF('Standard Profiles'!$G$20=$B$10,7,0)+IF('Standard Profiles'!$G$20=$B$17,14,0)+IF('Standard Profiles'!$G$20=$B$24,21,0),0)),0)</f>
        <v>0</v>
      </c>
      <c r="G6985" cm="1">
        <f t="array" ref="G6985">IFERROR(INDEX(Jesper!AK$2:AK$366,ROUNDDOWN($C6985/24,0)+1,1)*INDEX($D$3:$AA$30,INDEX(Jesper!$R$2:$R$366,ROW(INDEX(Jesper!AK$2:AK$366,ROUNDDOWN($C6985/24,0)+1,1))-1)+IF('Standard Profiles'!$G$21=$B$10,7,0)+IF('Standard Profiles'!$G$21=$B$17,14,0)+IF('Standard Profiles'!$G$21=$B$24,21,0),MOD($C6985,24)+1)/SUM(INDEX($D$3:$AA$30,INDEX(Jesper!$R$2:$R$366,ROW(INDEX(Jesper!AK$2:AK$366,ROUNDDOWN($C6985/24,0)+1,1))-1)+IF('Standard Profiles'!$G$21=$B$10,7,0)+IF('Standard Profiles'!$G$21=$B$17,14,0)+IF('Standard Profiles'!$G$21=$B$24,21,0),0)),0)</f>
        <v>19.474731791261327</v>
      </c>
      <c r="H6985" cm="1">
        <f t="array" ref="H6985">IFERROR(INDEX(Jesper!AL$2:AL$366,ROUNDDOWN($C6985/24,0)+1,1)*INDEX($D$3:$AA$30,INDEX(Jesper!$R$2:$R$366,ROW(INDEX(Jesper!AL$2:AL$366,ROUNDDOWN($C6985/24,0)+1,1))-1)+IF('Standard Profiles'!$G$22=$B$10,7,0)+IF('Standard Profiles'!$G$22=$B$17,14,0)+IF('Standard Profiles'!$G$22=$B$24,21,0),MOD($C6985,24)+1)/SUM(INDEX($D$3:$AA$30,INDEX(Jesper!$R$2:$R$366,ROW(INDEX(Jesper!AL$2:AL$366,ROUNDDOWN($C6985/24,0)+1,1))-1)+IF('Standard Profiles'!$G$22=$B$10,7,0)+IF('Standard Profiles'!$G$22=$B$17,14,0)+IF('Standard Profiles'!$G$22=$B$24,21,0),0)),0)</f>
        <v>0</v>
      </c>
      <c r="I6985">
        <f t="shared" si="776"/>
        <v>9.3478712598054319</v>
      </c>
      <c r="J6985">
        <f t="shared" si="777"/>
        <v>74.068298636721394</v>
      </c>
      <c r="K6985">
        <f t="shared" si="778"/>
        <v>3.8243675327805238</v>
      </c>
      <c r="L6985">
        <f t="shared" si="779"/>
        <v>1.9121837663902619</v>
      </c>
      <c r="M6985">
        <f t="shared" si="780"/>
        <v>0</v>
      </c>
      <c r="N6985" s="45">
        <f t="shared" si="781"/>
        <v>45216.624999983142</v>
      </c>
    </row>
    <row r="6986" spans="2:14" x14ac:dyDescent="0.25">
      <c r="B6986">
        <f t="shared" si="775"/>
        <v>2</v>
      </c>
      <c r="C6986" s="16">
        <v>6952</v>
      </c>
      <c r="D6986" cm="1">
        <f t="array" ref="D6986">IFERROR(INDEX(Jesper!AH$2:AH$366,ROUNDDOWN($C6986/24,0)+1,1)*INDEX($D$3:$AA$30,INDEX(Jesper!$R$2:$R$366,ROW(INDEX(Jesper!AH$2:AH$366,ROUNDDOWN($C6986/24,0)+1,1))-1)+IF('Standard Profiles'!$G$18=$B$10,7,0)+IF('Standard Profiles'!$G$18=$B$17,14,0)+IF('Standard Profiles'!$G$18=$B$24,21,0),MOD($C6986,24)+1)/SUM(INDEX($D$3:$AA$30,INDEX(Jesper!$R$2:$R$366,ROW(INDEX(Jesper!AH$2:AH$366,ROUNDDOWN($C6986/24,0)+1,1))-1)+IF('Standard Profiles'!$G$18=$B$10,7,0)+IF('Standard Profiles'!$G$18=$B$17,14,0)+IF('Standard Profiles'!$G$18=$B$24,21,0),0)),0)</f>
        <v>21.127923311678121</v>
      </c>
      <c r="E6986" cm="1">
        <f t="array" ref="E6986">IFERROR(INDEX(Jesper!AI$2:AI$366,ROUNDDOWN($C6986/24,0)+1,1)*INDEX($D$3:$AA$30,INDEX(Jesper!$R$2:$R$366,ROW(INDEX(Jesper!AI$2:AI$366,ROUNDDOWN($C6986/24,0)+1,1))-1)+IF('Standard Profiles'!$G$19=$B$10,7,0)+IF('Standard Profiles'!$G$19=$B$17,14,0)+IF('Standard Profiles'!$G$19=$B$24,21,0),MOD($C6986,24)+1)/SUM(INDEX($D$3:$AA$30,INDEX(Jesper!$R$2:$R$366,ROW(INDEX(Jesper!AI$2:AI$366,ROUNDDOWN($C6986/24,0)+1,1))-1)+IF('Standard Profiles'!$G$19=$B$10,7,0)+IF('Standard Profiles'!$G$19=$B$17,14,0)+IF('Standard Profiles'!$G$19=$B$24,21,0),0)),0)</f>
        <v>19.932320444507557</v>
      </c>
      <c r="F6986" cm="1">
        <f t="array" ref="F6986">IFERROR(INDEX(Jesper!AJ$2:AJ$366,ROUNDDOWN($C6986/24,0)+1,1)*INDEX($D$3:$AA$30,INDEX(Jesper!$R$2:$R$366,ROW(INDEX(Jesper!AJ$2:AJ$366,ROUNDDOWN($C6986/24,0)+1,1))-1)+IF('Standard Profiles'!$G$20=$B$10,7,0)+IF('Standard Profiles'!$G$20=$B$17,14,0)+IF('Standard Profiles'!$G$20=$B$24,21,0),MOD($C6986,24)+1)/SUM(INDEX($D$3:$AA$30,INDEX(Jesper!$R$2:$R$366,ROW(INDEX(Jesper!AJ$2:AJ$366,ROUNDDOWN($C6986/24,0)+1,1))-1)+IF('Standard Profiles'!$G$20=$B$10,7,0)+IF('Standard Profiles'!$G$20=$B$17,14,0)+IF('Standard Profiles'!$G$20=$B$24,21,0),0)),0)</f>
        <v>0</v>
      </c>
      <c r="G6986" cm="1">
        <f t="array" ref="G6986">IFERROR(INDEX(Jesper!AK$2:AK$366,ROUNDDOWN($C6986/24,0)+1,1)*INDEX($D$3:$AA$30,INDEX(Jesper!$R$2:$R$366,ROW(INDEX(Jesper!AK$2:AK$366,ROUNDDOWN($C6986/24,0)+1,1))-1)+IF('Standard Profiles'!$G$21=$B$10,7,0)+IF('Standard Profiles'!$G$21=$B$17,14,0)+IF('Standard Profiles'!$G$21=$B$24,21,0),MOD($C6986,24)+1)/SUM(INDEX($D$3:$AA$30,INDEX(Jesper!$R$2:$R$366,ROW(INDEX(Jesper!AK$2:AK$366,ROUNDDOWN($C6986/24,0)+1,1))-1)+IF('Standard Profiles'!$G$21=$B$10,7,0)+IF('Standard Profiles'!$G$21=$B$17,14,0)+IF('Standard Profiles'!$G$21=$B$24,21,0),0)),0)</f>
        <v>16.278271254093813</v>
      </c>
      <c r="H6986" cm="1">
        <f t="array" ref="H6986">IFERROR(INDEX(Jesper!AL$2:AL$366,ROUNDDOWN($C6986/24,0)+1,1)*INDEX($D$3:$AA$30,INDEX(Jesper!$R$2:$R$366,ROW(INDEX(Jesper!AL$2:AL$366,ROUNDDOWN($C6986/24,0)+1,1))-1)+IF('Standard Profiles'!$G$22=$B$10,7,0)+IF('Standard Profiles'!$G$22=$B$17,14,0)+IF('Standard Profiles'!$G$22=$B$24,21,0),MOD($C6986,24)+1)/SUM(INDEX($D$3:$AA$30,INDEX(Jesper!$R$2:$R$366,ROW(INDEX(Jesper!AL$2:AL$366,ROUNDDOWN($C6986/24,0)+1,1))-1)+IF('Standard Profiles'!$G$22=$B$10,7,0)+IF('Standard Profiles'!$G$22=$B$17,14,0)+IF('Standard Profiles'!$G$22=$B$24,21,0),0)),0)</f>
        <v>0</v>
      </c>
      <c r="I6986">
        <f t="shared" si="776"/>
        <v>7.8135702019650264</v>
      </c>
      <c r="J6986">
        <f t="shared" si="777"/>
        <v>46.144477078445966</v>
      </c>
      <c r="K6986">
        <f t="shared" si="778"/>
        <v>2.2536451532456665</v>
      </c>
      <c r="L6986">
        <f t="shared" si="779"/>
        <v>1.1268225766228332</v>
      </c>
      <c r="M6986">
        <f t="shared" si="780"/>
        <v>0</v>
      </c>
      <c r="N6986" s="45">
        <f t="shared" si="781"/>
        <v>45216.666666649806</v>
      </c>
    </row>
    <row r="6987" spans="2:14" x14ac:dyDescent="0.25">
      <c r="B6987">
        <f t="shared" si="775"/>
        <v>2</v>
      </c>
      <c r="C6987" s="16">
        <v>6953</v>
      </c>
      <c r="D6987" cm="1">
        <f t="array" ref="D6987">IFERROR(INDEX(Jesper!AH$2:AH$366,ROUNDDOWN($C6987/24,0)+1,1)*INDEX($D$3:$AA$30,INDEX(Jesper!$R$2:$R$366,ROW(INDEX(Jesper!AH$2:AH$366,ROUNDDOWN($C6987/24,0)+1,1))-1)+IF('Standard Profiles'!$G$18=$B$10,7,0)+IF('Standard Profiles'!$G$18=$B$17,14,0)+IF('Standard Profiles'!$G$18=$B$24,21,0),MOD($C6987,24)+1)/SUM(INDEX($D$3:$AA$30,INDEX(Jesper!$R$2:$R$366,ROW(INDEX(Jesper!AH$2:AH$366,ROUNDDOWN($C6987/24,0)+1,1))-1)+IF('Standard Profiles'!$G$18=$B$10,7,0)+IF('Standard Profiles'!$G$18=$B$17,14,0)+IF('Standard Profiles'!$G$18=$B$24,21,0),0)),0)</f>
        <v>9.0174662021673573</v>
      </c>
      <c r="E6987" cm="1">
        <f t="array" ref="E6987">IFERROR(INDEX(Jesper!AI$2:AI$366,ROUNDDOWN($C6987/24,0)+1,1)*INDEX($D$3:$AA$30,INDEX(Jesper!$R$2:$R$366,ROW(INDEX(Jesper!AI$2:AI$366,ROUNDDOWN($C6987/24,0)+1,1))-1)+IF('Standard Profiles'!$G$19=$B$10,7,0)+IF('Standard Profiles'!$G$19=$B$17,14,0)+IF('Standard Profiles'!$G$19=$B$24,21,0),MOD($C6987,24)+1)/SUM(INDEX($D$3:$AA$30,INDEX(Jesper!$R$2:$R$366,ROW(INDEX(Jesper!AI$2:AI$366,ROUNDDOWN($C6987/24,0)+1,1))-1)+IF('Standard Profiles'!$G$19=$B$10,7,0)+IF('Standard Profiles'!$G$19=$B$17,14,0)+IF('Standard Profiles'!$G$19=$B$24,21,0),0)),0)</f>
        <v>8.5071790202763786</v>
      </c>
      <c r="F6987" cm="1">
        <f t="array" ref="F6987">IFERROR(INDEX(Jesper!AJ$2:AJ$366,ROUNDDOWN($C6987/24,0)+1,1)*INDEX($D$3:$AA$30,INDEX(Jesper!$R$2:$R$366,ROW(INDEX(Jesper!AJ$2:AJ$366,ROUNDDOWN($C6987/24,0)+1,1))-1)+IF('Standard Profiles'!$G$20=$B$10,7,0)+IF('Standard Profiles'!$G$20=$B$17,14,0)+IF('Standard Profiles'!$G$20=$B$24,21,0),MOD($C6987,24)+1)/SUM(INDEX($D$3:$AA$30,INDEX(Jesper!$R$2:$R$366,ROW(INDEX(Jesper!AJ$2:AJ$366,ROUNDDOWN($C6987/24,0)+1,1))-1)+IF('Standard Profiles'!$G$20=$B$10,7,0)+IF('Standard Profiles'!$G$20=$B$17,14,0)+IF('Standard Profiles'!$G$20=$B$24,21,0),0)),0)</f>
        <v>0</v>
      </c>
      <c r="G6987" cm="1">
        <f t="array" ref="G6987">IFERROR(INDEX(Jesper!AK$2:AK$366,ROUNDDOWN($C6987/24,0)+1,1)*INDEX($D$3:$AA$30,INDEX(Jesper!$R$2:$R$366,ROW(INDEX(Jesper!AK$2:AK$366,ROUNDDOWN($C6987/24,0)+1,1))-1)+IF('Standard Profiles'!$G$21=$B$10,7,0)+IF('Standard Profiles'!$G$21=$B$17,14,0)+IF('Standard Profiles'!$G$21=$B$24,21,0),MOD($C6987,24)+1)/SUM(INDEX($D$3:$AA$30,INDEX(Jesper!$R$2:$R$366,ROW(INDEX(Jesper!AK$2:AK$366,ROUNDDOWN($C6987/24,0)+1,1))-1)+IF('Standard Profiles'!$G$21=$B$10,7,0)+IF('Standard Profiles'!$G$21=$B$17,14,0)+IF('Standard Profiles'!$G$21=$B$24,21,0),0)),0)</f>
        <v>12.933826432798176</v>
      </c>
      <c r="H6987" cm="1">
        <f t="array" ref="H6987">IFERROR(INDEX(Jesper!AL$2:AL$366,ROUNDDOWN($C6987/24,0)+1,1)*INDEX($D$3:$AA$30,INDEX(Jesper!$R$2:$R$366,ROW(INDEX(Jesper!AL$2:AL$366,ROUNDDOWN($C6987/24,0)+1,1))-1)+IF('Standard Profiles'!$G$22=$B$10,7,0)+IF('Standard Profiles'!$G$22=$B$17,14,0)+IF('Standard Profiles'!$G$22=$B$24,21,0),MOD($C6987,24)+1)/SUM(INDEX($D$3:$AA$30,INDEX(Jesper!$R$2:$R$366,ROW(INDEX(Jesper!AL$2:AL$366,ROUNDDOWN($C6987/24,0)+1,1))-1)+IF('Standard Profiles'!$G$22=$B$10,7,0)+IF('Standard Profiles'!$G$22=$B$17,14,0)+IF('Standard Profiles'!$G$22=$B$24,21,0),0)),0)</f>
        <v>0</v>
      </c>
      <c r="I6987">
        <f t="shared" si="776"/>
        <v>6.2082366877431214</v>
      </c>
      <c r="J6987">
        <f t="shared" si="777"/>
        <v>22.807440375152012</v>
      </c>
      <c r="K6987">
        <f t="shared" si="778"/>
        <v>0.96186306156451817</v>
      </c>
      <c r="L6987">
        <f t="shared" si="779"/>
        <v>0.48093153078225909</v>
      </c>
      <c r="M6987">
        <f t="shared" si="780"/>
        <v>0</v>
      </c>
      <c r="N6987" s="45">
        <f t="shared" si="781"/>
        <v>45216.70833331647</v>
      </c>
    </row>
    <row r="6988" spans="2:14" x14ac:dyDescent="0.25">
      <c r="B6988">
        <f t="shared" si="775"/>
        <v>2</v>
      </c>
      <c r="C6988" s="16">
        <v>6954</v>
      </c>
      <c r="D6988" cm="1">
        <f t="array" ref="D6988">IFERROR(INDEX(Jesper!AH$2:AH$366,ROUNDDOWN($C6988/24,0)+1,1)*INDEX($D$3:$AA$30,INDEX(Jesper!$R$2:$R$366,ROW(INDEX(Jesper!AH$2:AH$366,ROUNDDOWN($C6988/24,0)+1,1))-1)+IF('Standard Profiles'!$G$18=$B$10,7,0)+IF('Standard Profiles'!$G$18=$B$17,14,0)+IF('Standard Profiles'!$G$18=$B$24,21,0),MOD($C6988,24)+1)/SUM(INDEX($D$3:$AA$30,INDEX(Jesper!$R$2:$R$366,ROW(INDEX(Jesper!AH$2:AH$366,ROUNDDOWN($C6988/24,0)+1,1))-1)+IF('Standard Profiles'!$G$18=$B$10,7,0)+IF('Standard Profiles'!$G$18=$B$17,14,0)+IF('Standard Profiles'!$G$18=$B$24,21,0),0)),0)</f>
        <v>5.9515276934304557</v>
      </c>
      <c r="E6988" cm="1">
        <f t="array" ref="E6988">IFERROR(INDEX(Jesper!AI$2:AI$366,ROUNDDOWN($C6988/24,0)+1,1)*INDEX($D$3:$AA$30,INDEX(Jesper!$R$2:$R$366,ROW(INDEX(Jesper!AI$2:AI$366,ROUNDDOWN($C6988/24,0)+1,1))-1)+IF('Standard Profiles'!$G$19=$B$10,7,0)+IF('Standard Profiles'!$G$19=$B$17,14,0)+IF('Standard Profiles'!$G$19=$B$24,21,0),MOD($C6988,24)+1)/SUM(INDEX($D$3:$AA$30,INDEX(Jesper!$R$2:$R$366,ROW(INDEX(Jesper!AI$2:AI$366,ROUNDDOWN($C6988/24,0)+1,1))-1)+IF('Standard Profiles'!$G$19=$B$10,7,0)+IF('Standard Profiles'!$G$19=$B$17,14,0)+IF('Standard Profiles'!$G$19=$B$24,21,0),0)),0)</f>
        <v>5.6147381533824108</v>
      </c>
      <c r="F6988" cm="1">
        <f t="array" ref="F6988">IFERROR(INDEX(Jesper!AJ$2:AJ$366,ROUNDDOWN($C6988/24,0)+1,1)*INDEX($D$3:$AA$30,INDEX(Jesper!$R$2:$R$366,ROW(INDEX(Jesper!AJ$2:AJ$366,ROUNDDOWN($C6988/24,0)+1,1))-1)+IF('Standard Profiles'!$G$20=$B$10,7,0)+IF('Standard Profiles'!$G$20=$B$17,14,0)+IF('Standard Profiles'!$G$20=$B$24,21,0),MOD($C6988,24)+1)/SUM(INDEX($D$3:$AA$30,INDEX(Jesper!$R$2:$R$366,ROW(INDEX(Jesper!AJ$2:AJ$366,ROUNDDOWN($C6988/24,0)+1,1))-1)+IF('Standard Profiles'!$G$20=$B$10,7,0)+IF('Standard Profiles'!$G$20=$B$17,14,0)+IF('Standard Profiles'!$G$20=$B$24,21,0),0)),0)</f>
        <v>0</v>
      </c>
      <c r="G6988" cm="1">
        <f t="array" ref="G6988">IFERROR(INDEX(Jesper!AK$2:AK$366,ROUNDDOWN($C6988/24,0)+1,1)*INDEX($D$3:$AA$30,INDEX(Jesper!$R$2:$R$366,ROW(INDEX(Jesper!AK$2:AK$366,ROUNDDOWN($C6988/24,0)+1,1))-1)+IF('Standard Profiles'!$G$21=$B$10,7,0)+IF('Standard Profiles'!$G$21=$B$17,14,0)+IF('Standard Profiles'!$G$21=$B$24,21,0),MOD($C6988,24)+1)/SUM(INDEX($D$3:$AA$30,INDEX(Jesper!$R$2:$R$366,ROW(INDEX(Jesper!AK$2:AK$366,ROUNDDOWN($C6988/24,0)+1,1))-1)+IF('Standard Profiles'!$G$21=$B$10,7,0)+IF('Standard Profiles'!$G$21=$B$17,14,0)+IF('Standard Profiles'!$G$21=$B$24,21,0),0)),0)</f>
        <v>4.5875128079718923</v>
      </c>
      <c r="H6988" cm="1">
        <f t="array" ref="H6988">IFERROR(INDEX(Jesper!AL$2:AL$366,ROUNDDOWN($C6988/24,0)+1,1)*INDEX($D$3:$AA$30,INDEX(Jesper!$R$2:$R$366,ROW(INDEX(Jesper!AL$2:AL$366,ROUNDDOWN($C6988/24,0)+1,1))-1)+IF('Standard Profiles'!$G$22=$B$10,7,0)+IF('Standard Profiles'!$G$22=$B$17,14,0)+IF('Standard Profiles'!$G$22=$B$24,21,0),MOD($C6988,24)+1)/SUM(INDEX($D$3:$AA$30,INDEX(Jesper!$R$2:$R$366,ROW(INDEX(Jesper!AL$2:AL$366,ROUNDDOWN($C6988/24,0)+1,1))-1)+IF('Standard Profiles'!$G$22=$B$10,7,0)+IF('Standard Profiles'!$G$22=$B$17,14,0)+IF('Standard Profiles'!$G$22=$B$24,21,0),0)),0)</f>
        <v>0</v>
      </c>
      <c r="I6988">
        <f t="shared" si="776"/>
        <v>2.2020061478265074</v>
      </c>
      <c r="J6988">
        <f t="shared" si="777"/>
        <v>12.999528076009378</v>
      </c>
      <c r="K6988">
        <f t="shared" si="778"/>
        <v>0.63482962063258197</v>
      </c>
      <c r="L6988">
        <f t="shared" si="779"/>
        <v>0.31741481031629099</v>
      </c>
      <c r="M6988">
        <f t="shared" si="780"/>
        <v>0</v>
      </c>
      <c r="N6988" s="45">
        <f t="shared" si="781"/>
        <v>45216.749999983134</v>
      </c>
    </row>
    <row r="6989" spans="2:14" x14ac:dyDescent="0.25">
      <c r="B6989">
        <f t="shared" si="775"/>
        <v>2</v>
      </c>
      <c r="C6989" s="16">
        <v>6955</v>
      </c>
      <c r="D6989" cm="1">
        <f t="array" ref="D6989">IFERROR(INDEX(Jesper!AH$2:AH$366,ROUNDDOWN($C6989/24,0)+1,1)*INDEX($D$3:$AA$30,INDEX(Jesper!$R$2:$R$366,ROW(INDEX(Jesper!AH$2:AH$366,ROUNDDOWN($C6989/24,0)+1,1))-1)+IF('Standard Profiles'!$G$18=$B$10,7,0)+IF('Standard Profiles'!$G$18=$B$17,14,0)+IF('Standard Profiles'!$G$18=$B$24,21,0),MOD($C6989,24)+1)/SUM(INDEX($D$3:$AA$30,INDEX(Jesper!$R$2:$R$366,ROW(INDEX(Jesper!AH$2:AH$366,ROUNDDOWN($C6989/24,0)+1,1))-1)+IF('Standard Profiles'!$G$18=$B$10,7,0)+IF('Standard Profiles'!$G$18=$B$17,14,0)+IF('Standard Profiles'!$G$18=$B$24,21,0),0)),0)</f>
        <v>5.9515276934304557</v>
      </c>
      <c r="E6989" cm="1">
        <f t="array" ref="E6989">IFERROR(INDEX(Jesper!AI$2:AI$366,ROUNDDOWN($C6989/24,0)+1,1)*INDEX($D$3:$AA$30,INDEX(Jesper!$R$2:$R$366,ROW(INDEX(Jesper!AI$2:AI$366,ROUNDDOWN($C6989/24,0)+1,1))-1)+IF('Standard Profiles'!$G$19=$B$10,7,0)+IF('Standard Profiles'!$G$19=$B$17,14,0)+IF('Standard Profiles'!$G$19=$B$24,21,0),MOD($C6989,24)+1)/SUM(INDEX($D$3:$AA$30,INDEX(Jesper!$R$2:$R$366,ROW(INDEX(Jesper!AI$2:AI$366,ROUNDDOWN($C6989/24,0)+1,1))-1)+IF('Standard Profiles'!$G$19=$B$10,7,0)+IF('Standard Profiles'!$G$19=$B$17,14,0)+IF('Standard Profiles'!$G$19=$B$24,21,0),0)),0)</f>
        <v>5.6147381533824108</v>
      </c>
      <c r="F6989" cm="1">
        <f t="array" ref="F6989">IFERROR(INDEX(Jesper!AJ$2:AJ$366,ROUNDDOWN($C6989/24,0)+1,1)*INDEX($D$3:$AA$30,INDEX(Jesper!$R$2:$R$366,ROW(INDEX(Jesper!AJ$2:AJ$366,ROUNDDOWN($C6989/24,0)+1,1))-1)+IF('Standard Profiles'!$G$20=$B$10,7,0)+IF('Standard Profiles'!$G$20=$B$17,14,0)+IF('Standard Profiles'!$G$20=$B$24,21,0),MOD($C6989,24)+1)/SUM(INDEX($D$3:$AA$30,INDEX(Jesper!$R$2:$R$366,ROW(INDEX(Jesper!AJ$2:AJ$366,ROUNDDOWN($C6989/24,0)+1,1))-1)+IF('Standard Profiles'!$G$20=$B$10,7,0)+IF('Standard Profiles'!$G$20=$B$17,14,0)+IF('Standard Profiles'!$G$20=$B$24,21,0),0)),0)</f>
        <v>0</v>
      </c>
      <c r="G6989" cm="1">
        <f t="array" ref="G6989">IFERROR(INDEX(Jesper!AK$2:AK$366,ROUNDDOWN($C6989/24,0)+1,1)*INDEX($D$3:$AA$30,INDEX(Jesper!$R$2:$R$366,ROW(INDEX(Jesper!AK$2:AK$366,ROUNDDOWN($C6989/24,0)+1,1))-1)+IF('Standard Profiles'!$G$21=$B$10,7,0)+IF('Standard Profiles'!$G$21=$B$17,14,0)+IF('Standard Profiles'!$G$21=$B$24,21,0),MOD($C6989,24)+1)/SUM(INDEX($D$3:$AA$30,INDEX(Jesper!$R$2:$R$366,ROW(INDEX(Jesper!AK$2:AK$366,ROUNDDOWN($C6989/24,0)+1,1))-1)+IF('Standard Profiles'!$G$21=$B$10,7,0)+IF('Standard Profiles'!$G$21=$B$17,14,0)+IF('Standard Profiles'!$G$21=$B$24,21,0),0)),0)</f>
        <v>4.5875128079718923</v>
      </c>
      <c r="H6989" cm="1">
        <f t="array" ref="H6989">IFERROR(INDEX(Jesper!AL$2:AL$366,ROUNDDOWN($C6989/24,0)+1,1)*INDEX($D$3:$AA$30,INDEX(Jesper!$R$2:$R$366,ROW(INDEX(Jesper!AL$2:AL$366,ROUNDDOWN($C6989/24,0)+1,1))-1)+IF('Standard Profiles'!$G$22=$B$10,7,0)+IF('Standard Profiles'!$G$22=$B$17,14,0)+IF('Standard Profiles'!$G$22=$B$24,21,0),MOD($C6989,24)+1)/SUM(INDEX($D$3:$AA$30,INDEX(Jesper!$R$2:$R$366,ROW(INDEX(Jesper!AL$2:AL$366,ROUNDDOWN($C6989/24,0)+1,1))-1)+IF('Standard Profiles'!$G$22=$B$10,7,0)+IF('Standard Profiles'!$G$22=$B$17,14,0)+IF('Standard Profiles'!$G$22=$B$24,21,0),0)),0)</f>
        <v>0</v>
      </c>
      <c r="I6989">
        <f t="shared" si="776"/>
        <v>2.2020061478265074</v>
      </c>
      <c r="J6989">
        <f t="shared" si="777"/>
        <v>12.999528076009378</v>
      </c>
      <c r="K6989">
        <f t="shared" si="778"/>
        <v>0.63482962063258197</v>
      </c>
      <c r="L6989">
        <f t="shared" si="779"/>
        <v>0.31741481031629099</v>
      </c>
      <c r="M6989">
        <f t="shared" si="780"/>
        <v>0</v>
      </c>
      <c r="N6989" s="45">
        <f t="shared" si="781"/>
        <v>45216.791666649799</v>
      </c>
    </row>
    <row r="6990" spans="2:14" x14ac:dyDescent="0.25">
      <c r="B6990">
        <f t="shared" si="775"/>
        <v>2</v>
      </c>
      <c r="C6990" s="16">
        <v>6956</v>
      </c>
      <c r="D6990" cm="1">
        <f t="array" ref="D6990">IFERROR(INDEX(Jesper!AH$2:AH$366,ROUNDDOWN($C6990/24,0)+1,1)*INDEX($D$3:$AA$30,INDEX(Jesper!$R$2:$R$366,ROW(INDEX(Jesper!AH$2:AH$366,ROUNDDOWN($C6990/24,0)+1,1))-1)+IF('Standard Profiles'!$G$18=$B$10,7,0)+IF('Standard Profiles'!$G$18=$B$17,14,0)+IF('Standard Profiles'!$G$18=$B$24,21,0),MOD($C6990,24)+1)/SUM(INDEX($D$3:$AA$30,INDEX(Jesper!$R$2:$R$366,ROW(INDEX(Jesper!AH$2:AH$366,ROUNDDOWN($C6990/24,0)+1,1))-1)+IF('Standard Profiles'!$G$18=$B$10,7,0)+IF('Standard Profiles'!$G$18=$B$17,14,0)+IF('Standard Profiles'!$G$18=$B$24,21,0),0)),0)</f>
        <v>5.9515276934304557</v>
      </c>
      <c r="E6990" cm="1">
        <f t="array" ref="E6990">IFERROR(INDEX(Jesper!AI$2:AI$366,ROUNDDOWN($C6990/24,0)+1,1)*INDEX($D$3:$AA$30,INDEX(Jesper!$R$2:$R$366,ROW(INDEX(Jesper!AI$2:AI$366,ROUNDDOWN($C6990/24,0)+1,1))-1)+IF('Standard Profiles'!$G$19=$B$10,7,0)+IF('Standard Profiles'!$G$19=$B$17,14,0)+IF('Standard Profiles'!$G$19=$B$24,21,0),MOD($C6990,24)+1)/SUM(INDEX($D$3:$AA$30,INDEX(Jesper!$R$2:$R$366,ROW(INDEX(Jesper!AI$2:AI$366,ROUNDDOWN($C6990/24,0)+1,1))-1)+IF('Standard Profiles'!$G$19=$B$10,7,0)+IF('Standard Profiles'!$G$19=$B$17,14,0)+IF('Standard Profiles'!$G$19=$B$24,21,0),0)),0)</f>
        <v>5.6147381533824108</v>
      </c>
      <c r="F6990" cm="1">
        <f t="array" ref="F6990">IFERROR(INDEX(Jesper!AJ$2:AJ$366,ROUNDDOWN($C6990/24,0)+1,1)*INDEX($D$3:$AA$30,INDEX(Jesper!$R$2:$R$366,ROW(INDEX(Jesper!AJ$2:AJ$366,ROUNDDOWN($C6990/24,0)+1,1))-1)+IF('Standard Profiles'!$G$20=$B$10,7,0)+IF('Standard Profiles'!$G$20=$B$17,14,0)+IF('Standard Profiles'!$G$20=$B$24,21,0),MOD($C6990,24)+1)/SUM(INDEX($D$3:$AA$30,INDEX(Jesper!$R$2:$R$366,ROW(INDEX(Jesper!AJ$2:AJ$366,ROUNDDOWN($C6990/24,0)+1,1))-1)+IF('Standard Profiles'!$G$20=$B$10,7,0)+IF('Standard Profiles'!$G$20=$B$17,14,0)+IF('Standard Profiles'!$G$20=$B$24,21,0),0)),0)</f>
        <v>0</v>
      </c>
      <c r="G6990" cm="1">
        <f t="array" ref="G6990">IFERROR(INDEX(Jesper!AK$2:AK$366,ROUNDDOWN($C6990/24,0)+1,1)*INDEX($D$3:$AA$30,INDEX(Jesper!$R$2:$R$366,ROW(INDEX(Jesper!AK$2:AK$366,ROUNDDOWN($C6990/24,0)+1,1))-1)+IF('Standard Profiles'!$G$21=$B$10,7,0)+IF('Standard Profiles'!$G$21=$B$17,14,0)+IF('Standard Profiles'!$G$21=$B$24,21,0),MOD($C6990,24)+1)/SUM(INDEX($D$3:$AA$30,INDEX(Jesper!$R$2:$R$366,ROW(INDEX(Jesper!AK$2:AK$366,ROUNDDOWN($C6990/24,0)+1,1))-1)+IF('Standard Profiles'!$G$21=$B$10,7,0)+IF('Standard Profiles'!$G$21=$B$17,14,0)+IF('Standard Profiles'!$G$21=$B$24,21,0),0)),0)</f>
        <v>4.5875128079718923</v>
      </c>
      <c r="H6990" cm="1">
        <f t="array" ref="H6990">IFERROR(INDEX(Jesper!AL$2:AL$366,ROUNDDOWN($C6990/24,0)+1,1)*INDEX($D$3:$AA$30,INDEX(Jesper!$R$2:$R$366,ROW(INDEX(Jesper!AL$2:AL$366,ROUNDDOWN($C6990/24,0)+1,1))-1)+IF('Standard Profiles'!$G$22=$B$10,7,0)+IF('Standard Profiles'!$G$22=$B$17,14,0)+IF('Standard Profiles'!$G$22=$B$24,21,0),MOD($C6990,24)+1)/SUM(INDEX($D$3:$AA$30,INDEX(Jesper!$R$2:$R$366,ROW(INDEX(Jesper!AL$2:AL$366,ROUNDDOWN($C6990/24,0)+1,1))-1)+IF('Standard Profiles'!$G$22=$B$10,7,0)+IF('Standard Profiles'!$G$22=$B$17,14,0)+IF('Standard Profiles'!$G$22=$B$24,21,0),0)),0)</f>
        <v>0</v>
      </c>
      <c r="I6990">
        <f t="shared" si="776"/>
        <v>2.2020061478265074</v>
      </c>
      <c r="J6990">
        <f t="shared" si="777"/>
        <v>12.999528076009378</v>
      </c>
      <c r="K6990">
        <f t="shared" si="778"/>
        <v>0.63482962063258197</v>
      </c>
      <c r="L6990">
        <f t="shared" si="779"/>
        <v>0.31741481031629099</v>
      </c>
      <c r="M6990">
        <f t="shared" si="780"/>
        <v>0</v>
      </c>
      <c r="N6990" s="45">
        <f t="shared" si="781"/>
        <v>45216.833333316463</v>
      </c>
    </row>
    <row r="6991" spans="2:14" x14ac:dyDescent="0.25">
      <c r="B6991">
        <f t="shared" si="775"/>
        <v>2</v>
      </c>
      <c r="C6991" s="16">
        <v>6957</v>
      </c>
      <c r="D6991" cm="1">
        <f t="array" ref="D6991">IFERROR(INDEX(Jesper!AH$2:AH$366,ROUNDDOWN($C6991/24,0)+1,1)*INDEX($D$3:$AA$30,INDEX(Jesper!$R$2:$R$366,ROW(INDEX(Jesper!AH$2:AH$366,ROUNDDOWN($C6991/24,0)+1,1))-1)+IF('Standard Profiles'!$G$18=$B$10,7,0)+IF('Standard Profiles'!$G$18=$B$17,14,0)+IF('Standard Profiles'!$G$18=$B$24,21,0),MOD($C6991,24)+1)/SUM(INDEX($D$3:$AA$30,INDEX(Jesper!$R$2:$R$366,ROW(INDEX(Jesper!AH$2:AH$366,ROUNDDOWN($C6991/24,0)+1,1))-1)+IF('Standard Profiles'!$G$18=$B$10,7,0)+IF('Standard Profiles'!$G$18=$B$17,14,0)+IF('Standard Profiles'!$G$18=$B$24,21,0),0)),0)</f>
        <v>5.9515276934304557</v>
      </c>
      <c r="E6991" cm="1">
        <f t="array" ref="E6991">IFERROR(INDEX(Jesper!AI$2:AI$366,ROUNDDOWN($C6991/24,0)+1,1)*INDEX($D$3:$AA$30,INDEX(Jesper!$R$2:$R$366,ROW(INDEX(Jesper!AI$2:AI$366,ROUNDDOWN($C6991/24,0)+1,1))-1)+IF('Standard Profiles'!$G$19=$B$10,7,0)+IF('Standard Profiles'!$G$19=$B$17,14,0)+IF('Standard Profiles'!$G$19=$B$24,21,0),MOD($C6991,24)+1)/SUM(INDEX($D$3:$AA$30,INDEX(Jesper!$R$2:$R$366,ROW(INDEX(Jesper!AI$2:AI$366,ROUNDDOWN($C6991/24,0)+1,1))-1)+IF('Standard Profiles'!$G$19=$B$10,7,0)+IF('Standard Profiles'!$G$19=$B$17,14,0)+IF('Standard Profiles'!$G$19=$B$24,21,0),0)),0)</f>
        <v>5.6147381533824108</v>
      </c>
      <c r="F6991" cm="1">
        <f t="array" ref="F6991">IFERROR(INDEX(Jesper!AJ$2:AJ$366,ROUNDDOWN($C6991/24,0)+1,1)*INDEX($D$3:$AA$30,INDEX(Jesper!$R$2:$R$366,ROW(INDEX(Jesper!AJ$2:AJ$366,ROUNDDOWN($C6991/24,0)+1,1))-1)+IF('Standard Profiles'!$G$20=$B$10,7,0)+IF('Standard Profiles'!$G$20=$B$17,14,0)+IF('Standard Profiles'!$G$20=$B$24,21,0),MOD($C6991,24)+1)/SUM(INDEX($D$3:$AA$30,INDEX(Jesper!$R$2:$R$366,ROW(INDEX(Jesper!AJ$2:AJ$366,ROUNDDOWN($C6991/24,0)+1,1))-1)+IF('Standard Profiles'!$G$20=$B$10,7,0)+IF('Standard Profiles'!$G$20=$B$17,14,0)+IF('Standard Profiles'!$G$20=$B$24,21,0),0)),0)</f>
        <v>0</v>
      </c>
      <c r="G6991" cm="1">
        <f t="array" ref="G6991">IFERROR(INDEX(Jesper!AK$2:AK$366,ROUNDDOWN($C6991/24,0)+1,1)*INDEX($D$3:$AA$30,INDEX(Jesper!$R$2:$R$366,ROW(INDEX(Jesper!AK$2:AK$366,ROUNDDOWN($C6991/24,0)+1,1))-1)+IF('Standard Profiles'!$G$21=$B$10,7,0)+IF('Standard Profiles'!$G$21=$B$17,14,0)+IF('Standard Profiles'!$G$21=$B$24,21,0),MOD($C6991,24)+1)/SUM(INDEX($D$3:$AA$30,INDEX(Jesper!$R$2:$R$366,ROW(INDEX(Jesper!AK$2:AK$366,ROUNDDOWN($C6991/24,0)+1,1))-1)+IF('Standard Profiles'!$G$21=$B$10,7,0)+IF('Standard Profiles'!$G$21=$B$17,14,0)+IF('Standard Profiles'!$G$21=$B$24,21,0),0)),0)</f>
        <v>4.5875128079718923</v>
      </c>
      <c r="H6991" cm="1">
        <f t="array" ref="H6991">IFERROR(INDEX(Jesper!AL$2:AL$366,ROUNDDOWN($C6991/24,0)+1,1)*INDEX($D$3:$AA$30,INDEX(Jesper!$R$2:$R$366,ROW(INDEX(Jesper!AL$2:AL$366,ROUNDDOWN($C6991/24,0)+1,1))-1)+IF('Standard Profiles'!$G$22=$B$10,7,0)+IF('Standard Profiles'!$G$22=$B$17,14,0)+IF('Standard Profiles'!$G$22=$B$24,21,0),MOD($C6991,24)+1)/SUM(INDEX($D$3:$AA$30,INDEX(Jesper!$R$2:$R$366,ROW(INDEX(Jesper!AL$2:AL$366,ROUNDDOWN($C6991/24,0)+1,1))-1)+IF('Standard Profiles'!$G$22=$B$10,7,0)+IF('Standard Profiles'!$G$22=$B$17,14,0)+IF('Standard Profiles'!$G$22=$B$24,21,0),0)),0)</f>
        <v>0</v>
      </c>
      <c r="I6991">
        <f t="shared" si="776"/>
        <v>2.2020061478265074</v>
      </c>
      <c r="J6991">
        <f t="shared" si="777"/>
        <v>12.999528076009378</v>
      </c>
      <c r="K6991">
        <f t="shared" si="778"/>
        <v>0.63482962063258197</v>
      </c>
      <c r="L6991">
        <f t="shared" si="779"/>
        <v>0.31741481031629099</v>
      </c>
      <c r="M6991">
        <f t="shared" si="780"/>
        <v>0</v>
      </c>
      <c r="N6991" s="45">
        <f t="shared" si="781"/>
        <v>45216.874999983127</v>
      </c>
    </row>
    <row r="6992" spans="2:14" x14ac:dyDescent="0.25">
      <c r="B6992">
        <f t="shared" si="775"/>
        <v>2</v>
      </c>
      <c r="C6992" s="16">
        <v>6958</v>
      </c>
      <c r="D6992" cm="1">
        <f t="array" ref="D6992">IFERROR(INDEX(Jesper!AH$2:AH$366,ROUNDDOWN($C6992/24,0)+1,1)*INDEX($D$3:$AA$30,INDEX(Jesper!$R$2:$R$366,ROW(INDEX(Jesper!AH$2:AH$366,ROUNDDOWN($C6992/24,0)+1,1))-1)+IF('Standard Profiles'!$G$18=$B$10,7,0)+IF('Standard Profiles'!$G$18=$B$17,14,0)+IF('Standard Profiles'!$G$18=$B$24,21,0),MOD($C6992,24)+1)/SUM(INDEX($D$3:$AA$30,INDEX(Jesper!$R$2:$R$366,ROW(INDEX(Jesper!AH$2:AH$366,ROUNDDOWN($C6992/24,0)+1,1))-1)+IF('Standard Profiles'!$G$18=$B$10,7,0)+IF('Standard Profiles'!$G$18=$B$17,14,0)+IF('Standard Profiles'!$G$18=$B$24,21,0),0)),0)</f>
        <v>5.9515276934304557</v>
      </c>
      <c r="E6992" cm="1">
        <f t="array" ref="E6992">IFERROR(INDEX(Jesper!AI$2:AI$366,ROUNDDOWN($C6992/24,0)+1,1)*INDEX($D$3:$AA$30,INDEX(Jesper!$R$2:$R$366,ROW(INDEX(Jesper!AI$2:AI$366,ROUNDDOWN($C6992/24,0)+1,1))-1)+IF('Standard Profiles'!$G$19=$B$10,7,0)+IF('Standard Profiles'!$G$19=$B$17,14,0)+IF('Standard Profiles'!$G$19=$B$24,21,0),MOD($C6992,24)+1)/SUM(INDEX($D$3:$AA$30,INDEX(Jesper!$R$2:$R$366,ROW(INDEX(Jesper!AI$2:AI$366,ROUNDDOWN($C6992/24,0)+1,1))-1)+IF('Standard Profiles'!$G$19=$B$10,7,0)+IF('Standard Profiles'!$G$19=$B$17,14,0)+IF('Standard Profiles'!$G$19=$B$24,21,0),0)),0)</f>
        <v>5.6147381533824108</v>
      </c>
      <c r="F6992" cm="1">
        <f t="array" ref="F6992">IFERROR(INDEX(Jesper!AJ$2:AJ$366,ROUNDDOWN($C6992/24,0)+1,1)*INDEX($D$3:$AA$30,INDEX(Jesper!$R$2:$R$366,ROW(INDEX(Jesper!AJ$2:AJ$366,ROUNDDOWN($C6992/24,0)+1,1))-1)+IF('Standard Profiles'!$G$20=$B$10,7,0)+IF('Standard Profiles'!$G$20=$B$17,14,0)+IF('Standard Profiles'!$G$20=$B$24,21,0),MOD($C6992,24)+1)/SUM(INDEX($D$3:$AA$30,INDEX(Jesper!$R$2:$R$366,ROW(INDEX(Jesper!AJ$2:AJ$366,ROUNDDOWN($C6992/24,0)+1,1))-1)+IF('Standard Profiles'!$G$20=$B$10,7,0)+IF('Standard Profiles'!$G$20=$B$17,14,0)+IF('Standard Profiles'!$G$20=$B$24,21,0),0)),0)</f>
        <v>0</v>
      </c>
      <c r="G6992" cm="1">
        <f t="array" ref="G6992">IFERROR(INDEX(Jesper!AK$2:AK$366,ROUNDDOWN($C6992/24,0)+1,1)*INDEX($D$3:$AA$30,INDEX(Jesper!$R$2:$R$366,ROW(INDEX(Jesper!AK$2:AK$366,ROUNDDOWN($C6992/24,0)+1,1))-1)+IF('Standard Profiles'!$G$21=$B$10,7,0)+IF('Standard Profiles'!$G$21=$B$17,14,0)+IF('Standard Profiles'!$G$21=$B$24,21,0),MOD($C6992,24)+1)/SUM(INDEX($D$3:$AA$30,INDEX(Jesper!$R$2:$R$366,ROW(INDEX(Jesper!AK$2:AK$366,ROUNDDOWN($C6992/24,0)+1,1))-1)+IF('Standard Profiles'!$G$21=$B$10,7,0)+IF('Standard Profiles'!$G$21=$B$17,14,0)+IF('Standard Profiles'!$G$21=$B$24,21,0),0)),0)</f>
        <v>4.5875128079718923</v>
      </c>
      <c r="H6992" cm="1">
        <f t="array" ref="H6992">IFERROR(INDEX(Jesper!AL$2:AL$366,ROUNDDOWN($C6992/24,0)+1,1)*INDEX($D$3:$AA$30,INDEX(Jesper!$R$2:$R$366,ROW(INDEX(Jesper!AL$2:AL$366,ROUNDDOWN($C6992/24,0)+1,1))-1)+IF('Standard Profiles'!$G$22=$B$10,7,0)+IF('Standard Profiles'!$G$22=$B$17,14,0)+IF('Standard Profiles'!$G$22=$B$24,21,0),MOD($C6992,24)+1)/SUM(INDEX($D$3:$AA$30,INDEX(Jesper!$R$2:$R$366,ROW(INDEX(Jesper!AL$2:AL$366,ROUNDDOWN($C6992/24,0)+1,1))-1)+IF('Standard Profiles'!$G$22=$B$10,7,0)+IF('Standard Profiles'!$G$22=$B$17,14,0)+IF('Standard Profiles'!$G$22=$B$24,21,0),0)),0)</f>
        <v>0</v>
      </c>
      <c r="I6992">
        <f t="shared" si="776"/>
        <v>2.2020061478265074</v>
      </c>
      <c r="J6992">
        <f t="shared" si="777"/>
        <v>12.999528076009378</v>
      </c>
      <c r="K6992">
        <f t="shared" si="778"/>
        <v>0.63482962063258197</v>
      </c>
      <c r="L6992">
        <f t="shared" si="779"/>
        <v>0.31741481031629099</v>
      </c>
      <c r="M6992">
        <f t="shared" si="780"/>
        <v>0</v>
      </c>
      <c r="N6992" s="45">
        <f t="shared" si="781"/>
        <v>45216.916666649791</v>
      </c>
    </row>
    <row r="6993" spans="2:14" x14ac:dyDescent="0.25">
      <c r="B6993">
        <f t="shared" si="775"/>
        <v>2</v>
      </c>
      <c r="C6993" s="16">
        <v>6959</v>
      </c>
      <c r="D6993" cm="1">
        <f t="array" ref="D6993">IFERROR(INDEX(Jesper!AH$2:AH$366,ROUNDDOWN($C6993/24,0)+1,1)*INDEX($D$3:$AA$30,INDEX(Jesper!$R$2:$R$366,ROW(INDEX(Jesper!AH$2:AH$366,ROUNDDOWN($C6993/24,0)+1,1))-1)+IF('Standard Profiles'!$G$18=$B$10,7,0)+IF('Standard Profiles'!$G$18=$B$17,14,0)+IF('Standard Profiles'!$G$18=$B$24,21,0),MOD($C6993,24)+1)/SUM(INDEX($D$3:$AA$30,INDEX(Jesper!$R$2:$R$366,ROW(INDEX(Jesper!AH$2:AH$366,ROUNDDOWN($C6993/24,0)+1,1))-1)+IF('Standard Profiles'!$G$18=$B$10,7,0)+IF('Standard Profiles'!$G$18=$B$17,14,0)+IF('Standard Profiles'!$G$18=$B$24,21,0),0)),0)</f>
        <v>5.9515276934304557</v>
      </c>
      <c r="E6993" cm="1">
        <f t="array" ref="E6993">IFERROR(INDEX(Jesper!AI$2:AI$366,ROUNDDOWN($C6993/24,0)+1,1)*INDEX($D$3:$AA$30,INDEX(Jesper!$R$2:$R$366,ROW(INDEX(Jesper!AI$2:AI$366,ROUNDDOWN($C6993/24,0)+1,1))-1)+IF('Standard Profiles'!$G$19=$B$10,7,0)+IF('Standard Profiles'!$G$19=$B$17,14,0)+IF('Standard Profiles'!$G$19=$B$24,21,0),MOD($C6993,24)+1)/SUM(INDEX($D$3:$AA$30,INDEX(Jesper!$R$2:$R$366,ROW(INDEX(Jesper!AI$2:AI$366,ROUNDDOWN($C6993/24,0)+1,1))-1)+IF('Standard Profiles'!$G$19=$B$10,7,0)+IF('Standard Profiles'!$G$19=$B$17,14,0)+IF('Standard Profiles'!$G$19=$B$24,21,0),0)),0)</f>
        <v>5.6147381533824108</v>
      </c>
      <c r="F6993" cm="1">
        <f t="array" ref="F6993">IFERROR(INDEX(Jesper!AJ$2:AJ$366,ROUNDDOWN($C6993/24,0)+1,1)*INDEX($D$3:$AA$30,INDEX(Jesper!$R$2:$R$366,ROW(INDEX(Jesper!AJ$2:AJ$366,ROUNDDOWN($C6993/24,0)+1,1))-1)+IF('Standard Profiles'!$G$20=$B$10,7,0)+IF('Standard Profiles'!$G$20=$B$17,14,0)+IF('Standard Profiles'!$G$20=$B$24,21,0),MOD($C6993,24)+1)/SUM(INDEX($D$3:$AA$30,INDEX(Jesper!$R$2:$R$366,ROW(INDEX(Jesper!AJ$2:AJ$366,ROUNDDOWN($C6993/24,0)+1,1))-1)+IF('Standard Profiles'!$G$20=$B$10,7,0)+IF('Standard Profiles'!$G$20=$B$17,14,0)+IF('Standard Profiles'!$G$20=$B$24,21,0),0)),0)</f>
        <v>0</v>
      </c>
      <c r="G6993" cm="1">
        <f t="array" ref="G6993">IFERROR(INDEX(Jesper!AK$2:AK$366,ROUNDDOWN($C6993/24,0)+1,1)*INDEX($D$3:$AA$30,INDEX(Jesper!$R$2:$R$366,ROW(INDEX(Jesper!AK$2:AK$366,ROUNDDOWN($C6993/24,0)+1,1))-1)+IF('Standard Profiles'!$G$21=$B$10,7,0)+IF('Standard Profiles'!$G$21=$B$17,14,0)+IF('Standard Profiles'!$G$21=$B$24,21,0),MOD($C6993,24)+1)/SUM(INDEX($D$3:$AA$30,INDEX(Jesper!$R$2:$R$366,ROW(INDEX(Jesper!AK$2:AK$366,ROUNDDOWN($C6993/24,0)+1,1))-1)+IF('Standard Profiles'!$G$21=$B$10,7,0)+IF('Standard Profiles'!$G$21=$B$17,14,0)+IF('Standard Profiles'!$G$21=$B$24,21,0),0)),0)</f>
        <v>4.5875128079718923</v>
      </c>
      <c r="H6993" cm="1">
        <f t="array" ref="H6993">IFERROR(INDEX(Jesper!AL$2:AL$366,ROUNDDOWN($C6993/24,0)+1,1)*INDEX($D$3:$AA$30,INDEX(Jesper!$R$2:$R$366,ROW(INDEX(Jesper!AL$2:AL$366,ROUNDDOWN($C6993/24,0)+1,1))-1)+IF('Standard Profiles'!$G$22=$B$10,7,0)+IF('Standard Profiles'!$G$22=$B$17,14,0)+IF('Standard Profiles'!$G$22=$B$24,21,0),MOD($C6993,24)+1)/SUM(INDEX($D$3:$AA$30,INDEX(Jesper!$R$2:$R$366,ROW(INDEX(Jesper!AL$2:AL$366,ROUNDDOWN($C6993/24,0)+1,1))-1)+IF('Standard Profiles'!$G$22=$B$10,7,0)+IF('Standard Profiles'!$G$22=$B$17,14,0)+IF('Standard Profiles'!$G$22=$B$24,21,0),0)),0)</f>
        <v>0</v>
      </c>
      <c r="I6993">
        <f t="shared" si="776"/>
        <v>2.2020061478265074</v>
      </c>
      <c r="J6993">
        <f t="shared" si="777"/>
        <v>12.999528076009378</v>
      </c>
      <c r="K6993">
        <f t="shared" si="778"/>
        <v>0.63482962063258197</v>
      </c>
      <c r="L6993">
        <f t="shared" si="779"/>
        <v>0.31741481031629099</v>
      </c>
      <c r="M6993">
        <f t="shared" si="780"/>
        <v>0</v>
      </c>
      <c r="N6993" s="45">
        <f t="shared" si="781"/>
        <v>45216.958333316456</v>
      </c>
    </row>
    <row r="6994" spans="2:14" x14ac:dyDescent="0.25">
      <c r="B6994">
        <f t="shared" si="775"/>
        <v>3</v>
      </c>
      <c r="C6994" s="16">
        <v>6960</v>
      </c>
      <c r="D6994" cm="1">
        <f t="array" ref="D6994">IFERROR(INDEX(Jesper!AH$2:AH$366,ROUNDDOWN($C6994/24,0)+1,1)*INDEX($D$3:$AA$30,INDEX(Jesper!$R$2:$R$366,ROW(INDEX(Jesper!AH$2:AH$366,ROUNDDOWN($C6994/24,0)+1,1))-1)+IF('Standard Profiles'!$G$18=$B$10,7,0)+IF('Standard Profiles'!$G$18=$B$17,14,0)+IF('Standard Profiles'!$G$18=$B$24,21,0),MOD($C6994,24)+1)/SUM(INDEX($D$3:$AA$30,INDEX(Jesper!$R$2:$R$366,ROW(INDEX(Jesper!AH$2:AH$366,ROUNDDOWN($C6994/24,0)+1,1))-1)+IF('Standard Profiles'!$G$18=$B$10,7,0)+IF('Standard Profiles'!$G$18=$B$17,14,0)+IF('Standard Profiles'!$G$18=$B$24,21,0),0)),0)</f>
        <v>5.8930953365649659</v>
      </c>
      <c r="E6994" cm="1">
        <f t="array" ref="E6994">IFERROR(INDEX(Jesper!AI$2:AI$366,ROUNDDOWN($C6994/24,0)+1,1)*INDEX($D$3:$AA$30,INDEX(Jesper!$R$2:$R$366,ROW(INDEX(Jesper!AI$2:AI$366,ROUNDDOWN($C6994/24,0)+1,1))-1)+IF('Standard Profiles'!$G$19=$B$10,7,0)+IF('Standard Profiles'!$G$19=$B$17,14,0)+IF('Standard Profiles'!$G$19=$B$24,21,0),MOD($C6994,24)+1)/SUM(INDEX($D$3:$AA$30,INDEX(Jesper!$R$2:$R$366,ROW(INDEX(Jesper!AI$2:AI$366,ROUNDDOWN($C6994/24,0)+1,1))-1)+IF('Standard Profiles'!$G$19=$B$10,7,0)+IF('Standard Profiles'!$G$19=$B$17,14,0)+IF('Standard Profiles'!$G$19=$B$24,21,0),0)),0)</f>
        <v>5.4979826634132269</v>
      </c>
      <c r="F6994" cm="1">
        <f t="array" ref="F6994">IFERROR(INDEX(Jesper!AJ$2:AJ$366,ROUNDDOWN($C6994/24,0)+1,1)*INDEX($D$3:$AA$30,INDEX(Jesper!$R$2:$R$366,ROW(INDEX(Jesper!AJ$2:AJ$366,ROUNDDOWN($C6994/24,0)+1,1))-1)+IF('Standard Profiles'!$G$20=$B$10,7,0)+IF('Standard Profiles'!$G$20=$B$17,14,0)+IF('Standard Profiles'!$G$20=$B$24,21,0),MOD($C6994,24)+1)/SUM(INDEX($D$3:$AA$30,INDEX(Jesper!$R$2:$R$366,ROW(INDEX(Jesper!AJ$2:AJ$366,ROUNDDOWN($C6994/24,0)+1,1))-1)+IF('Standard Profiles'!$G$20=$B$10,7,0)+IF('Standard Profiles'!$G$20=$B$17,14,0)+IF('Standard Profiles'!$G$20=$B$24,21,0),0)),0)</f>
        <v>0</v>
      </c>
      <c r="G6994" cm="1">
        <f t="array" ref="G6994">IFERROR(INDEX(Jesper!AK$2:AK$366,ROUNDDOWN($C6994/24,0)+1,1)*INDEX($D$3:$AA$30,INDEX(Jesper!$R$2:$R$366,ROW(INDEX(Jesper!AK$2:AK$366,ROUNDDOWN($C6994/24,0)+1,1))-1)+IF('Standard Profiles'!$G$21=$B$10,7,0)+IF('Standard Profiles'!$G$21=$B$17,14,0)+IF('Standard Profiles'!$G$21=$B$24,21,0),MOD($C6994,24)+1)/SUM(INDEX($D$3:$AA$30,INDEX(Jesper!$R$2:$R$366,ROW(INDEX(Jesper!AK$2:AK$366,ROUNDDOWN($C6994/24,0)+1,1))-1)+IF('Standard Profiles'!$G$21=$B$10,7,0)+IF('Standard Profiles'!$G$21=$B$17,14,0)+IF('Standard Profiles'!$G$21=$B$24,21,0),0)),0)</f>
        <v>4.5630448793741589</v>
      </c>
      <c r="H6994" cm="1">
        <f t="array" ref="H6994">IFERROR(INDEX(Jesper!AL$2:AL$366,ROUNDDOWN($C6994/24,0)+1,1)*INDEX($D$3:$AA$30,INDEX(Jesper!$R$2:$R$366,ROW(INDEX(Jesper!AL$2:AL$366,ROUNDDOWN($C6994/24,0)+1,1))-1)+IF('Standard Profiles'!$G$22=$B$10,7,0)+IF('Standard Profiles'!$G$22=$B$17,14,0)+IF('Standard Profiles'!$G$22=$B$24,21,0),MOD($C6994,24)+1)/SUM(INDEX($D$3:$AA$30,INDEX(Jesper!$R$2:$R$366,ROW(INDEX(Jesper!AL$2:AL$366,ROUNDDOWN($C6994/24,0)+1,1))-1)+IF('Standard Profiles'!$G$22=$B$10,7,0)+IF('Standard Profiles'!$G$22=$B$17,14,0)+IF('Standard Profiles'!$G$22=$B$24,21,0),0)),0)</f>
        <v>0</v>
      </c>
      <c r="I6994">
        <f t="shared" si="776"/>
        <v>2.190261542099595</v>
      </c>
      <c r="J6994">
        <f t="shared" si="777"/>
        <v>12.820966083402363</v>
      </c>
      <c r="K6994">
        <f t="shared" si="778"/>
        <v>0.62859683590026305</v>
      </c>
      <c r="L6994">
        <f t="shared" si="779"/>
        <v>0.31429841795013153</v>
      </c>
      <c r="M6994">
        <f t="shared" si="780"/>
        <v>0</v>
      </c>
      <c r="N6994" s="45">
        <f t="shared" si="781"/>
        <v>45216.99999998312</v>
      </c>
    </row>
    <row r="6995" spans="2:14" x14ac:dyDescent="0.25">
      <c r="B6995">
        <f t="shared" si="775"/>
        <v>3</v>
      </c>
      <c r="C6995" s="16">
        <v>6961</v>
      </c>
      <c r="D6995" cm="1">
        <f t="array" ref="D6995">IFERROR(INDEX(Jesper!AH$2:AH$366,ROUNDDOWN($C6995/24,0)+1,1)*INDEX($D$3:$AA$30,INDEX(Jesper!$R$2:$R$366,ROW(INDEX(Jesper!AH$2:AH$366,ROUNDDOWN($C6995/24,0)+1,1))-1)+IF('Standard Profiles'!$G$18=$B$10,7,0)+IF('Standard Profiles'!$G$18=$B$17,14,0)+IF('Standard Profiles'!$G$18=$B$24,21,0),MOD($C6995,24)+1)/SUM(INDEX($D$3:$AA$30,INDEX(Jesper!$R$2:$R$366,ROW(INDEX(Jesper!AH$2:AH$366,ROUNDDOWN($C6995/24,0)+1,1))-1)+IF('Standard Profiles'!$G$18=$B$10,7,0)+IF('Standard Profiles'!$G$18=$B$17,14,0)+IF('Standard Profiles'!$G$18=$B$24,21,0),0)),0)</f>
        <v>5.8930953365649659</v>
      </c>
      <c r="E6995" cm="1">
        <f t="array" ref="E6995">IFERROR(INDEX(Jesper!AI$2:AI$366,ROUNDDOWN($C6995/24,0)+1,1)*INDEX($D$3:$AA$30,INDEX(Jesper!$R$2:$R$366,ROW(INDEX(Jesper!AI$2:AI$366,ROUNDDOWN($C6995/24,0)+1,1))-1)+IF('Standard Profiles'!$G$19=$B$10,7,0)+IF('Standard Profiles'!$G$19=$B$17,14,0)+IF('Standard Profiles'!$G$19=$B$24,21,0),MOD($C6995,24)+1)/SUM(INDEX($D$3:$AA$30,INDEX(Jesper!$R$2:$R$366,ROW(INDEX(Jesper!AI$2:AI$366,ROUNDDOWN($C6995/24,0)+1,1))-1)+IF('Standard Profiles'!$G$19=$B$10,7,0)+IF('Standard Profiles'!$G$19=$B$17,14,0)+IF('Standard Profiles'!$G$19=$B$24,21,0),0)),0)</f>
        <v>5.4979826634132269</v>
      </c>
      <c r="F6995" cm="1">
        <f t="array" ref="F6995">IFERROR(INDEX(Jesper!AJ$2:AJ$366,ROUNDDOWN($C6995/24,0)+1,1)*INDEX($D$3:$AA$30,INDEX(Jesper!$R$2:$R$366,ROW(INDEX(Jesper!AJ$2:AJ$366,ROUNDDOWN($C6995/24,0)+1,1))-1)+IF('Standard Profiles'!$G$20=$B$10,7,0)+IF('Standard Profiles'!$G$20=$B$17,14,0)+IF('Standard Profiles'!$G$20=$B$24,21,0),MOD($C6995,24)+1)/SUM(INDEX($D$3:$AA$30,INDEX(Jesper!$R$2:$R$366,ROW(INDEX(Jesper!AJ$2:AJ$366,ROUNDDOWN($C6995/24,0)+1,1))-1)+IF('Standard Profiles'!$G$20=$B$10,7,0)+IF('Standard Profiles'!$G$20=$B$17,14,0)+IF('Standard Profiles'!$G$20=$B$24,21,0),0)),0)</f>
        <v>0</v>
      </c>
      <c r="G6995" cm="1">
        <f t="array" ref="G6995">IFERROR(INDEX(Jesper!AK$2:AK$366,ROUNDDOWN($C6995/24,0)+1,1)*INDEX($D$3:$AA$30,INDEX(Jesper!$R$2:$R$366,ROW(INDEX(Jesper!AK$2:AK$366,ROUNDDOWN($C6995/24,0)+1,1))-1)+IF('Standard Profiles'!$G$21=$B$10,7,0)+IF('Standard Profiles'!$G$21=$B$17,14,0)+IF('Standard Profiles'!$G$21=$B$24,21,0),MOD($C6995,24)+1)/SUM(INDEX($D$3:$AA$30,INDEX(Jesper!$R$2:$R$366,ROW(INDEX(Jesper!AK$2:AK$366,ROUNDDOWN($C6995/24,0)+1,1))-1)+IF('Standard Profiles'!$G$21=$B$10,7,0)+IF('Standard Profiles'!$G$21=$B$17,14,0)+IF('Standard Profiles'!$G$21=$B$24,21,0),0)),0)</f>
        <v>4.5630448793741589</v>
      </c>
      <c r="H6995" cm="1">
        <f t="array" ref="H6995">IFERROR(INDEX(Jesper!AL$2:AL$366,ROUNDDOWN($C6995/24,0)+1,1)*INDEX($D$3:$AA$30,INDEX(Jesper!$R$2:$R$366,ROW(INDEX(Jesper!AL$2:AL$366,ROUNDDOWN($C6995/24,0)+1,1))-1)+IF('Standard Profiles'!$G$22=$B$10,7,0)+IF('Standard Profiles'!$G$22=$B$17,14,0)+IF('Standard Profiles'!$G$22=$B$24,21,0),MOD($C6995,24)+1)/SUM(INDEX($D$3:$AA$30,INDEX(Jesper!$R$2:$R$366,ROW(INDEX(Jesper!AL$2:AL$366,ROUNDDOWN($C6995/24,0)+1,1))-1)+IF('Standard Profiles'!$G$22=$B$10,7,0)+IF('Standard Profiles'!$G$22=$B$17,14,0)+IF('Standard Profiles'!$G$22=$B$24,21,0),0)),0)</f>
        <v>0</v>
      </c>
      <c r="I6995">
        <f t="shared" si="776"/>
        <v>2.190261542099595</v>
      </c>
      <c r="J6995">
        <f t="shared" si="777"/>
        <v>12.820966083402363</v>
      </c>
      <c r="K6995">
        <f t="shared" si="778"/>
        <v>0.62859683590026305</v>
      </c>
      <c r="L6995">
        <f t="shared" si="779"/>
        <v>0.31429841795013153</v>
      </c>
      <c r="M6995">
        <f t="shared" si="780"/>
        <v>0</v>
      </c>
      <c r="N6995" s="45">
        <f t="shared" si="781"/>
        <v>45217.041666649784</v>
      </c>
    </row>
    <row r="6996" spans="2:14" x14ac:dyDescent="0.25">
      <c r="B6996">
        <f t="shared" si="775"/>
        <v>3</v>
      </c>
      <c r="C6996" s="16">
        <v>6962</v>
      </c>
      <c r="D6996" cm="1">
        <f t="array" ref="D6996">IFERROR(INDEX(Jesper!AH$2:AH$366,ROUNDDOWN($C6996/24,0)+1,1)*INDEX($D$3:$AA$30,INDEX(Jesper!$R$2:$R$366,ROW(INDEX(Jesper!AH$2:AH$366,ROUNDDOWN($C6996/24,0)+1,1))-1)+IF('Standard Profiles'!$G$18=$B$10,7,0)+IF('Standard Profiles'!$G$18=$B$17,14,0)+IF('Standard Profiles'!$G$18=$B$24,21,0),MOD($C6996,24)+1)/SUM(INDEX($D$3:$AA$30,INDEX(Jesper!$R$2:$R$366,ROW(INDEX(Jesper!AH$2:AH$366,ROUNDDOWN($C6996/24,0)+1,1))-1)+IF('Standard Profiles'!$G$18=$B$10,7,0)+IF('Standard Profiles'!$G$18=$B$17,14,0)+IF('Standard Profiles'!$G$18=$B$24,21,0),0)),0)</f>
        <v>5.8930953365649659</v>
      </c>
      <c r="E6996" cm="1">
        <f t="array" ref="E6996">IFERROR(INDEX(Jesper!AI$2:AI$366,ROUNDDOWN($C6996/24,0)+1,1)*INDEX($D$3:$AA$30,INDEX(Jesper!$R$2:$R$366,ROW(INDEX(Jesper!AI$2:AI$366,ROUNDDOWN($C6996/24,0)+1,1))-1)+IF('Standard Profiles'!$G$19=$B$10,7,0)+IF('Standard Profiles'!$G$19=$B$17,14,0)+IF('Standard Profiles'!$G$19=$B$24,21,0),MOD($C6996,24)+1)/SUM(INDEX($D$3:$AA$30,INDEX(Jesper!$R$2:$R$366,ROW(INDEX(Jesper!AI$2:AI$366,ROUNDDOWN($C6996/24,0)+1,1))-1)+IF('Standard Profiles'!$G$19=$B$10,7,0)+IF('Standard Profiles'!$G$19=$B$17,14,0)+IF('Standard Profiles'!$G$19=$B$24,21,0),0)),0)</f>
        <v>5.4979826634132269</v>
      </c>
      <c r="F6996" cm="1">
        <f t="array" ref="F6996">IFERROR(INDEX(Jesper!AJ$2:AJ$366,ROUNDDOWN($C6996/24,0)+1,1)*INDEX($D$3:$AA$30,INDEX(Jesper!$R$2:$R$366,ROW(INDEX(Jesper!AJ$2:AJ$366,ROUNDDOWN($C6996/24,0)+1,1))-1)+IF('Standard Profiles'!$G$20=$B$10,7,0)+IF('Standard Profiles'!$G$20=$B$17,14,0)+IF('Standard Profiles'!$G$20=$B$24,21,0),MOD($C6996,24)+1)/SUM(INDEX($D$3:$AA$30,INDEX(Jesper!$R$2:$R$366,ROW(INDEX(Jesper!AJ$2:AJ$366,ROUNDDOWN($C6996/24,0)+1,1))-1)+IF('Standard Profiles'!$G$20=$B$10,7,0)+IF('Standard Profiles'!$G$20=$B$17,14,0)+IF('Standard Profiles'!$G$20=$B$24,21,0),0)),0)</f>
        <v>0</v>
      </c>
      <c r="G6996" cm="1">
        <f t="array" ref="G6996">IFERROR(INDEX(Jesper!AK$2:AK$366,ROUNDDOWN($C6996/24,0)+1,1)*INDEX($D$3:$AA$30,INDEX(Jesper!$R$2:$R$366,ROW(INDEX(Jesper!AK$2:AK$366,ROUNDDOWN($C6996/24,0)+1,1))-1)+IF('Standard Profiles'!$G$21=$B$10,7,0)+IF('Standard Profiles'!$G$21=$B$17,14,0)+IF('Standard Profiles'!$G$21=$B$24,21,0),MOD($C6996,24)+1)/SUM(INDEX($D$3:$AA$30,INDEX(Jesper!$R$2:$R$366,ROW(INDEX(Jesper!AK$2:AK$366,ROUNDDOWN($C6996/24,0)+1,1))-1)+IF('Standard Profiles'!$G$21=$B$10,7,0)+IF('Standard Profiles'!$G$21=$B$17,14,0)+IF('Standard Profiles'!$G$21=$B$24,21,0),0)),0)</f>
        <v>4.5630448793741589</v>
      </c>
      <c r="H6996" cm="1">
        <f t="array" ref="H6996">IFERROR(INDEX(Jesper!AL$2:AL$366,ROUNDDOWN($C6996/24,0)+1,1)*INDEX($D$3:$AA$30,INDEX(Jesper!$R$2:$R$366,ROW(INDEX(Jesper!AL$2:AL$366,ROUNDDOWN($C6996/24,0)+1,1))-1)+IF('Standard Profiles'!$G$22=$B$10,7,0)+IF('Standard Profiles'!$G$22=$B$17,14,0)+IF('Standard Profiles'!$G$22=$B$24,21,0),MOD($C6996,24)+1)/SUM(INDEX($D$3:$AA$30,INDEX(Jesper!$R$2:$R$366,ROW(INDEX(Jesper!AL$2:AL$366,ROUNDDOWN($C6996/24,0)+1,1))-1)+IF('Standard Profiles'!$G$22=$B$10,7,0)+IF('Standard Profiles'!$G$22=$B$17,14,0)+IF('Standard Profiles'!$G$22=$B$24,21,0),0)),0)</f>
        <v>0</v>
      </c>
      <c r="I6996">
        <f t="shared" si="776"/>
        <v>2.190261542099595</v>
      </c>
      <c r="J6996">
        <f t="shared" si="777"/>
        <v>12.820966083402363</v>
      </c>
      <c r="K6996">
        <f t="shared" si="778"/>
        <v>0.62859683590026305</v>
      </c>
      <c r="L6996">
        <f t="shared" si="779"/>
        <v>0.31429841795013153</v>
      </c>
      <c r="M6996">
        <f t="shared" si="780"/>
        <v>0</v>
      </c>
      <c r="N6996" s="45">
        <f t="shared" si="781"/>
        <v>45217.083333316448</v>
      </c>
    </row>
    <row r="6997" spans="2:14" x14ac:dyDescent="0.25">
      <c r="B6997">
        <f t="shared" si="775"/>
        <v>3</v>
      </c>
      <c r="C6997" s="16">
        <v>6963</v>
      </c>
      <c r="D6997" cm="1">
        <f t="array" ref="D6997">IFERROR(INDEX(Jesper!AH$2:AH$366,ROUNDDOWN($C6997/24,0)+1,1)*INDEX($D$3:$AA$30,INDEX(Jesper!$R$2:$R$366,ROW(INDEX(Jesper!AH$2:AH$366,ROUNDDOWN($C6997/24,0)+1,1))-1)+IF('Standard Profiles'!$G$18=$B$10,7,0)+IF('Standard Profiles'!$G$18=$B$17,14,0)+IF('Standard Profiles'!$G$18=$B$24,21,0),MOD($C6997,24)+1)/SUM(INDEX($D$3:$AA$30,INDEX(Jesper!$R$2:$R$366,ROW(INDEX(Jesper!AH$2:AH$366,ROUNDDOWN($C6997/24,0)+1,1))-1)+IF('Standard Profiles'!$G$18=$B$10,7,0)+IF('Standard Profiles'!$G$18=$B$17,14,0)+IF('Standard Profiles'!$G$18=$B$24,21,0),0)),0)</f>
        <v>5.8930953365649659</v>
      </c>
      <c r="E6997" cm="1">
        <f t="array" ref="E6997">IFERROR(INDEX(Jesper!AI$2:AI$366,ROUNDDOWN($C6997/24,0)+1,1)*INDEX($D$3:$AA$30,INDEX(Jesper!$R$2:$R$366,ROW(INDEX(Jesper!AI$2:AI$366,ROUNDDOWN($C6997/24,0)+1,1))-1)+IF('Standard Profiles'!$G$19=$B$10,7,0)+IF('Standard Profiles'!$G$19=$B$17,14,0)+IF('Standard Profiles'!$G$19=$B$24,21,0),MOD($C6997,24)+1)/SUM(INDEX($D$3:$AA$30,INDEX(Jesper!$R$2:$R$366,ROW(INDEX(Jesper!AI$2:AI$366,ROUNDDOWN($C6997/24,0)+1,1))-1)+IF('Standard Profiles'!$G$19=$B$10,7,0)+IF('Standard Profiles'!$G$19=$B$17,14,0)+IF('Standard Profiles'!$G$19=$B$24,21,0),0)),0)</f>
        <v>5.4979826634132269</v>
      </c>
      <c r="F6997" cm="1">
        <f t="array" ref="F6997">IFERROR(INDEX(Jesper!AJ$2:AJ$366,ROUNDDOWN($C6997/24,0)+1,1)*INDEX($D$3:$AA$30,INDEX(Jesper!$R$2:$R$366,ROW(INDEX(Jesper!AJ$2:AJ$366,ROUNDDOWN($C6997/24,0)+1,1))-1)+IF('Standard Profiles'!$G$20=$B$10,7,0)+IF('Standard Profiles'!$G$20=$B$17,14,0)+IF('Standard Profiles'!$G$20=$B$24,21,0),MOD($C6997,24)+1)/SUM(INDEX($D$3:$AA$30,INDEX(Jesper!$R$2:$R$366,ROW(INDEX(Jesper!AJ$2:AJ$366,ROUNDDOWN($C6997/24,0)+1,1))-1)+IF('Standard Profiles'!$G$20=$B$10,7,0)+IF('Standard Profiles'!$G$20=$B$17,14,0)+IF('Standard Profiles'!$G$20=$B$24,21,0),0)),0)</f>
        <v>0</v>
      </c>
      <c r="G6997" cm="1">
        <f t="array" ref="G6997">IFERROR(INDEX(Jesper!AK$2:AK$366,ROUNDDOWN($C6997/24,0)+1,1)*INDEX($D$3:$AA$30,INDEX(Jesper!$R$2:$R$366,ROW(INDEX(Jesper!AK$2:AK$366,ROUNDDOWN($C6997/24,0)+1,1))-1)+IF('Standard Profiles'!$G$21=$B$10,7,0)+IF('Standard Profiles'!$G$21=$B$17,14,0)+IF('Standard Profiles'!$G$21=$B$24,21,0),MOD($C6997,24)+1)/SUM(INDEX($D$3:$AA$30,INDEX(Jesper!$R$2:$R$366,ROW(INDEX(Jesper!AK$2:AK$366,ROUNDDOWN($C6997/24,0)+1,1))-1)+IF('Standard Profiles'!$G$21=$B$10,7,0)+IF('Standard Profiles'!$G$21=$B$17,14,0)+IF('Standard Profiles'!$G$21=$B$24,21,0),0)),0)</f>
        <v>4.5630448793741589</v>
      </c>
      <c r="H6997" cm="1">
        <f t="array" ref="H6997">IFERROR(INDEX(Jesper!AL$2:AL$366,ROUNDDOWN($C6997/24,0)+1,1)*INDEX($D$3:$AA$30,INDEX(Jesper!$R$2:$R$366,ROW(INDEX(Jesper!AL$2:AL$366,ROUNDDOWN($C6997/24,0)+1,1))-1)+IF('Standard Profiles'!$G$22=$B$10,7,0)+IF('Standard Profiles'!$G$22=$B$17,14,0)+IF('Standard Profiles'!$G$22=$B$24,21,0),MOD($C6997,24)+1)/SUM(INDEX($D$3:$AA$30,INDEX(Jesper!$R$2:$R$366,ROW(INDEX(Jesper!AL$2:AL$366,ROUNDDOWN($C6997/24,0)+1,1))-1)+IF('Standard Profiles'!$G$22=$B$10,7,0)+IF('Standard Profiles'!$G$22=$B$17,14,0)+IF('Standard Profiles'!$G$22=$B$24,21,0),0)),0)</f>
        <v>0</v>
      </c>
      <c r="I6997">
        <f t="shared" si="776"/>
        <v>2.190261542099595</v>
      </c>
      <c r="J6997">
        <f t="shared" si="777"/>
        <v>12.820966083402363</v>
      </c>
      <c r="K6997">
        <f t="shared" si="778"/>
        <v>0.62859683590026305</v>
      </c>
      <c r="L6997">
        <f t="shared" si="779"/>
        <v>0.31429841795013153</v>
      </c>
      <c r="M6997">
        <f t="shared" si="780"/>
        <v>0</v>
      </c>
      <c r="N6997" s="45">
        <f t="shared" si="781"/>
        <v>45217.124999983113</v>
      </c>
    </row>
    <row r="6998" spans="2:14" x14ac:dyDescent="0.25">
      <c r="B6998">
        <f t="shared" si="775"/>
        <v>3</v>
      </c>
      <c r="C6998" s="16">
        <v>6964</v>
      </c>
      <c r="D6998" cm="1">
        <f t="array" ref="D6998">IFERROR(INDEX(Jesper!AH$2:AH$366,ROUNDDOWN($C6998/24,0)+1,1)*INDEX($D$3:$AA$30,INDEX(Jesper!$R$2:$R$366,ROW(INDEX(Jesper!AH$2:AH$366,ROUNDDOWN($C6998/24,0)+1,1))-1)+IF('Standard Profiles'!$G$18=$B$10,7,0)+IF('Standard Profiles'!$G$18=$B$17,14,0)+IF('Standard Profiles'!$G$18=$B$24,21,0),MOD($C6998,24)+1)/SUM(INDEX($D$3:$AA$30,INDEX(Jesper!$R$2:$R$366,ROW(INDEX(Jesper!AH$2:AH$366,ROUNDDOWN($C6998/24,0)+1,1))-1)+IF('Standard Profiles'!$G$18=$B$10,7,0)+IF('Standard Profiles'!$G$18=$B$17,14,0)+IF('Standard Profiles'!$G$18=$B$24,21,0),0)),0)</f>
        <v>5.8930953365649659</v>
      </c>
      <c r="E6998" cm="1">
        <f t="array" ref="E6998">IFERROR(INDEX(Jesper!AI$2:AI$366,ROUNDDOWN($C6998/24,0)+1,1)*INDEX($D$3:$AA$30,INDEX(Jesper!$R$2:$R$366,ROW(INDEX(Jesper!AI$2:AI$366,ROUNDDOWN($C6998/24,0)+1,1))-1)+IF('Standard Profiles'!$G$19=$B$10,7,0)+IF('Standard Profiles'!$G$19=$B$17,14,0)+IF('Standard Profiles'!$G$19=$B$24,21,0),MOD($C6998,24)+1)/SUM(INDEX($D$3:$AA$30,INDEX(Jesper!$R$2:$R$366,ROW(INDEX(Jesper!AI$2:AI$366,ROUNDDOWN($C6998/24,0)+1,1))-1)+IF('Standard Profiles'!$G$19=$B$10,7,0)+IF('Standard Profiles'!$G$19=$B$17,14,0)+IF('Standard Profiles'!$G$19=$B$24,21,0),0)),0)</f>
        <v>5.4979826634132269</v>
      </c>
      <c r="F6998" cm="1">
        <f t="array" ref="F6998">IFERROR(INDEX(Jesper!AJ$2:AJ$366,ROUNDDOWN($C6998/24,0)+1,1)*INDEX($D$3:$AA$30,INDEX(Jesper!$R$2:$R$366,ROW(INDEX(Jesper!AJ$2:AJ$366,ROUNDDOWN($C6998/24,0)+1,1))-1)+IF('Standard Profiles'!$G$20=$B$10,7,0)+IF('Standard Profiles'!$G$20=$B$17,14,0)+IF('Standard Profiles'!$G$20=$B$24,21,0),MOD($C6998,24)+1)/SUM(INDEX($D$3:$AA$30,INDEX(Jesper!$R$2:$R$366,ROW(INDEX(Jesper!AJ$2:AJ$366,ROUNDDOWN($C6998/24,0)+1,1))-1)+IF('Standard Profiles'!$G$20=$B$10,7,0)+IF('Standard Profiles'!$G$20=$B$17,14,0)+IF('Standard Profiles'!$G$20=$B$24,21,0),0)),0)</f>
        <v>0</v>
      </c>
      <c r="G6998" cm="1">
        <f t="array" ref="G6998">IFERROR(INDEX(Jesper!AK$2:AK$366,ROUNDDOWN($C6998/24,0)+1,1)*INDEX($D$3:$AA$30,INDEX(Jesper!$R$2:$R$366,ROW(INDEX(Jesper!AK$2:AK$366,ROUNDDOWN($C6998/24,0)+1,1))-1)+IF('Standard Profiles'!$G$21=$B$10,7,0)+IF('Standard Profiles'!$G$21=$B$17,14,0)+IF('Standard Profiles'!$G$21=$B$24,21,0),MOD($C6998,24)+1)/SUM(INDEX($D$3:$AA$30,INDEX(Jesper!$R$2:$R$366,ROW(INDEX(Jesper!AK$2:AK$366,ROUNDDOWN($C6998/24,0)+1,1))-1)+IF('Standard Profiles'!$G$21=$B$10,7,0)+IF('Standard Profiles'!$G$21=$B$17,14,0)+IF('Standard Profiles'!$G$21=$B$24,21,0),0)),0)</f>
        <v>4.5630448793741589</v>
      </c>
      <c r="H6998" cm="1">
        <f t="array" ref="H6998">IFERROR(INDEX(Jesper!AL$2:AL$366,ROUNDDOWN($C6998/24,0)+1,1)*INDEX($D$3:$AA$30,INDEX(Jesper!$R$2:$R$366,ROW(INDEX(Jesper!AL$2:AL$366,ROUNDDOWN($C6998/24,0)+1,1))-1)+IF('Standard Profiles'!$G$22=$B$10,7,0)+IF('Standard Profiles'!$G$22=$B$17,14,0)+IF('Standard Profiles'!$G$22=$B$24,21,0),MOD($C6998,24)+1)/SUM(INDEX($D$3:$AA$30,INDEX(Jesper!$R$2:$R$366,ROW(INDEX(Jesper!AL$2:AL$366,ROUNDDOWN($C6998/24,0)+1,1))-1)+IF('Standard Profiles'!$G$22=$B$10,7,0)+IF('Standard Profiles'!$G$22=$B$17,14,0)+IF('Standard Profiles'!$G$22=$B$24,21,0),0)),0)</f>
        <v>0</v>
      </c>
      <c r="I6998">
        <f t="shared" si="776"/>
        <v>2.190261542099595</v>
      </c>
      <c r="J6998">
        <f t="shared" si="777"/>
        <v>12.820966083402363</v>
      </c>
      <c r="K6998">
        <f t="shared" si="778"/>
        <v>0.62859683590026305</v>
      </c>
      <c r="L6998">
        <f t="shared" si="779"/>
        <v>0.31429841795013153</v>
      </c>
      <c r="M6998">
        <f t="shared" si="780"/>
        <v>0</v>
      </c>
      <c r="N6998" s="45">
        <f t="shared" si="781"/>
        <v>45217.166666649777</v>
      </c>
    </row>
    <row r="6999" spans="2:14" x14ac:dyDescent="0.25">
      <c r="B6999">
        <f t="shared" si="775"/>
        <v>3</v>
      </c>
      <c r="C6999" s="16">
        <v>6965</v>
      </c>
      <c r="D6999" cm="1">
        <f t="array" ref="D6999">IFERROR(INDEX(Jesper!AH$2:AH$366,ROUNDDOWN($C6999/24,0)+1,1)*INDEX($D$3:$AA$30,INDEX(Jesper!$R$2:$R$366,ROW(INDEX(Jesper!AH$2:AH$366,ROUNDDOWN($C6999/24,0)+1,1))-1)+IF('Standard Profiles'!$G$18=$B$10,7,0)+IF('Standard Profiles'!$G$18=$B$17,14,0)+IF('Standard Profiles'!$G$18=$B$24,21,0),MOD($C6999,24)+1)/SUM(INDEX($D$3:$AA$30,INDEX(Jesper!$R$2:$R$366,ROW(INDEX(Jesper!AH$2:AH$366,ROUNDDOWN($C6999/24,0)+1,1))-1)+IF('Standard Profiles'!$G$18=$B$10,7,0)+IF('Standard Profiles'!$G$18=$B$17,14,0)+IF('Standard Profiles'!$G$18=$B$24,21,0),0)),0)</f>
        <v>5.8930953365649659</v>
      </c>
      <c r="E6999" cm="1">
        <f t="array" ref="E6999">IFERROR(INDEX(Jesper!AI$2:AI$366,ROUNDDOWN($C6999/24,0)+1,1)*INDEX($D$3:$AA$30,INDEX(Jesper!$R$2:$R$366,ROW(INDEX(Jesper!AI$2:AI$366,ROUNDDOWN($C6999/24,0)+1,1))-1)+IF('Standard Profiles'!$G$19=$B$10,7,0)+IF('Standard Profiles'!$G$19=$B$17,14,0)+IF('Standard Profiles'!$G$19=$B$24,21,0),MOD($C6999,24)+1)/SUM(INDEX($D$3:$AA$30,INDEX(Jesper!$R$2:$R$366,ROW(INDEX(Jesper!AI$2:AI$366,ROUNDDOWN($C6999/24,0)+1,1))-1)+IF('Standard Profiles'!$G$19=$B$10,7,0)+IF('Standard Profiles'!$G$19=$B$17,14,0)+IF('Standard Profiles'!$G$19=$B$24,21,0),0)),0)</f>
        <v>5.4979826634132269</v>
      </c>
      <c r="F6999" cm="1">
        <f t="array" ref="F6999">IFERROR(INDEX(Jesper!AJ$2:AJ$366,ROUNDDOWN($C6999/24,0)+1,1)*INDEX($D$3:$AA$30,INDEX(Jesper!$R$2:$R$366,ROW(INDEX(Jesper!AJ$2:AJ$366,ROUNDDOWN($C6999/24,0)+1,1))-1)+IF('Standard Profiles'!$G$20=$B$10,7,0)+IF('Standard Profiles'!$G$20=$B$17,14,0)+IF('Standard Profiles'!$G$20=$B$24,21,0),MOD($C6999,24)+1)/SUM(INDEX($D$3:$AA$30,INDEX(Jesper!$R$2:$R$366,ROW(INDEX(Jesper!AJ$2:AJ$366,ROUNDDOWN($C6999/24,0)+1,1))-1)+IF('Standard Profiles'!$G$20=$B$10,7,0)+IF('Standard Profiles'!$G$20=$B$17,14,0)+IF('Standard Profiles'!$G$20=$B$24,21,0),0)),0)</f>
        <v>0</v>
      </c>
      <c r="G6999" cm="1">
        <f t="array" ref="G6999">IFERROR(INDEX(Jesper!AK$2:AK$366,ROUNDDOWN($C6999/24,0)+1,1)*INDEX($D$3:$AA$30,INDEX(Jesper!$R$2:$R$366,ROW(INDEX(Jesper!AK$2:AK$366,ROUNDDOWN($C6999/24,0)+1,1))-1)+IF('Standard Profiles'!$G$21=$B$10,7,0)+IF('Standard Profiles'!$G$21=$B$17,14,0)+IF('Standard Profiles'!$G$21=$B$24,21,0),MOD($C6999,24)+1)/SUM(INDEX($D$3:$AA$30,INDEX(Jesper!$R$2:$R$366,ROW(INDEX(Jesper!AK$2:AK$366,ROUNDDOWN($C6999/24,0)+1,1))-1)+IF('Standard Profiles'!$G$21=$B$10,7,0)+IF('Standard Profiles'!$G$21=$B$17,14,0)+IF('Standard Profiles'!$G$21=$B$24,21,0),0)),0)</f>
        <v>4.5630448793741589</v>
      </c>
      <c r="H6999" cm="1">
        <f t="array" ref="H6999">IFERROR(INDEX(Jesper!AL$2:AL$366,ROUNDDOWN($C6999/24,0)+1,1)*INDEX($D$3:$AA$30,INDEX(Jesper!$R$2:$R$366,ROW(INDEX(Jesper!AL$2:AL$366,ROUNDDOWN($C6999/24,0)+1,1))-1)+IF('Standard Profiles'!$G$22=$B$10,7,0)+IF('Standard Profiles'!$G$22=$B$17,14,0)+IF('Standard Profiles'!$G$22=$B$24,21,0),MOD($C6999,24)+1)/SUM(INDEX($D$3:$AA$30,INDEX(Jesper!$R$2:$R$366,ROW(INDEX(Jesper!AL$2:AL$366,ROUNDDOWN($C6999/24,0)+1,1))-1)+IF('Standard Profiles'!$G$22=$B$10,7,0)+IF('Standard Profiles'!$G$22=$B$17,14,0)+IF('Standard Profiles'!$G$22=$B$24,21,0),0)),0)</f>
        <v>0</v>
      </c>
      <c r="I6999">
        <f t="shared" si="776"/>
        <v>2.190261542099595</v>
      </c>
      <c r="J6999">
        <f t="shared" si="777"/>
        <v>12.820966083402363</v>
      </c>
      <c r="K6999">
        <f t="shared" si="778"/>
        <v>0.62859683590026305</v>
      </c>
      <c r="L6999">
        <f t="shared" si="779"/>
        <v>0.31429841795013153</v>
      </c>
      <c r="M6999">
        <f t="shared" si="780"/>
        <v>0</v>
      </c>
      <c r="N6999" s="45">
        <f t="shared" si="781"/>
        <v>45217.208333316441</v>
      </c>
    </row>
    <row r="7000" spans="2:14" x14ac:dyDescent="0.25">
      <c r="B7000">
        <f t="shared" si="775"/>
        <v>3</v>
      </c>
      <c r="C7000" s="16">
        <v>6966</v>
      </c>
      <c r="D7000" cm="1">
        <f t="array" ref="D7000">IFERROR(INDEX(Jesper!AH$2:AH$366,ROUNDDOWN($C7000/24,0)+1,1)*INDEX($D$3:$AA$30,INDEX(Jesper!$R$2:$R$366,ROW(INDEX(Jesper!AH$2:AH$366,ROUNDDOWN($C7000/24,0)+1,1))-1)+IF('Standard Profiles'!$G$18=$B$10,7,0)+IF('Standard Profiles'!$G$18=$B$17,14,0)+IF('Standard Profiles'!$G$18=$B$24,21,0),MOD($C7000,24)+1)/SUM(INDEX($D$3:$AA$30,INDEX(Jesper!$R$2:$R$366,ROW(INDEX(Jesper!AH$2:AH$366,ROUNDDOWN($C7000/24,0)+1,1))-1)+IF('Standard Profiles'!$G$18=$B$10,7,0)+IF('Standard Profiles'!$G$18=$B$17,14,0)+IF('Standard Profiles'!$G$18=$B$24,21,0),0)),0)</f>
        <v>5.8930953365649659</v>
      </c>
      <c r="E7000" cm="1">
        <f t="array" ref="E7000">IFERROR(INDEX(Jesper!AI$2:AI$366,ROUNDDOWN($C7000/24,0)+1,1)*INDEX($D$3:$AA$30,INDEX(Jesper!$R$2:$R$366,ROW(INDEX(Jesper!AI$2:AI$366,ROUNDDOWN($C7000/24,0)+1,1))-1)+IF('Standard Profiles'!$G$19=$B$10,7,0)+IF('Standard Profiles'!$G$19=$B$17,14,0)+IF('Standard Profiles'!$G$19=$B$24,21,0),MOD($C7000,24)+1)/SUM(INDEX($D$3:$AA$30,INDEX(Jesper!$R$2:$R$366,ROW(INDEX(Jesper!AI$2:AI$366,ROUNDDOWN($C7000/24,0)+1,1))-1)+IF('Standard Profiles'!$G$19=$B$10,7,0)+IF('Standard Profiles'!$G$19=$B$17,14,0)+IF('Standard Profiles'!$G$19=$B$24,21,0),0)),0)</f>
        <v>5.4979826634132269</v>
      </c>
      <c r="F7000" cm="1">
        <f t="array" ref="F7000">IFERROR(INDEX(Jesper!AJ$2:AJ$366,ROUNDDOWN($C7000/24,0)+1,1)*INDEX($D$3:$AA$30,INDEX(Jesper!$R$2:$R$366,ROW(INDEX(Jesper!AJ$2:AJ$366,ROUNDDOWN($C7000/24,0)+1,1))-1)+IF('Standard Profiles'!$G$20=$B$10,7,0)+IF('Standard Profiles'!$G$20=$B$17,14,0)+IF('Standard Profiles'!$G$20=$B$24,21,0),MOD($C7000,24)+1)/SUM(INDEX($D$3:$AA$30,INDEX(Jesper!$R$2:$R$366,ROW(INDEX(Jesper!AJ$2:AJ$366,ROUNDDOWN($C7000/24,0)+1,1))-1)+IF('Standard Profiles'!$G$20=$B$10,7,0)+IF('Standard Profiles'!$G$20=$B$17,14,0)+IF('Standard Profiles'!$G$20=$B$24,21,0),0)),0)</f>
        <v>0</v>
      </c>
      <c r="G7000" cm="1">
        <f t="array" ref="G7000">IFERROR(INDEX(Jesper!AK$2:AK$366,ROUNDDOWN($C7000/24,0)+1,1)*INDEX($D$3:$AA$30,INDEX(Jesper!$R$2:$R$366,ROW(INDEX(Jesper!AK$2:AK$366,ROUNDDOWN($C7000/24,0)+1,1))-1)+IF('Standard Profiles'!$G$21=$B$10,7,0)+IF('Standard Profiles'!$G$21=$B$17,14,0)+IF('Standard Profiles'!$G$21=$B$24,21,0),MOD($C7000,24)+1)/SUM(INDEX($D$3:$AA$30,INDEX(Jesper!$R$2:$R$366,ROW(INDEX(Jesper!AK$2:AK$366,ROUNDDOWN($C7000/24,0)+1,1))-1)+IF('Standard Profiles'!$G$21=$B$10,7,0)+IF('Standard Profiles'!$G$21=$B$17,14,0)+IF('Standard Profiles'!$G$21=$B$24,21,0),0)),0)</f>
        <v>4.5630448793741589</v>
      </c>
      <c r="H7000" cm="1">
        <f t="array" ref="H7000">IFERROR(INDEX(Jesper!AL$2:AL$366,ROUNDDOWN($C7000/24,0)+1,1)*INDEX($D$3:$AA$30,INDEX(Jesper!$R$2:$R$366,ROW(INDEX(Jesper!AL$2:AL$366,ROUNDDOWN($C7000/24,0)+1,1))-1)+IF('Standard Profiles'!$G$22=$B$10,7,0)+IF('Standard Profiles'!$G$22=$B$17,14,0)+IF('Standard Profiles'!$G$22=$B$24,21,0),MOD($C7000,24)+1)/SUM(INDEX($D$3:$AA$30,INDEX(Jesper!$R$2:$R$366,ROW(INDEX(Jesper!AL$2:AL$366,ROUNDDOWN($C7000/24,0)+1,1))-1)+IF('Standard Profiles'!$G$22=$B$10,7,0)+IF('Standard Profiles'!$G$22=$B$17,14,0)+IF('Standard Profiles'!$G$22=$B$24,21,0),0)),0)</f>
        <v>0</v>
      </c>
      <c r="I7000">
        <f t="shared" si="776"/>
        <v>2.190261542099595</v>
      </c>
      <c r="J7000">
        <f t="shared" si="777"/>
        <v>12.820966083402363</v>
      </c>
      <c r="K7000">
        <f t="shared" si="778"/>
        <v>0.62859683590026305</v>
      </c>
      <c r="L7000">
        <f t="shared" si="779"/>
        <v>0.31429841795013153</v>
      </c>
      <c r="M7000">
        <f t="shared" si="780"/>
        <v>0</v>
      </c>
      <c r="N7000" s="45">
        <f t="shared" si="781"/>
        <v>45217.249999983105</v>
      </c>
    </row>
    <row r="7001" spans="2:14" x14ac:dyDescent="0.25">
      <c r="B7001">
        <f t="shared" si="775"/>
        <v>3</v>
      </c>
      <c r="C7001" s="16">
        <v>6967</v>
      </c>
      <c r="D7001" cm="1">
        <f t="array" ref="D7001">IFERROR(INDEX(Jesper!AH$2:AH$366,ROUNDDOWN($C7001/24,0)+1,1)*INDEX($D$3:$AA$30,INDEX(Jesper!$R$2:$R$366,ROW(INDEX(Jesper!AH$2:AH$366,ROUNDDOWN($C7001/24,0)+1,1))-1)+IF('Standard Profiles'!$G$18=$B$10,7,0)+IF('Standard Profiles'!$G$18=$B$17,14,0)+IF('Standard Profiles'!$G$18=$B$24,21,0),MOD($C7001,24)+1)/SUM(INDEX($D$3:$AA$30,INDEX(Jesper!$R$2:$R$366,ROW(INDEX(Jesper!AH$2:AH$366,ROUNDDOWN($C7001/24,0)+1,1))-1)+IF('Standard Profiles'!$G$18=$B$10,7,0)+IF('Standard Profiles'!$G$18=$B$17,14,0)+IF('Standard Profiles'!$G$18=$B$24,21,0),0)),0)</f>
        <v>24.090259421291332</v>
      </c>
      <c r="E7001" cm="1">
        <f t="array" ref="E7001">IFERROR(INDEX(Jesper!AI$2:AI$366,ROUNDDOWN($C7001/24,0)+1,1)*INDEX($D$3:$AA$30,INDEX(Jesper!$R$2:$R$366,ROW(INDEX(Jesper!AI$2:AI$366,ROUNDDOWN($C7001/24,0)+1,1))-1)+IF('Standard Profiles'!$G$19=$B$10,7,0)+IF('Standard Profiles'!$G$19=$B$17,14,0)+IF('Standard Profiles'!$G$19=$B$24,21,0),MOD($C7001,24)+1)/SUM(INDEX($D$3:$AA$30,INDEX(Jesper!$R$2:$R$366,ROW(INDEX(Jesper!AI$2:AI$366,ROUNDDOWN($C7001/24,0)+1,1))-1)+IF('Standard Profiles'!$G$19=$B$10,7,0)+IF('Standard Profiles'!$G$19=$B$17,14,0)+IF('Standard Profiles'!$G$19=$B$24,21,0),0)),0)</f>
        <v>22.475086705892249</v>
      </c>
      <c r="F7001" cm="1">
        <f t="array" ref="F7001">IFERROR(INDEX(Jesper!AJ$2:AJ$366,ROUNDDOWN($C7001/24,0)+1,1)*INDEX($D$3:$AA$30,INDEX(Jesper!$R$2:$R$366,ROW(INDEX(Jesper!AJ$2:AJ$366,ROUNDDOWN($C7001/24,0)+1,1))-1)+IF('Standard Profiles'!$G$20=$B$10,7,0)+IF('Standard Profiles'!$G$20=$B$17,14,0)+IF('Standard Profiles'!$G$20=$B$24,21,0),MOD($C7001,24)+1)/SUM(INDEX($D$3:$AA$30,INDEX(Jesper!$R$2:$R$366,ROW(INDEX(Jesper!AJ$2:AJ$366,ROUNDDOWN($C7001/24,0)+1,1))-1)+IF('Standard Profiles'!$G$20=$B$10,7,0)+IF('Standard Profiles'!$G$20=$B$17,14,0)+IF('Standard Profiles'!$G$20=$B$24,21,0),0)),0)</f>
        <v>0</v>
      </c>
      <c r="G7001" cm="1">
        <f t="array" ref="G7001">IFERROR(INDEX(Jesper!AK$2:AK$366,ROUNDDOWN($C7001/24,0)+1,1)*INDEX($D$3:$AA$30,INDEX(Jesper!$R$2:$R$366,ROW(INDEX(Jesper!AK$2:AK$366,ROUNDDOWN($C7001/24,0)+1,1))-1)+IF('Standard Profiles'!$G$21=$B$10,7,0)+IF('Standard Profiles'!$G$21=$B$17,14,0)+IF('Standard Profiles'!$G$21=$B$24,21,0),MOD($C7001,24)+1)/SUM(INDEX($D$3:$AA$30,INDEX(Jesper!$R$2:$R$366,ROW(INDEX(Jesper!AK$2:AK$366,ROUNDDOWN($C7001/24,0)+1,1))-1)+IF('Standard Profiles'!$G$21=$B$10,7,0)+IF('Standard Profiles'!$G$21=$B$17,14,0)+IF('Standard Profiles'!$G$21=$B$24,21,0),0)),0)</f>
        <v>12.571188642675805</v>
      </c>
      <c r="H7001" cm="1">
        <f t="array" ref="H7001">IFERROR(INDEX(Jesper!AL$2:AL$366,ROUNDDOWN($C7001/24,0)+1,1)*INDEX($D$3:$AA$30,INDEX(Jesper!$R$2:$R$366,ROW(INDEX(Jesper!AL$2:AL$366,ROUNDDOWN($C7001/24,0)+1,1))-1)+IF('Standard Profiles'!$G$22=$B$10,7,0)+IF('Standard Profiles'!$G$22=$B$17,14,0)+IF('Standard Profiles'!$G$22=$B$24,21,0),MOD($C7001,24)+1)/SUM(INDEX($D$3:$AA$30,INDEX(Jesper!$R$2:$R$366,ROW(INDEX(Jesper!AL$2:AL$366,ROUNDDOWN($C7001/24,0)+1,1))-1)+IF('Standard Profiles'!$G$22=$B$10,7,0)+IF('Standard Profiles'!$G$22=$B$17,14,0)+IF('Standard Profiles'!$G$22=$B$24,21,0),0)),0)</f>
        <v>0</v>
      </c>
      <c r="I7001">
        <f t="shared" si="776"/>
        <v>6.0341705484843837</v>
      </c>
      <c r="J7001">
        <f t="shared" si="777"/>
        <v>49.247922713968393</v>
      </c>
      <c r="K7001">
        <f t="shared" si="778"/>
        <v>2.5696276716044091</v>
      </c>
      <c r="L7001">
        <f t="shared" si="779"/>
        <v>1.2848138358022045</v>
      </c>
      <c r="M7001">
        <f t="shared" si="780"/>
        <v>0</v>
      </c>
      <c r="N7001" s="45">
        <f t="shared" si="781"/>
        <v>45217.291666649769</v>
      </c>
    </row>
    <row r="7002" spans="2:14" x14ac:dyDescent="0.25">
      <c r="B7002">
        <f t="shared" si="775"/>
        <v>3</v>
      </c>
      <c r="C7002" s="16">
        <v>6968</v>
      </c>
      <c r="D7002" cm="1">
        <f t="array" ref="D7002">IFERROR(INDEX(Jesper!AH$2:AH$366,ROUNDDOWN($C7002/24,0)+1,1)*INDEX($D$3:$AA$30,INDEX(Jesper!$R$2:$R$366,ROW(INDEX(Jesper!AH$2:AH$366,ROUNDDOWN($C7002/24,0)+1,1))-1)+IF('Standard Profiles'!$G$18=$B$10,7,0)+IF('Standard Profiles'!$G$18=$B$17,14,0)+IF('Standard Profiles'!$G$18=$B$24,21,0),MOD($C7002,24)+1)/SUM(INDEX($D$3:$AA$30,INDEX(Jesper!$R$2:$R$366,ROW(INDEX(Jesper!AH$2:AH$366,ROUNDDOWN($C7002/24,0)+1,1))-1)+IF('Standard Profiles'!$G$18=$B$10,7,0)+IF('Standard Profiles'!$G$18=$B$17,14,0)+IF('Standard Profiles'!$G$18=$B$24,21,0),0)),0)</f>
        <v>26.879657880598749</v>
      </c>
      <c r="E7002" cm="1">
        <f t="array" ref="E7002">IFERROR(INDEX(Jesper!AI$2:AI$366,ROUNDDOWN($C7002/24,0)+1,1)*INDEX($D$3:$AA$30,INDEX(Jesper!$R$2:$R$366,ROW(INDEX(Jesper!AI$2:AI$366,ROUNDDOWN($C7002/24,0)+1,1))-1)+IF('Standard Profiles'!$G$19=$B$10,7,0)+IF('Standard Profiles'!$G$19=$B$17,14,0)+IF('Standard Profiles'!$G$19=$B$24,21,0),MOD($C7002,24)+1)/SUM(INDEX($D$3:$AA$30,INDEX(Jesper!$R$2:$R$366,ROW(INDEX(Jesper!AI$2:AI$366,ROUNDDOWN($C7002/24,0)+1,1))-1)+IF('Standard Profiles'!$G$19=$B$10,7,0)+IF('Standard Profiles'!$G$19=$B$17,14,0)+IF('Standard Profiles'!$G$19=$B$24,21,0),0)),0)</f>
        <v>25.077465166574513</v>
      </c>
      <c r="F7002" cm="1">
        <f t="array" ref="F7002">IFERROR(INDEX(Jesper!AJ$2:AJ$366,ROUNDDOWN($C7002/24,0)+1,1)*INDEX($D$3:$AA$30,INDEX(Jesper!$R$2:$R$366,ROW(INDEX(Jesper!AJ$2:AJ$366,ROUNDDOWN($C7002/24,0)+1,1))-1)+IF('Standard Profiles'!$G$20=$B$10,7,0)+IF('Standard Profiles'!$G$20=$B$17,14,0)+IF('Standard Profiles'!$G$20=$B$24,21,0),MOD($C7002,24)+1)/SUM(INDEX($D$3:$AA$30,INDEX(Jesper!$R$2:$R$366,ROW(INDEX(Jesper!AJ$2:AJ$366,ROUNDDOWN($C7002/24,0)+1,1))-1)+IF('Standard Profiles'!$G$20=$B$10,7,0)+IF('Standard Profiles'!$G$20=$B$17,14,0)+IF('Standard Profiles'!$G$20=$B$24,21,0),0)),0)</f>
        <v>0</v>
      </c>
      <c r="G7002" cm="1">
        <f t="array" ref="G7002">IFERROR(INDEX(Jesper!AK$2:AK$366,ROUNDDOWN($C7002/24,0)+1,1)*INDEX($D$3:$AA$30,INDEX(Jesper!$R$2:$R$366,ROW(INDEX(Jesper!AK$2:AK$366,ROUNDDOWN($C7002/24,0)+1,1))-1)+IF('Standard Profiles'!$G$21=$B$10,7,0)+IF('Standard Profiles'!$G$21=$B$17,14,0)+IF('Standard Profiles'!$G$21=$B$24,21,0),MOD($C7002,24)+1)/SUM(INDEX($D$3:$AA$30,INDEX(Jesper!$R$2:$R$366,ROW(INDEX(Jesper!AK$2:AK$366,ROUNDDOWN($C7002/24,0)+1,1))-1)+IF('Standard Profiles'!$G$21=$B$10,7,0)+IF('Standard Profiles'!$G$21=$B$17,14,0)+IF('Standard Profiles'!$G$21=$B$24,21,0),0)),0)</f>
        <v>14.026799959196163</v>
      </c>
      <c r="H7002" cm="1">
        <f t="array" ref="H7002">IFERROR(INDEX(Jesper!AL$2:AL$366,ROUNDDOWN($C7002/24,0)+1,1)*INDEX($D$3:$AA$30,INDEX(Jesper!$R$2:$R$366,ROW(INDEX(Jesper!AL$2:AL$366,ROUNDDOWN($C7002/24,0)+1,1))-1)+IF('Standard Profiles'!$G$22=$B$10,7,0)+IF('Standard Profiles'!$G$22=$B$17,14,0)+IF('Standard Profiles'!$G$22=$B$24,21,0),MOD($C7002,24)+1)/SUM(INDEX($D$3:$AA$30,INDEX(Jesper!$R$2:$R$366,ROW(INDEX(Jesper!AL$2:AL$366,ROUNDDOWN($C7002/24,0)+1,1))-1)+IF('Standard Profiles'!$G$22=$B$10,7,0)+IF('Standard Profiles'!$G$22=$B$17,14,0)+IF('Standard Profiles'!$G$22=$B$24,21,0),0)),0)</f>
        <v>0</v>
      </c>
      <c r="I7002">
        <f t="shared" si="776"/>
        <v>6.7328639804141552</v>
      </c>
      <c r="J7002">
        <f t="shared" si="777"/>
        <v>54.95031376505947</v>
      </c>
      <c r="K7002">
        <f t="shared" si="778"/>
        <v>2.8671635072638666</v>
      </c>
      <c r="L7002">
        <f t="shared" si="779"/>
        <v>1.4335817536319333</v>
      </c>
      <c r="M7002">
        <f t="shared" si="780"/>
        <v>0</v>
      </c>
      <c r="N7002" s="45">
        <f t="shared" si="781"/>
        <v>45217.333333316434</v>
      </c>
    </row>
    <row r="7003" spans="2:14" x14ac:dyDescent="0.25">
      <c r="B7003">
        <f t="shared" si="775"/>
        <v>3</v>
      </c>
      <c r="C7003" s="16">
        <v>6969</v>
      </c>
      <c r="D7003" cm="1">
        <f t="array" ref="D7003">IFERROR(INDEX(Jesper!AH$2:AH$366,ROUNDDOWN($C7003/24,0)+1,1)*INDEX($D$3:$AA$30,INDEX(Jesper!$R$2:$R$366,ROW(INDEX(Jesper!AH$2:AH$366,ROUNDDOWN($C7003/24,0)+1,1))-1)+IF('Standard Profiles'!$G$18=$B$10,7,0)+IF('Standard Profiles'!$G$18=$B$17,14,0)+IF('Standard Profiles'!$G$18=$B$24,21,0),MOD($C7003,24)+1)/SUM(INDEX($D$3:$AA$30,INDEX(Jesper!$R$2:$R$366,ROW(INDEX(Jesper!AH$2:AH$366,ROUNDDOWN($C7003/24,0)+1,1))-1)+IF('Standard Profiles'!$G$18=$B$10,7,0)+IF('Standard Profiles'!$G$18=$B$17,14,0)+IF('Standard Profiles'!$G$18=$B$24,21,0),0)),0)</f>
        <v>29.669056339906167</v>
      </c>
      <c r="E7003" cm="1">
        <f t="array" ref="E7003">IFERROR(INDEX(Jesper!AI$2:AI$366,ROUNDDOWN($C7003/24,0)+1,1)*INDEX($D$3:$AA$30,INDEX(Jesper!$R$2:$R$366,ROW(INDEX(Jesper!AI$2:AI$366,ROUNDDOWN($C7003/24,0)+1,1))-1)+IF('Standard Profiles'!$G$19=$B$10,7,0)+IF('Standard Profiles'!$G$19=$B$17,14,0)+IF('Standard Profiles'!$G$19=$B$24,21,0),MOD($C7003,24)+1)/SUM(INDEX($D$3:$AA$30,INDEX(Jesper!$R$2:$R$366,ROW(INDEX(Jesper!AI$2:AI$366,ROUNDDOWN($C7003/24,0)+1,1))-1)+IF('Standard Profiles'!$G$19=$B$10,7,0)+IF('Standard Profiles'!$G$19=$B$17,14,0)+IF('Standard Profiles'!$G$19=$B$24,21,0),0)),0)</f>
        <v>27.679843627256776</v>
      </c>
      <c r="F7003" cm="1">
        <f t="array" ref="F7003">IFERROR(INDEX(Jesper!AJ$2:AJ$366,ROUNDDOWN($C7003/24,0)+1,1)*INDEX($D$3:$AA$30,INDEX(Jesper!$R$2:$R$366,ROW(INDEX(Jesper!AJ$2:AJ$366,ROUNDDOWN($C7003/24,0)+1,1))-1)+IF('Standard Profiles'!$G$20=$B$10,7,0)+IF('Standard Profiles'!$G$20=$B$17,14,0)+IF('Standard Profiles'!$G$20=$B$24,21,0),MOD($C7003,24)+1)/SUM(INDEX($D$3:$AA$30,INDEX(Jesper!$R$2:$R$366,ROW(INDEX(Jesper!AJ$2:AJ$366,ROUNDDOWN($C7003/24,0)+1,1))-1)+IF('Standard Profiles'!$G$20=$B$10,7,0)+IF('Standard Profiles'!$G$20=$B$17,14,0)+IF('Standard Profiles'!$G$20=$B$24,21,0),0)),0)</f>
        <v>0</v>
      </c>
      <c r="G7003" cm="1">
        <f t="array" ref="G7003">IFERROR(INDEX(Jesper!AK$2:AK$366,ROUNDDOWN($C7003/24,0)+1,1)*INDEX($D$3:$AA$30,INDEX(Jesper!$R$2:$R$366,ROW(INDEX(Jesper!AK$2:AK$366,ROUNDDOWN($C7003/24,0)+1,1))-1)+IF('Standard Profiles'!$G$21=$B$10,7,0)+IF('Standard Profiles'!$G$21=$B$17,14,0)+IF('Standard Profiles'!$G$21=$B$24,21,0),MOD($C7003,24)+1)/SUM(INDEX($D$3:$AA$30,INDEX(Jesper!$R$2:$R$366,ROW(INDEX(Jesper!AK$2:AK$366,ROUNDDOWN($C7003/24,0)+1,1))-1)+IF('Standard Profiles'!$G$21=$B$10,7,0)+IF('Standard Profiles'!$G$21=$B$17,14,0)+IF('Standard Profiles'!$G$21=$B$24,21,0),0)),0)</f>
        <v>15.482411275716519</v>
      </c>
      <c r="H7003" cm="1">
        <f t="array" ref="H7003">IFERROR(INDEX(Jesper!AL$2:AL$366,ROUNDDOWN($C7003/24,0)+1,1)*INDEX($D$3:$AA$30,INDEX(Jesper!$R$2:$R$366,ROW(INDEX(Jesper!AL$2:AL$366,ROUNDDOWN($C7003/24,0)+1,1))-1)+IF('Standard Profiles'!$G$22=$B$10,7,0)+IF('Standard Profiles'!$G$22=$B$17,14,0)+IF('Standard Profiles'!$G$22=$B$24,21,0),MOD($C7003,24)+1)/SUM(INDEX($D$3:$AA$30,INDEX(Jesper!$R$2:$R$366,ROW(INDEX(Jesper!AL$2:AL$366,ROUNDDOWN($C7003/24,0)+1,1))-1)+IF('Standard Profiles'!$G$22=$B$10,7,0)+IF('Standard Profiles'!$G$22=$B$17,14,0)+IF('Standard Profiles'!$G$22=$B$24,21,0),0)),0)</f>
        <v>0</v>
      </c>
      <c r="I7003">
        <f t="shared" si="776"/>
        <v>7.431557412343925</v>
      </c>
      <c r="J7003">
        <f t="shared" si="777"/>
        <v>60.652704816150546</v>
      </c>
      <c r="K7003">
        <f t="shared" si="778"/>
        <v>3.1646993429233246</v>
      </c>
      <c r="L7003">
        <f t="shared" si="779"/>
        <v>1.5823496714616623</v>
      </c>
      <c r="M7003">
        <f t="shared" si="780"/>
        <v>0</v>
      </c>
      <c r="N7003" s="45">
        <f t="shared" si="781"/>
        <v>45217.374999983098</v>
      </c>
    </row>
    <row r="7004" spans="2:14" x14ac:dyDescent="0.25">
      <c r="B7004">
        <f t="shared" si="775"/>
        <v>3</v>
      </c>
      <c r="C7004" s="16">
        <v>6970</v>
      </c>
      <c r="D7004" cm="1">
        <f t="array" ref="D7004">IFERROR(INDEX(Jesper!AH$2:AH$366,ROUNDDOWN($C7004/24,0)+1,1)*INDEX($D$3:$AA$30,INDEX(Jesper!$R$2:$R$366,ROW(INDEX(Jesper!AH$2:AH$366,ROUNDDOWN($C7004/24,0)+1,1))-1)+IF('Standard Profiles'!$G$18=$B$10,7,0)+IF('Standard Profiles'!$G$18=$B$17,14,0)+IF('Standard Profiles'!$G$18=$B$24,21,0),MOD($C7004,24)+1)/SUM(INDEX($D$3:$AA$30,INDEX(Jesper!$R$2:$R$366,ROW(INDEX(Jesper!AH$2:AH$366,ROUNDDOWN($C7004/24,0)+1,1))-1)+IF('Standard Profiles'!$G$18=$B$10,7,0)+IF('Standard Profiles'!$G$18=$B$17,14,0)+IF('Standard Profiles'!$G$18=$B$24,21,0),0)),0)</f>
        <v>29.669056339906167</v>
      </c>
      <c r="E7004" cm="1">
        <f t="array" ref="E7004">IFERROR(INDEX(Jesper!AI$2:AI$366,ROUNDDOWN($C7004/24,0)+1,1)*INDEX($D$3:$AA$30,INDEX(Jesper!$R$2:$R$366,ROW(INDEX(Jesper!AI$2:AI$366,ROUNDDOWN($C7004/24,0)+1,1))-1)+IF('Standard Profiles'!$G$19=$B$10,7,0)+IF('Standard Profiles'!$G$19=$B$17,14,0)+IF('Standard Profiles'!$G$19=$B$24,21,0),MOD($C7004,24)+1)/SUM(INDEX($D$3:$AA$30,INDEX(Jesper!$R$2:$R$366,ROW(INDEX(Jesper!AI$2:AI$366,ROUNDDOWN($C7004/24,0)+1,1))-1)+IF('Standard Profiles'!$G$19=$B$10,7,0)+IF('Standard Profiles'!$G$19=$B$17,14,0)+IF('Standard Profiles'!$G$19=$B$24,21,0),0)),0)</f>
        <v>27.679843627256776</v>
      </c>
      <c r="F7004" cm="1">
        <f t="array" ref="F7004">IFERROR(INDEX(Jesper!AJ$2:AJ$366,ROUNDDOWN($C7004/24,0)+1,1)*INDEX($D$3:$AA$30,INDEX(Jesper!$R$2:$R$366,ROW(INDEX(Jesper!AJ$2:AJ$366,ROUNDDOWN($C7004/24,0)+1,1))-1)+IF('Standard Profiles'!$G$20=$B$10,7,0)+IF('Standard Profiles'!$G$20=$B$17,14,0)+IF('Standard Profiles'!$G$20=$B$24,21,0),MOD($C7004,24)+1)/SUM(INDEX($D$3:$AA$30,INDEX(Jesper!$R$2:$R$366,ROW(INDEX(Jesper!AJ$2:AJ$366,ROUNDDOWN($C7004/24,0)+1,1))-1)+IF('Standard Profiles'!$G$20=$B$10,7,0)+IF('Standard Profiles'!$G$20=$B$17,14,0)+IF('Standard Profiles'!$G$20=$B$24,21,0),0)),0)</f>
        <v>0</v>
      </c>
      <c r="G7004" cm="1">
        <f t="array" ref="G7004">IFERROR(INDEX(Jesper!AK$2:AK$366,ROUNDDOWN($C7004/24,0)+1,1)*INDEX($D$3:$AA$30,INDEX(Jesper!$R$2:$R$366,ROW(INDEX(Jesper!AK$2:AK$366,ROUNDDOWN($C7004/24,0)+1,1))-1)+IF('Standard Profiles'!$G$21=$B$10,7,0)+IF('Standard Profiles'!$G$21=$B$17,14,0)+IF('Standard Profiles'!$G$21=$B$24,21,0),MOD($C7004,24)+1)/SUM(INDEX($D$3:$AA$30,INDEX(Jesper!$R$2:$R$366,ROW(INDEX(Jesper!AK$2:AK$366,ROUNDDOWN($C7004/24,0)+1,1))-1)+IF('Standard Profiles'!$G$21=$B$10,7,0)+IF('Standard Profiles'!$G$21=$B$17,14,0)+IF('Standard Profiles'!$G$21=$B$24,21,0),0)),0)</f>
        <v>15.482411275716519</v>
      </c>
      <c r="H7004" cm="1">
        <f t="array" ref="H7004">IFERROR(INDEX(Jesper!AL$2:AL$366,ROUNDDOWN($C7004/24,0)+1,1)*INDEX($D$3:$AA$30,INDEX(Jesper!$R$2:$R$366,ROW(INDEX(Jesper!AL$2:AL$366,ROUNDDOWN($C7004/24,0)+1,1))-1)+IF('Standard Profiles'!$G$22=$B$10,7,0)+IF('Standard Profiles'!$G$22=$B$17,14,0)+IF('Standard Profiles'!$G$22=$B$24,21,0),MOD($C7004,24)+1)/SUM(INDEX($D$3:$AA$30,INDEX(Jesper!$R$2:$R$366,ROW(INDEX(Jesper!AL$2:AL$366,ROUNDDOWN($C7004/24,0)+1,1))-1)+IF('Standard Profiles'!$G$22=$B$10,7,0)+IF('Standard Profiles'!$G$22=$B$17,14,0)+IF('Standard Profiles'!$G$22=$B$24,21,0),0)),0)</f>
        <v>0</v>
      </c>
      <c r="I7004">
        <f t="shared" si="776"/>
        <v>7.431557412343925</v>
      </c>
      <c r="J7004">
        <f t="shared" si="777"/>
        <v>60.652704816150546</v>
      </c>
      <c r="K7004">
        <f t="shared" si="778"/>
        <v>3.1646993429233246</v>
      </c>
      <c r="L7004">
        <f t="shared" si="779"/>
        <v>1.5823496714616623</v>
      </c>
      <c r="M7004">
        <f t="shared" si="780"/>
        <v>0</v>
      </c>
      <c r="N7004" s="45">
        <f t="shared" si="781"/>
        <v>45217.416666649762</v>
      </c>
    </row>
    <row r="7005" spans="2:14" x14ac:dyDescent="0.25">
      <c r="B7005">
        <f t="shared" si="775"/>
        <v>3</v>
      </c>
      <c r="C7005" s="16">
        <v>6971</v>
      </c>
      <c r="D7005" cm="1">
        <f t="array" ref="D7005">IFERROR(INDEX(Jesper!AH$2:AH$366,ROUNDDOWN($C7005/24,0)+1,1)*INDEX($D$3:$AA$30,INDEX(Jesper!$R$2:$R$366,ROW(INDEX(Jesper!AH$2:AH$366,ROUNDDOWN($C7005/24,0)+1,1))-1)+IF('Standard Profiles'!$G$18=$B$10,7,0)+IF('Standard Profiles'!$G$18=$B$17,14,0)+IF('Standard Profiles'!$G$18=$B$24,21,0),MOD($C7005,24)+1)/SUM(INDEX($D$3:$AA$30,INDEX(Jesper!$R$2:$R$366,ROW(INDEX(Jesper!AH$2:AH$366,ROUNDDOWN($C7005/24,0)+1,1))-1)+IF('Standard Profiles'!$G$18=$B$10,7,0)+IF('Standard Profiles'!$G$18=$B$17,14,0)+IF('Standard Profiles'!$G$18=$B$24,21,0),0)),0)</f>
        <v>35.501434936639853</v>
      </c>
      <c r="E7005" cm="1">
        <f t="array" ref="E7005">IFERROR(INDEX(Jesper!AI$2:AI$366,ROUNDDOWN($C7005/24,0)+1,1)*INDEX($D$3:$AA$30,INDEX(Jesper!$R$2:$R$366,ROW(INDEX(Jesper!AI$2:AI$366,ROUNDDOWN($C7005/24,0)+1,1))-1)+IF('Standard Profiles'!$G$19=$B$10,7,0)+IF('Standard Profiles'!$G$19=$B$17,14,0)+IF('Standard Profiles'!$G$19=$B$24,21,0),MOD($C7005,24)+1)/SUM(INDEX($D$3:$AA$30,INDEX(Jesper!$R$2:$R$366,ROW(INDEX(Jesper!AI$2:AI$366,ROUNDDOWN($C7005/24,0)+1,1))-1)+IF('Standard Profiles'!$G$19=$B$10,7,0)+IF('Standard Profiles'!$G$19=$B$17,14,0)+IF('Standard Profiles'!$G$19=$B$24,21,0),0)),0)</f>
        <v>33.121180408683315</v>
      </c>
      <c r="F7005" cm="1">
        <f t="array" ref="F7005">IFERROR(INDEX(Jesper!AJ$2:AJ$366,ROUNDDOWN($C7005/24,0)+1,1)*INDEX($D$3:$AA$30,INDEX(Jesper!$R$2:$R$366,ROW(INDEX(Jesper!AJ$2:AJ$366,ROUNDDOWN($C7005/24,0)+1,1))-1)+IF('Standard Profiles'!$G$20=$B$10,7,0)+IF('Standard Profiles'!$G$20=$B$17,14,0)+IF('Standard Profiles'!$G$20=$B$24,21,0),MOD($C7005,24)+1)/SUM(INDEX($D$3:$AA$30,INDEX(Jesper!$R$2:$R$366,ROW(INDEX(Jesper!AJ$2:AJ$366,ROUNDDOWN($C7005/24,0)+1,1))-1)+IF('Standard Profiles'!$G$20=$B$10,7,0)+IF('Standard Profiles'!$G$20=$B$17,14,0)+IF('Standard Profiles'!$G$20=$B$24,21,0),0)),0)</f>
        <v>0</v>
      </c>
      <c r="G7005" cm="1">
        <f t="array" ref="G7005">IFERROR(INDEX(Jesper!AK$2:AK$366,ROUNDDOWN($C7005/24,0)+1,1)*INDEX($D$3:$AA$30,INDEX(Jesper!$R$2:$R$366,ROW(INDEX(Jesper!AK$2:AK$366,ROUNDDOWN($C7005/24,0)+1,1))-1)+IF('Standard Profiles'!$G$21=$B$10,7,0)+IF('Standard Profiles'!$G$21=$B$17,14,0)+IF('Standard Profiles'!$G$21=$B$24,21,0),MOD($C7005,24)+1)/SUM(INDEX($D$3:$AA$30,INDEX(Jesper!$R$2:$R$366,ROW(INDEX(Jesper!AK$2:AK$366,ROUNDDOWN($C7005/24,0)+1,1))-1)+IF('Standard Profiles'!$G$21=$B$10,7,0)+IF('Standard Profiles'!$G$21=$B$17,14,0)+IF('Standard Profiles'!$G$21=$B$24,21,0),0)),0)</f>
        <v>18.525962210259081</v>
      </c>
      <c r="H7005" cm="1">
        <f t="array" ref="H7005">IFERROR(INDEX(Jesper!AL$2:AL$366,ROUNDDOWN($C7005/24,0)+1,1)*INDEX($D$3:$AA$30,INDEX(Jesper!$R$2:$R$366,ROW(INDEX(Jesper!AL$2:AL$366,ROUNDDOWN($C7005/24,0)+1,1))-1)+IF('Standard Profiles'!$G$22=$B$10,7,0)+IF('Standard Profiles'!$G$22=$B$17,14,0)+IF('Standard Profiles'!$G$22=$B$24,21,0),MOD($C7005,24)+1)/SUM(INDEX($D$3:$AA$30,INDEX(Jesper!$R$2:$R$366,ROW(INDEX(Jesper!AL$2:AL$366,ROUNDDOWN($C7005/24,0)+1,1))-1)+IF('Standard Profiles'!$G$22=$B$10,7,0)+IF('Standard Profiles'!$G$22=$B$17,14,0)+IF('Standard Profiles'!$G$22=$B$24,21,0),0)),0)</f>
        <v>0</v>
      </c>
      <c r="I7005">
        <f t="shared" si="776"/>
        <v>8.8924618609243549</v>
      </c>
      <c r="J7005">
        <f t="shared" si="777"/>
        <v>72.575886104795515</v>
      </c>
      <c r="K7005">
        <f t="shared" si="778"/>
        <v>3.7868197265749179</v>
      </c>
      <c r="L7005">
        <f t="shared" si="779"/>
        <v>1.893409863287459</v>
      </c>
      <c r="M7005">
        <f t="shared" si="780"/>
        <v>0</v>
      </c>
      <c r="N7005" s="45">
        <f t="shared" si="781"/>
        <v>45217.458333316426</v>
      </c>
    </row>
    <row r="7006" spans="2:14" x14ac:dyDescent="0.25">
      <c r="B7006">
        <f t="shared" si="775"/>
        <v>3</v>
      </c>
      <c r="C7006" s="16">
        <v>6972</v>
      </c>
      <c r="D7006" cm="1">
        <f t="array" ref="D7006">IFERROR(INDEX(Jesper!AH$2:AH$366,ROUNDDOWN($C7006/24,0)+1,1)*INDEX($D$3:$AA$30,INDEX(Jesper!$R$2:$R$366,ROW(INDEX(Jesper!AH$2:AH$366,ROUNDDOWN($C7006/24,0)+1,1))-1)+IF('Standard Profiles'!$G$18=$B$10,7,0)+IF('Standard Profiles'!$G$18=$B$17,14,0)+IF('Standard Profiles'!$G$18=$B$24,21,0),MOD($C7006,24)+1)/SUM(INDEX($D$3:$AA$30,INDEX(Jesper!$R$2:$R$366,ROW(INDEX(Jesper!AH$2:AH$366,ROUNDDOWN($C7006/24,0)+1,1))-1)+IF('Standard Profiles'!$G$18=$B$10,7,0)+IF('Standard Profiles'!$G$18=$B$17,14,0)+IF('Standard Profiles'!$G$18=$B$24,21,0),0)),0)</f>
        <v>35.501434936639853</v>
      </c>
      <c r="E7006" cm="1">
        <f t="array" ref="E7006">IFERROR(INDEX(Jesper!AI$2:AI$366,ROUNDDOWN($C7006/24,0)+1,1)*INDEX($D$3:$AA$30,INDEX(Jesper!$R$2:$R$366,ROW(INDEX(Jesper!AI$2:AI$366,ROUNDDOWN($C7006/24,0)+1,1))-1)+IF('Standard Profiles'!$G$19=$B$10,7,0)+IF('Standard Profiles'!$G$19=$B$17,14,0)+IF('Standard Profiles'!$G$19=$B$24,21,0),MOD($C7006,24)+1)/SUM(INDEX($D$3:$AA$30,INDEX(Jesper!$R$2:$R$366,ROW(INDEX(Jesper!AI$2:AI$366,ROUNDDOWN($C7006/24,0)+1,1))-1)+IF('Standard Profiles'!$G$19=$B$10,7,0)+IF('Standard Profiles'!$G$19=$B$17,14,0)+IF('Standard Profiles'!$G$19=$B$24,21,0),0)),0)</f>
        <v>33.121180408683315</v>
      </c>
      <c r="F7006" cm="1">
        <f t="array" ref="F7006">IFERROR(INDEX(Jesper!AJ$2:AJ$366,ROUNDDOWN($C7006/24,0)+1,1)*INDEX($D$3:$AA$30,INDEX(Jesper!$R$2:$R$366,ROW(INDEX(Jesper!AJ$2:AJ$366,ROUNDDOWN($C7006/24,0)+1,1))-1)+IF('Standard Profiles'!$G$20=$B$10,7,0)+IF('Standard Profiles'!$G$20=$B$17,14,0)+IF('Standard Profiles'!$G$20=$B$24,21,0),MOD($C7006,24)+1)/SUM(INDEX($D$3:$AA$30,INDEX(Jesper!$R$2:$R$366,ROW(INDEX(Jesper!AJ$2:AJ$366,ROUNDDOWN($C7006/24,0)+1,1))-1)+IF('Standard Profiles'!$G$20=$B$10,7,0)+IF('Standard Profiles'!$G$20=$B$17,14,0)+IF('Standard Profiles'!$G$20=$B$24,21,0),0)),0)</f>
        <v>0</v>
      </c>
      <c r="G7006" cm="1">
        <f t="array" ref="G7006">IFERROR(INDEX(Jesper!AK$2:AK$366,ROUNDDOWN($C7006/24,0)+1,1)*INDEX($D$3:$AA$30,INDEX(Jesper!$R$2:$R$366,ROW(INDEX(Jesper!AK$2:AK$366,ROUNDDOWN($C7006/24,0)+1,1))-1)+IF('Standard Profiles'!$G$21=$B$10,7,0)+IF('Standard Profiles'!$G$21=$B$17,14,0)+IF('Standard Profiles'!$G$21=$B$24,21,0),MOD($C7006,24)+1)/SUM(INDEX($D$3:$AA$30,INDEX(Jesper!$R$2:$R$366,ROW(INDEX(Jesper!AK$2:AK$366,ROUNDDOWN($C7006/24,0)+1,1))-1)+IF('Standard Profiles'!$G$21=$B$10,7,0)+IF('Standard Profiles'!$G$21=$B$17,14,0)+IF('Standard Profiles'!$G$21=$B$24,21,0),0)),0)</f>
        <v>18.525962210259081</v>
      </c>
      <c r="H7006" cm="1">
        <f t="array" ref="H7006">IFERROR(INDEX(Jesper!AL$2:AL$366,ROUNDDOWN($C7006/24,0)+1,1)*INDEX($D$3:$AA$30,INDEX(Jesper!$R$2:$R$366,ROW(INDEX(Jesper!AL$2:AL$366,ROUNDDOWN($C7006/24,0)+1,1))-1)+IF('Standard Profiles'!$G$22=$B$10,7,0)+IF('Standard Profiles'!$G$22=$B$17,14,0)+IF('Standard Profiles'!$G$22=$B$24,21,0),MOD($C7006,24)+1)/SUM(INDEX($D$3:$AA$30,INDEX(Jesper!$R$2:$R$366,ROW(INDEX(Jesper!AL$2:AL$366,ROUNDDOWN($C7006/24,0)+1,1))-1)+IF('Standard Profiles'!$G$22=$B$10,7,0)+IF('Standard Profiles'!$G$22=$B$17,14,0)+IF('Standard Profiles'!$G$22=$B$24,21,0),0)),0)</f>
        <v>0</v>
      </c>
      <c r="I7006">
        <f t="shared" si="776"/>
        <v>8.8924618609243549</v>
      </c>
      <c r="J7006">
        <f t="shared" si="777"/>
        <v>72.575886104795515</v>
      </c>
      <c r="K7006">
        <f t="shared" si="778"/>
        <v>3.7868197265749179</v>
      </c>
      <c r="L7006">
        <f t="shared" si="779"/>
        <v>1.893409863287459</v>
      </c>
      <c r="M7006">
        <f t="shared" si="780"/>
        <v>0</v>
      </c>
      <c r="N7006" s="45">
        <f t="shared" si="781"/>
        <v>45217.499999983091</v>
      </c>
    </row>
    <row r="7007" spans="2:14" x14ac:dyDescent="0.25">
      <c r="B7007">
        <f t="shared" si="775"/>
        <v>3</v>
      </c>
      <c r="C7007" s="16">
        <v>6973</v>
      </c>
      <c r="D7007" cm="1">
        <f t="array" ref="D7007">IFERROR(INDEX(Jesper!AH$2:AH$366,ROUNDDOWN($C7007/24,0)+1,1)*INDEX($D$3:$AA$30,INDEX(Jesper!$R$2:$R$366,ROW(INDEX(Jesper!AH$2:AH$366,ROUNDDOWN($C7007/24,0)+1,1))-1)+IF('Standard Profiles'!$G$18=$B$10,7,0)+IF('Standard Profiles'!$G$18=$B$17,14,0)+IF('Standard Profiles'!$G$18=$B$24,21,0),MOD($C7007,24)+1)/SUM(INDEX($D$3:$AA$30,INDEX(Jesper!$R$2:$R$366,ROW(INDEX(Jesper!AH$2:AH$366,ROUNDDOWN($C7007/24,0)+1,1))-1)+IF('Standard Profiles'!$G$18=$B$10,7,0)+IF('Standard Profiles'!$G$18=$B$17,14,0)+IF('Standard Profiles'!$G$18=$B$24,21,0),0)),0)</f>
        <v>23.583096065053621</v>
      </c>
      <c r="E7007" cm="1">
        <f t="array" ref="E7007">IFERROR(INDEX(Jesper!AI$2:AI$366,ROUNDDOWN($C7007/24,0)+1,1)*INDEX($D$3:$AA$30,INDEX(Jesper!$R$2:$R$366,ROW(INDEX(Jesper!AI$2:AI$366,ROUNDDOWN($C7007/24,0)+1,1))-1)+IF('Standard Profiles'!$G$19=$B$10,7,0)+IF('Standard Profiles'!$G$19=$B$17,14,0)+IF('Standard Profiles'!$G$19=$B$24,21,0),MOD($C7007,24)+1)/SUM(INDEX($D$3:$AA$30,INDEX(Jesper!$R$2:$R$366,ROW(INDEX(Jesper!AI$2:AI$366,ROUNDDOWN($C7007/24,0)+1,1))-1)+IF('Standard Profiles'!$G$19=$B$10,7,0)+IF('Standard Profiles'!$G$19=$B$17,14,0)+IF('Standard Profiles'!$G$19=$B$24,21,0),0)),0)</f>
        <v>22.0019269857682</v>
      </c>
      <c r="F7007" cm="1">
        <f t="array" ref="F7007">IFERROR(INDEX(Jesper!AJ$2:AJ$366,ROUNDDOWN($C7007/24,0)+1,1)*INDEX($D$3:$AA$30,INDEX(Jesper!$R$2:$R$366,ROW(INDEX(Jesper!AJ$2:AJ$366,ROUNDDOWN($C7007/24,0)+1,1))-1)+IF('Standard Profiles'!$G$20=$B$10,7,0)+IF('Standard Profiles'!$G$20=$B$17,14,0)+IF('Standard Profiles'!$G$20=$B$24,21,0),MOD($C7007,24)+1)/SUM(INDEX($D$3:$AA$30,INDEX(Jesper!$R$2:$R$366,ROW(INDEX(Jesper!AJ$2:AJ$366,ROUNDDOWN($C7007/24,0)+1,1))-1)+IF('Standard Profiles'!$G$20=$B$10,7,0)+IF('Standard Profiles'!$G$20=$B$17,14,0)+IF('Standard Profiles'!$G$20=$B$24,21,0),0)),0)</f>
        <v>0</v>
      </c>
      <c r="G7007" cm="1">
        <f t="array" ref="G7007">IFERROR(INDEX(Jesper!AK$2:AK$366,ROUNDDOWN($C7007/24,0)+1,1)*INDEX($D$3:$AA$30,INDEX(Jesper!$R$2:$R$366,ROW(INDEX(Jesper!AK$2:AK$366,ROUNDDOWN($C7007/24,0)+1,1))-1)+IF('Standard Profiles'!$G$21=$B$10,7,0)+IF('Standard Profiles'!$G$21=$B$17,14,0)+IF('Standard Profiles'!$G$21=$B$24,21,0),MOD($C7007,24)+1)/SUM(INDEX($D$3:$AA$30,INDEX(Jesper!$R$2:$R$366,ROW(INDEX(Jesper!AK$2:AK$366,ROUNDDOWN($C7007/24,0)+1,1))-1)+IF('Standard Profiles'!$G$21=$B$10,7,0)+IF('Standard Profiles'!$G$21=$B$17,14,0)+IF('Standard Profiles'!$G$21=$B$24,21,0),0)),0)</f>
        <v>12.306532039672105</v>
      </c>
      <c r="H7007" cm="1">
        <f t="array" ref="H7007">IFERROR(INDEX(Jesper!AL$2:AL$366,ROUNDDOWN($C7007/24,0)+1,1)*INDEX($D$3:$AA$30,INDEX(Jesper!$R$2:$R$366,ROW(INDEX(Jesper!AL$2:AL$366,ROUNDDOWN($C7007/24,0)+1,1))-1)+IF('Standard Profiles'!$G$22=$B$10,7,0)+IF('Standard Profiles'!$G$22=$B$17,14,0)+IF('Standard Profiles'!$G$22=$B$24,21,0),MOD($C7007,24)+1)/SUM(INDEX($D$3:$AA$30,INDEX(Jesper!$R$2:$R$366,ROW(INDEX(Jesper!AL$2:AL$366,ROUNDDOWN($C7007/24,0)+1,1))-1)+IF('Standard Profiles'!$G$22=$B$10,7,0)+IF('Standard Profiles'!$G$22=$B$17,14,0)+IF('Standard Profiles'!$G$22=$B$24,21,0),0)),0)</f>
        <v>0</v>
      </c>
      <c r="I7007">
        <f t="shared" si="776"/>
        <v>5.9071353790426073</v>
      </c>
      <c r="J7007">
        <f t="shared" si="777"/>
        <v>48.211124341042741</v>
      </c>
      <c r="K7007">
        <f t="shared" si="778"/>
        <v>2.5155302469390528</v>
      </c>
      <c r="L7007">
        <f t="shared" si="779"/>
        <v>1.2577651234695264</v>
      </c>
      <c r="M7007">
        <f t="shared" si="780"/>
        <v>0</v>
      </c>
      <c r="N7007" s="45">
        <f t="shared" si="781"/>
        <v>45217.541666649755</v>
      </c>
    </row>
    <row r="7008" spans="2:14" x14ac:dyDescent="0.25">
      <c r="B7008">
        <f t="shared" si="775"/>
        <v>3</v>
      </c>
      <c r="C7008" s="16">
        <v>6974</v>
      </c>
      <c r="D7008" cm="1">
        <f t="array" ref="D7008">IFERROR(INDEX(Jesper!AH$2:AH$366,ROUNDDOWN($C7008/24,0)+1,1)*INDEX($D$3:$AA$30,INDEX(Jesper!$R$2:$R$366,ROW(INDEX(Jesper!AH$2:AH$366,ROUNDDOWN($C7008/24,0)+1,1))-1)+IF('Standard Profiles'!$G$18=$B$10,7,0)+IF('Standard Profiles'!$G$18=$B$17,14,0)+IF('Standard Profiles'!$G$18=$B$24,21,0),MOD($C7008,24)+1)/SUM(INDEX($D$3:$AA$30,INDEX(Jesper!$R$2:$R$366,ROW(INDEX(Jesper!AH$2:AH$366,ROUNDDOWN($C7008/24,0)+1,1))-1)+IF('Standard Profiles'!$G$18=$B$10,7,0)+IF('Standard Profiles'!$G$18=$B$17,14,0)+IF('Standard Profiles'!$G$18=$B$24,21,0),0)),0)</f>
        <v>35.501434936639853</v>
      </c>
      <c r="E7008" cm="1">
        <f t="array" ref="E7008">IFERROR(INDEX(Jesper!AI$2:AI$366,ROUNDDOWN($C7008/24,0)+1,1)*INDEX($D$3:$AA$30,INDEX(Jesper!$R$2:$R$366,ROW(INDEX(Jesper!AI$2:AI$366,ROUNDDOWN($C7008/24,0)+1,1))-1)+IF('Standard Profiles'!$G$19=$B$10,7,0)+IF('Standard Profiles'!$G$19=$B$17,14,0)+IF('Standard Profiles'!$G$19=$B$24,21,0),MOD($C7008,24)+1)/SUM(INDEX($D$3:$AA$30,INDEX(Jesper!$R$2:$R$366,ROW(INDEX(Jesper!AI$2:AI$366,ROUNDDOWN($C7008/24,0)+1,1))-1)+IF('Standard Profiles'!$G$19=$B$10,7,0)+IF('Standard Profiles'!$G$19=$B$17,14,0)+IF('Standard Profiles'!$G$19=$B$24,21,0),0)),0)</f>
        <v>33.121180408683315</v>
      </c>
      <c r="F7008" cm="1">
        <f t="array" ref="F7008">IFERROR(INDEX(Jesper!AJ$2:AJ$366,ROUNDDOWN($C7008/24,0)+1,1)*INDEX($D$3:$AA$30,INDEX(Jesper!$R$2:$R$366,ROW(INDEX(Jesper!AJ$2:AJ$366,ROUNDDOWN($C7008/24,0)+1,1))-1)+IF('Standard Profiles'!$G$20=$B$10,7,0)+IF('Standard Profiles'!$G$20=$B$17,14,0)+IF('Standard Profiles'!$G$20=$B$24,21,0),MOD($C7008,24)+1)/SUM(INDEX($D$3:$AA$30,INDEX(Jesper!$R$2:$R$366,ROW(INDEX(Jesper!AJ$2:AJ$366,ROUNDDOWN($C7008/24,0)+1,1))-1)+IF('Standard Profiles'!$G$20=$B$10,7,0)+IF('Standard Profiles'!$G$20=$B$17,14,0)+IF('Standard Profiles'!$G$20=$B$24,21,0),0)),0)</f>
        <v>0</v>
      </c>
      <c r="G7008" cm="1">
        <f t="array" ref="G7008">IFERROR(INDEX(Jesper!AK$2:AK$366,ROUNDDOWN($C7008/24,0)+1,1)*INDEX($D$3:$AA$30,INDEX(Jesper!$R$2:$R$366,ROW(INDEX(Jesper!AK$2:AK$366,ROUNDDOWN($C7008/24,0)+1,1))-1)+IF('Standard Profiles'!$G$21=$B$10,7,0)+IF('Standard Profiles'!$G$21=$B$17,14,0)+IF('Standard Profiles'!$G$21=$B$24,21,0),MOD($C7008,24)+1)/SUM(INDEX($D$3:$AA$30,INDEX(Jesper!$R$2:$R$366,ROW(INDEX(Jesper!AK$2:AK$366,ROUNDDOWN($C7008/24,0)+1,1))-1)+IF('Standard Profiles'!$G$21=$B$10,7,0)+IF('Standard Profiles'!$G$21=$B$17,14,0)+IF('Standard Profiles'!$G$21=$B$24,21,0),0)),0)</f>
        <v>18.525962210259081</v>
      </c>
      <c r="H7008" cm="1">
        <f t="array" ref="H7008">IFERROR(INDEX(Jesper!AL$2:AL$366,ROUNDDOWN($C7008/24,0)+1,1)*INDEX($D$3:$AA$30,INDEX(Jesper!$R$2:$R$366,ROW(INDEX(Jesper!AL$2:AL$366,ROUNDDOWN($C7008/24,0)+1,1))-1)+IF('Standard Profiles'!$G$22=$B$10,7,0)+IF('Standard Profiles'!$G$22=$B$17,14,0)+IF('Standard Profiles'!$G$22=$B$24,21,0),MOD($C7008,24)+1)/SUM(INDEX($D$3:$AA$30,INDEX(Jesper!$R$2:$R$366,ROW(INDEX(Jesper!AL$2:AL$366,ROUNDDOWN($C7008/24,0)+1,1))-1)+IF('Standard Profiles'!$G$22=$B$10,7,0)+IF('Standard Profiles'!$G$22=$B$17,14,0)+IF('Standard Profiles'!$G$22=$B$24,21,0),0)),0)</f>
        <v>0</v>
      </c>
      <c r="I7008">
        <f t="shared" si="776"/>
        <v>8.8924618609243549</v>
      </c>
      <c r="J7008">
        <f t="shared" si="777"/>
        <v>72.575886104795515</v>
      </c>
      <c r="K7008">
        <f t="shared" si="778"/>
        <v>3.7868197265749179</v>
      </c>
      <c r="L7008">
        <f t="shared" si="779"/>
        <v>1.893409863287459</v>
      </c>
      <c r="M7008">
        <f t="shared" si="780"/>
        <v>0</v>
      </c>
      <c r="N7008" s="45">
        <f t="shared" si="781"/>
        <v>45217.583333316419</v>
      </c>
    </row>
    <row r="7009" spans="2:14" x14ac:dyDescent="0.25">
      <c r="B7009">
        <f t="shared" si="775"/>
        <v>3</v>
      </c>
      <c r="C7009" s="16">
        <v>6975</v>
      </c>
      <c r="D7009" cm="1">
        <f t="array" ref="D7009">IFERROR(INDEX(Jesper!AH$2:AH$366,ROUNDDOWN($C7009/24,0)+1,1)*INDEX($D$3:$AA$30,INDEX(Jesper!$R$2:$R$366,ROW(INDEX(Jesper!AH$2:AH$366,ROUNDDOWN($C7009/24,0)+1,1))-1)+IF('Standard Profiles'!$G$18=$B$10,7,0)+IF('Standard Profiles'!$G$18=$B$17,14,0)+IF('Standard Profiles'!$G$18=$B$24,21,0),MOD($C7009,24)+1)/SUM(INDEX($D$3:$AA$30,INDEX(Jesper!$R$2:$R$366,ROW(INDEX(Jesper!AH$2:AH$366,ROUNDDOWN($C7009/24,0)+1,1))-1)+IF('Standard Profiles'!$G$18=$B$10,7,0)+IF('Standard Profiles'!$G$18=$B$17,14,0)+IF('Standard Profiles'!$G$18=$B$24,21,0),0)),0)</f>
        <v>35.501434936639853</v>
      </c>
      <c r="E7009" cm="1">
        <f t="array" ref="E7009">IFERROR(INDEX(Jesper!AI$2:AI$366,ROUNDDOWN($C7009/24,0)+1,1)*INDEX($D$3:$AA$30,INDEX(Jesper!$R$2:$R$366,ROW(INDEX(Jesper!AI$2:AI$366,ROUNDDOWN($C7009/24,0)+1,1))-1)+IF('Standard Profiles'!$G$19=$B$10,7,0)+IF('Standard Profiles'!$G$19=$B$17,14,0)+IF('Standard Profiles'!$G$19=$B$24,21,0),MOD($C7009,24)+1)/SUM(INDEX($D$3:$AA$30,INDEX(Jesper!$R$2:$R$366,ROW(INDEX(Jesper!AI$2:AI$366,ROUNDDOWN($C7009/24,0)+1,1))-1)+IF('Standard Profiles'!$G$19=$B$10,7,0)+IF('Standard Profiles'!$G$19=$B$17,14,0)+IF('Standard Profiles'!$G$19=$B$24,21,0),0)),0)</f>
        <v>33.121180408683315</v>
      </c>
      <c r="F7009" cm="1">
        <f t="array" ref="F7009">IFERROR(INDEX(Jesper!AJ$2:AJ$366,ROUNDDOWN($C7009/24,0)+1,1)*INDEX($D$3:$AA$30,INDEX(Jesper!$R$2:$R$366,ROW(INDEX(Jesper!AJ$2:AJ$366,ROUNDDOWN($C7009/24,0)+1,1))-1)+IF('Standard Profiles'!$G$20=$B$10,7,0)+IF('Standard Profiles'!$G$20=$B$17,14,0)+IF('Standard Profiles'!$G$20=$B$24,21,0),MOD($C7009,24)+1)/SUM(INDEX($D$3:$AA$30,INDEX(Jesper!$R$2:$R$366,ROW(INDEX(Jesper!AJ$2:AJ$366,ROUNDDOWN($C7009/24,0)+1,1))-1)+IF('Standard Profiles'!$G$20=$B$10,7,0)+IF('Standard Profiles'!$G$20=$B$17,14,0)+IF('Standard Profiles'!$G$20=$B$24,21,0),0)),0)</f>
        <v>0</v>
      </c>
      <c r="G7009" cm="1">
        <f t="array" ref="G7009">IFERROR(INDEX(Jesper!AK$2:AK$366,ROUNDDOWN($C7009/24,0)+1,1)*INDEX($D$3:$AA$30,INDEX(Jesper!$R$2:$R$366,ROW(INDEX(Jesper!AK$2:AK$366,ROUNDDOWN($C7009/24,0)+1,1))-1)+IF('Standard Profiles'!$G$21=$B$10,7,0)+IF('Standard Profiles'!$G$21=$B$17,14,0)+IF('Standard Profiles'!$G$21=$B$24,21,0),MOD($C7009,24)+1)/SUM(INDEX($D$3:$AA$30,INDEX(Jesper!$R$2:$R$366,ROW(INDEX(Jesper!AK$2:AK$366,ROUNDDOWN($C7009/24,0)+1,1))-1)+IF('Standard Profiles'!$G$21=$B$10,7,0)+IF('Standard Profiles'!$G$21=$B$17,14,0)+IF('Standard Profiles'!$G$21=$B$24,21,0),0)),0)</f>
        <v>18.525962210259081</v>
      </c>
      <c r="H7009" cm="1">
        <f t="array" ref="H7009">IFERROR(INDEX(Jesper!AL$2:AL$366,ROUNDDOWN($C7009/24,0)+1,1)*INDEX($D$3:$AA$30,INDEX(Jesper!$R$2:$R$366,ROW(INDEX(Jesper!AL$2:AL$366,ROUNDDOWN($C7009/24,0)+1,1))-1)+IF('Standard Profiles'!$G$22=$B$10,7,0)+IF('Standard Profiles'!$G$22=$B$17,14,0)+IF('Standard Profiles'!$G$22=$B$24,21,0),MOD($C7009,24)+1)/SUM(INDEX($D$3:$AA$30,INDEX(Jesper!$R$2:$R$366,ROW(INDEX(Jesper!AL$2:AL$366,ROUNDDOWN($C7009/24,0)+1,1))-1)+IF('Standard Profiles'!$G$22=$B$10,7,0)+IF('Standard Profiles'!$G$22=$B$17,14,0)+IF('Standard Profiles'!$G$22=$B$24,21,0),0)),0)</f>
        <v>0</v>
      </c>
      <c r="I7009">
        <f t="shared" si="776"/>
        <v>8.8924618609243549</v>
      </c>
      <c r="J7009">
        <f t="shared" si="777"/>
        <v>72.575886104795515</v>
      </c>
      <c r="K7009">
        <f t="shared" si="778"/>
        <v>3.7868197265749179</v>
      </c>
      <c r="L7009">
        <f t="shared" si="779"/>
        <v>1.893409863287459</v>
      </c>
      <c r="M7009">
        <f t="shared" si="780"/>
        <v>0</v>
      </c>
      <c r="N7009" s="45">
        <f t="shared" si="781"/>
        <v>45217.624999983083</v>
      </c>
    </row>
    <row r="7010" spans="2:14" x14ac:dyDescent="0.25">
      <c r="B7010">
        <f t="shared" si="775"/>
        <v>3</v>
      </c>
      <c r="C7010" s="16">
        <v>6976</v>
      </c>
      <c r="D7010" cm="1">
        <f t="array" ref="D7010">IFERROR(INDEX(Jesper!AH$2:AH$366,ROUNDDOWN($C7010/24,0)+1,1)*INDEX($D$3:$AA$30,INDEX(Jesper!$R$2:$R$366,ROW(INDEX(Jesper!AH$2:AH$366,ROUNDDOWN($C7010/24,0)+1,1))-1)+IF('Standard Profiles'!$G$18=$B$10,7,0)+IF('Standard Profiles'!$G$18=$B$17,14,0)+IF('Standard Profiles'!$G$18=$B$24,21,0),MOD($C7010,24)+1)/SUM(INDEX($D$3:$AA$30,INDEX(Jesper!$R$2:$R$366,ROW(INDEX(Jesper!AH$2:AH$366,ROUNDDOWN($C7010/24,0)+1,1))-1)+IF('Standard Profiles'!$G$18=$B$10,7,0)+IF('Standard Profiles'!$G$18=$B$17,14,0)+IF('Standard Profiles'!$G$18=$B$24,21,0),0)),0)</f>
        <v>20.920488444805631</v>
      </c>
      <c r="E7010" cm="1">
        <f t="array" ref="E7010">IFERROR(INDEX(Jesper!AI$2:AI$366,ROUNDDOWN($C7010/24,0)+1,1)*INDEX($D$3:$AA$30,INDEX(Jesper!$R$2:$R$366,ROW(INDEX(Jesper!AI$2:AI$366,ROUNDDOWN($C7010/24,0)+1,1))-1)+IF('Standard Profiles'!$G$19=$B$10,7,0)+IF('Standard Profiles'!$G$19=$B$17,14,0)+IF('Standard Profiles'!$G$19=$B$24,21,0),MOD($C7010,24)+1)/SUM(INDEX($D$3:$AA$30,INDEX(Jesper!$R$2:$R$366,ROW(INDEX(Jesper!AI$2:AI$366,ROUNDDOWN($C7010/24,0)+1,1))-1)+IF('Standard Profiles'!$G$19=$B$10,7,0)+IF('Standard Profiles'!$G$19=$B$17,14,0)+IF('Standard Profiles'!$G$19=$B$24,21,0),0)),0)</f>
        <v>19.517838455116959</v>
      </c>
      <c r="F7010" cm="1">
        <f t="array" ref="F7010">IFERROR(INDEX(Jesper!AJ$2:AJ$366,ROUNDDOWN($C7010/24,0)+1,1)*INDEX($D$3:$AA$30,INDEX(Jesper!$R$2:$R$366,ROW(INDEX(Jesper!AJ$2:AJ$366,ROUNDDOWN($C7010/24,0)+1,1))-1)+IF('Standard Profiles'!$G$20=$B$10,7,0)+IF('Standard Profiles'!$G$20=$B$17,14,0)+IF('Standard Profiles'!$G$20=$B$24,21,0),MOD($C7010,24)+1)/SUM(INDEX($D$3:$AA$30,INDEX(Jesper!$R$2:$R$366,ROW(INDEX(Jesper!AJ$2:AJ$366,ROUNDDOWN($C7010/24,0)+1,1))-1)+IF('Standard Profiles'!$G$20=$B$10,7,0)+IF('Standard Profiles'!$G$20=$B$17,14,0)+IF('Standard Profiles'!$G$20=$B$24,21,0),0)),0)</f>
        <v>0</v>
      </c>
      <c r="G7010" cm="1">
        <f t="array" ref="G7010">IFERROR(INDEX(Jesper!AK$2:AK$366,ROUNDDOWN($C7010/24,0)+1,1)*INDEX($D$3:$AA$30,INDEX(Jesper!$R$2:$R$366,ROW(INDEX(Jesper!AK$2:AK$366,ROUNDDOWN($C7010/24,0)+1,1))-1)+IF('Standard Profiles'!$G$21=$B$10,7,0)+IF('Standard Profiles'!$G$21=$B$17,14,0)+IF('Standard Profiles'!$G$21=$B$24,21,0),MOD($C7010,24)+1)/SUM(INDEX($D$3:$AA$30,INDEX(Jesper!$R$2:$R$366,ROW(INDEX(Jesper!AK$2:AK$366,ROUNDDOWN($C7010/24,0)+1,1))-1)+IF('Standard Profiles'!$G$21=$B$10,7,0)+IF('Standard Profiles'!$G$21=$B$17,14,0)+IF('Standard Profiles'!$G$21=$B$24,21,0),0)),0)</f>
        <v>15.480129753276833</v>
      </c>
      <c r="H7010" cm="1">
        <f t="array" ref="H7010">IFERROR(INDEX(Jesper!AL$2:AL$366,ROUNDDOWN($C7010/24,0)+1,1)*INDEX($D$3:$AA$30,INDEX(Jesper!$R$2:$R$366,ROW(INDEX(Jesper!AL$2:AL$366,ROUNDDOWN($C7010/24,0)+1,1))-1)+IF('Standard Profiles'!$G$22=$B$10,7,0)+IF('Standard Profiles'!$G$22=$B$17,14,0)+IF('Standard Profiles'!$G$22=$B$24,21,0),MOD($C7010,24)+1)/SUM(INDEX($D$3:$AA$30,INDEX(Jesper!$R$2:$R$366,ROW(INDEX(Jesper!AL$2:AL$366,ROUNDDOWN($C7010/24,0)+1,1))-1)+IF('Standard Profiles'!$G$22=$B$10,7,0)+IF('Standard Profiles'!$G$22=$B$17,14,0)+IF('Standard Profiles'!$G$22=$B$24,21,0),0)),0)</f>
        <v>0</v>
      </c>
      <c r="I7010">
        <f t="shared" si="776"/>
        <v>7.4304622815728756</v>
      </c>
      <c r="J7010">
        <f t="shared" si="777"/>
        <v>45.140716220457648</v>
      </c>
      <c r="K7010">
        <f t="shared" si="778"/>
        <v>2.2315187674459342</v>
      </c>
      <c r="L7010">
        <f t="shared" si="779"/>
        <v>1.1157593837229671</v>
      </c>
      <c r="M7010">
        <f t="shared" si="780"/>
        <v>0</v>
      </c>
      <c r="N7010" s="45">
        <f t="shared" si="781"/>
        <v>45217.666666649748</v>
      </c>
    </row>
    <row r="7011" spans="2:14" x14ac:dyDescent="0.25">
      <c r="B7011">
        <f t="shared" ref="B7011:B7074" si="782">WEEKDAY(N7011,2)</f>
        <v>3</v>
      </c>
      <c r="C7011" s="16">
        <v>6977</v>
      </c>
      <c r="D7011" cm="1">
        <f t="array" ref="D7011">IFERROR(INDEX(Jesper!AH$2:AH$366,ROUNDDOWN($C7011/24,0)+1,1)*INDEX($D$3:$AA$30,INDEX(Jesper!$R$2:$R$366,ROW(INDEX(Jesper!AH$2:AH$366,ROUNDDOWN($C7011/24,0)+1,1))-1)+IF('Standard Profiles'!$G$18=$B$10,7,0)+IF('Standard Profiles'!$G$18=$B$17,14,0)+IF('Standard Profiles'!$G$18=$B$24,21,0),MOD($C7011,24)+1)/SUM(INDEX($D$3:$AA$30,INDEX(Jesper!$R$2:$R$366,ROW(INDEX(Jesper!AH$2:AH$366,ROUNDDOWN($C7011/24,0)+1,1))-1)+IF('Standard Profiles'!$G$18=$B$10,7,0)+IF('Standard Profiles'!$G$18=$B$17,14,0)+IF('Standard Profiles'!$G$18=$B$24,21,0),0)),0)</f>
        <v>8.9289323281287363</v>
      </c>
      <c r="E7011" cm="1">
        <f t="array" ref="E7011">IFERROR(INDEX(Jesper!AI$2:AI$366,ROUNDDOWN($C7011/24,0)+1,1)*INDEX($D$3:$AA$30,INDEX(Jesper!$R$2:$R$366,ROW(INDEX(Jesper!AI$2:AI$366,ROUNDDOWN($C7011/24,0)+1,1))-1)+IF('Standard Profiles'!$G$19=$B$10,7,0)+IF('Standard Profiles'!$G$19=$B$17,14,0)+IF('Standard Profiles'!$G$19=$B$24,21,0),MOD($C7011,24)+1)/SUM(INDEX($D$3:$AA$30,INDEX(Jesper!$R$2:$R$366,ROW(INDEX(Jesper!AI$2:AI$366,ROUNDDOWN($C7011/24,0)+1,1))-1)+IF('Standard Profiles'!$G$19=$B$10,7,0)+IF('Standard Profiles'!$G$19=$B$17,14,0)+IF('Standard Profiles'!$G$19=$B$24,21,0),0)),0)</f>
        <v>8.3302767627473138</v>
      </c>
      <c r="F7011" cm="1">
        <f t="array" ref="F7011">IFERROR(INDEX(Jesper!AJ$2:AJ$366,ROUNDDOWN($C7011/24,0)+1,1)*INDEX($D$3:$AA$30,INDEX(Jesper!$R$2:$R$366,ROW(INDEX(Jesper!AJ$2:AJ$366,ROUNDDOWN($C7011/24,0)+1,1))-1)+IF('Standard Profiles'!$G$20=$B$10,7,0)+IF('Standard Profiles'!$G$20=$B$17,14,0)+IF('Standard Profiles'!$G$20=$B$24,21,0),MOD($C7011,24)+1)/SUM(INDEX($D$3:$AA$30,INDEX(Jesper!$R$2:$R$366,ROW(INDEX(Jesper!AJ$2:AJ$366,ROUNDDOWN($C7011/24,0)+1,1))-1)+IF('Standard Profiles'!$G$20=$B$10,7,0)+IF('Standard Profiles'!$G$20=$B$17,14,0)+IF('Standard Profiles'!$G$20=$B$24,21,0),0)),0)</f>
        <v>0</v>
      </c>
      <c r="G7011" cm="1">
        <f t="array" ref="G7011">IFERROR(INDEX(Jesper!AK$2:AK$366,ROUNDDOWN($C7011/24,0)+1,1)*INDEX($D$3:$AA$30,INDEX(Jesper!$R$2:$R$366,ROW(INDEX(Jesper!AK$2:AK$366,ROUNDDOWN($C7011/24,0)+1,1))-1)+IF('Standard Profiles'!$G$21=$B$10,7,0)+IF('Standard Profiles'!$G$21=$B$17,14,0)+IF('Standard Profiles'!$G$21=$B$24,21,0),MOD($C7011,24)+1)/SUM(INDEX($D$3:$AA$30,INDEX(Jesper!$R$2:$R$366,ROW(INDEX(Jesper!AK$2:AK$366,ROUNDDOWN($C7011/24,0)+1,1))-1)+IF('Standard Profiles'!$G$21=$B$10,7,0)+IF('Standard Profiles'!$G$21=$B$17,14,0)+IF('Standard Profiles'!$G$21=$B$24,21,0),0)),0)</f>
        <v>12.308813562111794</v>
      </c>
      <c r="H7011" cm="1">
        <f t="array" ref="H7011">IFERROR(INDEX(Jesper!AL$2:AL$366,ROUNDDOWN($C7011/24,0)+1,1)*INDEX($D$3:$AA$30,INDEX(Jesper!$R$2:$R$366,ROW(INDEX(Jesper!AL$2:AL$366,ROUNDDOWN($C7011/24,0)+1,1))-1)+IF('Standard Profiles'!$G$22=$B$10,7,0)+IF('Standard Profiles'!$G$22=$B$17,14,0)+IF('Standard Profiles'!$G$22=$B$24,21,0),MOD($C7011,24)+1)/SUM(INDEX($D$3:$AA$30,INDEX(Jesper!$R$2:$R$366,ROW(INDEX(Jesper!AL$2:AL$366,ROUNDDOWN($C7011/24,0)+1,1))-1)+IF('Standard Profiles'!$G$22=$B$10,7,0)+IF('Standard Profiles'!$G$22=$B$17,14,0)+IF('Standard Profiles'!$G$22=$B$24,21,0),0)),0)</f>
        <v>0</v>
      </c>
      <c r="I7011">
        <f t="shared" ref="I7011:I7074" si="783">IF($B7011&lt;6,AC$37*$D7011+AC$38*$E7011+AC$39*$F7011+AC$40*$G7011,AC$46*$D7011+AC$47*$E7011+AC$48*$F7011+AC$49*$G7011+AC$50*$H7011)</f>
        <v>5.9082305098136585</v>
      </c>
      <c r="J7011">
        <f t="shared" ref="J7011:J7074" si="784">IF($B7011&lt;6,AD$37*$D7011+AD$38*$E7011+AD$39*$F7011+AD$40*$G7011,AD$46*$D7011+AD$47*$E7011+AD$48*$F7011+AD$49*$G7011+AD$50*$H7011)</f>
        <v>22.231162970673587</v>
      </c>
      <c r="K7011">
        <f t="shared" ref="K7011:K7074" si="785">IF($B7011&lt;6,AE$37*$D7011+AE$38*$E7011+AE$39*$F7011+AE$40*$G7011,AE$46*$D7011+AE$47*$E7011+AE$48*$F7011+AE$49*$G7011+AE$50*$H7011)</f>
        <v>0.95241944833373193</v>
      </c>
      <c r="L7011">
        <f t="shared" ref="L7011:L7074" si="786">IF($B7011&lt;6,AF$37*$D7011+AF$38*$E7011+AF$39*$F7011+AF$40*$G7011,AF$46*$D7011+AF$47*$E7011+AF$48*$F7011+AF$49*$G7011+AF$50*$H7011)</f>
        <v>0.47620972416686597</v>
      </c>
      <c r="M7011">
        <f t="shared" ref="M7011:M7074" si="787">IF($B7011&lt;6,AG$37*$D7011+AG$38*$E7011+AG$39*$F7011+AG$40*$G7011,AG$46*$D7011+AG$47*$E7011+AG$48*$F7011+AG$49*$G7011+AG$50*$H7011)</f>
        <v>0</v>
      </c>
      <c r="N7011" s="45">
        <f t="shared" si="781"/>
        <v>45217.708333316412</v>
      </c>
    </row>
    <row r="7012" spans="2:14" x14ac:dyDescent="0.25">
      <c r="B7012">
        <f t="shared" si="782"/>
        <v>3</v>
      </c>
      <c r="C7012" s="16">
        <v>6978</v>
      </c>
      <c r="D7012" cm="1">
        <f t="array" ref="D7012">IFERROR(INDEX(Jesper!AH$2:AH$366,ROUNDDOWN($C7012/24,0)+1,1)*INDEX($D$3:$AA$30,INDEX(Jesper!$R$2:$R$366,ROW(INDEX(Jesper!AH$2:AH$366,ROUNDDOWN($C7012/24,0)+1,1))-1)+IF('Standard Profiles'!$G$18=$B$10,7,0)+IF('Standard Profiles'!$G$18=$B$17,14,0)+IF('Standard Profiles'!$G$18=$B$24,21,0),MOD($C7012,24)+1)/SUM(INDEX($D$3:$AA$30,INDEX(Jesper!$R$2:$R$366,ROW(INDEX(Jesper!AH$2:AH$366,ROUNDDOWN($C7012/24,0)+1,1))-1)+IF('Standard Profiles'!$G$18=$B$10,7,0)+IF('Standard Profiles'!$G$18=$B$17,14,0)+IF('Standard Profiles'!$G$18=$B$24,21,0),0)),0)</f>
        <v>5.8930953365649659</v>
      </c>
      <c r="E7012" cm="1">
        <f t="array" ref="E7012">IFERROR(INDEX(Jesper!AI$2:AI$366,ROUNDDOWN($C7012/24,0)+1,1)*INDEX($D$3:$AA$30,INDEX(Jesper!$R$2:$R$366,ROW(INDEX(Jesper!AI$2:AI$366,ROUNDDOWN($C7012/24,0)+1,1))-1)+IF('Standard Profiles'!$G$19=$B$10,7,0)+IF('Standard Profiles'!$G$19=$B$17,14,0)+IF('Standard Profiles'!$G$19=$B$24,21,0),MOD($C7012,24)+1)/SUM(INDEX($D$3:$AA$30,INDEX(Jesper!$R$2:$R$366,ROW(INDEX(Jesper!AI$2:AI$366,ROUNDDOWN($C7012/24,0)+1,1))-1)+IF('Standard Profiles'!$G$19=$B$10,7,0)+IF('Standard Profiles'!$G$19=$B$17,14,0)+IF('Standard Profiles'!$G$19=$B$24,21,0),0)),0)</f>
        <v>5.4979826634132269</v>
      </c>
      <c r="F7012" cm="1">
        <f t="array" ref="F7012">IFERROR(INDEX(Jesper!AJ$2:AJ$366,ROUNDDOWN($C7012/24,0)+1,1)*INDEX($D$3:$AA$30,INDEX(Jesper!$R$2:$R$366,ROW(INDEX(Jesper!AJ$2:AJ$366,ROUNDDOWN($C7012/24,0)+1,1))-1)+IF('Standard Profiles'!$G$20=$B$10,7,0)+IF('Standard Profiles'!$G$20=$B$17,14,0)+IF('Standard Profiles'!$G$20=$B$24,21,0),MOD($C7012,24)+1)/SUM(INDEX($D$3:$AA$30,INDEX(Jesper!$R$2:$R$366,ROW(INDEX(Jesper!AJ$2:AJ$366,ROUNDDOWN($C7012/24,0)+1,1))-1)+IF('Standard Profiles'!$G$20=$B$10,7,0)+IF('Standard Profiles'!$G$20=$B$17,14,0)+IF('Standard Profiles'!$G$20=$B$24,21,0),0)),0)</f>
        <v>0</v>
      </c>
      <c r="G7012" cm="1">
        <f t="array" ref="G7012">IFERROR(INDEX(Jesper!AK$2:AK$366,ROUNDDOWN($C7012/24,0)+1,1)*INDEX($D$3:$AA$30,INDEX(Jesper!$R$2:$R$366,ROW(INDEX(Jesper!AK$2:AK$366,ROUNDDOWN($C7012/24,0)+1,1))-1)+IF('Standard Profiles'!$G$21=$B$10,7,0)+IF('Standard Profiles'!$G$21=$B$17,14,0)+IF('Standard Profiles'!$G$21=$B$24,21,0),MOD($C7012,24)+1)/SUM(INDEX($D$3:$AA$30,INDEX(Jesper!$R$2:$R$366,ROW(INDEX(Jesper!AK$2:AK$366,ROUNDDOWN($C7012/24,0)+1,1))-1)+IF('Standard Profiles'!$G$21=$B$10,7,0)+IF('Standard Profiles'!$G$21=$B$17,14,0)+IF('Standard Profiles'!$G$21=$B$24,21,0),0)),0)</f>
        <v>4.5630448793741589</v>
      </c>
      <c r="H7012" cm="1">
        <f t="array" ref="H7012">IFERROR(INDEX(Jesper!AL$2:AL$366,ROUNDDOWN($C7012/24,0)+1,1)*INDEX($D$3:$AA$30,INDEX(Jesper!$R$2:$R$366,ROW(INDEX(Jesper!AL$2:AL$366,ROUNDDOWN($C7012/24,0)+1,1))-1)+IF('Standard Profiles'!$G$22=$B$10,7,0)+IF('Standard Profiles'!$G$22=$B$17,14,0)+IF('Standard Profiles'!$G$22=$B$24,21,0),MOD($C7012,24)+1)/SUM(INDEX($D$3:$AA$30,INDEX(Jesper!$R$2:$R$366,ROW(INDEX(Jesper!AL$2:AL$366,ROUNDDOWN($C7012/24,0)+1,1))-1)+IF('Standard Profiles'!$G$22=$B$10,7,0)+IF('Standard Profiles'!$G$22=$B$17,14,0)+IF('Standard Profiles'!$G$22=$B$24,21,0),0)),0)</f>
        <v>0</v>
      </c>
      <c r="I7012">
        <f t="shared" si="783"/>
        <v>2.190261542099595</v>
      </c>
      <c r="J7012">
        <f t="shared" si="784"/>
        <v>12.820966083402363</v>
      </c>
      <c r="K7012">
        <f t="shared" si="785"/>
        <v>0.62859683590026305</v>
      </c>
      <c r="L7012">
        <f t="shared" si="786"/>
        <v>0.31429841795013153</v>
      </c>
      <c r="M7012">
        <f t="shared" si="787"/>
        <v>0</v>
      </c>
      <c r="N7012" s="45">
        <f t="shared" ref="N7012:N7075" si="788">N7011+1/24</f>
        <v>45217.749999983076</v>
      </c>
    </row>
    <row r="7013" spans="2:14" x14ac:dyDescent="0.25">
      <c r="B7013">
        <f t="shared" si="782"/>
        <v>3</v>
      </c>
      <c r="C7013" s="16">
        <v>6979</v>
      </c>
      <c r="D7013" cm="1">
        <f t="array" ref="D7013">IFERROR(INDEX(Jesper!AH$2:AH$366,ROUNDDOWN($C7013/24,0)+1,1)*INDEX($D$3:$AA$30,INDEX(Jesper!$R$2:$R$366,ROW(INDEX(Jesper!AH$2:AH$366,ROUNDDOWN($C7013/24,0)+1,1))-1)+IF('Standard Profiles'!$G$18=$B$10,7,0)+IF('Standard Profiles'!$G$18=$B$17,14,0)+IF('Standard Profiles'!$G$18=$B$24,21,0),MOD($C7013,24)+1)/SUM(INDEX($D$3:$AA$30,INDEX(Jesper!$R$2:$R$366,ROW(INDEX(Jesper!AH$2:AH$366,ROUNDDOWN($C7013/24,0)+1,1))-1)+IF('Standard Profiles'!$G$18=$B$10,7,0)+IF('Standard Profiles'!$G$18=$B$17,14,0)+IF('Standard Profiles'!$G$18=$B$24,21,0),0)),0)</f>
        <v>5.8930953365649659</v>
      </c>
      <c r="E7013" cm="1">
        <f t="array" ref="E7013">IFERROR(INDEX(Jesper!AI$2:AI$366,ROUNDDOWN($C7013/24,0)+1,1)*INDEX($D$3:$AA$30,INDEX(Jesper!$R$2:$R$366,ROW(INDEX(Jesper!AI$2:AI$366,ROUNDDOWN($C7013/24,0)+1,1))-1)+IF('Standard Profiles'!$G$19=$B$10,7,0)+IF('Standard Profiles'!$G$19=$B$17,14,0)+IF('Standard Profiles'!$G$19=$B$24,21,0),MOD($C7013,24)+1)/SUM(INDEX($D$3:$AA$30,INDEX(Jesper!$R$2:$R$366,ROW(INDEX(Jesper!AI$2:AI$366,ROUNDDOWN($C7013/24,0)+1,1))-1)+IF('Standard Profiles'!$G$19=$B$10,7,0)+IF('Standard Profiles'!$G$19=$B$17,14,0)+IF('Standard Profiles'!$G$19=$B$24,21,0),0)),0)</f>
        <v>5.4979826634132269</v>
      </c>
      <c r="F7013" cm="1">
        <f t="array" ref="F7013">IFERROR(INDEX(Jesper!AJ$2:AJ$366,ROUNDDOWN($C7013/24,0)+1,1)*INDEX($D$3:$AA$30,INDEX(Jesper!$R$2:$R$366,ROW(INDEX(Jesper!AJ$2:AJ$366,ROUNDDOWN($C7013/24,0)+1,1))-1)+IF('Standard Profiles'!$G$20=$B$10,7,0)+IF('Standard Profiles'!$G$20=$B$17,14,0)+IF('Standard Profiles'!$G$20=$B$24,21,0),MOD($C7013,24)+1)/SUM(INDEX($D$3:$AA$30,INDEX(Jesper!$R$2:$R$366,ROW(INDEX(Jesper!AJ$2:AJ$366,ROUNDDOWN($C7013/24,0)+1,1))-1)+IF('Standard Profiles'!$G$20=$B$10,7,0)+IF('Standard Profiles'!$G$20=$B$17,14,0)+IF('Standard Profiles'!$G$20=$B$24,21,0),0)),0)</f>
        <v>0</v>
      </c>
      <c r="G7013" cm="1">
        <f t="array" ref="G7013">IFERROR(INDEX(Jesper!AK$2:AK$366,ROUNDDOWN($C7013/24,0)+1,1)*INDEX($D$3:$AA$30,INDEX(Jesper!$R$2:$R$366,ROW(INDEX(Jesper!AK$2:AK$366,ROUNDDOWN($C7013/24,0)+1,1))-1)+IF('Standard Profiles'!$G$21=$B$10,7,0)+IF('Standard Profiles'!$G$21=$B$17,14,0)+IF('Standard Profiles'!$G$21=$B$24,21,0),MOD($C7013,24)+1)/SUM(INDEX($D$3:$AA$30,INDEX(Jesper!$R$2:$R$366,ROW(INDEX(Jesper!AK$2:AK$366,ROUNDDOWN($C7013/24,0)+1,1))-1)+IF('Standard Profiles'!$G$21=$B$10,7,0)+IF('Standard Profiles'!$G$21=$B$17,14,0)+IF('Standard Profiles'!$G$21=$B$24,21,0),0)),0)</f>
        <v>4.5630448793741589</v>
      </c>
      <c r="H7013" cm="1">
        <f t="array" ref="H7013">IFERROR(INDEX(Jesper!AL$2:AL$366,ROUNDDOWN($C7013/24,0)+1,1)*INDEX($D$3:$AA$30,INDEX(Jesper!$R$2:$R$366,ROW(INDEX(Jesper!AL$2:AL$366,ROUNDDOWN($C7013/24,0)+1,1))-1)+IF('Standard Profiles'!$G$22=$B$10,7,0)+IF('Standard Profiles'!$G$22=$B$17,14,0)+IF('Standard Profiles'!$G$22=$B$24,21,0),MOD($C7013,24)+1)/SUM(INDEX($D$3:$AA$30,INDEX(Jesper!$R$2:$R$366,ROW(INDEX(Jesper!AL$2:AL$366,ROUNDDOWN($C7013/24,0)+1,1))-1)+IF('Standard Profiles'!$G$22=$B$10,7,0)+IF('Standard Profiles'!$G$22=$B$17,14,0)+IF('Standard Profiles'!$G$22=$B$24,21,0),0)),0)</f>
        <v>0</v>
      </c>
      <c r="I7013">
        <f t="shared" si="783"/>
        <v>2.190261542099595</v>
      </c>
      <c r="J7013">
        <f t="shared" si="784"/>
        <v>12.820966083402363</v>
      </c>
      <c r="K7013">
        <f t="shared" si="785"/>
        <v>0.62859683590026305</v>
      </c>
      <c r="L7013">
        <f t="shared" si="786"/>
        <v>0.31429841795013153</v>
      </c>
      <c r="M7013">
        <f t="shared" si="787"/>
        <v>0</v>
      </c>
      <c r="N7013" s="45">
        <f t="shared" si="788"/>
        <v>45217.79166664974</v>
      </c>
    </row>
    <row r="7014" spans="2:14" x14ac:dyDescent="0.25">
      <c r="B7014">
        <f t="shared" si="782"/>
        <v>3</v>
      </c>
      <c r="C7014" s="16">
        <v>6980</v>
      </c>
      <c r="D7014" cm="1">
        <f t="array" ref="D7014">IFERROR(INDEX(Jesper!AH$2:AH$366,ROUNDDOWN($C7014/24,0)+1,1)*INDEX($D$3:$AA$30,INDEX(Jesper!$R$2:$R$366,ROW(INDEX(Jesper!AH$2:AH$366,ROUNDDOWN($C7014/24,0)+1,1))-1)+IF('Standard Profiles'!$G$18=$B$10,7,0)+IF('Standard Profiles'!$G$18=$B$17,14,0)+IF('Standard Profiles'!$G$18=$B$24,21,0),MOD($C7014,24)+1)/SUM(INDEX($D$3:$AA$30,INDEX(Jesper!$R$2:$R$366,ROW(INDEX(Jesper!AH$2:AH$366,ROUNDDOWN($C7014/24,0)+1,1))-1)+IF('Standard Profiles'!$G$18=$B$10,7,0)+IF('Standard Profiles'!$G$18=$B$17,14,0)+IF('Standard Profiles'!$G$18=$B$24,21,0),0)),0)</f>
        <v>5.8930953365649659</v>
      </c>
      <c r="E7014" cm="1">
        <f t="array" ref="E7014">IFERROR(INDEX(Jesper!AI$2:AI$366,ROUNDDOWN($C7014/24,0)+1,1)*INDEX($D$3:$AA$30,INDEX(Jesper!$R$2:$R$366,ROW(INDEX(Jesper!AI$2:AI$366,ROUNDDOWN($C7014/24,0)+1,1))-1)+IF('Standard Profiles'!$G$19=$B$10,7,0)+IF('Standard Profiles'!$G$19=$B$17,14,0)+IF('Standard Profiles'!$G$19=$B$24,21,0),MOD($C7014,24)+1)/SUM(INDEX($D$3:$AA$30,INDEX(Jesper!$R$2:$R$366,ROW(INDEX(Jesper!AI$2:AI$366,ROUNDDOWN($C7014/24,0)+1,1))-1)+IF('Standard Profiles'!$G$19=$B$10,7,0)+IF('Standard Profiles'!$G$19=$B$17,14,0)+IF('Standard Profiles'!$G$19=$B$24,21,0),0)),0)</f>
        <v>5.4979826634132269</v>
      </c>
      <c r="F7014" cm="1">
        <f t="array" ref="F7014">IFERROR(INDEX(Jesper!AJ$2:AJ$366,ROUNDDOWN($C7014/24,0)+1,1)*INDEX($D$3:$AA$30,INDEX(Jesper!$R$2:$R$366,ROW(INDEX(Jesper!AJ$2:AJ$366,ROUNDDOWN($C7014/24,0)+1,1))-1)+IF('Standard Profiles'!$G$20=$B$10,7,0)+IF('Standard Profiles'!$G$20=$B$17,14,0)+IF('Standard Profiles'!$G$20=$B$24,21,0),MOD($C7014,24)+1)/SUM(INDEX($D$3:$AA$30,INDEX(Jesper!$R$2:$R$366,ROW(INDEX(Jesper!AJ$2:AJ$366,ROUNDDOWN($C7014/24,0)+1,1))-1)+IF('Standard Profiles'!$G$20=$B$10,7,0)+IF('Standard Profiles'!$G$20=$B$17,14,0)+IF('Standard Profiles'!$G$20=$B$24,21,0),0)),0)</f>
        <v>0</v>
      </c>
      <c r="G7014" cm="1">
        <f t="array" ref="G7014">IFERROR(INDEX(Jesper!AK$2:AK$366,ROUNDDOWN($C7014/24,0)+1,1)*INDEX($D$3:$AA$30,INDEX(Jesper!$R$2:$R$366,ROW(INDEX(Jesper!AK$2:AK$366,ROUNDDOWN($C7014/24,0)+1,1))-1)+IF('Standard Profiles'!$G$21=$B$10,7,0)+IF('Standard Profiles'!$G$21=$B$17,14,0)+IF('Standard Profiles'!$G$21=$B$24,21,0),MOD($C7014,24)+1)/SUM(INDEX($D$3:$AA$30,INDEX(Jesper!$R$2:$R$366,ROW(INDEX(Jesper!AK$2:AK$366,ROUNDDOWN($C7014/24,0)+1,1))-1)+IF('Standard Profiles'!$G$21=$B$10,7,0)+IF('Standard Profiles'!$G$21=$B$17,14,0)+IF('Standard Profiles'!$G$21=$B$24,21,0),0)),0)</f>
        <v>4.5630448793741589</v>
      </c>
      <c r="H7014" cm="1">
        <f t="array" ref="H7014">IFERROR(INDEX(Jesper!AL$2:AL$366,ROUNDDOWN($C7014/24,0)+1,1)*INDEX($D$3:$AA$30,INDEX(Jesper!$R$2:$R$366,ROW(INDEX(Jesper!AL$2:AL$366,ROUNDDOWN($C7014/24,0)+1,1))-1)+IF('Standard Profiles'!$G$22=$B$10,7,0)+IF('Standard Profiles'!$G$22=$B$17,14,0)+IF('Standard Profiles'!$G$22=$B$24,21,0),MOD($C7014,24)+1)/SUM(INDEX($D$3:$AA$30,INDEX(Jesper!$R$2:$R$366,ROW(INDEX(Jesper!AL$2:AL$366,ROUNDDOWN($C7014/24,0)+1,1))-1)+IF('Standard Profiles'!$G$22=$B$10,7,0)+IF('Standard Profiles'!$G$22=$B$17,14,0)+IF('Standard Profiles'!$G$22=$B$24,21,0),0)),0)</f>
        <v>0</v>
      </c>
      <c r="I7014">
        <f t="shared" si="783"/>
        <v>2.190261542099595</v>
      </c>
      <c r="J7014">
        <f t="shared" si="784"/>
        <v>12.820966083402363</v>
      </c>
      <c r="K7014">
        <f t="shared" si="785"/>
        <v>0.62859683590026305</v>
      </c>
      <c r="L7014">
        <f t="shared" si="786"/>
        <v>0.31429841795013153</v>
      </c>
      <c r="M7014">
        <f t="shared" si="787"/>
        <v>0</v>
      </c>
      <c r="N7014" s="45">
        <f t="shared" si="788"/>
        <v>45217.833333316405</v>
      </c>
    </row>
    <row r="7015" spans="2:14" x14ac:dyDescent="0.25">
      <c r="B7015">
        <f t="shared" si="782"/>
        <v>3</v>
      </c>
      <c r="C7015" s="16">
        <v>6981</v>
      </c>
      <c r="D7015" cm="1">
        <f t="array" ref="D7015">IFERROR(INDEX(Jesper!AH$2:AH$366,ROUNDDOWN($C7015/24,0)+1,1)*INDEX($D$3:$AA$30,INDEX(Jesper!$R$2:$R$366,ROW(INDEX(Jesper!AH$2:AH$366,ROUNDDOWN($C7015/24,0)+1,1))-1)+IF('Standard Profiles'!$G$18=$B$10,7,0)+IF('Standard Profiles'!$G$18=$B$17,14,0)+IF('Standard Profiles'!$G$18=$B$24,21,0),MOD($C7015,24)+1)/SUM(INDEX($D$3:$AA$30,INDEX(Jesper!$R$2:$R$366,ROW(INDEX(Jesper!AH$2:AH$366,ROUNDDOWN($C7015/24,0)+1,1))-1)+IF('Standard Profiles'!$G$18=$B$10,7,0)+IF('Standard Profiles'!$G$18=$B$17,14,0)+IF('Standard Profiles'!$G$18=$B$24,21,0),0)),0)</f>
        <v>5.8930953365649659</v>
      </c>
      <c r="E7015" cm="1">
        <f t="array" ref="E7015">IFERROR(INDEX(Jesper!AI$2:AI$366,ROUNDDOWN($C7015/24,0)+1,1)*INDEX($D$3:$AA$30,INDEX(Jesper!$R$2:$R$366,ROW(INDEX(Jesper!AI$2:AI$366,ROUNDDOWN($C7015/24,0)+1,1))-1)+IF('Standard Profiles'!$G$19=$B$10,7,0)+IF('Standard Profiles'!$G$19=$B$17,14,0)+IF('Standard Profiles'!$G$19=$B$24,21,0),MOD($C7015,24)+1)/SUM(INDEX($D$3:$AA$30,INDEX(Jesper!$R$2:$R$366,ROW(INDEX(Jesper!AI$2:AI$366,ROUNDDOWN($C7015/24,0)+1,1))-1)+IF('Standard Profiles'!$G$19=$B$10,7,0)+IF('Standard Profiles'!$G$19=$B$17,14,0)+IF('Standard Profiles'!$G$19=$B$24,21,0),0)),0)</f>
        <v>5.4979826634132269</v>
      </c>
      <c r="F7015" cm="1">
        <f t="array" ref="F7015">IFERROR(INDEX(Jesper!AJ$2:AJ$366,ROUNDDOWN($C7015/24,0)+1,1)*INDEX($D$3:$AA$30,INDEX(Jesper!$R$2:$R$366,ROW(INDEX(Jesper!AJ$2:AJ$366,ROUNDDOWN($C7015/24,0)+1,1))-1)+IF('Standard Profiles'!$G$20=$B$10,7,0)+IF('Standard Profiles'!$G$20=$B$17,14,0)+IF('Standard Profiles'!$G$20=$B$24,21,0),MOD($C7015,24)+1)/SUM(INDEX($D$3:$AA$30,INDEX(Jesper!$R$2:$R$366,ROW(INDEX(Jesper!AJ$2:AJ$366,ROUNDDOWN($C7015/24,0)+1,1))-1)+IF('Standard Profiles'!$G$20=$B$10,7,0)+IF('Standard Profiles'!$G$20=$B$17,14,0)+IF('Standard Profiles'!$G$20=$B$24,21,0),0)),0)</f>
        <v>0</v>
      </c>
      <c r="G7015" cm="1">
        <f t="array" ref="G7015">IFERROR(INDEX(Jesper!AK$2:AK$366,ROUNDDOWN($C7015/24,0)+1,1)*INDEX($D$3:$AA$30,INDEX(Jesper!$R$2:$R$366,ROW(INDEX(Jesper!AK$2:AK$366,ROUNDDOWN($C7015/24,0)+1,1))-1)+IF('Standard Profiles'!$G$21=$B$10,7,0)+IF('Standard Profiles'!$G$21=$B$17,14,0)+IF('Standard Profiles'!$G$21=$B$24,21,0),MOD($C7015,24)+1)/SUM(INDEX($D$3:$AA$30,INDEX(Jesper!$R$2:$R$366,ROW(INDEX(Jesper!AK$2:AK$366,ROUNDDOWN($C7015/24,0)+1,1))-1)+IF('Standard Profiles'!$G$21=$B$10,7,0)+IF('Standard Profiles'!$G$21=$B$17,14,0)+IF('Standard Profiles'!$G$21=$B$24,21,0),0)),0)</f>
        <v>4.5630448793741589</v>
      </c>
      <c r="H7015" cm="1">
        <f t="array" ref="H7015">IFERROR(INDEX(Jesper!AL$2:AL$366,ROUNDDOWN($C7015/24,0)+1,1)*INDEX($D$3:$AA$30,INDEX(Jesper!$R$2:$R$366,ROW(INDEX(Jesper!AL$2:AL$366,ROUNDDOWN($C7015/24,0)+1,1))-1)+IF('Standard Profiles'!$G$22=$B$10,7,0)+IF('Standard Profiles'!$G$22=$B$17,14,0)+IF('Standard Profiles'!$G$22=$B$24,21,0),MOD($C7015,24)+1)/SUM(INDEX($D$3:$AA$30,INDEX(Jesper!$R$2:$R$366,ROW(INDEX(Jesper!AL$2:AL$366,ROUNDDOWN($C7015/24,0)+1,1))-1)+IF('Standard Profiles'!$G$22=$B$10,7,0)+IF('Standard Profiles'!$G$22=$B$17,14,0)+IF('Standard Profiles'!$G$22=$B$24,21,0),0)),0)</f>
        <v>0</v>
      </c>
      <c r="I7015">
        <f t="shared" si="783"/>
        <v>2.190261542099595</v>
      </c>
      <c r="J7015">
        <f t="shared" si="784"/>
        <v>12.820966083402363</v>
      </c>
      <c r="K7015">
        <f t="shared" si="785"/>
        <v>0.62859683590026305</v>
      </c>
      <c r="L7015">
        <f t="shared" si="786"/>
        <v>0.31429841795013153</v>
      </c>
      <c r="M7015">
        <f t="shared" si="787"/>
        <v>0</v>
      </c>
      <c r="N7015" s="45">
        <f t="shared" si="788"/>
        <v>45217.874999983069</v>
      </c>
    </row>
    <row r="7016" spans="2:14" x14ac:dyDescent="0.25">
      <c r="B7016">
        <f t="shared" si="782"/>
        <v>3</v>
      </c>
      <c r="C7016" s="16">
        <v>6982</v>
      </c>
      <c r="D7016" cm="1">
        <f t="array" ref="D7016">IFERROR(INDEX(Jesper!AH$2:AH$366,ROUNDDOWN($C7016/24,0)+1,1)*INDEX($D$3:$AA$30,INDEX(Jesper!$R$2:$R$366,ROW(INDEX(Jesper!AH$2:AH$366,ROUNDDOWN($C7016/24,0)+1,1))-1)+IF('Standard Profiles'!$G$18=$B$10,7,0)+IF('Standard Profiles'!$G$18=$B$17,14,0)+IF('Standard Profiles'!$G$18=$B$24,21,0),MOD($C7016,24)+1)/SUM(INDEX($D$3:$AA$30,INDEX(Jesper!$R$2:$R$366,ROW(INDEX(Jesper!AH$2:AH$366,ROUNDDOWN($C7016/24,0)+1,1))-1)+IF('Standard Profiles'!$G$18=$B$10,7,0)+IF('Standard Profiles'!$G$18=$B$17,14,0)+IF('Standard Profiles'!$G$18=$B$24,21,0),0)),0)</f>
        <v>5.8930953365649659</v>
      </c>
      <c r="E7016" cm="1">
        <f t="array" ref="E7016">IFERROR(INDEX(Jesper!AI$2:AI$366,ROUNDDOWN($C7016/24,0)+1,1)*INDEX($D$3:$AA$30,INDEX(Jesper!$R$2:$R$366,ROW(INDEX(Jesper!AI$2:AI$366,ROUNDDOWN($C7016/24,0)+1,1))-1)+IF('Standard Profiles'!$G$19=$B$10,7,0)+IF('Standard Profiles'!$G$19=$B$17,14,0)+IF('Standard Profiles'!$G$19=$B$24,21,0),MOD($C7016,24)+1)/SUM(INDEX($D$3:$AA$30,INDEX(Jesper!$R$2:$R$366,ROW(INDEX(Jesper!AI$2:AI$366,ROUNDDOWN($C7016/24,0)+1,1))-1)+IF('Standard Profiles'!$G$19=$B$10,7,0)+IF('Standard Profiles'!$G$19=$B$17,14,0)+IF('Standard Profiles'!$G$19=$B$24,21,0),0)),0)</f>
        <v>5.4979826634132269</v>
      </c>
      <c r="F7016" cm="1">
        <f t="array" ref="F7016">IFERROR(INDEX(Jesper!AJ$2:AJ$366,ROUNDDOWN($C7016/24,0)+1,1)*INDEX($D$3:$AA$30,INDEX(Jesper!$R$2:$R$366,ROW(INDEX(Jesper!AJ$2:AJ$366,ROUNDDOWN($C7016/24,0)+1,1))-1)+IF('Standard Profiles'!$G$20=$B$10,7,0)+IF('Standard Profiles'!$G$20=$B$17,14,0)+IF('Standard Profiles'!$G$20=$B$24,21,0),MOD($C7016,24)+1)/SUM(INDEX($D$3:$AA$30,INDEX(Jesper!$R$2:$R$366,ROW(INDEX(Jesper!AJ$2:AJ$366,ROUNDDOWN($C7016/24,0)+1,1))-1)+IF('Standard Profiles'!$G$20=$B$10,7,0)+IF('Standard Profiles'!$G$20=$B$17,14,0)+IF('Standard Profiles'!$G$20=$B$24,21,0),0)),0)</f>
        <v>0</v>
      </c>
      <c r="G7016" cm="1">
        <f t="array" ref="G7016">IFERROR(INDEX(Jesper!AK$2:AK$366,ROUNDDOWN($C7016/24,0)+1,1)*INDEX($D$3:$AA$30,INDEX(Jesper!$R$2:$R$366,ROW(INDEX(Jesper!AK$2:AK$366,ROUNDDOWN($C7016/24,0)+1,1))-1)+IF('Standard Profiles'!$G$21=$B$10,7,0)+IF('Standard Profiles'!$G$21=$B$17,14,0)+IF('Standard Profiles'!$G$21=$B$24,21,0),MOD($C7016,24)+1)/SUM(INDEX($D$3:$AA$30,INDEX(Jesper!$R$2:$R$366,ROW(INDEX(Jesper!AK$2:AK$366,ROUNDDOWN($C7016/24,0)+1,1))-1)+IF('Standard Profiles'!$G$21=$B$10,7,0)+IF('Standard Profiles'!$G$21=$B$17,14,0)+IF('Standard Profiles'!$G$21=$B$24,21,0),0)),0)</f>
        <v>4.5630448793741589</v>
      </c>
      <c r="H7016" cm="1">
        <f t="array" ref="H7016">IFERROR(INDEX(Jesper!AL$2:AL$366,ROUNDDOWN($C7016/24,0)+1,1)*INDEX($D$3:$AA$30,INDEX(Jesper!$R$2:$R$366,ROW(INDEX(Jesper!AL$2:AL$366,ROUNDDOWN($C7016/24,0)+1,1))-1)+IF('Standard Profiles'!$G$22=$B$10,7,0)+IF('Standard Profiles'!$G$22=$B$17,14,0)+IF('Standard Profiles'!$G$22=$B$24,21,0),MOD($C7016,24)+1)/SUM(INDEX($D$3:$AA$30,INDEX(Jesper!$R$2:$R$366,ROW(INDEX(Jesper!AL$2:AL$366,ROUNDDOWN($C7016/24,0)+1,1))-1)+IF('Standard Profiles'!$G$22=$B$10,7,0)+IF('Standard Profiles'!$G$22=$B$17,14,0)+IF('Standard Profiles'!$G$22=$B$24,21,0),0)),0)</f>
        <v>0</v>
      </c>
      <c r="I7016">
        <f t="shared" si="783"/>
        <v>2.190261542099595</v>
      </c>
      <c r="J7016">
        <f t="shared" si="784"/>
        <v>12.820966083402363</v>
      </c>
      <c r="K7016">
        <f t="shared" si="785"/>
        <v>0.62859683590026305</v>
      </c>
      <c r="L7016">
        <f t="shared" si="786"/>
        <v>0.31429841795013153</v>
      </c>
      <c r="M7016">
        <f t="shared" si="787"/>
        <v>0</v>
      </c>
      <c r="N7016" s="45">
        <f t="shared" si="788"/>
        <v>45217.916666649733</v>
      </c>
    </row>
    <row r="7017" spans="2:14" x14ac:dyDescent="0.25">
      <c r="B7017">
        <f t="shared" si="782"/>
        <v>3</v>
      </c>
      <c r="C7017" s="16">
        <v>6983</v>
      </c>
      <c r="D7017" cm="1">
        <f t="array" ref="D7017">IFERROR(INDEX(Jesper!AH$2:AH$366,ROUNDDOWN($C7017/24,0)+1,1)*INDEX($D$3:$AA$30,INDEX(Jesper!$R$2:$R$366,ROW(INDEX(Jesper!AH$2:AH$366,ROUNDDOWN($C7017/24,0)+1,1))-1)+IF('Standard Profiles'!$G$18=$B$10,7,0)+IF('Standard Profiles'!$G$18=$B$17,14,0)+IF('Standard Profiles'!$G$18=$B$24,21,0),MOD($C7017,24)+1)/SUM(INDEX($D$3:$AA$30,INDEX(Jesper!$R$2:$R$366,ROW(INDEX(Jesper!AH$2:AH$366,ROUNDDOWN($C7017/24,0)+1,1))-1)+IF('Standard Profiles'!$G$18=$B$10,7,0)+IF('Standard Profiles'!$G$18=$B$17,14,0)+IF('Standard Profiles'!$G$18=$B$24,21,0),0)),0)</f>
        <v>5.8930953365649659</v>
      </c>
      <c r="E7017" cm="1">
        <f t="array" ref="E7017">IFERROR(INDEX(Jesper!AI$2:AI$366,ROUNDDOWN($C7017/24,0)+1,1)*INDEX($D$3:$AA$30,INDEX(Jesper!$R$2:$R$366,ROW(INDEX(Jesper!AI$2:AI$366,ROUNDDOWN($C7017/24,0)+1,1))-1)+IF('Standard Profiles'!$G$19=$B$10,7,0)+IF('Standard Profiles'!$G$19=$B$17,14,0)+IF('Standard Profiles'!$G$19=$B$24,21,0),MOD($C7017,24)+1)/SUM(INDEX($D$3:$AA$30,INDEX(Jesper!$R$2:$R$366,ROW(INDEX(Jesper!AI$2:AI$366,ROUNDDOWN($C7017/24,0)+1,1))-1)+IF('Standard Profiles'!$G$19=$B$10,7,0)+IF('Standard Profiles'!$G$19=$B$17,14,0)+IF('Standard Profiles'!$G$19=$B$24,21,0),0)),0)</f>
        <v>5.4979826634132269</v>
      </c>
      <c r="F7017" cm="1">
        <f t="array" ref="F7017">IFERROR(INDEX(Jesper!AJ$2:AJ$366,ROUNDDOWN($C7017/24,0)+1,1)*INDEX($D$3:$AA$30,INDEX(Jesper!$R$2:$R$366,ROW(INDEX(Jesper!AJ$2:AJ$366,ROUNDDOWN($C7017/24,0)+1,1))-1)+IF('Standard Profiles'!$G$20=$B$10,7,0)+IF('Standard Profiles'!$G$20=$B$17,14,0)+IF('Standard Profiles'!$G$20=$B$24,21,0),MOD($C7017,24)+1)/SUM(INDEX($D$3:$AA$30,INDEX(Jesper!$R$2:$R$366,ROW(INDEX(Jesper!AJ$2:AJ$366,ROUNDDOWN($C7017/24,0)+1,1))-1)+IF('Standard Profiles'!$G$20=$B$10,7,0)+IF('Standard Profiles'!$G$20=$B$17,14,0)+IF('Standard Profiles'!$G$20=$B$24,21,0),0)),0)</f>
        <v>0</v>
      </c>
      <c r="G7017" cm="1">
        <f t="array" ref="G7017">IFERROR(INDEX(Jesper!AK$2:AK$366,ROUNDDOWN($C7017/24,0)+1,1)*INDEX($D$3:$AA$30,INDEX(Jesper!$R$2:$R$366,ROW(INDEX(Jesper!AK$2:AK$366,ROUNDDOWN($C7017/24,0)+1,1))-1)+IF('Standard Profiles'!$G$21=$B$10,7,0)+IF('Standard Profiles'!$G$21=$B$17,14,0)+IF('Standard Profiles'!$G$21=$B$24,21,0),MOD($C7017,24)+1)/SUM(INDEX($D$3:$AA$30,INDEX(Jesper!$R$2:$R$366,ROW(INDEX(Jesper!AK$2:AK$366,ROUNDDOWN($C7017/24,0)+1,1))-1)+IF('Standard Profiles'!$G$21=$B$10,7,0)+IF('Standard Profiles'!$G$21=$B$17,14,0)+IF('Standard Profiles'!$G$21=$B$24,21,0),0)),0)</f>
        <v>4.5630448793741589</v>
      </c>
      <c r="H7017" cm="1">
        <f t="array" ref="H7017">IFERROR(INDEX(Jesper!AL$2:AL$366,ROUNDDOWN($C7017/24,0)+1,1)*INDEX($D$3:$AA$30,INDEX(Jesper!$R$2:$R$366,ROW(INDEX(Jesper!AL$2:AL$366,ROUNDDOWN($C7017/24,0)+1,1))-1)+IF('Standard Profiles'!$G$22=$B$10,7,0)+IF('Standard Profiles'!$G$22=$B$17,14,0)+IF('Standard Profiles'!$G$22=$B$24,21,0),MOD($C7017,24)+1)/SUM(INDEX($D$3:$AA$30,INDEX(Jesper!$R$2:$R$366,ROW(INDEX(Jesper!AL$2:AL$366,ROUNDDOWN($C7017/24,0)+1,1))-1)+IF('Standard Profiles'!$G$22=$B$10,7,0)+IF('Standard Profiles'!$G$22=$B$17,14,0)+IF('Standard Profiles'!$G$22=$B$24,21,0),0)),0)</f>
        <v>0</v>
      </c>
      <c r="I7017">
        <f t="shared" si="783"/>
        <v>2.190261542099595</v>
      </c>
      <c r="J7017">
        <f t="shared" si="784"/>
        <v>12.820966083402363</v>
      </c>
      <c r="K7017">
        <f t="shared" si="785"/>
        <v>0.62859683590026305</v>
      </c>
      <c r="L7017">
        <f t="shared" si="786"/>
        <v>0.31429841795013153</v>
      </c>
      <c r="M7017">
        <f t="shared" si="787"/>
        <v>0</v>
      </c>
      <c r="N7017" s="45">
        <f t="shared" si="788"/>
        <v>45217.958333316397</v>
      </c>
    </row>
    <row r="7018" spans="2:14" x14ac:dyDescent="0.25">
      <c r="B7018">
        <f t="shared" si="782"/>
        <v>4</v>
      </c>
      <c r="C7018" s="16">
        <v>6984</v>
      </c>
      <c r="D7018" cm="1">
        <f t="array" ref="D7018">IFERROR(INDEX(Jesper!AH$2:AH$366,ROUNDDOWN($C7018/24,0)+1,1)*INDEX($D$3:$AA$30,INDEX(Jesper!$R$2:$R$366,ROW(INDEX(Jesper!AH$2:AH$366,ROUNDDOWN($C7018/24,0)+1,1))-1)+IF('Standard Profiles'!$G$18=$B$10,7,0)+IF('Standard Profiles'!$G$18=$B$17,14,0)+IF('Standard Profiles'!$G$18=$B$24,21,0),MOD($C7018,24)+1)/SUM(INDEX($D$3:$AA$30,INDEX(Jesper!$R$2:$R$366,ROW(INDEX(Jesper!AH$2:AH$366,ROUNDDOWN($C7018/24,0)+1,1))-1)+IF('Standard Profiles'!$G$18=$B$10,7,0)+IF('Standard Profiles'!$G$18=$B$17,14,0)+IF('Standard Profiles'!$G$18=$B$24,21,0),0)),0)</f>
        <v>5.7419181937384129</v>
      </c>
      <c r="E7018" cm="1">
        <f t="array" ref="E7018">IFERROR(INDEX(Jesper!AI$2:AI$366,ROUNDDOWN($C7018/24,0)+1,1)*INDEX($D$3:$AA$30,INDEX(Jesper!$R$2:$R$366,ROW(INDEX(Jesper!AI$2:AI$366,ROUNDDOWN($C7018/24,0)+1,1))-1)+IF('Standard Profiles'!$G$19=$B$10,7,0)+IF('Standard Profiles'!$G$19=$B$17,14,0)+IF('Standard Profiles'!$G$19=$B$24,21,0),MOD($C7018,24)+1)/SUM(INDEX($D$3:$AA$30,INDEX(Jesper!$R$2:$R$366,ROW(INDEX(Jesper!AI$2:AI$366,ROUNDDOWN($C7018/24,0)+1,1))-1)+IF('Standard Profiles'!$G$19=$B$10,7,0)+IF('Standard Profiles'!$G$19=$B$17,14,0)+IF('Standard Profiles'!$G$19=$B$24,21,0),0)),0)</f>
        <v>4.2460249935099421</v>
      </c>
      <c r="F7018" cm="1">
        <f t="array" ref="F7018">IFERROR(INDEX(Jesper!AJ$2:AJ$366,ROUNDDOWN($C7018/24,0)+1,1)*INDEX($D$3:$AA$30,INDEX(Jesper!$R$2:$R$366,ROW(INDEX(Jesper!AJ$2:AJ$366,ROUNDDOWN($C7018/24,0)+1,1))-1)+IF('Standard Profiles'!$G$20=$B$10,7,0)+IF('Standard Profiles'!$G$20=$B$17,14,0)+IF('Standard Profiles'!$G$20=$B$24,21,0),MOD($C7018,24)+1)/SUM(INDEX($D$3:$AA$30,INDEX(Jesper!$R$2:$R$366,ROW(INDEX(Jesper!AJ$2:AJ$366,ROUNDDOWN($C7018/24,0)+1,1))-1)+IF('Standard Profiles'!$G$20=$B$10,7,0)+IF('Standard Profiles'!$G$20=$B$17,14,0)+IF('Standard Profiles'!$G$20=$B$24,21,0),0)),0)</f>
        <v>0</v>
      </c>
      <c r="G7018" cm="1">
        <f t="array" ref="G7018">IFERROR(INDEX(Jesper!AK$2:AK$366,ROUNDDOWN($C7018/24,0)+1,1)*INDEX($D$3:$AA$30,INDEX(Jesper!$R$2:$R$366,ROW(INDEX(Jesper!AK$2:AK$366,ROUNDDOWN($C7018/24,0)+1,1))-1)+IF('Standard Profiles'!$G$21=$B$10,7,0)+IF('Standard Profiles'!$G$21=$B$17,14,0)+IF('Standard Profiles'!$G$21=$B$24,21,0),MOD($C7018,24)+1)/SUM(INDEX($D$3:$AA$30,INDEX(Jesper!$R$2:$R$366,ROW(INDEX(Jesper!AK$2:AK$366,ROUNDDOWN($C7018/24,0)+1,1))-1)+IF('Standard Profiles'!$G$21=$B$10,7,0)+IF('Standard Profiles'!$G$21=$B$17,14,0)+IF('Standard Profiles'!$G$21=$B$24,21,0),0)),0)</f>
        <v>1.3234100997448837</v>
      </c>
      <c r="H7018" cm="1">
        <f t="array" ref="H7018">IFERROR(INDEX(Jesper!AL$2:AL$366,ROUNDDOWN($C7018/24,0)+1,1)*INDEX($D$3:$AA$30,INDEX(Jesper!$R$2:$R$366,ROW(INDEX(Jesper!AL$2:AL$366,ROUNDDOWN($C7018/24,0)+1,1))-1)+IF('Standard Profiles'!$G$22=$B$10,7,0)+IF('Standard Profiles'!$G$22=$B$17,14,0)+IF('Standard Profiles'!$G$22=$B$24,21,0),MOD($C7018,24)+1)/SUM(INDEX($D$3:$AA$30,INDEX(Jesper!$R$2:$R$366,ROW(INDEX(Jesper!AL$2:AL$366,ROUNDDOWN($C7018/24,0)+1,1))-1)+IF('Standard Profiles'!$G$22=$B$10,7,0)+IF('Standard Profiles'!$G$22=$B$17,14,0)+IF('Standard Profiles'!$G$22=$B$24,21,0),0)),0)</f>
        <v>0</v>
      </c>
      <c r="I7018">
        <f t="shared" si="783"/>
        <v>0.63523684787754386</v>
      </c>
      <c r="J7018">
        <f t="shared" si="784"/>
        <v>9.7574095281175488</v>
      </c>
      <c r="K7018">
        <f t="shared" si="785"/>
        <v>0.61247127399876411</v>
      </c>
      <c r="L7018">
        <f t="shared" si="786"/>
        <v>0.30623563699938205</v>
      </c>
      <c r="M7018">
        <f t="shared" si="787"/>
        <v>0</v>
      </c>
      <c r="N7018" s="45">
        <f t="shared" si="788"/>
        <v>45217.999999983062</v>
      </c>
    </row>
    <row r="7019" spans="2:14" x14ac:dyDescent="0.25">
      <c r="B7019">
        <f t="shared" si="782"/>
        <v>4</v>
      </c>
      <c r="C7019" s="16">
        <v>6985</v>
      </c>
      <c r="D7019" cm="1">
        <f t="array" ref="D7019">IFERROR(INDEX(Jesper!AH$2:AH$366,ROUNDDOWN($C7019/24,0)+1,1)*INDEX($D$3:$AA$30,INDEX(Jesper!$R$2:$R$366,ROW(INDEX(Jesper!AH$2:AH$366,ROUNDDOWN($C7019/24,0)+1,1))-1)+IF('Standard Profiles'!$G$18=$B$10,7,0)+IF('Standard Profiles'!$G$18=$B$17,14,0)+IF('Standard Profiles'!$G$18=$B$24,21,0),MOD($C7019,24)+1)/SUM(INDEX($D$3:$AA$30,INDEX(Jesper!$R$2:$R$366,ROW(INDEX(Jesper!AH$2:AH$366,ROUNDDOWN($C7019/24,0)+1,1))-1)+IF('Standard Profiles'!$G$18=$B$10,7,0)+IF('Standard Profiles'!$G$18=$B$17,14,0)+IF('Standard Profiles'!$G$18=$B$24,21,0),0)),0)</f>
        <v>5.7419181937384129</v>
      </c>
      <c r="E7019" cm="1">
        <f t="array" ref="E7019">IFERROR(INDEX(Jesper!AI$2:AI$366,ROUNDDOWN($C7019/24,0)+1,1)*INDEX($D$3:$AA$30,INDEX(Jesper!$R$2:$R$366,ROW(INDEX(Jesper!AI$2:AI$366,ROUNDDOWN($C7019/24,0)+1,1))-1)+IF('Standard Profiles'!$G$19=$B$10,7,0)+IF('Standard Profiles'!$G$19=$B$17,14,0)+IF('Standard Profiles'!$G$19=$B$24,21,0),MOD($C7019,24)+1)/SUM(INDEX($D$3:$AA$30,INDEX(Jesper!$R$2:$R$366,ROW(INDEX(Jesper!AI$2:AI$366,ROUNDDOWN($C7019/24,0)+1,1))-1)+IF('Standard Profiles'!$G$19=$B$10,7,0)+IF('Standard Profiles'!$G$19=$B$17,14,0)+IF('Standard Profiles'!$G$19=$B$24,21,0),0)),0)</f>
        <v>4.2460249935099421</v>
      </c>
      <c r="F7019" cm="1">
        <f t="array" ref="F7019">IFERROR(INDEX(Jesper!AJ$2:AJ$366,ROUNDDOWN($C7019/24,0)+1,1)*INDEX($D$3:$AA$30,INDEX(Jesper!$R$2:$R$366,ROW(INDEX(Jesper!AJ$2:AJ$366,ROUNDDOWN($C7019/24,0)+1,1))-1)+IF('Standard Profiles'!$G$20=$B$10,7,0)+IF('Standard Profiles'!$G$20=$B$17,14,0)+IF('Standard Profiles'!$G$20=$B$24,21,0),MOD($C7019,24)+1)/SUM(INDEX($D$3:$AA$30,INDEX(Jesper!$R$2:$R$366,ROW(INDEX(Jesper!AJ$2:AJ$366,ROUNDDOWN($C7019/24,0)+1,1))-1)+IF('Standard Profiles'!$G$20=$B$10,7,0)+IF('Standard Profiles'!$G$20=$B$17,14,0)+IF('Standard Profiles'!$G$20=$B$24,21,0),0)),0)</f>
        <v>0</v>
      </c>
      <c r="G7019" cm="1">
        <f t="array" ref="G7019">IFERROR(INDEX(Jesper!AK$2:AK$366,ROUNDDOWN($C7019/24,0)+1,1)*INDEX($D$3:$AA$30,INDEX(Jesper!$R$2:$R$366,ROW(INDEX(Jesper!AK$2:AK$366,ROUNDDOWN($C7019/24,0)+1,1))-1)+IF('Standard Profiles'!$G$21=$B$10,7,0)+IF('Standard Profiles'!$G$21=$B$17,14,0)+IF('Standard Profiles'!$G$21=$B$24,21,0),MOD($C7019,24)+1)/SUM(INDEX($D$3:$AA$30,INDEX(Jesper!$R$2:$R$366,ROW(INDEX(Jesper!AK$2:AK$366,ROUNDDOWN($C7019/24,0)+1,1))-1)+IF('Standard Profiles'!$G$21=$B$10,7,0)+IF('Standard Profiles'!$G$21=$B$17,14,0)+IF('Standard Profiles'!$G$21=$B$24,21,0),0)),0)</f>
        <v>1.3234100997448837</v>
      </c>
      <c r="H7019" cm="1">
        <f t="array" ref="H7019">IFERROR(INDEX(Jesper!AL$2:AL$366,ROUNDDOWN($C7019/24,0)+1,1)*INDEX($D$3:$AA$30,INDEX(Jesper!$R$2:$R$366,ROW(INDEX(Jesper!AL$2:AL$366,ROUNDDOWN($C7019/24,0)+1,1))-1)+IF('Standard Profiles'!$G$22=$B$10,7,0)+IF('Standard Profiles'!$G$22=$B$17,14,0)+IF('Standard Profiles'!$G$22=$B$24,21,0),MOD($C7019,24)+1)/SUM(INDEX($D$3:$AA$30,INDEX(Jesper!$R$2:$R$366,ROW(INDEX(Jesper!AL$2:AL$366,ROUNDDOWN($C7019/24,0)+1,1))-1)+IF('Standard Profiles'!$G$22=$B$10,7,0)+IF('Standard Profiles'!$G$22=$B$17,14,0)+IF('Standard Profiles'!$G$22=$B$24,21,0),0)),0)</f>
        <v>0</v>
      </c>
      <c r="I7019">
        <f t="shared" si="783"/>
        <v>0.63523684787754386</v>
      </c>
      <c r="J7019">
        <f t="shared" si="784"/>
        <v>9.7574095281175488</v>
      </c>
      <c r="K7019">
        <f t="shared" si="785"/>
        <v>0.61247127399876411</v>
      </c>
      <c r="L7019">
        <f t="shared" si="786"/>
        <v>0.30623563699938205</v>
      </c>
      <c r="M7019">
        <f t="shared" si="787"/>
        <v>0</v>
      </c>
      <c r="N7019" s="45">
        <f t="shared" si="788"/>
        <v>45218.041666649726</v>
      </c>
    </row>
    <row r="7020" spans="2:14" x14ac:dyDescent="0.25">
      <c r="B7020">
        <f t="shared" si="782"/>
        <v>4</v>
      </c>
      <c r="C7020" s="16">
        <v>6986</v>
      </c>
      <c r="D7020" cm="1">
        <f t="array" ref="D7020">IFERROR(INDEX(Jesper!AH$2:AH$366,ROUNDDOWN($C7020/24,0)+1,1)*INDEX($D$3:$AA$30,INDEX(Jesper!$R$2:$R$366,ROW(INDEX(Jesper!AH$2:AH$366,ROUNDDOWN($C7020/24,0)+1,1))-1)+IF('Standard Profiles'!$G$18=$B$10,7,0)+IF('Standard Profiles'!$G$18=$B$17,14,0)+IF('Standard Profiles'!$G$18=$B$24,21,0),MOD($C7020,24)+1)/SUM(INDEX($D$3:$AA$30,INDEX(Jesper!$R$2:$R$366,ROW(INDEX(Jesper!AH$2:AH$366,ROUNDDOWN($C7020/24,0)+1,1))-1)+IF('Standard Profiles'!$G$18=$B$10,7,0)+IF('Standard Profiles'!$G$18=$B$17,14,0)+IF('Standard Profiles'!$G$18=$B$24,21,0),0)),0)</f>
        <v>5.7419181937384129</v>
      </c>
      <c r="E7020" cm="1">
        <f t="array" ref="E7020">IFERROR(INDEX(Jesper!AI$2:AI$366,ROUNDDOWN($C7020/24,0)+1,1)*INDEX($D$3:$AA$30,INDEX(Jesper!$R$2:$R$366,ROW(INDEX(Jesper!AI$2:AI$366,ROUNDDOWN($C7020/24,0)+1,1))-1)+IF('Standard Profiles'!$G$19=$B$10,7,0)+IF('Standard Profiles'!$G$19=$B$17,14,0)+IF('Standard Profiles'!$G$19=$B$24,21,0),MOD($C7020,24)+1)/SUM(INDEX($D$3:$AA$30,INDEX(Jesper!$R$2:$R$366,ROW(INDEX(Jesper!AI$2:AI$366,ROUNDDOWN($C7020/24,0)+1,1))-1)+IF('Standard Profiles'!$G$19=$B$10,7,0)+IF('Standard Profiles'!$G$19=$B$17,14,0)+IF('Standard Profiles'!$G$19=$B$24,21,0),0)),0)</f>
        <v>4.2460249935099421</v>
      </c>
      <c r="F7020" cm="1">
        <f t="array" ref="F7020">IFERROR(INDEX(Jesper!AJ$2:AJ$366,ROUNDDOWN($C7020/24,0)+1,1)*INDEX($D$3:$AA$30,INDEX(Jesper!$R$2:$R$366,ROW(INDEX(Jesper!AJ$2:AJ$366,ROUNDDOWN($C7020/24,0)+1,1))-1)+IF('Standard Profiles'!$G$20=$B$10,7,0)+IF('Standard Profiles'!$G$20=$B$17,14,0)+IF('Standard Profiles'!$G$20=$B$24,21,0),MOD($C7020,24)+1)/SUM(INDEX($D$3:$AA$30,INDEX(Jesper!$R$2:$R$366,ROW(INDEX(Jesper!AJ$2:AJ$366,ROUNDDOWN($C7020/24,0)+1,1))-1)+IF('Standard Profiles'!$G$20=$B$10,7,0)+IF('Standard Profiles'!$G$20=$B$17,14,0)+IF('Standard Profiles'!$G$20=$B$24,21,0),0)),0)</f>
        <v>0</v>
      </c>
      <c r="G7020" cm="1">
        <f t="array" ref="G7020">IFERROR(INDEX(Jesper!AK$2:AK$366,ROUNDDOWN($C7020/24,0)+1,1)*INDEX($D$3:$AA$30,INDEX(Jesper!$R$2:$R$366,ROW(INDEX(Jesper!AK$2:AK$366,ROUNDDOWN($C7020/24,0)+1,1))-1)+IF('Standard Profiles'!$G$21=$B$10,7,0)+IF('Standard Profiles'!$G$21=$B$17,14,0)+IF('Standard Profiles'!$G$21=$B$24,21,0),MOD($C7020,24)+1)/SUM(INDEX($D$3:$AA$30,INDEX(Jesper!$R$2:$R$366,ROW(INDEX(Jesper!AK$2:AK$366,ROUNDDOWN($C7020/24,0)+1,1))-1)+IF('Standard Profiles'!$G$21=$B$10,7,0)+IF('Standard Profiles'!$G$21=$B$17,14,0)+IF('Standard Profiles'!$G$21=$B$24,21,0),0)),0)</f>
        <v>1.3234100997448837</v>
      </c>
      <c r="H7020" cm="1">
        <f t="array" ref="H7020">IFERROR(INDEX(Jesper!AL$2:AL$366,ROUNDDOWN($C7020/24,0)+1,1)*INDEX($D$3:$AA$30,INDEX(Jesper!$R$2:$R$366,ROW(INDEX(Jesper!AL$2:AL$366,ROUNDDOWN($C7020/24,0)+1,1))-1)+IF('Standard Profiles'!$G$22=$B$10,7,0)+IF('Standard Profiles'!$G$22=$B$17,14,0)+IF('Standard Profiles'!$G$22=$B$24,21,0),MOD($C7020,24)+1)/SUM(INDEX($D$3:$AA$30,INDEX(Jesper!$R$2:$R$366,ROW(INDEX(Jesper!AL$2:AL$366,ROUNDDOWN($C7020/24,0)+1,1))-1)+IF('Standard Profiles'!$G$22=$B$10,7,0)+IF('Standard Profiles'!$G$22=$B$17,14,0)+IF('Standard Profiles'!$G$22=$B$24,21,0),0)),0)</f>
        <v>0</v>
      </c>
      <c r="I7020">
        <f t="shared" si="783"/>
        <v>0.63523684787754386</v>
      </c>
      <c r="J7020">
        <f t="shared" si="784"/>
        <v>9.7574095281175488</v>
      </c>
      <c r="K7020">
        <f t="shared" si="785"/>
        <v>0.61247127399876411</v>
      </c>
      <c r="L7020">
        <f t="shared" si="786"/>
        <v>0.30623563699938205</v>
      </c>
      <c r="M7020">
        <f t="shared" si="787"/>
        <v>0</v>
      </c>
      <c r="N7020" s="45">
        <f t="shared" si="788"/>
        <v>45218.08333331639</v>
      </c>
    </row>
    <row r="7021" spans="2:14" x14ac:dyDescent="0.25">
      <c r="B7021">
        <f t="shared" si="782"/>
        <v>4</v>
      </c>
      <c r="C7021" s="16">
        <v>6987</v>
      </c>
      <c r="D7021" cm="1">
        <f t="array" ref="D7021">IFERROR(INDEX(Jesper!AH$2:AH$366,ROUNDDOWN($C7021/24,0)+1,1)*INDEX($D$3:$AA$30,INDEX(Jesper!$R$2:$R$366,ROW(INDEX(Jesper!AH$2:AH$366,ROUNDDOWN($C7021/24,0)+1,1))-1)+IF('Standard Profiles'!$G$18=$B$10,7,0)+IF('Standard Profiles'!$G$18=$B$17,14,0)+IF('Standard Profiles'!$G$18=$B$24,21,0),MOD($C7021,24)+1)/SUM(INDEX($D$3:$AA$30,INDEX(Jesper!$R$2:$R$366,ROW(INDEX(Jesper!AH$2:AH$366,ROUNDDOWN($C7021/24,0)+1,1))-1)+IF('Standard Profiles'!$G$18=$B$10,7,0)+IF('Standard Profiles'!$G$18=$B$17,14,0)+IF('Standard Profiles'!$G$18=$B$24,21,0),0)),0)</f>
        <v>5.7419181937384129</v>
      </c>
      <c r="E7021" cm="1">
        <f t="array" ref="E7021">IFERROR(INDEX(Jesper!AI$2:AI$366,ROUNDDOWN($C7021/24,0)+1,1)*INDEX($D$3:$AA$30,INDEX(Jesper!$R$2:$R$366,ROW(INDEX(Jesper!AI$2:AI$366,ROUNDDOWN($C7021/24,0)+1,1))-1)+IF('Standard Profiles'!$G$19=$B$10,7,0)+IF('Standard Profiles'!$G$19=$B$17,14,0)+IF('Standard Profiles'!$G$19=$B$24,21,0),MOD($C7021,24)+1)/SUM(INDEX($D$3:$AA$30,INDEX(Jesper!$R$2:$R$366,ROW(INDEX(Jesper!AI$2:AI$366,ROUNDDOWN($C7021/24,0)+1,1))-1)+IF('Standard Profiles'!$G$19=$B$10,7,0)+IF('Standard Profiles'!$G$19=$B$17,14,0)+IF('Standard Profiles'!$G$19=$B$24,21,0),0)),0)</f>
        <v>4.2460249935099421</v>
      </c>
      <c r="F7021" cm="1">
        <f t="array" ref="F7021">IFERROR(INDEX(Jesper!AJ$2:AJ$366,ROUNDDOWN($C7021/24,0)+1,1)*INDEX($D$3:$AA$30,INDEX(Jesper!$R$2:$R$366,ROW(INDEX(Jesper!AJ$2:AJ$366,ROUNDDOWN($C7021/24,0)+1,1))-1)+IF('Standard Profiles'!$G$20=$B$10,7,0)+IF('Standard Profiles'!$G$20=$B$17,14,0)+IF('Standard Profiles'!$G$20=$B$24,21,0),MOD($C7021,24)+1)/SUM(INDEX($D$3:$AA$30,INDEX(Jesper!$R$2:$R$366,ROW(INDEX(Jesper!AJ$2:AJ$366,ROUNDDOWN($C7021/24,0)+1,1))-1)+IF('Standard Profiles'!$G$20=$B$10,7,0)+IF('Standard Profiles'!$G$20=$B$17,14,0)+IF('Standard Profiles'!$G$20=$B$24,21,0),0)),0)</f>
        <v>0</v>
      </c>
      <c r="G7021" cm="1">
        <f t="array" ref="G7021">IFERROR(INDEX(Jesper!AK$2:AK$366,ROUNDDOWN($C7021/24,0)+1,1)*INDEX($D$3:$AA$30,INDEX(Jesper!$R$2:$R$366,ROW(INDEX(Jesper!AK$2:AK$366,ROUNDDOWN($C7021/24,0)+1,1))-1)+IF('Standard Profiles'!$G$21=$B$10,7,0)+IF('Standard Profiles'!$G$21=$B$17,14,0)+IF('Standard Profiles'!$G$21=$B$24,21,0),MOD($C7021,24)+1)/SUM(INDEX($D$3:$AA$30,INDEX(Jesper!$R$2:$R$366,ROW(INDEX(Jesper!AK$2:AK$366,ROUNDDOWN($C7021/24,0)+1,1))-1)+IF('Standard Profiles'!$G$21=$B$10,7,0)+IF('Standard Profiles'!$G$21=$B$17,14,0)+IF('Standard Profiles'!$G$21=$B$24,21,0),0)),0)</f>
        <v>1.3234100997448837</v>
      </c>
      <c r="H7021" cm="1">
        <f t="array" ref="H7021">IFERROR(INDEX(Jesper!AL$2:AL$366,ROUNDDOWN($C7021/24,0)+1,1)*INDEX($D$3:$AA$30,INDEX(Jesper!$R$2:$R$366,ROW(INDEX(Jesper!AL$2:AL$366,ROUNDDOWN($C7021/24,0)+1,1))-1)+IF('Standard Profiles'!$G$22=$B$10,7,0)+IF('Standard Profiles'!$G$22=$B$17,14,0)+IF('Standard Profiles'!$G$22=$B$24,21,0),MOD($C7021,24)+1)/SUM(INDEX($D$3:$AA$30,INDEX(Jesper!$R$2:$R$366,ROW(INDEX(Jesper!AL$2:AL$366,ROUNDDOWN($C7021/24,0)+1,1))-1)+IF('Standard Profiles'!$G$22=$B$10,7,0)+IF('Standard Profiles'!$G$22=$B$17,14,0)+IF('Standard Profiles'!$G$22=$B$24,21,0),0)),0)</f>
        <v>0</v>
      </c>
      <c r="I7021">
        <f t="shared" si="783"/>
        <v>0.63523684787754386</v>
      </c>
      <c r="J7021">
        <f t="shared" si="784"/>
        <v>9.7574095281175488</v>
      </c>
      <c r="K7021">
        <f t="shared" si="785"/>
        <v>0.61247127399876411</v>
      </c>
      <c r="L7021">
        <f t="shared" si="786"/>
        <v>0.30623563699938205</v>
      </c>
      <c r="M7021">
        <f t="shared" si="787"/>
        <v>0</v>
      </c>
      <c r="N7021" s="45">
        <f t="shared" si="788"/>
        <v>45218.124999983054</v>
      </c>
    </row>
    <row r="7022" spans="2:14" x14ac:dyDescent="0.25">
      <c r="B7022">
        <f t="shared" si="782"/>
        <v>4</v>
      </c>
      <c r="C7022" s="16">
        <v>6988</v>
      </c>
      <c r="D7022" cm="1">
        <f t="array" ref="D7022">IFERROR(INDEX(Jesper!AH$2:AH$366,ROUNDDOWN($C7022/24,0)+1,1)*INDEX($D$3:$AA$30,INDEX(Jesper!$R$2:$R$366,ROW(INDEX(Jesper!AH$2:AH$366,ROUNDDOWN($C7022/24,0)+1,1))-1)+IF('Standard Profiles'!$G$18=$B$10,7,0)+IF('Standard Profiles'!$G$18=$B$17,14,0)+IF('Standard Profiles'!$G$18=$B$24,21,0),MOD($C7022,24)+1)/SUM(INDEX($D$3:$AA$30,INDEX(Jesper!$R$2:$R$366,ROW(INDEX(Jesper!AH$2:AH$366,ROUNDDOWN($C7022/24,0)+1,1))-1)+IF('Standard Profiles'!$G$18=$B$10,7,0)+IF('Standard Profiles'!$G$18=$B$17,14,0)+IF('Standard Profiles'!$G$18=$B$24,21,0),0)),0)</f>
        <v>5.7419181937384129</v>
      </c>
      <c r="E7022" cm="1">
        <f t="array" ref="E7022">IFERROR(INDEX(Jesper!AI$2:AI$366,ROUNDDOWN($C7022/24,0)+1,1)*INDEX($D$3:$AA$30,INDEX(Jesper!$R$2:$R$366,ROW(INDEX(Jesper!AI$2:AI$366,ROUNDDOWN($C7022/24,0)+1,1))-1)+IF('Standard Profiles'!$G$19=$B$10,7,0)+IF('Standard Profiles'!$G$19=$B$17,14,0)+IF('Standard Profiles'!$G$19=$B$24,21,0),MOD($C7022,24)+1)/SUM(INDEX($D$3:$AA$30,INDEX(Jesper!$R$2:$R$366,ROW(INDEX(Jesper!AI$2:AI$366,ROUNDDOWN($C7022/24,0)+1,1))-1)+IF('Standard Profiles'!$G$19=$B$10,7,0)+IF('Standard Profiles'!$G$19=$B$17,14,0)+IF('Standard Profiles'!$G$19=$B$24,21,0),0)),0)</f>
        <v>4.2460249935099421</v>
      </c>
      <c r="F7022" cm="1">
        <f t="array" ref="F7022">IFERROR(INDEX(Jesper!AJ$2:AJ$366,ROUNDDOWN($C7022/24,0)+1,1)*INDEX($D$3:$AA$30,INDEX(Jesper!$R$2:$R$366,ROW(INDEX(Jesper!AJ$2:AJ$366,ROUNDDOWN($C7022/24,0)+1,1))-1)+IF('Standard Profiles'!$G$20=$B$10,7,0)+IF('Standard Profiles'!$G$20=$B$17,14,0)+IF('Standard Profiles'!$G$20=$B$24,21,0),MOD($C7022,24)+1)/SUM(INDEX($D$3:$AA$30,INDEX(Jesper!$R$2:$R$366,ROW(INDEX(Jesper!AJ$2:AJ$366,ROUNDDOWN($C7022/24,0)+1,1))-1)+IF('Standard Profiles'!$G$20=$B$10,7,0)+IF('Standard Profiles'!$G$20=$B$17,14,0)+IF('Standard Profiles'!$G$20=$B$24,21,0),0)),0)</f>
        <v>0</v>
      </c>
      <c r="G7022" cm="1">
        <f t="array" ref="G7022">IFERROR(INDEX(Jesper!AK$2:AK$366,ROUNDDOWN($C7022/24,0)+1,1)*INDEX($D$3:$AA$30,INDEX(Jesper!$R$2:$R$366,ROW(INDEX(Jesper!AK$2:AK$366,ROUNDDOWN($C7022/24,0)+1,1))-1)+IF('Standard Profiles'!$G$21=$B$10,7,0)+IF('Standard Profiles'!$G$21=$B$17,14,0)+IF('Standard Profiles'!$G$21=$B$24,21,0),MOD($C7022,24)+1)/SUM(INDEX($D$3:$AA$30,INDEX(Jesper!$R$2:$R$366,ROW(INDEX(Jesper!AK$2:AK$366,ROUNDDOWN($C7022/24,0)+1,1))-1)+IF('Standard Profiles'!$G$21=$B$10,7,0)+IF('Standard Profiles'!$G$21=$B$17,14,0)+IF('Standard Profiles'!$G$21=$B$24,21,0),0)),0)</f>
        <v>1.3234100997448837</v>
      </c>
      <c r="H7022" cm="1">
        <f t="array" ref="H7022">IFERROR(INDEX(Jesper!AL$2:AL$366,ROUNDDOWN($C7022/24,0)+1,1)*INDEX($D$3:$AA$30,INDEX(Jesper!$R$2:$R$366,ROW(INDEX(Jesper!AL$2:AL$366,ROUNDDOWN($C7022/24,0)+1,1))-1)+IF('Standard Profiles'!$G$22=$B$10,7,0)+IF('Standard Profiles'!$G$22=$B$17,14,0)+IF('Standard Profiles'!$G$22=$B$24,21,0),MOD($C7022,24)+1)/SUM(INDEX($D$3:$AA$30,INDEX(Jesper!$R$2:$R$366,ROW(INDEX(Jesper!AL$2:AL$366,ROUNDDOWN($C7022/24,0)+1,1))-1)+IF('Standard Profiles'!$G$22=$B$10,7,0)+IF('Standard Profiles'!$G$22=$B$17,14,0)+IF('Standard Profiles'!$G$22=$B$24,21,0),0)),0)</f>
        <v>0</v>
      </c>
      <c r="I7022">
        <f t="shared" si="783"/>
        <v>0.63523684787754386</v>
      </c>
      <c r="J7022">
        <f t="shared" si="784"/>
        <v>9.7574095281175488</v>
      </c>
      <c r="K7022">
        <f t="shared" si="785"/>
        <v>0.61247127399876411</v>
      </c>
      <c r="L7022">
        <f t="shared" si="786"/>
        <v>0.30623563699938205</v>
      </c>
      <c r="M7022">
        <f t="shared" si="787"/>
        <v>0</v>
      </c>
      <c r="N7022" s="45">
        <f t="shared" si="788"/>
        <v>45218.166666649719</v>
      </c>
    </row>
    <row r="7023" spans="2:14" x14ac:dyDescent="0.25">
      <c r="B7023">
        <f t="shared" si="782"/>
        <v>4</v>
      </c>
      <c r="C7023" s="16">
        <v>6989</v>
      </c>
      <c r="D7023" cm="1">
        <f t="array" ref="D7023">IFERROR(INDEX(Jesper!AH$2:AH$366,ROUNDDOWN($C7023/24,0)+1,1)*INDEX($D$3:$AA$30,INDEX(Jesper!$R$2:$R$366,ROW(INDEX(Jesper!AH$2:AH$366,ROUNDDOWN($C7023/24,0)+1,1))-1)+IF('Standard Profiles'!$G$18=$B$10,7,0)+IF('Standard Profiles'!$G$18=$B$17,14,0)+IF('Standard Profiles'!$G$18=$B$24,21,0),MOD($C7023,24)+1)/SUM(INDEX($D$3:$AA$30,INDEX(Jesper!$R$2:$R$366,ROW(INDEX(Jesper!AH$2:AH$366,ROUNDDOWN($C7023/24,0)+1,1))-1)+IF('Standard Profiles'!$G$18=$B$10,7,0)+IF('Standard Profiles'!$G$18=$B$17,14,0)+IF('Standard Profiles'!$G$18=$B$24,21,0),0)),0)</f>
        <v>5.7419181937384129</v>
      </c>
      <c r="E7023" cm="1">
        <f t="array" ref="E7023">IFERROR(INDEX(Jesper!AI$2:AI$366,ROUNDDOWN($C7023/24,0)+1,1)*INDEX($D$3:$AA$30,INDEX(Jesper!$R$2:$R$366,ROW(INDEX(Jesper!AI$2:AI$366,ROUNDDOWN($C7023/24,0)+1,1))-1)+IF('Standard Profiles'!$G$19=$B$10,7,0)+IF('Standard Profiles'!$G$19=$B$17,14,0)+IF('Standard Profiles'!$G$19=$B$24,21,0),MOD($C7023,24)+1)/SUM(INDEX($D$3:$AA$30,INDEX(Jesper!$R$2:$R$366,ROW(INDEX(Jesper!AI$2:AI$366,ROUNDDOWN($C7023/24,0)+1,1))-1)+IF('Standard Profiles'!$G$19=$B$10,7,0)+IF('Standard Profiles'!$G$19=$B$17,14,0)+IF('Standard Profiles'!$G$19=$B$24,21,0),0)),0)</f>
        <v>4.2460249935099421</v>
      </c>
      <c r="F7023" cm="1">
        <f t="array" ref="F7023">IFERROR(INDEX(Jesper!AJ$2:AJ$366,ROUNDDOWN($C7023/24,0)+1,1)*INDEX($D$3:$AA$30,INDEX(Jesper!$R$2:$R$366,ROW(INDEX(Jesper!AJ$2:AJ$366,ROUNDDOWN($C7023/24,0)+1,1))-1)+IF('Standard Profiles'!$G$20=$B$10,7,0)+IF('Standard Profiles'!$G$20=$B$17,14,0)+IF('Standard Profiles'!$G$20=$B$24,21,0),MOD($C7023,24)+1)/SUM(INDEX($D$3:$AA$30,INDEX(Jesper!$R$2:$R$366,ROW(INDEX(Jesper!AJ$2:AJ$366,ROUNDDOWN($C7023/24,0)+1,1))-1)+IF('Standard Profiles'!$G$20=$B$10,7,0)+IF('Standard Profiles'!$G$20=$B$17,14,0)+IF('Standard Profiles'!$G$20=$B$24,21,0),0)),0)</f>
        <v>0</v>
      </c>
      <c r="G7023" cm="1">
        <f t="array" ref="G7023">IFERROR(INDEX(Jesper!AK$2:AK$366,ROUNDDOWN($C7023/24,0)+1,1)*INDEX($D$3:$AA$30,INDEX(Jesper!$R$2:$R$366,ROW(INDEX(Jesper!AK$2:AK$366,ROUNDDOWN($C7023/24,0)+1,1))-1)+IF('Standard Profiles'!$G$21=$B$10,7,0)+IF('Standard Profiles'!$G$21=$B$17,14,0)+IF('Standard Profiles'!$G$21=$B$24,21,0),MOD($C7023,24)+1)/SUM(INDEX($D$3:$AA$30,INDEX(Jesper!$R$2:$R$366,ROW(INDEX(Jesper!AK$2:AK$366,ROUNDDOWN($C7023/24,0)+1,1))-1)+IF('Standard Profiles'!$G$21=$B$10,7,0)+IF('Standard Profiles'!$G$21=$B$17,14,0)+IF('Standard Profiles'!$G$21=$B$24,21,0),0)),0)</f>
        <v>1.3234100997448837</v>
      </c>
      <c r="H7023" cm="1">
        <f t="array" ref="H7023">IFERROR(INDEX(Jesper!AL$2:AL$366,ROUNDDOWN($C7023/24,0)+1,1)*INDEX($D$3:$AA$30,INDEX(Jesper!$R$2:$R$366,ROW(INDEX(Jesper!AL$2:AL$366,ROUNDDOWN($C7023/24,0)+1,1))-1)+IF('Standard Profiles'!$G$22=$B$10,7,0)+IF('Standard Profiles'!$G$22=$B$17,14,0)+IF('Standard Profiles'!$G$22=$B$24,21,0),MOD($C7023,24)+1)/SUM(INDEX($D$3:$AA$30,INDEX(Jesper!$R$2:$R$366,ROW(INDEX(Jesper!AL$2:AL$366,ROUNDDOWN($C7023/24,0)+1,1))-1)+IF('Standard Profiles'!$G$22=$B$10,7,0)+IF('Standard Profiles'!$G$22=$B$17,14,0)+IF('Standard Profiles'!$G$22=$B$24,21,0),0)),0)</f>
        <v>0</v>
      </c>
      <c r="I7023">
        <f t="shared" si="783"/>
        <v>0.63523684787754386</v>
      </c>
      <c r="J7023">
        <f t="shared" si="784"/>
        <v>9.7574095281175488</v>
      </c>
      <c r="K7023">
        <f t="shared" si="785"/>
        <v>0.61247127399876411</v>
      </c>
      <c r="L7023">
        <f t="shared" si="786"/>
        <v>0.30623563699938205</v>
      </c>
      <c r="M7023">
        <f t="shared" si="787"/>
        <v>0</v>
      </c>
      <c r="N7023" s="45">
        <f t="shared" si="788"/>
        <v>45218.208333316383</v>
      </c>
    </row>
    <row r="7024" spans="2:14" x14ac:dyDescent="0.25">
      <c r="B7024">
        <f t="shared" si="782"/>
        <v>4</v>
      </c>
      <c r="C7024" s="16">
        <v>6990</v>
      </c>
      <c r="D7024" cm="1">
        <f t="array" ref="D7024">IFERROR(INDEX(Jesper!AH$2:AH$366,ROUNDDOWN($C7024/24,0)+1,1)*INDEX($D$3:$AA$30,INDEX(Jesper!$R$2:$R$366,ROW(INDEX(Jesper!AH$2:AH$366,ROUNDDOWN($C7024/24,0)+1,1))-1)+IF('Standard Profiles'!$G$18=$B$10,7,0)+IF('Standard Profiles'!$G$18=$B$17,14,0)+IF('Standard Profiles'!$G$18=$B$24,21,0),MOD($C7024,24)+1)/SUM(INDEX($D$3:$AA$30,INDEX(Jesper!$R$2:$R$366,ROW(INDEX(Jesper!AH$2:AH$366,ROUNDDOWN($C7024/24,0)+1,1))-1)+IF('Standard Profiles'!$G$18=$B$10,7,0)+IF('Standard Profiles'!$G$18=$B$17,14,0)+IF('Standard Profiles'!$G$18=$B$24,21,0),0)),0)</f>
        <v>5.7419181937384129</v>
      </c>
      <c r="E7024" cm="1">
        <f t="array" ref="E7024">IFERROR(INDEX(Jesper!AI$2:AI$366,ROUNDDOWN($C7024/24,0)+1,1)*INDEX($D$3:$AA$30,INDEX(Jesper!$R$2:$R$366,ROW(INDEX(Jesper!AI$2:AI$366,ROUNDDOWN($C7024/24,0)+1,1))-1)+IF('Standard Profiles'!$G$19=$B$10,7,0)+IF('Standard Profiles'!$G$19=$B$17,14,0)+IF('Standard Profiles'!$G$19=$B$24,21,0),MOD($C7024,24)+1)/SUM(INDEX($D$3:$AA$30,INDEX(Jesper!$R$2:$R$366,ROW(INDEX(Jesper!AI$2:AI$366,ROUNDDOWN($C7024/24,0)+1,1))-1)+IF('Standard Profiles'!$G$19=$B$10,7,0)+IF('Standard Profiles'!$G$19=$B$17,14,0)+IF('Standard Profiles'!$G$19=$B$24,21,0),0)),0)</f>
        <v>4.2460249935099421</v>
      </c>
      <c r="F7024" cm="1">
        <f t="array" ref="F7024">IFERROR(INDEX(Jesper!AJ$2:AJ$366,ROUNDDOWN($C7024/24,0)+1,1)*INDEX($D$3:$AA$30,INDEX(Jesper!$R$2:$R$366,ROW(INDEX(Jesper!AJ$2:AJ$366,ROUNDDOWN($C7024/24,0)+1,1))-1)+IF('Standard Profiles'!$G$20=$B$10,7,0)+IF('Standard Profiles'!$G$20=$B$17,14,0)+IF('Standard Profiles'!$G$20=$B$24,21,0),MOD($C7024,24)+1)/SUM(INDEX($D$3:$AA$30,INDEX(Jesper!$R$2:$R$366,ROW(INDEX(Jesper!AJ$2:AJ$366,ROUNDDOWN($C7024/24,0)+1,1))-1)+IF('Standard Profiles'!$G$20=$B$10,7,0)+IF('Standard Profiles'!$G$20=$B$17,14,0)+IF('Standard Profiles'!$G$20=$B$24,21,0),0)),0)</f>
        <v>0</v>
      </c>
      <c r="G7024" cm="1">
        <f t="array" ref="G7024">IFERROR(INDEX(Jesper!AK$2:AK$366,ROUNDDOWN($C7024/24,0)+1,1)*INDEX($D$3:$AA$30,INDEX(Jesper!$R$2:$R$366,ROW(INDEX(Jesper!AK$2:AK$366,ROUNDDOWN($C7024/24,0)+1,1))-1)+IF('Standard Profiles'!$G$21=$B$10,7,0)+IF('Standard Profiles'!$G$21=$B$17,14,0)+IF('Standard Profiles'!$G$21=$B$24,21,0),MOD($C7024,24)+1)/SUM(INDEX($D$3:$AA$30,INDEX(Jesper!$R$2:$R$366,ROW(INDEX(Jesper!AK$2:AK$366,ROUNDDOWN($C7024/24,0)+1,1))-1)+IF('Standard Profiles'!$G$21=$B$10,7,0)+IF('Standard Profiles'!$G$21=$B$17,14,0)+IF('Standard Profiles'!$G$21=$B$24,21,0),0)),0)</f>
        <v>1.3234100997448837</v>
      </c>
      <c r="H7024" cm="1">
        <f t="array" ref="H7024">IFERROR(INDEX(Jesper!AL$2:AL$366,ROUNDDOWN($C7024/24,0)+1,1)*INDEX($D$3:$AA$30,INDEX(Jesper!$R$2:$R$366,ROW(INDEX(Jesper!AL$2:AL$366,ROUNDDOWN($C7024/24,0)+1,1))-1)+IF('Standard Profiles'!$G$22=$B$10,7,0)+IF('Standard Profiles'!$G$22=$B$17,14,0)+IF('Standard Profiles'!$G$22=$B$24,21,0),MOD($C7024,24)+1)/SUM(INDEX($D$3:$AA$30,INDEX(Jesper!$R$2:$R$366,ROW(INDEX(Jesper!AL$2:AL$366,ROUNDDOWN($C7024/24,0)+1,1))-1)+IF('Standard Profiles'!$G$22=$B$10,7,0)+IF('Standard Profiles'!$G$22=$B$17,14,0)+IF('Standard Profiles'!$G$22=$B$24,21,0),0)),0)</f>
        <v>0</v>
      </c>
      <c r="I7024">
        <f t="shared" si="783"/>
        <v>0.63523684787754386</v>
      </c>
      <c r="J7024">
        <f t="shared" si="784"/>
        <v>9.7574095281175488</v>
      </c>
      <c r="K7024">
        <f t="shared" si="785"/>
        <v>0.61247127399876411</v>
      </c>
      <c r="L7024">
        <f t="shared" si="786"/>
        <v>0.30623563699938205</v>
      </c>
      <c r="M7024">
        <f t="shared" si="787"/>
        <v>0</v>
      </c>
      <c r="N7024" s="45">
        <f t="shared" si="788"/>
        <v>45218.249999983047</v>
      </c>
    </row>
    <row r="7025" spans="2:14" x14ac:dyDescent="0.25">
      <c r="B7025">
        <f t="shared" si="782"/>
        <v>4</v>
      </c>
      <c r="C7025" s="16">
        <v>6991</v>
      </c>
      <c r="D7025" cm="1">
        <f t="array" ref="D7025">IFERROR(INDEX(Jesper!AH$2:AH$366,ROUNDDOWN($C7025/24,0)+1,1)*INDEX($D$3:$AA$30,INDEX(Jesper!$R$2:$R$366,ROW(INDEX(Jesper!AH$2:AH$366,ROUNDDOWN($C7025/24,0)+1,1))-1)+IF('Standard Profiles'!$G$18=$B$10,7,0)+IF('Standard Profiles'!$G$18=$B$17,14,0)+IF('Standard Profiles'!$G$18=$B$24,21,0),MOD($C7025,24)+1)/SUM(INDEX($D$3:$AA$30,INDEX(Jesper!$R$2:$R$366,ROW(INDEX(Jesper!AH$2:AH$366,ROUNDDOWN($C7025/24,0)+1,1))-1)+IF('Standard Profiles'!$G$18=$B$10,7,0)+IF('Standard Profiles'!$G$18=$B$17,14,0)+IF('Standard Profiles'!$G$18=$B$24,21,0),0)),0)</f>
        <v>23.472265585918539</v>
      </c>
      <c r="E7025" cm="1">
        <f t="array" ref="E7025">IFERROR(INDEX(Jesper!AI$2:AI$366,ROUNDDOWN($C7025/24,0)+1,1)*INDEX($D$3:$AA$30,INDEX(Jesper!$R$2:$R$366,ROW(INDEX(Jesper!AI$2:AI$366,ROUNDDOWN($C7025/24,0)+1,1))-1)+IF('Standard Profiles'!$G$19=$B$10,7,0)+IF('Standard Profiles'!$G$19=$B$17,14,0)+IF('Standard Profiles'!$G$19=$B$24,21,0),MOD($C7025,24)+1)/SUM(INDEX($D$3:$AA$30,INDEX(Jesper!$R$2:$R$366,ROW(INDEX(Jesper!AI$2:AI$366,ROUNDDOWN($C7025/24,0)+1,1))-1)+IF('Standard Profiles'!$G$19=$B$10,7,0)+IF('Standard Profiles'!$G$19=$B$17,14,0)+IF('Standard Profiles'!$G$19=$B$24,21,0),0)),0)</f>
        <v>17.357235503772458</v>
      </c>
      <c r="F7025" cm="1">
        <f t="array" ref="F7025">IFERROR(INDEX(Jesper!AJ$2:AJ$366,ROUNDDOWN($C7025/24,0)+1,1)*INDEX($D$3:$AA$30,INDEX(Jesper!$R$2:$R$366,ROW(INDEX(Jesper!AJ$2:AJ$366,ROUNDDOWN($C7025/24,0)+1,1))-1)+IF('Standard Profiles'!$G$20=$B$10,7,0)+IF('Standard Profiles'!$G$20=$B$17,14,0)+IF('Standard Profiles'!$G$20=$B$24,21,0),MOD($C7025,24)+1)/SUM(INDEX($D$3:$AA$30,INDEX(Jesper!$R$2:$R$366,ROW(INDEX(Jesper!AJ$2:AJ$366,ROUNDDOWN($C7025/24,0)+1,1))-1)+IF('Standard Profiles'!$G$20=$B$10,7,0)+IF('Standard Profiles'!$G$20=$B$17,14,0)+IF('Standard Profiles'!$G$20=$B$24,21,0),0)),0)</f>
        <v>0</v>
      </c>
      <c r="G7025" cm="1">
        <f t="array" ref="G7025">IFERROR(INDEX(Jesper!AK$2:AK$366,ROUNDDOWN($C7025/24,0)+1,1)*INDEX($D$3:$AA$30,INDEX(Jesper!$R$2:$R$366,ROW(INDEX(Jesper!AK$2:AK$366,ROUNDDOWN($C7025/24,0)+1,1))-1)+IF('Standard Profiles'!$G$21=$B$10,7,0)+IF('Standard Profiles'!$G$21=$B$17,14,0)+IF('Standard Profiles'!$G$21=$B$24,21,0),MOD($C7025,24)+1)/SUM(INDEX($D$3:$AA$30,INDEX(Jesper!$R$2:$R$366,ROW(INDEX(Jesper!AK$2:AK$366,ROUNDDOWN($C7025/24,0)+1,1))-1)+IF('Standard Profiles'!$G$21=$B$10,7,0)+IF('Standard Profiles'!$G$21=$B$17,14,0)+IF('Standard Profiles'!$G$21=$B$24,21,0),0)),0)</f>
        <v>3.6459948247971541</v>
      </c>
      <c r="H7025" cm="1">
        <f t="array" ref="H7025">IFERROR(INDEX(Jesper!AL$2:AL$366,ROUNDDOWN($C7025/24,0)+1,1)*INDEX($D$3:$AA$30,INDEX(Jesper!$R$2:$R$366,ROW(INDEX(Jesper!AL$2:AL$366,ROUNDDOWN($C7025/24,0)+1,1))-1)+IF('Standard Profiles'!$G$22=$B$10,7,0)+IF('Standard Profiles'!$G$22=$B$17,14,0)+IF('Standard Profiles'!$G$22=$B$24,21,0),MOD($C7025,24)+1)/SUM(INDEX($D$3:$AA$30,INDEX(Jesper!$R$2:$R$366,ROW(INDEX(Jesper!AL$2:AL$366,ROUNDDOWN($C7025/24,0)+1,1))-1)+IF('Standard Profiles'!$G$22=$B$10,7,0)+IF('Standard Profiles'!$G$22=$B$17,14,0)+IF('Standard Profiles'!$G$22=$B$24,21,0),0)),0)</f>
        <v>0</v>
      </c>
      <c r="I7025">
        <f t="shared" si="783"/>
        <v>1.7500775159026332</v>
      </c>
      <c r="J7025">
        <f t="shared" si="784"/>
        <v>38.969855904838546</v>
      </c>
      <c r="K7025">
        <f t="shared" si="785"/>
        <v>2.5037083291646445</v>
      </c>
      <c r="L7025">
        <f t="shared" si="786"/>
        <v>1.2518541645823222</v>
      </c>
      <c r="M7025">
        <f t="shared" si="787"/>
        <v>0</v>
      </c>
      <c r="N7025" s="45">
        <f t="shared" si="788"/>
        <v>45218.291666649711</v>
      </c>
    </row>
    <row r="7026" spans="2:14" x14ac:dyDescent="0.25">
      <c r="B7026">
        <f t="shared" si="782"/>
        <v>4</v>
      </c>
      <c r="C7026" s="16">
        <v>6992</v>
      </c>
      <c r="D7026" cm="1">
        <f t="array" ref="D7026">IFERROR(INDEX(Jesper!AH$2:AH$366,ROUNDDOWN($C7026/24,0)+1,1)*INDEX($D$3:$AA$30,INDEX(Jesper!$R$2:$R$366,ROW(INDEX(Jesper!AH$2:AH$366,ROUNDDOWN($C7026/24,0)+1,1))-1)+IF('Standard Profiles'!$G$18=$B$10,7,0)+IF('Standard Profiles'!$G$18=$B$17,14,0)+IF('Standard Profiles'!$G$18=$B$24,21,0),MOD($C7026,24)+1)/SUM(INDEX($D$3:$AA$30,INDEX(Jesper!$R$2:$R$366,ROW(INDEX(Jesper!AH$2:AH$366,ROUNDDOWN($C7026/24,0)+1,1))-1)+IF('Standard Profiles'!$G$18=$B$10,7,0)+IF('Standard Profiles'!$G$18=$B$17,14,0)+IF('Standard Profiles'!$G$18=$B$24,21,0),0)),0)</f>
        <v>26.190106864288058</v>
      </c>
      <c r="E7026" cm="1">
        <f t="array" ref="E7026">IFERROR(INDEX(Jesper!AI$2:AI$366,ROUNDDOWN($C7026/24,0)+1,1)*INDEX($D$3:$AA$30,INDEX(Jesper!$R$2:$R$366,ROW(INDEX(Jesper!AI$2:AI$366,ROUNDDOWN($C7026/24,0)+1,1))-1)+IF('Standard Profiles'!$G$19=$B$10,7,0)+IF('Standard Profiles'!$G$19=$B$17,14,0)+IF('Standard Profiles'!$G$19=$B$24,21,0),MOD($C7026,24)+1)/SUM(INDEX($D$3:$AA$30,INDEX(Jesper!$R$2:$R$366,ROW(INDEX(Jesper!AI$2:AI$366,ROUNDDOWN($C7026/24,0)+1,1))-1)+IF('Standard Profiles'!$G$19=$B$10,7,0)+IF('Standard Profiles'!$G$19=$B$17,14,0)+IF('Standard Profiles'!$G$19=$B$24,21,0),0)),0)</f>
        <v>19.367020667367164</v>
      </c>
      <c r="F7026" cm="1">
        <f t="array" ref="F7026">IFERROR(INDEX(Jesper!AJ$2:AJ$366,ROUNDDOWN($C7026/24,0)+1,1)*INDEX($D$3:$AA$30,INDEX(Jesper!$R$2:$R$366,ROW(INDEX(Jesper!AJ$2:AJ$366,ROUNDDOWN($C7026/24,0)+1,1))-1)+IF('Standard Profiles'!$G$20=$B$10,7,0)+IF('Standard Profiles'!$G$20=$B$17,14,0)+IF('Standard Profiles'!$G$20=$B$24,21,0),MOD($C7026,24)+1)/SUM(INDEX($D$3:$AA$30,INDEX(Jesper!$R$2:$R$366,ROW(INDEX(Jesper!AJ$2:AJ$366,ROUNDDOWN($C7026/24,0)+1,1))-1)+IF('Standard Profiles'!$G$20=$B$10,7,0)+IF('Standard Profiles'!$G$20=$B$17,14,0)+IF('Standard Profiles'!$G$20=$B$24,21,0),0)),0)</f>
        <v>0</v>
      </c>
      <c r="G7026" cm="1">
        <f t="array" ref="G7026">IFERROR(INDEX(Jesper!AK$2:AK$366,ROUNDDOWN($C7026/24,0)+1,1)*INDEX($D$3:$AA$30,INDEX(Jesper!$R$2:$R$366,ROW(INDEX(Jesper!AK$2:AK$366,ROUNDDOWN($C7026/24,0)+1,1))-1)+IF('Standard Profiles'!$G$21=$B$10,7,0)+IF('Standard Profiles'!$G$21=$B$17,14,0)+IF('Standard Profiles'!$G$21=$B$24,21,0),MOD($C7026,24)+1)/SUM(INDEX($D$3:$AA$30,INDEX(Jesper!$R$2:$R$366,ROW(INDEX(Jesper!AK$2:AK$366,ROUNDDOWN($C7026/24,0)+1,1))-1)+IF('Standard Profiles'!$G$21=$B$10,7,0)+IF('Standard Profiles'!$G$21=$B$17,14,0)+IF('Standard Profiles'!$G$21=$B$24,21,0),0)),0)</f>
        <v>4.0681626466157725</v>
      </c>
      <c r="H7026" cm="1">
        <f t="array" ref="H7026">IFERROR(INDEX(Jesper!AL$2:AL$366,ROUNDDOWN($C7026/24,0)+1,1)*INDEX($D$3:$AA$30,INDEX(Jesper!$R$2:$R$366,ROW(INDEX(Jesper!AL$2:AL$366,ROUNDDOWN($C7026/24,0)+1,1))-1)+IF('Standard Profiles'!$G$22=$B$10,7,0)+IF('Standard Profiles'!$G$22=$B$17,14,0)+IF('Standard Profiles'!$G$22=$B$24,21,0),MOD($C7026,24)+1)/SUM(INDEX($D$3:$AA$30,INDEX(Jesper!$R$2:$R$366,ROW(INDEX(Jesper!AL$2:AL$366,ROUNDDOWN($C7026/24,0)+1,1))-1)+IF('Standard Profiles'!$G$22=$B$10,7,0)+IF('Standard Profiles'!$G$22=$B$17,14,0)+IF('Standard Profiles'!$G$22=$B$24,21,0),0)),0)</f>
        <v>0</v>
      </c>
      <c r="I7026">
        <f t="shared" si="783"/>
        <v>1.9527180703755698</v>
      </c>
      <c r="J7026">
        <f t="shared" si="784"/>
        <v>43.482155009609336</v>
      </c>
      <c r="K7026">
        <f t="shared" si="785"/>
        <v>2.7936113988573932</v>
      </c>
      <c r="L7026">
        <f t="shared" si="786"/>
        <v>1.3968056994286966</v>
      </c>
      <c r="M7026">
        <f t="shared" si="787"/>
        <v>0</v>
      </c>
      <c r="N7026" s="45">
        <f t="shared" si="788"/>
        <v>45218.333333316376</v>
      </c>
    </row>
    <row r="7027" spans="2:14" x14ac:dyDescent="0.25">
      <c r="B7027">
        <f t="shared" si="782"/>
        <v>4</v>
      </c>
      <c r="C7027" s="16">
        <v>6993</v>
      </c>
      <c r="D7027" cm="1">
        <f t="array" ref="D7027">IFERROR(INDEX(Jesper!AH$2:AH$366,ROUNDDOWN($C7027/24,0)+1,1)*INDEX($D$3:$AA$30,INDEX(Jesper!$R$2:$R$366,ROW(INDEX(Jesper!AH$2:AH$366,ROUNDDOWN($C7027/24,0)+1,1))-1)+IF('Standard Profiles'!$G$18=$B$10,7,0)+IF('Standard Profiles'!$G$18=$B$17,14,0)+IF('Standard Profiles'!$G$18=$B$24,21,0),MOD($C7027,24)+1)/SUM(INDEX($D$3:$AA$30,INDEX(Jesper!$R$2:$R$366,ROW(INDEX(Jesper!AH$2:AH$366,ROUNDDOWN($C7027/24,0)+1,1))-1)+IF('Standard Profiles'!$G$18=$B$10,7,0)+IF('Standard Profiles'!$G$18=$B$17,14,0)+IF('Standard Profiles'!$G$18=$B$24,21,0),0)),0)</f>
        <v>28.907948142657578</v>
      </c>
      <c r="E7027" cm="1">
        <f t="array" ref="E7027">IFERROR(INDEX(Jesper!AI$2:AI$366,ROUNDDOWN($C7027/24,0)+1,1)*INDEX($D$3:$AA$30,INDEX(Jesper!$R$2:$R$366,ROW(INDEX(Jesper!AI$2:AI$366,ROUNDDOWN($C7027/24,0)+1,1))-1)+IF('Standard Profiles'!$G$19=$B$10,7,0)+IF('Standard Profiles'!$G$19=$B$17,14,0)+IF('Standard Profiles'!$G$19=$B$24,21,0),MOD($C7027,24)+1)/SUM(INDEX($D$3:$AA$30,INDEX(Jesper!$R$2:$R$366,ROW(INDEX(Jesper!AI$2:AI$366,ROUNDDOWN($C7027/24,0)+1,1))-1)+IF('Standard Profiles'!$G$19=$B$10,7,0)+IF('Standard Profiles'!$G$19=$B$17,14,0)+IF('Standard Profiles'!$G$19=$B$24,21,0),0)),0)</f>
        <v>21.376805830961871</v>
      </c>
      <c r="F7027" cm="1">
        <f t="array" ref="F7027">IFERROR(INDEX(Jesper!AJ$2:AJ$366,ROUNDDOWN($C7027/24,0)+1,1)*INDEX($D$3:$AA$30,INDEX(Jesper!$R$2:$R$366,ROW(INDEX(Jesper!AJ$2:AJ$366,ROUNDDOWN($C7027/24,0)+1,1))-1)+IF('Standard Profiles'!$G$20=$B$10,7,0)+IF('Standard Profiles'!$G$20=$B$17,14,0)+IF('Standard Profiles'!$G$20=$B$24,21,0),MOD($C7027,24)+1)/SUM(INDEX($D$3:$AA$30,INDEX(Jesper!$R$2:$R$366,ROW(INDEX(Jesper!AJ$2:AJ$366,ROUNDDOWN($C7027/24,0)+1,1))-1)+IF('Standard Profiles'!$G$20=$B$10,7,0)+IF('Standard Profiles'!$G$20=$B$17,14,0)+IF('Standard Profiles'!$G$20=$B$24,21,0),0)),0)</f>
        <v>0</v>
      </c>
      <c r="G7027" cm="1">
        <f t="array" ref="G7027">IFERROR(INDEX(Jesper!AK$2:AK$366,ROUNDDOWN($C7027/24,0)+1,1)*INDEX($D$3:$AA$30,INDEX(Jesper!$R$2:$R$366,ROW(INDEX(Jesper!AK$2:AK$366,ROUNDDOWN($C7027/24,0)+1,1))-1)+IF('Standard Profiles'!$G$21=$B$10,7,0)+IF('Standard Profiles'!$G$21=$B$17,14,0)+IF('Standard Profiles'!$G$21=$B$24,21,0),MOD($C7027,24)+1)/SUM(INDEX($D$3:$AA$30,INDEX(Jesper!$R$2:$R$366,ROW(INDEX(Jesper!AK$2:AK$366,ROUNDDOWN($C7027/24,0)+1,1))-1)+IF('Standard Profiles'!$G$21=$B$10,7,0)+IF('Standard Profiles'!$G$21=$B$17,14,0)+IF('Standard Profiles'!$G$21=$B$24,21,0),0)),0)</f>
        <v>4.4903304684343901</v>
      </c>
      <c r="H7027" cm="1">
        <f t="array" ref="H7027">IFERROR(INDEX(Jesper!AL$2:AL$366,ROUNDDOWN($C7027/24,0)+1,1)*INDEX($D$3:$AA$30,INDEX(Jesper!$R$2:$R$366,ROW(INDEX(Jesper!AL$2:AL$366,ROUNDDOWN($C7027/24,0)+1,1))-1)+IF('Standard Profiles'!$G$22=$B$10,7,0)+IF('Standard Profiles'!$G$22=$B$17,14,0)+IF('Standard Profiles'!$G$22=$B$24,21,0),MOD($C7027,24)+1)/SUM(INDEX($D$3:$AA$30,INDEX(Jesper!$R$2:$R$366,ROW(INDEX(Jesper!AL$2:AL$366,ROUNDDOWN($C7027/24,0)+1,1))-1)+IF('Standard Profiles'!$G$22=$B$10,7,0)+IF('Standard Profiles'!$G$22=$B$17,14,0)+IF('Standard Profiles'!$G$22=$B$24,21,0),0)),0)</f>
        <v>0</v>
      </c>
      <c r="I7027">
        <f t="shared" si="783"/>
        <v>2.1553586248485064</v>
      </c>
      <c r="J7027">
        <f t="shared" si="784"/>
        <v>47.994454114380119</v>
      </c>
      <c r="K7027">
        <f t="shared" si="785"/>
        <v>3.0835144685501419</v>
      </c>
      <c r="L7027">
        <f t="shared" si="786"/>
        <v>1.5417572342750709</v>
      </c>
      <c r="M7027">
        <f t="shared" si="787"/>
        <v>0</v>
      </c>
      <c r="N7027" s="45">
        <f t="shared" si="788"/>
        <v>45218.37499998304</v>
      </c>
    </row>
    <row r="7028" spans="2:14" x14ac:dyDescent="0.25">
      <c r="B7028">
        <f t="shared" si="782"/>
        <v>4</v>
      </c>
      <c r="C7028" s="16">
        <v>6994</v>
      </c>
      <c r="D7028" cm="1">
        <f t="array" ref="D7028">IFERROR(INDEX(Jesper!AH$2:AH$366,ROUNDDOWN($C7028/24,0)+1,1)*INDEX($D$3:$AA$30,INDEX(Jesper!$R$2:$R$366,ROW(INDEX(Jesper!AH$2:AH$366,ROUNDDOWN($C7028/24,0)+1,1))-1)+IF('Standard Profiles'!$G$18=$B$10,7,0)+IF('Standard Profiles'!$G$18=$B$17,14,0)+IF('Standard Profiles'!$G$18=$B$24,21,0),MOD($C7028,24)+1)/SUM(INDEX($D$3:$AA$30,INDEX(Jesper!$R$2:$R$366,ROW(INDEX(Jesper!AH$2:AH$366,ROUNDDOWN($C7028/24,0)+1,1))-1)+IF('Standard Profiles'!$G$18=$B$10,7,0)+IF('Standard Profiles'!$G$18=$B$17,14,0)+IF('Standard Profiles'!$G$18=$B$24,21,0),0)),0)</f>
        <v>28.907948142657578</v>
      </c>
      <c r="E7028" cm="1">
        <f t="array" ref="E7028">IFERROR(INDEX(Jesper!AI$2:AI$366,ROUNDDOWN($C7028/24,0)+1,1)*INDEX($D$3:$AA$30,INDEX(Jesper!$R$2:$R$366,ROW(INDEX(Jesper!AI$2:AI$366,ROUNDDOWN($C7028/24,0)+1,1))-1)+IF('Standard Profiles'!$G$19=$B$10,7,0)+IF('Standard Profiles'!$G$19=$B$17,14,0)+IF('Standard Profiles'!$G$19=$B$24,21,0),MOD($C7028,24)+1)/SUM(INDEX($D$3:$AA$30,INDEX(Jesper!$R$2:$R$366,ROW(INDEX(Jesper!AI$2:AI$366,ROUNDDOWN($C7028/24,0)+1,1))-1)+IF('Standard Profiles'!$G$19=$B$10,7,0)+IF('Standard Profiles'!$G$19=$B$17,14,0)+IF('Standard Profiles'!$G$19=$B$24,21,0),0)),0)</f>
        <v>21.376805830961871</v>
      </c>
      <c r="F7028" cm="1">
        <f t="array" ref="F7028">IFERROR(INDEX(Jesper!AJ$2:AJ$366,ROUNDDOWN($C7028/24,0)+1,1)*INDEX($D$3:$AA$30,INDEX(Jesper!$R$2:$R$366,ROW(INDEX(Jesper!AJ$2:AJ$366,ROUNDDOWN($C7028/24,0)+1,1))-1)+IF('Standard Profiles'!$G$20=$B$10,7,0)+IF('Standard Profiles'!$G$20=$B$17,14,0)+IF('Standard Profiles'!$G$20=$B$24,21,0),MOD($C7028,24)+1)/SUM(INDEX($D$3:$AA$30,INDEX(Jesper!$R$2:$R$366,ROW(INDEX(Jesper!AJ$2:AJ$366,ROUNDDOWN($C7028/24,0)+1,1))-1)+IF('Standard Profiles'!$G$20=$B$10,7,0)+IF('Standard Profiles'!$G$20=$B$17,14,0)+IF('Standard Profiles'!$G$20=$B$24,21,0),0)),0)</f>
        <v>0</v>
      </c>
      <c r="G7028" cm="1">
        <f t="array" ref="G7028">IFERROR(INDEX(Jesper!AK$2:AK$366,ROUNDDOWN($C7028/24,0)+1,1)*INDEX($D$3:$AA$30,INDEX(Jesper!$R$2:$R$366,ROW(INDEX(Jesper!AK$2:AK$366,ROUNDDOWN($C7028/24,0)+1,1))-1)+IF('Standard Profiles'!$G$21=$B$10,7,0)+IF('Standard Profiles'!$G$21=$B$17,14,0)+IF('Standard Profiles'!$G$21=$B$24,21,0),MOD($C7028,24)+1)/SUM(INDEX($D$3:$AA$30,INDEX(Jesper!$R$2:$R$366,ROW(INDEX(Jesper!AK$2:AK$366,ROUNDDOWN($C7028/24,0)+1,1))-1)+IF('Standard Profiles'!$G$21=$B$10,7,0)+IF('Standard Profiles'!$G$21=$B$17,14,0)+IF('Standard Profiles'!$G$21=$B$24,21,0),0)),0)</f>
        <v>4.4903304684343901</v>
      </c>
      <c r="H7028" cm="1">
        <f t="array" ref="H7028">IFERROR(INDEX(Jesper!AL$2:AL$366,ROUNDDOWN($C7028/24,0)+1,1)*INDEX($D$3:$AA$30,INDEX(Jesper!$R$2:$R$366,ROW(INDEX(Jesper!AL$2:AL$366,ROUNDDOWN($C7028/24,0)+1,1))-1)+IF('Standard Profiles'!$G$22=$B$10,7,0)+IF('Standard Profiles'!$G$22=$B$17,14,0)+IF('Standard Profiles'!$G$22=$B$24,21,0),MOD($C7028,24)+1)/SUM(INDEX($D$3:$AA$30,INDEX(Jesper!$R$2:$R$366,ROW(INDEX(Jesper!AL$2:AL$366,ROUNDDOWN($C7028/24,0)+1,1))-1)+IF('Standard Profiles'!$G$22=$B$10,7,0)+IF('Standard Profiles'!$G$22=$B$17,14,0)+IF('Standard Profiles'!$G$22=$B$24,21,0),0)),0)</f>
        <v>0</v>
      </c>
      <c r="I7028">
        <f t="shared" si="783"/>
        <v>2.1553586248485064</v>
      </c>
      <c r="J7028">
        <f t="shared" si="784"/>
        <v>47.994454114380119</v>
      </c>
      <c r="K7028">
        <f t="shared" si="785"/>
        <v>3.0835144685501419</v>
      </c>
      <c r="L7028">
        <f t="shared" si="786"/>
        <v>1.5417572342750709</v>
      </c>
      <c r="M7028">
        <f t="shared" si="787"/>
        <v>0</v>
      </c>
      <c r="N7028" s="45">
        <f t="shared" si="788"/>
        <v>45218.416666649704</v>
      </c>
    </row>
    <row r="7029" spans="2:14" x14ac:dyDescent="0.25">
      <c r="B7029">
        <f t="shared" si="782"/>
        <v>4</v>
      </c>
      <c r="C7029" s="16">
        <v>6995</v>
      </c>
      <c r="D7029" cm="1">
        <f t="array" ref="D7029">IFERROR(INDEX(Jesper!AH$2:AH$366,ROUNDDOWN($C7029/24,0)+1,1)*INDEX($D$3:$AA$30,INDEX(Jesper!$R$2:$R$366,ROW(INDEX(Jesper!AH$2:AH$366,ROUNDDOWN($C7029/24,0)+1,1))-1)+IF('Standard Profiles'!$G$18=$B$10,7,0)+IF('Standard Profiles'!$G$18=$B$17,14,0)+IF('Standard Profiles'!$G$18=$B$24,21,0),MOD($C7029,24)+1)/SUM(INDEX($D$3:$AA$30,INDEX(Jesper!$R$2:$R$366,ROW(INDEX(Jesper!AH$2:AH$366,ROUNDDOWN($C7029/24,0)+1,1))-1)+IF('Standard Profiles'!$G$18=$B$10,7,0)+IF('Standard Profiles'!$G$18=$B$17,14,0)+IF('Standard Profiles'!$G$18=$B$24,21,0),0)),0)</f>
        <v>34.590707179248376</v>
      </c>
      <c r="E7029" cm="1">
        <f t="array" ref="E7029">IFERROR(INDEX(Jesper!AI$2:AI$366,ROUNDDOWN($C7029/24,0)+1,1)*INDEX($D$3:$AA$30,INDEX(Jesper!$R$2:$R$366,ROW(INDEX(Jesper!AI$2:AI$366,ROUNDDOWN($C7029/24,0)+1,1))-1)+IF('Standard Profiles'!$G$19=$B$10,7,0)+IF('Standard Profiles'!$G$19=$B$17,14,0)+IF('Standard Profiles'!$G$19=$B$24,21,0),MOD($C7029,24)+1)/SUM(INDEX($D$3:$AA$30,INDEX(Jesper!$R$2:$R$366,ROW(INDEX(Jesper!AI$2:AI$366,ROUNDDOWN($C7029/24,0)+1,1))-1)+IF('Standard Profiles'!$G$19=$B$10,7,0)+IF('Standard Profiles'!$G$19=$B$17,14,0)+IF('Standard Profiles'!$G$19=$B$24,21,0),0)),0)</f>
        <v>25.579083900296258</v>
      </c>
      <c r="F7029" cm="1">
        <f t="array" ref="F7029">IFERROR(INDEX(Jesper!AJ$2:AJ$366,ROUNDDOWN($C7029/24,0)+1,1)*INDEX($D$3:$AA$30,INDEX(Jesper!$R$2:$R$366,ROW(INDEX(Jesper!AJ$2:AJ$366,ROUNDDOWN($C7029/24,0)+1,1))-1)+IF('Standard Profiles'!$G$20=$B$10,7,0)+IF('Standard Profiles'!$G$20=$B$17,14,0)+IF('Standard Profiles'!$G$20=$B$24,21,0),MOD($C7029,24)+1)/SUM(INDEX($D$3:$AA$30,INDEX(Jesper!$R$2:$R$366,ROW(INDEX(Jesper!AJ$2:AJ$366,ROUNDDOWN($C7029/24,0)+1,1))-1)+IF('Standard Profiles'!$G$20=$B$10,7,0)+IF('Standard Profiles'!$G$20=$B$17,14,0)+IF('Standard Profiles'!$G$20=$B$24,21,0),0)),0)</f>
        <v>0</v>
      </c>
      <c r="G7029" cm="1">
        <f t="array" ref="G7029">IFERROR(INDEX(Jesper!AK$2:AK$366,ROUNDDOWN($C7029/24,0)+1,1)*INDEX($D$3:$AA$30,INDEX(Jesper!$R$2:$R$366,ROW(INDEX(Jesper!AK$2:AK$366,ROUNDDOWN($C7029/24,0)+1,1))-1)+IF('Standard Profiles'!$G$21=$B$10,7,0)+IF('Standard Profiles'!$G$21=$B$17,14,0)+IF('Standard Profiles'!$G$21=$B$24,21,0),MOD($C7029,24)+1)/SUM(INDEX($D$3:$AA$30,INDEX(Jesper!$R$2:$R$366,ROW(INDEX(Jesper!AK$2:AK$366,ROUNDDOWN($C7029/24,0)+1,1))-1)+IF('Standard Profiles'!$G$21=$B$10,7,0)+IF('Standard Profiles'!$G$21=$B$17,14,0)+IF('Standard Profiles'!$G$21=$B$24,21,0),0)),0)</f>
        <v>5.3730450049642275</v>
      </c>
      <c r="H7029" cm="1">
        <f t="array" ref="H7029">IFERROR(INDEX(Jesper!AL$2:AL$366,ROUNDDOWN($C7029/24,0)+1,1)*INDEX($D$3:$AA$30,INDEX(Jesper!$R$2:$R$366,ROW(INDEX(Jesper!AL$2:AL$366,ROUNDDOWN($C7029/24,0)+1,1))-1)+IF('Standard Profiles'!$G$22=$B$10,7,0)+IF('Standard Profiles'!$G$22=$B$17,14,0)+IF('Standard Profiles'!$G$22=$B$24,21,0),MOD($C7029,24)+1)/SUM(INDEX($D$3:$AA$30,INDEX(Jesper!$R$2:$R$366,ROW(INDEX(Jesper!AL$2:AL$366,ROUNDDOWN($C7029/24,0)+1,1))-1)+IF('Standard Profiles'!$G$22=$B$10,7,0)+IF('Standard Profiles'!$G$22=$B$17,14,0)+IF('Standard Profiles'!$G$22=$B$24,21,0),0)),0)</f>
        <v>0</v>
      </c>
      <c r="I7029">
        <f t="shared" si="783"/>
        <v>2.5790616023828279</v>
      </c>
      <c r="J7029">
        <f t="shared" si="784"/>
        <v>57.429261333446284</v>
      </c>
      <c r="K7029">
        <f t="shared" si="785"/>
        <v>3.6896754324531602</v>
      </c>
      <c r="L7029">
        <f t="shared" si="786"/>
        <v>1.8448377162265801</v>
      </c>
      <c r="M7029">
        <f t="shared" si="787"/>
        <v>0</v>
      </c>
      <c r="N7029" s="45">
        <f t="shared" si="788"/>
        <v>45218.458333316368</v>
      </c>
    </row>
    <row r="7030" spans="2:14" x14ac:dyDescent="0.25">
      <c r="B7030">
        <f t="shared" si="782"/>
        <v>4</v>
      </c>
      <c r="C7030" s="16">
        <v>6996</v>
      </c>
      <c r="D7030" cm="1">
        <f t="array" ref="D7030">IFERROR(INDEX(Jesper!AH$2:AH$366,ROUNDDOWN($C7030/24,0)+1,1)*INDEX($D$3:$AA$30,INDEX(Jesper!$R$2:$R$366,ROW(INDEX(Jesper!AH$2:AH$366,ROUNDDOWN($C7030/24,0)+1,1))-1)+IF('Standard Profiles'!$G$18=$B$10,7,0)+IF('Standard Profiles'!$G$18=$B$17,14,0)+IF('Standard Profiles'!$G$18=$B$24,21,0),MOD($C7030,24)+1)/SUM(INDEX($D$3:$AA$30,INDEX(Jesper!$R$2:$R$366,ROW(INDEX(Jesper!AH$2:AH$366,ROUNDDOWN($C7030/24,0)+1,1))-1)+IF('Standard Profiles'!$G$18=$B$10,7,0)+IF('Standard Profiles'!$G$18=$B$17,14,0)+IF('Standard Profiles'!$G$18=$B$24,21,0),0)),0)</f>
        <v>34.590707179248376</v>
      </c>
      <c r="E7030" cm="1">
        <f t="array" ref="E7030">IFERROR(INDEX(Jesper!AI$2:AI$366,ROUNDDOWN($C7030/24,0)+1,1)*INDEX($D$3:$AA$30,INDEX(Jesper!$R$2:$R$366,ROW(INDEX(Jesper!AI$2:AI$366,ROUNDDOWN($C7030/24,0)+1,1))-1)+IF('Standard Profiles'!$G$19=$B$10,7,0)+IF('Standard Profiles'!$G$19=$B$17,14,0)+IF('Standard Profiles'!$G$19=$B$24,21,0),MOD($C7030,24)+1)/SUM(INDEX($D$3:$AA$30,INDEX(Jesper!$R$2:$R$366,ROW(INDEX(Jesper!AI$2:AI$366,ROUNDDOWN($C7030/24,0)+1,1))-1)+IF('Standard Profiles'!$G$19=$B$10,7,0)+IF('Standard Profiles'!$G$19=$B$17,14,0)+IF('Standard Profiles'!$G$19=$B$24,21,0),0)),0)</f>
        <v>25.579083900296258</v>
      </c>
      <c r="F7030" cm="1">
        <f t="array" ref="F7030">IFERROR(INDEX(Jesper!AJ$2:AJ$366,ROUNDDOWN($C7030/24,0)+1,1)*INDEX($D$3:$AA$30,INDEX(Jesper!$R$2:$R$366,ROW(INDEX(Jesper!AJ$2:AJ$366,ROUNDDOWN($C7030/24,0)+1,1))-1)+IF('Standard Profiles'!$G$20=$B$10,7,0)+IF('Standard Profiles'!$G$20=$B$17,14,0)+IF('Standard Profiles'!$G$20=$B$24,21,0),MOD($C7030,24)+1)/SUM(INDEX($D$3:$AA$30,INDEX(Jesper!$R$2:$R$366,ROW(INDEX(Jesper!AJ$2:AJ$366,ROUNDDOWN($C7030/24,0)+1,1))-1)+IF('Standard Profiles'!$G$20=$B$10,7,0)+IF('Standard Profiles'!$G$20=$B$17,14,0)+IF('Standard Profiles'!$G$20=$B$24,21,0),0)),0)</f>
        <v>0</v>
      </c>
      <c r="G7030" cm="1">
        <f t="array" ref="G7030">IFERROR(INDEX(Jesper!AK$2:AK$366,ROUNDDOWN($C7030/24,0)+1,1)*INDEX($D$3:$AA$30,INDEX(Jesper!$R$2:$R$366,ROW(INDEX(Jesper!AK$2:AK$366,ROUNDDOWN($C7030/24,0)+1,1))-1)+IF('Standard Profiles'!$G$21=$B$10,7,0)+IF('Standard Profiles'!$G$21=$B$17,14,0)+IF('Standard Profiles'!$G$21=$B$24,21,0),MOD($C7030,24)+1)/SUM(INDEX($D$3:$AA$30,INDEX(Jesper!$R$2:$R$366,ROW(INDEX(Jesper!AK$2:AK$366,ROUNDDOWN($C7030/24,0)+1,1))-1)+IF('Standard Profiles'!$G$21=$B$10,7,0)+IF('Standard Profiles'!$G$21=$B$17,14,0)+IF('Standard Profiles'!$G$21=$B$24,21,0),0)),0)</f>
        <v>5.3730450049642275</v>
      </c>
      <c r="H7030" cm="1">
        <f t="array" ref="H7030">IFERROR(INDEX(Jesper!AL$2:AL$366,ROUNDDOWN($C7030/24,0)+1,1)*INDEX($D$3:$AA$30,INDEX(Jesper!$R$2:$R$366,ROW(INDEX(Jesper!AL$2:AL$366,ROUNDDOWN($C7030/24,0)+1,1))-1)+IF('Standard Profiles'!$G$22=$B$10,7,0)+IF('Standard Profiles'!$G$22=$B$17,14,0)+IF('Standard Profiles'!$G$22=$B$24,21,0),MOD($C7030,24)+1)/SUM(INDEX($D$3:$AA$30,INDEX(Jesper!$R$2:$R$366,ROW(INDEX(Jesper!AL$2:AL$366,ROUNDDOWN($C7030/24,0)+1,1))-1)+IF('Standard Profiles'!$G$22=$B$10,7,0)+IF('Standard Profiles'!$G$22=$B$17,14,0)+IF('Standard Profiles'!$G$22=$B$24,21,0),0)),0)</f>
        <v>0</v>
      </c>
      <c r="I7030">
        <f t="shared" si="783"/>
        <v>2.5790616023828279</v>
      </c>
      <c r="J7030">
        <f t="shared" si="784"/>
        <v>57.429261333446284</v>
      </c>
      <c r="K7030">
        <f t="shared" si="785"/>
        <v>3.6896754324531602</v>
      </c>
      <c r="L7030">
        <f t="shared" si="786"/>
        <v>1.8448377162265801</v>
      </c>
      <c r="M7030">
        <f t="shared" si="787"/>
        <v>0</v>
      </c>
      <c r="N7030" s="45">
        <f t="shared" si="788"/>
        <v>45218.499999983032</v>
      </c>
    </row>
    <row r="7031" spans="2:14" x14ac:dyDescent="0.25">
      <c r="B7031">
        <f t="shared" si="782"/>
        <v>4</v>
      </c>
      <c r="C7031" s="16">
        <v>6997</v>
      </c>
      <c r="D7031" cm="1">
        <f t="array" ref="D7031">IFERROR(INDEX(Jesper!AH$2:AH$366,ROUNDDOWN($C7031/24,0)+1,1)*INDEX($D$3:$AA$30,INDEX(Jesper!$R$2:$R$366,ROW(INDEX(Jesper!AH$2:AH$366,ROUNDDOWN($C7031/24,0)+1,1))-1)+IF('Standard Profiles'!$G$18=$B$10,7,0)+IF('Standard Profiles'!$G$18=$B$17,14,0)+IF('Standard Profiles'!$G$18=$B$24,21,0),MOD($C7031,24)+1)/SUM(INDEX($D$3:$AA$30,INDEX(Jesper!$R$2:$R$366,ROW(INDEX(Jesper!AH$2:AH$366,ROUNDDOWN($C7031/24,0)+1,1))-1)+IF('Standard Profiles'!$G$18=$B$10,7,0)+IF('Standard Profiles'!$G$18=$B$17,14,0)+IF('Standard Profiles'!$G$18=$B$24,21,0),0)),0)</f>
        <v>22.978112626214994</v>
      </c>
      <c r="E7031" cm="1">
        <f t="array" ref="E7031">IFERROR(INDEX(Jesper!AI$2:AI$366,ROUNDDOWN($C7031/24,0)+1,1)*INDEX($D$3:$AA$30,INDEX(Jesper!$R$2:$R$366,ROW(INDEX(Jesper!AI$2:AI$366,ROUNDDOWN($C7031/24,0)+1,1))-1)+IF('Standard Profiles'!$G$19=$B$10,7,0)+IF('Standard Profiles'!$G$19=$B$17,14,0)+IF('Standard Profiles'!$G$19=$B$24,21,0),MOD($C7031,24)+1)/SUM(INDEX($D$3:$AA$30,INDEX(Jesper!$R$2:$R$366,ROW(INDEX(Jesper!AI$2:AI$366,ROUNDDOWN($C7031/24,0)+1,1))-1)+IF('Standard Profiles'!$G$19=$B$10,7,0)+IF('Standard Profiles'!$G$19=$B$17,14,0)+IF('Standard Profiles'!$G$19=$B$24,21,0),0)),0)</f>
        <v>16.991820019482514</v>
      </c>
      <c r="F7031" cm="1">
        <f t="array" ref="F7031">IFERROR(INDEX(Jesper!AJ$2:AJ$366,ROUNDDOWN($C7031/24,0)+1,1)*INDEX($D$3:$AA$30,INDEX(Jesper!$R$2:$R$366,ROW(INDEX(Jesper!AJ$2:AJ$366,ROUNDDOWN($C7031/24,0)+1,1))-1)+IF('Standard Profiles'!$G$20=$B$10,7,0)+IF('Standard Profiles'!$G$20=$B$17,14,0)+IF('Standard Profiles'!$G$20=$B$24,21,0),MOD($C7031,24)+1)/SUM(INDEX($D$3:$AA$30,INDEX(Jesper!$R$2:$R$366,ROW(INDEX(Jesper!AJ$2:AJ$366,ROUNDDOWN($C7031/24,0)+1,1))-1)+IF('Standard Profiles'!$G$20=$B$10,7,0)+IF('Standard Profiles'!$G$20=$B$17,14,0)+IF('Standard Profiles'!$G$20=$B$24,21,0),0)),0)</f>
        <v>0</v>
      </c>
      <c r="G7031" cm="1">
        <f t="array" ref="G7031">IFERROR(INDEX(Jesper!AK$2:AK$366,ROUNDDOWN($C7031/24,0)+1,1)*INDEX($D$3:$AA$30,INDEX(Jesper!$R$2:$R$366,ROW(INDEX(Jesper!AK$2:AK$366,ROUNDDOWN($C7031/24,0)+1,1))-1)+IF('Standard Profiles'!$G$21=$B$10,7,0)+IF('Standard Profiles'!$G$21=$B$17,14,0)+IF('Standard Profiles'!$G$21=$B$24,21,0),MOD($C7031,24)+1)/SUM(INDEX($D$3:$AA$30,INDEX(Jesper!$R$2:$R$366,ROW(INDEX(Jesper!AK$2:AK$366,ROUNDDOWN($C7031/24,0)+1,1))-1)+IF('Standard Profiles'!$G$21=$B$10,7,0)+IF('Standard Profiles'!$G$21=$B$17,14,0)+IF('Standard Profiles'!$G$21=$B$24,21,0),0)),0)</f>
        <v>3.5692370390119508</v>
      </c>
      <c r="H7031" cm="1">
        <f t="array" ref="H7031">IFERROR(INDEX(Jesper!AL$2:AL$366,ROUNDDOWN($C7031/24,0)+1,1)*INDEX($D$3:$AA$30,INDEX(Jesper!$R$2:$R$366,ROW(INDEX(Jesper!AL$2:AL$366,ROUNDDOWN($C7031/24,0)+1,1))-1)+IF('Standard Profiles'!$G$22=$B$10,7,0)+IF('Standard Profiles'!$G$22=$B$17,14,0)+IF('Standard Profiles'!$G$22=$B$24,21,0),MOD($C7031,24)+1)/SUM(INDEX($D$3:$AA$30,INDEX(Jesper!$R$2:$R$366,ROW(INDEX(Jesper!AL$2:AL$366,ROUNDDOWN($C7031/24,0)+1,1))-1)+IF('Standard Profiles'!$G$22=$B$10,7,0)+IF('Standard Profiles'!$G$22=$B$17,14,0)+IF('Standard Profiles'!$G$22=$B$24,21,0),0)),0)</f>
        <v>0</v>
      </c>
      <c r="I7031">
        <f t="shared" si="783"/>
        <v>1.7132337787257355</v>
      </c>
      <c r="J7031">
        <f t="shared" si="784"/>
        <v>38.149437885789325</v>
      </c>
      <c r="K7031">
        <f t="shared" si="785"/>
        <v>2.4509986801295995</v>
      </c>
      <c r="L7031">
        <f t="shared" si="786"/>
        <v>1.2254993400647998</v>
      </c>
      <c r="M7031">
        <f t="shared" si="787"/>
        <v>0</v>
      </c>
      <c r="N7031" s="45">
        <f t="shared" si="788"/>
        <v>45218.541666649697</v>
      </c>
    </row>
    <row r="7032" spans="2:14" x14ac:dyDescent="0.25">
      <c r="B7032">
        <f t="shared" si="782"/>
        <v>4</v>
      </c>
      <c r="C7032" s="16">
        <v>6998</v>
      </c>
      <c r="D7032" cm="1">
        <f t="array" ref="D7032">IFERROR(INDEX(Jesper!AH$2:AH$366,ROUNDDOWN($C7032/24,0)+1,1)*INDEX($D$3:$AA$30,INDEX(Jesper!$R$2:$R$366,ROW(INDEX(Jesper!AH$2:AH$366,ROUNDDOWN($C7032/24,0)+1,1))-1)+IF('Standard Profiles'!$G$18=$B$10,7,0)+IF('Standard Profiles'!$G$18=$B$17,14,0)+IF('Standard Profiles'!$G$18=$B$24,21,0),MOD($C7032,24)+1)/SUM(INDEX($D$3:$AA$30,INDEX(Jesper!$R$2:$R$366,ROW(INDEX(Jesper!AH$2:AH$366,ROUNDDOWN($C7032/24,0)+1,1))-1)+IF('Standard Profiles'!$G$18=$B$10,7,0)+IF('Standard Profiles'!$G$18=$B$17,14,0)+IF('Standard Profiles'!$G$18=$B$24,21,0),0)),0)</f>
        <v>34.590707179248376</v>
      </c>
      <c r="E7032" cm="1">
        <f t="array" ref="E7032">IFERROR(INDEX(Jesper!AI$2:AI$366,ROUNDDOWN($C7032/24,0)+1,1)*INDEX($D$3:$AA$30,INDEX(Jesper!$R$2:$R$366,ROW(INDEX(Jesper!AI$2:AI$366,ROUNDDOWN($C7032/24,0)+1,1))-1)+IF('Standard Profiles'!$G$19=$B$10,7,0)+IF('Standard Profiles'!$G$19=$B$17,14,0)+IF('Standard Profiles'!$G$19=$B$24,21,0),MOD($C7032,24)+1)/SUM(INDEX($D$3:$AA$30,INDEX(Jesper!$R$2:$R$366,ROW(INDEX(Jesper!AI$2:AI$366,ROUNDDOWN($C7032/24,0)+1,1))-1)+IF('Standard Profiles'!$G$19=$B$10,7,0)+IF('Standard Profiles'!$G$19=$B$17,14,0)+IF('Standard Profiles'!$G$19=$B$24,21,0),0)),0)</f>
        <v>25.579083900296258</v>
      </c>
      <c r="F7032" cm="1">
        <f t="array" ref="F7032">IFERROR(INDEX(Jesper!AJ$2:AJ$366,ROUNDDOWN($C7032/24,0)+1,1)*INDEX($D$3:$AA$30,INDEX(Jesper!$R$2:$R$366,ROW(INDEX(Jesper!AJ$2:AJ$366,ROUNDDOWN($C7032/24,0)+1,1))-1)+IF('Standard Profiles'!$G$20=$B$10,7,0)+IF('Standard Profiles'!$G$20=$B$17,14,0)+IF('Standard Profiles'!$G$20=$B$24,21,0),MOD($C7032,24)+1)/SUM(INDEX($D$3:$AA$30,INDEX(Jesper!$R$2:$R$366,ROW(INDEX(Jesper!AJ$2:AJ$366,ROUNDDOWN($C7032/24,0)+1,1))-1)+IF('Standard Profiles'!$G$20=$B$10,7,0)+IF('Standard Profiles'!$G$20=$B$17,14,0)+IF('Standard Profiles'!$G$20=$B$24,21,0),0)),0)</f>
        <v>0</v>
      </c>
      <c r="G7032" cm="1">
        <f t="array" ref="G7032">IFERROR(INDEX(Jesper!AK$2:AK$366,ROUNDDOWN($C7032/24,0)+1,1)*INDEX($D$3:$AA$30,INDEX(Jesper!$R$2:$R$366,ROW(INDEX(Jesper!AK$2:AK$366,ROUNDDOWN($C7032/24,0)+1,1))-1)+IF('Standard Profiles'!$G$21=$B$10,7,0)+IF('Standard Profiles'!$G$21=$B$17,14,0)+IF('Standard Profiles'!$G$21=$B$24,21,0),MOD($C7032,24)+1)/SUM(INDEX($D$3:$AA$30,INDEX(Jesper!$R$2:$R$366,ROW(INDEX(Jesper!AK$2:AK$366,ROUNDDOWN($C7032/24,0)+1,1))-1)+IF('Standard Profiles'!$G$21=$B$10,7,0)+IF('Standard Profiles'!$G$21=$B$17,14,0)+IF('Standard Profiles'!$G$21=$B$24,21,0),0)),0)</f>
        <v>5.3730450049642275</v>
      </c>
      <c r="H7032" cm="1">
        <f t="array" ref="H7032">IFERROR(INDEX(Jesper!AL$2:AL$366,ROUNDDOWN($C7032/24,0)+1,1)*INDEX($D$3:$AA$30,INDEX(Jesper!$R$2:$R$366,ROW(INDEX(Jesper!AL$2:AL$366,ROUNDDOWN($C7032/24,0)+1,1))-1)+IF('Standard Profiles'!$G$22=$B$10,7,0)+IF('Standard Profiles'!$G$22=$B$17,14,0)+IF('Standard Profiles'!$G$22=$B$24,21,0),MOD($C7032,24)+1)/SUM(INDEX($D$3:$AA$30,INDEX(Jesper!$R$2:$R$366,ROW(INDEX(Jesper!AL$2:AL$366,ROUNDDOWN($C7032/24,0)+1,1))-1)+IF('Standard Profiles'!$G$22=$B$10,7,0)+IF('Standard Profiles'!$G$22=$B$17,14,0)+IF('Standard Profiles'!$G$22=$B$24,21,0),0)),0)</f>
        <v>0</v>
      </c>
      <c r="I7032">
        <f t="shared" si="783"/>
        <v>2.5790616023828279</v>
      </c>
      <c r="J7032">
        <f t="shared" si="784"/>
        <v>57.429261333446284</v>
      </c>
      <c r="K7032">
        <f t="shared" si="785"/>
        <v>3.6896754324531602</v>
      </c>
      <c r="L7032">
        <f t="shared" si="786"/>
        <v>1.8448377162265801</v>
      </c>
      <c r="M7032">
        <f t="shared" si="787"/>
        <v>0</v>
      </c>
      <c r="N7032" s="45">
        <f t="shared" si="788"/>
        <v>45218.583333316361</v>
      </c>
    </row>
    <row r="7033" spans="2:14" x14ac:dyDescent="0.25">
      <c r="B7033">
        <f t="shared" si="782"/>
        <v>4</v>
      </c>
      <c r="C7033" s="16">
        <v>6999</v>
      </c>
      <c r="D7033" cm="1">
        <f t="array" ref="D7033">IFERROR(INDEX(Jesper!AH$2:AH$366,ROUNDDOWN($C7033/24,0)+1,1)*INDEX($D$3:$AA$30,INDEX(Jesper!$R$2:$R$366,ROW(INDEX(Jesper!AH$2:AH$366,ROUNDDOWN($C7033/24,0)+1,1))-1)+IF('Standard Profiles'!$G$18=$B$10,7,0)+IF('Standard Profiles'!$G$18=$B$17,14,0)+IF('Standard Profiles'!$G$18=$B$24,21,0),MOD($C7033,24)+1)/SUM(INDEX($D$3:$AA$30,INDEX(Jesper!$R$2:$R$366,ROW(INDEX(Jesper!AH$2:AH$366,ROUNDDOWN($C7033/24,0)+1,1))-1)+IF('Standard Profiles'!$G$18=$B$10,7,0)+IF('Standard Profiles'!$G$18=$B$17,14,0)+IF('Standard Profiles'!$G$18=$B$24,21,0),0)),0)</f>
        <v>34.590707179248376</v>
      </c>
      <c r="E7033" cm="1">
        <f t="array" ref="E7033">IFERROR(INDEX(Jesper!AI$2:AI$366,ROUNDDOWN($C7033/24,0)+1,1)*INDEX($D$3:$AA$30,INDEX(Jesper!$R$2:$R$366,ROW(INDEX(Jesper!AI$2:AI$366,ROUNDDOWN($C7033/24,0)+1,1))-1)+IF('Standard Profiles'!$G$19=$B$10,7,0)+IF('Standard Profiles'!$G$19=$B$17,14,0)+IF('Standard Profiles'!$G$19=$B$24,21,0),MOD($C7033,24)+1)/SUM(INDEX($D$3:$AA$30,INDEX(Jesper!$R$2:$R$366,ROW(INDEX(Jesper!AI$2:AI$366,ROUNDDOWN($C7033/24,0)+1,1))-1)+IF('Standard Profiles'!$G$19=$B$10,7,0)+IF('Standard Profiles'!$G$19=$B$17,14,0)+IF('Standard Profiles'!$G$19=$B$24,21,0),0)),0)</f>
        <v>25.579083900296258</v>
      </c>
      <c r="F7033" cm="1">
        <f t="array" ref="F7033">IFERROR(INDEX(Jesper!AJ$2:AJ$366,ROUNDDOWN($C7033/24,0)+1,1)*INDEX($D$3:$AA$30,INDEX(Jesper!$R$2:$R$366,ROW(INDEX(Jesper!AJ$2:AJ$366,ROUNDDOWN($C7033/24,0)+1,1))-1)+IF('Standard Profiles'!$G$20=$B$10,7,0)+IF('Standard Profiles'!$G$20=$B$17,14,0)+IF('Standard Profiles'!$G$20=$B$24,21,0),MOD($C7033,24)+1)/SUM(INDEX($D$3:$AA$30,INDEX(Jesper!$R$2:$R$366,ROW(INDEX(Jesper!AJ$2:AJ$366,ROUNDDOWN($C7033/24,0)+1,1))-1)+IF('Standard Profiles'!$G$20=$B$10,7,0)+IF('Standard Profiles'!$G$20=$B$17,14,0)+IF('Standard Profiles'!$G$20=$B$24,21,0),0)),0)</f>
        <v>0</v>
      </c>
      <c r="G7033" cm="1">
        <f t="array" ref="G7033">IFERROR(INDEX(Jesper!AK$2:AK$366,ROUNDDOWN($C7033/24,0)+1,1)*INDEX($D$3:$AA$30,INDEX(Jesper!$R$2:$R$366,ROW(INDEX(Jesper!AK$2:AK$366,ROUNDDOWN($C7033/24,0)+1,1))-1)+IF('Standard Profiles'!$G$21=$B$10,7,0)+IF('Standard Profiles'!$G$21=$B$17,14,0)+IF('Standard Profiles'!$G$21=$B$24,21,0),MOD($C7033,24)+1)/SUM(INDEX($D$3:$AA$30,INDEX(Jesper!$R$2:$R$366,ROW(INDEX(Jesper!AK$2:AK$366,ROUNDDOWN($C7033/24,0)+1,1))-1)+IF('Standard Profiles'!$G$21=$B$10,7,0)+IF('Standard Profiles'!$G$21=$B$17,14,0)+IF('Standard Profiles'!$G$21=$B$24,21,0),0)),0)</f>
        <v>5.3730450049642275</v>
      </c>
      <c r="H7033" cm="1">
        <f t="array" ref="H7033">IFERROR(INDEX(Jesper!AL$2:AL$366,ROUNDDOWN($C7033/24,0)+1,1)*INDEX($D$3:$AA$30,INDEX(Jesper!$R$2:$R$366,ROW(INDEX(Jesper!AL$2:AL$366,ROUNDDOWN($C7033/24,0)+1,1))-1)+IF('Standard Profiles'!$G$22=$B$10,7,0)+IF('Standard Profiles'!$G$22=$B$17,14,0)+IF('Standard Profiles'!$G$22=$B$24,21,0),MOD($C7033,24)+1)/SUM(INDEX($D$3:$AA$30,INDEX(Jesper!$R$2:$R$366,ROW(INDEX(Jesper!AL$2:AL$366,ROUNDDOWN($C7033/24,0)+1,1))-1)+IF('Standard Profiles'!$G$22=$B$10,7,0)+IF('Standard Profiles'!$G$22=$B$17,14,0)+IF('Standard Profiles'!$G$22=$B$24,21,0),0)),0)</f>
        <v>0</v>
      </c>
      <c r="I7033">
        <f t="shared" si="783"/>
        <v>2.5790616023828279</v>
      </c>
      <c r="J7033">
        <f t="shared" si="784"/>
        <v>57.429261333446284</v>
      </c>
      <c r="K7033">
        <f t="shared" si="785"/>
        <v>3.6896754324531602</v>
      </c>
      <c r="L7033">
        <f t="shared" si="786"/>
        <v>1.8448377162265801</v>
      </c>
      <c r="M7033">
        <f t="shared" si="787"/>
        <v>0</v>
      </c>
      <c r="N7033" s="45">
        <f t="shared" si="788"/>
        <v>45218.624999983025</v>
      </c>
    </row>
    <row r="7034" spans="2:14" x14ac:dyDescent="0.25">
      <c r="B7034">
        <f t="shared" si="782"/>
        <v>4</v>
      </c>
      <c r="C7034" s="16">
        <v>7000</v>
      </c>
      <c r="D7034" cm="1">
        <f t="array" ref="D7034">IFERROR(INDEX(Jesper!AH$2:AH$366,ROUNDDOWN($C7034/24,0)+1,1)*INDEX($D$3:$AA$30,INDEX(Jesper!$R$2:$R$366,ROW(INDEX(Jesper!AH$2:AH$366,ROUNDDOWN($C7034/24,0)+1,1))-1)+IF('Standard Profiles'!$G$18=$B$10,7,0)+IF('Standard Profiles'!$G$18=$B$17,14,0)+IF('Standard Profiles'!$G$18=$B$24,21,0),MOD($C7034,24)+1)/SUM(INDEX($D$3:$AA$30,INDEX(Jesper!$R$2:$R$366,ROW(INDEX(Jesper!AH$2:AH$366,ROUNDDOWN($C7034/24,0)+1,1))-1)+IF('Standard Profiles'!$G$18=$B$10,7,0)+IF('Standard Profiles'!$G$18=$B$17,14,0)+IF('Standard Profiles'!$G$18=$B$24,21,0),0)),0)</f>
        <v>20.383809587771367</v>
      </c>
      <c r="E7034" cm="1">
        <f t="array" ref="E7034">IFERROR(INDEX(Jesper!AI$2:AI$366,ROUNDDOWN($C7034/24,0)+1,1)*INDEX($D$3:$AA$30,INDEX(Jesper!$R$2:$R$366,ROW(INDEX(Jesper!AI$2:AI$366,ROUNDDOWN($C7034/24,0)+1,1))-1)+IF('Standard Profiles'!$G$19=$B$10,7,0)+IF('Standard Profiles'!$G$19=$B$17,14,0)+IF('Standard Profiles'!$G$19=$B$24,21,0),MOD($C7034,24)+1)/SUM(INDEX($D$3:$AA$30,INDEX(Jesper!$R$2:$R$366,ROW(INDEX(Jesper!AI$2:AI$366,ROUNDDOWN($C7034/24,0)+1,1))-1)+IF('Standard Profiles'!$G$19=$B$10,7,0)+IF('Standard Profiles'!$G$19=$B$17,14,0)+IF('Standard Profiles'!$G$19=$B$24,21,0),0)),0)</f>
        <v>15.073388726960294</v>
      </c>
      <c r="F7034" cm="1">
        <f t="array" ref="F7034">IFERROR(INDEX(Jesper!AJ$2:AJ$366,ROUNDDOWN($C7034/24,0)+1,1)*INDEX($D$3:$AA$30,INDEX(Jesper!$R$2:$R$366,ROW(INDEX(Jesper!AJ$2:AJ$366,ROUNDDOWN($C7034/24,0)+1,1))-1)+IF('Standard Profiles'!$G$20=$B$10,7,0)+IF('Standard Profiles'!$G$20=$B$17,14,0)+IF('Standard Profiles'!$G$20=$B$24,21,0),MOD($C7034,24)+1)/SUM(INDEX($D$3:$AA$30,INDEX(Jesper!$R$2:$R$366,ROW(INDEX(Jesper!AJ$2:AJ$366,ROUNDDOWN($C7034/24,0)+1,1))-1)+IF('Standard Profiles'!$G$20=$B$10,7,0)+IF('Standard Profiles'!$G$20=$B$17,14,0)+IF('Standard Profiles'!$G$20=$B$24,21,0),0)),0)</f>
        <v>0</v>
      </c>
      <c r="G7034" cm="1">
        <f t="array" ref="G7034">IFERROR(INDEX(Jesper!AK$2:AK$366,ROUNDDOWN($C7034/24,0)+1,1)*INDEX($D$3:$AA$30,INDEX(Jesper!$R$2:$R$366,ROW(INDEX(Jesper!AK$2:AK$366,ROUNDDOWN($C7034/24,0)+1,1))-1)+IF('Standard Profiles'!$G$21=$B$10,7,0)+IF('Standard Profiles'!$G$21=$B$17,14,0)+IF('Standard Profiles'!$G$21=$B$24,21,0),MOD($C7034,24)+1)/SUM(INDEX($D$3:$AA$30,INDEX(Jesper!$R$2:$R$366,ROW(INDEX(Jesper!AK$2:AK$366,ROUNDDOWN($C7034/24,0)+1,1))-1)+IF('Standard Profiles'!$G$21=$B$10,7,0)+IF('Standard Profiles'!$G$21=$B$17,14,0)+IF('Standard Profiles'!$G$21=$B$24,21,0),0)),0)</f>
        <v>4.4896687633845183</v>
      </c>
      <c r="H7034" cm="1">
        <f t="array" ref="H7034">IFERROR(INDEX(Jesper!AL$2:AL$366,ROUNDDOWN($C7034/24,0)+1,1)*INDEX($D$3:$AA$30,INDEX(Jesper!$R$2:$R$366,ROW(INDEX(Jesper!AL$2:AL$366,ROUNDDOWN($C7034/24,0)+1,1))-1)+IF('Standard Profiles'!$G$22=$B$10,7,0)+IF('Standard Profiles'!$G$22=$B$17,14,0)+IF('Standard Profiles'!$G$22=$B$24,21,0),MOD($C7034,24)+1)/SUM(INDEX($D$3:$AA$30,INDEX(Jesper!$R$2:$R$366,ROW(INDEX(Jesper!AL$2:AL$366,ROUNDDOWN($C7034/24,0)+1,1))-1)+IF('Standard Profiles'!$G$22=$B$10,7,0)+IF('Standard Profiles'!$G$22=$B$17,14,0)+IF('Standard Profiles'!$G$22=$B$24,21,0),0)),0)</f>
        <v>0</v>
      </c>
      <c r="I7034">
        <f t="shared" si="783"/>
        <v>2.1550410064245678</v>
      </c>
      <c r="J7034">
        <f t="shared" si="784"/>
        <v>34.530416537648193</v>
      </c>
      <c r="K7034">
        <f t="shared" si="785"/>
        <v>2.1742730226956124</v>
      </c>
      <c r="L7034">
        <f t="shared" si="786"/>
        <v>1.0871365113478062</v>
      </c>
      <c r="M7034">
        <f t="shared" si="787"/>
        <v>0</v>
      </c>
      <c r="N7034" s="45">
        <f t="shared" si="788"/>
        <v>45218.666666649689</v>
      </c>
    </row>
    <row r="7035" spans="2:14" x14ac:dyDescent="0.25">
      <c r="B7035">
        <f t="shared" si="782"/>
        <v>4</v>
      </c>
      <c r="C7035" s="16">
        <v>7001</v>
      </c>
      <c r="D7035" cm="1">
        <f t="array" ref="D7035">IFERROR(INDEX(Jesper!AH$2:AH$366,ROUNDDOWN($C7035/24,0)+1,1)*INDEX($D$3:$AA$30,INDEX(Jesper!$R$2:$R$366,ROW(INDEX(Jesper!AH$2:AH$366,ROUNDDOWN($C7035/24,0)+1,1))-1)+IF('Standard Profiles'!$G$18=$B$10,7,0)+IF('Standard Profiles'!$G$18=$B$17,14,0)+IF('Standard Profiles'!$G$18=$B$24,21,0),MOD($C7035,24)+1)/SUM(INDEX($D$3:$AA$30,INDEX(Jesper!$R$2:$R$366,ROW(INDEX(Jesper!AH$2:AH$366,ROUNDDOWN($C7035/24,0)+1,1))-1)+IF('Standard Profiles'!$G$18=$B$10,7,0)+IF('Standard Profiles'!$G$18=$B$17,14,0)+IF('Standard Profiles'!$G$18=$B$24,21,0),0)),0)</f>
        <v>8.6998760511188085</v>
      </c>
      <c r="E7035" cm="1">
        <f t="array" ref="E7035">IFERROR(INDEX(Jesper!AI$2:AI$366,ROUNDDOWN($C7035/24,0)+1,1)*INDEX($D$3:$AA$30,INDEX(Jesper!$R$2:$R$366,ROW(INDEX(Jesper!AI$2:AI$366,ROUNDDOWN($C7035/24,0)+1,1))-1)+IF('Standard Profiles'!$G$19=$B$10,7,0)+IF('Standard Profiles'!$G$19=$B$17,14,0)+IF('Standard Profiles'!$G$19=$B$24,21,0),MOD($C7035,24)+1)/SUM(INDEX($D$3:$AA$30,INDEX(Jesper!$R$2:$R$366,ROW(INDEX(Jesper!AI$2:AI$366,ROUNDDOWN($C7035/24,0)+1,1))-1)+IF('Standard Profiles'!$G$19=$B$10,7,0)+IF('Standard Profiles'!$G$19=$B$17,14,0)+IF('Standard Profiles'!$G$19=$B$24,21,0),0)),0)</f>
        <v>6.433371202287792</v>
      </c>
      <c r="F7035" cm="1">
        <f t="array" ref="F7035">IFERROR(INDEX(Jesper!AJ$2:AJ$366,ROUNDDOWN($C7035/24,0)+1,1)*INDEX($D$3:$AA$30,INDEX(Jesper!$R$2:$R$366,ROW(INDEX(Jesper!AJ$2:AJ$366,ROUNDDOWN($C7035/24,0)+1,1))-1)+IF('Standard Profiles'!$G$20=$B$10,7,0)+IF('Standard Profiles'!$G$20=$B$17,14,0)+IF('Standard Profiles'!$G$20=$B$24,21,0),MOD($C7035,24)+1)/SUM(INDEX($D$3:$AA$30,INDEX(Jesper!$R$2:$R$366,ROW(INDEX(Jesper!AJ$2:AJ$366,ROUNDDOWN($C7035/24,0)+1,1))-1)+IF('Standard Profiles'!$G$20=$B$10,7,0)+IF('Standard Profiles'!$G$20=$B$17,14,0)+IF('Standard Profiles'!$G$20=$B$24,21,0),0)),0)</f>
        <v>0</v>
      </c>
      <c r="G7035" cm="1">
        <f t="array" ref="G7035">IFERROR(INDEX(Jesper!AK$2:AK$366,ROUNDDOWN($C7035/24,0)+1,1)*INDEX($D$3:$AA$30,INDEX(Jesper!$R$2:$R$366,ROW(INDEX(Jesper!AK$2:AK$366,ROUNDDOWN($C7035/24,0)+1,1))-1)+IF('Standard Profiles'!$G$21=$B$10,7,0)+IF('Standard Profiles'!$G$21=$B$17,14,0)+IF('Standard Profiles'!$G$21=$B$24,21,0),MOD($C7035,24)+1)/SUM(INDEX($D$3:$AA$30,INDEX(Jesper!$R$2:$R$366,ROW(INDEX(Jesper!AK$2:AK$366,ROUNDDOWN($C7035/24,0)+1,1))-1)+IF('Standard Profiles'!$G$21=$B$10,7,0)+IF('Standard Profiles'!$G$21=$B$17,14,0)+IF('Standard Profiles'!$G$21=$B$24,21,0),0)),0)</f>
        <v>3.5698987440618235</v>
      </c>
      <c r="H7035" cm="1">
        <f t="array" ref="H7035">IFERROR(INDEX(Jesper!AL$2:AL$366,ROUNDDOWN($C7035/24,0)+1,1)*INDEX($D$3:$AA$30,INDEX(Jesper!$R$2:$R$366,ROW(INDEX(Jesper!AL$2:AL$366,ROUNDDOWN($C7035/24,0)+1,1))-1)+IF('Standard Profiles'!$G$22=$B$10,7,0)+IF('Standard Profiles'!$G$22=$B$17,14,0)+IF('Standard Profiles'!$G$22=$B$24,21,0),MOD($C7035,24)+1)/SUM(INDEX($D$3:$AA$30,INDEX(Jesper!$R$2:$R$366,ROW(INDEX(Jesper!AL$2:AL$366,ROUNDDOWN($C7035/24,0)+1,1))-1)+IF('Standard Profiles'!$G$22=$B$10,7,0)+IF('Standard Profiles'!$G$22=$B$17,14,0)+IF('Standard Profiles'!$G$22=$B$24,21,0),0)),0)</f>
        <v>0</v>
      </c>
      <c r="I7035">
        <f t="shared" si="783"/>
        <v>1.7135513971496745</v>
      </c>
      <c r="J7035">
        <f t="shared" si="784"/>
        <v>15.597614432139739</v>
      </c>
      <c r="K7035">
        <f t="shared" si="785"/>
        <v>0.92798677878600633</v>
      </c>
      <c r="L7035">
        <f t="shared" si="786"/>
        <v>0.46399338939300316</v>
      </c>
      <c r="M7035">
        <f t="shared" si="787"/>
        <v>0</v>
      </c>
      <c r="N7035" s="45">
        <f t="shared" si="788"/>
        <v>45218.708333316354</v>
      </c>
    </row>
    <row r="7036" spans="2:14" x14ac:dyDescent="0.25">
      <c r="B7036">
        <f t="shared" si="782"/>
        <v>4</v>
      </c>
      <c r="C7036" s="16">
        <v>7002</v>
      </c>
      <c r="D7036" cm="1">
        <f t="array" ref="D7036">IFERROR(INDEX(Jesper!AH$2:AH$366,ROUNDDOWN($C7036/24,0)+1,1)*INDEX($D$3:$AA$30,INDEX(Jesper!$R$2:$R$366,ROW(INDEX(Jesper!AH$2:AH$366,ROUNDDOWN($C7036/24,0)+1,1))-1)+IF('Standard Profiles'!$G$18=$B$10,7,0)+IF('Standard Profiles'!$G$18=$B$17,14,0)+IF('Standard Profiles'!$G$18=$B$24,21,0),MOD($C7036,24)+1)/SUM(INDEX($D$3:$AA$30,INDEX(Jesper!$R$2:$R$366,ROW(INDEX(Jesper!AH$2:AH$366,ROUNDDOWN($C7036/24,0)+1,1))-1)+IF('Standard Profiles'!$G$18=$B$10,7,0)+IF('Standard Profiles'!$G$18=$B$17,14,0)+IF('Standard Profiles'!$G$18=$B$24,21,0),0)),0)</f>
        <v>5.7419181937384129</v>
      </c>
      <c r="E7036" cm="1">
        <f t="array" ref="E7036">IFERROR(INDEX(Jesper!AI$2:AI$366,ROUNDDOWN($C7036/24,0)+1,1)*INDEX($D$3:$AA$30,INDEX(Jesper!$R$2:$R$366,ROW(INDEX(Jesper!AI$2:AI$366,ROUNDDOWN($C7036/24,0)+1,1))-1)+IF('Standard Profiles'!$G$19=$B$10,7,0)+IF('Standard Profiles'!$G$19=$B$17,14,0)+IF('Standard Profiles'!$G$19=$B$24,21,0),MOD($C7036,24)+1)/SUM(INDEX($D$3:$AA$30,INDEX(Jesper!$R$2:$R$366,ROW(INDEX(Jesper!AI$2:AI$366,ROUNDDOWN($C7036/24,0)+1,1))-1)+IF('Standard Profiles'!$G$19=$B$10,7,0)+IF('Standard Profiles'!$G$19=$B$17,14,0)+IF('Standard Profiles'!$G$19=$B$24,21,0),0)),0)</f>
        <v>4.2460249935099421</v>
      </c>
      <c r="F7036" cm="1">
        <f t="array" ref="F7036">IFERROR(INDEX(Jesper!AJ$2:AJ$366,ROUNDDOWN($C7036/24,0)+1,1)*INDEX($D$3:$AA$30,INDEX(Jesper!$R$2:$R$366,ROW(INDEX(Jesper!AJ$2:AJ$366,ROUNDDOWN($C7036/24,0)+1,1))-1)+IF('Standard Profiles'!$G$20=$B$10,7,0)+IF('Standard Profiles'!$G$20=$B$17,14,0)+IF('Standard Profiles'!$G$20=$B$24,21,0),MOD($C7036,24)+1)/SUM(INDEX($D$3:$AA$30,INDEX(Jesper!$R$2:$R$366,ROW(INDEX(Jesper!AJ$2:AJ$366,ROUNDDOWN($C7036/24,0)+1,1))-1)+IF('Standard Profiles'!$G$20=$B$10,7,0)+IF('Standard Profiles'!$G$20=$B$17,14,0)+IF('Standard Profiles'!$G$20=$B$24,21,0),0)),0)</f>
        <v>0</v>
      </c>
      <c r="G7036" cm="1">
        <f t="array" ref="G7036">IFERROR(INDEX(Jesper!AK$2:AK$366,ROUNDDOWN($C7036/24,0)+1,1)*INDEX($D$3:$AA$30,INDEX(Jesper!$R$2:$R$366,ROW(INDEX(Jesper!AK$2:AK$366,ROUNDDOWN($C7036/24,0)+1,1))-1)+IF('Standard Profiles'!$G$21=$B$10,7,0)+IF('Standard Profiles'!$G$21=$B$17,14,0)+IF('Standard Profiles'!$G$21=$B$24,21,0),MOD($C7036,24)+1)/SUM(INDEX($D$3:$AA$30,INDEX(Jesper!$R$2:$R$366,ROW(INDEX(Jesper!AK$2:AK$366,ROUNDDOWN($C7036/24,0)+1,1))-1)+IF('Standard Profiles'!$G$21=$B$10,7,0)+IF('Standard Profiles'!$G$21=$B$17,14,0)+IF('Standard Profiles'!$G$21=$B$24,21,0),0)),0)</f>
        <v>1.3234100997448837</v>
      </c>
      <c r="H7036" cm="1">
        <f t="array" ref="H7036">IFERROR(INDEX(Jesper!AL$2:AL$366,ROUNDDOWN($C7036/24,0)+1,1)*INDEX($D$3:$AA$30,INDEX(Jesper!$R$2:$R$366,ROW(INDEX(Jesper!AL$2:AL$366,ROUNDDOWN($C7036/24,0)+1,1))-1)+IF('Standard Profiles'!$G$22=$B$10,7,0)+IF('Standard Profiles'!$G$22=$B$17,14,0)+IF('Standard Profiles'!$G$22=$B$24,21,0),MOD($C7036,24)+1)/SUM(INDEX($D$3:$AA$30,INDEX(Jesper!$R$2:$R$366,ROW(INDEX(Jesper!AL$2:AL$366,ROUNDDOWN($C7036/24,0)+1,1))-1)+IF('Standard Profiles'!$G$22=$B$10,7,0)+IF('Standard Profiles'!$G$22=$B$17,14,0)+IF('Standard Profiles'!$G$22=$B$24,21,0),0)),0)</f>
        <v>0</v>
      </c>
      <c r="I7036">
        <f t="shared" si="783"/>
        <v>0.63523684787754386</v>
      </c>
      <c r="J7036">
        <f t="shared" si="784"/>
        <v>9.7574095281175488</v>
      </c>
      <c r="K7036">
        <f t="shared" si="785"/>
        <v>0.61247127399876411</v>
      </c>
      <c r="L7036">
        <f t="shared" si="786"/>
        <v>0.30623563699938205</v>
      </c>
      <c r="M7036">
        <f t="shared" si="787"/>
        <v>0</v>
      </c>
      <c r="N7036" s="45">
        <f t="shared" si="788"/>
        <v>45218.749999983018</v>
      </c>
    </row>
    <row r="7037" spans="2:14" x14ac:dyDescent="0.25">
      <c r="B7037">
        <f t="shared" si="782"/>
        <v>4</v>
      </c>
      <c r="C7037" s="16">
        <v>7003</v>
      </c>
      <c r="D7037" cm="1">
        <f t="array" ref="D7037">IFERROR(INDEX(Jesper!AH$2:AH$366,ROUNDDOWN($C7037/24,0)+1,1)*INDEX($D$3:$AA$30,INDEX(Jesper!$R$2:$R$366,ROW(INDEX(Jesper!AH$2:AH$366,ROUNDDOWN($C7037/24,0)+1,1))-1)+IF('Standard Profiles'!$G$18=$B$10,7,0)+IF('Standard Profiles'!$G$18=$B$17,14,0)+IF('Standard Profiles'!$G$18=$B$24,21,0),MOD($C7037,24)+1)/SUM(INDEX($D$3:$AA$30,INDEX(Jesper!$R$2:$R$366,ROW(INDEX(Jesper!AH$2:AH$366,ROUNDDOWN($C7037/24,0)+1,1))-1)+IF('Standard Profiles'!$G$18=$B$10,7,0)+IF('Standard Profiles'!$G$18=$B$17,14,0)+IF('Standard Profiles'!$G$18=$B$24,21,0),0)),0)</f>
        <v>5.7419181937384129</v>
      </c>
      <c r="E7037" cm="1">
        <f t="array" ref="E7037">IFERROR(INDEX(Jesper!AI$2:AI$366,ROUNDDOWN($C7037/24,0)+1,1)*INDEX($D$3:$AA$30,INDEX(Jesper!$R$2:$R$366,ROW(INDEX(Jesper!AI$2:AI$366,ROUNDDOWN($C7037/24,0)+1,1))-1)+IF('Standard Profiles'!$G$19=$B$10,7,0)+IF('Standard Profiles'!$G$19=$B$17,14,0)+IF('Standard Profiles'!$G$19=$B$24,21,0),MOD($C7037,24)+1)/SUM(INDEX($D$3:$AA$30,INDEX(Jesper!$R$2:$R$366,ROW(INDEX(Jesper!AI$2:AI$366,ROUNDDOWN($C7037/24,0)+1,1))-1)+IF('Standard Profiles'!$G$19=$B$10,7,0)+IF('Standard Profiles'!$G$19=$B$17,14,0)+IF('Standard Profiles'!$G$19=$B$24,21,0),0)),0)</f>
        <v>4.2460249935099421</v>
      </c>
      <c r="F7037" cm="1">
        <f t="array" ref="F7037">IFERROR(INDEX(Jesper!AJ$2:AJ$366,ROUNDDOWN($C7037/24,0)+1,1)*INDEX($D$3:$AA$30,INDEX(Jesper!$R$2:$R$366,ROW(INDEX(Jesper!AJ$2:AJ$366,ROUNDDOWN($C7037/24,0)+1,1))-1)+IF('Standard Profiles'!$G$20=$B$10,7,0)+IF('Standard Profiles'!$G$20=$B$17,14,0)+IF('Standard Profiles'!$G$20=$B$24,21,0),MOD($C7037,24)+1)/SUM(INDEX($D$3:$AA$30,INDEX(Jesper!$R$2:$R$366,ROW(INDEX(Jesper!AJ$2:AJ$366,ROUNDDOWN($C7037/24,0)+1,1))-1)+IF('Standard Profiles'!$G$20=$B$10,7,0)+IF('Standard Profiles'!$G$20=$B$17,14,0)+IF('Standard Profiles'!$G$20=$B$24,21,0),0)),0)</f>
        <v>0</v>
      </c>
      <c r="G7037" cm="1">
        <f t="array" ref="G7037">IFERROR(INDEX(Jesper!AK$2:AK$366,ROUNDDOWN($C7037/24,0)+1,1)*INDEX($D$3:$AA$30,INDEX(Jesper!$R$2:$R$366,ROW(INDEX(Jesper!AK$2:AK$366,ROUNDDOWN($C7037/24,0)+1,1))-1)+IF('Standard Profiles'!$G$21=$B$10,7,0)+IF('Standard Profiles'!$G$21=$B$17,14,0)+IF('Standard Profiles'!$G$21=$B$24,21,0),MOD($C7037,24)+1)/SUM(INDEX($D$3:$AA$30,INDEX(Jesper!$R$2:$R$366,ROW(INDEX(Jesper!AK$2:AK$366,ROUNDDOWN($C7037/24,0)+1,1))-1)+IF('Standard Profiles'!$G$21=$B$10,7,0)+IF('Standard Profiles'!$G$21=$B$17,14,0)+IF('Standard Profiles'!$G$21=$B$24,21,0),0)),0)</f>
        <v>1.3234100997448837</v>
      </c>
      <c r="H7037" cm="1">
        <f t="array" ref="H7037">IFERROR(INDEX(Jesper!AL$2:AL$366,ROUNDDOWN($C7037/24,0)+1,1)*INDEX($D$3:$AA$30,INDEX(Jesper!$R$2:$R$366,ROW(INDEX(Jesper!AL$2:AL$366,ROUNDDOWN($C7037/24,0)+1,1))-1)+IF('Standard Profiles'!$G$22=$B$10,7,0)+IF('Standard Profiles'!$G$22=$B$17,14,0)+IF('Standard Profiles'!$G$22=$B$24,21,0),MOD($C7037,24)+1)/SUM(INDEX($D$3:$AA$30,INDEX(Jesper!$R$2:$R$366,ROW(INDEX(Jesper!AL$2:AL$366,ROUNDDOWN($C7037/24,0)+1,1))-1)+IF('Standard Profiles'!$G$22=$B$10,7,0)+IF('Standard Profiles'!$G$22=$B$17,14,0)+IF('Standard Profiles'!$G$22=$B$24,21,0),0)),0)</f>
        <v>0</v>
      </c>
      <c r="I7037">
        <f t="shared" si="783"/>
        <v>0.63523684787754386</v>
      </c>
      <c r="J7037">
        <f t="shared" si="784"/>
        <v>9.7574095281175488</v>
      </c>
      <c r="K7037">
        <f t="shared" si="785"/>
        <v>0.61247127399876411</v>
      </c>
      <c r="L7037">
        <f t="shared" si="786"/>
        <v>0.30623563699938205</v>
      </c>
      <c r="M7037">
        <f t="shared" si="787"/>
        <v>0</v>
      </c>
      <c r="N7037" s="45">
        <f t="shared" si="788"/>
        <v>45218.791666649682</v>
      </c>
    </row>
    <row r="7038" spans="2:14" x14ac:dyDescent="0.25">
      <c r="B7038">
        <f t="shared" si="782"/>
        <v>4</v>
      </c>
      <c r="C7038" s="16">
        <v>7004</v>
      </c>
      <c r="D7038" cm="1">
        <f t="array" ref="D7038">IFERROR(INDEX(Jesper!AH$2:AH$366,ROUNDDOWN($C7038/24,0)+1,1)*INDEX($D$3:$AA$30,INDEX(Jesper!$R$2:$R$366,ROW(INDEX(Jesper!AH$2:AH$366,ROUNDDOWN($C7038/24,0)+1,1))-1)+IF('Standard Profiles'!$G$18=$B$10,7,0)+IF('Standard Profiles'!$G$18=$B$17,14,0)+IF('Standard Profiles'!$G$18=$B$24,21,0),MOD($C7038,24)+1)/SUM(INDEX($D$3:$AA$30,INDEX(Jesper!$R$2:$R$366,ROW(INDEX(Jesper!AH$2:AH$366,ROUNDDOWN($C7038/24,0)+1,1))-1)+IF('Standard Profiles'!$G$18=$B$10,7,0)+IF('Standard Profiles'!$G$18=$B$17,14,0)+IF('Standard Profiles'!$G$18=$B$24,21,0),0)),0)</f>
        <v>5.7419181937384129</v>
      </c>
      <c r="E7038" cm="1">
        <f t="array" ref="E7038">IFERROR(INDEX(Jesper!AI$2:AI$366,ROUNDDOWN($C7038/24,0)+1,1)*INDEX($D$3:$AA$30,INDEX(Jesper!$R$2:$R$366,ROW(INDEX(Jesper!AI$2:AI$366,ROUNDDOWN($C7038/24,0)+1,1))-1)+IF('Standard Profiles'!$G$19=$B$10,7,0)+IF('Standard Profiles'!$G$19=$B$17,14,0)+IF('Standard Profiles'!$G$19=$B$24,21,0),MOD($C7038,24)+1)/SUM(INDEX($D$3:$AA$30,INDEX(Jesper!$R$2:$R$366,ROW(INDEX(Jesper!AI$2:AI$366,ROUNDDOWN($C7038/24,0)+1,1))-1)+IF('Standard Profiles'!$G$19=$B$10,7,0)+IF('Standard Profiles'!$G$19=$B$17,14,0)+IF('Standard Profiles'!$G$19=$B$24,21,0),0)),0)</f>
        <v>4.2460249935099421</v>
      </c>
      <c r="F7038" cm="1">
        <f t="array" ref="F7038">IFERROR(INDEX(Jesper!AJ$2:AJ$366,ROUNDDOWN($C7038/24,0)+1,1)*INDEX($D$3:$AA$30,INDEX(Jesper!$R$2:$R$366,ROW(INDEX(Jesper!AJ$2:AJ$366,ROUNDDOWN($C7038/24,0)+1,1))-1)+IF('Standard Profiles'!$G$20=$B$10,7,0)+IF('Standard Profiles'!$G$20=$B$17,14,0)+IF('Standard Profiles'!$G$20=$B$24,21,0),MOD($C7038,24)+1)/SUM(INDEX($D$3:$AA$30,INDEX(Jesper!$R$2:$R$366,ROW(INDEX(Jesper!AJ$2:AJ$366,ROUNDDOWN($C7038/24,0)+1,1))-1)+IF('Standard Profiles'!$G$20=$B$10,7,0)+IF('Standard Profiles'!$G$20=$B$17,14,0)+IF('Standard Profiles'!$G$20=$B$24,21,0),0)),0)</f>
        <v>0</v>
      </c>
      <c r="G7038" cm="1">
        <f t="array" ref="G7038">IFERROR(INDEX(Jesper!AK$2:AK$366,ROUNDDOWN($C7038/24,0)+1,1)*INDEX($D$3:$AA$30,INDEX(Jesper!$R$2:$R$366,ROW(INDEX(Jesper!AK$2:AK$366,ROUNDDOWN($C7038/24,0)+1,1))-1)+IF('Standard Profiles'!$G$21=$B$10,7,0)+IF('Standard Profiles'!$G$21=$B$17,14,0)+IF('Standard Profiles'!$G$21=$B$24,21,0),MOD($C7038,24)+1)/SUM(INDEX($D$3:$AA$30,INDEX(Jesper!$R$2:$R$366,ROW(INDEX(Jesper!AK$2:AK$366,ROUNDDOWN($C7038/24,0)+1,1))-1)+IF('Standard Profiles'!$G$21=$B$10,7,0)+IF('Standard Profiles'!$G$21=$B$17,14,0)+IF('Standard Profiles'!$G$21=$B$24,21,0),0)),0)</f>
        <v>1.3234100997448837</v>
      </c>
      <c r="H7038" cm="1">
        <f t="array" ref="H7038">IFERROR(INDEX(Jesper!AL$2:AL$366,ROUNDDOWN($C7038/24,0)+1,1)*INDEX($D$3:$AA$30,INDEX(Jesper!$R$2:$R$366,ROW(INDEX(Jesper!AL$2:AL$366,ROUNDDOWN($C7038/24,0)+1,1))-1)+IF('Standard Profiles'!$G$22=$B$10,7,0)+IF('Standard Profiles'!$G$22=$B$17,14,0)+IF('Standard Profiles'!$G$22=$B$24,21,0),MOD($C7038,24)+1)/SUM(INDEX($D$3:$AA$30,INDEX(Jesper!$R$2:$R$366,ROW(INDEX(Jesper!AL$2:AL$366,ROUNDDOWN($C7038/24,0)+1,1))-1)+IF('Standard Profiles'!$G$22=$B$10,7,0)+IF('Standard Profiles'!$G$22=$B$17,14,0)+IF('Standard Profiles'!$G$22=$B$24,21,0),0)),0)</f>
        <v>0</v>
      </c>
      <c r="I7038">
        <f t="shared" si="783"/>
        <v>0.63523684787754386</v>
      </c>
      <c r="J7038">
        <f t="shared" si="784"/>
        <v>9.7574095281175488</v>
      </c>
      <c r="K7038">
        <f t="shared" si="785"/>
        <v>0.61247127399876411</v>
      </c>
      <c r="L7038">
        <f t="shared" si="786"/>
        <v>0.30623563699938205</v>
      </c>
      <c r="M7038">
        <f t="shared" si="787"/>
        <v>0</v>
      </c>
      <c r="N7038" s="45">
        <f t="shared" si="788"/>
        <v>45218.833333316346</v>
      </c>
    </row>
    <row r="7039" spans="2:14" x14ac:dyDescent="0.25">
      <c r="B7039">
        <f t="shared" si="782"/>
        <v>4</v>
      </c>
      <c r="C7039" s="16">
        <v>7005</v>
      </c>
      <c r="D7039" cm="1">
        <f t="array" ref="D7039">IFERROR(INDEX(Jesper!AH$2:AH$366,ROUNDDOWN($C7039/24,0)+1,1)*INDEX($D$3:$AA$30,INDEX(Jesper!$R$2:$R$366,ROW(INDEX(Jesper!AH$2:AH$366,ROUNDDOWN($C7039/24,0)+1,1))-1)+IF('Standard Profiles'!$G$18=$B$10,7,0)+IF('Standard Profiles'!$G$18=$B$17,14,0)+IF('Standard Profiles'!$G$18=$B$24,21,0),MOD($C7039,24)+1)/SUM(INDEX($D$3:$AA$30,INDEX(Jesper!$R$2:$R$366,ROW(INDEX(Jesper!AH$2:AH$366,ROUNDDOWN($C7039/24,0)+1,1))-1)+IF('Standard Profiles'!$G$18=$B$10,7,0)+IF('Standard Profiles'!$G$18=$B$17,14,0)+IF('Standard Profiles'!$G$18=$B$24,21,0),0)),0)</f>
        <v>5.7419181937384129</v>
      </c>
      <c r="E7039" cm="1">
        <f t="array" ref="E7039">IFERROR(INDEX(Jesper!AI$2:AI$366,ROUNDDOWN($C7039/24,0)+1,1)*INDEX($D$3:$AA$30,INDEX(Jesper!$R$2:$R$366,ROW(INDEX(Jesper!AI$2:AI$366,ROUNDDOWN($C7039/24,0)+1,1))-1)+IF('Standard Profiles'!$G$19=$B$10,7,0)+IF('Standard Profiles'!$G$19=$B$17,14,0)+IF('Standard Profiles'!$G$19=$B$24,21,0),MOD($C7039,24)+1)/SUM(INDEX($D$3:$AA$30,INDEX(Jesper!$R$2:$R$366,ROW(INDEX(Jesper!AI$2:AI$366,ROUNDDOWN($C7039/24,0)+1,1))-1)+IF('Standard Profiles'!$G$19=$B$10,7,0)+IF('Standard Profiles'!$G$19=$B$17,14,0)+IF('Standard Profiles'!$G$19=$B$24,21,0),0)),0)</f>
        <v>4.2460249935099421</v>
      </c>
      <c r="F7039" cm="1">
        <f t="array" ref="F7039">IFERROR(INDEX(Jesper!AJ$2:AJ$366,ROUNDDOWN($C7039/24,0)+1,1)*INDEX($D$3:$AA$30,INDEX(Jesper!$R$2:$R$366,ROW(INDEX(Jesper!AJ$2:AJ$366,ROUNDDOWN($C7039/24,0)+1,1))-1)+IF('Standard Profiles'!$G$20=$B$10,7,0)+IF('Standard Profiles'!$G$20=$B$17,14,0)+IF('Standard Profiles'!$G$20=$B$24,21,0),MOD($C7039,24)+1)/SUM(INDEX($D$3:$AA$30,INDEX(Jesper!$R$2:$R$366,ROW(INDEX(Jesper!AJ$2:AJ$366,ROUNDDOWN($C7039/24,0)+1,1))-1)+IF('Standard Profiles'!$G$20=$B$10,7,0)+IF('Standard Profiles'!$G$20=$B$17,14,0)+IF('Standard Profiles'!$G$20=$B$24,21,0),0)),0)</f>
        <v>0</v>
      </c>
      <c r="G7039" cm="1">
        <f t="array" ref="G7039">IFERROR(INDEX(Jesper!AK$2:AK$366,ROUNDDOWN($C7039/24,0)+1,1)*INDEX($D$3:$AA$30,INDEX(Jesper!$R$2:$R$366,ROW(INDEX(Jesper!AK$2:AK$366,ROUNDDOWN($C7039/24,0)+1,1))-1)+IF('Standard Profiles'!$G$21=$B$10,7,0)+IF('Standard Profiles'!$G$21=$B$17,14,0)+IF('Standard Profiles'!$G$21=$B$24,21,0),MOD($C7039,24)+1)/SUM(INDEX($D$3:$AA$30,INDEX(Jesper!$R$2:$R$366,ROW(INDEX(Jesper!AK$2:AK$366,ROUNDDOWN($C7039/24,0)+1,1))-1)+IF('Standard Profiles'!$G$21=$B$10,7,0)+IF('Standard Profiles'!$G$21=$B$17,14,0)+IF('Standard Profiles'!$G$21=$B$24,21,0),0)),0)</f>
        <v>1.3234100997448837</v>
      </c>
      <c r="H7039" cm="1">
        <f t="array" ref="H7039">IFERROR(INDEX(Jesper!AL$2:AL$366,ROUNDDOWN($C7039/24,0)+1,1)*INDEX($D$3:$AA$30,INDEX(Jesper!$R$2:$R$366,ROW(INDEX(Jesper!AL$2:AL$366,ROUNDDOWN($C7039/24,0)+1,1))-1)+IF('Standard Profiles'!$G$22=$B$10,7,0)+IF('Standard Profiles'!$G$22=$B$17,14,0)+IF('Standard Profiles'!$G$22=$B$24,21,0),MOD($C7039,24)+1)/SUM(INDEX($D$3:$AA$30,INDEX(Jesper!$R$2:$R$366,ROW(INDEX(Jesper!AL$2:AL$366,ROUNDDOWN($C7039/24,0)+1,1))-1)+IF('Standard Profiles'!$G$22=$B$10,7,0)+IF('Standard Profiles'!$G$22=$B$17,14,0)+IF('Standard Profiles'!$G$22=$B$24,21,0),0)),0)</f>
        <v>0</v>
      </c>
      <c r="I7039">
        <f t="shared" si="783"/>
        <v>0.63523684787754386</v>
      </c>
      <c r="J7039">
        <f t="shared" si="784"/>
        <v>9.7574095281175488</v>
      </c>
      <c r="K7039">
        <f t="shared" si="785"/>
        <v>0.61247127399876411</v>
      </c>
      <c r="L7039">
        <f t="shared" si="786"/>
        <v>0.30623563699938205</v>
      </c>
      <c r="M7039">
        <f t="shared" si="787"/>
        <v>0</v>
      </c>
      <c r="N7039" s="45">
        <f t="shared" si="788"/>
        <v>45218.874999983011</v>
      </c>
    </row>
    <row r="7040" spans="2:14" x14ac:dyDescent="0.25">
      <c r="B7040">
        <f t="shared" si="782"/>
        <v>4</v>
      </c>
      <c r="C7040" s="16">
        <v>7006</v>
      </c>
      <c r="D7040" cm="1">
        <f t="array" ref="D7040">IFERROR(INDEX(Jesper!AH$2:AH$366,ROUNDDOWN($C7040/24,0)+1,1)*INDEX($D$3:$AA$30,INDEX(Jesper!$R$2:$R$366,ROW(INDEX(Jesper!AH$2:AH$366,ROUNDDOWN($C7040/24,0)+1,1))-1)+IF('Standard Profiles'!$G$18=$B$10,7,0)+IF('Standard Profiles'!$G$18=$B$17,14,0)+IF('Standard Profiles'!$G$18=$B$24,21,0),MOD($C7040,24)+1)/SUM(INDEX($D$3:$AA$30,INDEX(Jesper!$R$2:$R$366,ROW(INDEX(Jesper!AH$2:AH$366,ROUNDDOWN($C7040/24,0)+1,1))-1)+IF('Standard Profiles'!$G$18=$B$10,7,0)+IF('Standard Profiles'!$G$18=$B$17,14,0)+IF('Standard Profiles'!$G$18=$B$24,21,0),0)),0)</f>
        <v>5.7419181937384129</v>
      </c>
      <c r="E7040" cm="1">
        <f t="array" ref="E7040">IFERROR(INDEX(Jesper!AI$2:AI$366,ROUNDDOWN($C7040/24,0)+1,1)*INDEX($D$3:$AA$30,INDEX(Jesper!$R$2:$R$366,ROW(INDEX(Jesper!AI$2:AI$366,ROUNDDOWN($C7040/24,0)+1,1))-1)+IF('Standard Profiles'!$G$19=$B$10,7,0)+IF('Standard Profiles'!$G$19=$B$17,14,0)+IF('Standard Profiles'!$G$19=$B$24,21,0),MOD($C7040,24)+1)/SUM(INDEX($D$3:$AA$30,INDEX(Jesper!$R$2:$R$366,ROW(INDEX(Jesper!AI$2:AI$366,ROUNDDOWN($C7040/24,0)+1,1))-1)+IF('Standard Profiles'!$G$19=$B$10,7,0)+IF('Standard Profiles'!$G$19=$B$17,14,0)+IF('Standard Profiles'!$G$19=$B$24,21,0),0)),0)</f>
        <v>4.2460249935099421</v>
      </c>
      <c r="F7040" cm="1">
        <f t="array" ref="F7040">IFERROR(INDEX(Jesper!AJ$2:AJ$366,ROUNDDOWN($C7040/24,0)+1,1)*INDEX($D$3:$AA$30,INDEX(Jesper!$R$2:$R$366,ROW(INDEX(Jesper!AJ$2:AJ$366,ROUNDDOWN($C7040/24,0)+1,1))-1)+IF('Standard Profiles'!$G$20=$B$10,7,0)+IF('Standard Profiles'!$G$20=$B$17,14,0)+IF('Standard Profiles'!$G$20=$B$24,21,0),MOD($C7040,24)+1)/SUM(INDEX($D$3:$AA$30,INDEX(Jesper!$R$2:$R$366,ROW(INDEX(Jesper!AJ$2:AJ$366,ROUNDDOWN($C7040/24,0)+1,1))-1)+IF('Standard Profiles'!$G$20=$B$10,7,0)+IF('Standard Profiles'!$G$20=$B$17,14,0)+IF('Standard Profiles'!$G$20=$B$24,21,0),0)),0)</f>
        <v>0</v>
      </c>
      <c r="G7040" cm="1">
        <f t="array" ref="G7040">IFERROR(INDEX(Jesper!AK$2:AK$366,ROUNDDOWN($C7040/24,0)+1,1)*INDEX($D$3:$AA$30,INDEX(Jesper!$R$2:$R$366,ROW(INDEX(Jesper!AK$2:AK$366,ROUNDDOWN($C7040/24,0)+1,1))-1)+IF('Standard Profiles'!$G$21=$B$10,7,0)+IF('Standard Profiles'!$G$21=$B$17,14,0)+IF('Standard Profiles'!$G$21=$B$24,21,0),MOD($C7040,24)+1)/SUM(INDEX($D$3:$AA$30,INDEX(Jesper!$R$2:$R$366,ROW(INDEX(Jesper!AK$2:AK$366,ROUNDDOWN($C7040/24,0)+1,1))-1)+IF('Standard Profiles'!$G$21=$B$10,7,0)+IF('Standard Profiles'!$G$21=$B$17,14,0)+IF('Standard Profiles'!$G$21=$B$24,21,0),0)),0)</f>
        <v>1.3234100997448837</v>
      </c>
      <c r="H7040" cm="1">
        <f t="array" ref="H7040">IFERROR(INDEX(Jesper!AL$2:AL$366,ROUNDDOWN($C7040/24,0)+1,1)*INDEX($D$3:$AA$30,INDEX(Jesper!$R$2:$R$366,ROW(INDEX(Jesper!AL$2:AL$366,ROUNDDOWN($C7040/24,0)+1,1))-1)+IF('Standard Profiles'!$G$22=$B$10,7,0)+IF('Standard Profiles'!$G$22=$B$17,14,0)+IF('Standard Profiles'!$G$22=$B$24,21,0),MOD($C7040,24)+1)/SUM(INDEX($D$3:$AA$30,INDEX(Jesper!$R$2:$R$366,ROW(INDEX(Jesper!AL$2:AL$366,ROUNDDOWN($C7040/24,0)+1,1))-1)+IF('Standard Profiles'!$G$22=$B$10,7,0)+IF('Standard Profiles'!$G$22=$B$17,14,0)+IF('Standard Profiles'!$G$22=$B$24,21,0),0)),0)</f>
        <v>0</v>
      </c>
      <c r="I7040">
        <f t="shared" si="783"/>
        <v>0.63523684787754386</v>
      </c>
      <c r="J7040">
        <f t="shared" si="784"/>
        <v>9.7574095281175488</v>
      </c>
      <c r="K7040">
        <f t="shared" si="785"/>
        <v>0.61247127399876411</v>
      </c>
      <c r="L7040">
        <f t="shared" si="786"/>
        <v>0.30623563699938205</v>
      </c>
      <c r="M7040">
        <f t="shared" si="787"/>
        <v>0</v>
      </c>
      <c r="N7040" s="45">
        <f t="shared" si="788"/>
        <v>45218.916666649675</v>
      </c>
    </row>
    <row r="7041" spans="2:14" x14ac:dyDescent="0.25">
      <c r="B7041">
        <f t="shared" si="782"/>
        <v>4</v>
      </c>
      <c r="C7041" s="16">
        <v>7007</v>
      </c>
      <c r="D7041" cm="1">
        <f t="array" ref="D7041">IFERROR(INDEX(Jesper!AH$2:AH$366,ROUNDDOWN($C7041/24,0)+1,1)*INDEX($D$3:$AA$30,INDEX(Jesper!$R$2:$R$366,ROW(INDEX(Jesper!AH$2:AH$366,ROUNDDOWN($C7041/24,0)+1,1))-1)+IF('Standard Profiles'!$G$18=$B$10,7,0)+IF('Standard Profiles'!$G$18=$B$17,14,0)+IF('Standard Profiles'!$G$18=$B$24,21,0),MOD($C7041,24)+1)/SUM(INDEX($D$3:$AA$30,INDEX(Jesper!$R$2:$R$366,ROW(INDEX(Jesper!AH$2:AH$366,ROUNDDOWN($C7041/24,0)+1,1))-1)+IF('Standard Profiles'!$G$18=$B$10,7,0)+IF('Standard Profiles'!$G$18=$B$17,14,0)+IF('Standard Profiles'!$G$18=$B$24,21,0),0)),0)</f>
        <v>5.7419181937384129</v>
      </c>
      <c r="E7041" cm="1">
        <f t="array" ref="E7041">IFERROR(INDEX(Jesper!AI$2:AI$366,ROUNDDOWN($C7041/24,0)+1,1)*INDEX($D$3:$AA$30,INDEX(Jesper!$R$2:$R$366,ROW(INDEX(Jesper!AI$2:AI$366,ROUNDDOWN($C7041/24,0)+1,1))-1)+IF('Standard Profiles'!$G$19=$B$10,7,0)+IF('Standard Profiles'!$G$19=$B$17,14,0)+IF('Standard Profiles'!$G$19=$B$24,21,0),MOD($C7041,24)+1)/SUM(INDEX($D$3:$AA$30,INDEX(Jesper!$R$2:$R$366,ROW(INDEX(Jesper!AI$2:AI$366,ROUNDDOWN($C7041/24,0)+1,1))-1)+IF('Standard Profiles'!$G$19=$B$10,7,0)+IF('Standard Profiles'!$G$19=$B$17,14,0)+IF('Standard Profiles'!$G$19=$B$24,21,0),0)),0)</f>
        <v>4.2460249935099421</v>
      </c>
      <c r="F7041" cm="1">
        <f t="array" ref="F7041">IFERROR(INDEX(Jesper!AJ$2:AJ$366,ROUNDDOWN($C7041/24,0)+1,1)*INDEX($D$3:$AA$30,INDEX(Jesper!$R$2:$R$366,ROW(INDEX(Jesper!AJ$2:AJ$366,ROUNDDOWN($C7041/24,0)+1,1))-1)+IF('Standard Profiles'!$G$20=$B$10,7,0)+IF('Standard Profiles'!$G$20=$B$17,14,0)+IF('Standard Profiles'!$G$20=$B$24,21,0),MOD($C7041,24)+1)/SUM(INDEX($D$3:$AA$30,INDEX(Jesper!$R$2:$R$366,ROW(INDEX(Jesper!AJ$2:AJ$366,ROUNDDOWN($C7041/24,0)+1,1))-1)+IF('Standard Profiles'!$G$20=$B$10,7,0)+IF('Standard Profiles'!$G$20=$B$17,14,0)+IF('Standard Profiles'!$G$20=$B$24,21,0),0)),0)</f>
        <v>0</v>
      </c>
      <c r="G7041" cm="1">
        <f t="array" ref="G7041">IFERROR(INDEX(Jesper!AK$2:AK$366,ROUNDDOWN($C7041/24,0)+1,1)*INDEX($D$3:$AA$30,INDEX(Jesper!$R$2:$R$366,ROW(INDEX(Jesper!AK$2:AK$366,ROUNDDOWN($C7041/24,0)+1,1))-1)+IF('Standard Profiles'!$G$21=$B$10,7,0)+IF('Standard Profiles'!$G$21=$B$17,14,0)+IF('Standard Profiles'!$G$21=$B$24,21,0),MOD($C7041,24)+1)/SUM(INDEX($D$3:$AA$30,INDEX(Jesper!$R$2:$R$366,ROW(INDEX(Jesper!AK$2:AK$366,ROUNDDOWN($C7041/24,0)+1,1))-1)+IF('Standard Profiles'!$G$21=$B$10,7,0)+IF('Standard Profiles'!$G$21=$B$17,14,0)+IF('Standard Profiles'!$G$21=$B$24,21,0),0)),0)</f>
        <v>1.3234100997448837</v>
      </c>
      <c r="H7041" cm="1">
        <f t="array" ref="H7041">IFERROR(INDEX(Jesper!AL$2:AL$366,ROUNDDOWN($C7041/24,0)+1,1)*INDEX($D$3:$AA$30,INDEX(Jesper!$R$2:$R$366,ROW(INDEX(Jesper!AL$2:AL$366,ROUNDDOWN($C7041/24,0)+1,1))-1)+IF('Standard Profiles'!$G$22=$B$10,7,0)+IF('Standard Profiles'!$G$22=$B$17,14,0)+IF('Standard Profiles'!$G$22=$B$24,21,0),MOD($C7041,24)+1)/SUM(INDEX($D$3:$AA$30,INDEX(Jesper!$R$2:$R$366,ROW(INDEX(Jesper!AL$2:AL$366,ROUNDDOWN($C7041/24,0)+1,1))-1)+IF('Standard Profiles'!$G$22=$B$10,7,0)+IF('Standard Profiles'!$G$22=$B$17,14,0)+IF('Standard Profiles'!$G$22=$B$24,21,0),0)),0)</f>
        <v>0</v>
      </c>
      <c r="I7041">
        <f t="shared" si="783"/>
        <v>0.63523684787754386</v>
      </c>
      <c r="J7041">
        <f t="shared" si="784"/>
        <v>9.7574095281175488</v>
      </c>
      <c r="K7041">
        <f t="shared" si="785"/>
        <v>0.61247127399876411</v>
      </c>
      <c r="L7041">
        <f t="shared" si="786"/>
        <v>0.30623563699938205</v>
      </c>
      <c r="M7041">
        <f t="shared" si="787"/>
        <v>0</v>
      </c>
      <c r="N7041" s="45">
        <f t="shared" si="788"/>
        <v>45218.958333316339</v>
      </c>
    </row>
    <row r="7042" spans="2:14" x14ac:dyDescent="0.25">
      <c r="B7042">
        <f t="shared" si="782"/>
        <v>5</v>
      </c>
      <c r="C7042" s="16">
        <v>7008</v>
      </c>
      <c r="D7042" cm="1">
        <f t="array" ref="D7042">IFERROR(INDEX(Jesper!AH$2:AH$366,ROUNDDOWN($C7042/24,0)+1,1)*INDEX($D$3:$AA$30,INDEX(Jesper!$R$2:$R$366,ROW(INDEX(Jesper!AH$2:AH$366,ROUNDDOWN($C7042/24,0)+1,1))-1)+IF('Standard Profiles'!$G$18=$B$10,7,0)+IF('Standard Profiles'!$G$18=$B$17,14,0)+IF('Standard Profiles'!$G$18=$B$24,21,0),MOD($C7042,24)+1)/SUM(INDEX($D$3:$AA$30,INDEX(Jesper!$R$2:$R$366,ROW(INDEX(Jesper!AH$2:AH$366,ROUNDDOWN($C7042/24,0)+1,1))-1)+IF('Standard Profiles'!$G$18=$B$10,7,0)+IF('Standard Profiles'!$G$18=$B$17,14,0)+IF('Standard Profiles'!$G$18=$B$24,21,0),0)),0)</f>
        <v>8.4497194496101891</v>
      </c>
      <c r="E7042" cm="1">
        <f t="array" ref="E7042">IFERROR(INDEX(Jesper!AI$2:AI$366,ROUNDDOWN($C7042/24,0)+1,1)*INDEX($D$3:$AA$30,INDEX(Jesper!$R$2:$R$366,ROW(INDEX(Jesper!AI$2:AI$366,ROUNDDOWN($C7042/24,0)+1,1))-1)+IF('Standard Profiles'!$G$19=$B$10,7,0)+IF('Standard Profiles'!$G$19=$B$17,14,0)+IF('Standard Profiles'!$G$19=$B$24,21,0),MOD($C7042,24)+1)/SUM(INDEX($D$3:$AA$30,INDEX(Jesper!$R$2:$R$366,ROW(INDEX(Jesper!AI$2:AI$366,ROUNDDOWN($C7042/24,0)+1,1))-1)+IF('Standard Profiles'!$G$19=$B$10,7,0)+IF('Standard Profiles'!$G$19=$B$17,14,0)+IF('Standard Profiles'!$G$19=$B$24,21,0),0)),0)</f>
        <v>3.9851390203817214</v>
      </c>
      <c r="F7042" cm="1">
        <f t="array" ref="F7042">IFERROR(INDEX(Jesper!AJ$2:AJ$366,ROUNDDOWN($C7042/24,0)+1,1)*INDEX($D$3:$AA$30,INDEX(Jesper!$R$2:$R$366,ROW(INDEX(Jesper!AJ$2:AJ$366,ROUNDDOWN($C7042/24,0)+1,1))-1)+IF('Standard Profiles'!$G$20=$B$10,7,0)+IF('Standard Profiles'!$G$20=$B$17,14,0)+IF('Standard Profiles'!$G$20=$B$24,21,0),MOD($C7042,24)+1)/SUM(INDEX($D$3:$AA$30,INDEX(Jesper!$R$2:$R$366,ROW(INDEX(Jesper!AJ$2:AJ$366,ROUNDDOWN($C7042/24,0)+1,1))-1)+IF('Standard Profiles'!$G$20=$B$10,7,0)+IF('Standard Profiles'!$G$20=$B$17,14,0)+IF('Standard Profiles'!$G$20=$B$24,21,0),0)),0)</f>
        <v>0</v>
      </c>
      <c r="G7042" cm="1">
        <f t="array" ref="G7042">IFERROR(INDEX(Jesper!AK$2:AK$366,ROUNDDOWN($C7042/24,0)+1,1)*INDEX($D$3:$AA$30,INDEX(Jesper!$R$2:$R$366,ROW(INDEX(Jesper!AK$2:AK$366,ROUNDDOWN($C7042/24,0)+1,1))-1)+IF('Standard Profiles'!$G$21=$B$10,7,0)+IF('Standard Profiles'!$G$21=$B$17,14,0)+IF('Standard Profiles'!$G$21=$B$24,21,0),MOD($C7042,24)+1)/SUM(INDEX($D$3:$AA$30,INDEX(Jesper!$R$2:$R$366,ROW(INDEX(Jesper!AK$2:AK$366,ROUNDDOWN($C7042/24,0)+1,1))-1)+IF('Standard Profiles'!$G$21=$B$10,7,0)+IF('Standard Profiles'!$G$21=$B$17,14,0)+IF('Standard Profiles'!$G$21=$B$24,21,0),0)),0)</f>
        <v>0.66655273488329791</v>
      </c>
      <c r="H7042" cm="1">
        <f t="array" ref="H7042">IFERROR(INDEX(Jesper!AL$2:AL$366,ROUNDDOWN($C7042/24,0)+1,1)*INDEX($D$3:$AA$30,INDEX(Jesper!$R$2:$R$366,ROW(INDEX(Jesper!AL$2:AL$366,ROUNDDOWN($C7042/24,0)+1,1))-1)+IF('Standard Profiles'!$G$22=$B$10,7,0)+IF('Standard Profiles'!$G$22=$B$17,14,0)+IF('Standard Profiles'!$G$22=$B$24,21,0),MOD($C7042,24)+1)/SUM(INDEX($D$3:$AA$30,INDEX(Jesper!$R$2:$R$366,ROW(INDEX(Jesper!AL$2:AL$366,ROUNDDOWN($C7042/24,0)+1,1))-1)+IF('Standard Profiles'!$G$22=$B$10,7,0)+IF('Standard Profiles'!$G$22=$B$17,14,0)+IF('Standard Profiles'!$G$22=$B$24,21,0),0)),0)</f>
        <v>0</v>
      </c>
      <c r="I7042">
        <f t="shared" si="783"/>
        <v>0.31994531274398286</v>
      </c>
      <c r="J7042">
        <f t="shared" si="784"/>
        <v>11.429510780193596</v>
      </c>
      <c r="K7042">
        <f t="shared" si="785"/>
        <v>0.90130340795842023</v>
      </c>
      <c r="L7042">
        <f t="shared" si="786"/>
        <v>0.45065170397921012</v>
      </c>
      <c r="M7042">
        <f t="shared" si="787"/>
        <v>0</v>
      </c>
      <c r="N7042" s="45">
        <f t="shared" si="788"/>
        <v>45218.999999983003</v>
      </c>
    </row>
    <row r="7043" spans="2:14" x14ac:dyDescent="0.25">
      <c r="B7043">
        <f t="shared" si="782"/>
        <v>5</v>
      </c>
      <c r="C7043" s="16">
        <v>7009</v>
      </c>
      <c r="D7043" cm="1">
        <f t="array" ref="D7043">IFERROR(INDEX(Jesper!AH$2:AH$366,ROUNDDOWN($C7043/24,0)+1,1)*INDEX($D$3:$AA$30,INDEX(Jesper!$R$2:$R$366,ROW(INDEX(Jesper!AH$2:AH$366,ROUNDDOWN($C7043/24,0)+1,1))-1)+IF('Standard Profiles'!$G$18=$B$10,7,0)+IF('Standard Profiles'!$G$18=$B$17,14,0)+IF('Standard Profiles'!$G$18=$B$24,21,0),MOD($C7043,24)+1)/SUM(INDEX($D$3:$AA$30,INDEX(Jesper!$R$2:$R$366,ROW(INDEX(Jesper!AH$2:AH$366,ROUNDDOWN($C7043/24,0)+1,1))-1)+IF('Standard Profiles'!$G$18=$B$10,7,0)+IF('Standard Profiles'!$G$18=$B$17,14,0)+IF('Standard Profiles'!$G$18=$B$24,21,0),0)),0)</f>
        <v>5.1210420906728418</v>
      </c>
      <c r="E7043" cm="1">
        <f t="array" ref="E7043">IFERROR(INDEX(Jesper!AI$2:AI$366,ROUNDDOWN($C7043/24,0)+1,1)*INDEX($D$3:$AA$30,INDEX(Jesper!$R$2:$R$366,ROW(INDEX(Jesper!AI$2:AI$366,ROUNDDOWN($C7043/24,0)+1,1))-1)+IF('Standard Profiles'!$G$19=$B$10,7,0)+IF('Standard Profiles'!$G$19=$B$17,14,0)+IF('Standard Profiles'!$G$19=$B$24,21,0),MOD($C7043,24)+1)/SUM(INDEX($D$3:$AA$30,INDEX(Jesper!$R$2:$R$366,ROW(INDEX(Jesper!AI$2:AI$366,ROUNDDOWN($C7043/24,0)+1,1))-1)+IF('Standard Profiles'!$G$19=$B$10,7,0)+IF('Standard Profiles'!$G$19=$B$17,14,0)+IF('Standard Profiles'!$G$19=$B$24,21,0),0)),0)</f>
        <v>2.4152357699283158</v>
      </c>
      <c r="F7043" cm="1">
        <f t="array" ref="F7043">IFERROR(INDEX(Jesper!AJ$2:AJ$366,ROUNDDOWN($C7043/24,0)+1,1)*INDEX($D$3:$AA$30,INDEX(Jesper!$R$2:$R$366,ROW(INDEX(Jesper!AJ$2:AJ$366,ROUNDDOWN($C7043/24,0)+1,1))-1)+IF('Standard Profiles'!$G$20=$B$10,7,0)+IF('Standard Profiles'!$G$20=$B$17,14,0)+IF('Standard Profiles'!$G$20=$B$24,21,0),MOD($C7043,24)+1)/SUM(INDEX($D$3:$AA$30,INDEX(Jesper!$R$2:$R$366,ROW(INDEX(Jesper!AJ$2:AJ$366,ROUNDDOWN($C7043/24,0)+1,1))-1)+IF('Standard Profiles'!$G$20=$B$10,7,0)+IF('Standard Profiles'!$G$20=$B$17,14,0)+IF('Standard Profiles'!$G$20=$B$24,21,0),0)),0)</f>
        <v>0</v>
      </c>
      <c r="G7043" cm="1">
        <f t="array" ref="G7043">IFERROR(INDEX(Jesper!AK$2:AK$366,ROUNDDOWN($C7043/24,0)+1,1)*INDEX($D$3:$AA$30,INDEX(Jesper!$R$2:$R$366,ROW(INDEX(Jesper!AK$2:AK$366,ROUNDDOWN($C7043/24,0)+1,1))-1)+IF('Standard Profiles'!$G$21=$B$10,7,0)+IF('Standard Profiles'!$G$21=$B$17,14,0)+IF('Standard Profiles'!$G$21=$B$24,21,0),MOD($C7043,24)+1)/SUM(INDEX($D$3:$AA$30,INDEX(Jesper!$R$2:$R$366,ROW(INDEX(Jesper!AK$2:AK$366,ROUNDDOWN($C7043/24,0)+1,1))-1)+IF('Standard Profiles'!$G$21=$B$10,7,0)+IF('Standard Profiles'!$G$21=$B$17,14,0)+IF('Standard Profiles'!$G$21=$B$24,21,0),0)),0)</f>
        <v>0.66655273488329791</v>
      </c>
      <c r="H7043" cm="1">
        <f t="array" ref="H7043">IFERROR(INDEX(Jesper!AL$2:AL$366,ROUNDDOWN($C7043/24,0)+1,1)*INDEX($D$3:$AA$30,INDEX(Jesper!$R$2:$R$366,ROW(INDEX(Jesper!AL$2:AL$366,ROUNDDOWN($C7043/24,0)+1,1))-1)+IF('Standard Profiles'!$G$22=$B$10,7,0)+IF('Standard Profiles'!$G$22=$B$17,14,0)+IF('Standard Profiles'!$G$22=$B$24,21,0),MOD($C7043,24)+1)/SUM(INDEX($D$3:$AA$30,INDEX(Jesper!$R$2:$R$366,ROW(INDEX(Jesper!AL$2:AL$366,ROUNDDOWN($C7043/24,0)+1,1))-1)+IF('Standard Profiles'!$G$22=$B$10,7,0)+IF('Standard Profiles'!$G$22=$B$17,14,0)+IF('Standard Profiles'!$G$22=$B$24,21,0),0)),0)</f>
        <v>0</v>
      </c>
      <c r="I7043">
        <f t="shared" si="783"/>
        <v>0.31994531274398286</v>
      </c>
      <c r="J7043">
        <f t="shared" si="784"/>
        <v>7.0635185482328176</v>
      </c>
      <c r="K7043">
        <f t="shared" si="785"/>
        <v>0.54624448967176986</v>
      </c>
      <c r="L7043">
        <f t="shared" si="786"/>
        <v>0.27312224483588493</v>
      </c>
      <c r="M7043">
        <f t="shared" si="787"/>
        <v>0</v>
      </c>
      <c r="N7043" s="45">
        <f t="shared" si="788"/>
        <v>45219.041666649668</v>
      </c>
    </row>
    <row r="7044" spans="2:14" x14ac:dyDescent="0.25">
      <c r="B7044">
        <f t="shared" si="782"/>
        <v>5</v>
      </c>
      <c r="C7044" s="16">
        <v>7010</v>
      </c>
      <c r="D7044" cm="1">
        <f t="array" ref="D7044">IFERROR(INDEX(Jesper!AH$2:AH$366,ROUNDDOWN($C7044/24,0)+1,1)*INDEX($D$3:$AA$30,INDEX(Jesper!$R$2:$R$366,ROW(INDEX(Jesper!AH$2:AH$366,ROUNDDOWN($C7044/24,0)+1,1))-1)+IF('Standard Profiles'!$G$18=$B$10,7,0)+IF('Standard Profiles'!$G$18=$B$17,14,0)+IF('Standard Profiles'!$G$18=$B$24,21,0),MOD($C7044,24)+1)/SUM(INDEX($D$3:$AA$30,INDEX(Jesper!$R$2:$R$366,ROW(INDEX(Jesper!AH$2:AH$366,ROUNDDOWN($C7044/24,0)+1,1))-1)+IF('Standard Profiles'!$G$18=$B$10,7,0)+IF('Standard Profiles'!$G$18=$B$17,14,0)+IF('Standard Profiles'!$G$18=$B$24,21,0),0)),0)</f>
        <v>5.1210420906728418</v>
      </c>
      <c r="E7044" cm="1">
        <f t="array" ref="E7044">IFERROR(INDEX(Jesper!AI$2:AI$366,ROUNDDOWN($C7044/24,0)+1,1)*INDEX($D$3:$AA$30,INDEX(Jesper!$R$2:$R$366,ROW(INDEX(Jesper!AI$2:AI$366,ROUNDDOWN($C7044/24,0)+1,1))-1)+IF('Standard Profiles'!$G$19=$B$10,7,0)+IF('Standard Profiles'!$G$19=$B$17,14,0)+IF('Standard Profiles'!$G$19=$B$24,21,0),MOD($C7044,24)+1)/SUM(INDEX($D$3:$AA$30,INDEX(Jesper!$R$2:$R$366,ROW(INDEX(Jesper!AI$2:AI$366,ROUNDDOWN($C7044/24,0)+1,1))-1)+IF('Standard Profiles'!$G$19=$B$10,7,0)+IF('Standard Profiles'!$G$19=$B$17,14,0)+IF('Standard Profiles'!$G$19=$B$24,21,0),0)),0)</f>
        <v>2.4152357699283158</v>
      </c>
      <c r="F7044" cm="1">
        <f t="array" ref="F7044">IFERROR(INDEX(Jesper!AJ$2:AJ$366,ROUNDDOWN($C7044/24,0)+1,1)*INDEX($D$3:$AA$30,INDEX(Jesper!$R$2:$R$366,ROW(INDEX(Jesper!AJ$2:AJ$366,ROUNDDOWN($C7044/24,0)+1,1))-1)+IF('Standard Profiles'!$G$20=$B$10,7,0)+IF('Standard Profiles'!$G$20=$B$17,14,0)+IF('Standard Profiles'!$G$20=$B$24,21,0),MOD($C7044,24)+1)/SUM(INDEX($D$3:$AA$30,INDEX(Jesper!$R$2:$R$366,ROW(INDEX(Jesper!AJ$2:AJ$366,ROUNDDOWN($C7044/24,0)+1,1))-1)+IF('Standard Profiles'!$G$20=$B$10,7,0)+IF('Standard Profiles'!$G$20=$B$17,14,0)+IF('Standard Profiles'!$G$20=$B$24,21,0),0)),0)</f>
        <v>0</v>
      </c>
      <c r="G7044" cm="1">
        <f t="array" ref="G7044">IFERROR(INDEX(Jesper!AK$2:AK$366,ROUNDDOWN($C7044/24,0)+1,1)*INDEX($D$3:$AA$30,INDEX(Jesper!$R$2:$R$366,ROW(INDEX(Jesper!AK$2:AK$366,ROUNDDOWN($C7044/24,0)+1,1))-1)+IF('Standard Profiles'!$G$21=$B$10,7,0)+IF('Standard Profiles'!$G$21=$B$17,14,0)+IF('Standard Profiles'!$G$21=$B$24,21,0),MOD($C7044,24)+1)/SUM(INDEX($D$3:$AA$30,INDEX(Jesper!$R$2:$R$366,ROW(INDEX(Jesper!AK$2:AK$366,ROUNDDOWN($C7044/24,0)+1,1))-1)+IF('Standard Profiles'!$G$21=$B$10,7,0)+IF('Standard Profiles'!$G$21=$B$17,14,0)+IF('Standard Profiles'!$G$21=$B$24,21,0),0)),0)</f>
        <v>0.66655273488329791</v>
      </c>
      <c r="H7044" cm="1">
        <f t="array" ref="H7044">IFERROR(INDEX(Jesper!AL$2:AL$366,ROUNDDOWN($C7044/24,0)+1,1)*INDEX($D$3:$AA$30,INDEX(Jesper!$R$2:$R$366,ROW(INDEX(Jesper!AL$2:AL$366,ROUNDDOWN($C7044/24,0)+1,1))-1)+IF('Standard Profiles'!$G$22=$B$10,7,0)+IF('Standard Profiles'!$G$22=$B$17,14,0)+IF('Standard Profiles'!$G$22=$B$24,21,0),MOD($C7044,24)+1)/SUM(INDEX($D$3:$AA$30,INDEX(Jesper!$R$2:$R$366,ROW(INDEX(Jesper!AL$2:AL$366,ROUNDDOWN($C7044/24,0)+1,1))-1)+IF('Standard Profiles'!$G$22=$B$10,7,0)+IF('Standard Profiles'!$G$22=$B$17,14,0)+IF('Standard Profiles'!$G$22=$B$24,21,0),0)),0)</f>
        <v>0</v>
      </c>
      <c r="I7044">
        <f t="shared" si="783"/>
        <v>0.31994531274398286</v>
      </c>
      <c r="J7044">
        <f t="shared" si="784"/>
        <v>7.0635185482328176</v>
      </c>
      <c r="K7044">
        <f t="shared" si="785"/>
        <v>0.54624448967176986</v>
      </c>
      <c r="L7044">
        <f t="shared" si="786"/>
        <v>0.27312224483588493</v>
      </c>
      <c r="M7044">
        <f t="shared" si="787"/>
        <v>0</v>
      </c>
      <c r="N7044" s="45">
        <f t="shared" si="788"/>
        <v>45219.083333316332</v>
      </c>
    </row>
    <row r="7045" spans="2:14" x14ac:dyDescent="0.25">
      <c r="B7045">
        <f t="shared" si="782"/>
        <v>5</v>
      </c>
      <c r="C7045" s="16">
        <v>7011</v>
      </c>
      <c r="D7045" cm="1">
        <f t="array" ref="D7045">IFERROR(INDEX(Jesper!AH$2:AH$366,ROUNDDOWN($C7045/24,0)+1,1)*INDEX($D$3:$AA$30,INDEX(Jesper!$R$2:$R$366,ROW(INDEX(Jesper!AH$2:AH$366,ROUNDDOWN($C7045/24,0)+1,1))-1)+IF('Standard Profiles'!$G$18=$B$10,7,0)+IF('Standard Profiles'!$G$18=$B$17,14,0)+IF('Standard Profiles'!$G$18=$B$24,21,0),MOD($C7045,24)+1)/SUM(INDEX($D$3:$AA$30,INDEX(Jesper!$R$2:$R$366,ROW(INDEX(Jesper!AH$2:AH$366,ROUNDDOWN($C7045/24,0)+1,1))-1)+IF('Standard Profiles'!$G$18=$B$10,7,0)+IF('Standard Profiles'!$G$18=$B$17,14,0)+IF('Standard Profiles'!$G$18=$B$24,21,0),0)),0)</f>
        <v>5.1210420906728418</v>
      </c>
      <c r="E7045" cm="1">
        <f t="array" ref="E7045">IFERROR(INDEX(Jesper!AI$2:AI$366,ROUNDDOWN($C7045/24,0)+1,1)*INDEX($D$3:$AA$30,INDEX(Jesper!$R$2:$R$366,ROW(INDEX(Jesper!AI$2:AI$366,ROUNDDOWN($C7045/24,0)+1,1))-1)+IF('Standard Profiles'!$G$19=$B$10,7,0)+IF('Standard Profiles'!$G$19=$B$17,14,0)+IF('Standard Profiles'!$G$19=$B$24,21,0),MOD($C7045,24)+1)/SUM(INDEX($D$3:$AA$30,INDEX(Jesper!$R$2:$R$366,ROW(INDEX(Jesper!AI$2:AI$366,ROUNDDOWN($C7045/24,0)+1,1))-1)+IF('Standard Profiles'!$G$19=$B$10,7,0)+IF('Standard Profiles'!$G$19=$B$17,14,0)+IF('Standard Profiles'!$G$19=$B$24,21,0),0)),0)</f>
        <v>2.4152357699283158</v>
      </c>
      <c r="F7045" cm="1">
        <f t="array" ref="F7045">IFERROR(INDEX(Jesper!AJ$2:AJ$366,ROUNDDOWN($C7045/24,0)+1,1)*INDEX($D$3:$AA$30,INDEX(Jesper!$R$2:$R$366,ROW(INDEX(Jesper!AJ$2:AJ$366,ROUNDDOWN($C7045/24,0)+1,1))-1)+IF('Standard Profiles'!$G$20=$B$10,7,0)+IF('Standard Profiles'!$G$20=$B$17,14,0)+IF('Standard Profiles'!$G$20=$B$24,21,0),MOD($C7045,24)+1)/SUM(INDEX($D$3:$AA$30,INDEX(Jesper!$R$2:$R$366,ROW(INDEX(Jesper!AJ$2:AJ$366,ROUNDDOWN($C7045/24,0)+1,1))-1)+IF('Standard Profiles'!$G$20=$B$10,7,0)+IF('Standard Profiles'!$G$20=$B$17,14,0)+IF('Standard Profiles'!$G$20=$B$24,21,0),0)),0)</f>
        <v>0</v>
      </c>
      <c r="G7045" cm="1">
        <f t="array" ref="G7045">IFERROR(INDEX(Jesper!AK$2:AK$366,ROUNDDOWN($C7045/24,0)+1,1)*INDEX($D$3:$AA$30,INDEX(Jesper!$R$2:$R$366,ROW(INDEX(Jesper!AK$2:AK$366,ROUNDDOWN($C7045/24,0)+1,1))-1)+IF('Standard Profiles'!$G$21=$B$10,7,0)+IF('Standard Profiles'!$G$21=$B$17,14,0)+IF('Standard Profiles'!$G$21=$B$24,21,0),MOD($C7045,24)+1)/SUM(INDEX($D$3:$AA$30,INDEX(Jesper!$R$2:$R$366,ROW(INDEX(Jesper!AK$2:AK$366,ROUNDDOWN($C7045/24,0)+1,1))-1)+IF('Standard Profiles'!$G$21=$B$10,7,0)+IF('Standard Profiles'!$G$21=$B$17,14,0)+IF('Standard Profiles'!$G$21=$B$24,21,0),0)),0)</f>
        <v>0.66655273488329791</v>
      </c>
      <c r="H7045" cm="1">
        <f t="array" ref="H7045">IFERROR(INDEX(Jesper!AL$2:AL$366,ROUNDDOWN($C7045/24,0)+1,1)*INDEX($D$3:$AA$30,INDEX(Jesper!$R$2:$R$366,ROW(INDEX(Jesper!AL$2:AL$366,ROUNDDOWN($C7045/24,0)+1,1))-1)+IF('Standard Profiles'!$G$22=$B$10,7,0)+IF('Standard Profiles'!$G$22=$B$17,14,0)+IF('Standard Profiles'!$G$22=$B$24,21,0),MOD($C7045,24)+1)/SUM(INDEX($D$3:$AA$30,INDEX(Jesper!$R$2:$R$366,ROW(INDEX(Jesper!AL$2:AL$366,ROUNDDOWN($C7045/24,0)+1,1))-1)+IF('Standard Profiles'!$G$22=$B$10,7,0)+IF('Standard Profiles'!$G$22=$B$17,14,0)+IF('Standard Profiles'!$G$22=$B$24,21,0),0)),0)</f>
        <v>0</v>
      </c>
      <c r="I7045">
        <f t="shared" si="783"/>
        <v>0.31994531274398286</v>
      </c>
      <c r="J7045">
        <f t="shared" si="784"/>
        <v>7.0635185482328176</v>
      </c>
      <c r="K7045">
        <f t="shared" si="785"/>
        <v>0.54624448967176986</v>
      </c>
      <c r="L7045">
        <f t="shared" si="786"/>
        <v>0.27312224483588493</v>
      </c>
      <c r="M7045">
        <f t="shared" si="787"/>
        <v>0</v>
      </c>
      <c r="N7045" s="45">
        <f t="shared" si="788"/>
        <v>45219.124999982996</v>
      </c>
    </row>
    <row r="7046" spans="2:14" x14ac:dyDescent="0.25">
      <c r="B7046">
        <f t="shared" si="782"/>
        <v>5</v>
      </c>
      <c r="C7046" s="16">
        <v>7012</v>
      </c>
      <c r="D7046" cm="1">
        <f t="array" ref="D7046">IFERROR(INDEX(Jesper!AH$2:AH$366,ROUNDDOWN($C7046/24,0)+1,1)*INDEX($D$3:$AA$30,INDEX(Jesper!$R$2:$R$366,ROW(INDEX(Jesper!AH$2:AH$366,ROUNDDOWN($C7046/24,0)+1,1))-1)+IF('Standard Profiles'!$G$18=$B$10,7,0)+IF('Standard Profiles'!$G$18=$B$17,14,0)+IF('Standard Profiles'!$G$18=$B$24,21,0),MOD($C7046,24)+1)/SUM(INDEX($D$3:$AA$30,INDEX(Jesper!$R$2:$R$366,ROW(INDEX(Jesper!AH$2:AH$366,ROUNDDOWN($C7046/24,0)+1,1))-1)+IF('Standard Profiles'!$G$18=$B$10,7,0)+IF('Standard Profiles'!$G$18=$B$17,14,0)+IF('Standard Profiles'!$G$18=$B$24,21,0),0)),0)</f>
        <v>5.1210420906728418</v>
      </c>
      <c r="E7046" cm="1">
        <f t="array" ref="E7046">IFERROR(INDEX(Jesper!AI$2:AI$366,ROUNDDOWN($C7046/24,0)+1,1)*INDEX($D$3:$AA$30,INDEX(Jesper!$R$2:$R$366,ROW(INDEX(Jesper!AI$2:AI$366,ROUNDDOWN($C7046/24,0)+1,1))-1)+IF('Standard Profiles'!$G$19=$B$10,7,0)+IF('Standard Profiles'!$G$19=$B$17,14,0)+IF('Standard Profiles'!$G$19=$B$24,21,0),MOD($C7046,24)+1)/SUM(INDEX($D$3:$AA$30,INDEX(Jesper!$R$2:$R$366,ROW(INDEX(Jesper!AI$2:AI$366,ROUNDDOWN($C7046/24,0)+1,1))-1)+IF('Standard Profiles'!$G$19=$B$10,7,0)+IF('Standard Profiles'!$G$19=$B$17,14,0)+IF('Standard Profiles'!$G$19=$B$24,21,0),0)),0)</f>
        <v>2.4152357699283158</v>
      </c>
      <c r="F7046" cm="1">
        <f t="array" ref="F7046">IFERROR(INDEX(Jesper!AJ$2:AJ$366,ROUNDDOWN($C7046/24,0)+1,1)*INDEX($D$3:$AA$30,INDEX(Jesper!$R$2:$R$366,ROW(INDEX(Jesper!AJ$2:AJ$366,ROUNDDOWN($C7046/24,0)+1,1))-1)+IF('Standard Profiles'!$G$20=$B$10,7,0)+IF('Standard Profiles'!$G$20=$B$17,14,0)+IF('Standard Profiles'!$G$20=$B$24,21,0),MOD($C7046,24)+1)/SUM(INDEX($D$3:$AA$30,INDEX(Jesper!$R$2:$R$366,ROW(INDEX(Jesper!AJ$2:AJ$366,ROUNDDOWN($C7046/24,0)+1,1))-1)+IF('Standard Profiles'!$G$20=$B$10,7,0)+IF('Standard Profiles'!$G$20=$B$17,14,0)+IF('Standard Profiles'!$G$20=$B$24,21,0),0)),0)</f>
        <v>0</v>
      </c>
      <c r="G7046" cm="1">
        <f t="array" ref="G7046">IFERROR(INDEX(Jesper!AK$2:AK$366,ROUNDDOWN($C7046/24,0)+1,1)*INDEX($D$3:$AA$30,INDEX(Jesper!$R$2:$R$366,ROW(INDEX(Jesper!AK$2:AK$366,ROUNDDOWN($C7046/24,0)+1,1))-1)+IF('Standard Profiles'!$G$21=$B$10,7,0)+IF('Standard Profiles'!$G$21=$B$17,14,0)+IF('Standard Profiles'!$G$21=$B$24,21,0),MOD($C7046,24)+1)/SUM(INDEX($D$3:$AA$30,INDEX(Jesper!$R$2:$R$366,ROW(INDEX(Jesper!AK$2:AK$366,ROUNDDOWN($C7046/24,0)+1,1))-1)+IF('Standard Profiles'!$G$21=$B$10,7,0)+IF('Standard Profiles'!$G$21=$B$17,14,0)+IF('Standard Profiles'!$G$21=$B$24,21,0),0)),0)</f>
        <v>0.66655273488329791</v>
      </c>
      <c r="H7046" cm="1">
        <f t="array" ref="H7046">IFERROR(INDEX(Jesper!AL$2:AL$366,ROUNDDOWN($C7046/24,0)+1,1)*INDEX($D$3:$AA$30,INDEX(Jesper!$R$2:$R$366,ROW(INDEX(Jesper!AL$2:AL$366,ROUNDDOWN($C7046/24,0)+1,1))-1)+IF('Standard Profiles'!$G$22=$B$10,7,0)+IF('Standard Profiles'!$G$22=$B$17,14,0)+IF('Standard Profiles'!$G$22=$B$24,21,0),MOD($C7046,24)+1)/SUM(INDEX($D$3:$AA$30,INDEX(Jesper!$R$2:$R$366,ROW(INDEX(Jesper!AL$2:AL$366,ROUNDDOWN($C7046/24,0)+1,1))-1)+IF('Standard Profiles'!$G$22=$B$10,7,0)+IF('Standard Profiles'!$G$22=$B$17,14,0)+IF('Standard Profiles'!$G$22=$B$24,21,0),0)),0)</f>
        <v>0</v>
      </c>
      <c r="I7046">
        <f t="shared" si="783"/>
        <v>0.31994531274398286</v>
      </c>
      <c r="J7046">
        <f t="shared" si="784"/>
        <v>7.0635185482328176</v>
      </c>
      <c r="K7046">
        <f t="shared" si="785"/>
        <v>0.54624448967176986</v>
      </c>
      <c r="L7046">
        <f t="shared" si="786"/>
        <v>0.27312224483588493</v>
      </c>
      <c r="M7046">
        <f t="shared" si="787"/>
        <v>0</v>
      </c>
      <c r="N7046" s="45">
        <f t="shared" si="788"/>
        <v>45219.16666664966</v>
      </c>
    </row>
    <row r="7047" spans="2:14" x14ac:dyDescent="0.25">
      <c r="B7047">
        <f t="shared" si="782"/>
        <v>5</v>
      </c>
      <c r="C7047" s="16">
        <v>7013</v>
      </c>
      <c r="D7047" cm="1">
        <f t="array" ref="D7047">IFERROR(INDEX(Jesper!AH$2:AH$366,ROUNDDOWN($C7047/24,0)+1,1)*INDEX($D$3:$AA$30,INDEX(Jesper!$R$2:$R$366,ROW(INDEX(Jesper!AH$2:AH$366,ROUNDDOWN($C7047/24,0)+1,1))-1)+IF('Standard Profiles'!$G$18=$B$10,7,0)+IF('Standard Profiles'!$G$18=$B$17,14,0)+IF('Standard Profiles'!$G$18=$B$24,21,0),MOD($C7047,24)+1)/SUM(INDEX($D$3:$AA$30,INDEX(Jesper!$R$2:$R$366,ROW(INDEX(Jesper!AH$2:AH$366,ROUNDDOWN($C7047/24,0)+1,1))-1)+IF('Standard Profiles'!$G$18=$B$10,7,0)+IF('Standard Profiles'!$G$18=$B$17,14,0)+IF('Standard Profiles'!$G$18=$B$24,21,0),0)),0)</f>
        <v>5.1210420906728418</v>
      </c>
      <c r="E7047" cm="1">
        <f t="array" ref="E7047">IFERROR(INDEX(Jesper!AI$2:AI$366,ROUNDDOWN($C7047/24,0)+1,1)*INDEX($D$3:$AA$30,INDEX(Jesper!$R$2:$R$366,ROW(INDEX(Jesper!AI$2:AI$366,ROUNDDOWN($C7047/24,0)+1,1))-1)+IF('Standard Profiles'!$G$19=$B$10,7,0)+IF('Standard Profiles'!$G$19=$B$17,14,0)+IF('Standard Profiles'!$G$19=$B$24,21,0),MOD($C7047,24)+1)/SUM(INDEX($D$3:$AA$30,INDEX(Jesper!$R$2:$R$366,ROW(INDEX(Jesper!AI$2:AI$366,ROUNDDOWN($C7047/24,0)+1,1))-1)+IF('Standard Profiles'!$G$19=$B$10,7,0)+IF('Standard Profiles'!$G$19=$B$17,14,0)+IF('Standard Profiles'!$G$19=$B$24,21,0),0)),0)</f>
        <v>2.4152357699283158</v>
      </c>
      <c r="F7047" cm="1">
        <f t="array" ref="F7047">IFERROR(INDEX(Jesper!AJ$2:AJ$366,ROUNDDOWN($C7047/24,0)+1,1)*INDEX($D$3:$AA$30,INDEX(Jesper!$R$2:$R$366,ROW(INDEX(Jesper!AJ$2:AJ$366,ROUNDDOWN($C7047/24,0)+1,1))-1)+IF('Standard Profiles'!$G$20=$B$10,7,0)+IF('Standard Profiles'!$G$20=$B$17,14,0)+IF('Standard Profiles'!$G$20=$B$24,21,0),MOD($C7047,24)+1)/SUM(INDEX($D$3:$AA$30,INDEX(Jesper!$R$2:$R$366,ROW(INDEX(Jesper!AJ$2:AJ$366,ROUNDDOWN($C7047/24,0)+1,1))-1)+IF('Standard Profiles'!$G$20=$B$10,7,0)+IF('Standard Profiles'!$G$20=$B$17,14,0)+IF('Standard Profiles'!$G$20=$B$24,21,0),0)),0)</f>
        <v>0</v>
      </c>
      <c r="G7047" cm="1">
        <f t="array" ref="G7047">IFERROR(INDEX(Jesper!AK$2:AK$366,ROUNDDOWN($C7047/24,0)+1,1)*INDEX($D$3:$AA$30,INDEX(Jesper!$R$2:$R$366,ROW(INDEX(Jesper!AK$2:AK$366,ROUNDDOWN($C7047/24,0)+1,1))-1)+IF('Standard Profiles'!$G$21=$B$10,7,0)+IF('Standard Profiles'!$G$21=$B$17,14,0)+IF('Standard Profiles'!$G$21=$B$24,21,0),MOD($C7047,24)+1)/SUM(INDEX($D$3:$AA$30,INDEX(Jesper!$R$2:$R$366,ROW(INDEX(Jesper!AK$2:AK$366,ROUNDDOWN($C7047/24,0)+1,1))-1)+IF('Standard Profiles'!$G$21=$B$10,7,0)+IF('Standard Profiles'!$G$21=$B$17,14,0)+IF('Standard Profiles'!$G$21=$B$24,21,0),0)),0)</f>
        <v>0.66655273488329791</v>
      </c>
      <c r="H7047" cm="1">
        <f t="array" ref="H7047">IFERROR(INDEX(Jesper!AL$2:AL$366,ROUNDDOWN($C7047/24,0)+1,1)*INDEX($D$3:$AA$30,INDEX(Jesper!$R$2:$R$366,ROW(INDEX(Jesper!AL$2:AL$366,ROUNDDOWN($C7047/24,0)+1,1))-1)+IF('Standard Profiles'!$G$22=$B$10,7,0)+IF('Standard Profiles'!$G$22=$B$17,14,0)+IF('Standard Profiles'!$G$22=$B$24,21,0),MOD($C7047,24)+1)/SUM(INDEX($D$3:$AA$30,INDEX(Jesper!$R$2:$R$366,ROW(INDEX(Jesper!AL$2:AL$366,ROUNDDOWN($C7047/24,0)+1,1))-1)+IF('Standard Profiles'!$G$22=$B$10,7,0)+IF('Standard Profiles'!$G$22=$B$17,14,0)+IF('Standard Profiles'!$G$22=$B$24,21,0),0)),0)</f>
        <v>0</v>
      </c>
      <c r="I7047">
        <f t="shared" si="783"/>
        <v>0.31994531274398286</v>
      </c>
      <c r="J7047">
        <f t="shared" si="784"/>
        <v>7.0635185482328176</v>
      </c>
      <c r="K7047">
        <f t="shared" si="785"/>
        <v>0.54624448967176986</v>
      </c>
      <c r="L7047">
        <f t="shared" si="786"/>
        <v>0.27312224483588493</v>
      </c>
      <c r="M7047">
        <f t="shared" si="787"/>
        <v>0</v>
      </c>
      <c r="N7047" s="45">
        <f t="shared" si="788"/>
        <v>45219.208333316325</v>
      </c>
    </row>
    <row r="7048" spans="2:14" x14ac:dyDescent="0.25">
      <c r="B7048">
        <f t="shared" si="782"/>
        <v>5</v>
      </c>
      <c r="C7048" s="16">
        <v>7014</v>
      </c>
      <c r="D7048" cm="1">
        <f t="array" ref="D7048">IFERROR(INDEX(Jesper!AH$2:AH$366,ROUNDDOWN($C7048/24,0)+1,1)*INDEX($D$3:$AA$30,INDEX(Jesper!$R$2:$R$366,ROW(INDEX(Jesper!AH$2:AH$366,ROUNDDOWN($C7048/24,0)+1,1))-1)+IF('Standard Profiles'!$G$18=$B$10,7,0)+IF('Standard Profiles'!$G$18=$B$17,14,0)+IF('Standard Profiles'!$G$18=$B$24,21,0),MOD($C7048,24)+1)/SUM(INDEX($D$3:$AA$30,INDEX(Jesper!$R$2:$R$366,ROW(INDEX(Jesper!AH$2:AH$366,ROUNDDOWN($C7048/24,0)+1,1))-1)+IF('Standard Profiles'!$G$18=$B$10,7,0)+IF('Standard Profiles'!$G$18=$B$17,14,0)+IF('Standard Profiles'!$G$18=$B$24,21,0),0)),0)</f>
        <v>5.1210420906728418</v>
      </c>
      <c r="E7048" cm="1">
        <f t="array" ref="E7048">IFERROR(INDEX(Jesper!AI$2:AI$366,ROUNDDOWN($C7048/24,0)+1,1)*INDEX($D$3:$AA$30,INDEX(Jesper!$R$2:$R$366,ROW(INDEX(Jesper!AI$2:AI$366,ROUNDDOWN($C7048/24,0)+1,1))-1)+IF('Standard Profiles'!$G$19=$B$10,7,0)+IF('Standard Profiles'!$G$19=$B$17,14,0)+IF('Standard Profiles'!$G$19=$B$24,21,0),MOD($C7048,24)+1)/SUM(INDEX($D$3:$AA$30,INDEX(Jesper!$R$2:$R$366,ROW(INDEX(Jesper!AI$2:AI$366,ROUNDDOWN($C7048/24,0)+1,1))-1)+IF('Standard Profiles'!$G$19=$B$10,7,0)+IF('Standard Profiles'!$G$19=$B$17,14,0)+IF('Standard Profiles'!$G$19=$B$24,21,0),0)),0)</f>
        <v>2.4152357699283158</v>
      </c>
      <c r="F7048" cm="1">
        <f t="array" ref="F7048">IFERROR(INDEX(Jesper!AJ$2:AJ$366,ROUNDDOWN($C7048/24,0)+1,1)*INDEX($D$3:$AA$30,INDEX(Jesper!$R$2:$R$366,ROW(INDEX(Jesper!AJ$2:AJ$366,ROUNDDOWN($C7048/24,0)+1,1))-1)+IF('Standard Profiles'!$G$20=$B$10,7,0)+IF('Standard Profiles'!$G$20=$B$17,14,0)+IF('Standard Profiles'!$G$20=$B$24,21,0),MOD($C7048,24)+1)/SUM(INDEX($D$3:$AA$30,INDEX(Jesper!$R$2:$R$366,ROW(INDEX(Jesper!AJ$2:AJ$366,ROUNDDOWN($C7048/24,0)+1,1))-1)+IF('Standard Profiles'!$G$20=$B$10,7,0)+IF('Standard Profiles'!$G$20=$B$17,14,0)+IF('Standard Profiles'!$G$20=$B$24,21,0),0)),0)</f>
        <v>0</v>
      </c>
      <c r="G7048" cm="1">
        <f t="array" ref="G7048">IFERROR(INDEX(Jesper!AK$2:AK$366,ROUNDDOWN($C7048/24,0)+1,1)*INDEX($D$3:$AA$30,INDEX(Jesper!$R$2:$R$366,ROW(INDEX(Jesper!AK$2:AK$366,ROUNDDOWN($C7048/24,0)+1,1))-1)+IF('Standard Profiles'!$G$21=$B$10,7,0)+IF('Standard Profiles'!$G$21=$B$17,14,0)+IF('Standard Profiles'!$G$21=$B$24,21,0),MOD($C7048,24)+1)/SUM(INDEX($D$3:$AA$30,INDEX(Jesper!$R$2:$R$366,ROW(INDEX(Jesper!AK$2:AK$366,ROUNDDOWN($C7048/24,0)+1,1))-1)+IF('Standard Profiles'!$G$21=$B$10,7,0)+IF('Standard Profiles'!$G$21=$B$17,14,0)+IF('Standard Profiles'!$G$21=$B$24,21,0),0)),0)</f>
        <v>0.66655273488329791</v>
      </c>
      <c r="H7048" cm="1">
        <f t="array" ref="H7048">IFERROR(INDEX(Jesper!AL$2:AL$366,ROUNDDOWN($C7048/24,0)+1,1)*INDEX($D$3:$AA$30,INDEX(Jesper!$R$2:$R$366,ROW(INDEX(Jesper!AL$2:AL$366,ROUNDDOWN($C7048/24,0)+1,1))-1)+IF('Standard Profiles'!$G$22=$B$10,7,0)+IF('Standard Profiles'!$G$22=$B$17,14,0)+IF('Standard Profiles'!$G$22=$B$24,21,0),MOD($C7048,24)+1)/SUM(INDEX($D$3:$AA$30,INDEX(Jesper!$R$2:$R$366,ROW(INDEX(Jesper!AL$2:AL$366,ROUNDDOWN($C7048/24,0)+1,1))-1)+IF('Standard Profiles'!$G$22=$B$10,7,0)+IF('Standard Profiles'!$G$22=$B$17,14,0)+IF('Standard Profiles'!$G$22=$B$24,21,0),0)),0)</f>
        <v>0</v>
      </c>
      <c r="I7048">
        <f t="shared" si="783"/>
        <v>0.31994531274398286</v>
      </c>
      <c r="J7048">
        <f t="shared" si="784"/>
        <v>7.0635185482328176</v>
      </c>
      <c r="K7048">
        <f t="shared" si="785"/>
        <v>0.54624448967176986</v>
      </c>
      <c r="L7048">
        <f t="shared" si="786"/>
        <v>0.27312224483588493</v>
      </c>
      <c r="M7048">
        <f t="shared" si="787"/>
        <v>0</v>
      </c>
      <c r="N7048" s="45">
        <f t="shared" si="788"/>
        <v>45219.249999982989</v>
      </c>
    </row>
    <row r="7049" spans="2:14" x14ac:dyDescent="0.25">
      <c r="B7049">
        <f t="shared" si="782"/>
        <v>5</v>
      </c>
      <c r="C7049" s="16">
        <v>7015</v>
      </c>
      <c r="D7049" cm="1">
        <f t="array" ref="D7049">IFERROR(INDEX(Jesper!AH$2:AH$366,ROUNDDOWN($C7049/24,0)+1,1)*INDEX($D$3:$AA$30,INDEX(Jesper!$R$2:$R$366,ROW(INDEX(Jesper!AH$2:AH$366,ROUNDDOWN($C7049/24,0)+1,1))-1)+IF('Standard Profiles'!$G$18=$B$10,7,0)+IF('Standard Profiles'!$G$18=$B$17,14,0)+IF('Standard Profiles'!$G$18=$B$24,21,0),MOD($C7049,24)+1)/SUM(INDEX($D$3:$AA$30,INDEX(Jesper!$R$2:$R$366,ROW(INDEX(Jesper!AH$2:AH$366,ROUNDDOWN($C7049/24,0)+1,1))-1)+IF('Standard Profiles'!$G$18=$B$10,7,0)+IF('Standard Profiles'!$G$18=$B$17,14,0)+IF('Standard Profiles'!$G$18=$B$24,21,0),0)),0)</f>
        <v>21.815639306266309</v>
      </c>
      <c r="E7049" cm="1">
        <f t="array" ref="E7049">IFERROR(INDEX(Jesper!AI$2:AI$366,ROUNDDOWN($C7049/24,0)+1,1)*INDEX($D$3:$AA$30,INDEX(Jesper!$R$2:$R$366,ROW(INDEX(Jesper!AI$2:AI$366,ROUNDDOWN($C7049/24,0)+1,1))-1)+IF('Standard Profiles'!$G$19=$B$10,7,0)+IF('Standard Profiles'!$G$19=$B$17,14,0)+IF('Standard Profiles'!$G$19=$B$24,21,0),MOD($C7049,24)+1)/SUM(INDEX($D$3:$AA$30,INDEX(Jesper!$R$2:$R$366,ROW(INDEX(Jesper!AI$2:AI$366,ROUNDDOWN($C7049/24,0)+1,1))-1)+IF('Standard Profiles'!$G$19=$B$10,7,0)+IF('Standard Profiles'!$G$19=$B$17,14,0)+IF('Standard Profiles'!$G$19=$B$24,21,0),0)),0)</f>
        <v>10.288904379894625</v>
      </c>
      <c r="F7049" cm="1">
        <f t="array" ref="F7049">IFERROR(INDEX(Jesper!AJ$2:AJ$366,ROUNDDOWN($C7049/24,0)+1,1)*INDEX($D$3:$AA$30,INDEX(Jesper!$R$2:$R$366,ROW(INDEX(Jesper!AJ$2:AJ$366,ROUNDDOWN($C7049/24,0)+1,1))-1)+IF('Standard Profiles'!$G$20=$B$10,7,0)+IF('Standard Profiles'!$G$20=$B$17,14,0)+IF('Standard Profiles'!$G$20=$B$24,21,0),MOD($C7049,24)+1)/SUM(INDEX($D$3:$AA$30,INDEX(Jesper!$R$2:$R$366,ROW(INDEX(Jesper!AJ$2:AJ$366,ROUNDDOWN($C7049/24,0)+1,1))-1)+IF('Standard Profiles'!$G$20=$B$10,7,0)+IF('Standard Profiles'!$G$20=$B$17,14,0)+IF('Standard Profiles'!$G$20=$B$24,21,0),0)),0)</f>
        <v>0</v>
      </c>
      <c r="G7049" cm="1">
        <f t="array" ref="G7049">IFERROR(INDEX(Jesper!AK$2:AK$366,ROUNDDOWN($C7049/24,0)+1,1)*INDEX($D$3:$AA$30,INDEX(Jesper!$R$2:$R$366,ROW(INDEX(Jesper!AK$2:AK$366,ROUNDDOWN($C7049/24,0)+1,1))-1)+IF('Standard Profiles'!$G$21=$B$10,7,0)+IF('Standard Profiles'!$G$21=$B$17,14,0)+IF('Standard Profiles'!$G$21=$B$24,21,0),MOD($C7049,24)+1)/SUM(INDEX($D$3:$AA$30,INDEX(Jesper!$R$2:$R$366,ROW(INDEX(Jesper!AK$2:AK$366,ROUNDDOWN($C7049/24,0)+1,1))-1)+IF('Standard Profiles'!$G$21=$B$10,7,0)+IF('Standard Profiles'!$G$21=$B$17,14,0)+IF('Standard Profiles'!$G$21=$B$24,21,0),0)),0)</f>
        <v>1.8061428945224844</v>
      </c>
      <c r="H7049" cm="1">
        <f t="array" ref="H7049">IFERROR(INDEX(Jesper!AL$2:AL$366,ROUNDDOWN($C7049/24,0)+1,1)*INDEX($D$3:$AA$30,INDEX(Jesper!$R$2:$R$366,ROW(INDEX(Jesper!AL$2:AL$366,ROUNDDOWN($C7049/24,0)+1,1))-1)+IF('Standard Profiles'!$G$22=$B$10,7,0)+IF('Standard Profiles'!$G$22=$B$17,14,0)+IF('Standard Profiles'!$G$22=$B$24,21,0),MOD($C7049,24)+1)/SUM(INDEX($D$3:$AA$30,INDEX(Jesper!$R$2:$R$366,ROW(INDEX(Jesper!AL$2:AL$366,ROUNDDOWN($C7049/24,0)+1,1))-1)+IF('Standard Profiles'!$G$22=$B$10,7,0)+IF('Standard Profiles'!$G$22=$B$17,14,0)+IF('Standard Profiles'!$G$22=$B$24,21,0),0)),0)</f>
        <v>0</v>
      </c>
      <c r="I7049">
        <f t="shared" si="783"/>
        <v>0.86694858937079211</v>
      </c>
      <c r="J7049">
        <f t="shared" si="784"/>
        <v>29.553235702310015</v>
      </c>
      <c r="K7049">
        <f t="shared" si="785"/>
        <v>2.3270015260017396</v>
      </c>
      <c r="L7049">
        <f t="shared" si="786"/>
        <v>1.1635007630008698</v>
      </c>
      <c r="M7049">
        <f t="shared" si="787"/>
        <v>0</v>
      </c>
      <c r="N7049" s="45">
        <f t="shared" si="788"/>
        <v>45219.291666649653</v>
      </c>
    </row>
    <row r="7050" spans="2:14" x14ac:dyDescent="0.25">
      <c r="B7050">
        <f t="shared" si="782"/>
        <v>5</v>
      </c>
      <c r="C7050" s="16">
        <v>7016</v>
      </c>
      <c r="D7050" cm="1">
        <f t="array" ref="D7050">IFERROR(INDEX(Jesper!AH$2:AH$366,ROUNDDOWN($C7050/24,0)+1,1)*INDEX($D$3:$AA$30,INDEX(Jesper!$R$2:$R$366,ROW(INDEX(Jesper!AH$2:AH$366,ROUNDDOWN($C7050/24,0)+1,1))-1)+IF('Standard Profiles'!$G$18=$B$10,7,0)+IF('Standard Profiles'!$G$18=$B$17,14,0)+IF('Standard Profiles'!$G$18=$B$24,21,0),MOD($C7050,24)+1)/SUM(INDEX($D$3:$AA$30,INDEX(Jesper!$R$2:$R$366,ROW(INDEX(Jesper!AH$2:AH$366,ROUNDDOWN($C7050/24,0)+1,1))-1)+IF('Standard Profiles'!$G$18=$B$10,7,0)+IF('Standard Profiles'!$G$18=$B$17,14,0)+IF('Standard Profiles'!$G$18=$B$24,21,0),0)),0)</f>
        <v>27.269549132832882</v>
      </c>
      <c r="E7050" cm="1">
        <f t="array" ref="E7050">IFERROR(INDEX(Jesper!AI$2:AI$366,ROUNDDOWN($C7050/24,0)+1,1)*INDEX($D$3:$AA$30,INDEX(Jesper!$R$2:$R$366,ROW(INDEX(Jesper!AI$2:AI$366,ROUNDDOWN($C7050/24,0)+1,1))-1)+IF('Standard Profiles'!$G$19=$B$10,7,0)+IF('Standard Profiles'!$G$19=$B$17,14,0)+IF('Standard Profiles'!$G$19=$B$24,21,0),MOD($C7050,24)+1)/SUM(INDEX($D$3:$AA$30,INDEX(Jesper!$R$2:$R$366,ROW(INDEX(Jesper!AI$2:AI$366,ROUNDDOWN($C7050/24,0)+1,1))-1)+IF('Standard Profiles'!$G$19=$B$10,7,0)+IF('Standard Profiles'!$G$19=$B$17,14,0)+IF('Standard Profiles'!$G$19=$B$24,21,0),0)),0)</f>
        <v>12.861130474868283</v>
      </c>
      <c r="F7050" cm="1">
        <f t="array" ref="F7050">IFERROR(INDEX(Jesper!AJ$2:AJ$366,ROUNDDOWN($C7050/24,0)+1,1)*INDEX($D$3:$AA$30,INDEX(Jesper!$R$2:$R$366,ROW(INDEX(Jesper!AJ$2:AJ$366,ROUNDDOWN($C7050/24,0)+1,1))-1)+IF('Standard Profiles'!$G$20=$B$10,7,0)+IF('Standard Profiles'!$G$20=$B$17,14,0)+IF('Standard Profiles'!$G$20=$B$24,21,0),MOD($C7050,24)+1)/SUM(INDEX($D$3:$AA$30,INDEX(Jesper!$R$2:$R$366,ROW(INDEX(Jesper!AJ$2:AJ$366,ROUNDDOWN($C7050/24,0)+1,1))-1)+IF('Standard Profiles'!$G$20=$B$10,7,0)+IF('Standard Profiles'!$G$20=$B$17,14,0)+IF('Standard Profiles'!$G$20=$B$24,21,0),0)),0)</f>
        <v>0</v>
      </c>
      <c r="G7050" cm="1">
        <f t="array" ref="G7050">IFERROR(INDEX(Jesper!AK$2:AK$366,ROUNDDOWN($C7050/24,0)+1,1)*INDEX($D$3:$AA$30,INDEX(Jesper!$R$2:$R$366,ROW(INDEX(Jesper!AK$2:AK$366,ROUNDDOWN($C7050/24,0)+1,1))-1)+IF('Standard Profiles'!$G$21=$B$10,7,0)+IF('Standard Profiles'!$G$21=$B$17,14,0)+IF('Standard Profiles'!$G$21=$B$24,21,0),MOD($C7050,24)+1)/SUM(INDEX($D$3:$AA$30,INDEX(Jesper!$R$2:$R$366,ROW(INDEX(Jesper!AK$2:AK$366,ROUNDDOWN($C7050/24,0)+1,1))-1)+IF('Standard Profiles'!$G$21=$B$10,7,0)+IF('Standard Profiles'!$G$21=$B$17,14,0)+IF('Standard Profiles'!$G$21=$B$24,21,0),0)),0)</f>
        <v>2.2576786181531054</v>
      </c>
      <c r="H7050" cm="1">
        <f t="array" ref="H7050">IFERROR(INDEX(Jesper!AL$2:AL$366,ROUNDDOWN($C7050/24,0)+1,1)*INDEX($D$3:$AA$30,INDEX(Jesper!$R$2:$R$366,ROW(INDEX(Jesper!AL$2:AL$366,ROUNDDOWN($C7050/24,0)+1,1))-1)+IF('Standard Profiles'!$G$22=$B$10,7,0)+IF('Standard Profiles'!$G$22=$B$17,14,0)+IF('Standard Profiles'!$G$22=$B$24,21,0),MOD($C7050,24)+1)/SUM(INDEX($D$3:$AA$30,INDEX(Jesper!$R$2:$R$366,ROW(INDEX(Jesper!AL$2:AL$366,ROUNDDOWN($C7050/24,0)+1,1))-1)+IF('Standard Profiles'!$G$22=$B$10,7,0)+IF('Standard Profiles'!$G$22=$B$17,14,0)+IF('Standard Profiles'!$G$22=$B$24,21,0),0)),0)</f>
        <v>0</v>
      </c>
      <c r="I7050">
        <f t="shared" si="783"/>
        <v>1.08368573671349</v>
      </c>
      <c r="J7050">
        <f t="shared" si="784"/>
        <v>36.941544627887524</v>
      </c>
      <c r="K7050">
        <f t="shared" si="785"/>
        <v>2.9087519075021744</v>
      </c>
      <c r="L7050">
        <f t="shared" si="786"/>
        <v>1.4543759537510872</v>
      </c>
      <c r="M7050">
        <f t="shared" si="787"/>
        <v>0</v>
      </c>
      <c r="N7050" s="45">
        <f t="shared" si="788"/>
        <v>45219.333333316317</v>
      </c>
    </row>
    <row r="7051" spans="2:14" x14ac:dyDescent="0.25">
      <c r="B7051">
        <f t="shared" si="782"/>
        <v>5</v>
      </c>
      <c r="C7051" s="16">
        <v>7017</v>
      </c>
      <c r="D7051" cm="1">
        <f t="array" ref="D7051">IFERROR(INDEX(Jesper!AH$2:AH$366,ROUNDDOWN($C7051/24,0)+1,1)*INDEX($D$3:$AA$30,INDEX(Jesper!$R$2:$R$366,ROW(INDEX(Jesper!AH$2:AH$366,ROUNDDOWN($C7051/24,0)+1,1))-1)+IF('Standard Profiles'!$G$18=$B$10,7,0)+IF('Standard Profiles'!$G$18=$B$17,14,0)+IF('Standard Profiles'!$G$18=$B$24,21,0),MOD($C7051,24)+1)/SUM(INDEX($D$3:$AA$30,INDEX(Jesper!$R$2:$R$366,ROW(INDEX(Jesper!AH$2:AH$366,ROUNDDOWN($C7051/24,0)+1,1))-1)+IF('Standard Profiles'!$G$18=$B$10,7,0)+IF('Standard Profiles'!$G$18=$B$17,14,0)+IF('Standard Profiles'!$G$18=$B$24,21,0),0)),0)</f>
        <v>29.996504046116172</v>
      </c>
      <c r="E7051" cm="1">
        <f t="array" ref="E7051">IFERROR(INDEX(Jesper!AI$2:AI$366,ROUNDDOWN($C7051/24,0)+1,1)*INDEX($D$3:$AA$30,INDEX(Jesper!$R$2:$R$366,ROW(INDEX(Jesper!AI$2:AI$366,ROUNDDOWN($C7051/24,0)+1,1))-1)+IF('Standard Profiles'!$G$19=$B$10,7,0)+IF('Standard Profiles'!$G$19=$B$17,14,0)+IF('Standard Profiles'!$G$19=$B$24,21,0),MOD($C7051,24)+1)/SUM(INDEX($D$3:$AA$30,INDEX(Jesper!$R$2:$R$366,ROW(INDEX(Jesper!AI$2:AI$366,ROUNDDOWN($C7051/24,0)+1,1))-1)+IF('Standard Profiles'!$G$19=$B$10,7,0)+IF('Standard Profiles'!$G$19=$B$17,14,0)+IF('Standard Profiles'!$G$19=$B$24,21,0),0)),0)</f>
        <v>14.14724352235511</v>
      </c>
      <c r="F7051" cm="1">
        <f t="array" ref="F7051">IFERROR(INDEX(Jesper!AJ$2:AJ$366,ROUNDDOWN($C7051/24,0)+1,1)*INDEX($D$3:$AA$30,INDEX(Jesper!$R$2:$R$366,ROW(INDEX(Jesper!AJ$2:AJ$366,ROUNDDOWN($C7051/24,0)+1,1))-1)+IF('Standard Profiles'!$G$20=$B$10,7,0)+IF('Standard Profiles'!$G$20=$B$17,14,0)+IF('Standard Profiles'!$G$20=$B$24,21,0),MOD($C7051,24)+1)/SUM(INDEX($D$3:$AA$30,INDEX(Jesper!$R$2:$R$366,ROW(INDEX(Jesper!AJ$2:AJ$366,ROUNDDOWN($C7051/24,0)+1,1))-1)+IF('Standard Profiles'!$G$20=$B$10,7,0)+IF('Standard Profiles'!$G$20=$B$17,14,0)+IF('Standard Profiles'!$G$20=$B$24,21,0),0)),0)</f>
        <v>0</v>
      </c>
      <c r="G7051" cm="1">
        <f t="array" ref="G7051">IFERROR(INDEX(Jesper!AK$2:AK$366,ROUNDDOWN($C7051/24,0)+1,1)*INDEX($D$3:$AA$30,INDEX(Jesper!$R$2:$R$366,ROW(INDEX(Jesper!AK$2:AK$366,ROUNDDOWN($C7051/24,0)+1,1))-1)+IF('Standard Profiles'!$G$21=$B$10,7,0)+IF('Standard Profiles'!$G$21=$B$17,14,0)+IF('Standard Profiles'!$G$21=$B$24,21,0),MOD($C7051,24)+1)/SUM(INDEX($D$3:$AA$30,INDEX(Jesper!$R$2:$R$366,ROW(INDEX(Jesper!AK$2:AK$366,ROUNDDOWN($C7051/24,0)+1,1))-1)+IF('Standard Profiles'!$G$21=$B$10,7,0)+IF('Standard Profiles'!$G$21=$B$17,14,0)+IF('Standard Profiles'!$G$21=$B$24,21,0),0)),0)</f>
        <v>2.4834464799684164</v>
      </c>
      <c r="H7051" cm="1">
        <f t="array" ref="H7051">IFERROR(INDEX(Jesper!AL$2:AL$366,ROUNDDOWN($C7051/24,0)+1,1)*INDEX($D$3:$AA$30,INDEX(Jesper!$R$2:$R$366,ROW(INDEX(Jesper!AL$2:AL$366,ROUNDDOWN($C7051/24,0)+1,1))-1)+IF('Standard Profiles'!$G$22=$B$10,7,0)+IF('Standard Profiles'!$G$22=$B$17,14,0)+IF('Standard Profiles'!$G$22=$B$24,21,0),MOD($C7051,24)+1)/SUM(INDEX($D$3:$AA$30,INDEX(Jesper!$R$2:$R$366,ROW(INDEX(Jesper!AL$2:AL$366,ROUNDDOWN($C7051/24,0)+1,1))-1)+IF('Standard Profiles'!$G$22=$B$10,7,0)+IF('Standard Profiles'!$G$22=$B$17,14,0)+IF('Standard Profiles'!$G$22=$B$24,21,0),0)),0)</f>
        <v>0</v>
      </c>
      <c r="I7051">
        <f t="shared" si="783"/>
        <v>1.1920543103848393</v>
      </c>
      <c r="J7051">
        <f t="shared" si="784"/>
        <v>40.635699090676269</v>
      </c>
      <c r="K7051">
        <f t="shared" si="785"/>
        <v>3.199627098252392</v>
      </c>
      <c r="L7051">
        <f t="shared" si="786"/>
        <v>1.599813549126196</v>
      </c>
      <c r="M7051">
        <f t="shared" si="787"/>
        <v>0</v>
      </c>
      <c r="N7051" s="45">
        <f t="shared" si="788"/>
        <v>45219.374999982982</v>
      </c>
    </row>
    <row r="7052" spans="2:14" x14ac:dyDescent="0.25">
      <c r="B7052">
        <f t="shared" si="782"/>
        <v>5</v>
      </c>
      <c r="C7052" s="16">
        <v>7018</v>
      </c>
      <c r="D7052" cm="1">
        <f t="array" ref="D7052">IFERROR(INDEX(Jesper!AH$2:AH$366,ROUNDDOWN($C7052/24,0)+1,1)*INDEX($D$3:$AA$30,INDEX(Jesper!$R$2:$R$366,ROW(INDEX(Jesper!AH$2:AH$366,ROUNDDOWN($C7052/24,0)+1,1))-1)+IF('Standard Profiles'!$G$18=$B$10,7,0)+IF('Standard Profiles'!$G$18=$B$17,14,0)+IF('Standard Profiles'!$G$18=$B$24,21,0),MOD($C7052,24)+1)/SUM(INDEX($D$3:$AA$30,INDEX(Jesper!$R$2:$R$366,ROW(INDEX(Jesper!AH$2:AH$366,ROUNDDOWN($C7052/24,0)+1,1))-1)+IF('Standard Profiles'!$G$18=$B$10,7,0)+IF('Standard Profiles'!$G$18=$B$17,14,0)+IF('Standard Profiles'!$G$18=$B$24,21,0),0)),0)</f>
        <v>29.996504046116172</v>
      </c>
      <c r="E7052" cm="1">
        <f t="array" ref="E7052">IFERROR(INDEX(Jesper!AI$2:AI$366,ROUNDDOWN($C7052/24,0)+1,1)*INDEX($D$3:$AA$30,INDEX(Jesper!$R$2:$R$366,ROW(INDEX(Jesper!AI$2:AI$366,ROUNDDOWN($C7052/24,0)+1,1))-1)+IF('Standard Profiles'!$G$19=$B$10,7,0)+IF('Standard Profiles'!$G$19=$B$17,14,0)+IF('Standard Profiles'!$G$19=$B$24,21,0),MOD($C7052,24)+1)/SUM(INDEX($D$3:$AA$30,INDEX(Jesper!$R$2:$R$366,ROW(INDEX(Jesper!AI$2:AI$366,ROUNDDOWN($C7052/24,0)+1,1))-1)+IF('Standard Profiles'!$G$19=$B$10,7,0)+IF('Standard Profiles'!$G$19=$B$17,14,0)+IF('Standard Profiles'!$G$19=$B$24,21,0),0)),0)</f>
        <v>14.14724352235511</v>
      </c>
      <c r="F7052" cm="1">
        <f t="array" ref="F7052">IFERROR(INDEX(Jesper!AJ$2:AJ$366,ROUNDDOWN($C7052/24,0)+1,1)*INDEX($D$3:$AA$30,INDEX(Jesper!$R$2:$R$366,ROW(INDEX(Jesper!AJ$2:AJ$366,ROUNDDOWN($C7052/24,0)+1,1))-1)+IF('Standard Profiles'!$G$20=$B$10,7,0)+IF('Standard Profiles'!$G$20=$B$17,14,0)+IF('Standard Profiles'!$G$20=$B$24,21,0),MOD($C7052,24)+1)/SUM(INDEX($D$3:$AA$30,INDEX(Jesper!$R$2:$R$366,ROW(INDEX(Jesper!AJ$2:AJ$366,ROUNDDOWN($C7052/24,0)+1,1))-1)+IF('Standard Profiles'!$G$20=$B$10,7,0)+IF('Standard Profiles'!$G$20=$B$17,14,0)+IF('Standard Profiles'!$G$20=$B$24,21,0),0)),0)</f>
        <v>0</v>
      </c>
      <c r="G7052" cm="1">
        <f t="array" ref="G7052">IFERROR(INDEX(Jesper!AK$2:AK$366,ROUNDDOWN($C7052/24,0)+1,1)*INDEX($D$3:$AA$30,INDEX(Jesper!$R$2:$R$366,ROW(INDEX(Jesper!AK$2:AK$366,ROUNDDOWN($C7052/24,0)+1,1))-1)+IF('Standard Profiles'!$G$21=$B$10,7,0)+IF('Standard Profiles'!$G$21=$B$17,14,0)+IF('Standard Profiles'!$G$21=$B$24,21,0),MOD($C7052,24)+1)/SUM(INDEX($D$3:$AA$30,INDEX(Jesper!$R$2:$R$366,ROW(INDEX(Jesper!AK$2:AK$366,ROUNDDOWN($C7052/24,0)+1,1))-1)+IF('Standard Profiles'!$G$21=$B$10,7,0)+IF('Standard Profiles'!$G$21=$B$17,14,0)+IF('Standard Profiles'!$G$21=$B$24,21,0),0)),0)</f>
        <v>2.4834464799684164</v>
      </c>
      <c r="H7052" cm="1">
        <f t="array" ref="H7052">IFERROR(INDEX(Jesper!AL$2:AL$366,ROUNDDOWN($C7052/24,0)+1,1)*INDEX($D$3:$AA$30,INDEX(Jesper!$R$2:$R$366,ROW(INDEX(Jesper!AL$2:AL$366,ROUNDDOWN($C7052/24,0)+1,1))-1)+IF('Standard Profiles'!$G$22=$B$10,7,0)+IF('Standard Profiles'!$G$22=$B$17,14,0)+IF('Standard Profiles'!$G$22=$B$24,21,0),MOD($C7052,24)+1)/SUM(INDEX($D$3:$AA$30,INDEX(Jesper!$R$2:$R$366,ROW(INDEX(Jesper!AL$2:AL$366,ROUNDDOWN($C7052/24,0)+1,1))-1)+IF('Standard Profiles'!$G$22=$B$10,7,0)+IF('Standard Profiles'!$G$22=$B$17,14,0)+IF('Standard Profiles'!$G$22=$B$24,21,0),0)),0)</f>
        <v>0</v>
      </c>
      <c r="I7052">
        <f t="shared" si="783"/>
        <v>1.1920543103848393</v>
      </c>
      <c r="J7052">
        <f t="shared" si="784"/>
        <v>40.635699090676269</v>
      </c>
      <c r="K7052">
        <f t="shared" si="785"/>
        <v>3.199627098252392</v>
      </c>
      <c r="L7052">
        <f t="shared" si="786"/>
        <v>1.599813549126196</v>
      </c>
      <c r="M7052">
        <f t="shared" si="787"/>
        <v>0</v>
      </c>
      <c r="N7052" s="45">
        <f t="shared" si="788"/>
        <v>45219.416666649646</v>
      </c>
    </row>
    <row r="7053" spans="2:14" x14ac:dyDescent="0.25">
      <c r="B7053">
        <f t="shared" si="782"/>
        <v>5</v>
      </c>
      <c r="C7053" s="16">
        <v>7019</v>
      </c>
      <c r="D7053" cm="1">
        <f t="array" ref="D7053">IFERROR(INDEX(Jesper!AH$2:AH$366,ROUNDDOWN($C7053/24,0)+1,1)*INDEX($D$3:$AA$30,INDEX(Jesper!$R$2:$R$366,ROW(INDEX(Jesper!AH$2:AH$366,ROUNDDOWN($C7053/24,0)+1,1))-1)+IF('Standard Profiles'!$G$18=$B$10,7,0)+IF('Standard Profiles'!$G$18=$B$17,14,0)+IF('Standard Profiles'!$G$18=$B$24,21,0),MOD($C7053,24)+1)/SUM(INDEX($D$3:$AA$30,INDEX(Jesper!$R$2:$R$366,ROW(INDEX(Jesper!AH$2:AH$366,ROUNDDOWN($C7053/24,0)+1,1))-1)+IF('Standard Profiles'!$G$18=$B$10,7,0)+IF('Standard Profiles'!$G$18=$B$17,14,0)+IF('Standard Profiles'!$G$18=$B$24,21,0),0)),0)</f>
        <v>35.450413872682745</v>
      </c>
      <c r="E7053" cm="1">
        <f t="array" ref="E7053">IFERROR(INDEX(Jesper!AI$2:AI$366,ROUNDDOWN($C7053/24,0)+1,1)*INDEX($D$3:$AA$30,INDEX(Jesper!$R$2:$R$366,ROW(INDEX(Jesper!AI$2:AI$366,ROUNDDOWN($C7053/24,0)+1,1))-1)+IF('Standard Profiles'!$G$19=$B$10,7,0)+IF('Standard Profiles'!$G$19=$B$17,14,0)+IF('Standard Profiles'!$G$19=$B$24,21,0),MOD($C7053,24)+1)/SUM(INDEX($D$3:$AA$30,INDEX(Jesper!$R$2:$R$366,ROW(INDEX(Jesper!AI$2:AI$366,ROUNDDOWN($C7053/24,0)+1,1))-1)+IF('Standard Profiles'!$G$19=$B$10,7,0)+IF('Standard Profiles'!$G$19=$B$17,14,0)+IF('Standard Profiles'!$G$19=$B$24,21,0),0)),0)</f>
        <v>16.71946961732877</v>
      </c>
      <c r="F7053" cm="1">
        <f t="array" ref="F7053">IFERROR(INDEX(Jesper!AJ$2:AJ$366,ROUNDDOWN($C7053/24,0)+1,1)*INDEX($D$3:$AA$30,INDEX(Jesper!$R$2:$R$366,ROW(INDEX(Jesper!AJ$2:AJ$366,ROUNDDOWN($C7053/24,0)+1,1))-1)+IF('Standard Profiles'!$G$20=$B$10,7,0)+IF('Standard Profiles'!$G$20=$B$17,14,0)+IF('Standard Profiles'!$G$20=$B$24,21,0),MOD($C7053,24)+1)/SUM(INDEX($D$3:$AA$30,INDEX(Jesper!$R$2:$R$366,ROW(INDEX(Jesper!AJ$2:AJ$366,ROUNDDOWN($C7053/24,0)+1,1))-1)+IF('Standard Profiles'!$G$20=$B$10,7,0)+IF('Standard Profiles'!$G$20=$B$17,14,0)+IF('Standard Profiles'!$G$20=$B$24,21,0),0)),0)</f>
        <v>0</v>
      </c>
      <c r="G7053" cm="1">
        <f t="array" ref="G7053">IFERROR(INDEX(Jesper!AK$2:AK$366,ROUNDDOWN($C7053/24,0)+1,1)*INDEX($D$3:$AA$30,INDEX(Jesper!$R$2:$R$366,ROW(INDEX(Jesper!AK$2:AK$366,ROUNDDOWN($C7053/24,0)+1,1))-1)+IF('Standard Profiles'!$G$21=$B$10,7,0)+IF('Standard Profiles'!$G$21=$B$17,14,0)+IF('Standard Profiles'!$G$21=$B$24,21,0),MOD($C7053,24)+1)/SUM(INDEX($D$3:$AA$30,INDEX(Jesper!$R$2:$R$366,ROW(INDEX(Jesper!AK$2:AK$366,ROUNDDOWN($C7053/24,0)+1,1))-1)+IF('Standard Profiles'!$G$21=$B$10,7,0)+IF('Standard Profiles'!$G$21=$B$17,14,0)+IF('Standard Profiles'!$G$21=$B$24,21,0),0)),0)</f>
        <v>2.9349822035990374</v>
      </c>
      <c r="H7053" cm="1">
        <f t="array" ref="H7053">IFERROR(INDEX(Jesper!AL$2:AL$366,ROUNDDOWN($C7053/24,0)+1,1)*INDEX($D$3:$AA$30,INDEX(Jesper!$R$2:$R$366,ROW(INDEX(Jesper!AL$2:AL$366,ROUNDDOWN($C7053/24,0)+1,1))-1)+IF('Standard Profiles'!$G$22=$B$10,7,0)+IF('Standard Profiles'!$G$22=$B$17,14,0)+IF('Standard Profiles'!$G$22=$B$24,21,0),MOD($C7053,24)+1)/SUM(INDEX($D$3:$AA$30,INDEX(Jesper!$R$2:$R$366,ROW(INDEX(Jesper!AL$2:AL$366,ROUNDDOWN($C7053/24,0)+1,1))-1)+IF('Standard Profiles'!$G$22=$B$10,7,0)+IF('Standard Profiles'!$G$22=$B$17,14,0)+IF('Standard Profiles'!$G$22=$B$24,21,0),0)),0)</f>
        <v>0</v>
      </c>
      <c r="I7053">
        <f t="shared" si="783"/>
        <v>1.4087914577275373</v>
      </c>
      <c r="J7053">
        <f t="shared" si="784"/>
        <v>48.024008016253774</v>
      </c>
      <c r="K7053">
        <f t="shared" si="785"/>
        <v>3.7813774797528263</v>
      </c>
      <c r="L7053">
        <f t="shared" si="786"/>
        <v>1.8906887398764132</v>
      </c>
      <c r="M7053">
        <f t="shared" si="787"/>
        <v>0</v>
      </c>
      <c r="N7053" s="45">
        <f t="shared" si="788"/>
        <v>45219.45833331631</v>
      </c>
    </row>
    <row r="7054" spans="2:14" x14ac:dyDescent="0.25">
      <c r="B7054">
        <f t="shared" si="782"/>
        <v>5</v>
      </c>
      <c r="C7054" s="16">
        <v>7020</v>
      </c>
      <c r="D7054" cm="1">
        <f t="array" ref="D7054">IFERROR(INDEX(Jesper!AH$2:AH$366,ROUNDDOWN($C7054/24,0)+1,1)*INDEX($D$3:$AA$30,INDEX(Jesper!$R$2:$R$366,ROW(INDEX(Jesper!AH$2:AH$366,ROUNDDOWN($C7054/24,0)+1,1))-1)+IF('Standard Profiles'!$G$18=$B$10,7,0)+IF('Standard Profiles'!$G$18=$B$17,14,0)+IF('Standard Profiles'!$G$18=$B$24,21,0),MOD($C7054,24)+1)/SUM(INDEX($D$3:$AA$30,INDEX(Jesper!$R$2:$R$366,ROW(INDEX(Jesper!AH$2:AH$366,ROUNDDOWN($C7054/24,0)+1,1))-1)+IF('Standard Profiles'!$G$18=$B$10,7,0)+IF('Standard Profiles'!$G$18=$B$17,14,0)+IF('Standard Profiles'!$G$18=$B$24,21,0),0)),0)</f>
        <v>35.450413872682745</v>
      </c>
      <c r="E7054" cm="1">
        <f t="array" ref="E7054">IFERROR(INDEX(Jesper!AI$2:AI$366,ROUNDDOWN($C7054/24,0)+1,1)*INDEX($D$3:$AA$30,INDEX(Jesper!$R$2:$R$366,ROW(INDEX(Jesper!AI$2:AI$366,ROUNDDOWN($C7054/24,0)+1,1))-1)+IF('Standard Profiles'!$G$19=$B$10,7,0)+IF('Standard Profiles'!$G$19=$B$17,14,0)+IF('Standard Profiles'!$G$19=$B$24,21,0),MOD($C7054,24)+1)/SUM(INDEX($D$3:$AA$30,INDEX(Jesper!$R$2:$R$366,ROW(INDEX(Jesper!AI$2:AI$366,ROUNDDOWN($C7054/24,0)+1,1))-1)+IF('Standard Profiles'!$G$19=$B$10,7,0)+IF('Standard Profiles'!$G$19=$B$17,14,0)+IF('Standard Profiles'!$G$19=$B$24,21,0),0)),0)</f>
        <v>16.71946961732877</v>
      </c>
      <c r="F7054" cm="1">
        <f t="array" ref="F7054">IFERROR(INDEX(Jesper!AJ$2:AJ$366,ROUNDDOWN($C7054/24,0)+1,1)*INDEX($D$3:$AA$30,INDEX(Jesper!$R$2:$R$366,ROW(INDEX(Jesper!AJ$2:AJ$366,ROUNDDOWN($C7054/24,0)+1,1))-1)+IF('Standard Profiles'!$G$20=$B$10,7,0)+IF('Standard Profiles'!$G$20=$B$17,14,0)+IF('Standard Profiles'!$G$20=$B$24,21,0),MOD($C7054,24)+1)/SUM(INDEX($D$3:$AA$30,INDEX(Jesper!$R$2:$R$366,ROW(INDEX(Jesper!AJ$2:AJ$366,ROUNDDOWN($C7054/24,0)+1,1))-1)+IF('Standard Profiles'!$G$20=$B$10,7,0)+IF('Standard Profiles'!$G$20=$B$17,14,0)+IF('Standard Profiles'!$G$20=$B$24,21,0),0)),0)</f>
        <v>0</v>
      </c>
      <c r="G7054" cm="1">
        <f t="array" ref="G7054">IFERROR(INDEX(Jesper!AK$2:AK$366,ROUNDDOWN($C7054/24,0)+1,1)*INDEX($D$3:$AA$30,INDEX(Jesper!$R$2:$R$366,ROW(INDEX(Jesper!AK$2:AK$366,ROUNDDOWN($C7054/24,0)+1,1))-1)+IF('Standard Profiles'!$G$21=$B$10,7,0)+IF('Standard Profiles'!$G$21=$B$17,14,0)+IF('Standard Profiles'!$G$21=$B$24,21,0),MOD($C7054,24)+1)/SUM(INDEX($D$3:$AA$30,INDEX(Jesper!$R$2:$R$366,ROW(INDEX(Jesper!AK$2:AK$366,ROUNDDOWN($C7054/24,0)+1,1))-1)+IF('Standard Profiles'!$G$21=$B$10,7,0)+IF('Standard Profiles'!$G$21=$B$17,14,0)+IF('Standard Profiles'!$G$21=$B$24,21,0),0)),0)</f>
        <v>2.9349822035990374</v>
      </c>
      <c r="H7054" cm="1">
        <f t="array" ref="H7054">IFERROR(INDEX(Jesper!AL$2:AL$366,ROUNDDOWN($C7054/24,0)+1,1)*INDEX($D$3:$AA$30,INDEX(Jesper!$R$2:$R$366,ROW(INDEX(Jesper!AL$2:AL$366,ROUNDDOWN($C7054/24,0)+1,1))-1)+IF('Standard Profiles'!$G$22=$B$10,7,0)+IF('Standard Profiles'!$G$22=$B$17,14,0)+IF('Standard Profiles'!$G$22=$B$24,21,0),MOD($C7054,24)+1)/SUM(INDEX($D$3:$AA$30,INDEX(Jesper!$R$2:$R$366,ROW(INDEX(Jesper!AL$2:AL$366,ROUNDDOWN($C7054/24,0)+1,1))-1)+IF('Standard Profiles'!$G$22=$B$10,7,0)+IF('Standard Profiles'!$G$22=$B$17,14,0)+IF('Standard Profiles'!$G$22=$B$24,21,0),0)),0)</f>
        <v>0</v>
      </c>
      <c r="I7054">
        <f t="shared" si="783"/>
        <v>1.4087914577275373</v>
      </c>
      <c r="J7054">
        <f t="shared" si="784"/>
        <v>48.024008016253774</v>
      </c>
      <c r="K7054">
        <f t="shared" si="785"/>
        <v>3.7813774797528263</v>
      </c>
      <c r="L7054">
        <f t="shared" si="786"/>
        <v>1.8906887398764132</v>
      </c>
      <c r="M7054">
        <f t="shared" si="787"/>
        <v>0</v>
      </c>
      <c r="N7054" s="45">
        <f t="shared" si="788"/>
        <v>45219.499999982974</v>
      </c>
    </row>
    <row r="7055" spans="2:14" x14ac:dyDescent="0.25">
      <c r="B7055">
        <f t="shared" si="782"/>
        <v>5</v>
      </c>
      <c r="C7055" s="16">
        <v>7021</v>
      </c>
      <c r="D7055" cm="1">
        <f t="array" ref="D7055">IFERROR(INDEX(Jesper!AH$2:AH$366,ROUNDDOWN($C7055/24,0)+1,1)*INDEX($D$3:$AA$30,INDEX(Jesper!$R$2:$R$366,ROW(INDEX(Jesper!AH$2:AH$366,ROUNDDOWN($C7055/24,0)+1,1))-1)+IF('Standard Profiles'!$G$18=$B$10,7,0)+IF('Standard Profiles'!$G$18=$B$17,14,0)+IF('Standard Profiles'!$G$18=$B$24,21,0),MOD($C7055,24)+1)/SUM(INDEX($D$3:$AA$30,INDEX(Jesper!$R$2:$R$366,ROW(INDEX(Jesper!AH$2:AH$366,ROUNDDOWN($C7055/24,0)+1,1))-1)+IF('Standard Profiles'!$G$18=$B$10,7,0)+IF('Standard Profiles'!$G$18=$B$17,14,0)+IF('Standard Profiles'!$G$18=$B$24,21,0),0)),0)</f>
        <v>24.542594219549596</v>
      </c>
      <c r="E7055" cm="1">
        <f t="array" ref="E7055">IFERROR(INDEX(Jesper!AI$2:AI$366,ROUNDDOWN($C7055/24,0)+1,1)*INDEX($D$3:$AA$30,INDEX(Jesper!$R$2:$R$366,ROW(INDEX(Jesper!AI$2:AI$366,ROUNDDOWN($C7055/24,0)+1,1))-1)+IF('Standard Profiles'!$G$19=$B$10,7,0)+IF('Standard Profiles'!$G$19=$B$17,14,0)+IF('Standard Profiles'!$G$19=$B$24,21,0),MOD($C7055,24)+1)/SUM(INDEX($D$3:$AA$30,INDEX(Jesper!$R$2:$R$366,ROW(INDEX(Jesper!AI$2:AI$366,ROUNDDOWN($C7055/24,0)+1,1))-1)+IF('Standard Profiles'!$G$19=$B$10,7,0)+IF('Standard Profiles'!$G$19=$B$17,14,0)+IF('Standard Profiles'!$G$19=$B$24,21,0),0)),0)</f>
        <v>11.575017427381454</v>
      </c>
      <c r="F7055" cm="1">
        <f t="array" ref="F7055">IFERROR(INDEX(Jesper!AJ$2:AJ$366,ROUNDDOWN($C7055/24,0)+1,1)*INDEX($D$3:$AA$30,INDEX(Jesper!$R$2:$R$366,ROW(INDEX(Jesper!AJ$2:AJ$366,ROUNDDOWN($C7055/24,0)+1,1))-1)+IF('Standard Profiles'!$G$20=$B$10,7,0)+IF('Standard Profiles'!$G$20=$B$17,14,0)+IF('Standard Profiles'!$G$20=$B$24,21,0),MOD($C7055,24)+1)/SUM(INDEX($D$3:$AA$30,INDEX(Jesper!$R$2:$R$366,ROW(INDEX(Jesper!AJ$2:AJ$366,ROUNDDOWN($C7055/24,0)+1,1))-1)+IF('Standard Profiles'!$G$20=$B$10,7,0)+IF('Standard Profiles'!$G$20=$B$17,14,0)+IF('Standard Profiles'!$G$20=$B$24,21,0),0)),0)</f>
        <v>0</v>
      </c>
      <c r="G7055" cm="1">
        <f t="array" ref="G7055">IFERROR(INDEX(Jesper!AK$2:AK$366,ROUNDDOWN($C7055/24,0)+1,1)*INDEX($D$3:$AA$30,INDEX(Jesper!$R$2:$R$366,ROW(INDEX(Jesper!AK$2:AK$366,ROUNDDOWN($C7055/24,0)+1,1))-1)+IF('Standard Profiles'!$G$21=$B$10,7,0)+IF('Standard Profiles'!$G$21=$B$17,14,0)+IF('Standard Profiles'!$G$21=$B$24,21,0),MOD($C7055,24)+1)/SUM(INDEX($D$3:$AA$30,INDEX(Jesper!$R$2:$R$366,ROW(INDEX(Jesper!AK$2:AK$366,ROUNDDOWN($C7055/24,0)+1,1))-1)+IF('Standard Profiles'!$G$21=$B$10,7,0)+IF('Standard Profiles'!$G$21=$B$17,14,0)+IF('Standard Profiles'!$G$21=$B$24,21,0),0)),0)</f>
        <v>2.0319107563377954</v>
      </c>
      <c r="H7055" cm="1">
        <f t="array" ref="H7055">IFERROR(INDEX(Jesper!AL$2:AL$366,ROUNDDOWN($C7055/24,0)+1,1)*INDEX($D$3:$AA$30,INDEX(Jesper!$R$2:$R$366,ROW(INDEX(Jesper!AL$2:AL$366,ROUNDDOWN($C7055/24,0)+1,1))-1)+IF('Standard Profiles'!$G$22=$B$10,7,0)+IF('Standard Profiles'!$G$22=$B$17,14,0)+IF('Standard Profiles'!$G$22=$B$24,21,0),MOD($C7055,24)+1)/SUM(INDEX($D$3:$AA$30,INDEX(Jesper!$R$2:$R$366,ROW(INDEX(Jesper!AL$2:AL$366,ROUNDDOWN($C7055/24,0)+1,1))-1)+IF('Standard Profiles'!$G$22=$B$10,7,0)+IF('Standard Profiles'!$G$22=$B$17,14,0)+IF('Standard Profiles'!$G$22=$B$24,21,0),0)),0)</f>
        <v>0</v>
      </c>
      <c r="I7055">
        <f t="shared" si="783"/>
        <v>0.97531716304214133</v>
      </c>
      <c r="J7055">
        <f t="shared" si="784"/>
        <v>33.247390165098764</v>
      </c>
      <c r="K7055">
        <f t="shared" si="785"/>
        <v>2.6178767167519572</v>
      </c>
      <c r="L7055">
        <f t="shared" si="786"/>
        <v>1.3089383583759786</v>
      </c>
      <c r="M7055">
        <f t="shared" si="787"/>
        <v>0</v>
      </c>
      <c r="N7055" s="45">
        <f t="shared" si="788"/>
        <v>45219.541666649639</v>
      </c>
    </row>
    <row r="7056" spans="2:14" x14ac:dyDescent="0.25">
      <c r="B7056">
        <f t="shared" si="782"/>
        <v>5</v>
      </c>
      <c r="C7056" s="16">
        <v>7022</v>
      </c>
      <c r="D7056" cm="1">
        <f t="array" ref="D7056">IFERROR(INDEX(Jesper!AH$2:AH$366,ROUNDDOWN($C7056/24,0)+1,1)*INDEX($D$3:$AA$30,INDEX(Jesper!$R$2:$R$366,ROW(INDEX(Jesper!AH$2:AH$366,ROUNDDOWN($C7056/24,0)+1,1))-1)+IF('Standard Profiles'!$G$18=$B$10,7,0)+IF('Standard Profiles'!$G$18=$B$17,14,0)+IF('Standard Profiles'!$G$18=$B$24,21,0),MOD($C7056,24)+1)/SUM(INDEX($D$3:$AA$30,INDEX(Jesper!$R$2:$R$366,ROW(INDEX(Jesper!AH$2:AH$366,ROUNDDOWN($C7056/24,0)+1,1))-1)+IF('Standard Profiles'!$G$18=$B$10,7,0)+IF('Standard Profiles'!$G$18=$B$17,14,0)+IF('Standard Profiles'!$G$18=$B$24,21,0),0)),0)</f>
        <v>35.450413872682745</v>
      </c>
      <c r="E7056" cm="1">
        <f t="array" ref="E7056">IFERROR(INDEX(Jesper!AI$2:AI$366,ROUNDDOWN($C7056/24,0)+1,1)*INDEX($D$3:$AA$30,INDEX(Jesper!$R$2:$R$366,ROW(INDEX(Jesper!AI$2:AI$366,ROUNDDOWN($C7056/24,0)+1,1))-1)+IF('Standard Profiles'!$G$19=$B$10,7,0)+IF('Standard Profiles'!$G$19=$B$17,14,0)+IF('Standard Profiles'!$G$19=$B$24,21,0),MOD($C7056,24)+1)/SUM(INDEX($D$3:$AA$30,INDEX(Jesper!$R$2:$R$366,ROW(INDEX(Jesper!AI$2:AI$366,ROUNDDOWN($C7056/24,0)+1,1))-1)+IF('Standard Profiles'!$G$19=$B$10,7,0)+IF('Standard Profiles'!$G$19=$B$17,14,0)+IF('Standard Profiles'!$G$19=$B$24,21,0),0)),0)</f>
        <v>16.71946961732877</v>
      </c>
      <c r="F7056" cm="1">
        <f t="array" ref="F7056">IFERROR(INDEX(Jesper!AJ$2:AJ$366,ROUNDDOWN($C7056/24,0)+1,1)*INDEX($D$3:$AA$30,INDEX(Jesper!$R$2:$R$366,ROW(INDEX(Jesper!AJ$2:AJ$366,ROUNDDOWN($C7056/24,0)+1,1))-1)+IF('Standard Profiles'!$G$20=$B$10,7,0)+IF('Standard Profiles'!$G$20=$B$17,14,0)+IF('Standard Profiles'!$G$20=$B$24,21,0),MOD($C7056,24)+1)/SUM(INDEX($D$3:$AA$30,INDEX(Jesper!$R$2:$R$366,ROW(INDEX(Jesper!AJ$2:AJ$366,ROUNDDOWN($C7056/24,0)+1,1))-1)+IF('Standard Profiles'!$G$20=$B$10,7,0)+IF('Standard Profiles'!$G$20=$B$17,14,0)+IF('Standard Profiles'!$G$20=$B$24,21,0),0)),0)</f>
        <v>0</v>
      </c>
      <c r="G7056" cm="1">
        <f t="array" ref="G7056">IFERROR(INDEX(Jesper!AK$2:AK$366,ROUNDDOWN($C7056/24,0)+1,1)*INDEX($D$3:$AA$30,INDEX(Jesper!$R$2:$R$366,ROW(INDEX(Jesper!AK$2:AK$366,ROUNDDOWN($C7056/24,0)+1,1))-1)+IF('Standard Profiles'!$G$21=$B$10,7,0)+IF('Standard Profiles'!$G$21=$B$17,14,0)+IF('Standard Profiles'!$G$21=$B$24,21,0),MOD($C7056,24)+1)/SUM(INDEX($D$3:$AA$30,INDEX(Jesper!$R$2:$R$366,ROW(INDEX(Jesper!AK$2:AK$366,ROUNDDOWN($C7056/24,0)+1,1))-1)+IF('Standard Profiles'!$G$21=$B$10,7,0)+IF('Standard Profiles'!$G$21=$B$17,14,0)+IF('Standard Profiles'!$G$21=$B$24,21,0),0)),0)</f>
        <v>2.9349822035990374</v>
      </c>
      <c r="H7056" cm="1">
        <f t="array" ref="H7056">IFERROR(INDEX(Jesper!AL$2:AL$366,ROUNDDOWN($C7056/24,0)+1,1)*INDEX($D$3:$AA$30,INDEX(Jesper!$R$2:$R$366,ROW(INDEX(Jesper!AL$2:AL$366,ROUNDDOWN($C7056/24,0)+1,1))-1)+IF('Standard Profiles'!$G$22=$B$10,7,0)+IF('Standard Profiles'!$G$22=$B$17,14,0)+IF('Standard Profiles'!$G$22=$B$24,21,0),MOD($C7056,24)+1)/SUM(INDEX($D$3:$AA$30,INDEX(Jesper!$R$2:$R$366,ROW(INDEX(Jesper!AL$2:AL$366,ROUNDDOWN($C7056/24,0)+1,1))-1)+IF('Standard Profiles'!$G$22=$B$10,7,0)+IF('Standard Profiles'!$G$22=$B$17,14,0)+IF('Standard Profiles'!$G$22=$B$24,21,0),0)),0)</f>
        <v>0</v>
      </c>
      <c r="I7056">
        <f t="shared" si="783"/>
        <v>1.4087914577275373</v>
      </c>
      <c r="J7056">
        <f t="shared" si="784"/>
        <v>48.024008016253774</v>
      </c>
      <c r="K7056">
        <f t="shared" si="785"/>
        <v>3.7813774797528263</v>
      </c>
      <c r="L7056">
        <f t="shared" si="786"/>
        <v>1.8906887398764132</v>
      </c>
      <c r="M7056">
        <f t="shared" si="787"/>
        <v>0</v>
      </c>
      <c r="N7056" s="45">
        <f t="shared" si="788"/>
        <v>45219.583333316303</v>
      </c>
    </row>
    <row r="7057" spans="2:14" x14ac:dyDescent="0.25">
      <c r="B7057">
        <f t="shared" si="782"/>
        <v>5</v>
      </c>
      <c r="C7057" s="16">
        <v>7023</v>
      </c>
      <c r="D7057" cm="1">
        <f t="array" ref="D7057">IFERROR(INDEX(Jesper!AH$2:AH$366,ROUNDDOWN($C7057/24,0)+1,1)*INDEX($D$3:$AA$30,INDEX(Jesper!$R$2:$R$366,ROW(INDEX(Jesper!AH$2:AH$366,ROUNDDOWN($C7057/24,0)+1,1))-1)+IF('Standard Profiles'!$G$18=$B$10,7,0)+IF('Standard Profiles'!$G$18=$B$17,14,0)+IF('Standard Profiles'!$G$18=$B$24,21,0),MOD($C7057,24)+1)/SUM(INDEX($D$3:$AA$30,INDEX(Jesper!$R$2:$R$366,ROW(INDEX(Jesper!AH$2:AH$366,ROUNDDOWN($C7057/24,0)+1,1))-1)+IF('Standard Profiles'!$G$18=$B$10,7,0)+IF('Standard Profiles'!$G$18=$B$17,14,0)+IF('Standard Profiles'!$G$18=$B$24,21,0),0)),0)</f>
        <v>27.269549132832882</v>
      </c>
      <c r="E7057" cm="1">
        <f t="array" ref="E7057">IFERROR(INDEX(Jesper!AI$2:AI$366,ROUNDDOWN($C7057/24,0)+1,1)*INDEX($D$3:$AA$30,INDEX(Jesper!$R$2:$R$366,ROW(INDEX(Jesper!AI$2:AI$366,ROUNDDOWN($C7057/24,0)+1,1))-1)+IF('Standard Profiles'!$G$19=$B$10,7,0)+IF('Standard Profiles'!$G$19=$B$17,14,0)+IF('Standard Profiles'!$G$19=$B$24,21,0),MOD($C7057,24)+1)/SUM(INDEX($D$3:$AA$30,INDEX(Jesper!$R$2:$R$366,ROW(INDEX(Jesper!AI$2:AI$366,ROUNDDOWN($C7057/24,0)+1,1))-1)+IF('Standard Profiles'!$G$19=$B$10,7,0)+IF('Standard Profiles'!$G$19=$B$17,14,0)+IF('Standard Profiles'!$G$19=$B$24,21,0),0)),0)</f>
        <v>12.861130474868283</v>
      </c>
      <c r="F7057" cm="1">
        <f t="array" ref="F7057">IFERROR(INDEX(Jesper!AJ$2:AJ$366,ROUNDDOWN($C7057/24,0)+1,1)*INDEX($D$3:$AA$30,INDEX(Jesper!$R$2:$R$366,ROW(INDEX(Jesper!AJ$2:AJ$366,ROUNDDOWN($C7057/24,0)+1,1))-1)+IF('Standard Profiles'!$G$20=$B$10,7,0)+IF('Standard Profiles'!$G$20=$B$17,14,0)+IF('Standard Profiles'!$G$20=$B$24,21,0),MOD($C7057,24)+1)/SUM(INDEX($D$3:$AA$30,INDEX(Jesper!$R$2:$R$366,ROW(INDEX(Jesper!AJ$2:AJ$366,ROUNDDOWN($C7057/24,0)+1,1))-1)+IF('Standard Profiles'!$G$20=$B$10,7,0)+IF('Standard Profiles'!$G$20=$B$17,14,0)+IF('Standard Profiles'!$G$20=$B$24,21,0),0)),0)</f>
        <v>0</v>
      </c>
      <c r="G7057" cm="1">
        <f t="array" ref="G7057">IFERROR(INDEX(Jesper!AK$2:AK$366,ROUNDDOWN($C7057/24,0)+1,1)*INDEX($D$3:$AA$30,INDEX(Jesper!$R$2:$R$366,ROW(INDEX(Jesper!AK$2:AK$366,ROUNDDOWN($C7057/24,0)+1,1))-1)+IF('Standard Profiles'!$G$21=$B$10,7,0)+IF('Standard Profiles'!$G$21=$B$17,14,0)+IF('Standard Profiles'!$G$21=$B$24,21,0),MOD($C7057,24)+1)/SUM(INDEX($D$3:$AA$30,INDEX(Jesper!$R$2:$R$366,ROW(INDEX(Jesper!AK$2:AK$366,ROUNDDOWN($C7057/24,0)+1,1))-1)+IF('Standard Profiles'!$G$21=$B$10,7,0)+IF('Standard Profiles'!$G$21=$B$17,14,0)+IF('Standard Profiles'!$G$21=$B$24,21,0),0)),0)</f>
        <v>2.4834464799684164</v>
      </c>
      <c r="H7057" cm="1">
        <f t="array" ref="H7057">IFERROR(INDEX(Jesper!AL$2:AL$366,ROUNDDOWN($C7057/24,0)+1,1)*INDEX($D$3:$AA$30,INDEX(Jesper!$R$2:$R$366,ROW(INDEX(Jesper!AL$2:AL$366,ROUNDDOWN($C7057/24,0)+1,1))-1)+IF('Standard Profiles'!$G$22=$B$10,7,0)+IF('Standard Profiles'!$G$22=$B$17,14,0)+IF('Standard Profiles'!$G$22=$B$24,21,0),MOD($C7057,24)+1)/SUM(INDEX($D$3:$AA$30,INDEX(Jesper!$R$2:$R$366,ROW(INDEX(Jesper!AL$2:AL$366,ROUNDDOWN($C7057/24,0)+1,1))-1)+IF('Standard Profiles'!$G$22=$B$10,7,0)+IF('Standard Profiles'!$G$22=$B$17,14,0)+IF('Standard Profiles'!$G$22=$B$24,21,0),0)),0)</f>
        <v>0</v>
      </c>
      <c r="I7057">
        <f t="shared" si="783"/>
        <v>1.1920543103848393</v>
      </c>
      <c r="J7057">
        <f t="shared" si="784"/>
        <v>37.058943916031481</v>
      </c>
      <c r="K7057">
        <f t="shared" si="785"/>
        <v>2.9087519075021744</v>
      </c>
      <c r="L7057">
        <f t="shared" si="786"/>
        <v>1.4543759537510872</v>
      </c>
      <c r="M7057">
        <f t="shared" si="787"/>
        <v>0</v>
      </c>
      <c r="N7057" s="45">
        <f t="shared" si="788"/>
        <v>45219.624999982967</v>
      </c>
    </row>
    <row r="7058" spans="2:14" x14ac:dyDescent="0.25">
      <c r="B7058">
        <f t="shared" si="782"/>
        <v>5</v>
      </c>
      <c r="C7058" s="16">
        <v>7024</v>
      </c>
      <c r="D7058" cm="1">
        <f t="array" ref="D7058">IFERROR(INDEX(Jesper!AH$2:AH$366,ROUNDDOWN($C7058/24,0)+1,1)*INDEX($D$3:$AA$30,INDEX(Jesper!$R$2:$R$366,ROW(INDEX(Jesper!AH$2:AH$366,ROUNDDOWN($C7058/24,0)+1,1))-1)+IF('Standard Profiles'!$G$18=$B$10,7,0)+IF('Standard Profiles'!$G$18=$B$17,14,0)+IF('Standard Profiles'!$G$18=$B$24,21,0),MOD($C7058,24)+1)/SUM(INDEX($D$3:$AA$30,INDEX(Jesper!$R$2:$R$366,ROW(INDEX(Jesper!AH$2:AH$366,ROUNDDOWN($C7058/24,0)+1,1))-1)+IF('Standard Profiles'!$G$18=$B$10,7,0)+IF('Standard Profiles'!$G$18=$B$17,14,0)+IF('Standard Profiles'!$G$18=$B$24,21,0),0)),0)</f>
        <v>12.802605226682106</v>
      </c>
      <c r="E7058" cm="1">
        <f t="array" ref="E7058">IFERROR(INDEX(Jesper!AI$2:AI$366,ROUNDDOWN($C7058/24,0)+1,1)*INDEX($D$3:$AA$30,INDEX(Jesper!$R$2:$R$366,ROW(INDEX(Jesper!AI$2:AI$366,ROUNDDOWN($C7058/24,0)+1,1))-1)+IF('Standard Profiles'!$G$19=$B$10,7,0)+IF('Standard Profiles'!$G$19=$B$17,14,0)+IF('Standard Profiles'!$G$19=$B$24,21,0),MOD($C7058,24)+1)/SUM(INDEX($D$3:$AA$30,INDEX(Jesper!$R$2:$R$366,ROW(INDEX(Jesper!AI$2:AI$366,ROUNDDOWN($C7058/24,0)+1,1))-1)+IF('Standard Profiles'!$G$19=$B$10,7,0)+IF('Standard Profiles'!$G$19=$B$17,14,0)+IF('Standard Profiles'!$G$19=$B$24,21,0),0)),0)</f>
        <v>6.0380894248207895</v>
      </c>
      <c r="F7058" cm="1">
        <f t="array" ref="F7058">IFERROR(INDEX(Jesper!AJ$2:AJ$366,ROUNDDOWN($C7058/24,0)+1,1)*INDEX($D$3:$AA$30,INDEX(Jesper!$R$2:$R$366,ROW(INDEX(Jesper!AJ$2:AJ$366,ROUNDDOWN($C7058/24,0)+1,1))-1)+IF('Standard Profiles'!$G$20=$B$10,7,0)+IF('Standard Profiles'!$G$20=$B$17,14,0)+IF('Standard Profiles'!$G$20=$B$24,21,0),MOD($C7058,24)+1)/SUM(INDEX($D$3:$AA$30,INDEX(Jesper!$R$2:$R$366,ROW(INDEX(Jesper!AJ$2:AJ$366,ROUNDDOWN($C7058/24,0)+1,1))-1)+IF('Standard Profiles'!$G$20=$B$10,7,0)+IF('Standard Profiles'!$G$20=$B$17,14,0)+IF('Standard Profiles'!$G$20=$B$24,21,0),0)),0)</f>
        <v>0</v>
      </c>
      <c r="G7058" cm="1">
        <f t="array" ref="G7058">IFERROR(INDEX(Jesper!AK$2:AK$366,ROUNDDOWN($C7058/24,0)+1,1)*INDEX($D$3:$AA$30,INDEX(Jesper!$R$2:$R$366,ROW(INDEX(Jesper!AK$2:AK$366,ROUNDDOWN($C7058/24,0)+1,1))-1)+IF('Standard Profiles'!$G$21=$B$10,7,0)+IF('Standard Profiles'!$G$21=$B$17,14,0)+IF('Standard Profiles'!$G$21=$B$24,21,0),MOD($C7058,24)+1)/SUM(INDEX($D$3:$AA$30,INDEX(Jesper!$R$2:$R$366,ROW(INDEX(Jesper!AK$2:AK$366,ROUNDDOWN($C7058/24,0)+1,1))-1)+IF('Standard Profiles'!$G$21=$B$10,7,0)+IF('Standard Profiles'!$G$21=$B$17,14,0)+IF('Standard Profiles'!$G$21=$B$24,21,0),0)),0)</f>
        <v>2.1501701125267676</v>
      </c>
      <c r="H7058" cm="1">
        <f t="array" ref="H7058">IFERROR(INDEX(Jesper!AL$2:AL$366,ROUNDDOWN($C7058/24,0)+1,1)*INDEX($D$3:$AA$30,INDEX(Jesper!$R$2:$R$366,ROW(INDEX(Jesper!AL$2:AL$366,ROUNDDOWN($C7058/24,0)+1,1))-1)+IF('Standard Profiles'!$G$22=$B$10,7,0)+IF('Standard Profiles'!$G$22=$B$17,14,0)+IF('Standard Profiles'!$G$22=$B$24,21,0),MOD($C7058,24)+1)/SUM(INDEX($D$3:$AA$30,INDEX(Jesper!$R$2:$R$366,ROW(INDEX(Jesper!AL$2:AL$366,ROUNDDOWN($C7058/24,0)+1,1))-1)+IF('Standard Profiles'!$G$22=$B$10,7,0)+IF('Standard Profiles'!$G$22=$B$17,14,0)+IF('Standard Profiles'!$G$22=$B$24,21,0),0)),0)</f>
        <v>0</v>
      </c>
      <c r="I7058">
        <f t="shared" si="783"/>
        <v>1.0320816540128479</v>
      </c>
      <c r="J7058">
        <f t="shared" si="784"/>
        <v>17.91036627374768</v>
      </c>
      <c r="K7058">
        <f t="shared" si="785"/>
        <v>1.3656112241794247</v>
      </c>
      <c r="L7058">
        <f t="shared" si="786"/>
        <v>0.68280561208971235</v>
      </c>
      <c r="M7058">
        <f t="shared" si="787"/>
        <v>0</v>
      </c>
      <c r="N7058" s="45">
        <f t="shared" si="788"/>
        <v>45219.666666649631</v>
      </c>
    </row>
    <row r="7059" spans="2:14" x14ac:dyDescent="0.25">
      <c r="B7059">
        <f t="shared" si="782"/>
        <v>5</v>
      </c>
      <c r="C7059" s="16">
        <v>7025</v>
      </c>
      <c r="D7059" cm="1">
        <f t="array" ref="D7059">IFERROR(INDEX(Jesper!AH$2:AH$366,ROUNDDOWN($C7059/24,0)+1,1)*INDEX($D$3:$AA$30,INDEX(Jesper!$R$2:$R$366,ROW(INDEX(Jesper!AH$2:AH$366,ROUNDDOWN($C7059/24,0)+1,1))-1)+IF('Standard Profiles'!$G$18=$B$10,7,0)+IF('Standard Profiles'!$G$18=$B$17,14,0)+IF('Standard Profiles'!$G$18=$B$24,21,0),MOD($C7059,24)+1)/SUM(INDEX($D$3:$AA$30,INDEX(Jesper!$R$2:$R$366,ROW(INDEX(Jesper!AH$2:AH$366,ROUNDDOWN($C7059/24,0)+1,1))-1)+IF('Standard Profiles'!$G$18=$B$10,7,0)+IF('Standard Profiles'!$G$18=$B$17,14,0)+IF('Standard Profiles'!$G$18=$B$24,21,0),0)),0)</f>
        <v>8.4497194496101891</v>
      </c>
      <c r="E7059" cm="1">
        <f t="array" ref="E7059">IFERROR(INDEX(Jesper!AI$2:AI$366,ROUNDDOWN($C7059/24,0)+1,1)*INDEX($D$3:$AA$30,INDEX(Jesper!$R$2:$R$366,ROW(INDEX(Jesper!AI$2:AI$366,ROUNDDOWN($C7059/24,0)+1,1))-1)+IF('Standard Profiles'!$G$19=$B$10,7,0)+IF('Standard Profiles'!$G$19=$B$17,14,0)+IF('Standard Profiles'!$G$19=$B$24,21,0),MOD($C7059,24)+1)/SUM(INDEX($D$3:$AA$30,INDEX(Jesper!$R$2:$R$366,ROW(INDEX(Jesper!AI$2:AI$366,ROUNDDOWN($C7059/24,0)+1,1))-1)+IF('Standard Profiles'!$G$19=$B$10,7,0)+IF('Standard Profiles'!$G$19=$B$17,14,0)+IF('Standard Profiles'!$G$19=$B$24,21,0),0)),0)</f>
        <v>3.9851390203817214</v>
      </c>
      <c r="F7059" cm="1">
        <f t="array" ref="F7059">IFERROR(INDEX(Jesper!AJ$2:AJ$366,ROUNDDOWN($C7059/24,0)+1,1)*INDEX($D$3:$AA$30,INDEX(Jesper!$R$2:$R$366,ROW(INDEX(Jesper!AJ$2:AJ$366,ROUNDDOWN($C7059/24,0)+1,1))-1)+IF('Standard Profiles'!$G$20=$B$10,7,0)+IF('Standard Profiles'!$G$20=$B$17,14,0)+IF('Standard Profiles'!$G$20=$B$24,21,0),MOD($C7059,24)+1)/SUM(INDEX($D$3:$AA$30,INDEX(Jesper!$R$2:$R$366,ROW(INDEX(Jesper!AJ$2:AJ$366,ROUNDDOWN($C7059/24,0)+1,1))-1)+IF('Standard Profiles'!$G$20=$B$10,7,0)+IF('Standard Profiles'!$G$20=$B$17,14,0)+IF('Standard Profiles'!$G$20=$B$24,21,0),0)),0)</f>
        <v>0</v>
      </c>
      <c r="G7059" cm="1">
        <f t="array" ref="G7059">IFERROR(INDEX(Jesper!AK$2:AK$366,ROUNDDOWN($C7059/24,0)+1,1)*INDEX($D$3:$AA$30,INDEX(Jesper!$R$2:$R$366,ROW(INDEX(Jesper!AK$2:AK$366,ROUNDDOWN($C7059/24,0)+1,1))-1)+IF('Standard Profiles'!$G$21=$B$10,7,0)+IF('Standard Profiles'!$G$21=$B$17,14,0)+IF('Standard Profiles'!$G$21=$B$24,21,0),MOD($C7059,24)+1)/SUM(INDEX($D$3:$AA$30,INDEX(Jesper!$R$2:$R$366,ROW(INDEX(Jesper!AK$2:AK$366,ROUNDDOWN($C7059/24,0)+1,1))-1)+IF('Standard Profiles'!$G$21=$B$10,7,0)+IF('Standard Profiles'!$G$21=$B$17,14,0)+IF('Standard Profiles'!$G$21=$B$24,21,0),0)),0)</f>
        <v>1.8061428945224844</v>
      </c>
      <c r="H7059" cm="1">
        <f t="array" ref="H7059">IFERROR(INDEX(Jesper!AL$2:AL$366,ROUNDDOWN($C7059/24,0)+1,1)*INDEX($D$3:$AA$30,INDEX(Jesper!$R$2:$R$366,ROW(INDEX(Jesper!AL$2:AL$366,ROUNDDOWN($C7059/24,0)+1,1))-1)+IF('Standard Profiles'!$G$22=$B$10,7,0)+IF('Standard Profiles'!$G$22=$B$17,14,0)+IF('Standard Profiles'!$G$22=$B$24,21,0),MOD($C7059,24)+1)/SUM(INDEX($D$3:$AA$30,INDEX(Jesper!$R$2:$R$366,ROW(INDEX(Jesper!AL$2:AL$366,ROUNDDOWN($C7059/24,0)+1,1))-1)+IF('Standard Profiles'!$G$22=$B$10,7,0)+IF('Standard Profiles'!$G$22=$B$17,14,0)+IF('Standard Profiles'!$G$22=$B$24,21,0),0)),0)</f>
        <v>0</v>
      </c>
      <c r="I7059">
        <f t="shared" si="783"/>
        <v>0.86694858937079211</v>
      </c>
      <c r="J7059">
        <f t="shared" si="784"/>
        <v>12.022097663205974</v>
      </c>
      <c r="K7059">
        <f t="shared" si="785"/>
        <v>0.90130340795842023</v>
      </c>
      <c r="L7059">
        <f t="shared" si="786"/>
        <v>0.45065170397921012</v>
      </c>
      <c r="M7059">
        <f t="shared" si="787"/>
        <v>0</v>
      </c>
      <c r="N7059" s="45">
        <f t="shared" si="788"/>
        <v>45219.708333316295</v>
      </c>
    </row>
    <row r="7060" spans="2:14" x14ac:dyDescent="0.25">
      <c r="B7060">
        <f t="shared" si="782"/>
        <v>5</v>
      </c>
      <c r="C7060" s="16">
        <v>7026</v>
      </c>
      <c r="D7060" cm="1">
        <f t="array" ref="D7060">IFERROR(INDEX(Jesper!AH$2:AH$366,ROUNDDOWN($C7060/24,0)+1,1)*INDEX($D$3:$AA$30,INDEX(Jesper!$R$2:$R$366,ROW(INDEX(Jesper!AH$2:AH$366,ROUNDDOWN($C7060/24,0)+1,1))-1)+IF('Standard Profiles'!$G$18=$B$10,7,0)+IF('Standard Profiles'!$G$18=$B$17,14,0)+IF('Standard Profiles'!$G$18=$B$24,21,0),MOD($C7060,24)+1)/SUM(INDEX($D$3:$AA$30,INDEX(Jesper!$R$2:$R$366,ROW(INDEX(Jesper!AH$2:AH$366,ROUNDDOWN($C7060/24,0)+1,1))-1)+IF('Standard Profiles'!$G$18=$B$10,7,0)+IF('Standard Profiles'!$G$18=$B$17,14,0)+IF('Standard Profiles'!$G$18=$B$24,21,0),0)),0)</f>
        <v>5.3770941952064844</v>
      </c>
      <c r="E7060" cm="1">
        <f t="array" ref="E7060">IFERROR(INDEX(Jesper!AI$2:AI$366,ROUNDDOWN($C7060/24,0)+1,1)*INDEX($D$3:$AA$30,INDEX(Jesper!$R$2:$R$366,ROW(INDEX(Jesper!AI$2:AI$366,ROUNDDOWN($C7060/24,0)+1,1))-1)+IF('Standard Profiles'!$G$19=$B$10,7,0)+IF('Standard Profiles'!$G$19=$B$17,14,0)+IF('Standard Profiles'!$G$19=$B$24,21,0),MOD($C7060,24)+1)/SUM(INDEX($D$3:$AA$30,INDEX(Jesper!$R$2:$R$366,ROW(INDEX(Jesper!AI$2:AI$366,ROUNDDOWN($C7060/24,0)+1,1))-1)+IF('Standard Profiles'!$G$19=$B$10,7,0)+IF('Standard Profiles'!$G$19=$B$17,14,0)+IF('Standard Profiles'!$G$19=$B$24,21,0),0)),0)</f>
        <v>2.5359975584247318</v>
      </c>
      <c r="F7060" cm="1">
        <f t="array" ref="F7060">IFERROR(INDEX(Jesper!AJ$2:AJ$366,ROUNDDOWN($C7060/24,0)+1,1)*INDEX($D$3:$AA$30,INDEX(Jesper!$R$2:$R$366,ROW(INDEX(Jesper!AJ$2:AJ$366,ROUNDDOWN($C7060/24,0)+1,1))-1)+IF('Standard Profiles'!$G$20=$B$10,7,0)+IF('Standard Profiles'!$G$20=$B$17,14,0)+IF('Standard Profiles'!$G$20=$B$24,21,0),MOD($C7060,24)+1)/SUM(INDEX($D$3:$AA$30,INDEX(Jesper!$R$2:$R$366,ROW(INDEX(Jesper!AJ$2:AJ$366,ROUNDDOWN($C7060/24,0)+1,1))-1)+IF('Standard Profiles'!$G$20=$B$10,7,0)+IF('Standard Profiles'!$G$20=$B$17,14,0)+IF('Standard Profiles'!$G$20=$B$24,21,0),0)),0)</f>
        <v>0</v>
      </c>
      <c r="G7060" cm="1">
        <f t="array" ref="G7060">IFERROR(INDEX(Jesper!AK$2:AK$366,ROUNDDOWN($C7060/24,0)+1,1)*INDEX($D$3:$AA$30,INDEX(Jesper!$R$2:$R$366,ROW(INDEX(Jesper!AK$2:AK$366,ROUNDDOWN($C7060/24,0)+1,1))-1)+IF('Standard Profiles'!$G$21=$B$10,7,0)+IF('Standard Profiles'!$G$21=$B$17,14,0)+IF('Standard Profiles'!$G$21=$B$24,21,0),MOD($C7060,24)+1)/SUM(INDEX($D$3:$AA$30,INDEX(Jesper!$R$2:$R$366,ROW(INDEX(Jesper!AK$2:AK$366,ROUNDDOWN($C7060/24,0)+1,1))-1)+IF('Standard Profiles'!$G$21=$B$10,7,0)+IF('Standard Profiles'!$G$21=$B$17,14,0)+IF('Standard Profiles'!$G$21=$B$24,21,0),0)),0)</f>
        <v>0.66655273488329791</v>
      </c>
      <c r="H7060" cm="1">
        <f t="array" ref="H7060">IFERROR(INDEX(Jesper!AL$2:AL$366,ROUNDDOWN($C7060/24,0)+1,1)*INDEX($D$3:$AA$30,INDEX(Jesper!$R$2:$R$366,ROW(INDEX(Jesper!AL$2:AL$366,ROUNDDOWN($C7060/24,0)+1,1))-1)+IF('Standard Profiles'!$G$22=$B$10,7,0)+IF('Standard Profiles'!$G$22=$B$17,14,0)+IF('Standard Profiles'!$G$22=$B$24,21,0),MOD($C7060,24)+1)/SUM(INDEX($D$3:$AA$30,INDEX(Jesper!$R$2:$R$366,ROW(INDEX(Jesper!AL$2:AL$366,ROUNDDOWN($C7060/24,0)+1,1))-1)+IF('Standard Profiles'!$G$22=$B$10,7,0)+IF('Standard Profiles'!$G$22=$B$17,14,0)+IF('Standard Profiles'!$G$22=$B$24,21,0),0)),0)</f>
        <v>0</v>
      </c>
      <c r="I7060">
        <f t="shared" si="783"/>
        <v>0.31994531274398286</v>
      </c>
      <c r="J7060">
        <f t="shared" si="784"/>
        <v>7.3993641045374945</v>
      </c>
      <c r="K7060">
        <f t="shared" si="785"/>
        <v>0.57355671415535836</v>
      </c>
      <c r="L7060">
        <f t="shared" si="786"/>
        <v>0.28677835707767918</v>
      </c>
      <c r="M7060">
        <f t="shared" si="787"/>
        <v>0</v>
      </c>
      <c r="N7060" s="45">
        <f t="shared" si="788"/>
        <v>45219.74999998296</v>
      </c>
    </row>
    <row r="7061" spans="2:14" x14ac:dyDescent="0.25">
      <c r="B7061">
        <f t="shared" si="782"/>
        <v>5</v>
      </c>
      <c r="C7061" s="16">
        <v>7027</v>
      </c>
      <c r="D7061" cm="1">
        <f t="array" ref="D7061">IFERROR(INDEX(Jesper!AH$2:AH$366,ROUNDDOWN($C7061/24,0)+1,1)*INDEX($D$3:$AA$30,INDEX(Jesper!$R$2:$R$366,ROW(INDEX(Jesper!AH$2:AH$366,ROUNDDOWN($C7061/24,0)+1,1))-1)+IF('Standard Profiles'!$G$18=$B$10,7,0)+IF('Standard Profiles'!$G$18=$B$17,14,0)+IF('Standard Profiles'!$G$18=$B$24,21,0),MOD($C7061,24)+1)/SUM(INDEX($D$3:$AA$30,INDEX(Jesper!$R$2:$R$366,ROW(INDEX(Jesper!AH$2:AH$366,ROUNDDOWN($C7061/24,0)+1,1))-1)+IF('Standard Profiles'!$G$18=$B$10,7,0)+IF('Standard Profiles'!$G$18=$B$17,14,0)+IF('Standard Profiles'!$G$18=$B$24,21,0),0)),0)</f>
        <v>5.1210420906728418</v>
      </c>
      <c r="E7061" cm="1">
        <f t="array" ref="E7061">IFERROR(INDEX(Jesper!AI$2:AI$366,ROUNDDOWN($C7061/24,0)+1,1)*INDEX($D$3:$AA$30,INDEX(Jesper!$R$2:$R$366,ROW(INDEX(Jesper!AI$2:AI$366,ROUNDDOWN($C7061/24,0)+1,1))-1)+IF('Standard Profiles'!$G$19=$B$10,7,0)+IF('Standard Profiles'!$G$19=$B$17,14,0)+IF('Standard Profiles'!$G$19=$B$24,21,0),MOD($C7061,24)+1)/SUM(INDEX($D$3:$AA$30,INDEX(Jesper!$R$2:$R$366,ROW(INDEX(Jesper!AI$2:AI$366,ROUNDDOWN($C7061/24,0)+1,1))-1)+IF('Standard Profiles'!$G$19=$B$10,7,0)+IF('Standard Profiles'!$G$19=$B$17,14,0)+IF('Standard Profiles'!$G$19=$B$24,21,0),0)),0)</f>
        <v>2.4152357699283158</v>
      </c>
      <c r="F7061" cm="1">
        <f t="array" ref="F7061">IFERROR(INDEX(Jesper!AJ$2:AJ$366,ROUNDDOWN($C7061/24,0)+1,1)*INDEX($D$3:$AA$30,INDEX(Jesper!$R$2:$R$366,ROW(INDEX(Jesper!AJ$2:AJ$366,ROUNDDOWN($C7061/24,0)+1,1))-1)+IF('Standard Profiles'!$G$20=$B$10,7,0)+IF('Standard Profiles'!$G$20=$B$17,14,0)+IF('Standard Profiles'!$G$20=$B$24,21,0),MOD($C7061,24)+1)/SUM(INDEX($D$3:$AA$30,INDEX(Jesper!$R$2:$R$366,ROW(INDEX(Jesper!AJ$2:AJ$366,ROUNDDOWN($C7061/24,0)+1,1))-1)+IF('Standard Profiles'!$G$20=$B$10,7,0)+IF('Standard Profiles'!$G$20=$B$17,14,0)+IF('Standard Profiles'!$G$20=$B$24,21,0),0)),0)</f>
        <v>0</v>
      </c>
      <c r="G7061" cm="1">
        <f t="array" ref="G7061">IFERROR(INDEX(Jesper!AK$2:AK$366,ROUNDDOWN($C7061/24,0)+1,1)*INDEX($D$3:$AA$30,INDEX(Jesper!$R$2:$R$366,ROW(INDEX(Jesper!AK$2:AK$366,ROUNDDOWN($C7061/24,0)+1,1))-1)+IF('Standard Profiles'!$G$21=$B$10,7,0)+IF('Standard Profiles'!$G$21=$B$17,14,0)+IF('Standard Profiles'!$G$21=$B$24,21,0),MOD($C7061,24)+1)/SUM(INDEX($D$3:$AA$30,INDEX(Jesper!$R$2:$R$366,ROW(INDEX(Jesper!AK$2:AK$366,ROUNDDOWN($C7061/24,0)+1,1))-1)+IF('Standard Profiles'!$G$21=$B$10,7,0)+IF('Standard Profiles'!$G$21=$B$17,14,0)+IF('Standard Profiles'!$G$21=$B$24,21,0),0)),0)</f>
        <v>0.66655273488329791</v>
      </c>
      <c r="H7061" cm="1">
        <f t="array" ref="H7061">IFERROR(INDEX(Jesper!AL$2:AL$366,ROUNDDOWN($C7061/24,0)+1,1)*INDEX($D$3:$AA$30,INDEX(Jesper!$R$2:$R$366,ROW(INDEX(Jesper!AL$2:AL$366,ROUNDDOWN($C7061/24,0)+1,1))-1)+IF('Standard Profiles'!$G$22=$B$10,7,0)+IF('Standard Profiles'!$G$22=$B$17,14,0)+IF('Standard Profiles'!$G$22=$B$24,21,0),MOD($C7061,24)+1)/SUM(INDEX($D$3:$AA$30,INDEX(Jesper!$R$2:$R$366,ROW(INDEX(Jesper!AL$2:AL$366,ROUNDDOWN($C7061/24,0)+1,1))-1)+IF('Standard Profiles'!$G$22=$B$10,7,0)+IF('Standard Profiles'!$G$22=$B$17,14,0)+IF('Standard Profiles'!$G$22=$B$24,21,0),0)),0)</f>
        <v>0</v>
      </c>
      <c r="I7061">
        <f t="shared" si="783"/>
        <v>0.31994531274398286</v>
      </c>
      <c r="J7061">
        <f t="shared" si="784"/>
        <v>7.0635185482328176</v>
      </c>
      <c r="K7061">
        <f t="shared" si="785"/>
        <v>0.54624448967176986</v>
      </c>
      <c r="L7061">
        <f t="shared" si="786"/>
        <v>0.27312224483588493</v>
      </c>
      <c r="M7061">
        <f t="shared" si="787"/>
        <v>0</v>
      </c>
      <c r="N7061" s="45">
        <f t="shared" si="788"/>
        <v>45219.791666649624</v>
      </c>
    </row>
    <row r="7062" spans="2:14" x14ac:dyDescent="0.25">
      <c r="B7062">
        <f t="shared" si="782"/>
        <v>5</v>
      </c>
      <c r="C7062" s="16">
        <v>7028</v>
      </c>
      <c r="D7062" cm="1">
        <f t="array" ref="D7062">IFERROR(INDEX(Jesper!AH$2:AH$366,ROUNDDOWN($C7062/24,0)+1,1)*INDEX($D$3:$AA$30,INDEX(Jesper!$R$2:$R$366,ROW(INDEX(Jesper!AH$2:AH$366,ROUNDDOWN($C7062/24,0)+1,1))-1)+IF('Standard Profiles'!$G$18=$B$10,7,0)+IF('Standard Profiles'!$G$18=$B$17,14,0)+IF('Standard Profiles'!$G$18=$B$24,21,0),MOD($C7062,24)+1)/SUM(INDEX($D$3:$AA$30,INDEX(Jesper!$R$2:$R$366,ROW(INDEX(Jesper!AH$2:AH$366,ROUNDDOWN($C7062/24,0)+1,1))-1)+IF('Standard Profiles'!$G$18=$B$10,7,0)+IF('Standard Profiles'!$G$18=$B$17,14,0)+IF('Standard Profiles'!$G$18=$B$24,21,0),0)),0)</f>
        <v>5.1210420906728418</v>
      </c>
      <c r="E7062" cm="1">
        <f t="array" ref="E7062">IFERROR(INDEX(Jesper!AI$2:AI$366,ROUNDDOWN($C7062/24,0)+1,1)*INDEX($D$3:$AA$30,INDEX(Jesper!$R$2:$R$366,ROW(INDEX(Jesper!AI$2:AI$366,ROUNDDOWN($C7062/24,0)+1,1))-1)+IF('Standard Profiles'!$G$19=$B$10,7,0)+IF('Standard Profiles'!$G$19=$B$17,14,0)+IF('Standard Profiles'!$G$19=$B$24,21,0),MOD($C7062,24)+1)/SUM(INDEX($D$3:$AA$30,INDEX(Jesper!$R$2:$R$366,ROW(INDEX(Jesper!AI$2:AI$366,ROUNDDOWN($C7062/24,0)+1,1))-1)+IF('Standard Profiles'!$G$19=$B$10,7,0)+IF('Standard Profiles'!$G$19=$B$17,14,0)+IF('Standard Profiles'!$G$19=$B$24,21,0),0)),0)</f>
        <v>2.4152357699283158</v>
      </c>
      <c r="F7062" cm="1">
        <f t="array" ref="F7062">IFERROR(INDEX(Jesper!AJ$2:AJ$366,ROUNDDOWN($C7062/24,0)+1,1)*INDEX($D$3:$AA$30,INDEX(Jesper!$R$2:$R$366,ROW(INDEX(Jesper!AJ$2:AJ$366,ROUNDDOWN($C7062/24,0)+1,1))-1)+IF('Standard Profiles'!$G$20=$B$10,7,0)+IF('Standard Profiles'!$G$20=$B$17,14,0)+IF('Standard Profiles'!$G$20=$B$24,21,0),MOD($C7062,24)+1)/SUM(INDEX($D$3:$AA$30,INDEX(Jesper!$R$2:$R$366,ROW(INDEX(Jesper!AJ$2:AJ$366,ROUNDDOWN($C7062/24,0)+1,1))-1)+IF('Standard Profiles'!$G$20=$B$10,7,0)+IF('Standard Profiles'!$G$20=$B$17,14,0)+IF('Standard Profiles'!$G$20=$B$24,21,0),0)),0)</f>
        <v>0</v>
      </c>
      <c r="G7062" cm="1">
        <f t="array" ref="G7062">IFERROR(INDEX(Jesper!AK$2:AK$366,ROUNDDOWN($C7062/24,0)+1,1)*INDEX($D$3:$AA$30,INDEX(Jesper!$R$2:$R$366,ROW(INDEX(Jesper!AK$2:AK$366,ROUNDDOWN($C7062/24,0)+1,1))-1)+IF('Standard Profiles'!$G$21=$B$10,7,0)+IF('Standard Profiles'!$G$21=$B$17,14,0)+IF('Standard Profiles'!$G$21=$B$24,21,0),MOD($C7062,24)+1)/SUM(INDEX($D$3:$AA$30,INDEX(Jesper!$R$2:$R$366,ROW(INDEX(Jesper!AK$2:AK$366,ROUNDDOWN($C7062/24,0)+1,1))-1)+IF('Standard Profiles'!$G$21=$B$10,7,0)+IF('Standard Profiles'!$G$21=$B$17,14,0)+IF('Standard Profiles'!$G$21=$B$24,21,0),0)),0)</f>
        <v>0.66655273488329791</v>
      </c>
      <c r="H7062" cm="1">
        <f t="array" ref="H7062">IFERROR(INDEX(Jesper!AL$2:AL$366,ROUNDDOWN($C7062/24,0)+1,1)*INDEX($D$3:$AA$30,INDEX(Jesper!$R$2:$R$366,ROW(INDEX(Jesper!AL$2:AL$366,ROUNDDOWN($C7062/24,0)+1,1))-1)+IF('Standard Profiles'!$G$22=$B$10,7,0)+IF('Standard Profiles'!$G$22=$B$17,14,0)+IF('Standard Profiles'!$G$22=$B$24,21,0),MOD($C7062,24)+1)/SUM(INDEX($D$3:$AA$30,INDEX(Jesper!$R$2:$R$366,ROW(INDEX(Jesper!AL$2:AL$366,ROUNDDOWN($C7062/24,0)+1,1))-1)+IF('Standard Profiles'!$G$22=$B$10,7,0)+IF('Standard Profiles'!$G$22=$B$17,14,0)+IF('Standard Profiles'!$G$22=$B$24,21,0),0)),0)</f>
        <v>0</v>
      </c>
      <c r="I7062">
        <f t="shared" si="783"/>
        <v>0.31994531274398286</v>
      </c>
      <c r="J7062">
        <f t="shared" si="784"/>
        <v>7.0635185482328176</v>
      </c>
      <c r="K7062">
        <f t="shared" si="785"/>
        <v>0.54624448967176986</v>
      </c>
      <c r="L7062">
        <f t="shared" si="786"/>
        <v>0.27312224483588493</v>
      </c>
      <c r="M7062">
        <f t="shared" si="787"/>
        <v>0</v>
      </c>
      <c r="N7062" s="45">
        <f t="shared" si="788"/>
        <v>45219.833333316288</v>
      </c>
    </row>
    <row r="7063" spans="2:14" x14ac:dyDescent="0.25">
      <c r="B7063">
        <f t="shared" si="782"/>
        <v>5</v>
      </c>
      <c r="C7063" s="16">
        <v>7029</v>
      </c>
      <c r="D7063" cm="1">
        <f t="array" ref="D7063">IFERROR(INDEX(Jesper!AH$2:AH$366,ROUNDDOWN($C7063/24,0)+1,1)*INDEX($D$3:$AA$30,INDEX(Jesper!$R$2:$R$366,ROW(INDEX(Jesper!AH$2:AH$366,ROUNDDOWN($C7063/24,0)+1,1))-1)+IF('Standard Profiles'!$G$18=$B$10,7,0)+IF('Standard Profiles'!$G$18=$B$17,14,0)+IF('Standard Profiles'!$G$18=$B$24,21,0),MOD($C7063,24)+1)/SUM(INDEX($D$3:$AA$30,INDEX(Jesper!$R$2:$R$366,ROW(INDEX(Jesper!AH$2:AH$366,ROUNDDOWN($C7063/24,0)+1,1))-1)+IF('Standard Profiles'!$G$18=$B$10,7,0)+IF('Standard Profiles'!$G$18=$B$17,14,0)+IF('Standard Profiles'!$G$18=$B$24,21,0),0)),0)</f>
        <v>5.1210420906728418</v>
      </c>
      <c r="E7063" cm="1">
        <f t="array" ref="E7063">IFERROR(INDEX(Jesper!AI$2:AI$366,ROUNDDOWN($C7063/24,0)+1,1)*INDEX($D$3:$AA$30,INDEX(Jesper!$R$2:$R$366,ROW(INDEX(Jesper!AI$2:AI$366,ROUNDDOWN($C7063/24,0)+1,1))-1)+IF('Standard Profiles'!$G$19=$B$10,7,0)+IF('Standard Profiles'!$G$19=$B$17,14,0)+IF('Standard Profiles'!$G$19=$B$24,21,0),MOD($C7063,24)+1)/SUM(INDEX($D$3:$AA$30,INDEX(Jesper!$R$2:$R$366,ROW(INDEX(Jesper!AI$2:AI$366,ROUNDDOWN($C7063/24,0)+1,1))-1)+IF('Standard Profiles'!$G$19=$B$10,7,0)+IF('Standard Profiles'!$G$19=$B$17,14,0)+IF('Standard Profiles'!$G$19=$B$24,21,0),0)),0)</f>
        <v>2.4152357699283158</v>
      </c>
      <c r="F7063" cm="1">
        <f t="array" ref="F7063">IFERROR(INDEX(Jesper!AJ$2:AJ$366,ROUNDDOWN($C7063/24,0)+1,1)*INDEX($D$3:$AA$30,INDEX(Jesper!$R$2:$R$366,ROW(INDEX(Jesper!AJ$2:AJ$366,ROUNDDOWN($C7063/24,0)+1,1))-1)+IF('Standard Profiles'!$G$20=$B$10,7,0)+IF('Standard Profiles'!$G$20=$B$17,14,0)+IF('Standard Profiles'!$G$20=$B$24,21,0),MOD($C7063,24)+1)/SUM(INDEX($D$3:$AA$30,INDEX(Jesper!$R$2:$R$366,ROW(INDEX(Jesper!AJ$2:AJ$366,ROUNDDOWN($C7063/24,0)+1,1))-1)+IF('Standard Profiles'!$G$20=$B$10,7,0)+IF('Standard Profiles'!$G$20=$B$17,14,0)+IF('Standard Profiles'!$G$20=$B$24,21,0),0)),0)</f>
        <v>0</v>
      </c>
      <c r="G7063" cm="1">
        <f t="array" ref="G7063">IFERROR(INDEX(Jesper!AK$2:AK$366,ROUNDDOWN($C7063/24,0)+1,1)*INDEX($D$3:$AA$30,INDEX(Jesper!$R$2:$R$366,ROW(INDEX(Jesper!AK$2:AK$366,ROUNDDOWN($C7063/24,0)+1,1))-1)+IF('Standard Profiles'!$G$21=$B$10,7,0)+IF('Standard Profiles'!$G$21=$B$17,14,0)+IF('Standard Profiles'!$G$21=$B$24,21,0),MOD($C7063,24)+1)/SUM(INDEX($D$3:$AA$30,INDEX(Jesper!$R$2:$R$366,ROW(INDEX(Jesper!AK$2:AK$366,ROUNDDOWN($C7063/24,0)+1,1))-1)+IF('Standard Profiles'!$G$21=$B$10,7,0)+IF('Standard Profiles'!$G$21=$B$17,14,0)+IF('Standard Profiles'!$G$21=$B$24,21,0),0)),0)</f>
        <v>0.66655273488329791</v>
      </c>
      <c r="H7063" cm="1">
        <f t="array" ref="H7063">IFERROR(INDEX(Jesper!AL$2:AL$366,ROUNDDOWN($C7063/24,0)+1,1)*INDEX($D$3:$AA$30,INDEX(Jesper!$R$2:$R$366,ROW(INDEX(Jesper!AL$2:AL$366,ROUNDDOWN($C7063/24,0)+1,1))-1)+IF('Standard Profiles'!$G$22=$B$10,7,0)+IF('Standard Profiles'!$G$22=$B$17,14,0)+IF('Standard Profiles'!$G$22=$B$24,21,0),MOD($C7063,24)+1)/SUM(INDEX($D$3:$AA$30,INDEX(Jesper!$R$2:$R$366,ROW(INDEX(Jesper!AL$2:AL$366,ROUNDDOWN($C7063/24,0)+1,1))-1)+IF('Standard Profiles'!$G$22=$B$10,7,0)+IF('Standard Profiles'!$G$22=$B$17,14,0)+IF('Standard Profiles'!$G$22=$B$24,21,0),0)),0)</f>
        <v>0</v>
      </c>
      <c r="I7063">
        <f t="shared" si="783"/>
        <v>0.31994531274398286</v>
      </c>
      <c r="J7063">
        <f t="shared" si="784"/>
        <v>7.0635185482328176</v>
      </c>
      <c r="K7063">
        <f t="shared" si="785"/>
        <v>0.54624448967176986</v>
      </c>
      <c r="L7063">
        <f t="shared" si="786"/>
        <v>0.27312224483588493</v>
      </c>
      <c r="M7063">
        <f t="shared" si="787"/>
        <v>0</v>
      </c>
      <c r="N7063" s="45">
        <f t="shared" si="788"/>
        <v>45219.874999982952</v>
      </c>
    </row>
    <row r="7064" spans="2:14" x14ac:dyDescent="0.25">
      <c r="B7064">
        <f t="shared" si="782"/>
        <v>5</v>
      </c>
      <c r="C7064" s="16">
        <v>7030</v>
      </c>
      <c r="D7064" cm="1">
        <f t="array" ref="D7064">IFERROR(INDEX(Jesper!AH$2:AH$366,ROUNDDOWN($C7064/24,0)+1,1)*INDEX($D$3:$AA$30,INDEX(Jesper!$R$2:$R$366,ROW(INDEX(Jesper!AH$2:AH$366,ROUNDDOWN($C7064/24,0)+1,1))-1)+IF('Standard Profiles'!$G$18=$B$10,7,0)+IF('Standard Profiles'!$G$18=$B$17,14,0)+IF('Standard Profiles'!$G$18=$B$24,21,0),MOD($C7064,24)+1)/SUM(INDEX($D$3:$AA$30,INDEX(Jesper!$R$2:$R$366,ROW(INDEX(Jesper!AH$2:AH$366,ROUNDDOWN($C7064/24,0)+1,1))-1)+IF('Standard Profiles'!$G$18=$B$10,7,0)+IF('Standard Profiles'!$G$18=$B$17,14,0)+IF('Standard Profiles'!$G$18=$B$24,21,0),0)),0)</f>
        <v>5.1210420906728418</v>
      </c>
      <c r="E7064" cm="1">
        <f t="array" ref="E7064">IFERROR(INDEX(Jesper!AI$2:AI$366,ROUNDDOWN($C7064/24,0)+1,1)*INDEX($D$3:$AA$30,INDEX(Jesper!$R$2:$R$366,ROW(INDEX(Jesper!AI$2:AI$366,ROUNDDOWN($C7064/24,0)+1,1))-1)+IF('Standard Profiles'!$G$19=$B$10,7,0)+IF('Standard Profiles'!$G$19=$B$17,14,0)+IF('Standard Profiles'!$G$19=$B$24,21,0),MOD($C7064,24)+1)/SUM(INDEX($D$3:$AA$30,INDEX(Jesper!$R$2:$R$366,ROW(INDEX(Jesper!AI$2:AI$366,ROUNDDOWN($C7064/24,0)+1,1))-1)+IF('Standard Profiles'!$G$19=$B$10,7,0)+IF('Standard Profiles'!$G$19=$B$17,14,0)+IF('Standard Profiles'!$G$19=$B$24,21,0),0)),0)</f>
        <v>2.4152357699283158</v>
      </c>
      <c r="F7064" cm="1">
        <f t="array" ref="F7064">IFERROR(INDEX(Jesper!AJ$2:AJ$366,ROUNDDOWN($C7064/24,0)+1,1)*INDEX($D$3:$AA$30,INDEX(Jesper!$R$2:$R$366,ROW(INDEX(Jesper!AJ$2:AJ$366,ROUNDDOWN($C7064/24,0)+1,1))-1)+IF('Standard Profiles'!$G$20=$B$10,7,0)+IF('Standard Profiles'!$G$20=$B$17,14,0)+IF('Standard Profiles'!$G$20=$B$24,21,0),MOD($C7064,24)+1)/SUM(INDEX($D$3:$AA$30,INDEX(Jesper!$R$2:$R$366,ROW(INDEX(Jesper!AJ$2:AJ$366,ROUNDDOWN($C7064/24,0)+1,1))-1)+IF('Standard Profiles'!$G$20=$B$10,7,0)+IF('Standard Profiles'!$G$20=$B$17,14,0)+IF('Standard Profiles'!$G$20=$B$24,21,0),0)),0)</f>
        <v>0</v>
      </c>
      <c r="G7064" cm="1">
        <f t="array" ref="G7064">IFERROR(INDEX(Jesper!AK$2:AK$366,ROUNDDOWN($C7064/24,0)+1,1)*INDEX($D$3:$AA$30,INDEX(Jesper!$R$2:$R$366,ROW(INDEX(Jesper!AK$2:AK$366,ROUNDDOWN($C7064/24,0)+1,1))-1)+IF('Standard Profiles'!$G$21=$B$10,7,0)+IF('Standard Profiles'!$G$21=$B$17,14,0)+IF('Standard Profiles'!$G$21=$B$24,21,0),MOD($C7064,24)+1)/SUM(INDEX($D$3:$AA$30,INDEX(Jesper!$R$2:$R$366,ROW(INDEX(Jesper!AK$2:AK$366,ROUNDDOWN($C7064/24,0)+1,1))-1)+IF('Standard Profiles'!$G$21=$B$10,7,0)+IF('Standard Profiles'!$G$21=$B$17,14,0)+IF('Standard Profiles'!$G$21=$B$24,21,0),0)),0)</f>
        <v>0.66655273488329791</v>
      </c>
      <c r="H7064" cm="1">
        <f t="array" ref="H7064">IFERROR(INDEX(Jesper!AL$2:AL$366,ROUNDDOWN($C7064/24,0)+1,1)*INDEX($D$3:$AA$30,INDEX(Jesper!$R$2:$R$366,ROW(INDEX(Jesper!AL$2:AL$366,ROUNDDOWN($C7064/24,0)+1,1))-1)+IF('Standard Profiles'!$G$22=$B$10,7,0)+IF('Standard Profiles'!$G$22=$B$17,14,0)+IF('Standard Profiles'!$G$22=$B$24,21,0),MOD($C7064,24)+1)/SUM(INDEX($D$3:$AA$30,INDEX(Jesper!$R$2:$R$366,ROW(INDEX(Jesper!AL$2:AL$366,ROUNDDOWN($C7064/24,0)+1,1))-1)+IF('Standard Profiles'!$G$22=$B$10,7,0)+IF('Standard Profiles'!$G$22=$B$17,14,0)+IF('Standard Profiles'!$G$22=$B$24,21,0),0)),0)</f>
        <v>0</v>
      </c>
      <c r="I7064">
        <f t="shared" si="783"/>
        <v>0.31994531274398286</v>
      </c>
      <c r="J7064">
        <f t="shared" si="784"/>
        <v>7.0635185482328176</v>
      </c>
      <c r="K7064">
        <f t="shared" si="785"/>
        <v>0.54624448967176986</v>
      </c>
      <c r="L7064">
        <f t="shared" si="786"/>
        <v>0.27312224483588493</v>
      </c>
      <c r="M7064">
        <f t="shared" si="787"/>
        <v>0</v>
      </c>
      <c r="N7064" s="45">
        <f t="shared" si="788"/>
        <v>45219.916666649617</v>
      </c>
    </row>
    <row r="7065" spans="2:14" x14ac:dyDescent="0.25">
      <c r="B7065">
        <f t="shared" si="782"/>
        <v>5</v>
      </c>
      <c r="C7065" s="16">
        <v>7031</v>
      </c>
      <c r="D7065" cm="1">
        <f t="array" ref="D7065">IFERROR(INDEX(Jesper!AH$2:AH$366,ROUNDDOWN($C7065/24,0)+1,1)*INDEX($D$3:$AA$30,INDEX(Jesper!$R$2:$R$366,ROW(INDEX(Jesper!AH$2:AH$366,ROUNDDOWN($C7065/24,0)+1,1))-1)+IF('Standard Profiles'!$G$18=$B$10,7,0)+IF('Standard Profiles'!$G$18=$B$17,14,0)+IF('Standard Profiles'!$G$18=$B$24,21,0),MOD($C7065,24)+1)/SUM(INDEX($D$3:$AA$30,INDEX(Jesper!$R$2:$R$366,ROW(INDEX(Jesper!AH$2:AH$366,ROUNDDOWN($C7065/24,0)+1,1))-1)+IF('Standard Profiles'!$G$18=$B$10,7,0)+IF('Standard Profiles'!$G$18=$B$17,14,0)+IF('Standard Profiles'!$G$18=$B$24,21,0),0)),0)</f>
        <v>5.1210420906728418</v>
      </c>
      <c r="E7065" cm="1">
        <f t="array" ref="E7065">IFERROR(INDEX(Jesper!AI$2:AI$366,ROUNDDOWN($C7065/24,0)+1,1)*INDEX($D$3:$AA$30,INDEX(Jesper!$R$2:$R$366,ROW(INDEX(Jesper!AI$2:AI$366,ROUNDDOWN($C7065/24,0)+1,1))-1)+IF('Standard Profiles'!$G$19=$B$10,7,0)+IF('Standard Profiles'!$G$19=$B$17,14,0)+IF('Standard Profiles'!$G$19=$B$24,21,0),MOD($C7065,24)+1)/SUM(INDEX($D$3:$AA$30,INDEX(Jesper!$R$2:$R$366,ROW(INDEX(Jesper!AI$2:AI$366,ROUNDDOWN($C7065/24,0)+1,1))-1)+IF('Standard Profiles'!$G$19=$B$10,7,0)+IF('Standard Profiles'!$G$19=$B$17,14,0)+IF('Standard Profiles'!$G$19=$B$24,21,0),0)),0)</f>
        <v>2.4152357699283158</v>
      </c>
      <c r="F7065" cm="1">
        <f t="array" ref="F7065">IFERROR(INDEX(Jesper!AJ$2:AJ$366,ROUNDDOWN($C7065/24,0)+1,1)*INDEX($D$3:$AA$30,INDEX(Jesper!$R$2:$R$366,ROW(INDEX(Jesper!AJ$2:AJ$366,ROUNDDOWN($C7065/24,0)+1,1))-1)+IF('Standard Profiles'!$G$20=$B$10,7,0)+IF('Standard Profiles'!$G$20=$B$17,14,0)+IF('Standard Profiles'!$G$20=$B$24,21,0),MOD($C7065,24)+1)/SUM(INDEX($D$3:$AA$30,INDEX(Jesper!$R$2:$R$366,ROW(INDEX(Jesper!AJ$2:AJ$366,ROUNDDOWN($C7065/24,0)+1,1))-1)+IF('Standard Profiles'!$G$20=$B$10,7,0)+IF('Standard Profiles'!$G$20=$B$17,14,0)+IF('Standard Profiles'!$G$20=$B$24,21,0),0)),0)</f>
        <v>0</v>
      </c>
      <c r="G7065" cm="1">
        <f t="array" ref="G7065">IFERROR(INDEX(Jesper!AK$2:AK$366,ROUNDDOWN($C7065/24,0)+1,1)*INDEX($D$3:$AA$30,INDEX(Jesper!$R$2:$R$366,ROW(INDEX(Jesper!AK$2:AK$366,ROUNDDOWN($C7065/24,0)+1,1))-1)+IF('Standard Profiles'!$G$21=$B$10,7,0)+IF('Standard Profiles'!$G$21=$B$17,14,0)+IF('Standard Profiles'!$G$21=$B$24,21,0),MOD($C7065,24)+1)/SUM(INDEX($D$3:$AA$30,INDEX(Jesper!$R$2:$R$366,ROW(INDEX(Jesper!AK$2:AK$366,ROUNDDOWN($C7065/24,0)+1,1))-1)+IF('Standard Profiles'!$G$21=$B$10,7,0)+IF('Standard Profiles'!$G$21=$B$17,14,0)+IF('Standard Profiles'!$G$21=$B$24,21,0),0)),0)</f>
        <v>0.66655273488329791</v>
      </c>
      <c r="H7065" cm="1">
        <f t="array" ref="H7065">IFERROR(INDEX(Jesper!AL$2:AL$366,ROUNDDOWN($C7065/24,0)+1,1)*INDEX($D$3:$AA$30,INDEX(Jesper!$R$2:$R$366,ROW(INDEX(Jesper!AL$2:AL$366,ROUNDDOWN($C7065/24,0)+1,1))-1)+IF('Standard Profiles'!$G$22=$B$10,7,0)+IF('Standard Profiles'!$G$22=$B$17,14,0)+IF('Standard Profiles'!$G$22=$B$24,21,0),MOD($C7065,24)+1)/SUM(INDEX($D$3:$AA$30,INDEX(Jesper!$R$2:$R$366,ROW(INDEX(Jesper!AL$2:AL$366,ROUNDDOWN($C7065/24,0)+1,1))-1)+IF('Standard Profiles'!$G$22=$B$10,7,0)+IF('Standard Profiles'!$G$22=$B$17,14,0)+IF('Standard Profiles'!$G$22=$B$24,21,0),0)),0)</f>
        <v>0</v>
      </c>
      <c r="I7065">
        <f t="shared" si="783"/>
        <v>0.31994531274398286</v>
      </c>
      <c r="J7065">
        <f t="shared" si="784"/>
        <v>7.0635185482328176</v>
      </c>
      <c r="K7065">
        <f t="shared" si="785"/>
        <v>0.54624448967176986</v>
      </c>
      <c r="L7065">
        <f t="shared" si="786"/>
        <v>0.27312224483588493</v>
      </c>
      <c r="M7065">
        <f t="shared" si="787"/>
        <v>0</v>
      </c>
      <c r="N7065" s="45">
        <f t="shared" si="788"/>
        <v>45219.958333316281</v>
      </c>
    </row>
    <row r="7066" spans="2:14" x14ac:dyDescent="0.25">
      <c r="B7066">
        <f t="shared" si="782"/>
        <v>6</v>
      </c>
      <c r="C7066" s="16">
        <v>7032</v>
      </c>
      <c r="D7066" cm="1">
        <f t="array" ref="D7066">IFERROR(INDEX(Jesper!AH$2:AH$366,ROUNDDOWN($C7066/24,0)+1,1)*INDEX($D$3:$AA$30,INDEX(Jesper!$R$2:$R$366,ROW(INDEX(Jesper!AH$2:AH$366,ROUNDDOWN($C7066/24,0)+1,1))-1)+IF('Standard Profiles'!$G$18=$B$10,7,0)+IF('Standard Profiles'!$G$18=$B$17,14,0)+IF('Standard Profiles'!$G$18=$B$24,21,0),MOD($C7066,24)+1)/SUM(INDEX($D$3:$AA$30,INDEX(Jesper!$R$2:$R$366,ROW(INDEX(Jesper!AH$2:AH$366,ROUNDDOWN($C7066/24,0)+1,1))-1)+IF('Standard Profiles'!$G$18=$B$10,7,0)+IF('Standard Profiles'!$G$18=$B$17,14,0)+IF('Standard Profiles'!$G$18=$B$24,21,0),0)),0)</f>
        <v>0</v>
      </c>
      <c r="E7066" cm="1">
        <f t="array" ref="E7066">IFERROR(INDEX(Jesper!AI$2:AI$366,ROUNDDOWN($C7066/24,0)+1,1)*INDEX($D$3:$AA$30,INDEX(Jesper!$R$2:$R$366,ROW(INDEX(Jesper!AI$2:AI$366,ROUNDDOWN($C7066/24,0)+1,1))-1)+IF('Standard Profiles'!$G$19=$B$10,7,0)+IF('Standard Profiles'!$G$19=$B$17,14,0)+IF('Standard Profiles'!$G$19=$B$24,21,0),MOD($C7066,24)+1)/SUM(INDEX($D$3:$AA$30,INDEX(Jesper!$R$2:$R$366,ROW(INDEX(Jesper!AI$2:AI$366,ROUNDDOWN($C7066/24,0)+1,1))-1)+IF('Standard Profiles'!$G$19=$B$10,7,0)+IF('Standard Profiles'!$G$19=$B$17,14,0)+IF('Standard Profiles'!$G$19=$B$24,21,0),0)),0)</f>
        <v>3.0367843243249322</v>
      </c>
      <c r="F7066" cm="1">
        <f t="array" ref="F7066">IFERROR(INDEX(Jesper!AJ$2:AJ$366,ROUNDDOWN($C7066/24,0)+1,1)*INDEX($D$3:$AA$30,INDEX(Jesper!$R$2:$R$366,ROW(INDEX(Jesper!AJ$2:AJ$366,ROUNDDOWN($C7066/24,0)+1,1))-1)+IF('Standard Profiles'!$G$20=$B$10,7,0)+IF('Standard Profiles'!$G$20=$B$17,14,0)+IF('Standard Profiles'!$G$20=$B$24,21,0),MOD($C7066,24)+1)/SUM(INDEX($D$3:$AA$30,INDEX(Jesper!$R$2:$R$366,ROW(INDEX(Jesper!AJ$2:AJ$366,ROUNDDOWN($C7066/24,0)+1,1))-1)+IF('Standard Profiles'!$G$20=$B$10,7,0)+IF('Standard Profiles'!$G$20=$B$17,14,0)+IF('Standard Profiles'!$G$20=$B$24,21,0),0)),0)</f>
        <v>1.3975769686421162</v>
      </c>
      <c r="G7066" cm="1">
        <f t="array" ref="G7066">IFERROR(INDEX(Jesper!AK$2:AK$366,ROUNDDOWN($C7066/24,0)+1,1)*INDEX($D$3:$AA$30,INDEX(Jesper!$R$2:$R$366,ROW(INDEX(Jesper!AK$2:AK$366,ROUNDDOWN($C7066/24,0)+1,1))-1)+IF('Standard Profiles'!$G$21=$B$10,7,0)+IF('Standard Profiles'!$G$21=$B$17,14,0)+IF('Standard Profiles'!$G$21=$B$24,21,0),MOD($C7066,24)+1)/SUM(INDEX($D$3:$AA$30,INDEX(Jesper!$R$2:$R$366,ROW(INDEX(Jesper!AK$2:AK$366,ROUNDDOWN($C7066/24,0)+1,1))-1)+IF('Standard Profiles'!$G$21=$B$10,7,0)+IF('Standard Profiles'!$G$21=$B$17,14,0)+IF('Standard Profiles'!$G$21=$B$24,21,0),0)),0)</f>
        <v>0.77583728146405395</v>
      </c>
      <c r="H7066" cm="1">
        <f t="array" ref="H7066">IFERROR(INDEX(Jesper!AL$2:AL$366,ROUNDDOWN($C7066/24,0)+1,1)*INDEX($D$3:$AA$30,INDEX(Jesper!$R$2:$R$366,ROW(INDEX(Jesper!AL$2:AL$366,ROUNDDOWN($C7066/24,0)+1,1))-1)+IF('Standard Profiles'!$G$22=$B$10,7,0)+IF('Standard Profiles'!$G$22=$B$17,14,0)+IF('Standard Profiles'!$G$22=$B$24,21,0),MOD($C7066,24)+1)/SUM(INDEX($D$3:$AA$30,INDEX(Jesper!$R$2:$R$366,ROW(INDEX(Jesper!AL$2:AL$366,ROUNDDOWN($C7066/24,0)+1,1))-1)+IF('Standard Profiles'!$G$22=$B$10,7,0)+IF('Standard Profiles'!$G$22=$B$17,14,0)+IF('Standard Profiles'!$G$22=$B$24,21,0),0)),0)</f>
        <v>0.15001686107711809</v>
      </c>
      <c r="I7066">
        <f t="shared" si="783"/>
        <v>0.14401618663403346</v>
      </c>
      <c r="J7066">
        <f t="shared" si="784"/>
        <v>4.8517851299551955</v>
      </c>
      <c r="K7066">
        <f t="shared" si="785"/>
        <v>0.24294274594599458</v>
      </c>
      <c r="L7066">
        <f t="shared" si="786"/>
        <v>0.12147137297299729</v>
      </c>
      <c r="M7066">
        <f t="shared" si="787"/>
        <v>0</v>
      </c>
      <c r="N7066" s="45">
        <f t="shared" si="788"/>
        <v>45219.999999982945</v>
      </c>
    </row>
    <row r="7067" spans="2:14" x14ac:dyDescent="0.25">
      <c r="B7067">
        <f t="shared" si="782"/>
        <v>6</v>
      </c>
      <c r="C7067" s="16">
        <v>7033</v>
      </c>
      <c r="D7067" cm="1">
        <f t="array" ref="D7067">IFERROR(INDEX(Jesper!AH$2:AH$366,ROUNDDOWN($C7067/24,0)+1,1)*INDEX($D$3:$AA$30,INDEX(Jesper!$R$2:$R$366,ROW(INDEX(Jesper!AH$2:AH$366,ROUNDDOWN($C7067/24,0)+1,1))-1)+IF('Standard Profiles'!$G$18=$B$10,7,0)+IF('Standard Profiles'!$G$18=$B$17,14,0)+IF('Standard Profiles'!$G$18=$B$24,21,0),MOD($C7067,24)+1)/SUM(INDEX($D$3:$AA$30,INDEX(Jesper!$R$2:$R$366,ROW(INDEX(Jesper!AH$2:AH$366,ROUNDDOWN($C7067/24,0)+1,1))-1)+IF('Standard Profiles'!$G$18=$B$10,7,0)+IF('Standard Profiles'!$G$18=$B$17,14,0)+IF('Standard Profiles'!$G$18=$B$24,21,0),0)),0)</f>
        <v>0</v>
      </c>
      <c r="E7067" cm="1">
        <f t="array" ref="E7067">IFERROR(INDEX(Jesper!AI$2:AI$366,ROUNDDOWN($C7067/24,0)+1,1)*INDEX($D$3:$AA$30,INDEX(Jesper!$R$2:$R$366,ROW(INDEX(Jesper!AI$2:AI$366,ROUNDDOWN($C7067/24,0)+1,1))-1)+IF('Standard Profiles'!$G$19=$B$10,7,0)+IF('Standard Profiles'!$G$19=$B$17,14,0)+IF('Standard Profiles'!$G$19=$B$24,21,0),MOD($C7067,24)+1)/SUM(INDEX($D$3:$AA$30,INDEX(Jesper!$R$2:$R$366,ROW(INDEX(Jesper!AI$2:AI$366,ROUNDDOWN($C7067/24,0)+1,1))-1)+IF('Standard Profiles'!$G$19=$B$10,7,0)+IF('Standard Profiles'!$G$19=$B$17,14,0)+IF('Standard Profiles'!$G$19=$B$24,21,0),0)),0)</f>
        <v>2.7331058918924387</v>
      </c>
      <c r="F7067" cm="1">
        <f t="array" ref="F7067">IFERROR(INDEX(Jesper!AJ$2:AJ$366,ROUNDDOWN($C7067/24,0)+1,1)*INDEX($D$3:$AA$30,INDEX(Jesper!$R$2:$R$366,ROW(INDEX(Jesper!AJ$2:AJ$366,ROUNDDOWN($C7067/24,0)+1,1))-1)+IF('Standard Profiles'!$G$20=$B$10,7,0)+IF('Standard Profiles'!$G$20=$B$17,14,0)+IF('Standard Profiles'!$G$20=$B$24,21,0),MOD($C7067,24)+1)/SUM(INDEX($D$3:$AA$30,INDEX(Jesper!$R$2:$R$366,ROW(INDEX(Jesper!AJ$2:AJ$366,ROUNDDOWN($C7067/24,0)+1,1))-1)+IF('Standard Profiles'!$G$20=$B$10,7,0)+IF('Standard Profiles'!$G$20=$B$17,14,0)+IF('Standard Profiles'!$G$20=$B$24,21,0),0)),0)</f>
        <v>1.2578192717779046</v>
      </c>
      <c r="G7067" cm="1">
        <f t="array" ref="G7067">IFERROR(INDEX(Jesper!AK$2:AK$366,ROUNDDOWN($C7067/24,0)+1,1)*INDEX($D$3:$AA$30,INDEX(Jesper!$R$2:$R$366,ROW(INDEX(Jesper!AK$2:AK$366,ROUNDDOWN($C7067/24,0)+1,1))-1)+IF('Standard Profiles'!$G$21=$B$10,7,0)+IF('Standard Profiles'!$G$21=$B$17,14,0)+IF('Standard Profiles'!$G$21=$B$24,21,0),MOD($C7067,24)+1)/SUM(INDEX($D$3:$AA$30,INDEX(Jesper!$R$2:$R$366,ROW(INDEX(Jesper!AK$2:AK$366,ROUNDDOWN($C7067/24,0)+1,1))-1)+IF('Standard Profiles'!$G$21=$B$10,7,0)+IF('Standard Profiles'!$G$21=$B$17,14,0)+IF('Standard Profiles'!$G$21=$B$24,21,0),0)),0)</f>
        <v>0.77583728146405395</v>
      </c>
      <c r="H7067" cm="1">
        <f t="array" ref="H7067">IFERROR(INDEX(Jesper!AL$2:AL$366,ROUNDDOWN($C7067/24,0)+1,1)*INDEX($D$3:$AA$30,INDEX(Jesper!$R$2:$R$366,ROW(INDEX(Jesper!AL$2:AL$366,ROUNDDOWN($C7067/24,0)+1,1))-1)+IF('Standard Profiles'!$G$22=$B$10,7,0)+IF('Standard Profiles'!$G$22=$B$17,14,0)+IF('Standard Profiles'!$G$22=$B$24,21,0),MOD($C7067,24)+1)/SUM(INDEX($D$3:$AA$30,INDEX(Jesper!$R$2:$R$366,ROW(INDEX(Jesper!AL$2:AL$366,ROUNDDOWN($C7067/24,0)+1,1))-1)+IF('Standard Profiles'!$G$22=$B$10,7,0)+IF('Standard Profiles'!$G$22=$B$17,14,0)+IF('Standard Profiles'!$G$22=$B$24,21,0),0)),0)</f>
        <v>0.29289006210294488</v>
      </c>
      <c r="I7067">
        <f t="shared" si="783"/>
        <v>0.28117445961882725</v>
      </c>
      <c r="J7067">
        <f t="shared" si="784"/>
        <v>4.4505053405914223</v>
      </c>
      <c r="K7067">
        <f t="shared" si="785"/>
        <v>0.21864847135139509</v>
      </c>
      <c r="L7067">
        <f t="shared" si="786"/>
        <v>0.10932423567569755</v>
      </c>
      <c r="M7067">
        <f t="shared" si="787"/>
        <v>0</v>
      </c>
      <c r="N7067" s="45">
        <f t="shared" si="788"/>
        <v>45220.041666649609</v>
      </c>
    </row>
    <row r="7068" spans="2:14" x14ac:dyDescent="0.25">
      <c r="B7068">
        <f t="shared" si="782"/>
        <v>6</v>
      </c>
      <c r="C7068" s="16">
        <v>7034</v>
      </c>
      <c r="D7068" cm="1">
        <f t="array" ref="D7068">IFERROR(INDEX(Jesper!AH$2:AH$366,ROUNDDOWN($C7068/24,0)+1,1)*INDEX($D$3:$AA$30,INDEX(Jesper!$R$2:$R$366,ROW(INDEX(Jesper!AH$2:AH$366,ROUNDDOWN($C7068/24,0)+1,1))-1)+IF('Standard Profiles'!$G$18=$B$10,7,0)+IF('Standard Profiles'!$G$18=$B$17,14,0)+IF('Standard Profiles'!$G$18=$B$24,21,0),MOD($C7068,24)+1)/SUM(INDEX($D$3:$AA$30,INDEX(Jesper!$R$2:$R$366,ROW(INDEX(Jesper!AH$2:AH$366,ROUNDDOWN($C7068/24,0)+1,1))-1)+IF('Standard Profiles'!$G$18=$B$10,7,0)+IF('Standard Profiles'!$G$18=$B$17,14,0)+IF('Standard Profiles'!$G$18=$B$24,21,0),0)),0)</f>
        <v>0</v>
      </c>
      <c r="E7068" cm="1">
        <f t="array" ref="E7068">IFERROR(INDEX(Jesper!AI$2:AI$366,ROUNDDOWN($C7068/24,0)+1,1)*INDEX($D$3:$AA$30,INDEX(Jesper!$R$2:$R$366,ROW(INDEX(Jesper!AI$2:AI$366,ROUNDDOWN($C7068/24,0)+1,1))-1)+IF('Standard Profiles'!$G$19=$B$10,7,0)+IF('Standard Profiles'!$G$19=$B$17,14,0)+IF('Standard Profiles'!$G$19=$B$24,21,0),MOD($C7068,24)+1)/SUM(INDEX($D$3:$AA$30,INDEX(Jesper!$R$2:$R$366,ROW(INDEX(Jesper!AI$2:AI$366,ROUNDDOWN($C7068/24,0)+1,1))-1)+IF('Standard Profiles'!$G$19=$B$10,7,0)+IF('Standard Profiles'!$G$19=$B$17,14,0)+IF('Standard Profiles'!$G$19=$B$24,21,0),0)),0)</f>
        <v>2.7331058918924387</v>
      </c>
      <c r="F7068" cm="1">
        <f t="array" ref="F7068">IFERROR(INDEX(Jesper!AJ$2:AJ$366,ROUNDDOWN($C7068/24,0)+1,1)*INDEX($D$3:$AA$30,INDEX(Jesper!$R$2:$R$366,ROW(INDEX(Jesper!AJ$2:AJ$366,ROUNDDOWN($C7068/24,0)+1,1))-1)+IF('Standard Profiles'!$G$20=$B$10,7,0)+IF('Standard Profiles'!$G$20=$B$17,14,0)+IF('Standard Profiles'!$G$20=$B$24,21,0),MOD($C7068,24)+1)/SUM(INDEX($D$3:$AA$30,INDEX(Jesper!$R$2:$R$366,ROW(INDEX(Jesper!AJ$2:AJ$366,ROUNDDOWN($C7068/24,0)+1,1))-1)+IF('Standard Profiles'!$G$20=$B$10,7,0)+IF('Standard Profiles'!$G$20=$B$17,14,0)+IF('Standard Profiles'!$G$20=$B$24,21,0),0)),0)</f>
        <v>1.2578192717779046</v>
      </c>
      <c r="G7068" cm="1">
        <f t="array" ref="G7068">IFERROR(INDEX(Jesper!AK$2:AK$366,ROUNDDOWN($C7068/24,0)+1,1)*INDEX($D$3:$AA$30,INDEX(Jesper!$R$2:$R$366,ROW(INDEX(Jesper!AK$2:AK$366,ROUNDDOWN($C7068/24,0)+1,1))-1)+IF('Standard Profiles'!$G$21=$B$10,7,0)+IF('Standard Profiles'!$G$21=$B$17,14,0)+IF('Standard Profiles'!$G$21=$B$24,21,0),MOD($C7068,24)+1)/SUM(INDEX($D$3:$AA$30,INDEX(Jesper!$R$2:$R$366,ROW(INDEX(Jesper!AK$2:AK$366,ROUNDDOWN($C7068/24,0)+1,1))-1)+IF('Standard Profiles'!$G$21=$B$10,7,0)+IF('Standard Profiles'!$G$21=$B$17,14,0)+IF('Standard Profiles'!$G$21=$B$24,21,0),0)),0)</f>
        <v>0.77583728146405395</v>
      </c>
      <c r="H7068" cm="1">
        <f t="array" ref="H7068">IFERROR(INDEX(Jesper!AL$2:AL$366,ROUNDDOWN($C7068/24,0)+1,1)*INDEX($D$3:$AA$30,INDEX(Jesper!$R$2:$R$366,ROW(INDEX(Jesper!AL$2:AL$366,ROUNDDOWN($C7068/24,0)+1,1))-1)+IF('Standard Profiles'!$G$22=$B$10,7,0)+IF('Standard Profiles'!$G$22=$B$17,14,0)+IF('Standard Profiles'!$G$22=$B$24,21,0),MOD($C7068,24)+1)/SUM(INDEX($D$3:$AA$30,INDEX(Jesper!$R$2:$R$366,ROW(INDEX(Jesper!AL$2:AL$366,ROUNDDOWN($C7068/24,0)+1,1))-1)+IF('Standard Profiles'!$G$22=$B$10,7,0)+IF('Standard Profiles'!$G$22=$B$17,14,0)+IF('Standard Profiles'!$G$22=$B$24,21,0),0)),0)</f>
        <v>0.29289006210294488</v>
      </c>
      <c r="I7068">
        <f t="shared" si="783"/>
        <v>0.28117445961882725</v>
      </c>
      <c r="J7068">
        <f t="shared" si="784"/>
        <v>4.4505053405914223</v>
      </c>
      <c r="K7068">
        <f t="shared" si="785"/>
        <v>0.21864847135139509</v>
      </c>
      <c r="L7068">
        <f t="shared" si="786"/>
        <v>0.10932423567569755</v>
      </c>
      <c r="M7068">
        <f t="shared" si="787"/>
        <v>0</v>
      </c>
      <c r="N7068" s="45">
        <f t="shared" si="788"/>
        <v>45220.083333316274</v>
      </c>
    </row>
    <row r="7069" spans="2:14" x14ac:dyDescent="0.25">
      <c r="B7069">
        <f t="shared" si="782"/>
        <v>6</v>
      </c>
      <c r="C7069" s="16">
        <v>7035</v>
      </c>
      <c r="D7069" cm="1">
        <f t="array" ref="D7069">IFERROR(INDEX(Jesper!AH$2:AH$366,ROUNDDOWN($C7069/24,0)+1,1)*INDEX($D$3:$AA$30,INDEX(Jesper!$R$2:$R$366,ROW(INDEX(Jesper!AH$2:AH$366,ROUNDDOWN($C7069/24,0)+1,1))-1)+IF('Standard Profiles'!$G$18=$B$10,7,0)+IF('Standard Profiles'!$G$18=$B$17,14,0)+IF('Standard Profiles'!$G$18=$B$24,21,0),MOD($C7069,24)+1)/SUM(INDEX($D$3:$AA$30,INDEX(Jesper!$R$2:$R$366,ROW(INDEX(Jesper!AH$2:AH$366,ROUNDDOWN($C7069/24,0)+1,1))-1)+IF('Standard Profiles'!$G$18=$B$10,7,0)+IF('Standard Profiles'!$G$18=$B$17,14,0)+IF('Standard Profiles'!$G$18=$B$24,21,0),0)),0)</f>
        <v>0</v>
      </c>
      <c r="E7069" cm="1">
        <f t="array" ref="E7069">IFERROR(INDEX(Jesper!AI$2:AI$366,ROUNDDOWN($C7069/24,0)+1,1)*INDEX($D$3:$AA$30,INDEX(Jesper!$R$2:$R$366,ROW(INDEX(Jesper!AI$2:AI$366,ROUNDDOWN($C7069/24,0)+1,1))-1)+IF('Standard Profiles'!$G$19=$B$10,7,0)+IF('Standard Profiles'!$G$19=$B$17,14,0)+IF('Standard Profiles'!$G$19=$B$24,21,0),MOD($C7069,24)+1)/SUM(INDEX($D$3:$AA$30,INDEX(Jesper!$R$2:$R$366,ROW(INDEX(Jesper!AI$2:AI$366,ROUNDDOWN($C7069/24,0)+1,1))-1)+IF('Standard Profiles'!$G$19=$B$10,7,0)+IF('Standard Profiles'!$G$19=$B$17,14,0)+IF('Standard Profiles'!$G$19=$B$24,21,0),0)),0)</f>
        <v>2.7331058918924387</v>
      </c>
      <c r="F7069" cm="1">
        <f t="array" ref="F7069">IFERROR(INDEX(Jesper!AJ$2:AJ$366,ROUNDDOWN($C7069/24,0)+1,1)*INDEX($D$3:$AA$30,INDEX(Jesper!$R$2:$R$366,ROW(INDEX(Jesper!AJ$2:AJ$366,ROUNDDOWN($C7069/24,0)+1,1))-1)+IF('Standard Profiles'!$G$20=$B$10,7,0)+IF('Standard Profiles'!$G$20=$B$17,14,0)+IF('Standard Profiles'!$G$20=$B$24,21,0),MOD($C7069,24)+1)/SUM(INDEX($D$3:$AA$30,INDEX(Jesper!$R$2:$R$366,ROW(INDEX(Jesper!AJ$2:AJ$366,ROUNDDOWN($C7069/24,0)+1,1))-1)+IF('Standard Profiles'!$G$20=$B$10,7,0)+IF('Standard Profiles'!$G$20=$B$17,14,0)+IF('Standard Profiles'!$G$20=$B$24,21,0),0)),0)</f>
        <v>1.2578192717779046</v>
      </c>
      <c r="G7069" cm="1">
        <f t="array" ref="G7069">IFERROR(INDEX(Jesper!AK$2:AK$366,ROUNDDOWN($C7069/24,0)+1,1)*INDEX($D$3:$AA$30,INDEX(Jesper!$R$2:$R$366,ROW(INDEX(Jesper!AK$2:AK$366,ROUNDDOWN($C7069/24,0)+1,1))-1)+IF('Standard Profiles'!$G$21=$B$10,7,0)+IF('Standard Profiles'!$G$21=$B$17,14,0)+IF('Standard Profiles'!$G$21=$B$24,21,0),MOD($C7069,24)+1)/SUM(INDEX($D$3:$AA$30,INDEX(Jesper!$R$2:$R$366,ROW(INDEX(Jesper!AK$2:AK$366,ROUNDDOWN($C7069/24,0)+1,1))-1)+IF('Standard Profiles'!$G$21=$B$10,7,0)+IF('Standard Profiles'!$G$21=$B$17,14,0)+IF('Standard Profiles'!$G$21=$B$24,21,0),0)),0)</f>
        <v>0.77583728146405395</v>
      </c>
      <c r="H7069" cm="1">
        <f t="array" ref="H7069">IFERROR(INDEX(Jesper!AL$2:AL$366,ROUNDDOWN($C7069/24,0)+1,1)*INDEX($D$3:$AA$30,INDEX(Jesper!$R$2:$R$366,ROW(INDEX(Jesper!AL$2:AL$366,ROUNDDOWN($C7069/24,0)+1,1))-1)+IF('Standard Profiles'!$G$22=$B$10,7,0)+IF('Standard Profiles'!$G$22=$B$17,14,0)+IF('Standard Profiles'!$G$22=$B$24,21,0),MOD($C7069,24)+1)/SUM(INDEX($D$3:$AA$30,INDEX(Jesper!$R$2:$R$366,ROW(INDEX(Jesper!AL$2:AL$366,ROUNDDOWN($C7069/24,0)+1,1))-1)+IF('Standard Profiles'!$G$22=$B$10,7,0)+IF('Standard Profiles'!$G$22=$B$17,14,0)+IF('Standard Profiles'!$G$22=$B$24,21,0),0)),0)</f>
        <v>0.29289006210294488</v>
      </c>
      <c r="I7069">
        <f t="shared" si="783"/>
        <v>0.28117445961882725</v>
      </c>
      <c r="J7069">
        <f t="shared" si="784"/>
        <v>4.4505053405914223</v>
      </c>
      <c r="K7069">
        <f t="shared" si="785"/>
        <v>0.21864847135139509</v>
      </c>
      <c r="L7069">
        <f t="shared" si="786"/>
        <v>0.10932423567569755</v>
      </c>
      <c r="M7069">
        <f t="shared" si="787"/>
        <v>0</v>
      </c>
      <c r="N7069" s="45">
        <f t="shared" si="788"/>
        <v>45220.124999982938</v>
      </c>
    </row>
    <row r="7070" spans="2:14" x14ac:dyDescent="0.25">
      <c r="B7070">
        <f t="shared" si="782"/>
        <v>6</v>
      </c>
      <c r="C7070" s="16">
        <v>7036</v>
      </c>
      <c r="D7070" cm="1">
        <f t="array" ref="D7070">IFERROR(INDEX(Jesper!AH$2:AH$366,ROUNDDOWN($C7070/24,0)+1,1)*INDEX($D$3:$AA$30,INDEX(Jesper!$R$2:$R$366,ROW(INDEX(Jesper!AH$2:AH$366,ROUNDDOWN($C7070/24,0)+1,1))-1)+IF('Standard Profiles'!$G$18=$B$10,7,0)+IF('Standard Profiles'!$G$18=$B$17,14,0)+IF('Standard Profiles'!$G$18=$B$24,21,0),MOD($C7070,24)+1)/SUM(INDEX($D$3:$AA$30,INDEX(Jesper!$R$2:$R$366,ROW(INDEX(Jesper!AH$2:AH$366,ROUNDDOWN($C7070/24,0)+1,1))-1)+IF('Standard Profiles'!$G$18=$B$10,7,0)+IF('Standard Profiles'!$G$18=$B$17,14,0)+IF('Standard Profiles'!$G$18=$B$24,21,0),0)),0)</f>
        <v>0</v>
      </c>
      <c r="E7070" cm="1">
        <f t="array" ref="E7070">IFERROR(INDEX(Jesper!AI$2:AI$366,ROUNDDOWN($C7070/24,0)+1,1)*INDEX($D$3:$AA$30,INDEX(Jesper!$R$2:$R$366,ROW(INDEX(Jesper!AI$2:AI$366,ROUNDDOWN($C7070/24,0)+1,1))-1)+IF('Standard Profiles'!$G$19=$B$10,7,0)+IF('Standard Profiles'!$G$19=$B$17,14,0)+IF('Standard Profiles'!$G$19=$B$24,21,0),MOD($C7070,24)+1)/SUM(INDEX($D$3:$AA$30,INDEX(Jesper!$R$2:$R$366,ROW(INDEX(Jesper!AI$2:AI$366,ROUNDDOWN($C7070/24,0)+1,1))-1)+IF('Standard Profiles'!$G$19=$B$10,7,0)+IF('Standard Profiles'!$G$19=$B$17,14,0)+IF('Standard Profiles'!$G$19=$B$24,21,0),0)),0)</f>
        <v>2.7331058918924387</v>
      </c>
      <c r="F7070" cm="1">
        <f t="array" ref="F7070">IFERROR(INDEX(Jesper!AJ$2:AJ$366,ROUNDDOWN($C7070/24,0)+1,1)*INDEX($D$3:$AA$30,INDEX(Jesper!$R$2:$R$366,ROW(INDEX(Jesper!AJ$2:AJ$366,ROUNDDOWN($C7070/24,0)+1,1))-1)+IF('Standard Profiles'!$G$20=$B$10,7,0)+IF('Standard Profiles'!$G$20=$B$17,14,0)+IF('Standard Profiles'!$G$20=$B$24,21,0),MOD($C7070,24)+1)/SUM(INDEX($D$3:$AA$30,INDEX(Jesper!$R$2:$R$366,ROW(INDEX(Jesper!AJ$2:AJ$366,ROUNDDOWN($C7070/24,0)+1,1))-1)+IF('Standard Profiles'!$G$20=$B$10,7,0)+IF('Standard Profiles'!$G$20=$B$17,14,0)+IF('Standard Profiles'!$G$20=$B$24,21,0),0)),0)</f>
        <v>1.2578192717779046</v>
      </c>
      <c r="G7070" cm="1">
        <f t="array" ref="G7070">IFERROR(INDEX(Jesper!AK$2:AK$366,ROUNDDOWN($C7070/24,0)+1,1)*INDEX($D$3:$AA$30,INDEX(Jesper!$R$2:$R$366,ROW(INDEX(Jesper!AK$2:AK$366,ROUNDDOWN($C7070/24,0)+1,1))-1)+IF('Standard Profiles'!$G$21=$B$10,7,0)+IF('Standard Profiles'!$G$21=$B$17,14,0)+IF('Standard Profiles'!$G$21=$B$24,21,0),MOD($C7070,24)+1)/SUM(INDEX($D$3:$AA$30,INDEX(Jesper!$R$2:$R$366,ROW(INDEX(Jesper!AK$2:AK$366,ROUNDDOWN($C7070/24,0)+1,1))-1)+IF('Standard Profiles'!$G$21=$B$10,7,0)+IF('Standard Profiles'!$G$21=$B$17,14,0)+IF('Standard Profiles'!$G$21=$B$24,21,0),0)),0)</f>
        <v>0.77583728146405395</v>
      </c>
      <c r="H7070" cm="1">
        <f t="array" ref="H7070">IFERROR(INDEX(Jesper!AL$2:AL$366,ROUNDDOWN($C7070/24,0)+1,1)*INDEX($D$3:$AA$30,INDEX(Jesper!$R$2:$R$366,ROW(INDEX(Jesper!AL$2:AL$366,ROUNDDOWN($C7070/24,0)+1,1))-1)+IF('Standard Profiles'!$G$22=$B$10,7,0)+IF('Standard Profiles'!$G$22=$B$17,14,0)+IF('Standard Profiles'!$G$22=$B$24,21,0),MOD($C7070,24)+1)/SUM(INDEX($D$3:$AA$30,INDEX(Jesper!$R$2:$R$366,ROW(INDEX(Jesper!AL$2:AL$366,ROUNDDOWN($C7070/24,0)+1,1))-1)+IF('Standard Profiles'!$G$22=$B$10,7,0)+IF('Standard Profiles'!$G$22=$B$17,14,0)+IF('Standard Profiles'!$G$22=$B$24,21,0),0)),0)</f>
        <v>0.29289006210294488</v>
      </c>
      <c r="I7070">
        <f t="shared" si="783"/>
        <v>0.28117445961882725</v>
      </c>
      <c r="J7070">
        <f t="shared" si="784"/>
        <v>4.4505053405914223</v>
      </c>
      <c r="K7070">
        <f t="shared" si="785"/>
        <v>0.21864847135139509</v>
      </c>
      <c r="L7070">
        <f t="shared" si="786"/>
        <v>0.10932423567569755</v>
      </c>
      <c r="M7070">
        <f t="shared" si="787"/>
        <v>0</v>
      </c>
      <c r="N7070" s="45">
        <f t="shared" si="788"/>
        <v>45220.166666649602</v>
      </c>
    </row>
    <row r="7071" spans="2:14" x14ac:dyDescent="0.25">
      <c r="B7071">
        <f t="shared" si="782"/>
        <v>6</v>
      </c>
      <c r="C7071" s="16">
        <v>7037</v>
      </c>
      <c r="D7071" cm="1">
        <f t="array" ref="D7071">IFERROR(INDEX(Jesper!AH$2:AH$366,ROUNDDOWN($C7071/24,0)+1,1)*INDEX($D$3:$AA$30,INDEX(Jesper!$R$2:$R$366,ROW(INDEX(Jesper!AH$2:AH$366,ROUNDDOWN($C7071/24,0)+1,1))-1)+IF('Standard Profiles'!$G$18=$B$10,7,0)+IF('Standard Profiles'!$G$18=$B$17,14,0)+IF('Standard Profiles'!$G$18=$B$24,21,0),MOD($C7071,24)+1)/SUM(INDEX($D$3:$AA$30,INDEX(Jesper!$R$2:$R$366,ROW(INDEX(Jesper!AH$2:AH$366,ROUNDDOWN($C7071/24,0)+1,1))-1)+IF('Standard Profiles'!$G$18=$B$10,7,0)+IF('Standard Profiles'!$G$18=$B$17,14,0)+IF('Standard Profiles'!$G$18=$B$24,21,0),0)),0)</f>
        <v>0</v>
      </c>
      <c r="E7071" cm="1">
        <f t="array" ref="E7071">IFERROR(INDEX(Jesper!AI$2:AI$366,ROUNDDOWN($C7071/24,0)+1,1)*INDEX($D$3:$AA$30,INDEX(Jesper!$R$2:$R$366,ROW(INDEX(Jesper!AI$2:AI$366,ROUNDDOWN($C7071/24,0)+1,1))-1)+IF('Standard Profiles'!$G$19=$B$10,7,0)+IF('Standard Profiles'!$G$19=$B$17,14,0)+IF('Standard Profiles'!$G$19=$B$24,21,0),MOD($C7071,24)+1)/SUM(INDEX($D$3:$AA$30,INDEX(Jesper!$R$2:$R$366,ROW(INDEX(Jesper!AI$2:AI$366,ROUNDDOWN($C7071/24,0)+1,1))-1)+IF('Standard Profiles'!$G$19=$B$10,7,0)+IF('Standard Profiles'!$G$19=$B$17,14,0)+IF('Standard Profiles'!$G$19=$B$24,21,0),0)),0)</f>
        <v>2.7331058918924387</v>
      </c>
      <c r="F7071" cm="1">
        <f t="array" ref="F7071">IFERROR(INDEX(Jesper!AJ$2:AJ$366,ROUNDDOWN($C7071/24,0)+1,1)*INDEX($D$3:$AA$30,INDEX(Jesper!$R$2:$R$366,ROW(INDEX(Jesper!AJ$2:AJ$366,ROUNDDOWN($C7071/24,0)+1,1))-1)+IF('Standard Profiles'!$G$20=$B$10,7,0)+IF('Standard Profiles'!$G$20=$B$17,14,0)+IF('Standard Profiles'!$G$20=$B$24,21,0),MOD($C7071,24)+1)/SUM(INDEX($D$3:$AA$30,INDEX(Jesper!$R$2:$R$366,ROW(INDEX(Jesper!AJ$2:AJ$366,ROUNDDOWN($C7071/24,0)+1,1))-1)+IF('Standard Profiles'!$G$20=$B$10,7,0)+IF('Standard Profiles'!$G$20=$B$17,14,0)+IF('Standard Profiles'!$G$20=$B$24,21,0),0)),0)</f>
        <v>1.2578192717779046</v>
      </c>
      <c r="G7071" cm="1">
        <f t="array" ref="G7071">IFERROR(INDEX(Jesper!AK$2:AK$366,ROUNDDOWN($C7071/24,0)+1,1)*INDEX($D$3:$AA$30,INDEX(Jesper!$R$2:$R$366,ROW(INDEX(Jesper!AK$2:AK$366,ROUNDDOWN($C7071/24,0)+1,1))-1)+IF('Standard Profiles'!$G$21=$B$10,7,0)+IF('Standard Profiles'!$G$21=$B$17,14,0)+IF('Standard Profiles'!$G$21=$B$24,21,0),MOD($C7071,24)+1)/SUM(INDEX($D$3:$AA$30,INDEX(Jesper!$R$2:$R$366,ROW(INDEX(Jesper!AK$2:AK$366,ROUNDDOWN($C7071/24,0)+1,1))-1)+IF('Standard Profiles'!$G$21=$B$10,7,0)+IF('Standard Profiles'!$G$21=$B$17,14,0)+IF('Standard Profiles'!$G$21=$B$24,21,0),0)),0)</f>
        <v>0.77583728146405395</v>
      </c>
      <c r="H7071" cm="1">
        <f t="array" ref="H7071">IFERROR(INDEX(Jesper!AL$2:AL$366,ROUNDDOWN($C7071/24,0)+1,1)*INDEX($D$3:$AA$30,INDEX(Jesper!$R$2:$R$366,ROW(INDEX(Jesper!AL$2:AL$366,ROUNDDOWN($C7071/24,0)+1,1))-1)+IF('Standard Profiles'!$G$22=$B$10,7,0)+IF('Standard Profiles'!$G$22=$B$17,14,0)+IF('Standard Profiles'!$G$22=$B$24,21,0),MOD($C7071,24)+1)/SUM(INDEX($D$3:$AA$30,INDEX(Jesper!$R$2:$R$366,ROW(INDEX(Jesper!AL$2:AL$366,ROUNDDOWN($C7071/24,0)+1,1))-1)+IF('Standard Profiles'!$G$22=$B$10,7,0)+IF('Standard Profiles'!$G$22=$B$17,14,0)+IF('Standard Profiles'!$G$22=$B$24,21,0),0)),0)</f>
        <v>0.36432666261585822</v>
      </c>
      <c r="I7071">
        <f t="shared" si="783"/>
        <v>0.34975359611122409</v>
      </c>
      <c r="J7071">
        <f t="shared" si="784"/>
        <v>4.4533628046119391</v>
      </c>
      <c r="K7071">
        <f t="shared" si="785"/>
        <v>0.21864847135139509</v>
      </c>
      <c r="L7071">
        <f t="shared" si="786"/>
        <v>0.10932423567569755</v>
      </c>
      <c r="M7071">
        <f t="shared" si="787"/>
        <v>0</v>
      </c>
      <c r="N7071" s="45">
        <f t="shared" si="788"/>
        <v>45220.208333316266</v>
      </c>
    </row>
    <row r="7072" spans="2:14" x14ac:dyDescent="0.25">
      <c r="B7072">
        <f t="shared" si="782"/>
        <v>6</v>
      </c>
      <c r="C7072" s="16">
        <v>7038</v>
      </c>
      <c r="D7072" cm="1">
        <f t="array" ref="D7072">IFERROR(INDEX(Jesper!AH$2:AH$366,ROUNDDOWN($C7072/24,0)+1,1)*INDEX($D$3:$AA$30,INDEX(Jesper!$R$2:$R$366,ROW(INDEX(Jesper!AH$2:AH$366,ROUNDDOWN($C7072/24,0)+1,1))-1)+IF('Standard Profiles'!$G$18=$B$10,7,0)+IF('Standard Profiles'!$G$18=$B$17,14,0)+IF('Standard Profiles'!$G$18=$B$24,21,0),MOD($C7072,24)+1)/SUM(INDEX($D$3:$AA$30,INDEX(Jesper!$R$2:$R$366,ROW(INDEX(Jesper!AH$2:AH$366,ROUNDDOWN($C7072/24,0)+1,1))-1)+IF('Standard Profiles'!$G$18=$B$10,7,0)+IF('Standard Profiles'!$G$18=$B$17,14,0)+IF('Standard Profiles'!$G$18=$B$24,21,0),0)),0)</f>
        <v>0</v>
      </c>
      <c r="E7072" cm="1">
        <f t="array" ref="E7072">IFERROR(INDEX(Jesper!AI$2:AI$366,ROUNDDOWN($C7072/24,0)+1,1)*INDEX($D$3:$AA$30,INDEX(Jesper!$R$2:$R$366,ROW(INDEX(Jesper!AI$2:AI$366,ROUNDDOWN($C7072/24,0)+1,1))-1)+IF('Standard Profiles'!$G$19=$B$10,7,0)+IF('Standard Profiles'!$G$19=$B$17,14,0)+IF('Standard Profiles'!$G$19=$B$24,21,0),MOD($C7072,24)+1)/SUM(INDEX($D$3:$AA$30,INDEX(Jesper!$R$2:$R$366,ROW(INDEX(Jesper!AI$2:AI$366,ROUNDDOWN($C7072/24,0)+1,1))-1)+IF('Standard Profiles'!$G$19=$B$10,7,0)+IF('Standard Profiles'!$G$19=$B$17,14,0)+IF('Standard Profiles'!$G$19=$B$24,21,0),0)),0)</f>
        <v>2.7331058918924387</v>
      </c>
      <c r="F7072" cm="1">
        <f t="array" ref="F7072">IFERROR(INDEX(Jesper!AJ$2:AJ$366,ROUNDDOWN($C7072/24,0)+1,1)*INDEX($D$3:$AA$30,INDEX(Jesper!$R$2:$R$366,ROW(INDEX(Jesper!AJ$2:AJ$366,ROUNDDOWN($C7072/24,0)+1,1))-1)+IF('Standard Profiles'!$G$20=$B$10,7,0)+IF('Standard Profiles'!$G$20=$B$17,14,0)+IF('Standard Profiles'!$G$20=$B$24,21,0),MOD($C7072,24)+1)/SUM(INDEX($D$3:$AA$30,INDEX(Jesper!$R$2:$R$366,ROW(INDEX(Jesper!AJ$2:AJ$366,ROUNDDOWN($C7072/24,0)+1,1))-1)+IF('Standard Profiles'!$G$20=$B$10,7,0)+IF('Standard Profiles'!$G$20=$B$17,14,0)+IF('Standard Profiles'!$G$20=$B$24,21,0),0)),0)</f>
        <v>1.2578192717779046</v>
      </c>
      <c r="G7072" cm="1">
        <f t="array" ref="G7072">IFERROR(INDEX(Jesper!AK$2:AK$366,ROUNDDOWN($C7072/24,0)+1,1)*INDEX($D$3:$AA$30,INDEX(Jesper!$R$2:$R$366,ROW(INDEX(Jesper!AK$2:AK$366,ROUNDDOWN($C7072/24,0)+1,1))-1)+IF('Standard Profiles'!$G$21=$B$10,7,0)+IF('Standard Profiles'!$G$21=$B$17,14,0)+IF('Standard Profiles'!$G$21=$B$24,21,0),MOD($C7072,24)+1)/SUM(INDEX($D$3:$AA$30,INDEX(Jesper!$R$2:$R$366,ROW(INDEX(Jesper!AK$2:AK$366,ROUNDDOWN($C7072/24,0)+1,1))-1)+IF('Standard Profiles'!$G$21=$B$10,7,0)+IF('Standard Profiles'!$G$21=$B$17,14,0)+IF('Standard Profiles'!$G$21=$B$24,21,0),0)),0)</f>
        <v>0.77583728146405395</v>
      </c>
      <c r="H7072" cm="1">
        <f t="array" ref="H7072">IFERROR(INDEX(Jesper!AL$2:AL$366,ROUNDDOWN($C7072/24,0)+1,1)*INDEX($D$3:$AA$30,INDEX(Jesper!$R$2:$R$366,ROW(INDEX(Jesper!AL$2:AL$366,ROUNDDOWN($C7072/24,0)+1,1))-1)+IF('Standard Profiles'!$G$22=$B$10,7,0)+IF('Standard Profiles'!$G$22=$B$17,14,0)+IF('Standard Profiles'!$G$22=$B$24,21,0),MOD($C7072,24)+1)/SUM(INDEX($D$3:$AA$30,INDEX(Jesper!$R$2:$R$366,ROW(INDEX(Jesper!AL$2:AL$366,ROUNDDOWN($C7072/24,0)+1,1))-1)+IF('Standard Profiles'!$G$22=$B$10,7,0)+IF('Standard Profiles'!$G$22=$B$17,14,0)+IF('Standard Profiles'!$G$22=$B$24,21,0),0)),0)</f>
        <v>0.45719424328264563</v>
      </c>
      <c r="I7072">
        <f t="shared" si="783"/>
        <v>0.43890647355134005</v>
      </c>
      <c r="J7072">
        <f t="shared" si="784"/>
        <v>4.4570775078386102</v>
      </c>
      <c r="K7072">
        <f t="shared" si="785"/>
        <v>0.21864847135139509</v>
      </c>
      <c r="L7072">
        <f t="shared" si="786"/>
        <v>0.10932423567569755</v>
      </c>
      <c r="M7072">
        <f t="shared" si="787"/>
        <v>0</v>
      </c>
      <c r="N7072" s="45">
        <f t="shared" si="788"/>
        <v>45220.249999982931</v>
      </c>
    </row>
    <row r="7073" spans="2:14" x14ac:dyDescent="0.25">
      <c r="B7073">
        <f t="shared" si="782"/>
        <v>6</v>
      </c>
      <c r="C7073" s="16">
        <v>7039</v>
      </c>
      <c r="D7073" cm="1">
        <f t="array" ref="D7073">IFERROR(INDEX(Jesper!AH$2:AH$366,ROUNDDOWN($C7073/24,0)+1,1)*INDEX($D$3:$AA$30,INDEX(Jesper!$R$2:$R$366,ROW(INDEX(Jesper!AH$2:AH$366,ROUNDDOWN($C7073/24,0)+1,1))-1)+IF('Standard Profiles'!$G$18=$B$10,7,0)+IF('Standard Profiles'!$G$18=$B$17,14,0)+IF('Standard Profiles'!$G$18=$B$24,21,0),MOD($C7073,24)+1)/SUM(INDEX($D$3:$AA$30,INDEX(Jesper!$R$2:$R$366,ROW(INDEX(Jesper!AH$2:AH$366,ROUNDDOWN($C7073/24,0)+1,1))-1)+IF('Standard Profiles'!$G$18=$B$10,7,0)+IF('Standard Profiles'!$G$18=$B$17,14,0)+IF('Standard Profiles'!$G$18=$B$24,21,0),0)),0)</f>
        <v>0</v>
      </c>
      <c r="E7073" cm="1">
        <f t="array" ref="E7073">IFERROR(INDEX(Jesper!AI$2:AI$366,ROUNDDOWN($C7073/24,0)+1,1)*INDEX($D$3:$AA$30,INDEX(Jesper!$R$2:$R$366,ROW(INDEX(Jesper!AI$2:AI$366,ROUNDDOWN($C7073/24,0)+1,1))-1)+IF('Standard Profiles'!$G$19=$B$10,7,0)+IF('Standard Profiles'!$G$19=$B$17,14,0)+IF('Standard Profiles'!$G$19=$B$24,21,0),MOD($C7073,24)+1)/SUM(INDEX($D$3:$AA$30,INDEX(Jesper!$R$2:$R$366,ROW(INDEX(Jesper!AI$2:AI$366,ROUNDDOWN($C7073/24,0)+1,1))-1)+IF('Standard Profiles'!$G$19=$B$10,7,0)+IF('Standard Profiles'!$G$19=$B$17,14,0)+IF('Standard Profiles'!$G$19=$B$24,21,0),0)),0)</f>
        <v>2.7331058918924387</v>
      </c>
      <c r="F7073" cm="1">
        <f t="array" ref="F7073">IFERROR(INDEX(Jesper!AJ$2:AJ$366,ROUNDDOWN($C7073/24,0)+1,1)*INDEX($D$3:$AA$30,INDEX(Jesper!$R$2:$R$366,ROW(INDEX(Jesper!AJ$2:AJ$366,ROUNDDOWN($C7073/24,0)+1,1))-1)+IF('Standard Profiles'!$G$20=$B$10,7,0)+IF('Standard Profiles'!$G$20=$B$17,14,0)+IF('Standard Profiles'!$G$20=$B$24,21,0),MOD($C7073,24)+1)/SUM(INDEX($D$3:$AA$30,INDEX(Jesper!$R$2:$R$366,ROW(INDEX(Jesper!AJ$2:AJ$366,ROUNDDOWN($C7073/24,0)+1,1))-1)+IF('Standard Profiles'!$G$20=$B$10,7,0)+IF('Standard Profiles'!$G$20=$B$17,14,0)+IF('Standard Profiles'!$G$20=$B$24,21,0),0)),0)</f>
        <v>1.2578192717779046</v>
      </c>
      <c r="G7073" cm="1">
        <f t="array" ref="G7073">IFERROR(INDEX(Jesper!AK$2:AK$366,ROUNDDOWN($C7073/24,0)+1,1)*INDEX($D$3:$AA$30,INDEX(Jesper!$R$2:$R$366,ROW(INDEX(Jesper!AK$2:AK$366,ROUNDDOWN($C7073/24,0)+1,1))-1)+IF('Standard Profiles'!$G$21=$B$10,7,0)+IF('Standard Profiles'!$G$21=$B$17,14,0)+IF('Standard Profiles'!$G$21=$B$24,21,0),MOD($C7073,24)+1)/SUM(INDEX($D$3:$AA$30,INDEX(Jesper!$R$2:$R$366,ROW(INDEX(Jesper!AK$2:AK$366,ROUNDDOWN($C7073/24,0)+1,1))-1)+IF('Standard Profiles'!$G$21=$B$10,7,0)+IF('Standard Profiles'!$G$21=$B$17,14,0)+IF('Standard Profiles'!$G$21=$B$24,21,0),0)),0)</f>
        <v>0.77583728146405395</v>
      </c>
      <c r="H7073" cm="1">
        <f t="array" ref="H7073">IFERROR(INDEX(Jesper!AL$2:AL$366,ROUNDDOWN($C7073/24,0)+1,1)*INDEX($D$3:$AA$30,INDEX(Jesper!$R$2:$R$366,ROW(INDEX(Jesper!AL$2:AL$366,ROUNDDOWN($C7073/24,0)+1,1))-1)+IF('Standard Profiles'!$G$22=$B$10,7,0)+IF('Standard Profiles'!$G$22=$B$17,14,0)+IF('Standard Profiles'!$G$22=$B$24,21,0),MOD($C7073,24)+1)/SUM(INDEX($D$3:$AA$30,INDEX(Jesper!$R$2:$R$366,ROW(INDEX(Jesper!AL$2:AL$366,ROUNDDOWN($C7073/24,0)+1,1))-1)+IF('Standard Profiles'!$G$22=$B$10,7,0)+IF('Standard Profiles'!$G$22=$B$17,14,0)+IF('Standard Profiles'!$G$22=$B$24,21,0),0)),0)</f>
        <v>0.52148718374426761</v>
      </c>
      <c r="I7073">
        <f t="shared" si="783"/>
        <v>0.50062769639449722</v>
      </c>
      <c r="J7073">
        <f t="shared" si="784"/>
        <v>4.459649225457075</v>
      </c>
      <c r="K7073">
        <f t="shared" si="785"/>
        <v>0.21864847135139509</v>
      </c>
      <c r="L7073">
        <f t="shared" si="786"/>
        <v>0.10932423567569755</v>
      </c>
      <c r="M7073">
        <f t="shared" si="787"/>
        <v>0</v>
      </c>
      <c r="N7073" s="45">
        <f t="shared" si="788"/>
        <v>45220.291666649595</v>
      </c>
    </row>
    <row r="7074" spans="2:14" x14ac:dyDescent="0.25">
      <c r="B7074">
        <f t="shared" si="782"/>
        <v>6</v>
      </c>
      <c r="C7074" s="16">
        <v>7040</v>
      </c>
      <c r="D7074" cm="1">
        <f t="array" ref="D7074">IFERROR(INDEX(Jesper!AH$2:AH$366,ROUNDDOWN($C7074/24,0)+1,1)*INDEX($D$3:$AA$30,INDEX(Jesper!$R$2:$R$366,ROW(INDEX(Jesper!AH$2:AH$366,ROUNDDOWN($C7074/24,0)+1,1))-1)+IF('Standard Profiles'!$G$18=$B$10,7,0)+IF('Standard Profiles'!$G$18=$B$17,14,0)+IF('Standard Profiles'!$G$18=$B$24,21,0),MOD($C7074,24)+1)/SUM(INDEX($D$3:$AA$30,INDEX(Jesper!$R$2:$R$366,ROW(INDEX(Jesper!AH$2:AH$366,ROUNDDOWN($C7074/24,0)+1,1))-1)+IF('Standard Profiles'!$G$18=$B$10,7,0)+IF('Standard Profiles'!$G$18=$B$17,14,0)+IF('Standard Profiles'!$G$18=$B$24,21,0),0)),0)</f>
        <v>0</v>
      </c>
      <c r="E7074" cm="1">
        <f t="array" ref="E7074">IFERROR(INDEX(Jesper!AI$2:AI$366,ROUNDDOWN($C7074/24,0)+1,1)*INDEX($D$3:$AA$30,INDEX(Jesper!$R$2:$R$366,ROW(INDEX(Jesper!AI$2:AI$366,ROUNDDOWN($C7074/24,0)+1,1))-1)+IF('Standard Profiles'!$G$19=$B$10,7,0)+IF('Standard Profiles'!$G$19=$B$17,14,0)+IF('Standard Profiles'!$G$19=$B$24,21,0),MOD($C7074,24)+1)/SUM(INDEX($D$3:$AA$30,INDEX(Jesper!$R$2:$R$366,ROW(INDEX(Jesper!AI$2:AI$366,ROUNDDOWN($C7074/24,0)+1,1))-1)+IF('Standard Profiles'!$G$19=$B$10,7,0)+IF('Standard Profiles'!$G$19=$B$17,14,0)+IF('Standard Profiles'!$G$19=$B$24,21,0),0)),0)</f>
        <v>2.7331058918924387</v>
      </c>
      <c r="F7074" cm="1">
        <f t="array" ref="F7074">IFERROR(INDEX(Jesper!AJ$2:AJ$366,ROUNDDOWN($C7074/24,0)+1,1)*INDEX($D$3:$AA$30,INDEX(Jesper!$R$2:$R$366,ROW(INDEX(Jesper!AJ$2:AJ$366,ROUNDDOWN($C7074/24,0)+1,1))-1)+IF('Standard Profiles'!$G$20=$B$10,7,0)+IF('Standard Profiles'!$G$20=$B$17,14,0)+IF('Standard Profiles'!$G$20=$B$24,21,0),MOD($C7074,24)+1)/SUM(INDEX($D$3:$AA$30,INDEX(Jesper!$R$2:$R$366,ROW(INDEX(Jesper!AJ$2:AJ$366,ROUNDDOWN($C7074/24,0)+1,1))-1)+IF('Standard Profiles'!$G$20=$B$10,7,0)+IF('Standard Profiles'!$G$20=$B$17,14,0)+IF('Standard Profiles'!$G$20=$B$24,21,0),0)),0)</f>
        <v>1.2578192717779046</v>
      </c>
      <c r="G7074" cm="1">
        <f t="array" ref="G7074">IFERROR(INDEX(Jesper!AK$2:AK$366,ROUNDDOWN($C7074/24,0)+1,1)*INDEX($D$3:$AA$30,INDEX(Jesper!$R$2:$R$366,ROW(INDEX(Jesper!AK$2:AK$366,ROUNDDOWN($C7074/24,0)+1,1))-1)+IF('Standard Profiles'!$G$21=$B$10,7,0)+IF('Standard Profiles'!$G$21=$B$17,14,0)+IF('Standard Profiles'!$G$21=$B$24,21,0),MOD($C7074,24)+1)/SUM(INDEX($D$3:$AA$30,INDEX(Jesper!$R$2:$R$366,ROW(INDEX(Jesper!AK$2:AK$366,ROUNDDOWN($C7074/24,0)+1,1))-1)+IF('Standard Profiles'!$G$21=$B$10,7,0)+IF('Standard Profiles'!$G$21=$B$17,14,0)+IF('Standard Profiles'!$G$21=$B$24,21,0),0)),0)</f>
        <v>0.77583728146405395</v>
      </c>
      <c r="H7074" cm="1">
        <f t="array" ref="H7074">IFERROR(INDEX(Jesper!AL$2:AL$366,ROUNDDOWN($C7074/24,0)+1,1)*INDEX($D$3:$AA$30,INDEX(Jesper!$R$2:$R$366,ROW(INDEX(Jesper!AL$2:AL$366,ROUNDDOWN($C7074/24,0)+1,1))-1)+IF('Standard Profiles'!$G$22=$B$10,7,0)+IF('Standard Profiles'!$G$22=$B$17,14,0)+IF('Standard Profiles'!$G$22=$B$24,21,0),MOD($C7074,24)+1)/SUM(INDEX($D$3:$AA$30,INDEX(Jesper!$R$2:$R$366,ROW(INDEX(Jesper!AL$2:AL$366,ROUNDDOWN($C7074/24,0)+1,1))-1)+IF('Standard Profiles'!$G$22=$B$10,7,0)+IF('Standard Profiles'!$G$22=$B$17,14,0)+IF('Standard Profiles'!$G$22=$B$24,21,0),0)),0)</f>
        <v>0.52148718374426761</v>
      </c>
      <c r="I7074">
        <f t="shared" si="783"/>
        <v>0.50062769639449722</v>
      </c>
      <c r="J7074">
        <f t="shared" si="784"/>
        <v>4.459649225457075</v>
      </c>
      <c r="K7074">
        <f t="shared" si="785"/>
        <v>0.21864847135139509</v>
      </c>
      <c r="L7074">
        <f t="shared" si="786"/>
        <v>0.10932423567569755</v>
      </c>
      <c r="M7074">
        <f t="shared" si="787"/>
        <v>0</v>
      </c>
      <c r="N7074" s="45">
        <f t="shared" si="788"/>
        <v>45220.333333316259</v>
      </c>
    </row>
    <row r="7075" spans="2:14" x14ac:dyDescent="0.25">
      <c r="B7075">
        <f t="shared" ref="B7075:B7138" si="789">WEEKDAY(N7075,2)</f>
        <v>6</v>
      </c>
      <c r="C7075" s="16">
        <v>7041</v>
      </c>
      <c r="D7075" cm="1">
        <f t="array" ref="D7075">IFERROR(INDEX(Jesper!AH$2:AH$366,ROUNDDOWN($C7075/24,0)+1,1)*INDEX($D$3:$AA$30,INDEX(Jesper!$R$2:$R$366,ROW(INDEX(Jesper!AH$2:AH$366,ROUNDDOWN($C7075/24,0)+1,1))-1)+IF('Standard Profiles'!$G$18=$B$10,7,0)+IF('Standard Profiles'!$G$18=$B$17,14,0)+IF('Standard Profiles'!$G$18=$B$24,21,0),MOD($C7075,24)+1)/SUM(INDEX($D$3:$AA$30,INDEX(Jesper!$R$2:$R$366,ROW(INDEX(Jesper!AH$2:AH$366,ROUNDDOWN($C7075/24,0)+1,1))-1)+IF('Standard Profiles'!$G$18=$B$10,7,0)+IF('Standard Profiles'!$G$18=$B$17,14,0)+IF('Standard Profiles'!$G$18=$B$24,21,0),0)),0)</f>
        <v>0</v>
      </c>
      <c r="E7075" cm="1">
        <f t="array" ref="E7075">IFERROR(INDEX(Jesper!AI$2:AI$366,ROUNDDOWN($C7075/24,0)+1,1)*INDEX($D$3:$AA$30,INDEX(Jesper!$R$2:$R$366,ROW(INDEX(Jesper!AI$2:AI$366,ROUNDDOWN($C7075/24,0)+1,1))-1)+IF('Standard Profiles'!$G$19=$B$10,7,0)+IF('Standard Profiles'!$G$19=$B$17,14,0)+IF('Standard Profiles'!$G$19=$B$24,21,0),MOD($C7075,24)+1)/SUM(INDEX($D$3:$AA$30,INDEX(Jesper!$R$2:$R$366,ROW(INDEX(Jesper!AI$2:AI$366,ROUNDDOWN($C7075/24,0)+1,1))-1)+IF('Standard Profiles'!$G$19=$B$10,7,0)+IF('Standard Profiles'!$G$19=$B$17,14,0)+IF('Standard Profiles'!$G$19=$B$24,21,0),0)),0)</f>
        <v>2.7331058918924387</v>
      </c>
      <c r="F7075" cm="1">
        <f t="array" ref="F7075">IFERROR(INDEX(Jesper!AJ$2:AJ$366,ROUNDDOWN($C7075/24,0)+1,1)*INDEX($D$3:$AA$30,INDEX(Jesper!$R$2:$R$366,ROW(INDEX(Jesper!AJ$2:AJ$366,ROUNDDOWN($C7075/24,0)+1,1))-1)+IF('Standard Profiles'!$G$20=$B$10,7,0)+IF('Standard Profiles'!$G$20=$B$17,14,0)+IF('Standard Profiles'!$G$20=$B$24,21,0),MOD($C7075,24)+1)/SUM(INDEX($D$3:$AA$30,INDEX(Jesper!$R$2:$R$366,ROW(INDEX(Jesper!AJ$2:AJ$366,ROUNDDOWN($C7075/24,0)+1,1))-1)+IF('Standard Profiles'!$G$20=$B$10,7,0)+IF('Standard Profiles'!$G$20=$B$17,14,0)+IF('Standard Profiles'!$G$20=$B$24,21,0),0)),0)</f>
        <v>1.2578192717779046</v>
      </c>
      <c r="G7075" cm="1">
        <f t="array" ref="G7075">IFERROR(INDEX(Jesper!AK$2:AK$366,ROUNDDOWN($C7075/24,0)+1,1)*INDEX($D$3:$AA$30,INDEX(Jesper!$R$2:$R$366,ROW(INDEX(Jesper!AK$2:AK$366,ROUNDDOWN($C7075/24,0)+1,1))-1)+IF('Standard Profiles'!$G$21=$B$10,7,0)+IF('Standard Profiles'!$G$21=$B$17,14,0)+IF('Standard Profiles'!$G$21=$B$24,21,0),MOD($C7075,24)+1)/SUM(INDEX($D$3:$AA$30,INDEX(Jesper!$R$2:$R$366,ROW(INDEX(Jesper!AK$2:AK$366,ROUNDDOWN($C7075/24,0)+1,1))-1)+IF('Standard Profiles'!$G$21=$B$10,7,0)+IF('Standard Profiles'!$G$21=$B$17,14,0)+IF('Standard Profiles'!$G$21=$B$24,21,0),0)),0)</f>
        <v>0.77583728146405395</v>
      </c>
      <c r="H7075" cm="1">
        <f t="array" ref="H7075">IFERROR(INDEX(Jesper!AL$2:AL$366,ROUNDDOWN($C7075/24,0)+1,1)*INDEX($D$3:$AA$30,INDEX(Jesper!$R$2:$R$366,ROW(INDEX(Jesper!AL$2:AL$366,ROUNDDOWN($C7075/24,0)+1,1))-1)+IF('Standard Profiles'!$G$22=$B$10,7,0)+IF('Standard Profiles'!$G$22=$B$17,14,0)+IF('Standard Profiles'!$G$22=$B$24,21,0),MOD($C7075,24)+1)/SUM(INDEX($D$3:$AA$30,INDEX(Jesper!$R$2:$R$366,ROW(INDEX(Jesper!AL$2:AL$366,ROUNDDOWN($C7075/24,0)+1,1))-1)+IF('Standard Profiles'!$G$22=$B$10,7,0)+IF('Standard Profiles'!$G$22=$B$17,14,0)+IF('Standard Profiles'!$G$22=$B$24,21,0),0)),0)</f>
        <v>0.52148718374426761</v>
      </c>
      <c r="I7075">
        <f t="shared" ref="I7075:I7138" si="790">IF($B7075&lt;6,AC$37*$D7075+AC$38*$E7075+AC$39*$F7075+AC$40*$G7075,AC$46*$D7075+AC$47*$E7075+AC$48*$F7075+AC$49*$G7075+AC$50*$H7075)</f>
        <v>0.50062769639449722</v>
      </c>
      <c r="J7075">
        <f t="shared" ref="J7075:J7138" si="791">IF($B7075&lt;6,AD$37*$D7075+AD$38*$E7075+AD$39*$F7075+AD$40*$G7075,AD$46*$D7075+AD$47*$E7075+AD$48*$F7075+AD$49*$G7075+AD$50*$H7075)</f>
        <v>4.459649225457075</v>
      </c>
      <c r="K7075">
        <f t="shared" ref="K7075:K7138" si="792">IF($B7075&lt;6,AE$37*$D7075+AE$38*$E7075+AE$39*$F7075+AE$40*$G7075,AE$46*$D7075+AE$47*$E7075+AE$48*$F7075+AE$49*$G7075+AE$50*$H7075)</f>
        <v>0.21864847135139509</v>
      </c>
      <c r="L7075">
        <f t="shared" ref="L7075:L7138" si="793">IF($B7075&lt;6,AF$37*$D7075+AF$38*$E7075+AF$39*$F7075+AF$40*$G7075,AF$46*$D7075+AF$47*$E7075+AF$48*$F7075+AF$49*$G7075+AF$50*$H7075)</f>
        <v>0.10932423567569755</v>
      </c>
      <c r="M7075">
        <f t="shared" ref="M7075:M7138" si="794">IF($B7075&lt;6,AG$37*$D7075+AG$38*$E7075+AG$39*$F7075+AG$40*$G7075,AG$46*$D7075+AG$47*$E7075+AG$48*$F7075+AG$49*$G7075+AG$50*$H7075)</f>
        <v>0</v>
      </c>
      <c r="N7075" s="45">
        <f t="shared" si="788"/>
        <v>45220.374999982923</v>
      </c>
    </row>
    <row r="7076" spans="2:14" x14ac:dyDescent="0.25">
      <c r="B7076">
        <f t="shared" si="789"/>
        <v>6</v>
      </c>
      <c r="C7076" s="16">
        <v>7042</v>
      </c>
      <c r="D7076" cm="1">
        <f t="array" ref="D7076">IFERROR(INDEX(Jesper!AH$2:AH$366,ROUNDDOWN($C7076/24,0)+1,1)*INDEX($D$3:$AA$30,INDEX(Jesper!$R$2:$R$366,ROW(INDEX(Jesper!AH$2:AH$366,ROUNDDOWN($C7076/24,0)+1,1))-1)+IF('Standard Profiles'!$G$18=$B$10,7,0)+IF('Standard Profiles'!$G$18=$B$17,14,0)+IF('Standard Profiles'!$G$18=$B$24,21,0),MOD($C7076,24)+1)/SUM(INDEX($D$3:$AA$30,INDEX(Jesper!$R$2:$R$366,ROW(INDEX(Jesper!AH$2:AH$366,ROUNDDOWN($C7076/24,0)+1,1))-1)+IF('Standard Profiles'!$G$18=$B$10,7,0)+IF('Standard Profiles'!$G$18=$B$17,14,0)+IF('Standard Profiles'!$G$18=$B$24,21,0),0)),0)</f>
        <v>0</v>
      </c>
      <c r="E7076" cm="1">
        <f t="array" ref="E7076">IFERROR(INDEX(Jesper!AI$2:AI$366,ROUNDDOWN($C7076/24,0)+1,1)*INDEX($D$3:$AA$30,INDEX(Jesper!$R$2:$R$366,ROW(INDEX(Jesper!AI$2:AI$366,ROUNDDOWN($C7076/24,0)+1,1))-1)+IF('Standard Profiles'!$G$19=$B$10,7,0)+IF('Standard Profiles'!$G$19=$B$17,14,0)+IF('Standard Profiles'!$G$19=$B$24,21,0),MOD($C7076,24)+1)/SUM(INDEX($D$3:$AA$30,INDEX(Jesper!$R$2:$R$366,ROW(INDEX(Jesper!AI$2:AI$366,ROUNDDOWN($C7076/24,0)+1,1))-1)+IF('Standard Profiles'!$G$19=$B$10,7,0)+IF('Standard Profiles'!$G$19=$B$17,14,0)+IF('Standard Profiles'!$G$19=$B$24,21,0),0)),0)</f>
        <v>2.7331058918924387</v>
      </c>
      <c r="F7076" cm="1">
        <f t="array" ref="F7076">IFERROR(INDEX(Jesper!AJ$2:AJ$366,ROUNDDOWN($C7076/24,0)+1,1)*INDEX($D$3:$AA$30,INDEX(Jesper!$R$2:$R$366,ROW(INDEX(Jesper!AJ$2:AJ$366,ROUNDDOWN($C7076/24,0)+1,1))-1)+IF('Standard Profiles'!$G$20=$B$10,7,0)+IF('Standard Profiles'!$G$20=$B$17,14,0)+IF('Standard Profiles'!$G$20=$B$24,21,0),MOD($C7076,24)+1)/SUM(INDEX($D$3:$AA$30,INDEX(Jesper!$R$2:$R$366,ROW(INDEX(Jesper!AJ$2:AJ$366,ROUNDDOWN($C7076/24,0)+1,1))-1)+IF('Standard Profiles'!$G$20=$B$10,7,0)+IF('Standard Profiles'!$G$20=$B$17,14,0)+IF('Standard Profiles'!$G$20=$B$24,21,0),0)),0)</f>
        <v>1.2578192717779046</v>
      </c>
      <c r="G7076" cm="1">
        <f t="array" ref="G7076">IFERROR(INDEX(Jesper!AK$2:AK$366,ROUNDDOWN($C7076/24,0)+1,1)*INDEX($D$3:$AA$30,INDEX(Jesper!$R$2:$R$366,ROW(INDEX(Jesper!AK$2:AK$366,ROUNDDOWN($C7076/24,0)+1,1))-1)+IF('Standard Profiles'!$G$21=$B$10,7,0)+IF('Standard Profiles'!$G$21=$B$17,14,0)+IF('Standard Profiles'!$G$21=$B$24,21,0),MOD($C7076,24)+1)/SUM(INDEX($D$3:$AA$30,INDEX(Jesper!$R$2:$R$366,ROW(INDEX(Jesper!AK$2:AK$366,ROUNDDOWN($C7076/24,0)+1,1))-1)+IF('Standard Profiles'!$G$21=$B$10,7,0)+IF('Standard Profiles'!$G$21=$B$17,14,0)+IF('Standard Profiles'!$G$21=$B$24,21,0),0)),0)</f>
        <v>0.77583728146405395</v>
      </c>
      <c r="H7076" cm="1">
        <f t="array" ref="H7076">IFERROR(INDEX(Jesper!AL$2:AL$366,ROUNDDOWN($C7076/24,0)+1,1)*INDEX($D$3:$AA$30,INDEX(Jesper!$R$2:$R$366,ROW(INDEX(Jesper!AL$2:AL$366,ROUNDDOWN($C7076/24,0)+1,1))-1)+IF('Standard Profiles'!$G$22=$B$10,7,0)+IF('Standard Profiles'!$G$22=$B$17,14,0)+IF('Standard Profiles'!$G$22=$B$24,21,0),MOD($C7076,24)+1)/SUM(INDEX($D$3:$AA$30,INDEX(Jesper!$R$2:$R$366,ROW(INDEX(Jesper!AL$2:AL$366,ROUNDDOWN($C7076/24,0)+1,1))-1)+IF('Standard Profiles'!$G$22=$B$10,7,0)+IF('Standard Profiles'!$G$22=$B$17,14,0)+IF('Standard Profiles'!$G$22=$B$24,21,0),0)),0)</f>
        <v>0.52148718374426761</v>
      </c>
      <c r="I7076">
        <f t="shared" si="790"/>
        <v>0.50062769639449722</v>
      </c>
      <c r="J7076">
        <f t="shared" si="791"/>
        <v>4.459649225457075</v>
      </c>
      <c r="K7076">
        <f t="shared" si="792"/>
        <v>0.21864847135139509</v>
      </c>
      <c r="L7076">
        <f t="shared" si="793"/>
        <v>0.10932423567569755</v>
      </c>
      <c r="M7076">
        <f t="shared" si="794"/>
        <v>0</v>
      </c>
      <c r="N7076" s="45">
        <f t="shared" ref="N7076:N7139" si="795">N7075+1/24</f>
        <v>45220.416666649588</v>
      </c>
    </row>
    <row r="7077" spans="2:14" x14ac:dyDescent="0.25">
      <c r="B7077">
        <f t="shared" si="789"/>
        <v>6</v>
      </c>
      <c r="C7077" s="16">
        <v>7043</v>
      </c>
      <c r="D7077" cm="1">
        <f t="array" ref="D7077">IFERROR(INDEX(Jesper!AH$2:AH$366,ROUNDDOWN($C7077/24,0)+1,1)*INDEX($D$3:$AA$30,INDEX(Jesper!$R$2:$R$366,ROW(INDEX(Jesper!AH$2:AH$366,ROUNDDOWN($C7077/24,0)+1,1))-1)+IF('Standard Profiles'!$G$18=$B$10,7,0)+IF('Standard Profiles'!$G$18=$B$17,14,0)+IF('Standard Profiles'!$G$18=$B$24,21,0),MOD($C7077,24)+1)/SUM(INDEX($D$3:$AA$30,INDEX(Jesper!$R$2:$R$366,ROW(INDEX(Jesper!AH$2:AH$366,ROUNDDOWN($C7077/24,0)+1,1))-1)+IF('Standard Profiles'!$G$18=$B$10,7,0)+IF('Standard Profiles'!$G$18=$B$17,14,0)+IF('Standard Profiles'!$G$18=$B$24,21,0),0)),0)</f>
        <v>0</v>
      </c>
      <c r="E7077" cm="1">
        <f t="array" ref="E7077">IFERROR(INDEX(Jesper!AI$2:AI$366,ROUNDDOWN($C7077/24,0)+1,1)*INDEX($D$3:$AA$30,INDEX(Jesper!$R$2:$R$366,ROW(INDEX(Jesper!AI$2:AI$366,ROUNDDOWN($C7077/24,0)+1,1))-1)+IF('Standard Profiles'!$G$19=$B$10,7,0)+IF('Standard Profiles'!$G$19=$B$17,14,0)+IF('Standard Profiles'!$G$19=$B$24,21,0),MOD($C7077,24)+1)/SUM(INDEX($D$3:$AA$30,INDEX(Jesper!$R$2:$R$366,ROW(INDEX(Jesper!AI$2:AI$366,ROUNDDOWN($C7077/24,0)+1,1))-1)+IF('Standard Profiles'!$G$19=$B$10,7,0)+IF('Standard Profiles'!$G$19=$B$17,14,0)+IF('Standard Profiles'!$G$19=$B$24,21,0),0)),0)</f>
        <v>2.7331058918924387</v>
      </c>
      <c r="F7077" cm="1">
        <f t="array" ref="F7077">IFERROR(INDEX(Jesper!AJ$2:AJ$366,ROUNDDOWN($C7077/24,0)+1,1)*INDEX($D$3:$AA$30,INDEX(Jesper!$R$2:$R$366,ROW(INDEX(Jesper!AJ$2:AJ$366,ROUNDDOWN($C7077/24,0)+1,1))-1)+IF('Standard Profiles'!$G$20=$B$10,7,0)+IF('Standard Profiles'!$G$20=$B$17,14,0)+IF('Standard Profiles'!$G$20=$B$24,21,0),MOD($C7077,24)+1)/SUM(INDEX($D$3:$AA$30,INDEX(Jesper!$R$2:$R$366,ROW(INDEX(Jesper!AJ$2:AJ$366,ROUNDDOWN($C7077/24,0)+1,1))-1)+IF('Standard Profiles'!$G$20=$B$10,7,0)+IF('Standard Profiles'!$G$20=$B$17,14,0)+IF('Standard Profiles'!$G$20=$B$24,21,0),0)),0)</f>
        <v>1.2578192717779046</v>
      </c>
      <c r="G7077" cm="1">
        <f t="array" ref="G7077">IFERROR(INDEX(Jesper!AK$2:AK$366,ROUNDDOWN($C7077/24,0)+1,1)*INDEX($D$3:$AA$30,INDEX(Jesper!$R$2:$R$366,ROW(INDEX(Jesper!AK$2:AK$366,ROUNDDOWN($C7077/24,0)+1,1))-1)+IF('Standard Profiles'!$G$21=$B$10,7,0)+IF('Standard Profiles'!$G$21=$B$17,14,0)+IF('Standard Profiles'!$G$21=$B$24,21,0),MOD($C7077,24)+1)/SUM(INDEX($D$3:$AA$30,INDEX(Jesper!$R$2:$R$366,ROW(INDEX(Jesper!AK$2:AK$366,ROUNDDOWN($C7077/24,0)+1,1))-1)+IF('Standard Profiles'!$G$21=$B$10,7,0)+IF('Standard Profiles'!$G$21=$B$17,14,0)+IF('Standard Profiles'!$G$21=$B$24,21,0),0)),0)</f>
        <v>0.77583728146405395</v>
      </c>
      <c r="H7077" cm="1">
        <f t="array" ref="H7077">IFERROR(INDEX(Jesper!AL$2:AL$366,ROUNDDOWN($C7077/24,0)+1,1)*INDEX($D$3:$AA$30,INDEX(Jesper!$R$2:$R$366,ROW(INDEX(Jesper!AL$2:AL$366,ROUNDDOWN($C7077/24,0)+1,1))-1)+IF('Standard Profiles'!$G$22=$B$10,7,0)+IF('Standard Profiles'!$G$22=$B$17,14,0)+IF('Standard Profiles'!$G$22=$B$24,21,0),MOD($C7077,24)+1)/SUM(INDEX($D$3:$AA$30,INDEX(Jesper!$R$2:$R$366,ROW(INDEX(Jesper!AL$2:AL$366,ROUNDDOWN($C7077/24,0)+1,1))-1)+IF('Standard Profiles'!$G$22=$B$10,7,0)+IF('Standard Profiles'!$G$22=$B$17,14,0)+IF('Standard Profiles'!$G$22=$B$24,21,0),0)),0)</f>
        <v>0.52148718374426761</v>
      </c>
      <c r="I7077">
        <f t="shared" si="790"/>
        <v>0.50062769639449722</v>
      </c>
      <c r="J7077">
        <f t="shared" si="791"/>
        <v>4.459649225457075</v>
      </c>
      <c r="K7077">
        <f t="shared" si="792"/>
        <v>0.21864847135139509</v>
      </c>
      <c r="L7077">
        <f t="shared" si="793"/>
        <v>0.10932423567569755</v>
      </c>
      <c r="M7077">
        <f t="shared" si="794"/>
        <v>0</v>
      </c>
      <c r="N7077" s="45">
        <f t="shared" si="795"/>
        <v>45220.458333316252</v>
      </c>
    </row>
    <row r="7078" spans="2:14" x14ac:dyDescent="0.25">
      <c r="B7078">
        <f t="shared" si="789"/>
        <v>6</v>
      </c>
      <c r="C7078" s="16">
        <v>7044</v>
      </c>
      <c r="D7078" cm="1">
        <f t="array" ref="D7078">IFERROR(INDEX(Jesper!AH$2:AH$366,ROUNDDOWN($C7078/24,0)+1,1)*INDEX($D$3:$AA$30,INDEX(Jesper!$R$2:$R$366,ROW(INDEX(Jesper!AH$2:AH$366,ROUNDDOWN($C7078/24,0)+1,1))-1)+IF('Standard Profiles'!$G$18=$B$10,7,0)+IF('Standard Profiles'!$G$18=$B$17,14,0)+IF('Standard Profiles'!$G$18=$B$24,21,0),MOD($C7078,24)+1)/SUM(INDEX($D$3:$AA$30,INDEX(Jesper!$R$2:$R$366,ROW(INDEX(Jesper!AH$2:AH$366,ROUNDDOWN($C7078/24,0)+1,1))-1)+IF('Standard Profiles'!$G$18=$B$10,7,0)+IF('Standard Profiles'!$G$18=$B$17,14,0)+IF('Standard Profiles'!$G$18=$B$24,21,0),0)),0)</f>
        <v>0</v>
      </c>
      <c r="E7078" cm="1">
        <f t="array" ref="E7078">IFERROR(INDEX(Jesper!AI$2:AI$366,ROUNDDOWN($C7078/24,0)+1,1)*INDEX($D$3:$AA$30,INDEX(Jesper!$R$2:$R$366,ROW(INDEX(Jesper!AI$2:AI$366,ROUNDDOWN($C7078/24,0)+1,1))-1)+IF('Standard Profiles'!$G$19=$B$10,7,0)+IF('Standard Profiles'!$G$19=$B$17,14,0)+IF('Standard Profiles'!$G$19=$B$24,21,0),MOD($C7078,24)+1)/SUM(INDEX($D$3:$AA$30,INDEX(Jesper!$R$2:$R$366,ROW(INDEX(Jesper!AI$2:AI$366,ROUNDDOWN($C7078/24,0)+1,1))-1)+IF('Standard Profiles'!$G$19=$B$10,7,0)+IF('Standard Profiles'!$G$19=$B$17,14,0)+IF('Standard Profiles'!$G$19=$B$24,21,0),0)),0)</f>
        <v>2.7331058918924387</v>
      </c>
      <c r="F7078" cm="1">
        <f t="array" ref="F7078">IFERROR(INDEX(Jesper!AJ$2:AJ$366,ROUNDDOWN($C7078/24,0)+1,1)*INDEX($D$3:$AA$30,INDEX(Jesper!$R$2:$R$366,ROW(INDEX(Jesper!AJ$2:AJ$366,ROUNDDOWN($C7078/24,0)+1,1))-1)+IF('Standard Profiles'!$G$20=$B$10,7,0)+IF('Standard Profiles'!$G$20=$B$17,14,0)+IF('Standard Profiles'!$G$20=$B$24,21,0),MOD($C7078,24)+1)/SUM(INDEX($D$3:$AA$30,INDEX(Jesper!$R$2:$R$366,ROW(INDEX(Jesper!AJ$2:AJ$366,ROUNDDOWN($C7078/24,0)+1,1))-1)+IF('Standard Profiles'!$G$20=$B$10,7,0)+IF('Standard Profiles'!$G$20=$B$17,14,0)+IF('Standard Profiles'!$G$20=$B$24,21,0),0)),0)</f>
        <v>1.2578192717779046</v>
      </c>
      <c r="G7078" cm="1">
        <f t="array" ref="G7078">IFERROR(INDEX(Jesper!AK$2:AK$366,ROUNDDOWN($C7078/24,0)+1,1)*INDEX($D$3:$AA$30,INDEX(Jesper!$R$2:$R$366,ROW(INDEX(Jesper!AK$2:AK$366,ROUNDDOWN($C7078/24,0)+1,1))-1)+IF('Standard Profiles'!$G$21=$B$10,7,0)+IF('Standard Profiles'!$G$21=$B$17,14,0)+IF('Standard Profiles'!$G$21=$B$24,21,0),MOD($C7078,24)+1)/SUM(INDEX($D$3:$AA$30,INDEX(Jesper!$R$2:$R$366,ROW(INDEX(Jesper!AK$2:AK$366,ROUNDDOWN($C7078/24,0)+1,1))-1)+IF('Standard Profiles'!$G$21=$B$10,7,0)+IF('Standard Profiles'!$G$21=$B$17,14,0)+IF('Standard Profiles'!$G$21=$B$24,21,0),0)),0)</f>
        <v>0.77583728146405395</v>
      </c>
      <c r="H7078" cm="1">
        <f t="array" ref="H7078">IFERROR(INDEX(Jesper!AL$2:AL$366,ROUNDDOWN($C7078/24,0)+1,1)*INDEX($D$3:$AA$30,INDEX(Jesper!$R$2:$R$366,ROW(INDEX(Jesper!AL$2:AL$366,ROUNDDOWN($C7078/24,0)+1,1))-1)+IF('Standard Profiles'!$G$22=$B$10,7,0)+IF('Standard Profiles'!$G$22=$B$17,14,0)+IF('Standard Profiles'!$G$22=$B$24,21,0),MOD($C7078,24)+1)/SUM(INDEX($D$3:$AA$30,INDEX(Jesper!$R$2:$R$366,ROW(INDEX(Jesper!AL$2:AL$366,ROUNDDOWN($C7078/24,0)+1,1))-1)+IF('Standard Profiles'!$G$22=$B$10,7,0)+IF('Standard Profiles'!$G$22=$B$17,14,0)+IF('Standard Profiles'!$G$22=$B$24,21,0),0)),0)</f>
        <v>0.52148718374426761</v>
      </c>
      <c r="I7078">
        <f t="shared" si="790"/>
        <v>0.50062769639449722</v>
      </c>
      <c r="J7078">
        <f t="shared" si="791"/>
        <v>4.459649225457075</v>
      </c>
      <c r="K7078">
        <f t="shared" si="792"/>
        <v>0.21864847135139509</v>
      </c>
      <c r="L7078">
        <f t="shared" si="793"/>
        <v>0.10932423567569755</v>
      </c>
      <c r="M7078">
        <f t="shared" si="794"/>
        <v>0</v>
      </c>
      <c r="N7078" s="45">
        <f t="shared" si="795"/>
        <v>45220.499999982916</v>
      </c>
    </row>
    <row r="7079" spans="2:14" x14ac:dyDescent="0.25">
      <c r="B7079">
        <f t="shared" si="789"/>
        <v>6</v>
      </c>
      <c r="C7079" s="16">
        <v>7045</v>
      </c>
      <c r="D7079" cm="1">
        <f t="array" ref="D7079">IFERROR(INDEX(Jesper!AH$2:AH$366,ROUNDDOWN($C7079/24,0)+1,1)*INDEX($D$3:$AA$30,INDEX(Jesper!$R$2:$R$366,ROW(INDEX(Jesper!AH$2:AH$366,ROUNDDOWN($C7079/24,0)+1,1))-1)+IF('Standard Profiles'!$G$18=$B$10,7,0)+IF('Standard Profiles'!$G$18=$B$17,14,0)+IF('Standard Profiles'!$G$18=$B$24,21,0),MOD($C7079,24)+1)/SUM(INDEX($D$3:$AA$30,INDEX(Jesper!$R$2:$R$366,ROW(INDEX(Jesper!AH$2:AH$366,ROUNDDOWN($C7079/24,0)+1,1))-1)+IF('Standard Profiles'!$G$18=$B$10,7,0)+IF('Standard Profiles'!$G$18=$B$17,14,0)+IF('Standard Profiles'!$G$18=$B$24,21,0),0)),0)</f>
        <v>0</v>
      </c>
      <c r="E7079" cm="1">
        <f t="array" ref="E7079">IFERROR(INDEX(Jesper!AI$2:AI$366,ROUNDDOWN($C7079/24,0)+1,1)*INDEX($D$3:$AA$30,INDEX(Jesper!$R$2:$R$366,ROW(INDEX(Jesper!AI$2:AI$366,ROUNDDOWN($C7079/24,0)+1,1))-1)+IF('Standard Profiles'!$G$19=$B$10,7,0)+IF('Standard Profiles'!$G$19=$B$17,14,0)+IF('Standard Profiles'!$G$19=$B$24,21,0),MOD($C7079,24)+1)/SUM(INDEX($D$3:$AA$30,INDEX(Jesper!$R$2:$R$366,ROW(INDEX(Jesper!AI$2:AI$366,ROUNDDOWN($C7079/24,0)+1,1))-1)+IF('Standard Profiles'!$G$19=$B$10,7,0)+IF('Standard Profiles'!$G$19=$B$17,14,0)+IF('Standard Profiles'!$G$19=$B$24,21,0),0)),0)</f>
        <v>2.7331058918924387</v>
      </c>
      <c r="F7079" cm="1">
        <f t="array" ref="F7079">IFERROR(INDEX(Jesper!AJ$2:AJ$366,ROUNDDOWN($C7079/24,0)+1,1)*INDEX($D$3:$AA$30,INDEX(Jesper!$R$2:$R$366,ROW(INDEX(Jesper!AJ$2:AJ$366,ROUNDDOWN($C7079/24,0)+1,1))-1)+IF('Standard Profiles'!$G$20=$B$10,7,0)+IF('Standard Profiles'!$G$20=$B$17,14,0)+IF('Standard Profiles'!$G$20=$B$24,21,0),MOD($C7079,24)+1)/SUM(INDEX($D$3:$AA$30,INDEX(Jesper!$R$2:$R$366,ROW(INDEX(Jesper!AJ$2:AJ$366,ROUNDDOWN($C7079/24,0)+1,1))-1)+IF('Standard Profiles'!$G$20=$B$10,7,0)+IF('Standard Profiles'!$G$20=$B$17,14,0)+IF('Standard Profiles'!$G$20=$B$24,21,0),0)),0)</f>
        <v>1.2578192717779046</v>
      </c>
      <c r="G7079" cm="1">
        <f t="array" ref="G7079">IFERROR(INDEX(Jesper!AK$2:AK$366,ROUNDDOWN($C7079/24,0)+1,1)*INDEX($D$3:$AA$30,INDEX(Jesper!$R$2:$R$366,ROW(INDEX(Jesper!AK$2:AK$366,ROUNDDOWN($C7079/24,0)+1,1))-1)+IF('Standard Profiles'!$G$21=$B$10,7,0)+IF('Standard Profiles'!$G$21=$B$17,14,0)+IF('Standard Profiles'!$G$21=$B$24,21,0),MOD($C7079,24)+1)/SUM(INDEX($D$3:$AA$30,INDEX(Jesper!$R$2:$R$366,ROW(INDEX(Jesper!AK$2:AK$366,ROUNDDOWN($C7079/24,0)+1,1))-1)+IF('Standard Profiles'!$G$21=$B$10,7,0)+IF('Standard Profiles'!$G$21=$B$17,14,0)+IF('Standard Profiles'!$G$21=$B$24,21,0),0)),0)</f>
        <v>0.77583728146405395</v>
      </c>
      <c r="H7079" cm="1">
        <f t="array" ref="H7079">IFERROR(INDEX(Jesper!AL$2:AL$366,ROUNDDOWN($C7079/24,0)+1,1)*INDEX($D$3:$AA$30,INDEX(Jesper!$R$2:$R$366,ROW(INDEX(Jesper!AL$2:AL$366,ROUNDDOWN($C7079/24,0)+1,1))-1)+IF('Standard Profiles'!$G$22=$B$10,7,0)+IF('Standard Profiles'!$G$22=$B$17,14,0)+IF('Standard Profiles'!$G$22=$B$24,21,0),MOD($C7079,24)+1)/SUM(INDEX($D$3:$AA$30,INDEX(Jesper!$R$2:$R$366,ROW(INDEX(Jesper!AL$2:AL$366,ROUNDDOWN($C7079/24,0)+1,1))-1)+IF('Standard Profiles'!$G$22=$B$10,7,0)+IF('Standard Profiles'!$G$22=$B$17,14,0)+IF('Standard Profiles'!$G$22=$B$24,21,0),0)),0)</f>
        <v>0.52148718374426761</v>
      </c>
      <c r="I7079">
        <f t="shared" si="790"/>
        <v>0.50062769639449722</v>
      </c>
      <c r="J7079">
        <f t="shared" si="791"/>
        <v>4.459649225457075</v>
      </c>
      <c r="K7079">
        <f t="shared" si="792"/>
        <v>0.21864847135139509</v>
      </c>
      <c r="L7079">
        <f t="shared" si="793"/>
        <v>0.10932423567569755</v>
      </c>
      <c r="M7079">
        <f t="shared" si="794"/>
        <v>0</v>
      </c>
      <c r="N7079" s="45">
        <f t="shared" si="795"/>
        <v>45220.54166664958</v>
      </c>
    </row>
    <row r="7080" spans="2:14" x14ac:dyDescent="0.25">
      <c r="B7080">
        <f t="shared" si="789"/>
        <v>6</v>
      </c>
      <c r="C7080" s="16">
        <v>7046</v>
      </c>
      <c r="D7080" cm="1">
        <f t="array" ref="D7080">IFERROR(INDEX(Jesper!AH$2:AH$366,ROUNDDOWN($C7080/24,0)+1,1)*INDEX($D$3:$AA$30,INDEX(Jesper!$R$2:$R$366,ROW(INDEX(Jesper!AH$2:AH$366,ROUNDDOWN($C7080/24,0)+1,1))-1)+IF('Standard Profiles'!$G$18=$B$10,7,0)+IF('Standard Profiles'!$G$18=$B$17,14,0)+IF('Standard Profiles'!$G$18=$B$24,21,0),MOD($C7080,24)+1)/SUM(INDEX($D$3:$AA$30,INDEX(Jesper!$R$2:$R$366,ROW(INDEX(Jesper!AH$2:AH$366,ROUNDDOWN($C7080/24,0)+1,1))-1)+IF('Standard Profiles'!$G$18=$B$10,7,0)+IF('Standard Profiles'!$G$18=$B$17,14,0)+IF('Standard Profiles'!$G$18=$B$24,21,0),0)),0)</f>
        <v>0</v>
      </c>
      <c r="E7080" cm="1">
        <f t="array" ref="E7080">IFERROR(INDEX(Jesper!AI$2:AI$366,ROUNDDOWN($C7080/24,0)+1,1)*INDEX($D$3:$AA$30,INDEX(Jesper!$R$2:$R$366,ROW(INDEX(Jesper!AI$2:AI$366,ROUNDDOWN($C7080/24,0)+1,1))-1)+IF('Standard Profiles'!$G$19=$B$10,7,0)+IF('Standard Profiles'!$G$19=$B$17,14,0)+IF('Standard Profiles'!$G$19=$B$24,21,0),MOD($C7080,24)+1)/SUM(INDEX($D$3:$AA$30,INDEX(Jesper!$R$2:$R$366,ROW(INDEX(Jesper!AI$2:AI$366,ROUNDDOWN($C7080/24,0)+1,1))-1)+IF('Standard Profiles'!$G$19=$B$10,7,0)+IF('Standard Profiles'!$G$19=$B$17,14,0)+IF('Standard Profiles'!$G$19=$B$24,21,0),0)),0)</f>
        <v>2.7331058918924387</v>
      </c>
      <c r="F7080" cm="1">
        <f t="array" ref="F7080">IFERROR(INDEX(Jesper!AJ$2:AJ$366,ROUNDDOWN($C7080/24,0)+1,1)*INDEX($D$3:$AA$30,INDEX(Jesper!$R$2:$R$366,ROW(INDEX(Jesper!AJ$2:AJ$366,ROUNDDOWN($C7080/24,0)+1,1))-1)+IF('Standard Profiles'!$G$20=$B$10,7,0)+IF('Standard Profiles'!$G$20=$B$17,14,0)+IF('Standard Profiles'!$G$20=$B$24,21,0),MOD($C7080,24)+1)/SUM(INDEX($D$3:$AA$30,INDEX(Jesper!$R$2:$R$366,ROW(INDEX(Jesper!AJ$2:AJ$366,ROUNDDOWN($C7080/24,0)+1,1))-1)+IF('Standard Profiles'!$G$20=$B$10,7,0)+IF('Standard Profiles'!$G$20=$B$17,14,0)+IF('Standard Profiles'!$G$20=$B$24,21,0),0)),0)</f>
        <v>1.2578192717779046</v>
      </c>
      <c r="G7080" cm="1">
        <f t="array" ref="G7080">IFERROR(INDEX(Jesper!AK$2:AK$366,ROUNDDOWN($C7080/24,0)+1,1)*INDEX($D$3:$AA$30,INDEX(Jesper!$R$2:$R$366,ROW(INDEX(Jesper!AK$2:AK$366,ROUNDDOWN($C7080/24,0)+1,1))-1)+IF('Standard Profiles'!$G$21=$B$10,7,0)+IF('Standard Profiles'!$G$21=$B$17,14,0)+IF('Standard Profiles'!$G$21=$B$24,21,0),MOD($C7080,24)+1)/SUM(INDEX($D$3:$AA$30,INDEX(Jesper!$R$2:$R$366,ROW(INDEX(Jesper!AK$2:AK$366,ROUNDDOWN($C7080/24,0)+1,1))-1)+IF('Standard Profiles'!$G$21=$B$10,7,0)+IF('Standard Profiles'!$G$21=$B$17,14,0)+IF('Standard Profiles'!$G$21=$B$24,21,0),0)),0)</f>
        <v>0.77583728146405395</v>
      </c>
      <c r="H7080" cm="1">
        <f t="array" ref="H7080">IFERROR(INDEX(Jesper!AL$2:AL$366,ROUNDDOWN($C7080/24,0)+1,1)*INDEX($D$3:$AA$30,INDEX(Jesper!$R$2:$R$366,ROW(INDEX(Jesper!AL$2:AL$366,ROUNDDOWN($C7080/24,0)+1,1))-1)+IF('Standard Profiles'!$G$22=$B$10,7,0)+IF('Standard Profiles'!$G$22=$B$17,14,0)+IF('Standard Profiles'!$G$22=$B$24,21,0),MOD($C7080,24)+1)/SUM(INDEX($D$3:$AA$30,INDEX(Jesper!$R$2:$R$366,ROW(INDEX(Jesper!AL$2:AL$366,ROUNDDOWN($C7080/24,0)+1,1))-1)+IF('Standard Profiles'!$G$22=$B$10,7,0)+IF('Standard Profiles'!$G$22=$B$17,14,0)+IF('Standard Profiles'!$G$22=$B$24,21,0),0)),0)</f>
        <v>0.52148718374426761</v>
      </c>
      <c r="I7080">
        <f t="shared" si="790"/>
        <v>0.50062769639449722</v>
      </c>
      <c r="J7080">
        <f t="shared" si="791"/>
        <v>4.459649225457075</v>
      </c>
      <c r="K7080">
        <f t="shared" si="792"/>
        <v>0.21864847135139509</v>
      </c>
      <c r="L7080">
        <f t="shared" si="793"/>
        <v>0.10932423567569755</v>
      </c>
      <c r="M7080">
        <f t="shared" si="794"/>
        <v>0</v>
      </c>
      <c r="N7080" s="45">
        <f t="shared" si="795"/>
        <v>45220.583333316245</v>
      </c>
    </row>
    <row r="7081" spans="2:14" x14ac:dyDescent="0.25">
      <c r="B7081">
        <f t="shared" si="789"/>
        <v>6</v>
      </c>
      <c r="C7081" s="16">
        <v>7047</v>
      </c>
      <c r="D7081" cm="1">
        <f t="array" ref="D7081">IFERROR(INDEX(Jesper!AH$2:AH$366,ROUNDDOWN($C7081/24,0)+1,1)*INDEX($D$3:$AA$30,INDEX(Jesper!$R$2:$R$366,ROW(INDEX(Jesper!AH$2:AH$366,ROUNDDOWN($C7081/24,0)+1,1))-1)+IF('Standard Profiles'!$G$18=$B$10,7,0)+IF('Standard Profiles'!$G$18=$B$17,14,0)+IF('Standard Profiles'!$G$18=$B$24,21,0),MOD($C7081,24)+1)/SUM(INDEX($D$3:$AA$30,INDEX(Jesper!$R$2:$R$366,ROW(INDEX(Jesper!AH$2:AH$366,ROUNDDOWN($C7081/24,0)+1,1))-1)+IF('Standard Profiles'!$G$18=$B$10,7,0)+IF('Standard Profiles'!$G$18=$B$17,14,0)+IF('Standard Profiles'!$G$18=$B$24,21,0),0)),0)</f>
        <v>0</v>
      </c>
      <c r="E7081" cm="1">
        <f t="array" ref="E7081">IFERROR(INDEX(Jesper!AI$2:AI$366,ROUNDDOWN($C7081/24,0)+1,1)*INDEX($D$3:$AA$30,INDEX(Jesper!$R$2:$R$366,ROW(INDEX(Jesper!AI$2:AI$366,ROUNDDOWN($C7081/24,0)+1,1))-1)+IF('Standard Profiles'!$G$19=$B$10,7,0)+IF('Standard Profiles'!$G$19=$B$17,14,0)+IF('Standard Profiles'!$G$19=$B$24,21,0),MOD($C7081,24)+1)/SUM(INDEX($D$3:$AA$30,INDEX(Jesper!$R$2:$R$366,ROW(INDEX(Jesper!AI$2:AI$366,ROUNDDOWN($C7081/24,0)+1,1))-1)+IF('Standard Profiles'!$G$19=$B$10,7,0)+IF('Standard Profiles'!$G$19=$B$17,14,0)+IF('Standard Profiles'!$G$19=$B$24,21,0),0)),0)</f>
        <v>2.7331058918924387</v>
      </c>
      <c r="F7081" cm="1">
        <f t="array" ref="F7081">IFERROR(INDEX(Jesper!AJ$2:AJ$366,ROUNDDOWN($C7081/24,0)+1,1)*INDEX($D$3:$AA$30,INDEX(Jesper!$R$2:$R$366,ROW(INDEX(Jesper!AJ$2:AJ$366,ROUNDDOWN($C7081/24,0)+1,1))-1)+IF('Standard Profiles'!$G$20=$B$10,7,0)+IF('Standard Profiles'!$G$20=$B$17,14,0)+IF('Standard Profiles'!$G$20=$B$24,21,0),MOD($C7081,24)+1)/SUM(INDEX($D$3:$AA$30,INDEX(Jesper!$R$2:$R$366,ROW(INDEX(Jesper!AJ$2:AJ$366,ROUNDDOWN($C7081/24,0)+1,1))-1)+IF('Standard Profiles'!$G$20=$B$10,7,0)+IF('Standard Profiles'!$G$20=$B$17,14,0)+IF('Standard Profiles'!$G$20=$B$24,21,0),0)),0)</f>
        <v>1.2578192717779046</v>
      </c>
      <c r="G7081" cm="1">
        <f t="array" ref="G7081">IFERROR(INDEX(Jesper!AK$2:AK$366,ROUNDDOWN($C7081/24,0)+1,1)*INDEX($D$3:$AA$30,INDEX(Jesper!$R$2:$R$366,ROW(INDEX(Jesper!AK$2:AK$366,ROUNDDOWN($C7081/24,0)+1,1))-1)+IF('Standard Profiles'!$G$21=$B$10,7,0)+IF('Standard Profiles'!$G$21=$B$17,14,0)+IF('Standard Profiles'!$G$21=$B$24,21,0),MOD($C7081,24)+1)/SUM(INDEX($D$3:$AA$30,INDEX(Jesper!$R$2:$R$366,ROW(INDEX(Jesper!AK$2:AK$366,ROUNDDOWN($C7081/24,0)+1,1))-1)+IF('Standard Profiles'!$G$21=$B$10,7,0)+IF('Standard Profiles'!$G$21=$B$17,14,0)+IF('Standard Profiles'!$G$21=$B$24,21,0),0)),0)</f>
        <v>0.77583728146405395</v>
      </c>
      <c r="H7081" cm="1">
        <f t="array" ref="H7081">IFERROR(INDEX(Jesper!AL$2:AL$366,ROUNDDOWN($C7081/24,0)+1,1)*INDEX($D$3:$AA$30,INDEX(Jesper!$R$2:$R$366,ROW(INDEX(Jesper!AL$2:AL$366,ROUNDDOWN($C7081/24,0)+1,1))-1)+IF('Standard Profiles'!$G$22=$B$10,7,0)+IF('Standard Profiles'!$G$22=$B$17,14,0)+IF('Standard Profiles'!$G$22=$B$24,21,0),MOD($C7081,24)+1)/SUM(INDEX($D$3:$AA$30,INDEX(Jesper!$R$2:$R$366,ROW(INDEX(Jesper!AL$2:AL$366,ROUNDDOWN($C7081/24,0)+1,1))-1)+IF('Standard Profiles'!$G$22=$B$10,7,0)+IF('Standard Profiles'!$G$22=$B$17,14,0)+IF('Standard Profiles'!$G$22=$B$24,21,0),0)),0)</f>
        <v>0.47148156338522823</v>
      </c>
      <c r="I7081">
        <f t="shared" si="790"/>
        <v>0.45262230084981936</v>
      </c>
      <c r="J7081">
        <f t="shared" si="791"/>
        <v>4.4576490006427134</v>
      </c>
      <c r="K7081">
        <f t="shared" si="792"/>
        <v>0.21864847135139509</v>
      </c>
      <c r="L7081">
        <f t="shared" si="793"/>
        <v>0.10932423567569755</v>
      </c>
      <c r="M7081">
        <f t="shared" si="794"/>
        <v>0</v>
      </c>
      <c r="N7081" s="45">
        <f t="shared" si="795"/>
        <v>45220.624999982909</v>
      </c>
    </row>
    <row r="7082" spans="2:14" x14ac:dyDescent="0.25">
      <c r="B7082">
        <f t="shared" si="789"/>
        <v>6</v>
      </c>
      <c r="C7082" s="16">
        <v>7048</v>
      </c>
      <c r="D7082" cm="1">
        <f t="array" ref="D7082">IFERROR(INDEX(Jesper!AH$2:AH$366,ROUNDDOWN($C7082/24,0)+1,1)*INDEX($D$3:$AA$30,INDEX(Jesper!$R$2:$R$366,ROW(INDEX(Jesper!AH$2:AH$366,ROUNDDOWN($C7082/24,0)+1,1))-1)+IF('Standard Profiles'!$G$18=$B$10,7,0)+IF('Standard Profiles'!$G$18=$B$17,14,0)+IF('Standard Profiles'!$G$18=$B$24,21,0),MOD($C7082,24)+1)/SUM(INDEX($D$3:$AA$30,INDEX(Jesper!$R$2:$R$366,ROW(INDEX(Jesper!AH$2:AH$366,ROUNDDOWN($C7082/24,0)+1,1))-1)+IF('Standard Profiles'!$G$18=$B$10,7,0)+IF('Standard Profiles'!$G$18=$B$17,14,0)+IF('Standard Profiles'!$G$18=$B$24,21,0),0)),0)</f>
        <v>0</v>
      </c>
      <c r="E7082" cm="1">
        <f t="array" ref="E7082">IFERROR(INDEX(Jesper!AI$2:AI$366,ROUNDDOWN($C7082/24,0)+1,1)*INDEX($D$3:$AA$30,INDEX(Jesper!$R$2:$R$366,ROW(INDEX(Jesper!AI$2:AI$366,ROUNDDOWN($C7082/24,0)+1,1))-1)+IF('Standard Profiles'!$G$19=$B$10,7,0)+IF('Standard Profiles'!$G$19=$B$17,14,0)+IF('Standard Profiles'!$G$19=$B$24,21,0),MOD($C7082,24)+1)/SUM(INDEX($D$3:$AA$30,INDEX(Jesper!$R$2:$R$366,ROW(INDEX(Jesper!AI$2:AI$366,ROUNDDOWN($C7082/24,0)+1,1))-1)+IF('Standard Profiles'!$G$19=$B$10,7,0)+IF('Standard Profiles'!$G$19=$B$17,14,0)+IF('Standard Profiles'!$G$19=$B$24,21,0),0)),0)</f>
        <v>2.7331058918924387</v>
      </c>
      <c r="F7082" cm="1">
        <f t="array" ref="F7082">IFERROR(INDEX(Jesper!AJ$2:AJ$366,ROUNDDOWN($C7082/24,0)+1,1)*INDEX($D$3:$AA$30,INDEX(Jesper!$R$2:$R$366,ROW(INDEX(Jesper!AJ$2:AJ$366,ROUNDDOWN($C7082/24,0)+1,1))-1)+IF('Standard Profiles'!$G$20=$B$10,7,0)+IF('Standard Profiles'!$G$20=$B$17,14,0)+IF('Standard Profiles'!$G$20=$B$24,21,0),MOD($C7082,24)+1)/SUM(INDEX($D$3:$AA$30,INDEX(Jesper!$R$2:$R$366,ROW(INDEX(Jesper!AJ$2:AJ$366,ROUNDDOWN($C7082/24,0)+1,1))-1)+IF('Standard Profiles'!$G$20=$B$10,7,0)+IF('Standard Profiles'!$G$20=$B$17,14,0)+IF('Standard Profiles'!$G$20=$B$24,21,0),0)),0)</f>
        <v>1.2578192717779046</v>
      </c>
      <c r="G7082" cm="1">
        <f t="array" ref="G7082">IFERROR(INDEX(Jesper!AK$2:AK$366,ROUNDDOWN($C7082/24,0)+1,1)*INDEX($D$3:$AA$30,INDEX(Jesper!$R$2:$R$366,ROW(INDEX(Jesper!AK$2:AK$366,ROUNDDOWN($C7082/24,0)+1,1))-1)+IF('Standard Profiles'!$G$21=$B$10,7,0)+IF('Standard Profiles'!$G$21=$B$17,14,0)+IF('Standard Profiles'!$G$21=$B$24,21,0),MOD($C7082,24)+1)/SUM(INDEX($D$3:$AA$30,INDEX(Jesper!$R$2:$R$366,ROW(INDEX(Jesper!AK$2:AK$366,ROUNDDOWN($C7082/24,0)+1,1))-1)+IF('Standard Profiles'!$G$21=$B$10,7,0)+IF('Standard Profiles'!$G$21=$B$17,14,0)+IF('Standard Profiles'!$G$21=$B$24,21,0),0)),0)</f>
        <v>0.77583728146405395</v>
      </c>
      <c r="H7082" cm="1">
        <f t="array" ref="H7082">IFERROR(INDEX(Jesper!AL$2:AL$366,ROUNDDOWN($C7082/24,0)+1,1)*INDEX($D$3:$AA$30,INDEX(Jesper!$R$2:$R$366,ROW(INDEX(Jesper!AL$2:AL$366,ROUNDDOWN($C7082/24,0)+1,1))-1)+IF('Standard Profiles'!$G$22=$B$10,7,0)+IF('Standard Profiles'!$G$22=$B$17,14,0)+IF('Standard Profiles'!$G$22=$B$24,21,0),MOD($C7082,24)+1)/SUM(INDEX($D$3:$AA$30,INDEX(Jesper!$R$2:$R$366,ROW(INDEX(Jesper!AL$2:AL$366,ROUNDDOWN($C7082/24,0)+1,1))-1)+IF('Standard Profiles'!$G$22=$B$10,7,0)+IF('Standard Profiles'!$G$22=$B$17,14,0)+IF('Standard Profiles'!$G$22=$B$24,21,0),0)),0)</f>
        <v>0.4286196030774802</v>
      </c>
      <c r="I7082">
        <f t="shared" si="790"/>
        <v>0.41147481895438121</v>
      </c>
      <c r="J7082">
        <f t="shared" si="791"/>
        <v>4.4559345222304039</v>
      </c>
      <c r="K7082">
        <f t="shared" si="792"/>
        <v>0.21864847135139509</v>
      </c>
      <c r="L7082">
        <f t="shared" si="793"/>
        <v>0.10932423567569755</v>
      </c>
      <c r="M7082">
        <f t="shared" si="794"/>
        <v>0</v>
      </c>
      <c r="N7082" s="45">
        <f t="shared" si="795"/>
        <v>45220.666666649573</v>
      </c>
    </row>
    <row r="7083" spans="2:14" x14ac:dyDescent="0.25">
      <c r="B7083">
        <f t="shared" si="789"/>
        <v>6</v>
      </c>
      <c r="C7083" s="16">
        <v>7049</v>
      </c>
      <c r="D7083" cm="1">
        <f t="array" ref="D7083">IFERROR(INDEX(Jesper!AH$2:AH$366,ROUNDDOWN($C7083/24,0)+1,1)*INDEX($D$3:$AA$30,INDEX(Jesper!$R$2:$R$366,ROW(INDEX(Jesper!AH$2:AH$366,ROUNDDOWN($C7083/24,0)+1,1))-1)+IF('Standard Profiles'!$G$18=$B$10,7,0)+IF('Standard Profiles'!$G$18=$B$17,14,0)+IF('Standard Profiles'!$G$18=$B$24,21,0),MOD($C7083,24)+1)/SUM(INDEX($D$3:$AA$30,INDEX(Jesper!$R$2:$R$366,ROW(INDEX(Jesper!AH$2:AH$366,ROUNDDOWN($C7083/24,0)+1,1))-1)+IF('Standard Profiles'!$G$18=$B$10,7,0)+IF('Standard Profiles'!$G$18=$B$17,14,0)+IF('Standard Profiles'!$G$18=$B$24,21,0),0)),0)</f>
        <v>0</v>
      </c>
      <c r="E7083" cm="1">
        <f t="array" ref="E7083">IFERROR(INDEX(Jesper!AI$2:AI$366,ROUNDDOWN($C7083/24,0)+1,1)*INDEX($D$3:$AA$30,INDEX(Jesper!$R$2:$R$366,ROW(INDEX(Jesper!AI$2:AI$366,ROUNDDOWN($C7083/24,0)+1,1))-1)+IF('Standard Profiles'!$G$19=$B$10,7,0)+IF('Standard Profiles'!$G$19=$B$17,14,0)+IF('Standard Profiles'!$G$19=$B$24,21,0),MOD($C7083,24)+1)/SUM(INDEX($D$3:$AA$30,INDEX(Jesper!$R$2:$R$366,ROW(INDEX(Jesper!AI$2:AI$366,ROUNDDOWN($C7083/24,0)+1,1))-1)+IF('Standard Profiles'!$G$19=$B$10,7,0)+IF('Standard Profiles'!$G$19=$B$17,14,0)+IF('Standard Profiles'!$G$19=$B$24,21,0),0)),0)</f>
        <v>2.7331058918924387</v>
      </c>
      <c r="F7083" cm="1">
        <f t="array" ref="F7083">IFERROR(INDEX(Jesper!AJ$2:AJ$366,ROUNDDOWN($C7083/24,0)+1,1)*INDEX($D$3:$AA$30,INDEX(Jesper!$R$2:$R$366,ROW(INDEX(Jesper!AJ$2:AJ$366,ROUNDDOWN($C7083/24,0)+1,1))-1)+IF('Standard Profiles'!$G$20=$B$10,7,0)+IF('Standard Profiles'!$G$20=$B$17,14,0)+IF('Standard Profiles'!$G$20=$B$24,21,0),MOD($C7083,24)+1)/SUM(INDEX($D$3:$AA$30,INDEX(Jesper!$R$2:$R$366,ROW(INDEX(Jesper!AJ$2:AJ$366,ROUNDDOWN($C7083/24,0)+1,1))-1)+IF('Standard Profiles'!$G$20=$B$10,7,0)+IF('Standard Profiles'!$G$20=$B$17,14,0)+IF('Standard Profiles'!$G$20=$B$24,21,0),0)),0)</f>
        <v>1.2578192717779046</v>
      </c>
      <c r="G7083" cm="1">
        <f t="array" ref="G7083">IFERROR(INDEX(Jesper!AK$2:AK$366,ROUNDDOWN($C7083/24,0)+1,1)*INDEX($D$3:$AA$30,INDEX(Jesper!$R$2:$R$366,ROW(INDEX(Jesper!AK$2:AK$366,ROUNDDOWN($C7083/24,0)+1,1))-1)+IF('Standard Profiles'!$G$21=$B$10,7,0)+IF('Standard Profiles'!$G$21=$B$17,14,0)+IF('Standard Profiles'!$G$21=$B$24,21,0),MOD($C7083,24)+1)/SUM(INDEX($D$3:$AA$30,INDEX(Jesper!$R$2:$R$366,ROW(INDEX(Jesper!AK$2:AK$366,ROUNDDOWN($C7083/24,0)+1,1))-1)+IF('Standard Profiles'!$G$21=$B$10,7,0)+IF('Standard Profiles'!$G$21=$B$17,14,0)+IF('Standard Profiles'!$G$21=$B$24,21,0),0)),0)</f>
        <v>0.77583728146405395</v>
      </c>
      <c r="H7083" cm="1">
        <f t="array" ref="H7083">IFERROR(INDEX(Jesper!AL$2:AL$366,ROUNDDOWN($C7083/24,0)+1,1)*INDEX($D$3:$AA$30,INDEX(Jesper!$R$2:$R$366,ROW(INDEX(Jesper!AL$2:AL$366,ROUNDDOWN($C7083/24,0)+1,1))-1)+IF('Standard Profiles'!$G$22=$B$10,7,0)+IF('Standard Profiles'!$G$22=$B$17,14,0)+IF('Standard Profiles'!$G$22=$B$24,21,0),MOD($C7083,24)+1)/SUM(INDEX($D$3:$AA$30,INDEX(Jesper!$R$2:$R$366,ROW(INDEX(Jesper!AL$2:AL$366,ROUNDDOWN($C7083/24,0)+1,1))-1)+IF('Standard Profiles'!$G$22=$B$10,7,0)+IF('Standard Profiles'!$G$22=$B$17,14,0)+IF('Standard Profiles'!$G$22=$B$24,21,0),0)),0)</f>
        <v>0.38575764276973223</v>
      </c>
      <c r="I7083">
        <f t="shared" si="790"/>
        <v>0.37032733705894316</v>
      </c>
      <c r="J7083">
        <f t="shared" si="791"/>
        <v>4.4542200438180943</v>
      </c>
      <c r="K7083">
        <f t="shared" si="792"/>
        <v>0.21864847135139509</v>
      </c>
      <c r="L7083">
        <f t="shared" si="793"/>
        <v>0.10932423567569755</v>
      </c>
      <c r="M7083">
        <f t="shared" si="794"/>
        <v>0</v>
      </c>
      <c r="N7083" s="45">
        <f t="shared" si="795"/>
        <v>45220.708333316237</v>
      </c>
    </row>
    <row r="7084" spans="2:14" x14ac:dyDescent="0.25">
      <c r="B7084">
        <f t="shared" si="789"/>
        <v>6</v>
      </c>
      <c r="C7084" s="16">
        <v>7050</v>
      </c>
      <c r="D7084" cm="1">
        <f t="array" ref="D7084">IFERROR(INDEX(Jesper!AH$2:AH$366,ROUNDDOWN($C7084/24,0)+1,1)*INDEX($D$3:$AA$30,INDEX(Jesper!$R$2:$R$366,ROW(INDEX(Jesper!AH$2:AH$366,ROUNDDOWN($C7084/24,0)+1,1))-1)+IF('Standard Profiles'!$G$18=$B$10,7,0)+IF('Standard Profiles'!$G$18=$B$17,14,0)+IF('Standard Profiles'!$G$18=$B$24,21,0),MOD($C7084,24)+1)/SUM(INDEX($D$3:$AA$30,INDEX(Jesper!$R$2:$R$366,ROW(INDEX(Jesper!AH$2:AH$366,ROUNDDOWN($C7084/24,0)+1,1))-1)+IF('Standard Profiles'!$G$18=$B$10,7,0)+IF('Standard Profiles'!$G$18=$B$17,14,0)+IF('Standard Profiles'!$G$18=$B$24,21,0),0)),0)</f>
        <v>0</v>
      </c>
      <c r="E7084" cm="1">
        <f t="array" ref="E7084">IFERROR(INDEX(Jesper!AI$2:AI$366,ROUNDDOWN($C7084/24,0)+1,1)*INDEX($D$3:$AA$30,INDEX(Jesper!$R$2:$R$366,ROW(INDEX(Jesper!AI$2:AI$366,ROUNDDOWN($C7084/24,0)+1,1))-1)+IF('Standard Profiles'!$G$19=$B$10,7,0)+IF('Standard Profiles'!$G$19=$B$17,14,0)+IF('Standard Profiles'!$G$19=$B$24,21,0),MOD($C7084,24)+1)/SUM(INDEX($D$3:$AA$30,INDEX(Jesper!$R$2:$R$366,ROW(INDEX(Jesper!AI$2:AI$366,ROUNDDOWN($C7084/24,0)+1,1))-1)+IF('Standard Profiles'!$G$19=$B$10,7,0)+IF('Standard Profiles'!$G$19=$B$17,14,0)+IF('Standard Profiles'!$G$19=$B$24,21,0),0)),0)</f>
        <v>2.7331058918924387</v>
      </c>
      <c r="F7084" cm="1">
        <f t="array" ref="F7084">IFERROR(INDEX(Jesper!AJ$2:AJ$366,ROUNDDOWN($C7084/24,0)+1,1)*INDEX($D$3:$AA$30,INDEX(Jesper!$R$2:$R$366,ROW(INDEX(Jesper!AJ$2:AJ$366,ROUNDDOWN($C7084/24,0)+1,1))-1)+IF('Standard Profiles'!$G$20=$B$10,7,0)+IF('Standard Profiles'!$G$20=$B$17,14,0)+IF('Standard Profiles'!$G$20=$B$24,21,0),MOD($C7084,24)+1)/SUM(INDEX($D$3:$AA$30,INDEX(Jesper!$R$2:$R$366,ROW(INDEX(Jesper!AJ$2:AJ$366,ROUNDDOWN($C7084/24,0)+1,1))-1)+IF('Standard Profiles'!$G$20=$B$10,7,0)+IF('Standard Profiles'!$G$20=$B$17,14,0)+IF('Standard Profiles'!$G$20=$B$24,21,0),0)),0)</f>
        <v>1.2578192717779046</v>
      </c>
      <c r="G7084" cm="1">
        <f t="array" ref="G7084">IFERROR(INDEX(Jesper!AK$2:AK$366,ROUNDDOWN($C7084/24,0)+1,1)*INDEX($D$3:$AA$30,INDEX(Jesper!$R$2:$R$366,ROW(INDEX(Jesper!AK$2:AK$366,ROUNDDOWN($C7084/24,0)+1,1))-1)+IF('Standard Profiles'!$G$21=$B$10,7,0)+IF('Standard Profiles'!$G$21=$B$17,14,0)+IF('Standard Profiles'!$G$21=$B$24,21,0),MOD($C7084,24)+1)/SUM(INDEX($D$3:$AA$30,INDEX(Jesper!$R$2:$R$366,ROW(INDEX(Jesper!AK$2:AK$366,ROUNDDOWN($C7084/24,0)+1,1))-1)+IF('Standard Profiles'!$G$21=$B$10,7,0)+IF('Standard Profiles'!$G$21=$B$17,14,0)+IF('Standard Profiles'!$G$21=$B$24,21,0),0)),0)</f>
        <v>0.77583728146405395</v>
      </c>
      <c r="H7084" cm="1">
        <f t="array" ref="H7084">IFERROR(INDEX(Jesper!AL$2:AL$366,ROUNDDOWN($C7084/24,0)+1,1)*INDEX($D$3:$AA$30,INDEX(Jesper!$R$2:$R$366,ROW(INDEX(Jesper!AL$2:AL$366,ROUNDDOWN($C7084/24,0)+1,1))-1)+IF('Standard Profiles'!$G$22=$B$10,7,0)+IF('Standard Profiles'!$G$22=$B$17,14,0)+IF('Standard Profiles'!$G$22=$B$24,21,0),MOD($C7084,24)+1)/SUM(INDEX($D$3:$AA$30,INDEX(Jesper!$R$2:$R$366,ROW(INDEX(Jesper!AL$2:AL$366,ROUNDDOWN($C7084/24,0)+1,1))-1)+IF('Standard Profiles'!$G$22=$B$10,7,0)+IF('Standard Profiles'!$G$22=$B$17,14,0)+IF('Standard Profiles'!$G$22=$B$24,21,0),0)),0)</f>
        <v>0.37147032266714952</v>
      </c>
      <c r="I7084">
        <f t="shared" si="790"/>
        <v>0.35661150976046374</v>
      </c>
      <c r="J7084">
        <f t="shared" si="791"/>
        <v>4.4536485510139903</v>
      </c>
      <c r="K7084">
        <f t="shared" si="792"/>
        <v>0.21864847135139509</v>
      </c>
      <c r="L7084">
        <f t="shared" si="793"/>
        <v>0.10932423567569755</v>
      </c>
      <c r="M7084">
        <f t="shared" si="794"/>
        <v>0</v>
      </c>
      <c r="N7084" s="45">
        <f t="shared" si="795"/>
        <v>45220.749999982901</v>
      </c>
    </row>
    <row r="7085" spans="2:14" x14ac:dyDescent="0.25">
      <c r="B7085">
        <f t="shared" si="789"/>
        <v>6</v>
      </c>
      <c r="C7085" s="16">
        <v>7051</v>
      </c>
      <c r="D7085" cm="1">
        <f t="array" ref="D7085">IFERROR(INDEX(Jesper!AH$2:AH$366,ROUNDDOWN($C7085/24,0)+1,1)*INDEX($D$3:$AA$30,INDEX(Jesper!$R$2:$R$366,ROW(INDEX(Jesper!AH$2:AH$366,ROUNDDOWN($C7085/24,0)+1,1))-1)+IF('Standard Profiles'!$G$18=$B$10,7,0)+IF('Standard Profiles'!$G$18=$B$17,14,0)+IF('Standard Profiles'!$G$18=$B$24,21,0),MOD($C7085,24)+1)/SUM(INDEX($D$3:$AA$30,INDEX(Jesper!$R$2:$R$366,ROW(INDEX(Jesper!AH$2:AH$366,ROUNDDOWN($C7085/24,0)+1,1))-1)+IF('Standard Profiles'!$G$18=$B$10,7,0)+IF('Standard Profiles'!$G$18=$B$17,14,0)+IF('Standard Profiles'!$G$18=$B$24,21,0),0)),0)</f>
        <v>0</v>
      </c>
      <c r="E7085" cm="1">
        <f t="array" ref="E7085">IFERROR(INDEX(Jesper!AI$2:AI$366,ROUNDDOWN($C7085/24,0)+1,1)*INDEX($D$3:$AA$30,INDEX(Jesper!$R$2:$R$366,ROW(INDEX(Jesper!AI$2:AI$366,ROUNDDOWN($C7085/24,0)+1,1))-1)+IF('Standard Profiles'!$G$19=$B$10,7,0)+IF('Standard Profiles'!$G$19=$B$17,14,0)+IF('Standard Profiles'!$G$19=$B$24,21,0),MOD($C7085,24)+1)/SUM(INDEX($D$3:$AA$30,INDEX(Jesper!$R$2:$R$366,ROW(INDEX(Jesper!AI$2:AI$366,ROUNDDOWN($C7085/24,0)+1,1))-1)+IF('Standard Profiles'!$G$19=$B$10,7,0)+IF('Standard Profiles'!$G$19=$B$17,14,0)+IF('Standard Profiles'!$G$19=$B$24,21,0),0)),0)</f>
        <v>2.7331058918924387</v>
      </c>
      <c r="F7085" cm="1">
        <f t="array" ref="F7085">IFERROR(INDEX(Jesper!AJ$2:AJ$366,ROUNDDOWN($C7085/24,0)+1,1)*INDEX($D$3:$AA$30,INDEX(Jesper!$R$2:$R$366,ROW(INDEX(Jesper!AJ$2:AJ$366,ROUNDDOWN($C7085/24,0)+1,1))-1)+IF('Standard Profiles'!$G$20=$B$10,7,0)+IF('Standard Profiles'!$G$20=$B$17,14,0)+IF('Standard Profiles'!$G$20=$B$24,21,0),MOD($C7085,24)+1)/SUM(INDEX($D$3:$AA$30,INDEX(Jesper!$R$2:$R$366,ROW(INDEX(Jesper!AJ$2:AJ$366,ROUNDDOWN($C7085/24,0)+1,1))-1)+IF('Standard Profiles'!$G$20=$B$10,7,0)+IF('Standard Profiles'!$G$20=$B$17,14,0)+IF('Standard Profiles'!$G$20=$B$24,21,0),0)),0)</f>
        <v>1.2578192717779046</v>
      </c>
      <c r="G7085" cm="1">
        <f t="array" ref="G7085">IFERROR(INDEX(Jesper!AK$2:AK$366,ROUNDDOWN($C7085/24,0)+1,1)*INDEX($D$3:$AA$30,INDEX(Jesper!$R$2:$R$366,ROW(INDEX(Jesper!AK$2:AK$366,ROUNDDOWN($C7085/24,0)+1,1))-1)+IF('Standard Profiles'!$G$21=$B$10,7,0)+IF('Standard Profiles'!$G$21=$B$17,14,0)+IF('Standard Profiles'!$G$21=$B$24,21,0),MOD($C7085,24)+1)/SUM(INDEX($D$3:$AA$30,INDEX(Jesper!$R$2:$R$366,ROW(INDEX(Jesper!AK$2:AK$366,ROUNDDOWN($C7085/24,0)+1,1))-1)+IF('Standard Profiles'!$G$21=$B$10,7,0)+IF('Standard Profiles'!$G$21=$B$17,14,0)+IF('Standard Profiles'!$G$21=$B$24,21,0),0)),0)</f>
        <v>0.77583728146405395</v>
      </c>
      <c r="H7085" cm="1">
        <f t="array" ref="H7085">IFERROR(INDEX(Jesper!AL$2:AL$366,ROUNDDOWN($C7085/24,0)+1,1)*INDEX($D$3:$AA$30,INDEX(Jesper!$R$2:$R$366,ROW(INDEX(Jesper!AL$2:AL$366,ROUNDDOWN($C7085/24,0)+1,1))-1)+IF('Standard Profiles'!$G$22=$B$10,7,0)+IF('Standard Profiles'!$G$22=$B$17,14,0)+IF('Standard Profiles'!$G$22=$B$24,21,0),MOD($C7085,24)+1)/SUM(INDEX($D$3:$AA$30,INDEX(Jesper!$R$2:$R$366,ROW(INDEX(Jesper!AL$2:AL$366,ROUNDDOWN($C7085/24,0)+1,1))-1)+IF('Standard Profiles'!$G$22=$B$10,7,0)+IF('Standard Profiles'!$G$22=$B$17,14,0)+IF('Standard Profiles'!$G$22=$B$24,21,0),0)),0)</f>
        <v>0.30003372215423618</v>
      </c>
      <c r="I7085">
        <f t="shared" si="790"/>
        <v>0.28803237326806691</v>
      </c>
      <c r="J7085">
        <f t="shared" si="791"/>
        <v>4.4507910869934744</v>
      </c>
      <c r="K7085">
        <f t="shared" si="792"/>
        <v>0.21864847135139509</v>
      </c>
      <c r="L7085">
        <f t="shared" si="793"/>
        <v>0.10932423567569755</v>
      </c>
      <c r="M7085">
        <f t="shared" si="794"/>
        <v>0</v>
      </c>
      <c r="N7085" s="45">
        <f t="shared" si="795"/>
        <v>45220.791666649566</v>
      </c>
    </row>
    <row r="7086" spans="2:14" x14ac:dyDescent="0.25">
      <c r="B7086">
        <f t="shared" si="789"/>
        <v>6</v>
      </c>
      <c r="C7086" s="16">
        <v>7052</v>
      </c>
      <c r="D7086" cm="1">
        <f t="array" ref="D7086">IFERROR(INDEX(Jesper!AH$2:AH$366,ROUNDDOWN($C7086/24,0)+1,1)*INDEX($D$3:$AA$30,INDEX(Jesper!$R$2:$R$366,ROW(INDEX(Jesper!AH$2:AH$366,ROUNDDOWN($C7086/24,0)+1,1))-1)+IF('Standard Profiles'!$G$18=$B$10,7,0)+IF('Standard Profiles'!$G$18=$B$17,14,0)+IF('Standard Profiles'!$G$18=$B$24,21,0),MOD($C7086,24)+1)/SUM(INDEX($D$3:$AA$30,INDEX(Jesper!$R$2:$R$366,ROW(INDEX(Jesper!AH$2:AH$366,ROUNDDOWN($C7086/24,0)+1,1))-1)+IF('Standard Profiles'!$G$18=$B$10,7,0)+IF('Standard Profiles'!$G$18=$B$17,14,0)+IF('Standard Profiles'!$G$18=$B$24,21,0),0)),0)</f>
        <v>0</v>
      </c>
      <c r="E7086" cm="1">
        <f t="array" ref="E7086">IFERROR(INDEX(Jesper!AI$2:AI$366,ROUNDDOWN($C7086/24,0)+1,1)*INDEX($D$3:$AA$30,INDEX(Jesper!$R$2:$R$366,ROW(INDEX(Jesper!AI$2:AI$366,ROUNDDOWN($C7086/24,0)+1,1))-1)+IF('Standard Profiles'!$G$19=$B$10,7,0)+IF('Standard Profiles'!$G$19=$B$17,14,0)+IF('Standard Profiles'!$G$19=$B$24,21,0),MOD($C7086,24)+1)/SUM(INDEX($D$3:$AA$30,INDEX(Jesper!$R$2:$R$366,ROW(INDEX(Jesper!AI$2:AI$366,ROUNDDOWN($C7086/24,0)+1,1))-1)+IF('Standard Profiles'!$G$19=$B$10,7,0)+IF('Standard Profiles'!$G$19=$B$17,14,0)+IF('Standard Profiles'!$G$19=$B$24,21,0),0)),0)</f>
        <v>2.7331058918924387</v>
      </c>
      <c r="F7086" cm="1">
        <f t="array" ref="F7086">IFERROR(INDEX(Jesper!AJ$2:AJ$366,ROUNDDOWN($C7086/24,0)+1,1)*INDEX($D$3:$AA$30,INDEX(Jesper!$R$2:$R$366,ROW(INDEX(Jesper!AJ$2:AJ$366,ROUNDDOWN($C7086/24,0)+1,1))-1)+IF('Standard Profiles'!$G$20=$B$10,7,0)+IF('Standard Profiles'!$G$20=$B$17,14,0)+IF('Standard Profiles'!$G$20=$B$24,21,0),MOD($C7086,24)+1)/SUM(INDEX($D$3:$AA$30,INDEX(Jesper!$R$2:$R$366,ROW(INDEX(Jesper!AJ$2:AJ$366,ROUNDDOWN($C7086/24,0)+1,1))-1)+IF('Standard Profiles'!$G$20=$B$10,7,0)+IF('Standard Profiles'!$G$20=$B$17,14,0)+IF('Standard Profiles'!$G$20=$B$24,21,0),0)),0)</f>
        <v>1.2578192717779046</v>
      </c>
      <c r="G7086" cm="1">
        <f t="array" ref="G7086">IFERROR(INDEX(Jesper!AK$2:AK$366,ROUNDDOWN($C7086/24,0)+1,1)*INDEX($D$3:$AA$30,INDEX(Jesper!$R$2:$R$366,ROW(INDEX(Jesper!AK$2:AK$366,ROUNDDOWN($C7086/24,0)+1,1))-1)+IF('Standard Profiles'!$G$21=$B$10,7,0)+IF('Standard Profiles'!$G$21=$B$17,14,0)+IF('Standard Profiles'!$G$21=$B$24,21,0),MOD($C7086,24)+1)/SUM(INDEX($D$3:$AA$30,INDEX(Jesper!$R$2:$R$366,ROW(INDEX(Jesper!AK$2:AK$366,ROUNDDOWN($C7086/24,0)+1,1))-1)+IF('Standard Profiles'!$G$21=$B$10,7,0)+IF('Standard Profiles'!$G$21=$B$17,14,0)+IF('Standard Profiles'!$G$21=$B$24,21,0),0)),0)</f>
        <v>0.77583728146405395</v>
      </c>
      <c r="H7086" cm="1">
        <f t="array" ref="H7086">IFERROR(INDEX(Jesper!AL$2:AL$366,ROUNDDOWN($C7086/24,0)+1,1)*INDEX($D$3:$AA$30,INDEX(Jesper!$R$2:$R$366,ROW(INDEX(Jesper!AL$2:AL$366,ROUNDDOWN($C7086/24,0)+1,1))-1)+IF('Standard Profiles'!$G$22=$B$10,7,0)+IF('Standard Profiles'!$G$22=$B$17,14,0)+IF('Standard Profiles'!$G$22=$B$24,21,0),MOD($C7086,24)+1)/SUM(INDEX($D$3:$AA$30,INDEX(Jesper!$R$2:$R$366,ROW(INDEX(Jesper!AL$2:AL$366,ROUNDDOWN($C7086/24,0)+1,1))-1)+IF('Standard Profiles'!$G$22=$B$10,7,0)+IF('Standard Profiles'!$G$22=$B$17,14,0)+IF('Standard Profiles'!$G$22=$B$24,21,0),0)),0)</f>
        <v>0.22145346159003146</v>
      </c>
      <c r="I7086">
        <f t="shared" si="790"/>
        <v>0.21259532312643031</v>
      </c>
      <c r="J7086">
        <f t="shared" si="791"/>
        <v>4.4476478765709064</v>
      </c>
      <c r="K7086">
        <f t="shared" si="792"/>
        <v>0.21864847135139509</v>
      </c>
      <c r="L7086">
        <f t="shared" si="793"/>
        <v>0.10932423567569755</v>
      </c>
      <c r="M7086">
        <f t="shared" si="794"/>
        <v>0</v>
      </c>
      <c r="N7086" s="45">
        <f t="shared" si="795"/>
        <v>45220.83333331623</v>
      </c>
    </row>
    <row r="7087" spans="2:14" x14ac:dyDescent="0.25">
      <c r="B7087">
        <f t="shared" si="789"/>
        <v>6</v>
      </c>
      <c r="C7087" s="16">
        <v>7053</v>
      </c>
      <c r="D7087" cm="1">
        <f t="array" ref="D7087">IFERROR(INDEX(Jesper!AH$2:AH$366,ROUNDDOWN($C7087/24,0)+1,1)*INDEX($D$3:$AA$30,INDEX(Jesper!$R$2:$R$366,ROW(INDEX(Jesper!AH$2:AH$366,ROUNDDOWN($C7087/24,0)+1,1))-1)+IF('Standard Profiles'!$G$18=$B$10,7,0)+IF('Standard Profiles'!$G$18=$B$17,14,0)+IF('Standard Profiles'!$G$18=$B$24,21,0),MOD($C7087,24)+1)/SUM(INDEX($D$3:$AA$30,INDEX(Jesper!$R$2:$R$366,ROW(INDEX(Jesper!AH$2:AH$366,ROUNDDOWN($C7087/24,0)+1,1))-1)+IF('Standard Profiles'!$G$18=$B$10,7,0)+IF('Standard Profiles'!$G$18=$B$17,14,0)+IF('Standard Profiles'!$G$18=$B$24,21,0),0)),0)</f>
        <v>0</v>
      </c>
      <c r="E7087" cm="1">
        <f t="array" ref="E7087">IFERROR(INDEX(Jesper!AI$2:AI$366,ROUNDDOWN($C7087/24,0)+1,1)*INDEX($D$3:$AA$30,INDEX(Jesper!$R$2:$R$366,ROW(INDEX(Jesper!AI$2:AI$366,ROUNDDOWN($C7087/24,0)+1,1))-1)+IF('Standard Profiles'!$G$19=$B$10,7,0)+IF('Standard Profiles'!$G$19=$B$17,14,0)+IF('Standard Profiles'!$G$19=$B$24,21,0),MOD($C7087,24)+1)/SUM(INDEX($D$3:$AA$30,INDEX(Jesper!$R$2:$R$366,ROW(INDEX(Jesper!AI$2:AI$366,ROUNDDOWN($C7087/24,0)+1,1))-1)+IF('Standard Profiles'!$G$19=$B$10,7,0)+IF('Standard Profiles'!$G$19=$B$17,14,0)+IF('Standard Profiles'!$G$19=$B$24,21,0),0)),0)</f>
        <v>2.7331058918924387</v>
      </c>
      <c r="F7087" cm="1">
        <f t="array" ref="F7087">IFERROR(INDEX(Jesper!AJ$2:AJ$366,ROUNDDOWN($C7087/24,0)+1,1)*INDEX($D$3:$AA$30,INDEX(Jesper!$R$2:$R$366,ROW(INDEX(Jesper!AJ$2:AJ$366,ROUNDDOWN($C7087/24,0)+1,1))-1)+IF('Standard Profiles'!$G$20=$B$10,7,0)+IF('Standard Profiles'!$G$20=$B$17,14,0)+IF('Standard Profiles'!$G$20=$B$24,21,0),MOD($C7087,24)+1)/SUM(INDEX($D$3:$AA$30,INDEX(Jesper!$R$2:$R$366,ROW(INDEX(Jesper!AJ$2:AJ$366,ROUNDDOWN($C7087/24,0)+1,1))-1)+IF('Standard Profiles'!$G$20=$B$10,7,0)+IF('Standard Profiles'!$G$20=$B$17,14,0)+IF('Standard Profiles'!$G$20=$B$24,21,0),0)),0)</f>
        <v>1.2578192717779046</v>
      </c>
      <c r="G7087" cm="1">
        <f t="array" ref="G7087">IFERROR(INDEX(Jesper!AK$2:AK$366,ROUNDDOWN($C7087/24,0)+1,1)*INDEX($D$3:$AA$30,INDEX(Jesper!$R$2:$R$366,ROW(INDEX(Jesper!AK$2:AK$366,ROUNDDOWN($C7087/24,0)+1,1))-1)+IF('Standard Profiles'!$G$21=$B$10,7,0)+IF('Standard Profiles'!$G$21=$B$17,14,0)+IF('Standard Profiles'!$G$21=$B$24,21,0),MOD($C7087,24)+1)/SUM(INDEX($D$3:$AA$30,INDEX(Jesper!$R$2:$R$366,ROW(INDEX(Jesper!AK$2:AK$366,ROUNDDOWN($C7087/24,0)+1,1))-1)+IF('Standard Profiles'!$G$21=$B$10,7,0)+IF('Standard Profiles'!$G$21=$B$17,14,0)+IF('Standard Profiles'!$G$21=$B$24,21,0),0)),0)</f>
        <v>0.77583728146405395</v>
      </c>
      <c r="H7087" cm="1">
        <f t="array" ref="H7087">IFERROR(INDEX(Jesper!AL$2:AL$366,ROUNDDOWN($C7087/24,0)+1,1)*INDEX($D$3:$AA$30,INDEX(Jesper!$R$2:$R$366,ROW(INDEX(Jesper!AL$2:AL$366,ROUNDDOWN($C7087/24,0)+1,1))-1)+IF('Standard Profiles'!$G$22=$B$10,7,0)+IF('Standard Profiles'!$G$22=$B$17,14,0)+IF('Standard Profiles'!$G$22=$B$24,21,0),MOD($C7087,24)+1)/SUM(INDEX($D$3:$AA$30,INDEX(Jesper!$R$2:$R$366,ROW(INDEX(Jesper!AL$2:AL$366,ROUNDDOWN($C7087/24,0)+1,1))-1)+IF('Standard Profiles'!$G$22=$B$10,7,0)+IF('Standard Profiles'!$G$22=$B$17,14,0)+IF('Standard Profiles'!$G$22=$B$24,21,0),0)),0)</f>
        <v>0.22145346159003146</v>
      </c>
      <c r="I7087">
        <f t="shared" si="790"/>
        <v>0.21259532312643031</v>
      </c>
      <c r="J7087">
        <f t="shared" si="791"/>
        <v>4.4476478765709064</v>
      </c>
      <c r="K7087">
        <f t="shared" si="792"/>
        <v>0.21864847135139509</v>
      </c>
      <c r="L7087">
        <f t="shared" si="793"/>
        <v>0.10932423567569755</v>
      </c>
      <c r="M7087">
        <f t="shared" si="794"/>
        <v>0</v>
      </c>
      <c r="N7087" s="45">
        <f t="shared" si="795"/>
        <v>45220.874999982894</v>
      </c>
    </row>
    <row r="7088" spans="2:14" x14ac:dyDescent="0.25">
      <c r="B7088">
        <f t="shared" si="789"/>
        <v>6</v>
      </c>
      <c r="C7088" s="16">
        <v>7054</v>
      </c>
      <c r="D7088" cm="1">
        <f t="array" ref="D7088">IFERROR(INDEX(Jesper!AH$2:AH$366,ROUNDDOWN($C7088/24,0)+1,1)*INDEX($D$3:$AA$30,INDEX(Jesper!$R$2:$R$366,ROW(INDEX(Jesper!AH$2:AH$366,ROUNDDOWN($C7088/24,0)+1,1))-1)+IF('Standard Profiles'!$G$18=$B$10,7,0)+IF('Standard Profiles'!$G$18=$B$17,14,0)+IF('Standard Profiles'!$G$18=$B$24,21,0),MOD($C7088,24)+1)/SUM(INDEX($D$3:$AA$30,INDEX(Jesper!$R$2:$R$366,ROW(INDEX(Jesper!AH$2:AH$366,ROUNDDOWN($C7088/24,0)+1,1))-1)+IF('Standard Profiles'!$G$18=$B$10,7,0)+IF('Standard Profiles'!$G$18=$B$17,14,0)+IF('Standard Profiles'!$G$18=$B$24,21,0),0)),0)</f>
        <v>0</v>
      </c>
      <c r="E7088" cm="1">
        <f t="array" ref="E7088">IFERROR(INDEX(Jesper!AI$2:AI$366,ROUNDDOWN($C7088/24,0)+1,1)*INDEX($D$3:$AA$30,INDEX(Jesper!$R$2:$R$366,ROW(INDEX(Jesper!AI$2:AI$366,ROUNDDOWN($C7088/24,0)+1,1))-1)+IF('Standard Profiles'!$G$19=$B$10,7,0)+IF('Standard Profiles'!$G$19=$B$17,14,0)+IF('Standard Profiles'!$G$19=$B$24,21,0),MOD($C7088,24)+1)/SUM(INDEX($D$3:$AA$30,INDEX(Jesper!$R$2:$R$366,ROW(INDEX(Jesper!AI$2:AI$366,ROUNDDOWN($C7088/24,0)+1,1))-1)+IF('Standard Profiles'!$G$19=$B$10,7,0)+IF('Standard Profiles'!$G$19=$B$17,14,0)+IF('Standard Profiles'!$G$19=$B$24,21,0),0)),0)</f>
        <v>2.7331058918924387</v>
      </c>
      <c r="F7088" cm="1">
        <f t="array" ref="F7088">IFERROR(INDEX(Jesper!AJ$2:AJ$366,ROUNDDOWN($C7088/24,0)+1,1)*INDEX($D$3:$AA$30,INDEX(Jesper!$R$2:$R$366,ROW(INDEX(Jesper!AJ$2:AJ$366,ROUNDDOWN($C7088/24,0)+1,1))-1)+IF('Standard Profiles'!$G$20=$B$10,7,0)+IF('Standard Profiles'!$G$20=$B$17,14,0)+IF('Standard Profiles'!$G$20=$B$24,21,0),MOD($C7088,24)+1)/SUM(INDEX($D$3:$AA$30,INDEX(Jesper!$R$2:$R$366,ROW(INDEX(Jesper!AJ$2:AJ$366,ROUNDDOWN($C7088/24,0)+1,1))-1)+IF('Standard Profiles'!$G$20=$B$10,7,0)+IF('Standard Profiles'!$G$20=$B$17,14,0)+IF('Standard Profiles'!$G$20=$B$24,21,0),0)),0)</f>
        <v>1.2578192717779046</v>
      </c>
      <c r="G7088" cm="1">
        <f t="array" ref="G7088">IFERROR(INDEX(Jesper!AK$2:AK$366,ROUNDDOWN($C7088/24,0)+1,1)*INDEX($D$3:$AA$30,INDEX(Jesper!$R$2:$R$366,ROW(INDEX(Jesper!AK$2:AK$366,ROUNDDOWN($C7088/24,0)+1,1))-1)+IF('Standard Profiles'!$G$21=$B$10,7,0)+IF('Standard Profiles'!$G$21=$B$17,14,0)+IF('Standard Profiles'!$G$21=$B$24,21,0),MOD($C7088,24)+1)/SUM(INDEX($D$3:$AA$30,INDEX(Jesper!$R$2:$R$366,ROW(INDEX(Jesper!AK$2:AK$366,ROUNDDOWN($C7088/24,0)+1,1))-1)+IF('Standard Profiles'!$G$21=$B$10,7,0)+IF('Standard Profiles'!$G$21=$B$17,14,0)+IF('Standard Profiles'!$G$21=$B$24,21,0),0)),0)</f>
        <v>0.77583728146405395</v>
      </c>
      <c r="H7088" cm="1">
        <f t="array" ref="H7088">IFERROR(INDEX(Jesper!AL$2:AL$366,ROUNDDOWN($C7088/24,0)+1,1)*INDEX($D$3:$AA$30,INDEX(Jesper!$R$2:$R$366,ROW(INDEX(Jesper!AL$2:AL$366,ROUNDDOWN($C7088/24,0)+1,1))-1)+IF('Standard Profiles'!$G$22=$B$10,7,0)+IF('Standard Profiles'!$G$22=$B$17,14,0)+IF('Standard Profiles'!$G$22=$B$24,21,0),MOD($C7088,24)+1)/SUM(INDEX($D$3:$AA$30,INDEX(Jesper!$R$2:$R$366,ROW(INDEX(Jesper!AL$2:AL$366,ROUNDDOWN($C7088/24,0)+1,1))-1)+IF('Standard Profiles'!$G$22=$B$10,7,0)+IF('Standard Profiles'!$G$22=$B$17,14,0)+IF('Standard Profiles'!$G$22=$B$24,21,0),0)),0)</f>
        <v>0.22145346159003146</v>
      </c>
      <c r="I7088">
        <f t="shared" si="790"/>
        <v>0.21259532312643031</v>
      </c>
      <c r="J7088">
        <f t="shared" si="791"/>
        <v>4.4476478765709064</v>
      </c>
      <c r="K7088">
        <f t="shared" si="792"/>
        <v>0.21864847135139509</v>
      </c>
      <c r="L7088">
        <f t="shared" si="793"/>
        <v>0.10932423567569755</v>
      </c>
      <c r="M7088">
        <f t="shared" si="794"/>
        <v>0</v>
      </c>
      <c r="N7088" s="45">
        <f t="shared" si="795"/>
        <v>45220.916666649558</v>
      </c>
    </row>
    <row r="7089" spans="2:14" x14ac:dyDescent="0.25">
      <c r="B7089">
        <f t="shared" si="789"/>
        <v>6</v>
      </c>
      <c r="C7089" s="16">
        <v>7055</v>
      </c>
      <c r="D7089" cm="1">
        <f t="array" ref="D7089">IFERROR(INDEX(Jesper!AH$2:AH$366,ROUNDDOWN($C7089/24,0)+1,1)*INDEX($D$3:$AA$30,INDEX(Jesper!$R$2:$R$366,ROW(INDEX(Jesper!AH$2:AH$366,ROUNDDOWN($C7089/24,0)+1,1))-1)+IF('Standard Profiles'!$G$18=$B$10,7,0)+IF('Standard Profiles'!$G$18=$B$17,14,0)+IF('Standard Profiles'!$G$18=$B$24,21,0),MOD($C7089,24)+1)/SUM(INDEX($D$3:$AA$30,INDEX(Jesper!$R$2:$R$366,ROW(INDEX(Jesper!AH$2:AH$366,ROUNDDOWN($C7089/24,0)+1,1))-1)+IF('Standard Profiles'!$G$18=$B$10,7,0)+IF('Standard Profiles'!$G$18=$B$17,14,0)+IF('Standard Profiles'!$G$18=$B$24,21,0),0)),0)</f>
        <v>0</v>
      </c>
      <c r="E7089" cm="1">
        <f t="array" ref="E7089">IFERROR(INDEX(Jesper!AI$2:AI$366,ROUNDDOWN($C7089/24,0)+1,1)*INDEX($D$3:$AA$30,INDEX(Jesper!$R$2:$R$366,ROW(INDEX(Jesper!AI$2:AI$366,ROUNDDOWN($C7089/24,0)+1,1))-1)+IF('Standard Profiles'!$G$19=$B$10,7,0)+IF('Standard Profiles'!$G$19=$B$17,14,0)+IF('Standard Profiles'!$G$19=$B$24,21,0),MOD($C7089,24)+1)/SUM(INDEX($D$3:$AA$30,INDEX(Jesper!$R$2:$R$366,ROW(INDEX(Jesper!AI$2:AI$366,ROUNDDOWN($C7089/24,0)+1,1))-1)+IF('Standard Profiles'!$G$19=$B$10,7,0)+IF('Standard Profiles'!$G$19=$B$17,14,0)+IF('Standard Profiles'!$G$19=$B$24,21,0),0)),0)</f>
        <v>2.7331058918924387</v>
      </c>
      <c r="F7089" cm="1">
        <f t="array" ref="F7089">IFERROR(INDEX(Jesper!AJ$2:AJ$366,ROUNDDOWN($C7089/24,0)+1,1)*INDEX($D$3:$AA$30,INDEX(Jesper!$R$2:$R$366,ROW(INDEX(Jesper!AJ$2:AJ$366,ROUNDDOWN($C7089/24,0)+1,1))-1)+IF('Standard Profiles'!$G$20=$B$10,7,0)+IF('Standard Profiles'!$G$20=$B$17,14,0)+IF('Standard Profiles'!$G$20=$B$24,21,0),MOD($C7089,24)+1)/SUM(INDEX($D$3:$AA$30,INDEX(Jesper!$R$2:$R$366,ROW(INDEX(Jesper!AJ$2:AJ$366,ROUNDDOWN($C7089/24,0)+1,1))-1)+IF('Standard Profiles'!$G$20=$B$10,7,0)+IF('Standard Profiles'!$G$20=$B$17,14,0)+IF('Standard Profiles'!$G$20=$B$24,21,0),0)),0)</f>
        <v>1.2578192717779046</v>
      </c>
      <c r="G7089" cm="1">
        <f t="array" ref="G7089">IFERROR(INDEX(Jesper!AK$2:AK$366,ROUNDDOWN($C7089/24,0)+1,1)*INDEX($D$3:$AA$30,INDEX(Jesper!$R$2:$R$366,ROW(INDEX(Jesper!AK$2:AK$366,ROUNDDOWN($C7089/24,0)+1,1))-1)+IF('Standard Profiles'!$G$21=$B$10,7,0)+IF('Standard Profiles'!$G$21=$B$17,14,0)+IF('Standard Profiles'!$G$21=$B$24,21,0),MOD($C7089,24)+1)/SUM(INDEX($D$3:$AA$30,INDEX(Jesper!$R$2:$R$366,ROW(INDEX(Jesper!AK$2:AK$366,ROUNDDOWN($C7089/24,0)+1,1))-1)+IF('Standard Profiles'!$G$21=$B$10,7,0)+IF('Standard Profiles'!$G$21=$B$17,14,0)+IF('Standard Profiles'!$G$21=$B$24,21,0),0)),0)</f>
        <v>0.77583728146405395</v>
      </c>
      <c r="H7089" cm="1">
        <f t="array" ref="H7089">IFERROR(INDEX(Jesper!AL$2:AL$366,ROUNDDOWN($C7089/24,0)+1,1)*INDEX($D$3:$AA$30,INDEX(Jesper!$R$2:$R$366,ROW(INDEX(Jesper!AL$2:AL$366,ROUNDDOWN($C7089/24,0)+1,1))-1)+IF('Standard Profiles'!$G$22=$B$10,7,0)+IF('Standard Profiles'!$G$22=$B$17,14,0)+IF('Standard Profiles'!$G$22=$B$24,21,0),MOD($C7089,24)+1)/SUM(INDEX($D$3:$AA$30,INDEX(Jesper!$R$2:$R$366,ROW(INDEX(Jesper!AL$2:AL$366,ROUNDDOWN($C7089/24,0)+1,1))-1)+IF('Standard Profiles'!$G$22=$B$10,7,0)+IF('Standard Profiles'!$G$22=$B$17,14,0)+IF('Standard Profiles'!$G$22=$B$24,21,0),0)),0)</f>
        <v>0.22145346159003146</v>
      </c>
      <c r="I7089">
        <f t="shared" si="790"/>
        <v>0.21259532312643031</v>
      </c>
      <c r="J7089">
        <f t="shared" si="791"/>
        <v>4.4476478765709064</v>
      </c>
      <c r="K7089">
        <f t="shared" si="792"/>
        <v>0.21864847135139509</v>
      </c>
      <c r="L7089">
        <f t="shared" si="793"/>
        <v>0.10932423567569755</v>
      </c>
      <c r="M7089">
        <f t="shared" si="794"/>
        <v>0</v>
      </c>
      <c r="N7089" s="45">
        <f t="shared" si="795"/>
        <v>45220.958333316223</v>
      </c>
    </row>
    <row r="7090" spans="2:14" x14ac:dyDescent="0.25">
      <c r="B7090">
        <f t="shared" si="789"/>
        <v>7</v>
      </c>
      <c r="C7090" s="16">
        <v>7056</v>
      </c>
      <c r="D7090" cm="1">
        <f t="array" ref="D7090">IFERROR(INDEX(Jesper!AH$2:AH$366,ROUNDDOWN($C7090/24,0)+1,1)*INDEX($D$3:$AA$30,INDEX(Jesper!$R$2:$R$366,ROW(INDEX(Jesper!AH$2:AH$366,ROUNDDOWN($C7090/24,0)+1,1))-1)+IF('Standard Profiles'!$G$18=$B$10,7,0)+IF('Standard Profiles'!$G$18=$B$17,14,0)+IF('Standard Profiles'!$G$18=$B$24,21,0),MOD($C7090,24)+1)/SUM(INDEX($D$3:$AA$30,INDEX(Jesper!$R$2:$R$366,ROW(INDEX(Jesper!AH$2:AH$366,ROUNDDOWN($C7090/24,0)+1,1))-1)+IF('Standard Profiles'!$G$18=$B$10,7,0)+IF('Standard Profiles'!$G$18=$B$17,14,0)+IF('Standard Profiles'!$G$18=$B$24,21,0),0)),0)</f>
        <v>0</v>
      </c>
      <c r="E7090" cm="1">
        <f t="array" ref="E7090">IFERROR(INDEX(Jesper!AI$2:AI$366,ROUNDDOWN($C7090/24,0)+1,1)*INDEX($D$3:$AA$30,INDEX(Jesper!$R$2:$R$366,ROW(INDEX(Jesper!AI$2:AI$366,ROUNDDOWN($C7090/24,0)+1,1))-1)+IF('Standard Profiles'!$G$19=$B$10,7,0)+IF('Standard Profiles'!$G$19=$B$17,14,0)+IF('Standard Profiles'!$G$19=$B$24,21,0),MOD($C7090,24)+1)/SUM(INDEX($D$3:$AA$30,INDEX(Jesper!$R$2:$R$366,ROW(INDEX(Jesper!AI$2:AI$366,ROUNDDOWN($C7090/24,0)+1,1))-1)+IF('Standard Profiles'!$G$19=$B$10,7,0)+IF('Standard Profiles'!$G$19=$B$17,14,0)+IF('Standard Profiles'!$G$19=$B$24,21,0),0)),0)</f>
        <v>2.7727306231833455</v>
      </c>
      <c r="F7090" cm="1">
        <f t="array" ref="F7090">IFERROR(INDEX(Jesper!AJ$2:AJ$366,ROUNDDOWN($C7090/24,0)+1,1)*INDEX($D$3:$AA$30,INDEX(Jesper!$R$2:$R$366,ROW(INDEX(Jesper!AJ$2:AJ$366,ROUNDDOWN($C7090/24,0)+1,1))-1)+IF('Standard Profiles'!$G$20=$B$10,7,0)+IF('Standard Profiles'!$G$20=$B$17,14,0)+IF('Standard Profiles'!$G$20=$B$24,21,0),MOD($C7090,24)+1)/SUM(INDEX($D$3:$AA$30,INDEX(Jesper!$R$2:$R$366,ROW(INDEX(Jesper!AJ$2:AJ$366,ROUNDDOWN($C7090/24,0)+1,1))-1)+IF('Standard Profiles'!$G$20=$B$10,7,0)+IF('Standard Profiles'!$G$20=$B$17,14,0)+IF('Standard Profiles'!$G$20=$B$24,21,0),0)),0)</f>
        <v>1.4372424523898708</v>
      </c>
      <c r="G7090" cm="1">
        <f t="array" ref="G7090">IFERROR(INDEX(Jesper!AK$2:AK$366,ROUNDDOWN($C7090/24,0)+1,1)*INDEX($D$3:$AA$30,INDEX(Jesper!$R$2:$R$366,ROW(INDEX(Jesper!AK$2:AK$366,ROUNDDOWN($C7090/24,0)+1,1))-1)+IF('Standard Profiles'!$G$21=$B$10,7,0)+IF('Standard Profiles'!$G$21=$B$17,14,0)+IF('Standard Profiles'!$G$21=$B$24,21,0),MOD($C7090,24)+1)/SUM(INDEX($D$3:$AA$30,INDEX(Jesper!$R$2:$R$366,ROW(INDEX(Jesper!AK$2:AK$366,ROUNDDOWN($C7090/24,0)+1,1))-1)+IF('Standard Profiles'!$G$21=$B$10,7,0)+IF('Standard Profiles'!$G$21=$B$17,14,0)+IF('Standard Profiles'!$G$21=$B$24,21,0),0)),0)</f>
        <v>0.98722376396788936</v>
      </c>
      <c r="H7090" cm="1">
        <f t="array" ref="H7090">IFERROR(INDEX(Jesper!AL$2:AL$366,ROUNDDOWN($C7090/24,0)+1,1)*INDEX($D$3:$AA$30,INDEX(Jesper!$R$2:$R$366,ROW(INDEX(Jesper!AL$2:AL$366,ROUNDDOWN($C7090/24,0)+1,1))-1)+IF('Standard Profiles'!$G$22=$B$10,7,0)+IF('Standard Profiles'!$G$22=$B$17,14,0)+IF('Standard Profiles'!$G$22=$B$24,21,0),MOD($C7090,24)+1)/SUM(INDEX($D$3:$AA$30,INDEX(Jesper!$R$2:$R$366,ROW(INDEX(Jesper!AL$2:AL$366,ROUNDDOWN($C7090/24,0)+1,1))-1)+IF('Standard Profiles'!$G$22=$B$10,7,0)+IF('Standard Profiles'!$G$22=$B$17,14,0)+IF('Standard Profiles'!$G$22=$B$24,21,0),0)),0)</f>
        <v>0.37653447475221408</v>
      </c>
      <c r="I7090">
        <f t="shared" si="790"/>
        <v>0.36147309576212572</v>
      </c>
      <c r="J7090">
        <f t="shared" si="791"/>
        <v>4.8795305437491923</v>
      </c>
      <c r="K7090">
        <f t="shared" si="792"/>
        <v>0.22181844985466764</v>
      </c>
      <c r="L7090">
        <f t="shared" si="793"/>
        <v>0.11090922492733382</v>
      </c>
      <c r="M7090">
        <f t="shared" si="794"/>
        <v>0</v>
      </c>
      <c r="N7090" s="45">
        <f t="shared" si="795"/>
        <v>45220.999999982887</v>
      </c>
    </row>
    <row r="7091" spans="2:14" x14ac:dyDescent="0.25">
      <c r="B7091">
        <f t="shared" si="789"/>
        <v>7</v>
      </c>
      <c r="C7091" s="16">
        <v>7057</v>
      </c>
      <c r="D7091" cm="1">
        <f t="array" ref="D7091">IFERROR(INDEX(Jesper!AH$2:AH$366,ROUNDDOWN($C7091/24,0)+1,1)*INDEX($D$3:$AA$30,INDEX(Jesper!$R$2:$R$366,ROW(INDEX(Jesper!AH$2:AH$366,ROUNDDOWN($C7091/24,0)+1,1))-1)+IF('Standard Profiles'!$G$18=$B$10,7,0)+IF('Standard Profiles'!$G$18=$B$17,14,0)+IF('Standard Profiles'!$G$18=$B$24,21,0),MOD($C7091,24)+1)/SUM(INDEX($D$3:$AA$30,INDEX(Jesper!$R$2:$R$366,ROW(INDEX(Jesper!AH$2:AH$366,ROUNDDOWN($C7091/24,0)+1,1))-1)+IF('Standard Profiles'!$G$18=$B$10,7,0)+IF('Standard Profiles'!$G$18=$B$17,14,0)+IF('Standard Profiles'!$G$18=$B$24,21,0),0)),0)</f>
        <v>0</v>
      </c>
      <c r="E7091" cm="1">
        <f t="array" ref="E7091">IFERROR(INDEX(Jesper!AI$2:AI$366,ROUNDDOWN($C7091/24,0)+1,1)*INDEX($D$3:$AA$30,INDEX(Jesper!$R$2:$R$366,ROW(INDEX(Jesper!AI$2:AI$366,ROUNDDOWN($C7091/24,0)+1,1))-1)+IF('Standard Profiles'!$G$19=$B$10,7,0)+IF('Standard Profiles'!$G$19=$B$17,14,0)+IF('Standard Profiles'!$G$19=$B$24,21,0),MOD($C7091,24)+1)/SUM(INDEX($D$3:$AA$30,INDEX(Jesper!$R$2:$R$366,ROW(INDEX(Jesper!AI$2:AI$366,ROUNDDOWN($C7091/24,0)+1,1))-1)+IF('Standard Profiles'!$G$19=$B$10,7,0)+IF('Standard Profiles'!$G$19=$B$17,14,0)+IF('Standard Profiles'!$G$19=$B$24,21,0),0)),0)</f>
        <v>2.7727306231833455</v>
      </c>
      <c r="F7091" cm="1">
        <f t="array" ref="F7091">IFERROR(INDEX(Jesper!AJ$2:AJ$366,ROUNDDOWN($C7091/24,0)+1,1)*INDEX($D$3:$AA$30,INDEX(Jesper!$R$2:$R$366,ROW(INDEX(Jesper!AJ$2:AJ$366,ROUNDDOWN($C7091/24,0)+1,1))-1)+IF('Standard Profiles'!$G$20=$B$10,7,0)+IF('Standard Profiles'!$G$20=$B$17,14,0)+IF('Standard Profiles'!$G$20=$B$24,21,0),MOD($C7091,24)+1)/SUM(INDEX($D$3:$AA$30,INDEX(Jesper!$R$2:$R$366,ROW(INDEX(Jesper!AJ$2:AJ$366,ROUNDDOWN($C7091/24,0)+1,1))-1)+IF('Standard Profiles'!$G$20=$B$10,7,0)+IF('Standard Profiles'!$G$20=$B$17,14,0)+IF('Standard Profiles'!$G$20=$B$24,21,0),0)),0)</f>
        <v>1.4372424523898708</v>
      </c>
      <c r="G7091" cm="1">
        <f t="array" ref="G7091">IFERROR(INDEX(Jesper!AK$2:AK$366,ROUNDDOWN($C7091/24,0)+1,1)*INDEX($D$3:$AA$30,INDEX(Jesper!$R$2:$R$366,ROW(INDEX(Jesper!AK$2:AK$366,ROUNDDOWN($C7091/24,0)+1,1))-1)+IF('Standard Profiles'!$G$21=$B$10,7,0)+IF('Standard Profiles'!$G$21=$B$17,14,0)+IF('Standard Profiles'!$G$21=$B$24,21,0),MOD($C7091,24)+1)/SUM(INDEX($D$3:$AA$30,INDEX(Jesper!$R$2:$R$366,ROW(INDEX(Jesper!AK$2:AK$366,ROUNDDOWN($C7091/24,0)+1,1))-1)+IF('Standard Profiles'!$G$21=$B$10,7,0)+IF('Standard Profiles'!$G$21=$B$17,14,0)+IF('Standard Profiles'!$G$21=$B$24,21,0),0)),0)</f>
        <v>0.98722376396788936</v>
      </c>
      <c r="H7091" cm="1">
        <f t="array" ref="H7091">IFERROR(INDEX(Jesper!AL$2:AL$366,ROUNDDOWN($C7091/24,0)+1,1)*INDEX($D$3:$AA$30,INDEX(Jesper!$R$2:$R$366,ROW(INDEX(Jesper!AL$2:AL$366,ROUNDDOWN($C7091/24,0)+1,1))-1)+IF('Standard Profiles'!$G$22=$B$10,7,0)+IF('Standard Profiles'!$G$22=$B$17,14,0)+IF('Standard Profiles'!$G$22=$B$24,21,0),MOD($C7091,24)+1)/SUM(INDEX($D$3:$AA$30,INDEX(Jesper!$R$2:$R$366,ROW(INDEX(Jesper!AL$2:AL$366,ROUNDDOWN($C7091/24,0)+1,1))-1)+IF('Standard Profiles'!$G$22=$B$10,7,0)+IF('Standard Profiles'!$G$22=$B$17,14,0)+IF('Standard Profiles'!$G$22=$B$24,21,0),0)),0)</f>
        <v>0.43726584164773252</v>
      </c>
      <c r="I7091">
        <f t="shared" si="790"/>
        <v>0.41977520798182344</v>
      </c>
      <c r="J7091">
        <f t="shared" si="791"/>
        <v>4.8819597984250125</v>
      </c>
      <c r="K7091">
        <f t="shared" si="792"/>
        <v>0.22181844985466764</v>
      </c>
      <c r="L7091">
        <f t="shared" si="793"/>
        <v>0.11090922492733382</v>
      </c>
      <c r="M7091">
        <f t="shared" si="794"/>
        <v>0</v>
      </c>
      <c r="N7091" s="45">
        <f t="shared" si="795"/>
        <v>45221.041666649551</v>
      </c>
    </row>
    <row r="7092" spans="2:14" x14ac:dyDescent="0.25">
      <c r="B7092">
        <f t="shared" si="789"/>
        <v>7</v>
      </c>
      <c r="C7092" s="16">
        <v>7058</v>
      </c>
      <c r="D7092" cm="1">
        <f t="array" ref="D7092">IFERROR(INDEX(Jesper!AH$2:AH$366,ROUNDDOWN($C7092/24,0)+1,1)*INDEX($D$3:$AA$30,INDEX(Jesper!$R$2:$R$366,ROW(INDEX(Jesper!AH$2:AH$366,ROUNDDOWN($C7092/24,0)+1,1))-1)+IF('Standard Profiles'!$G$18=$B$10,7,0)+IF('Standard Profiles'!$G$18=$B$17,14,0)+IF('Standard Profiles'!$G$18=$B$24,21,0),MOD($C7092,24)+1)/SUM(INDEX($D$3:$AA$30,INDEX(Jesper!$R$2:$R$366,ROW(INDEX(Jesper!AH$2:AH$366,ROUNDDOWN($C7092/24,0)+1,1))-1)+IF('Standard Profiles'!$G$18=$B$10,7,0)+IF('Standard Profiles'!$G$18=$B$17,14,0)+IF('Standard Profiles'!$G$18=$B$24,21,0),0)),0)</f>
        <v>0</v>
      </c>
      <c r="E7092" cm="1">
        <f t="array" ref="E7092">IFERROR(INDEX(Jesper!AI$2:AI$366,ROUNDDOWN($C7092/24,0)+1,1)*INDEX($D$3:$AA$30,INDEX(Jesper!$R$2:$R$366,ROW(INDEX(Jesper!AI$2:AI$366,ROUNDDOWN($C7092/24,0)+1,1))-1)+IF('Standard Profiles'!$G$19=$B$10,7,0)+IF('Standard Profiles'!$G$19=$B$17,14,0)+IF('Standard Profiles'!$G$19=$B$24,21,0),MOD($C7092,24)+1)/SUM(INDEX($D$3:$AA$30,INDEX(Jesper!$R$2:$R$366,ROW(INDEX(Jesper!AI$2:AI$366,ROUNDDOWN($C7092/24,0)+1,1))-1)+IF('Standard Profiles'!$G$19=$B$10,7,0)+IF('Standard Profiles'!$G$19=$B$17,14,0)+IF('Standard Profiles'!$G$19=$B$24,21,0),0)),0)</f>
        <v>2.7727306231833455</v>
      </c>
      <c r="F7092" cm="1">
        <f t="array" ref="F7092">IFERROR(INDEX(Jesper!AJ$2:AJ$366,ROUNDDOWN($C7092/24,0)+1,1)*INDEX($D$3:$AA$30,INDEX(Jesper!$R$2:$R$366,ROW(INDEX(Jesper!AJ$2:AJ$366,ROUNDDOWN($C7092/24,0)+1,1))-1)+IF('Standard Profiles'!$G$20=$B$10,7,0)+IF('Standard Profiles'!$G$20=$B$17,14,0)+IF('Standard Profiles'!$G$20=$B$24,21,0),MOD($C7092,24)+1)/SUM(INDEX($D$3:$AA$30,INDEX(Jesper!$R$2:$R$366,ROW(INDEX(Jesper!AJ$2:AJ$366,ROUNDDOWN($C7092/24,0)+1,1))-1)+IF('Standard Profiles'!$G$20=$B$10,7,0)+IF('Standard Profiles'!$G$20=$B$17,14,0)+IF('Standard Profiles'!$G$20=$B$24,21,0),0)),0)</f>
        <v>1.4372424523898708</v>
      </c>
      <c r="G7092" cm="1">
        <f t="array" ref="G7092">IFERROR(INDEX(Jesper!AK$2:AK$366,ROUNDDOWN($C7092/24,0)+1,1)*INDEX($D$3:$AA$30,INDEX(Jesper!$R$2:$R$366,ROW(INDEX(Jesper!AK$2:AK$366,ROUNDDOWN($C7092/24,0)+1,1))-1)+IF('Standard Profiles'!$G$21=$B$10,7,0)+IF('Standard Profiles'!$G$21=$B$17,14,0)+IF('Standard Profiles'!$G$21=$B$24,21,0),MOD($C7092,24)+1)/SUM(INDEX($D$3:$AA$30,INDEX(Jesper!$R$2:$R$366,ROW(INDEX(Jesper!AK$2:AK$366,ROUNDDOWN($C7092/24,0)+1,1))-1)+IF('Standard Profiles'!$G$21=$B$10,7,0)+IF('Standard Profiles'!$G$21=$B$17,14,0)+IF('Standard Profiles'!$G$21=$B$24,21,0),0)),0)</f>
        <v>0.98722376396788936</v>
      </c>
      <c r="H7092" cm="1">
        <f t="array" ref="H7092">IFERROR(INDEX(Jesper!AL$2:AL$366,ROUNDDOWN($C7092/24,0)+1,1)*INDEX($D$3:$AA$30,INDEX(Jesper!$R$2:$R$366,ROW(INDEX(Jesper!AL$2:AL$366,ROUNDDOWN($C7092/24,0)+1,1))-1)+IF('Standard Profiles'!$G$22=$B$10,7,0)+IF('Standard Profiles'!$G$22=$B$17,14,0)+IF('Standard Profiles'!$G$22=$B$24,21,0),MOD($C7092,24)+1)/SUM(INDEX($D$3:$AA$30,INDEX(Jesper!$R$2:$R$366,ROW(INDEX(Jesper!AL$2:AL$366,ROUNDDOWN($C7092/24,0)+1,1))-1)+IF('Standard Profiles'!$G$22=$B$10,7,0)+IF('Standard Profiles'!$G$22=$B$17,14,0)+IF('Standard Profiles'!$G$22=$B$24,21,0),0)),0)</f>
        <v>0.43726584164773252</v>
      </c>
      <c r="I7092">
        <f t="shared" si="790"/>
        <v>0.41977520798182344</v>
      </c>
      <c r="J7092">
        <f t="shared" si="791"/>
        <v>4.8819597984250125</v>
      </c>
      <c r="K7092">
        <f t="shared" si="792"/>
        <v>0.22181844985466764</v>
      </c>
      <c r="L7092">
        <f t="shared" si="793"/>
        <v>0.11090922492733382</v>
      </c>
      <c r="M7092">
        <f t="shared" si="794"/>
        <v>0</v>
      </c>
      <c r="N7092" s="45">
        <f t="shared" si="795"/>
        <v>45221.083333316215</v>
      </c>
    </row>
    <row r="7093" spans="2:14" x14ac:dyDescent="0.25">
      <c r="B7093">
        <f t="shared" si="789"/>
        <v>7</v>
      </c>
      <c r="C7093" s="16">
        <v>7059</v>
      </c>
      <c r="D7093" cm="1">
        <f t="array" ref="D7093">IFERROR(INDEX(Jesper!AH$2:AH$366,ROUNDDOWN($C7093/24,0)+1,1)*INDEX($D$3:$AA$30,INDEX(Jesper!$R$2:$R$366,ROW(INDEX(Jesper!AH$2:AH$366,ROUNDDOWN($C7093/24,0)+1,1))-1)+IF('Standard Profiles'!$G$18=$B$10,7,0)+IF('Standard Profiles'!$G$18=$B$17,14,0)+IF('Standard Profiles'!$G$18=$B$24,21,0),MOD($C7093,24)+1)/SUM(INDEX($D$3:$AA$30,INDEX(Jesper!$R$2:$R$366,ROW(INDEX(Jesper!AH$2:AH$366,ROUNDDOWN($C7093/24,0)+1,1))-1)+IF('Standard Profiles'!$G$18=$B$10,7,0)+IF('Standard Profiles'!$G$18=$B$17,14,0)+IF('Standard Profiles'!$G$18=$B$24,21,0),0)),0)</f>
        <v>0</v>
      </c>
      <c r="E7093" cm="1">
        <f t="array" ref="E7093">IFERROR(INDEX(Jesper!AI$2:AI$366,ROUNDDOWN($C7093/24,0)+1,1)*INDEX($D$3:$AA$30,INDEX(Jesper!$R$2:$R$366,ROW(INDEX(Jesper!AI$2:AI$366,ROUNDDOWN($C7093/24,0)+1,1))-1)+IF('Standard Profiles'!$G$19=$B$10,7,0)+IF('Standard Profiles'!$G$19=$B$17,14,0)+IF('Standard Profiles'!$G$19=$B$24,21,0),MOD($C7093,24)+1)/SUM(INDEX($D$3:$AA$30,INDEX(Jesper!$R$2:$R$366,ROW(INDEX(Jesper!AI$2:AI$366,ROUNDDOWN($C7093/24,0)+1,1))-1)+IF('Standard Profiles'!$G$19=$B$10,7,0)+IF('Standard Profiles'!$G$19=$B$17,14,0)+IF('Standard Profiles'!$G$19=$B$24,21,0),0)),0)</f>
        <v>2.7727306231833455</v>
      </c>
      <c r="F7093" cm="1">
        <f t="array" ref="F7093">IFERROR(INDEX(Jesper!AJ$2:AJ$366,ROUNDDOWN($C7093/24,0)+1,1)*INDEX($D$3:$AA$30,INDEX(Jesper!$R$2:$R$366,ROW(INDEX(Jesper!AJ$2:AJ$366,ROUNDDOWN($C7093/24,0)+1,1))-1)+IF('Standard Profiles'!$G$20=$B$10,7,0)+IF('Standard Profiles'!$G$20=$B$17,14,0)+IF('Standard Profiles'!$G$20=$B$24,21,0),MOD($C7093,24)+1)/SUM(INDEX($D$3:$AA$30,INDEX(Jesper!$R$2:$R$366,ROW(INDEX(Jesper!AJ$2:AJ$366,ROUNDDOWN($C7093/24,0)+1,1))-1)+IF('Standard Profiles'!$G$20=$B$10,7,0)+IF('Standard Profiles'!$G$20=$B$17,14,0)+IF('Standard Profiles'!$G$20=$B$24,21,0),0)),0)</f>
        <v>1.4372424523898708</v>
      </c>
      <c r="G7093" cm="1">
        <f t="array" ref="G7093">IFERROR(INDEX(Jesper!AK$2:AK$366,ROUNDDOWN($C7093/24,0)+1,1)*INDEX($D$3:$AA$30,INDEX(Jesper!$R$2:$R$366,ROW(INDEX(Jesper!AK$2:AK$366,ROUNDDOWN($C7093/24,0)+1,1))-1)+IF('Standard Profiles'!$G$21=$B$10,7,0)+IF('Standard Profiles'!$G$21=$B$17,14,0)+IF('Standard Profiles'!$G$21=$B$24,21,0),MOD($C7093,24)+1)/SUM(INDEX($D$3:$AA$30,INDEX(Jesper!$R$2:$R$366,ROW(INDEX(Jesper!AK$2:AK$366,ROUNDDOWN($C7093/24,0)+1,1))-1)+IF('Standard Profiles'!$G$21=$B$10,7,0)+IF('Standard Profiles'!$G$21=$B$17,14,0)+IF('Standard Profiles'!$G$21=$B$24,21,0),0)),0)</f>
        <v>0.98722376396788936</v>
      </c>
      <c r="H7093" cm="1">
        <f t="array" ref="H7093">IFERROR(INDEX(Jesper!AL$2:AL$366,ROUNDDOWN($C7093/24,0)+1,1)*INDEX($D$3:$AA$30,INDEX(Jesper!$R$2:$R$366,ROW(INDEX(Jesper!AL$2:AL$366,ROUNDDOWN($C7093/24,0)+1,1))-1)+IF('Standard Profiles'!$G$22=$B$10,7,0)+IF('Standard Profiles'!$G$22=$B$17,14,0)+IF('Standard Profiles'!$G$22=$B$24,21,0),MOD($C7093,24)+1)/SUM(INDEX($D$3:$AA$30,INDEX(Jesper!$R$2:$R$366,ROW(INDEX(Jesper!AL$2:AL$366,ROUNDDOWN($C7093/24,0)+1,1))-1)+IF('Standard Profiles'!$G$22=$B$10,7,0)+IF('Standard Profiles'!$G$22=$B$17,14,0)+IF('Standard Profiles'!$G$22=$B$24,21,0),0)),0)</f>
        <v>0.43726584164773252</v>
      </c>
      <c r="I7093">
        <f t="shared" si="790"/>
        <v>0.41977520798182344</v>
      </c>
      <c r="J7093">
        <f t="shared" si="791"/>
        <v>4.8819597984250125</v>
      </c>
      <c r="K7093">
        <f t="shared" si="792"/>
        <v>0.22181844985466764</v>
      </c>
      <c r="L7093">
        <f t="shared" si="793"/>
        <v>0.11090922492733382</v>
      </c>
      <c r="M7093">
        <f t="shared" si="794"/>
        <v>0</v>
      </c>
      <c r="N7093" s="45">
        <f t="shared" si="795"/>
        <v>45221.12499998288</v>
      </c>
    </row>
    <row r="7094" spans="2:14" x14ac:dyDescent="0.25">
      <c r="B7094">
        <f t="shared" si="789"/>
        <v>7</v>
      </c>
      <c r="C7094" s="16">
        <v>7060</v>
      </c>
      <c r="D7094" cm="1">
        <f t="array" ref="D7094">IFERROR(INDEX(Jesper!AH$2:AH$366,ROUNDDOWN($C7094/24,0)+1,1)*INDEX($D$3:$AA$30,INDEX(Jesper!$R$2:$R$366,ROW(INDEX(Jesper!AH$2:AH$366,ROUNDDOWN($C7094/24,0)+1,1))-1)+IF('Standard Profiles'!$G$18=$B$10,7,0)+IF('Standard Profiles'!$G$18=$B$17,14,0)+IF('Standard Profiles'!$G$18=$B$24,21,0),MOD($C7094,24)+1)/SUM(INDEX($D$3:$AA$30,INDEX(Jesper!$R$2:$R$366,ROW(INDEX(Jesper!AH$2:AH$366,ROUNDDOWN($C7094/24,0)+1,1))-1)+IF('Standard Profiles'!$G$18=$B$10,7,0)+IF('Standard Profiles'!$G$18=$B$17,14,0)+IF('Standard Profiles'!$G$18=$B$24,21,0),0)),0)</f>
        <v>0</v>
      </c>
      <c r="E7094" cm="1">
        <f t="array" ref="E7094">IFERROR(INDEX(Jesper!AI$2:AI$366,ROUNDDOWN($C7094/24,0)+1,1)*INDEX($D$3:$AA$30,INDEX(Jesper!$R$2:$R$366,ROW(INDEX(Jesper!AI$2:AI$366,ROUNDDOWN($C7094/24,0)+1,1))-1)+IF('Standard Profiles'!$G$19=$B$10,7,0)+IF('Standard Profiles'!$G$19=$B$17,14,0)+IF('Standard Profiles'!$G$19=$B$24,21,0),MOD($C7094,24)+1)/SUM(INDEX($D$3:$AA$30,INDEX(Jesper!$R$2:$R$366,ROW(INDEX(Jesper!AI$2:AI$366,ROUNDDOWN($C7094/24,0)+1,1))-1)+IF('Standard Profiles'!$G$19=$B$10,7,0)+IF('Standard Profiles'!$G$19=$B$17,14,0)+IF('Standard Profiles'!$G$19=$B$24,21,0),0)),0)</f>
        <v>2.7727306231833455</v>
      </c>
      <c r="F7094" cm="1">
        <f t="array" ref="F7094">IFERROR(INDEX(Jesper!AJ$2:AJ$366,ROUNDDOWN($C7094/24,0)+1,1)*INDEX($D$3:$AA$30,INDEX(Jesper!$R$2:$R$366,ROW(INDEX(Jesper!AJ$2:AJ$366,ROUNDDOWN($C7094/24,0)+1,1))-1)+IF('Standard Profiles'!$G$20=$B$10,7,0)+IF('Standard Profiles'!$G$20=$B$17,14,0)+IF('Standard Profiles'!$G$20=$B$24,21,0),MOD($C7094,24)+1)/SUM(INDEX($D$3:$AA$30,INDEX(Jesper!$R$2:$R$366,ROW(INDEX(Jesper!AJ$2:AJ$366,ROUNDDOWN($C7094/24,0)+1,1))-1)+IF('Standard Profiles'!$G$20=$B$10,7,0)+IF('Standard Profiles'!$G$20=$B$17,14,0)+IF('Standard Profiles'!$G$20=$B$24,21,0),0)),0)</f>
        <v>1.4372424523898708</v>
      </c>
      <c r="G7094" cm="1">
        <f t="array" ref="G7094">IFERROR(INDEX(Jesper!AK$2:AK$366,ROUNDDOWN($C7094/24,0)+1,1)*INDEX($D$3:$AA$30,INDEX(Jesper!$R$2:$R$366,ROW(INDEX(Jesper!AK$2:AK$366,ROUNDDOWN($C7094/24,0)+1,1))-1)+IF('Standard Profiles'!$G$21=$B$10,7,0)+IF('Standard Profiles'!$G$21=$B$17,14,0)+IF('Standard Profiles'!$G$21=$B$24,21,0),MOD($C7094,24)+1)/SUM(INDEX($D$3:$AA$30,INDEX(Jesper!$R$2:$R$366,ROW(INDEX(Jesper!AK$2:AK$366,ROUNDDOWN($C7094/24,0)+1,1))-1)+IF('Standard Profiles'!$G$21=$B$10,7,0)+IF('Standard Profiles'!$G$21=$B$17,14,0)+IF('Standard Profiles'!$G$21=$B$24,21,0),0)),0)</f>
        <v>0.98722376396788936</v>
      </c>
      <c r="H7094" cm="1">
        <f t="array" ref="H7094">IFERROR(INDEX(Jesper!AL$2:AL$366,ROUNDDOWN($C7094/24,0)+1,1)*INDEX($D$3:$AA$30,INDEX(Jesper!$R$2:$R$366,ROW(INDEX(Jesper!AL$2:AL$366,ROUNDDOWN($C7094/24,0)+1,1))-1)+IF('Standard Profiles'!$G$22=$B$10,7,0)+IF('Standard Profiles'!$G$22=$B$17,14,0)+IF('Standard Profiles'!$G$22=$B$24,21,0),MOD($C7094,24)+1)/SUM(INDEX($D$3:$AA$30,INDEX(Jesper!$R$2:$R$366,ROW(INDEX(Jesper!AL$2:AL$366,ROUNDDOWN($C7094/24,0)+1,1))-1)+IF('Standard Profiles'!$G$22=$B$10,7,0)+IF('Standard Profiles'!$G$22=$B$17,14,0)+IF('Standard Profiles'!$G$22=$B$24,21,0),0)),0)</f>
        <v>0.43726584164773252</v>
      </c>
      <c r="I7094">
        <f t="shared" si="790"/>
        <v>0.41977520798182344</v>
      </c>
      <c r="J7094">
        <f t="shared" si="791"/>
        <v>4.8819597984250125</v>
      </c>
      <c r="K7094">
        <f t="shared" si="792"/>
        <v>0.22181844985466764</v>
      </c>
      <c r="L7094">
        <f t="shared" si="793"/>
        <v>0.11090922492733382</v>
      </c>
      <c r="M7094">
        <f t="shared" si="794"/>
        <v>0</v>
      </c>
      <c r="N7094" s="45">
        <f t="shared" si="795"/>
        <v>45221.166666649544</v>
      </c>
    </row>
    <row r="7095" spans="2:14" x14ac:dyDescent="0.25">
      <c r="B7095">
        <f t="shared" si="789"/>
        <v>7</v>
      </c>
      <c r="C7095" s="16">
        <v>7061</v>
      </c>
      <c r="D7095" cm="1">
        <f t="array" ref="D7095">IFERROR(INDEX(Jesper!AH$2:AH$366,ROUNDDOWN($C7095/24,0)+1,1)*INDEX($D$3:$AA$30,INDEX(Jesper!$R$2:$R$366,ROW(INDEX(Jesper!AH$2:AH$366,ROUNDDOWN($C7095/24,0)+1,1))-1)+IF('Standard Profiles'!$G$18=$B$10,7,0)+IF('Standard Profiles'!$G$18=$B$17,14,0)+IF('Standard Profiles'!$G$18=$B$24,21,0),MOD($C7095,24)+1)/SUM(INDEX($D$3:$AA$30,INDEX(Jesper!$R$2:$R$366,ROW(INDEX(Jesper!AH$2:AH$366,ROUNDDOWN($C7095/24,0)+1,1))-1)+IF('Standard Profiles'!$G$18=$B$10,7,0)+IF('Standard Profiles'!$G$18=$B$17,14,0)+IF('Standard Profiles'!$G$18=$B$24,21,0),0)),0)</f>
        <v>0</v>
      </c>
      <c r="E7095" cm="1">
        <f t="array" ref="E7095">IFERROR(INDEX(Jesper!AI$2:AI$366,ROUNDDOWN($C7095/24,0)+1,1)*INDEX($D$3:$AA$30,INDEX(Jesper!$R$2:$R$366,ROW(INDEX(Jesper!AI$2:AI$366,ROUNDDOWN($C7095/24,0)+1,1))-1)+IF('Standard Profiles'!$G$19=$B$10,7,0)+IF('Standard Profiles'!$G$19=$B$17,14,0)+IF('Standard Profiles'!$G$19=$B$24,21,0),MOD($C7095,24)+1)/SUM(INDEX($D$3:$AA$30,INDEX(Jesper!$R$2:$R$366,ROW(INDEX(Jesper!AI$2:AI$366,ROUNDDOWN($C7095/24,0)+1,1))-1)+IF('Standard Profiles'!$G$19=$B$10,7,0)+IF('Standard Profiles'!$G$19=$B$17,14,0)+IF('Standard Profiles'!$G$19=$B$24,21,0),0)),0)</f>
        <v>2.7727306231833455</v>
      </c>
      <c r="F7095" cm="1">
        <f t="array" ref="F7095">IFERROR(INDEX(Jesper!AJ$2:AJ$366,ROUNDDOWN($C7095/24,0)+1,1)*INDEX($D$3:$AA$30,INDEX(Jesper!$R$2:$R$366,ROW(INDEX(Jesper!AJ$2:AJ$366,ROUNDDOWN($C7095/24,0)+1,1))-1)+IF('Standard Profiles'!$G$20=$B$10,7,0)+IF('Standard Profiles'!$G$20=$B$17,14,0)+IF('Standard Profiles'!$G$20=$B$24,21,0),MOD($C7095,24)+1)/SUM(INDEX($D$3:$AA$30,INDEX(Jesper!$R$2:$R$366,ROW(INDEX(Jesper!AJ$2:AJ$366,ROUNDDOWN($C7095/24,0)+1,1))-1)+IF('Standard Profiles'!$G$20=$B$10,7,0)+IF('Standard Profiles'!$G$20=$B$17,14,0)+IF('Standard Profiles'!$G$20=$B$24,21,0),0)),0)</f>
        <v>1.4372424523898708</v>
      </c>
      <c r="G7095" cm="1">
        <f t="array" ref="G7095">IFERROR(INDEX(Jesper!AK$2:AK$366,ROUNDDOWN($C7095/24,0)+1,1)*INDEX($D$3:$AA$30,INDEX(Jesper!$R$2:$R$366,ROW(INDEX(Jesper!AK$2:AK$366,ROUNDDOWN($C7095/24,0)+1,1))-1)+IF('Standard Profiles'!$G$21=$B$10,7,0)+IF('Standard Profiles'!$G$21=$B$17,14,0)+IF('Standard Profiles'!$G$21=$B$24,21,0),MOD($C7095,24)+1)/SUM(INDEX($D$3:$AA$30,INDEX(Jesper!$R$2:$R$366,ROW(INDEX(Jesper!AK$2:AK$366,ROUNDDOWN($C7095/24,0)+1,1))-1)+IF('Standard Profiles'!$G$21=$B$10,7,0)+IF('Standard Profiles'!$G$21=$B$17,14,0)+IF('Standard Profiles'!$G$21=$B$24,21,0),0)),0)</f>
        <v>0.98722376396788936</v>
      </c>
      <c r="H7095" cm="1">
        <f t="array" ref="H7095">IFERROR(INDEX(Jesper!AL$2:AL$366,ROUNDDOWN($C7095/24,0)+1,1)*INDEX($D$3:$AA$30,INDEX(Jesper!$R$2:$R$366,ROW(INDEX(Jesper!AL$2:AL$366,ROUNDDOWN($C7095/24,0)+1,1))-1)+IF('Standard Profiles'!$G$22=$B$10,7,0)+IF('Standard Profiles'!$G$22=$B$17,14,0)+IF('Standard Profiles'!$G$22=$B$24,21,0),MOD($C7095,24)+1)/SUM(INDEX($D$3:$AA$30,INDEX(Jesper!$R$2:$R$366,ROW(INDEX(Jesper!AL$2:AL$366,ROUNDDOWN($C7095/24,0)+1,1))-1)+IF('Standard Profiles'!$G$22=$B$10,7,0)+IF('Standard Profiles'!$G$22=$B$17,14,0)+IF('Standard Profiles'!$G$22=$B$24,21,0),0)),0)</f>
        <v>0.54658230205966563</v>
      </c>
      <c r="I7095">
        <f t="shared" si="790"/>
        <v>0.52471900997727927</v>
      </c>
      <c r="J7095">
        <f t="shared" si="791"/>
        <v>4.8863324568414903</v>
      </c>
      <c r="K7095">
        <f t="shared" si="792"/>
        <v>0.22181844985466764</v>
      </c>
      <c r="L7095">
        <f t="shared" si="793"/>
        <v>0.11090922492733382</v>
      </c>
      <c r="M7095">
        <f t="shared" si="794"/>
        <v>0</v>
      </c>
      <c r="N7095" s="45">
        <f t="shared" si="795"/>
        <v>45221.208333316208</v>
      </c>
    </row>
    <row r="7096" spans="2:14" x14ac:dyDescent="0.25">
      <c r="B7096">
        <f t="shared" si="789"/>
        <v>7</v>
      </c>
      <c r="C7096" s="16">
        <v>7062</v>
      </c>
      <c r="D7096" cm="1">
        <f t="array" ref="D7096">IFERROR(INDEX(Jesper!AH$2:AH$366,ROUNDDOWN($C7096/24,0)+1,1)*INDEX($D$3:$AA$30,INDEX(Jesper!$R$2:$R$366,ROW(INDEX(Jesper!AH$2:AH$366,ROUNDDOWN($C7096/24,0)+1,1))-1)+IF('Standard Profiles'!$G$18=$B$10,7,0)+IF('Standard Profiles'!$G$18=$B$17,14,0)+IF('Standard Profiles'!$G$18=$B$24,21,0),MOD($C7096,24)+1)/SUM(INDEX($D$3:$AA$30,INDEX(Jesper!$R$2:$R$366,ROW(INDEX(Jesper!AH$2:AH$366,ROUNDDOWN($C7096/24,0)+1,1))-1)+IF('Standard Profiles'!$G$18=$B$10,7,0)+IF('Standard Profiles'!$G$18=$B$17,14,0)+IF('Standard Profiles'!$G$18=$B$24,21,0),0)),0)</f>
        <v>0</v>
      </c>
      <c r="E7096" cm="1">
        <f t="array" ref="E7096">IFERROR(INDEX(Jesper!AI$2:AI$366,ROUNDDOWN($C7096/24,0)+1,1)*INDEX($D$3:$AA$30,INDEX(Jesper!$R$2:$R$366,ROW(INDEX(Jesper!AI$2:AI$366,ROUNDDOWN($C7096/24,0)+1,1))-1)+IF('Standard Profiles'!$G$19=$B$10,7,0)+IF('Standard Profiles'!$G$19=$B$17,14,0)+IF('Standard Profiles'!$G$19=$B$24,21,0),MOD($C7096,24)+1)/SUM(INDEX($D$3:$AA$30,INDEX(Jesper!$R$2:$R$366,ROW(INDEX(Jesper!AI$2:AI$366,ROUNDDOWN($C7096/24,0)+1,1))-1)+IF('Standard Profiles'!$G$19=$B$10,7,0)+IF('Standard Profiles'!$G$19=$B$17,14,0)+IF('Standard Profiles'!$G$19=$B$24,21,0),0)),0)</f>
        <v>2.7727306231833455</v>
      </c>
      <c r="F7096" cm="1">
        <f t="array" ref="F7096">IFERROR(INDEX(Jesper!AJ$2:AJ$366,ROUNDDOWN($C7096/24,0)+1,1)*INDEX($D$3:$AA$30,INDEX(Jesper!$R$2:$R$366,ROW(INDEX(Jesper!AJ$2:AJ$366,ROUNDDOWN($C7096/24,0)+1,1))-1)+IF('Standard Profiles'!$G$20=$B$10,7,0)+IF('Standard Profiles'!$G$20=$B$17,14,0)+IF('Standard Profiles'!$G$20=$B$24,21,0),MOD($C7096,24)+1)/SUM(INDEX($D$3:$AA$30,INDEX(Jesper!$R$2:$R$366,ROW(INDEX(Jesper!AJ$2:AJ$366,ROUNDDOWN($C7096/24,0)+1,1))-1)+IF('Standard Profiles'!$G$20=$B$10,7,0)+IF('Standard Profiles'!$G$20=$B$17,14,0)+IF('Standard Profiles'!$G$20=$B$24,21,0),0)),0)</f>
        <v>1.4372424523898708</v>
      </c>
      <c r="G7096" cm="1">
        <f t="array" ref="G7096">IFERROR(INDEX(Jesper!AK$2:AK$366,ROUNDDOWN($C7096/24,0)+1,1)*INDEX($D$3:$AA$30,INDEX(Jesper!$R$2:$R$366,ROW(INDEX(Jesper!AK$2:AK$366,ROUNDDOWN($C7096/24,0)+1,1))-1)+IF('Standard Profiles'!$G$21=$B$10,7,0)+IF('Standard Profiles'!$G$21=$B$17,14,0)+IF('Standard Profiles'!$G$21=$B$24,21,0),MOD($C7096,24)+1)/SUM(INDEX($D$3:$AA$30,INDEX(Jesper!$R$2:$R$366,ROW(INDEX(Jesper!AK$2:AK$366,ROUNDDOWN($C7096/24,0)+1,1))-1)+IF('Standard Profiles'!$G$21=$B$10,7,0)+IF('Standard Profiles'!$G$21=$B$17,14,0)+IF('Standard Profiles'!$G$21=$B$24,21,0),0)),0)</f>
        <v>0.98722376396788936</v>
      </c>
      <c r="H7096" cm="1">
        <f t="array" ref="H7096">IFERROR(INDEX(Jesper!AL$2:AL$366,ROUNDDOWN($C7096/24,0)+1,1)*INDEX($D$3:$AA$30,INDEX(Jesper!$R$2:$R$366,ROW(INDEX(Jesper!AL$2:AL$366,ROUNDDOWN($C7096/24,0)+1,1))-1)+IF('Standard Profiles'!$G$22=$B$10,7,0)+IF('Standard Profiles'!$G$22=$B$17,14,0)+IF('Standard Profiles'!$G$22=$B$24,21,0),MOD($C7096,24)+1)/SUM(INDEX($D$3:$AA$30,INDEX(Jesper!$R$2:$R$366,ROW(INDEX(Jesper!AL$2:AL$366,ROUNDDOWN($C7096/24,0)+1,1))-1)+IF('Standard Profiles'!$G$22=$B$10,7,0)+IF('Standard Profiles'!$G$22=$B$17,14,0)+IF('Standard Profiles'!$G$22=$B$24,21,0),0)),0)</f>
        <v>0.64375248909249516</v>
      </c>
      <c r="I7096">
        <f t="shared" si="790"/>
        <v>0.61800238952879571</v>
      </c>
      <c r="J7096">
        <f t="shared" si="791"/>
        <v>4.8902192643228029</v>
      </c>
      <c r="K7096">
        <f t="shared" si="792"/>
        <v>0.22181844985466764</v>
      </c>
      <c r="L7096">
        <f t="shared" si="793"/>
        <v>0.11090922492733382</v>
      </c>
      <c r="M7096">
        <f t="shared" si="794"/>
        <v>0</v>
      </c>
      <c r="N7096" s="45">
        <f t="shared" si="795"/>
        <v>45221.249999982872</v>
      </c>
    </row>
    <row r="7097" spans="2:14" x14ac:dyDescent="0.25">
      <c r="B7097">
        <f t="shared" si="789"/>
        <v>7</v>
      </c>
      <c r="C7097" s="16">
        <v>7063</v>
      </c>
      <c r="D7097" cm="1">
        <f t="array" ref="D7097">IFERROR(INDEX(Jesper!AH$2:AH$366,ROUNDDOWN($C7097/24,0)+1,1)*INDEX($D$3:$AA$30,INDEX(Jesper!$R$2:$R$366,ROW(INDEX(Jesper!AH$2:AH$366,ROUNDDOWN($C7097/24,0)+1,1))-1)+IF('Standard Profiles'!$G$18=$B$10,7,0)+IF('Standard Profiles'!$G$18=$B$17,14,0)+IF('Standard Profiles'!$G$18=$B$24,21,0),MOD($C7097,24)+1)/SUM(INDEX($D$3:$AA$30,INDEX(Jesper!$R$2:$R$366,ROW(INDEX(Jesper!AH$2:AH$366,ROUNDDOWN($C7097/24,0)+1,1))-1)+IF('Standard Profiles'!$G$18=$B$10,7,0)+IF('Standard Profiles'!$G$18=$B$17,14,0)+IF('Standard Profiles'!$G$18=$B$24,21,0),0)),0)</f>
        <v>0</v>
      </c>
      <c r="E7097" cm="1">
        <f t="array" ref="E7097">IFERROR(INDEX(Jesper!AI$2:AI$366,ROUNDDOWN($C7097/24,0)+1,1)*INDEX($D$3:$AA$30,INDEX(Jesper!$R$2:$R$366,ROW(INDEX(Jesper!AI$2:AI$366,ROUNDDOWN($C7097/24,0)+1,1))-1)+IF('Standard Profiles'!$G$19=$B$10,7,0)+IF('Standard Profiles'!$G$19=$B$17,14,0)+IF('Standard Profiles'!$G$19=$B$24,21,0),MOD($C7097,24)+1)/SUM(INDEX($D$3:$AA$30,INDEX(Jesper!$R$2:$R$366,ROW(INDEX(Jesper!AI$2:AI$366,ROUNDDOWN($C7097/24,0)+1,1))-1)+IF('Standard Profiles'!$G$19=$B$10,7,0)+IF('Standard Profiles'!$G$19=$B$17,14,0)+IF('Standard Profiles'!$G$19=$B$24,21,0),0)),0)</f>
        <v>2.7727306231833455</v>
      </c>
      <c r="F7097" cm="1">
        <f t="array" ref="F7097">IFERROR(INDEX(Jesper!AJ$2:AJ$366,ROUNDDOWN($C7097/24,0)+1,1)*INDEX($D$3:$AA$30,INDEX(Jesper!$R$2:$R$366,ROW(INDEX(Jesper!AJ$2:AJ$366,ROUNDDOWN($C7097/24,0)+1,1))-1)+IF('Standard Profiles'!$G$20=$B$10,7,0)+IF('Standard Profiles'!$G$20=$B$17,14,0)+IF('Standard Profiles'!$G$20=$B$24,21,0),MOD($C7097,24)+1)/SUM(INDEX($D$3:$AA$30,INDEX(Jesper!$R$2:$R$366,ROW(INDEX(Jesper!AJ$2:AJ$366,ROUNDDOWN($C7097/24,0)+1,1))-1)+IF('Standard Profiles'!$G$20=$B$10,7,0)+IF('Standard Profiles'!$G$20=$B$17,14,0)+IF('Standard Profiles'!$G$20=$B$24,21,0),0)),0)</f>
        <v>1.4372424523898708</v>
      </c>
      <c r="G7097" cm="1">
        <f t="array" ref="G7097">IFERROR(INDEX(Jesper!AK$2:AK$366,ROUNDDOWN($C7097/24,0)+1,1)*INDEX($D$3:$AA$30,INDEX(Jesper!$R$2:$R$366,ROW(INDEX(Jesper!AK$2:AK$366,ROUNDDOWN($C7097/24,0)+1,1))-1)+IF('Standard Profiles'!$G$21=$B$10,7,0)+IF('Standard Profiles'!$G$21=$B$17,14,0)+IF('Standard Profiles'!$G$21=$B$24,21,0),MOD($C7097,24)+1)/SUM(INDEX($D$3:$AA$30,INDEX(Jesper!$R$2:$R$366,ROW(INDEX(Jesper!AK$2:AK$366,ROUNDDOWN($C7097/24,0)+1,1))-1)+IF('Standard Profiles'!$G$21=$B$10,7,0)+IF('Standard Profiles'!$G$21=$B$17,14,0)+IF('Standard Profiles'!$G$21=$B$24,21,0),0)),0)</f>
        <v>0.98722376396788936</v>
      </c>
      <c r="H7097" cm="1">
        <f t="array" ref="H7097">IFERROR(INDEX(Jesper!AL$2:AL$366,ROUNDDOWN($C7097/24,0)+1,1)*INDEX($D$3:$AA$30,INDEX(Jesper!$R$2:$R$366,ROW(INDEX(Jesper!AL$2:AL$366,ROUNDDOWN($C7097/24,0)+1,1))-1)+IF('Standard Profiles'!$G$22=$B$10,7,0)+IF('Standard Profiles'!$G$22=$B$17,14,0)+IF('Standard Profiles'!$G$22=$B$24,21,0),MOD($C7097,24)+1)/SUM(INDEX($D$3:$AA$30,INDEX(Jesper!$R$2:$R$366,ROW(INDEX(Jesper!AL$2:AL$366,ROUNDDOWN($C7097/24,0)+1,1))-1)+IF('Standard Profiles'!$G$22=$B$10,7,0)+IF('Standard Profiles'!$G$22=$B$17,14,0)+IF('Standard Profiles'!$G$22=$B$24,21,0),0)),0)</f>
        <v>0.76521522288353183</v>
      </c>
      <c r="I7097">
        <f t="shared" si="790"/>
        <v>0.73460661396819094</v>
      </c>
      <c r="J7097">
        <f t="shared" si="791"/>
        <v>4.8950777736744451</v>
      </c>
      <c r="K7097">
        <f t="shared" si="792"/>
        <v>0.22181844985466764</v>
      </c>
      <c r="L7097">
        <f t="shared" si="793"/>
        <v>0.11090922492733382</v>
      </c>
      <c r="M7097">
        <f t="shared" si="794"/>
        <v>0</v>
      </c>
      <c r="N7097" s="45">
        <f t="shared" si="795"/>
        <v>45221.291666649537</v>
      </c>
    </row>
    <row r="7098" spans="2:14" x14ac:dyDescent="0.25">
      <c r="B7098">
        <f t="shared" si="789"/>
        <v>7</v>
      </c>
      <c r="C7098" s="16">
        <v>7064</v>
      </c>
      <c r="D7098" cm="1">
        <f t="array" ref="D7098">IFERROR(INDEX(Jesper!AH$2:AH$366,ROUNDDOWN($C7098/24,0)+1,1)*INDEX($D$3:$AA$30,INDEX(Jesper!$R$2:$R$366,ROW(INDEX(Jesper!AH$2:AH$366,ROUNDDOWN($C7098/24,0)+1,1))-1)+IF('Standard Profiles'!$G$18=$B$10,7,0)+IF('Standard Profiles'!$G$18=$B$17,14,0)+IF('Standard Profiles'!$G$18=$B$24,21,0),MOD($C7098,24)+1)/SUM(INDEX($D$3:$AA$30,INDEX(Jesper!$R$2:$R$366,ROW(INDEX(Jesper!AH$2:AH$366,ROUNDDOWN($C7098/24,0)+1,1))-1)+IF('Standard Profiles'!$G$18=$B$10,7,0)+IF('Standard Profiles'!$G$18=$B$17,14,0)+IF('Standard Profiles'!$G$18=$B$24,21,0),0)),0)</f>
        <v>0</v>
      </c>
      <c r="E7098" cm="1">
        <f t="array" ref="E7098">IFERROR(INDEX(Jesper!AI$2:AI$366,ROUNDDOWN($C7098/24,0)+1,1)*INDEX($D$3:$AA$30,INDEX(Jesper!$R$2:$R$366,ROW(INDEX(Jesper!AI$2:AI$366,ROUNDDOWN($C7098/24,0)+1,1))-1)+IF('Standard Profiles'!$G$19=$B$10,7,0)+IF('Standard Profiles'!$G$19=$B$17,14,0)+IF('Standard Profiles'!$G$19=$B$24,21,0),MOD($C7098,24)+1)/SUM(INDEX($D$3:$AA$30,INDEX(Jesper!$R$2:$R$366,ROW(INDEX(Jesper!AI$2:AI$366,ROUNDDOWN($C7098/24,0)+1,1))-1)+IF('Standard Profiles'!$G$19=$B$10,7,0)+IF('Standard Profiles'!$G$19=$B$17,14,0)+IF('Standard Profiles'!$G$19=$B$24,21,0),0)),0)</f>
        <v>2.7727306231833455</v>
      </c>
      <c r="F7098" cm="1">
        <f t="array" ref="F7098">IFERROR(INDEX(Jesper!AJ$2:AJ$366,ROUNDDOWN($C7098/24,0)+1,1)*INDEX($D$3:$AA$30,INDEX(Jesper!$R$2:$R$366,ROW(INDEX(Jesper!AJ$2:AJ$366,ROUNDDOWN($C7098/24,0)+1,1))-1)+IF('Standard Profiles'!$G$20=$B$10,7,0)+IF('Standard Profiles'!$G$20=$B$17,14,0)+IF('Standard Profiles'!$G$20=$B$24,21,0),MOD($C7098,24)+1)/SUM(INDEX($D$3:$AA$30,INDEX(Jesper!$R$2:$R$366,ROW(INDEX(Jesper!AJ$2:AJ$366,ROUNDDOWN($C7098/24,0)+1,1))-1)+IF('Standard Profiles'!$G$20=$B$10,7,0)+IF('Standard Profiles'!$G$20=$B$17,14,0)+IF('Standard Profiles'!$G$20=$B$24,21,0),0)),0)</f>
        <v>1.4372424523898708</v>
      </c>
      <c r="G7098" cm="1">
        <f t="array" ref="G7098">IFERROR(INDEX(Jesper!AK$2:AK$366,ROUNDDOWN($C7098/24,0)+1,1)*INDEX($D$3:$AA$30,INDEX(Jesper!$R$2:$R$366,ROW(INDEX(Jesper!AK$2:AK$366,ROUNDDOWN($C7098/24,0)+1,1))-1)+IF('Standard Profiles'!$G$21=$B$10,7,0)+IF('Standard Profiles'!$G$21=$B$17,14,0)+IF('Standard Profiles'!$G$21=$B$24,21,0),MOD($C7098,24)+1)/SUM(INDEX($D$3:$AA$30,INDEX(Jesper!$R$2:$R$366,ROW(INDEX(Jesper!AK$2:AK$366,ROUNDDOWN($C7098/24,0)+1,1))-1)+IF('Standard Profiles'!$G$21=$B$10,7,0)+IF('Standard Profiles'!$G$21=$B$17,14,0)+IF('Standard Profiles'!$G$21=$B$24,21,0),0)),0)</f>
        <v>0.98722376396788936</v>
      </c>
      <c r="H7098" cm="1">
        <f t="array" ref="H7098">IFERROR(INDEX(Jesper!AL$2:AL$366,ROUNDDOWN($C7098/24,0)+1,1)*INDEX($D$3:$AA$30,INDEX(Jesper!$R$2:$R$366,ROW(INDEX(Jesper!AL$2:AL$366,ROUNDDOWN($C7098/24,0)+1,1))-1)+IF('Standard Profiles'!$G$22=$B$10,7,0)+IF('Standard Profiles'!$G$22=$B$17,14,0)+IF('Standard Profiles'!$G$22=$B$24,21,0),MOD($C7098,24)+1)/SUM(INDEX($D$3:$AA$30,INDEX(Jesper!$R$2:$R$366,ROW(INDEX(Jesper!AL$2:AL$366,ROUNDDOWN($C7098/24,0)+1,1))-1)+IF('Standard Profiles'!$G$22=$B$10,7,0)+IF('Standard Profiles'!$G$22=$B$17,14,0)+IF('Standard Profiles'!$G$22=$B$24,21,0),0)),0)</f>
        <v>0.76521522288353183</v>
      </c>
      <c r="I7098">
        <f t="shared" si="790"/>
        <v>0.73460661396819094</v>
      </c>
      <c r="J7098">
        <f t="shared" si="791"/>
        <v>4.8950777736744451</v>
      </c>
      <c r="K7098">
        <f t="shared" si="792"/>
        <v>0.22181844985466764</v>
      </c>
      <c r="L7098">
        <f t="shared" si="793"/>
        <v>0.11090922492733382</v>
      </c>
      <c r="M7098">
        <f t="shared" si="794"/>
        <v>0</v>
      </c>
      <c r="N7098" s="45">
        <f t="shared" si="795"/>
        <v>45221.333333316201</v>
      </c>
    </row>
    <row r="7099" spans="2:14" x14ac:dyDescent="0.25">
      <c r="B7099">
        <f t="shared" si="789"/>
        <v>7</v>
      </c>
      <c r="C7099" s="16">
        <v>7065</v>
      </c>
      <c r="D7099" cm="1">
        <f t="array" ref="D7099">IFERROR(INDEX(Jesper!AH$2:AH$366,ROUNDDOWN($C7099/24,0)+1,1)*INDEX($D$3:$AA$30,INDEX(Jesper!$R$2:$R$366,ROW(INDEX(Jesper!AH$2:AH$366,ROUNDDOWN($C7099/24,0)+1,1))-1)+IF('Standard Profiles'!$G$18=$B$10,7,0)+IF('Standard Profiles'!$G$18=$B$17,14,0)+IF('Standard Profiles'!$G$18=$B$24,21,0),MOD($C7099,24)+1)/SUM(INDEX($D$3:$AA$30,INDEX(Jesper!$R$2:$R$366,ROW(INDEX(Jesper!AH$2:AH$366,ROUNDDOWN($C7099/24,0)+1,1))-1)+IF('Standard Profiles'!$G$18=$B$10,7,0)+IF('Standard Profiles'!$G$18=$B$17,14,0)+IF('Standard Profiles'!$G$18=$B$24,21,0),0)),0)</f>
        <v>0</v>
      </c>
      <c r="E7099" cm="1">
        <f t="array" ref="E7099">IFERROR(INDEX(Jesper!AI$2:AI$366,ROUNDDOWN($C7099/24,0)+1,1)*INDEX($D$3:$AA$30,INDEX(Jesper!$R$2:$R$366,ROW(INDEX(Jesper!AI$2:AI$366,ROUNDDOWN($C7099/24,0)+1,1))-1)+IF('Standard Profiles'!$G$19=$B$10,7,0)+IF('Standard Profiles'!$G$19=$B$17,14,0)+IF('Standard Profiles'!$G$19=$B$24,21,0),MOD($C7099,24)+1)/SUM(INDEX($D$3:$AA$30,INDEX(Jesper!$R$2:$R$366,ROW(INDEX(Jesper!AI$2:AI$366,ROUNDDOWN($C7099/24,0)+1,1))-1)+IF('Standard Profiles'!$G$19=$B$10,7,0)+IF('Standard Profiles'!$G$19=$B$17,14,0)+IF('Standard Profiles'!$G$19=$B$24,21,0),0)),0)</f>
        <v>2.7727306231833455</v>
      </c>
      <c r="F7099" cm="1">
        <f t="array" ref="F7099">IFERROR(INDEX(Jesper!AJ$2:AJ$366,ROUNDDOWN($C7099/24,0)+1,1)*INDEX($D$3:$AA$30,INDEX(Jesper!$R$2:$R$366,ROW(INDEX(Jesper!AJ$2:AJ$366,ROUNDDOWN($C7099/24,0)+1,1))-1)+IF('Standard Profiles'!$G$20=$B$10,7,0)+IF('Standard Profiles'!$G$20=$B$17,14,0)+IF('Standard Profiles'!$G$20=$B$24,21,0),MOD($C7099,24)+1)/SUM(INDEX($D$3:$AA$30,INDEX(Jesper!$R$2:$R$366,ROW(INDEX(Jesper!AJ$2:AJ$366,ROUNDDOWN($C7099/24,0)+1,1))-1)+IF('Standard Profiles'!$G$20=$B$10,7,0)+IF('Standard Profiles'!$G$20=$B$17,14,0)+IF('Standard Profiles'!$G$20=$B$24,21,0),0)),0)</f>
        <v>1.4372424523898708</v>
      </c>
      <c r="G7099" cm="1">
        <f t="array" ref="G7099">IFERROR(INDEX(Jesper!AK$2:AK$366,ROUNDDOWN($C7099/24,0)+1,1)*INDEX($D$3:$AA$30,INDEX(Jesper!$R$2:$R$366,ROW(INDEX(Jesper!AK$2:AK$366,ROUNDDOWN($C7099/24,0)+1,1))-1)+IF('Standard Profiles'!$G$21=$B$10,7,0)+IF('Standard Profiles'!$G$21=$B$17,14,0)+IF('Standard Profiles'!$G$21=$B$24,21,0),MOD($C7099,24)+1)/SUM(INDEX($D$3:$AA$30,INDEX(Jesper!$R$2:$R$366,ROW(INDEX(Jesper!AK$2:AK$366,ROUNDDOWN($C7099/24,0)+1,1))-1)+IF('Standard Profiles'!$G$21=$B$10,7,0)+IF('Standard Profiles'!$G$21=$B$17,14,0)+IF('Standard Profiles'!$G$21=$B$24,21,0),0)),0)</f>
        <v>0.98722376396788936</v>
      </c>
      <c r="H7099" cm="1">
        <f t="array" ref="H7099">IFERROR(INDEX(Jesper!AL$2:AL$366,ROUNDDOWN($C7099/24,0)+1,1)*INDEX($D$3:$AA$30,INDEX(Jesper!$R$2:$R$366,ROW(INDEX(Jesper!AL$2:AL$366,ROUNDDOWN($C7099/24,0)+1,1))-1)+IF('Standard Profiles'!$G$22=$B$10,7,0)+IF('Standard Profiles'!$G$22=$B$17,14,0)+IF('Standard Profiles'!$G$22=$B$24,21,0),MOD($C7099,24)+1)/SUM(INDEX($D$3:$AA$30,INDEX(Jesper!$R$2:$R$366,ROW(INDEX(Jesper!AL$2:AL$366,ROUNDDOWN($C7099/24,0)+1,1))-1)+IF('Standard Profiles'!$G$22=$B$10,7,0)+IF('Standard Profiles'!$G$22=$B$17,14,0)+IF('Standard Profiles'!$G$22=$B$24,21,0),0)),0)</f>
        <v>0.76521522288353183</v>
      </c>
      <c r="I7099">
        <f t="shared" si="790"/>
        <v>0.73460661396819094</v>
      </c>
      <c r="J7099">
        <f t="shared" si="791"/>
        <v>4.8950777736744451</v>
      </c>
      <c r="K7099">
        <f t="shared" si="792"/>
        <v>0.22181844985466764</v>
      </c>
      <c r="L7099">
        <f t="shared" si="793"/>
        <v>0.11090922492733382</v>
      </c>
      <c r="M7099">
        <f t="shared" si="794"/>
        <v>0</v>
      </c>
      <c r="N7099" s="45">
        <f t="shared" si="795"/>
        <v>45221.374999982865</v>
      </c>
    </row>
    <row r="7100" spans="2:14" x14ac:dyDescent="0.25">
      <c r="B7100">
        <f t="shared" si="789"/>
        <v>7</v>
      </c>
      <c r="C7100" s="16">
        <v>7066</v>
      </c>
      <c r="D7100" cm="1">
        <f t="array" ref="D7100">IFERROR(INDEX(Jesper!AH$2:AH$366,ROUNDDOWN($C7100/24,0)+1,1)*INDEX($D$3:$AA$30,INDEX(Jesper!$R$2:$R$366,ROW(INDEX(Jesper!AH$2:AH$366,ROUNDDOWN($C7100/24,0)+1,1))-1)+IF('Standard Profiles'!$G$18=$B$10,7,0)+IF('Standard Profiles'!$G$18=$B$17,14,0)+IF('Standard Profiles'!$G$18=$B$24,21,0),MOD($C7100,24)+1)/SUM(INDEX($D$3:$AA$30,INDEX(Jesper!$R$2:$R$366,ROW(INDEX(Jesper!AH$2:AH$366,ROUNDDOWN($C7100/24,0)+1,1))-1)+IF('Standard Profiles'!$G$18=$B$10,7,0)+IF('Standard Profiles'!$G$18=$B$17,14,0)+IF('Standard Profiles'!$G$18=$B$24,21,0),0)),0)</f>
        <v>0</v>
      </c>
      <c r="E7100" cm="1">
        <f t="array" ref="E7100">IFERROR(INDEX(Jesper!AI$2:AI$366,ROUNDDOWN($C7100/24,0)+1,1)*INDEX($D$3:$AA$30,INDEX(Jesper!$R$2:$R$366,ROW(INDEX(Jesper!AI$2:AI$366,ROUNDDOWN($C7100/24,0)+1,1))-1)+IF('Standard Profiles'!$G$19=$B$10,7,0)+IF('Standard Profiles'!$G$19=$B$17,14,0)+IF('Standard Profiles'!$G$19=$B$24,21,0),MOD($C7100,24)+1)/SUM(INDEX($D$3:$AA$30,INDEX(Jesper!$R$2:$R$366,ROW(INDEX(Jesper!AI$2:AI$366,ROUNDDOWN($C7100/24,0)+1,1))-1)+IF('Standard Profiles'!$G$19=$B$10,7,0)+IF('Standard Profiles'!$G$19=$B$17,14,0)+IF('Standard Profiles'!$G$19=$B$24,21,0),0)),0)</f>
        <v>2.7727306231833455</v>
      </c>
      <c r="F7100" cm="1">
        <f t="array" ref="F7100">IFERROR(INDEX(Jesper!AJ$2:AJ$366,ROUNDDOWN($C7100/24,0)+1,1)*INDEX($D$3:$AA$30,INDEX(Jesper!$R$2:$R$366,ROW(INDEX(Jesper!AJ$2:AJ$366,ROUNDDOWN($C7100/24,0)+1,1))-1)+IF('Standard Profiles'!$G$20=$B$10,7,0)+IF('Standard Profiles'!$G$20=$B$17,14,0)+IF('Standard Profiles'!$G$20=$B$24,21,0),MOD($C7100,24)+1)/SUM(INDEX($D$3:$AA$30,INDEX(Jesper!$R$2:$R$366,ROW(INDEX(Jesper!AJ$2:AJ$366,ROUNDDOWN($C7100/24,0)+1,1))-1)+IF('Standard Profiles'!$G$20=$B$10,7,0)+IF('Standard Profiles'!$G$20=$B$17,14,0)+IF('Standard Profiles'!$G$20=$B$24,21,0),0)),0)</f>
        <v>1.4372424523898708</v>
      </c>
      <c r="G7100" cm="1">
        <f t="array" ref="G7100">IFERROR(INDEX(Jesper!AK$2:AK$366,ROUNDDOWN($C7100/24,0)+1,1)*INDEX($D$3:$AA$30,INDEX(Jesper!$R$2:$R$366,ROW(INDEX(Jesper!AK$2:AK$366,ROUNDDOWN($C7100/24,0)+1,1))-1)+IF('Standard Profiles'!$G$21=$B$10,7,0)+IF('Standard Profiles'!$G$21=$B$17,14,0)+IF('Standard Profiles'!$G$21=$B$24,21,0),MOD($C7100,24)+1)/SUM(INDEX($D$3:$AA$30,INDEX(Jesper!$R$2:$R$366,ROW(INDEX(Jesper!AK$2:AK$366,ROUNDDOWN($C7100/24,0)+1,1))-1)+IF('Standard Profiles'!$G$21=$B$10,7,0)+IF('Standard Profiles'!$G$21=$B$17,14,0)+IF('Standard Profiles'!$G$21=$B$24,21,0),0)),0)</f>
        <v>0.98722376396788936</v>
      </c>
      <c r="H7100" cm="1">
        <f t="array" ref="H7100">IFERROR(INDEX(Jesper!AL$2:AL$366,ROUNDDOWN($C7100/24,0)+1,1)*INDEX($D$3:$AA$30,INDEX(Jesper!$R$2:$R$366,ROW(INDEX(Jesper!AL$2:AL$366,ROUNDDOWN($C7100/24,0)+1,1))-1)+IF('Standard Profiles'!$G$22=$B$10,7,0)+IF('Standard Profiles'!$G$22=$B$17,14,0)+IF('Standard Profiles'!$G$22=$B$24,21,0),MOD($C7100,24)+1)/SUM(INDEX($D$3:$AA$30,INDEX(Jesper!$R$2:$R$366,ROW(INDEX(Jesper!AL$2:AL$366,ROUNDDOWN($C7100/24,0)+1,1))-1)+IF('Standard Profiles'!$G$22=$B$10,7,0)+IF('Standard Profiles'!$G$22=$B$17,14,0)+IF('Standard Profiles'!$G$22=$B$24,21,0),0)),0)</f>
        <v>0.76521522288353183</v>
      </c>
      <c r="I7100">
        <f t="shared" si="790"/>
        <v>0.73460661396819094</v>
      </c>
      <c r="J7100">
        <f t="shared" si="791"/>
        <v>4.8950777736744451</v>
      </c>
      <c r="K7100">
        <f t="shared" si="792"/>
        <v>0.22181844985466764</v>
      </c>
      <c r="L7100">
        <f t="shared" si="793"/>
        <v>0.11090922492733382</v>
      </c>
      <c r="M7100">
        <f t="shared" si="794"/>
        <v>0</v>
      </c>
      <c r="N7100" s="45">
        <f t="shared" si="795"/>
        <v>45221.416666649529</v>
      </c>
    </row>
    <row r="7101" spans="2:14" x14ac:dyDescent="0.25">
      <c r="B7101">
        <f t="shared" si="789"/>
        <v>7</v>
      </c>
      <c r="C7101" s="16">
        <v>7067</v>
      </c>
      <c r="D7101" cm="1">
        <f t="array" ref="D7101">IFERROR(INDEX(Jesper!AH$2:AH$366,ROUNDDOWN($C7101/24,0)+1,1)*INDEX($D$3:$AA$30,INDEX(Jesper!$R$2:$R$366,ROW(INDEX(Jesper!AH$2:AH$366,ROUNDDOWN($C7101/24,0)+1,1))-1)+IF('Standard Profiles'!$G$18=$B$10,7,0)+IF('Standard Profiles'!$G$18=$B$17,14,0)+IF('Standard Profiles'!$G$18=$B$24,21,0),MOD($C7101,24)+1)/SUM(INDEX($D$3:$AA$30,INDEX(Jesper!$R$2:$R$366,ROW(INDEX(Jesper!AH$2:AH$366,ROUNDDOWN($C7101/24,0)+1,1))-1)+IF('Standard Profiles'!$G$18=$B$10,7,0)+IF('Standard Profiles'!$G$18=$B$17,14,0)+IF('Standard Profiles'!$G$18=$B$24,21,0),0)),0)</f>
        <v>0</v>
      </c>
      <c r="E7101" cm="1">
        <f t="array" ref="E7101">IFERROR(INDEX(Jesper!AI$2:AI$366,ROUNDDOWN($C7101/24,0)+1,1)*INDEX($D$3:$AA$30,INDEX(Jesper!$R$2:$R$366,ROW(INDEX(Jesper!AI$2:AI$366,ROUNDDOWN($C7101/24,0)+1,1))-1)+IF('Standard Profiles'!$G$19=$B$10,7,0)+IF('Standard Profiles'!$G$19=$B$17,14,0)+IF('Standard Profiles'!$G$19=$B$24,21,0),MOD($C7101,24)+1)/SUM(INDEX($D$3:$AA$30,INDEX(Jesper!$R$2:$R$366,ROW(INDEX(Jesper!AI$2:AI$366,ROUNDDOWN($C7101/24,0)+1,1))-1)+IF('Standard Profiles'!$G$19=$B$10,7,0)+IF('Standard Profiles'!$G$19=$B$17,14,0)+IF('Standard Profiles'!$G$19=$B$24,21,0),0)),0)</f>
        <v>2.7727306231833455</v>
      </c>
      <c r="F7101" cm="1">
        <f t="array" ref="F7101">IFERROR(INDEX(Jesper!AJ$2:AJ$366,ROUNDDOWN($C7101/24,0)+1,1)*INDEX($D$3:$AA$30,INDEX(Jesper!$R$2:$R$366,ROW(INDEX(Jesper!AJ$2:AJ$366,ROUNDDOWN($C7101/24,0)+1,1))-1)+IF('Standard Profiles'!$G$20=$B$10,7,0)+IF('Standard Profiles'!$G$20=$B$17,14,0)+IF('Standard Profiles'!$G$20=$B$24,21,0),MOD($C7101,24)+1)/SUM(INDEX($D$3:$AA$30,INDEX(Jesper!$R$2:$R$366,ROW(INDEX(Jesper!AJ$2:AJ$366,ROUNDDOWN($C7101/24,0)+1,1))-1)+IF('Standard Profiles'!$G$20=$B$10,7,0)+IF('Standard Profiles'!$G$20=$B$17,14,0)+IF('Standard Profiles'!$G$20=$B$24,21,0),0)),0)</f>
        <v>1.4372424523898708</v>
      </c>
      <c r="G7101" cm="1">
        <f t="array" ref="G7101">IFERROR(INDEX(Jesper!AK$2:AK$366,ROUNDDOWN($C7101/24,0)+1,1)*INDEX($D$3:$AA$30,INDEX(Jesper!$R$2:$R$366,ROW(INDEX(Jesper!AK$2:AK$366,ROUNDDOWN($C7101/24,0)+1,1))-1)+IF('Standard Profiles'!$G$21=$B$10,7,0)+IF('Standard Profiles'!$G$21=$B$17,14,0)+IF('Standard Profiles'!$G$21=$B$24,21,0),MOD($C7101,24)+1)/SUM(INDEX($D$3:$AA$30,INDEX(Jesper!$R$2:$R$366,ROW(INDEX(Jesper!AK$2:AK$366,ROUNDDOWN($C7101/24,0)+1,1))-1)+IF('Standard Profiles'!$G$21=$B$10,7,0)+IF('Standard Profiles'!$G$21=$B$17,14,0)+IF('Standard Profiles'!$G$21=$B$24,21,0),0)),0)</f>
        <v>0.98722376396788936</v>
      </c>
      <c r="H7101" cm="1">
        <f t="array" ref="H7101">IFERROR(INDEX(Jesper!AL$2:AL$366,ROUNDDOWN($C7101/24,0)+1,1)*INDEX($D$3:$AA$30,INDEX(Jesper!$R$2:$R$366,ROW(INDEX(Jesper!AL$2:AL$366,ROUNDDOWN($C7101/24,0)+1,1))-1)+IF('Standard Profiles'!$G$22=$B$10,7,0)+IF('Standard Profiles'!$G$22=$B$17,14,0)+IF('Standard Profiles'!$G$22=$B$24,21,0),MOD($C7101,24)+1)/SUM(INDEX($D$3:$AA$30,INDEX(Jesper!$R$2:$R$366,ROW(INDEX(Jesper!AL$2:AL$366,ROUNDDOWN($C7101/24,0)+1,1))-1)+IF('Standard Profiles'!$G$22=$B$10,7,0)+IF('Standard Profiles'!$G$22=$B$17,14,0)+IF('Standard Profiles'!$G$22=$B$24,21,0),0)),0)</f>
        <v>0.76521522288353183</v>
      </c>
      <c r="I7101">
        <f t="shared" si="790"/>
        <v>0.73460661396819094</v>
      </c>
      <c r="J7101">
        <f t="shared" si="791"/>
        <v>4.8950777736744451</v>
      </c>
      <c r="K7101">
        <f t="shared" si="792"/>
        <v>0.22181844985466764</v>
      </c>
      <c r="L7101">
        <f t="shared" si="793"/>
        <v>0.11090922492733382</v>
      </c>
      <c r="M7101">
        <f t="shared" si="794"/>
        <v>0</v>
      </c>
      <c r="N7101" s="45">
        <f t="shared" si="795"/>
        <v>45221.458333316194</v>
      </c>
    </row>
    <row r="7102" spans="2:14" x14ac:dyDescent="0.25">
      <c r="B7102">
        <f t="shared" si="789"/>
        <v>7</v>
      </c>
      <c r="C7102" s="16">
        <v>7068</v>
      </c>
      <c r="D7102" cm="1">
        <f t="array" ref="D7102">IFERROR(INDEX(Jesper!AH$2:AH$366,ROUNDDOWN($C7102/24,0)+1,1)*INDEX($D$3:$AA$30,INDEX(Jesper!$R$2:$R$366,ROW(INDEX(Jesper!AH$2:AH$366,ROUNDDOWN($C7102/24,0)+1,1))-1)+IF('Standard Profiles'!$G$18=$B$10,7,0)+IF('Standard Profiles'!$G$18=$B$17,14,0)+IF('Standard Profiles'!$G$18=$B$24,21,0),MOD($C7102,24)+1)/SUM(INDEX($D$3:$AA$30,INDEX(Jesper!$R$2:$R$366,ROW(INDEX(Jesper!AH$2:AH$366,ROUNDDOWN($C7102/24,0)+1,1))-1)+IF('Standard Profiles'!$G$18=$B$10,7,0)+IF('Standard Profiles'!$G$18=$B$17,14,0)+IF('Standard Profiles'!$G$18=$B$24,21,0),0)),0)</f>
        <v>0</v>
      </c>
      <c r="E7102" cm="1">
        <f t="array" ref="E7102">IFERROR(INDEX(Jesper!AI$2:AI$366,ROUNDDOWN($C7102/24,0)+1,1)*INDEX($D$3:$AA$30,INDEX(Jesper!$R$2:$R$366,ROW(INDEX(Jesper!AI$2:AI$366,ROUNDDOWN($C7102/24,0)+1,1))-1)+IF('Standard Profiles'!$G$19=$B$10,7,0)+IF('Standard Profiles'!$G$19=$B$17,14,0)+IF('Standard Profiles'!$G$19=$B$24,21,0),MOD($C7102,24)+1)/SUM(INDEX($D$3:$AA$30,INDEX(Jesper!$R$2:$R$366,ROW(INDEX(Jesper!AI$2:AI$366,ROUNDDOWN($C7102/24,0)+1,1))-1)+IF('Standard Profiles'!$G$19=$B$10,7,0)+IF('Standard Profiles'!$G$19=$B$17,14,0)+IF('Standard Profiles'!$G$19=$B$24,21,0),0)),0)</f>
        <v>2.7727306231833455</v>
      </c>
      <c r="F7102" cm="1">
        <f t="array" ref="F7102">IFERROR(INDEX(Jesper!AJ$2:AJ$366,ROUNDDOWN($C7102/24,0)+1,1)*INDEX($D$3:$AA$30,INDEX(Jesper!$R$2:$R$366,ROW(INDEX(Jesper!AJ$2:AJ$366,ROUNDDOWN($C7102/24,0)+1,1))-1)+IF('Standard Profiles'!$G$20=$B$10,7,0)+IF('Standard Profiles'!$G$20=$B$17,14,0)+IF('Standard Profiles'!$G$20=$B$24,21,0),MOD($C7102,24)+1)/SUM(INDEX($D$3:$AA$30,INDEX(Jesper!$R$2:$R$366,ROW(INDEX(Jesper!AJ$2:AJ$366,ROUNDDOWN($C7102/24,0)+1,1))-1)+IF('Standard Profiles'!$G$20=$B$10,7,0)+IF('Standard Profiles'!$G$20=$B$17,14,0)+IF('Standard Profiles'!$G$20=$B$24,21,0),0)),0)</f>
        <v>1.4372424523898708</v>
      </c>
      <c r="G7102" cm="1">
        <f t="array" ref="G7102">IFERROR(INDEX(Jesper!AK$2:AK$366,ROUNDDOWN($C7102/24,0)+1,1)*INDEX($D$3:$AA$30,INDEX(Jesper!$R$2:$R$366,ROW(INDEX(Jesper!AK$2:AK$366,ROUNDDOWN($C7102/24,0)+1,1))-1)+IF('Standard Profiles'!$G$21=$B$10,7,0)+IF('Standard Profiles'!$G$21=$B$17,14,0)+IF('Standard Profiles'!$G$21=$B$24,21,0),MOD($C7102,24)+1)/SUM(INDEX($D$3:$AA$30,INDEX(Jesper!$R$2:$R$366,ROW(INDEX(Jesper!AK$2:AK$366,ROUNDDOWN($C7102/24,0)+1,1))-1)+IF('Standard Profiles'!$G$21=$B$10,7,0)+IF('Standard Profiles'!$G$21=$B$17,14,0)+IF('Standard Profiles'!$G$21=$B$24,21,0),0)),0)</f>
        <v>0.98722376396788936</v>
      </c>
      <c r="H7102" cm="1">
        <f t="array" ref="H7102">IFERROR(INDEX(Jesper!AL$2:AL$366,ROUNDDOWN($C7102/24,0)+1,1)*INDEX($D$3:$AA$30,INDEX(Jesper!$R$2:$R$366,ROW(INDEX(Jesper!AL$2:AL$366,ROUNDDOWN($C7102/24,0)+1,1))-1)+IF('Standard Profiles'!$G$22=$B$10,7,0)+IF('Standard Profiles'!$G$22=$B$17,14,0)+IF('Standard Profiles'!$G$22=$B$24,21,0),MOD($C7102,24)+1)/SUM(INDEX($D$3:$AA$30,INDEX(Jesper!$R$2:$R$366,ROW(INDEX(Jesper!AL$2:AL$366,ROUNDDOWN($C7102/24,0)+1,1))-1)+IF('Standard Profiles'!$G$22=$B$10,7,0)+IF('Standard Profiles'!$G$22=$B$17,14,0)+IF('Standard Profiles'!$G$22=$B$24,21,0),0)),0)</f>
        <v>0.76521522288353183</v>
      </c>
      <c r="I7102">
        <f t="shared" si="790"/>
        <v>0.73460661396819094</v>
      </c>
      <c r="J7102">
        <f t="shared" si="791"/>
        <v>4.8950777736744451</v>
      </c>
      <c r="K7102">
        <f t="shared" si="792"/>
        <v>0.22181844985466764</v>
      </c>
      <c r="L7102">
        <f t="shared" si="793"/>
        <v>0.11090922492733382</v>
      </c>
      <c r="M7102">
        <f t="shared" si="794"/>
        <v>0</v>
      </c>
      <c r="N7102" s="45">
        <f t="shared" si="795"/>
        <v>45221.499999982858</v>
      </c>
    </row>
    <row r="7103" spans="2:14" x14ac:dyDescent="0.25">
      <c r="B7103">
        <f t="shared" si="789"/>
        <v>7</v>
      </c>
      <c r="C7103" s="16">
        <v>7069</v>
      </c>
      <c r="D7103" cm="1">
        <f t="array" ref="D7103">IFERROR(INDEX(Jesper!AH$2:AH$366,ROUNDDOWN($C7103/24,0)+1,1)*INDEX($D$3:$AA$30,INDEX(Jesper!$R$2:$R$366,ROW(INDEX(Jesper!AH$2:AH$366,ROUNDDOWN($C7103/24,0)+1,1))-1)+IF('Standard Profiles'!$G$18=$B$10,7,0)+IF('Standard Profiles'!$G$18=$B$17,14,0)+IF('Standard Profiles'!$G$18=$B$24,21,0),MOD($C7103,24)+1)/SUM(INDEX($D$3:$AA$30,INDEX(Jesper!$R$2:$R$366,ROW(INDEX(Jesper!AH$2:AH$366,ROUNDDOWN($C7103/24,0)+1,1))-1)+IF('Standard Profiles'!$G$18=$B$10,7,0)+IF('Standard Profiles'!$G$18=$B$17,14,0)+IF('Standard Profiles'!$G$18=$B$24,21,0),0)),0)</f>
        <v>0</v>
      </c>
      <c r="E7103" cm="1">
        <f t="array" ref="E7103">IFERROR(INDEX(Jesper!AI$2:AI$366,ROUNDDOWN($C7103/24,0)+1,1)*INDEX($D$3:$AA$30,INDEX(Jesper!$R$2:$R$366,ROW(INDEX(Jesper!AI$2:AI$366,ROUNDDOWN($C7103/24,0)+1,1))-1)+IF('Standard Profiles'!$G$19=$B$10,7,0)+IF('Standard Profiles'!$G$19=$B$17,14,0)+IF('Standard Profiles'!$G$19=$B$24,21,0),MOD($C7103,24)+1)/SUM(INDEX($D$3:$AA$30,INDEX(Jesper!$R$2:$R$366,ROW(INDEX(Jesper!AI$2:AI$366,ROUNDDOWN($C7103/24,0)+1,1))-1)+IF('Standard Profiles'!$G$19=$B$10,7,0)+IF('Standard Profiles'!$G$19=$B$17,14,0)+IF('Standard Profiles'!$G$19=$B$24,21,0),0)),0)</f>
        <v>2.7727306231833455</v>
      </c>
      <c r="F7103" cm="1">
        <f t="array" ref="F7103">IFERROR(INDEX(Jesper!AJ$2:AJ$366,ROUNDDOWN($C7103/24,0)+1,1)*INDEX($D$3:$AA$30,INDEX(Jesper!$R$2:$R$366,ROW(INDEX(Jesper!AJ$2:AJ$366,ROUNDDOWN($C7103/24,0)+1,1))-1)+IF('Standard Profiles'!$G$20=$B$10,7,0)+IF('Standard Profiles'!$G$20=$B$17,14,0)+IF('Standard Profiles'!$G$20=$B$24,21,0),MOD($C7103,24)+1)/SUM(INDEX($D$3:$AA$30,INDEX(Jesper!$R$2:$R$366,ROW(INDEX(Jesper!AJ$2:AJ$366,ROUNDDOWN($C7103/24,0)+1,1))-1)+IF('Standard Profiles'!$G$20=$B$10,7,0)+IF('Standard Profiles'!$G$20=$B$17,14,0)+IF('Standard Profiles'!$G$20=$B$24,21,0),0)),0)</f>
        <v>1.4372424523898708</v>
      </c>
      <c r="G7103" cm="1">
        <f t="array" ref="G7103">IFERROR(INDEX(Jesper!AK$2:AK$366,ROUNDDOWN($C7103/24,0)+1,1)*INDEX($D$3:$AA$30,INDEX(Jesper!$R$2:$R$366,ROW(INDEX(Jesper!AK$2:AK$366,ROUNDDOWN($C7103/24,0)+1,1))-1)+IF('Standard Profiles'!$G$21=$B$10,7,0)+IF('Standard Profiles'!$G$21=$B$17,14,0)+IF('Standard Profiles'!$G$21=$B$24,21,0),MOD($C7103,24)+1)/SUM(INDEX($D$3:$AA$30,INDEX(Jesper!$R$2:$R$366,ROW(INDEX(Jesper!AK$2:AK$366,ROUNDDOWN($C7103/24,0)+1,1))-1)+IF('Standard Profiles'!$G$21=$B$10,7,0)+IF('Standard Profiles'!$G$21=$B$17,14,0)+IF('Standard Profiles'!$G$21=$B$24,21,0),0)),0)</f>
        <v>0.98722376396788936</v>
      </c>
      <c r="H7103" cm="1">
        <f t="array" ref="H7103">IFERROR(INDEX(Jesper!AL$2:AL$366,ROUNDDOWN($C7103/24,0)+1,1)*INDEX($D$3:$AA$30,INDEX(Jesper!$R$2:$R$366,ROW(INDEX(Jesper!AL$2:AL$366,ROUNDDOWN($C7103/24,0)+1,1))-1)+IF('Standard Profiles'!$G$22=$B$10,7,0)+IF('Standard Profiles'!$G$22=$B$17,14,0)+IF('Standard Profiles'!$G$22=$B$24,21,0),MOD($C7103,24)+1)/SUM(INDEX($D$3:$AA$30,INDEX(Jesper!$R$2:$R$366,ROW(INDEX(Jesper!AL$2:AL$366,ROUNDDOWN($C7103/24,0)+1,1))-1)+IF('Standard Profiles'!$G$22=$B$10,7,0)+IF('Standard Profiles'!$G$22=$B$17,14,0)+IF('Standard Profiles'!$G$22=$B$24,21,0),0)),0)</f>
        <v>0.76521522288353183</v>
      </c>
      <c r="I7103">
        <f t="shared" si="790"/>
        <v>0.73460661396819094</v>
      </c>
      <c r="J7103">
        <f t="shared" si="791"/>
        <v>4.8950777736744451</v>
      </c>
      <c r="K7103">
        <f t="shared" si="792"/>
        <v>0.22181844985466764</v>
      </c>
      <c r="L7103">
        <f t="shared" si="793"/>
        <v>0.11090922492733382</v>
      </c>
      <c r="M7103">
        <f t="shared" si="794"/>
        <v>0</v>
      </c>
      <c r="N7103" s="45">
        <f t="shared" si="795"/>
        <v>45221.541666649522</v>
      </c>
    </row>
    <row r="7104" spans="2:14" x14ac:dyDescent="0.25">
      <c r="B7104">
        <f t="shared" si="789"/>
        <v>7</v>
      </c>
      <c r="C7104" s="16">
        <v>7070</v>
      </c>
      <c r="D7104" cm="1">
        <f t="array" ref="D7104">IFERROR(INDEX(Jesper!AH$2:AH$366,ROUNDDOWN($C7104/24,0)+1,1)*INDEX($D$3:$AA$30,INDEX(Jesper!$R$2:$R$366,ROW(INDEX(Jesper!AH$2:AH$366,ROUNDDOWN($C7104/24,0)+1,1))-1)+IF('Standard Profiles'!$G$18=$B$10,7,0)+IF('Standard Profiles'!$G$18=$B$17,14,0)+IF('Standard Profiles'!$G$18=$B$24,21,0),MOD($C7104,24)+1)/SUM(INDEX($D$3:$AA$30,INDEX(Jesper!$R$2:$R$366,ROW(INDEX(Jesper!AH$2:AH$366,ROUNDDOWN($C7104/24,0)+1,1))-1)+IF('Standard Profiles'!$G$18=$B$10,7,0)+IF('Standard Profiles'!$G$18=$B$17,14,0)+IF('Standard Profiles'!$G$18=$B$24,21,0),0)),0)</f>
        <v>0</v>
      </c>
      <c r="E7104" cm="1">
        <f t="array" ref="E7104">IFERROR(INDEX(Jesper!AI$2:AI$366,ROUNDDOWN($C7104/24,0)+1,1)*INDEX($D$3:$AA$30,INDEX(Jesper!$R$2:$R$366,ROW(INDEX(Jesper!AI$2:AI$366,ROUNDDOWN($C7104/24,0)+1,1))-1)+IF('Standard Profiles'!$G$19=$B$10,7,0)+IF('Standard Profiles'!$G$19=$B$17,14,0)+IF('Standard Profiles'!$G$19=$B$24,21,0),MOD($C7104,24)+1)/SUM(INDEX($D$3:$AA$30,INDEX(Jesper!$R$2:$R$366,ROW(INDEX(Jesper!AI$2:AI$366,ROUNDDOWN($C7104/24,0)+1,1))-1)+IF('Standard Profiles'!$G$19=$B$10,7,0)+IF('Standard Profiles'!$G$19=$B$17,14,0)+IF('Standard Profiles'!$G$19=$B$24,21,0),0)),0)</f>
        <v>2.7727306231833455</v>
      </c>
      <c r="F7104" cm="1">
        <f t="array" ref="F7104">IFERROR(INDEX(Jesper!AJ$2:AJ$366,ROUNDDOWN($C7104/24,0)+1,1)*INDEX($D$3:$AA$30,INDEX(Jesper!$R$2:$R$366,ROW(INDEX(Jesper!AJ$2:AJ$366,ROUNDDOWN($C7104/24,0)+1,1))-1)+IF('Standard Profiles'!$G$20=$B$10,7,0)+IF('Standard Profiles'!$G$20=$B$17,14,0)+IF('Standard Profiles'!$G$20=$B$24,21,0),MOD($C7104,24)+1)/SUM(INDEX($D$3:$AA$30,INDEX(Jesper!$R$2:$R$366,ROW(INDEX(Jesper!AJ$2:AJ$366,ROUNDDOWN($C7104/24,0)+1,1))-1)+IF('Standard Profiles'!$G$20=$B$10,7,0)+IF('Standard Profiles'!$G$20=$B$17,14,0)+IF('Standard Profiles'!$G$20=$B$24,21,0),0)),0)</f>
        <v>1.4372424523898708</v>
      </c>
      <c r="G7104" cm="1">
        <f t="array" ref="G7104">IFERROR(INDEX(Jesper!AK$2:AK$366,ROUNDDOWN($C7104/24,0)+1,1)*INDEX($D$3:$AA$30,INDEX(Jesper!$R$2:$R$366,ROW(INDEX(Jesper!AK$2:AK$366,ROUNDDOWN($C7104/24,0)+1,1))-1)+IF('Standard Profiles'!$G$21=$B$10,7,0)+IF('Standard Profiles'!$G$21=$B$17,14,0)+IF('Standard Profiles'!$G$21=$B$24,21,0),MOD($C7104,24)+1)/SUM(INDEX($D$3:$AA$30,INDEX(Jesper!$R$2:$R$366,ROW(INDEX(Jesper!AK$2:AK$366,ROUNDDOWN($C7104/24,0)+1,1))-1)+IF('Standard Profiles'!$G$21=$B$10,7,0)+IF('Standard Profiles'!$G$21=$B$17,14,0)+IF('Standard Profiles'!$G$21=$B$24,21,0),0)),0)</f>
        <v>0.98722376396788936</v>
      </c>
      <c r="H7104" cm="1">
        <f t="array" ref="H7104">IFERROR(INDEX(Jesper!AL$2:AL$366,ROUNDDOWN($C7104/24,0)+1,1)*INDEX($D$3:$AA$30,INDEX(Jesper!$R$2:$R$366,ROW(INDEX(Jesper!AL$2:AL$366,ROUNDDOWN($C7104/24,0)+1,1))-1)+IF('Standard Profiles'!$G$22=$B$10,7,0)+IF('Standard Profiles'!$G$22=$B$17,14,0)+IF('Standard Profiles'!$G$22=$B$24,21,0),MOD($C7104,24)+1)/SUM(INDEX($D$3:$AA$30,INDEX(Jesper!$R$2:$R$366,ROW(INDEX(Jesper!AL$2:AL$366,ROUNDDOWN($C7104/24,0)+1,1))-1)+IF('Standard Profiles'!$G$22=$B$10,7,0)+IF('Standard Profiles'!$G$22=$B$17,14,0)+IF('Standard Profiles'!$G$22=$B$24,21,0),0)),0)</f>
        <v>0.76521522288353183</v>
      </c>
      <c r="I7104">
        <f t="shared" si="790"/>
        <v>0.73460661396819094</v>
      </c>
      <c r="J7104">
        <f t="shared" si="791"/>
        <v>4.8950777736744451</v>
      </c>
      <c r="K7104">
        <f t="shared" si="792"/>
        <v>0.22181844985466764</v>
      </c>
      <c r="L7104">
        <f t="shared" si="793"/>
        <v>0.11090922492733382</v>
      </c>
      <c r="M7104">
        <f t="shared" si="794"/>
        <v>0</v>
      </c>
      <c r="N7104" s="45">
        <f t="shared" si="795"/>
        <v>45221.583333316186</v>
      </c>
    </row>
    <row r="7105" spans="2:14" x14ac:dyDescent="0.25">
      <c r="B7105">
        <f t="shared" si="789"/>
        <v>7</v>
      </c>
      <c r="C7105" s="16">
        <v>7071</v>
      </c>
      <c r="D7105" cm="1">
        <f t="array" ref="D7105">IFERROR(INDEX(Jesper!AH$2:AH$366,ROUNDDOWN($C7105/24,0)+1,1)*INDEX($D$3:$AA$30,INDEX(Jesper!$R$2:$R$366,ROW(INDEX(Jesper!AH$2:AH$366,ROUNDDOWN($C7105/24,0)+1,1))-1)+IF('Standard Profiles'!$G$18=$B$10,7,0)+IF('Standard Profiles'!$G$18=$B$17,14,0)+IF('Standard Profiles'!$G$18=$B$24,21,0),MOD($C7105,24)+1)/SUM(INDEX($D$3:$AA$30,INDEX(Jesper!$R$2:$R$366,ROW(INDEX(Jesper!AH$2:AH$366,ROUNDDOWN($C7105/24,0)+1,1))-1)+IF('Standard Profiles'!$G$18=$B$10,7,0)+IF('Standard Profiles'!$G$18=$B$17,14,0)+IF('Standard Profiles'!$G$18=$B$24,21,0),0)),0)</f>
        <v>0</v>
      </c>
      <c r="E7105" cm="1">
        <f t="array" ref="E7105">IFERROR(INDEX(Jesper!AI$2:AI$366,ROUNDDOWN($C7105/24,0)+1,1)*INDEX($D$3:$AA$30,INDEX(Jesper!$R$2:$R$366,ROW(INDEX(Jesper!AI$2:AI$366,ROUNDDOWN($C7105/24,0)+1,1))-1)+IF('Standard Profiles'!$G$19=$B$10,7,0)+IF('Standard Profiles'!$G$19=$B$17,14,0)+IF('Standard Profiles'!$G$19=$B$24,21,0),MOD($C7105,24)+1)/SUM(INDEX($D$3:$AA$30,INDEX(Jesper!$R$2:$R$366,ROW(INDEX(Jesper!AI$2:AI$366,ROUNDDOWN($C7105/24,0)+1,1))-1)+IF('Standard Profiles'!$G$19=$B$10,7,0)+IF('Standard Profiles'!$G$19=$B$17,14,0)+IF('Standard Profiles'!$G$19=$B$24,21,0),0)),0)</f>
        <v>2.7727306231833455</v>
      </c>
      <c r="F7105" cm="1">
        <f t="array" ref="F7105">IFERROR(INDEX(Jesper!AJ$2:AJ$366,ROUNDDOWN($C7105/24,0)+1,1)*INDEX($D$3:$AA$30,INDEX(Jesper!$R$2:$R$366,ROW(INDEX(Jesper!AJ$2:AJ$366,ROUNDDOWN($C7105/24,0)+1,1))-1)+IF('Standard Profiles'!$G$20=$B$10,7,0)+IF('Standard Profiles'!$G$20=$B$17,14,0)+IF('Standard Profiles'!$G$20=$B$24,21,0),MOD($C7105,24)+1)/SUM(INDEX($D$3:$AA$30,INDEX(Jesper!$R$2:$R$366,ROW(INDEX(Jesper!AJ$2:AJ$366,ROUNDDOWN($C7105/24,0)+1,1))-1)+IF('Standard Profiles'!$G$20=$B$10,7,0)+IF('Standard Profiles'!$G$20=$B$17,14,0)+IF('Standard Profiles'!$G$20=$B$24,21,0),0)),0)</f>
        <v>1.4372424523898708</v>
      </c>
      <c r="G7105" cm="1">
        <f t="array" ref="G7105">IFERROR(INDEX(Jesper!AK$2:AK$366,ROUNDDOWN($C7105/24,0)+1,1)*INDEX($D$3:$AA$30,INDEX(Jesper!$R$2:$R$366,ROW(INDEX(Jesper!AK$2:AK$366,ROUNDDOWN($C7105/24,0)+1,1))-1)+IF('Standard Profiles'!$G$21=$B$10,7,0)+IF('Standard Profiles'!$G$21=$B$17,14,0)+IF('Standard Profiles'!$G$21=$B$24,21,0),MOD($C7105,24)+1)/SUM(INDEX($D$3:$AA$30,INDEX(Jesper!$R$2:$R$366,ROW(INDEX(Jesper!AK$2:AK$366,ROUNDDOWN($C7105/24,0)+1,1))-1)+IF('Standard Profiles'!$G$21=$B$10,7,0)+IF('Standard Profiles'!$G$21=$B$17,14,0)+IF('Standard Profiles'!$G$21=$B$24,21,0),0)),0)</f>
        <v>0.98722376396788936</v>
      </c>
      <c r="H7105" cm="1">
        <f t="array" ref="H7105">IFERROR(INDEX(Jesper!AL$2:AL$366,ROUNDDOWN($C7105/24,0)+1,1)*INDEX($D$3:$AA$30,INDEX(Jesper!$R$2:$R$366,ROW(INDEX(Jesper!AL$2:AL$366,ROUNDDOWN($C7105/24,0)+1,1))-1)+IF('Standard Profiles'!$G$22=$B$10,7,0)+IF('Standard Profiles'!$G$22=$B$17,14,0)+IF('Standard Profiles'!$G$22=$B$24,21,0),MOD($C7105,24)+1)/SUM(INDEX($D$3:$AA$30,INDEX(Jesper!$R$2:$R$366,ROW(INDEX(Jesper!AL$2:AL$366,ROUNDDOWN($C7105/24,0)+1,1))-1)+IF('Standard Profiles'!$G$22=$B$10,7,0)+IF('Standard Profiles'!$G$22=$B$17,14,0)+IF('Standard Profiles'!$G$22=$B$24,21,0),0)),0)</f>
        <v>0.68019130922980608</v>
      </c>
      <c r="I7105">
        <f t="shared" si="790"/>
        <v>0.65298365686061421</v>
      </c>
      <c r="J7105">
        <f t="shared" si="791"/>
        <v>4.8916768171282961</v>
      </c>
      <c r="K7105">
        <f t="shared" si="792"/>
        <v>0.22181844985466764</v>
      </c>
      <c r="L7105">
        <f t="shared" si="793"/>
        <v>0.11090922492733382</v>
      </c>
      <c r="M7105">
        <f t="shared" si="794"/>
        <v>0</v>
      </c>
      <c r="N7105" s="45">
        <f t="shared" si="795"/>
        <v>45221.624999982851</v>
      </c>
    </row>
    <row r="7106" spans="2:14" x14ac:dyDescent="0.25">
      <c r="B7106">
        <f t="shared" si="789"/>
        <v>7</v>
      </c>
      <c r="C7106" s="16">
        <v>7072</v>
      </c>
      <c r="D7106" cm="1">
        <f t="array" ref="D7106">IFERROR(INDEX(Jesper!AH$2:AH$366,ROUNDDOWN($C7106/24,0)+1,1)*INDEX($D$3:$AA$30,INDEX(Jesper!$R$2:$R$366,ROW(INDEX(Jesper!AH$2:AH$366,ROUNDDOWN($C7106/24,0)+1,1))-1)+IF('Standard Profiles'!$G$18=$B$10,7,0)+IF('Standard Profiles'!$G$18=$B$17,14,0)+IF('Standard Profiles'!$G$18=$B$24,21,0),MOD($C7106,24)+1)/SUM(INDEX($D$3:$AA$30,INDEX(Jesper!$R$2:$R$366,ROW(INDEX(Jesper!AH$2:AH$366,ROUNDDOWN($C7106/24,0)+1,1))-1)+IF('Standard Profiles'!$G$18=$B$10,7,0)+IF('Standard Profiles'!$G$18=$B$17,14,0)+IF('Standard Profiles'!$G$18=$B$24,21,0),0)),0)</f>
        <v>0</v>
      </c>
      <c r="E7106" cm="1">
        <f t="array" ref="E7106">IFERROR(INDEX(Jesper!AI$2:AI$366,ROUNDDOWN($C7106/24,0)+1,1)*INDEX($D$3:$AA$30,INDEX(Jesper!$R$2:$R$366,ROW(INDEX(Jesper!AI$2:AI$366,ROUNDDOWN($C7106/24,0)+1,1))-1)+IF('Standard Profiles'!$G$19=$B$10,7,0)+IF('Standard Profiles'!$G$19=$B$17,14,0)+IF('Standard Profiles'!$G$19=$B$24,21,0),MOD($C7106,24)+1)/SUM(INDEX($D$3:$AA$30,INDEX(Jesper!$R$2:$R$366,ROW(INDEX(Jesper!AI$2:AI$366,ROUNDDOWN($C7106/24,0)+1,1))-1)+IF('Standard Profiles'!$G$19=$B$10,7,0)+IF('Standard Profiles'!$G$19=$B$17,14,0)+IF('Standard Profiles'!$G$19=$B$24,21,0),0)),0)</f>
        <v>2.7727306231833455</v>
      </c>
      <c r="F7106" cm="1">
        <f t="array" ref="F7106">IFERROR(INDEX(Jesper!AJ$2:AJ$366,ROUNDDOWN($C7106/24,0)+1,1)*INDEX($D$3:$AA$30,INDEX(Jesper!$R$2:$R$366,ROW(INDEX(Jesper!AJ$2:AJ$366,ROUNDDOWN($C7106/24,0)+1,1))-1)+IF('Standard Profiles'!$G$20=$B$10,7,0)+IF('Standard Profiles'!$G$20=$B$17,14,0)+IF('Standard Profiles'!$G$20=$B$24,21,0),MOD($C7106,24)+1)/SUM(INDEX($D$3:$AA$30,INDEX(Jesper!$R$2:$R$366,ROW(INDEX(Jesper!AJ$2:AJ$366,ROUNDDOWN($C7106/24,0)+1,1))-1)+IF('Standard Profiles'!$G$20=$B$10,7,0)+IF('Standard Profiles'!$G$20=$B$17,14,0)+IF('Standard Profiles'!$G$20=$B$24,21,0),0)),0)</f>
        <v>1.4372424523898708</v>
      </c>
      <c r="G7106" cm="1">
        <f t="array" ref="G7106">IFERROR(INDEX(Jesper!AK$2:AK$366,ROUNDDOWN($C7106/24,0)+1,1)*INDEX($D$3:$AA$30,INDEX(Jesper!$R$2:$R$366,ROW(INDEX(Jesper!AK$2:AK$366,ROUNDDOWN($C7106/24,0)+1,1))-1)+IF('Standard Profiles'!$G$21=$B$10,7,0)+IF('Standard Profiles'!$G$21=$B$17,14,0)+IF('Standard Profiles'!$G$21=$B$24,21,0),MOD($C7106,24)+1)/SUM(INDEX($D$3:$AA$30,INDEX(Jesper!$R$2:$R$366,ROW(INDEX(Jesper!AK$2:AK$366,ROUNDDOWN($C7106/24,0)+1,1))-1)+IF('Standard Profiles'!$G$21=$B$10,7,0)+IF('Standard Profiles'!$G$21=$B$17,14,0)+IF('Standard Profiles'!$G$21=$B$24,21,0),0)),0)</f>
        <v>0.98722376396788936</v>
      </c>
      <c r="H7106" cm="1">
        <f t="array" ref="H7106">IFERROR(INDEX(Jesper!AL$2:AL$366,ROUNDDOWN($C7106/24,0)+1,1)*INDEX($D$3:$AA$30,INDEX(Jesper!$R$2:$R$366,ROW(INDEX(Jesper!AL$2:AL$366,ROUNDDOWN($C7106/24,0)+1,1))-1)+IF('Standard Profiles'!$G$22=$B$10,7,0)+IF('Standard Profiles'!$G$22=$B$17,14,0)+IF('Standard Profiles'!$G$22=$B$24,21,0),MOD($C7106,24)+1)/SUM(INDEX($D$3:$AA$30,INDEX(Jesper!$R$2:$R$366,ROW(INDEX(Jesper!AL$2:AL$366,ROUNDDOWN($C7106/24,0)+1,1))-1)+IF('Standard Profiles'!$G$22=$B$10,7,0)+IF('Standard Profiles'!$G$22=$B$17,14,0)+IF('Standard Profiles'!$G$22=$B$24,21,0),0)),0)</f>
        <v>0.66804503585070241</v>
      </c>
      <c r="I7106">
        <f t="shared" si="790"/>
        <v>0.6413232344166746</v>
      </c>
      <c r="J7106">
        <f t="shared" si="791"/>
        <v>4.8911909661931317</v>
      </c>
      <c r="K7106">
        <f t="shared" si="792"/>
        <v>0.22181844985466764</v>
      </c>
      <c r="L7106">
        <f t="shared" si="793"/>
        <v>0.11090922492733382</v>
      </c>
      <c r="M7106">
        <f t="shared" si="794"/>
        <v>0</v>
      </c>
      <c r="N7106" s="45">
        <f t="shared" si="795"/>
        <v>45221.666666649515</v>
      </c>
    </row>
    <row r="7107" spans="2:14" x14ac:dyDescent="0.25">
      <c r="B7107">
        <f t="shared" si="789"/>
        <v>7</v>
      </c>
      <c r="C7107" s="16">
        <v>7073</v>
      </c>
      <c r="D7107" cm="1">
        <f t="array" ref="D7107">IFERROR(INDEX(Jesper!AH$2:AH$366,ROUNDDOWN($C7107/24,0)+1,1)*INDEX($D$3:$AA$30,INDEX(Jesper!$R$2:$R$366,ROW(INDEX(Jesper!AH$2:AH$366,ROUNDDOWN($C7107/24,0)+1,1))-1)+IF('Standard Profiles'!$G$18=$B$10,7,0)+IF('Standard Profiles'!$G$18=$B$17,14,0)+IF('Standard Profiles'!$G$18=$B$24,21,0),MOD($C7107,24)+1)/SUM(INDEX($D$3:$AA$30,INDEX(Jesper!$R$2:$R$366,ROW(INDEX(Jesper!AH$2:AH$366,ROUNDDOWN($C7107/24,0)+1,1))-1)+IF('Standard Profiles'!$G$18=$B$10,7,0)+IF('Standard Profiles'!$G$18=$B$17,14,0)+IF('Standard Profiles'!$G$18=$B$24,21,0),0)),0)</f>
        <v>0</v>
      </c>
      <c r="E7107" cm="1">
        <f t="array" ref="E7107">IFERROR(INDEX(Jesper!AI$2:AI$366,ROUNDDOWN($C7107/24,0)+1,1)*INDEX($D$3:$AA$30,INDEX(Jesper!$R$2:$R$366,ROW(INDEX(Jesper!AI$2:AI$366,ROUNDDOWN($C7107/24,0)+1,1))-1)+IF('Standard Profiles'!$G$19=$B$10,7,0)+IF('Standard Profiles'!$G$19=$B$17,14,0)+IF('Standard Profiles'!$G$19=$B$24,21,0),MOD($C7107,24)+1)/SUM(INDEX($D$3:$AA$30,INDEX(Jesper!$R$2:$R$366,ROW(INDEX(Jesper!AI$2:AI$366,ROUNDDOWN($C7107/24,0)+1,1))-1)+IF('Standard Profiles'!$G$19=$B$10,7,0)+IF('Standard Profiles'!$G$19=$B$17,14,0)+IF('Standard Profiles'!$G$19=$B$24,21,0),0)),0)</f>
        <v>2.7727306231833455</v>
      </c>
      <c r="F7107" cm="1">
        <f t="array" ref="F7107">IFERROR(INDEX(Jesper!AJ$2:AJ$366,ROUNDDOWN($C7107/24,0)+1,1)*INDEX($D$3:$AA$30,INDEX(Jesper!$R$2:$R$366,ROW(INDEX(Jesper!AJ$2:AJ$366,ROUNDDOWN($C7107/24,0)+1,1))-1)+IF('Standard Profiles'!$G$20=$B$10,7,0)+IF('Standard Profiles'!$G$20=$B$17,14,0)+IF('Standard Profiles'!$G$20=$B$24,21,0),MOD($C7107,24)+1)/SUM(INDEX($D$3:$AA$30,INDEX(Jesper!$R$2:$R$366,ROW(INDEX(Jesper!AJ$2:AJ$366,ROUNDDOWN($C7107/24,0)+1,1))-1)+IF('Standard Profiles'!$G$20=$B$10,7,0)+IF('Standard Profiles'!$G$20=$B$17,14,0)+IF('Standard Profiles'!$G$20=$B$24,21,0),0)),0)</f>
        <v>1.4372424523898708</v>
      </c>
      <c r="G7107" cm="1">
        <f t="array" ref="G7107">IFERROR(INDEX(Jesper!AK$2:AK$366,ROUNDDOWN($C7107/24,0)+1,1)*INDEX($D$3:$AA$30,INDEX(Jesper!$R$2:$R$366,ROW(INDEX(Jesper!AK$2:AK$366,ROUNDDOWN($C7107/24,0)+1,1))-1)+IF('Standard Profiles'!$G$21=$B$10,7,0)+IF('Standard Profiles'!$G$21=$B$17,14,0)+IF('Standard Profiles'!$G$21=$B$24,21,0),MOD($C7107,24)+1)/SUM(INDEX($D$3:$AA$30,INDEX(Jesper!$R$2:$R$366,ROW(INDEX(Jesper!AK$2:AK$366,ROUNDDOWN($C7107/24,0)+1,1))-1)+IF('Standard Profiles'!$G$21=$B$10,7,0)+IF('Standard Profiles'!$G$21=$B$17,14,0)+IF('Standard Profiles'!$G$21=$B$24,21,0),0)),0)</f>
        <v>0.98722376396788936</v>
      </c>
      <c r="H7107" cm="1">
        <f t="array" ref="H7107">IFERROR(INDEX(Jesper!AL$2:AL$366,ROUNDDOWN($C7107/24,0)+1,1)*INDEX($D$3:$AA$30,INDEX(Jesper!$R$2:$R$366,ROW(INDEX(Jesper!AL$2:AL$366,ROUNDDOWN($C7107/24,0)+1,1))-1)+IF('Standard Profiles'!$G$22=$B$10,7,0)+IF('Standard Profiles'!$G$22=$B$17,14,0)+IF('Standard Profiles'!$G$22=$B$24,21,0),MOD($C7107,24)+1)/SUM(INDEX($D$3:$AA$30,INDEX(Jesper!$R$2:$R$366,ROW(INDEX(Jesper!AL$2:AL$366,ROUNDDOWN($C7107/24,0)+1,1))-1)+IF('Standard Profiles'!$G$22=$B$10,7,0)+IF('Standard Profiles'!$G$22=$B$17,14,0)+IF('Standard Profiles'!$G$22=$B$24,21,0),0)),0)</f>
        <v>0.57087484881787298</v>
      </c>
      <c r="I7107">
        <f t="shared" si="790"/>
        <v>0.54803985486515838</v>
      </c>
      <c r="J7107">
        <f t="shared" si="791"/>
        <v>4.8873041587118182</v>
      </c>
      <c r="K7107">
        <f t="shared" si="792"/>
        <v>0.22181844985466764</v>
      </c>
      <c r="L7107">
        <f t="shared" si="793"/>
        <v>0.11090922492733382</v>
      </c>
      <c r="M7107">
        <f t="shared" si="794"/>
        <v>0</v>
      </c>
      <c r="N7107" s="45">
        <f t="shared" si="795"/>
        <v>45221.708333316179</v>
      </c>
    </row>
    <row r="7108" spans="2:14" x14ac:dyDescent="0.25">
      <c r="B7108">
        <f t="shared" si="789"/>
        <v>7</v>
      </c>
      <c r="C7108" s="16">
        <v>7074</v>
      </c>
      <c r="D7108" cm="1">
        <f t="array" ref="D7108">IFERROR(INDEX(Jesper!AH$2:AH$366,ROUNDDOWN($C7108/24,0)+1,1)*INDEX($D$3:$AA$30,INDEX(Jesper!$R$2:$R$366,ROW(INDEX(Jesper!AH$2:AH$366,ROUNDDOWN($C7108/24,0)+1,1))-1)+IF('Standard Profiles'!$G$18=$B$10,7,0)+IF('Standard Profiles'!$G$18=$B$17,14,0)+IF('Standard Profiles'!$G$18=$B$24,21,0),MOD($C7108,24)+1)/SUM(INDEX($D$3:$AA$30,INDEX(Jesper!$R$2:$R$366,ROW(INDEX(Jesper!AH$2:AH$366,ROUNDDOWN($C7108/24,0)+1,1))-1)+IF('Standard Profiles'!$G$18=$B$10,7,0)+IF('Standard Profiles'!$G$18=$B$17,14,0)+IF('Standard Profiles'!$G$18=$B$24,21,0),0)),0)</f>
        <v>0</v>
      </c>
      <c r="E7108" cm="1">
        <f t="array" ref="E7108">IFERROR(INDEX(Jesper!AI$2:AI$366,ROUNDDOWN($C7108/24,0)+1,1)*INDEX($D$3:$AA$30,INDEX(Jesper!$R$2:$R$366,ROW(INDEX(Jesper!AI$2:AI$366,ROUNDDOWN($C7108/24,0)+1,1))-1)+IF('Standard Profiles'!$G$19=$B$10,7,0)+IF('Standard Profiles'!$G$19=$B$17,14,0)+IF('Standard Profiles'!$G$19=$B$24,21,0),MOD($C7108,24)+1)/SUM(INDEX($D$3:$AA$30,INDEX(Jesper!$R$2:$R$366,ROW(INDEX(Jesper!AI$2:AI$366,ROUNDDOWN($C7108/24,0)+1,1))-1)+IF('Standard Profiles'!$G$19=$B$10,7,0)+IF('Standard Profiles'!$G$19=$B$17,14,0)+IF('Standard Profiles'!$G$19=$B$24,21,0),0)),0)</f>
        <v>2.7727306231833455</v>
      </c>
      <c r="F7108" cm="1">
        <f t="array" ref="F7108">IFERROR(INDEX(Jesper!AJ$2:AJ$366,ROUNDDOWN($C7108/24,0)+1,1)*INDEX($D$3:$AA$30,INDEX(Jesper!$R$2:$R$366,ROW(INDEX(Jesper!AJ$2:AJ$366,ROUNDDOWN($C7108/24,0)+1,1))-1)+IF('Standard Profiles'!$G$20=$B$10,7,0)+IF('Standard Profiles'!$G$20=$B$17,14,0)+IF('Standard Profiles'!$G$20=$B$24,21,0),MOD($C7108,24)+1)/SUM(INDEX($D$3:$AA$30,INDEX(Jesper!$R$2:$R$366,ROW(INDEX(Jesper!AJ$2:AJ$366,ROUNDDOWN($C7108/24,0)+1,1))-1)+IF('Standard Profiles'!$G$20=$B$10,7,0)+IF('Standard Profiles'!$G$20=$B$17,14,0)+IF('Standard Profiles'!$G$20=$B$24,21,0),0)),0)</f>
        <v>1.4372424523898708</v>
      </c>
      <c r="G7108" cm="1">
        <f t="array" ref="G7108">IFERROR(INDEX(Jesper!AK$2:AK$366,ROUNDDOWN($C7108/24,0)+1,1)*INDEX($D$3:$AA$30,INDEX(Jesper!$R$2:$R$366,ROW(INDEX(Jesper!AK$2:AK$366,ROUNDDOWN($C7108/24,0)+1,1))-1)+IF('Standard Profiles'!$G$21=$B$10,7,0)+IF('Standard Profiles'!$G$21=$B$17,14,0)+IF('Standard Profiles'!$G$21=$B$24,21,0),MOD($C7108,24)+1)/SUM(INDEX($D$3:$AA$30,INDEX(Jesper!$R$2:$R$366,ROW(INDEX(Jesper!AK$2:AK$366,ROUNDDOWN($C7108/24,0)+1,1))-1)+IF('Standard Profiles'!$G$21=$B$10,7,0)+IF('Standard Profiles'!$G$21=$B$17,14,0)+IF('Standard Profiles'!$G$21=$B$24,21,0),0)),0)</f>
        <v>0.98722376396788936</v>
      </c>
      <c r="H7108" cm="1">
        <f t="array" ref="H7108">IFERROR(INDEX(Jesper!AL$2:AL$366,ROUNDDOWN($C7108/24,0)+1,1)*INDEX($D$3:$AA$30,INDEX(Jesper!$R$2:$R$366,ROW(INDEX(Jesper!AL$2:AL$366,ROUNDDOWN($C7108/24,0)+1,1))-1)+IF('Standard Profiles'!$G$22=$B$10,7,0)+IF('Standard Profiles'!$G$22=$B$17,14,0)+IF('Standard Profiles'!$G$22=$B$24,21,0),MOD($C7108,24)+1)/SUM(INDEX($D$3:$AA$30,INDEX(Jesper!$R$2:$R$366,ROW(INDEX(Jesper!AL$2:AL$366,ROUNDDOWN($C7108/24,0)+1,1))-1)+IF('Standard Profiles'!$G$22=$B$10,7,0)+IF('Standard Profiles'!$G$22=$B$17,14,0)+IF('Standard Profiles'!$G$22=$B$24,21,0),0)),0)</f>
        <v>0.53443602868056195</v>
      </c>
      <c r="I7108">
        <f t="shared" si="790"/>
        <v>0.51305858753333977</v>
      </c>
      <c r="J7108">
        <f t="shared" si="791"/>
        <v>4.8858466059063259</v>
      </c>
      <c r="K7108">
        <f t="shared" si="792"/>
        <v>0.22181844985466764</v>
      </c>
      <c r="L7108">
        <f t="shared" si="793"/>
        <v>0.11090922492733382</v>
      </c>
      <c r="M7108">
        <f t="shared" si="794"/>
        <v>0</v>
      </c>
      <c r="N7108" s="45">
        <f t="shared" si="795"/>
        <v>45221.749999982843</v>
      </c>
    </row>
    <row r="7109" spans="2:14" x14ac:dyDescent="0.25">
      <c r="B7109">
        <f t="shared" si="789"/>
        <v>7</v>
      </c>
      <c r="C7109" s="16">
        <v>7075</v>
      </c>
      <c r="D7109" cm="1">
        <f t="array" ref="D7109">IFERROR(INDEX(Jesper!AH$2:AH$366,ROUNDDOWN($C7109/24,0)+1,1)*INDEX($D$3:$AA$30,INDEX(Jesper!$R$2:$R$366,ROW(INDEX(Jesper!AH$2:AH$366,ROUNDDOWN($C7109/24,0)+1,1))-1)+IF('Standard Profiles'!$G$18=$B$10,7,0)+IF('Standard Profiles'!$G$18=$B$17,14,0)+IF('Standard Profiles'!$G$18=$B$24,21,0),MOD($C7109,24)+1)/SUM(INDEX($D$3:$AA$30,INDEX(Jesper!$R$2:$R$366,ROW(INDEX(Jesper!AH$2:AH$366,ROUNDDOWN($C7109/24,0)+1,1))-1)+IF('Standard Profiles'!$G$18=$B$10,7,0)+IF('Standard Profiles'!$G$18=$B$17,14,0)+IF('Standard Profiles'!$G$18=$B$24,21,0),0)),0)</f>
        <v>0</v>
      </c>
      <c r="E7109" cm="1">
        <f t="array" ref="E7109">IFERROR(INDEX(Jesper!AI$2:AI$366,ROUNDDOWN($C7109/24,0)+1,1)*INDEX($D$3:$AA$30,INDEX(Jesper!$R$2:$R$366,ROW(INDEX(Jesper!AI$2:AI$366,ROUNDDOWN($C7109/24,0)+1,1))-1)+IF('Standard Profiles'!$G$19=$B$10,7,0)+IF('Standard Profiles'!$G$19=$B$17,14,0)+IF('Standard Profiles'!$G$19=$B$24,21,0),MOD($C7109,24)+1)/SUM(INDEX($D$3:$AA$30,INDEX(Jesper!$R$2:$R$366,ROW(INDEX(Jesper!AI$2:AI$366,ROUNDDOWN($C7109/24,0)+1,1))-1)+IF('Standard Profiles'!$G$19=$B$10,7,0)+IF('Standard Profiles'!$G$19=$B$17,14,0)+IF('Standard Profiles'!$G$19=$B$24,21,0),0)),0)</f>
        <v>2.7727306231833455</v>
      </c>
      <c r="F7109" cm="1">
        <f t="array" ref="F7109">IFERROR(INDEX(Jesper!AJ$2:AJ$366,ROUNDDOWN($C7109/24,0)+1,1)*INDEX($D$3:$AA$30,INDEX(Jesper!$R$2:$R$366,ROW(INDEX(Jesper!AJ$2:AJ$366,ROUNDDOWN($C7109/24,0)+1,1))-1)+IF('Standard Profiles'!$G$20=$B$10,7,0)+IF('Standard Profiles'!$G$20=$B$17,14,0)+IF('Standard Profiles'!$G$20=$B$24,21,0),MOD($C7109,24)+1)/SUM(INDEX($D$3:$AA$30,INDEX(Jesper!$R$2:$R$366,ROW(INDEX(Jesper!AJ$2:AJ$366,ROUNDDOWN($C7109/24,0)+1,1))-1)+IF('Standard Profiles'!$G$20=$B$10,7,0)+IF('Standard Profiles'!$G$20=$B$17,14,0)+IF('Standard Profiles'!$G$20=$B$24,21,0),0)),0)</f>
        <v>1.4372424523898708</v>
      </c>
      <c r="G7109" cm="1">
        <f t="array" ref="G7109">IFERROR(INDEX(Jesper!AK$2:AK$366,ROUNDDOWN($C7109/24,0)+1,1)*INDEX($D$3:$AA$30,INDEX(Jesper!$R$2:$R$366,ROW(INDEX(Jesper!AK$2:AK$366,ROUNDDOWN($C7109/24,0)+1,1))-1)+IF('Standard Profiles'!$G$21=$B$10,7,0)+IF('Standard Profiles'!$G$21=$B$17,14,0)+IF('Standard Profiles'!$G$21=$B$24,21,0),MOD($C7109,24)+1)/SUM(INDEX($D$3:$AA$30,INDEX(Jesper!$R$2:$R$366,ROW(INDEX(Jesper!AK$2:AK$366,ROUNDDOWN($C7109/24,0)+1,1))-1)+IF('Standard Profiles'!$G$21=$B$10,7,0)+IF('Standard Profiles'!$G$21=$B$17,14,0)+IF('Standard Profiles'!$G$21=$B$24,21,0),0)),0)</f>
        <v>0.98722376396788936</v>
      </c>
      <c r="H7109" cm="1">
        <f t="array" ref="H7109">IFERROR(INDEX(Jesper!AL$2:AL$366,ROUNDDOWN($C7109/24,0)+1,1)*INDEX($D$3:$AA$30,INDEX(Jesper!$R$2:$R$366,ROW(INDEX(Jesper!AL$2:AL$366,ROUNDDOWN($C7109/24,0)+1,1))-1)+IF('Standard Profiles'!$G$22=$B$10,7,0)+IF('Standard Profiles'!$G$22=$B$17,14,0)+IF('Standard Profiles'!$G$22=$B$24,21,0),MOD($C7109,24)+1)/SUM(INDEX($D$3:$AA$30,INDEX(Jesper!$R$2:$R$366,ROW(INDEX(Jesper!AL$2:AL$366,ROUNDDOWN($C7109/24,0)+1,1))-1)+IF('Standard Profiles'!$G$22=$B$10,7,0)+IF('Standard Profiles'!$G$22=$B$17,14,0)+IF('Standard Profiles'!$G$22=$B$24,21,0),0)),0)</f>
        <v>0.4494121150268362</v>
      </c>
      <c r="I7109">
        <f t="shared" si="790"/>
        <v>0.43143563042576299</v>
      </c>
      <c r="J7109">
        <f t="shared" si="791"/>
        <v>4.8824456493601769</v>
      </c>
      <c r="K7109">
        <f t="shared" si="792"/>
        <v>0.22181844985466764</v>
      </c>
      <c r="L7109">
        <f t="shared" si="793"/>
        <v>0.11090922492733382</v>
      </c>
      <c r="M7109">
        <f t="shared" si="794"/>
        <v>0</v>
      </c>
      <c r="N7109" s="45">
        <f t="shared" si="795"/>
        <v>45221.791666649508</v>
      </c>
    </row>
    <row r="7110" spans="2:14" x14ac:dyDescent="0.25">
      <c r="B7110">
        <f t="shared" si="789"/>
        <v>7</v>
      </c>
      <c r="C7110" s="16">
        <v>7076</v>
      </c>
      <c r="D7110" cm="1">
        <f t="array" ref="D7110">IFERROR(INDEX(Jesper!AH$2:AH$366,ROUNDDOWN($C7110/24,0)+1,1)*INDEX($D$3:$AA$30,INDEX(Jesper!$R$2:$R$366,ROW(INDEX(Jesper!AH$2:AH$366,ROUNDDOWN($C7110/24,0)+1,1))-1)+IF('Standard Profiles'!$G$18=$B$10,7,0)+IF('Standard Profiles'!$G$18=$B$17,14,0)+IF('Standard Profiles'!$G$18=$B$24,21,0),MOD($C7110,24)+1)/SUM(INDEX($D$3:$AA$30,INDEX(Jesper!$R$2:$R$366,ROW(INDEX(Jesper!AH$2:AH$366,ROUNDDOWN($C7110/24,0)+1,1))-1)+IF('Standard Profiles'!$G$18=$B$10,7,0)+IF('Standard Profiles'!$G$18=$B$17,14,0)+IF('Standard Profiles'!$G$18=$B$24,21,0),0)),0)</f>
        <v>0</v>
      </c>
      <c r="E7110" cm="1">
        <f t="array" ref="E7110">IFERROR(INDEX(Jesper!AI$2:AI$366,ROUNDDOWN($C7110/24,0)+1,1)*INDEX($D$3:$AA$30,INDEX(Jesper!$R$2:$R$366,ROW(INDEX(Jesper!AI$2:AI$366,ROUNDDOWN($C7110/24,0)+1,1))-1)+IF('Standard Profiles'!$G$19=$B$10,7,0)+IF('Standard Profiles'!$G$19=$B$17,14,0)+IF('Standard Profiles'!$G$19=$B$24,21,0),MOD($C7110,24)+1)/SUM(INDEX($D$3:$AA$30,INDEX(Jesper!$R$2:$R$366,ROW(INDEX(Jesper!AI$2:AI$366,ROUNDDOWN($C7110/24,0)+1,1))-1)+IF('Standard Profiles'!$G$19=$B$10,7,0)+IF('Standard Profiles'!$G$19=$B$17,14,0)+IF('Standard Profiles'!$G$19=$B$24,21,0),0)),0)</f>
        <v>2.7727306231833455</v>
      </c>
      <c r="F7110" cm="1">
        <f t="array" ref="F7110">IFERROR(INDEX(Jesper!AJ$2:AJ$366,ROUNDDOWN($C7110/24,0)+1,1)*INDEX($D$3:$AA$30,INDEX(Jesper!$R$2:$R$366,ROW(INDEX(Jesper!AJ$2:AJ$366,ROUNDDOWN($C7110/24,0)+1,1))-1)+IF('Standard Profiles'!$G$20=$B$10,7,0)+IF('Standard Profiles'!$G$20=$B$17,14,0)+IF('Standard Profiles'!$G$20=$B$24,21,0),MOD($C7110,24)+1)/SUM(INDEX($D$3:$AA$30,INDEX(Jesper!$R$2:$R$366,ROW(INDEX(Jesper!AJ$2:AJ$366,ROUNDDOWN($C7110/24,0)+1,1))-1)+IF('Standard Profiles'!$G$20=$B$10,7,0)+IF('Standard Profiles'!$G$20=$B$17,14,0)+IF('Standard Profiles'!$G$20=$B$24,21,0),0)),0)</f>
        <v>1.4372424523898708</v>
      </c>
      <c r="G7110" cm="1">
        <f t="array" ref="G7110">IFERROR(INDEX(Jesper!AK$2:AK$366,ROUNDDOWN($C7110/24,0)+1,1)*INDEX($D$3:$AA$30,INDEX(Jesper!$R$2:$R$366,ROW(INDEX(Jesper!AK$2:AK$366,ROUNDDOWN($C7110/24,0)+1,1))-1)+IF('Standard Profiles'!$G$21=$B$10,7,0)+IF('Standard Profiles'!$G$21=$B$17,14,0)+IF('Standard Profiles'!$G$21=$B$24,21,0),MOD($C7110,24)+1)/SUM(INDEX($D$3:$AA$30,INDEX(Jesper!$R$2:$R$366,ROW(INDEX(Jesper!AK$2:AK$366,ROUNDDOWN($C7110/24,0)+1,1))-1)+IF('Standard Profiles'!$G$21=$B$10,7,0)+IF('Standard Profiles'!$G$21=$B$17,14,0)+IF('Standard Profiles'!$G$21=$B$24,21,0),0)),0)</f>
        <v>0.98722376396788936</v>
      </c>
      <c r="H7110" cm="1">
        <f t="array" ref="H7110">IFERROR(INDEX(Jesper!AL$2:AL$366,ROUNDDOWN($C7110/24,0)+1,1)*INDEX($D$3:$AA$30,INDEX(Jesper!$R$2:$R$366,ROW(INDEX(Jesper!AL$2:AL$366,ROUNDDOWN($C7110/24,0)+1,1))-1)+IF('Standard Profiles'!$G$22=$B$10,7,0)+IF('Standard Profiles'!$G$22=$B$17,14,0)+IF('Standard Profiles'!$G$22=$B$24,21,0),MOD($C7110,24)+1)/SUM(INDEX($D$3:$AA$30,INDEX(Jesper!$R$2:$R$366,ROW(INDEX(Jesper!AL$2:AL$366,ROUNDDOWN($C7110/24,0)+1,1))-1)+IF('Standard Profiles'!$G$22=$B$10,7,0)+IF('Standard Profiles'!$G$22=$B$17,14,0)+IF('Standard Profiles'!$G$22=$B$24,21,0),0)),0)</f>
        <v>0.37653447475221408</v>
      </c>
      <c r="I7110">
        <f t="shared" si="790"/>
        <v>0.36147309576212572</v>
      </c>
      <c r="J7110">
        <f t="shared" si="791"/>
        <v>4.8795305437491923</v>
      </c>
      <c r="K7110">
        <f t="shared" si="792"/>
        <v>0.22181844985466764</v>
      </c>
      <c r="L7110">
        <f t="shared" si="793"/>
        <v>0.11090922492733382</v>
      </c>
      <c r="M7110">
        <f t="shared" si="794"/>
        <v>0</v>
      </c>
      <c r="N7110" s="45">
        <f t="shared" si="795"/>
        <v>45221.833333316172</v>
      </c>
    </row>
    <row r="7111" spans="2:14" x14ac:dyDescent="0.25">
      <c r="B7111">
        <f t="shared" si="789"/>
        <v>7</v>
      </c>
      <c r="C7111" s="16">
        <v>7077</v>
      </c>
      <c r="D7111" cm="1">
        <f t="array" ref="D7111">IFERROR(INDEX(Jesper!AH$2:AH$366,ROUNDDOWN($C7111/24,0)+1,1)*INDEX($D$3:$AA$30,INDEX(Jesper!$R$2:$R$366,ROW(INDEX(Jesper!AH$2:AH$366,ROUNDDOWN($C7111/24,0)+1,1))-1)+IF('Standard Profiles'!$G$18=$B$10,7,0)+IF('Standard Profiles'!$G$18=$B$17,14,0)+IF('Standard Profiles'!$G$18=$B$24,21,0),MOD($C7111,24)+1)/SUM(INDEX($D$3:$AA$30,INDEX(Jesper!$R$2:$R$366,ROW(INDEX(Jesper!AH$2:AH$366,ROUNDDOWN($C7111/24,0)+1,1))-1)+IF('Standard Profiles'!$G$18=$B$10,7,0)+IF('Standard Profiles'!$G$18=$B$17,14,0)+IF('Standard Profiles'!$G$18=$B$24,21,0),0)),0)</f>
        <v>0</v>
      </c>
      <c r="E7111" cm="1">
        <f t="array" ref="E7111">IFERROR(INDEX(Jesper!AI$2:AI$366,ROUNDDOWN($C7111/24,0)+1,1)*INDEX($D$3:$AA$30,INDEX(Jesper!$R$2:$R$366,ROW(INDEX(Jesper!AI$2:AI$366,ROUNDDOWN($C7111/24,0)+1,1))-1)+IF('Standard Profiles'!$G$19=$B$10,7,0)+IF('Standard Profiles'!$G$19=$B$17,14,0)+IF('Standard Profiles'!$G$19=$B$24,21,0),MOD($C7111,24)+1)/SUM(INDEX($D$3:$AA$30,INDEX(Jesper!$R$2:$R$366,ROW(INDEX(Jesper!AI$2:AI$366,ROUNDDOWN($C7111/24,0)+1,1))-1)+IF('Standard Profiles'!$G$19=$B$10,7,0)+IF('Standard Profiles'!$G$19=$B$17,14,0)+IF('Standard Profiles'!$G$19=$B$24,21,0),0)),0)</f>
        <v>2.7727306231833455</v>
      </c>
      <c r="F7111" cm="1">
        <f t="array" ref="F7111">IFERROR(INDEX(Jesper!AJ$2:AJ$366,ROUNDDOWN($C7111/24,0)+1,1)*INDEX($D$3:$AA$30,INDEX(Jesper!$R$2:$R$366,ROW(INDEX(Jesper!AJ$2:AJ$366,ROUNDDOWN($C7111/24,0)+1,1))-1)+IF('Standard Profiles'!$G$20=$B$10,7,0)+IF('Standard Profiles'!$G$20=$B$17,14,0)+IF('Standard Profiles'!$G$20=$B$24,21,0),MOD($C7111,24)+1)/SUM(INDEX($D$3:$AA$30,INDEX(Jesper!$R$2:$R$366,ROW(INDEX(Jesper!AJ$2:AJ$366,ROUNDDOWN($C7111/24,0)+1,1))-1)+IF('Standard Profiles'!$G$20=$B$10,7,0)+IF('Standard Profiles'!$G$20=$B$17,14,0)+IF('Standard Profiles'!$G$20=$B$24,21,0),0)),0)</f>
        <v>1.4372424523898708</v>
      </c>
      <c r="G7111" cm="1">
        <f t="array" ref="G7111">IFERROR(INDEX(Jesper!AK$2:AK$366,ROUNDDOWN($C7111/24,0)+1,1)*INDEX($D$3:$AA$30,INDEX(Jesper!$R$2:$R$366,ROW(INDEX(Jesper!AK$2:AK$366,ROUNDDOWN($C7111/24,0)+1,1))-1)+IF('Standard Profiles'!$G$21=$B$10,7,0)+IF('Standard Profiles'!$G$21=$B$17,14,0)+IF('Standard Profiles'!$G$21=$B$24,21,0),MOD($C7111,24)+1)/SUM(INDEX($D$3:$AA$30,INDEX(Jesper!$R$2:$R$366,ROW(INDEX(Jesper!AK$2:AK$366,ROUNDDOWN($C7111/24,0)+1,1))-1)+IF('Standard Profiles'!$G$21=$B$10,7,0)+IF('Standard Profiles'!$G$21=$B$17,14,0)+IF('Standard Profiles'!$G$21=$B$24,21,0),0)),0)</f>
        <v>0.98722376396788936</v>
      </c>
      <c r="H7111" cm="1">
        <f t="array" ref="H7111">IFERROR(INDEX(Jesper!AL$2:AL$366,ROUNDDOWN($C7111/24,0)+1,1)*INDEX($D$3:$AA$30,INDEX(Jesper!$R$2:$R$366,ROW(INDEX(Jesper!AL$2:AL$366,ROUNDDOWN($C7111/24,0)+1,1))-1)+IF('Standard Profiles'!$G$22=$B$10,7,0)+IF('Standard Profiles'!$G$22=$B$17,14,0)+IF('Standard Profiles'!$G$22=$B$24,21,0),MOD($C7111,24)+1)/SUM(INDEX($D$3:$AA$30,INDEX(Jesper!$R$2:$R$366,ROW(INDEX(Jesper!AL$2:AL$366,ROUNDDOWN($C7111/24,0)+1,1))-1)+IF('Standard Profiles'!$G$22=$B$10,7,0)+IF('Standard Profiles'!$G$22=$B$17,14,0)+IF('Standard Profiles'!$G$22=$B$24,21,0),0)),0)</f>
        <v>0.32794938123579936</v>
      </c>
      <c r="I7111">
        <f t="shared" si="790"/>
        <v>0.31483140598636755</v>
      </c>
      <c r="J7111">
        <f t="shared" si="791"/>
        <v>4.8775871400085355</v>
      </c>
      <c r="K7111">
        <f t="shared" si="792"/>
        <v>0.22181844985466764</v>
      </c>
      <c r="L7111">
        <f t="shared" si="793"/>
        <v>0.11090922492733382</v>
      </c>
      <c r="M7111">
        <f t="shared" si="794"/>
        <v>0</v>
      </c>
      <c r="N7111" s="45">
        <f t="shared" si="795"/>
        <v>45221.874999982836</v>
      </c>
    </row>
    <row r="7112" spans="2:14" x14ac:dyDescent="0.25">
      <c r="B7112">
        <f t="shared" si="789"/>
        <v>7</v>
      </c>
      <c r="C7112" s="16">
        <v>7078</v>
      </c>
      <c r="D7112" cm="1">
        <f t="array" ref="D7112">IFERROR(INDEX(Jesper!AH$2:AH$366,ROUNDDOWN($C7112/24,0)+1,1)*INDEX($D$3:$AA$30,INDEX(Jesper!$R$2:$R$366,ROW(INDEX(Jesper!AH$2:AH$366,ROUNDDOWN($C7112/24,0)+1,1))-1)+IF('Standard Profiles'!$G$18=$B$10,7,0)+IF('Standard Profiles'!$G$18=$B$17,14,0)+IF('Standard Profiles'!$G$18=$B$24,21,0),MOD($C7112,24)+1)/SUM(INDEX($D$3:$AA$30,INDEX(Jesper!$R$2:$R$366,ROW(INDEX(Jesper!AH$2:AH$366,ROUNDDOWN($C7112/24,0)+1,1))-1)+IF('Standard Profiles'!$G$18=$B$10,7,0)+IF('Standard Profiles'!$G$18=$B$17,14,0)+IF('Standard Profiles'!$G$18=$B$24,21,0),0)),0)</f>
        <v>0</v>
      </c>
      <c r="E7112" cm="1">
        <f t="array" ref="E7112">IFERROR(INDEX(Jesper!AI$2:AI$366,ROUNDDOWN($C7112/24,0)+1,1)*INDEX($D$3:$AA$30,INDEX(Jesper!$R$2:$R$366,ROW(INDEX(Jesper!AI$2:AI$366,ROUNDDOWN($C7112/24,0)+1,1))-1)+IF('Standard Profiles'!$G$19=$B$10,7,0)+IF('Standard Profiles'!$G$19=$B$17,14,0)+IF('Standard Profiles'!$G$19=$B$24,21,0),MOD($C7112,24)+1)/SUM(INDEX($D$3:$AA$30,INDEX(Jesper!$R$2:$R$366,ROW(INDEX(Jesper!AI$2:AI$366,ROUNDDOWN($C7112/24,0)+1,1))-1)+IF('Standard Profiles'!$G$19=$B$10,7,0)+IF('Standard Profiles'!$G$19=$B$17,14,0)+IF('Standard Profiles'!$G$19=$B$24,21,0),0)),0)</f>
        <v>2.7727306231833455</v>
      </c>
      <c r="F7112" cm="1">
        <f t="array" ref="F7112">IFERROR(INDEX(Jesper!AJ$2:AJ$366,ROUNDDOWN($C7112/24,0)+1,1)*INDEX($D$3:$AA$30,INDEX(Jesper!$R$2:$R$366,ROW(INDEX(Jesper!AJ$2:AJ$366,ROUNDDOWN($C7112/24,0)+1,1))-1)+IF('Standard Profiles'!$G$20=$B$10,7,0)+IF('Standard Profiles'!$G$20=$B$17,14,0)+IF('Standard Profiles'!$G$20=$B$24,21,0),MOD($C7112,24)+1)/SUM(INDEX($D$3:$AA$30,INDEX(Jesper!$R$2:$R$366,ROW(INDEX(Jesper!AJ$2:AJ$366,ROUNDDOWN($C7112/24,0)+1,1))-1)+IF('Standard Profiles'!$G$20=$B$10,7,0)+IF('Standard Profiles'!$G$20=$B$17,14,0)+IF('Standard Profiles'!$G$20=$B$24,21,0),0)),0)</f>
        <v>1.4372424523898708</v>
      </c>
      <c r="G7112" cm="1">
        <f t="array" ref="G7112">IFERROR(INDEX(Jesper!AK$2:AK$366,ROUNDDOWN($C7112/24,0)+1,1)*INDEX($D$3:$AA$30,INDEX(Jesper!$R$2:$R$366,ROW(INDEX(Jesper!AK$2:AK$366,ROUNDDOWN($C7112/24,0)+1,1))-1)+IF('Standard Profiles'!$G$21=$B$10,7,0)+IF('Standard Profiles'!$G$21=$B$17,14,0)+IF('Standard Profiles'!$G$21=$B$24,21,0),MOD($C7112,24)+1)/SUM(INDEX($D$3:$AA$30,INDEX(Jesper!$R$2:$R$366,ROW(INDEX(Jesper!AK$2:AK$366,ROUNDDOWN($C7112/24,0)+1,1))-1)+IF('Standard Profiles'!$G$21=$B$10,7,0)+IF('Standard Profiles'!$G$21=$B$17,14,0)+IF('Standard Profiles'!$G$21=$B$24,21,0),0)),0)</f>
        <v>0.98722376396788936</v>
      </c>
      <c r="H7112" cm="1">
        <f t="array" ref="H7112">IFERROR(INDEX(Jesper!AL$2:AL$366,ROUNDDOWN($C7112/24,0)+1,1)*INDEX($D$3:$AA$30,INDEX(Jesper!$R$2:$R$366,ROW(INDEX(Jesper!AL$2:AL$366,ROUNDDOWN($C7112/24,0)+1,1))-1)+IF('Standard Profiles'!$G$22=$B$10,7,0)+IF('Standard Profiles'!$G$22=$B$17,14,0)+IF('Standard Profiles'!$G$22=$B$24,21,0),MOD($C7112,24)+1)/SUM(INDEX($D$3:$AA$30,INDEX(Jesper!$R$2:$R$366,ROW(INDEX(Jesper!AL$2:AL$366,ROUNDDOWN($C7112/24,0)+1,1))-1)+IF('Standard Profiles'!$G$22=$B$10,7,0)+IF('Standard Profiles'!$G$22=$B$17,14,0)+IF('Standard Profiles'!$G$22=$B$24,21,0),0)),0)</f>
        <v>0.32794938123579936</v>
      </c>
      <c r="I7112">
        <f t="shared" si="790"/>
        <v>0.31483140598636755</v>
      </c>
      <c r="J7112">
        <f t="shared" si="791"/>
        <v>4.8775871400085355</v>
      </c>
      <c r="K7112">
        <f t="shared" si="792"/>
        <v>0.22181844985466764</v>
      </c>
      <c r="L7112">
        <f t="shared" si="793"/>
        <v>0.11090922492733382</v>
      </c>
      <c r="M7112">
        <f t="shared" si="794"/>
        <v>0</v>
      </c>
      <c r="N7112" s="45">
        <f t="shared" si="795"/>
        <v>45221.9166666495</v>
      </c>
    </row>
    <row r="7113" spans="2:14" x14ac:dyDescent="0.25">
      <c r="B7113">
        <f t="shared" si="789"/>
        <v>7</v>
      </c>
      <c r="C7113" s="16">
        <v>7079</v>
      </c>
      <c r="D7113" cm="1">
        <f t="array" ref="D7113">IFERROR(INDEX(Jesper!AH$2:AH$366,ROUNDDOWN($C7113/24,0)+1,1)*INDEX($D$3:$AA$30,INDEX(Jesper!$R$2:$R$366,ROW(INDEX(Jesper!AH$2:AH$366,ROUNDDOWN($C7113/24,0)+1,1))-1)+IF('Standard Profiles'!$G$18=$B$10,7,0)+IF('Standard Profiles'!$G$18=$B$17,14,0)+IF('Standard Profiles'!$G$18=$B$24,21,0),MOD($C7113,24)+1)/SUM(INDEX($D$3:$AA$30,INDEX(Jesper!$R$2:$R$366,ROW(INDEX(Jesper!AH$2:AH$366,ROUNDDOWN($C7113/24,0)+1,1))-1)+IF('Standard Profiles'!$G$18=$B$10,7,0)+IF('Standard Profiles'!$G$18=$B$17,14,0)+IF('Standard Profiles'!$G$18=$B$24,21,0),0)),0)</f>
        <v>0</v>
      </c>
      <c r="E7113" cm="1">
        <f t="array" ref="E7113">IFERROR(INDEX(Jesper!AI$2:AI$366,ROUNDDOWN($C7113/24,0)+1,1)*INDEX($D$3:$AA$30,INDEX(Jesper!$R$2:$R$366,ROW(INDEX(Jesper!AI$2:AI$366,ROUNDDOWN($C7113/24,0)+1,1))-1)+IF('Standard Profiles'!$G$19=$B$10,7,0)+IF('Standard Profiles'!$G$19=$B$17,14,0)+IF('Standard Profiles'!$G$19=$B$24,21,0),MOD($C7113,24)+1)/SUM(INDEX($D$3:$AA$30,INDEX(Jesper!$R$2:$R$366,ROW(INDEX(Jesper!AI$2:AI$366,ROUNDDOWN($C7113/24,0)+1,1))-1)+IF('Standard Profiles'!$G$19=$B$10,7,0)+IF('Standard Profiles'!$G$19=$B$17,14,0)+IF('Standard Profiles'!$G$19=$B$24,21,0),0)),0)</f>
        <v>2.7727306231833455</v>
      </c>
      <c r="F7113" cm="1">
        <f t="array" ref="F7113">IFERROR(INDEX(Jesper!AJ$2:AJ$366,ROUNDDOWN($C7113/24,0)+1,1)*INDEX($D$3:$AA$30,INDEX(Jesper!$R$2:$R$366,ROW(INDEX(Jesper!AJ$2:AJ$366,ROUNDDOWN($C7113/24,0)+1,1))-1)+IF('Standard Profiles'!$G$20=$B$10,7,0)+IF('Standard Profiles'!$G$20=$B$17,14,0)+IF('Standard Profiles'!$G$20=$B$24,21,0),MOD($C7113,24)+1)/SUM(INDEX($D$3:$AA$30,INDEX(Jesper!$R$2:$R$366,ROW(INDEX(Jesper!AJ$2:AJ$366,ROUNDDOWN($C7113/24,0)+1,1))-1)+IF('Standard Profiles'!$G$20=$B$10,7,0)+IF('Standard Profiles'!$G$20=$B$17,14,0)+IF('Standard Profiles'!$G$20=$B$24,21,0),0)),0)</f>
        <v>1.4372424523898708</v>
      </c>
      <c r="G7113" cm="1">
        <f t="array" ref="G7113">IFERROR(INDEX(Jesper!AK$2:AK$366,ROUNDDOWN($C7113/24,0)+1,1)*INDEX($D$3:$AA$30,INDEX(Jesper!$R$2:$R$366,ROW(INDEX(Jesper!AK$2:AK$366,ROUNDDOWN($C7113/24,0)+1,1))-1)+IF('Standard Profiles'!$G$21=$B$10,7,0)+IF('Standard Profiles'!$G$21=$B$17,14,0)+IF('Standard Profiles'!$G$21=$B$24,21,0),MOD($C7113,24)+1)/SUM(INDEX($D$3:$AA$30,INDEX(Jesper!$R$2:$R$366,ROW(INDEX(Jesper!AK$2:AK$366,ROUNDDOWN($C7113/24,0)+1,1))-1)+IF('Standard Profiles'!$G$21=$B$10,7,0)+IF('Standard Profiles'!$G$21=$B$17,14,0)+IF('Standard Profiles'!$G$21=$B$24,21,0),0)),0)</f>
        <v>0.98722376396788936</v>
      </c>
      <c r="H7113" cm="1">
        <f t="array" ref="H7113">IFERROR(INDEX(Jesper!AL$2:AL$366,ROUNDDOWN($C7113/24,0)+1,1)*INDEX($D$3:$AA$30,INDEX(Jesper!$R$2:$R$366,ROW(INDEX(Jesper!AL$2:AL$366,ROUNDDOWN($C7113/24,0)+1,1))-1)+IF('Standard Profiles'!$G$22=$B$10,7,0)+IF('Standard Profiles'!$G$22=$B$17,14,0)+IF('Standard Profiles'!$G$22=$B$24,21,0),MOD($C7113,24)+1)/SUM(INDEX($D$3:$AA$30,INDEX(Jesper!$R$2:$R$366,ROW(INDEX(Jesper!AL$2:AL$366,ROUNDDOWN($C7113/24,0)+1,1))-1)+IF('Standard Profiles'!$G$22=$B$10,7,0)+IF('Standard Profiles'!$G$22=$B$17,14,0)+IF('Standard Profiles'!$G$22=$B$24,21,0),0)),0)</f>
        <v>0.32794938123579936</v>
      </c>
      <c r="I7113">
        <f t="shared" si="790"/>
        <v>0.31483140598636755</v>
      </c>
      <c r="J7113">
        <f t="shared" si="791"/>
        <v>4.8775871400085355</v>
      </c>
      <c r="K7113">
        <f t="shared" si="792"/>
        <v>0.22181844985466764</v>
      </c>
      <c r="L7113">
        <f t="shared" si="793"/>
        <v>0.11090922492733382</v>
      </c>
      <c r="M7113">
        <f t="shared" si="794"/>
        <v>0</v>
      </c>
      <c r="N7113" s="45">
        <f t="shared" si="795"/>
        <v>45221.958333316164</v>
      </c>
    </row>
    <row r="7114" spans="2:14" x14ac:dyDescent="0.25">
      <c r="B7114">
        <f t="shared" si="789"/>
        <v>1</v>
      </c>
      <c r="C7114" s="16">
        <v>7080</v>
      </c>
      <c r="D7114" cm="1">
        <f t="array" ref="D7114">IFERROR(INDEX(Jesper!AH$2:AH$366,ROUNDDOWN($C7114/24,0)+1,1)*INDEX($D$3:$AA$30,INDEX(Jesper!$R$2:$R$366,ROW(INDEX(Jesper!AH$2:AH$366,ROUNDDOWN($C7114/24,0)+1,1))-1)+IF('Standard Profiles'!$G$18=$B$10,7,0)+IF('Standard Profiles'!$G$18=$B$17,14,0)+IF('Standard Profiles'!$G$18=$B$24,21,0),MOD($C7114,24)+1)/SUM(INDEX($D$3:$AA$30,INDEX(Jesper!$R$2:$R$366,ROW(INDEX(Jesper!AH$2:AH$366,ROUNDDOWN($C7114/24,0)+1,1))-1)+IF('Standard Profiles'!$G$18=$B$10,7,0)+IF('Standard Profiles'!$G$18=$B$17,14,0)+IF('Standard Profiles'!$G$18=$B$24,21,0),0)),0)</f>
        <v>5.4292473261178174</v>
      </c>
      <c r="E7114" cm="1">
        <f t="array" ref="E7114">IFERROR(INDEX(Jesper!AI$2:AI$366,ROUNDDOWN($C7114/24,0)+1,1)*INDEX($D$3:$AA$30,INDEX(Jesper!$R$2:$R$366,ROW(INDEX(Jesper!AI$2:AI$366,ROUNDDOWN($C7114/24,0)+1,1))-1)+IF('Standard Profiles'!$G$19=$B$10,7,0)+IF('Standard Profiles'!$G$19=$B$17,14,0)+IF('Standard Profiles'!$G$19=$B$24,21,0),MOD($C7114,24)+1)/SUM(INDEX($D$3:$AA$30,INDEX(Jesper!$R$2:$R$366,ROW(INDEX(Jesper!AI$2:AI$366,ROUNDDOWN($C7114/24,0)+1,1))-1)+IF('Standard Profiles'!$G$19=$B$10,7,0)+IF('Standard Profiles'!$G$19=$B$17,14,0)+IF('Standard Profiles'!$G$19=$B$24,21,0),0)),0)</f>
        <v>3.4069883050801129</v>
      </c>
      <c r="F7114" cm="1">
        <f t="array" ref="F7114">IFERROR(INDEX(Jesper!AJ$2:AJ$366,ROUNDDOWN($C7114/24,0)+1,1)*INDEX($D$3:$AA$30,INDEX(Jesper!$R$2:$R$366,ROW(INDEX(Jesper!AJ$2:AJ$366,ROUNDDOWN($C7114/24,0)+1,1))-1)+IF('Standard Profiles'!$G$20=$B$10,7,0)+IF('Standard Profiles'!$G$20=$B$17,14,0)+IF('Standard Profiles'!$G$20=$B$24,21,0),MOD($C7114,24)+1)/SUM(INDEX($D$3:$AA$30,INDEX(Jesper!$R$2:$R$366,ROW(INDEX(Jesper!AJ$2:AJ$366,ROUNDDOWN($C7114/24,0)+1,1))-1)+IF('Standard Profiles'!$G$20=$B$10,7,0)+IF('Standard Profiles'!$G$20=$B$17,14,0)+IF('Standard Profiles'!$G$20=$B$24,21,0),0)),0)</f>
        <v>0</v>
      </c>
      <c r="G7114" cm="1">
        <f t="array" ref="G7114">IFERROR(INDEX(Jesper!AK$2:AK$366,ROUNDDOWN($C7114/24,0)+1,1)*INDEX($D$3:$AA$30,INDEX(Jesper!$R$2:$R$366,ROW(INDEX(Jesper!AK$2:AK$366,ROUNDDOWN($C7114/24,0)+1,1))-1)+IF('Standard Profiles'!$G$21=$B$10,7,0)+IF('Standard Profiles'!$G$21=$B$17,14,0)+IF('Standard Profiles'!$G$21=$B$24,21,0),MOD($C7114,24)+1)/SUM(INDEX($D$3:$AA$30,INDEX(Jesper!$R$2:$R$366,ROW(INDEX(Jesper!AK$2:AK$366,ROUNDDOWN($C7114/24,0)+1,1))-1)+IF('Standard Profiles'!$G$21=$B$10,7,0)+IF('Standard Profiles'!$G$21=$B$17,14,0)+IF('Standard Profiles'!$G$21=$B$24,21,0),0)),0)</f>
        <v>0.67768467839592317</v>
      </c>
      <c r="H7114" cm="1">
        <f t="array" ref="H7114">IFERROR(INDEX(Jesper!AL$2:AL$366,ROUNDDOWN($C7114/24,0)+1,1)*INDEX($D$3:$AA$30,INDEX(Jesper!$R$2:$R$366,ROW(INDEX(Jesper!AL$2:AL$366,ROUNDDOWN($C7114/24,0)+1,1))-1)+IF('Standard Profiles'!$G$22=$B$10,7,0)+IF('Standard Profiles'!$G$22=$B$17,14,0)+IF('Standard Profiles'!$G$22=$B$24,21,0),MOD($C7114,24)+1)/SUM(INDEX($D$3:$AA$30,INDEX(Jesper!$R$2:$R$366,ROW(INDEX(Jesper!AL$2:AL$366,ROUNDDOWN($C7114/24,0)+1,1))-1)+IF('Standard Profiles'!$G$22=$B$10,7,0)+IF('Standard Profiles'!$G$22=$B$17,14,0)+IF('Standard Profiles'!$G$22=$B$24,21,0),0)),0)</f>
        <v>0</v>
      </c>
      <c r="I7114">
        <f t="shared" si="790"/>
        <v>0.32528864563004295</v>
      </c>
      <c r="J7114">
        <f t="shared" si="791"/>
        <v>8.319952091784959</v>
      </c>
      <c r="K7114">
        <f t="shared" si="792"/>
        <v>0.57911971478590052</v>
      </c>
      <c r="L7114">
        <f t="shared" si="793"/>
        <v>0.28955985739295026</v>
      </c>
      <c r="M7114">
        <f t="shared" si="794"/>
        <v>0</v>
      </c>
      <c r="N7114" s="45">
        <f t="shared" si="795"/>
        <v>45221.999999982829</v>
      </c>
    </row>
    <row r="7115" spans="2:14" x14ac:dyDescent="0.25">
      <c r="B7115">
        <f t="shared" si="789"/>
        <v>1</v>
      </c>
      <c r="C7115" s="16">
        <v>7081</v>
      </c>
      <c r="D7115" cm="1">
        <f t="array" ref="D7115">IFERROR(INDEX(Jesper!AH$2:AH$366,ROUNDDOWN($C7115/24,0)+1,1)*INDEX($D$3:$AA$30,INDEX(Jesper!$R$2:$R$366,ROW(INDEX(Jesper!AH$2:AH$366,ROUNDDOWN($C7115/24,0)+1,1))-1)+IF('Standard Profiles'!$G$18=$B$10,7,0)+IF('Standard Profiles'!$G$18=$B$17,14,0)+IF('Standard Profiles'!$G$18=$B$24,21,0),MOD($C7115,24)+1)/SUM(INDEX($D$3:$AA$30,INDEX(Jesper!$R$2:$R$366,ROW(INDEX(Jesper!AH$2:AH$366,ROUNDDOWN($C7115/24,0)+1,1))-1)+IF('Standard Profiles'!$G$18=$B$10,7,0)+IF('Standard Profiles'!$G$18=$B$17,14,0)+IF('Standard Profiles'!$G$18=$B$24,21,0),0)),0)</f>
        <v>5.4292473261178174</v>
      </c>
      <c r="E7115" cm="1">
        <f t="array" ref="E7115">IFERROR(INDEX(Jesper!AI$2:AI$366,ROUNDDOWN($C7115/24,0)+1,1)*INDEX($D$3:$AA$30,INDEX(Jesper!$R$2:$R$366,ROW(INDEX(Jesper!AI$2:AI$366,ROUNDDOWN($C7115/24,0)+1,1))-1)+IF('Standard Profiles'!$G$19=$B$10,7,0)+IF('Standard Profiles'!$G$19=$B$17,14,0)+IF('Standard Profiles'!$G$19=$B$24,21,0),MOD($C7115,24)+1)/SUM(INDEX($D$3:$AA$30,INDEX(Jesper!$R$2:$R$366,ROW(INDEX(Jesper!AI$2:AI$366,ROUNDDOWN($C7115/24,0)+1,1))-1)+IF('Standard Profiles'!$G$19=$B$10,7,0)+IF('Standard Profiles'!$G$19=$B$17,14,0)+IF('Standard Profiles'!$G$19=$B$24,21,0),0)),0)</f>
        <v>3.4069883050801129</v>
      </c>
      <c r="F7115" cm="1">
        <f t="array" ref="F7115">IFERROR(INDEX(Jesper!AJ$2:AJ$366,ROUNDDOWN($C7115/24,0)+1,1)*INDEX($D$3:$AA$30,INDEX(Jesper!$R$2:$R$366,ROW(INDEX(Jesper!AJ$2:AJ$366,ROUNDDOWN($C7115/24,0)+1,1))-1)+IF('Standard Profiles'!$G$20=$B$10,7,0)+IF('Standard Profiles'!$G$20=$B$17,14,0)+IF('Standard Profiles'!$G$20=$B$24,21,0),MOD($C7115,24)+1)/SUM(INDEX($D$3:$AA$30,INDEX(Jesper!$R$2:$R$366,ROW(INDEX(Jesper!AJ$2:AJ$366,ROUNDDOWN($C7115/24,0)+1,1))-1)+IF('Standard Profiles'!$G$20=$B$10,7,0)+IF('Standard Profiles'!$G$20=$B$17,14,0)+IF('Standard Profiles'!$G$20=$B$24,21,0),0)),0)</f>
        <v>0</v>
      </c>
      <c r="G7115" cm="1">
        <f t="array" ref="G7115">IFERROR(INDEX(Jesper!AK$2:AK$366,ROUNDDOWN($C7115/24,0)+1,1)*INDEX($D$3:$AA$30,INDEX(Jesper!$R$2:$R$366,ROW(INDEX(Jesper!AK$2:AK$366,ROUNDDOWN($C7115/24,0)+1,1))-1)+IF('Standard Profiles'!$G$21=$B$10,7,0)+IF('Standard Profiles'!$G$21=$B$17,14,0)+IF('Standard Profiles'!$G$21=$B$24,21,0),MOD($C7115,24)+1)/SUM(INDEX($D$3:$AA$30,INDEX(Jesper!$R$2:$R$366,ROW(INDEX(Jesper!AK$2:AK$366,ROUNDDOWN($C7115/24,0)+1,1))-1)+IF('Standard Profiles'!$G$21=$B$10,7,0)+IF('Standard Profiles'!$G$21=$B$17,14,0)+IF('Standard Profiles'!$G$21=$B$24,21,0),0)),0)</f>
        <v>0.67768467839592317</v>
      </c>
      <c r="H7115" cm="1">
        <f t="array" ref="H7115">IFERROR(INDEX(Jesper!AL$2:AL$366,ROUNDDOWN($C7115/24,0)+1,1)*INDEX($D$3:$AA$30,INDEX(Jesper!$R$2:$R$366,ROW(INDEX(Jesper!AL$2:AL$366,ROUNDDOWN($C7115/24,0)+1,1))-1)+IF('Standard Profiles'!$G$22=$B$10,7,0)+IF('Standard Profiles'!$G$22=$B$17,14,0)+IF('Standard Profiles'!$G$22=$B$24,21,0),MOD($C7115,24)+1)/SUM(INDEX($D$3:$AA$30,INDEX(Jesper!$R$2:$R$366,ROW(INDEX(Jesper!AL$2:AL$366,ROUNDDOWN($C7115/24,0)+1,1))-1)+IF('Standard Profiles'!$G$22=$B$10,7,0)+IF('Standard Profiles'!$G$22=$B$17,14,0)+IF('Standard Profiles'!$G$22=$B$24,21,0),0)),0)</f>
        <v>0</v>
      </c>
      <c r="I7115">
        <f t="shared" si="790"/>
        <v>0.32528864563004295</v>
      </c>
      <c r="J7115">
        <f t="shared" si="791"/>
        <v>8.319952091784959</v>
      </c>
      <c r="K7115">
        <f t="shared" si="792"/>
        <v>0.57911971478590052</v>
      </c>
      <c r="L7115">
        <f t="shared" si="793"/>
        <v>0.28955985739295026</v>
      </c>
      <c r="M7115">
        <f t="shared" si="794"/>
        <v>0</v>
      </c>
      <c r="N7115" s="45">
        <f t="shared" si="795"/>
        <v>45222.041666649493</v>
      </c>
    </row>
    <row r="7116" spans="2:14" x14ac:dyDescent="0.25">
      <c r="B7116">
        <f t="shared" si="789"/>
        <v>1</v>
      </c>
      <c r="C7116" s="16">
        <v>7082</v>
      </c>
      <c r="D7116" cm="1">
        <f t="array" ref="D7116">IFERROR(INDEX(Jesper!AH$2:AH$366,ROUNDDOWN($C7116/24,0)+1,1)*INDEX($D$3:$AA$30,INDEX(Jesper!$R$2:$R$366,ROW(INDEX(Jesper!AH$2:AH$366,ROUNDDOWN($C7116/24,0)+1,1))-1)+IF('Standard Profiles'!$G$18=$B$10,7,0)+IF('Standard Profiles'!$G$18=$B$17,14,0)+IF('Standard Profiles'!$G$18=$B$24,21,0),MOD($C7116,24)+1)/SUM(INDEX($D$3:$AA$30,INDEX(Jesper!$R$2:$R$366,ROW(INDEX(Jesper!AH$2:AH$366,ROUNDDOWN($C7116/24,0)+1,1))-1)+IF('Standard Profiles'!$G$18=$B$10,7,0)+IF('Standard Profiles'!$G$18=$B$17,14,0)+IF('Standard Profiles'!$G$18=$B$24,21,0),0)),0)</f>
        <v>5.4292473261178174</v>
      </c>
      <c r="E7116" cm="1">
        <f t="array" ref="E7116">IFERROR(INDEX(Jesper!AI$2:AI$366,ROUNDDOWN($C7116/24,0)+1,1)*INDEX($D$3:$AA$30,INDEX(Jesper!$R$2:$R$366,ROW(INDEX(Jesper!AI$2:AI$366,ROUNDDOWN($C7116/24,0)+1,1))-1)+IF('Standard Profiles'!$G$19=$B$10,7,0)+IF('Standard Profiles'!$G$19=$B$17,14,0)+IF('Standard Profiles'!$G$19=$B$24,21,0),MOD($C7116,24)+1)/SUM(INDEX($D$3:$AA$30,INDEX(Jesper!$R$2:$R$366,ROW(INDEX(Jesper!AI$2:AI$366,ROUNDDOWN($C7116/24,0)+1,1))-1)+IF('Standard Profiles'!$G$19=$B$10,7,0)+IF('Standard Profiles'!$G$19=$B$17,14,0)+IF('Standard Profiles'!$G$19=$B$24,21,0),0)),0)</f>
        <v>3.4069883050801129</v>
      </c>
      <c r="F7116" cm="1">
        <f t="array" ref="F7116">IFERROR(INDEX(Jesper!AJ$2:AJ$366,ROUNDDOWN($C7116/24,0)+1,1)*INDEX($D$3:$AA$30,INDEX(Jesper!$R$2:$R$366,ROW(INDEX(Jesper!AJ$2:AJ$366,ROUNDDOWN($C7116/24,0)+1,1))-1)+IF('Standard Profiles'!$G$20=$B$10,7,0)+IF('Standard Profiles'!$G$20=$B$17,14,0)+IF('Standard Profiles'!$G$20=$B$24,21,0),MOD($C7116,24)+1)/SUM(INDEX($D$3:$AA$30,INDEX(Jesper!$R$2:$R$366,ROW(INDEX(Jesper!AJ$2:AJ$366,ROUNDDOWN($C7116/24,0)+1,1))-1)+IF('Standard Profiles'!$G$20=$B$10,7,0)+IF('Standard Profiles'!$G$20=$B$17,14,0)+IF('Standard Profiles'!$G$20=$B$24,21,0),0)),0)</f>
        <v>0</v>
      </c>
      <c r="G7116" cm="1">
        <f t="array" ref="G7116">IFERROR(INDEX(Jesper!AK$2:AK$366,ROUNDDOWN($C7116/24,0)+1,1)*INDEX($D$3:$AA$30,INDEX(Jesper!$R$2:$R$366,ROW(INDEX(Jesper!AK$2:AK$366,ROUNDDOWN($C7116/24,0)+1,1))-1)+IF('Standard Profiles'!$G$21=$B$10,7,0)+IF('Standard Profiles'!$G$21=$B$17,14,0)+IF('Standard Profiles'!$G$21=$B$24,21,0),MOD($C7116,24)+1)/SUM(INDEX($D$3:$AA$30,INDEX(Jesper!$R$2:$R$366,ROW(INDEX(Jesper!AK$2:AK$366,ROUNDDOWN($C7116/24,0)+1,1))-1)+IF('Standard Profiles'!$G$21=$B$10,7,0)+IF('Standard Profiles'!$G$21=$B$17,14,0)+IF('Standard Profiles'!$G$21=$B$24,21,0),0)),0)</f>
        <v>0.67768467839592317</v>
      </c>
      <c r="H7116" cm="1">
        <f t="array" ref="H7116">IFERROR(INDEX(Jesper!AL$2:AL$366,ROUNDDOWN($C7116/24,0)+1,1)*INDEX($D$3:$AA$30,INDEX(Jesper!$R$2:$R$366,ROW(INDEX(Jesper!AL$2:AL$366,ROUNDDOWN($C7116/24,0)+1,1))-1)+IF('Standard Profiles'!$G$22=$B$10,7,0)+IF('Standard Profiles'!$G$22=$B$17,14,0)+IF('Standard Profiles'!$G$22=$B$24,21,0),MOD($C7116,24)+1)/SUM(INDEX($D$3:$AA$30,INDEX(Jesper!$R$2:$R$366,ROW(INDEX(Jesper!AL$2:AL$366,ROUNDDOWN($C7116/24,0)+1,1))-1)+IF('Standard Profiles'!$G$22=$B$10,7,0)+IF('Standard Profiles'!$G$22=$B$17,14,0)+IF('Standard Profiles'!$G$22=$B$24,21,0),0)),0)</f>
        <v>0</v>
      </c>
      <c r="I7116">
        <f t="shared" si="790"/>
        <v>0.32528864563004295</v>
      </c>
      <c r="J7116">
        <f t="shared" si="791"/>
        <v>8.319952091784959</v>
      </c>
      <c r="K7116">
        <f t="shared" si="792"/>
        <v>0.57911971478590052</v>
      </c>
      <c r="L7116">
        <f t="shared" si="793"/>
        <v>0.28955985739295026</v>
      </c>
      <c r="M7116">
        <f t="shared" si="794"/>
        <v>0</v>
      </c>
      <c r="N7116" s="45">
        <f t="shared" si="795"/>
        <v>45222.083333316157</v>
      </c>
    </row>
    <row r="7117" spans="2:14" x14ac:dyDescent="0.25">
      <c r="B7117">
        <f t="shared" si="789"/>
        <v>1</v>
      </c>
      <c r="C7117" s="16">
        <v>7083</v>
      </c>
      <c r="D7117" cm="1">
        <f t="array" ref="D7117">IFERROR(INDEX(Jesper!AH$2:AH$366,ROUNDDOWN($C7117/24,0)+1,1)*INDEX($D$3:$AA$30,INDEX(Jesper!$R$2:$R$366,ROW(INDEX(Jesper!AH$2:AH$366,ROUNDDOWN($C7117/24,0)+1,1))-1)+IF('Standard Profiles'!$G$18=$B$10,7,0)+IF('Standard Profiles'!$G$18=$B$17,14,0)+IF('Standard Profiles'!$G$18=$B$24,21,0),MOD($C7117,24)+1)/SUM(INDEX($D$3:$AA$30,INDEX(Jesper!$R$2:$R$366,ROW(INDEX(Jesper!AH$2:AH$366,ROUNDDOWN($C7117/24,0)+1,1))-1)+IF('Standard Profiles'!$G$18=$B$10,7,0)+IF('Standard Profiles'!$G$18=$B$17,14,0)+IF('Standard Profiles'!$G$18=$B$24,21,0),0)),0)</f>
        <v>5.4292473261178174</v>
      </c>
      <c r="E7117" cm="1">
        <f t="array" ref="E7117">IFERROR(INDEX(Jesper!AI$2:AI$366,ROUNDDOWN($C7117/24,0)+1,1)*INDEX($D$3:$AA$30,INDEX(Jesper!$R$2:$R$366,ROW(INDEX(Jesper!AI$2:AI$366,ROUNDDOWN($C7117/24,0)+1,1))-1)+IF('Standard Profiles'!$G$19=$B$10,7,0)+IF('Standard Profiles'!$G$19=$B$17,14,0)+IF('Standard Profiles'!$G$19=$B$24,21,0),MOD($C7117,24)+1)/SUM(INDEX($D$3:$AA$30,INDEX(Jesper!$R$2:$R$366,ROW(INDEX(Jesper!AI$2:AI$366,ROUNDDOWN($C7117/24,0)+1,1))-1)+IF('Standard Profiles'!$G$19=$B$10,7,0)+IF('Standard Profiles'!$G$19=$B$17,14,0)+IF('Standard Profiles'!$G$19=$B$24,21,0),0)),0)</f>
        <v>3.4069883050801129</v>
      </c>
      <c r="F7117" cm="1">
        <f t="array" ref="F7117">IFERROR(INDEX(Jesper!AJ$2:AJ$366,ROUNDDOWN($C7117/24,0)+1,1)*INDEX($D$3:$AA$30,INDEX(Jesper!$R$2:$R$366,ROW(INDEX(Jesper!AJ$2:AJ$366,ROUNDDOWN($C7117/24,0)+1,1))-1)+IF('Standard Profiles'!$G$20=$B$10,7,0)+IF('Standard Profiles'!$G$20=$B$17,14,0)+IF('Standard Profiles'!$G$20=$B$24,21,0),MOD($C7117,24)+1)/SUM(INDEX($D$3:$AA$30,INDEX(Jesper!$R$2:$R$366,ROW(INDEX(Jesper!AJ$2:AJ$366,ROUNDDOWN($C7117/24,0)+1,1))-1)+IF('Standard Profiles'!$G$20=$B$10,7,0)+IF('Standard Profiles'!$G$20=$B$17,14,0)+IF('Standard Profiles'!$G$20=$B$24,21,0),0)),0)</f>
        <v>0</v>
      </c>
      <c r="G7117" cm="1">
        <f t="array" ref="G7117">IFERROR(INDEX(Jesper!AK$2:AK$366,ROUNDDOWN($C7117/24,0)+1,1)*INDEX($D$3:$AA$30,INDEX(Jesper!$R$2:$R$366,ROW(INDEX(Jesper!AK$2:AK$366,ROUNDDOWN($C7117/24,0)+1,1))-1)+IF('Standard Profiles'!$G$21=$B$10,7,0)+IF('Standard Profiles'!$G$21=$B$17,14,0)+IF('Standard Profiles'!$G$21=$B$24,21,0),MOD($C7117,24)+1)/SUM(INDEX($D$3:$AA$30,INDEX(Jesper!$R$2:$R$366,ROW(INDEX(Jesper!AK$2:AK$366,ROUNDDOWN($C7117/24,0)+1,1))-1)+IF('Standard Profiles'!$G$21=$B$10,7,0)+IF('Standard Profiles'!$G$21=$B$17,14,0)+IF('Standard Profiles'!$G$21=$B$24,21,0),0)),0)</f>
        <v>0.67768467839592317</v>
      </c>
      <c r="H7117" cm="1">
        <f t="array" ref="H7117">IFERROR(INDEX(Jesper!AL$2:AL$366,ROUNDDOWN($C7117/24,0)+1,1)*INDEX($D$3:$AA$30,INDEX(Jesper!$R$2:$R$366,ROW(INDEX(Jesper!AL$2:AL$366,ROUNDDOWN($C7117/24,0)+1,1))-1)+IF('Standard Profiles'!$G$22=$B$10,7,0)+IF('Standard Profiles'!$G$22=$B$17,14,0)+IF('Standard Profiles'!$G$22=$B$24,21,0),MOD($C7117,24)+1)/SUM(INDEX($D$3:$AA$30,INDEX(Jesper!$R$2:$R$366,ROW(INDEX(Jesper!AL$2:AL$366,ROUNDDOWN($C7117/24,0)+1,1))-1)+IF('Standard Profiles'!$G$22=$B$10,7,0)+IF('Standard Profiles'!$G$22=$B$17,14,0)+IF('Standard Profiles'!$G$22=$B$24,21,0),0)),0)</f>
        <v>0</v>
      </c>
      <c r="I7117">
        <f t="shared" si="790"/>
        <v>0.32528864563004295</v>
      </c>
      <c r="J7117">
        <f t="shared" si="791"/>
        <v>8.319952091784959</v>
      </c>
      <c r="K7117">
        <f t="shared" si="792"/>
        <v>0.57911971478590052</v>
      </c>
      <c r="L7117">
        <f t="shared" si="793"/>
        <v>0.28955985739295026</v>
      </c>
      <c r="M7117">
        <f t="shared" si="794"/>
        <v>0</v>
      </c>
      <c r="N7117" s="45">
        <f t="shared" si="795"/>
        <v>45222.124999982821</v>
      </c>
    </row>
    <row r="7118" spans="2:14" x14ac:dyDescent="0.25">
      <c r="B7118">
        <f t="shared" si="789"/>
        <v>1</v>
      </c>
      <c r="C7118" s="16">
        <v>7084</v>
      </c>
      <c r="D7118" cm="1">
        <f t="array" ref="D7118">IFERROR(INDEX(Jesper!AH$2:AH$366,ROUNDDOWN($C7118/24,0)+1,1)*INDEX($D$3:$AA$30,INDEX(Jesper!$R$2:$R$366,ROW(INDEX(Jesper!AH$2:AH$366,ROUNDDOWN($C7118/24,0)+1,1))-1)+IF('Standard Profiles'!$G$18=$B$10,7,0)+IF('Standard Profiles'!$G$18=$B$17,14,0)+IF('Standard Profiles'!$G$18=$B$24,21,0),MOD($C7118,24)+1)/SUM(INDEX($D$3:$AA$30,INDEX(Jesper!$R$2:$R$366,ROW(INDEX(Jesper!AH$2:AH$366,ROUNDDOWN($C7118/24,0)+1,1))-1)+IF('Standard Profiles'!$G$18=$B$10,7,0)+IF('Standard Profiles'!$G$18=$B$17,14,0)+IF('Standard Profiles'!$G$18=$B$24,21,0),0)),0)</f>
        <v>5.4292473261178174</v>
      </c>
      <c r="E7118" cm="1">
        <f t="array" ref="E7118">IFERROR(INDEX(Jesper!AI$2:AI$366,ROUNDDOWN($C7118/24,0)+1,1)*INDEX($D$3:$AA$30,INDEX(Jesper!$R$2:$R$366,ROW(INDEX(Jesper!AI$2:AI$366,ROUNDDOWN($C7118/24,0)+1,1))-1)+IF('Standard Profiles'!$G$19=$B$10,7,0)+IF('Standard Profiles'!$G$19=$B$17,14,0)+IF('Standard Profiles'!$G$19=$B$24,21,0),MOD($C7118,24)+1)/SUM(INDEX($D$3:$AA$30,INDEX(Jesper!$R$2:$R$366,ROW(INDEX(Jesper!AI$2:AI$366,ROUNDDOWN($C7118/24,0)+1,1))-1)+IF('Standard Profiles'!$G$19=$B$10,7,0)+IF('Standard Profiles'!$G$19=$B$17,14,0)+IF('Standard Profiles'!$G$19=$B$24,21,0),0)),0)</f>
        <v>3.4069883050801129</v>
      </c>
      <c r="F7118" cm="1">
        <f t="array" ref="F7118">IFERROR(INDEX(Jesper!AJ$2:AJ$366,ROUNDDOWN($C7118/24,0)+1,1)*INDEX($D$3:$AA$30,INDEX(Jesper!$R$2:$R$366,ROW(INDEX(Jesper!AJ$2:AJ$366,ROUNDDOWN($C7118/24,0)+1,1))-1)+IF('Standard Profiles'!$G$20=$B$10,7,0)+IF('Standard Profiles'!$G$20=$B$17,14,0)+IF('Standard Profiles'!$G$20=$B$24,21,0),MOD($C7118,24)+1)/SUM(INDEX($D$3:$AA$30,INDEX(Jesper!$R$2:$R$366,ROW(INDEX(Jesper!AJ$2:AJ$366,ROUNDDOWN($C7118/24,0)+1,1))-1)+IF('Standard Profiles'!$G$20=$B$10,7,0)+IF('Standard Profiles'!$G$20=$B$17,14,0)+IF('Standard Profiles'!$G$20=$B$24,21,0),0)),0)</f>
        <v>0</v>
      </c>
      <c r="G7118" cm="1">
        <f t="array" ref="G7118">IFERROR(INDEX(Jesper!AK$2:AK$366,ROUNDDOWN($C7118/24,0)+1,1)*INDEX($D$3:$AA$30,INDEX(Jesper!$R$2:$R$366,ROW(INDEX(Jesper!AK$2:AK$366,ROUNDDOWN($C7118/24,0)+1,1))-1)+IF('Standard Profiles'!$G$21=$B$10,7,0)+IF('Standard Profiles'!$G$21=$B$17,14,0)+IF('Standard Profiles'!$G$21=$B$24,21,0),MOD($C7118,24)+1)/SUM(INDEX($D$3:$AA$30,INDEX(Jesper!$R$2:$R$366,ROW(INDEX(Jesper!AK$2:AK$366,ROUNDDOWN($C7118/24,0)+1,1))-1)+IF('Standard Profiles'!$G$21=$B$10,7,0)+IF('Standard Profiles'!$G$21=$B$17,14,0)+IF('Standard Profiles'!$G$21=$B$24,21,0),0)),0)</f>
        <v>0.67768467839592317</v>
      </c>
      <c r="H7118" cm="1">
        <f t="array" ref="H7118">IFERROR(INDEX(Jesper!AL$2:AL$366,ROUNDDOWN($C7118/24,0)+1,1)*INDEX($D$3:$AA$30,INDEX(Jesper!$R$2:$R$366,ROW(INDEX(Jesper!AL$2:AL$366,ROUNDDOWN($C7118/24,0)+1,1))-1)+IF('Standard Profiles'!$G$22=$B$10,7,0)+IF('Standard Profiles'!$G$22=$B$17,14,0)+IF('Standard Profiles'!$G$22=$B$24,21,0),MOD($C7118,24)+1)/SUM(INDEX($D$3:$AA$30,INDEX(Jesper!$R$2:$R$366,ROW(INDEX(Jesper!AL$2:AL$366,ROUNDDOWN($C7118/24,0)+1,1))-1)+IF('Standard Profiles'!$G$22=$B$10,7,0)+IF('Standard Profiles'!$G$22=$B$17,14,0)+IF('Standard Profiles'!$G$22=$B$24,21,0),0)),0)</f>
        <v>0</v>
      </c>
      <c r="I7118">
        <f t="shared" si="790"/>
        <v>0.32528864563004295</v>
      </c>
      <c r="J7118">
        <f t="shared" si="791"/>
        <v>8.319952091784959</v>
      </c>
      <c r="K7118">
        <f t="shared" si="792"/>
        <v>0.57911971478590052</v>
      </c>
      <c r="L7118">
        <f t="shared" si="793"/>
        <v>0.28955985739295026</v>
      </c>
      <c r="M7118">
        <f t="shared" si="794"/>
        <v>0</v>
      </c>
      <c r="N7118" s="45">
        <f t="shared" si="795"/>
        <v>45222.166666649486</v>
      </c>
    </row>
    <row r="7119" spans="2:14" x14ac:dyDescent="0.25">
      <c r="B7119">
        <f t="shared" si="789"/>
        <v>1</v>
      </c>
      <c r="C7119" s="16">
        <v>7085</v>
      </c>
      <c r="D7119" cm="1">
        <f t="array" ref="D7119">IFERROR(INDEX(Jesper!AH$2:AH$366,ROUNDDOWN($C7119/24,0)+1,1)*INDEX($D$3:$AA$30,INDEX(Jesper!$R$2:$R$366,ROW(INDEX(Jesper!AH$2:AH$366,ROUNDDOWN($C7119/24,0)+1,1))-1)+IF('Standard Profiles'!$G$18=$B$10,7,0)+IF('Standard Profiles'!$G$18=$B$17,14,0)+IF('Standard Profiles'!$G$18=$B$24,21,0),MOD($C7119,24)+1)/SUM(INDEX($D$3:$AA$30,INDEX(Jesper!$R$2:$R$366,ROW(INDEX(Jesper!AH$2:AH$366,ROUNDDOWN($C7119/24,0)+1,1))-1)+IF('Standard Profiles'!$G$18=$B$10,7,0)+IF('Standard Profiles'!$G$18=$B$17,14,0)+IF('Standard Profiles'!$G$18=$B$24,21,0),0)),0)</f>
        <v>5.4292473261178174</v>
      </c>
      <c r="E7119" cm="1">
        <f t="array" ref="E7119">IFERROR(INDEX(Jesper!AI$2:AI$366,ROUNDDOWN($C7119/24,0)+1,1)*INDEX($D$3:$AA$30,INDEX(Jesper!$R$2:$R$366,ROW(INDEX(Jesper!AI$2:AI$366,ROUNDDOWN($C7119/24,0)+1,1))-1)+IF('Standard Profiles'!$G$19=$B$10,7,0)+IF('Standard Profiles'!$G$19=$B$17,14,0)+IF('Standard Profiles'!$G$19=$B$24,21,0),MOD($C7119,24)+1)/SUM(INDEX($D$3:$AA$30,INDEX(Jesper!$R$2:$R$366,ROW(INDEX(Jesper!AI$2:AI$366,ROUNDDOWN($C7119/24,0)+1,1))-1)+IF('Standard Profiles'!$G$19=$B$10,7,0)+IF('Standard Profiles'!$G$19=$B$17,14,0)+IF('Standard Profiles'!$G$19=$B$24,21,0),0)),0)</f>
        <v>3.4069883050801129</v>
      </c>
      <c r="F7119" cm="1">
        <f t="array" ref="F7119">IFERROR(INDEX(Jesper!AJ$2:AJ$366,ROUNDDOWN($C7119/24,0)+1,1)*INDEX($D$3:$AA$30,INDEX(Jesper!$R$2:$R$366,ROW(INDEX(Jesper!AJ$2:AJ$366,ROUNDDOWN($C7119/24,0)+1,1))-1)+IF('Standard Profiles'!$G$20=$B$10,7,0)+IF('Standard Profiles'!$G$20=$B$17,14,0)+IF('Standard Profiles'!$G$20=$B$24,21,0),MOD($C7119,24)+1)/SUM(INDEX($D$3:$AA$30,INDEX(Jesper!$R$2:$R$366,ROW(INDEX(Jesper!AJ$2:AJ$366,ROUNDDOWN($C7119/24,0)+1,1))-1)+IF('Standard Profiles'!$G$20=$B$10,7,0)+IF('Standard Profiles'!$G$20=$B$17,14,0)+IF('Standard Profiles'!$G$20=$B$24,21,0),0)),0)</f>
        <v>0</v>
      </c>
      <c r="G7119" cm="1">
        <f t="array" ref="G7119">IFERROR(INDEX(Jesper!AK$2:AK$366,ROUNDDOWN($C7119/24,0)+1,1)*INDEX($D$3:$AA$30,INDEX(Jesper!$R$2:$R$366,ROW(INDEX(Jesper!AK$2:AK$366,ROUNDDOWN($C7119/24,0)+1,1))-1)+IF('Standard Profiles'!$G$21=$B$10,7,0)+IF('Standard Profiles'!$G$21=$B$17,14,0)+IF('Standard Profiles'!$G$21=$B$24,21,0),MOD($C7119,24)+1)/SUM(INDEX($D$3:$AA$30,INDEX(Jesper!$R$2:$R$366,ROW(INDEX(Jesper!AK$2:AK$366,ROUNDDOWN($C7119/24,0)+1,1))-1)+IF('Standard Profiles'!$G$21=$B$10,7,0)+IF('Standard Profiles'!$G$21=$B$17,14,0)+IF('Standard Profiles'!$G$21=$B$24,21,0),0)),0)</f>
        <v>0.67768467839592317</v>
      </c>
      <c r="H7119" cm="1">
        <f t="array" ref="H7119">IFERROR(INDEX(Jesper!AL$2:AL$366,ROUNDDOWN($C7119/24,0)+1,1)*INDEX($D$3:$AA$30,INDEX(Jesper!$R$2:$R$366,ROW(INDEX(Jesper!AL$2:AL$366,ROUNDDOWN($C7119/24,0)+1,1))-1)+IF('Standard Profiles'!$G$22=$B$10,7,0)+IF('Standard Profiles'!$G$22=$B$17,14,0)+IF('Standard Profiles'!$G$22=$B$24,21,0),MOD($C7119,24)+1)/SUM(INDEX($D$3:$AA$30,INDEX(Jesper!$R$2:$R$366,ROW(INDEX(Jesper!AL$2:AL$366,ROUNDDOWN($C7119/24,0)+1,1))-1)+IF('Standard Profiles'!$G$22=$B$10,7,0)+IF('Standard Profiles'!$G$22=$B$17,14,0)+IF('Standard Profiles'!$G$22=$B$24,21,0),0)),0)</f>
        <v>0</v>
      </c>
      <c r="I7119">
        <f t="shared" si="790"/>
        <v>0.32528864563004295</v>
      </c>
      <c r="J7119">
        <f t="shared" si="791"/>
        <v>8.319952091784959</v>
      </c>
      <c r="K7119">
        <f t="shared" si="792"/>
        <v>0.57911971478590052</v>
      </c>
      <c r="L7119">
        <f t="shared" si="793"/>
        <v>0.28955985739295026</v>
      </c>
      <c r="M7119">
        <f t="shared" si="794"/>
        <v>0</v>
      </c>
      <c r="N7119" s="45">
        <f t="shared" si="795"/>
        <v>45222.20833331615</v>
      </c>
    </row>
    <row r="7120" spans="2:14" x14ac:dyDescent="0.25">
      <c r="B7120">
        <f t="shared" si="789"/>
        <v>1</v>
      </c>
      <c r="C7120" s="16">
        <v>7086</v>
      </c>
      <c r="D7120" cm="1">
        <f t="array" ref="D7120">IFERROR(INDEX(Jesper!AH$2:AH$366,ROUNDDOWN($C7120/24,0)+1,1)*INDEX($D$3:$AA$30,INDEX(Jesper!$R$2:$R$366,ROW(INDEX(Jesper!AH$2:AH$366,ROUNDDOWN($C7120/24,0)+1,1))-1)+IF('Standard Profiles'!$G$18=$B$10,7,0)+IF('Standard Profiles'!$G$18=$B$17,14,0)+IF('Standard Profiles'!$G$18=$B$24,21,0),MOD($C7120,24)+1)/SUM(INDEX($D$3:$AA$30,INDEX(Jesper!$R$2:$R$366,ROW(INDEX(Jesper!AH$2:AH$366,ROUNDDOWN($C7120/24,0)+1,1))-1)+IF('Standard Profiles'!$G$18=$B$10,7,0)+IF('Standard Profiles'!$G$18=$B$17,14,0)+IF('Standard Profiles'!$G$18=$B$24,21,0),0)),0)</f>
        <v>5.4292473261178174</v>
      </c>
      <c r="E7120" cm="1">
        <f t="array" ref="E7120">IFERROR(INDEX(Jesper!AI$2:AI$366,ROUNDDOWN($C7120/24,0)+1,1)*INDEX($D$3:$AA$30,INDEX(Jesper!$R$2:$R$366,ROW(INDEX(Jesper!AI$2:AI$366,ROUNDDOWN($C7120/24,0)+1,1))-1)+IF('Standard Profiles'!$G$19=$B$10,7,0)+IF('Standard Profiles'!$G$19=$B$17,14,0)+IF('Standard Profiles'!$G$19=$B$24,21,0),MOD($C7120,24)+1)/SUM(INDEX($D$3:$AA$30,INDEX(Jesper!$R$2:$R$366,ROW(INDEX(Jesper!AI$2:AI$366,ROUNDDOWN($C7120/24,0)+1,1))-1)+IF('Standard Profiles'!$G$19=$B$10,7,0)+IF('Standard Profiles'!$G$19=$B$17,14,0)+IF('Standard Profiles'!$G$19=$B$24,21,0),0)),0)</f>
        <v>3.4069883050801129</v>
      </c>
      <c r="F7120" cm="1">
        <f t="array" ref="F7120">IFERROR(INDEX(Jesper!AJ$2:AJ$366,ROUNDDOWN($C7120/24,0)+1,1)*INDEX($D$3:$AA$30,INDEX(Jesper!$R$2:$R$366,ROW(INDEX(Jesper!AJ$2:AJ$366,ROUNDDOWN($C7120/24,0)+1,1))-1)+IF('Standard Profiles'!$G$20=$B$10,7,0)+IF('Standard Profiles'!$G$20=$B$17,14,0)+IF('Standard Profiles'!$G$20=$B$24,21,0),MOD($C7120,24)+1)/SUM(INDEX($D$3:$AA$30,INDEX(Jesper!$R$2:$R$366,ROW(INDEX(Jesper!AJ$2:AJ$366,ROUNDDOWN($C7120/24,0)+1,1))-1)+IF('Standard Profiles'!$G$20=$B$10,7,0)+IF('Standard Profiles'!$G$20=$B$17,14,0)+IF('Standard Profiles'!$G$20=$B$24,21,0),0)),0)</f>
        <v>0</v>
      </c>
      <c r="G7120" cm="1">
        <f t="array" ref="G7120">IFERROR(INDEX(Jesper!AK$2:AK$366,ROUNDDOWN($C7120/24,0)+1,1)*INDEX($D$3:$AA$30,INDEX(Jesper!$R$2:$R$366,ROW(INDEX(Jesper!AK$2:AK$366,ROUNDDOWN($C7120/24,0)+1,1))-1)+IF('Standard Profiles'!$G$21=$B$10,7,0)+IF('Standard Profiles'!$G$21=$B$17,14,0)+IF('Standard Profiles'!$G$21=$B$24,21,0),MOD($C7120,24)+1)/SUM(INDEX($D$3:$AA$30,INDEX(Jesper!$R$2:$R$366,ROW(INDEX(Jesper!AK$2:AK$366,ROUNDDOWN($C7120/24,0)+1,1))-1)+IF('Standard Profiles'!$G$21=$B$10,7,0)+IF('Standard Profiles'!$G$21=$B$17,14,0)+IF('Standard Profiles'!$G$21=$B$24,21,0),0)),0)</f>
        <v>0.67768467839592317</v>
      </c>
      <c r="H7120" cm="1">
        <f t="array" ref="H7120">IFERROR(INDEX(Jesper!AL$2:AL$366,ROUNDDOWN($C7120/24,0)+1,1)*INDEX($D$3:$AA$30,INDEX(Jesper!$R$2:$R$366,ROW(INDEX(Jesper!AL$2:AL$366,ROUNDDOWN($C7120/24,0)+1,1))-1)+IF('Standard Profiles'!$G$22=$B$10,7,0)+IF('Standard Profiles'!$G$22=$B$17,14,0)+IF('Standard Profiles'!$G$22=$B$24,21,0),MOD($C7120,24)+1)/SUM(INDEX($D$3:$AA$30,INDEX(Jesper!$R$2:$R$366,ROW(INDEX(Jesper!AL$2:AL$366,ROUNDDOWN($C7120/24,0)+1,1))-1)+IF('Standard Profiles'!$G$22=$B$10,7,0)+IF('Standard Profiles'!$G$22=$B$17,14,0)+IF('Standard Profiles'!$G$22=$B$24,21,0),0)),0)</f>
        <v>0</v>
      </c>
      <c r="I7120">
        <f t="shared" si="790"/>
        <v>0.32528864563004295</v>
      </c>
      <c r="J7120">
        <f t="shared" si="791"/>
        <v>8.319952091784959</v>
      </c>
      <c r="K7120">
        <f t="shared" si="792"/>
        <v>0.57911971478590052</v>
      </c>
      <c r="L7120">
        <f t="shared" si="793"/>
        <v>0.28955985739295026</v>
      </c>
      <c r="M7120">
        <f t="shared" si="794"/>
        <v>0</v>
      </c>
      <c r="N7120" s="45">
        <f t="shared" si="795"/>
        <v>45222.249999982814</v>
      </c>
    </row>
    <row r="7121" spans="2:14" x14ac:dyDescent="0.25">
      <c r="B7121">
        <f t="shared" si="789"/>
        <v>1</v>
      </c>
      <c r="C7121" s="16">
        <v>7087</v>
      </c>
      <c r="D7121" cm="1">
        <f t="array" ref="D7121">IFERROR(INDEX(Jesper!AH$2:AH$366,ROUNDDOWN($C7121/24,0)+1,1)*INDEX($D$3:$AA$30,INDEX(Jesper!$R$2:$R$366,ROW(INDEX(Jesper!AH$2:AH$366,ROUNDDOWN($C7121/24,0)+1,1))-1)+IF('Standard Profiles'!$G$18=$B$10,7,0)+IF('Standard Profiles'!$G$18=$B$17,14,0)+IF('Standard Profiles'!$G$18=$B$24,21,0),MOD($C7121,24)+1)/SUM(INDEX($D$3:$AA$30,INDEX(Jesper!$R$2:$R$366,ROW(INDEX(Jesper!AH$2:AH$366,ROUNDDOWN($C7121/24,0)+1,1))-1)+IF('Standard Profiles'!$G$18=$B$10,7,0)+IF('Standard Profiles'!$G$18=$B$17,14,0)+IF('Standard Profiles'!$G$18=$B$24,21,0),0)),0)</f>
        <v>23.128593609261902</v>
      </c>
      <c r="E7121" cm="1">
        <f t="array" ref="E7121">IFERROR(INDEX(Jesper!AI$2:AI$366,ROUNDDOWN($C7121/24,0)+1,1)*INDEX($D$3:$AA$30,INDEX(Jesper!$R$2:$R$366,ROW(INDEX(Jesper!AI$2:AI$366,ROUNDDOWN($C7121/24,0)+1,1))-1)+IF('Standard Profiles'!$G$19=$B$10,7,0)+IF('Standard Profiles'!$G$19=$B$17,14,0)+IF('Standard Profiles'!$G$19=$B$24,21,0),MOD($C7121,24)+1)/SUM(INDEX($D$3:$AA$30,INDEX(Jesper!$R$2:$R$366,ROW(INDEX(Jesper!AI$2:AI$366,ROUNDDOWN($C7121/24,0)+1,1))-1)+IF('Standard Profiles'!$G$19=$B$10,7,0)+IF('Standard Profiles'!$G$19=$B$17,14,0)+IF('Standard Profiles'!$G$19=$B$24,21,0),0)),0)</f>
        <v>14.513770179641281</v>
      </c>
      <c r="F7121" cm="1">
        <f t="array" ref="F7121">IFERROR(INDEX(Jesper!AJ$2:AJ$366,ROUNDDOWN($C7121/24,0)+1,1)*INDEX($D$3:$AA$30,INDEX(Jesper!$R$2:$R$366,ROW(INDEX(Jesper!AJ$2:AJ$366,ROUNDDOWN($C7121/24,0)+1,1))-1)+IF('Standard Profiles'!$G$20=$B$10,7,0)+IF('Standard Profiles'!$G$20=$B$17,14,0)+IF('Standard Profiles'!$G$20=$B$24,21,0),MOD($C7121,24)+1)/SUM(INDEX($D$3:$AA$30,INDEX(Jesper!$R$2:$R$366,ROW(INDEX(Jesper!AJ$2:AJ$366,ROUNDDOWN($C7121/24,0)+1,1))-1)+IF('Standard Profiles'!$G$20=$B$10,7,0)+IF('Standard Profiles'!$G$20=$B$17,14,0)+IF('Standard Profiles'!$G$20=$B$24,21,0),0)),0)</f>
        <v>0</v>
      </c>
      <c r="G7121" cm="1">
        <f t="array" ref="G7121">IFERROR(INDEX(Jesper!AK$2:AK$366,ROUNDDOWN($C7121/24,0)+1,1)*INDEX($D$3:$AA$30,INDEX(Jesper!$R$2:$R$366,ROW(INDEX(Jesper!AK$2:AK$366,ROUNDDOWN($C7121/24,0)+1,1))-1)+IF('Standard Profiles'!$G$21=$B$10,7,0)+IF('Standard Profiles'!$G$21=$B$17,14,0)+IF('Standard Profiles'!$G$21=$B$24,21,0),MOD($C7121,24)+1)/SUM(INDEX($D$3:$AA$30,INDEX(Jesper!$R$2:$R$366,ROW(INDEX(Jesper!AK$2:AK$366,ROUNDDOWN($C7121/24,0)+1,1))-1)+IF('Standard Profiles'!$G$21=$B$10,7,0)+IF('Standard Profiles'!$G$21=$B$17,14,0)+IF('Standard Profiles'!$G$21=$B$24,21,0),0)),0)</f>
        <v>2.9479283510222656</v>
      </c>
      <c r="H7121" cm="1">
        <f t="array" ref="H7121">IFERROR(INDEX(Jesper!AL$2:AL$366,ROUNDDOWN($C7121/24,0)+1,1)*INDEX($D$3:$AA$30,INDEX(Jesper!$R$2:$R$366,ROW(INDEX(Jesper!AL$2:AL$366,ROUNDDOWN($C7121/24,0)+1,1))-1)+IF('Standard Profiles'!$G$22=$B$10,7,0)+IF('Standard Profiles'!$G$22=$B$17,14,0)+IF('Standard Profiles'!$G$22=$B$24,21,0),MOD($C7121,24)+1)/SUM(INDEX($D$3:$AA$30,INDEX(Jesper!$R$2:$R$366,ROW(INDEX(Jesper!AL$2:AL$366,ROUNDDOWN($C7121/24,0)+1,1))-1)+IF('Standard Profiles'!$G$22=$B$10,7,0)+IF('Standard Profiles'!$G$22=$B$17,14,0)+IF('Standard Profiles'!$G$22=$B$24,21,0),0)),0)</f>
        <v>0</v>
      </c>
      <c r="I7121">
        <f t="shared" si="790"/>
        <v>1.4150056084906868</v>
      </c>
      <c r="J7121">
        <f t="shared" si="791"/>
        <v>35.474711553952858</v>
      </c>
      <c r="K7121">
        <f t="shared" si="792"/>
        <v>2.4670499849879364</v>
      </c>
      <c r="L7121">
        <f t="shared" si="793"/>
        <v>1.2335249924939682</v>
      </c>
      <c r="M7121">
        <f t="shared" si="794"/>
        <v>0</v>
      </c>
      <c r="N7121" s="45">
        <f t="shared" si="795"/>
        <v>45222.291666649478</v>
      </c>
    </row>
    <row r="7122" spans="2:14" x14ac:dyDescent="0.25">
      <c r="B7122">
        <f t="shared" si="789"/>
        <v>1</v>
      </c>
      <c r="C7122" s="16">
        <v>7088</v>
      </c>
      <c r="D7122" cm="1">
        <f t="array" ref="D7122">IFERROR(INDEX(Jesper!AH$2:AH$366,ROUNDDOWN($C7122/24,0)+1,1)*INDEX($D$3:$AA$30,INDEX(Jesper!$R$2:$R$366,ROW(INDEX(Jesper!AH$2:AH$366,ROUNDDOWN($C7122/24,0)+1,1))-1)+IF('Standard Profiles'!$G$18=$B$10,7,0)+IF('Standard Profiles'!$G$18=$B$17,14,0)+IF('Standard Profiles'!$G$18=$B$24,21,0),MOD($C7122,24)+1)/SUM(INDEX($D$3:$AA$30,INDEX(Jesper!$R$2:$R$366,ROW(INDEX(Jesper!AH$2:AH$366,ROUNDDOWN($C7122/24,0)+1,1))-1)+IF('Standard Profiles'!$G$18=$B$10,7,0)+IF('Standard Profiles'!$G$18=$B$17,14,0)+IF('Standard Profiles'!$G$18=$B$24,21,0),0)),0)</f>
        <v>26.019667810419637</v>
      </c>
      <c r="E7122" cm="1">
        <f t="array" ref="E7122">IFERROR(INDEX(Jesper!AI$2:AI$366,ROUNDDOWN($C7122/24,0)+1,1)*INDEX($D$3:$AA$30,INDEX(Jesper!$R$2:$R$366,ROW(INDEX(Jesper!AI$2:AI$366,ROUNDDOWN($C7122/24,0)+1,1))-1)+IF('Standard Profiles'!$G$19=$B$10,7,0)+IF('Standard Profiles'!$G$19=$B$17,14,0)+IF('Standard Profiles'!$G$19=$B$24,21,0),MOD($C7122,24)+1)/SUM(INDEX($D$3:$AA$30,INDEX(Jesper!$R$2:$R$366,ROW(INDEX(Jesper!AI$2:AI$366,ROUNDDOWN($C7122/24,0)+1,1))-1)+IF('Standard Profiles'!$G$19=$B$10,7,0)+IF('Standard Profiles'!$G$19=$B$17,14,0)+IF('Standard Profiles'!$G$19=$B$24,21,0),0)),0)</f>
        <v>16.327991452096441</v>
      </c>
      <c r="F7122" cm="1">
        <f t="array" ref="F7122">IFERROR(INDEX(Jesper!AJ$2:AJ$366,ROUNDDOWN($C7122/24,0)+1,1)*INDEX($D$3:$AA$30,INDEX(Jesper!$R$2:$R$366,ROW(INDEX(Jesper!AJ$2:AJ$366,ROUNDDOWN($C7122/24,0)+1,1))-1)+IF('Standard Profiles'!$G$20=$B$10,7,0)+IF('Standard Profiles'!$G$20=$B$17,14,0)+IF('Standard Profiles'!$G$20=$B$24,21,0),MOD($C7122,24)+1)/SUM(INDEX($D$3:$AA$30,INDEX(Jesper!$R$2:$R$366,ROW(INDEX(Jesper!AJ$2:AJ$366,ROUNDDOWN($C7122/24,0)+1,1))-1)+IF('Standard Profiles'!$G$20=$B$10,7,0)+IF('Standard Profiles'!$G$20=$B$17,14,0)+IF('Standard Profiles'!$G$20=$B$24,21,0),0)),0)</f>
        <v>0</v>
      </c>
      <c r="G7122" cm="1">
        <f t="array" ref="G7122">IFERROR(INDEX(Jesper!AK$2:AK$366,ROUNDDOWN($C7122/24,0)+1,1)*INDEX($D$3:$AA$30,INDEX(Jesper!$R$2:$R$366,ROW(INDEX(Jesper!AK$2:AK$366,ROUNDDOWN($C7122/24,0)+1,1))-1)+IF('Standard Profiles'!$G$21=$B$10,7,0)+IF('Standard Profiles'!$G$21=$B$17,14,0)+IF('Standard Profiles'!$G$21=$B$24,21,0),MOD($C7122,24)+1)/SUM(INDEX($D$3:$AA$30,INDEX(Jesper!$R$2:$R$366,ROW(INDEX(Jesper!AK$2:AK$366,ROUNDDOWN($C7122/24,0)+1,1))-1)+IF('Standard Profiles'!$G$21=$B$10,7,0)+IF('Standard Profiles'!$G$21=$B$17,14,0)+IF('Standard Profiles'!$G$21=$B$24,21,0),0)),0)</f>
        <v>3.3164193949000493</v>
      </c>
      <c r="H7122" cm="1">
        <f t="array" ref="H7122">IFERROR(INDEX(Jesper!AL$2:AL$366,ROUNDDOWN($C7122/24,0)+1,1)*INDEX($D$3:$AA$30,INDEX(Jesper!$R$2:$R$366,ROW(INDEX(Jesper!AL$2:AL$366,ROUNDDOWN($C7122/24,0)+1,1))-1)+IF('Standard Profiles'!$G$22=$B$10,7,0)+IF('Standard Profiles'!$G$22=$B$17,14,0)+IF('Standard Profiles'!$G$22=$B$24,21,0),MOD($C7122,24)+1)/SUM(INDEX($D$3:$AA$30,INDEX(Jesper!$R$2:$R$366,ROW(INDEX(Jesper!AL$2:AL$366,ROUNDDOWN($C7122/24,0)+1,1))-1)+IF('Standard Profiles'!$G$22=$B$10,7,0)+IF('Standard Profiles'!$G$22=$B$17,14,0)+IF('Standard Profiles'!$G$22=$B$24,21,0),0)),0)</f>
        <v>0</v>
      </c>
      <c r="I7122">
        <f t="shared" si="790"/>
        <v>1.5918813095520228</v>
      </c>
      <c r="J7122">
        <f t="shared" si="791"/>
        <v>39.909050498196962</v>
      </c>
      <c r="K7122">
        <f t="shared" si="792"/>
        <v>2.7754312331114281</v>
      </c>
      <c r="L7122">
        <f t="shared" si="793"/>
        <v>1.3877156165557141</v>
      </c>
      <c r="M7122">
        <f t="shared" si="794"/>
        <v>0</v>
      </c>
      <c r="N7122" s="45">
        <f t="shared" si="795"/>
        <v>45222.333333316143</v>
      </c>
    </row>
    <row r="7123" spans="2:14" x14ac:dyDescent="0.25">
      <c r="B7123">
        <f t="shared" si="789"/>
        <v>1</v>
      </c>
      <c r="C7123" s="16">
        <v>7089</v>
      </c>
      <c r="D7123" cm="1">
        <f t="array" ref="D7123">IFERROR(INDEX(Jesper!AH$2:AH$366,ROUNDDOWN($C7123/24,0)+1,1)*INDEX($D$3:$AA$30,INDEX(Jesper!$R$2:$R$366,ROW(INDEX(Jesper!AH$2:AH$366,ROUNDDOWN($C7123/24,0)+1,1))-1)+IF('Standard Profiles'!$G$18=$B$10,7,0)+IF('Standard Profiles'!$G$18=$B$17,14,0)+IF('Standard Profiles'!$G$18=$B$24,21,0),MOD($C7123,24)+1)/SUM(INDEX($D$3:$AA$30,INDEX(Jesper!$R$2:$R$366,ROW(INDEX(Jesper!AH$2:AH$366,ROUNDDOWN($C7123/24,0)+1,1))-1)+IF('Standard Profiles'!$G$18=$B$10,7,0)+IF('Standard Profiles'!$G$18=$B$17,14,0)+IF('Standard Profiles'!$G$18=$B$24,21,0),0)),0)</f>
        <v>28.910742011577376</v>
      </c>
      <c r="E7123" cm="1">
        <f t="array" ref="E7123">IFERROR(INDEX(Jesper!AI$2:AI$366,ROUNDDOWN($C7123/24,0)+1,1)*INDEX($D$3:$AA$30,INDEX(Jesper!$R$2:$R$366,ROW(INDEX(Jesper!AI$2:AI$366,ROUNDDOWN($C7123/24,0)+1,1))-1)+IF('Standard Profiles'!$G$19=$B$10,7,0)+IF('Standard Profiles'!$G$19=$B$17,14,0)+IF('Standard Profiles'!$G$19=$B$24,21,0),MOD($C7123,24)+1)/SUM(INDEX($D$3:$AA$30,INDEX(Jesper!$R$2:$R$366,ROW(INDEX(Jesper!AI$2:AI$366,ROUNDDOWN($C7123/24,0)+1,1))-1)+IF('Standard Profiles'!$G$19=$B$10,7,0)+IF('Standard Profiles'!$G$19=$B$17,14,0)+IF('Standard Profiles'!$G$19=$B$24,21,0),0)),0)</f>
        <v>18.142212724551598</v>
      </c>
      <c r="F7123" cm="1">
        <f t="array" ref="F7123">IFERROR(INDEX(Jesper!AJ$2:AJ$366,ROUNDDOWN($C7123/24,0)+1,1)*INDEX($D$3:$AA$30,INDEX(Jesper!$R$2:$R$366,ROW(INDEX(Jesper!AJ$2:AJ$366,ROUNDDOWN($C7123/24,0)+1,1))-1)+IF('Standard Profiles'!$G$20=$B$10,7,0)+IF('Standard Profiles'!$G$20=$B$17,14,0)+IF('Standard Profiles'!$G$20=$B$24,21,0),MOD($C7123,24)+1)/SUM(INDEX($D$3:$AA$30,INDEX(Jesper!$R$2:$R$366,ROW(INDEX(Jesper!AJ$2:AJ$366,ROUNDDOWN($C7123/24,0)+1,1))-1)+IF('Standard Profiles'!$G$20=$B$10,7,0)+IF('Standard Profiles'!$G$20=$B$17,14,0)+IF('Standard Profiles'!$G$20=$B$24,21,0),0)),0)</f>
        <v>0</v>
      </c>
      <c r="G7123" cm="1">
        <f t="array" ref="G7123">IFERROR(INDEX(Jesper!AK$2:AK$366,ROUNDDOWN($C7123/24,0)+1,1)*INDEX($D$3:$AA$30,INDEX(Jesper!$R$2:$R$366,ROW(INDEX(Jesper!AK$2:AK$366,ROUNDDOWN($C7123/24,0)+1,1))-1)+IF('Standard Profiles'!$G$21=$B$10,7,0)+IF('Standard Profiles'!$G$21=$B$17,14,0)+IF('Standard Profiles'!$G$21=$B$24,21,0),MOD($C7123,24)+1)/SUM(INDEX($D$3:$AA$30,INDEX(Jesper!$R$2:$R$366,ROW(INDEX(Jesper!AK$2:AK$366,ROUNDDOWN($C7123/24,0)+1,1))-1)+IF('Standard Profiles'!$G$21=$B$10,7,0)+IF('Standard Profiles'!$G$21=$B$17,14,0)+IF('Standard Profiles'!$G$21=$B$24,21,0),0)),0)</f>
        <v>3.6849104387778322</v>
      </c>
      <c r="H7123" cm="1">
        <f t="array" ref="H7123">IFERROR(INDEX(Jesper!AL$2:AL$366,ROUNDDOWN($C7123/24,0)+1,1)*INDEX($D$3:$AA$30,INDEX(Jesper!$R$2:$R$366,ROW(INDEX(Jesper!AL$2:AL$366,ROUNDDOWN($C7123/24,0)+1,1))-1)+IF('Standard Profiles'!$G$22=$B$10,7,0)+IF('Standard Profiles'!$G$22=$B$17,14,0)+IF('Standard Profiles'!$G$22=$B$24,21,0),MOD($C7123,24)+1)/SUM(INDEX($D$3:$AA$30,INDEX(Jesper!$R$2:$R$366,ROW(INDEX(Jesper!AL$2:AL$366,ROUNDDOWN($C7123/24,0)+1,1))-1)+IF('Standard Profiles'!$G$22=$B$10,7,0)+IF('Standard Profiles'!$G$22=$B$17,14,0)+IF('Standard Profiles'!$G$22=$B$24,21,0),0)),0)</f>
        <v>0</v>
      </c>
      <c r="I7123">
        <f t="shared" si="790"/>
        <v>1.7687570106133585</v>
      </c>
      <c r="J7123">
        <f t="shared" si="791"/>
        <v>44.343389442441065</v>
      </c>
      <c r="K7123">
        <f t="shared" si="792"/>
        <v>3.0838124812349204</v>
      </c>
      <c r="L7123">
        <f t="shared" si="793"/>
        <v>1.5419062406174602</v>
      </c>
      <c r="M7123">
        <f t="shared" si="794"/>
        <v>0</v>
      </c>
      <c r="N7123" s="45">
        <f t="shared" si="795"/>
        <v>45222.374999982807</v>
      </c>
    </row>
    <row r="7124" spans="2:14" x14ac:dyDescent="0.25">
      <c r="B7124">
        <f t="shared" si="789"/>
        <v>1</v>
      </c>
      <c r="C7124" s="16">
        <v>7090</v>
      </c>
      <c r="D7124" cm="1">
        <f t="array" ref="D7124">IFERROR(INDEX(Jesper!AH$2:AH$366,ROUNDDOWN($C7124/24,0)+1,1)*INDEX($D$3:$AA$30,INDEX(Jesper!$R$2:$R$366,ROW(INDEX(Jesper!AH$2:AH$366,ROUNDDOWN($C7124/24,0)+1,1))-1)+IF('Standard Profiles'!$G$18=$B$10,7,0)+IF('Standard Profiles'!$G$18=$B$17,14,0)+IF('Standard Profiles'!$G$18=$B$24,21,0),MOD($C7124,24)+1)/SUM(INDEX($D$3:$AA$30,INDEX(Jesper!$R$2:$R$366,ROW(INDEX(Jesper!AH$2:AH$366,ROUNDDOWN($C7124/24,0)+1,1))-1)+IF('Standard Profiles'!$G$18=$B$10,7,0)+IF('Standard Profiles'!$G$18=$B$17,14,0)+IF('Standard Profiles'!$G$18=$B$24,21,0),0)),0)</f>
        <v>28.910742011577376</v>
      </c>
      <c r="E7124" cm="1">
        <f t="array" ref="E7124">IFERROR(INDEX(Jesper!AI$2:AI$366,ROUNDDOWN($C7124/24,0)+1,1)*INDEX($D$3:$AA$30,INDEX(Jesper!$R$2:$R$366,ROW(INDEX(Jesper!AI$2:AI$366,ROUNDDOWN($C7124/24,0)+1,1))-1)+IF('Standard Profiles'!$G$19=$B$10,7,0)+IF('Standard Profiles'!$G$19=$B$17,14,0)+IF('Standard Profiles'!$G$19=$B$24,21,0),MOD($C7124,24)+1)/SUM(INDEX($D$3:$AA$30,INDEX(Jesper!$R$2:$R$366,ROW(INDEX(Jesper!AI$2:AI$366,ROUNDDOWN($C7124/24,0)+1,1))-1)+IF('Standard Profiles'!$G$19=$B$10,7,0)+IF('Standard Profiles'!$G$19=$B$17,14,0)+IF('Standard Profiles'!$G$19=$B$24,21,0),0)),0)</f>
        <v>18.142212724551598</v>
      </c>
      <c r="F7124" cm="1">
        <f t="array" ref="F7124">IFERROR(INDEX(Jesper!AJ$2:AJ$366,ROUNDDOWN($C7124/24,0)+1,1)*INDEX($D$3:$AA$30,INDEX(Jesper!$R$2:$R$366,ROW(INDEX(Jesper!AJ$2:AJ$366,ROUNDDOWN($C7124/24,0)+1,1))-1)+IF('Standard Profiles'!$G$20=$B$10,7,0)+IF('Standard Profiles'!$G$20=$B$17,14,0)+IF('Standard Profiles'!$G$20=$B$24,21,0),MOD($C7124,24)+1)/SUM(INDEX($D$3:$AA$30,INDEX(Jesper!$R$2:$R$366,ROW(INDEX(Jesper!AJ$2:AJ$366,ROUNDDOWN($C7124/24,0)+1,1))-1)+IF('Standard Profiles'!$G$20=$B$10,7,0)+IF('Standard Profiles'!$G$20=$B$17,14,0)+IF('Standard Profiles'!$G$20=$B$24,21,0),0)),0)</f>
        <v>0</v>
      </c>
      <c r="G7124" cm="1">
        <f t="array" ref="G7124">IFERROR(INDEX(Jesper!AK$2:AK$366,ROUNDDOWN($C7124/24,0)+1,1)*INDEX($D$3:$AA$30,INDEX(Jesper!$R$2:$R$366,ROW(INDEX(Jesper!AK$2:AK$366,ROUNDDOWN($C7124/24,0)+1,1))-1)+IF('Standard Profiles'!$G$21=$B$10,7,0)+IF('Standard Profiles'!$G$21=$B$17,14,0)+IF('Standard Profiles'!$G$21=$B$24,21,0),MOD($C7124,24)+1)/SUM(INDEX($D$3:$AA$30,INDEX(Jesper!$R$2:$R$366,ROW(INDEX(Jesper!AK$2:AK$366,ROUNDDOWN($C7124/24,0)+1,1))-1)+IF('Standard Profiles'!$G$21=$B$10,7,0)+IF('Standard Profiles'!$G$21=$B$17,14,0)+IF('Standard Profiles'!$G$21=$B$24,21,0),0)),0)</f>
        <v>3.6849104387778322</v>
      </c>
      <c r="H7124" cm="1">
        <f t="array" ref="H7124">IFERROR(INDEX(Jesper!AL$2:AL$366,ROUNDDOWN($C7124/24,0)+1,1)*INDEX($D$3:$AA$30,INDEX(Jesper!$R$2:$R$366,ROW(INDEX(Jesper!AL$2:AL$366,ROUNDDOWN($C7124/24,0)+1,1))-1)+IF('Standard Profiles'!$G$22=$B$10,7,0)+IF('Standard Profiles'!$G$22=$B$17,14,0)+IF('Standard Profiles'!$G$22=$B$24,21,0),MOD($C7124,24)+1)/SUM(INDEX($D$3:$AA$30,INDEX(Jesper!$R$2:$R$366,ROW(INDEX(Jesper!AL$2:AL$366,ROUNDDOWN($C7124/24,0)+1,1))-1)+IF('Standard Profiles'!$G$22=$B$10,7,0)+IF('Standard Profiles'!$G$22=$B$17,14,0)+IF('Standard Profiles'!$G$22=$B$24,21,0),0)),0)</f>
        <v>0</v>
      </c>
      <c r="I7124">
        <f t="shared" si="790"/>
        <v>1.7687570106133585</v>
      </c>
      <c r="J7124">
        <f t="shared" si="791"/>
        <v>44.343389442441065</v>
      </c>
      <c r="K7124">
        <f t="shared" si="792"/>
        <v>3.0838124812349204</v>
      </c>
      <c r="L7124">
        <f t="shared" si="793"/>
        <v>1.5419062406174602</v>
      </c>
      <c r="M7124">
        <f t="shared" si="794"/>
        <v>0</v>
      </c>
      <c r="N7124" s="45">
        <f t="shared" si="795"/>
        <v>45222.416666649471</v>
      </c>
    </row>
    <row r="7125" spans="2:14" x14ac:dyDescent="0.25">
      <c r="B7125">
        <f t="shared" si="789"/>
        <v>1</v>
      </c>
      <c r="C7125" s="16">
        <v>7091</v>
      </c>
      <c r="D7125" cm="1">
        <f t="array" ref="D7125">IFERROR(INDEX(Jesper!AH$2:AH$366,ROUNDDOWN($C7125/24,0)+1,1)*INDEX($D$3:$AA$30,INDEX(Jesper!$R$2:$R$366,ROW(INDEX(Jesper!AH$2:AH$366,ROUNDDOWN($C7125/24,0)+1,1))-1)+IF('Standard Profiles'!$G$18=$B$10,7,0)+IF('Standard Profiles'!$G$18=$B$17,14,0)+IF('Standard Profiles'!$G$18=$B$24,21,0),MOD($C7125,24)+1)/SUM(INDEX($D$3:$AA$30,INDEX(Jesper!$R$2:$R$366,ROW(INDEX(Jesper!AH$2:AH$366,ROUNDDOWN($C7125/24,0)+1,1))-1)+IF('Standard Profiles'!$G$18=$B$10,7,0)+IF('Standard Profiles'!$G$18=$B$17,14,0)+IF('Standard Profiles'!$G$18=$B$24,21,0),0)),0)</f>
        <v>34.692890413892847</v>
      </c>
      <c r="E7125" cm="1">
        <f t="array" ref="E7125">IFERROR(INDEX(Jesper!AI$2:AI$366,ROUNDDOWN($C7125/24,0)+1,1)*INDEX($D$3:$AA$30,INDEX(Jesper!$R$2:$R$366,ROW(INDEX(Jesper!AI$2:AI$366,ROUNDDOWN($C7125/24,0)+1,1))-1)+IF('Standard Profiles'!$G$19=$B$10,7,0)+IF('Standard Profiles'!$G$19=$B$17,14,0)+IF('Standard Profiles'!$G$19=$B$24,21,0),MOD($C7125,24)+1)/SUM(INDEX($D$3:$AA$30,INDEX(Jesper!$R$2:$R$366,ROW(INDEX(Jesper!AI$2:AI$366,ROUNDDOWN($C7125/24,0)+1,1))-1)+IF('Standard Profiles'!$G$19=$B$10,7,0)+IF('Standard Profiles'!$G$19=$B$17,14,0)+IF('Standard Profiles'!$G$19=$B$24,21,0),0)),0)</f>
        <v>21.770655269461916</v>
      </c>
      <c r="F7125" cm="1">
        <f t="array" ref="F7125">IFERROR(INDEX(Jesper!AJ$2:AJ$366,ROUNDDOWN($C7125/24,0)+1,1)*INDEX($D$3:$AA$30,INDEX(Jesper!$R$2:$R$366,ROW(INDEX(Jesper!AJ$2:AJ$366,ROUNDDOWN($C7125/24,0)+1,1))-1)+IF('Standard Profiles'!$G$20=$B$10,7,0)+IF('Standard Profiles'!$G$20=$B$17,14,0)+IF('Standard Profiles'!$G$20=$B$24,21,0),MOD($C7125,24)+1)/SUM(INDEX($D$3:$AA$30,INDEX(Jesper!$R$2:$R$366,ROW(INDEX(Jesper!AJ$2:AJ$366,ROUNDDOWN($C7125/24,0)+1,1))-1)+IF('Standard Profiles'!$G$20=$B$10,7,0)+IF('Standard Profiles'!$G$20=$B$17,14,0)+IF('Standard Profiles'!$G$20=$B$24,21,0),0)),0)</f>
        <v>0</v>
      </c>
      <c r="G7125" cm="1">
        <f t="array" ref="G7125">IFERROR(INDEX(Jesper!AK$2:AK$366,ROUNDDOWN($C7125/24,0)+1,1)*INDEX($D$3:$AA$30,INDEX(Jesper!$R$2:$R$366,ROW(INDEX(Jesper!AK$2:AK$366,ROUNDDOWN($C7125/24,0)+1,1))-1)+IF('Standard Profiles'!$G$21=$B$10,7,0)+IF('Standard Profiles'!$G$21=$B$17,14,0)+IF('Standard Profiles'!$G$21=$B$24,21,0),MOD($C7125,24)+1)/SUM(INDEX($D$3:$AA$30,INDEX(Jesper!$R$2:$R$366,ROW(INDEX(Jesper!AK$2:AK$366,ROUNDDOWN($C7125/24,0)+1,1))-1)+IF('Standard Profiles'!$G$21=$B$10,7,0)+IF('Standard Profiles'!$G$21=$B$17,14,0)+IF('Standard Profiles'!$G$21=$B$24,21,0),0)),0)</f>
        <v>4.4218925265333979</v>
      </c>
      <c r="H7125" cm="1">
        <f t="array" ref="H7125">IFERROR(INDEX(Jesper!AL$2:AL$366,ROUNDDOWN($C7125/24,0)+1,1)*INDEX($D$3:$AA$30,INDEX(Jesper!$R$2:$R$366,ROW(INDEX(Jesper!AL$2:AL$366,ROUNDDOWN($C7125/24,0)+1,1))-1)+IF('Standard Profiles'!$G$22=$B$10,7,0)+IF('Standard Profiles'!$G$22=$B$17,14,0)+IF('Standard Profiles'!$G$22=$B$24,21,0),MOD($C7125,24)+1)/SUM(INDEX($D$3:$AA$30,INDEX(Jesper!$R$2:$R$366,ROW(INDEX(Jesper!AL$2:AL$366,ROUNDDOWN($C7125/24,0)+1,1))-1)+IF('Standard Profiles'!$G$22=$B$10,7,0)+IF('Standard Profiles'!$G$22=$B$17,14,0)+IF('Standard Profiles'!$G$22=$B$24,21,0),0)),0)</f>
        <v>0</v>
      </c>
      <c r="I7125">
        <f t="shared" si="790"/>
        <v>2.1225084127360301</v>
      </c>
      <c r="J7125">
        <f t="shared" si="791"/>
        <v>53.212067330929273</v>
      </c>
      <c r="K7125">
        <f t="shared" si="792"/>
        <v>3.7005749774819039</v>
      </c>
      <c r="L7125">
        <f t="shared" si="793"/>
        <v>1.8502874887409519</v>
      </c>
      <c r="M7125">
        <f t="shared" si="794"/>
        <v>0</v>
      </c>
      <c r="N7125" s="45">
        <f t="shared" si="795"/>
        <v>45222.458333316135</v>
      </c>
    </row>
    <row r="7126" spans="2:14" x14ac:dyDescent="0.25">
      <c r="B7126">
        <f t="shared" si="789"/>
        <v>1</v>
      </c>
      <c r="C7126" s="16">
        <v>7092</v>
      </c>
      <c r="D7126" cm="1">
        <f t="array" ref="D7126">IFERROR(INDEX(Jesper!AH$2:AH$366,ROUNDDOWN($C7126/24,0)+1,1)*INDEX($D$3:$AA$30,INDEX(Jesper!$R$2:$R$366,ROW(INDEX(Jesper!AH$2:AH$366,ROUNDDOWN($C7126/24,0)+1,1))-1)+IF('Standard Profiles'!$G$18=$B$10,7,0)+IF('Standard Profiles'!$G$18=$B$17,14,0)+IF('Standard Profiles'!$G$18=$B$24,21,0),MOD($C7126,24)+1)/SUM(INDEX($D$3:$AA$30,INDEX(Jesper!$R$2:$R$366,ROW(INDEX(Jesper!AH$2:AH$366,ROUNDDOWN($C7126/24,0)+1,1))-1)+IF('Standard Profiles'!$G$18=$B$10,7,0)+IF('Standard Profiles'!$G$18=$B$17,14,0)+IF('Standard Profiles'!$G$18=$B$24,21,0),0)),0)</f>
        <v>34.692890413892847</v>
      </c>
      <c r="E7126" cm="1">
        <f t="array" ref="E7126">IFERROR(INDEX(Jesper!AI$2:AI$366,ROUNDDOWN($C7126/24,0)+1,1)*INDEX($D$3:$AA$30,INDEX(Jesper!$R$2:$R$366,ROW(INDEX(Jesper!AI$2:AI$366,ROUNDDOWN($C7126/24,0)+1,1))-1)+IF('Standard Profiles'!$G$19=$B$10,7,0)+IF('Standard Profiles'!$G$19=$B$17,14,0)+IF('Standard Profiles'!$G$19=$B$24,21,0),MOD($C7126,24)+1)/SUM(INDEX($D$3:$AA$30,INDEX(Jesper!$R$2:$R$366,ROW(INDEX(Jesper!AI$2:AI$366,ROUNDDOWN($C7126/24,0)+1,1))-1)+IF('Standard Profiles'!$G$19=$B$10,7,0)+IF('Standard Profiles'!$G$19=$B$17,14,0)+IF('Standard Profiles'!$G$19=$B$24,21,0),0)),0)</f>
        <v>21.770655269461916</v>
      </c>
      <c r="F7126" cm="1">
        <f t="array" ref="F7126">IFERROR(INDEX(Jesper!AJ$2:AJ$366,ROUNDDOWN($C7126/24,0)+1,1)*INDEX($D$3:$AA$30,INDEX(Jesper!$R$2:$R$366,ROW(INDEX(Jesper!AJ$2:AJ$366,ROUNDDOWN($C7126/24,0)+1,1))-1)+IF('Standard Profiles'!$G$20=$B$10,7,0)+IF('Standard Profiles'!$G$20=$B$17,14,0)+IF('Standard Profiles'!$G$20=$B$24,21,0),MOD($C7126,24)+1)/SUM(INDEX($D$3:$AA$30,INDEX(Jesper!$R$2:$R$366,ROW(INDEX(Jesper!AJ$2:AJ$366,ROUNDDOWN($C7126/24,0)+1,1))-1)+IF('Standard Profiles'!$G$20=$B$10,7,0)+IF('Standard Profiles'!$G$20=$B$17,14,0)+IF('Standard Profiles'!$G$20=$B$24,21,0),0)),0)</f>
        <v>0</v>
      </c>
      <c r="G7126" cm="1">
        <f t="array" ref="G7126">IFERROR(INDEX(Jesper!AK$2:AK$366,ROUNDDOWN($C7126/24,0)+1,1)*INDEX($D$3:$AA$30,INDEX(Jesper!$R$2:$R$366,ROW(INDEX(Jesper!AK$2:AK$366,ROUNDDOWN($C7126/24,0)+1,1))-1)+IF('Standard Profiles'!$G$21=$B$10,7,0)+IF('Standard Profiles'!$G$21=$B$17,14,0)+IF('Standard Profiles'!$G$21=$B$24,21,0),MOD($C7126,24)+1)/SUM(INDEX($D$3:$AA$30,INDEX(Jesper!$R$2:$R$366,ROW(INDEX(Jesper!AK$2:AK$366,ROUNDDOWN($C7126/24,0)+1,1))-1)+IF('Standard Profiles'!$G$21=$B$10,7,0)+IF('Standard Profiles'!$G$21=$B$17,14,0)+IF('Standard Profiles'!$G$21=$B$24,21,0),0)),0)</f>
        <v>4.4218925265333979</v>
      </c>
      <c r="H7126" cm="1">
        <f t="array" ref="H7126">IFERROR(INDEX(Jesper!AL$2:AL$366,ROUNDDOWN($C7126/24,0)+1,1)*INDEX($D$3:$AA$30,INDEX(Jesper!$R$2:$R$366,ROW(INDEX(Jesper!AL$2:AL$366,ROUNDDOWN($C7126/24,0)+1,1))-1)+IF('Standard Profiles'!$G$22=$B$10,7,0)+IF('Standard Profiles'!$G$22=$B$17,14,0)+IF('Standard Profiles'!$G$22=$B$24,21,0),MOD($C7126,24)+1)/SUM(INDEX($D$3:$AA$30,INDEX(Jesper!$R$2:$R$366,ROW(INDEX(Jesper!AL$2:AL$366,ROUNDDOWN($C7126/24,0)+1,1))-1)+IF('Standard Profiles'!$G$22=$B$10,7,0)+IF('Standard Profiles'!$G$22=$B$17,14,0)+IF('Standard Profiles'!$G$22=$B$24,21,0),0)),0)</f>
        <v>0</v>
      </c>
      <c r="I7126">
        <f t="shared" si="790"/>
        <v>2.1225084127360301</v>
      </c>
      <c r="J7126">
        <f t="shared" si="791"/>
        <v>53.212067330929273</v>
      </c>
      <c r="K7126">
        <f t="shared" si="792"/>
        <v>3.7005749774819039</v>
      </c>
      <c r="L7126">
        <f t="shared" si="793"/>
        <v>1.8502874887409519</v>
      </c>
      <c r="M7126">
        <f t="shared" si="794"/>
        <v>0</v>
      </c>
      <c r="N7126" s="45">
        <f t="shared" si="795"/>
        <v>45222.4999999828</v>
      </c>
    </row>
    <row r="7127" spans="2:14" x14ac:dyDescent="0.25">
      <c r="B7127">
        <f t="shared" si="789"/>
        <v>1</v>
      </c>
      <c r="C7127" s="16">
        <v>7093</v>
      </c>
      <c r="D7127" cm="1">
        <f t="array" ref="D7127">IFERROR(INDEX(Jesper!AH$2:AH$366,ROUNDDOWN($C7127/24,0)+1,1)*INDEX($D$3:$AA$30,INDEX(Jesper!$R$2:$R$366,ROW(INDEX(Jesper!AH$2:AH$366,ROUNDDOWN($C7127/24,0)+1,1))-1)+IF('Standard Profiles'!$G$18=$B$10,7,0)+IF('Standard Profiles'!$G$18=$B$17,14,0)+IF('Standard Profiles'!$G$18=$B$24,21,0),MOD($C7127,24)+1)/SUM(INDEX($D$3:$AA$30,INDEX(Jesper!$R$2:$R$366,ROW(INDEX(Jesper!AH$2:AH$366,ROUNDDOWN($C7127/24,0)+1,1))-1)+IF('Standard Profiles'!$G$18=$B$10,7,0)+IF('Standard Profiles'!$G$18=$B$17,14,0)+IF('Standard Profiles'!$G$18=$B$24,21,0),0)),0)</f>
        <v>23.128593609261902</v>
      </c>
      <c r="E7127" cm="1">
        <f t="array" ref="E7127">IFERROR(INDEX(Jesper!AI$2:AI$366,ROUNDDOWN($C7127/24,0)+1,1)*INDEX($D$3:$AA$30,INDEX(Jesper!$R$2:$R$366,ROW(INDEX(Jesper!AI$2:AI$366,ROUNDDOWN($C7127/24,0)+1,1))-1)+IF('Standard Profiles'!$G$19=$B$10,7,0)+IF('Standard Profiles'!$G$19=$B$17,14,0)+IF('Standard Profiles'!$G$19=$B$24,21,0),MOD($C7127,24)+1)/SUM(INDEX($D$3:$AA$30,INDEX(Jesper!$R$2:$R$366,ROW(INDEX(Jesper!AI$2:AI$366,ROUNDDOWN($C7127/24,0)+1,1))-1)+IF('Standard Profiles'!$G$19=$B$10,7,0)+IF('Standard Profiles'!$G$19=$B$17,14,0)+IF('Standard Profiles'!$G$19=$B$24,21,0),0)),0)</f>
        <v>14.513770179641281</v>
      </c>
      <c r="F7127" cm="1">
        <f t="array" ref="F7127">IFERROR(INDEX(Jesper!AJ$2:AJ$366,ROUNDDOWN($C7127/24,0)+1,1)*INDEX($D$3:$AA$30,INDEX(Jesper!$R$2:$R$366,ROW(INDEX(Jesper!AJ$2:AJ$366,ROUNDDOWN($C7127/24,0)+1,1))-1)+IF('Standard Profiles'!$G$20=$B$10,7,0)+IF('Standard Profiles'!$G$20=$B$17,14,0)+IF('Standard Profiles'!$G$20=$B$24,21,0),MOD($C7127,24)+1)/SUM(INDEX($D$3:$AA$30,INDEX(Jesper!$R$2:$R$366,ROW(INDEX(Jesper!AJ$2:AJ$366,ROUNDDOWN($C7127/24,0)+1,1))-1)+IF('Standard Profiles'!$G$20=$B$10,7,0)+IF('Standard Profiles'!$G$20=$B$17,14,0)+IF('Standard Profiles'!$G$20=$B$24,21,0),0)),0)</f>
        <v>0</v>
      </c>
      <c r="G7127" cm="1">
        <f t="array" ref="G7127">IFERROR(INDEX(Jesper!AK$2:AK$366,ROUNDDOWN($C7127/24,0)+1,1)*INDEX($D$3:$AA$30,INDEX(Jesper!$R$2:$R$366,ROW(INDEX(Jesper!AK$2:AK$366,ROUNDDOWN($C7127/24,0)+1,1))-1)+IF('Standard Profiles'!$G$21=$B$10,7,0)+IF('Standard Profiles'!$G$21=$B$17,14,0)+IF('Standard Profiles'!$G$21=$B$24,21,0),MOD($C7127,24)+1)/SUM(INDEX($D$3:$AA$30,INDEX(Jesper!$R$2:$R$366,ROW(INDEX(Jesper!AK$2:AK$366,ROUNDDOWN($C7127/24,0)+1,1))-1)+IF('Standard Profiles'!$G$21=$B$10,7,0)+IF('Standard Profiles'!$G$21=$B$17,14,0)+IF('Standard Profiles'!$G$21=$B$24,21,0),0)),0)</f>
        <v>2.9479283510222656</v>
      </c>
      <c r="H7127" cm="1">
        <f t="array" ref="H7127">IFERROR(INDEX(Jesper!AL$2:AL$366,ROUNDDOWN($C7127/24,0)+1,1)*INDEX($D$3:$AA$30,INDEX(Jesper!$R$2:$R$366,ROW(INDEX(Jesper!AL$2:AL$366,ROUNDDOWN($C7127/24,0)+1,1))-1)+IF('Standard Profiles'!$G$22=$B$10,7,0)+IF('Standard Profiles'!$G$22=$B$17,14,0)+IF('Standard Profiles'!$G$22=$B$24,21,0),MOD($C7127,24)+1)/SUM(INDEX($D$3:$AA$30,INDEX(Jesper!$R$2:$R$366,ROW(INDEX(Jesper!AL$2:AL$366,ROUNDDOWN($C7127/24,0)+1,1))-1)+IF('Standard Profiles'!$G$22=$B$10,7,0)+IF('Standard Profiles'!$G$22=$B$17,14,0)+IF('Standard Profiles'!$G$22=$B$24,21,0),0)),0)</f>
        <v>0</v>
      </c>
      <c r="I7127">
        <f t="shared" si="790"/>
        <v>1.4150056084906868</v>
      </c>
      <c r="J7127">
        <f t="shared" si="791"/>
        <v>35.474711553952858</v>
      </c>
      <c r="K7127">
        <f t="shared" si="792"/>
        <v>2.4670499849879364</v>
      </c>
      <c r="L7127">
        <f t="shared" si="793"/>
        <v>1.2335249924939682</v>
      </c>
      <c r="M7127">
        <f t="shared" si="794"/>
        <v>0</v>
      </c>
      <c r="N7127" s="45">
        <f t="shared" si="795"/>
        <v>45222.541666649464</v>
      </c>
    </row>
    <row r="7128" spans="2:14" x14ac:dyDescent="0.25">
      <c r="B7128">
        <f t="shared" si="789"/>
        <v>1</v>
      </c>
      <c r="C7128" s="16">
        <v>7094</v>
      </c>
      <c r="D7128" cm="1">
        <f t="array" ref="D7128">IFERROR(INDEX(Jesper!AH$2:AH$366,ROUNDDOWN($C7128/24,0)+1,1)*INDEX($D$3:$AA$30,INDEX(Jesper!$R$2:$R$366,ROW(INDEX(Jesper!AH$2:AH$366,ROUNDDOWN($C7128/24,0)+1,1))-1)+IF('Standard Profiles'!$G$18=$B$10,7,0)+IF('Standard Profiles'!$G$18=$B$17,14,0)+IF('Standard Profiles'!$G$18=$B$24,21,0),MOD($C7128,24)+1)/SUM(INDEX($D$3:$AA$30,INDEX(Jesper!$R$2:$R$366,ROW(INDEX(Jesper!AH$2:AH$366,ROUNDDOWN($C7128/24,0)+1,1))-1)+IF('Standard Profiles'!$G$18=$B$10,7,0)+IF('Standard Profiles'!$G$18=$B$17,14,0)+IF('Standard Profiles'!$G$18=$B$24,21,0),0)),0)</f>
        <v>34.692890413892847</v>
      </c>
      <c r="E7128" cm="1">
        <f t="array" ref="E7128">IFERROR(INDEX(Jesper!AI$2:AI$366,ROUNDDOWN($C7128/24,0)+1,1)*INDEX($D$3:$AA$30,INDEX(Jesper!$R$2:$R$366,ROW(INDEX(Jesper!AI$2:AI$366,ROUNDDOWN($C7128/24,0)+1,1))-1)+IF('Standard Profiles'!$G$19=$B$10,7,0)+IF('Standard Profiles'!$G$19=$B$17,14,0)+IF('Standard Profiles'!$G$19=$B$24,21,0),MOD($C7128,24)+1)/SUM(INDEX($D$3:$AA$30,INDEX(Jesper!$R$2:$R$366,ROW(INDEX(Jesper!AI$2:AI$366,ROUNDDOWN($C7128/24,0)+1,1))-1)+IF('Standard Profiles'!$G$19=$B$10,7,0)+IF('Standard Profiles'!$G$19=$B$17,14,0)+IF('Standard Profiles'!$G$19=$B$24,21,0),0)),0)</f>
        <v>21.770655269461916</v>
      </c>
      <c r="F7128" cm="1">
        <f t="array" ref="F7128">IFERROR(INDEX(Jesper!AJ$2:AJ$366,ROUNDDOWN($C7128/24,0)+1,1)*INDEX($D$3:$AA$30,INDEX(Jesper!$R$2:$R$366,ROW(INDEX(Jesper!AJ$2:AJ$366,ROUNDDOWN($C7128/24,0)+1,1))-1)+IF('Standard Profiles'!$G$20=$B$10,7,0)+IF('Standard Profiles'!$G$20=$B$17,14,0)+IF('Standard Profiles'!$G$20=$B$24,21,0),MOD($C7128,24)+1)/SUM(INDEX($D$3:$AA$30,INDEX(Jesper!$R$2:$R$366,ROW(INDEX(Jesper!AJ$2:AJ$366,ROUNDDOWN($C7128/24,0)+1,1))-1)+IF('Standard Profiles'!$G$20=$B$10,7,0)+IF('Standard Profiles'!$G$20=$B$17,14,0)+IF('Standard Profiles'!$G$20=$B$24,21,0),0)),0)</f>
        <v>0</v>
      </c>
      <c r="G7128" cm="1">
        <f t="array" ref="G7128">IFERROR(INDEX(Jesper!AK$2:AK$366,ROUNDDOWN($C7128/24,0)+1,1)*INDEX($D$3:$AA$30,INDEX(Jesper!$R$2:$R$366,ROW(INDEX(Jesper!AK$2:AK$366,ROUNDDOWN($C7128/24,0)+1,1))-1)+IF('Standard Profiles'!$G$21=$B$10,7,0)+IF('Standard Profiles'!$G$21=$B$17,14,0)+IF('Standard Profiles'!$G$21=$B$24,21,0),MOD($C7128,24)+1)/SUM(INDEX($D$3:$AA$30,INDEX(Jesper!$R$2:$R$366,ROW(INDEX(Jesper!AK$2:AK$366,ROUNDDOWN($C7128/24,0)+1,1))-1)+IF('Standard Profiles'!$G$21=$B$10,7,0)+IF('Standard Profiles'!$G$21=$B$17,14,0)+IF('Standard Profiles'!$G$21=$B$24,21,0),0)),0)</f>
        <v>4.4218925265333979</v>
      </c>
      <c r="H7128" cm="1">
        <f t="array" ref="H7128">IFERROR(INDEX(Jesper!AL$2:AL$366,ROUNDDOWN($C7128/24,0)+1,1)*INDEX($D$3:$AA$30,INDEX(Jesper!$R$2:$R$366,ROW(INDEX(Jesper!AL$2:AL$366,ROUNDDOWN($C7128/24,0)+1,1))-1)+IF('Standard Profiles'!$G$22=$B$10,7,0)+IF('Standard Profiles'!$G$22=$B$17,14,0)+IF('Standard Profiles'!$G$22=$B$24,21,0),MOD($C7128,24)+1)/SUM(INDEX($D$3:$AA$30,INDEX(Jesper!$R$2:$R$366,ROW(INDEX(Jesper!AL$2:AL$366,ROUNDDOWN($C7128/24,0)+1,1))-1)+IF('Standard Profiles'!$G$22=$B$10,7,0)+IF('Standard Profiles'!$G$22=$B$17,14,0)+IF('Standard Profiles'!$G$22=$B$24,21,0),0)),0)</f>
        <v>0</v>
      </c>
      <c r="I7128">
        <f t="shared" si="790"/>
        <v>2.1225084127360301</v>
      </c>
      <c r="J7128">
        <f t="shared" si="791"/>
        <v>53.212067330929273</v>
      </c>
      <c r="K7128">
        <f t="shared" si="792"/>
        <v>3.7005749774819039</v>
      </c>
      <c r="L7128">
        <f t="shared" si="793"/>
        <v>1.8502874887409519</v>
      </c>
      <c r="M7128">
        <f t="shared" si="794"/>
        <v>0</v>
      </c>
      <c r="N7128" s="45">
        <f t="shared" si="795"/>
        <v>45222.583333316128</v>
      </c>
    </row>
    <row r="7129" spans="2:14" x14ac:dyDescent="0.25">
      <c r="B7129">
        <f t="shared" si="789"/>
        <v>1</v>
      </c>
      <c r="C7129" s="16">
        <v>7095</v>
      </c>
      <c r="D7129" cm="1">
        <f t="array" ref="D7129">IFERROR(INDEX(Jesper!AH$2:AH$366,ROUNDDOWN($C7129/24,0)+1,1)*INDEX($D$3:$AA$30,INDEX(Jesper!$R$2:$R$366,ROW(INDEX(Jesper!AH$2:AH$366,ROUNDDOWN($C7129/24,0)+1,1))-1)+IF('Standard Profiles'!$G$18=$B$10,7,0)+IF('Standard Profiles'!$G$18=$B$17,14,0)+IF('Standard Profiles'!$G$18=$B$24,21,0),MOD($C7129,24)+1)/SUM(INDEX($D$3:$AA$30,INDEX(Jesper!$R$2:$R$366,ROW(INDEX(Jesper!AH$2:AH$366,ROUNDDOWN($C7129/24,0)+1,1))-1)+IF('Standard Profiles'!$G$18=$B$10,7,0)+IF('Standard Profiles'!$G$18=$B$17,14,0)+IF('Standard Profiles'!$G$18=$B$24,21,0),0)),0)</f>
        <v>34.692890413892847</v>
      </c>
      <c r="E7129" cm="1">
        <f t="array" ref="E7129">IFERROR(INDEX(Jesper!AI$2:AI$366,ROUNDDOWN($C7129/24,0)+1,1)*INDEX($D$3:$AA$30,INDEX(Jesper!$R$2:$R$366,ROW(INDEX(Jesper!AI$2:AI$366,ROUNDDOWN($C7129/24,0)+1,1))-1)+IF('Standard Profiles'!$G$19=$B$10,7,0)+IF('Standard Profiles'!$G$19=$B$17,14,0)+IF('Standard Profiles'!$G$19=$B$24,21,0),MOD($C7129,24)+1)/SUM(INDEX($D$3:$AA$30,INDEX(Jesper!$R$2:$R$366,ROW(INDEX(Jesper!AI$2:AI$366,ROUNDDOWN($C7129/24,0)+1,1))-1)+IF('Standard Profiles'!$G$19=$B$10,7,0)+IF('Standard Profiles'!$G$19=$B$17,14,0)+IF('Standard Profiles'!$G$19=$B$24,21,0),0)),0)</f>
        <v>21.770655269461916</v>
      </c>
      <c r="F7129" cm="1">
        <f t="array" ref="F7129">IFERROR(INDEX(Jesper!AJ$2:AJ$366,ROUNDDOWN($C7129/24,0)+1,1)*INDEX($D$3:$AA$30,INDEX(Jesper!$R$2:$R$366,ROW(INDEX(Jesper!AJ$2:AJ$366,ROUNDDOWN($C7129/24,0)+1,1))-1)+IF('Standard Profiles'!$G$20=$B$10,7,0)+IF('Standard Profiles'!$G$20=$B$17,14,0)+IF('Standard Profiles'!$G$20=$B$24,21,0),MOD($C7129,24)+1)/SUM(INDEX($D$3:$AA$30,INDEX(Jesper!$R$2:$R$366,ROW(INDEX(Jesper!AJ$2:AJ$366,ROUNDDOWN($C7129/24,0)+1,1))-1)+IF('Standard Profiles'!$G$20=$B$10,7,0)+IF('Standard Profiles'!$G$20=$B$17,14,0)+IF('Standard Profiles'!$G$20=$B$24,21,0),0)),0)</f>
        <v>0</v>
      </c>
      <c r="G7129" cm="1">
        <f t="array" ref="G7129">IFERROR(INDEX(Jesper!AK$2:AK$366,ROUNDDOWN($C7129/24,0)+1,1)*INDEX($D$3:$AA$30,INDEX(Jesper!$R$2:$R$366,ROW(INDEX(Jesper!AK$2:AK$366,ROUNDDOWN($C7129/24,0)+1,1))-1)+IF('Standard Profiles'!$G$21=$B$10,7,0)+IF('Standard Profiles'!$G$21=$B$17,14,0)+IF('Standard Profiles'!$G$21=$B$24,21,0),MOD($C7129,24)+1)/SUM(INDEX($D$3:$AA$30,INDEX(Jesper!$R$2:$R$366,ROW(INDEX(Jesper!AK$2:AK$366,ROUNDDOWN($C7129/24,0)+1,1))-1)+IF('Standard Profiles'!$G$21=$B$10,7,0)+IF('Standard Profiles'!$G$21=$B$17,14,0)+IF('Standard Profiles'!$G$21=$B$24,21,0),0)),0)</f>
        <v>4.4218925265333979</v>
      </c>
      <c r="H7129" cm="1">
        <f t="array" ref="H7129">IFERROR(INDEX(Jesper!AL$2:AL$366,ROUNDDOWN($C7129/24,0)+1,1)*INDEX($D$3:$AA$30,INDEX(Jesper!$R$2:$R$366,ROW(INDEX(Jesper!AL$2:AL$366,ROUNDDOWN($C7129/24,0)+1,1))-1)+IF('Standard Profiles'!$G$22=$B$10,7,0)+IF('Standard Profiles'!$G$22=$B$17,14,0)+IF('Standard Profiles'!$G$22=$B$24,21,0),MOD($C7129,24)+1)/SUM(INDEX($D$3:$AA$30,INDEX(Jesper!$R$2:$R$366,ROW(INDEX(Jesper!AL$2:AL$366,ROUNDDOWN($C7129/24,0)+1,1))-1)+IF('Standard Profiles'!$G$22=$B$10,7,0)+IF('Standard Profiles'!$G$22=$B$17,14,0)+IF('Standard Profiles'!$G$22=$B$24,21,0),0)),0)</f>
        <v>0</v>
      </c>
      <c r="I7129">
        <f t="shared" si="790"/>
        <v>2.1225084127360301</v>
      </c>
      <c r="J7129">
        <f t="shared" si="791"/>
        <v>53.212067330929273</v>
      </c>
      <c r="K7129">
        <f t="shared" si="792"/>
        <v>3.7005749774819039</v>
      </c>
      <c r="L7129">
        <f t="shared" si="793"/>
        <v>1.8502874887409519</v>
      </c>
      <c r="M7129">
        <f t="shared" si="794"/>
        <v>0</v>
      </c>
      <c r="N7129" s="45">
        <f t="shared" si="795"/>
        <v>45222.624999982792</v>
      </c>
    </row>
    <row r="7130" spans="2:14" x14ac:dyDescent="0.25">
      <c r="B7130">
        <f t="shared" si="789"/>
        <v>1</v>
      </c>
      <c r="C7130" s="16">
        <v>7096</v>
      </c>
      <c r="D7130" cm="1">
        <f t="array" ref="D7130">IFERROR(INDEX(Jesper!AH$2:AH$366,ROUNDDOWN($C7130/24,0)+1,1)*INDEX($D$3:$AA$30,INDEX(Jesper!$R$2:$R$366,ROW(INDEX(Jesper!AH$2:AH$366,ROUNDDOWN($C7130/24,0)+1,1))-1)+IF('Standard Profiles'!$G$18=$B$10,7,0)+IF('Standard Profiles'!$G$18=$B$17,14,0)+IF('Standard Profiles'!$G$18=$B$24,21,0),MOD($C7130,24)+1)/SUM(INDEX($D$3:$AA$30,INDEX(Jesper!$R$2:$R$366,ROW(INDEX(Jesper!AH$2:AH$366,ROUNDDOWN($C7130/24,0)+1,1))-1)+IF('Standard Profiles'!$G$18=$B$10,7,0)+IF('Standard Profiles'!$G$18=$B$17,14,0)+IF('Standard Profiles'!$G$18=$B$24,21,0),0)),0)</f>
        <v>20.237519408104163</v>
      </c>
      <c r="E7130" cm="1">
        <f t="array" ref="E7130">IFERROR(INDEX(Jesper!AI$2:AI$366,ROUNDDOWN($C7130/24,0)+1,1)*INDEX($D$3:$AA$30,INDEX(Jesper!$R$2:$R$366,ROW(INDEX(Jesper!AI$2:AI$366,ROUNDDOWN($C7130/24,0)+1,1))-1)+IF('Standard Profiles'!$G$19=$B$10,7,0)+IF('Standard Profiles'!$G$19=$B$17,14,0)+IF('Standard Profiles'!$G$19=$B$24,21,0),MOD($C7130,24)+1)/SUM(INDEX($D$3:$AA$30,INDEX(Jesper!$R$2:$R$366,ROW(INDEX(Jesper!AI$2:AI$366,ROUNDDOWN($C7130/24,0)+1,1))-1)+IF('Standard Profiles'!$G$19=$B$10,7,0)+IF('Standard Profiles'!$G$19=$B$17,14,0)+IF('Standard Profiles'!$G$19=$B$24,21,0),0)),0)</f>
        <v>12.69954890718612</v>
      </c>
      <c r="F7130" cm="1">
        <f t="array" ref="F7130">IFERROR(INDEX(Jesper!AJ$2:AJ$366,ROUNDDOWN($C7130/24,0)+1,1)*INDEX($D$3:$AA$30,INDEX(Jesper!$R$2:$R$366,ROW(INDEX(Jesper!AJ$2:AJ$366,ROUNDDOWN($C7130/24,0)+1,1))-1)+IF('Standard Profiles'!$G$20=$B$10,7,0)+IF('Standard Profiles'!$G$20=$B$17,14,0)+IF('Standard Profiles'!$G$20=$B$24,21,0),MOD($C7130,24)+1)/SUM(INDEX($D$3:$AA$30,INDEX(Jesper!$R$2:$R$366,ROW(INDEX(Jesper!AJ$2:AJ$366,ROUNDDOWN($C7130/24,0)+1,1))-1)+IF('Standard Profiles'!$G$20=$B$10,7,0)+IF('Standard Profiles'!$G$20=$B$17,14,0)+IF('Standard Profiles'!$G$20=$B$24,21,0),0)),0)</f>
        <v>0</v>
      </c>
      <c r="G7130" cm="1">
        <f t="array" ref="G7130">IFERROR(INDEX(Jesper!AK$2:AK$366,ROUNDDOWN($C7130/24,0)+1,1)*INDEX($D$3:$AA$30,INDEX(Jesper!$R$2:$R$366,ROW(INDEX(Jesper!AK$2:AK$366,ROUNDDOWN($C7130/24,0)+1,1))-1)+IF('Standard Profiles'!$G$21=$B$10,7,0)+IF('Standard Profiles'!$G$21=$B$17,14,0)+IF('Standard Profiles'!$G$21=$B$24,21,0),MOD($C7130,24)+1)/SUM(INDEX($D$3:$AA$30,INDEX(Jesper!$R$2:$R$366,ROW(INDEX(Jesper!AK$2:AK$366,ROUNDDOWN($C7130/24,0)+1,1))-1)+IF('Standard Profiles'!$G$21=$B$10,7,0)+IF('Standard Profiles'!$G$21=$B$17,14,0)+IF('Standard Profiles'!$G$21=$B$24,21,0),0)),0)</f>
        <v>3.6849104387778322</v>
      </c>
      <c r="H7130" cm="1">
        <f t="array" ref="H7130">IFERROR(INDEX(Jesper!AL$2:AL$366,ROUNDDOWN($C7130/24,0)+1,1)*INDEX($D$3:$AA$30,INDEX(Jesper!$R$2:$R$366,ROW(INDEX(Jesper!AL$2:AL$366,ROUNDDOWN($C7130/24,0)+1,1))-1)+IF('Standard Profiles'!$G$22=$B$10,7,0)+IF('Standard Profiles'!$G$22=$B$17,14,0)+IF('Standard Profiles'!$G$22=$B$24,21,0),MOD($C7130,24)+1)/SUM(INDEX($D$3:$AA$30,INDEX(Jesper!$R$2:$R$366,ROW(INDEX(Jesper!AL$2:AL$366,ROUNDDOWN($C7130/24,0)+1,1))-1)+IF('Standard Profiles'!$G$22=$B$10,7,0)+IF('Standard Profiles'!$G$22=$B$17,14,0)+IF('Standard Profiles'!$G$22=$B$24,21,0),0)),0)</f>
        <v>0</v>
      </c>
      <c r="I7130">
        <f t="shared" si="790"/>
        <v>1.7687570106133585</v>
      </c>
      <c r="J7130">
        <f t="shared" si="791"/>
        <v>31.61521863815809</v>
      </c>
      <c r="K7130">
        <f t="shared" si="792"/>
        <v>2.1586687368644442</v>
      </c>
      <c r="L7130">
        <f t="shared" si="793"/>
        <v>1.0793343684322221</v>
      </c>
      <c r="M7130">
        <f t="shared" si="794"/>
        <v>0</v>
      </c>
      <c r="N7130" s="45">
        <f t="shared" si="795"/>
        <v>45222.666666649457</v>
      </c>
    </row>
    <row r="7131" spans="2:14" x14ac:dyDescent="0.25">
      <c r="B7131">
        <f t="shared" si="789"/>
        <v>1</v>
      </c>
      <c r="C7131" s="16">
        <v>7097</v>
      </c>
      <c r="D7131" cm="1">
        <f t="array" ref="D7131">IFERROR(INDEX(Jesper!AH$2:AH$366,ROUNDDOWN($C7131/24,0)+1,1)*INDEX($D$3:$AA$30,INDEX(Jesper!$R$2:$R$366,ROW(INDEX(Jesper!AH$2:AH$366,ROUNDDOWN($C7131/24,0)+1,1))-1)+IF('Standard Profiles'!$G$18=$B$10,7,0)+IF('Standard Profiles'!$G$18=$B$17,14,0)+IF('Standard Profiles'!$G$18=$B$24,21,0),MOD($C7131,24)+1)/SUM(INDEX($D$3:$AA$30,INDEX(Jesper!$R$2:$R$366,ROW(INDEX(Jesper!AH$2:AH$366,ROUNDDOWN($C7131/24,0)+1,1))-1)+IF('Standard Profiles'!$G$18=$B$10,7,0)+IF('Standard Profiles'!$G$18=$B$17,14,0)+IF('Standard Profiles'!$G$18=$B$24,21,0),0)),0)</f>
        <v>5.7821484023154754</v>
      </c>
      <c r="E7131" cm="1">
        <f t="array" ref="E7131">IFERROR(INDEX(Jesper!AI$2:AI$366,ROUNDDOWN($C7131/24,0)+1,1)*INDEX($D$3:$AA$30,INDEX(Jesper!$R$2:$R$366,ROW(INDEX(Jesper!AI$2:AI$366,ROUNDDOWN($C7131/24,0)+1,1))-1)+IF('Standard Profiles'!$G$19=$B$10,7,0)+IF('Standard Profiles'!$G$19=$B$17,14,0)+IF('Standard Profiles'!$G$19=$B$24,21,0),MOD($C7131,24)+1)/SUM(INDEX($D$3:$AA$30,INDEX(Jesper!$R$2:$R$366,ROW(INDEX(Jesper!AI$2:AI$366,ROUNDDOWN($C7131/24,0)+1,1))-1)+IF('Standard Profiles'!$G$19=$B$10,7,0)+IF('Standard Profiles'!$G$19=$B$17,14,0)+IF('Standard Profiles'!$G$19=$B$24,21,0),0)),0)</f>
        <v>3.6284425449103201</v>
      </c>
      <c r="F7131" cm="1">
        <f t="array" ref="F7131">IFERROR(INDEX(Jesper!AJ$2:AJ$366,ROUNDDOWN($C7131/24,0)+1,1)*INDEX($D$3:$AA$30,INDEX(Jesper!$R$2:$R$366,ROW(INDEX(Jesper!AJ$2:AJ$366,ROUNDDOWN($C7131/24,0)+1,1))-1)+IF('Standard Profiles'!$G$20=$B$10,7,0)+IF('Standard Profiles'!$G$20=$B$17,14,0)+IF('Standard Profiles'!$G$20=$B$24,21,0),MOD($C7131,24)+1)/SUM(INDEX($D$3:$AA$30,INDEX(Jesper!$R$2:$R$366,ROW(INDEX(Jesper!AJ$2:AJ$366,ROUNDDOWN($C7131/24,0)+1,1))-1)+IF('Standard Profiles'!$G$20=$B$10,7,0)+IF('Standard Profiles'!$G$20=$B$17,14,0)+IF('Standard Profiles'!$G$20=$B$24,21,0),0)),0)</f>
        <v>0</v>
      </c>
      <c r="G7131" cm="1">
        <f t="array" ref="G7131">IFERROR(INDEX(Jesper!AK$2:AK$366,ROUNDDOWN($C7131/24,0)+1,1)*INDEX($D$3:$AA$30,INDEX(Jesper!$R$2:$R$366,ROW(INDEX(Jesper!AK$2:AK$366,ROUNDDOWN($C7131/24,0)+1,1))-1)+IF('Standard Profiles'!$G$21=$B$10,7,0)+IF('Standard Profiles'!$G$21=$B$17,14,0)+IF('Standard Profiles'!$G$21=$B$24,21,0),MOD($C7131,24)+1)/SUM(INDEX($D$3:$AA$30,INDEX(Jesper!$R$2:$R$366,ROW(INDEX(Jesper!AK$2:AK$366,ROUNDDOWN($C7131/24,0)+1,1))-1)+IF('Standard Profiles'!$G$21=$B$10,7,0)+IF('Standard Profiles'!$G$21=$B$17,14,0)+IF('Standard Profiles'!$G$21=$B$24,21,0),0)),0)</f>
        <v>2.964870467982164</v>
      </c>
      <c r="H7131" cm="1">
        <f t="array" ref="H7131">IFERROR(INDEX(Jesper!AL$2:AL$366,ROUNDDOWN($C7131/24,0)+1,1)*INDEX($D$3:$AA$30,INDEX(Jesper!$R$2:$R$366,ROW(INDEX(Jesper!AL$2:AL$366,ROUNDDOWN($C7131/24,0)+1,1))-1)+IF('Standard Profiles'!$G$22=$B$10,7,0)+IF('Standard Profiles'!$G$22=$B$17,14,0)+IF('Standard Profiles'!$G$22=$B$24,21,0),MOD($C7131,24)+1)/SUM(INDEX($D$3:$AA$30,INDEX(Jesper!$R$2:$R$366,ROW(INDEX(Jesper!AL$2:AL$366,ROUNDDOWN($C7131/24,0)+1,1))-1)+IF('Standard Profiles'!$G$22=$B$10,7,0)+IF('Standard Profiles'!$G$22=$B$17,14,0)+IF('Standard Profiles'!$G$22=$B$24,21,0),0)),0)</f>
        <v>0</v>
      </c>
      <c r="I7131">
        <f t="shared" si="790"/>
        <v>1.4231378246314381</v>
      </c>
      <c r="J7131">
        <f t="shared" si="791"/>
        <v>10.027179846206044</v>
      </c>
      <c r="K7131">
        <f t="shared" si="792"/>
        <v>0.61676249624698409</v>
      </c>
      <c r="L7131">
        <f t="shared" si="793"/>
        <v>0.30838124812349205</v>
      </c>
      <c r="M7131">
        <f t="shared" si="794"/>
        <v>0</v>
      </c>
      <c r="N7131" s="45">
        <f t="shared" si="795"/>
        <v>45222.708333316121</v>
      </c>
    </row>
    <row r="7132" spans="2:14" x14ac:dyDescent="0.25">
      <c r="B7132">
        <f t="shared" si="789"/>
        <v>1</v>
      </c>
      <c r="C7132" s="16">
        <v>7098</v>
      </c>
      <c r="D7132" cm="1">
        <f t="array" ref="D7132">IFERROR(INDEX(Jesper!AH$2:AH$366,ROUNDDOWN($C7132/24,0)+1,1)*INDEX($D$3:$AA$30,INDEX(Jesper!$R$2:$R$366,ROW(INDEX(Jesper!AH$2:AH$366,ROUNDDOWN($C7132/24,0)+1,1))-1)+IF('Standard Profiles'!$G$18=$B$10,7,0)+IF('Standard Profiles'!$G$18=$B$17,14,0)+IF('Standard Profiles'!$G$18=$B$24,21,0),MOD($C7132,24)+1)/SUM(INDEX($D$3:$AA$30,INDEX(Jesper!$R$2:$R$366,ROW(INDEX(Jesper!AH$2:AH$366,ROUNDDOWN($C7132/24,0)+1,1))-1)+IF('Standard Profiles'!$G$18=$B$10,7,0)+IF('Standard Profiles'!$G$18=$B$17,14,0)+IF('Standard Profiles'!$G$18=$B$24,21,0),0)),0)</f>
        <v>5.7007096924237075</v>
      </c>
      <c r="E7132" cm="1">
        <f t="array" ref="E7132">IFERROR(INDEX(Jesper!AI$2:AI$366,ROUNDDOWN($C7132/24,0)+1,1)*INDEX($D$3:$AA$30,INDEX(Jesper!$R$2:$R$366,ROW(INDEX(Jesper!AI$2:AI$366,ROUNDDOWN($C7132/24,0)+1,1))-1)+IF('Standard Profiles'!$G$19=$B$10,7,0)+IF('Standard Profiles'!$G$19=$B$17,14,0)+IF('Standard Profiles'!$G$19=$B$24,21,0),MOD($C7132,24)+1)/SUM(INDEX($D$3:$AA$30,INDEX(Jesper!$R$2:$R$366,ROW(INDEX(Jesper!AI$2:AI$366,ROUNDDOWN($C7132/24,0)+1,1))-1)+IF('Standard Profiles'!$G$19=$B$10,7,0)+IF('Standard Profiles'!$G$19=$B$17,14,0)+IF('Standard Profiles'!$G$19=$B$24,21,0),0)),0)</f>
        <v>3.5773377203341181</v>
      </c>
      <c r="F7132" cm="1">
        <f t="array" ref="F7132">IFERROR(INDEX(Jesper!AJ$2:AJ$366,ROUNDDOWN($C7132/24,0)+1,1)*INDEX($D$3:$AA$30,INDEX(Jesper!$R$2:$R$366,ROW(INDEX(Jesper!AJ$2:AJ$366,ROUNDDOWN($C7132/24,0)+1,1))-1)+IF('Standard Profiles'!$G$20=$B$10,7,0)+IF('Standard Profiles'!$G$20=$B$17,14,0)+IF('Standard Profiles'!$G$20=$B$24,21,0),MOD($C7132,24)+1)/SUM(INDEX($D$3:$AA$30,INDEX(Jesper!$R$2:$R$366,ROW(INDEX(Jesper!AJ$2:AJ$366,ROUNDDOWN($C7132/24,0)+1,1))-1)+IF('Standard Profiles'!$G$20=$B$10,7,0)+IF('Standard Profiles'!$G$20=$B$17,14,0)+IF('Standard Profiles'!$G$20=$B$24,21,0),0)),0)</f>
        <v>0</v>
      </c>
      <c r="G7132" cm="1">
        <f t="array" ref="G7132">IFERROR(INDEX(Jesper!AK$2:AK$366,ROUNDDOWN($C7132/24,0)+1,1)*INDEX($D$3:$AA$30,INDEX(Jesper!$R$2:$R$366,ROW(INDEX(Jesper!AK$2:AK$366,ROUNDDOWN($C7132/24,0)+1,1))-1)+IF('Standard Profiles'!$G$21=$B$10,7,0)+IF('Standard Profiles'!$G$21=$B$17,14,0)+IF('Standard Profiles'!$G$21=$B$24,21,0),MOD($C7132,24)+1)/SUM(INDEX($D$3:$AA$30,INDEX(Jesper!$R$2:$R$366,ROW(INDEX(Jesper!AK$2:AK$366,ROUNDDOWN($C7132/24,0)+1,1))-1)+IF('Standard Profiles'!$G$21=$B$10,7,0)+IF('Standard Profiles'!$G$21=$B$17,14,0)+IF('Standard Profiles'!$G$21=$B$24,21,0),0)),0)</f>
        <v>1.05888230999363</v>
      </c>
      <c r="H7132" cm="1">
        <f t="array" ref="H7132">IFERROR(INDEX(Jesper!AL$2:AL$366,ROUNDDOWN($C7132/24,0)+1,1)*INDEX($D$3:$AA$30,INDEX(Jesper!$R$2:$R$366,ROW(INDEX(Jesper!AL$2:AL$366,ROUNDDOWN($C7132/24,0)+1,1))-1)+IF('Standard Profiles'!$G$22=$B$10,7,0)+IF('Standard Profiles'!$G$22=$B$17,14,0)+IF('Standard Profiles'!$G$22=$B$24,21,0),MOD($C7132,24)+1)/SUM(INDEX($D$3:$AA$30,INDEX(Jesper!$R$2:$R$366,ROW(INDEX(Jesper!AL$2:AL$366,ROUNDDOWN($C7132/24,0)+1,1))-1)+IF('Standard Profiles'!$G$22=$B$10,7,0)+IF('Standard Profiles'!$G$22=$B$17,14,0)+IF('Standard Profiles'!$G$22=$B$24,21,0),0)),0)</f>
        <v>0</v>
      </c>
      <c r="I7132">
        <f t="shared" si="790"/>
        <v>0.50826350879694215</v>
      </c>
      <c r="J7132">
        <f t="shared" si="791"/>
        <v>8.9165526631667191</v>
      </c>
      <c r="K7132">
        <f t="shared" si="792"/>
        <v>0.60807570052519555</v>
      </c>
      <c r="L7132">
        <f t="shared" si="793"/>
        <v>0.30403785026259778</v>
      </c>
      <c r="M7132">
        <f t="shared" si="794"/>
        <v>0</v>
      </c>
      <c r="N7132" s="45">
        <f t="shared" si="795"/>
        <v>45222.749999982785</v>
      </c>
    </row>
    <row r="7133" spans="2:14" x14ac:dyDescent="0.25">
      <c r="B7133">
        <f t="shared" si="789"/>
        <v>1</v>
      </c>
      <c r="C7133" s="16">
        <v>7099</v>
      </c>
      <c r="D7133" cm="1">
        <f t="array" ref="D7133">IFERROR(INDEX(Jesper!AH$2:AH$366,ROUNDDOWN($C7133/24,0)+1,1)*INDEX($D$3:$AA$30,INDEX(Jesper!$R$2:$R$366,ROW(INDEX(Jesper!AH$2:AH$366,ROUNDDOWN($C7133/24,0)+1,1))-1)+IF('Standard Profiles'!$G$18=$B$10,7,0)+IF('Standard Profiles'!$G$18=$B$17,14,0)+IF('Standard Profiles'!$G$18=$B$24,21,0),MOD($C7133,24)+1)/SUM(INDEX($D$3:$AA$30,INDEX(Jesper!$R$2:$R$366,ROW(INDEX(Jesper!AH$2:AH$366,ROUNDDOWN($C7133/24,0)+1,1))-1)+IF('Standard Profiles'!$G$18=$B$10,7,0)+IF('Standard Profiles'!$G$18=$B$17,14,0)+IF('Standard Profiles'!$G$18=$B$24,21,0),0)),0)</f>
        <v>5.7007096924237075</v>
      </c>
      <c r="E7133" cm="1">
        <f t="array" ref="E7133">IFERROR(INDEX(Jesper!AI$2:AI$366,ROUNDDOWN($C7133/24,0)+1,1)*INDEX($D$3:$AA$30,INDEX(Jesper!$R$2:$R$366,ROW(INDEX(Jesper!AI$2:AI$366,ROUNDDOWN($C7133/24,0)+1,1))-1)+IF('Standard Profiles'!$G$19=$B$10,7,0)+IF('Standard Profiles'!$G$19=$B$17,14,0)+IF('Standard Profiles'!$G$19=$B$24,21,0),MOD($C7133,24)+1)/SUM(INDEX($D$3:$AA$30,INDEX(Jesper!$R$2:$R$366,ROW(INDEX(Jesper!AI$2:AI$366,ROUNDDOWN($C7133/24,0)+1,1))-1)+IF('Standard Profiles'!$G$19=$B$10,7,0)+IF('Standard Profiles'!$G$19=$B$17,14,0)+IF('Standard Profiles'!$G$19=$B$24,21,0),0)),0)</f>
        <v>3.5773377203341181</v>
      </c>
      <c r="F7133" cm="1">
        <f t="array" ref="F7133">IFERROR(INDEX(Jesper!AJ$2:AJ$366,ROUNDDOWN($C7133/24,0)+1,1)*INDEX($D$3:$AA$30,INDEX(Jesper!$R$2:$R$366,ROW(INDEX(Jesper!AJ$2:AJ$366,ROUNDDOWN($C7133/24,0)+1,1))-1)+IF('Standard Profiles'!$G$20=$B$10,7,0)+IF('Standard Profiles'!$G$20=$B$17,14,0)+IF('Standard Profiles'!$G$20=$B$24,21,0),MOD($C7133,24)+1)/SUM(INDEX($D$3:$AA$30,INDEX(Jesper!$R$2:$R$366,ROW(INDEX(Jesper!AJ$2:AJ$366,ROUNDDOWN($C7133/24,0)+1,1))-1)+IF('Standard Profiles'!$G$20=$B$10,7,0)+IF('Standard Profiles'!$G$20=$B$17,14,0)+IF('Standard Profiles'!$G$20=$B$24,21,0),0)),0)</f>
        <v>0</v>
      </c>
      <c r="G7133" cm="1">
        <f t="array" ref="G7133">IFERROR(INDEX(Jesper!AK$2:AK$366,ROUNDDOWN($C7133/24,0)+1,1)*INDEX($D$3:$AA$30,INDEX(Jesper!$R$2:$R$366,ROW(INDEX(Jesper!AK$2:AK$366,ROUNDDOWN($C7133/24,0)+1,1))-1)+IF('Standard Profiles'!$G$21=$B$10,7,0)+IF('Standard Profiles'!$G$21=$B$17,14,0)+IF('Standard Profiles'!$G$21=$B$24,21,0),MOD($C7133,24)+1)/SUM(INDEX($D$3:$AA$30,INDEX(Jesper!$R$2:$R$366,ROW(INDEX(Jesper!AK$2:AK$366,ROUNDDOWN($C7133/24,0)+1,1))-1)+IF('Standard Profiles'!$G$21=$B$10,7,0)+IF('Standard Profiles'!$G$21=$B$17,14,0)+IF('Standard Profiles'!$G$21=$B$24,21,0),0)),0)</f>
        <v>1.05888230999363</v>
      </c>
      <c r="H7133" cm="1">
        <f t="array" ref="H7133">IFERROR(INDEX(Jesper!AL$2:AL$366,ROUNDDOWN($C7133/24,0)+1,1)*INDEX($D$3:$AA$30,INDEX(Jesper!$R$2:$R$366,ROW(INDEX(Jesper!AL$2:AL$366,ROUNDDOWN($C7133/24,0)+1,1))-1)+IF('Standard Profiles'!$G$22=$B$10,7,0)+IF('Standard Profiles'!$G$22=$B$17,14,0)+IF('Standard Profiles'!$G$22=$B$24,21,0),MOD($C7133,24)+1)/SUM(INDEX($D$3:$AA$30,INDEX(Jesper!$R$2:$R$366,ROW(INDEX(Jesper!AL$2:AL$366,ROUNDDOWN($C7133/24,0)+1,1))-1)+IF('Standard Profiles'!$G$22=$B$10,7,0)+IF('Standard Profiles'!$G$22=$B$17,14,0)+IF('Standard Profiles'!$G$22=$B$24,21,0),0)),0)</f>
        <v>0</v>
      </c>
      <c r="I7133">
        <f t="shared" si="790"/>
        <v>0.50826350879694215</v>
      </c>
      <c r="J7133">
        <f t="shared" si="791"/>
        <v>8.9165526631667191</v>
      </c>
      <c r="K7133">
        <f t="shared" si="792"/>
        <v>0.60807570052519555</v>
      </c>
      <c r="L7133">
        <f t="shared" si="793"/>
        <v>0.30403785026259778</v>
      </c>
      <c r="M7133">
        <f t="shared" si="794"/>
        <v>0</v>
      </c>
      <c r="N7133" s="45">
        <f t="shared" si="795"/>
        <v>45222.791666649449</v>
      </c>
    </row>
    <row r="7134" spans="2:14" x14ac:dyDescent="0.25">
      <c r="B7134">
        <f t="shared" si="789"/>
        <v>1</v>
      </c>
      <c r="C7134" s="16">
        <v>7100</v>
      </c>
      <c r="D7134" cm="1">
        <f t="array" ref="D7134">IFERROR(INDEX(Jesper!AH$2:AH$366,ROUNDDOWN($C7134/24,0)+1,1)*INDEX($D$3:$AA$30,INDEX(Jesper!$R$2:$R$366,ROW(INDEX(Jesper!AH$2:AH$366,ROUNDDOWN($C7134/24,0)+1,1))-1)+IF('Standard Profiles'!$G$18=$B$10,7,0)+IF('Standard Profiles'!$G$18=$B$17,14,0)+IF('Standard Profiles'!$G$18=$B$24,21,0),MOD($C7134,24)+1)/SUM(INDEX($D$3:$AA$30,INDEX(Jesper!$R$2:$R$366,ROW(INDEX(Jesper!AH$2:AH$366,ROUNDDOWN($C7134/24,0)+1,1))-1)+IF('Standard Profiles'!$G$18=$B$10,7,0)+IF('Standard Profiles'!$G$18=$B$17,14,0)+IF('Standard Profiles'!$G$18=$B$24,21,0),0)),0)</f>
        <v>5.7007096924237075</v>
      </c>
      <c r="E7134" cm="1">
        <f t="array" ref="E7134">IFERROR(INDEX(Jesper!AI$2:AI$366,ROUNDDOWN($C7134/24,0)+1,1)*INDEX($D$3:$AA$30,INDEX(Jesper!$R$2:$R$366,ROW(INDEX(Jesper!AI$2:AI$366,ROUNDDOWN($C7134/24,0)+1,1))-1)+IF('Standard Profiles'!$G$19=$B$10,7,0)+IF('Standard Profiles'!$G$19=$B$17,14,0)+IF('Standard Profiles'!$G$19=$B$24,21,0),MOD($C7134,24)+1)/SUM(INDEX($D$3:$AA$30,INDEX(Jesper!$R$2:$R$366,ROW(INDEX(Jesper!AI$2:AI$366,ROUNDDOWN($C7134/24,0)+1,1))-1)+IF('Standard Profiles'!$G$19=$B$10,7,0)+IF('Standard Profiles'!$G$19=$B$17,14,0)+IF('Standard Profiles'!$G$19=$B$24,21,0),0)),0)</f>
        <v>3.5773377203341181</v>
      </c>
      <c r="F7134" cm="1">
        <f t="array" ref="F7134">IFERROR(INDEX(Jesper!AJ$2:AJ$366,ROUNDDOWN($C7134/24,0)+1,1)*INDEX($D$3:$AA$30,INDEX(Jesper!$R$2:$R$366,ROW(INDEX(Jesper!AJ$2:AJ$366,ROUNDDOWN($C7134/24,0)+1,1))-1)+IF('Standard Profiles'!$G$20=$B$10,7,0)+IF('Standard Profiles'!$G$20=$B$17,14,0)+IF('Standard Profiles'!$G$20=$B$24,21,0),MOD($C7134,24)+1)/SUM(INDEX($D$3:$AA$30,INDEX(Jesper!$R$2:$R$366,ROW(INDEX(Jesper!AJ$2:AJ$366,ROUNDDOWN($C7134/24,0)+1,1))-1)+IF('Standard Profiles'!$G$20=$B$10,7,0)+IF('Standard Profiles'!$G$20=$B$17,14,0)+IF('Standard Profiles'!$G$20=$B$24,21,0),0)),0)</f>
        <v>0</v>
      </c>
      <c r="G7134" cm="1">
        <f t="array" ref="G7134">IFERROR(INDEX(Jesper!AK$2:AK$366,ROUNDDOWN($C7134/24,0)+1,1)*INDEX($D$3:$AA$30,INDEX(Jesper!$R$2:$R$366,ROW(INDEX(Jesper!AK$2:AK$366,ROUNDDOWN($C7134/24,0)+1,1))-1)+IF('Standard Profiles'!$G$21=$B$10,7,0)+IF('Standard Profiles'!$G$21=$B$17,14,0)+IF('Standard Profiles'!$G$21=$B$24,21,0),MOD($C7134,24)+1)/SUM(INDEX($D$3:$AA$30,INDEX(Jesper!$R$2:$R$366,ROW(INDEX(Jesper!AK$2:AK$366,ROUNDDOWN($C7134/24,0)+1,1))-1)+IF('Standard Profiles'!$G$21=$B$10,7,0)+IF('Standard Profiles'!$G$21=$B$17,14,0)+IF('Standard Profiles'!$G$21=$B$24,21,0),0)),0)</f>
        <v>1.05888230999363</v>
      </c>
      <c r="H7134" cm="1">
        <f t="array" ref="H7134">IFERROR(INDEX(Jesper!AL$2:AL$366,ROUNDDOWN($C7134/24,0)+1,1)*INDEX($D$3:$AA$30,INDEX(Jesper!$R$2:$R$366,ROW(INDEX(Jesper!AL$2:AL$366,ROUNDDOWN($C7134/24,0)+1,1))-1)+IF('Standard Profiles'!$G$22=$B$10,7,0)+IF('Standard Profiles'!$G$22=$B$17,14,0)+IF('Standard Profiles'!$G$22=$B$24,21,0),MOD($C7134,24)+1)/SUM(INDEX($D$3:$AA$30,INDEX(Jesper!$R$2:$R$366,ROW(INDEX(Jesper!AL$2:AL$366,ROUNDDOWN($C7134/24,0)+1,1))-1)+IF('Standard Profiles'!$G$22=$B$10,7,0)+IF('Standard Profiles'!$G$22=$B$17,14,0)+IF('Standard Profiles'!$G$22=$B$24,21,0),0)),0)</f>
        <v>0</v>
      </c>
      <c r="I7134">
        <f t="shared" si="790"/>
        <v>0.50826350879694215</v>
      </c>
      <c r="J7134">
        <f t="shared" si="791"/>
        <v>8.9165526631667191</v>
      </c>
      <c r="K7134">
        <f t="shared" si="792"/>
        <v>0.60807570052519555</v>
      </c>
      <c r="L7134">
        <f t="shared" si="793"/>
        <v>0.30403785026259778</v>
      </c>
      <c r="M7134">
        <f t="shared" si="794"/>
        <v>0</v>
      </c>
      <c r="N7134" s="45">
        <f t="shared" si="795"/>
        <v>45222.833333316114</v>
      </c>
    </row>
    <row r="7135" spans="2:14" x14ac:dyDescent="0.25">
      <c r="B7135">
        <f t="shared" si="789"/>
        <v>1</v>
      </c>
      <c r="C7135" s="16">
        <v>7101</v>
      </c>
      <c r="D7135" cm="1">
        <f t="array" ref="D7135">IFERROR(INDEX(Jesper!AH$2:AH$366,ROUNDDOWN($C7135/24,0)+1,1)*INDEX($D$3:$AA$30,INDEX(Jesper!$R$2:$R$366,ROW(INDEX(Jesper!AH$2:AH$366,ROUNDDOWN($C7135/24,0)+1,1))-1)+IF('Standard Profiles'!$G$18=$B$10,7,0)+IF('Standard Profiles'!$G$18=$B$17,14,0)+IF('Standard Profiles'!$G$18=$B$24,21,0),MOD($C7135,24)+1)/SUM(INDEX($D$3:$AA$30,INDEX(Jesper!$R$2:$R$366,ROW(INDEX(Jesper!AH$2:AH$366,ROUNDDOWN($C7135/24,0)+1,1))-1)+IF('Standard Profiles'!$G$18=$B$10,7,0)+IF('Standard Profiles'!$G$18=$B$17,14,0)+IF('Standard Profiles'!$G$18=$B$24,21,0),0)),0)</f>
        <v>5.7007096924237075</v>
      </c>
      <c r="E7135" cm="1">
        <f t="array" ref="E7135">IFERROR(INDEX(Jesper!AI$2:AI$366,ROUNDDOWN($C7135/24,0)+1,1)*INDEX($D$3:$AA$30,INDEX(Jesper!$R$2:$R$366,ROW(INDEX(Jesper!AI$2:AI$366,ROUNDDOWN($C7135/24,0)+1,1))-1)+IF('Standard Profiles'!$G$19=$B$10,7,0)+IF('Standard Profiles'!$G$19=$B$17,14,0)+IF('Standard Profiles'!$G$19=$B$24,21,0),MOD($C7135,24)+1)/SUM(INDEX($D$3:$AA$30,INDEX(Jesper!$R$2:$R$366,ROW(INDEX(Jesper!AI$2:AI$366,ROUNDDOWN($C7135/24,0)+1,1))-1)+IF('Standard Profiles'!$G$19=$B$10,7,0)+IF('Standard Profiles'!$G$19=$B$17,14,0)+IF('Standard Profiles'!$G$19=$B$24,21,0),0)),0)</f>
        <v>3.5773377203341181</v>
      </c>
      <c r="F7135" cm="1">
        <f t="array" ref="F7135">IFERROR(INDEX(Jesper!AJ$2:AJ$366,ROUNDDOWN($C7135/24,0)+1,1)*INDEX($D$3:$AA$30,INDEX(Jesper!$R$2:$R$366,ROW(INDEX(Jesper!AJ$2:AJ$366,ROUNDDOWN($C7135/24,0)+1,1))-1)+IF('Standard Profiles'!$G$20=$B$10,7,0)+IF('Standard Profiles'!$G$20=$B$17,14,0)+IF('Standard Profiles'!$G$20=$B$24,21,0),MOD($C7135,24)+1)/SUM(INDEX($D$3:$AA$30,INDEX(Jesper!$R$2:$R$366,ROW(INDEX(Jesper!AJ$2:AJ$366,ROUNDDOWN($C7135/24,0)+1,1))-1)+IF('Standard Profiles'!$G$20=$B$10,7,0)+IF('Standard Profiles'!$G$20=$B$17,14,0)+IF('Standard Profiles'!$G$20=$B$24,21,0),0)),0)</f>
        <v>0</v>
      </c>
      <c r="G7135" cm="1">
        <f t="array" ref="G7135">IFERROR(INDEX(Jesper!AK$2:AK$366,ROUNDDOWN($C7135/24,0)+1,1)*INDEX($D$3:$AA$30,INDEX(Jesper!$R$2:$R$366,ROW(INDEX(Jesper!AK$2:AK$366,ROUNDDOWN($C7135/24,0)+1,1))-1)+IF('Standard Profiles'!$G$21=$B$10,7,0)+IF('Standard Profiles'!$G$21=$B$17,14,0)+IF('Standard Profiles'!$G$21=$B$24,21,0),MOD($C7135,24)+1)/SUM(INDEX($D$3:$AA$30,INDEX(Jesper!$R$2:$R$366,ROW(INDEX(Jesper!AK$2:AK$366,ROUNDDOWN($C7135/24,0)+1,1))-1)+IF('Standard Profiles'!$G$21=$B$10,7,0)+IF('Standard Profiles'!$G$21=$B$17,14,0)+IF('Standard Profiles'!$G$21=$B$24,21,0),0)),0)</f>
        <v>1.05888230999363</v>
      </c>
      <c r="H7135" cm="1">
        <f t="array" ref="H7135">IFERROR(INDEX(Jesper!AL$2:AL$366,ROUNDDOWN($C7135/24,0)+1,1)*INDEX($D$3:$AA$30,INDEX(Jesper!$R$2:$R$366,ROW(INDEX(Jesper!AL$2:AL$366,ROUNDDOWN($C7135/24,0)+1,1))-1)+IF('Standard Profiles'!$G$22=$B$10,7,0)+IF('Standard Profiles'!$G$22=$B$17,14,0)+IF('Standard Profiles'!$G$22=$B$24,21,0),MOD($C7135,24)+1)/SUM(INDEX($D$3:$AA$30,INDEX(Jesper!$R$2:$R$366,ROW(INDEX(Jesper!AL$2:AL$366,ROUNDDOWN($C7135/24,0)+1,1))-1)+IF('Standard Profiles'!$G$22=$B$10,7,0)+IF('Standard Profiles'!$G$22=$B$17,14,0)+IF('Standard Profiles'!$G$22=$B$24,21,0),0)),0)</f>
        <v>0</v>
      </c>
      <c r="I7135">
        <f t="shared" si="790"/>
        <v>0.50826350879694215</v>
      </c>
      <c r="J7135">
        <f t="shared" si="791"/>
        <v>8.9165526631667191</v>
      </c>
      <c r="K7135">
        <f t="shared" si="792"/>
        <v>0.60807570052519555</v>
      </c>
      <c r="L7135">
        <f t="shared" si="793"/>
        <v>0.30403785026259778</v>
      </c>
      <c r="M7135">
        <f t="shared" si="794"/>
        <v>0</v>
      </c>
      <c r="N7135" s="45">
        <f t="shared" si="795"/>
        <v>45222.874999982778</v>
      </c>
    </row>
    <row r="7136" spans="2:14" x14ac:dyDescent="0.25">
      <c r="B7136">
        <f t="shared" si="789"/>
        <v>1</v>
      </c>
      <c r="C7136" s="16">
        <v>7102</v>
      </c>
      <c r="D7136" cm="1">
        <f t="array" ref="D7136">IFERROR(INDEX(Jesper!AH$2:AH$366,ROUNDDOWN($C7136/24,0)+1,1)*INDEX($D$3:$AA$30,INDEX(Jesper!$R$2:$R$366,ROW(INDEX(Jesper!AH$2:AH$366,ROUNDDOWN($C7136/24,0)+1,1))-1)+IF('Standard Profiles'!$G$18=$B$10,7,0)+IF('Standard Profiles'!$G$18=$B$17,14,0)+IF('Standard Profiles'!$G$18=$B$24,21,0),MOD($C7136,24)+1)/SUM(INDEX($D$3:$AA$30,INDEX(Jesper!$R$2:$R$366,ROW(INDEX(Jesper!AH$2:AH$366,ROUNDDOWN($C7136/24,0)+1,1))-1)+IF('Standard Profiles'!$G$18=$B$10,7,0)+IF('Standard Profiles'!$G$18=$B$17,14,0)+IF('Standard Profiles'!$G$18=$B$24,21,0),0)),0)</f>
        <v>5.7007096924237075</v>
      </c>
      <c r="E7136" cm="1">
        <f t="array" ref="E7136">IFERROR(INDEX(Jesper!AI$2:AI$366,ROUNDDOWN($C7136/24,0)+1,1)*INDEX($D$3:$AA$30,INDEX(Jesper!$R$2:$R$366,ROW(INDEX(Jesper!AI$2:AI$366,ROUNDDOWN($C7136/24,0)+1,1))-1)+IF('Standard Profiles'!$G$19=$B$10,7,0)+IF('Standard Profiles'!$G$19=$B$17,14,0)+IF('Standard Profiles'!$G$19=$B$24,21,0),MOD($C7136,24)+1)/SUM(INDEX($D$3:$AA$30,INDEX(Jesper!$R$2:$R$366,ROW(INDEX(Jesper!AI$2:AI$366,ROUNDDOWN($C7136/24,0)+1,1))-1)+IF('Standard Profiles'!$G$19=$B$10,7,0)+IF('Standard Profiles'!$G$19=$B$17,14,0)+IF('Standard Profiles'!$G$19=$B$24,21,0),0)),0)</f>
        <v>3.5773377203341181</v>
      </c>
      <c r="F7136" cm="1">
        <f t="array" ref="F7136">IFERROR(INDEX(Jesper!AJ$2:AJ$366,ROUNDDOWN($C7136/24,0)+1,1)*INDEX($D$3:$AA$30,INDEX(Jesper!$R$2:$R$366,ROW(INDEX(Jesper!AJ$2:AJ$366,ROUNDDOWN($C7136/24,0)+1,1))-1)+IF('Standard Profiles'!$G$20=$B$10,7,0)+IF('Standard Profiles'!$G$20=$B$17,14,0)+IF('Standard Profiles'!$G$20=$B$24,21,0),MOD($C7136,24)+1)/SUM(INDEX($D$3:$AA$30,INDEX(Jesper!$R$2:$R$366,ROW(INDEX(Jesper!AJ$2:AJ$366,ROUNDDOWN($C7136/24,0)+1,1))-1)+IF('Standard Profiles'!$G$20=$B$10,7,0)+IF('Standard Profiles'!$G$20=$B$17,14,0)+IF('Standard Profiles'!$G$20=$B$24,21,0),0)),0)</f>
        <v>0</v>
      </c>
      <c r="G7136" cm="1">
        <f t="array" ref="G7136">IFERROR(INDEX(Jesper!AK$2:AK$366,ROUNDDOWN($C7136/24,0)+1,1)*INDEX($D$3:$AA$30,INDEX(Jesper!$R$2:$R$366,ROW(INDEX(Jesper!AK$2:AK$366,ROUNDDOWN($C7136/24,0)+1,1))-1)+IF('Standard Profiles'!$G$21=$B$10,7,0)+IF('Standard Profiles'!$G$21=$B$17,14,0)+IF('Standard Profiles'!$G$21=$B$24,21,0),MOD($C7136,24)+1)/SUM(INDEX($D$3:$AA$30,INDEX(Jesper!$R$2:$R$366,ROW(INDEX(Jesper!AK$2:AK$366,ROUNDDOWN($C7136/24,0)+1,1))-1)+IF('Standard Profiles'!$G$21=$B$10,7,0)+IF('Standard Profiles'!$G$21=$B$17,14,0)+IF('Standard Profiles'!$G$21=$B$24,21,0),0)),0)</f>
        <v>1.05888230999363</v>
      </c>
      <c r="H7136" cm="1">
        <f t="array" ref="H7136">IFERROR(INDEX(Jesper!AL$2:AL$366,ROUNDDOWN($C7136/24,0)+1,1)*INDEX($D$3:$AA$30,INDEX(Jesper!$R$2:$R$366,ROW(INDEX(Jesper!AL$2:AL$366,ROUNDDOWN($C7136/24,0)+1,1))-1)+IF('Standard Profiles'!$G$22=$B$10,7,0)+IF('Standard Profiles'!$G$22=$B$17,14,0)+IF('Standard Profiles'!$G$22=$B$24,21,0),MOD($C7136,24)+1)/SUM(INDEX($D$3:$AA$30,INDEX(Jesper!$R$2:$R$366,ROW(INDEX(Jesper!AL$2:AL$366,ROUNDDOWN($C7136/24,0)+1,1))-1)+IF('Standard Profiles'!$G$22=$B$10,7,0)+IF('Standard Profiles'!$G$22=$B$17,14,0)+IF('Standard Profiles'!$G$22=$B$24,21,0),0)),0)</f>
        <v>0</v>
      </c>
      <c r="I7136">
        <f t="shared" si="790"/>
        <v>0.50826350879694215</v>
      </c>
      <c r="J7136">
        <f t="shared" si="791"/>
        <v>8.9165526631667191</v>
      </c>
      <c r="K7136">
        <f t="shared" si="792"/>
        <v>0.60807570052519555</v>
      </c>
      <c r="L7136">
        <f t="shared" si="793"/>
        <v>0.30403785026259778</v>
      </c>
      <c r="M7136">
        <f t="shared" si="794"/>
        <v>0</v>
      </c>
      <c r="N7136" s="45">
        <f t="shared" si="795"/>
        <v>45222.916666649442</v>
      </c>
    </row>
    <row r="7137" spans="2:14" x14ac:dyDescent="0.25">
      <c r="B7137">
        <f t="shared" si="789"/>
        <v>1</v>
      </c>
      <c r="C7137" s="16">
        <v>7103</v>
      </c>
      <c r="D7137" cm="1">
        <f t="array" ref="D7137">IFERROR(INDEX(Jesper!AH$2:AH$366,ROUNDDOWN($C7137/24,0)+1,1)*INDEX($D$3:$AA$30,INDEX(Jesper!$R$2:$R$366,ROW(INDEX(Jesper!AH$2:AH$366,ROUNDDOWN($C7137/24,0)+1,1))-1)+IF('Standard Profiles'!$G$18=$B$10,7,0)+IF('Standard Profiles'!$G$18=$B$17,14,0)+IF('Standard Profiles'!$G$18=$B$24,21,0),MOD($C7137,24)+1)/SUM(INDEX($D$3:$AA$30,INDEX(Jesper!$R$2:$R$366,ROW(INDEX(Jesper!AH$2:AH$366,ROUNDDOWN($C7137/24,0)+1,1))-1)+IF('Standard Profiles'!$G$18=$B$10,7,0)+IF('Standard Profiles'!$G$18=$B$17,14,0)+IF('Standard Profiles'!$G$18=$B$24,21,0),0)),0)</f>
        <v>5.7007096924237075</v>
      </c>
      <c r="E7137" cm="1">
        <f t="array" ref="E7137">IFERROR(INDEX(Jesper!AI$2:AI$366,ROUNDDOWN($C7137/24,0)+1,1)*INDEX($D$3:$AA$30,INDEX(Jesper!$R$2:$R$366,ROW(INDEX(Jesper!AI$2:AI$366,ROUNDDOWN($C7137/24,0)+1,1))-1)+IF('Standard Profiles'!$G$19=$B$10,7,0)+IF('Standard Profiles'!$G$19=$B$17,14,0)+IF('Standard Profiles'!$G$19=$B$24,21,0),MOD($C7137,24)+1)/SUM(INDEX($D$3:$AA$30,INDEX(Jesper!$R$2:$R$366,ROW(INDEX(Jesper!AI$2:AI$366,ROUNDDOWN($C7137/24,0)+1,1))-1)+IF('Standard Profiles'!$G$19=$B$10,7,0)+IF('Standard Profiles'!$G$19=$B$17,14,0)+IF('Standard Profiles'!$G$19=$B$24,21,0),0)),0)</f>
        <v>3.5773377203341181</v>
      </c>
      <c r="F7137" cm="1">
        <f t="array" ref="F7137">IFERROR(INDEX(Jesper!AJ$2:AJ$366,ROUNDDOWN($C7137/24,0)+1,1)*INDEX($D$3:$AA$30,INDEX(Jesper!$R$2:$R$366,ROW(INDEX(Jesper!AJ$2:AJ$366,ROUNDDOWN($C7137/24,0)+1,1))-1)+IF('Standard Profiles'!$G$20=$B$10,7,0)+IF('Standard Profiles'!$G$20=$B$17,14,0)+IF('Standard Profiles'!$G$20=$B$24,21,0),MOD($C7137,24)+1)/SUM(INDEX($D$3:$AA$30,INDEX(Jesper!$R$2:$R$366,ROW(INDEX(Jesper!AJ$2:AJ$366,ROUNDDOWN($C7137/24,0)+1,1))-1)+IF('Standard Profiles'!$G$20=$B$10,7,0)+IF('Standard Profiles'!$G$20=$B$17,14,0)+IF('Standard Profiles'!$G$20=$B$24,21,0),0)),0)</f>
        <v>0</v>
      </c>
      <c r="G7137" cm="1">
        <f t="array" ref="G7137">IFERROR(INDEX(Jesper!AK$2:AK$366,ROUNDDOWN($C7137/24,0)+1,1)*INDEX($D$3:$AA$30,INDEX(Jesper!$R$2:$R$366,ROW(INDEX(Jesper!AK$2:AK$366,ROUNDDOWN($C7137/24,0)+1,1))-1)+IF('Standard Profiles'!$G$21=$B$10,7,0)+IF('Standard Profiles'!$G$21=$B$17,14,0)+IF('Standard Profiles'!$G$21=$B$24,21,0),MOD($C7137,24)+1)/SUM(INDEX($D$3:$AA$30,INDEX(Jesper!$R$2:$R$366,ROW(INDEX(Jesper!AK$2:AK$366,ROUNDDOWN($C7137/24,0)+1,1))-1)+IF('Standard Profiles'!$G$21=$B$10,7,0)+IF('Standard Profiles'!$G$21=$B$17,14,0)+IF('Standard Profiles'!$G$21=$B$24,21,0),0)),0)</f>
        <v>1.05888230999363</v>
      </c>
      <c r="H7137" cm="1">
        <f t="array" ref="H7137">IFERROR(INDEX(Jesper!AL$2:AL$366,ROUNDDOWN($C7137/24,0)+1,1)*INDEX($D$3:$AA$30,INDEX(Jesper!$R$2:$R$366,ROW(INDEX(Jesper!AL$2:AL$366,ROUNDDOWN($C7137/24,0)+1,1))-1)+IF('Standard Profiles'!$G$22=$B$10,7,0)+IF('Standard Profiles'!$G$22=$B$17,14,0)+IF('Standard Profiles'!$G$22=$B$24,21,0),MOD($C7137,24)+1)/SUM(INDEX($D$3:$AA$30,INDEX(Jesper!$R$2:$R$366,ROW(INDEX(Jesper!AL$2:AL$366,ROUNDDOWN($C7137/24,0)+1,1))-1)+IF('Standard Profiles'!$G$22=$B$10,7,0)+IF('Standard Profiles'!$G$22=$B$17,14,0)+IF('Standard Profiles'!$G$22=$B$24,21,0),0)),0)</f>
        <v>0</v>
      </c>
      <c r="I7137">
        <f t="shared" si="790"/>
        <v>0.50826350879694215</v>
      </c>
      <c r="J7137">
        <f t="shared" si="791"/>
        <v>8.9165526631667191</v>
      </c>
      <c r="K7137">
        <f t="shared" si="792"/>
        <v>0.60807570052519555</v>
      </c>
      <c r="L7137">
        <f t="shared" si="793"/>
        <v>0.30403785026259778</v>
      </c>
      <c r="M7137">
        <f t="shared" si="794"/>
        <v>0</v>
      </c>
      <c r="N7137" s="45">
        <f t="shared" si="795"/>
        <v>45222.958333316106</v>
      </c>
    </row>
    <row r="7138" spans="2:14" x14ac:dyDescent="0.25">
      <c r="B7138">
        <f t="shared" si="789"/>
        <v>2</v>
      </c>
      <c r="C7138" s="16">
        <v>7104</v>
      </c>
      <c r="D7138" cm="1">
        <f t="array" ref="D7138">IFERROR(INDEX(Jesper!AH$2:AH$366,ROUNDDOWN($C7138/24,0)+1,1)*INDEX($D$3:$AA$30,INDEX(Jesper!$R$2:$R$366,ROW(INDEX(Jesper!AH$2:AH$366,ROUNDDOWN($C7138/24,0)+1,1))-1)+IF('Standard Profiles'!$G$18=$B$10,7,0)+IF('Standard Profiles'!$G$18=$B$17,14,0)+IF('Standard Profiles'!$G$18=$B$24,21,0),MOD($C7138,24)+1)/SUM(INDEX($D$3:$AA$30,INDEX(Jesper!$R$2:$R$366,ROW(INDEX(Jesper!AH$2:AH$366,ROUNDDOWN($C7138/24,0)+1,1))-1)+IF('Standard Profiles'!$G$18=$B$10,7,0)+IF('Standard Profiles'!$G$18=$B$17,14,0)+IF('Standard Profiles'!$G$18=$B$24,21,0),0)),0)</f>
        <v>3.6525868282957514</v>
      </c>
      <c r="E7138" cm="1">
        <f t="array" ref="E7138">IFERROR(INDEX(Jesper!AI$2:AI$366,ROUNDDOWN($C7138/24,0)+1,1)*INDEX($D$3:$AA$30,INDEX(Jesper!$R$2:$R$366,ROW(INDEX(Jesper!AI$2:AI$366,ROUNDDOWN($C7138/24,0)+1,1))-1)+IF('Standard Profiles'!$G$19=$B$10,7,0)+IF('Standard Profiles'!$G$19=$B$17,14,0)+IF('Standard Profiles'!$G$19=$B$24,21,0),MOD($C7138,24)+1)/SUM(INDEX($D$3:$AA$30,INDEX(Jesper!$R$2:$R$366,ROW(INDEX(Jesper!AI$2:AI$366,ROUNDDOWN($C7138/24,0)+1,1))-1)+IF('Standard Profiles'!$G$19=$B$10,7,0)+IF('Standard Profiles'!$G$19=$B$17,14,0)+IF('Standard Profiles'!$G$19=$B$24,21,0),0)),0)</f>
        <v>2.4571056559636602</v>
      </c>
      <c r="F7138" cm="1">
        <f t="array" ref="F7138">IFERROR(INDEX(Jesper!AJ$2:AJ$366,ROUNDDOWN($C7138/24,0)+1,1)*INDEX($D$3:$AA$30,INDEX(Jesper!$R$2:$R$366,ROW(INDEX(Jesper!AJ$2:AJ$366,ROUNDDOWN($C7138/24,0)+1,1))-1)+IF('Standard Profiles'!$G$20=$B$10,7,0)+IF('Standard Profiles'!$G$20=$B$17,14,0)+IF('Standard Profiles'!$G$20=$B$24,21,0),MOD($C7138,24)+1)/SUM(INDEX($D$3:$AA$30,INDEX(Jesper!$R$2:$R$366,ROW(INDEX(Jesper!AJ$2:AJ$366,ROUNDDOWN($C7138/24,0)+1,1))-1)+IF('Standard Profiles'!$G$20=$B$10,7,0)+IF('Standard Profiles'!$G$20=$B$17,14,0)+IF('Standard Profiles'!$G$20=$B$24,21,0),0)),0)</f>
        <v>0</v>
      </c>
      <c r="G7138" cm="1">
        <f t="array" ref="G7138">IFERROR(INDEX(Jesper!AK$2:AK$366,ROUNDDOWN($C7138/24,0)+1,1)*INDEX($D$3:$AA$30,INDEX(Jesper!$R$2:$R$366,ROW(INDEX(Jesper!AK$2:AK$366,ROUNDDOWN($C7138/24,0)+1,1))-1)+IF('Standard Profiles'!$G$21=$B$10,7,0)+IF('Standard Profiles'!$G$21=$B$17,14,0)+IF('Standard Profiles'!$G$21=$B$24,21,0),MOD($C7138,24)+1)/SUM(INDEX($D$3:$AA$30,INDEX(Jesper!$R$2:$R$366,ROW(INDEX(Jesper!AK$2:AK$366,ROUNDDOWN($C7138/24,0)+1,1))-1)+IF('Standard Profiles'!$G$21=$B$10,7,0)+IF('Standard Profiles'!$G$21=$B$17,14,0)+IF('Standard Profiles'!$G$21=$B$24,21,0),0)),0)</f>
        <v>1.0774709905656845</v>
      </c>
      <c r="H7138" cm="1">
        <f t="array" ref="H7138">IFERROR(INDEX(Jesper!AL$2:AL$366,ROUNDDOWN($C7138/24,0)+1,1)*INDEX($D$3:$AA$30,INDEX(Jesper!$R$2:$R$366,ROW(INDEX(Jesper!AL$2:AL$366,ROUNDDOWN($C7138/24,0)+1,1))-1)+IF('Standard Profiles'!$G$22=$B$10,7,0)+IF('Standard Profiles'!$G$22=$B$17,14,0)+IF('Standard Profiles'!$G$22=$B$24,21,0),MOD($C7138,24)+1)/SUM(INDEX($D$3:$AA$30,INDEX(Jesper!$R$2:$R$366,ROW(INDEX(Jesper!AL$2:AL$366,ROUNDDOWN($C7138/24,0)+1,1))-1)+IF('Standard Profiles'!$G$22=$B$10,7,0)+IF('Standard Profiles'!$G$22=$B$17,14,0)+IF('Standard Profiles'!$G$22=$B$24,21,0),0)),0)</f>
        <v>0</v>
      </c>
      <c r="I7138">
        <f t="shared" si="790"/>
        <v>0.51718607547152828</v>
      </c>
      <c r="J7138">
        <f t="shared" si="791"/>
        <v>6.0855635068262472</v>
      </c>
      <c r="K7138">
        <f t="shared" si="792"/>
        <v>0.38960926168488019</v>
      </c>
      <c r="L7138">
        <f t="shared" si="793"/>
        <v>0.1948046308424401</v>
      </c>
      <c r="M7138">
        <f t="shared" si="794"/>
        <v>0</v>
      </c>
      <c r="N7138" s="45">
        <f t="shared" si="795"/>
        <v>45222.999999982771</v>
      </c>
    </row>
    <row r="7139" spans="2:14" x14ac:dyDescent="0.25">
      <c r="B7139">
        <f t="shared" ref="B7139:B7202" si="796">WEEKDAY(N7139,2)</f>
        <v>2</v>
      </c>
      <c r="C7139" s="16">
        <v>7105</v>
      </c>
      <c r="D7139" cm="1">
        <f t="array" ref="D7139">IFERROR(INDEX(Jesper!AH$2:AH$366,ROUNDDOWN($C7139/24,0)+1,1)*INDEX($D$3:$AA$30,INDEX(Jesper!$R$2:$R$366,ROW(INDEX(Jesper!AH$2:AH$366,ROUNDDOWN($C7139/24,0)+1,1))-1)+IF('Standard Profiles'!$G$18=$B$10,7,0)+IF('Standard Profiles'!$G$18=$B$17,14,0)+IF('Standard Profiles'!$G$18=$B$24,21,0),MOD($C7139,24)+1)/SUM(INDEX($D$3:$AA$30,INDEX(Jesper!$R$2:$R$366,ROW(INDEX(Jesper!AH$2:AH$366,ROUNDDOWN($C7139/24,0)+1,1))-1)+IF('Standard Profiles'!$G$18=$B$10,7,0)+IF('Standard Profiles'!$G$18=$B$17,14,0)+IF('Standard Profiles'!$G$18=$B$24,21,0),0)),0)</f>
        <v>5.5658465954982885</v>
      </c>
      <c r="E7139" cm="1">
        <f t="array" ref="E7139">IFERROR(INDEX(Jesper!AI$2:AI$366,ROUNDDOWN($C7139/24,0)+1,1)*INDEX($D$3:$AA$30,INDEX(Jesper!$R$2:$R$366,ROW(INDEX(Jesper!AI$2:AI$366,ROUNDDOWN($C7139/24,0)+1,1))-1)+IF('Standard Profiles'!$G$19=$B$10,7,0)+IF('Standard Profiles'!$G$19=$B$17,14,0)+IF('Standard Profiles'!$G$19=$B$24,21,0),MOD($C7139,24)+1)/SUM(INDEX($D$3:$AA$30,INDEX(Jesper!$R$2:$R$366,ROW(INDEX(Jesper!AI$2:AI$366,ROUNDDOWN($C7139/24,0)+1,1))-1)+IF('Standard Profiles'!$G$19=$B$10,7,0)+IF('Standard Profiles'!$G$19=$B$17,14,0)+IF('Standard Profiles'!$G$19=$B$24,21,0),0)),0)</f>
        <v>3.7441609995636727</v>
      </c>
      <c r="F7139" cm="1">
        <f t="array" ref="F7139">IFERROR(INDEX(Jesper!AJ$2:AJ$366,ROUNDDOWN($C7139/24,0)+1,1)*INDEX($D$3:$AA$30,INDEX(Jesper!$R$2:$R$366,ROW(INDEX(Jesper!AJ$2:AJ$366,ROUNDDOWN($C7139/24,0)+1,1))-1)+IF('Standard Profiles'!$G$20=$B$10,7,0)+IF('Standard Profiles'!$G$20=$B$17,14,0)+IF('Standard Profiles'!$G$20=$B$24,21,0),MOD($C7139,24)+1)/SUM(INDEX($D$3:$AA$30,INDEX(Jesper!$R$2:$R$366,ROW(INDEX(Jesper!AJ$2:AJ$366,ROUNDDOWN($C7139/24,0)+1,1))-1)+IF('Standard Profiles'!$G$20=$B$10,7,0)+IF('Standard Profiles'!$G$20=$B$17,14,0)+IF('Standard Profiles'!$G$20=$B$24,21,0),0)),0)</f>
        <v>0</v>
      </c>
      <c r="G7139" cm="1">
        <f t="array" ref="G7139">IFERROR(INDEX(Jesper!AK$2:AK$366,ROUNDDOWN($C7139/24,0)+1,1)*INDEX($D$3:$AA$30,INDEX(Jesper!$R$2:$R$366,ROW(INDEX(Jesper!AK$2:AK$366,ROUNDDOWN($C7139/24,0)+1,1))-1)+IF('Standard Profiles'!$G$21=$B$10,7,0)+IF('Standard Profiles'!$G$21=$B$17,14,0)+IF('Standard Profiles'!$G$21=$B$24,21,0),MOD($C7139,24)+1)/SUM(INDEX($D$3:$AA$30,INDEX(Jesper!$R$2:$R$366,ROW(INDEX(Jesper!AK$2:AK$366,ROUNDDOWN($C7139/24,0)+1,1))-1)+IF('Standard Profiles'!$G$21=$B$10,7,0)+IF('Standard Profiles'!$G$21=$B$17,14,0)+IF('Standard Profiles'!$G$21=$B$24,21,0),0)),0)</f>
        <v>1.0774709905656845</v>
      </c>
      <c r="H7139" cm="1">
        <f t="array" ref="H7139">IFERROR(INDEX(Jesper!AL$2:AL$366,ROUNDDOWN($C7139/24,0)+1,1)*INDEX($D$3:$AA$30,INDEX(Jesper!$R$2:$R$366,ROW(INDEX(Jesper!AL$2:AL$366,ROUNDDOWN($C7139/24,0)+1,1))-1)+IF('Standard Profiles'!$G$22=$B$10,7,0)+IF('Standard Profiles'!$G$22=$B$17,14,0)+IF('Standard Profiles'!$G$22=$B$24,21,0),MOD($C7139,24)+1)/SUM(INDEX($D$3:$AA$30,INDEX(Jesper!$R$2:$R$366,ROW(INDEX(Jesper!AL$2:AL$366,ROUNDDOWN($C7139/24,0)+1,1))-1)+IF('Standard Profiles'!$G$22=$B$10,7,0)+IF('Standard Profiles'!$G$22=$B$17,14,0)+IF('Standard Profiles'!$G$22=$B$24,21,0),0)),0)</f>
        <v>0</v>
      </c>
      <c r="I7139">
        <f t="shared" ref="I7139:I7202" si="797">IF($B7139&lt;6,AC$37*$D7139+AC$38*$E7139+AC$39*$F7139+AC$40*$G7139,AC$46*$D7139+AC$47*$E7139+AC$48*$F7139+AC$49*$G7139+AC$50*$H7139)</f>
        <v>0.51718607547152828</v>
      </c>
      <c r="J7139">
        <f t="shared" ref="J7139:J7202" si="798">IF($B7139&lt;6,AD$37*$D7139+AD$38*$E7139+AD$39*$F7139+AD$40*$G7139,AD$46*$D7139+AD$47*$E7139+AD$48*$F7139+AD$49*$G7139+AD$50*$H7139)</f>
        <v>8.9797570548763908</v>
      </c>
      <c r="K7139">
        <f t="shared" ref="K7139:K7202" si="799">IF($B7139&lt;6,AE$37*$D7139+AE$38*$E7139+AE$39*$F7139+AE$40*$G7139,AE$46*$D7139+AE$47*$E7139+AE$48*$F7139+AE$49*$G7139+AE$50*$H7139)</f>
        <v>0.59369030351981744</v>
      </c>
      <c r="L7139">
        <f t="shared" ref="L7139:L7202" si="800">IF($B7139&lt;6,AF$37*$D7139+AF$38*$E7139+AF$39*$F7139+AF$40*$G7139,AF$46*$D7139+AF$47*$E7139+AF$48*$F7139+AF$49*$G7139+AF$50*$H7139)</f>
        <v>0.29684515175990872</v>
      </c>
      <c r="M7139">
        <f t="shared" ref="M7139:M7202" si="801">IF($B7139&lt;6,AG$37*$D7139+AG$38*$E7139+AG$39*$F7139+AG$40*$G7139,AG$46*$D7139+AG$47*$E7139+AG$48*$F7139+AG$49*$G7139+AG$50*$H7139)</f>
        <v>0</v>
      </c>
      <c r="N7139" s="45">
        <f t="shared" si="795"/>
        <v>45223.041666649435</v>
      </c>
    </row>
    <row r="7140" spans="2:14" x14ac:dyDescent="0.25">
      <c r="B7140">
        <f t="shared" si="796"/>
        <v>2</v>
      </c>
      <c r="C7140" s="16">
        <v>7106</v>
      </c>
      <c r="D7140" cm="1">
        <f t="array" ref="D7140">IFERROR(INDEX(Jesper!AH$2:AH$366,ROUNDDOWN($C7140/24,0)+1,1)*INDEX($D$3:$AA$30,INDEX(Jesper!$R$2:$R$366,ROW(INDEX(Jesper!AH$2:AH$366,ROUNDDOWN($C7140/24,0)+1,1))-1)+IF('Standard Profiles'!$G$18=$B$10,7,0)+IF('Standard Profiles'!$G$18=$B$17,14,0)+IF('Standard Profiles'!$G$18=$B$24,21,0),MOD($C7140,24)+1)/SUM(INDEX($D$3:$AA$30,INDEX(Jesper!$R$2:$R$366,ROW(INDEX(Jesper!AH$2:AH$366,ROUNDDOWN($C7140/24,0)+1,1))-1)+IF('Standard Profiles'!$G$18=$B$10,7,0)+IF('Standard Profiles'!$G$18=$B$17,14,0)+IF('Standard Profiles'!$G$18=$B$24,21,0),0)),0)</f>
        <v>5.5658465954982885</v>
      </c>
      <c r="E7140" cm="1">
        <f t="array" ref="E7140">IFERROR(INDEX(Jesper!AI$2:AI$366,ROUNDDOWN($C7140/24,0)+1,1)*INDEX($D$3:$AA$30,INDEX(Jesper!$R$2:$R$366,ROW(INDEX(Jesper!AI$2:AI$366,ROUNDDOWN($C7140/24,0)+1,1))-1)+IF('Standard Profiles'!$G$19=$B$10,7,0)+IF('Standard Profiles'!$G$19=$B$17,14,0)+IF('Standard Profiles'!$G$19=$B$24,21,0),MOD($C7140,24)+1)/SUM(INDEX($D$3:$AA$30,INDEX(Jesper!$R$2:$R$366,ROW(INDEX(Jesper!AI$2:AI$366,ROUNDDOWN($C7140/24,0)+1,1))-1)+IF('Standard Profiles'!$G$19=$B$10,7,0)+IF('Standard Profiles'!$G$19=$B$17,14,0)+IF('Standard Profiles'!$G$19=$B$24,21,0),0)),0)</f>
        <v>3.7441609995636727</v>
      </c>
      <c r="F7140" cm="1">
        <f t="array" ref="F7140">IFERROR(INDEX(Jesper!AJ$2:AJ$366,ROUNDDOWN($C7140/24,0)+1,1)*INDEX($D$3:$AA$30,INDEX(Jesper!$R$2:$R$366,ROW(INDEX(Jesper!AJ$2:AJ$366,ROUNDDOWN($C7140/24,0)+1,1))-1)+IF('Standard Profiles'!$G$20=$B$10,7,0)+IF('Standard Profiles'!$G$20=$B$17,14,0)+IF('Standard Profiles'!$G$20=$B$24,21,0),MOD($C7140,24)+1)/SUM(INDEX($D$3:$AA$30,INDEX(Jesper!$R$2:$R$366,ROW(INDEX(Jesper!AJ$2:AJ$366,ROUNDDOWN($C7140/24,0)+1,1))-1)+IF('Standard Profiles'!$G$20=$B$10,7,0)+IF('Standard Profiles'!$G$20=$B$17,14,0)+IF('Standard Profiles'!$G$20=$B$24,21,0),0)),0)</f>
        <v>0</v>
      </c>
      <c r="G7140" cm="1">
        <f t="array" ref="G7140">IFERROR(INDEX(Jesper!AK$2:AK$366,ROUNDDOWN($C7140/24,0)+1,1)*INDEX($D$3:$AA$30,INDEX(Jesper!$R$2:$R$366,ROW(INDEX(Jesper!AK$2:AK$366,ROUNDDOWN($C7140/24,0)+1,1))-1)+IF('Standard Profiles'!$G$21=$B$10,7,0)+IF('Standard Profiles'!$G$21=$B$17,14,0)+IF('Standard Profiles'!$G$21=$B$24,21,0),MOD($C7140,24)+1)/SUM(INDEX($D$3:$AA$30,INDEX(Jesper!$R$2:$R$366,ROW(INDEX(Jesper!AK$2:AK$366,ROUNDDOWN($C7140/24,0)+1,1))-1)+IF('Standard Profiles'!$G$21=$B$10,7,0)+IF('Standard Profiles'!$G$21=$B$17,14,0)+IF('Standard Profiles'!$G$21=$B$24,21,0),0)),0)</f>
        <v>1.0774709905656845</v>
      </c>
      <c r="H7140" cm="1">
        <f t="array" ref="H7140">IFERROR(INDEX(Jesper!AL$2:AL$366,ROUNDDOWN($C7140/24,0)+1,1)*INDEX($D$3:$AA$30,INDEX(Jesper!$R$2:$R$366,ROW(INDEX(Jesper!AL$2:AL$366,ROUNDDOWN($C7140/24,0)+1,1))-1)+IF('Standard Profiles'!$G$22=$B$10,7,0)+IF('Standard Profiles'!$G$22=$B$17,14,0)+IF('Standard Profiles'!$G$22=$B$24,21,0),MOD($C7140,24)+1)/SUM(INDEX($D$3:$AA$30,INDEX(Jesper!$R$2:$R$366,ROW(INDEX(Jesper!AL$2:AL$366,ROUNDDOWN($C7140/24,0)+1,1))-1)+IF('Standard Profiles'!$G$22=$B$10,7,0)+IF('Standard Profiles'!$G$22=$B$17,14,0)+IF('Standard Profiles'!$G$22=$B$24,21,0),0)),0)</f>
        <v>0</v>
      </c>
      <c r="I7140">
        <f t="shared" si="797"/>
        <v>0.51718607547152828</v>
      </c>
      <c r="J7140">
        <f t="shared" si="798"/>
        <v>8.9797570548763908</v>
      </c>
      <c r="K7140">
        <f t="shared" si="799"/>
        <v>0.59369030351981744</v>
      </c>
      <c r="L7140">
        <f t="shared" si="800"/>
        <v>0.29684515175990872</v>
      </c>
      <c r="M7140">
        <f t="shared" si="801"/>
        <v>0</v>
      </c>
      <c r="N7140" s="45">
        <f t="shared" ref="N7140:N7203" si="802">N7139+1/24</f>
        <v>45223.083333316099</v>
      </c>
    </row>
    <row r="7141" spans="2:14" x14ac:dyDescent="0.25">
      <c r="B7141">
        <f t="shared" si="796"/>
        <v>2</v>
      </c>
      <c r="C7141" s="16">
        <v>7107</v>
      </c>
      <c r="D7141" cm="1">
        <f t="array" ref="D7141">IFERROR(INDEX(Jesper!AH$2:AH$366,ROUNDDOWN($C7141/24,0)+1,1)*INDEX($D$3:$AA$30,INDEX(Jesper!$R$2:$R$366,ROW(INDEX(Jesper!AH$2:AH$366,ROUNDDOWN($C7141/24,0)+1,1))-1)+IF('Standard Profiles'!$G$18=$B$10,7,0)+IF('Standard Profiles'!$G$18=$B$17,14,0)+IF('Standard Profiles'!$G$18=$B$24,21,0),MOD($C7141,24)+1)/SUM(INDEX($D$3:$AA$30,INDEX(Jesper!$R$2:$R$366,ROW(INDEX(Jesper!AH$2:AH$366,ROUNDDOWN($C7141/24,0)+1,1))-1)+IF('Standard Profiles'!$G$18=$B$10,7,0)+IF('Standard Profiles'!$G$18=$B$17,14,0)+IF('Standard Profiles'!$G$18=$B$24,21,0),0)),0)</f>
        <v>5.5658465954982885</v>
      </c>
      <c r="E7141" cm="1">
        <f t="array" ref="E7141">IFERROR(INDEX(Jesper!AI$2:AI$366,ROUNDDOWN($C7141/24,0)+1,1)*INDEX($D$3:$AA$30,INDEX(Jesper!$R$2:$R$366,ROW(INDEX(Jesper!AI$2:AI$366,ROUNDDOWN($C7141/24,0)+1,1))-1)+IF('Standard Profiles'!$G$19=$B$10,7,0)+IF('Standard Profiles'!$G$19=$B$17,14,0)+IF('Standard Profiles'!$G$19=$B$24,21,0),MOD($C7141,24)+1)/SUM(INDEX($D$3:$AA$30,INDEX(Jesper!$R$2:$R$366,ROW(INDEX(Jesper!AI$2:AI$366,ROUNDDOWN($C7141/24,0)+1,1))-1)+IF('Standard Profiles'!$G$19=$B$10,7,0)+IF('Standard Profiles'!$G$19=$B$17,14,0)+IF('Standard Profiles'!$G$19=$B$24,21,0),0)),0)</f>
        <v>3.7441609995636727</v>
      </c>
      <c r="F7141" cm="1">
        <f t="array" ref="F7141">IFERROR(INDEX(Jesper!AJ$2:AJ$366,ROUNDDOWN($C7141/24,0)+1,1)*INDEX($D$3:$AA$30,INDEX(Jesper!$R$2:$R$366,ROW(INDEX(Jesper!AJ$2:AJ$366,ROUNDDOWN($C7141/24,0)+1,1))-1)+IF('Standard Profiles'!$G$20=$B$10,7,0)+IF('Standard Profiles'!$G$20=$B$17,14,0)+IF('Standard Profiles'!$G$20=$B$24,21,0),MOD($C7141,24)+1)/SUM(INDEX($D$3:$AA$30,INDEX(Jesper!$R$2:$R$366,ROW(INDEX(Jesper!AJ$2:AJ$366,ROUNDDOWN($C7141/24,0)+1,1))-1)+IF('Standard Profiles'!$G$20=$B$10,7,0)+IF('Standard Profiles'!$G$20=$B$17,14,0)+IF('Standard Profiles'!$G$20=$B$24,21,0),0)),0)</f>
        <v>0</v>
      </c>
      <c r="G7141" cm="1">
        <f t="array" ref="G7141">IFERROR(INDEX(Jesper!AK$2:AK$366,ROUNDDOWN($C7141/24,0)+1,1)*INDEX($D$3:$AA$30,INDEX(Jesper!$R$2:$R$366,ROW(INDEX(Jesper!AK$2:AK$366,ROUNDDOWN($C7141/24,0)+1,1))-1)+IF('Standard Profiles'!$G$21=$B$10,7,0)+IF('Standard Profiles'!$G$21=$B$17,14,0)+IF('Standard Profiles'!$G$21=$B$24,21,0),MOD($C7141,24)+1)/SUM(INDEX($D$3:$AA$30,INDEX(Jesper!$R$2:$R$366,ROW(INDEX(Jesper!AK$2:AK$366,ROUNDDOWN($C7141/24,0)+1,1))-1)+IF('Standard Profiles'!$G$21=$B$10,7,0)+IF('Standard Profiles'!$G$21=$B$17,14,0)+IF('Standard Profiles'!$G$21=$B$24,21,0),0)),0)</f>
        <v>1.0774709905656845</v>
      </c>
      <c r="H7141" cm="1">
        <f t="array" ref="H7141">IFERROR(INDEX(Jesper!AL$2:AL$366,ROUNDDOWN($C7141/24,0)+1,1)*INDEX($D$3:$AA$30,INDEX(Jesper!$R$2:$R$366,ROW(INDEX(Jesper!AL$2:AL$366,ROUNDDOWN($C7141/24,0)+1,1))-1)+IF('Standard Profiles'!$G$22=$B$10,7,0)+IF('Standard Profiles'!$G$22=$B$17,14,0)+IF('Standard Profiles'!$G$22=$B$24,21,0),MOD($C7141,24)+1)/SUM(INDEX($D$3:$AA$30,INDEX(Jesper!$R$2:$R$366,ROW(INDEX(Jesper!AL$2:AL$366,ROUNDDOWN($C7141/24,0)+1,1))-1)+IF('Standard Profiles'!$G$22=$B$10,7,0)+IF('Standard Profiles'!$G$22=$B$17,14,0)+IF('Standard Profiles'!$G$22=$B$24,21,0),0)),0)</f>
        <v>0</v>
      </c>
      <c r="I7141">
        <f t="shared" si="797"/>
        <v>0.51718607547152828</v>
      </c>
      <c r="J7141">
        <f t="shared" si="798"/>
        <v>8.9797570548763908</v>
      </c>
      <c r="K7141">
        <f t="shared" si="799"/>
        <v>0.59369030351981744</v>
      </c>
      <c r="L7141">
        <f t="shared" si="800"/>
        <v>0.29684515175990872</v>
      </c>
      <c r="M7141">
        <f t="shared" si="801"/>
        <v>0</v>
      </c>
      <c r="N7141" s="45">
        <f t="shared" si="802"/>
        <v>45223.124999982763</v>
      </c>
    </row>
    <row r="7142" spans="2:14" x14ac:dyDescent="0.25">
      <c r="B7142">
        <f t="shared" si="796"/>
        <v>2</v>
      </c>
      <c r="C7142" s="16">
        <v>7108</v>
      </c>
      <c r="D7142" cm="1">
        <f t="array" ref="D7142">IFERROR(INDEX(Jesper!AH$2:AH$366,ROUNDDOWN($C7142/24,0)+1,1)*INDEX($D$3:$AA$30,INDEX(Jesper!$R$2:$R$366,ROW(INDEX(Jesper!AH$2:AH$366,ROUNDDOWN($C7142/24,0)+1,1))-1)+IF('Standard Profiles'!$G$18=$B$10,7,0)+IF('Standard Profiles'!$G$18=$B$17,14,0)+IF('Standard Profiles'!$G$18=$B$24,21,0),MOD($C7142,24)+1)/SUM(INDEX($D$3:$AA$30,INDEX(Jesper!$R$2:$R$366,ROW(INDEX(Jesper!AH$2:AH$366,ROUNDDOWN($C7142/24,0)+1,1))-1)+IF('Standard Profiles'!$G$18=$B$10,7,0)+IF('Standard Profiles'!$G$18=$B$17,14,0)+IF('Standard Profiles'!$G$18=$B$24,21,0),0)),0)</f>
        <v>5.5658465954982885</v>
      </c>
      <c r="E7142" cm="1">
        <f t="array" ref="E7142">IFERROR(INDEX(Jesper!AI$2:AI$366,ROUNDDOWN($C7142/24,0)+1,1)*INDEX($D$3:$AA$30,INDEX(Jesper!$R$2:$R$366,ROW(INDEX(Jesper!AI$2:AI$366,ROUNDDOWN($C7142/24,0)+1,1))-1)+IF('Standard Profiles'!$G$19=$B$10,7,0)+IF('Standard Profiles'!$G$19=$B$17,14,0)+IF('Standard Profiles'!$G$19=$B$24,21,0),MOD($C7142,24)+1)/SUM(INDEX($D$3:$AA$30,INDEX(Jesper!$R$2:$R$366,ROW(INDEX(Jesper!AI$2:AI$366,ROUNDDOWN($C7142/24,0)+1,1))-1)+IF('Standard Profiles'!$G$19=$B$10,7,0)+IF('Standard Profiles'!$G$19=$B$17,14,0)+IF('Standard Profiles'!$G$19=$B$24,21,0),0)),0)</f>
        <v>3.7441609995636727</v>
      </c>
      <c r="F7142" cm="1">
        <f t="array" ref="F7142">IFERROR(INDEX(Jesper!AJ$2:AJ$366,ROUNDDOWN($C7142/24,0)+1,1)*INDEX($D$3:$AA$30,INDEX(Jesper!$R$2:$R$366,ROW(INDEX(Jesper!AJ$2:AJ$366,ROUNDDOWN($C7142/24,0)+1,1))-1)+IF('Standard Profiles'!$G$20=$B$10,7,0)+IF('Standard Profiles'!$G$20=$B$17,14,0)+IF('Standard Profiles'!$G$20=$B$24,21,0),MOD($C7142,24)+1)/SUM(INDEX($D$3:$AA$30,INDEX(Jesper!$R$2:$R$366,ROW(INDEX(Jesper!AJ$2:AJ$366,ROUNDDOWN($C7142/24,0)+1,1))-1)+IF('Standard Profiles'!$G$20=$B$10,7,0)+IF('Standard Profiles'!$G$20=$B$17,14,0)+IF('Standard Profiles'!$G$20=$B$24,21,0),0)),0)</f>
        <v>0</v>
      </c>
      <c r="G7142" cm="1">
        <f t="array" ref="G7142">IFERROR(INDEX(Jesper!AK$2:AK$366,ROUNDDOWN($C7142/24,0)+1,1)*INDEX($D$3:$AA$30,INDEX(Jesper!$R$2:$R$366,ROW(INDEX(Jesper!AK$2:AK$366,ROUNDDOWN($C7142/24,0)+1,1))-1)+IF('Standard Profiles'!$G$21=$B$10,7,0)+IF('Standard Profiles'!$G$21=$B$17,14,0)+IF('Standard Profiles'!$G$21=$B$24,21,0),MOD($C7142,24)+1)/SUM(INDEX($D$3:$AA$30,INDEX(Jesper!$R$2:$R$366,ROW(INDEX(Jesper!AK$2:AK$366,ROUNDDOWN($C7142/24,0)+1,1))-1)+IF('Standard Profiles'!$G$21=$B$10,7,0)+IF('Standard Profiles'!$G$21=$B$17,14,0)+IF('Standard Profiles'!$G$21=$B$24,21,0),0)),0)</f>
        <v>1.0774709905656845</v>
      </c>
      <c r="H7142" cm="1">
        <f t="array" ref="H7142">IFERROR(INDEX(Jesper!AL$2:AL$366,ROUNDDOWN($C7142/24,0)+1,1)*INDEX($D$3:$AA$30,INDEX(Jesper!$R$2:$R$366,ROW(INDEX(Jesper!AL$2:AL$366,ROUNDDOWN($C7142/24,0)+1,1))-1)+IF('Standard Profiles'!$G$22=$B$10,7,0)+IF('Standard Profiles'!$G$22=$B$17,14,0)+IF('Standard Profiles'!$G$22=$B$24,21,0),MOD($C7142,24)+1)/SUM(INDEX($D$3:$AA$30,INDEX(Jesper!$R$2:$R$366,ROW(INDEX(Jesper!AL$2:AL$366,ROUNDDOWN($C7142/24,0)+1,1))-1)+IF('Standard Profiles'!$G$22=$B$10,7,0)+IF('Standard Profiles'!$G$22=$B$17,14,0)+IF('Standard Profiles'!$G$22=$B$24,21,0),0)),0)</f>
        <v>0</v>
      </c>
      <c r="I7142">
        <f t="shared" si="797"/>
        <v>0.51718607547152828</v>
      </c>
      <c r="J7142">
        <f t="shared" si="798"/>
        <v>8.9797570548763908</v>
      </c>
      <c r="K7142">
        <f t="shared" si="799"/>
        <v>0.59369030351981744</v>
      </c>
      <c r="L7142">
        <f t="shared" si="800"/>
        <v>0.29684515175990872</v>
      </c>
      <c r="M7142">
        <f t="shared" si="801"/>
        <v>0</v>
      </c>
      <c r="N7142" s="45">
        <f t="shared" si="802"/>
        <v>45223.166666649427</v>
      </c>
    </row>
    <row r="7143" spans="2:14" x14ac:dyDescent="0.25">
      <c r="B7143">
        <f t="shared" si="796"/>
        <v>2</v>
      </c>
      <c r="C7143" s="16">
        <v>7109</v>
      </c>
      <c r="D7143" cm="1">
        <f t="array" ref="D7143">IFERROR(INDEX(Jesper!AH$2:AH$366,ROUNDDOWN($C7143/24,0)+1,1)*INDEX($D$3:$AA$30,INDEX(Jesper!$R$2:$R$366,ROW(INDEX(Jesper!AH$2:AH$366,ROUNDDOWN($C7143/24,0)+1,1))-1)+IF('Standard Profiles'!$G$18=$B$10,7,0)+IF('Standard Profiles'!$G$18=$B$17,14,0)+IF('Standard Profiles'!$G$18=$B$24,21,0),MOD($C7143,24)+1)/SUM(INDEX($D$3:$AA$30,INDEX(Jesper!$R$2:$R$366,ROW(INDEX(Jesper!AH$2:AH$366,ROUNDDOWN($C7143/24,0)+1,1))-1)+IF('Standard Profiles'!$G$18=$B$10,7,0)+IF('Standard Profiles'!$G$18=$B$17,14,0)+IF('Standard Profiles'!$G$18=$B$24,21,0),0)),0)</f>
        <v>5.5658465954982885</v>
      </c>
      <c r="E7143" cm="1">
        <f t="array" ref="E7143">IFERROR(INDEX(Jesper!AI$2:AI$366,ROUNDDOWN($C7143/24,0)+1,1)*INDEX($D$3:$AA$30,INDEX(Jesper!$R$2:$R$366,ROW(INDEX(Jesper!AI$2:AI$366,ROUNDDOWN($C7143/24,0)+1,1))-1)+IF('Standard Profiles'!$G$19=$B$10,7,0)+IF('Standard Profiles'!$G$19=$B$17,14,0)+IF('Standard Profiles'!$G$19=$B$24,21,0),MOD($C7143,24)+1)/SUM(INDEX($D$3:$AA$30,INDEX(Jesper!$R$2:$R$366,ROW(INDEX(Jesper!AI$2:AI$366,ROUNDDOWN($C7143/24,0)+1,1))-1)+IF('Standard Profiles'!$G$19=$B$10,7,0)+IF('Standard Profiles'!$G$19=$B$17,14,0)+IF('Standard Profiles'!$G$19=$B$24,21,0),0)),0)</f>
        <v>3.7441609995636727</v>
      </c>
      <c r="F7143" cm="1">
        <f t="array" ref="F7143">IFERROR(INDEX(Jesper!AJ$2:AJ$366,ROUNDDOWN($C7143/24,0)+1,1)*INDEX($D$3:$AA$30,INDEX(Jesper!$R$2:$R$366,ROW(INDEX(Jesper!AJ$2:AJ$366,ROUNDDOWN($C7143/24,0)+1,1))-1)+IF('Standard Profiles'!$G$20=$B$10,7,0)+IF('Standard Profiles'!$G$20=$B$17,14,0)+IF('Standard Profiles'!$G$20=$B$24,21,0),MOD($C7143,24)+1)/SUM(INDEX($D$3:$AA$30,INDEX(Jesper!$R$2:$R$366,ROW(INDEX(Jesper!AJ$2:AJ$366,ROUNDDOWN($C7143/24,0)+1,1))-1)+IF('Standard Profiles'!$G$20=$B$10,7,0)+IF('Standard Profiles'!$G$20=$B$17,14,0)+IF('Standard Profiles'!$G$20=$B$24,21,0),0)),0)</f>
        <v>0</v>
      </c>
      <c r="G7143" cm="1">
        <f t="array" ref="G7143">IFERROR(INDEX(Jesper!AK$2:AK$366,ROUNDDOWN($C7143/24,0)+1,1)*INDEX($D$3:$AA$30,INDEX(Jesper!$R$2:$R$366,ROW(INDEX(Jesper!AK$2:AK$366,ROUNDDOWN($C7143/24,0)+1,1))-1)+IF('Standard Profiles'!$G$21=$B$10,7,0)+IF('Standard Profiles'!$G$21=$B$17,14,0)+IF('Standard Profiles'!$G$21=$B$24,21,0),MOD($C7143,24)+1)/SUM(INDEX($D$3:$AA$30,INDEX(Jesper!$R$2:$R$366,ROW(INDEX(Jesper!AK$2:AK$366,ROUNDDOWN($C7143/24,0)+1,1))-1)+IF('Standard Profiles'!$G$21=$B$10,7,0)+IF('Standard Profiles'!$G$21=$B$17,14,0)+IF('Standard Profiles'!$G$21=$B$24,21,0),0)),0)</f>
        <v>1.0774709905656845</v>
      </c>
      <c r="H7143" cm="1">
        <f t="array" ref="H7143">IFERROR(INDEX(Jesper!AL$2:AL$366,ROUNDDOWN($C7143/24,0)+1,1)*INDEX($D$3:$AA$30,INDEX(Jesper!$R$2:$R$366,ROW(INDEX(Jesper!AL$2:AL$366,ROUNDDOWN($C7143/24,0)+1,1))-1)+IF('Standard Profiles'!$G$22=$B$10,7,0)+IF('Standard Profiles'!$G$22=$B$17,14,0)+IF('Standard Profiles'!$G$22=$B$24,21,0),MOD($C7143,24)+1)/SUM(INDEX($D$3:$AA$30,INDEX(Jesper!$R$2:$R$366,ROW(INDEX(Jesper!AL$2:AL$366,ROUNDDOWN($C7143/24,0)+1,1))-1)+IF('Standard Profiles'!$G$22=$B$10,7,0)+IF('Standard Profiles'!$G$22=$B$17,14,0)+IF('Standard Profiles'!$G$22=$B$24,21,0),0)),0)</f>
        <v>0</v>
      </c>
      <c r="I7143">
        <f t="shared" si="797"/>
        <v>0.51718607547152828</v>
      </c>
      <c r="J7143">
        <f t="shared" si="798"/>
        <v>8.9797570548763908</v>
      </c>
      <c r="K7143">
        <f t="shared" si="799"/>
        <v>0.59369030351981744</v>
      </c>
      <c r="L7143">
        <f t="shared" si="800"/>
        <v>0.29684515175990872</v>
      </c>
      <c r="M7143">
        <f t="shared" si="801"/>
        <v>0</v>
      </c>
      <c r="N7143" s="45">
        <f t="shared" si="802"/>
        <v>45223.208333316092</v>
      </c>
    </row>
    <row r="7144" spans="2:14" x14ac:dyDescent="0.25">
      <c r="B7144">
        <f t="shared" si="796"/>
        <v>2</v>
      </c>
      <c r="C7144" s="16">
        <v>7110</v>
      </c>
      <c r="D7144" cm="1">
        <f t="array" ref="D7144">IFERROR(INDEX(Jesper!AH$2:AH$366,ROUNDDOWN($C7144/24,0)+1,1)*INDEX($D$3:$AA$30,INDEX(Jesper!$R$2:$R$366,ROW(INDEX(Jesper!AH$2:AH$366,ROUNDDOWN($C7144/24,0)+1,1))-1)+IF('Standard Profiles'!$G$18=$B$10,7,0)+IF('Standard Profiles'!$G$18=$B$17,14,0)+IF('Standard Profiles'!$G$18=$B$24,21,0),MOD($C7144,24)+1)/SUM(INDEX($D$3:$AA$30,INDEX(Jesper!$R$2:$R$366,ROW(INDEX(Jesper!AH$2:AH$366,ROUNDDOWN($C7144/24,0)+1,1))-1)+IF('Standard Profiles'!$G$18=$B$10,7,0)+IF('Standard Profiles'!$G$18=$B$17,14,0)+IF('Standard Profiles'!$G$18=$B$24,21,0),0)),0)</f>
        <v>5.5658465954982885</v>
      </c>
      <c r="E7144" cm="1">
        <f t="array" ref="E7144">IFERROR(INDEX(Jesper!AI$2:AI$366,ROUNDDOWN($C7144/24,0)+1,1)*INDEX($D$3:$AA$30,INDEX(Jesper!$R$2:$R$366,ROW(INDEX(Jesper!AI$2:AI$366,ROUNDDOWN($C7144/24,0)+1,1))-1)+IF('Standard Profiles'!$G$19=$B$10,7,0)+IF('Standard Profiles'!$G$19=$B$17,14,0)+IF('Standard Profiles'!$G$19=$B$24,21,0),MOD($C7144,24)+1)/SUM(INDEX($D$3:$AA$30,INDEX(Jesper!$R$2:$R$366,ROW(INDEX(Jesper!AI$2:AI$366,ROUNDDOWN($C7144/24,0)+1,1))-1)+IF('Standard Profiles'!$G$19=$B$10,7,0)+IF('Standard Profiles'!$G$19=$B$17,14,0)+IF('Standard Profiles'!$G$19=$B$24,21,0),0)),0)</f>
        <v>3.7441609995636727</v>
      </c>
      <c r="F7144" cm="1">
        <f t="array" ref="F7144">IFERROR(INDEX(Jesper!AJ$2:AJ$366,ROUNDDOWN($C7144/24,0)+1,1)*INDEX($D$3:$AA$30,INDEX(Jesper!$R$2:$R$366,ROW(INDEX(Jesper!AJ$2:AJ$366,ROUNDDOWN($C7144/24,0)+1,1))-1)+IF('Standard Profiles'!$G$20=$B$10,7,0)+IF('Standard Profiles'!$G$20=$B$17,14,0)+IF('Standard Profiles'!$G$20=$B$24,21,0),MOD($C7144,24)+1)/SUM(INDEX($D$3:$AA$30,INDEX(Jesper!$R$2:$R$366,ROW(INDEX(Jesper!AJ$2:AJ$366,ROUNDDOWN($C7144/24,0)+1,1))-1)+IF('Standard Profiles'!$G$20=$B$10,7,0)+IF('Standard Profiles'!$G$20=$B$17,14,0)+IF('Standard Profiles'!$G$20=$B$24,21,0),0)),0)</f>
        <v>0</v>
      </c>
      <c r="G7144" cm="1">
        <f t="array" ref="G7144">IFERROR(INDEX(Jesper!AK$2:AK$366,ROUNDDOWN($C7144/24,0)+1,1)*INDEX($D$3:$AA$30,INDEX(Jesper!$R$2:$R$366,ROW(INDEX(Jesper!AK$2:AK$366,ROUNDDOWN($C7144/24,0)+1,1))-1)+IF('Standard Profiles'!$G$21=$B$10,7,0)+IF('Standard Profiles'!$G$21=$B$17,14,0)+IF('Standard Profiles'!$G$21=$B$24,21,0),MOD($C7144,24)+1)/SUM(INDEX($D$3:$AA$30,INDEX(Jesper!$R$2:$R$366,ROW(INDEX(Jesper!AK$2:AK$366,ROUNDDOWN($C7144/24,0)+1,1))-1)+IF('Standard Profiles'!$G$21=$B$10,7,0)+IF('Standard Profiles'!$G$21=$B$17,14,0)+IF('Standard Profiles'!$G$21=$B$24,21,0),0)),0)</f>
        <v>1.0774709905656845</v>
      </c>
      <c r="H7144" cm="1">
        <f t="array" ref="H7144">IFERROR(INDEX(Jesper!AL$2:AL$366,ROUNDDOWN($C7144/24,0)+1,1)*INDEX($D$3:$AA$30,INDEX(Jesper!$R$2:$R$366,ROW(INDEX(Jesper!AL$2:AL$366,ROUNDDOWN($C7144/24,0)+1,1))-1)+IF('Standard Profiles'!$G$22=$B$10,7,0)+IF('Standard Profiles'!$G$22=$B$17,14,0)+IF('Standard Profiles'!$G$22=$B$24,21,0),MOD($C7144,24)+1)/SUM(INDEX($D$3:$AA$30,INDEX(Jesper!$R$2:$R$366,ROW(INDEX(Jesper!AL$2:AL$366,ROUNDDOWN($C7144/24,0)+1,1))-1)+IF('Standard Profiles'!$G$22=$B$10,7,0)+IF('Standard Profiles'!$G$22=$B$17,14,0)+IF('Standard Profiles'!$G$22=$B$24,21,0),0)),0)</f>
        <v>0</v>
      </c>
      <c r="I7144">
        <f t="shared" si="797"/>
        <v>0.51718607547152828</v>
      </c>
      <c r="J7144">
        <f t="shared" si="798"/>
        <v>8.9797570548763908</v>
      </c>
      <c r="K7144">
        <f t="shared" si="799"/>
        <v>0.59369030351981744</v>
      </c>
      <c r="L7144">
        <f t="shared" si="800"/>
        <v>0.29684515175990872</v>
      </c>
      <c r="M7144">
        <f t="shared" si="801"/>
        <v>0</v>
      </c>
      <c r="N7144" s="45">
        <f t="shared" si="802"/>
        <v>45223.249999982756</v>
      </c>
    </row>
    <row r="7145" spans="2:14" x14ac:dyDescent="0.25">
      <c r="B7145">
        <f t="shared" si="796"/>
        <v>2</v>
      </c>
      <c r="C7145" s="16">
        <v>7111</v>
      </c>
      <c r="D7145" cm="1">
        <f t="array" ref="D7145">IFERROR(INDEX(Jesper!AH$2:AH$366,ROUNDDOWN($C7145/24,0)+1,1)*INDEX($D$3:$AA$30,INDEX(Jesper!$R$2:$R$366,ROW(INDEX(Jesper!AH$2:AH$366,ROUNDDOWN($C7145/24,0)+1,1))-1)+IF('Standard Profiles'!$G$18=$B$10,7,0)+IF('Standard Profiles'!$G$18=$B$17,14,0)+IF('Standard Profiles'!$G$18=$B$24,21,0),MOD($C7145,24)+1)/SUM(INDEX($D$3:$AA$30,INDEX(Jesper!$R$2:$R$366,ROW(INDEX(Jesper!AH$2:AH$366,ROUNDDOWN($C7145/24,0)+1,1))-1)+IF('Standard Profiles'!$G$18=$B$10,7,0)+IF('Standard Profiles'!$G$18=$B$17,14,0)+IF('Standard Profiles'!$G$18=$B$24,21,0),0)),0)</f>
        <v>23.463522054147472</v>
      </c>
      <c r="E7145" cm="1">
        <f t="array" ref="E7145">IFERROR(INDEX(Jesper!AI$2:AI$366,ROUNDDOWN($C7145/24,0)+1,1)*INDEX($D$3:$AA$30,INDEX(Jesper!$R$2:$R$366,ROW(INDEX(Jesper!AI$2:AI$366,ROUNDDOWN($C7145/24,0)+1,1))-1)+IF('Standard Profiles'!$G$19=$B$10,7,0)+IF('Standard Profiles'!$G$19=$B$17,14,0)+IF('Standard Profiles'!$G$19=$B$24,21,0),MOD($C7145,24)+1)/SUM(INDEX($D$3:$AA$30,INDEX(Jesper!$R$2:$R$366,ROW(INDEX(Jesper!AI$2:AI$366,ROUNDDOWN($C7145/24,0)+1,1))-1)+IF('Standard Profiles'!$G$19=$B$10,7,0)+IF('Standard Profiles'!$G$19=$B$17,14,0)+IF('Standard Profiles'!$G$19=$B$24,21,0),0)),0)</f>
        <v>15.783978713785606</v>
      </c>
      <c r="F7145" cm="1">
        <f t="array" ref="F7145">IFERROR(INDEX(Jesper!AJ$2:AJ$366,ROUNDDOWN($C7145/24,0)+1,1)*INDEX($D$3:$AA$30,INDEX(Jesper!$R$2:$R$366,ROW(INDEX(Jesper!AJ$2:AJ$366,ROUNDDOWN($C7145/24,0)+1,1))-1)+IF('Standard Profiles'!$G$20=$B$10,7,0)+IF('Standard Profiles'!$G$20=$B$17,14,0)+IF('Standard Profiles'!$G$20=$B$24,21,0),MOD($C7145,24)+1)/SUM(INDEX($D$3:$AA$30,INDEX(Jesper!$R$2:$R$366,ROW(INDEX(Jesper!AJ$2:AJ$366,ROUNDDOWN($C7145/24,0)+1,1))-1)+IF('Standard Profiles'!$G$20=$B$10,7,0)+IF('Standard Profiles'!$G$20=$B$17,14,0)+IF('Standard Profiles'!$G$20=$B$24,21,0),0)),0)</f>
        <v>0</v>
      </c>
      <c r="G7145" cm="1">
        <f t="array" ref="G7145">IFERROR(INDEX(Jesper!AK$2:AK$366,ROUNDDOWN($C7145/24,0)+1,1)*INDEX($D$3:$AA$30,INDEX(Jesper!$R$2:$R$366,ROW(INDEX(Jesper!AK$2:AK$366,ROUNDDOWN($C7145/24,0)+1,1))-1)+IF('Standard Profiles'!$G$21=$B$10,7,0)+IF('Standard Profiles'!$G$21=$B$17,14,0)+IF('Standard Profiles'!$G$21=$B$24,21,0),MOD($C7145,24)+1)/SUM(INDEX($D$3:$AA$30,INDEX(Jesper!$R$2:$R$366,ROW(INDEX(Jesper!AK$2:AK$366,ROUNDDOWN($C7145/24,0)+1,1))-1)+IF('Standard Profiles'!$G$21=$B$10,7,0)+IF('Standard Profiles'!$G$21=$B$17,14,0)+IF('Standard Profiles'!$G$21=$B$24,21,0),0)),0)</f>
        <v>3.1038115954037298</v>
      </c>
      <c r="H7145" cm="1">
        <f t="array" ref="H7145">IFERROR(INDEX(Jesper!AL$2:AL$366,ROUNDDOWN($C7145/24,0)+1,1)*INDEX($D$3:$AA$30,INDEX(Jesper!$R$2:$R$366,ROW(INDEX(Jesper!AL$2:AL$366,ROUNDDOWN($C7145/24,0)+1,1))-1)+IF('Standard Profiles'!$G$22=$B$10,7,0)+IF('Standard Profiles'!$G$22=$B$17,14,0)+IF('Standard Profiles'!$G$22=$B$24,21,0),MOD($C7145,24)+1)/SUM(INDEX($D$3:$AA$30,INDEX(Jesper!$R$2:$R$366,ROW(INDEX(Jesper!AL$2:AL$366,ROUNDDOWN($C7145/24,0)+1,1))-1)+IF('Standard Profiles'!$G$22=$B$10,7,0)+IF('Standard Profiles'!$G$22=$B$17,14,0)+IF('Standard Profiles'!$G$22=$B$24,21,0),0)),0)</f>
        <v>0</v>
      </c>
      <c r="I7145">
        <f t="shared" si="797"/>
        <v>1.4898295657937894</v>
      </c>
      <c r="J7145">
        <f t="shared" si="798"/>
        <v>37.107319268879422</v>
      </c>
      <c r="K7145">
        <f t="shared" si="799"/>
        <v>2.5027756857757306</v>
      </c>
      <c r="L7145">
        <f t="shared" si="800"/>
        <v>1.2513878428878653</v>
      </c>
      <c r="M7145">
        <f t="shared" si="801"/>
        <v>0</v>
      </c>
      <c r="N7145" s="45">
        <f t="shared" si="802"/>
        <v>45223.29166664942</v>
      </c>
    </row>
    <row r="7146" spans="2:14" x14ac:dyDescent="0.25">
      <c r="B7146">
        <f t="shared" si="796"/>
        <v>2</v>
      </c>
      <c r="C7146" s="16">
        <v>7112</v>
      </c>
      <c r="D7146" cm="1">
        <f t="array" ref="D7146">IFERROR(INDEX(Jesper!AH$2:AH$366,ROUNDDOWN($C7146/24,0)+1,1)*INDEX($D$3:$AA$30,INDEX(Jesper!$R$2:$R$366,ROW(INDEX(Jesper!AH$2:AH$366,ROUNDDOWN($C7146/24,0)+1,1))-1)+IF('Standard Profiles'!$G$18=$B$10,7,0)+IF('Standard Profiles'!$G$18=$B$17,14,0)+IF('Standard Profiles'!$G$18=$B$24,21,0),MOD($C7146,24)+1)/SUM(INDEX($D$3:$AA$30,INDEX(Jesper!$R$2:$R$366,ROW(INDEX(Jesper!AH$2:AH$366,ROUNDDOWN($C7146/24,0)+1,1))-1)+IF('Standard Profiles'!$G$18=$B$10,7,0)+IF('Standard Profiles'!$G$18=$B$17,14,0)+IF('Standard Profiles'!$G$18=$B$24,21,0),0)),0)</f>
        <v>26.180350923575073</v>
      </c>
      <c r="E7146" cm="1">
        <f t="array" ref="E7146">IFERROR(INDEX(Jesper!AI$2:AI$366,ROUNDDOWN($C7146/24,0)+1,1)*INDEX($D$3:$AA$30,INDEX(Jesper!$R$2:$R$366,ROW(INDEX(Jesper!AI$2:AI$366,ROUNDDOWN($C7146/24,0)+1,1))-1)+IF('Standard Profiles'!$G$19=$B$10,7,0)+IF('Standard Profiles'!$G$19=$B$17,14,0)+IF('Standard Profiles'!$G$19=$B$24,21,0),MOD($C7146,24)+1)/SUM(INDEX($D$3:$AA$30,INDEX(Jesper!$R$2:$R$366,ROW(INDEX(Jesper!AI$2:AI$366,ROUNDDOWN($C7146/24,0)+1,1))-1)+IF('Standard Profiles'!$G$19=$B$10,7,0)+IF('Standard Profiles'!$G$19=$B$17,14,0)+IF('Standard Profiles'!$G$19=$B$24,21,0),0)),0)</f>
        <v>17.611597301697625</v>
      </c>
      <c r="F7146" cm="1">
        <f t="array" ref="F7146">IFERROR(INDEX(Jesper!AJ$2:AJ$366,ROUNDDOWN($C7146/24,0)+1,1)*INDEX($D$3:$AA$30,INDEX(Jesper!$R$2:$R$366,ROW(INDEX(Jesper!AJ$2:AJ$366,ROUNDDOWN($C7146/24,0)+1,1))-1)+IF('Standard Profiles'!$G$20=$B$10,7,0)+IF('Standard Profiles'!$G$20=$B$17,14,0)+IF('Standard Profiles'!$G$20=$B$24,21,0),MOD($C7146,24)+1)/SUM(INDEX($D$3:$AA$30,INDEX(Jesper!$R$2:$R$366,ROW(INDEX(Jesper!AJ$2:AJ$366,ROUNDDOWN($C7146/24,0)+1,1))-1)+IF('Standard Profiles'!$G$20=$B$10,7,0)+IF('Standard Profiles'!$G$20=$B$17,14,0)+IF('Standard Profiles'!$G$20=$B$24,21,0),0)),0)</f>
        <v>0</v>
      </c>
      <c r="G7146" cm="1">
        <f t="array" ref="G7146">IFERROR(INDEX(Jesper!AK$2:AK$366,ROUNDDOWN($C7146/24,0)+1,1)*INDEX($D$3:$AA$30,INDEX(Jesper!$R$2:$R$366,ROW(INDEX(Jesper!AK$2:AK$366,ROUNDDOWN($C7146/24,0)+1,1))-1)+IF('Standard Profiles'!$G$21=$B$10,7,0)+IF('Standard Profiles'!$G$21=$B$17,14,0)+IF('Standard Profiles'!$G$21=$B$24,21,0),MOD($C7146,24)+1)/SUM(INDEX($D$3:$AA$30,INDEX(Jesper!$R$2:$R$366,ROW(INDEX(Jesper!AK$2:AK$366,ROUNDDOWN($C7146/24,0)+1,1))-1)+IF('Standard Profiles'!$G$21=$B$10,7,0)+IF('Standard Profiles'!$G$21=$B$17,14,0)+IF('Standard Profiles'!$G$21=$B$24,21,0),0)),0)</f>
        <v>3.4632003064504771</v>
      </c>
      <c r="H7146" cm="1">
        <f t="array" ref="H7146">IFERROR(INDEX(Jesper!AL$2:AL$366,ROUNDDOWN($C7146/24,0)+1,1)*INDEX($D$3:$AA$30,INDEX(Jesper!$R$2:$R$366,ROW(INDEX(Jesper!AL$2:AL$366,ROUNDDOWN($C7146/24,0)+1,1))-1)+IF('Standard Profiles'!$G$22=$B$10,7,0)+IF('Standard Profiles'!$G$22=$B$17,14,0)+IF('Standard Profiles'!$G$22=$B$24,21,0),MOD($C7146,24)+1)/SUM(INDEX($D$3:$AA$30,INDEX(Jesper!$R$2:$R$366,ROW(INDEX(Jesper!AL$2:AL$366,ROUNDDOWN($C7146/24,0)+1,1))-1)+IF('Standard Profiles'!$G$22=$B$10,7,0)+IF('Standard Profiles'!$G$22=$B$17,14,0)+IF('Standard Profiles'!$G$22=$B$24,21,0),0)),0)</f>
        <v>0</v>
      </c>
      <c r="I7146">
        <f t="shared" si="797"/>
        <v>1.6623361470962281</v>
      </c>
      <c r="J7146">
        <f t="shared" si="798"/>
        <v>41.403956236854938</v>
      </c>
      <c r="K7146">
        <f t="shared" si="799"/>
        <v>2.7925707651813414</v>
      </c>
      <c r="L7146">
        <f t="shared" si="800"/>
        <v>1.3962853825906707</v>
      </c>
      <c r="M7146">
        <f t="shared" si="801"/>
        <v>0</v>
      </c>
      <c r="N7146" s="45">
        <f t="shared" si="802"/>
        <v>45223.333333316084</v>
      </c>
    </row>
    <row r="7147" spans="2:14" x14ac:dyDescent="0.25">
      <c r="B7147">
        <f t="shared" si="796"/>
        <v>2</v>
      </c>
      <c r="C7147" s="16">
        <v>7113</v>
      </c>
      <c r="D7147" cm="1">
        <f t="array" ref="D7147">IFERROR(INDEX(Jesper!AH$2:AH$366,ROUNDDOWN($C7147/24,0)+1,1)*INDEX($D$3:$AA$30,INDEX(Jesper!$R$2:$R$366,ROW(INDEX(Jesper!AH$2:AH$366,ROUNDDOWN($C7147/24,0)+1,1))-1)+IF('Standard Profiles'!$G$18=$B$10,7,0)+IF('Standard Profiles'!$G$18=$B$17,14,0)+IF('Standard Profiles'!$G$18=$B$24,21,0),MOD($C7147,24)+1)/SUM(INDEX($D$3:$AA$30,INDEX(Jesper!$R$2:$R$366,ROW(INDEX(Jesper!AH$2:AH$366,ROUNDDOWN($C7147/24,0)+1,1))-1)+IF('Standard Profiles'!$G$18=$B$10,7,0)+IF('Standard Profiles'!$G$18=$B$17,14,0)+IF('Standard Profiles'!$G$18=$B$24,21,0),0)),0)</f>
        <v>28.897179793002678</v>
      </c>
      <c r="E7147" cm="1">
        <f t="array" ref="E7147">IFERROR(INDEX(Jesper!AI$2:AI$366,ROUNDDOWN($C7147/24,0)+1,1)*INDEX($D$3:$AA$30,INDEX(Jesper!$R$2:$R$366,ROW(INDEX(Jesper!AI$2:AI$366,ROUNDDOWN($C7147/24,0)+1,1))-1)+IF('Standard Profiles'!$G$19=$B$10,7,0)+IF('Standard Profiles'!$G$19=$B$17,14,0)+IF('Standard Profiles'!$G$19=$B$24,21,0),MOD($C7147,24)+1)/SUM(INDEX($D$3:$AA$30,INDEX(Jesper!$R$2:$R$366,ROW(INDEX(Jesper!AI$2:AI$366,ROUNDDOWN($C7147/24,0)+1,1))-1)+IF('Standard Profiles'!$G$19=$B$10,7,0)+IF('Standard Profiles'!$G$19=$B$17,14,0)+IF('Standard Profiles'!$G$19=$B$24,21,0),0)),0)</f>
        <v>19.439215889609642</v>
      </c>
      <c r="F7147" cm="1">
        <f t="array" ref="F7147">IFERROR(INDEX(Jesper!AJ$2:AJ$366,ROUNDDOWN($C7147/24,0)+1,1)*INDEX($D$3:$AA$30,INDEX(Jesper!$R$2:$R$366,ROW(INDEX(Jesper!AJ$2:AJ$366,ROUNDDOWN($C7147/24,0)+1,1))-1)+IF('Standard Profiles'!$G$20=$B$10,7,0)+IF('Standard Profiles'!$G$20=$B$17,14,0)+IF('Standard Profiles'!$G$20=$B$24,21,0),MOD($C7147,24)+1)/SUM(INDEX($D$3:$AA$30,INDEX(Jesper!$R$2:$R$366,ROW(INDEX(Jesper!AJ$2:AJ$366,ROUNDDOWN($C7147/24,0)+1,1))-1)+IF('Standard Profiles'!$G$20=$B$10,7,0)+IF('Standard Profiles'!$G$20=$B$17,14,0)+IF('Standard Profiles'!$G$20=$B$24,21,0),0)),0)</f>
        <v>0</v>
      </c>
      <c r="G7147" cm="1">
        <f t="array" ref="G7147">IFERROR(INDEX(Jesper!AK$2:AK$366,ROUNDDOWN($C7147/24,0)+1,1)*INDEX($D$3:$AA$30,INDEX(Jesper!$R$2:$R$366,ROW(INDEX(Jesper!AK$2:AK$366,ROUNDDOWN($C7147/24,0)+1,1))-1)+IF('Standard Profiles'!$G$21=$B$10,7,0)+IF('Standard Profiles'!$G$21=$B$17,14,0)+IF('Standard Profiles'!$G$21=$B$24,21,0),MOD($C7147,24)+1)/SUM(INDEX($D$3:$AA$30,INDEX(Jesper!$R$2:$R$366,ROW(INDEX(Jesper!AK$2:AK$366,ROUNDDOWN($C7147/24,0)+1,1))-1)+IF('Standard Profiles'!$G$21=$B$10,7,0)+IF('Standard Profiles'!$G$21=$B$17,14,0)+IF('Standard Profiles'!$G$21=$B$24,21,0),0)),0)</f>
        <v>3.8225890174972257</v>
      </c>
      <c r="H7147" cm="1">
        <f t="array" ref="H7147">IFERROR(INDEX(Jesper!AL$2:AL$366,ROUNDDOWN($C7147/24,0)+1,1)*INDEX($D$3:$AA$30,INDEX(Jesper!$R$2:$R$366,ROW(INDEX(Jesper!AL$2:AL$366,ROUNDDOWN($C7147/24,0)+1,1))-1)+IF('Standard Profiles'!$G$22=$B$10,7,0)+IF('Standard Profiles'!$G$22=$B$17,14,0)+IF('Standard Profiles'!$G$22=$B$24,21,0),MOD($C7147,24)+1)/SUM(INDEX($D$3:$AA$30,INDEX(Jesper!$R$2:$R$366,ROW(INDEX(Jesper!AL$2:AL$366,ROUNDDOWN($C7147/24,0)+1,1))-1)+IF('Standard Profiles'!$G$22=$B$10,7,0)+IF('Standard Profiles'!$G$22=$B$17,14,0)+IF('Standard Profiles'!$G$22=$B$24,21,0),0)),0)</f>
        <v>0</v>
      </c>
      <c r="I7147">
        <f t="shared" si="797"/>
        <v>1.8348427283986675</v>
      </c>
      <c r="J7147">
        <f t="shared" si="798"/>
        <v>45.700593204830447</v>
      </c>
      <c r="K7147">
        <f t="shared" si="799"/>
        <v>3.0823658445869526</v>
      </c>
      <c r="L7147">
        <f t="shared" si="800"/>
        <v>1.5411829222934763</v>
      </c>
      <c r="M7147">
        <f t="shared" si="801"/>
        <v>0</v>
      </c>
      <c r="N7147" s="45">
        <f t="shared" si="802"/>
        <v>45223.374999982749</v>
      </c>
    </row>
    <row r="7148" spans="2:14" x14ac:dyDescent="0.25">
      <c r="B7148">
        <f t="shared" si="796"/>
        <v>2</v>
      </c>
      <c r="C7148" s="16">
        <v>7114</v>
      </c>
      <c r="D7148" cm="1">
        <f t="array" ref="D7148">IFERROR(INDEX(Jesper!AH$2:AH$366,ROUNDDOWN($C7148/24,0)+1,1)*INDEX($D$3:$AA$30,INDEX(Jesper!$R$2:$R$366,ROW(INDEX(Jesper!AH$2:AH$366,ROUNDDOWN($C7148/24,0)+1,1))-1)+IF('Standard Profiles'!$G$18=$B$10,7,0)+IF('Standard Profiles'!$G$18=$B$17,14,0)+IF('Standard Profiles'!$G$18=$B$24,21,0),MOD($C7148,24)+1)/SUM(INDEX($D$3:$AA$30,INDEX(Jesper!$R$2:$R$366,ROW(INDEX(Jesper!AH$2:AH$366,ROUNDDOWN($C7148/24,0)+1,1))-1)+IF('Standard Profiles'!$G$18=$B$10,7,0)+IF('Standard Profiles'!$G$18=$B$17,14,0)+IF('Standard Profiles'!$G$18=$B$24,21,0),0)),0)</f>
        <v>28.897179793002678</v>
      </c>
      <c r="E7148" cm="1">
        <f t="array" ref="E7148">IFERROR(INDEX(Jesper!AI$2:AI$366,ROUNDDOWN($C7148/24,0)+1,1)*INDEX($D$3:$AA$30,INDEX(Jesper!$R$2:$R$366,ROW(INDEX(Jesper!AI$2:AI$366,ROUNDDOWN($C7148/24,0)+1,1))-1)+IF('Standard Profiles'!$G$19=$B$10,7,0)+IF('Standard Profiles'!$G$19=$B$17,14,0)+IF('Standard Profiles'!$G$19=$B$24,21,0),MOD($C7148,24)+1)/SUM(INDEX($D$3:$AA$30,INDEX(Jesper!$R$2:$R$366,ROW(INDEX(Jesper!AI$2:AI$366,ROUNDDOWN($C7148/24,0)+1,1))-1)+IF('Standard Profiles'!$G$19=$B$10,7,0)+IF('Standard Profiles'!$G$19=$B$17,14,0)+IF('Standard Profiles'!$G$19=$B$24,21,0),0)),0)</f>
        <v>19.439215889609642</v>
      </c>
      <c r="F7148" cm="1">
        <f t="array" ref="F7148">IFERROR(INDEX(Jesper!AJ$2:AJ$366,ROUNDDOWN($C7148/24,0)+1,1)*INDEX($D$3:$AA$30,INDEX(Jesper!$R$2:$R$366,ROW(INDEX(Jesper!AJ$2:AJ$366,ROUNDDOWN($C7148/24,0)+1,1))-1)+IF('Standard Profiles'!$G$20=$B$10,7,0)+IF('Standard Profiles'!$G$20=$B$17,14,0)+IF('Standard Profiles'!$G$20=$B$24,21,0),MOD($C7148,24)+1)/SUM(INDEX($D$3:$AA$30,INDEX(Jesper!$R$2:$R$366,ROW(INDEX(Jesper!AJ$2:AJ$366,ROUNDDOWN($C7148/24,0)+1,1))-1)+IF('Standard Profiles'!$G$20=$B$10,7,0)+IF('Standard Profiles'!$G$20=$B$17,14,0)+IF('Standard Profiles'!$G$20=$B$24,21,0),0)),0)</f>
        <v>0</v>
      </c>
      <c r="G7148" cm="1">
        <f t="array" ref="G7148">IFERROR(INDEX(Jesper!AK$2:AK$366,ROUNDDOWN($C7148/24,0)+1,1)*INDEX($D$3:$AA$30,INDEX(Jesper!$R$2:$R$366,ROW(INDEX(Jesper!AK$2:AK$366,ROUNDDOWN($C7148/24,0)+1,1))-1)+IF('Standard Profiles'!$G$21=$B$10,7,0)+IF('Standard Profiles'!$G$21=$B$17,14,0)+IF('Standard Profiles'!$G$21=$B$24,21,0),MOD($C7148,24)+1)/SUM(INDEX($D$3:$AA$30,INDEX(Jesper!$R$2:$R$366,ROW(INDEX(Jesper!AK$2:AK$366,ROUNDDOWN($C7148/24,0)+1,1))-1)+IF('Standard Profiles'!$G$21=$B$10,7,0)+IF('Standard Profiles'!$G$21=$B$17,14,0)+IF('Standard Profiles'!$G$21=$B$24,21,0),0)),0)</f>
        <v>3.8225890174972257</v>
      </c>
      <c r="H7148" cm="1">
        <f t="array" ref="H7148">IFERROR(INDEX(Jesper!AL$2:AL$366,ROUNDDOWN($C7148/24,0)+1,1)*INDEX($D$3:$AA$30,INDEX(Jesper!$R$2:$R$366,ROW(INDEX(Jesper!AL$2:AL$366,ROUNDDOWN($C7148/24,0)+1,1))-1)+IF('Standard Profiles'!$G$22=$B$10,7,0)+IF('Standard Profiles'!$G$22=$B$17,14,0)+IF('Standard Profiles'!$G$22=$B$24,21,0),MOD($C7148,24)+1)/SUM(INDEX($D$3:$AA$30,INDEX(Jesper!$R$2:$R$366,ROW(INDEX(Jesper!AL$2:AL$366,ROUNDDOWN($C7148/24,0)+1,1))-1)+IF('Standard Profiles'!$G$22=$B$10,7,0)+IF('Standard Profiles'!$G$22=$B$17,14,0)+IF('Standard Profiles'!$G$22=$B$24,21,0),0)),0)</f>
        <v>0</v>
      </c>
      <c r="I7148">
        <f t="shared" si="797"/>
        <v>1.8348427283986675</v>
      </c>
      <c r="J7148">
        <f t="shared" si="798"/>
        <v>45.700593204830447</v>
      </c>
      <c r="K7148">
        <f t="shared" si="799"/>
        <v>3.0823658445869526</v>
      </c>
      <c r="L7148">
        <f t="shared" si="800"/>
        <v>1.5411829222934763</v>
      </c>
      <c r="M7148">
        <f t="shared" si="801"/>
        <v>0</v>
      </c>
      <c r="N7148" s="45">
        <f t="shared" si="802"/>
        <v>45223.416666649413</v>
      </c>
    </row>
    <row r="7149" spans="2:14" x14ac:dyDescent="0.25">
      <c r="B7149">
        <f t="shared" si="796"/>
        <v>2</v>
      </c>
      <c r="C7149" s="16">
        <v>7115</v>
      </c>
      <c r="D7149" cm="1">
        <f t="array" ref="D7149">IFERROR(INDEX(Jesper!AH$2:AH$366,ROUNDDOWN($C7149/24,0)+1,1)*INDEX($D$3:$AA$30,INDEX(Jesper!$R$2:$R$366,ROW(INDEX(Jesper!AH$2:AH$366,ROUNDDOWN($C7149/24,0)+1,1))-1)+IF('Standard Profiles'!$G$18=$B$10,7,0)+IF('Standard Profiles'!$G$18=$B$17,14,0)+IF('Standard Profiles'!$G$18=$B$24,21,0),MOD($C7149,24)+1)/SUM(INDEX($D$3:$AA$30,INDEX(Jesper!$R$2:$R$366,ROW(INDEX(Jesper!AH$2:AH$366,ROUNDDOWN($C7149/24,0)+1,1))-1)+IF('Standard Profiles'!$G$18=$B$10,7,0)+IF('Standard Profiles'!$G$18=$B$17,14,0)+IF('Standard Profiles'!$G$18=$B$24,21,0),0)),0)</f>
        <v>34.577821974533116</v>
      </c>
      <c r="E7149" cm="1">
        <f t="array" ref="E7149">IFERROR(INDEX(Jesper!AI$2:AI$366,ROUNDDOWN($C7149/24,0)+1,1)*INDEX($D$3:$AA$30,INDEX(Jesper!$R$2:$R$366,ROW(INDEX(Jesper!AI$2:AI$366,ROUNDDOWN($C7149/24,0)+1,1))-1)+IF('Standard Profiles'!$G$19=$B$10,7,0)+IF('Standard Profiles'!$G$19=$B$17,14,0)+IF('Standard Profiles'!$G$19=$B$24,21,0),MOD($C7149,24)+1)/SUM(INDEX($D$3:$AA$30,INDEX(Jesper!$R$2:$R$366,ROW(INDEX(Jesper!AI$2:AI$366,ROUNDDOWN($C7149/24,0)+1,1))-1)+IF('Standard Profiles'!$G$19=$B$10,7,0)+IF('Standard Profiles'!$G$19=$B$17,14,0)+IF('Standard Profiles'!$G$19=$B$24,21,0),0)),0)</f>
        <v>23.260600209789313</v>
      </c>
      <c r="F7149" cm="1">
        <f t="array" ref="F7149">IFERROR(INDEX(Jesper!AJ$2:AJ$366,ROUNDDOWN($C7149/24,0)+1,1)*INDEX($D$3:$AA$30,INDEX(Jesper!$R$2:$R$366,ROW(INDEX(Jesper!AJ$2:AJ$366,ROUNDDOWN($C7149/24,0)+1,1))-1)+IF('Standard Profiles'!$G$20=$B$10,7,0)+IF('Standard Profiles'!$G$20=$B$17,14,0)+IF('Standard Profiles'!$G$20=$B$24,21,0),MOD($C7149,24)+1)/SUM(INDEX($D$3:$AA$30,INDEX(Jesper!$R$2:$R$366,ROW(INDEX(Jesper!AJ$2:AJ$366,ROUNDDOWN($C7149/24,0)+1,1))-1)+IF('Standard Profiles'!$G$20=$B$10,7,0)+IF('Standard Profiles'!$G$20=$B$17,14,0)+IF('Standard Profiles'!$G$20=$B$24,21,0),0)),0)</f>
        <v>0</v>
      </c>
      <c r="G7149" cm="1">
        <f t="array" ref="G7149">IFERROR(INDEX(Jesper!AK$2:AK$366,ROUNDDOWN($C7149/24,0)+1,1)*INDEX($D$3:$AA$30,INDEX(Jesper!$R$2:$R$366,ROW(INDEX(Jesper!AK$2:AK$366,ROUNDDOWN($C7149/24,0)+1,1))-1)+IF('Standard Profiles'!$G$21=$B$10,7,0)+IF('Standard Profiles'!$G$21=$B$17,14,0)+IF('Standard Profiles'!$G$21=$B$24,21,0),MOD($C7149,24)+1)/SUM(INDEX($D$3:$AA$30,INDEX(Jesper!$R$2:$R$366,ROW(INDEX(Jesper!AK$2:AK$366,ROUNDDOWN($C7149/24,0)+1,1))-1)+IF('Standard Profiles'!$G$21=$B$10,7,0)+IF('Standard Profiles'!$G$21=$B$17,14,0)+IF('Standard Profiles'!$G$21=$B$24,21,0),0)),0)</f>
        <v>4.5740381405949702</v>
      </c>
      <c r="H7149" cm="1">
        <f t="array" ref="H7149">IFERROR(INDEX(Jesper!AL$2:AL$366,ROUNDDOWN($C7149/24,0)+1,1)*INDEX($D$3:$AA$30,INDEX(Jesper!$R$2:$R$366,ROW(INDEX(Jesper!AL$2:AL$366,ROUNDDOWN($C7149/24,0)+1,1))-1)+IF('Standard Profiles'!$G$22=$B$10,7,0)+IF('Standard Profiles'!$G$22=$B$17,14,0)+IF('Standard Profiles'!$G$22=$B$24,21,0),MOD($C7149,24)+1)/SUM(INDEX($D$3:$AA$30,INDEX(Jesper!$R$2:$R$366,ROW(INDEX(Jesper!AL$2:AL$366,ROUNDDOWN($C7149/24,0)+1,1))-1)+IF('Standard Profiles'!$G$22=$B$10,7,0)+IF('Standard Profiles'!$G$22=$B$17,14,0)+IF('Standard Profiles'!$G$22=$B$24,21,0),0)),0)</f>
        <v>0</v>
      </c>
      <c r="I7149">
        <f t="shared" si="797"/>
        <v>2.1955383074855845</v>
      </c>
      <c r="J7149">
        <f t="shared" si="798"/>
        <v>54.684470501506517</v>
      </c>
      <c r="K7149">
        <f t="shared" si="799"/>
        <v>3.6883010106168661</v>
      </c>
      <c r="L7149">
        <f t="shared" si="800"/>
        <v>1.8441505053084331</v>
      </c>
      <c r="M7149">
        <f t="shared" si="801"/>
        <v>0</v>
      </c>
      <c r="N7149" s="45">
        <f t="shared" si="802"/>
        <v>45223.458333316077</v>
      </c>
    </row>
    <row r="7150" spans="2:14" x14ac:dyDescent="0.25">
      <c r="B7150">
        <f t="shared" si="796"/>
        <v>2</v>
      </c>
      <c r="C7150" s="16">
        <v>7116</v>
      </c>
      <c r="D7150" cm="1">
        <f t="array" ref="D7150">IFERROR(INDEX(Jesper!AH$2:AH$366,ROUNDDOWN($C7150/24,0)+1,1)*INDEX($D$3:$AA$30,INDEX(Jesper!$R$2:$R$366,ROW(INDEX(Jesper!AH$2:AH$366,ROUNDDOWN($C7150/24,0)+1,1))-1)+IF('Standard Profiles'!$G$18=$B$10,7,0)+IF('Standard Profiles'!$G$18=$B$17,14,0)+IF('Standard Profiles'!$G$18=$B$24,21,0),MOD($C7150,24)+1)/SUM(INDEX($D$3:$AA$30,INDEX(Jesper!$R$2:$R$366,ROW(INDEX(Jesper!AH$2:AH$366,ROUNDDOWN($C7150/24,0)+1,1))-1)+IF('Standard Profiles'!$G$18=$B$10,7,0)+IF('Standard Profiles'!$G$18=$B$17,14,0)+IF('Standard Profiles'!$G$18=$B$24,21,0),0)),0)</f>
        <v>34.577821974533116</v>
      </c>
      <c r="E7150" cm="1">
        <f t="array" ref="E7150">IFERROR(INDEX(Jesper!AI$2:AI$366,ROUNDDOWN($C7150/24,0)+1,1)*INDEX($D$3:$AA$30,INDEX(Jesper!$R$2:$R$366,ROW(INDEX(Jesper!AI$2:AI$366,ROUNDDOWN($C7150/24,0)+1,1))-1)+IF('Standard Profiles'!$G$19=$B$10,7,0)+IF('Standard Profiles'!$G$19=$B$17,14,0)+IF('Standard Profiles'!$G$19=$B$24,21,0),MOD($C7150,24)+1)/SUM(INDEX($D$3:$AA$30,INDEX(Jesper!$R$2:$R$366,ROW(INDEX(Jesper!AI$2:AI$366,ROUNDDOWN($C7150/24,0)+1,1))-1)+IF('Standard Profiles'!$G$19=$B$10,7,0)+IF('Standard Profiles'!$G$19=$B$17,14,0)+IF('Standard Profiles'!$G$19=$B$24,21,0),0)),0)</f>
        <v>23.260600209789313</v>
      </c>
      <c r="F7150" cm="1">
        <f t="array" ref="F7150">IFERROR(INDEX(Jesper!AJ$2:AJ$366,ROUNDDOWN($C7150/24,0)+1,1)*INDEX($D$3:$AA$30,INDEX(Jesper!$R$2:$R$366,ROW(INDEX(Jesper!AJ$2:AJ$366,ROUNDDOWN($C7150/24,0)+1,1))-1)+IF('Standard Profiles'!$G$20=$B$10,7,0)+IF('Standard Profiles'!$G$20=$B$17,14,0)+IF('Standard Profiles'!$G$20=$B$24,21,0),MOD($C7150,24)+1)/SUM(INDEX($D$3:$AA$30,INDEX(Jesper!$R$2:$R$366,ROW(INDEX(Jesper!AJ$2:AJ$366,ROUNDDOWN($C7150/24,0)+1,1))-1)+IF('Standard Profiles'!$G$20=$B$10,7,0)+IF('Standard Profiles'!$G$20=$B$17,14,0)+IF('Standard Profiles'!$G$20=$B$24,21,0),0)),0)</f>
        <v>0</v>
      </c>
      <c r="G7150" cm="1">
        <f t="array" ref="G7150">IFERROR(INDEX(Jesper!AK$2:AK$366,ROUNDDOWN($C7150/24,0)+1,1)*INDEX($D$3:$AA$30,INDEX(Jesper!$R$2:$R$366,ROW(INDEX(Jesper!AK$2:AK$366,ROUNDDOWN($C7150/24,0)+1,1))-1)+IF('Standard Profiles'!$G$21=$B$10,7,0)+IF('Standard Profiles'!$G$21=$B$17,14,0)+IF('Standard Profiles'!$G$21=$B$24,21,0),MOD($C7150,24)+1)/SUM(INDEX($D$3:$AA$30,INDEX(Jesper!$R$2:$R$366,ROW(INDEX(Jesper!AK$2:AK$366,ROUNDDOWN($C7150/24,0)+1,1))-1)+IF('Standard Profiles'!$G$21=$B$10,7,0)+IF('Standard Profiles'!$G$21=$B$17,14,0)+IF('Standard Profiles'!$G$21=$B$24,21,0),0)),0)</f>
        <v>4.5740381405949702</v>
      </c>
      <c r="H7150" cm="1">
        <f t="array" ref="H7150">IFERROR(INDEX(Jesper!AL$2:AL$366,ROUNDDOWN($C7150/24,0)+1,1)*INDEX($D$3:$AA$30,INDEX(Jesper!$R$2:$R$366,ROW(INDEX(Jesper!AL$2:AL$366,ROUNDDOWN($C7150/24,0)+1,1))-1)+IF('Standard Profiles'!$G$22=$B$10,7,0)+IF('Standard Profiles'!$G$22=$B$17,14,0)+IF('Standard Profiles'!$G$22=$B$24,21,0),MOD($C7150,24)+1)/SUM(INDEX($D$3:$AA$30,INDEX(Jesper!$R$2:$R$366,ROW(INDEX(Jesper!AL$2:AL$366,ROUNDDOWN($C7150/24,0)+1,1))-1)+IF('Standard Profiles'!$G$22=$B$10,7,0)+IF('Standard Profiles'!$G$22=$B$17,14,0)+IF('Standard Profiles'!$G$22=$B$24,21,0),0)),0)</f>
        <v>0</v>
      </c>
      <c r="I7150">
        <f t="shared" si="797"/>
        <v>2.1955383074855845</v>
      </c>
      <c r="J7150">
        <f t="shared" si="798"/>
        <v>54.684470501506517</v>
      </c>
      <c r="K7150">
        <f t="shared" si="799"/>
        <v>3.6883010106168661</v>
      </c>
      <c r="L7150">
        <f t="shared" si="800"/>
        <v>1.8441505053084331</v>
      </c>
      <c r="M7150">
        <f t="shared" si="801"/>
        <v>0</v>
      </c>
      <c r="N7150" s="45">
        <f t="shared" si="802"/>
        <v>45223.499999982741</v>
      </c>
    </row>
    <row r="7151" spans="2:14" x14ac:dyDescent="0.25">
      <c r="B7151">
        <f t="shared" si="796"/>
        <v>2</v>
      </c>
      <c r="C7151" s="16">
        <v>7117</v>
      </c>
      <c r="D7151" cm="1">
        <f t="array" ref="D7151">IFERROR(INDEX(Jesper!AH$2:AH$366,ROUNDDOWN($C7151/24,0)+1,1)*INDEX($D$3:$AA$30,INDEX(Jesper!$R$2:$R$366,ROW(INDEX(Jesper!AH$2:AH$366,ROUNDDOWN($C7151/24,0)+1,1))-1)+IF('Standard Profiles'!$G$18=$B$10,7,0)+IF('Standard Profiles'!$G$18=$B$17,14,0)+IF('Standard Profiles'!$G$18=$B$24,21,0),MOD($C7151,24)+1)/SUM(INDEX($D$3:$AA$30,INDEX(Jesper!$R$2:$R$366,ROW(INDEX(Jesper!AH$2:AH$366,ROUNDDOWN($C7151/24,0)+1,1))-1)+IF('Standard Profiles'!$G$18=$B$10,7,0)+IF('Standard Profiles'!$G$18=$B$17,14,0)+IF('Standard Profiles'!$G$18=$B$24,21,0),0)),0)</f>
        <v>22.969553168796999</v>
      </c>
      <c r="E7151" cm="1">
        <f t="array" ref="E7151">IFERROR(INDEX(Jesper!AI$2:AI$366,ROUNDDOWN($C7151/24,0)+1,1)*INDEX($D$3:$AA$30,INDEX(Jesper!$R$2:$R$366,ROW(INDEX(Jesper!AI$2:AI$366,ROUNDDOWN($C7151/24,0)+1,1))-1)+IF('Standard Profiles'!$G$19=$B$10,7,0)+IF('Standard Profiles'!$G$19=$B$17,14,0)+IF('Standard Profiles'!$G$19=$B$24,21,0),MOD($C7151,24)+1)/SUM(INDEX($D$3:$AA$30,INDEX(Jesper!$R$2:$R$366,ROW(INDEX(Jesper!AI$2:AI$366,ROUNDDOWN($C7151/24,0)+1,1))-1)+IF('Standard Profiles'!$G$19=$B$10,7,0)+IF('Standard Profiles'!$G$19=$B$17,14,0)+IF('Standard Profiles'!$G$19=$B$24,21,0),0)),0)</f>
        <v>15.451684425074328</v>
      </c>
      <c r="F7151" cm="1">
        <f t="array" ref="F7151">IFERROR(INDEX(Jesper!AJ$2:AJ$366,ROUNDDOWN($C7151/24,0)+1,1)*INDEX($D$3:$AA$30,INDEX(Jesper!$R$2:$R$366,ROW(INDEX(Jesper!AJ$2:AJ$366,ROUNDDOWN($C7151/24,0)+1,1))-1)+IF('Standard Profiles'!$G$20=$B$10,7,0)+IF('Standard Profiles'!$G$20=$B$17,14,0)+IF('Standard Profiles'!$G$20=$B$24,21,0),MOD($C7151,24)+1)/SUM(INDEX($D$3:$AA$30,INDEX(Jesper!$R$2:$R$366,ROW(INDEX(Jesper!AJ$2:AJ$366,ROUNDDOWN($C7151/24,0)+1,1))-1)+IF('Standard Profiles'!$G$20=$B$10,7,0)+IF('Standard Profiles'!$G$20=$B$17,14,0)+IF('Standard Profiles'!$G$20=$B$24,21,0),0)),0)</f>
        <v>0</v>
      </c>
      <c r="G7151" cm="1">
        <f t="array" ref="G7151">IFERROR(INDEX(Jesper!AK$2:AK$366,ROUNDDOWN($C7151/24,0)+1,1)*INDEX($D$3:$AA$30,INDEX(Jesper!$R$2:$R$366,ROW(INDEX(Jesper!AK$2:AK$366,ROUNDDOWN($C7151/24,0)+1,1))-1)+IF('Standard Profiles'!$G$21=$B$10,7,0)+IF('Standard Profiles'!$G$21=$B$17,14,0)+IF('Standard Profiles'!$G$21=$B$24,21,0),MOD($C7151,24)+1)/SUM(INDEX($D$3:$AA$30,INDEX(Jesper!$R$2:$R$366,ROW(INDEX(Jesper!AK$2:AK$366,ROUNDDOWN($C7151/24,0)+1,1))-1)+IF('Standard Profiles'!$G$21=$B$10,7,0)+IF('Standard Profiles'!$G$21=$B$17,14,0)+IF('Standard Profiles'!$G$21=$B$24,21,0),0)),0)</f>
        <v>3.03846819339523</v>
      </c>
      <c r="H7151" cm="1">
        <f t="array" ref="H7151">IFERROR(INDEX(Jesper!AL$2:AL$366,ROUNDDOWN($C7151/24,0)+1,1)*INDEX($D$3:$AA$30,INDEX(Jesper!$R$2:$R$366,ROW(INDEX(Jesper!AL$2:AL$366,ROUNDDOWN($C7151/24,0)+1,1))-1)+IF('Standard Profiles'!$G$22=$B$10,7,0)+IF('Standard Profiles'!$G$22=$B$17,14,0)+IF('Standard Profiles'!$G$22=$B$24,21,0),MOD($C7151,24)+1)/SUM(INDEX($D$3:$AA$30,INDEX(Jesper!$R$2:$R$366,ROW(INDEX(Jesper!AL$2:AL$366,ROUNDDOWN($C7151/24,0)+1,1))-1)+IF('Standard Profiles'!$G$22=$B$10,7,0)+IF('Standard Profiles'!$G$22=$B$17,14,0)+IF('Standard Profiles'!$G$22=$B$24,21,0),0)),0)</f>
        <v>0</v>
      </c>
      <c r="I7151">
        <f t="shared" si="797"/>
        <v>1.4584647328297096</v>
      </c>
      <c r="J7151">
        <f t="shared" si="798"/>
        <v>36.326112547429325</v>
      </c>
      <c r="K7151">
        <f t="shared" si="799"/>
        <v>2.4500856713383468</v>
      </c>
      <c r="L7151">
        <f t="shared" si="800"/>
        <v>1.2250428356691734</v>
      </c>
      <c r="M7151">
        <f t="shared" si="801"/>
        <v>0</v>
      </c>
      <c r="N7151" s="45">
        <f t="shared" si="802"/>
        <v>45223.541666649406</v>
      </c>
    </row>
    <row r="7152" spans="2:14" x14ac:dyDescent="0.25">
      <c r="B7152">
        <f t="shared" si="796"/>
        <v>2</v>
      </c>
      <c r="C7152" s="16">
        <v>7118</v>
      </c>
      <c r="D7152" cm="1">
        <f t="array" ref="D7152">IFERROR(INDEX(Jesper!AH$2:AH$366,ROUNDDOWN($C7152/24,0)+1,1)*INDEX($D$3:$AA$30,INDEX(Jesper!$R$2:$R$366,ROW(INDEX(Jesper!AH$2:AH$366,ROUNDDOWN($C7152/24,0)+1,1))-1)+IF('Standard Profiles'!$G$18=$B$10,7,0)+IF('Standard Profiles'!$G$18=$B$17,14,0)+IF('Standard Profiles'!$G$18=$B$24,21,0),MOD($C7152,24)+1)/SUM(INDEX($D$3:$AA$30,INDEX(Jesper!$R$2:$R$366,ROW(INDEX(Jesper!AH$2:AH$366,ROUNDDOWN($C7152/24,0)+1,1))-1)+IF('Standard Profiles'!$G$18=$B$10,7,0)+IF('Standard Profiles'!$G$18=$B$17,14,0)+IF('Standard Profiles'!$G$18=$B$24,21,0),0)),0)</f>
        <v>34.577821974533116</v>
      </c>
      <c r="E7152" cm="1">
        <f t="array" ref="E7152">IFERROR(INDEX(Jesper!AI$2:AI$366,ROUNDDOWN($C7152/24,0)+1,1)*INDEX($D$3:$AA$30,INDEX(Jesper!$R$2:$R$366,ROW(INDEX(Jesper!AI$2:AI$366,ROUNDDOWN($C7152/24,0)+1,1))-1)+IF('Standard Profiles'!$G$19=$B$10,7,0)+IF('Standard Profiles'!$G$19=$B$17,14,0)+IF('Standard Profiles'!$G$19=$B$24,21,0),MOD($C7152,24)+1)/SUM(INDEX($D$3:$AA$30,INDEX(Jesper!$R$2:$R$366,ROW(INDEX(Jesper!AI$2:AI$366,ROUNDDOWN($C7152/24,0)+1,1))-1)+IF('Standard Profiles'!$G$19=$B$10,7,0)+IF('Standard Profiles'!$G$19=$B$17,14,0)+IF('Standard Profiles'!$G$19=$B$24,21,0),0)),0)</f>
        <v>23.260600209789313</v>
      </c>
      <c r="F7152" cm="1">
        <f t="array" ref="F7152">IFERROR(INDEX(Jesper!AJ$2:AJ$366,ROUNDDOWN($C7152/24,0)+1,1)*INDEX($D$3:$AA$30,INDEX(Jesper!$R$2:$R$366,ROW(INDEX(Jesper!AJ$2:AJ$366,ROUNDDOWN($C7152/24,0)+1,1))-1)+IF('Standard Profiles'!$G$20=$B$10,7,0)+IF('Standard Profiles'!$G$20=$B$17,14,0)+IF('Standard Profiles'!$G$20=$B$24,21,0),MOD($C7152,24)+1)/SUM(INDEX($D$3:$AA$30,INDEX(Jesper!$R$2:$R$366,ROW(INDEX(Jesper!AJ$2:AJ$366,ROUNDDOWN($C7152/24,0)+1,1))-1)+IF('Standard Profiles'!$G$20=$B$10,7,0)+IF('Standard Profiles'!$G$20=$B$17,14,0)+IF('Standard Profiles'!$G$20=$B$24,21,0),0)),0)</f>
        <v>0</v>
      </c>
      <c r="G7152" cm="1">
        <f t="array" ref="G7152">IFERROR(INDEX(Jesper!AK$2:AK$366,ROUNDDOWN($C7152/24,0)+1,1)*INDEX($D$3:$AA$30,INDEX(Jesper!$R$2:$R$366,ROW(INDEX(Jesper!AK$2:AK$366,ROUNDDOWN($C7152/24,0)+1,1))-1)+IF('Standard Profiles'!$G$21=$B$10,7,0)+IF('Standard Profiles'!$G$21=$B$17,14,0)+IF('Standard Profiles'!$G$21=$B$24,21,0),MOD($C7152,24)+1)/SUM(INDEX($D$3:$AA$30,INDEX(Jesper!$R$2:$R$366,ROW(INDEX(Jesper!AK$2:AK$366,ROUNDDOWN($C7152/24,0)+1,1))-1)+IF('Standard Profiles'!$G$21=$B$10,7,0)+IF('Standard Profiles'!$G$21=$B$17,14,0)+IF('Standard Profiles'!$G$21=$B$24,21,0),0)),0)</f>
        <v>4.5740381405949702</v>
      </c>
      <c r="H7152" cm="1">
        <f t="array" ref="H7152">IFERROR(INDEX(Jesper!AL$2:AL$366,ROUNDDOWN($C7152/24,0)+1,1)*INDEX($D$3:$AA$30,INDEX(Jesper!$R$2:$R$366,ROW(INDEX(Jesper!AL$2:AL$366,ROUNDDOWN($C7152/24,0)+1,1))-1)+IF('Standard Profiles'!$G$22=$B$10,7,0)+IF('Standard Profiles'!$G$22=$B$17,14,0)+IF('Standard Profiles'!$G$22=$B$24,21,0),MOD($C7152,24)+1)/SUM(INDEX($D$3:$AA$30,INDEX(Jesper!$R$2:$R$366,ROW(INDEX(Jesper!AL$2:AL$366,ROUNDDOWN($C7152/24,0)+1,1))-1)+IF('Standard Profiles'!$G$22=$B$10,7,0)+IF('Standard Profiles'!$G$22=$B$17,14,0)+IF('Standard Profiles'!$G$22=$B$24,21,0),0)),0)</f>
        <v>0</v>
      </c>
      <c r="I7152">
        <f t="shared" si="797"/>
        <v>2.1955383074855845</v>
      </c>
      <c r="J7152">
        <f t="shared" si="798"/>
        <v>54.684470501506517</v>
      </c>
      <c r="K7152">
        <f t="shared" si="799"/>
        <v>3.6883010106168661</v>
      </c>
      <c r="L7152">
        <f t="shared" si="800"/>
        <v>1.8441505053084331</v>
      </c>
      <c r="M7152">
        <f t="shared" si="801"/>
        <v>0</v>
      </c>
      <c r="N7152" s="45">
        <f t="shared" si="802"/>
        <v>45223.58333331607</v>
      </c>
    </row>
    <row r="7153" spans="2:14" x14ac:dyDescent="0.25">
      <c r="B7153">
        <f t="shared" si="796"/>
        <v>2</v>
      </c>
      <c r="C7153" s="16">
        <v>7119</v>
      </c>
      <c r="D7153" cm="1">
        <f t="array" ref="D7153">IFERROR(INDEX(Jesper!AH$2:AH$366,ROUNDDOWN($C7153/24,0)+1,1)*INDEX($D$3:$AA$30,INDEX(Jesper!$R$2:$R$366,ROW(INDEX(Jesper!AH$2:AH$366,ROUNDDOWN($C7153/24,0)+1,1))-1)+IF('Standard Profiles'!$G$18=$B$10,7,0)+IF('Standard Profiles'!$G$18=$B$17,14,0)+IF('Standard Profiles'!$G$18=$B$24,21,0),MOD($C7153,24)+1)/SUM(INDEX($D$3:$AA$30,INDEX(Jesper!$R$2:$R$366,ROW(INDEX(Jesper!AH$2:AH$366,ROUNDDOWN($C7153/24,0)+1,1))-1)+IF('Standard Profiles'!$G$18=$B$10,7,0)+IF('Standard Profiles'!$G$18=$B$17,14,0)+IF('Standard Profiles'!$G$18=$B$24,21,0),0)),0)</f>
        <v>34.577821974533116</v>
      </c>
      <c r="E7153" cm="1">
        <f t="array" ref="E7153">IFERROR(INDEX(Jesper!AI$2:AI$366,ROUNDDOWN($C7153/24,0)+1,1)*INDEX($D$3:$AA$30,INDEX(Jesper!$R$2:$R$366,ROW(INDEX(Jesper!AI$2:AI$366,ROUNDDOWN($C7153/24,0)+1,1))-1)+IF('Standard Profiles'!$G$19=$B$10,7,0)+IF('Standard Profiles'!$G$19=$B$17,14,0)+IF('Standard Profiles'!$G$19=$B$24,21,0),MOD($C7153,24)+1)/SUM(INDEX($D$3:$AA$30,INDEX(Jesper!$R$2:$R$366,ROW(INDEX(Jesper!AI$2:AI$366,ROUNDDOWN($C7153/24,0)+1,1))-1)+IF('Standard Profiles'!$G$19=$B$10,7,0)+IF('Standard Profiles'!$G$19=$B$17,14,0)+IF('Standard Profiles'!$G$19=$B$24,21,0),0)),0)</f>
        <v>23.260600209789313</v>
      </c>
      <c r="F7153" cm="1">
        <f t="array" ref="F7153">IFERROR(INDEX(Jesper!AJ$2:AJ$366,ROUNDDOWN($C7153/24,0)+1,1)*INDEX($D$3:$AA$30,INDEX(Jesper!$R$2:$R$366,ROW(INDEX(Jesper!AJ$2:AJ$366,ROUNDDOWN($C7153/24,0)+1,1))-1)+IF('Standard Profiles'!$G$20=$B$10,7,0)+IF('Standard Profiles'!$G$20=$B$17,14,0)+IF('Standard Profiles'!$G$20=$B$24,21,0),MOD($C7153,24)+1)/SUM(INDEX($D$3:$AA$30,INDEX(Jesper!$R$2:$R$366,ROW(INDEX(Jesper!AJ$2:AJ$366,ROUNDDOWN($C7153/24,0)+1,1))-1)+IF('Standard Profiles'!$G$20=$B$10,7,0)+IF('Standard Profiles'!$G$20=$B$17,14,0)+IF('Standard Profiles'!$G$20=$B$24,21,0),0)),0)</f>
        <v>0</v>
      </c>
      <c r="G7153" cm="1">
        <f t="array" ref="G7153">IFERROR(INDEX(Jesper!AK$2:AK$366,ROUNDDOWN($C7153/24,0)+1,1)*INDEX($D$3:$AA$30,INDEX(Jesper!$R$2:$R$366,ROW(INDEX(Jesper!AK$2:AK$366,ROUNDDOWN($C7153/24,0)+1,1))-1)+IF('Standard Profiles'!$G$21=$B$10,7,0)+IF('Standard Profiles'!$G$21=$B$17,14,0)+IF('Standard Profiles'!$G$21=$B$24,21,0),MOD($C7153,24)+1)/SUM(INDEX($D$3:$AA$30,INDEX(Jesper!$R$2:$R$366,ROW(INDEX(Jesper!AK$2:AK$366,ROUNDDOWN($C7153/24,0)+1,1))-1)+IF('Standard Profiles'!$G$21=$B$10,7,0)+IF('Standard Profiles'!$G$21=$B$17,14,0)+IF('Standard Profiles'!$G$21=$B$24,21,0),0)),0)</f>
        <v>4.5740381405949702</v>
      </c>
      <c r="H7153" cm="1">
        <f t="array" ref="H7153">IFERROR(INDEX(Jesper!AL$2:AL$366,ROUNDDOWN($C7153/24,0)+1,1)*INDEX($D$3:$AA$30,INDEX(Jesper!$R$2:$R$366,ROW(INDEX(Jesper!AL$2:AL$366,ROUNDDOWN($C7153/24,0)+1,1))-1)+IF('Standard Profiles'!$G$22=$B$10,7,0)+IF('Standard Profiles'!$G$22=$B$17,14,0)+IF('Standard Profiles'!$G$22=$B$24,21,0),MOD($C7153,24)+1)/SUM(INDEX($D$3:$AA$30,INDEX(Jesper!$R$2:$R$366,ROW(INDEX(Jesper!AL$2:AL$366,ROUNDDOWN($C7153/24,0)+1,1))-1)+IF('Standard Profiles'!$G$22=$B$10,7,0)+IF('Standard Profiles'!$G$22=$B$17,14,0)+IF('Standard Profiles'!$G$22=$B$24,21,0),0)),0)</f>
        <v>0</v>
      </c>
      <c r="I7153">
        <f t="shared" si="797"/>
        <v>2.1955383074855845</v>
      </c>
      <c r="J7153">
        <f t="shared" si="798"/>
        <v>54.684470501506517</v>
      </c>
      <c r="K7153">
        <f t="shared" si="799"/>
        <v>3.6883010106168661</v>
      </c>
      <c r="L7153">
        <f t="shared" si="800"/>
        <v>1.8441505053084331</v>
      </c>
      <c r="M7153">
        <f t="shared" si="801"/>
        <v>0</v>
      </c>
      <c r="N7153" s="45">
        <f t="shared" si="802"/>
        <v>45223.624999982734</v>
      </c>
    </row>
    <row r="7154" spans="2:14" x14ac:dyDescent="0.25">
      <c r="B7154">
        <f t="shared" si="796"/>
        <v>2</v>
      </c>
      <c r="C7154" s="16">
        <v>7120</v>
      </c>
      <c r="D7154" cm="1">
        <f t="array" ref="D7154">IFERROR(INDEX(Jesper!AH$2:AH$366,ROUNDDOWN($C7154/24,0)+1,1)*INDEX($D$3:$AA$30,INDEX(Jesper!$R$2:$R$366,ROW(INDEX(Jesper!AH$2:AH$366,ROUNDDOWN($C7154/24,0)+1,1))-1)+IF('Standard Profiles'!$G$18=$B$10,7,0)+IF('Standard Profiles'!$G$18=$B$17,14,0)+IF('Standard Profiles'!$G$18=$B$24,21,0),MOD($C7154,24)+1)/SUM(INDEX($D$3:$AA$30,INDEX(Jesper!$R$2:$R$366,ROW(INDEX(Jesper!AH$2:AH$366,ROUNDDOWN($C7154/24,0)+1,1))-1)+IF('Standard Profiles'!$G$18=$B$10,7,0)+IF('Standard Profiles'!$G$18=$B$17,14,0)+IF('Standard Profiles'!$G$18=$B$24,21,0),0)),0)</f>
        <v>20.376216520707015</v>
      </c>
      <c r="E7154" cm="1">
        <f t="array" ref="E7154">IFERROR(INDEX(Jesper!AI$2:AI$366,ROUNDDOWN($C7154/24,0)+1,1)*INDEX($D$3:$AA$30,INDEX(Jesper!$R$2:$R$366,ROW(INDEX(Jesper!AI$2:AI$366,ROUNDDOWN($C7154/24,0)+1,1))-1)+IF('Standard Profiles'!$G$19=$B$10,7,0)+IF('Standard Profiles'!$G$19=$B$17,14,0)+IF('Standard Profiles'!$G$19=$B$24,21,0),MOD($C7154,24)+1)/SUM(INDEX($D$3:$AA$30,INDEX(Jesper!$R$2:$R$366,ROW(INDEX(Jesper!AI$2:AI$366,ROUNDDOWN($C7154/24,0)+1,1))-1)+IF('Standard Profiles'!$G$19=$B$10,7,0)+IF('Standard Profiles'!$G$19=$B$17,14,0)+IF('Standard Profiles'!$G$19=$B$24,21,0),0)),0)</f>
        <v>13.707139409340131</v>
      </c>
      <c r="F7154" cm="1">
        <f t="array" ref="F7154">IFERROR(INDEX(Jesper!AJ$2:AJ$366,ROUNDDOWN($C7154/24,0)+1,1)*INDEX($D$3:$AA$30,INDEX(Jesper!$R$2:$R$366,ROW(INDEX(Jesper!AJ$2:AJ$366,ROUNDDOWN($C7154/24,0)+1,1))-1)+IF('Standard Profiles'!$G$20=$B$10,7,0)+IF('Standard Profiles'!$G$20=$B$17,14,0)+IF('Standard Profiles'!$G$20=$B$24,21,0),MOD($C7154,24)+1)/SUM(INDEX($D$3:$AA$30,INDEX(Jesper!$R$2:$R$366,ROW(INDEX(Jesper!AJ$2:AJ$366,ROUNDDOWN($C7154/24,0)+1,1))-1)+IF('Standard Profiles'!$G$20=$B$10,7,0)+IF('Standard Profiles'!$G$20=$B$17,14,0)+IF('Standard Profiles'!$G$20=$B$24,21,0),0)),0)</f>
        <v>0</v>
      </c>
      <c r="G7154" cm="1">
        <f t="array" ref="G7154">IFERROR(INDEX(Jesper!AK$2:AK$366,ROUNDDOWN($C7154/24,0)+1,1)*INDEX($D$3:$AA$30,INDEX(Jesper!$R$2:$R$366,ROW(INDEX(Jesper!AK$2:AK$366,ROUNDDOWN($C7154/24,0)+1,1))-1)+IF('Standard Profiles'!$G$21=$B$10,7,0)+IF('Standard Profiles'!$G$21=$B$17,14,0)+IF('Standard Profiles'!$G$21=$B$24,21,0),MOD($C7154,24)+1)/SUM(INDEX($D$3:$AA$30,INDEX(Jesper!$R$2:$R$366,ROW(INDEX(Jesper!AK$2:AK$366,ROUNDDOWN($C7154/24,0)+1,1))-1)+IF('Standard Profiles'!$G$21=$B$10,7,0)+IF('Standard Profiles'!$G$21=$B$17,14,0)+IF('Standard Profiles'!$G$21=$B$24,21,0),0)),0)</f>
        <v>3.823284160071784</v>
      </c>
      <c r="H7154" cm="1">
        <f t="array" ref="H7154">IFERROR(INDEX(Jesper!AL$2:AL$366,ROUNDDOWN($C7154/24,0)+1,1)*INDEX($D$3:$AA$30,INDEX(Jesper!$R$2:$R$366,ROW(INDEX(Jesper!AL$2:AL$366,ROUNDDOWN($C7154/24,0)+1,1))-1)+IF('Standard Profiles'!$G$22=$B$10,7,0)+IF('Standard Profiles'!$G$22=$B$17,14,0)+IF('Standard Profiles'!$G$22=$B$24,21,0),MOD($C7154,24)+1)/SUM(INDEX($D$3:$AA$30,INDEX(Jesper!$R$2:$R$366,ROW(INDEX(Jesper!AL$2:AL$366,ROUNDDOWN($C7154/24,0)+1,1))-1)+IF('Standard Profiles'!$G$22=$B$10,7,0)+IF('Standard Profiles'!$G$22=$B$17,14,0)+IF('Standard Profiles'!$G$22=$B$24,21,0),0)),0)</f>
        <v>0</v>
      </c>
      <c r="I7154">
        <f t="shared" si="797"/>
        <v>1.8351763968344554</v>
      </c>
      <c r="J7154">
        <f t="shared" si="798"/>
        <v>32.811269049971351</v>
      </c>
      <c r="K7154">
        <f t="shared" si="799"/>
        <v>2.1734630955420817</v>
      </c>
      <c r="L7154">
        <f t="shared" si="800"/>
        <v>1.0867315477710409</v>
      </c>
      <c r="M7154">
        <f t="shared" si="801"/>
        <v>0</v>
      </c>
      <c r="N7154" s="45">
        <f t="shared" si="802"/>
        <v>45223.666666649398</v>
      </c>
    </row>
    <row r="7155" spans="2:14" x14ac:dyDescent="0.25">
      <c r="B7155">
        <f t="shared" si="796"/>
        <v>2</v>
      </c>
      <c r="C7155" s="16">
        <v>7121</v>
      </c>
      <c r="D7155" cm="1">
        <f t="array" ref="D7155">IFERROR(INDEX(Jesper!AH$2:AH$366,ROUNDDOWN($C7155/24,0)+1,1)*INDEX($D$3:$AA$30,INDEX(Jesper!$R$2:$R$366,ROW(INDEX(Jesper!AH$2:AH$366,ROUNDDOWN($C7155/24,0)+1,1))-1)+IF('Standard Profiles'!$G$18=$B$10,7,0)+IF('Standard Profiles'!$G$18=$B$17,14,0)+IF('Standard Profiles'!$G$18=$B$24,21,0),MOD($C7155,24)+1)/SUM(INDEX($D$3:$AA$30,INDEX(Jesper!$R$2:$R$366,ROW(INDEX(Jesper!AH$2:AH$366,ROUNDDOWN($C7155/24,0)+1,1))-1)+IF('Standard Profiles'!$G$18=$B$10,7,0)+IF('Standard Profiles'!$G$18=$B$17,14,0)+IF('Standard Profiles'!$G$18=$B$24,21,0),0)),0)</f>
        <v>8.6966353054660761</v>
      </c>
      <c r="E7155" cm="1">
        <f t="array" ref="E7155">IFERROR(INDEX(Jesper!AI$2:AI$366,ROUNDDOWN($C7155/24,0)+1,1)*INDEX($D$3:$AA$30,INDEX(Jesper!$R$2:$R$366,ROW(INDEX(Jesper!AI$2:AI$366,ROUNDDOWN($C7155/24,0)+1,1))-1)+IF('Standard Profiles'!$G$19=$B$10,7,0)+IF('Standard Profiles'!$G$19=$B$17,14,0)+IF('Standard Profiles'!$G$19=$B$24,21,0),MOD($C7155,24)+1)/SUM(INDEX($D$3:$AA$30,INDEX(Jesper!$R$2:$R$366,ROW(INDEX(Jesper!AI$2:AI$366,ROUNDDOWN($C7155/24,0)+1,1))-1)+IF('Standard Profiles'!$G$19=$B$10,7,0)+IF('Standard Profiles'!$G$19=$B$17,14,0)+IF('Standard Profiles'!$G$19=$B$24,21,0),0)),0)</f>
        <v>5.8502515618182382</v>
      </c>
      <c r="F7155" cm="1">
        <f t="array" ref="F7155">IFERROR(INDEX(Jesper!AJ$2:AJ$366,ROUNDDOWN($C7155/24,0)+1,1)*INDEX($D$3:$AA$30,INDEX(Jesper!$R$2:$R$366,ROW(INDEX(Jesper!AJ$2:AJ$366,ROUNDDOWN($C7155/24,0)+1,1))-1)+IF('Standard Profiles'!$G$20=$B$10,7,0)+IF('Standard Profiles'!$G$20=$B$17,14,0)+IF('Standard Profiles'!$G$20=$B$24,21,0),MOD($C7155,24)+1)/SUM(INDEX($D$3:$AA$30,INDEX(Jesper!$R$2:$R$366,ROW(INDEX(Jesper!AJ$2:AJ$366,ROUNDDOWN($C7155/24,0)+1,1))-1)+IF('Standard Profiles'!$G$20=$B$10,7,0)+IF('Standard Profiles'!$G$20=$B$17,14,0)+IF('Standard Profiles'!$G$20=$B$24,21,0),0)),0)</f>
        <v>0</v>
      </c>
      <c r="G7155" cm="1">
        <f t="array" ref="G7155">IFERROR(INDEX(Jesper!AK$2:AK$366,ROUNDDOWN($C7155/24,0)+1,1)*INDEX($D$3:$AA$30,INDEX(Jesper!$R$2:$R$366,ROW(INDEX(Jesper!AK$2:AK$366,ROUNDDOWN($C7155/24,0)+1,1))-1)+IF('Standard Profiles'!$G$21=$B$10,7,0)+IF('Standard Profiles'!$G$21=$B$17,14,0)+IF('Standard Profiles'!$G$21=$B$24,21,0),MOD($C7155,24)+1)/SUM(INDEX($D$3:$AA$30,INDEX(Jesper!$R$2:$R$366,ROW(INDEX(Jesper!AK$2:AK$366,ROUNDDOWN($C7155/24,0)+1,1))-1)+IF('Standard Profiles'!$G$21=$B$10,7,0)+IF('Standard Profiles'!$G$21=$B$17,14,0)+IF('Standard Profiles'!$G$21=$B$24,21,0),0)),0)</f>
        <v>3.0377730508206717</v>
      </c>
      <c r="H7155" cm="1">
        <f t="array" ref="H7155">IFERROR(INDEX(Jesper!AL$2:AL$366,ROUNDDOWN($C7155/24,0)+1,1)*INDEX($D$3:$AA$30,INDEX(Jesper!$R$2:$R$366,ROW(INDEX(Jesper!AL$2:AL$366,ROUNDDOWN($C7155/24,0)+1,1))-1)+IF('Standard Profiles'!$G$22=$B$10,7,0)+IF('Standard Profiles'!$G$22=$B$17,14,0)+IF('Standard Profiles'!$G$22=$B$24,21,0),MOD($C7155,24)+1)/SUM(INDEX($D$3:$AA$30,INDEX(Jesper!$R$2:$R$366,ROW(INDEX(Jesper!AL$2:AL$366,ROUNDDOWN($C7155/24,0)+1,1))-1)+IF('Standard Profiles'!$G$22=$B$10,7,0)+IF('Standard Profiles'!$G$22=$B$17,14,0)+IF('Standard Profiles'!$G$22=$B$24,21,0),0)),0)</f>
        <v>0</v>
      </c>
      <c r="I7155">
        <f t="shared" si="797"/>
        <v>1.4581310643939216</v>
      </c>
      <c r="J7155">
        <f t="shared" si="798"/>
        <v>14.735067204836493</v>
      </c>
      <c r="K7155">
        <f t="shared" si="799"/>
        <v>0.92764109924971483</v>
      </c>
      <c r="L7155">
        <f t="shared" si="800"/>
        <v>0.46382054962485741</v>
      </c>
      <c r="M7155">
        <f t="shared" si="801"/>
        <v>0</v>
      </c>
      <c r="N7155" s="45">
        <f t="shared" si="802"/>
        <v>45223.708333316063</v>
      </c>
    </row>
    <row r="7156" spans="2:14" x14ac:dyDescent="0.25">
      <c r="B7156">
        <f t="shared" si="796"/>
        <v>2</v>
      </c>
      <c r="C7156" s="16">
        <v>7122</v>
      </c>
      <c r="D7156" cm="1">
        <f t="array" ref="D7156">IFERROR(INDEX(Jesper!AH$2:AH$366,ROUNDDOWN($C7156/24,0)+1,1)*INDEX($D$3:$AA$30,INDEX(Jesper!$R$2:$R$366,ROW(INDEX(Jesper!AH$2:AH$366,ROUNDDOWN($C7156/24,0)+1,1))-1)+IF('Standard Profiles'!$G$18=$B$10,7,0)+IF('Standard Profiles'!$G$18=$B$17,14,0)+IF('Standard Profiles'!$G$18=$B$24,21,0),MOD($C7156,24)+1)/SUM(INDEX($D$3:$AA$30,INDEX(Jesper!$R$2:$R$366,ROW(INDEX(Jesper!AH$2:AH$366,ROUNDDOWN($C7156/24,0)+1,1))-1)+IF('Standard Profiles'!$G$18=$B$10,7,0)+IF('Standard Profiles'!$G$18=$B$17,14,0)+IF('Standard Profiles'!$G$18=$B$24,21,0),0)),0)</f>
        <v>5.7397793016076095</v>
      </c>
      <c r="E7156" cm="1">
        <f t="array" ref="E7156">IFERROR(INDEX(Jesper!AI$2:AI$366,ROUNDDOWN($C7156/24,0)+1,1)*INDEX($D$3:$AA$30,INDEX(Jesper!$R$2:$R$366,ROW(INDEX(Jesper!AI$2:AI$366,ROUNDDOWN($C7156/24,0)+1,1))-1)+IF('Standard Profiles'!$G$19=$B$10,7,0)+IF('Standard Profiles'!$G$19=$B$17,14,0)+IF('Standard Profiles'!$G$19=$B$24,21,0),MOD($C7156,24)+1)/SUM(INDEX($D$3:$AA$30,INDEX(Jesper!$R$2:$R$366,ROW(INDEX(Jesper!AI$2:AI$366,ROUNDDOWN($C7156/24,0)+1,1))-1)+IF('Standard Profiles'!$G$19=$B$10,7,0)+IF('Standard Profiles'!$G$19=$B$17,14,0)+IF('Standard Profiles'!$G$19=$B$24,21,0),0)),0)</f>
        <v>3.8611660308000371</v>
      </c>
      <c r="F7156" cm="1">
        <f t="array" ref="F7156">IFERROR(INDEX(Jesper!AJ$2:AJ$366,ROUNDDOWN($C7156/24,0)+1,1)*INDEX($D$3:$AA$30,INDEX(Jesper!$R$2:$R$366,ROW(INDEX(Jesper!AJ$2:AJ$366,ROUNDDOWN($C7156/24,0)+1,1))-1)+IF('Standard Profiles'!$G$20=$B$10,7,0)+IF('Standard Profiles'!$G$20=$B$17,14,0)+IF('Standard Profiles'!$G$20=$B$24,21,0),MOD($C7156,24)+1)/SUM(INDEX($D$3:$AA$30,INDEX(Jesper!$R$2:$R$366,ROW(INDEX(Jesper!AJ$2:AJ$366,ROUNDDOWN($C7156/24,0)+1,1))-1)+IF('Standard Profiles'!$G$20=$B$10,7,0)+IF('Standard Profiles'!$G$20=$B$17,14,0)+IF('Standard Profiles'!$G$20=$B$24,21,0),0)),0)</f>
        <v>0</v>
      </c>
      <c r="G7156" cm="1">
        <f t="array" ref="G7156">IFERROR(INDEX(Jesper!AK$2:AK$366,ROUNDDOWN($C7156/24,0)+1,1)*INDEX($D$3:$AA$30,INDEX(Jesper!$R$2:$R$366,ROW(INDEX(Jesper!AK$2:AK$366,ROUNDDOWN($C7156/24,0)+1,1))-1)+IF('Standard Profiles'!$G$21=$B$10,7,0)+IF('Standard Profiles'!$G$21=$B$17,14,0)+IF('Standard Profiles'!$G$21=$B$24,21,0),MOD($C7156,24)+1)/SUM(INDEX($D$3:$AA$30,INDEX(Jesper!$R$2:$R$366,ROW(INDEX(Jesper!AK$2:AK$366,ROUNDDOWN($C7156/24,0)+1,1))-1)+IF('Standard Profiles'!$G$21=$B$10,7,0)+IF('Standard Profiles'!$G$21=$B$17,14,0)+IF('Standard Profiles'!$G$21=$B$24,21,0),0)),0)</f>
        <v>1.0774709905656845</v>
      </c>
      <c r="H7156" cm="1">
        <f t="array" ref="H7156">IFERROR(INDEX(Jesper!AL$2:AL$366,ROUNDDOWN($C7156/24,0)+1,1)*INDEX($D$3:$AA$30,INDEX(Jesper!$R$2:$R$366,ROW(INDEX(Jesper!AL$2:AL$366,ROUNDDOWN($C7156/24,0)+1,1))-1)+IF('Standard Profiles'!$G$22=$B$10,7,0)+IF('Standard Profiles'!$G$22=$B$17,14,0)+IF('Standard Profiles'!$G$22=$B$24,21,0),MOD($C7156,24)+1)/SUM(INDEX($D$3:$AA$30,INDEX(Jesper!$R$2:$R$366,ROW(INDEX(Jesper!AL$2:AL$366,ROUNDDOWN($C7156/24,0)+1,1))-1)+IF('Standard Profiles'!$G$22=$B$10,7,0)+IF('Standard Profiles'!$G$22=$B$17,14,0)+IF('Standard Profiles'!$G$22=$B$24,21,0),0)),0)</f>
        <v>0</v>
      </c>
      <c r="I7156">
        <f t="shared" si="797"/>
        <v>0.51718607547152828</v>
      </c>
      <c r="J7156">
        <f t="shared" si="798"/>
        <v>9.242865559244585</v>
      </c>
      <c r="K7156">
        <f t="shared" si="799"/>
        <v>0.61224312550481175</v>
      </c>
      <c r="L7156">
        <f t="shared" si="800"/>
        <v>0.30612156275240587</v>
      </c>
      <c r="M7156">
        <f t="shared" si="801"/>
        <v>0</v>
      </c>
      <c r="N7156" s="45">
        <f t="shared" si="802"/>
        <v>45223.749999982727</v>
      </c>
    </row>
    <row r="7157" spans="2:14" x14ac:dyDescent="0.25">
      <c r="B7157">
        <f t="shared" si="796"/>
        <v>2</v>
      </c>
      <c r="C7157" s="16">
        <v>7123</v>
      </c>
      <c r="D7157" cm="1">
        <f t="array" ref="D7157">IFERROR(INDEX(Jesper!AH$2:AH$366,ROUNDDOWN($C7157/24,0)+1,1)*INDEX($D$3:$AA$30,INDEX(Jesper!$R$2:$R$366,ROW(INDEX(Jesper!AH$2:AH$366,ROUNDDOWN($C7157/24,0)+1,1))-1)+IF('Standard Profiles'!$G$18=$B$10,7,0)+IF('Standard Profiles'!$G$18=$B$17,14,0)+IF('Standard Profiles'!$G$18=$B$24,21,0),MOD($C7157,24)+1)/SUM(INDEX($D$3:$AA$30,INDEX(Jesper!$R$2:$R$366,ROW(INDEX(Jesper!AH$2:AH$366,ROUNDDOWN($C7157/24,0)+1,1))-1)+IF('Standard Profiles'!$G$18=$B$10,7,0)+IF('Standard Profiles'!$G$18=$B$17,14,0)+IF('Standard Profiles'!$G$18=$B$24,21,0),0)),0)</f>
        <v>5.7397793016076095</v>
      </c>
      <c r="E7157" cm="1">
        <f t="array" ref="E7157">IFERROR(INDEX(Jesper!AI$2:AI$366,ROUNDDOWN($C7157/24,0)+1,1)*INDEX($D$3:$AA$30,INDEX(Jesper!$R$2:$R$366,ROW(INDEX(Jesper!AI$2:AI$366,ROUNDDOWN($C7157/24,0)+1,1))-1)+IF('Standard Profiles'!$G$19=$B$10,7,0)+IF('Standard Profiles'!$G$19=$B$17,14,0)+IF('Standard Profiles'!$G$19=$B$24,21,0),MOD($C7157,24)+1)/SUM(INDEX($D$3:$AA$30,INDEX(Jesper!$R$2:$R$366,ROW(INDEX(Jesper!AI$2:AI$366,ROUNDDOWN($C7157/24,0)+1,1))-1)+IF('Standard Profiles'!$G$19=$B$10,7,0)+IF('Standard Profiles'!$G$19=$B$17,14,0)+IF('Standard Profiles'!$G$19=$B$24,21,0),0)),0)</f>
        <v>3.8611660308000371</v>
      </c>
      <c r="F7157" cm="1">
        <f t="array" ref="F7157">IFERROR(INDEX(Jesper!AJ$2:AJ$366,ROUNDDOWN($C7157/24,0)+1,1)*INDEX($D$3:$AA$30,INDEX(Jesper!$R$2:$R$366,ROW(INDEX(Jesper!AJ$2:AJ$366,ROUNDDOWN($C7157/24,0)+1,1))-1)+IF('Standard Profiles'!$G$20=$B$10,7,0)+IF('Standard Profiles'!$G$20=$B$17,14,0)+IF('Standard Profiles'!$G$20=$B$24,21,0),MOD($C7157,24)+1)/SUM(INDEX($D$3:$AA$30,INDEX(Jesper!$R$2:$R$366,ROW(INDEX(Jesper!AJ$2:AJ$366,ROUNDDOWN($C7157/24,0)+1,1))-1)+IF('Standard Profiles'!$G$20=$B$10,7,0)+IF('Standard Profiles'!$G$20=$B$17,14,0)+IF('Standard Profiles'!$G$20=$B$24,21,0),0)),0)</f>
        <v>0</v>
      </c>
      <c r="G7157" cm="1">
        <f t="array" ref="G7157">IFERROR(INDEX(Jesper!AK$2:AK$366,ROUNDDOWN($C7157/24,0)+1,1)*INDEX($D$3:$AA$30,INDEX(Jesper!$R$2:$R$366,ROW(INDEX(Jesper!AK$2:AK$366,ROUNDDOWN($C7157/24,0)+1,1))-1)+IF('Standard Profiles'!$G$21=$B$10,7,0)+IF('Standard Profiles'!$G$21=$B$17,14,0)+IF('Standard Profiles'!$G$21=$B$24,21,0),MOD($C7157,24)+1)/SUM(INDEX($D$3:$AA$30,INDEX(Jesper!$R$2:$R$366,ROW(INDEX(Jesper!AK$2:AK$366,ROUNDDOWN($C7157/24,0)+1,1))-1)+IF('Standard Profiles'!$G$21=$B$10,7,0)+IF('Standard Profiles'!$G$21=$B$17,14,0)+IF('Standard Profiles'!$G$21=$B$24,21,0),0)),0)</f>
        <v>1.0774709905656845</v>
      </c>
      <c r="H7157" cm="1">
        <f t="array" ref="H7157">IFERROR(INDEX(Jesper!AL$2:AL$366,ROUNDDOWN($C7157/24,0)+1,1)*INDEX($D$3:$AA$30,INDEX(Jesper!$R$2:$R$366,ROW(INDEX(Jesper!AL$2:AL$366,ROUNDDOWN($C7157/24,0)+1,1))-1)+IF('Standard Profiles'!$G$22=$B$10,7,0)+IF('Standard Profiles'!$G$22=$B$17,14,0)+IF('Standard Profiles'!$G$22=$B$24,21,0),MOD($C7157,24)+1)/SUM(INDEX($D$3:$AA$30,INDEX(Jesper!$R$2:$R$366,ROW(INDEX(Jesper!AL$2:AL$366,ROUNDDOWN($C7157/24,0)+1,1))-1)+IF('Standard Profiles'!$G$22=$B$10,7,0)+IF('Standard Profiles'!$G$22=$B$17,14,0)+IF('Standard Profiles'!$G$22=$B$24,21,0),0)),0)</f>
        <v>0</v>
      </c>
      <c r="I7157">
        <f t="shared" si="797"/>
        <v>0.51718607547152828</v>
      </c>
      <c r="J7157">
        <f t="shared" si="798"/>
        <v>9.242865559244585</v>
      </c>
      <c r="K7157">
        <f t="shared" si="799"/>
        <v>0.61224312550481175</v>
      </c>
      <c r="L7157">
        <f t="shared" si="800"/>
        <v>0.30612156275240587</v>
      </c>
      <c r="M7157">
        <f t="shared" si="801"/>
        <v>0</v>
      </c>
      <c r="N7157" s="45">
        <f t="shared" si="802"/>
        <v>45223.791666649391</v>
      </c>
    </row>
    <row r="7158" spans="2:14" x14ac:dyDescent="0.25">
      <c r="B7158">
        <f t="shared" si="796"/>
        <v>2</v>
      </c>
      <c r="C7158" s="16">
        <v>7124</v>
      </c>
      <c r="D7158" cm="1">
        <f t="array" ref="D7158">IFERROR(INDEX(Jesper!AH$2:AH$366,ROUNDDOWN($C7158/24,0)+1,1)*INDEX($D$3:$AA$30,INDEX(Jesper!$R$2:$R$366,ROW(INDEX(Jesper!AH$2:AH$366,ROUNDDOWN($C7158/24,0)+1,1))-1)+IF('Standard Profiles'!$G$18=$B$10,7,0)+IF('Standard Profiles'!$G$18=$B$17,14,0)+IF('Standard Profiles'!$G$18=$B$24,21,0),MOD($C7158,24)+1)/SUM(INDEX($D$3:$AA$30,INDEX(Jesper!$R$2:$R$366,ROW(INDEX(Jesper!AH$2:AH$366,ROUNDDOWN($C7158/24,0)+1,1))-1)+IF('Standard Profiles'!$G$18=$B$10,7,0)+IF('Standard Profiles'!$G$18=$B$17,14,0)+IF('Standard Profiles'!$G$18=$B$24,21,0),0)),0)</f>
        <v>5.7397793016076095</v>
      </c>
      <c r="E7158" cm="1">
        <f t="array" ref="E7158">IFERROR(INDEX(Jesper!AI$2:AI$366,ROUNDDOWN($C7158/24,0)+1,1)*INDEX($D$3:$AA$30,INDEX(Jesper!$R$2:$R$366,ROW(INDEX(Jesper!AI$2:AI$366,ROUNDDOWN($C7158/24,0)+1,1))-1)+IF('Standard Profiles'!$G$19=$B$10,7,0)+IF('Standard Profiles'!$G$19=$B$17,14,0)+IF('Standard Profiles'!$G$19=$B$24,21,0),MOD($C7158,24)+1)/SUM(INDEX($D$3:$AA$30,INDEX(Jesper!$R$2:$R$366,ROW(INDEX(Jesper!AI$2:AI$366,ROUNDDOWN($C7158/24,0)+1,1))-1)+IF('Standard Profiles'!$G$19=$B$10,7,0)+IF('Standard Profiles'!$G$19=$B$17,14,0)+IF('Standard Profiles'!$G$19=$B$24,21,0),0)),0)</f>
        <v>3.8611660308000371</v>
      </c>
      <c r="F7158" cm="1">
        <f t="array" ref="F7158">IFERROR(INDEX(Jesper!AJ$2:AJ$366,ROUNDDOWN($C7158/24,0)+1,1)*INDEX($D$3:$AA$30,INDEX(Jesper!$R$2:$R$366,ROW(INDEX(Jesper!AJ$2:AJ$366,ROUNDDOWN($C7158/24,0)+1,1))-1)+IF('Standard Profiles'!$G$20=$B$10,7,0)+IF('Standard Profiles'!$G$20=$B$17,14,0)+IF('Standard Profiles'!$G$20=$B$24,21,0),MOD($C7158,24)+1)/SUM(INDEX($D$3:$AA$30,INDEX(Jesper!$R$2:$R$366,ROW(INDEX(Jesper!AJ$2:AJ$366,ROUNDDOWN($C7158/24,0)+1,1))-1)+IF('Standard Profiles'!$G$20=$B$10,7,0)+IF('Standard Profiles'!$G$20=$B$17,14,0)+IF('Standard Profiles'!$G$20=$B$24,21,0),0)),0)</f>
        <v>0</v>
      </c>
      <c r="G7158" cm="1">
        <f t="array" ref="G7158">IFERROR(INDEX(Jesper!AK$2:AK$366,ROUNDDOWN($C7158/24,0)+1,1)*INDEX($D$3:$AA$30,INDEX(Jesper!$R$2:$R$366,ROW(INDEX(Jesper!AK$2:AK$366,ROUNDDOWN($C7158/24,0)+1,1))-1)+IF('Standard Profiles'!$G$21=$B$10,7,0)+IF('Standard Profiles'!$G$21=$B$17,14,0)+IF('Standard Profiles'!$G$21=$B$24,21,0),MOD($C7158,24)+1)/SUM(INDEX($D$3:$AA$30,INDEX(Jesper!$R$2:$R$366,ROW(INDEX(Jesper!AK$2:AK$366,ROUNDDOWN($C7158/24,0)+1,1))-1)+IF('Standard Profiles'!$G$21=$B$10,7,0)+IF('Standard Profiles'!$G$21=$B$17,14,0)+IF('Standard Profiles'!$G$21=$B$24,21,0),0)),0)</f>
        <v>1.0774709905656845</v>
      </c>
      <c r="H7158" cm="1">
        <f t="array" ref="H7158">IFERROR(INDEX(Jesper!AL$2:AL$366,ROUNDDOWN($C7158/24,0)+1,1)*INDEX($D$3:$AA$30,INDEX(Jesper!$R$2:$R$366,ROW(INDEX(Jesper!AL$2:AL$366,ROUNDDOWN($C7158/24,0)+1,1))-1)+IF('Standard Profiles'!$G$22=$B$10,7,0)+IF('Standard Profiles'!$G$22=$B$17,14,0)+IF('Standard Profiles'!$G$22=$B$24,21,0),MOD($C7158,24)+1)/SUM(INDEX($D$3:$AA$30,INDEX(Jesper!$R$2:$R$366,ROW(INDEX(Jesper!AL$2:AL$366,ROUNDDOWN($C7158/24,0)+1,1))-1)+IF('Standard Profiles'!$G$22=$B$10,7,0)+IF('Standard Profiles'!$G$22=$B$17,14,0)+IF('Standard Profiles'!$G$22=$B$24,21,0),0)),0)</f>
        <v>0</v>
      </c>
      <c r="I7158">
        <f t="shared" si="797"/>
        <v>0.51718607547152828</v>
      </c>
      <c r="J7158">
        <f t="shared" si="798"/>
        <v>9.242865559244585</v>
      </c>
      <c r="K7158">
        <f t="shared" si="799"/>
        <v>0.61224312550481175</v>
      </c>
      <c r="L7158">
        <f t="shared" si="800"/>
        <v>0.30612156275240587</v>
      </c>
      <c r="M7158">
        <f t="shared" si="801"/>
        <v>0</v>
      </c>
      <c r="N7158" s="45">
        <f t="shared" si="802"/>
        <v>45223.833333316055</v>
      </c>
    </row>
    <row r="7159" spans="2:14" x14ac:dyDescent="0.25">
      <c r="B7159">
        <f t="shared" si="796"/>
        <v>2</v>
      </c>
      <c r="C7159" s="16">
        <v>7125</v>
      </c>
      <c r="D7159" cm="1">
        <f t="array" ref="D7159">IFERROR(INDEX(Jesper!AH$2:AH$366,ROUNDDOWN($C7159/24,0)+1,1)*INDEX($D$3:$AA$30,INDEX(Jesper!$R$2:$R$366,ROW(INDEX(Jesper!AH$2:AH$366,ROUNDDOWN($C7159/24,0)+1,1))-1)+IF('Standard Profiles'!$G$18=$B$10,7,0)+IF('Standard Profiles'!$G$18=$B$17,14,0)+IF('Standard Profiles'!$G$18=$B$24,21,0),MOD($C7159,24)+1)/SUM(INDEX($D$3:$AA$30,INDEX(Jesper!$R$2:$R$366,ROW(INDEX(Jesper!AH$2:AH$366,ROUNDDOWN($C7159/24,0)+1,1))-1)+IF('Standard Profiles'!$G$18=$B$10,7,0)+IF('Standard Profiles'!$G$18=$B$17,14,0)+IF('Standard Profiles'!$G$18=$B$24,21,0),0)),0)</f>
        <v>5.7397793016076095</v>
      </c>
      <c r="E7159" cm="1">
        <f t="array" ref="E7159">IFERROR(INDEX(Jesper!AI$2:AI$366,ROUNDDOWN($C7159/24,0)+1,1)*INDEX($D$3:$AA$30,INDEX(Jesper!$R$2:$R$366,ROW(INDEX(Jesper!AI$2:AI$366,ROUNDDOWN($C7159/24,0)+1,1))-1)+IF('Standard Profiles'!$G$19=$B$10,7,0)+IF('Standard Profiles'!$G$19=$B$17,14,0)+IF('Standard Profiles'!$G$19=$B$24,21,0),MOD($C7159,24)+1)/SUM(INDEX($D$3:$AA$30,INDEX(Jesper!$R$2:$R$366,ROW(INDEX(Jesper!AI$2:AI$366,ROUNDDOWN($C7159/24,0)+1,1))-1)+IF('Standard Profiles'!$G$19=$B$10,7,0)+IF('Standard Profiles'!$G$19=$B$17,14,0)+IF('Standard Profiles'!$G$19=$B$24,21,0),0)),0)</f>
        <v>3.8611660308000371</v>
      </c>
      <c r="F7159" cm="1">
        <f t="array" ref="F7159">IFERROR(INDEX(Jesper!AJ$2:AJ$366,ROUNDDOWN($C7159/24,0)+1,1)*INDEX($D$3:$AA$30,INDEX(Jesper!$R$2:$R$366,ROW(INDEX(Jesper!AJ$2:AJ$366,ROUNDDOWN($C7159/24,0)+1,1))-1)+IF('Standard Profiles'!$G$20=$B$10,7,0)+IF('Standard Profiles'!$G$20=$B$17,14,0)+IF('Standard Profiles'!$G$20=$B$24,21,0),MOD($C7159,24)+1)/SUM(INDEX($D$3:$AA$30,INDEX(Jesper!$R$2:$R$366,ROW(INDEX(Jesper!AJ$2:AJ$366,ROUNDDOWN($C7159/24,0)+1,1))-1)+IF('Standard Profiles'!$G$20=$B$10,7,0)+IF('Standard Profiles'!$G$20=$B$17,14,0)+IF('Standard Profiles'!$G$20=$B$24,21,0),0)),0)</f>
        <v>0</v>
      </c>
      <c r="G7159" cm="1">
        <f t="array" ref="G7159">IFERROR(INDEX(Jesper!AK$2:AK$366,ROUNDDOWN($C7159/24,0)+1,1)*INDEX($D$3:$AA$30,INDEX(Jesper!$R$2:$R$366,ROW(INDEX(Jesper!AK$2:AK$366,ROUNDDOWN($C7159/24,0)+1,1))-1)+IF('Standard Profiles'!$G$21=$B$10,7,0)+IF('Standard Profiles'!$G$21=$B$17,14,0)+IF('Standard Profiles'!$G$21=$B$24,21,0),MOD($C7159,24)+1)/SUM(INDEX($D$3:$AA$30,INDEX(Jesper!$R$2:$R$366,ROW(INDEX(Jesper!AK$2:AK$366,ROUNDDOWN($C7159/24,0)+1,1))-1)+IF('Standard Profiles'!$G$21=$B$10,7,0)+IF('Standard Profiles'!$G$21=$B$17,14,0)+IF('Standard Profiles'!$G$21=$B$24,21,0),0)),0)</f>
        <v>1.0774709905656845</v>
      </c>
      <c r="H7159" cm="1">
        <f t="array" ref="H7159">IFERROR(INDEX(Jesper!AL$2:AL$366,ROUNDDOWN($C7159/24,0)+1,1)*INDEX($D$3:$AA$30,INDEX(Jesper!$R$2:$R$366,ROW(INDEX(Jesper!AL$2:AL$366,ROUNDDOWN($C7159/24,0)+1,1))-1)+IF('Standard Profiles'!$G$22=$B$10,7,0)+IF('Standard Profiles'!$G$22=$B$17,14,0)+IF('Standard Profiles'!$G$22=$B$24,21,0),MOD($C7159,24)+1)/SUM(INDEX($D$3:$AA$30,INDEX(Jesper!$R$2:$R$366,ROW(INDEX(Jesper!AL$2:AL$366,ROUNDDOWN($C7159/24,0)+1,1))-1)+IF('Standard Profiles'!$G$22=$B$10,7,0)+IF('Standard Profiles'!$G$22=$B$17,14,0)+IF('Standard Profiles'!$G$22=$B$24,21,0),0)),0)</f>
        <v>0</v>
      </c>
      <c r="I7159">
        <f t="shared" si="797"/>
        <v>0.51718607547152828</v>
      </c>
      <c r="J7159">
        <f t="shared" si="798"/>
        <v>9.242865559244585</v>
      </c>
      <c r="K7159">
        <f t="shared" si="799"/>
        <v>0.61224312550481175</v>
      </c>
      <c r="L7159">
        <f t="shared" si="800"/>
        <v>0.30612156275240587</v>
      </c>
      <c r="M7159">
        <f t="shared" si="801"/>
        <v>0</v>
      </c>
      <c r="N7159" s="45">
        <f t="shared" si="802"/>
        <v>45223.87499998272</v>
      </c>
    </row>
    <row r="7160" spans="2:14" x14ac:dyDescent="0.25">
      <c r="B7160">
        <f t="shared" si="796"/>
        <v>2</v>
      </c>
      <c r="C7160" s="16">
        <v>7126</v>
      </c>
      <c r="D7160" cm="1">
        <f t="array" ref="D7160">IFERROR(INDEX(Jesper!AH$2:AH$366,ROUNDDOWN($C7160/24,0)+1,1)*INDEX($D$3:$AA$30,INDEX(Jesper!$R$2:$R$366,ROW(INDEX(Jesper!AH$2:AH$366,ROUNDDOWN($C7160/24,0)+1,1))-1)+IF('Standard Profiles'!$G$18=$B$10,7,0)+IF('Standard Profiles'!$G$18=$B$17,14,0)+IF('Standard Profiles'!$G$18=$B$24,21,0),MOD($C7160,24)+1)/SUM(INDEX($D$3:$AA$30,INDEX(Jesper!$R$2:$R$366,ROW(INDEX(Jesper!AH$2:AH$366,ROUNDDOWN($C7160/24,0)+1,1))-1)+IF('Standard Profiles'!$G$18=$B$10,7,0)+IF('Standard Profiles'!$G$18=$B$17,14,0)+IF('Standard Profiles'!$G$18=$B$24,21,0),0)),0)</f>
        <v>5.7397793016076095</v>
      </c>
      <c r="E7160" cm="1">
        <f t="array" ref="E7160">IFERROR(INDEX(Jesper!AI$2:AI$366,ROUNDDOWN($C7160/24,0)+1,1)*INDEX($D$3:$AA$30,INDEX(Jesper!$R$2:$R$366,ROW(INDEX(Jesper!AI$2:AI$366,ROUNDDOWN($C7160/24,0)+1,1))-1)+IF('Standard Profiles'!$G$19=$B$10,7,0)+IF('Standard Profiles'!$G$19=$B$17,14,0)+IF('Standard Profiles'!$G$19=$B$24,21,0),MOD($C7160,24)+1)/SUM(INDEX($D$3:$AA$30,INDEX(Jesper!$R$2:$R$366,ROW(INDEX(Jesper!AI$2:AI$366,ROUNDDOWN($C7160/24,0)+1,1))-1)+IF('Standard Profiles'!$G$19=$B$10,7,0)+IF('Standard Profiles'!$G$19=$B$17,14,0)+IF('Standard Profiles'!$G$19=$B$24,21,0),0)),0)</f>
        <v>3.8611660308000371</v>
      </c>
      <c r="F7160" cm="1">
        <f t="array" ref="F7160">IFERROR(INDEX(Jesper!AJ$2:AJ$366,ROUNDDOWN($C7160/24,0)+1,1)*INDEX($D$3:$AA$30,INDEX(Jesper!$R$2:$R$366,ROW(INDEX(Jesper!AJ$2:AJ$366,ROUNDDOWN($C7160/24,0)+1,1))-1)+IF('Standard Profiles'!$G$20=$B$10,7,0)+IF('Standard Profiles'!$G$20=$B$17,14,0)+IF('Standard Profiles'!$G$20=$B$24,21,0),MOD($C7160,24)+1)/SUM(INDEX($D$3:$AA$30,INDEX(Jesper!$R$2:$R$366,ROW(INDEX(Jesper!AJ$2:AJ$366,ROUNDDOWN($C7160/24,0)+1,1))-1)+IF('Standard Profiles'!$G$20=$B$10,7,0)+IF('Standard Profiles'!$G$20=$B$17,14,0)+IF('Standard Profiles'!$G$20=$B$24,21,0),0)),0)</f>
        <v>0</v>
      </c>
      <c r="G7160" cm="1">
        <f t="array" ref="G7160">IFERROR(INDEX(Jesper!AK$2:AK$366,ROUNDDOWN($C7160/24,0)+1,1)*INDEX($D$3:$AA$30,INDEX(Jesper!$R$2:$R$366,ROW(INDEX(Jesper!AK$2:AK$366,ROUNDDOWN($C7160/24,0)+1,1))-1)+IF('Standard Profiles'!$G$21=$B$10,7,0)+IF('Standard Profiles'!$G$21=$B$17,14,0)+IF('Standard Profiles'!$G$21=$B$24,21,0),MOD($C7160,24)+1)/SUM(INDEX($D$3:$AA$30,INDEX(Jesper!$R$2:$R$366,ROW(INDEX(Jesper!AK$2:AK$366,ROUNDDOWN($C7160/24,0)+1,1))-1)+IF('Standard Profiles'!$G$21=$B$10,7,0)+IF('Standard Profiles'!$G$21=$B$17,14,0)+IF('Standard Profiles'!$G$21=$B$24,21,0),0)),0)</f>
        <v>1.0774709905656845</v>
      </c>
      <c r="H7160" cm="1">
        <f t="array" ref="H7160">IFERROR(INDEX(Jesper!AL$2:AL$366,ROUNDDOWN($C7160/24,0)+1,1)*INDEX($D$3:$AA$30,INDEX(Jesper!$R$2:$R$366,ROW(INDEX(Jesper!AL$2:AL$366,ROUNDDOWN($C7160/24,0)+1,1))-1)+IF('Standard Profiles'!$G$22=$B$10,7,0)+IF('Standard Profiles'!$G$22=$B$17,14,0)+IF('Standard Profiles'!$G$22=$B$24,21,0),MOD($C7160,24)+1)/SUM(INDEX($D$3:$AA$30,INDEX(Jesper!$R$2:$R$366,ROW(INDEX(Jesper!AL$2:AL$366,ROUNDDOWN($C7160/24,0)+1,1))-1)+IF('Standard Profiles'!$G$22=$B$10,7,0)+IF('Standard Profiles'!$G$22=$B$17,14,0)+IF('Standard Profiles'!$G$22=$B$24,21,0),0)),0)</f>
        <v>0</v>
      </c>
      <c r="I7160">
        <f t="shared" si="797"/>
        <v>0.51718607547152828</v>
      </c>
      <c r="J7160">
        <f t="shared" si="798"/>
        <v>9.242865559244585</v>
      </c>
      <c r="K7160">
        <f t="shared" si="799"/>
        <v>0.61224312550481175</v>
      </c>
      <c r="L7160">
        <f t="shared" si="800"/>
        <v>0.30612156275240587</v>
      </c>
      <c r="M7160">
        <f t="shared" si="801"/>
        <v>0</v>
      </c>
      <c r="N7160" s="45">
        <f t="shared" si="802"/>
        <v>45223.916666649384</v>
      </c>
    </row>
    <row r="7161" spans="2:14" x14ac:dyDescent="0.25">
      <c r="B7161">
        <f t="shared" si="796"/>
        <v>2</v>
      </c>
      <c r="C7161" s="16">
        <v>7127</v>
      </c>
      <c r="D7161" cm="1">
        <f t="array" ref="D7161">IFERROR(INDEX(Jesper!AH$2:AH$366,ROUNDDOWN($C7161/24,0)+1,1)*INDEX($D$3:$AA$30,INDEX(Jesper!$R$2:$R$366,ROW(INDEX(Jesper!AH$2:AH$366,ROUNDDOWN($C7161/24,0)+1,1))-1)+IF('Standard Profiles'!$G$18=$B$10,7,0)+IF('Standard Profiles'!$G$18=$B$17,14,0)+IF('Standard Profiles'!$G$18=$B$24,21,0),MOD($C7161,24)+1)/SUM(INDEX($D$3:$AA$30,INDEX(Jesper!$R$2:$R$366,ROW(INDEX(Jesper!AH$2:AH$366,ROUNDDOWN($C7161/24,0)+1,1))-1)+IF('Standard Profiles'!$G$18=$B$10,7,0)+IF('Standard Profiles'!$G$18=$B$17,14,0)+IF('Standard Profiles'!$G$18=$B$24,21,0),0)),0)</f>
        <v>5.7397793016076095</v>
      </c>
      <c r="E7161" cm="1">
        <f t="array" ref="E7161">IFERROR(INDEX(Jesper!AI$2:AI$366,ROUNDDOWN($C7161/24,0)+1,1)*INDEX($D$3:$AA$30,INDEX(Jesper!$R$2:$R$366,ROW(INDEX(Jesper!AI$2:AI$366,ROUNDDOWN($C7161/24,0)+1,1))-1)+IF('Standard Profiles'!$G$19=$B$10,7,0)+IF('Standard Profiles'!$G$19=$B$17,14,0)+IF('Standard Profiles'!$G$19=$B$24,21,0),MOD($C7161,24)+1)/SUM(INDEX($D$3:$AA$30,INDEX(Jesper!$R$2:$R$366,ROW(INDEX(Jesper!AI$2:AI$366,ROUNDDOWN($C7161/24,0)+1,1))-1)+IF('Standard Profiles'!$G$19=$B$10,7,0)+IF('Standard Profiles'!$G$19=$B$17,14,0)+IF('Standard Profiles'!$G$19=$B$24,21,0),0)),0)</f>
        <v>3.8611660308000371</v>
      </c>
      <c r="F7161" cm="1">
        <f t="array" ref="F7161">IFERROR(INDEX(Jesper!AJ$2:AJ$366,ROUNDDOWN($C7161/24,0)+1,1)*INDEX($D$3:$AA$30,INDEX(Jesper!$R$2:$R$366,ROW(INDEX(Jesper!AJ$2:AJ$366,ROUNDDOWN($C7161/24,0)+1,1))-1)+IF('Standard Profiles'!$G$20=$B$10,7,0)+IF('Standard Profiles'!$G$20=$B$17,14,0)+IF('Standard Profiles'!$G$20=$B$24,21,0),MOD($C7161,24)+1)/SUM(INDEX($D$3:$AA$30,INDEX(Jesper!$R$2:$R$366,ROW(INDEX(Jesper!AJ$2:AJ$366,ROUNDDOWN($C7161/24,0)+1,1))-1)+IF('Standard Profiles'!$G$20=$B$10,7,0)+IF('Standard Profiles'!$G$20=$B$17,14,0)+IF('Standard Profiles'!$G$20=$B$24,21,0),0)),0)</f>
        <v>0</v>
      </c>
      <c r="G7161" cm="1">
        <f t="array" ref="G7161">IFERROR(INDEX(Jesper!AK$2:AK$366,ROUNDDOWN($C7161/24,0)+1,1)*INDEX($D$3:$AA$30,INDEX(Jesper!$R$2:$R$366,ROW(INDEX(Jesper!AK$2:AK$366,ROUNDDOWN($C7161/24,0)+1,1))-1)+IF('Standard Profiles'!$G$21=$B$10,7,0)+IF('Standard Profiles'!$G$21=$B$17,14,0)+IF('Standard Profiles'!$G$21=$B$24,21,0),MOD($C7161,24)+1)/SUM(INDEX($D$3:$AA$30,INDEX(Jesper!$R$2:$R$366,ROW(INDEX(Jesper!AK$2:AK$366,ROUNDDOWN($C7161/24,0)+1,1))-1)+IF('Standard Profiles'!$G$21=$B$10,7,0)+IF('Standard Profiles'!$G$21=$B$17,14,0)+IF('Standard Profiles'!$G$21=$B$24,21,0),0)),0)</f>
        <v>1.0774709905656845</v>
      </c>
      <c r="H7161" cm="1">
        <f t="array" ref="H7161">IFERROR(INDEX(Jesper!AL$2:AL$366,ROUNDDOWN($C7161/24,0)+1,1)*INDEX($D$3:$AA$30,INDEX(Jesper!$R$2:$R$366,ROW(INDEX(Jesper!AL$2:AL$366,ROUNDDOWN($C7161/24,0)+1,1))-1)+IF('Standard Profiles'!$G$22=$B$10,7,0)+IF('Standard Profiles'!$G$22=$B$17,14,0)+IF('Standard Profiles'!$G$22=$B$24,21,0),MOD($C7161,24)+1)/SUM(INDEX($D$3:$AA$30,INDEX(Jesper!$R$2:$R$366,ROW(INDEX(Jesper!AL$2:AL$366,ROUNDDOWN($C7161/24,0)+1,1))-1)+IF('Standard Profiles'!$G$22=$B$10,7,0)+IF('Standard Profiles'!$G$22=$B$17,14,0)+IF('Standard Profiles'!$G$22=$B$24,21,0),0)),0)</f>
        <v>0</v>
      </c>
      <c r="I7161">
        <f t="shared" si="797"/>
        <v>0.51718607547152828</v>
      </c>
      <c r="J7161">
        <f t="shared" si="798"/>
        <v>9.242865559244585</v>
      </c>
      <c r="K7161">
        <f t="shared" si="799"/>
        <v>0.61224312550481175</v>
      </c>
      <c r="L7161">
        <f t="shared" si="800"/>
        <v>0.30612156275240587</v>
      </c>
      <c r="M7161">
        <f t="shared" si="801"/>
        <v>0</v>
      </c>
      <c r="N7161" s="45">
        <f t="shared" si="802"/>
        <v>45223.958333316048</v>
      </c>
    </row>
    <row r="7162" spans="2:14" x14ac:dyDescent="0.25">
      <c r="B7162">
        <f t="shared" si="796"/>
        <v>3</v>
      </c>
      <c r="C7162" s="16">
        <v>7128</v>
      </c>
      <c r="D7162" cm="1">
        <f t="array" ref="D7162">IFERROR(INDEX(Jesper!AH$2:AH$366,ROUNDDOWN($C7162/24,0)+1,1)*INDEX($D$3:$AA$30,INDEX(Jesper!$R$2:$R$366,ROW(INDEX(Jesper!AH$2:AH$366,ROUNDDOWN($C7162/24,0)+1,1))-1)+IF('Standard Profiles'!$G$18=$B$10,7,0)+IF('Standard Profiles'!$G$18=$B$17,14,0)+IF('Standard Profiles'!$G$18=$B$24,21,0),MOD($C7162,24)+1)/SUM(INDEX($D$3:$AA$30,INDEX(Jesper!$R$2:$R$366,ROW(INDEX(Jesper!AH$2:AH$366,ROUNDDOWN($C7162/24,0)+1,1))-1)+IF('Standard Profiles'!$G$18=$B$10,7,0)+IF('Standard Profiles'!$G$18=$B$17,14,0)+IF('Standard Profiles'!$G$18=$B$24,21,0),0)),0)</f>
        <v>5.607538511225922</v>
      </c>
      <c r="E7162" cm="1">
        <f t="array" ref="E7162">IFERROR(INDEX(Jesper!AI$2:AI$366,ROUNDDOWN($C7162/24,0)+1,1)*INDEX($D$3:$AA$30,INDEX(Jesper!$R$2:$R$366,ROW(INDEX(Jesper!AI$2:AI$366,ROUNDDOWN($C7162/24,0)+1,1))-1)+IF('Standard Profiles'!$G$19=$B$10,7,0)+IF('Standard Profiles'!$G$19=$B$17,14,0)+IF('Standard Profiles'!$G$19=$B$24,21,0),MOD($C7162,24)+1)/SUM(INDEX($D$3:$AA$30,INDEX(Jesper!$R$2:$R$366,ROW(INDEX(Jesper!AI$2:AI$366,ROUNDDOWN($C7162/24,0)+1,1))-1)+IF('Standard Profiles'!$G$19=$B$10,7,0)+IF('Standard Profiles'!$G$19=$B$17,14,0)+IF('Standard Profiles'!$G$19=$B$24,21,0),0)),0)</f>
        <v>3.1331737313736903</v>
      </c>
      <c r="F7162" cm="1">
        <f t="array" ref="F7162">IFERROR(INDEX(Jesper!AJ$2:AJ$366,ROUNDDOWN($C7162/24,0)+1,1)*INDEX($D$3:$AA$30,INDEX(Jesper!$R$2:$R$366,ROW(INDEX(Jesper!AJ$2:AJ$366,ROUNDDOWN($C7162/24,0)+1,1))-1)+IF('Standard Profiles'!$G$20=$B$10,7,0)+IF('Standard Profiles'!$G$20=$B$17,14,0)+IF('Standard Profiles'!$G$20=$B$24,21,0),MOD($C7162,24)+1)/SUM(INDEX($D$3:$AA$30,INDEX(Jesper!$R$2:$R$366,ROW(INDEX(Jesper!AJ$2:AJ$366,ROUNDDOWN($C7162/24,0)+1,1))-1)+IF('Standard Profiles'!$G$20=$B$10,7,0)+IF('Standard Profiles'!$G$20=$B$17,14,0)+IF('Standard Profiles'!$G$20=$B$24,21,0),0)),0)</f>
        <v>0</v>
      </c>
      <c r="G7162" cm="1">
        <f t="array" ref="G7162">IFERROR(INDEX(Jesper!AK$2:AK$366,ROUNDDOWN($C7162/24,0)+1,1)*INDEX($D$3:$AA$30,INDEX(Jesper!$R$2:$R$366,ROW(INDEX(Jesper!AK$2:AK$366,ROUNDDOWN($C7162/24,0)+1,1))-1)+IF('Standard Profiles'!$G$21=$B$10,7,0)+IF('Standard Profiles'!$G$21=$B$17,14,0)+IF('Standard Profiles'!$G$21=$B$24,21,0),MOD($C7162,24)+1)/SUM(INDEX($D$3:$AA$30,INDEX(Jesper!$R$2:$R$366,ROW(INDEX(Jesper!AK$2:AK$366,ROUNDDOWN($C7162/24,0)+1,1))-1)+IF('Standard Profiles'!$G$21=$B$10,7,0)+IF('Standard Profiles'!$G$21=$B$17,14,0)+IF('Standard Profiles'!$G$21=$B$24,21,0),0)),0)</f>
        <v>0.89686130719585611</v>
      </c>
      <c r="H7162" cm="1">
        <f t="array" ref="H7162">IFERROR(INDEX(Jesper!AL$2:AL$366,ROUNDDOWN($C7162/24,0)+1,1)*INDEX($D$3:$AA$30,INDEX(Jesper!$R$2:$R$366,ROW(INDEX(Jesper!AL$2:AL$366,ROUNDDOWN($C7162/24,0)+1,1))-1)+IF('Standard Profiles'!$G$22=$B$10,7,0)+IF('Standard Profiles'!$G$22=$B$17,14,0)+IF('Standard Profiles'!$G$22=$B$24,21,0),MOD($C7162,24)+1)/SUM(INDEX($D$3:$AA$30,INDEX(Jesper!$R$2:$R$366,ROW(INDEX(Jesper!AL$2:AL$366,ROUNDDOWN($C7162/24,0)+1,1))-1)+IF('Standard Profiles'!$G$22=$B$10,7,0)+IF('Standard Profiles'!$G$22=$B$17,14,0)+IF('Standard Profiles'!$G$22=$B$24,21,0),0)),0)</f>
        <v>0</v>
      </c>
      <c r="I7162">
        <f t="shared" si="797"/>
        <v>0.4304934274540107</v>
      </c>
      <c r="J7162">
        <f t="shared" si="798"/>
        <v>8.3098739605453105</v>
      </c>
      <c r="K7162">
        <f t="shared" si="799"/>
        <v>0.59813744119743173</v>
      </c>
      <c r="L7162">
        <f t="shared" si="800"/>
        <v>0.29906872059871586</v>
      </c>
      <c r="M7162">
        <f t="shared" si="801"/>
        <v>0</v>
      </c>
      <c r="N7162" s="45">
        <f t="shared" si="802"/>
        <v>45223.999999982712</v>
      </c>
    </row>
    <row r="7163" spans="2:14" x14ac:dyDescent="0.25">
      <c r="B7163">
        <f t="shared" si="796"/>
        <v>3</v>
      </c>
      <c r="C7163" s="16">
        <v>7129</v>
      </c>
      <c r="D7163" cm="1">
        <f t="array" ref="D7163">IFERROR(INDEX(Jesper!AH$2:AH$366,ROUNDDOWN($C7163/24,0)+1,1)*INDEX($D$3:$AA$30,INDEX(Jesper!$R$2:$R$366,ROW(INDEX(Jesper!AH$2:AH$366,ROUNDDOWN($C7163/24,0)+1,1))-1)+IF('Standard Profiles'!$G$18=$B$10,7,0)+IF('Standard Profiles'!$G$18=$B$17,14,0)+IF('Standard Profiles'!$G$18=$B$24,21,0),MOD($C7163,24)+1)/SUM(INDEX($D$3:$AA$30,INDEX(Jesper!$R$2:$R$366,ROW(INDEX(Jesper!AH$2:AH$366,ROUNDDOWN($C7163/24,0)+1,1))-1)+IF('Standard Profiles'!$G$18=$B$10,7,0)+IF('Standard Profiles'!$G$18=$B$17,14,0)+IF('Standard Profiles'!$G$18=$B$24,21,0),0)),0)</f>
        <v>5.607538511225922</v>
      </c>
      <c r="E7163" cm="1">
        <f t="array" ref="E7163">IFERROR(INDEX(Jesper!AI$2:AI$366,ROUNDDOWN($C7163/24,0)+1,1)*INDEX($D$3:$AA$30,INDEX(Jesper!$R$2:$R$366,ROW(INDEX(Jesper!AI$2:AI$366,ROUNDDOWN($C7163/24,0)+1,1))-1)+IF('Standard Profiles'!$G$19=$B$10,7,0)+IF('Standard Profiles'!$G$19=$B$17,14,0)+IF('Standard Profiles'!$G$19=$B$24,21,0),MOD($C7163,24)+1)/SUM(INDEX($D$3:$AA$30,INDEX(Jesper!$R$2:$R$366,ROW(INDEX(Jesper!AI$2:AI$366,ROUNDDOWN($C7163/24,0)+1,1))-1)+IF('Standard Profiles'!$G$19=$B$10,7,0)+IF('Standard Profiles'!$G$19=$B$17,14,0)+IF('Standard Profiles'!$G$19=$B$24,21,0),0)),0)</f>
        <v>3.1331737313736903</v>
      </c>
      <c r="F7163" cm="1">
        <f t="array" ref="F7163">IFERROR(INDEX(Jesper!AJ$2:AJ$366,ROUNDDOWN($C7163/24,0)+1,1)*INDEX($D$3:$AA$30,INDEX(Jesper!$R$2:$R$366,ROW(INDEX(Jesper!AJ$2:AJ$366,ROUNDDOWN($C7163/24,0)+1,1))-1)+IF('Standard Profiles'!$G$20=$B$10,7,0)+IF('Standard Profiles'!$G$20=$B$17,14,0)+IF('Standard Profiles'!$G$20=$B$24,21,0),MOD($C7163,24)+1)/SUM(INDEX($D$3:$AA$30,INDEX(Jesper!$R$2:$R$366,ROW(INDEX(Jesper!AJ$2:AJ$366,ROUNDDOWN($C7163/24,0)+1,1))-1)+IF('Standard Profiles'!$G$20=$B$10,7,0)+IF('Standard Profiles'!$G$20=$B$17,14,0)+IF('Standard Profiles'!$G$20=$B$24,21,0),0)),0)</f>
        <v>0</v>
      </c>
      <c r="G7163" cm="1">
        <f t="array" ref="G7163">IFERROR(INDEX(Jesper!AK$2:AK$366,ROUNDDOWN($C7163/24,0)+1,1)*INDEX($D$3:$AA$30,INDEX(Jesper!$R$2:$R$366,ROW(INDEX(Jesper!AK$2:AK$366,ROUNDDOWN($C7163/24,0)+1,1))-1)+IF('Standard Profiles'!$G$21=$B$10,7,0)+IF('Standard Profiles'!$G$21=$B$17,14,0)+IF('Standard Profiles'!$G$21=$B$24,21,0),MOD($C7163,24)+1)/SUM(INDEX($D$3:$AA$30,INDEX(Jesper!$R$2:$R$366,ROW(INDEX(Jesper!AK$2:AK$366,ROUNDDOWN($C7163/24,0)+1,1))-1)+IF('Standard Profiles'!$G$21=$B$10,7,0)+IF('Standard Profiles'!$G$21=$B$17,14,0)+IF('Standard Profiles'!$G$21=$B$24,21,0),0)),0)</f>
        <v>0.89686130719585611</v>
      </c>
      <c r="H7163" cm="1">
        <f t="array" ref="H7163">IFERROR(INDEX(Jesper!AL$2:AL$366,ROUNDDOWN($C7163/24,0)+1,1)*INDEX($D$3:$AA$30,INDEX(Jesper!$R$2:$R$366,ROW(INDEX(Jesper!AL$2:AL$366,ROUNDDOWN($C7163/24,0)+1,1))-1)+IF('Standard Profiles'!$G$22=$B$10,7,0)+IF('Standard Profiles'!$G$22=$B$17,14,0)+IF('Standard Profiles'!$G$22=$B$24,21,0),MOD($C7163,24)+1)/SUM(INDEX($D$3:$AA$30,INDEX(Jesper!$R$2:$R$366,ROW(INDEX(Jesper!AL$2:AL$366,ROUNDDOWN($C7163/24,0)+1,1))-1)+IF('Standard Profiles'!$G$22=$B$10,7,0)+IF('Standard Profiles'!$G$22=$B$17,14,0)+IF('Standard Profiles'!$G$22=$B$24,21,0),0)),0)</f>
        <v>0</v>
      </c>
      <c r="I7163">
        <f t="shared" si="797"/>
        <v>0.4304934274540107</v>
      </c>
      <c r="J7163">
        <f t="shared" si="798"/>
        <v>8.3098739605453105</v>
      </c>
      <c r="K7163">
        <f t="shared" si="799"/>
        <v>0.59813744119743173</v>
      </c>
      <c r="L7163">
        <f t="shared" si="800"/>
        <v>0.29906872059871586</v>
      </c>
      <c r="M7163">
        <f t="shared" si="801"/>
        <v>0</v>
      </c>
      <c r="N7163" s="45">
        <f t="shared" si="802"/>
        <v>45224.041666649377</v>
      </c>
    </row>
    <row r="7164" spans="2:14" x14ac:dyDescent="0.25">
      <c r="B7164">
        <f t="shared" si="796"/>
        <v>3</v>
      </c>
      <c r="C7164" s="16">
        <v>7130</v>
      </c>
      <c r="D7164" cm="1">
        <f t="array" ref="D7164">IFERROR(INDEX(Jesper!AH$2:AH$366,ROUNDDOWN($C7164/24,0)+1,1)*INDEX($D$3:$AA$30,INDEX(Jesper!$R$2:$R$366,ROW(INDEX(Jesper!AH$2:AH$366,ROUNDDOWN($C7164/24,0)+1,1))-1)+IF('Standard Profiles'!$G$18=$B$10,7,0)+IF('Standard Profiles'!$G$18=$B$17,14,0)+IF('Standard Profiles'!$G$18=$B$24,21,0),MOD($C7164,24)+1)/SUM(INDEX($D$3:$AA$30,INDEX(Jesper!$R$2:$R$366,ROW(INDEX(Jesper!AH$2:AH$366,ROUNDDOWN($C7164/24,0)+1,1))-1)+IF('Standard Profiles'!$G$18=$B$10,7,0)+IF('Standard Profiles'!$G$18=$B$17,14,0)+IF('Standard Profiles'!$G$18=$B$24,21,0),0)),0)</f>
        <v>5.607538511225922</v>
      </c>
      <c r="E7164" cm="1">
        <f t="array" ref="E7164">IFERROR(INDEX(Jesper!AI$2:AI$366,ROUNDDOWN($C7164/24,0)+1,1)*INDEX($D$3:$AA$30,INDEX(Jesper!$R$2:$R$366,ROW(INDEX(Jesper!AI$2:AI$366,ROUNDDOWN($C7164/24,0)+1,1))-1)+IF('Standard Profiles'!$G$19=$B$10,7,0)+IF('Standard Profiles'!$G$19=$B$17,14,0)+IF('Standard Profiles'!$G$19=$B$24,21,0),MOD($C7164,24)+1)/SUM(INDEX($D$3:$AA$30,INDEX(Jesper!$R$2:$R$366,ROW(INDEX(Jesper!AI$2:AI$366,ROUNDDOWN($C7164/24,0)+1,1))-1)+IF('Standard Profiles'!$G$19=$B$10,7,0)+IF('Standard Profiles'!$G$19=$B$17,14,0)+IF('Standard Profiles'!$G$19=$B$24,21,0),0)),0)</f>
        <v>3.1331737313736903</v>
      </c>
      <c r="F7164" cm="1">
        <f t="array" ref="F7164">IFERROR(INDEX(Jesper!AJ$2:AJ$366,ROUNDDOWN($C7164/24,0)+1,1)*INDEX($D$3:$AA$30,INDEX(Jesper!$R$2:$R$366,ROW(INDEX(Jesper!AJ$2:AJ$366,ROUNDDOWN($C7164/24,0)+1,1))-1)+IF('Standard Profiles'!$G$20=$B$10,7,0)+IF('Standard Profiles'!$G$20=$B$17,14,0)+IF('Standard Profiles'!$G$20=$B$24,21,0),MOD($C7164,24)+1)/SUM(INDEX($D$3:$AA$30,INDEX(Jesper!$R$2:$R$366,ROW(INDEX(Jesper!AJ$2:AJ$366,ROUNDDOWN($C7164/24,0)+1,1))-1)+IF('Standard Profiles'!$G$20=$B$10,7,0)+IF('Standard Profiles'!$G$20=$B$17,14,0)+IF('Standard Profiles'!$G$20=$B$24,21,0),0)),0)</f>
        <v>0</v>
      </c>
      <c r="G7164" cm="1">
        <f t="array" ref="G7164">IFERROR(INDEX(Jesper!AK$2:AK$366,ROUNDDOWN($C7164/24,0)+1,1)*INDEX($D$3:$AA$30,INDEX(Jesper!$R$2:$R$366,ROW(INDEX(Jesper!AK$2:AK$366,ROUNDDOWN($C7164/24,0)+1,1))-1)+IF('Standard Profiles'!$G$21=$B$10,7,0)+IF('Standard Profiles'!$G$21=$B$17,14,0)+IF('Standard Profiles'!$G$21=$B$24,21,0),MOD($C7164,24)+1)/SUM(INDEX($D$3:$AA$30,INDEX(Jesper!$R$2:$R$366,ROW(INDEX(Jesper!AK$2:AK$366,ROUNDDOWN($C7164/24,0)+1,1))-1)+IF('Standard Profiles'!$G$21=$B$10,7,0)+IF('Standard Profiles'!$G$21=$B$17,14,0)+IF('Standard Profiles'!$G$21=$B$24,21,0),0)),0)</f>
        <v>0.89686130719585611</v>
      </c>
      <c r="H7164" cm="1">
        <f t="array" ref="H7164">IFERROR(INDEX(Jesper!AL$2:AL$366,ROUNDDOWN($C7164/24,0)+1,1)*INDEX($D$3:$AA$30,INDEX(Jesper!$R$2:$R$366,ROW(INDEX(Jesper!AL$2:AL$366,ROUNDDOWN($C7164/24,0)+1,1))-1)+IF('Standard Profiles'!$G$22=$B$10,7,0)+IF('Standard Profiles'!$G$22=$B$17,14,0)+IF('Standard Profiles'!$G$22=$B$24,21,0),MOD($C7164,24)+1)/SUM(INDEX($D$3:$AA$30,INDEX(Jesper!$R$2:$R$366,ROW(INDEX(Jesper!AL$2:AL$366,ROUNDDOWN($C7164/24,0)+1,1))-1)+IF('Standard Profiles'!$G$22=$B$10,7,0)+IF('Standard Profiles'!$G$22=$B$17,14,0)+IF('Standard Profiles'!$G$22=$B$24,21,0),0)),0)</f>
        <v>0</v>
      </c>
      <c r="I7164">
        <f t="shared" si="797"/>
        <v>0.4304934274540107</v>
      </c>
      <c r="J7164">
        <f t="shared" si="798"/>
        <v>8.3098739605453105</v>
      </c>
      <c r="K7164">
        <f t="shared" si="799"/>
        <v>0.59813744119743173</v>
      </c>
      <c r="L7164">
        <f t="shared" si="800"/>
        <v>0.29906872059871586</v>
      </c>
      <c r="M7164">
        <f t="shared" si="801"/>
        <v>0</v>
      </c>
      <c r="N7164" s="45">
        <f t="shared" si="802"/>
        <v>45224.083333316041</v>
      </c>
    </row>
    <row r="7165" spans="2:14" x14ac:dyDescent="0.25">
      <c r="B7165">
        <f t="shared" si="796"/>
        <v>3</v>
      </c>
      <c r="C7165" s="16">
        <v>7131</v>
      </c>
      <c r="D7165" cm="1">
        <f t="array" ref="D7165">IFERROR(INDEX(Jesper!AH$2:AH$366,ROUNDDOWN($C7165/24,0)+1,1)*INDEX($D$3:$AA$30,INDEX(Jesper!$R$2:$R$366,ROW(INDEX(Jesper!AH$2:AH$366,ROUNDDOWN($C7165/24,0)+1,1))-1)+IF('Standard Profiles'!$G$18=$B$10,7,0)+IF('Standard Profiles'!$G$18=$B$17,14,0)+IF('Standard Profiles'!$G$18=$B$24,21,0),MOD($C7165,24)+1)/SUM(INDEX($D$3:$AA$30,INDEX(Jesper!$R$2:$R$366,ROW(INDEX(Jesper!AH$2:AH$366,ROUNDDOWN($C7165/24,0)+1,1))-1)+IF('Standard Profiles'!$G$18=$B$10,7,0)+IF('Standard Profiles'!$G$18=$B$17,14,0)+IF('Standard Profiles'!$G$18=$B$24,21,0),0)),0)</f>
        <v>5.607538511225922</v>
      </c>
      <c r="E7165" cm="1">
        <f t="array" ref="E7165">IFERROR(INDEX(Jesper!AI$2:AI$366,ROUNDDOWN($C7165/24,0)+1,1)*INDEX($D$3:$AA$30,INDEX(Jesper!$R$2:$R$366,ROW(INDEX(Jesper!AI$2:AI$366,ROUNDDOWN($C7165/24,0)+1,1))-1)+IF('Standard Profiles'!$G$19=$B$10,7,0)+IF('Standard Profiles'!$G$19=$B$17,14,0)+IF('Standard Profiles'!$G$19=$B$24,21,0),MOD($C7165,24)+1)/SUM(INDEX($D$3:$AA$30,INDEX(Jesper!$R$2:$R$366,ROW(INDEX(Jesper!AI$2:AI$366,ROUNDDOWN($C7165/24,0)+1,1))-1)+IF('Standard Profiles'!$G$19=$B$10,7,0)+IF('Standard Profiles'!$G$19=$B$17,14,0)+IF('Standard Profiles'!$G$19=$B$24,21,0),0)),0)</f>
        <v>3.1331737313736903</v>
      </c>
      <c r="F7165" cm="1">
        <f t="array" ref="F7165">IFERROR(INDEX(Jesper!AJ$2:AJ$366,ROUNDDOWN($C7165/24,0)+1,1)*INDEX($D$3:$AA$30,INDEX(Jesper!$R$2:$R$366,ROW(INDEX(Jesper!AJ$2:AJ$366,ROUNDDOWN($C7165/24,0)+1,1))-1)+IF('Standard Profiles'!$G$20=$B$10,7,0)+IF('Standard Profiles'!$G$20=$B$17,14,0)+IF('Standard Profiles'!$G$20=$B$24,21,0),MOD($C7165,24)+1)/SUM(INDEX($D$3:$AA$30,INDEX(Jesper!$R$2:$R$366,ROW(INDEX(Jesper!AJ$2:AJ$366,ROUNDDOWN($C7165/24,0)+1,1))-1)+IF('Standard Profiles'!$G$20=$B$10,7,0)+IF('Standard Profiles'!$G$20=$B$17,14,0)+IF('Standard Profiles'!$G$20=$B$24,21,0),0)),0)</f>
        <v>0</v>
      </c>
      <c r="G7165" cm="1">
        <f t="array" ref="G7165">IFERROR(INDEX(Jesper!AK$2:AK$366,ROUNDDOWN($C7165/24,0)+1,1)*INDEX($D$3:$AA$30,INDEX(Jesper!$R$2:$R$366,ROW(INDEX(Jesper!AK$2:AK$366,ROUNDDOWN($C7165/24,0)+1,1))-1)+IF('Standard Profiles'!$G$21=$B$10,7,0)+IF('Standard Profiles'!$G$21=$B$17,14,0)+IF('Standard Profiles'!$G$21=$B$24,21,0),MOD($C7165,24)+1)/SUM(INDEX($D$3:$AA$30,INDEX(Jesper!$R$2:$R$366,ROW(INDEX(Jesper!AK$2:AK$366,ROUNDDOWN($C7165/24,0)+1,1))-1)+IF('Standard Profiles'!$G$21=$B$10,7,0)+IF('Standard Profiles'!$G$21=$B$17,14,0)+IF('Standard Profiles'!$G$21=$B$24,21,0),0)),0)</f>
        <v>0.89686130719585611</v>
      </c>
      <c r="H7165" cm="1">
        <f t="array" ref="H7165">IFERROR(INDEX(Jesper!AL$2:AL$366,ROUNDDOWN($C7165/24,0)+1,1)*INDEX($D$3:$AA$30,INDEX(Jesper!$R$2:$R$366,ROW(INDEX(Jesper!AL$2:AL$366,ROUNDDOWN($C7165/24,0)+1,1))-1)+IF('Standard Profiles'!$G$22=$B$10,7,0)+IF('Standard Profiles'!$G$22=$B$17,14,0)+IF('Standard Profiles'!$G$22=$B$24,21,0),MOD($C7165,24)+1)/SUM(INDEX($D$3:$AA$30,INDEX(Jesper!$R$2:$R$366,ROW(INDEX(Jesper!AL$2:AL$366,ROUNDDOWN($C7165/24,0)+1,1))-1)+IF('Standard Profiles'!$G$22=$B$10,7,0)+IF('Standard Profiles'!$G$22=$B$17,14,0)+IF('Standard Profiles'!$G$22=$B$24,21,0),0)),0)</f>
        <v>0</v>
      </c>
      <c r="I7165">
        <f t="shared" si="797"/>
        <v>0.4304934274540107</v>
      </c>
      <c r="J7165">
        <f t="shared" si="798"/>
        <v>8.3098739605453105</v>
      </c>
      <c r="K7165">
        <f t="shared" si="799"/>
        <v>0.59813744119743173</v>
      </c>
      <c r="L7165">
        <f t="shared" si="800"/>
        <v>0.29906872059871586</v>
      </c>
      <c r="M7165">
        <f t="shared" si="801"/>
        <v>0</v>
      </c>
      <c r="N7165" s="45">
        <f t="shared" si="802"/>
        <v>45224.124999982705</v>
      </c>
    </row>
    <row r="7166" spans="2:14" x14ac:dyDescent="0.25">
      <c r="B7166">
        <f t="shared" si="796"/>
        <v>3</v>
      </c>
      <c r="C7166" s="16">
        <v>7132</v>
      </c>
      <c r="D7166" cm="1">
        <f t="array" ref="D7166">IFERROR(INDEX(Jesper!AH$2:AH$366,ROUNDDOWN($C7166/24,0)+1,1)*INDEX($D$3:$AA$30,INDEX(Jesper!$R$2:$R$366,ROW(INDEX(Jesper!AH$2:AH$366,ROUNDDOWN($C7166/24,0)+1,1))-1)+IF('Standard Profiles'!$G$18=$B$10,7,0)+IF('Standard Profiles'!$G$18=$B$17,14,0)+IF('Standard Profiles'!$G$18=$B$24,21,0),MOD($C7166,24)+1)/SUM(INDEX($D$3:$AA$30,INDEX(Jesper!$R$2:$R$366,ROW(INDEX(Jesper!AH$2:AH$366,ROUNDDOWN($C7166/24,0)+1,1))-1)+IF('Standard Profiles'!$G$18=$B$10,7,0)+IF('Standard Profiles'!$G$18=$B$17,14,0)+IF('Standard Profiles'!$G$18=$B$24,21,0),0)),0)</f>
        <v>5.607538511225922</v>
      </c>
      <c r="E7166" cm="1">
        <f t="array" ref="E7166">IFERROR(INDEX(Jesper!AI$2:AI$366,ROUNDDOWN($C7166/24,0)+1,1)*INDEX($D$3:$AA$30,INDEX(Jesper!$R$2:$R$366,ROW(INDEX(Jesper!AI$2:AI$366,ROUNDDOWN($C7166/24,0)+1,1))-1)+IF('Standard Profiles'!$G$19=$B$10,7,0)+IF('Standard Profiles'!$G$19=$B$17,14,0)+IF('Standard Profiles'!$G$19=$B$24,21,0),MOD($C7166,24)+1)/SUM(INDEX($D$3:$AA$30,INDEX(Jesper!$R$2:$R$366,ROW(INDEX(Jesper!AI$2:AI$366,ROUNDDOWN($C7166/24,0)+1,1))-1)+IF('Standard Profiles'!$G$19=$B$10,7,0)+IF('Standard Profiles'!$G$19=$B$17,14,0)+IF('Standard Profiles'!$G$19=$B$24,21,0),0)),0)</f>
        <v>3.1331737313736903</v>
      </c>
      <c r="F7166" cm="1">
        <f t="array" ref="F7166">IFERROR(INDEX(Jesper!AJ$2:AJ$366,ROUNDDOWN($C7166/24,0)+1,1)*INDEX($D$3:$AA$30,INDEX(Jesper!$R$2:$R$366,ROW(INDEX(Jesper!AJ$2:AJ$366,ROUNDDOWN($C7166/24,0)+1,1))-1)+IF('Standard Profiles'!$G$20=$B$10,7,0)+IF('Standard Profiles'!$G$20=$B$17,14,0)+IF('Standard Profiles'!$G$20=$B$24,21,0),MOD($C7166,24)+1)/SUM(INDEX($D$3:$AA$30,INDEX(Jesper!$R$2:$R$366,ROW(INDEX(Jesper!AJ$2:AJ$366,ROUNDDOWN($C7166/24,0)+1,1))-1)+IF('Standard Profiles'!$G$20=$B$10,7,0)+IF('Standard Profiles'!$G$20=$B$17,14,0)+IF('Standard Profiles'!$G$20=$B$24,21,0),0)),0)</f>
        <v>0</v>
      </c>
      <c r="G7166" cm="1">
        <f t="array" ref="G7166">IFERROR(INDEX(Jesper!AK$2:AK$366,ROUNDDOWN($C7166/24,0)+1,1)*INDEX($D$3:$AA$30,INDEX(Jesper!$R$2:$R$366,ROW(INDEX(Jesper!AK$2:AK$366,ROUNDDOWN($C7166/24,0)+1,1))-1)+IF('Standard Profiles'!$G$21=$B$10,7,0)+IF('Standard Profiles'!$G$21=$B$17,14,0)+IF('Standard Profiles'!$G$21=$B$24,21,0),MOD($C7166,24)+1)/SUM(INDEX($D$3:$AA$30,INDEX(Jesper!$R$2:$R$366,ROW(INDEX(Jesper!AK$2:AK$366,ROUNDDOWN($C7166/24,0)+1,1))-1)+IF('Standard Profiles'!$G$21=$B$10,7,0)+IF('Standard Profiles'!$G$21=$B$17,14,0)+IF('Standard Profiles'!$G$21=$B$24,21,0),0)),0)</f>
        <v>0.89686130719585611</v>
      </c>
      <c r="H7166" cm="1">
        <f t="array" ref="H7166">IFERROR(INDEX(Jesper!AL$2:AL$366,ROUNDDOWN($C7166/24,0)+1,1)*INDEX($D$3:$AA$30,INDEX(Jesper!$R$2:$R$366,ROW(INDEX(Jesper!AL$2:AL$366,ROUNDDOWN($C7166/24,0)+1,1))-1)+IF('Standard Profiles'!$G$22=$B$10,7,0)+IF('Standard Profiles'!$G$22=$B$17,14,0)+IF('Standard Profiles'!$G$22=$B$24,21,0),MOD($C7166,24)+1)/SUM(INDEX($D$3:$AA$30,INDEX(Jesper!$R$2:$R$366,ROW(INDEX(Jesper!AL$2:AL$366,ROUNDDOWN($C7166/24,0)+1,1))-1)+IF('Standard Profiles'!$G$22=$B$10,7,0)+IF('Standard Profiles'!$G$22=$B$17,14,0)+IF('Standard Profiles'!$G$22=$B$24,21,0),0)),0)</f>
        <v>0</v>
      </c>
      <c r="I7166">
        <f t="shared" si="797"/>
        <v>0.4304934274540107</v>
      </c>
      <c r="J7166">
        <f t="shared" si="798"/>
        <v>8.3098739605453105</v>
      </c>
      <c r="K7166">
        <f t="shared" si="799"/>
        <v>0.59813744119743173</v>
      </c>
      <c r="L7166">
        <f t="shared" si="800"/>
        <v>0.29906872059871586</v>
      </c>
      <c r="M7166">
        <f t="shared" si="801"/>
        <v>0</v>
      </c>
      <c r="N7166" s="45">
        <f t="shared" si="802"/>
        <v>45224.166666649369</v>
      </c>
    </row>
    <row r="7167" spans="2:14" x14ac:dyDescent="0.25">
      <c r="B7167">
        <f t="shared" si="796"/>
        <v>3</v>
      </c>
      <c r="C7167" s="16">
        <v>7133</v>
      </c>
      <c r="D7167" cm="1">
        <f t="array" ref="D7167">IFERROR(INDEX(Jesper!AH$2:AH$366,ROUNDDOWN($C7167/24,0)+1,1)*INDEX($D$3:$AA$30,INDEX(Jesper!$R$2:$R$366,ROW(INDEX(Jesper!AH$2:AH$366,ROUNDDOWN($C7167/24,0)+1,1))-1)+IF('Standard Profiles'!$G$18=$B$10,7,0)+IF('Standard Profiles'!$G$18=$B$17,14,0)+IF('Standard Profiles'!$G$18=$B$24,21,0),MOD($C7167,24)+1)/SUM(INDEX($D$3:$AA$30,INDEX(Jesper!$R$2:$R$366,ROW(INDEX(Jesper!AH$2:AH$366,ROUNDDOWN($C7167/24,0)+1,1))-1)+IF('Standard Profiles'!$G$18=$B$10,7,0)+IF('Standard Profiles'!$G$18=$B$17,14,0)+IF('Standard Profiles'!$G$18=$B$24,21,0),0)),0)</f>
        <v>5.607538511225922</v>
      </c>
      <c r="E7167" cm="1">
        <f t="array" ref="E7167">IFERROR(INDEX(Jesper!AI$2:AI$366,ROUNDDOWN($C7167/24,0)+1,1)*INDEX($D$3:$AA$30,INDEX(Jesper!$R$2:$R$366,ROW(INDEX(Jesper!AI$2:AI$366,ROUNDDOWN($C7167/24,0)+1,1))-1)+IF('Standard Profiles'!$G$19=$B$10,7,0)+IF('Standard Profiles'!$G$19=$B$17,14,0)+IF('Standard Profiles'!$G$19=$B$24,21,0),MOD($C7167,24)+1)/SUM(INDEX($D$3:$AA$30,INDEX(Jesper!$R$2:$R$366,ROW(INDEX(Jesper!AI$2:AI$366,ROUNDDOWN($C7167/24,0)+1,1))-1)+IF('Standard Profiles'!$G$19=$B$10,7,0)+IF('Standard Profiles'!$G$19=$B$17,14,0)+IF('Standard Profiles'!$G$19=$B$24,21,0),0)),0)</f>
        <v>3.1331737313736903</v>
      </c>
      <c r="F7167" cm="1">
        <f t="array" ref="F7167">IFERROR(INDEX(Jesper!AJ$2:AJ$366,ROUNDDOWN($C7167/24,0)+1,1)*INDEX($D$3:$AA$30,INDEX(Jesper!$R$2:$R$366,ROW(INDEX(Jesper!AJ$2:AJ$366,ROUNDDOWN($C7167/24,0)+1,1))-1)+IF('Standard Profiles'!$G$20=$B$10,7,0)+IF('Standard Profiles'!$G$20=$B$17,14,0)+IF('Standard Profiles'!$G$20=$B$24,21,0),MOD($C7167,24)+1)/SUM(INDEX($D$3:$AA$30,INDEX(Jesper!$R$2:$R$366,ROW(INDEX(Jesper!AJ$2:AJ$366,ROUNDDOWN($C7167/24,0)+1,1))-1)+IF('Standard Profiles'!$G$20=$B$10,7,0)+IF('Standard Profiles'!$G$20=$B$17,14,0)+IF('Standard Profiles'!$G$20=$B$24,21,0),0)),0)</f>
        <v>0</v>
      </c>
      <c r="G7167" cm="1">
        <f t="array" ref="G7167">IFERROR(INDEX(Jesper!AK$2:AK$366,ROUNDDOWN($C7167/24,0)+1,1)*INDEX($D$3:$AA$30,INDEX(Jesper!$R$2:$R$366,ROW(INDEX(Jesper!AK$2:AK$366,ROUNDDOWN($C7167/24,0)+1,1))-1)+IF('Standard Profiles'!$G$21=$B$10,7,0)+IF('Standard Profiles'!$G$21=$B$17,14,0)+IF('Standard Profiles'!$G$21=$B$24,21,0),MOD($C7167,24)+1)/SUM(INDEX($D$3:$AA$30,INDEX(Jesper!$R$2:$R$366,ROW(INDEX(Jesper!AK$2:AK$366,ROUNDDOWN($C7167/24,0)+1,1))-1)+IF('Standard Profiles'!$G$21=$B$10,7,0)+IF('Standard Profiles'!$G$21=$B$17,14,0)+IF('Standard Profiles'!$G$21=$B$24,21,0),0)),0)</f>
        <v>0.89686130719585611</v>
      </c>
      <c r="H7167" cm="1">
        <f t="array" ref="H7167">IFERROR(INDEX(Jesper!AL$2:AL$366,ROUNDDOWN($C7167/24,0)+1,1)*INDEX($D$3:$AA$30,INDEX(Jesper!$R$2:$R$366,ROW(INDEX(Jesper!AL$2:AL$366,ROUNDDOWN($C7167/24,0)+1,1))-1)+IF('Standard Profiles'!$G$22=$B$10,7,0)+IF('Standard Profiles'!$G$22=$B$17,14,0)+IF('Standard Profiles'!$G$22=$B$24,21,0),MOD($C7167,24)+1)/SUM(INDEX($D$3:$AA$30,INDEX(Jesper!$R$2:$R$366,ROW(INDEX(Jesper!AL$2:AL$366,ROUNDDOWN($C7167/24,0)+1,1))-1)+IF('Standard Profiles'!$G$22=$B$10,7,0)+IF('Standard Profiles'!$G$22=$B$17,14,0)+IF('Standard Profiles'!$G$22=$B$24,21,0),0)),0)</f>
        <v>0</v>
      </c>
      <c r="I7167">
        <f t="shared" si="797"/>
        <v>0.4304934274540107</v>
      </c>
      <c r="J7167">
        <f t="shared" si="798"/>
        <v>8.3098739605453105</v>
      </c>
      <c r="K7167">
        <f t="shared" si="799"/>
        <v>0.59813744119743173</v>
      </c>
      <c r="L7167">
        <f t="shared" si="800"/>
        <v>0.29906872059871586</v>
      </c>
      <c r="M7167">
        <f t="shared" si="801"/>
        <v>0</v>
      </c>
      <c r="N7167" s="45">
        <f t="shared" si="802"/>
        <v>45224.208333316034</v>
      </c>
    </row>
    <row r="7168" spans="2:14" x14ac:dyDescent="0.25">
      <c r="B7168">
        <f t="shared" si="796"/>
        <v>3</v>
      </c>
      <c r="C7168" s="16">
        <v>7134</v>
      </c>
      <c r="D7168" cm="1">
        <f t="array" ref="D7168">IFERROR(INDEX(Jesper!AH$2:AH$366,ROUNDDOWN($C7168/24,0)+1,1)*INDEX($D$3:$AA$30,INDEX(Jesper!$R$2:$R$366,ROW(INDEX(Jesper!AH$2:AH$366,ROUNDDOWN($C7168/24,0)+1,1))-1)+IF('Standard Profiles'!$G$18=$B$10,7,0)+IF('Standard Profiles'!$G$18=$B$17,14,0)+IF('Standard Profiles'!$G$18=$B$24,21,0),MOD($C7168,24)+1)/SUM(INDEX($D$3:$AA$30,INDEX(Jesper!$R$2:$R$366,ROW(INDEX(Jesper!AH$2:AH$366,ROUNDDOWN($C7168/24,0)+1,1))-1)+IF('Standard Profiles'!$G$18=$B$10,7,0)+IF('Standard Profiles'!$G$18=$B$17,14,0)+IF('Standard Profiles'!$G$18=$B$24,21,0),0)),0)</f>
        <v>5.607538511225922</v>
      </c>
      <c r="E7168" cm="1">
        <f t="array" ref="E7168">IFERROR(INDEX(Jesper!AI$2:AI$366,ROUNDDOWN($C7168/24,0)+1,1)*INDEX($D$3:$AA$30,INDEX(Jesper!$R$2:$R$366,ROW(INDEX(Jesper!AI$2:AI$366,ROUNDDOWN($C7168/24,0)+1,1))-1)+IF('Standard Profiles'!$G$19=$B$10,7,0)+IF('Standard Profiles'!$G$19=$B$17,14,0)+IF('Standard Profiles'!$G$19=$B$24,21,0),MOD($C7168,24)+1)/SUM(INDEX($D$3:$AA$30,INDEX(Jesper!$R$2:$R$366,ROW(INDEX(Jesper!AI$2:AI$366,ROUNDDOWN($C7168/24,0)+1,1))-1)+IF('Standard Profiles'!$G$19=$B$10,7,0)+IF('Standard Profiles'!$G$19=$B$17,14,0)+IF('Standard Profiles'!$G$19=$B$24,21,0),0)),0)</f>
        <v>3.1331737313736903</v>
      </c>
      <c r="F7168" cm="1">
        <f t="array" ref="F7168">IFERROR(INDEX(Jesper!AJ$2:AJ$366,ROUNDDOWN($C7168/24,0)+1,1)*INDEX($D$3:$AA$30,INDEX(Jesper!$R$2:$R$366,ROW(INDEX(Jesper!AJ$2:AJ$366,ROUNDDOWN($C7168/24,0)+1,1))-1)+IF('Standard Profiles'!$G$20=$B$10,7,0)+IF('Standard Profiles'!$G$20=$B$17,14,0)+IF('Standard Profiles'!$G$20=$B$24,21,0),MOD($C7168,24)+1)/SUM(INDEX($D$3:$AA$30,INDEX(Jesper!$R$2:$R$366,ROW(INDEX(Jesper!AJ$2:AJ$366,ROUNDDOWN($C7168/24,0)+1,1))-1)+IF('Standard Profiles'!$G$20=$B$10,7,0)+IF('Standard Profiles'!$G$20=$B$17,14,0)+IF('Standard Profiles'!$G$20=$B$24,21,0),0)),0)</f>
        <v>0</v>
      </c>
      <c r="G7168" cm="1">
        <f t="array" ref="G7168">IFERROR(INDEX(Jesper!AK$2:AK$366,ROUNDDOWN($C7168/24,0)+1,1)*INDEX($D$3:$AA$30,INDEX(Jesper!$R$2:$R$366,ROW(INDEX(Jesper!AK$2:AK$366,ROUNDDOWN($C7168/24,0)+1,1))-1)+IF('Standard Profiles'!$G$21=$B$10,7,0)+IF('Standard Profiles'!$G$21=$B$17,14,0)+IF('Standard Profiles'!$G$21=$B$24,21,0),MOD($C7168,24)+1)/SUM(INDEX($D$3:$AA$30,INDEX(Jesper!$R$2:$R$366,ROW(INDEX(Jesper!AK$2:AK$366,ROUNDDOWN($C7168/24,0)+1,1))-1)+IF('Standard Profiles'!$G$21=$B$10,7,0)+IF('Standard Profiles'!$G$21=$B$17,14,0)+IF('Standard Profiles'!$G$21=$B$24,21,0),0)),0)</f>
        <v>0.89686130719585611</v>
      </c>
      <c r="H7168" cm="1">
        <f t="array" ref="H7168">IFERROR(INDEX(Jesper!AL$2:AL$366,ROUNDDOWN($C7168/24,0)+1,1)*INDEX($D$3:$AA$30,INDEX(Jesper!$R$2:$R$366,ROW(INDEX(Jesper!AL$2:AL$366,ROUNDDOWN($C7168/24,0)+1,1))-1)+IF('Standard Profiles'!$G$22=$B$10,7,0)+IF('Standard Profiles'!$G$22=$B$17,14,0)+IF('Standard Profiles'!$G$22=$B$24,21,0),MOD($C7168,24)+1)/SUM(INDEX($D$3:$AA$30,INDEX(Jesper!$R$2:$R$366,ROW(INDEX(Jesper!AL$2:AL$366,ROUNDDOWN($C7168/24,0)+1,1))-1)+IF('Standard Profiles'!$G$22=$B$10,7,0)+IF('Standard Profiles'!$G$22=$B$17,14,0)+IF('Standard Profiles'!$G$22=$B$24,21,0),0)),0)</f>
        <v>0</v>
      </c>
      <c r="I7168">
        <f t="shared" si="797"/>
        <v>0.4304934274540107</v>
      </c>
      <c r="J7168">
        <f t="shared" si="798"/>
        <v>8.3098739605453105</v>
      </c>
      <c r="K7168">
        <f t="shared" si="799"/>
        <v>0.59813744119743173</v>
      </c>
      <c r="L7168">
        <f t="shared" si="800"/>
        <v>0.29906872059871586</v>
      </c>
      <c r="M7168">
        <f t="shared" si="801"/>
        <v>0</v>
      </c>
      <c r="N7168" s="45">
        <f t="shared" si="802"/>
        <v>45224.249999982698</v>
      </c>
    </row>
    <row r="7169" spans="2:14" x14ac:dyDescent="0.25">
      <c r="B7169">
        <f t="shared" si="796"/>
        <v>3</v>
      </c>
      <c r="C7169" s="16">
        <v>7135</v>
      </c>
      <c r="D7169" cm="1">
        <f t="array" ref="D7169">IFERROR(INDEX(Jesper!AH$2:AH$366,ROUNDDOWN($C7169/24,0)+1,1)*INDEX($D$3:$AA$30,INDEX(Jesper!$R$2:$R$366,ROW(INDEX(Jesper!AH$2:AH$366,ROUNDDOWN($C7169/24,0)+1,1))-1)+IF('Standard Profiles'!$G$18=$B$10,7,0)+IF('Standard Profiles'!$G$18=$B$17,14,0)+IF('Standard Profiles'!$G$18=$B$24,21,0),MOD($C7169,24)+1)/SUM(INDEX($D$3:$AA$30,INDEX(Jesper!$R$2:$R$366,ROW(INDEX(Jesper!AH$2:AH$366,ROUNDDOWN($C7169/24,0)+1,1))-1)+IF('Standard Profiles'!$G$18=$B$10,7,0)+IF('Standard Profiles'!$G$18=$B$17,14,0)+IF('Standard Profiles'!$G$18=$B$24,21,0),0)),0)</f>
        <v>22.922937732253843</v>
      </c>
      <c r="E7169" cm="1">
        <f t="array" ref="E7169">IFERROR(INDEX(Jesper!AI$2:AI$366,ROUNDDOWN($C7169/24,0)+1,1)*INDEX($D$3:$AA$30,INDEX(Jesper!$R$2:$R$366,ROW(INDEX(Jesper!AI$2:AI$366,ROUNDDOWN($C7169/24,0)+1,1))-1)+IF('Standard Profiles'!$G$19=$B$10,7,0)+IF('Standard Profiles'!$G$19=$B$17,14,0)+IF('Standard Profiles'!$G$19=$B$24,21,0),MOD($C7169,24)+1)/SUM(INDEX($D$3:$AA$30,INDEX(Jesper!$R$2:$R$366,ROW(INDEX(Jesper!AI$2:AI$366,ROUNDDOWN($C7169/24,0)+1,1))-1)+IF('Standard Profiles'!$G$19=$B$10,7,0)+IF('Standard Profiles'!$G$19=$B$17,14,0)+IF('Standard Profiles'!$G$19=$B$24,21,0),0)),0)</f>
        <v>12.808034435221538</v>
      </c>
      <c r="F7169" cm="1">
        <f t="array" ref="F7169">IFERROR(INDEX(Jesper!AJ$2:AJ$366,ROUNDDOWN($C7169/24,0)+1,1)*INDEX($D$3:$AA$30,INDEX(Jesper!$R$2:$R$366,ROW(INDEX(Jesper!AJ$2:AJ$366,ROUNDDOWN($C7169/24,0)+1,1))-1)+IF('Standard Profiles'!$G$20=$B$10,7,0)+IF('Standard Profiles'!$G$20=$B$17,14,0)+IF('Standard Profiles'!$G$20=$B$24,21,0),MOD($C7169,24)+1)/SUM(INDEX($D$3:$AA$30,INDEX(Jesper!$R$2:$R$366,ROW(INDEX(Jesper!AJ$2:AJ$366,ROUNDDOWN($C7169/24,0)+1,1))-1)+IF('Standard Profiles'!$G$20=$B$10,7,0)+IF('Standard Profiles'!$G$20=$B$17,14,0)+IF('Standard Profiles'!$G$20=$B$24,21,0),0)),0)</f>
        <v>0</v>
      </c>
      <c r="G7169" cm="1">
        <f t="array" ref="G7169">IFERROR(INDEX(Jesper!AK$2:AK$366,ROUNDDOWN($C7169/24,0)+1,1)*INDEX($D$3:$AA$30,INDEX(Jesper!$R$2:$R$366,ROW(INDEX(Jesper!AK$2:AK$366,ROUNDDOWN($C7169/24,0)+1,1))-1)+IF('Standard Profiles'!$G$21=$B$10,7,0)+IF('Standard Profiles'!$G$21=$B$17,14,0)+IF('Standard Profiles'!$G$21=$B$24,21,0),MOD($C7169,24)+1)/SUM(INDEX($D$3:$AA$30,INDEX(Jesper!$R$2:$R$366,ROW(INDEX(Jesper!AK$2:AK$366,ROUNDDOWN($C7169/24,0)+1,1))-1)+IF('Standard Profiles'!$G$21=$B$10,7,0)+IF('Standard Profiles'!$G$21=$B$17,14,0)+IF('Standard Profiles'!$G$21=$B$24,21,0),0)),0)</f>
        <v>2.4708529013245832</v>
      </c>
      <c r="H7169" cm="1">
        <f t="array" ref="H7169">IFERROR(INDEX(Jesper!AL$2:AL$366,ROUNDDOWN($C7169/24,0)+1,1)*INDEX($D$3:$AA$30,INDEX(Jesper!$R$2:$R$366,ROW(INDEX(Jesper!AL$2:AL$366,ROUNDDOWN($C7169/24,0)+1,1))-1)+IF('Standard Profiles'!$G$22=$B$10,7,0)+IF('Standard Profiles'!$G$22=$B$17,14,0)+IF('Standard Profiles'!$G$22=$B$24,21,0),MOD($C7169,24)+1)/SUM(INDEX($D$3:$AA$30,INDEX(Jesper!$R$2:$R$366,ROW(INDEX(Jesper!AL$2:AL$366,ROUNDDOWN($C7169/24,0)+1,1))-1)+IF('Standard Profiles'!$G$22=$B$10,7,0)+IF('Standard Profiles'!$G$22=$B$17,14,0)+IF('Standard Profiles'!$G$22=$B$24,21,0),0)),0)</f>
        <v>0</v>
      </c>
      <c r="I7169">
        <f t="shared" si="797"/>
        <v>1.1860093926357993</v>
      </c>
      <c r="J7169">
        <f t="shared" si="798"/>
        <v>33.348145639003548</v>
      </c>
      <c r="K7169">
        <f t="shared" si="799"/>
        <v>2.4451133581070765</v>
      </c>
      <c r="L7169">
        <f t="shared" si="800"/>
        <v>1.2225566790535383</v>
      </c>
      <c r="M7169">
        <f t="shared" si="801"/>
        <v>0</v>
      </c>
      <c r="N7169" s="45">
        <f t="shared" si="802"/>
        <v>45224.291666649362</v>
      </c>
    </row>
    <row r="7170" spans="2:14" x14ac:dyDescent="0.25">
      <c r="B7170">
        <f t="shared" si="796"/>
        <v>3</v>
      </c>
      <c r="C7170" s="16">
        <v>7136</v>
      </c>
      <c r="D7170" cm="1">
        <f t="array" ref="D7170">IFERROR(INDEX(Jesper!AH$2:AH$366,ROUNDDOWN($C7170/24,0)+1,1)*INDEX($D$3:$AA$30,INDEX(Jesper!$R$2:$R$366,ROW(INDEX(Jesper!AH$2:AH$366,ROUNDDOWN($C7170/24,0)+1,1))-1)+IF('Standard Profiles'!$G$18=$B$10,7,0)+IF('Standard Profiles'!$G$18=$B$17,14,0)+IF('Standard Profiles'!$G$18=$B$24,21,0),MOD($C7170,24)+1)/SUM(INDEX($D$3:$AA$30,INDEX(Jesper!$R$2:$R$366,ROW(INDEX(Jesper!AH$2:AH$366,ROUNDDOWN($C7170/24,0)+1,1))-1)+IF('Standard Profiles'!$G$18=$B$10,7,0)+IF('Standard Profiles'!$G$18=$B$17,14,0)+IF('Standard Profiles'!$G$18=$B$24,21,0),0)),0)</f>
        <v>25.57717262756745</v>
      </c>
      <c r="E7170" cm="1">
        <f t="array" ref="E7170">IFERROR(INDEX(Jesper!AI$2:AI$366,ROUNDDOWN($C7170/24,0)+1,1)*INDEX($D$3:$AA$30,INDEX(Jesper!$R$2:$R$366,ROW(INDEX(Jesper!AI$2:AI$366,ROUNDDOWN($C7170/24,0)+1,1))-1)+IF('Standard Profiles'!$G$19=$B$10,7,0)+IF('Standard Profiles'!$G$19=$B$17,14,0)+IF('Standard Profiles'!$G$19=$B$24,21,0),MOD($C7170,24)+1)/SUM(INDEX($D$3:$AA$30,INDEX(Jesper!$R$2:$R$366,ROW(INDEX(Jesper!AI$2:AI$366,ROUNDDOWN($C7170/24,0)+1,1))-1)+IF('Standard Profiles'!$G$19=$B$10,7,0)+IF('Standard Profiles'!$G$19=$B$17,14,0)+IF('Standard Profiles'!$G$19=$B$24,21,0),0)),0)</f>
        <v>14.291070001405085</v>
      </c>
      <c r="F7170" cm="1">
        <f t="array" ref="F7170">IFERROR(INDEX(Jesper!AJ$2:AJ$366,ROUNDDOWN($C7170/24,0)+1,1)*INDEX($D$3:$AA$30,INDEX(Jesper!$R$2:$R$366,ROW(INDEX(Jesper!AJ$2:AJ$366,ROUNDDOWN($C7170/24,0)+1,1))-1)+IF('Standard Profiles'!$G$20=$B$10,7,0)+IF('Standard Profiles'!$G$20=$B$17,14,0)+IF('Standard Profiles'!$G$20=$B$24,21,0),MOD($C7170,24)+1)/SUM(INDEX($D$3:$AA$30,INDEX(Jesper!$R$2:$R$366,ROW(INDEX(Jesper!AJ$2:AJ$366,ROUNDDOWN($C7170/24,0)+1,1))-1)+IF('Standard Profiles'!$G$20=$B$10,7,0)+IF('Standard Profiles'!$G$20=$B$17,14,0)+IF('Standard Profiles'!$G$20=$B$24,21,0),0)),0)</f>
        <v>0</v>
      </c>
      <c r="G7170" cm="1">
        <f t="array" ref="G7170">IFERROR(INDEX(Jesper!AK$2:AK$366,ROUNDDOWN($C7170/24,0)+1,1)*INDEX($D$3:$AA$30,INDEX(Jesper!$R$2:$R$366,ROW(INDEX(Jesper!AK$2:AK$366,ROUNDDOWN($C7170/24,0)+1,1))-1)+IF('Standard Profiles'!$G$21=$B$10,7,0)+IF('Standard Profiles'!$G$21=$B$17,14,0)+IF('Standard Profiles'!$G$21=$B$24,21,0),MOD($C7170,24)+1)/SUM(INDEX($D$3:$AA$30,INDEX(Jesper!$R$2:$R$366,ROW(INDEX(Jesper!AK$2:AK$366,ROUNDDOWN($C7170/24,0)+1,1))-1)+IF('Standard Profiles'!$G$21=$B$10,7,0)+IF('Standard Profiles'!$G$21=$B$17,14,0)+IF('Standard Profiles'!$G$21=$B$24,21,0),0)),0)</f>
        <v>2.7569516583200615</v>
      </c>
      <c r="H7170" cm="1">
        <f t="array" ref="H7170">IFERROR(INDEX(Jesper!AL$2:AL$366,ROUNDDOWN($C7170/24,0)+1,1)*INDEX($D$3:$AA$30,INDEX(Jesper!$R$2:$R$366,ROW(INDEX(Jesper!AL$2:AL$366,ROUNDDOWN($C7170/24,0)+1,1))-1)+IF('Standard Profiles'!$G$22=$B$10,7,0)+IF('Standard Profiles'!$G$22=$B$17,14,0)+IF('Standard Profiles'!$G$22=$B$24,21,0),MOD($C7170,24)+1)/SUM(INDEX($D$3:$AA$30,INDEX(Jesper!$R$2:$R$366,ROW(INDEX(Jesper!AL$2:AL$366,ROUNDDOWN($C7170/24,0)+1,1))-1)+IF('Standard Profiles'!$G$22=$B$10,7,0)+IF('Standard Profiles'!$G$22=$B$17,14,0)+IF('Standard Profiles'!$G$22=$B$24,21,0),0)),0)</f>
        <v>0</v>
      </c>
      <c r="I7170">
        <f t="shared" si="797"/>
        <v>1.3233367959936289</v>
      </c>
      <c r="J7170">
        <f t="shared" si="798"/>
        <v>37.209509870888176</v>
      </c>
      <c r="K7170">
        <f t="shared" si="799"/>
        <v>2.7282317469405282</v>
      </c>
      <c r="L7170">
        <f t="shared" si="800"/>
        <v>1.3641158734702641</v>
      </c>
      <c r="M7170">
        <f t="shared" si="801"/>
        <v>0</v>
      </c>
      <c r="N7170" s="45">
        <f t="shared" si="802"/>
        <v>45224.333333316026</v>
      </c>
    </row>
    <row r="7171" spans="2:14" x14ac:dyDescent="0.25">
      <c r="B7171">
        <f t="shared" si="796"/>
        <v>3</v>
      </c>
      <c r="C7171" s="16">
        <v>7137</v>
      </c>
      <c r="D7171" cm="1">
        <f t="array" ref="D7171">IFERROR(INDEX(Jesper!AH$2:AH$366,ROUNDDOWN($C7171/24,0)+1,1)*INDEX($D$3:$AA$30,INDEX(Jesper!$R$2:$R$366,ROW(INDEX(Jesper!AH$2:AH$366,ROUNDDOWN($C7171/24,0)+1,1))-1)+IF('Standard Profiles'!$G$18=$B$10,7,0)+IF('Standard Profiles'!$G$18=$B$17,14,0)+IF('Standard Profiles'!$G$18=$B$24,21,0),MOD($C7171,24)+1)/SUM(INDEX($D$3:$AA$30,INDEX(Jesper!$R$2:$R$366,ROW(INDEX(Jesper!AH$2:AH$366,ROUNDDOWN($C7171/24,0)+1,1))-1)+IF('Standard Profiles'!$G$18=$B$10,7,0)+IF('Standard Profiles'!$G$18=$B$17,14,0)+IF('Standard Profiles'!$G$18=$B$24,21,0),0)),0)</f>
        <v>28.231407522881049</v>
      </c>
      <c r="E7171" cm="1">
        <f t="array" ref="E7171">IFERROR(INDEX(Jesper!AI$2:AI$366,ROUNDDOWN($C7171/24,0)+1,1)*INDEX($D$3:$AA$30,INDEX(Jesper!$R$2:$R$366,ROW(INDEX(Jesper!AI$2:AI$366,ROUNDDOWN($C7171/24,0)+1,1))-1)+IF('Standard Profiles'!$G$19=$B$10,7,0)+IF('Standard Profiles'!$G$19=$B$17,14,0)+IF('Standard Profiles'!$G$19=$B$24,21,0),MOD($C7171,24)+1)/SUM(INDEX($D$3:$AA$30,INDEX(Jesper!$R$2:$R$366,ROW(INDEX(Jesper!AI$2:AI$366,ROUNDDOWN($C7171/24,0)+1,1))-1)+IF('Standard Profiles'!$G$19=$B$10,7,0)+IF('Standard Profiles'!$G$19=$B$17,14,0)+IF('Standard Profiles'!$G$19=$B$24,21,0),0)),0)</f>
        <v>15.774105567588633</v>
      </c>
      <c r="F7171" cm="1">
        <f t="array" ref="F7171">IFERROR(INDEX(Jesper!AJ$2:AJ$366,ROUNDDOWN($C7171/24,0)+1,1)*INDEX($D$3:$AA$30,INDEX(Jesper!$R$2:$R$366,ROW(INDEX(Jesper!AJ$2:AJ$366,ROUNDDOWN($C7171/24,0)+1,1))-1)+IF('Standard Profiles'!$G$20=$B$10,7,0)+IF('Standard Profiles'!$G$20=$B$17,14,0)+IF('Standard Profiles'!$G$20=$B$24,21,0),MOD($C7171,24)+1)/SUM(INDEX($D$3:$AA$30,INDEX(Jesper!$R$2:$R$366,ROW(INDEX(Jesper!AJ$2:AJ$366,ROUNDDOWN($C7171/24,0)+1,1))-1)+IF('Standard Profiles'!$G$20=$B$10,7,0)+IF('Standard Profiles'!$G$20=$B$17,14,0)+IF('Standard Profiles'!$G$20=$B$24,21,0),0)),0)</f>
        <v>0</v>
      </c>
      <c r="G7171" cm="1">
        <f t="array" ref="G7171">IFERROR(INDEX(Jesper!AK$2:AK$366,ROUNDDOWN($C7171/24,0)+1,1)*INDEX($D$3:$AA$30,INDEX(Jesper!$R$2:$R$366,ROW(INDEX(Jesper!AK$2:AK$366,ROUNDDOWN($C7171/24,0)+1,1))-1)+IF('Standard Profiles'!$G$21=$B$10,7,0)+IF('Standard Profiles'!$G$21=$B$17,14,0)+IF('Standard Profiles'!$G$21=$B$24,21,0),MOD($C7171,24)+1)/SUM(INDEX($D$3:$AA$30,INDEX(Jesper!$R$2:$R$366,ROW(INDEX(Jesper!AK$2:AK$366,ROUNDDOWN($C7171/24,0)+1,1))-1)+IF('Standard Profiles'!$G$21=$B$10,7,0)+IF('Standard Profiles'!$G$21=$B$17,14,0)+IF('Standard Profiles'!$G$21=$B$24,21,0),0)),0)</f>
        <v>3.0430504153155398</v>
      </c>
      <c r="H7171" cm="1">
        <f t="array" ref="H7171">IFERROR(INDEX(Jesper!AL$2:AL$366,ROUNDDOWN($C7171/24,0)+1,1)*INDEX($D$3:$AA$30,INDEX(Jesper!$R$2:$R$366,ROW(INDEX(Jesper!AL$2:AL$366,ROUNDDOWN($C7171/24,0)+1,1))-1)+IF('Standard Profiles'!$G$22=$B$10,7,0)+IF('Standard Profiles'!$G$22=$B$17,14,0)+IF('Standard Profiles'!$G$22=$B$24,21,0),MOD($C7171,24)+1)/SUM(INDEX($D$3:$AA$30,INDEX(Jesper!$R$2:$R$366,ROW(INDEX(Jesper!AL$2:AL$366,ROUNDDOWN($C7171/24,0)+1,1))-1)+IF('Standard Profiles'!$G$22=$B$10,7,0)+IF('Standard Profiles'!$G$22=$B$17,14,0)+IF('Standard Profiles'!$G$22=$B$24,21,0),0)),0)</f>
        <v>0</v>
      </c>
      <c r="I7171">
        <f t="shared" si="797"/>
        <v>1.4606641993514584</v>
      </c>
      <c r="J7171">
        <f t="shared" si="798"/>
        <v>41.070874102772791</v>
      </c>
      <c r="K7171">
        <f t="shared" si="799"/>
        <v>3.0113501357739789</v>
      </c>
      <c r="L7171">
        <f t="shared" si="800"/>
        <v>1.5056750678869895</v>
      </c>
      <c r="M7171">
        <f t="shared" si="801"/>
        <v>0</v>
      </c>
      <c r="N7171" s="45">
        <f t="shared" si="802"/>
        <v>45224.37499998269</v>
      </c>
    </row>
    <row r="7172" spans="2:14" x14ac:dyDescent="0.25">
      <c r="B7172">
        <f t="shared" si="796"/>
        <v>3</v>
      </c>
      <c r="C7172" s="16">
        <v>7138</v>
      </c>
      <c r="D7172" cm="1">
        <f t="array" ref="D7172">IFERROR(INDEX(Jesper!AH$2:AH$366,ROUNDDOWN($C7172/24,0)+1,1)*INDEX($D$3:$AA$30,INDEX(Jesper!$R$2:$R$366,ROW(INDEX(Jesper!AH$2:AH$366,ROUNDDOWN($C7172/24,0)+1,1))-1)+IF('Standard Profiles'!$G$18=$B$10,7,0)+IF('Standard Profiles'!$G$18=$B$17,14,0)+IF('Standard Profiles'!$G$18=$B$24,21,0),MOD($C7172,24)+1)/SUM(INDEX($D$3:$AA$30,INDEX(Jesper!$R$2:$R$366,ROW(INDEX(Jesper!AH$2:AH$366,ROUNDDOWN($C7172/24,0)+1,1))-1)+IF('Standard Profiles'!$G$18=$B$10,7,0)+IF('Standard Profiles'!$G$18=$B$17,14,0)+IF('Standard Profiles'!$G$18=$B$24,21,0),0)),0)</f>
        <v>28.231407522881049</v>
      </c>
      <c r="E7172" cm="1">
        <f t="array" ref="E7172">IFERROR(INDEX(Jesper!AI$2:AI$366,ROUNDDOWN($C7172/24,0)+1,1)*INDEX($D$3:$AA$30,INDEX(Jesper!$R$2:$R$366,ROW(INDEX(Jesper!AI$2:AI$366,ROUNDDOWN($C7172/24,0)+1,1))-1)+IF('Standard Profiles'!$G$19=$B$10,7,0)+IF('Standard Profiles'!$G$19=$B$17,14,0)+IF('Standard Profiles'!$G$19=$B$24,21,0),MOD($C7172,24)+1)/SUM(INDEX($D$3:$AA$30,INDEX(Jesper!$R$2:$R$366,ROW(INDEX(Jesper!AI$2:AI$366,ROUNDDOWN($C7172/24,0)+1,1))-1)+IF('Standard Profiles'!$G$19=$B$10,7,0)+IF('Standard Profiles'!$G$19=$B$17,14,0)+IF('Standard Profiles'!$G$19=$B$24,21,0),0)),0)</f>
        <v>15.774105567588633</v>
      </c>
      <c r="F7172" cm="1">
        <f t="array" ref="F7172">IFERROR(INDEX(Jesper!AJ$2:AJ$366,ROUNDDOWN($C7172/24,0)+1,1)*INDEX($D$3:$AA$30,INDEX(Jesper!$R$2:$R$366,ROW(INDEX(Jesper!AJ$2:AJ$366,ROUNDDOWN($C7172/24,0)+1,1))-1)+IF('Standard Profiles'!$G$20=$B$10,7,0)+IF('Standard Profiles'!$G$20=$B$17,14,0)+IF('Standard Profiles'!$G$20=$B$24,21,0),MOD($C7172,24)+1)/SUM(INDEX($D$3:$AA$30,INDEX(Jesper!$R$2:$R$366,ROW(INDEX(Jesper!AJ$2:AJ$366,ROUNDDOWN($C7172/24,0)+1,1))-1)+IF('Standard Profiles'!$G$20=$B$10,7,0)+IF('Standard Profiles'!$G$20=$B$17,14,0)+IF('Standard Profiles'!$G$20=$B$24,21,0),0)),0)</f>
        <v>0</v>
      </c>
      <c r="G7172" cm="1">
        <f t="array" ref="G7172">IFERROR(INDEX(Jesper!AK$2:AK$366,ROUNDDOWN($C7172/24,0)+1,1)*INDEX($D$3:$AA$30,INDEX(Jesper!$R$2:$R$366,ROW(INDEX(Jesper!AK$2:AK$366,ROUNDDOWN($C7172/24,0)+1,1))-1)+IF('Standard Profiles'!$G$21=$B$10,7,0)+IF('Standard Profiles'!$G$21=$B$17,14,0)+IF('Standard Profiles'!$G$21=$B$24,21,0),MOD($C7172,24)+1)/SUM(INDEX($D$3:$AA$30,INDEX(Jesper!$R$2:$R$366,ROW(INDEX(Jesper!AK$2:AK$366,ROUNDDOWN($C7172/24,0)+1,1))-1)+IF('Standard Profiles'!$G$21=$B$10,7,0)+IF('Standard Profiles'!$G$21=$B$17,14,0)+IF('Standard Profiles'!$G$21=$B$24,21,0),0)),0)</f>
        <v>3.0430504153155398</v>
      </c>
      <c r="H7172" cm="1">
        <f t="array" ref="H7172">IFERROR(INDEX(Jesper!AL$2:AL$366,ROUNDDOWN($C7172/24,0)+1,1)*INDEX($D$3:$AA$30,INDEX(Jesper!$R$2:$R$366,ROW(INDEX(Jesper!AL$2:AL$366,ROUNDDOWN($C7172/24,0)+1,1))-1)+IF('Standard Profiles'!$G$22=$B$10,7,0)+IF('Standard Profiles'!$G$22=$B$17,14,0)+IF('Standard Profiles'!$G$22=$B$24,21,0),MOD($C7172,24)+1)/SUM(INDEX($D$3:$AA$30,INDEX(Jesper!$R$2:$R$366,ROW(INDEX(Jesper!AL$2:AL$366,ROUNDDOWN($C7172/24,0)+1,1))-1)+IF('Standard Profiles'!$G$22=$B$10,7,0)+IF('Standard Profiles'!$G$22=$B$17,14,0)+IF('Standard Profiles'!$G$22=$B$24,21,0),0)),0)</f>
        <v>0</v>
      </c>
      <c r="I7172">
        <f t="shared" si="797"/>
        <v>1.4606641993514584</v>
      </c>
      <c r="J7172">
        <f t="shared" si="798"/>
        <v>41.070874102772791</v>
      </c>
      <c r="K7172">
        <f t="shared" si="799"/>
        <v>3.0113501357739789</v>
      </c>
      <c r="L7172">
        <f t="shared" si="800"/>
        <v>1.5056750678869895</v>
      </c>
      <c r="M7172">
        <f t="shared" si="801"/>
        <v>0</v>
      </c>
      <c r="N7172" s="45">
        <f t="shared" si="802"/>
        <v>45224.416666649355</v>
      </c>
    </row>
    <row r="7173" spans="2:14" x14ac:dyDescent="0.25">
      <c r="B7173">
        <f t="shared" si="796"/>
        <v>3</v>
      </c>
      <c r="C7173" s="16">
        <v>7139</v>
      </c>
      <c r="D7173" cm="1">
        <f t="array" ref="D7173">IFERROR(INDEX(Jesper!AH$2:AH$366,ROUNDDOWN($C7173/24,0)+1,1)*INDEX($D$3:$AA$30,INDEX(Jesper!$R$2:$R$366,ROW(INDEX(Jesper!AH$2:AH$366,ROUNDDOWN($C7173/24,0)+1,1))-1)+IF('Standard Profiles'!$G$18=$B$10,7,0)+IF('Standard Profiles'!$G$18=$B$17,14,0)+IF('Standard Profiles'!$G$18=$B$24,21,0),MOD($C7173,24)+1)/SUM(INDEX($D$3:$AA$30,INDEX(Jesper!$R$2:$R$366,ROW(INDEX(Jesper!AH$2:AH$366,ROUNDDOWN($C7173/24,0)+1,1))-1)+IF('Standard Profiles'!$G$18=$B$10,7,0)+IF('Standard Profiles'!$G$18=$B$17,14,0)+IF('Standard Profiles'!$G$18=$B$24,21,0),0)),0)</f>
        <v>33.781171394900397</v>
      </c>
      <c r="E7173" cm="1">
        <f t="array" ref="E7173">IFERROR(INDEX(Jesper!AI$2:AI$366,ROUNDDOWN($C7173/24,0)+1,1)*INDEX($D$3:$AA$30,INDEX(Jesper!$R$2:$R$366,ROW(INDEX(Jesper!AI$2:AI$366,ROUNDDOWN($C7173/24,0)+1,1))-1)+IF('Standard Profiles'!$G$19=$B$10,7,0)+IF('Standard Profiles'!$G$19=$B$17,14,0)+IF('Standard Profiles'!$G$19=$B$24,21,0),MOD($C7173,24)+1)/SUM(INDEX($D$3:$AA$30,INDEX(Jesper!$R$2:$R$366,ROW(INDEX(Jesper!AI$2:AI$366,ROUNDDOWN($C7173/24,0)+1,1))-1)+IF('Standard Profiles'!$G$19=$B$10,7,0)+IF('Standard Profiles'!$G$19=$B$17,14,0)+IF('Standard Profiles'!$G$19=$B$24,21,0),0)),0)</f>
        <v>18.87499811506332</v>
      </c>
      <c r="F7173" cm="1">
        <f t="array" ref="F7173">IFERROR(INDEX(Jesper!AJ$2:AJ$366,ROUNDDOWN($C7173/24,0)+1,1)*INDEX($D$3:$AA$30,INDEX(Jesper!$R$2:$R$366,ROW(INDEX(Jesper!AJ$2:AJ$366,ROUNDDOWN($C7173/24,0)+1,1))-1)+IF('Standard Profiles'!$G$20=$B$10,7,0)+IF('Standard Profiles'!$G$20=$B$17,14,0)+IF('Standard Profiles'!$G$20=$B$24,21,0),MOD($C7173,24)+1)/SUM(INDEX($D$3:$AA$30,INDEX(Jesper!$R$2:$R$366,ROW(INDEX(Jesper!AJ$2:AJ$366,ROUNDDOWN($C7173/24,0)+1,1))-1)+IF('Standard Profiles'!$G$20=$B$10,7,0)+IF('Standard Profiles'!$G$20=$B$17,14,0)+IF('Standard Profiles'!$G$20=$B$24,21,0),0)),0)</f>
        <v>0</v>
      </c>
      <c r="G7173" cm="1">
        <f t="array" ref="G7173">IFERROR(INDEX(Jesper!AK$2:AK$366,ROUNDDOWN($C7173/24,0)+1,1)*INDEX($D$3:$AA$30,INDEX(Jesper!$R$2:$R$366,ROW(INDEX(Jesper!AK$2:AK$366,ROUNDDOWN($C7173/24,0)+1,1))-1)+IF('Standard Profiles'!$G$21=$B$10,7,0)+IF('Standard Profiles'!$G$21=$B$17,14,0)+IF('Standard Profiles'!$G$21=$B$24,21,0),MOD($C7173,24)+1)/SUM(INDEX($D$3:$AA$30,INDEX(Jesper!$R$2:$R$366,ROW(INDEX(Jesper!AK$2:AK$366,ROUNDDOWN($C7173/24,0)+1,1))-1)+IF('Standard Profiles'!$G$21=$B$10,7,0)+IF('Standard Profiles'!$G$21=$B$17,14,0)+IF('Standard Profiles'!$G$21=$B$24,21,0),0)),0)</f>
        <v>3.6412569072151753</v>
      </c>
      <c r="H7173" cm="1">
        <f t="array" ref="H7173">IFERROR(INDEX(Jesper!AL$2:AL$366,ROUNDDOWN($C7173/24,0)+1,1)*INDEX($D$3:$AA$30,INDEX(Jesper!$R$2:$R$366,ROW(INDEX(Jesper!AL$2:AL$366,ROUNDDOWN($C7173/24,0)+1,1))-1)+IF('Standard Profiles'!$G$22=$B$10,7,0)+IF('Standard Profiles'!$G$22=$B$17,14,0)+IF('Standard Profiles'!$G$22=$B$24,21,0),MOD($C7173,24)+1)/SUM(INDEX($D$3:$AA$30,INDEX(Jesper!$R$2:$R$366,ROW(INDEX(Jesper!AL$2:AL$366,ROUNDDOWN($C7173/24,0)+1,1))-1)+IF('Standard Profiles'!$G$22=$B$10,7,0)+IF('Standard Profiles'!$G$22=$B$17,14,0)+IF('Standard Profiles'!$G$22=$B$24,21,0),0)),0)</f>
        <v>0</v>
      </c>
      <c r="I7173">
        <f t="shared" si="797"/>
        <v>1.7478033154632833</v>
      </c>
      <c r="J7173">
        <f t="shared" si="798"/>
        <v>49.144635678531543</v>
      </c>
      <c r="K7173">
        <f t="shared" si="799"/>
        <v>3.6033249487893761</v>
      </c>
      <c r="L7173">
        <f t="shared" si="800"/>
        <v>1.8016624743946881</v>
      </c>
      <c r="M7173">
        <f t="shared" si="801"/>
        <v>0</v>
      </c>
      <c r="N7173" s="45">
        <f t="shared" si="802"/>
        <v>45224.458333316019</v>
      </c>
    </row>
    <row r="7174" spans="2:14" x14ac:dyDescent="0.25">
      <c r="B7174">
        <f t="shared" si="796"/>
        <v>3</v>
      </c>
      <c r="C7174" s="16">
        <v>7140</v>
      </c>
      <c r="D7174" cm="1">
        <f t="array" ref="D7174">IFERROR(INDEX(Jesper!AH$2:AH$366,ROUNDDOWN($C7174/24,0)+1,1)*INDEX($D$3:$AA$30,INDEX(Jesper!$R$2:$R$366,ROW(INDEX(Jesper!AH$2:AH$366,ROUNDDOWN($C7174/24,0)+1,1))-1)+IF('Standard Profiles'!$G$18=$B$10,7,0)+IF('Standard Profiles'!$G$18=$B$17,14,0)+IF('Standard Profiles'!$G$18=$B$24,21,0),MOD($C7174,24)+1)/SUM(INDEX($D$3:$AA$30,INDEX(Jesper!$R$2:$R$366,ROW(INDEX(Jesper!AH$2:AH$366,ROUNDDOWN($C7174/24,0)+1,1))-1)+IF('Standard Profiles'!$G$18=$B$10,7,0)+IF('Standard Profiles'!$G$18=$B$17,14,0)+IF('Standard Profiles'!$G$18=$B$24,21,0),0)),0)</f>
        <v>33.781171394900397</v>
      </c>
      <c r="E7174" cm="1">
        <f t="array" ref="E7174">IFERROR(INDEX(Jesper!AI$2:AI$366,ROUNDDOWN($C7174/24,0)+1,1)*INDEX($D$3:$AA$30,INDEX(Jesper!$R$2:$R$366,ROW(INDEX(Jesper!AI$2:AI$366,ROUNDDOWN($C7174/24,0)+1,1))-1)+IF('Standard Profiles'!$G$19=$B$10,7,0)+IF('Standard Profiles'!$G$19=$B$17,14,0)+IF('Standard Profiles'!$G$19=$B$24,21,0),MOD($C7174,24)+1)/SUM(INDEX($D$3:$AA$30,INDEX(Jesper!$R$2:$R$366,ROW(INDEX(Jesper!AI$2:AI$366,ROUNDDOWN($C7174/24,0)+1,1))-1)+IF('Standard Profiles'!$G$19=$B$10,7,0)+IF('Standard Profiles'!$G$19=$B$17,14,0)+IF('Standard Profiles'!$G$19=$B$24,21,0),0)),0)</f>
        <v>18.87499811506332</v>
      </c>
      <c r="F7174" cm="1">
        <f t="array" ref="F7174">IFERROR(INDEX(Jesper!AJ$2:AJ$366,ROUNDDOWN($C7174/24,0)+1,1)*INDEX($D$3:$AA$30,INDEX(Jesper!$R$2:$R$366,ROW(INDEX(Jesper!AJ$2:AJ$366,ROUNDDOWN($C7174/24,0)+1,1))-1)+IF('Standard Profiles'!$G$20=$B$10,7,0)+IF('Standard Profiles'!$G$20=$B$17,14,0)+IF('Standard Profiles'!$G$20=$B$24,21,0),MOD($C7174,24)+1)/SUM(INDEX($D$3:$AA$30,INDEX(Jesper!$R$2:$R$366,ROW(INDEX(Jesper!AJ$2:AJ$366,ROUNDDOWN($C7174/24,0)+1,1))-1)+IF('Standard Profiles'!$G$20=$B$10,7,0)+IF('Standard Profiles'!$G$20=$B$17,14,0)+IF('Standard Profiles'!$G$20=$B$24,21,0),0)),0)</f>
        <v>0</v>
      </c>
      <c r="G7174" cm="1">
        <f t="array" ref="G7174">IFERROR(INDEX(Jesper!AK$2:AK$366,ROUNDDOWN($C7174/24,0)+1,1)*INDEX($D$3:$AA$30,INDEX(Jesper!$R$2:$R$366,ROW(INDEX(Jesper!AK$2:AK$366,ROUNDDOWN($C7174/24,0)+1,1))-1)+IF('Standard Profiles'!$G$21=$B$10,7,0)+IF('Standard Profiles'!$G$21=$B$17,14,0)+IF('Standard Profiles'!$G$21=$B$24,21,0),MOD($C7174,24)+1)/SUM(INDEX($D$3:$AA$30,INDEX(Jesper!$R$2:$R$366,ROW(INDEX(Jesper!AK$2:AK$366,ROUNDDOWN($C7174/24,0)+1,1))-1)+IF('Standard Profiles'!$G$21=$B$10,7,0)+IF('Standard Profiles'!$G$21=$B$17,14,0)+IF('Standard Profiles'!$G$21=$B$24,21,0),0)),0)</f>
        <v>3.6412569072151753</v>
      </c>
      <c r="H7174" cm="1">
        <f t="array" ref="H7174">IFERROR(INDEX(Jesper!AL$2:AL$366,ROUNDDOWN($C7174/24,0)+1,1)*INDEX($D$3:$AA$30,INDEX(Jesper!$R$2:$R$366,ROW(INDEX(Jesper!AL$2:AL$366,ROUNDDOWN($C7174/24,0)+1,1))-1)+IF('Standard Profiles'!$G$22=$B$10,7,0)+IF('Standard Profiles'!$G$22=$B$17,14,0)+IF('Standard Profiles'!$G$22=$B$24,21,0),MOD($C7174,24)+1)/SUM(INDEX($D$3:$AA$30,INDEX(Jesper!$R$2:$R$366,ROW(INDEX(Jesper!AL$2:AL$366,ROUNDDOWN($C7174/24,0)+1,1))-1)+IF('Standard Profiles'!$G$22=$B$10,7,0)+IF('Standard Profiles'!$G$22=$B$17,14,0)+IF('Standard Profiles'!$G$22=$B$24,21,0),0)),0)</f>
        <v>0</v>
      </c>
      <c r="I7174">
        <f t="shared" si="797"/>
        <v>1.7478033154632833</v>
      </c>
      <c r="J7174">
        <f t="shared" si="798"/>
        <v>49.144635678531543</v>
      </c>
      <c r="K7174">
        <f t="shared" si="799"/>
        <v>3.6033249487893761</v>
      </c>
      <c r="L7174">
        <f t="shared" si="800"/>
        <v>1.8016624743946881</v>
      </c>
      <c r="M7174">
        <f t="shared" si="801"/>
        <v>0</v>
      </c>
      <c r="N7174" s="45">
        <f t="shared" si="802"/>
        <v>45224.499999982683</v>
      </c>
    </row>
    <row r="7175" spans="2:14" x14ac:dyDescent="0.25">
      <c r="B7175">
        <f t="shared" si="796"/>
        <v>3</v>
      </c>
      <c r="C7175" s="16">
        <v>7141</v>
      </c>
      <c r="D7175" cm="1">
        <f t="array" ref="D7175">IFERROR(INDEX(Jesper!AH$2:AH$366,ROUNDDOWN($C7175/24,0)+1,1)*INDEX($D$3:$AA$30,INDEX(Jesper!$R$2:$R$366,ROW(INDEX(Jesper!AH$2:AH$366,ROUNDDOWN($C7175/24,0)+1,1))-1)+IF('Standard Profiles'!$G$18=$B$10,7,0)+IF('Standard Profiles'!$G$18=$B$17,14,0)+IF('Standard Profiles'!$G$18=$B$24,21,0),MOD($C7175,24)+1)/SUM(INDEX($D$3:$AA$30,INDEX(Jesper!$R$2:$R$366,ROW(INDEX(Jesper!AH$2:AH$366,ROUNDDOWN($C7175/24,0)+1,1))-1)+IF('Standard Profiles'!$G$18=$B$10,7,0)+IF('Standard Profiles'!$G$18=$B$17,14,0)+IF('Standard Profiles'!$G$18=$B$24,21,0),0)),0)</f>
        <v>22.44034956946955</v>
      </c>
      <c r="E7175" cm="1">
        <f t="array" ref="E7175">IFERROR(INDEX(Jesper!AI$2:AI$366,ROUNDDOWN($C7175/24,0)+1,1)*INDEX($D$3:$AA$30,INDEX(Jesper!$R$2:$R$366,ROW(INDEX(Jesper!AI$2:AI$366,ROUNDDOWN($C7175/24,0)+1,1))-1)+IF('Standard Profiles'!$G$19=$B$10,7,0)+IF('Standard Profiles'!$G$19=$B$17,14,0)+IF('Standard Profiles'!$G$19=$B$24,21,0),MOD($C7175,24)+1)/SUM(INDEX($D$3:$AA$30,INDEX(Jesper!$R$2:$R$366,ROW(INDEX(Jesper!AI$2:AI$366,ROUNDDOWN($C7175/24,0)+1,1))-1)+IF('Standard Profiles'!$G$19=$B$10,7,0)+IF('Standard Profiles'!$G$19=$B$17,14,0)+IF('Standard Profiles'!$G$19=$B$24,21,0),0)),0)</f>
        <v>12.538391605006348</v>
      </c>
      <c r="F7175" cm="1">
        <f t="array" ref="F7175">IFERROR(INDEX(Jesper!AJ$2:AJ$366,ROUNDDOWN($C7175/24,0)+1,1)*INDEX($D$3:$AA$30,INDEX(Jesper!$R$2:$R$366,ROW(INDEX(Jesper!AJ$2:AJ$366,ROUNDDOWN($C7175/24,0)+1,1))-1)+IF('Standard Profiles'!$G$20=$B$10,7,0)+IF('Standard Profiles'!$G$20=$B$17,14,0)+IF('Standard Profiles'!$G$20=$B$24,21,0),MOD($C7175,24)+1)/SUM(INDEX($D$3:$AA$30,INDEX(Jesper!$R$2:$R$366,ROW(INDEX(Jesper!AJ$2:AJ$366,ROUNDDOWN($C7175/24,0)+1,1))-1)+IF('Standard Profiles'!$G$20=$B$10,7,0)+IF('Standard Profiles'!$G$20=$B$17,14,0)+IF('Standard Profiles'!$G$20=$B$24,21,0),0)),0)</f>
        <v>0</v>
      </c>
      <c r="G7175" cm="1">
        <f t="array" ref="G7175">IFERROR(INDEX(Jesper!AK$2:AK$366,ROUNDDOWN($C7175/24,0)+1,1)*INDEX($D$3:$AA$30,INDEX(Jesper!$R$2:$R$366,ROW(INDEX(Jesper!AK$2:AK$366,ROUNDDOWN($C7175/24,0)+1,1))-1)+IF('Standard Profiles'!$G$21=$B$10,7,0)+IF('Standard Profiles'!$G$21=$B$17,14,0)+IF('Standard Profiles'!$G$21=$B$24,21,0),MOD($C7175,24)+1)/SUM(INDEX($D$3:$AA$30,INDEX(Jesper!$R$2:$R$366,ROW(INDEX(Jesper!AK$2:AK$366,ROUNDDOWN($C7175/24,0)+1,1))-1)+IF('Standard Profiles'!$G$21=$B$10,7,0)+IF('Standard Profiles'!$G$21=$B$17,14,0)+IF('Standard Profiles'!$G$21=$B$24,21,0),0)),0)</f>
        <v>2.4188349455072236</v>
      </c>
      <c r="H7175" cm="1">
        <f t="array" ref="H7175">IFERROR(INDEX(Jesper!AL$2:AL$366,ROUNDDOWN($C7175/24,0)+1,1)*INDEX($D$3:$AA$30,INDEX(Jesper!$R$2:$R$366,ROW(INDEX(Jesper!AL$2:AL$366,ROUNDDOWN($C7175/24,0)+1,1))-1)+IF('Standard Profiles'!$G$22=$B$10,7,0)+IF('Standard Profiles'!$G$22=$B$17,14,0)+IF('Standard Profiles'!$G$22=$B$24,21,0),MOD($C7175,24)+1)/SUM(INDEX($D$3:$AA$30,INDEX(Jesper!$R$2:$R$366,ROW(INDEX(Jesper!AL$2:AL$366,ROUNDDOWN($C7175/24,0)+1,1))-1)+IF('Standard Profiles'!$G$22=$B$10,7,0)+IF('Standard Profiles'!$G$22=$B$17,14,0)+IF('Standard Profiles'!$G$22=$B$24,21,0),0)),0)</f>
        <v>0</v>
      </c>
      <c r="I7175">
        <f t="shared" si="797"/>
        <v>1.1610407738434667</v>
      </c>
      <c r="J7175">
        <f t="shared" si="798"/>
        <v>32.646079415024523</v>
      </c>
      <c r="K7175">
        <f t="shared" si="799"/>
        <v>2.3936372874100855</v>
      </c>
      <c r="L7175">
        <f t="shared" si="800"/>
        <v>1.1968186437050428</v>
      </c>
      <c r="M7175">
        <f t="shared" si="801"/>
        <v>0</v>
      </c>
      <c r="N7175" s="45">
        <f t="shared" si="802"/>
        <v>45224.541666649347</v>
      </c>
    </row>
    <row r="7176" spans="2:14" x14ac:dyDescent="0.25">
      <c r="B7176">
        <f t="shared" si="796"/>
        <v>3</v>
      </c>
      <c r="C7176" s="16">
        <v>7142</v>
      </c>
      <c r="D7176" cm="1">
        <f t="array" ref="D7176">IFERROR(INDEX(Jesper!AH$2:AH$366,ROUNDDOWN($C7176/24,0)+1,1)*INDEX($D$3:$AA$30,INDEX(Jesper!$R$2:$R$366,ROW(INDEX(Jesper!AH$2:AH$366,ROUNDDOWN($C7176/24,0)+1,1))-1)+IF('Standard Profiles'!$G$18=$B$10,7,0)+IF('Standard Profiles'!$G$18=$B$17,14,0)+IF('Standard Profiles'!$G$18=$B$24,21,0),MOD($C7176,24)+1)/SUM(INDEX($D$3:$AA$30,INDEX(Jesper!$R$2:$R$366,ROW(INDEX(Jesper!AH$2:AH$366,ROUNDDOWN($C7176/24,0)+1,1))-1)+IF('Standard Profiles'!$G$18=$B$10,7,0)+IF('Standard Profiles'!$G$18=$B$17,14,0)+IF('Standard Profiles'!$G$18=$B$24,21,0),0)),0)</f>
        <v>33.781171394900397</v>
      </c>
      <c r="E7176" cm="1">
        <f t="array" ref="E7176">IFERROR(INDEX(Jesper!AI$2:AI$366,ROUNDDOWN($C7176/24,0)+1,1)*INDEX($D$3:$AA$30,INDEX(Jesper!$R$2:$R$366,ROW(INDEX(Jesper!AI$2:AI$366,ROUNDDOWN($C7176/24,0)+1,1))-1)+IF('Standard Profiles'!$G$19=$B$10,7,0)+IF('Standard Profiles'!$G$19=$B$17,14,0)+IF('Standard Profiles'!$G$19=$B$24,21,0),MOD($C7176,24)+1)/SUM(INDEX($D$3:$AA$30,INDEX(Jesper!$R$2:$R$366,ROW(INDEX(Jesper!AI$2:AI$366,ROUNDDOWN($C7176/24,0)+1,1))-1)+IF('Standard Profiles'!$G$19=$B$10,7,0)+IF('Standard Profiles'!$G$19=$B$17,14,0)+IF('Standard Profiles'!$G$19=$B$24,21,0),0)),0)</f>
        <v>18.87499811506332</v>
      </c>
      <c r="F7176" cm="1">
        <f t="array" ref="F7176">IFERROR(INDEX(Jesper!AJ$2:AJ$366,ROUNDDOWN($C7176/24,0)+1,1)*INDEX($D$3:$AA$30,INDEX(Jesper!$R$2:$R$366,ROW(INDEX(Jesper!AJ$2:AJ$366,ROUNDDOWN($C7176/24,0)+1,1))-1)+IF('Standard Profiles'!$G$20=$B$10,7,0)+IF('Standard Profiles'!$G$20=$B$17,14,0)+IF('Standard Profiles'!$G$20=$B$24,21,0),MOD($C7176,24)+1)/SUM(INDEX($D$3:$AA$30,INDEX(Jesper!$R$2:$R$366,ROW(INDEX(Jesper!AJ$2:AJ$366,ROUNDDOWN($C7176/24,0)+1,1))-1)+IF('Standard Profiles'!$G$20=$B$10,7,0)+IF('Standard Profiles'!$G$20=$B$17,14,0)+IF('Standard Profiles'!$G$20=$B$24,21,0),0)),0)</f>
        <v>0</v>
      </c>
      <c r="G7176" cm="1">
        <f t="array" ref="G7176">IFERROR(INDEX(Jesper!AK$2:AK$366,ROUNDDOWN($C7176/24,0)+1,1)*INDEX($D$3:$AA$30,INDEX(Jesper!$R$2:$R$366,ROW(INDEX(Jesper!AK$2:AK$366,ROUNDDOWN($C7176/24,0)+1,1))-1)+IF('Standard Profiles'!$G$21=$B$10,7,0)+IF('Standard Profiles'!$G$21=$B$17,14,0)+IF('Standard Profiles'!$G$21=$B$24,21,0),MOD($C7176,24)+1)/SUM(INDEX($D$3:$AA$30,INDEX(Jesper!$R$2:$R$366,ROW(INDEX(Jesper!AK$2:AK$366,ROUNDDOWN($C7176/24,0)+1,1))-1)+IF('Standard Profiles'!$G$21=$B$10,7,0)+IF('Standard Profiles'!$G$21=$B$17,14,0)+IF('Standard Profiles'!$G$21=$B$24,21,0),0)),0)</f>
        <v>3.6412569072151753</v>
      </c>
      <c r="H7176" cm="1">
        <f t="array" ref="H7176">IFERROR(INDEX(Jesper!AL$2:AL$366,ROUNDDOWN($C7176/24,0)+1,1)*INDEX($D$3:$AA$30,INDEX(Jesper!$R$2:$R$366,ROW(INDEX(Jesper!AL$2:AL$366,ROUNDDOWN($C7176/24,0)+1,1))-1)+IF('Standard Profiles'!$G$22=$B$10,7,0)+IF('Standard Profiles'!$G$22=$B$17,14,0)+IF('Standard Profiles'!$G$22=$B$24,21,0),MOD($C7176,24)+1)/SUM(INDEX($D$3:$AA$30,INDEX(Jesper!$R$2:$R$366,ROW(INDEX(Jesper!AL$2:AL$366,ROUNDDOWN($C7176/24,0)+1,1))-1)+IF('Standard Profiles'!$G$22=$B$10,7,0)+IF('Standard Profiles'!$G$22=$B$17,14,0)+IF('Standard Profiles'!$G$22=$B$24,21,0),0)),0)</f>
        <v>0</v>
      </c>
      <c r="I7176">
        <f t="shared" si="797"/>
        <v>1.7478033154632833</v>
      </c>
      <c r="J7176">
        <f t="shared" si="798"/>
        <v>49.144635678531543</v>
      </c>
      <c r="K7176">
        <f t="shared" si="799"/>
        <v>3.6033249487893761</v>
      </c>
      <c r="L7176">
        <f t="shared" si="800"/>
        <v>1.8016624743946881</v>
      </c>
      <c r="M7176">
        <f t="shared" si="801"/>
        <v>0</v>
      </c>
      <c r="N7176" s="45">
        <f t="shared" si="802"/>
        <v>45224.583333316012</v>
      </c>
    </row>
    <row r="7177" spans="2:14" x14ac:dyDescent="0.25">
      <c r="B7177">
        <f t="shared" si="796"/>
        <v>3</v>
      </c>
      <c r="C7177" s="16">
        <v>7143</v>
      </c>
      <c r="D7177" cm="1">
        <f t="array" ref="D7177">IFERROR(INDEX(Jesper!AH$2:AH$366,ROUNDDOWN($C7177/24,0)+1,1)*INDEX($D$3:$AA$30,INDEX(Jesper!$R$2:$R$366,ROW(INDEX(Jesper!AH$2:AH$366,ROUNDDOWN($C7177/24,0)+1,1))-1)+IF('Standard Profiles'!$G$18=$B$10,7,0)+IF('Standard Profiles'!$G$18=$B$17,14,0)+IF('Standard Profiles'!$G$18=$B$24,21,0),MOD($C7177,24)+1)/SUM(INDEX($D$3:$AA$30,INDEX(Jesper!$R$2:$R$366,ROW(INDEX(Jesper!AH$2:AH$366,ROUNDDOWN($C7177/24,0)+1,1))-1)+IF('Standard Profiles'!$G$18=$B$10,7,0)+IF('Standard Profiles'!$G$18=$B$17,14,0)+IF('Standard Profiles'!$G$18=$B$24,21,0),0)),0)</f>
        <v>33.781171394900397</v>
      </c>
      <c r="E7177" cm="1">
        <f t="array" ref="E7177">IFERROR(INDEX(Jesper!AI$2:AI$366,ROUNDDOWN($C7177/24,0)+1,1)*INDEX($D$3:$AA$30,INDEX(Jesper!$R$2:$R$366,ROW(INDEX(Jesper!AI$2:AI$366,ROUNDDOWN($C7177/24,0)+1,1))-1)+IF('Standard Profiles'!$G$19=$B$10,7,0)+IF('Standard Profiles'!$G$19=$B$17,14,0)+IF('Standard Profiles'!$G$19=$B$24,21,0),MOD($C7177,24)+1)/SUM(INDEX($D$3:$AA$30,INDEX(Jesper!$R$2:$R$366,ROW(INDEX(Jesper!AI$2:AI$366,ROUNDDOWN($C7177/24,0)+1,1))-1)+IF('Standard Profiles'!$G$19=$B$10,7,0)+IF('Standard Profiles'!$G$19=$B$17,14,0)+IF('Standard Profiles'!$G$19=$B$24,21,0),0)),0)</f>
        <v>18.87499811506332</v>
      </c>
      <c r="F7177" cm="1">
        <f t="array" ref="F7177">IFERROR(INDEX(Jesper!AJ$2:AJ$366,ROUNDDOWN($C7177/24,0)+1,1)*INDEX($D$3:$AA$30,INDEX(Jesper!$R$2:$R$366,ROW(INDEX(Jesper!AJ$2:AJ$366,ROUNDDOWN($C7177/24,0)+1,1))-1)+IF('Standard Profiles'!$G$20=$B$10,7,0)+IF('Standard Profiles'!$G$20=$B$17,14,0)+IF('Standard Profiles'!$G$20=$B$24,21,0),MOD($C7177,24)+1)/SUM(INDEX($D$3:$AA$30,INDEX(Jesper!$R$2:$R$366,ROW(INDEX(Jesper!AJ$2:AJ$366,ROUNDDOWN($C7177/24,0)+1,1))-1)+IF('Standard Profiles'!$G$20=$B$10,7,0)+IF('Standard Profiles'!$G$20=$B$17,14,0)+IF('Standard Profiles'!$G$20=$B$24,21,0),0)),0)</f>
        <v>0</v>
      </c>
      <c r="G7177" cm="1">
        <f t="array" ref="G7177">IFERROR(INDEX(Jesper!AK$2:AK$366,ROUNDDOWN($C7177/24,0)+1,1)*INDEX($D$3:$AA$30,INDEX(Jesper!$R$2:$R$366,ROW(INDEX(Jesper!AK$2:AK$366,ROUNDDOWN($C7177/24,0)+1,1))-1)+IF('Standard Profiles'!$G$21=$B$10,7,0)+IF('Standard Profiles'!$G$21=$B$17,14,0)+IF('Standard Profiles'!$G$21=$B$24,21,0),MOD($C7177,24)+1)/SUM(INDEX($D$3:$AA$30,INDEX(Jesper!$R$2:$R$366,ROW(INDEX(Jesper!AK$2:AK$366,ROUNDDOWN($C7177/24,0)+1,1))-1)+IF('Standard Profiles'!$G$21=$B$10,7,0)+IF('Standard Profiles'!$G$21=$B$17,14,0)+IF('Standard Profiles'!$G$21=$B$24,21,0),0)),0)</f>
        <v>3.6412569072151753</v>
      </c>
      <c r="H7177" cm="1">
        <f t="array" ref="H7177">IFERROR(INDEX(Jesper!AL$2:AL$366,ROUNDDOWN($C7177/24,0)+1,1)*INDEX($D$3:$AA$30,INDEX(Jesper!$R$2:$R$366,ROW(INDEX(Jesper!AL$2:AL$366,ROUNDDOWN($C7177/24,0)+1,1))-1)+IF('Standard Profiles'!$G$22=$B$10,7,0)+IF('Standard Profiles'!$G$22=$B$17,14,0)+IF('Standard Profiles'!$G$22=$B$24,21,0),MOD($C7177,24)+1)/SUM(INDEX($D$3:$AA$30,INDEX(Jesper!$R$2:$R$366,ROW(INDEX(Jesper!AL$2:AL$366,ROUNDDOWN($C7177/24,0)+1,1))-1)+IF('Standard Profiles'!$G$22=$B$10,7,0)+IF('Standard Profiles'!$G$22=$B$17,14,0)+IF('Standard Profiles'!$G$22=$B$24,21,0),0)),0)</f>
        <v>0</v>
      </c>
      <c r="I7177">
        <f t="shared" si="797"/>
        <v>1.7478033154632833</v>
      </c>
      <c r="J7177">
        <f t="shared" si="798"/>
        <v>49.144635678531543</v>
      </c>
      <c r="K7177">
        <f t="shared" si="799"/>
        <v>3.6033249487893761</v>
      </c>
      <c r="L7177">
        <f t="shared" si="800"/>
        <v>1.8016624743946881</v>
      </c>
      <c r="M7177">
        <f t="shared" si="801"/>
        <v>0</v>
      </c>
      <c r="N7177" s="45">
        <f t="shared" si="802"/>
        <v>45224.624999982676</v>
      </c>
    </row>
    <row r="7178" spans="2:14" x14ac:dyDescent="0.25">
      <c r="B7178">
        <f t="shared" si="796"/>
        <v>3</v>
      </c>
      <c r="C7178" s="16">
        <v>7144</v>
      </c>
      <c r="D7178" cm="1">
        <f t="array" ref="D7178">IFERROR(INDEX(Jesper!AH$2:AH$366,ROUNDDOWN($C7178/24,0)+1,1)*INDEX($D$3:$AA$30,INDEX(Jesper!$R$2:$R$366,ROW(INDEX(Jesper!AH$2:AH$366,ROUNDDOWN($C7178/24,0)+1,1))-1)+IF('Standard Profiles'!$G$18=$B$10,7,0)+IF('Standard Profiles'!$G$18=$B$17,14,0)+IF('Standard Profiles'!$G$18=$B$24,21,0),MOD($C7178,24)+1)/SUM(INDEX($D$3:$AA$30,INDEX(Jesper!$R$2:$R$366,ROW(INDEX(Jesper!AH$2:AH$366,ROUNDDOWN($C7178/24,0)+1,1))-1)+IF('Standard Profiles'!$G$18=$B$10,7,0)+IF('Standard Profiles'!$G$18=$B$17,14,0)+IF('Standard Profiles'!$G$18=$B$24,21,0),0)),0)</f>
        <v>19.906761714852021</v>
      </c>
      <c r="E7178" cm="1">
        <f t="array" ref="E7178">IFERROR(INDEX(Jesper!AI$2:AI$366,ROUNDDOWN($C7178/24,0)+1,1)*INDEX($D$3:$AA$30,INDEX(Jesper!$R$2:$R$366,ROW(INDEX(Jesper!AI$2:AI$366,ROUNDDOWN($C7178/24,0)+1,1))-1)+IF('Standard Profiles'!$G$19=$B$10,7,0)+IF('Standard Profiles'!$G$19=$B$17,14,0)+IF('Standard Profiles'!$G$19=$B$24,21,0),MOD($C7178,24)+1)/SUM(INDEX($D$3:$AA$30,INDEX(Jesper!$R$2:$R$366,ROW(INDEX(Jesper!AI$2:AI$366,ROUNDDOWN($C7178/24,0)+1,1))-1)+IF('Standard Profiles'!$G$19=$B$10,7,0)+IF('Standard Profiles'!$G$19=$B$17,14,0)+IF('Standard Profiles'!$G$19=$B$24,21,0),0)),0)</f>
        <v>11.1227667463766</v>
      </c>
      <c r="F7178" cm="1">
        <f t="array" ref="F7178">IFERROR(INDEX(Jesper!AJ$2:AJ$366,ROUNDDOWN($C7178/24,0)+1,1)*INDEX($D$3:$AA$30,INDEX(Jesper!$R$2:$R$366,ROW(INDEX(Jesper!AJ$2:AJ$366,ROUNDDOWN($C7178/24,0)+1,1))-1)+IF('Standard Profiles'!$G$20=$B$10,7,0)+IF('Standard Profiles'!$G$20=$B$17,14,0)+IF('Standard Profiles'!$G$20=$B$24,21,0),MOD($C7178,24)+1)/SUM(INDEX($D$3:$AA$30,INDEX(Jesper!$R$2:$R$366,ROW(INDEX(Jesper!AJ$2:AJ$366,ROUNDDOWN($C7178/24,0)+1,1))-1)+IF('Standard Profiles'!$G$20=$B$10,7,0)+IF('Standard Profiles'!$G$20=$B$17,14,0)+IF('Standard Profiles'!$G$20=$B$24,21,0),0)),0)</f>
        <v>0</v>
      </c>
      <c r="G7178" cm="1">
        <f t="array" ref="G7178">IFERROR(INDEX(Jesper!AK$2:AK$366,ROUNDDOWN($C7178/24,0)+1,1)*INDEX($D$3:$AA$30,INDEX(Jesper!$R$2:$R$366,ROW(INDEX(Jesper!AK$2:AK$366,ROUNDDOWN($C7178/24,0)+1,1))-1)+IF('Standard Profiles'!$G$21=$B$10,7,0)+IF('Standard Profiles'!$G$21=$B$17,14,0)+IF('Standard Profiles'!$G$21=$B$24,21,0),MOD($C7178,24)+1)/SUM(INDEX($D$3:$AA$30,INDEX(Jesper!$R$2:$R$366,ROW(INDEX(Jesper!AK$2:AK$366,ROUNDDOWN($C7178/24,0)+1,1))-1)+IF('Standard Profiles'!$G$21=$B$10,7,0)+IF('Standard Profiles'!$G$21=$B$17,14,0)+IF('Standard Profiles'!$G$21=$B$24,21,0),0)),0)</f>
        <v>3.0426019846619416</v>
      </c>
      <c r="H7178" cm="1">
        <f t="array" ref="H7178">IFERROR(INDEX(Jesper!AL$2:AL$366,ROUNDDOWN($C7178/24,0)+1,1)*INDEX($D$3:$AA$30,INDEX(Jesper!$R$2:$R$366,ROW(INDEX(Jesper!AL$2:AL$366,ROUNDDOWN($C7178/24,0)+1,1))-1)+IF('Standard Profiles'!$G$22=$B$10,7,0)+IF('Standard Profiles'!$G$22=$B$17,14,0)+IF('Standard Profiles'!$G$22=$B$24,21,0),MOD($C7178,24)+1)/SUM(INDEX($D$3:$AA$30,INDEX(Jesper!$R$2:$R$366,ROW(INDEX(Jesper!AL$2:AL$366,ROUNDDOWN($C7178/24,0)+1,1))-1)+IF('Standard Profiles'!$G$22=$B$10,7,0)+IF('Standard Profiles'!$G$22=$B$17,14,0)+IF('Standard Profiles'!$G$22=$B$24,21,0),0)),0)</f>
        <v>0</v>
      </c>
      <c r="I7178">
        <f t="shared" si="797"/>
        <v>1.4604489526377313</v>
      </c>
      <c r="J7178">
        <f t="shared" si="798"/>
        <v>29.426599618876509</v>
      </c>
      <c r="K7178">
        <f t="shared" si="799"/>
        <v>2.1233879162508824</v>
      </c>
      <c r="L7178">
        <f t="shared" si="800"/>
        <v>1.0616939581254412</v>
      </c>
      <c r="M7178">
        <f t="shared" si="801"/>
        <v>0</v>
      </c>
      <c r="N7178" s="45">
        <f t="shared" si="802"/>
        <v>45224.66666664934</v>
      </c>
    </row>
    <row r="7179" spans="2:14" x14ac:dyDescent="0.25">
      <c r="B7179">
        <f t="shared" si="796"/>
        <v>3</v>
      </c>
      <c r="C7179" s="16">
        <v>7145</v>
      </c>
      <c r="D7179" cm="1">
        <f t="array" ref="D7179">IFERROR(INDEX(Jesper!AH$2:AH$366,ROUNDDOWN($C7179/24,0)+1,1)*INDEX($D$3:$AA$30,INDEX(Jesper!$R$2:$R$366,ROW(INDEX(Jesper!AH$2:AH$366,ROUNDDOWN($C7179/24,0)+1,1))-1)+IF('Standard Profiles'!$G$18=$B$10,7,0)+IF('Standard Profiles'!$G$18=$B$17,14,0)+IF('Standard Profiles'!$G$18=$B$24,21,0),MOD($C7179,24)+1)/SUM(INDEX($D$3:$AA$30,INDEX(Jesper!$R$2:$R$366,ROW(INDEX(Jesper!AH$2:AH$366,ROUNDDOWN($C7179/24,0)+1,1))-1)+IF('Standard Profiles'!$G$18=$B$10,7,0)+IF('Standard Profiles'!$G$18=$B$17,14,0)+IF('Standard Profiles'!$G$18=$B$24,21,0),0)),0)</f>
        <v>8.4962704715544266</v>
      </c>
      <c r="E7179" cm="1">
        <f t="array" ref="E7179">IFERROR(INDEX(Jesper!AI$2:AI$366,ROUNDDOWN($C7179/24,0)+1,1)*INDEX($D$3:$AA$30,INDEX(Jesper!$R$2:$R$366,ROW(INDEX(Jesper!AI$2:AI$366,ROUNDDOWN($C7179/24,0)+1,1))-1)+IF('Standard Profiles'!$G$19=$B$10,7,0)+IF('Standard Profiles'!$G$19=$B$17,14,0)+IF('Standard Profiles'!$G$19=$B$24,21,0),MOD($C7179,24)+1)/SUM(INDEX($D$3:$AA$30,INDEX(Jesper!$R$2:$R$366,ROW(INDEX(Jesper!AI$2:AI$366,ROUNDDOWN($C7179/24,0)+1,1))-1)+IF('Standard Profiles'!$G$19=$B$10,7,0)+IF('Standard Profiles'!$G$19=$B$17,14,0)+IF('Standard Profiles'!$G$19=$B$24,21,0),0)),0)</f>
        <v>4.7472329263237727</v>
      </c>
      <c r="F7179" cm="1">
        <f t="array" ref="F7179">IFERROR(INDEX(Jesper!AJ$2:AJ$366,ROUNDDOWN($C7179/24,0)+1,1)*INDEX($D$3:$AA$30,INDEX(Jesper!$R$2:$R$366,ROW(INDEX(Jesper!AJ$2:AJ$366,ROUNDDOWN($C7179/24,0)+1,1))-1)+IF('Standard Profiles'!$G$20=$B$10,7,0)+IF('Standard Profiles'!$G$20=$B$17,14,0)+IF('Standard Profiles'!$G$20=$B$24,21,0),MOD($C7179,24)+1)/SUM(INDEX($D$3:$AA$30,INDEX(Jesper!$R$2:$R$366,ROW(INDEX(Jesper!AJ$2:AJ$366,ROUNDDOWN($C7179/24,0)+1,1))-1)+IF('Standard Profiles'!$G$20=$B$10,7,0)+IF('Standard Profiles'!$G$20=$B$17,14,0)+IF('Standard Profiles'!$G$20=$B$24,21,0),0)),0)</f>
        <v>0</v>
      </c>
      <c r="G7179" cm="1">
        <f t="array" ref="G7179">IFERROR(INDEX(Jesper!AK$2:AK$366,ROUNDDOWN($C7179/24,0)+1,1)*INDEX($D$3:$AA$30,INDEX(Jesper!$R$2:$R$366,ROW(INDEX(Jesper!AK$2:AK$366,ROUNDDOWN($C7179/24,0)+1,1))-1)+IF('Standard Profiles'!$G$21=$B$10,7,0)+IF('Standard Profiles'!$G$21=$B$17,14,0)+IF('Standard Profiles'!$G$21=$B$24,21,0),MOD($C7179,24)+1)/SUM(INDEX($D$3:$AA$30,INDEX(Jesper!$R$2:$R$366,ROW(INDEX(Jesper!AK$2:AK$366,ROUNDDOWN($C7179/24,0)+1,1))-1)+IF('Standard Profiles'!$G$21=$B$10,7,0)+IF('Standard Profiles'!$G$21=$B$17,14,0)+IF('Standard Profiles'!$G$21=$B$24,21,0),0)),0)</f>
        <v>2.4192833761608217</v>
      </c>
      <c r="H7179" cm="1">
        <f t="array" ref="H7179">IFERROR(INDEX(Jesper!AL$2:AL$366,ROUNDDOWN($C7179/24,0)+1,1)*INDEX($D$3:$AA$30,INDEX(Jesper!$R$2:$R$366,ROW(INDEX(Jesper!AL$2:AL$366,ROUNDDOWN($C7179/24,0)+1,1))-1)+IF('Standard Profiles'!$G$22=$B$10,7,0)+IF('Standard Profiles'!$G$22=$B$17,14,0)+IF('Standard Profiles'!$G$22=$B$24,21,0),MOD($C7179,24)+1)/SUM(INDEX($D$3:$AA$30,INDEX(Jesper!$R$2:$R$366,ROW(INDEX(Jesper!AL$2:AL$366,ROUNDDOWN($C7179/24,0)+1,1))-1)+IF('Standard Profiles'!$G$22=$B$10,7,0)+IF('Standard Profiles'!$G$22=$B$17,14,0)+IF('Standard Profiles'!$G$22=$B$24,21,0),0)),0)</f>
        <v>0</v>
      </c>
      <c r="I7179">
        <f t="shared" si="797"/>
        <v>1.1612560205571938</v>
      </c>
      <c r="J7179">
        <f t="shared" si="798"/>
        <v>13.142127478033119</v>
      </c>
      <c r="K7179">
        <f t="shared" si="799"/>
        <v>0.90626885029913895</v>
      </c>
      <c r="L7179">
        <f t="shared" si="800"/>
        <v>0.45313442514956948</v>
      </c>
      <c r="M7179">
        <f t="shared" si="801"/>
        <v>0</v>
      </c>
      <c r="N7179" s="45">
        <f t="shared" si="802"/>
        <v>45224.708333316004</v>
      </c>
    </row>
    <row r="7180" spans="2:14" x14ac:dyDescent="0.25">
      <c r="B7180">
        <f t="shared" si="796"/>
        <v>3</v>
      </c>
      <c r="C7180" s="16">
        <v>7146</v>
      </c>
      <c r="D7180" cm="1">
        <f t="array" ref="D7180">IFERROR(INDEX(Jesper!AH$2:AH$366,ROUNDDOWN($C7180/24,0)+1,1)*INDEX($D$3:$AA$30,INDEX(Jesper!$R$2:$R$366,ROW(INDEX(Jesper!AH$2:AH$366,ROUNDDOWN($C7180/24,0)+1,1))-1)+IF('Standard Profiles'!$G$18=$B$10,7,0)+IF('Standard Profiles'!$G$18=$B$17,14,0)+IF('Standard Profiles'!$G$18=$B$24,21,0),MOD($C7180,24)+1)/SUM(INDEX($D$3:$AA$30,INDEX(Jesper!$R$2:$R$366,ROW(INDEX(Jesper!AH$2:AH$366,ROUNDDOWN($C7180/24,0)+1,1))-1)+IF('Standard Profiles'!$G$18=$B$10,7,0)+IF('Standard Profiles'!$G$18=$B$17,14,0)+IF('Standard Profiles'!$G$18=$B$24,21,0),0)),0)</f>
        <v>5.607538511225922</v>
      </c>
      <c r="E7180" cm="1">
        <f t="array" ref="E7180">IFERROR(INDEX(Jesper!AI$2:AI$366,ROUNDDOWN($C7180/24,0)+1,1)*INDEX($D$3:$AA$30,INDEX(Jesper!$R$2:$R$366,ROW(INDEX(Jesper!AI$2:AI$366,ROUNDDOWN($C7180/24,0)+1,1))-1)+IF('Standard Profiles'!$G$19=$B$10,7,0)+IF('Standard Profiles'!$G$19=$B$17,14,0)+IF('Standard Profiles'!$G$19=$B$24,21,0),MOD($C7180,24)+1)/SUM(INDEX($D$3:$AA$30,INDEX(Jesper!$R$2:$R$366,ROW(INDEX(Jesper!AI$2:AI$366,ROUNDDOWN($C7180/24,0)+1,1))-1)+IF('Standard Profiles'!$G$19=$B$10,7,0)+IF('Standard Profiles'!$G$19=$B$17,14,0)+IF('Standard Profiles'!$G$19=$B$24,21,0),0)),0)</f>
        <v>3.1331737313736903</v>
      </c>
      <c r="F7180" cm="1">
        <f t="array" ref="F7180">IFERROR(INDEX(Jesper!AJ$2:AJ$366,ROUNDDOWN($C7180/24,0)+1,1)*INDEX($D$3:$AA$30,INDEX(Jesper!$R$2:$R$366,ROW(INDEX(Jesper!AJ$2:AJ$366,ROUNDDOWN($C7180/24,0)+1,1))-1)+IF('Standard Profiles'!$G$20=$B$10,7,0)+IF('Standard Profiles'!$G$20=$B$17,14,0)+IF('Standard Profiles'!$G$20=$B$24,21,0),MOD($C7180,24)+1)/SUM(INDEX($D$3:$AA$30,INDEX(Jesper!$R$2:$R$366,ROW(INDEX(Jesper!AJ$2:AJ$366,ROUNDDOWN($C7180/24,0)+1,1))-1)+IF('Standard Profiles'!$G$20=$B$10,7,0)+IF('Standard Profiles'!$G$20=$B$17,14,0)+IF('Standard Profiles'!$G$20=$B$24,21,0),0)),0)</f>
        <v>0</v>
      </c>
      <c r="G7180" cm="1">
        <f t="array" ref="G7180">IFERROR(INDEX(Jesper!AK$2:AK$366,ROUNDDOWN($C7180/24,0)+1,1)*INDEX($D$3:$AA$30,INDEX(Jesper!$R$2:$R$366,ROW(INDEX(Jesper!AK$2:AK$366,ROUNDDOWN($C7180/24,0)+1,1))-1)+IF('Standard Profiles'!$G$21=$B$10,7,0)+IF('Standard Profiles'!$G$21=$B$17,14,0)+IF('Standard Profiles'!$G$21=$B$24,21,0),MOD($C7180,24)+1)/SUM(INDEX($D$3:$AA$30,INDEX(Jesper!$R$2:$R$366,ROW(INDEX(Jesper!AK$2:AK$366,ROUNDDOWN($C7180/24,0)+1,1))-1)+IF('Standard Profiles'!$G$21=$B$10,7,0)+IF('Standard Profiles'!$G$21=$B$17,14,0)+IF('Standard Profiles'!$G$21=$B$24,21,0),0)),0)</f>
        <v>0.89686130719585611</v>
      </c>
      <c r="H7180" cm="1">
        <f t="array" ref="H7180">IFERROR(INDEX(Jesper!AL$2:AL$366,ROUNDDOWN($C7180/24,0)+1,1)*INDEX($D$3:$AA$30,INDEX(Jesper!$R$2:$R$366,ROW(INDEX(Jesper!AL$2:AL$366,ROUNDDOWN($C7180/24,0)+1,1))-1)+IF('Standard Profiles'!$G$22=$B$10,7,0)+IF('Standard Profiles'!$G$22=$B$17,14,0)+IF('Standard Profiles'!$G$22=$B$24,21,0),MOD($C7180,24)+1)/SUM(INDEX($D$3:$AA$30,INDEX(Jesper!$R$2:$R$366,ROW(INDEX(Jesper!AL$2:AL$366,ROUNDDOWN($C7180/24,0)+1,1))-1)+IF('Standard Profiles'!$G$22=$B$10,7,0)+IF('Standard Profiles'!$G$22=$B$17,14,0)+IF('Standard Profiles'!$G$22=$B$24,21,0),0)),0)</f>
        <v>0</v>
      </c>
      <c r="I7180">
        <f t="shared" si="797"/>
        <v>0.4304934274540107</v>
      </c>
      <c r="J7180">
        <f t="shared" si="798"/>
        <v>8.3098739605453105</v>
      </c>
      <c r="K7180">
        <f t="shared" si="799"/>
        <v>0.59813744119743173</v>
      </c>
      <c r="L7180">
        <f t="shared" si="800"/>
        <v>0.29906872059871586</v>
      </c>
      <c r="M7180">
        <f t="shared" si="801"/>
        <v>0</v>
      </c>
      <c r="N7180" s="45">
        <f t="shared" si="802"/>
        <v>45224.749999982669</v>
      </c>
    </row>
    <row r="7181" spans="2:14" x14ac:dyDescent="0.25">
      <c r="B7181">
        <f t="shared" si="796"/>
        <v>3</v>
      </c>
      <c r="C7181" s="16">
        <v>7147</v>
      </c>
      <c r="D7181" cm="1">
        <f t="array" ref="D7181">IFERROR(INDEX(Jesper!AH$2:AH$366,ROUNDDOWN($C7181/24,0)+1,1)*INDEX($D$3:$AA$30,INDEX(Jesper!$R$2:$R$366,ROW(INDEX(Jesper!AH$2:AH$366,ROUNDDOWN($C7181/24,0)+1,1))-1)+IF('Standard Profiles'!$G$18=$B$10,7,0)+IF('Standard Profiles'!$G$18=$B$17,14,0)+IF('Standard Profiles'!$G$18=$B$24,21,0),MOD($C7181,24)+1)/SUM(INDEX($D$3:$AA$30,INDEX(Jesper!$R$2:$R$366,ROW(INDEX(Jesper!AH$2:AH$366,ROUNDDOWN($C7181/24,0)+1,1))-1)+IF('Standard Profiles'!$G$18=$B$10,7,0)+IF('Standard Profiles'!$G$18=$B$17,14,0)+IF('Standard Profiles'!$G$18=$B$24,21,0),0)),0)</f>
        <v>5.607538511225922</v>
      </c>
      <c r="E7181" cm="1">
        <f t="array" ref="E7181">IFERROR(INDEX(Jesper!AI$2:AI$366,ROUNDDOWN($C7181/24,0)+1,1)*INDEX($D$3:$AA$30,INDEX(Jesper!$R$2:$R$366,ROW(INDEX(Jesper!AI$2:AI$366,ROUNDDOWN($C7181/24,0)+1,1))-1)+IF('Standard Profiles'!$G$19=$B$10,7,0)+IF('Standard Profiles'!$G$19=$B$17,14,0)+IF('Standard Profiles'!$G$19=$B$24,21,0),MOD($C7181,24)+1)/SUM(INDEX($D$3:$AA$30,INDEX(Jesper!$R$2:$R$366,ROW(INDEX(Jesper!AI$2:AI$366,ROUNDDOWN($C7181/24,0)+1,1))-1)+IF('Standard Profiles'!$G$19=$B$10,7,0)+IF('Standard Profiles'!$G$19=$B$17,14,0)+IF('Standard Profiles'!$G$19=$B$24,21,0),0)),0)</f>
        <v>3.1331737313736903</v>
      </c>
      <c r="F7181" cm="1">
        <f t="array" ref="F7181">IFERROR(INDEX(Jesper!AJ$2:AJ$366,ROUNDDOWN($C7181/24,0)+1,1)*INDEX($D$3:$AA$30,INDEX(Jesper!$R$2:$R$366,ROW(INDEX(Jesper!AJ$2:AJ$366,ROUNDDOWN($C7181/24,0)+1,1))-1)+IF('Standard Profiles'!$G$20=$B$10,7,0)+IF('Standard Profiles'!$G$20=$B$17,14,0)+IF('Standard Profiles'!$G$20=$B$24,21,0),MOD($C7181,24)+1)/SUM(INDEX($D$3:$AA$30,INDEX(Jesper!$R$2:$R$366,ROW(INDEX(Jesper!AJ$2:AJ$366,ROUNDDOWN($C7181/24,0)+1,1))-1)+IF('Standard Profiles'!$G$20=$B$10,7,0)+IF('Standard Profiles'!$G$20=$B$17,14,0)+IF('Standard Profiles'!$G$20=$B$24,21,0),0)),0)</f>
        <v>0</v>
      </c>
      <c r="G7181" cm="1">
        <f t="array" ref="G7181">IFERROR(INDEX(Jesper!AK$2:AK$366,ROUNDDOWN($C7181/24,0)+1,1)*INDEX($D$3:$AA$30,INDEX(Jesper!$R$2:$R$366,ROW(INDEX(Jesper!AK$2:AK$366,ROUNDDOWN($C7181/24,0)+1,1))-1)+IF('Standard Profiles'!$G$21=$B$10,7,0)+IF('Standard Profiles'!$G$21=$B$17,14,0)+IF('Standard Profiles'!$G$21=$B$24,21,0),MOD($C7181,24)+1)/SUM(INDEX($D$3:$AA$30,INDEX(Jesper!$R$2:$R$366,ROW(INDEX(Jesper!AK$2:AK$366,ROUNDDOWN($C7181/24,0)+1,1))-1)+IF('Standard Profiles'!$G$21=$B$10,7,0)+IF('Standard Profiles'!$G$21=$B$17,14,0)+IF('Standard Profiles'!$G$21=$B$24,21,0),0)),0)</f>
        <v>0.89686130719585611</v>
      </c>
      <c r="H7181" cm="1">
        <f t="array" ref="H7181">IFERROR(INDEX(Jesper!AL$2:AL$366,ROUNDDOWN($C7181/24,0)+1,1)*INDEX($D$3:$AA$30,INDEX(Jesper!$R$2:$R$366,ROW(INDEX(Jesper!AL$2:AL$366,ROUNDDOWN($C7181/24,0)+1,1))-1)+IF('Standard Profiles'!$G$22=$B$10,7,0)+IF('Standard Profiles'!$G$22=$B$17,14,0)+IF('Standard Profiles'!$G$22=$B$24,21,0),MOD($C7181,24)+1)/SUM(INDEX($D$3:$AA$30,INDEX(Jesper!$R$2:$R$366,ROW(INDEX(Jesper!AL$2:AL$366,ROUNDDOWN($C7181/24,0)+1,1))-1)+IF('Standard Profiles'!$G$22=$B$10,7,0)+IF('Standard Profiles'!$G$22=$B$17,14,0)+IF('Standard Profiles'!$G$22=$B$24,21,0),0)),0)</f>
        <v>0</v>
      </c>
      <c r="I7181">
        <f t="shared" si="797"/>
        <v>0.4304934274540107</v>
      </c>
      <c r="J7181">
        <f t="shared" si="798"/>
        <v>8.3098739605453105</v>
      </c>
      <c r="K7181">
        <f t="shared" si="799"/>
        <v>0.59813744119743173</v>
      </c>
      <c r="L7181">
        <f t="shared" si="800"/>
        <v>0.29906872059871586</v>
      </c>
      <c r="M7181">
        <f t="shared" si="801"/>
        <v>0</v>
      </c>
      <c r="N7181" s="45">
        <f t="shared" si="802"/>
        <v>45224.791666649333</v>
      </c>
    </row>
    <row r="7182" spans="2:14" x14ac:dyDescent="0.25">
      <c r="B7182">
        <f t="shared" si="796"/>
        <v>3</v>
      </c>
      <c r="C7182" s="16">
        <v>7148</v>
      </c>
      <c r="D7182" cm="1">
        <f t="array" ref="D7182">IFERROR(INDEX(Jesper!AH$2:AH$366,ROUNDDOWN($C7182/24,0)+1,1)*INDEX($D$3:$AA$30,INDEX(Jesper!$R$2:$R$366,ROW(INDEX(Jesper!AH$2:AH$366,ROUNDDOWN($C7182/24,0)+1,1))-1)+IF('Standard Profiles'!$G$18=$B$10,7,0)+IF('Standard Profiles'!$G$18=$B$17,14,0)+IF('Standard Profiles'!$G$18=$B$24,21,0),MOD($C7182,24)+1)/SUM(INDEX($D$3:$AA$30,INDEX(Jesper!$R$2:$R$366,ROW(INDEX(Jesper!AH$2:AH$366,ROUNDDOWN($C7182/24,0)+1,1))-1)+IF('Standard Profiles'!$G$18=$B$10,7,0)+IF('Standard Profiles'!$G$18=$B$17,14,0)+IF('Standard Profiles'!$G$18=$B$24,21,0),0)),0)</f>
        <v>5.607538511225922</v>
      </c>
      <c r="E7182" cm="1">
        <f t="array" ref="E7182">IFERROR(INDEX(Jesper!AI$2:AI$366,ROUNDDOWN($C7182/24,0)+1,1)*INDEX($D$3:$AA$30,INDEX(Jesper!$R$2:$R$366,ROW(INDEX(Jesper!AI$2:AI$366,ROUNDDOWN($C7182/24,0)+1,1))-1)+IF('Standard Profiles'!$G$19=$B$10,7,0)+IF('Standard Profiles'!$G$19=$B$17,14,0)+IF('Standard Profiles'!$G$19=$B$24,21,0),MOD($C7182,24)+1)/SUM(INDEX($D$3:$AA$30,INDEX(Jesper!$R$2:$R$366,ROW(INDEX(Jesper!AI$2:AI$366,ROUNDDOWN($C7182/24,0)+1,1))-1)+IF('Standard Profiles'!$G$19=$B$10,7,0)+IF('Standard Profiles'!$G$19=$B$17,14,0)+IF('Standard Profiles'!$G$19=$B$24,21,0),0)),0)</f>
        <v>3.1331737313736903</v>
      </c>
      <c r="F7182" cm="1">
        <f t="array" ref="F7182">IFERROR(INDEX(Jesper!AJ$2:AJ$366,ROUNDDOWN($C7182/24,0)+1,1)*INDEX($D$3:$AA$30,INDEX(Jesper!$R$2:$R$366,ROW(INDEX(Jesper!AJ$2:AJ$366,ROUNDDOWN($C7182/24,0)+1,1))-1)+IF('Standard Profiles'!$G$20=$B$10,7,0)+IF('Standard Profiles'!$G$20=$B$17,14,0)+IF('Standard Profiles'!$G$20=$B$24,21,0),MOD($C7182,24)+1)/SUM(INDEX($D$3:$AA$30,INDEX(Jesper!$R$2:$R$366,ROW(INDEX(Jesper!AJ$2:AJ$366,ROUNDDOWN($C7182/24,0)+1,1))-1)+IF('Standard Profiles'!$G$20=$B$10,7,0)+IF('Standard Profiles'!$G$20=$B$17,14,0)+IF('Standard Profiles'!$G$20=$B$24,21,0),0)),0)</f>
        <v>0</v>
      </c>
      <c r="G7182" cm="1">
        <f t="array" ref="G7182">IFERROR(INDEX(Jesper!AK$2:AK$366,ROUNDDOWN($C7182/24,0)+1,1)*INDEX($D$3:$AA$30,INDEX(Jesper!$R$2:$R$366,ROW(INDEX(Jesper!AK$2:AK$366,ROUNDDOWN($C7182/24,0)+1,1))-1)+IF('Standard Profiles'!$G$21=$B$10,7,0)+IF('Standard Profiles'!$G$21=$B$17,14,0)+IF('Standard Profiles'!$G$21=$B$24,21,0),MOD($C7182,24)+1)/SUM(INDEX($D$3:$AA$30,INDEX(Jesper!$R$2:$R$366,ROW(INDEX(Jesper!AK$2:AK$366,ROUNDDOWN($C7182/24,0)+1,1))-1)+IF('Standard Profiles'!$G$21=$B$10,7,0)+IF('Standard Profiles'!$G$21=$B$17,14,0)+IF('Standard Profiles'!$G$21=$B$24,21,0),0)),0)</f>
        <v>0.89686130719585611</v>
      </c>
      <c r="H7182" cm="1">
        <f t="array" ref="H7182">IFERROR(INDEX(Jesper!AL$2:AL$366,ROUNDDOWN($C7182/24,0)+1,1)*INDEX($D$3:$AA$30,INDEX(Jesper!$R$2:$R$366,ROW(INDEX(Jesper!AL$2:AL$366,ROUNDDOWN($C7182/24,0)+1,1))-1)+IF('Standard Profiles'!$G$22=$B$10,7,0)+IF('Standard Profiles'!$G$22=$B$17,14,0)+IF('Standard Profiles'!$G$22=$B$24,21,0),MOD($C7182,24)+1)/SUM(INDEX($D$3:$AA$30,INDEX(Jesper!$R$2:$R$366,ROW(INDEX(Jesper!AL$2:AL$366,ROUNDDOWN($C7182/24,0)+1,1))-1)+IF('Standard Profiles'!$G$22=$B$10,7,0)+IF('Standard Profiles'!$G$22=$B$17,14,0)+IF('Standard Profiles'!$G$22=$B$24,21,0),0)),0)</f>
        <v>0</v>
      </c>
      <c r="I7182">
        <f t="shared" si="797"/>
        <v>0.4304934274540107</v>
      </c>
      <c r="J7182">
        <f t="shared" si="798"/>
        <v>8.3098739605453105</v>
      </c>
      <c r="K7182">
        <f t="shared" si="799"/>
        <v>0.59813744119743173</v>
      </c>
      <c r="L7182">
        <f t="shared" si="800"/>
        <v>0.29906872059871586</v>
      </c>
      <c r="M7182">
        <f t="shared" si="801"/>
        <v>0</v>
      </c>
      <c r="N7182" s="45">
        <f t="shared" si="802"/>
        <v>45224.833333315997</v>
      </c>
    </row>
    <row r="7183" spans="2:14" x14ac:dyDescent="0.25">
      <c r="B7183">
        <f t="shared" si="796"/>
        <v>3</v>
      </c>
      <c r="C7183" s="16">
        <v>7149</v>
      </c>
      <c r="D7183" cm="1">
        <f t="array" ref="D7183">IFERROR(INDEX(Jesper!AH$2:AH$366,ROUNDDOWN($C7183/24,0)+1,1)*INDEX($D$3:$AA$30,INDEX(Jesper!$R$2:$R$366,ROW(INDEX(Jesper!AH$2:AH$366,ROUNDDOWN($C7183/24,0)+1,1))-1)+IF('Standard Profiles'!$G$18=$B$10,7,0)+IF('Standard Profiles'!$G$18=$B$17,14,0)+IF('Standard Profiles'!$G$18=$B$24,21,0),MOD($C7183,24)+1)/SUM(INDEX($D$3:$AA$30,INDEX(Jesper!$R$2:$R$366,ROW(INDEX(Jesper!AH$2:AH$366,ROUNDDOWN($C7183/24,0)+1,1))-1)+IF('Standard Profiles'!$G$18=$B$10,7,0)+IF('Standard Profiles'!$G$18=$B$17,14,0)+IF('Standard Profiles'!$G$18=$B$24,21,0),0)),0)</f>
        <v>5.607538511225922</v>
      </c>
      <c r="E7183" cm="1">
        <f t="array" ref="E7183">IFERROR(INDEX(Jesper!AI$2:AI$366,ROUNDDOWN($C7183/24,0)+1,1)*INDEX($D$3:$AA$30,INDEX(Jesper!$R$2:$R$366,ROW(INDEX(Jesper!AI$2:AI$366,ROUNDDOWN($C7183/24,0)+1,1))-1)+IF('Standard Profiles'!$G$19=$B$10,7,0)+IF('Standard Profiles'!$G$19=$B$17,14,0)+IF('Standard Profiles'!$G$19=$B$24,21,0),MOD($C7183,24)+1)/SUM(INDEX($D$3:$AA$30,INDEX(Jesper!$R$2:$R$366,ROW(INDEX(Jesper!AI$2:AI$366,ROUNDDOWN($C7183/24,0)+1,1))-1)+IF('Standard Profiles'!$G$19=$B$10,7,0)+IF('Standard Profiles'!$G$19=$B$17,14,0)+IF('Standard Profiles'!$G$19=$B$24,21,0),0)),0)</f>
        <v>3.1331737313736903</v>
      </c>
      <c r="F7183" cm="1">
        <f t="array" ref="F7183">IFERROR(INDEX(Jesper!AJ$2:AJ$366,ROUNDDOWN($C7183/24,0)+1,1)*INDEX($D$3:$AA$30,INDEX(Jesper!$R$2:$R$366,ROW(INDEX(Jesper!AJ$2:AJ$366,ROUNDDOWN($C7183/24,0)+1,1))-1)+IF('Standard Profiles'!$G$20=$B$10,7,0)+IF('Standard Profiles'!$G$20=$B$17,14,0)+IF('Standard Profiles'!$G$20=$B$24,21,0),MOD($C7183,24)+1)/SUM(INDEX($D$3:$AA$30,INDEX(Jesper!$R$2:$R$366,ROW(INDEX(Jesper!AJ$2:AJ$366,ROUNDDOWN($C7183/24,0)+1,1))-1)+IF('Standard Profiles'!$G$20=$B$10,7,0)+IF('Standard Profiles'!$G$20=$B$17,14,0)+IF('Standard Profiles'!$G$20=$B$24,21,0),0)),0)</f>
        <v>0</v>
      </c>
      <c r="G7183" cm="1">
        <f t="array" ref="G7183">IFERROR(INDEX(Jesper!AK$2:AK$366,ROUNDDOWN($C7183/24,0)+1,1)*INDEX($D$3:$AA$30,INDEX(Jesper!$R$2:$R$366,ROW(INDEX(Jesper!AK$2:AK$366,ROUNDDOWN($C7183/24,0)+1,1))-1)+IF('Standard Profiles'!$G$21=$B$10,7,0)+IF('Standard Profiles'!$G$21=$B$17,14,0)+IF('Standard Profiles'!$G$21=$B$24,21,0),MOD($C7183,24)+1)/SUM(INDEX($D$3:$AA$30,INDEX(Jesper!$R$2:$R$366,ROW(INDEX(Jesper!AK$2:AK$366,ROUNDDOWN($C7183/24,0)+1,1))-1)+IF('Standard Profiles'!$G$21=$B$10,7,0)+IF('Standard Profiles'!$G$21=$B$17,14,0)+IF('Standard Profiles'!$G$21=$B$24,21,0),0)),0)</f>
        <v>0.89686130719585611</v>
      </c>
      <c r="H7183" cm="1">
        <f t="array" ref="H7183">IFERROR(INDEX(Jesper!AL$2:AL$366,ROUNDDOWN($C7183/24,0)+1,1)*INDEX($D$3:$AA$30,INDEX(Jesper!$R$2:$R$366,ROW(INDEX(Jesper!AL$2:AL$366,ROUNDDOWN($C7183/24,0)+1,1))-1)+IF('Standard Profiles'!$G$22=$B$10,7,0)+IF('Standard Profiles'!$G$22=$B$17,14,0)+IF('Standard Profiles'!$G$22=$B$24,21,0),MOD($C7183,24)+1)/SUM(INDEX($D$3:$AA$30,INDEX(Jesper!$R$2:$R$366,ROW(INDEX(Jesper!AL$2:AL$366,ROUNDDOWN($C7183/24,0)+1,1))-1)+IF('Standard Profiles'!$G$22=$B$10,7,0)+IF('Standard Profiles'!$G$22=$B$17,14,0)+IF('Standard Profiles'!$G$22=$B$24,21,0),0)),0)</f>
        <v>0</v>
      </c>
      <c r="I7183">
        <f t="shared" si="797"/>
        <v>0.4304934274540107</v>
      </c>
      <c r="J7183">
        <f t="shared" si="798"/>
        <v>8.3098739605453105</v>
      </c>
      <c r="K7183">
        <f t="shared" si="799"/>
        <v>0.59813744119743173</v>
      </c>
      <c r="L7183">
        <f t="shared" si="800"/>
        <v>0.29906872059871586</v>
      </c>
      <c r="M7183">
        <f t="shared" si="801"/>
        <v>0</v>
      </c>
      <c r="N7183" s="45">
        <f t="shared" si="802"/>
        <v>45224.874999982661</v>
      </c>
    </row>
    <row r="7184" spans="2:14" x14ac:dyDescent="0.25">
      <c r="B7184">
        <f t="shared" si="796"/>
        <v>3</v>
      </c>
      <c r="C7184" s="16">
        <v>7150</v>
      </c>
      <c r="D7184" cm="1">
        <f t="array" ref="D7184">IFERROR(INDEX(Jesper!AH$2:AH$366,ROUNDDOWN($C7184/24,0)+1,1)*INDEX($D$3:$AA$30,INDEX(Jesper!$R$2:$R$366,ROW(INDEX(Jesper!AH$2:AH$366,ROUNDDOWN($C7184/24,0)+1,1))-1)+IF('Standard Profiles'!$G$18=$B$10,7,0)+IF('Standard Profiles'!$G$18=$B$17,14,0)+IF('Standard Profiles'!$G$18=$B$24,21,0),MOD($C7184,24)+1)/SUM(INDEX($D$3:$AA$30,INDEX(Jesper!$R$2:$R$366,ROW(INDEX(Jesper!AH$2:AH$366,ROUNDDOWN($C7184/24,0)+1,1))-1)+IF('Standard Profiles'!$G$18=$B$10,7,0)+IF('Standard Profiles'!$G$18=$B$17,14,0)+IF('Standard Profiles'!$G$18=$B$24,21,0),0)),0)</f>
        <v>5.607538511225922</v>
      </c>
      <c r="E7184" cm="1">
        <f t="array" ref="E7184">IFERROR(INDEX(Jesper!AI$2:AI$366,ROUNDDOWN($C7184/24,0)+1,1)*INDEX($D$3:$AA$30,INDEX(Jesper!$R$2:$R$366,ROW(INDEX(Jesper!AI$2:AI$366,ROUNDDOWN($C7184/24,0)+1,1))-1)+IF('Standard Profiles'!$G$19=$B$10,7,0)+IF('Standard Profiles'!$G$19=$B$17,14,0)+IF('Standard Profiles'!$G$19=$B$24,21,0),MOD($C7184,24)+1)/SUM(INDEX($D$3:$AA$30,INDEX(Jesper!$R$2:$R$366,ROW(INDEX(Jesper!AI$2:AI$366,ROUNDDOWN($C7184/24,0)+1,1))-1)+IF('Standard Profiles'!$G$19=$B$10,7,0)+IF('Standard Profiles'!$G$19=$B$17,14,0)+IF('Standard Profiles'!$G$19=$B$24,21,0),0)),0)</f>
        <v>3.1331737313736903</v>
      </c>
      <c r="F7184" cm="1">
        <f t="array" ref="F7184">IFERROR(INDEX(Jesper!AJ$2:AJ$366,ROUNDDOWN($C7184/24,0)+1,1)*INDEX($D$3:$AA$30,INDEX(Jesper!$R$2:$R$366,ROW(INDEX(Jesper!AJ$2:AJ$366,ROUNDDOWN($C7184/24,0)+1,1))-1)+IF('Standard Profiles'!$G$20=$B$10,7,0)+IF('Standard Profiles'!$G$20=$B$17,14,0)+IF('Standard Profiles'!$G$20=$B$24,21,0),MOD($C7184,24)+1)/SUM(INDEX($D$3:$AA$30,INDEX(Jesper!$R$2:$R$366,ROW(INDEX(Jesper!AJ$2:AJ$366,ROUNDDOWN($C7184/24,0)+1,1))-1)+IF('Standard Profiles'!$G$20=$B$10,7,0)+IF('Standard Profiles'!$G$20=$B$17,14,0)+IF('Standard Profiles'!$G$20=$B$24,21,0),0)),0)</f>
        <v>0</v>
      </c>
      <c r="G7184" cm="1">
        <f t="array" ref="G7184">IFERROR(INDEX(Jesper!AK$2:AK$366,ROUNDDOWN($C7184/24,0)+1,1)*INDEX($D$3:$AA$30,INDEX(Jesper!$R$2:$R$366,ROW(INDEX(Jesper!AK$2:AK$366,ROUNDDOWN($C7184/24,0)+1,1))-1)+IF('Standard Profiles'!$G$21=$B$10,7,0)+IF('Standard Profiles'!$G$21=$B$17,14,0)+IF('Standard Profiles'!$G$21=$B$24,21,0),MOD($C7184,24)+1)/SUM(INDEX($D$3:$AA$30,INDEX(Jesper!$R$2:$R$366,ROW(INDEX(Jesper!AK$2:AK$366,ROUNDDOWN($C7184/24,0)+1,1))-1)+IF('Standard Profiles'!$G$21=$B$10,7,0)+IF('Standard Profiles'!$G$21=$B$17,14,0)+IF('Standard Profiles'!$G$21=$B$24,21,0),0)),0)</f>
        <v>0.89686130719585611</v>
      </c>
      <c r="H7184" cm="1">
        <f t="array" ref="H7184">IFERROR(INDEX(Jesper!AL$2:AL$366,ROUNDDOWN($C7184/24,0)+1,1)*INDEX($D$3:$AA$30,INDEX(Jesper!$R$2:$R$366,ROW(INDEX(Jesper!AL$2:AL$366,ROUNDDOWN($C7184/24,0)+1,1))-1)+IF('Standard Profiles'!$G$22=$B$10,7,0)+IF('Standard Profiles'!$G$22=$B$17,14,0)+IF('Standard Profiles'!$G$22=$B$24,21,0),MOD($C7184,24)+1)/SUM(INDEX($D$3:$AA$30,INDEX(Jesper!$R$2:$R$366,ROW(INDEX(Jesper!AL$2:AL$366,ROUNDDOWN($C7184/24,0)+1,1))-1)+IF('Standard Profiles'!$G$22=$B$10,7,0)+IF('Standard Profiles'!$G$22=$B$17,14,0)+IF('Standard Profiles'!$G$22=$B$24,21,0),0)),0)</f>
        <v>0</v>
      </c>
      <c r="I7184">
        <f t="shared" si="797"/>
        <v>0.4304934274540107</v>
      </c>
      <c r="J7184">
        <f t="shared" si="798"/>
        <v>8.3098739605453105</v>
      </c>
      <c r="K7184">
        <f t="shared" si="799"/>
        <v>0.59813744119743173</v>
      </c>
      <c r="L7184">
        <f t="shared" si="800"/>
        <v>0.29906872059871586</v>
      </c>
      <c r="M7184">
        <f t="shared" si="801"/>
        <v>0</v>
      </c>
      <c r="N7184" s="45">
        <f t="shared" si="802"/>
        <v>45224.916666649326</v>
      </c>
    </row>
    <row r="7185" spans="2:14" x14ac:dyDescent="0.25">
      <c r="B7185">
        <f t="shared" si="796"/>
        <v>3</v>
      </c>
      <c r="C7185" s="16">
        <v>7151</v>
      </c>
      <c r="D7185" cm="1">
        <f t="array" ref="D7185">IFERROR(INDEX(Jesper!AH$2:AH$366,ROUNDDOWN($C7185/24,0)+1,1)*INDEX($D$3:$AA$30,INDEX(Jesper!$R$2:$R$366,ROW(INDEX(Jesper!AH$2:AH$366,ROUNDDOWN($C7185/24,0)+1,1))-1)+IF('Standard Profiles'!$G$18=$B$10,7,0)+IF('Standard Profiles'!$G$18=$B$17,14,0)+IF('Standard Profiles'!$G$18=$B$24,21,0),MOD($C7185,24)+1)/SUM(INDEX($D$3:$AA$30,INDEX(Jesper!$R$2:$R$366,ROW(INDEX(Jesper!AH$2:AH$366,ROUNDDOWN($C7185/24,0)+1,1))-1)+IF('Standard Profiles'!$G$18=$B$10,7,0)+IF('Standard Profiles'!$G$18=$B$17,14,0)+IF('Standard Profiles'!$G$18=$B$24,21,0),0)),0)</f>
        <v>5.607538511225922</v>
      </c>
      <c r="E7185" cm="1">
        <f t="array" ref="E7185">IFERROR(INDEX(Jesper!AI$2:AI$366,ROUNDDOWN($C7185/24,0)+1,1)*INDEX($D$3:$AA$30,INDEX(Jesper!$R$2:$R$366,ROW(INDEX(Jesper!AI$2:AI$366,ROUNDDOWN($C7185/24,0)+1,1))-1)+IF('Standard Profiles'!$G$19=$B$10,7,0)+IF('Standard Profiles'!$G$19=$B$17,14,0)+IF('Standard Profiles'!$G$19=$B$24,21,0),MOD($C7185,24)+1)/SUM(INDEX($D$3:$AA$30,INDEX(Jesper!$R$2:$R$366,ROW(INDEX(Jesper!AI$2:AI$366,ROUNDDOWN($C7185/24,0)+1,1))-1)+IF('Standard Profiles'!$G$19=$B$10,7,0)+IF('Standard Profiles'!$G$19=$B$17,14,0)+IF('Standard Profiles'!$G$19=$B$24,21,0),0)),0)</f>
        <v>3.1331737313736903</v>
      </c>
      <c r="F7185" cm="1">
        <f t="array" ref="F7185">IFERROR(INDEX(Jesper!AJ$2:AJ$366,ROUNDDOWN($C7185/24,0)+1,1)*INDEX($D$3:$AA$30,INDEX(Jesper!$R$2:$R$366,ROW(INDEX(Jesper!AJ$2:AJ$366,ROUNDDOWN($C7185/24,0)+1,1))-1)+IF('Standard Profiles'!$G$20=$B$10,7,0)+IF('Standard Profiles'!$G$20=$B$17,14,0)+IF('Standard Profiles'!$G$20=$B$24,21,0),MOD($C7185,24)+1)/SUM(INDEX($D$3:$AA$30,INDEX(Jesper!$R$2:$R$366,ROW(INDEX(Jesper!AJ$2:AJ$366,ROUNDDOWN($C7185/24,0)+1,1))-1)+IF('Standard Profiles'!$G$20=$B$10,7,0)+IF('Standard Profiles'!$G$20=$B$17,14,0)+IF('Standard Profiles'!$G$20=$B$24,21,0),0)),0)</f>
        <v>0</v>
      </c>
      <c r="G7185" cm="1">
        <f t="array" ref="G7185">IFERROR(INDEX(Jesper!AK$2:AK$366,ROUNDDOWN($C7185/24,0)+1,1)*INDEX($D$3:$AA$30,INDEX(Jesper!$R$2:$R$366,ROW(INDEX(Jesper!AK$2:AK$366,ROUNDDOWN($C7185/24,0)+1,1))-1)+IF('Standard Profiles'!$G$21=$B$10,7,0)+IF('Standard Profiles'!$G$21=$B$17,14,0)+IF('Standard Profiles'!$G$21=$B$24,21,0),MOD($C7185,24)+1)/SUM(INDEX($D$3:$AA$30,INDEX(Jesper!$R$2:$R$366,ROW(INDEX(Jesper!AK$2:AK$366,ROUNDDOWN($C7185/24,0)+1,1))-1)+IF('Standard Profiles'!$G$21=$B$10,7,0)+IF('Standard Profiles'!$G$21=$B$17,14,0)+IF('Standard Profiles'!$G$21=$B$24,21,0),0)),0)</f>
        <v>0.89686130719585611</v>
      </c>
      <c r="H7185" cm="1">
        <f t="array" ref="H7185">IFERROR(INDEX(Jesper!AL$2:AL$366,ROUNDDOWN($C7185/24,0)+1,1)*INDEX($D$3:$AA$30,INDEX(Jesper!$R$2:$R$366,ROW(INDEX(Jesper!AL$2:AL$366,ROUNDDOWN($C7185/24,0)+1,1))-1)+IF('Standard Profiles'!$G$22=$B$10,7,0)+IF('Standard Profiles'!$G$22=$B$17,14,0)+IF('Standard Profiles'!$G$22=$B$24,21,0),MOD($C7185,24)+1)/SUM(INDEX($D$3:$AA$30,INDEX(Jesper!$R$2:$R$366,ROW(INDEX(Jesper!AL$2:AL$366,ROUNDDOWN($C7185/24,0)+1,1))-1)+IF('Standard Profiles'!$G$22=$B$10,7,0)+IF('Standard Profiles'!$G$22=$B$17,14,0)+IF('Standard Profiles'!$G$22=$B$24,21,0),0)),0)</f>
        <v>0</v>
      </c>
      <c r="I7185">
        <f t="shared" si="797"/>
        <v>0.4304934274540107</v>
      </c>
      <c r="J7185">
        <f t="shared" si="798"/>
        <v>8.3098739605453105</v>
      </c>
      <c r="K7185">
        <f t="shared" si="799"/>
        <v>0.59813744119743173</v>
      </c>
      <c r="L7185">
        <f t="shared" si="800"/>
        <v>0.29906872059871586</v>
      </c>
      <c r="M7185">
        <f t="shared" si="801"/>
        <v>0</v>
      </c>
      <c r="N7185" s="45">
        <f t="shared" si="802"/>
        <v>45224.95833331599</v>
      </c>
    </row>
    <row r="7186" spans="2:14" x14ac:dyDescent="0.25">
      <c r="B7186">
        <f t="shared" si="796"/>
        <v>4</v>
      </c>
      <c r="C7186" s="16">
        <v>7152</v>
      </c>
      <c r="D7186" cm="1">
        <f t="array" ref="D7186">IFERROR(INDEX(Jesper!AH$2:AH$366,ROUNDDOWN($C7186/24,0)+1,1)*INDEX($D$3:$AA$30,INDEX(Jesper!$R$2:$R$366,ROW(INDEX(Jesper!AH$2:AH$366,ROUNDDOWN($C7186/24,0)+1,1))-1)+IF('Standard Profiles'!$G$18=$B$10,7,0)+IF('Standard Profiles'!$G$18=$B$17,14,0)+IF('Standard Profiles'!$G$18=$B$24,21,0),MOD($C7186,24)+1)/SUM(INDEX($D$3:$AA$30,INDEX(Jesper!$R$2:$R$366,ROW(INDEX(Jesper!AH$2:AH$366,ROUNDDOWN($C7186/24,0)+1,1))-1)+IF('Standard Profiles'!$G$18=$B$10,7,0)+IF('Standard Profiles'!$G$18=$B$17,14,0)+IF('Standard Profiles'!$G$18=$B$24,21,0),0)),0)</f>
        <v>5.6117378763044377</v>
      </c>
      <c r="E7186" cm="1">
        <f t="array" ref="E7186">IFERROR(INDEX(Jesper!AI$2:AI$366,ROUNDDOWN($C7186/24,0)+1,1)*INDEX($D$3:$AA$30,INDEX(Jesper!$R$2:$R$366,ROW(INDEX(Jesper!AI$2:AI$366,ROUNDDOWN($C7186/24,0)+1,1))-1)+IF('Standard Profiles'!$G$19=$B$10,7,0)+IF('Standard Profiles'!$G$19=$B$17,14,0)+IF('Standard Profiles'!$G$19=$B$24,21,0),MOD($C7186,24)+1)/SUM(INDEX($D$3:$AA$30,INDEX(Jesper!$R$2:$R$366,ROW(INDEX(Jesper!AI$2:AI$366,ROUNDDOWN($C7186/24,0)+1,1))-1)+IF('Standard Profiles'!$G$19=$B$10,7,0)+IF('Standard Profiles'!$G$19=$B$17,14,0)+IF('Standard Profiles'!$G$19=$B$24,21,0),0)),0)</f>
        <v>3.1679503333154484</v>
      </c>
      <c r="F7186" cm="1">
        <f t="array" ref="F7186">IFERROR(INDEX(Jesper!AJ$2:AJ$366,ROUNDDOWN($C7186/24,0)+1,1)*INDEX($D$3:$AA$30,INDEX(Jesper!$R$2:$R$366,ROW(INDEX(Jesper!AJ$2:AJ$366,ROUNDDOWN($C7186/24,0)+1,1))-1)+IF('Standard Profiles'!$G$20=$B$10,7,0)+IF('Standard Profiles'!$G$20=$B$17,14,0)+IF('Standard Profiles'!$G$20=$B$24,21,0),MOD($C7186,24)+1)/SUM(INDEX($D$3:$AA$30,INDEX(Jesper!$R$2:$R$366,ROW(INDEX(Jesper!AJ$2:AJ$366,ROUNDDOWN($C7186/24,0)+1,1))-1)+IF('Standard Profiles'!$G$20=$B$10,7,0)+IF('Standard Profiles'!$G$20=$B$17,14,0)+IF('Standard Profiles'!$G$20=$B$24,21,0),0)),0)</f>
        <v>0</v>
      </c>
      <c r="G7186" cm="1">
        <f t="array" ref="G7186">IFERROR(INDEX(Jesper!AK$2:AK$366,ROUNDDOWN($C7186/24,0)+1,1)*INDEX($D$3:$AA$30,INDEX(Jesper!$R$2:$R$366,ROW(INDEX(Jesper!AK$2:AK$366,ROUNDDOWN($C7186/24,0)+1,1))-1)+IF('Standard Profiles'!$G$21=$B$10,7,0)+IF('Standard Profiles'!$G$21=$B$17,14,0)+IF('Standard Profiles'!$G$21=$B$24,21,0),MOD($C7186,24)+1)/SUM(INDEX($D$3:$AA$30,INDEX(Jesper!$R$2:$R$366,ROW(INDEX(Jesper!AK$2:AK$366,ROUNDDOWN($C7186/24,0)+1,1))-1)+IF('Standard Profiles'!$G$21=$B$10,7,0)+IF('Standard Profiles'!$G$21=$B$17,14,0)+IF('Standard Profiles'!$G$21=$B$24,21,0),0)),0)</f>
        <v>0.90771804711712456</v>
      </c>
      <c r="H7186" cm="1">
        <f t="array" ref="H7186">IFERROR(INDEX(Jesper!AL$2:AL$366,ROUNDDOWN($C7186/24,0)+1,1)*INDEX($D$3:$AA$30,INDEX(Jesper!$R$2:$R$366,ROW(INDEX(Jesper!AL$2:AL$366,ROUNDDOWN($C7186/24,0)+1,1))-1)+IF('Standard Profiles'!$G$22=$B$10,7,0)+IF('Standard Profiles'!$G$22=$B$17,14,0)+IF('Standard Profiles'!$G$22=$B$24,21,0),MOD($C7186,24)+1)/SUM(INDEX($D$3:$AA$30,INDEX(Jesper!$R$2:$R$366,ROW(INDEX(Jesper!AL$2:AL$366,ROUNDDOWN($C7186/24,0)+1,1))-1)+IF('Standard Profiles'!$G$22=$B$10,7,0)+IF('Standard Profiles'!$G$22=$B$17,14,0)+IF('Standard Profiles'!$G$22=$B$24,21,0),0)),0)</f>
        <v>0</v>
      </c>
      <c r="I7186">
        <f t="shared" si="797"/>
        <v>0.4357046626162196</v>
      </c>
      <c r="J7186">
        <f t="shared" si="798"/>
        <v>8.353823533912081</v>
      </c>
      <c r="K7186">
        <f t="shared" si="799"/>
        <v>0.59858537347247343</v>
      </c>
      <c r="L7186">
        <f t="shared" si="800"/>
        <v>0.29929268673623671</v>
      </c>
      <c r="M7186">
        <f t="shared" si="801"/>
        <v>0</v>
      </c>
      <c r="N7186" s="45">
        <f t="shared" si="802"/>
        <v>45224.999999982654</v>
      </c>
    </row>
    <row r="7187" spans="2:14" x14ac:dyDescent="0.25">
      <c r="B7187">
        <f t="shared" si="796"/>
        <v>4</v>
      </c>
      <c r="C7187" s="16">
        <v>7153</v>
      </c>
      <c r="D7187" cm="1">
        <f t="array" ref="D7187">IFERROR(INDEX(Jesper!AH$2:AH$366,ROUNDDOWN($C7187/24,0)+1,1)*INDEX($D$3:$AA$30,INDEX(Jesper!$R$2:$R$366,ROW(INDEX(Jesper!AH$2:AH$366,ROUNDDOWN($C7187/24,0)+1,1))-1)+IF('Standard Profiles'!$G$18=$B$10,7,0)+IF('Standard Profiles'!$G$18=$B$17,14,0)+IF('Standard Profiles'!$G$18=$B$24,21,0),MOD($C7187,24)+1)/SUM(INDEX($D$3:$AA$30,INDEX(Jesper!$R$2:$R$366,ROW(INDEX(Jesper!AH$2:AH$366,ROUNDDOWN($C7187/24,0)+1,1))-1)+IF('Standard Profiles'!$G$18=$B$10,7,0)+IF('Standard Profiles'!$G$18=$B$17,14,0)+IF('Standard Profiles'!$G$18=$B$24,21,0),0)),0)</f>
        <v>5.6117378763044377</v>
      </c>
      <c r="E7187" cm="1">
        <f t="array" ref="E7187">IFERROR(INDEX(Jesper!AI$2:AI$366,ROUNDDOWN($C7187/24,0)+1,1)*INDEX($D$3:$AA$30,INDEX(Jesper!$R$2:$R$366,ROW(INDEX(Jesper!AI$2:AI$366,ROUNDDOWN($C7187/24,0)+1,1))-1)+IF('Standard Profiles'!$G$19=$B$10,7,0)+IF('Standard Profiles'!$G$19=$B$17,14,0)+IF('Standard Profiles'!$G$19=$B$24,21,0),MOD($C7187,24)+1)/SUM(INDEX($D$3:$AA$30,INDEX(Jesper!$R$2:$R$366,ROW(INDEX(Jesper!AI$2:AI$366,ROUNDDOWN($C7187/24,0)+1,1))-1)+IF('Standard Profiles'!$G$19=$B$10,7,0)+IF('Standard Profiles'!$G$19=$B$17,14,0)+IF('Standard Profiles'!$G$19=$B$24,21,0),0)),0)</f>
        <v>3.1679503333154484</v>
      </c>
      <c r="F7187" cm="1">
        <f t="array" ref="F7187">IFERROR(INDEX(Jesper!AJ$2:AJ$366,ROUNDDOWN($C7187/24,0)+1,1)*INDEX($D$3:$AA$30,INDEX(Jesper!$R$2:$R$366,ROW(INDEX(Jesper!AJ$2:AJ$366,ROUNDDOWN($C7187/24,0)+1,1))-1)+IF('Standard Profiles'!$G$20=$B$10,7,0)+IF('Standard Profiles'!$G$20=$B$17,14,0)+IF('Standard Profiles'!$G$20=$B$24,21,0),MOD($C7187,24)+1)/SUM(INDEX($D$3:$AA$30,INDEX(Jesper!$R$2:$R$366,ROW(INDEX(Jesper!AJ$2:AJ$366,ROUNDDOWN($C7187/24,0)+1,1))-1)+IF('Standard Profiles'!$G$20=$B$10,7,0)+IF('Standard Profiles'!$G$20=$B$17,14,0)+IF('Standard Profiles'!$G$20=$B$24,21,0),0)),0)</f>
        <v>0</v>
      </c>
      <c r="G7187" cm="1">
        <f t="array" ref="G7187">IFERROR(INDEX(Jesper!AK$2:AK$366,ROUNDDOWN($C7187/24,0)+1,1)*INDEX($D$3:$AA$30,INDEX(Jesper!$R$2:$R$366,ROW(INDEX(Jesper!AK$2:AK$366,ROUNDDOWN($C7187/24,0)+1,1))-1)+IF('Standard Profiles'!$G$21=$B$10,7,0)+IF('Standard Profiles'!$G$21=$B$17,14,0)+IF('Standard Profiles'!$G$21=$B$24,21,0),MOD($C7187,24)+1)/SUM(INDEX($D$3:$AA$30,INDEX(Jesper!$R$2:$R$366,ROW(INDEX(Jesper!AK$2:AK$366,ROUNDDOWN($C7187/24,0)+1,1))-1)+IF('Standard Profiles'!$G$21=$B$10,7,0)+IF('Standard Profiles'!$G$21=$B$17,14,0)+IF('Standard Profiles'!$G$21=$B$24,21,0),0)),0)</f>
        <v>0.90771804711712456</v>
      </c>
      <c r="H7187" cm="1">
        <f t="array" ref="H7187">IFERROR(INDEX(Jesper!AL$2:AL$366,ROUNDDOWN($C7187/24,0)+1,1)*INDEX($D$3:$AA$30,INDEX(Jesper!$R$2:$R$366,ROW(INDEX(Jesper!AL$2:AL$366,ROUNDDOWN($C7187/24,0)+1,1))-1)+IF('Standard Profiles'!$G$22=$B$10,7,0)+IF('Standard Profiles'!$G$22=$B$17,14,0)+IF('Standard Profiles'!$G$22=$B$24,21,0),MOD($C7187,24)+1)/SUM(INDEX($D$3:$AA$30,INDEX(Jesper!$R$2:$R$366,ROW(INDEX(Jesper!AL$2:AL$366,ROUNDDOWN($C7187/24,0)+1,1))-1)+IF('Standard Profiles'!$G$22=$B$10,7,0)+IF('Standard Profiles'!$G$22=$B$17,14,0)+IF('Standard Profiles'!$G$22=$B$24,21,0),0)),0)</f>
        <v>0</v>
      </c>
      <c r="I7187">
        <f t="shared" si="797"/>
        <v>0.4357046626162196</v>
      </c>
      <c r="J7187">
        <f t="shared" si="798"/>
        <v>8.353823533912081</v>
      </c>
      <c r="K7187">
        <f t="shared" si="799"/>
        <v>0.59858537347247343</v>
      </c>
      <c r="L7187">
        <f t="shared" si="800"/>
        <v>0.29929268673623671</v>
      </c>
      <c r="M7187">
        <f t="shared" si="801"/>
        <v>0</v>
      </c>
      <c r="N7187" s="45">
        <f t="shared" si="802"/>
        <v>45225.041666649318</v>
      </c>
    </row>
    <row r="7188" spans="2:14" x14ac:dyDescent="0.25">
      <c r="B7188">
        <f t="shared" si="796"/>
        <v>4</v>
      </c>
      <c r="C7188" s="16">
        <v>7154</v>
      </c>
      <c r="D7188" cm="1">
        <f t="array" ref="D7188">IFERROR(INDEX(Jesper!AH$2:AH$366,ROUNDDOWN($C7188/24,0)+1,1)*INDEX($D$3:$AA$30,INDEX(Jesper!$R$2:$R$366,ROW(INDEX(Jesper!AH$2:AH$366,ROUNDDOWN($C7188/24,0)+1,1))-1)+IF('Standard Profiles'!$G$18=$B$10,7,0)+IF('Standard Profiles'!$G$18=$B$17,14,0)+IF('Standard Profiles'!$G$18=$B$24,21,0),MOD($C7188,24)+1)/SUM(INDEX($D$3:$AA$30,INDEX(Jesper!$R$2:$R$366,ROW(INDEX(Jesper!AH$2:AH$366,ROUNDDOWN($C7188/24,0)+1,1))-1)+IF('Standard Profiles'!$G$18=$B$10,7,0)+IF('Standard Profiles'!$G$18=$B$17,14,0)+IF('Standard Profiles'!$G$18=$B$24,21,0),0)),0)</f>
        <v>5.6117378763044377</v>
      </c>
      <c r="E7188" cm="1">
        <f t="array" ref="E7188">IFERROR(INDEX(Jesper!AI$2:AI$366,ROUNDDOWN($C7188/24,0)+1,1)*INDEX($D$3:$AA$30,INDEX(Jesper!$R$2:$R$366,ROW(INDEX(Jesper!AI$2:AI$366,ROUNDDOWN($C7188/24,0)+1,1))-1)+IF('Standard Profiles'!$G$19=$B$10,7,0)+IF('Standard Profiles'!$G$19=$B$17,14,0)+IF('Standard Profiles'!$G$19=$B$24,21,0),MOD($C7188,24)+1)/SUM(INDEX($D$3:$AA$30,INDEX(Jesper!$R$2:$R$366,ROW(INDEX(Jesper!AI$2:AI$366,ROUNDDOWN($C7188/24,0)+1,1))-1)+IF('Standard Profiles'!$G$19=$B$10,7,0)+IF('Standard Profiles'!$G$19=$B$17,14,0)+IF('Standard Profiles'!$G$19=$B$24,21,0),0)),0)</f>
        <v>3.1679503333154484</v>
      </c>
      <c r="F7188" cm="1">
        <f t="array" ref="F7188">IFERROR(INDEX(Jesper!AJ$2:AJ$366,ROUNDDOWN($C7188/24,0)+1,1)*INDEX($D$3:$AA$30,INDEX(Jesper!$R$2:$R$366,ROW(INDEX(Jesper!AJ$2:AJ$366,ROUNDDOWN($C7188/24,0)+1,1))-1)+IF('Standard Profiles'!$G$20=$B$10,7,0)+IF('Standard Profiles'!$G$20=$B$17,14,0)+IF('Standard Profiles'!$G$20=$B$24,21,0),MOD($C7188,24)+1)/SUM(INDEX($D$3:$AA$30,INDEX(Jesper!$R$2:$R$366,ROW(INDEX(Jesper!AJ$2:AJ$366,ROUNDDOWN($C7188/24,0)+1,1))-1)+IF('Standard Profiles'!$G$20=$B$10,7,0)+IF('Standard Profiles'!$G$20=$B$17,14,0)+IF('Standard Profiles'!$G$20=$B$24,21,0),0)),0)</f>
        <v>0</v>
      </c>
      <c r="G7188" cm="1">
        <f t="array" ref="G7188">IFERROR(INDEX(Jesper!AK$2:AK$366,ROUNDDOWN($C7188/24,0)+1,1)*INDEX($D$3:$AA$30,INDEX(Jesper!$R$2:$R$366,ROW(INDEX(Jesper!AK$2:AK$366,ROUNDDOWN($C7188/24,0)+1,1))-1)+IF('Standard Profiles'!$G$21=$B$10,7,0)+IF('Standard Profiles'!$G$21=$B$17,14,0)+IF('Standard Profiles'!$G$21=$B$24,21,0),MOD($C7188,24)+1)/SUM(INDEX($D$3:$AA$30,INDEX(Jesper!$R$2:$R$366,ROW(INDEX(Jesper!AK$2:AK$366,ROUNDDOWN($C7188/24,0)+1,1))-1)+IF('Standard Profiles'!$G$21=$B$10,7,0)+IF('Standard Profiles'!$G$21=$B$17,14,0)+IF('Standard Profiles'!$G$21=$B$24,21,0),0)),0)</f>
        <v>0.90771804711712456</v>
      </c>
      <c r="H7188" cm="1">
        <f t="array" ref="H7188">IFERROR(INDEX(Jesper!AL$2:AL$366,ROUNDDOWN($C7188/24,0)+1,1)*INDEX($D$3:$AA$30,INDEX(Jesper!$R$2:$R$366,ROW(INDEX(Jesper!AL$2:AL$366,ROUNDDOWN($C7188/24,0)+1,1))-1)+IF('Standard Profiles'!$G$22=$B$10,7,0)+IF('Standard Profiles'!$G$22=$B$17,14,0)+IF('Standard Profiles'!$G$22=$B$24,21,0),MOD($C7188,24)+1)/SUM(INDEX($D$3:$AA$30,INDEX(Jesper!$R$2:$R$366,ROW(INDEX(Jesper!AL$2:AL$366,ROUNDDOWN($C7188/24,0)+1,1))-1)+IF('Standard Profiles'!$G$22=$B$10,7,0)+IF('Standard Profiles'!$G$22=$B$17,14,0)+IF('Standard Profiles'!$G$22=$B$24,21,0),0)),0)</f>
        <v>0</v>
      </c>
      <c r="I7188">
        <f t="shared" si="797"/>
        <v>0.4357046626162196</v>
      </c>
      <c r="J7188">
        <f t="shared" si="798"/>
        <v>8.353823533912081</v>
      </c>
      <c r="K7188">
        <f t="shared" si="799"/>
        <v>0.59858537347247343</v>
      </c>
      <c r="L7188">
        <f t="shared" si="800"/>
        <v>0.29929268673623671</v>
      </c>
      <c r="M7188">
        <f t="shared" si="801"/>
        <v>0</v>
      </c>
      <c r="N7188" s="45">
        <f t="shared" si="802"/>
        <v>45225.083333315983</v>
      </c>
    </row>
    <row r="7189" spans="2:14" x14ac:dyDescent="0.25">
      <c r="B7189">
        <f t="shared" si="796"/>
        <v>4</v>
      </c>
      <c r="C7189" s="16">
        <v>7155</v>
      </c>
      <c r="D7189" cm="1">
        <f t="array" ref="D7189">IFERROR(INDEX(Jesper!AH$2:AH$366,ROUNDDOWN($C7189/24,0)+1,1)*INDEX($D$3:$AA$30,INDEX(Jesper!$R$2:$R$366,ROW(INDEX(Jesper!AH$2:AH$366,ROUNDDOWN($C7189/24,0)+1,1))-1)+IF('Standard Profiles'!$G$18=$B$10,7,0)+IF('Standard Profiles'!$G$18=$B$17,14,0)+IF('Standard Profiles'!$G$18=$B$24,21,0),MOD($C7189,24)+1)/SUM(INDEX($D$3:$AA$30,INDEX(Jesper!$R$2:$R$366,ROW(INDEX(Jesper!AH$2:AH$366,ROUNDDOWN($C7189/24,0)+1,1))-1)+IF('Standard Profiles'!$G$18=$B$10,7,0)+IF('Standard Profiles'!$G$18=$B$17,14,0)+IF('Standard Profiles'!$G$18=$B$24,21,0),0)),0)</f>
        <v>5.6117378763044377</v>
      </c>
      <c r="E7189" cm="1">
        <f t="array" ref="E7189">IFERROR(INDEX(Jesper!AI$2:AI$366,ROUNDDOWN($C7189/24,0)+1,1)*INDEX($D$3:$AA$30,INDEX(Jesper!$R$2:$R$366,ROW(INDEX(Jesper!AI$2:AI$366,ROUNDDOWN($C7189/24,0)+1,1))-1)+IF('Standard Profiles'!$G$19=$B$10,7,0)+IF('Standard Profiles'!$G$19=$B$17,14,0)+IF('Standard Profiles'!$G$19=$B$24,21,0),MOD($C7189,24)+1)/SUM(INDEX($D$3:$AA$30,INDEX(Jesper!$R$2:$R$366,ROW(INDEX(Jesper!AI$2:AI$366,ROUNDDOWN($C7189/24,0)+1,1))-1)+IF('Standard Profiles'!$G$19=$B$10,7,0)+IF('Standard Profiles'!$G$19=$B$17,14,0)+IF('Standard Profiles'!$G$19=$B$24,21,0),0)),0)</f>
        <v>3.1679503333154484</v>
      </c>
      <c r="F7189" cm="1">
        <f t="array" ref="F7189">IFERROR(INDEX(Jesper!AJ$2:AJ$366,ROUNDDOWN($C7189/24,0)+1,1)*INDEX($D$3:$AA$30,INDEX(Jesper!$R$2:$R$366,ROW(INDEX(Jesper!AJ$2:AJ$366,ROUNDDOWN($C7189/24,0)+1,1))-1)+IF('Standard Profiles'!$G$20=$B$10,7,0)+IF('Standard Profiles'!$G$20=$B$17,14,0)+IF('Standard Profiles'!$G$20=$B$24,21,0),MOD($C7189,24)+1)/SUM(INDEX($D$3:$AA$30,INDEX(Jesper!$R$2:$R$366,ROW(INDEX(Jesper!AJ$2:AJ$366,ROUNDDOWN($C7189/24,0)+1,1))-1)+IF('Standard Profiles'!$G$20=$B$10,7,0)+IF('Standard Profiles'!$G$20=$B$17,14,0)+IF('Standard Profiles'!$G$20=$B$24,21,0),0)),0)</f>
        <v>0</v>
      </c>
      <c r="G7189" cm="1">
        <f t="array" ref="G7189">IFERROR(INDEX(Jesper!AK$2:AK$366,ROUNDDOWN($C7189/24,0)+1,1)*INDEX($D$3:$AA$30,INDEX(Jesper!$R$2:$R$366,ROW(INDEX(Jesper!AK$2:AK$366,ROUNDDOWN($C7189/24,0)+1,1))-1)+IF('Standard Profiles'!$G$21=$B$10,7,0)+IF('Standard Profiles'!$G$21=$B$17,14,0)+IF('Standard Profiles'!$G$21=$B$24,21,0),MOD($C7189,24)+1)/SUM(INDEX($D$3:$AA$30,INDEX(Jesper!$R$2:$R$366,ROW(INDEX(Jesper!AK$2:AK$366,ROUNDDOWN($C7189/24,0)+1,1))-1)+IF('Standard Profiles'!$G$21=$B$10,7,0)+IF('Standard Profiles'!$G$21=$B$17,14,0)+IF('Standard Profiles'!$G$21=$B$24,21,0),0)),0)</f>
        <v>0.90771804711712456</v>
      </c>
      <c r="H7189" cm="1">
        <f t="array" ref="H7189">IFERROR(INDEX(Jesper!AL$2:AL$366,ROUNDDOWN($C7189/24,0)+1,1)*INDEX($D$3:$AA$30,INDEX(Jesper!$R$2:$R$366,ROW(INDEX(Jesper!AL$2:AL$366,ROUNDDOWN($C7189/24,0)+1,1))-1)+IF('Standard Profiles'!$G$22=$B$10,7,0)+IF('Standard Profiles'!$G$22=$B$17,14,0)+IF('Standard Profiles'!$G$22=$B$24,21,0),MOD($C7189,24)+1)/SUM(INDEX($D$3:$AA$30,INDEX(Jesper!$R$2:$R$366,ROW(INDEX(Jesper!AL$2:AL$366,ROUNDDOWN($C7189/24,0)+1,1))-1)+IF('Standard Profiles'!$G$22=$B$10,7,0)+IF('Standard Profiles'!$G$22=$B$17,14,0)+IF('Standard Profiles'!$G$22=$B$24,21,0),0)),0)</f>
        <v>0</v>
      </c>
      <c r="I7189">
        <f t="shared" si="797"/>
        <v>0.4357046626162196</v>
      </c>
      <c r="J7189">
        <f t="shared" si="798"/>
        <v>8.353823533912081</v>
      </c>
      <c r="K7189">
        <f t="shared" si="799"/>
        <v>0.59858537347247343</v>
      </c>
      <c r="L7189">
        <f t="shared" si="800"/>
        <v>0.29929268673623671</v>
      </c>
      <c r="M7189">
        <f t="shared" si="801"/>
        <v>0</v>
      </c>
      <c r="N7189" s="45">
        <f t="shared" si="802"/>
        <v>45225.124999982647</v>
      </c>
    </row>
    <row r="7190" spans="2:14" x14ac:dyDescent="0.25">
      <c r="B7190">
        <f t="shared" si="796"/>
        <v>4</v>
      </c>
      <c r="C7190" s="16">
        <v>7156</v>
      </c>
      <c r="D7190" cm="1">
        <f t="array" ref="D7190">IFERROR(INDEX(Jesper!AH$2:AH$366,ROUNDDOWN($C7190/24,0)+1,1)*INDEX($D$3:$AA$30,INDEX(Jesper!$R$2:$R$366,ROW(INDEX(Jesper!AH$2:AH$366,ROUNDDOWN($C7190/24,0)+1,1))-1)+IF('Standard Profiles'!$G$18=$B$10,7,0)+IF('Standard Profiles'!$G$18=$B$17,14,0)+IF('Standard Profiles'!$G$18=$B$24,21,0),MOD($C7190,24)+1)/SUM(INDEX($D$3:$AA$30,INDEX(Jesper!$R$2:$R$366,ROW(INDEX(Jesper!AH$2:AH$366,ROUNDDOWN($C7190/24,0)+1,1))-1)+IF('Standard Profiles'!$G$18=$B$10,7,0)+IF('Standard Profiles'!$G$18=$B$17,14,0)+IF('Standard Profiles'!$G$18=$B$24,21,0),0)),0)</f>
        <v>5.6117378763044377</v>
      </c>
      <c r="E7190" cm="1">
        <f t="array" ref="E7190">IFERROR(INDEX(Jesper!AI$2:AI$366,ROUNDDOWN($C7190/24,0)+1,1)*INDEX($D$3:$AA$30,INDEX(Jesper!$R$2:$R$366,ROW(INDEX(Jesper!AI$2:AI$366,ROUNDDOWN($C7190/24,0)+1,1))-1)+IF('Standard Profiles'!$G$19=$B$10,7,0)+IF('Standard Profiles'!$G$19=$B$17,14,0)+IF('Standard Profiles'!$G$19=$B$24,21,0),MOD($C7190,24)+1)/SUM(INDEX($D$3:$AA$30,INDEX(Jesper!$R$2:$R$366,ROW(INDEX(Jesper!AI$2:AI$366,ROUNDDOWN($C7190/24,0)+1,1))-1)+IF('Standard Profiles'!$G$19=$B$10,7,0)+IF('Standard Profiles'!$G$19=$B$17,14,0)+IF('Standard Profiles'!$G$19=$B$24,21,0),0)),0)</f>
        <v>3.1679503333154484</v>
      </c>
      <c r="F7190" cm="1">
        <f t="array" ref="F7190">IFERROR(INDEX(Jesper!AJ$2:AJ$366,ROUNDDOWN($C7190/24,0)+1,1)*INDEX($D$3:$AA$30,INDEX(Jesper!$R$2:$R$366,ROW(INDEX(Jesper!AJ$2:AJ$366,ROUNDDOWN($C7190/24,0)+1,1))-1)+IF('Standard Profiles'!$G$20=$B$10,7,0)+IF('Standard Profiles'!$G$20=$B$17,14,0)+IF('Standard Profiles'!$G$20=$B$24,21,0),MOD($C7190,24)+1)/SUM(INDEX($D$3:$AA$30,INDEX(Jesper!$R$2:$R$366,ROW(INDEX(Jesper!AJ$2:AJ$366,ROUNDDOWN($C7190/24,0)+1,1))-1)+IF('Standard Profiles'!$G$20=$B$10,7,0)+IF('Standard Profiles'!$G$20=$B$17,14,0)+IF('Standard Profiles'!$G$20=$B$24,21,0),0)),0)</f>
        <v>0</v>
      </c>
      <c r="G7190" cm="1">
        <f t="array" ref="G7190">IFERROR(INDEX(Jesper!AK$2:AK$366,ROUNDDOWN($C7190/24,0)+1,1)*INDEX($D$3:$AA$30,INDEX(Jesper!$R$2:$R$366,ROW(INDEX(Jesper!AK$2:AK$366,ROUNDDOWN($C7190/24,0)+1,1))-1)+IF('Standard Profiles'!$G$21=$B$10,7,0)+IF('Standard Profiles'!$G$21=$B$17,14,0)+IF('Standard Profiles'!$G$21=$B$24,21,0),MOD($C7190,24)+1)/SUM(INDEX($D$3:$AA$30,INDEX(Jesper!$R$2:$R$366,ROW(INDEX(Jesper!AK$2:AK$366,ROUNDDOWN($C7190/24,0)+1,1))-1)+IF('Standard Profiles'!$G$21=$B$10,7,0)+IF('Standard Profiles'!$G$21=$B$17,14,0)+IF('Standard Profiles'!$G$21=$B$24,21,0),0)),0)</f>
        <v>0.90771804711712456</v>
      </c>
      <c r="H7190" cm="1">
        <f t="array" ref="H7190">IFERROR(INDEX(Jesper!AL$2:AL$366,ROUNDDOWN($C7190/24,0)+1,1)*INDEX($D$3:$AA$30,INDEX(Jesper!$R$2:$R$366,ROW(INDEX(Jesper!AL$2:AL$366,ROUNDDOWN($C7190/24,0)+1,1))-1)+IF('Standard Profiles'!$G$22=$B$10,7,0)+IF('Standard Profiles'!$G$22=$B$17,14,0)+IF('Standard Profiles'!$G$22=$B$24,21,0),MOD($C7190,24)+1)/SUM(INDEX($D$3:$AA$30,INDEX(Jesper!$R$2:$R$366,ROW(INDEX(Jesper!AL$2:AL$366,ROUNDDOWN($C7190/24,0)+1,1))-1)+IF('Standard Profiles'!$G$22=$B$10,7,0)+IF('Standard Profiles'!$G$22=$B$17,14,0)+IF('Standard Profiles'!$G$22=$B$24,21,0),0)),0)</f>
        <v>0</v>
      </c>
      <c r="I7190">
        <f t="shared" si="797"/>
        <v>0.4357046626162196</v>
      </c>
      <c r="J7190">
        <f t="shared" si="798"/>
        <v>8.353823533912081</v>
      </c>
      <c r="K7190">
        <f t="shared" si="799"/>
        <v>0.59858537347247343</v>
      </c>
      <c r="L7190">
        <f t="shared" si="800"/>
        <v>0.29929268673623671</v>
      </c>
      <c r="M7190">
        <f t="shared" si="801"/>
        <v>0</v>
      </c>
      <c r="N7190" s="45">
        <f t="shared" si="802"/>
        <v>45225.166666649311</v>
      </c>
    </row>
    <row r="7191" spans="2:14" x14ac:dyDescent="0.25">
      <c r="B7191">
        <f t="shared" si="796"/>
        <v>4</v>
      </c>
      <c r="C7191" s="16">
        <v>7157</v>
      </c>
      <c r="D7191" cm="1">
        <f t="array" ref="D7191">IFERROR(INDEX(Jesper!AH$2:AH$366,ROUNDDOWN($C7191/24,0)+1,1)*INDEX($D$3:$AA$30,INDEX(Jesper!$R$2:$R$366,ROW(INDEX(Jesper!AH$2:AH$366,ROUNDDOWN($C7191/24,0)+1,1))-1)+IF('Standard Profiles'!$G$18=$B$10,7,0)+IF('Standard Profiles'!$G$18=$B$17,14,0)+IF('Standard Profiles'!$G$18=$B$24,21,0),MOD($C7191,24)+1)/SUM(INDEX($D$3:$AA$30,INDEX(Jesper!$R$2:$R$366,ROW(INDEX(Jesper!AH$2:AH$366,ROUNDDOWN($C7191/24,0)+1,1))-1)+IF('Standard Profiles'!$G$18=$B$10,7,0)+IF('Standard Profiles'!$G$18=$B$17,14,0)+IF('Standard Profiles'!$G$18=$B$24,21,0),0)),0)</f>
        <v>5.6117378763044377</v>
      </c>
      <c r="E7191" cm="1">
        <f t="array" ref="E7191">IFERROR(INDEX(Jesper!AI$2:AI$366,ROUNDDOWN($C7191/24,0)+1,1)*INDEX($D$3:$AA$30,INDEX(Jesper!$R$2:$R$366,ROW(INDEX(Jesper!AI$2:AI$366,ROUNDDOWN($C7191/24,0)+1,1))-1)+IF('Standard Profiles'!$G$19=$B$10,7,0)+IF('Standard Profiles'!$G$19=$B$17,14,0)+IF('Standard Profiles'!$G$19=$B$24,21,0),MOD($C7191,24)+1)/SUM(INDEX($D$3:$AA$30,INDEX(Jesper!$R$2:$R$366,ROW(INDEX(Jesper!AI$2:AI$366,ROUNDDOWN($C7191/24,0)+1,1))-1)+IF('Standard Profiles'!$G$19=$B$10,7,0)+IF('Standard Profiles'!$G$19=$B$17,14,0)+IF('Standard Profiles'!$G$19=$B$24,21,0),0)),0)</f>
        <v>3.1679503333154484</v>
      </c>
      <c r="F7191" cm="1">
        <f t="array" ref="F7191">IFERROR(INDEX(Jesper!AJ$2:AJ$366,ROUNDDOWN($C7191/24,0)+1,1)*INDEX($D$3:$AA$30,INDEX(Jesper!$R$2:$R$366,ROW(INDEX(Jesper!AJ$2:AJ$366,ROUNDDOWN($C7191/24,0)+1,1))-1)+IF('Standard Profiles'!$G$20=$B$10,7,0)+IF('Standard Profiles'!$G$20=$B$17,14,0)+IF('Standard Profiles'!$G$20=$B$24,21,0),MOD($C7191,24)+1)/SUM(INDEX($D$3:$AA$30,INDEX(Jesper!$R$2:$R$366,ROW(INDEX(Jesper!AJ$2:AJ$366,ROUNDDOWN($C7191/24,0)+1,1))-1)+IF('Standard Profiles'!$G$20=$B$10,7,0)+IF('Standard Profiles'!$G$20=$B$17,14,0)+IF('Standard Profiles'!$G$20=$B$24,21,0),0)),0)</f>
        <v>0</v>
      </c>
      <c r="G7191" cm="1">
        <f t="array" ref="G7191">IFERROR(INDEX(Jesper!AK$2:AK$366,ROUNDDOWN($C7191/24,0)+1,1)*INDEX($D$3:$AA$30,INDEX(Jesper!$R$2:$R$366,ROW(INDEX(Jesper!AK$2:AK$366,ROUNDDOWN($C7191/24,0)+1,1))-1)+IF('Standard Profiles'!$G$21=$B$10,7,0)+IF('Standard Profiles'!$G$21=$B$17,14,0)+IF('Standard Profiles'!$G$21=$B$24,21,0),MOD($C7191,24)+1)/SUM(INDEX($D$3:$AA$30,INDEX(Jesper!$R$2:$R$366,ROW(INDEX(Jesper!AK$2:AK$366,ROUNDDOWN($C7191/24,0)+1,1))-1)+IF('Standard Profiles'!$G$21=$B$10,7,0)+IF('Standard Profiles'!$G$21=$B$17,14,0)+IF('Standard Profiles'!$G$21=$B$24,21,0),0)),0)</f>
        <v>0.90771804711712456</v>
      </c>
      <c r="H7191" cm="1">
        <f t="array" ref="H7191">IFERROR(INDEX(Jesper!AL$2:AL$366,ROUNDDOWN($C7191/24,0)+1,1)*INDEX($D$3:$AA$30,INDEX(Jesper!$R$2:$R$366,ROW(INDEX(Jesper!AL$2:AL$366,ROUNDDOWN($C7191/24,0)+1,1))-1)+IF('Standard Profiles'!$G$22=$B$10,7,0)+IF('Standard Profiles'!$G$22=$B$17,14,0)+IF('Standard Profiles'!$G$22=$B$24,21,0),MOD($C7191,24)+1)/SUM(INDEX($D$3:$AA$30,INDEX(Jesper!$R$2:$R$366,ROW(INDEX(Jesper!AL$2:AL$366,ROUNDDOWN($C7191/24,0)+1,1))-1)+IF('Standard Profiles'!$G$22=$B$10,7,0)+IF('Standard Profiles'!$G$22=$B$17,14,0)+IF('Standard Profiles'!$G$22=$B$24,21,0),0)),0)</f>
        <v>0</v>
      </c>
      <c r="I7191">
        <f t="shared" si="797"/>
        <v>0.4357046626162196</v>
      </c>
      <c r="J7191">
        <f t="shared" si="798"/>
        <v>8.353823533912081</v>
      </c>
      <c r="K7191">
        <f t="shared" si="799"/>
        <v>0.59858537347247343</v>
      </c>
      <c r="L7191">
        <f t="shared" si="800"/>
        <v>0.29929268673623671</v>
      </c>
      <c r="M7191">
        <f t="shared" si="801"/>
        <v>0</v>
      </c>
      <c r="N7191" s="45">
        <f t="shared" si="802"/>
        <v>45225.208333315975</v>
      </c>
    </row>
    <row r="7192" spans="2:14" x14ac:dyDescent="0.25">
      <c r="B7192">
        <f t="shared" si="796"/>
        <v>4</v>
      </c>
      <c r="C7192" s="16">
        <v>7158</v>
      </c>
      <c r="D7192" cm="1">
        <f t="array" ref="D7192">IFERROR(INDEX(Jesper!AH$2:AH$366,ROUNDDOWN($C7192/24,0)+1,1)*INDEX($D$3:$AA$30,INDEX(Jesper!$R$2:$R$366,ROW(INDEX(Jesper!AH$2:AH$366,ROUNDDOWN($C7192/24,0)+1,1))-1)+IF('Standard Profiles'!$G$18=$B$10,7,0)+IF('Standard Profiles'!$G$18=$B$17,14,0)+IF('Standard Profiles'!$G$18=$B$24,21,0),MOD($C7192,24)+1)/SUM(INDEX($D$3:$AA$30,INDEX(Jesper!$R$2:$R$366,ROW(INDEX(Jesper!AH$2:AH$366,ROUNDDOWN($C7192/24,0)+1,1))-1)+IF('Standard Profiles'!$G$18=$B$10,7,0)+IF('Standard Profiles'!$G$18=$B$17,14,0)+IF('Standard Profiles'!$G$18=$B$24,21,0),0)),0)</f>
        <v>5.6117378763044377</v>
      </c>
      <c r="E7192" cm="1">
        <f t="array" ref="E7192">IFERROR(INDEX(Jesper!AI$2:AI$366,ROUNDDOWN($C7192/24,0)+1,1)*INDEX($D$3:$AA$30,INDEX(Jesper!$R$2:$R$366,ROW(INDEX(Jesper!AI$2:AI$366,ROUNDDOWN($C7192/24,0)+1,1))-1)+IF('Standard Profiles'!$G$19=$B$10,7,0)+IF('Standard Profiles'!$G$19=$B$17,14,0)+IF('Standard Profiles'!$G$19=$B$24,21,0),MOD($C7192,24)+1)/SUM(INDEX($D$3:$AA$30,INDEX(Jesper!$R$2:$R$366,ROW(INDEX(Jesper!AI$2:AI$366,ROUNDDOWN($C7192/24,0)+1,1))-1)+IF('Standard Profiles'!$G$19=$B$10,7,0)+IF('Standard Profiles'!$G$19=$B$17,14,0)+IF('Standard Profiles'!$G$19=$B$24,21,0),0)),0)</f>
        <v>3.1679503333154484</v>
      </c>
      <c r="F7192" cm="1">
        <f t="array" ref="F7192">IFERROR(INDEX(Jesper!AJ$2:AJ$366,ROUNDDOWN($C7192/24,0)+1,1)*INDEX($D$3:$AA$30,INDEX(Jesper!$R$2:$R$366,ROW(INDEX(Jesper!AJ$2:AJ$366,ROUNDDOWN($C7192/24,0)+1,1))-1)+IF('Standard Profiles'!$G$20=$B$10,7,0)+IF('Standard Profiles'!$G$20=$B$17,14,0)+IF('Standard Profiles'!$G$20=$B$24,21,0),MOD($C7192,24)+1)/SUM(INDEX($D$3:$AA$30,INDEX(Jesper!$R$2:$R$366,ROW(INDEX(Jesper!AJ$2:AJ$366,ROUNDDOWN($C7192/24,0)+1,1))-1)+IF('Standard Profiles'!$G$20=$B$10,7,0)+IF('Standard Profiles'!$G$20=$B$17,14,0)+IF('Standard Profiles'!$G$20=$B$24,21,0),0)),0)</f>
        <v>0</v>
      </c>
      <c r="G7192" cm="1">
        <f t="array" ref="G7192">IFERROR(INDEX(Jesper!AK$2:AK$366,ROUNDDOWN($C7192/24,0)+1,1)*INDEX($D$3:$AA$30,INDEX(Jesper!$R$2:$R$366,ROW(INDEX(Jesper!AK$2:AK$366,ROUNDDOWN($C7192/24,0)+1,1))-1)+IF('Standard Profiles'!$G$21=$B$10,7,0)+IF('Standard Profiles'!$G$21=$B$17,14,0)+IF('Standard Profiles'!$G$21=$B$24,21,0),MOD($C7192,24)+1)/SUM(INDEX($D$3:$AA$30,INDEX(Jesper!$R$2:$R$366,ROW(INDEX(Jesper!AK$2:AK$366,ROUNDDOWN($C7192/24,0)+1,1))-1)+IF('Standard Profiles'!$G$21=$B$10,7,0)+IF('Standard Profiles'!$G$21=$B$17,14,0)+IF('Standard Profiles'!$G$21=$B$24,21,0),0)),0)</f>
        <v>0.90771804711712456</v>
      </c>
      <c r="H7192" cm="1">
        <f t="array" ref="H7192">IFERROR(INDEX(Jesper!AL$2:AL$366,ROUNDDOWN($C7192/24,0)+1,1)*INDEX($D$3:$AA$30,INDEX(Jesper!$R$2:$R$366,ROW(INDEX(Jesper!AL$2:AL$366,ROUNDDOWN($C7192/24,0)+1,1))-1)+IF('Standard Profiles'!$G$22=$B$10,7,0)+IF('Standard Profiles'!$G$22=$B$17,14,0)+IF('Standard Profiles'!$G$22=$B$24,21,0),MOD($C7192,24)+1)/SUM(INDEX($D$3:$AA$30,INDEX(Jesper!$R$2:$R$366,ROW(INDEX(Jesper!AL$2:AL$366,ROUNDDOWN($C7192/24,0)+1,1))-1)+IF('Standard Profiles'!$G$22=$B$10,7,0)+IF('Standard Profiles'!$G$22=$B$17,14,0)+IF('Standard Profiles'!$G$22=$B$24,21,0),0)),0)</f>
        <v>0</v>
      </c>
      <c r="I7192">
        <f t="shared" si="797"/>
        <v>0.4357046626162196</v>
      </c>
      <c r="J7192">
        <f t="shared" si="798"/>
        <v>8.353823533912081</v>
      </c>
      <c r="K7192">
        <f t="shared" si="799"/>
        <v>0.59858537347247343</v>
      </c>
      <c r="L7192">
        <f t="shared" si="800"/>
        <v>0.29929268673623671</v>
      </c>
      <c r="M7192">
        <f t="shared" si="801"/>
        <v>0</v>
      </c>
      <c r="N7192" s="45">
        <f t="shared" si="802"/>
        <v>45225.24999998264</v>
      </c>
    </row>
    <row r="7193" spans="2:14" x14ac:dyDescent="0.25">
      <c r="B7193">
        <f t="shared" si="796"/>
        <v>4</v>
      </c>
      <c r="C7193" s="16">
        <v>7159</v>
      </c>
      <c r="D7193" cm="1">
        <f t="array" ref="D7193">IFERROR(INDEX(Jesper!AH$2:AH$366,ROUNDDOWN($C7193/24,0)+1,1)*INDEX($D$3:$AA$30,INDEX(Jesper!$R$2:$R$366,ROW(INDEX(Jesper!AH$2:AH$366,ROUNDDOWN($C7193/24,0)+1,1))-1)+IF('Standard Profiles'!$G$18=$B$10,7,0)+IF('Standard Profiles'!$G$18=$B$17,14,0)+IF('Standard Profiles'!$G$18=$B$24,21,0),MOD($C7193,24)+1)/SUM(INDEX($D$3:$AA$30,INDEX(Jesper!$R$2:$R$366,ROW(INDEX(Jesper!AH$2:AH$366,ROUNDDOWN($C7193/24,0)+1,1))-1)+IF('Standard Profiles'!$G$18=$B$10,7,0)+IF('Standard Profiles'!$G$18=$B$17,14,0)+IF('Standard Profiles'!$G$18=$B$24,21,0),0)),0)</f>
        <v>22.94010422768087</v>
      </c>
      <c r="E7193" cm="1">
        <f t="array" ref="E7193">IFERROR(INDEX(Jesper!AI$2:AI$366,ROUNDDOWN($C7193/24,0)+1,1)*INDEX($D$3:$AA$30,INDEX(Jesper!$R$2:$R$366,ROW(INDEX(Jesper!AI$2:AI$366,ROUNDDOWN($C7193/24,0)+1,1))-1)+IF('Standard Profiles'!$G$19=$B$10,7,0)+IF('Standard Profiles'!$G$19=$B$17,14,0)+IF('Standard Profiles'!$G$19=$B$24,21,0),MOD($C7193,24)+1)/SUM(INDEX($D$3:$AA$30,INDEX(Jesper!$R$2:$R$366,ROW(INDEX(Jesper!AI$2:AI$366,ROUNDDOWN($C7193/24,0)+1,1))-1)+IF('Standard Profiles'!$G$19=$B$10,7,0)+IF('Standard Profiles'!$G$19=$B$17,14,0)+IF('Standard Profiles'!$G$19=$B$24,21,0),0)),0)</f>
        <v>12.950196968613758</v>
      </c>
      <c r="F7193" cm="1">
        <f t="array" ref="F7193">IFERROR(INDEX(Jesper!AJ$2:AJ$366,ROUNDDOWN($C7193/24,0)+1,1)*INDEX($D$3:$AA$30,INDEX(Jesper!$R$2:$R$366,ROW(INDEX(Jesper!AJ$2:AJ$366,ROUNDDOWN($C7193/24,0)+1,1))-1)+IF('Standard Profiles'!$G$20=$B$10,7,0)+IF('Standard Profiles'!$G$20=$B$17,14,0)+IF('Standard Profiles'!$G$20=$B$24,21,0),MOD($C7193,24)+1)/SUM(INDEX($D$3:$AA$30,INDEX(Jesper!$R$2:$R$366,ROW(INDEX(Jesper!AJ$2:AJ$366,ROUNDDOWN($C7193/24,0)+1,1))-1)+IF('Standard Profiles'!$G$20=$B$10,7,0)+IF('Standard Profiles'!$G$20=$B$17,14,0)+IF('Standard Profiles'!$G$20=$B$24,21,0),0)),0)</f>
        <v>0</v>
      </c>
      <c r="G7193" cm="1">
        <f t="array" ref="G7193">IFERROR(INDEX(Jesper!AK$2:AK$366,ROUNDDOWN($C7193/24,0)+1,1)*INDEX($D$3:$AA$30,INDEX(Jesper!$R$2:$R$366,ROW(INDEX(Jesper!AK$2:AK$366,ROUNDDOWN($C7193/24,0)+1,1))-1)+IF('Standard Profiles'!$G$21=$B$10,7,0)+IF('Standard Profiles'!$G$21=$B$17,14,0)+IF('Standard Profiles'!$G$21=$B$24,21,0),MOD($C7193,24)+1)/SUM(INDEX($D$3:$AA$30,INDEX(Jesper!$R$2:$R$366,ROW(INDEX(Jesper!AK$2:AK$366,ROUNDDOWN($C7193/24,0)+1,1))-1)+IF('Standard Profiles'!$G$21=$B$10,7,0)+IF('Standard Profiles'!$G$21=$B$17,14,0)+IF('Standard Profiles'!$G$21=$B$24,21,0),0)),0)</f>
        <v>2.5007632198076779</v>
      </c>
      <c r="H7193" cm="1">
        <f t="array" ref="H7193">IFERROR(INDEX(Jesper!AL$2:AL$366,ROUNDDOWN($C7193/24,0)+1,1)*INDEX($D$3:$AA$30,INDEX(Jesper!$R$2:$R$366,ROW(INDEX(Jesper!AL$2:AL$366,ROUNDDOWN($C7193/24,0)+1,1))-1)+IF('Standard Profiles'!$G$22=$B$10,7,0)+IF('Standard Profiles'!$G$22=$B$17,14,0)+IF('Standard Profiles'!$G$22=$B$24,21,0),MOD($C7193,24)+1)/SUM(INDEX($D$3:$AA$30,INDEX(Jesper!$R$2:$R$366,ROW(INDEX(Jesper!AL$2:AL$366,ROUNDDOWN($C7193/24,0)+1,1))-1)+IF('Standard Profiles'!$G$22=$B$10,7,0)+IF('Standard Profiles'!$G$22=$B$17,14,0)+IF('Standard Profiles'!$G$22=$B$24,21,0),0)),0)</f>
        <v>0</v>
      </c>
      <c r="I7193">
        <f t="shared" si="797"/>
        <v>1.2003663455076847</v>
      </c>
      <c r="J7193">
        <f t="shared" si="798"/>
        <v>33.520281394165679</v>
      </c>
      <c r="K7193">
        <f t="shared" si="799"/>
        <v>2.4469444509526261</v>
      </c>
      <c r="L7193">
        <f t="shared" si="800"/>
        <v>1.2234722254763131</v>
      </c>
      <c r="M7193">
        <f t="shared" si="801"/>
        <v>0</v>
      </c>
      <c r="N7193" s="45">
        <f t="shared" si="802"/>
        <v>45225.291666649304</v>
      </c>
    </row>
    <row r="7194" spans="2:14" x14ac:dyDescent="0.25">
      <c r="B7194">
        <f t="shared" si="796"/>
        <v>4</v>
      </c>
      <c r="C7194" s="16">
        <v>7160</v>
      </c>
      <c r="D7194" cm="1">
        <f t="array" ref="D7194">IFERROR(INDEX(Jesper!AH$2:AH$366,ROUNDDOWN($C7194/24,0)+1,1)*INDEX($D$3:$AA$30,INDEX(Jesper!$R$2:$R$366,ROW(INDEX(Jesper!AH$2:AH$366,ROUNDDOWN($C7194/24,0)+1,1))-1)+IF('Standard Profiles'!$G$18=$B$10,7,0)+IF('Standard Profiles'!$G$18=$B$17,14,0)+IF('Standard Profiles'!$G$18=$B$24,21,0),MOD($C7194,24)+1)/SUM(INDEX($D$3:$AA$30,INDEX(Jesper!$R$2:$R$366,ROW(INDEX(Jesper!AH$2:AH$366,ROUNDDOWN($C7194/24,0)+1,1))-1)+IF('Standard Profiles'!$G$18=$B$10,7,0)+IF('Standard Profiles'!$G$18=$B$17,14,0)+IF('Standard Profiles'!$G$18=$B$24,21,0),0)),0)</f>
        <v>25.596326822464967</v>
      </c>
      <c r="E7194" cm="1">
        <f t="array" ref="E7194">IFERROR(INDEX(Jesper!AI$2:AI$366,ROUNDDOWN($C7194/24,0)+1,1)*INDEX($D$3:$AA$30,INDEX(Jesper!$R$2:$R$366,ROW(INDEX(Jesper!AI$2:AI$366,ROUNDDOWN($C7194/24,0)+1,1))-1)+IF('Standard Profiles'!$G$19=$B$10,7,0)+IF('Standard Profiles'!$G$19=$B$17,14,0)+IF('Standard Profiles'!$G$19=$B$24,21,0),MOD($C7194,24)+1)/SUM(INDEX($D$3:$AA$30,INDEX(Jesper!$R$2:$R$366,ROW(INDEX(Jesper!AI$2:AI$366,ROUNDDOWN($C7194/24,0)+1,1))-1)+IF('Standard Profiles'!$G$19=$B$10,7,0)+IF('Standard Profiles'!$G$19=$B$17,14,0)+IF('Standard Profiles'!$G$19=$B$24,21,0),0)),0)</f>
        <v>14.449693459716404</v>
      </c>
      <c r="F7194" cm="1">
        <f t="array" ref="F7194">IFERROR(INDEX(Jesper!AJ$2:AJ$366,ROUNDDOWN($C7194/24,0)+1,1)*INDEX($D$3:$AA$30,INDEX(Jesper!$R$2:$R$366,ROW(INDEX(Jesper!AJ$2:AJ$366,ROUNDDOWN($C7194/24,0)+1,1))-1)+IF('Standard Profiles'!$G$20=$B$10,7,0)+IF('Standard Profiles'!$G$20=$B$17,14,0)+IF('Standard Profiles'!$G$20=$B$24,21,0),MOD($C7194,24)+1)/SUM(INDEX($D$3:$AA$30,INDEX(Jesper!$R$2:$R$366,ROW(INDEX(Jesper!AJ$2:AJ$366,ROUNDDOWN($C7194/24,0)+1,1))-1)+IF('Standard Profiles'!$G$20=$B$10,7,0)+IF('Standard Profiles'!$G$20=$B$17,14,0)+IF('Standard Profiles'!$G$20=$B$24,21,0),0)),0)</f>
        <v>0</v>
      </c>
      <c r="G7194" cm="1">
        <f t="array" ref="G7194">IFERROR(INDEX(Jesper!AK$2:AK$366,ROUNDDOWN($C7194/24,0)+1,1)*INDEX($D$3:$AA$30,INDEX(Jesper!$R$2:$R$366,ROW(INDEX(Jesper!AK$2:AK$366,ROUNDDOWN($C7194/24,0)+1,1))-1)+IF('Standard Profiles'!$G$21=$B$10,7,0)+IF('Standard Profiles'!$G$21=$B$17,14,0)+IF('Standard Profiles'!$G$21=$B$24,21,0),MOD($C7194,24)+1)/SUM(INDEX($D$3:$AA$30,INDEX(Jesper!$R$2:$R$366,ROW(INDEX(Jesper!AK$2:AK$366,ROUNDDOWN($C7194/24,0)+1,1))-1)+IF('Standard Profiles'!$G$21=$B$10,7,0)+IF('Standard Profiles'!$G$21=$B$17,14,0)+IF('Standard Profiles'!$G$21=$B$24,21,0),0)),0)</f>
        <v>2.7903252768380407</v>
      </c>
      <c r="H7194" cm="1">
        <f t="array" ref="H7194">IFERROR(INDEX(Jesper!AL$2:AL$366,ROUNDDOWN($C7194/24,0)+1,1)*INDEX($D$3:$AA$30,INDEX(Jesper!$R$2:$R$366,ROW(INDEX(Jesper!AL$2:AL$366,ROUNDDOWN($C7194/24,0)+1,1))-1)+IF('Standard Profiles'!$G$22=$B$10,7,0)+IF('Standard Profiles'!$G$22=$B$17,14,0)+IF('Standard Profiles'!$G$22=$B$24,21,0),MOD($C7194,24)+1)/SUM(INDEX($D$3:$AA$30,INDEX(Jesper!$R$2:$R$366,ROW(INDEX(Jesper!AL$2:AL$366,ROUNDDOWN($C7194/24,0)+1,1))-1)+IF('Standard Profiles'!$G$22=$B$10,7,0)+IF('Standard Profiles'!$G$22=$B$17,14,0)+IF('Standard Profiles'!$G$22=$B$24,21,0),0)),0)</f>
        <v>0</v>
      </c>
      <c r="I7194">
        <f t="shared" si="797"/>
        <v>1.3393561328822587</v>
      </c>
      <c r="J7194">
        <f t="shared" si="798"/>
        <v>37.401577134542755</v>
      </c>
      <c r="K7194">
        <f t="shared" si="799"/>
        <v>2.7302748610629299</v>
      </c>
      <c r="L7194">
        <f t="shared" si="800"/>
        <v>1.365137430531465</v>
      </c>
      <c r="M7194">
        <f t="shared" si="801"/>
        <v>0</v>
      </c>
      <c r="N7194" s="45">
        <f t="shared" si="802"/>
        <v>45225.333333315968</v>
      </c>
    </row>
    <row r="7195" spans="2:14" x14ac:dyDescent="0.25">
      <c r="B7195">
        <f t="shared" si="796"/>
        <v>4</v>
      </c>
      <c r="C7195" s="16">
        <v>7161</v>
      </c>
      <c r="D7195" cm="1">
        <f t="array" ref="D7195">IFERROR(INDEX(Jesper!AH$2:AH$366,ROUNDDOWN($C7195/24,0)+1,1)*INDEX($D$3:$AA$30,INDEX(Jesper!$R$2:$R$366,ROW(INDEX(Jesper!AH$2:AH$366,ROUNDDOWN($C7195/24,0)+1,1))-1)+IF('Standard Profiles'!$G$18=$B$10,7,0)+IF('Standard Profiles'!$G$18=$B$17,14,0)+IF('Standard Profiles'!$G$18=$B$24,21,0),MOD($C7195,24)+1)/SUM(INDEX($D$3:$AA$30,INDEX(Jesper!$R$2:$R$366,ROW(INDEX(Jesper!AH$2:AH$366,ROUNDDOWN($C7195/24,0)+1,1))-1)+IF('Standard Profiles'!$G$18=$B$10,7,0)+IF('Standard Profiles'!$G$18=$B$17,14,0)+IF('Standard Profiles'!$G$18=$B$24,21,0),0)),0)</f>
        <v>28.252549417249071</v>
      </c>
      <c r="E7195" cm="1">
        <f t="array" ref="E7195">IFERROR(INDEX(Jesper!AI$2:AI$366,ROUNDDOWN($C7195/24,0)+1,1)*INDEX($D$3:$AA$30,INDEX(Jesper!$R$2:$R$366,ROW(INDEX(Jesper!AI$2:AI$366,ROUNDDOWN($C7195/24,0)+1,1))-1)+IF('Standard Profiles'!$G$19=$B$10,7,0)+IF('Standard Profiles'!$G$19=$B$17,14,0)+IF('Standard Profiles'!$G$19=$B$24,21,0),MOD($C7195,24)+1)/SUM(INDEX($D$3:$AA$30,INDEX(Jesper!$R$2:$R$366,ROW(INDEX(Jesper!AI$2:AI$366,ROUNDDOWN($C7195/24,0)+1,1))-1)+IF('Standard Profiles'!$G$19=$B$10,7,0)+IF('Standard Profiles'!$G$19=$B$17,14,0)+IF('Standard Profiles'!$G$19=$B$24,21,0),0)),0)</f>
        <v>15.949189950819051</v>
      </c>
      <c r="F7195" cm="1">
        <f t="array" ref="F7195">IFERROR(INDEX(Jesper!AJ$2:AJ$366,ROUNDDOWN($C7195/24,0)+1,1)*INDEX($D$3:$AA$30,INDEX(Jesper!$R$2:$R$366,ROW(INDEX(Jesper!AJ$2:AJ$366,ROUNDDOWN($C7195/24,0)+1,1))-1)+IF('Standard Profiles'!$G$20=$B$10,7,0)+IF('Standard Profiles'!$G$20=$B$17,14,0)+IF('Standard Profiles'!$G$20=$B$24,21,0),MOD($C7195,24)+1)/SUM(INDEX($D$3:$AA$30,INDEX(Jesper!$R$2:$R$366,ROW(INDEX(Jesper!AJ$2:AJ$366,ROUNDDOWN($C7195/24,0)+1,1))-1)+IF('Standard Profiles'!$G$20=$B$10,7,0)+IF('Standard Profiles'!$G$20=$B$17,14,0)+IF('Standard Profiles'!$G$20=$B$24,21,0),0)),0)</f>
        <v>0</v>
      </c>
      <c r="G7195" cm="1">
        <f t="array" ref="G7195">IFERROR(INDEX(Jesper!AK$2:AK$366,ROUNDDOWN($C7195/24,0)+1,1)*INDEX($D$3:$AA$30,INDEX(Jesper!$R$2:$R$366,ROW(INDEX(Jesper!AK$2:AK$366,ROUNDDOWN($C7195/24,0)+1,1))-1)+IF('Standard Profiles'!$G$21=$B$10,7,0)+IF('Standard Profiles'!$G$21=$B$17,14,0)+IF('Standard Profiles'!$G$21=$B$24,21,0),MOD($C7195,24)+1)/SUM(INDEX($D$3:$AA$30,INDEX(Jesper!$R$2:$R$366,ROW(INDEX(Jesper!AK$2:AK$366,ROUNDDOWN($C7195/24,0)+1,1))-1)+IF('Standard Profiles'!$G$21=$B$10,7,0)+IF('Standard Profiles'!$G$21=$B$17,14,0)+IF('Standard Profiles'!$G$21=$B$24,21,0),0)),0)</f>
        <v>3.0798873338684039</v>
      </c>
      <c r="H7195" cm="1">
        <f t="array" ref="H7195">IFERROR(INDEX(Jesper!AL$2:AL$366,ROUNDDOWN($C7195/24,0)+1,1)*INDEX($D$3:$AA$30,INDEX(Jesper!$R$2:$R$366,ROW(INDEX(Jesper!AL$2:AL$366,ROUNDDOWN($C7195/24,0)+1,1))-1)+IF('Standard Profiles'!$G$22=$B$10,7,0)+IF('Standard Profiles'!$G$22=$B$17,14,0)+IF('Standard Profiles'!$G$22=$B$24,21,0),MOD($C7195,24)+1)/SUM(INDEX($D$3:$AA$30,INDEX(Jesper!$R$2:$R$366,ROW(INDEX(Jesper!AL$2:AL$366,ROUNDDOWN($C7195/24,0)+1,1))-1)+IF('Standard Profiles'!$G$22=$B$10,7,0)+IF('Standard Profiles'!$G$22=$B$17,14,0)+IF('Standard Profiles'!$G$22=$B$24,21,0),0)),0)</f>
        <v>0</v>
      </c>
      <c r="I7195">
        <f t="shared" si="797"/>
        <v>1.4783459202568332</v>
      </c>
      <c r="J7195">
        <f t="shared" si="798"/>
        <v>41.282872874919839</v>
      </c>
      <c r="K7195">
        <f t="shared" si="799"/>
        <v>3.0136052711732346</v>
      </c>
      <c r="L7195">
        <f t="shared" si="800"/>
        <v>1.5068026355866173</v>
      </c>
      <c r="M7195">
        <f t="shared" si="801"/>
        <v>0</v>
      </c>
      <c r="N7195" s="45">
        <f t="shared" si="802"/>
        <v>45225.374999982632</v>
      </c>
    </row>
    <row r="7196" spans="2:14" x14ac:dyDescent="0.25">
      <c r="B7196">
        <f t="shared" si="796"/>
        <v>4</v>
      </c>
      <c r="C7196" s="16">
        <v>7162</v>
      </c>
      <c r="D7196" cm="1">
        <f t="array" ref="D7196">IFERROR(INDEX(Jesper!AH$2:AH$366,ROUNDDOWN($C7196/24,0)+1,1)*INDEX($D$3:$AA$30,INDEX(Jesper!$R$2:$R$366,ROW(INDEX(Jesper!AH$2:AH$366,ROUNDDOWN($C7196/24,0)+1,1))-1)+IF('Standard Profiles'!$G$18=$B$10,7,0)+IF('Standard Profiles'!$G$18=$B$17,14,0)+IF('Standard Profiles'!$G$18=$B$24,21,0),MOD($C7196,24)+1)/SUM(INDEX($D$3:$AA$30,INDEX(Jesper!$R$2:$R$366,ROW(INDEX(Jesper!AH$2:AH$366,ROUNDDOWN($C7196/24,0)+1,1))-1)+IF('Standard Profiles'!$G$18=$B$10,7,0)+IF('Standard Profiles'!$G$18=$B$17,14,0)+IF('Standard Profiles'!$G$18=$B$24,21,0),0)),0)</f>
        <v>28.252549417249071</v>
      </c>
      <c r="E7196" cm="1">
        <f t="array" ref="E7196">IFERROR(INDEX(Jesper!AI$2:AI$366,ROUNDDOWN($C7196/24,0)+1,1)*INDEX($D$3:$AA$30,INDEX(Jesper!$R$2:$R$366,ROW(INDEX(Jesper!AI$2:AI$366,ROUNDDOWN($C7196/24,0)+1,1))-1)+IF('Standard Profiles'!$G$19=$B$10,7,0)+IF('Standard Profiles'!$G$19=$B$17,14,0)+IF('Standard Profiles'!$G$19=$B$24,21,0),MOD($C7196,24)+1)/SUM(INDEX($D$3:$AA$30,INDEX(Jesper!$R$2:$R$366,ROW(INDEX(Jesper!AI$2:AI$366,ROUNDDOWN($C7196/24,0)+1,1))-1)+IF('Standard Profiles'!$G$19=$B$10,7,0)+IF('Standard Profiles'!$G$19=$B$17,14,0)+IF('Standard Profiles'!$G$19=$B$24,21,0),0)),0)</f>
        <v>15.949189950819051</v>
      </c>
      <c r="F7196" cm="1">
        <f t="array" ref="F7196">IFERROR(INDEX(Jesper!AJ$2:AJ$366,ROUNDDOWN($C7196/24,0)+1,1)*INDEX($D$3:$AA$30,INDEX(Jesper!$R$2:$R$366,ROW(INDEX(Jesper!AJ$2:AJ$366,ROUNDDOWN($C7196/24,0)+1,1))-1)+IF('Standard Profiles'!$G$20=$B$10,7,0)+IF('Standard Profiles'!$G$20=$B$17,14,0)+IF('Standard Profiles'!$G$20=$B$24,21,0),MOD($C7196,24)+1)/SUM(INDEX($D$3:$AA$30,INDEX(Jesper!$R$2:$R$366,ROW(INDEX(Jesper!AJ$2:AJ$366,ROUNDDOWN($C7196/24,0)+1,1))-1)+IF('Standard Profiles'!$G$20=$B$10,7,0)+IF('Standard Profiles'!$G$20=$B$17,14,0)+IF('Standard Profiles'!$G$20=$B$24,21,0),0)),0)</f>
        <v>0</v>
      </c>
      <c r="G7196" cm="1">
        <f t="array" ref="G7196">IFERROR(INDEX(Jesper!AK$2:AK$366,ROUNDDOWN($C7196/24,0)+1,1)*INDEX($D$3:$AA$30,INDEX(Jesper!$R$2:$R$366,ROW(INDEX(Jesper!AK$2:AK$366,ROUNDDOWN($C7196/24,0)+1,1))-1)+IF('Standard Profiles'!$G$21=$B$10,7,0)+IF('Standard Profiles'!$G$21=$B$17,14,0)+IF('Standard Profiles'!$G$21=$B$24,21,0),MOD($C7196,24)+1)/SUM(INDEX($D$3:$AA$30,INDEX(Jesper!$R$2:$R$366,ROW(INDEX(Jesper!AK$2:AK$366,ROUNDDOWN($C7196/24,0)+1,1))-1)+IF('Standard Profiles'!$G$21=$B$10,7,0)+IF('Standard Profiles'!$G$21=$B$17,14,0)+IF('Standard Profiles'!$G$21=$B$24,21,0),0)),0)</f>
        <v>3.0798873338684039</v>
      </c>
      <c r="H7196" cm="1">
        <f t="array" ref="H7196">IFERROR(INDEX(Jesper!AL$2:AL$366,ROUNDDOWN($C7196/24,0)+1,1)*INDEX($D$3:$AA$30,INDEX(Jesper!$R$2:$R$366,ROW(INDEX(Jesper!AL$2:AL$366,ROUNDDOWN($C7196/24,0)+1,1))-1)+IF('Standard Profiles'!$G$22=$B$10,7,0)+IF('Standard Profiles'!$G$22=$B$17,14,0)+IF('Standard Profiles'!$G$22=$B$24,21,0),MOD($C7196,24)+1)/SUM(INDEX($D$3:$AA$30,INDEX(Jesper!$R$2:$R$366,ROW(INDEX(Jesper!AL$2:AL$366,ROUNDDOWN($C7196/24,0)+1,1))-1)+IF('Standard Profiles'!$G$22=$B$10,7,0)+IF('Standard Profiles'!$G$22=$B$17,14,0)+IF('Standard Profiles'!$G$22=$B$24,21,0),0)),0)</f>
        <v>0</v>
      </c>
      <c r="I7196">
        <f t="shared" si="797"/>
        <v>1.4783459202568332</v>
      </c>
      <c r="J7196">
        <f t="shared" si="798"/>
        <v>41.282872874919839</v>
      </c>
      <c r="K7196">
        <f t="shared" si="799"/>
        <v>3.0136052711732346</v>
      </c>
      <c r="L7196">
        <f t="shared" si="800"/>
        <v>1.5068026355866173</v>
      </c>
      <c r="M7196">
        <f t="shared" si="801"/>
        <v>0</v>
      </c>
      <c r="N7196" s="45">
        <f t="shared" si="802"/>
        <v>45225.416666649297</v>
      </c>
    </row>
    <row r="7197" spans="2:14" x14ac:dyDescent="0.25">
      <c r="B7197">
        <f t="shared" si="796"/>
        <v>4</v>
      </c>
      <c r="C7197" s="16">
        <v>7163</v>
      </c>
      <c r="D7197" cm="1">
        <f t="array" ref="D7197">IFERROR(INDEX(Jesper!AH$2:AH$366,ROUNDDOWN($C7197/24,0)+1,1)*INDEX($D$3:$AA$30,INDEX(Jesper!$R$2:$R$366,ROW(INDEX(Jesper!AH$2:AH$366,ROUNDDOWN($C7197/24,0)+1,1))-1)+IF('Standard Profiles'!$G$18=$B$10,7,0)+IF('Standard Profiles'!$G$18=$B$17,14,0)+IF('Standard Profiles'!$G$18=$B$24,21,0),MOD($C7197,24)+1)/SUM(INDEX($D$3:$AA$30,INDEX(Jesper!$R$2:$R$366,ROW(INDEX(Jesper!AH$2:AH$366,ROUNDDOWN($C7197/24,0)+1,1))-1)+IF('Standard Profiles'!$G$18=$B$10,7,0)+IF('Standard Profiles'!$G$18=$B$17,14,0)+IF('Standard Profiles'!$G$18=$B$24,21,0),0)),0)</f>
        <v>33.806469388161275</v>
      </c>
      <c r="E7197" cm="1">
        <f t="array" ref="E7197">IFERROR(INDEX(Jesper!AI$2:AI$366,ROUNDDOWN($C7197/24,0)+1,1)*INDEX($D$3:$AA$30,INDEX(Jesper!$R$2:$R$366,ROW(INDEX(Jesper!AI$2:AI$366,ROUNDDOWN($C7197/24,0)+1,1))-1)+IF('Standard Profiles'!$G$19=$B$10,7,0)+IF('Standard Profiles'!$G$19=$B$17,14,0)+IF('Standard Profiles'!$G$19=$B$24,21,0),MOD($C7197,24)+1)/SUM(INDEX($D$3:$AA$30,INDEX(Jesper!$R$2:$R$366,ROW(INDEX(Jesper!AI$2:AI$366,ROUNDDOWN($C7197/24,0)+1,1))-1)+IF('Standard Profiles'!$G$19=$B$10,7,0)+IF('Standard Profiles'!$G$19=$B$17,14,0)+IF('Standard Profiles'!$G$19=$B$24,21,0),0)),0)</f>
        <v>19.084500795851852</v>
      </c>
      <c r="F7197" cm="1">
        <f t="array" ref="F7197">IFERROR(INDEX(Jesper!AJ$2:AJ$366,ROUNDDOWN($C7197/24,0)+1,1)*INDEX($D$3:$AA$30,INDEX(Jesper!$R$2:$R$366,ROW(INDEX(Jesper!AJ$2:AJ$366,ROUNDDOWN($C7197/24,0)+1,1))-1)+IF('Standard Profiles'!$G$20=$B$10,7,0)+IF('Standard Profiles'!$G$20=$B$17,14,0)+IF('Standard Profiles'!$G$20=$B$24,21,0),MOD($C7197,24)+1)/SUM(INDEX($D$3:$AA$30,INDEX(Jesper!$R$2:$R$366,ROW(INDEX(Jesper!AJ$2:AJ$366,ROUNDDOWN($C7197/24,0)+1,1))-1)+IF('Standard Profiles'!$G$20=$B$10,7,0)+IF('Standard Profiles'!$G$20=$B$17,14,0)+IF('Standard Profiles'!$G$20=$B$24,21,0),0)),0)</f>
        <v>0</v>
      </c>
      <c r="G7197" cm="1">
        <f t="array" ref="G7197">IFERROR(INDEX(Jesper!AK$2:AK$366,ROUNDDOWN($C7197/24,0)+1,1)*INDEX($D$3:$AA$30,INDEX(Jesper!$R$2:$R$366,ROW(INDEX(Jesper!AK$2:AK$366,ROUNDDOWN($C7197/24,0)+1,1))-1)+IF('Standard Profiles'!$G$21=$B$10,7,0)+IF('Standard Profiles'!$G$21=$B$17,14,0)+IF('Standard Profiles'!$G$21=$B$24,21,0),MOD($C7197,24)+1)/SUM(INDEX($D$3:$AA$30,INDEX(Jesper!$R$2:$R$366,ROW(INDEX(Jesper!AK$2:AK$366,ROUNDDOWN($C7197/24,0)+1,1))-1)+IF('Standard Profiles'!$G$21=$B$10,7,0)+IF('Standard Profiles'!$G$21=$B$17,14,0)+IF('Standard Profiles'!$G$21=$B$24,21,0),0)),0)</f>
        <v>3.685335271295525</v>
      </c>
      <c r="H7197" cm="1">
        <f t="array" ref="H7197">IFERROR(INDEX(Jesper!AL$2:AL$366,ROUNDDOWN($C7197/24,0)+1,1)*INDEX($D$3:$AA$30,INDEX(Jesper!$R$2:$R$366,ROW(INDEX(Jesper!AL$2:AL$366,ROUNDDOWN($C7197/24,0)+1,1))-1)+IF('Standard Profiles'!$G$22=$B$10,7,0)+IF('Standard Profiles'!$G$22=$B$17,14,0)+IF('Standard Profiles'!$G$22=$B$24,21,0),MOD($C7197,24)+1)/SUM(INDEX($D$3:$AA$30,INDEX(Jesper!$R$2:$R$366,ROW(INDEX(Jesper!AL$2:AL$366,ROUNDDOWN($C7197/24,0)+1,1))-1)+IF('Standard Profiles'!$G$22=$B$10,7,0)+IF('Standard Profiles'!$G$22=$B$17,14,0)+IF('Standard Profiles'!$G$22=$B$24,21,0),0)),0)</f>
        <v>0</v>
      </c>
      <c r="I7197">
        <f t="shared" si="797"/>
        <v>1.7689609302218512</v>
      </c>
      <c r="J7197">
        <f t="shared" si="798"/>
        <v>49.398309422981001</v>
      </c>
      <c r="K7197">
        <f t="shared" si="799"/>
        <v>3.6060234014038697</v>
      </c>
      <c r="L7197">
        <f t="shared" si="800"/>
        <v>1.8030117007019348</v>
      </c>
      <c r="M7197">
        <f t="shared" si="801"/>
        <v>0</v>
      </c>
      <c r="N7197" s="45">
        <f t="shared" si="802"/>
        <v>45225.458333315961</v>
      </c>
    </row>
    <row r="7198" spans="2:14" x14ac:dyDescent="0.25">
      <c r="B7198">
        <f t="shared" si="796"/>
        <v>4</v>
      </c>
      <c r="C7198" s="16">
        <v>7164</v>
      </c>
      <c r="D7198" cm="1">
        <f t="array" ref="D7198">IFERROR(INDEX(Jesper!AH$2:AH$366,ROUNDDOWN($C7198/24,0)+1,1)*INDEX($D$3:$AA$30,INDEX(Jesper!$R$2:$R$366,ROW(INDEX(Jesper!AH$2:AH$366,ROUNDDOWN($C7198/24,0)+1,1))-1)+IF('Standard Profiles'!$G$18=$B$10,7,0)+IF('Standard Profiles'!$G$18=$B$17,14,0)+IF('Standard Profiles'!$G$18=$B$24,21,0),MOD($C7198,24)+1)/SUM(INDEX($D$3:$AA$30,INDEX(Jesper!$R$2:$R$366,ROW(INDEX(Jesper!AH$2:AH$366,ROUNDDOWN($C7198/24,0)+1,1))-1)+IF('Standard Profiles'!$G$18=$B$10,7,0)+IF('Standard Profiles'!$G$18=$B$17,14,0)+IF('Standard Profiles'!$G$18=$B$24,21,0),0)),0)</f>
        <v>33.806469388161275</v>
      </c>
      <c r="E7198" cm="1">
        <f t="array" ref="E7198">IFERROR(INDEX(Jesper!AI$2:AI$366,ROUNDDOWN($C7198/24,0)+1,1)*INDEX($D$3:$AA$30,INDEX(Jesper!$R$2:$R$366,ROW(INDEX(Jesper!AI$2:AI$366,ROUNDDOWN($C7198/24,0)+1,1))-1)+IF('Standard Profiles'!$G$19=$B$10,7,0)+IF('Standard Profiles'!$G$19=$B$17,14,0)+IF('Standard Profiles'!$G$19=$B$24,21,0),MOD($C7198,24)+1)/SUM(INDEX($D$3:$AA$30,INDEX(Jesper!$R$2:$R$366,ROW(INDEX(Jesper!AI$2:AI$366,ROUNDDOWN($C7198/24,0)+1,1))-1)+IF('Standard Profiles'!$G$19=$B$10,7,0)+IF('Standard Profiles'!$G$19=$B$17,14,0)+IF('Standard Profiles'!$G$19=$B$24,21,0),0)),0)</f>
        <v>19.084500795851852</v>
      </c>
      <c r="F7198" cm="1">
        <f t="array" ref="F7198">IFERROR(INDEX(Jesper!AJ$2:AJ$366,ROUNDDOWN($C7198/24,0)+1,1)*INDEX($D$3:$AA$30,INDEX(Jesper!$R$2:$R$366,ROW(INDEX(Jesper!AJ$2:AJ$366,ROUNDDOWN($C7198/24,0)+1,1))-1)+IF('Standard Profiles'!$G$20=$B$10,7,0)+IF('Standard Profiles'!$G$20=$B$17,14,0)+IF('Standard Profiles'!$G$20=$B$24,21,0),MOD($C7198,24)+1)/SUM(INDEX($D$3:$AA$30,INDEX(Jesper!$R$2:$R$366,ROW(INDEX(Jesper!AJ$2:AJ$366,ROUNDDOWN($C7198/24,0)+1,1))-1)+IF('Standard Profiles'!$G$20=$B$10,7,0)+IF('Standard Profiles'!$G$20=$B$17,14,0)+IF('Standard Profiles'!$G$20=$B$24,21,0),0)),0)</f>
        <v>0</v>
      </c>
      <c r="G7198" cm="1">
        <f t="array" ref="G7198">IFERROR(INDEX(Jesper!AK$2:AK$366,ROUNDDOWN($C7198/24,0)+1,1)*INDEX($D$3:$AA$30,INDEX(Jesper!$R$2:$R$366,ROW(INDEX(Jesper!AK$2:AK$366,ROUNDDOWN($C7198/24,0)+1,1))-1)+IF('Standard Profiles'!$G$21=$B$10,7,0)+IF('Standard Profiles'!$G$21=$B$17,14,0)+IF('Standard Profiles'!$G$21=$B$24,21,0),MOD($C7198,24)+1)/SUM(INDEX($D$3:$AA$30,INDEX(Jesper!$R$2:$R$366,ROW(INDEX(Jesper!AK$2:AK$366,ROUNDDOWN($C7198/24,0)+1,1))-1)+IF('Standard Profiles'!$G$21=$B$10,7,0)+IF('Standard Profiles'!$G$21=$B$17,14,0)+IF('Standard Profiles'!$G$21=$B$24,21,0),0)),0)</f>
        <v>3.685335271295525</v>
      </c>
      <c r="H7198" cm="1">
        <f t="array" ref="H7198">IFERROR(INDEX(Jesper!AL$2:AL$366,ROUNDDOWN($C7198/24,0)+1,1)*INDEX($D$3:$AA$30,INDEX(Jesper!$R$2:$R$366,ROW(INDEX(Jesper!AL$2:AL$366,ROUNDDOWN($C7198/24,0)+1,1))-1)+IF('Standard Profiles'!$G$22=$B$10,7,0)+IF('Standard Profiles'!$G$22=$B$17,14,0)+IF('Standard Profiles'!$G$22=$B$24,21,0),MOD($C7198,24)+1)/SUM(INDEX($D$3:$AA$30,INDEX(Jesper!$R$2:$R$366,ROW(INDEX(Jesper!AL$2:AL$366,ROUNDDOWN($C7198/24,0)+1,1))-1)+IF('Standard Profiles'!$G$22=$B$10,7,0)+IF('Standard Profiles'!$G$22=$B$17,14,0)+IF('Standard Profiles'!$G$22=$B$24,21,0),0)),0)</f>
        <v>0</v>
      </c>
      <c r="I7198">
        <f t="shared" si="797"/>
        <v>1.7689609302218512</v>
      </c>
      <c r="J7198">
        <f t="shared" si="798"/>
        <v>49.398309422981001</v>
      </c>
      <c r="K7198">
        <f t="shared" si="799"/>
        <v>3.6060234014038697</v>
      </c>
      <c r="L7198">
        <f t="shared" si="800"/>
        <v>1.8030117007019348</v>
      </c>
      <c r="M7198">
        <f t="shared" si="801"/>
        <v>0</v>
      </c>
      <c r="N7198" s="45">
        <f t="shared" si="802"/>
        <v>45225.499999982625</v>
      </c>
    </row>
    <row r="7199" spans="2:14" x14ac:dyDescent="0.25">
      <c r="B7199">
        <f t="shared" si="796"/>
        <v>4</v>
      </c>
      <c r="C7199" s="16">
        <v>7165</v>
      </c>
      <c r="D7199" cm="1">
        <f t="array" ref="D7199">IFERROR(INDEX(Jesper!AH$2:AH$366,ROUNDDOWN($C7199/24,0)+1,1)*INDEX($D$3:$AA$30,INDEX(Jesper!$R$2:$R$366,ROW(INDEX(Jesper!AH$2:AH$366,ROUNDDOWN($C7199/24,0)+1,1))-1)+IF('Standard Profiles'!$G$18=$B$10,7,0)+IF('Standard Profiles'!$G$18=$B$17,14,0)+IF('Standard Profiles'!$G$18=$B$24,21,0),MOD($C7199,24)+1)/SUM(INDEX($D$3:$AA$30,INDEX(Jesper!$R$2:$R$366,ROW(INDEX(Jesper!AH$2:AH$366,ROUNDDOWN($C7199/24,0)+1,1))-1)+IF('Standard Profiles'!$G$18=$B$10,7,0)+IF('Standard Profiles'!$G$18=$B$17,14,0)+IF('Standard Profiles'!$G$18=$B$24,21,0),0)),0)</f>
        <v>22.457154664992849</v>
      </c>
      <c r="E7199" cm="1">
        <f t="array" ref="E7199">IFERROR(INDEX(Jesper!AI$2:AI$366,ROUNDDOWN($C7199/24,0)+1,1)*INDEX($D$3:$AA$30,INDEX(Jesper!$R$2:$R$366,ROW(INDEX(Jesper!AI$2:AI$366,ROUNDDOWN($C7199/24,0)+1,1))-1)+IF('Standard Profiles'!$G$19=$B$10,7,0)+IF('Standard Profiles'!$G$19=$B$17,14,0)+IF('Standard Profiles'!$G$19=$B$24,21,0),MOD($C7199,24)+1)/SUM(INDEX($D$3:$AA$30,INDEX(Jesper!$R$2:$R$366,ROW(INDEX(Jesper!AI$2:AI$366,ROUNDDOWN($C7199/24,0)+1,1))-1)+IF('Standard Profiles'!$G$19=$B$10,7,0)+IF('Standard Profiles'!$G$19=$B$17,14,0)+IF('Standard Profiles'!$G$19=$B$24,21,0),0)),0)</f>
        <v>12.677561242958731</v>
      </c>
      <c r="F7199" cm="1">
        <f t="array" ref="F7199">IFERROR(INDEX(Jesper!AJ$2:AJ$366,ROUNDDOWN($C7199/24,0)+1,1)*INDEX($D$3:$AA$30,INDEX(Jesper!$R$2:$R$366,ROW(INDEX(Jesper!AJ$2:AJ$366,ROUNDDOWN($C7199/24,0)+1,1))-1)+IF('Standard Profiles'!$G$20=$B$10,7,0)+IF('Standard Profiles'!$G$20=$B$17,14,0)+IF('Standard Profiles'!$G$20=$B$24,21,0),MOD($C7199,24)+1)/SUM(INDEX($D$3:$AA$30,INDEX(Jesper!$R$2:$R$366,ROW(INDEX(Jesper!AJ$2:AJ$366,ROUNDDOWN($C7199/24,0)+1,1))-1)+IF('Standard Profiles'!$G$20=$B$10,7,0)+IF('Standard Profiles'!$G$20=$B$17,14,0)+IF('Standard Profiles'!$G$20=$B$24,21,0),0)),0)</f>
        <v>0</v>
      </c>
      <c r="G7199" cm="1">
        <f t="array" ref="G7199">IFERROR(INDEX(Jesper!AK$2:AK$366,ROUNDDOWN($C7199/24,0)+1,1)*INDEX($D$3:$AA$30,INDEX(Jesper!$R$2:$R$366,ROW(INDEX(Jesper!AK$2:AK$366,ROUNDDOWN($C7199/24,0)+1,1))-1)+IF('Standard Profiles'!$G$21=$B$10,7,0)+IF('Standard Profiles'!$G$21=$B$17,14,0)+IF('Standard Profiles'!$G$21=$B$24,21,0),MOD($C7199,24)+1)/SUM(INDEX($D$3:$AA$30,INDEX(Jesper!$R$2:$R$366,ROW(INDEX(Jesper!AK$2:AK$366,ROUNDDOWN($C7199/24,0)+1,1))-1)+IF('Standard Profiles'!$G$21=$B$10,7,0)+IF('Standard Profiles'!$G$21=$B$17,14,0)+IF('Standard Profiles'!$G$21=$B$24,21,0),0)),0)</f>
        <v>2.4481155730748849</v>
      </c>
      <c r="H7199" cm="1">
        <f t="array" ref="H7199">IFERROR(INDEX(Jesper!AL$2:AL$366,ROUNDDOWN($C7199/24,0)+1,1)*INDEX($D$3:$AA$30,INDEX(Jesper!$R$2:$R$366,ROW(INDEX(Jesper!AL$2:AL$366,ROUNDDOWN($C7199/24,0)+1,1))-1)+IF('Standard Profiles'!$G$22=$B$10,7,0)+IF('Standard Profiles'!$G$22=$B$17,14,0)+IF('Standard Profiles'!$G$22=$B$24,21,0),MOD($C7199,24)+1)/SUM(INDEX($D$3:$AA$30,INDEX(Jesper!$R$2:$R$366,ROW(INDEX(Jesper!AL$2:AL$366,ROUNDDOWN($C7199/24,0)+1,1))-1)+IF('Standard Profiles'!$G$22=$B$10,7,0)+IF('Standard Profiles'!$G$22=$B$17,14,0)+IF('Standard Profiles'!$G$22=$B$24,21,0),0)),0)</f>
        <v>0</v>
      </c>
      <c r="I7199">
        <f t="shared" si="797"/>
        <v>1.1750954750759441</v>
      </c>
      <c r="J7199">
        <f t="shared" si="798"/>
        <v>32.814591259551662</v>
      </c>
      <c r="K7199">
        <f t="shared" si="799"/>
        <v>2.3954298309325708</v>
      </c>
      <c r="L7199">
        <f t="shared" si="800"/>
        <v>1.1977149154662854</v>
      </c>
      <c r="M7199">
        <f t="shared" si="801"/>
        <v>0</v>
      </c>
      <c r="N7199" s="45">
        <f t="shared" si="802"/>
        <v>45225.541666649289</v>
      </c>
    </row>
    <row r="7200" spans="2:14" x14ac:dyDescent="0.25">
      <c r="B7200">
        <f t="shared" si="796"/>
        <v>4</v>
      </c>
      <c r="C7200" s="16">
        <v>7166</v>
      </c>
      <c r="D7200" cm="1">
        <f t="array" ref="D7200">IFERROR(INDEX(Jesper!AH$2:AH$366,ROUNDDOWN($C7200/24,0)+1,1)*INDEX($D$3:$AA$30,INDEX(Jesper!$R$2:$R$366,ROW(INDEX(Jesper!AH$2:AH$366,ROUNDDOWN($C7200/24,0)+1,1))-1)+IF('Standard Profiles'!$G$18=$B$10,7,0)+IF('Standard Profiles'!$G$18=$B$17,14,0)+IF('Standard Profiles'!$G$18=$B$24,21,0),MOD($C7200,24)+1)/SUM(INDEX($D$3:$AA$30,INDEX(Jesper!$R$2:$R$366,ROW(INDEX(Jesper!AH$2:AH$366,ROUNDDOWN($C7200/24,0)+1,1))-1)+IF('Standard Profiles'!$G$18=$B$10,7,0)+IF('Standard Profiles'!$G$18=$B$17,14,0)+IF('Standard Profiles'!$G$18=$B$24,21,0),0)),0)</f>
        <v>33.806469388161275</v>
      </c>
      <c r="E7200" cm="1">
        <f t="array" ref="E7200">IFERROR(INDEX(Jesper!AI$2:AI$366,ROUNDDOWN($C7200/24,0)+1,1)*INDEX($D$3:$AA$30,INDEX(Jesper!$R$2:$R$366,ROW(INDEX(Jesper!AI$2:AI$366,ROUNDDOWN($C7200/24,0)+1,1))-1)+IF('Standard Profiles'!$G$19=$B$10,7,0)+IF('Standard Profiles'!$G$19=$B$17,14,0)+IF('Standard Profiles'!$G$19=$B$24,21,0),MOD($C7200,24)+1)/SUM(INDEX($D$3:$AA$30,INDEX(Jesper!$R$2:$R$366,ROW(INDEX(Jesper!AI$2:AI$366,ROUNDDOWN($C7200/24,0)+1,1))-1)+IF('Standard Profiles'!$G$19=$B$10,7,0)+IF('Standard Profiles'!$G$19=$B$17,14,0)+IF('Standard Profiles'!$G$19=$B$24,21,0),0)),0)</f>
        <v>19.084500795851852</v>
      </c>
      <c r="F7200" cm="1">
        <f t="array" ref="F7200">IFERROR(INDEX(Jesper!AJ$2:AJ$366,ROUNDDOWN($C7200/24,0)+1,1)*INDEX($D$3:$AA$30,INDEX(Jesper!$R$2:$R$366,ROW(INDEX(Jesper!AJ$2:AJ$366,ROUNDDOWN($C7200/24,0)+1,1))-1)+IF('Standard Profiles'!$G$20=$B$10,7,0)+IF('Standard Profiles'!$G$20=$B$17,14,0)+IF('Standard Profiles'!$G$20=$B$24,21,0),MOD($C7200,24)+1)/SUM(INDEX($D$3:$AA$30,INDEX(Jesper!$R$2:$R$366,ROW(INDEX(Jesper!AJ$2:AJ$366,ROUNDDOWN($C7200/24,0)+1,1))-1)+IF('Standard Profiles'!$G$20=$B$10,7,0)+IF('Standard Profiles'!$G$20=$B$17,14,0)+IF('Standard Profiles'!$G$20=$B$24,21,0),0)),0)</f>
        <v>0</v>
      </c>
      <c r="G7200" cm="1">
        <f t="array" ref="G7200">IFERROR(INDEX(Jesper!AK$2:AK$366,ROUNDDOWN($C7200/24,0)+1,1)*INDEX($D$3:$AA$30,INDEX(Jesper!$R$2:$R$366,ROW(INDEX(Jesper!AK$2:AK$366,ROUNDDOWN($C7200/24,0)+1,1))-1)+IF('Standard Profiles'!$G$21=$B$10,7,0)+IF('Standard Profiles'!$G$21=$B$17,14,0)+IF('Standard Profiles'!$G$21=$B$24,21,0),MOD($C7200,24)+1)/SUM(INDEX($D$3:$AA$30,INDEX(Jesper!$R$2:$R$366,ROW(INDEX(Jesper!AK$2:AK$366,ROUNDDOWN($C7200/24,0)+1,1))-1)+IF('Standard Profiles'!$G$21=$B$10,7,0)+IF('Standard Profiles'!$G$21=$B$17,14,0)+IF('Standard Profiles'!$G$21=$B$24,21,0),0)),0)</f>
        <v>3.685335271295525</v>
      </c>
      <c r="H7200" cm="1">
        <f t="array" ref="H7200">IFERROR(INDEX(Jesper!AL$2:AL$366,ROUNDDOWN($C7200/24,0)+1,1)*INDEX($D$3:$AA$30,INDEX(Jesper!$R$2:$R$366,ROW(INDEX(Jesper!AL$2:AL$366,ROUNDDOWN($C7200/24,0)+1,1))-1)+IF('Standard Profiles'!$G$22=$B$10,7,0)+IF('Standard Profiles'!$G$22=$B$17,14,0)+IF('Standard Profiles'!$G$22=$B$24,21,0),MOD($C7200,24)+1)/SUM(INDEX($D$3:$AA$30,INDEX(Jesper!$R$2:$R$366,ROW(INDEX(Jesper!AL$2:AL$366,ROUNDDOWN($C7200/24,0)+1,1))-1)+IF('Standard Profiles'!$G$22=$B$10,7,0)+IF('Standard Profiles'!$G$22=$B$17,14,0)+IF('Standard Profiles'!$G$22=$B$24,21,0),0)),0)</f>
        <v>0</v>
      </c>
      <c r="I7200">
        <f t="shared" si="797"/>
        <v>1.7689609302218512</v>
      </c>
      <c r="J7200">
        <f t="shared" si="798"/>
        <v>49.398309422981001</v>
      </c>
      <c r="K7200">
        <f t="shared" si="799"/>
        <v>3.6060234014038697</v>
      </c>
      <c r="L7200">
        <f t="shared" si="800"/>
        <v>1.8030117007019348</v>
      </c>
      <c r="M7200">
        <f t="shared" si="801"/>
        <v>0</v>
      </c>
      <c r="N7200" s="45">
        <f t="shared" si="802"/>
        <v>45225.583333315953</v>
      </c>
    </row>
    <row r="7201" spans="2:14" x14ac:dyDescent="0.25">
      <c r="B7201">
        <f t="shared" si="796"/>
        <v>4</v>
      </c>
      <c r="C7201" s="16">
        <v>7167</v>
      </c>
      <c r="D7201" cm="1">
        <f t="array" ref="D7201">IFERROR(INDEX(Jesper!AH$2:AH$366,ROUNDDOWN($C7201/24,0)+1,1)*INDEX($D$3:$AA$30,INDEX(Jesper!$R$2:$R$366,ROW(INDEX(Jesper!AH$2:AH$366,ROUNDDOWN($C7201/24,0)+1,1))-1)+IF('Standard Profiles'!$G$18=$B$10,7,0)+IF('Standard Profiles'!$G$18=$B$17,14,0)+IF('Standard Profiles'!$G$18=$B$24,21,0),MOD($C7201,24)+1)/SUM(INDEX($D$3:$AA$30,INDEX(Jesper!$R$2:$R$366,ROW(INDEX(Jesper!AH$2:AH$366,ROUNDDOWN($C7201/24,0)+1,1))-1)+IF('Standard Profiles'!$G$18=$B$10,7,0)+IF('Standard Profiles'!$G$18=$B$17,14,0)+IF('Standard Profiles'!$G$18=$B$24,21,0),0)),0)</f>
        <v>33.806469388161275</v>
      </c>
      <c r="E7201" cm="1">
        <f t="array" ref="E7201">IFERROR(INDEX(Jesper!AI$2:AI$366,ROUNDDOWN($C7201/24,0)+1,1)*INDEX($D$3:$AA$30,INDEX(Jesper!$R$2:$R$366,ROW(INDEX(Jesper!AI$2:AI$366,ROUNDDOWN($C7201/24,0)+1,1))-1)+IF('Standard Profiles'!$G$19=$B$10,7,0)+IF('Standard Profiles'!$G$19=$B$17,14,0)+IF('Standard Profiles'!$G$19=$B$24,21,0),MOD($C7201,24)+1)/SUM(INDEX($D$3:$AA$30,INDEX(Jesper!$R$2:$R$366,ROW(INDEX(Jesper!AI$2:AI$366,ROUNDDOWN($C7201/24,0)+1,1))-1)+IF('Standard Profiles'!$G$19=$B$10,7,0)+IF('Standard Profiles'!$G$19=$B$17,14,0)+IF('Standard Profiles'!$G$19=$B$24,21,0),0)),0)</f>
        <v>19.084500795851852</v>
      </c>
      <c r="F7201" cm="1">
        <f t="array" ref="F7201">IFERROR(INDEX(Jesper!AJ$2:AJ$366,ROUNDDOWN($C7201/24,0)+1,1)*INDEX($D$3:$AA$30,INDEX(Jesper!$R$2:$R$366,ROW(INDEX(Jesper!AJ$2:AJ$366,ROUNDDOWN($C7201/24,0)+1,1))-1)+IF('Standard Profiles'!$G$20=$B$10,7,0)+IF('Standard Profiles'!$G$20=$B$17,14,0)+IF('Standard Profiles'!$G$20=$B$24,21,0),MOD($C7201,24)+1)/SUM(INDEX($D$3:$AA$30,INDEX(Jesper!$R$2:$R$366,ROW(INDEX(Jesper!AJ$2:AJ$366,ROUNDDOWN($C7201/24,0)+1,1))-1)+IF('Standard Profiles'!$G$20=$B$10,7,0)+IF('Standard Profiles'!$G$20=$B$17,14,0)+IF('Standard Profiles'!$G$20=$B$24,21,0),0)),0)</f>
        <v>0</v>
      </c>
      <c r="G7201" cm="1">
        <f t="array" ref="G7201">IFERROR(INDEX(Jesper!AK$2:AK$366,ROUNDDOWN($C7201/24,0)+1,1)*INDEX($D$3:$AA$30,INDEX(Jesper!$R$2:$R$366,ROW(INDEX(Jesper!AK$2:AK$366,ROUNDDOWN($C7201/24,0)+1,1))-1)+IF('Standard Profiles'!$G$21=$B$10,7,0)+IF('Standard Profiles'!$G$21=$B$17,14,0)+IF('Standard Profiles'!$G$21=$B$24,21,0),MOD($C7201,24)+1)/SUM(INDEX($D$3:$AA$30,INDEX(Jesper!$R$2:$R$366,ROW(INDEX(Jesper!AK$2:AK$366,ROUNDDOWN($C7201/24,0)+1,1))-1)+IF('Standard Profiles'!$G$21=$B$10,7,0)+IF('Standard Profiles'!$G$21=$B$17,14,0)+IF('Standard Profiles'!$G$21=$B$24,21,0),0)),0)</f>
        <v>3.685335271295525</v>
      </c>
      <c r="H7201" cm="1">
        <f t="array" ref="H7201">IFERROR(INDEX(Jesper!AL$2:AL$366,ROUNDDOWN($C7201/24,0)+1,1)*INDEX($D$3:$AA$30,INDEX(Jesper!$R$2:$R$366,ROW(INDEX(Jesper!AL$2:AL$366,ROUNDDOWN($C7201/24,0)+1,1))-1)+IF('Standard Profiles'!$G$22=$B$10,7,0)+IF('Standard Profiles'!$G$22=$B$17,14,0)+IF('Standard Profiles'!$G$22=$B$24,21,0),MOD($C7201,24)+1)/SUM(INDEX($D$3:$AA$30,INDEX(Jesper!$R$2:$R$366,ROW(INDEX(Jesper!AL$2:AL$366,ROUNDDOWN($C7201/24,0)+1,1))-1)+IF('Standard Profiles'!$G$22=$B$10,7,0)+IF('Standard Profiles'!$G$22=$B$17,14,0)+IF('Standard Profiles'!$G$22=$B$24,21,0),0)),0)</f>
        <v>0</v>
      </c>
      <c r="I7201">
        <f t="shared" si="797"/>
        <v>1.7689609302218512</v>
      </c>
      <c r="J7201">
        <f t="shared" si="798"/>
        <v>49.398309422981001</v>
      </c>
      <c r="K7201">
        <f t="shared" si="799"/>
        <v>3.6060234014038697</v>
      </c>
      <c r="L7201">
        <f t="shared" si="800"/>
        <v>1.8030117007019348</v>
      </c>
      <c r="M7201">
        <f t="shared" si="801"/>
        <v>0</v>
      </c>
      <c r="N7201" s="45">
        <f t="shared" si="802"/>
        <v>45225.624999982618</v>
      </c>
    </row>
    <row r="7202" spans="2:14" x14ac:dyDescent="0.25">
      <c r="B7202">
        <f t="shared" si="796"/>
        <v>4</v>
      </c>
      <c r="C7202" s="16">
        <v>7168</v>
      </c>
      <c r="D7202" cm="1">
        <f t="array" ref="D7202">IFERROR(INDEX(Jesper!AH$2:AH$366,ROUNDDOWN($C7202/24,0)+1,1)*INDEX($D$3:$AA$30,INDEX(Jesper!$R$2:$R$366,ROW(INDEX(Jesper!AH$2:AH$366,ROUNDDOWN($C7202/24,0)+1,1))-1)+IF('Standard Profiles'!$G$18=$B$10,7,0)+IF('Standard Profiles'!$G$18=$B$17,14,0)+IF('Standard Profiles'!$G$18=$B$24,21,0),MOD($C7202,24)+1)/SUM(INDEX($D$3:$AA$30,INDEX(Jesper!$R$2:$R$366,ROW(INDEX(Jesper!AH$2:AH$366,ROUNDDOWN($C7202/24,0)+1,1))-1)+IF('Standard Profiles'!$G$18=$B$10,7,0)+IF('Standard Profiles'!$G$18=$B$17,14,0)+IF('Standard Profiles'!$G$18=$B$24,21,0),0)),0)</f>
        <v>19.921669460880754</v>
      </c>
      <c r="E7202" cm="1">
        <f t="array" ref="E7202">IFERROR(INDEX(Jesper!AI$2:AI$366,ROUNDDOWN($C7202/24,0)+1,1)*INDEX($D$3:$AA$30,INDEX(Jesper!$R$2:$R$366,ROW(INDEX(Jesper!AI$2:AI$366,ROUNDDOWN($C7202/24,0)+1,1))-1)+IF('Standard Profiles'!$G$19=$B$10,7,0)+IF('Standard Profiles'!$G$19=$B$17,14,0)+IF('Standard Profiles'!$G$19=$B$24,21,0),MOD($C7202,24)+1)/SUM(INDEX($D$3:$AA$30,INDEX(Jesper!$R$2:$R$366,ROW(INDEX(Jesper!AI$2:AI$366,ROUNDDOWN($C7202/24,0)+1,1))-1)+IF('Standard Profiles'!$G$19=$B$10,7,0)+IF('Standard Profiles'!$G$19=$B$17,14,0)+IF('Standard Profiles'!$G$19=$B$24,21,0),0)),0)</f>
        <v>11.246223683269843</v>
      </c>
      <c r="F7202" cm="1">
        <f t="array" ref="F7202">IFERROR(INDEX(Jesper!AJ$2:AJ$366,ROUNDDOWN($C7202/24,0)+1,1)*INDEX($D$3:$AA$30,INDEX(Jesper!$R$2:$R$366,ROW(INDEX(Jesper!AJ$2:AJ$366,ROUNDDOWN($C7202/24,0)+1,1))-1)+IF('Standard Profiles'!$G$20=$B$10,7,0)+IF('Standard Profiles'!$G$20=$B$17,14,0)+IF('Standard Profiles'!$G$20=$B$24,21,0),MOD($C7202,24)+1)/SUM(INDEX($D$3:$AA$30,INDEX(Jesper!$R$2:$R$366,ROW(INDEX(Jesper!AJ$2:AJ$366,ROUNDDOWN($C7202/24,0)+1,1))-1)+IF('Standard Profiles'!$G$20=$B$10,7,0)+IF('Standard Profiles'!$G$20=$B$17,14,0)+IF('Standard Profiles'!$G$20=$B$24,21,0),0)),0)</f>
        <v>0</v>
      </c>
      <c r="G7202" cm="1">
        <f t="array" ref="G7202">IFERROR(INDEX(Jesper!AK$2:AK$366,ROUNDDOWN($C7202/24,0)+1,1)*INDEX($D$3:$AA$30,INDEX(Jesper!$R$2:$R$366,ROW(INDEX(Jesper!AK$2:AK$366,ROUNDDOWN($C7202/24,0)+1,1))-1)+IF('Standard Profiles'!$G$21=$B$10,7,0)+IF('Standard Profiles'!$G$21=$B$17,14,0)+IF('Standard Profiles'!$G$21=$B$24,21,0),MOD($C7202,24)+1)/SUM(INDEX($D$3:$AA$30,INDEX(Jesper!$R$2:$R$366,ROW(INDEX(Jesper!AK$2:AK$366,ROUNDDOWN($C7202/24,0)+1,1))-1)+IF('Standard Profiles'!$G$21=$B$10,7,0)+IF('Standard Profiles'!$G$21=$B$17,14,0)+IF('Standard Profiles'!$G$21=$B$24,21,0),0)),0)</f>
        <v>3.0794334748448455</v>
      </c>
      <c r="H7202" cm="1">
        <f t="array" ref="H7202">IFERROR(INDEX(Jesper!AL$2:AL$366,ROUNDDOWN($C7202/24,0)+1,1)*INDEX($D$3:$AA$30,INDEX(Jesper!$R$2:$R$366,ROW(INDEX(Jesper!AL$2:AL$366,ROUNDDOWN($C7202/24,0)+1,1))-1)+IF('Standard Profiles'!$G$22=$B$10,7,0)+IF('Standard Profiles'!$G$22=$B$17,14,0)+IF('Standard Profiles'!$G$22=$B$24,21,0),MOD($C7202,24)+1)/SUM(INDEX($D$3:$AA$30,INDEX(Jesper!$R$2:$R$366,ROW(INDEX(Jesper!AL$2:AL$366,ROUNDDOWN($C7202/24,0)+1,1))-1)+IF('Standard Profiles'!$G$22=$B$10,7,0)+IF('Standard Profiles'!$G$22=$B$17,14,0)+IF('Standard Profiles'!$G$22=$B$24,21,0),0)),0)</f>
        <v>0</v>
      </c>
      <c r="I7202">
        <f t="shared" si="797"/>
        <v>1.4781280679255251</v>
      </c>
      <c r="J7202">
        <f t="shared" si="798"/>
        <v>29.581731437328994</v>
      </c>
      <c r="K7202">
        <f t="shared" si="799"/>
        <v>2.1249780758272805</v>
      </c>
      <c r="L7202">
        <f t="shared" si="800"/>
        <v>1.0624890379136402</v>
      </c>
      <c r="M7202">
        <f t="shared" si="801"/>
        <v>0</v>
      </c>
      <c r="N7202" s="45">
        <f t="shared" si="802"/>
        <v>45225.666666649282</v>
      </c>
    </row>
    <row r="7203" spans="2:14" x14ac:dyDescent="0.25">
      <c r="B7203">
        <f t="shared" ref="B7203:B7266" si="803">WEEKDAY(N7203,2)</f>
        <v>4</v>
      </c>
      <c r="C7203" s="16">
        <v>7169</v>
      </c>
      <c r="D7203" cm="1">
        <f t="array" ref="D7203">IFERROR(INDEX(Jesper!AH$2:AH$366,ROUNDDOWN($C7203/24,0)+1,1)*INDEX($D$3:$AA$30,INDEX(Jesper!$R$2:$R$366,ROW(INDEX(Jesper!AH$2:AH$366,ROUNDDOWN($C7203/24,0)+1,1))-1)+IF('Standard Profiles'!$G$18=$B$10,7,0)+IF('Standard Profiles'!$G$18=$B$17,14,0)+IF('Standard Profiles'!$G$18=$B$24,21,0),MOD($C7203,24)+1)/SUM(INDEX($D$3:$AA$30,INDEX(Jesper!$R$2:$R$366,ROW(INDEX(Jesper!AH$2:AH$366,ROUNDDOWN($C7203/24,0)+1,1))-1)+IF('Standard Profiles'!$G$18=$B$10,7,0)+IF('Standard Profiles'!$G$18=$B$17,14,0)+IF('Standard Profiles'!$G$18=$B$24,21,0),0)),0)</f>
        <v>8.5026331459158158</v>
      </c>
      <c r="E7203" cm="1">
        <f t="array" ref="E7203">IFERROR(INDEX(Jesper!AI$2:AI$366,ROUNDDOWN($C7203/24,0)+1,1)*INDEX($D$3:$AA$30,INDEX(Jesper!$R$2:$R$366,ROW(INDEX(Jesper!AI$2:AI$366,ROUNDDOWN($C7203/24,0)+1,1))-1)+IF('Standard Profiles'!$G$19=$B$10,7,0)+IF('Standard Profiles'!$G$19=$B$17,14,0)+IF('Standard Profiles'!$G$19=$B$24,21,0),MOD($C7203,24)+1)/SUM(INDEX($D$3:$AA$30,INDEX(Jesper!$R$2:$R$366,ROW(INDEX(Jesper!AI$2:AI$366,ROUNDDOWN($C7203/24,0)+1,1))-1)+IF('Standard Profiles'!$G$19=$B$10,7,0)+IF('Standard Profiles'!$G$19=$B$17,14,0)+IF('Standard Profiles'!$G$19=$B$24,21,0),0)),0)</f>
        <v>4.7999247474476494</v>
      </c>
      <c r="F7203" cm="1">
        <f t="array" ref="F7203">IFERROR(INDEX(Jesper!AJ$2:AJ$366,ROUNDDOWN($C7203/24,0)+1,1)*INDEX($D$3:$AA$30,INDEX(Jesper!$R$2:$R$366,ROW(INDEX(Jesper!AJ$2:AJ$366,ROUNDDOWN($C7203/24,0)+1,1))-1)+IF('Standard Profiles'!$G$20=$B$10,7,0)+IF('Standard Profiles'!$G$20=$B$17,14,0)+IF('Standard Profiles'!$G$20=$B$24,21,0),MOD($C7203,24)+1)/SUM(INDEX($D$3:$AA$30,INDEX(Jesper!$R$2:$R$366,ROW(INDEX(Jesper!AJ$2:AJ$366,ROUNDDOWN($C7203/24,0)+1,1))-1)+IF('Standard Profiles'!$G$20=$B$10,7,0)+IF('Standard Profiles'!$G$20=$B$17,14,0)+IF('Standard Profiles'!$G$20=$B$24,21,0),0)),0)</f>
        <v>0</v>
      </c>
      <c r="G7203" cm="1">
        <f t="array" ref="G7203">IFERROR(INDEX(Jesper!AK$2:AK$366,ROUNDDOWN($C7203/24,0)+1,1)*INDEX($D$3:$AA$30,INDEX(Jesper!$R$2:$R$366,ROW(INDEX(Jesper!AK$2:AK$366,ROUNDDOWN($C7203/24,0)+1,1))-1)+IF('Standard Profiles'!$G$21=$B$10,7,0)+IF('Standard Profiles'!$G$21=$B$17,14,0)+IF('Standard Profiles'!$G$21=$B$24,21,0),MOD($C7203,24)+1)/SUM(INDEX($D$3:$AA$30,INDEX(Jesper!$R$2:$R$366,ROW(INDEX(Jesper!AK$2:AK$366,ROUNDDOWN($C7203/24,0)+1,1))-1)+IF('Standard Profiles'!$G$21=$B$10,7,0)+IF('Standard Profiles'!$G$21=$B$17,14,0)+IF('Standard Profiles'!$G$21=$B$24,21,0),0)),0)</f>
        <v>2.4485694320984432</v>
      </c>
      <c r="H7203" cm="1">
        <f t="array" ref="H7203">IFERROR(INDEX(Jesper!AL$2:AL$366,ROUNDDOWN($C7203/24,0)+1,1)*INDEX($D$3:$AA$30,INDEX(Jesper!$R$2:$R$366,ROW(INDEX(Jesper!AL$2:AL$366,ROUNDDOWN($C7203/24,0)+1,1))-1)+IF('Standard Profiles'!$G$22=$B$10,7,0)+IF('Standard Profiles'!$G$22=$B$17,14,0)+IF('Standard Profiles'!$G$22=$B$24,21,0),MOD($C7203,24)+1)/SUM(INDEX($D$3:$AA$30,INDEX(Jesper!$R$2:$R$366,ROW(INDEX(Jesper!AL$2:AL$366,ROUNDDOWN($C7203/24,0)+1,1))-1)+IF('Standard Profiles'!$G$22=$B$10,7,0)+IF('Standard Profiles'!$G$22=$B$17,14,0)+IF('Standard Profiles'!$G$22=$B$24,21,0),0)),0)</f>
        <v>0</v>
      </c>
      <c r="I7203">
        <f t="shared" ref="I7203:I7266" si="804">IF($B7203&lt;6,AC$37*$D7203+AC$38*$E7203+AC$39*$F7203+AC$40*$G7203,AC$46*$D7203+AC$47*$E7203+AC$48*$F7203+AC$49*$G7203+AC$50*$H7203)</f>
        <v>1.1753133274072523</v>
      </c>
      <c r="J7203">
        <f t="shared" ref="J7203:J7266" si="805">IF($B7203&lt;6,AD$37*$D7203+AD$38*$E7203+AD$39*$F7203+AD$40*$G7203,AD$46*$D7203+AD$47*$E7203+AD$48*$F7203+AD$49*$G7203+AD$50*$H7203)</f>
        <v>13.215392694708125</v>
      </c>
      <c r="K7203">
        <f t="shared" ref="K7203:K7266" si="806">IF($B7203&lt;6,AE$37*$D7203+AE$38*$E7203+AE$39*$F7203+AE$40*$G7203,AE$46*$D7203+AE$47*$E7203+AE$48*$F7203+AE$49*$G7203+AE$50*$H7203)</f>
        <v>0.9069475355643537</v>
      </c>
      <c r="L7203">
        <f t="shared" ref="L7203:L7266" si="807">IF($B7203&lt;6,AF$37*$D7203+AF$38*$E7203+AF$39*$F7203+AF$40*$G7203,AF$46*$D7203+AF$47*$E7203+AF$48*$F7203+AF$49*$G7203+AF$50*$H7203)</f>
        <v>0.45347376778217685</v>
      </c>
      <c r="M7203">
        <f t="shared" ref="M7203:M7266" si="808">IF($B7203&lt;6,AG$37*$D7203+AG$38*$E7203+AG$39*$F7203+AG$40*$G7203,AG$46*$D7203+AG$47*$E7203+AG$48*$F7203+AG$49*$G7203+AG$50*$H7203)</f>
        <v>0</v>
      </c>
      <c r="N7203" s="45">
        <f t="shared" si="802"/>
        <v>45225.708333315946</v>
      </c>
    </row>
    <row r="7204" spans="2:14" x14ac:dyDescent="0.25">
      <c r="B7204">
        <f t="shared" si="803"/>
        <v>4</v>
      </c>
      <c r="C7204" s="16">
        <v>7170</v>
      </c>
      <c r="D7204" cm="1">
        <f t="array" ref="D7204">IFERROR(INDEX(Jesper!AH$2:AH$366,ROUNDDOWN($C7204/24,0)+1,1)*INDEX($D$3:$AA$30,INDEX(Jesper!$R$2:$R$366,ROW(INDEX(Jesper!AH$2:AH$366,ROUNDDOWN($C7204/24,0)+1,1))-1)+IF('Standard Profiles'!$G$18=$B$10,7,0)+IF('Standard Profiles'!$G$18=$B$17,14,0)+IF('Standard Profiles'!$G$18=$B$24,21,0),MOD($C7204,24)+1)/SUM(INDEX($D$3:$AA$30,INDEX(Jesper!$R$2:$R$366,ROW(INDEX(Jesper!AH$2:AH$366,ROUNDDOWN($C7204/24,0)+1,1))-1)+IF('Standard Profiles'!$G$18=$B$10,7,0)+IF('Standard Profiles'!$G$18=$B$17,14,0)+IF('Standard Profiles'!$G$18=$B$24,21,0),0)),0)</f>
        <v>5.6117378763044377</v>
      </c>
      <c r="E7204" cm="1">
        <f t="array" ref="E7204">IFERROR(INDEX(Jesper!AI$2:AI$366,ROUNDDOWN($C7204/24,0)+1,1)*INDEX($D$3:$AA$30,INDEX(Jesper!$R$2:$R$366,ROW(INDEX(Jesper!AI$2:AI$366,ROUNDDOWN($C7204/24,0)+1,1))-1)+IF('Standard Profiles'!$G$19=$B$10,7,0)+IF('Standard Profiles'!$G$19=$B$17,14,0)+IF('Standard Profiles'!$G$19=$B$24,21,0),MOD($C7204,24)+1)/SUM(INDEX($D$3:$AA$30,INDEX(Jesper!$R$2:$R$366,ROW(INDEX(Jesper!AI$2:AI$366,ROUNDDOWN($C7204/24,0)+1,1))-1)+IF('Standard Profiles'!$G$19=$B$10,7,0)+IF('Standard Profiles'!$G$19=$B$17,14,0)+IF('Standard Profiles'!$G$19=$B$24,21,0),0)),0)</f>
        <v>3.1679503333154484</v>
      </c>
      <c r="F7204" cm="1">
        <f t="array" ref="F7204">IFERROR(INDEX(Jesper!AJ$2:AJ$366,ROUNDDOWN($C7204/24,0)+1,1)*INDEX($D$3:$AA$30,INDEX(Jesper!$R$2:$R$366,ROW(INDEX(Jesper!AJ$2:AJ$366,ROUNDDOWN($C7204/24,0)+1,1))-1)+IF('Standard Profiles'!$G$20=$B$10,7,0)+IF('Standard Profiles'!$G$20=$B$17,14,0)+IF('Standard Profiles'!$G$20=$B$24,21,0),MOD($C7204,24)+1)/SUM(INDEX($D$3:$AA$30,INDEX(Jesper!$R$2:$R$366,ROW(INDEX(Jesper!AJ$2:AJ$366,ROUNDDOWN($C7204/24,0)+1,1))-1)+IF('Standard Profiles'!$G$20=$B$10,7,0)+IF('Standard Profiles'!$G$20=$B$17,14,0)+IF('Standard Profiles'!$G$20=$B$24,21,0),0)),0)</f>
        <v>0</v>
      </c>
      <c r="G7204" cm="1">
        <f t="array" ref="G7204">IFERROR(INDEX(Jesper!AK$2:AK$366,ROUNDDOWN($C7204/24,0)+1,1)*INDEX($D$3:$AA$30,INDEX(Jesper!$R$2:$R$366,ROW(INDEX(Jesper!AK$2:AK$366,ROUNDDOWN($C7204/24,0)+1,1))-1)+IF('Standard Profiles'!$G$21=$B$10,7,0)+IF('Standard Profiles'!$G$21=$B$17,14,0)+IF('Standard Profiles'!$G$21=$B$24,21,0),MOD($C7204,24)+1)/SUM(INDEX($D$3:$AA$30,INDEX(Jesper!$R$2:$R$366,ROW(INDEX(Jesper!AK$2:AK$366,ROUNDDOWN($C7204/24,0)+1,1))-1)+IF('Standard Profiles'!$G$21=$B$10,7,0)+IF('Standard Profiles'!$G$21=$B$17,14,0)+IF('Standard Profiles'!$G$21=$B$24,21,0),0)),0)</f>
        <v>0.90771804711712456</v>
      </c>
      <c r="H7204" cm="1">
        <f t="array" ref="H7204">IFERROR(INDEX(Jesper!AL$2:AL$366,ROUNDDOWN($C7204/24,0)+1,1)*INDEX($D$3:$AA$30,INDEX(Jesper!$R$2:$R$366,ROW(INDEX(Jesper!AL$2:AL$366,ROUNDDOWN($C7204/24,0)+1,1))-1)+IF('Standard Profiles'!$G$22=$B$10,7,0)+IF('Standard Profiles'!$G$22=$B$17,14,0)+IF('Standard Profiles'!$G$22=$B$24,21,0),MOD($C7204,24)+1)/SUM(INDEX($D$3:$AA$30,INDEX(Jesper!$R$2:$R$366,ROW(INDEX(Jesper!AL$2:AL$366,ROUNDDOWN($C7204/24,0)+1,1))-1)+IF('Standard Profiles'!$G$22=$B$10,7,0)+IF('Standard Profiles'!$G$22=$B$17,14,0)+IF('Standard Profiles'!$G$22=$B$24,21,0),0)),0)</f>
        <v>0</v>
      </c>
      <c r="I7204">
        <f t="shared" si="804"/>
        <v>0.4357046626162196</v>
      </c>
      <c r="J7204">
        <f t="shared" si="805"/>
        <v>8.353823533912081</v>
      </c>
      <c r="K7204">
        <f t="shared" si="806"/>
        <v>0.59858537347247343</v>
      </c>
      <c r="L7204">
        <f t="shared" si="807"/>
        <v>0.29929268673623671</v>
      </c>
      <c r="M7204">
        <f t="shared" si="808"/>
        <v>0</v>
      </c>
      <c r="N7204" s="45">
        <f t="shared" ref="N7204:N7267" si="809">N7203+1/24</f>
        <v>45225.74999998261</v>
      </c>
    </row>
    <row r="7205" spans="2:14" x14ac:dyDescent="0.25">
      <c r="B7205">
        <f t="shared" si="803"/>
        <v>4</v>
      </c>
      <c r="C7205" s="16">
        <v>7171</v>
      </c>
      <c r="D7205" cm="1">
        <f t="array" ref="D7205">IFERROR(INDEX(Jesper!AH$2:AH$366,ROUNDDOWN($C7205/24,0)+1,1)*INDEX($D$3:$AA$30,INDEX(Jesper!$R$2:$R$366,ROW(INDEX(Jesper!AH$2:AH$366,ROUNDDOWN($C7205/24,0)+1,1))-1)+IF('Standard Profiles'!$G$18=$B$10,7,0)+IF('Standard Profiles'!$G$18=$B$17,14,0)+IF('Standard Profiles'!$G$18=$B$24,21,0),MOD($C7205,24)+1)/SUM(INDEX($D$3:$AA$30,INDEX(Jesper!$R$2:$R$366,ROW(INDEX(Jesper!AH$2:AH$366,ROUNDDOWN($C7205/24,0)+1,1))-1)+IF('Standard Profiles'!$G$18=$B$10,7,0)+IF('Standard Profiles'!$G$18=$B$17,14,0)+IF('Standard Profiles'!$G$18=$B$24,21,0),0)),0)</f>
        <v>5.6117378763044377</v>
      </c>
      <c r="E7205" cm="1">
        <f t="array" ref="E7205">IFERROR(INDEX(Jesper!AI$2:AI$366,ROUNDDOWN($C7205/24,0)+1,1)*INDEX($D$3:$AA$30,INDEX(Jesper!$R$2:$R$366,ROW(INDEX(Jesper!AI$2:AI$366,ROUNDDOWN($C7205/24,0)+1,1))-1)+IF('Standard Profiles'!$G$19=$B$10,7,0)+IF('Standard Profiles'!$G$19=$B$17,14,0)+IF('Standard Profiles'!$G$19=$B$24,21,0),MOD($C7205,24)+1)/SUM(INDEX($D$3:$AA$30,INDEX(Jesper!$R$2:$R$366,ROW(INDEX(Jesper!AI$2:AI$366,ROUNDDOWN($C7205/24,0)+1,1))-1)+IF('Standard Profiles'!$G$19=$B$10,7,0)+IF('Standard Profiles'!$G$19=$B$17,14,0)+IF('Standard Profiles'!$G$19=$B$24,21,0),0)),0)</f>
        <v>3.1679503333154484</v>
      </c>
      <c r="F7205" cm="1">
        <f t="array" ref="F7205">IFERROR(INDEX(Jesper!AJ$2:AJ$366,ROUNDDOWN($C7205/24,0)+1,1)*INDEX($D$3:$AA$30,INDEX(Jesper!$R$2:$R$366,ROW(INDEX(Jesper!AJ$2:AJ$366,ROUNDDOWN($C7205/24,0)+1,1))-1)+IF('Standard Profiles'!$G$20=$B$10,7,0)+IF('Standard Profiles'!$G$20=$B$17,14,0)+IF('Standard Profiles'!$G$20=$B$24,21,0),MOD($C7205,24)+1)/SUM(INDEX($D$3:$AA$30,INDEX(Jesper!$R$2:$R$366,ROW(INDEX(Jesper!AJ$2:AJ$366,ROUNDDOWN($C7205/24,0)+1,1))-1)+IF('Standard Profiles'!$G$20=$B$10,7,0)+IF('Standard Profiles'!$G$20=$B$17,14,0)+IF('Standard Profiles'!$G$20=$B$24,21,0),0)),0)</f>
        <v>0</v>
      </c>
      <c r="G7205" cm="1">
        <f t="array" ref="G7205">IFERROR(INDEX(Jesper!AK$2:AK$366,ROUNDDOWN($C7205/24,0)+1,1)*INDEX($D$3:$AA$30,INDEX(Jesper!$R$2:$R$366,ROW(INDEX(Jesper!AK$2:AK$366,ROUNDDOWN($C7205/24,0)+1,1))-1)+IF('Standard Profiles'!$G$21=$B$10,7,0)+IF('Standard Profiles'!$G$21=$B$17,14,0)+IF('Standard Profiles'!$G$21=$B$24,21,0),MOD($C7205,24)+1)/SUM(INDEX($D$3:$AA$30,INDEX(Jesper!$R$2:$R$366,ROW(INDEX(Jesper!AK$2:AK$366,ROUNDDOWN($C7205/24,0)+1,1))-1)+IF('Standard Profiles'!$G$21=$B$10,7,0)+IF('Standard Profiles'!$G$21=$B$17,14,0)+IF('Standard Profiles'!$G$21=$B$24,21,0),0)),0)</f>
        <v>0.90771804711712456</v>
      </c>
      <c r="H7205" cm="1">
        <f t="array" ref="H7205">IFERROR(INDEX(Jesper!AL$2:AL$366,ROUNDDOWN($C7205/24,0)+1,1)*INDEX($D$3:$AA$30,INDEX(Jesper!$R$2:$R$366,ROW(INDEX(Jesper!AL$2:AL$366,ROUNDDOWN($C7205/24,0)+1,1))-1)+IF('Standard Profiles'!$G$22=$B$10,7,0)+IF('Standard Profiles'!$G$22=$B$17,14,0)+IF('Standard Profiles'!$G$22=$B$24,21,0),MOD($C7205,24)+1)/SUM(INDEX($D$3:$AA$30,INDEX(Jesper!$R$2:$R$366,ROW(INDEX(Jesper!AL$2:AL$366,ROUNDDOWN($C7205/24,0)+1,1))-1)+IF('Standard Profiles'!$G$22=$B$10,7,0)+IF('Standard Profiles'!$G$22=$B$17,14,0)+IF('Standard Profiles'!$G$22=$B$24,21,0),0)),0)</f>
        <v>0</v>
      </c>
      <c r="I7205">
        <f t="shared" si="804"/>
        <v>0.4357046626162196</v>
      </c>
      <c r="J7205">
        <f t="shared" si="805"/>
        <v>8.353823533912081</v>
      </c>
      <c r="K7205">
        <f t="shared" si="806"/>
        <v>0.59858537347247343</v>
      </c>
      <c r="L7205">
        <f t="shared" si="807"/>
        <v>0.29929268673623671</v>
      </c>
      <c r="M7205">
        <f t="shared" si="808"/>
        <v>0</v>
      </c>
      <c r="N7205" s="45">
        <f t="shared" si="809"/>
        <v>45225.791666649275</v>
      </c>
    </row>
    <row r="7206" spans="2:14" x14ac:dyDescent="0.25">
      <c r="B7206">
        <f t="shared" si="803"/>
        <v>4</v>
      </c>
      <c r="C7206" s="16">
        <v>7172</v>
      </c>
      <c r="D7206" cm="1">
        <f t="array" ref="D7206">IFERROR(INDEX(Jesper!AH$2:AH$366,ROUNDDOWN($C7206/24,0)+1,1)*INDEX($D$3:$AA$30,INDEX(Jesper!$R$2:$R$366,ROW(INDEX(Jesper!AH$2:AH$366,ROUNDDOWN($C7206/24,0)+1,1))-1)+IF('Standard Profiles'!$G$18=$B$10,7,0)+IF('Standard Profiles'!$G$18=$B$17,14,0)+IF('Standard Profiles'!$G$18=$B$24,21,0),MOD($C7206,24)+1)/SUM(INDEX($D$3:$AA$30,INDEX(Jesper!$R$2:$R$366,ROW(INDEX(Jesper!AH$2:AH$366,ROUNDDOWN($C7206/24,0)+1,1))-1)+IF('Standard Profiles'!$G$18=$B$10,7,0)+IF('Standard Profiles'!$G$18=$B$17,14,0)+IF('Standard Profiles'!$G$18=$B$24,21,0),0)),0)</f>
        <v>5.6117378763044377</v>
      </c>
      <c r="E7206" cm="1">
        <f t="array" ref="E7206">IFERROR(INDEX(Jesper!AI$2:AI$366,ROUNDDOWN($C7206/24,0)+1,1)*INDEX($D$3:$AA$30,INDEX(Jesper!$R$2:$R$366,ROW(INDEX(Jesper!AI$2:AI$366,ROUNDDOWN($C7206/24,0)+1,1))-1)+IF('Standard Profiles'!$G$19=$B$10,7,0)+IF('Standard Profiles'!$G$19=$B$17,14,0)+IF('Standard Profiles'!$G$19=$B$24,21,0),MOD($C7206,24)+1)/SUM(INDEX($D$3:$AA$30,INDEX(Jesper!$R$2:$R$366,ROW(INDEX(Jesper!AI$2:AI$366,ROUNDDOWN($C7206/24,0)+1,1))-1)+IF('Standard Profiles'!$G$19=$B$10,7,0)+IF('Standard Profiles'!$G$19=$B$17,14,0)+IF('Standard Profiles'!$G$19=$B$24,21,0),0)),0)</f>
        <v>3.1679503333154484</v>
      </c>
      <c r="F7206" cm="1">
        <f t="array" ref="F7206">IFERROR(INDEX(Jesper!AJ$2:AJ$366,ROUNDDOWN($C7206/24,0)+1,1)*INDEX($D$3:$AA$30,INDEX(Jesper!$R$2:$R$366,ROW(INDEX(Jesper!AJ$2:AJ$366,ROUNDDOWN($C7206/24,0)+1,1))-1)+IF('Standard Profiles'!$G$20=$B$10,7,0)+IF('Standard Profiles'!$G$20=$B$17,14,0)+IF('Standard Profiles'!$G$20=$B$24,21,0),MOD($C7206,24)+1)/SUM(INDEX($D$3:$AA$30,INDEX(Jesper!$R$2:$R$366,ROW(INDEX(Jesper!AJ$2:AJ$366,ROUNDDOWN($C7206/24,0)+1,1))-1)+IF('Standard Profiles'!$G$20=$B$10,7,0)+IF('Standard Profiles'!$G$20=$B$17,14,0)+IF('Standard Profiles'!$G$20=$B$24,21,0),0)),0)</f>
        <v>0</v>
      </c>
      <c r="G7206" cm="1">
        <f t="array" ref="G7206">IFERROR(INDEX(Jesper!AK$2:AK$366,ROUNDDOWN($C7206/24,0)+1,1)*INDEX($D$3:$AA$30,INDEX(Jesper!$R$2:$R$366,ROW(INDEX(Jesper!AK$2:AK$366,ROUNDDOWN($C7206/24,0)+1,1))-1)+IF('Standard Profiles'!$G$21=$B$10,7,0)+IF('Standard Profiles'!$G$21=$B$17,14,0)+IF('Standard Profiles'!$G$21=$B$24,21,0),MOD($C7206,24)+1)/SUM(INDEX($D$3:$AA$30,INDEX(Jesper!$R$2:$R$366,ROW(INDEX(Jesper!AK$2:AK$366,ROUNDDOWN($C7206/24,0)+1,1))-1)+IF('Standard Profiles'!$G$21=$B$10,7,0)+IF('Standard Profiles'!$G$21=$B$17,14,0)+IF('Standard Profiles'!$G$21=$B$24,21,0),0)),0)</f>
        <v>0.90771804711712456</v>
      </c>
      <c r="H7206" cm="1">
        <f t="array" ref="H7206">IFERROR(INDEX(Jesper!AL$2:AL$366,ROUNDDOWN($C7206/24,0)+1,1)*INDEX($D$3:$AA$30,INDEX(Jesper!$R$2:$R$366,ROW(INDEX(Jesper!AL$2:AL$366,ROUNDDOWN($C7206/24,0)+1,1))-1)+IF('Standard Profiles'!$G$22=$B$10,7,0)+IF('Standard Profiles'!$G$22=$B$17,14,0)+IF('Standard Profiles'!$G$22=$B$24,21,0),MOD($C7206,24)+1)/SUM(INDEX($D$3:$AA$30,INDEX(Jesper!$R$2:$R$366,ROW(INDEX(Jesper!AL$2:AL$366,ROUNDDOWN($C7206/24,0)+1,1))-1)+IF('Standard Profiles'!$G$22=$B$10,7,0)+IF('Standard Profiles'!$G$22=$B$17,14,0)+IF('Standard Profiles'!$G$22=$B$24,21,0),0)),0)</f>
        <v>0</v>
      </c>
      <c r="I7206">
        <f t="shared" si="804"/>
        <v>0.4357046626162196</v>
      </c>
      <c r="J7206">
        <f t="shared" si="805"/>
        <v>8.353823533912081</v>
      </c>
      <c r="K7206">
        <f t="shared" si="806"/>
        <v>0.59858537347247343</v>
      </c>
      <c r="L7206">
        <f t="shared" si="807"/>
        <v>0.29929268673623671</v>
      </c>
      <c r="M7206">
        <f t="shared" si="808"/>
        <v>0</v>
      </c>
      <c r="N7206" s="45">
        <f t="shared" si="809"/>
        <v>45225.833333315939</v>
      </c>
    </row>
    <row r="7207" spans="2:14" x14ac:dyDescent="0.25">
      <c r="B7207">
        <f t="shared" si="803"/>
        <v>4</v>
      </c>
      <c r="C7207" s="16">
        <v>7173</v>
      </c>
      <c r="D7207" cm="1">
        <f t="array" ref="D7207">IFERROR(INDEX(Jesper!AH$2:AH$366,ROUNDDOWN($C7207/24,0)+1,1)*INDEX($D$3:$AA$30,INDEX(Jesper!$R$2:$R$366,ROW(INDEX(Jesper!AH$2:AH$366,ROUNDDOWN($C7207/24,0)+1,1))-1)+IF('Standard Profiles'!$G$18=$B$10,7,0)+IF('Standard Profiles'!$G$18=$B$17,14,0)+IF('Standard Profiles'!$G$18=$B$24,21,0),MOD($C7207,24)+1)/SUM(INDEX($D$3:$AA$30,INDEX(Jesper!$R$2:$R$366,ROW(INDEX(Jesper!AH$2:AH$366,ROUNDDOWN($C7207/24,0)+1,1))-1)+IF('Standard Profiles'!$G$18=$B$10,7,0)+IF('Standard Profiles'!$G$18=$B$17,14,0)+IF('Standard Profiles'!$G$18=$B$24,21,0),0)),0)</f>
        <v>5.6117378763044377</v>
      </c>
      <c r="E7207" cm="1">
        <f t="array" ref="E7207">IFERROR(INDEX(Jesper!AI$2:AI$366,ROUNDDOWN($C7207/24,0)+1,1)*INDEX($D$3:$AA$30,INDEX(Jesper!$R$2:$R$366,ROW(INDEX(Jesper!AI$2:AI$366,ROUNDDOWN($C7207/24,0)+1,1))-1)+IF('Standard Profiles'!$G$19=$B$10,7,0)+IF('Standard Profiles'!$G$19=$B$17,14,0)+IF('Standard Profiles'!$G$19=$B$24,21,0),MOD($C7207,24)+1)/SUM(INDEX($D$3:$AA$30,INDEX(Jesper!$R$2:$R$366,ROW(INDEX(Jesper!AI$2:AI$366,ROUNDDOWN($C7207/24,0)+1,1))-1)+IF('Standard Profiles'!$G$19=$B$10,7,0)+IF('Standard Profiles'!$G$19=$B$17,14,0)+IF('Standard Profiles'!$G$19=$B$24,21,0),0)),0)</f>
        <v>3.1679503333154484</v>
      </c>
      <c r="F7207" cm="1">
        <f t="array" ref="F7207">IFERROR(INDEX(Jesper!AJ$2:AJ$366,ROUNDDOWN($C7207/24,0)+1,1)*INDEX($D$3:$AA$30,INDEX(Jesper!$R$2:$R$366,ROW(INDEX(Jesper!AJ$2:AJ$366,ROUNDDOWN($C7207/24,0)+1,1))-1)+IF('Standard Profiles'!$G$20=$B$10,7,0)+IF('Standard Profiles'!$G$20=$B$17,14,0)+IF('Standard Profiles'!$G$20=$B$24,21,0),MOD($C7207,24)+1)/SUM(INDEX($D$3:$AA$30,INDEX(Jesper!$R$2:$R$366,ROW(INDEX(Jesper!AJ$2:AJ$366,ROUNDDOWN($C7207/24,0)+1,1))-1)+IF('Standard Profiles'!$G$20=$B$10,7,0)+IF('Standard Profiles'!$G$20=$B$17,14,0)+IF('Standard Profiles'!$G$20=$B$24,21,0),0)),0)</f>
        <v>0</v>
      </c>
      <c r="G7207" cm="1">
        <f t="array" ref="G7207">IFERROR(INDEX(Jesper!AK$2:AK$366,ROUNDDOWN($C7207/24,0)+1,1)*INDEX($D$3:$AA$30,INDEX(Jesper!$R$2:$R$366,ROW(INDEX(Jesper!AK$2:AK$366,ROUNDDOWN($C7207/24,0)+1,1))-1)+IF('Standard Profiles'!$G$21=$B$10,7,0)+IF('Standard Profiles'!$G$21=$B$17,14,0)+IF('Standard Profiles'!$G$21=$B$24,21,0),MOD($C7207,24)+1)/SUM(INDEX($D$3:$AA$30,INDEX(Jesper!$R$2:$R$366,ROW(INDEX(Jesper!AK$2:AK$366,ROUNDDOWN($C7207/24,0)+1,1))-1)+IF('Standard Profiles'!$G$21=$B$10,7,0)+IF('Standard Profiles'!$G$21=$B$17,14,0)+IF('Standard Profiles'!$G$21=$B$24,21,0),0)),0)</f>
        <v>0.90771804711712456</v>
      </c>
      <c r="H7207" cm="1">
        <f t="array" ref="H7207">IFERROR(INDEX(Jesper!AL$2:AL$366,ROUNDDOWN($C7207/24,0)+1,1)*INDEX($D$3:$AA$30,INDEX(Jesper!$R$2:$R$366,ROW(INDEX(Jesper!AL$2:AL$366,ROUNDDOWN($C7207/24,0)+1,1))-1)+IF('Standard Profiles'!$G$22=$B$10,7,0)+IF('Standard Profiles'!$G$22=$B$17,14,0)+IF('Standard Profiles'!$G$22=$B$24,21,0),MOD($C7207,24)+1)/SUM(INDEX($D$3:$AA$30,INDEX(Jesper!$R$2:$R$366,ROW(INDEX(Jesper!AL$2:AL$366,ROUNDDOWN($C7207/24,0)+1,1))-1)+IF('Standard Profiles'!$G$22=$B$10,7,0)+IF('Standard Profiles'!$G$22=$B$17,14,0)+IF('Standard Profiles'!$G$22=$B$24,21,0),0)),0)</f>
        <v>0</v>
      </c>
      <c r="I7207">
        <f t="shared" si="804"/>
        <v>0.4357046626162196</v>
      </c>
      <c r="J7207">
        <f t="shared" si="805"/>
        <v>8.353823533912081</v>
      </c>
      <c r="K7207">
        <f t="shared" si="806"/>
        <v>0.59858537347247343</v>
      </c>
      <c r="L7207">
        <f t="shared" si="807"/>
        <v>0.29929268673623671</v>
      </c>
      <c r="M7207">
        <f t="shared" si="808"/>
        <v>0</v>
      </c>
      <c r="N7207" s="45">
        <f t="shared" si="809"/>
        <v>45225.874999982603</v>
      </c>
    </row>
    <row r="7208" spans="2:14" x14ac:dyDescent="0.25">
      <c r="B7208">
        <f t="shared" si="803"/>
        <v>4</v>
      </c>
      <c r="C7208" s="16">
        <v>7174</v>
      </c>
      <c r="D7208" cm="1">
        <f t="array" ref="D7208">IFERROR(INDEX(Jesper!AH$2:AH$366,ROUNDDOWN($C7208/24,0)+1,1)*INDEX($D$3:$AA$30,INDEX(Jesper!$R$2:$R$366,ROW(INDEX(Jesper!AH$2:AH$366,ROUNDDOWN($C7208/24,0)+1,1))-1)+IF('Standard Profiles'!$G$18=$B$10,7,0)+IF('Standard Profiles'!$G$18=$B$17,14,0)+IF('Standard Profiles'!$G$18=$B$24,21,0),MOD($C7208,24)+1)/SUM(INDEX($D$3:$AA$30,INDEX(Jesper!$R$2:$R$366,ROW(INDEX(Jesper!AH$2:AH$366,ROUNDDOWN($C7208/24,0)+1,1))-1)+IF('Standard Profiles'!$G$18=$B$10,7,0)+IF('Standard Profiles'!$G$18=$B$17,14,0)+IF('Standard Profiles'!$G$18=$B$24,21,0),0)),0)</f>
        <v>5.6117378763044377</v>
      </c>
      <c r="E7208" cm="1">
        <f t="array" ref="E7208">IFERROR(INDEX(Jesper!AI$2:AI$366,ROUNDDOWN($C7208/24,0)+1,1)*INDEX($D$3:$AA$30,INDEX(Jesper!$R$2:$R$366,ROW(INDEX(Jesper!AI$2:AI$366,ROUNDDOWN($C7208/24,0)+1,1))-1)+IF('Standard Profiles'!$G$19=$B$10,7,0)+IF('Standard Profiles'!$G$19=$B$17,14,0)+IF('Standard Profiles'!$G$19=$B$24,21,0),MOD($C7208,24)+1)/SUM(INDEX($D$3:$AA$30,INDEX(Jesper!$R$2:$R$366,ROW(INDEX(Jesper!AI$2:AI$366,ROUNDDOWN($C7208/24,0)+1,1))-1)+IF('Standard Profiles'!$G$19=$B$10,7,0)+IF('Standard Profiles'!$G$19=$B$17,14,0)+IF('Standard Profiles'!$G$19=$B$24,21,0),0)),0)</f>
        <v>3.1679503333154484</v>
      </c>
      <c r="F7208" cm="1">
        <f t="array" ref="F7208">IFERROR(INDEX(Jesper!AJ$2:AJ$366,ROUNDDOWN($C7208/24,0)+1,1)*INDEX($D$3:$AA$30,INDEX(Jesper!$R$2:$R$366,ROW(INDEX(Jesper!AJ$2:AJ$366,ROUNDDOWN($C7208/24,0)+1,1))-1)+IF('Standard Profiles'!$G$20=$B$10,7,0)+IF('Standard Profiles'!$G$20=$B$17,14,0)+IF('Standard Profiles'!$G$20=$B$24,21,0),MOD($C7208,24)+1)/SUM(INDEX($D$3:$AA$30,INDEX(Jesper!$R$2:$R$366,ROW(INDEX(Jesper!AJ$2:AJ$366,ROUNDDOWN($C7208/24,0)+1,1))-1)+IF('Standard Profiles'!$G$20=$B$10,7,0)+IF('Standard Profiles'!$G$20=$B$17,14,0)+IF('Standard Profiles'!$G$20=$B$24,21,0),0)),0)</f>
        <v>0</v>
      </c>
      <c r="G7208" cm="1">
        <f t="array" ref="G7208">IFERROR(INDEX(Jesper!AK$2:AK$366,ROUNDDOWN($C7208/24,0)+1,1)*INDEX($D$3:$AA$30,INDEX(Jesper!$R$2:$R$366,ROW(INDEX(Jesper!AK$2:AK$366,ROUNDDOWN($C7208/24,0)+1,1))-1)+IF('Standard Profiles'!$G$21=$B$10,7,0)+IF('Standard Profiles'!$G$21=$B$17,14,0)+IF('Standard Profiles'!$G$21=$B$24,21,0),MOD($C7208,24)+1)/SUM(INDEX($D$3:$AA$30,INDEX(Jesper!$R$2:$R$366,ROW(INDEX(Jesper!AK$2:AK$366,ROUNDDOWN($C7208/24,0)+1,1))-1)+IF('Standard Profiles'!$G$21=$B$10,7,0)+IF('Standard Profiles'!$G$21=$B$17,14,0)+IF('Standard Profiles'!$G$21=$B$24,21,0),0)),0)</f>
        <v>0.90771804711712456</v>
      </c>
      <c r="H7208" cm="1">
        <f t="array" ref="H7208">IFERROR(INDEX(Jesper!AL$2:AL$366,ROUNDDOWN($C7208/24,0)+1,1)*INDEX($D$3:$AA$30,INDEX(Jesper!$R$2:$R$366,ROW(INDEX(Jesper!AL$2:AL$366,ROUNDDOWN($C7208/24,0)+1,1))-1)+IF('Standard Profiles'!$G$22=$B$10,7,0)+IF('Standard Profiles'!$G$22=$B$17,14,0)+IF('Standard Profiles'!$G$22=$B$24,21,0),MOD($C7208,24)+1)/SUM(INDEX($D$3:$AA$30,INDEX(Jesper!$R$2:$R$366,ROW(INDEX(Jesper!AL$2:AL$366,ROUNDDOWN($C7208/24,0)+1,1))-1)+IF('Standard Profiles'!$G$22=$B$10,7,0)+IF('Standard Profiles'!$G$22=$B$17,14,0)+IF('Standard Profiles'!$G$22=$B$24,21,0),0)),0)</f>
        <v>0</v>
      </c>
      <c r="I7208">
        <f t="shared" si="804"/>
        <v>0.4357046626162196</v>
      </c>
      <c r="J7208">
        <f t="shared" si="805"/>
        <v>8.353823533912081</v>
      </c>
      <c r="K7208">
        <f t="shared" si="806"/>
        <v>0.59858537347247343</v>
      </c>
      <c r="L7208">
        <f t="shared" si="807"/>
        <v>0.29929268673623671</v>
      </c>
      <c r="M7208">
        <f t="shared" si="808"/>
        <v>0</v>
      </c>
      <c r="N7208" s="45">
        <f t="shared" si="809"/>
        <v>45225.916666649267</v>
      </c>
    </row>
    <row r="7209" spans="2:14" x14ac:dyDescent="0.25">
      <c r="B7209">
        <f t="shared" si="803"/>
        <v>4</v>
      </c>
      <c r="C7209" s="16">
        <v>7175</v>
      </c>
      <c r="D7209" cm="1">
        <f t="array" ref="D7209">IFERROR(INDEX(Jesper!AH$2:AH$366,ROUNDDOWN($C7209/24,0)+1,1)*INDEX($D$3:$AA$30,INDEX(Jesper!$R$2:$R$366,ROW(INDEX(Jesper!AH$2:AH$366,ROUNDDOWN($C7209/24,0)+1,1))-1)+IF('Standard Profiles'!$G$18=$B$10,7,0)+IF('Standard Profiles'!$G$18=$B$17,14,0)+IF('Standard Profiles'!$G$18=$B$24,21,0),MOD($C7209,24)+1)/SUM(INDEX($D$3:$AA$30,INDEX(Jesper!$R$2:$R$366,ROW(INDEX(Jesper!AH$2:AH$366,ROUNDDOWN($C7209/24,0)+1,1))-1)+IF('Standard Profiles'!$G$18=$B$10,7,0)+IF('Standard Profiles'!$G$18=$B$17,14,0)+IF('Standard Profiles'!$G$18=$B$24,21,0),0)),0)</f>
        <v>5.6117378763044377</v>
      </c>
      <c r="E7209" cm="1">
        <f t="array" ref="E7209">IFERROR(INDEX(Jesper!AI$2:AI$366,ROUNDDOWN($C7209/24,0)+1,1)*INDEX($D$3:$AA$30,INDEX(Jesper!$R$2:$R$366,ROW(INDEX(Jesper!AI$2:AI$366,ROUNDDOWN($C7209/24,0)+1,1))-1)+IF('Standard Profiles'!$G$19=$B$10,7,0)+IF('Standard Profiles'!$G$19=$B$17,14,0)+IF('Standard Profiles'!$G$19=$B$24,21,0),MOD($C7209,24)+1)/SUM(INDEX($D$3:$AA$30,INDEX(Jesper!$R$2:$R$366,ROW(INDEX(Jesper!AI$2:AI$366,ROUNDDOWN($C7209/24,0)+1,1))-1)+IF('Standard Profiles'!$G$19=$B$10,7,0)+IF('Standard Profiles'!$G$19=$B$17,14,0)+IF('Standard Profiles'!$G$19=$B$24,21,0),0)),0)</f>
        <v>3.1679503333154484</v>
      </c>
      <c r="F7209" cm="1">
        <f t="array" ref="F7209">IFERROR(INDEX(Jesper!AJ$2:AJ$366,ROUNDDOWN($C7209/24,0)+1,1)*INDEX($D$3:$AA$30,INDEX(Jesper!$R$2:$R$366,ROW(INDEX(Jesper!AJ$2:AJ$366,ROUNDDOWN($C7209/24,0)+1,1))-1)+IF('Standard Profiles'!$G$20=$B$10,7,0)+IF('Standard Profiles'!$G$20=$B$17,14,0)+IF('Standard Profiles'!$G$20=$B$24,21,0),MOD($C7209,24)+1)/SUM(INDEX($D$3:$AA$30,INDEX(Jesper!$R$2:$R$366,ROW(INDEX(Jesper!AJ$2:AJ$366,ROUNDDOWN($C7209/24,0)+1,1))-1)+IF('Standard Profiles'!$G$20=$B$10,7,0)+IF('Standard Profiles'!$G$20=$B$17,14,0)+IF('Standard Profiles'!$G$20=$B$24,21,0),0)),0)</f>
        <v>0</v>
      </c>
      <c r="G7209" cm="1">
        <f t="array" ref="G7209">IFERROR(INDEX(Jesper!AK$2:AK$366,ROUNDDOWN($C7209/24,0)+1,1)*INDEX($D$3:$AA$30,INDEX(Jesper!$R$2:$R$366,ROW(INDEX(Jesper!AK$2:AK$366,ROUNDDOWN($C7209/24,0)+1,1))-1)+IF('Standard Profiles'!$G$21=$B$10,7,0)+IF('Standard Profiles'!$G$21=$B$17,14,0)+IF('Standard Profiles'!$G$21=$B$24,21,0),MOD($C7209,24)+1)/SUM(INDEX($D$3:$AA$30,INDEX(Jesper!$R$2:$R$366,ROW(INDEX(Jesper!AK$2:AK$366,ROUNDDOWN($C7209/24,0)+1,1))-1)+IF('Standard Profiles'!$G$21=$B$10,7,0)+IF('Standard Profiles'!$G$21=$B$17,14,0)+IF('Standard Profiles'!$G$21=$B$24,21,0),0)),0)</f>
        <v>0.90771804711712456</v>
      </c>
      <c r="H7209" cm="1">
        <f t="array" ref="H7209">IFERROR(INDEX(Jesper!AL$2:AL$366,ROUNDDOWN($C7209/24,0)+1,1)*INDEX($D$3:$AA$30,INDEX(Jesper!$R$2:$R$366,ROW(INDEX(Jesper!AL$2:AL$366,ROUNDDOWN($C7209/24,0)+1,1))-1)+IF('Standard Profiles'!$G$22=$B$10,7,0)+IF('Standard Profiles'!$G$22=$B$17,14,0)+IF('Standard Profiles'!$G$22=$B$24,21,0),MOD($C7209,24)+1)/SUM(INDEX($D$3:$AA$30,INDEX(Jesper!$R$2:$R$366,ROW(INDEX(Jesper!AL$2:AL$366,ROUNDDOWN($C7209/24,0)+1,1))-1)+IF('Standard Profiles'!$G$22=$B$10,7,0)+IF('Standard Profiles'!$G$22=$B$17,14,0)+IF('Standard Profiles'!$G$22=$B$24,21,0),0)),0)</f>
        <v>0</v>
      </c>
      <c r="I7209">
        <f t="shared" si="804"/>
        <v>0.4357046626162196</v>
      </c>
      <c r="J7209">
        <f t="shared" si="805"/>
        <v>8.353823533912081</v>
      </c>
      <c r="K7209">
        <f t="shared" si="806"/>
        <v>0.59858537347247343</v>
      </c>
      <c r="L7209">
        <f t="shared" si="807"/>
        <v>0.29929268673623671</v>
      </c>
      <c r="M7209">
        <f t="shared" si="808"/>
        <v>0</v>
      </c>
      <c r="N7209" s="45">
        <f t="shared" si="809"/>
        <v>45225.958333315932</v>
      </c>
    </row>
    <row r="7210" spans="2:14" x14ac:dyDescent="0.25">
      <c r="B7210">
        <f t="shared" si="803"/>
        <v>5</v>
      </c>
      <c r="C7210" s="16">
        <v>7176</v>
      </c>
      <c r="D7210" cm="1">
        <f t="array" ref="D7210">IFERROR(INDEX(Jesper!AH$2:AH$366,ROUNDDOWN($C7210/24,0)+1,1)*INDEX($D$3:$AA$30,INDEX(Jesper!$R$2:$R$366,ROW(INDEX(Jesper!AH$2:AH$366,ROUNDDOWN($C7210/24,0)+1,1))-1)+IF('Standard Profiles'!$G$18=$B$10,7,0)+IF('Standard Profiles'!$G$18=$B$17,14,0)+IF('Standard Profiles'!$G$18=$B$24,21,0),MOD($C7210,24)+1)/SUM(INDEX($D$3:$AA$30,INDEX(Jesper!$R$2:$R$366,ROW(INDEX(Jesper!AH$2:AH$366,ROUNDDOWN($C7210/24,0)+1,1))-1)+IF('Standard Profiles'!$G$18=$B$10,7,0)+IF('Standard Profiles'!$G$18=$B$17,14,0)+IF('Standard Profiles'!$G$18=$B$24,21,0),0)),0)</f>
        <v>8.74500032196684</v>
      </c>
      <c r="E7210" cm="1">
        <f t="array" ref="E7210">IFERROR(INDEX(Jesper!AI$2:AI$366,ROUNDDOWN($C7210/24,0)+1,1)*INDEX($D$3:$AA$30,INDEX(Jesper!$R$2:$R$366,ROW(INDEX(Jesper!AI$2:AI$366,ROUNDDOWN($C7210/24,0)+1,1))-1)+IF('Standard Profiles'!$G$19=$B$10,7,0)+IF('Standard Profiles'!$G$19=$B$17,14,0)+IF('Standard Profiles'!$G$19=$B$24,21,0),MOD($C7210,24)+1)/SUM(INDEX($D$3:$AA$30,INDEX(Jesper!$R$2:$R$366,ROW(INDEX(Jesper!AI$2:AI$366,ROUNDDOWN($C7210/24,0)+1,1))-1)+IF('Standard Profiles'!$G$19=$B$10,7,0)+IF('Standard Profiles'!$G$19=$B$17,14,0)+IF('Standard Profiles'!$G$19=$B$24,21,0),0)),0)</f>
        <v>6.2246761782940583</v>
      </c>
      <c r="F7210" cm="1">
        <f t="array" ref="F7210">IFERROR(INDEX(Jesper!AJ$2:AJ$366,ROUNDDOWN($C7210/24,0)+1,1)*INDEX($D$3:$AA$30,INDEX(Jesper!$R$2:$R$366,ROW(INDEX(Jesper!AJ$2:AJ$366,ROUNDDOWN($C7210/24,0)+1,1))-1)+IF('Standard Profiles'!$G$20=$B$10,7,0)+IF('Standard Profiles'!$G$20=$B$17,14,0)+IF('Standard Profiles'!$G$20=$B$24,21,0),MOD($C7210,24)+1)/SUM(INDEX($D$3:$AA$30,INDEX(Jesper!$R$2:$R$366,ROW(INDEX(Jesper!AJ$2:AJ$366,ROUNDDOWN($C7210/24,0)+1,1))-1)+IF('Standard Profiles'!$G$20=$B$10,7,0)+IF('Standard Profiles'!$G$20=$B$17,14,0)+IF('Standard Profiles'!$G$20=$B$24,21,0),0)),0)</f>
        <v>0</v>
      </c>
      <c r="G7210" cm="1">
        <f t="array" ref="G7210">IFERROR(INDEX(Jesper!AK$2:AK$366,ROUNDDOWN($C7210/24,0)+1,1)*INDEX($D$3:$AA$30,INDEX(Jesper!$R$2:$R$366,ROW(INDEX(Jesper!AK$2:AK$366,ROUNDDOWN($C7210/24,0)+1,1))-1)+IF('Standard Profiles'!$G$21=$B$10,7,0)+IF('Standard Profiles'!$G$21=$B$17,14,0)+IF('Standard Profiles'!$G$21=$B$24,21,0),MOD($C7210,24)+1)/SUM(INDEX($D$3:$AA$30,INDEX(Jesper!$R$2:$R$366,ROW(INDEX(Jesper!AK$2:AK$366,ROUNDDOWN($C7210/24,0)+1,1))-1)+IF('Standard Profiles'!$G$21=$B$10,7,0)+IF('Standard Profiles'!$G$21=$B$17,14,0)+IF('Standard Profiles'!$G$21=$B$24,21,0),0)),0)</f>
        <v>1.1485845915881518</v>
      </c>
      <c r="H7210" cm="1">
        <f t="array" ref="H7210">IFERROR(INDEX(Jesper!AL$2:AL$366,ROUNDDOWN($C7210/24,0)+1,1)*INDEX($D$3:$AA$30,INDEX(Jesper!$R$2:$R$366,ROW(INDEX(Jesper!AL$2:AL$366,ROUNDDOWN($C7210/24,0)+1,1))-1)+IF('Standard Profiles'!$G$22=$B$10,7,0)+IF('Standard Profiles'!$G$22=$B$17,14,0)+IF('Standard Profiles'!$G$22=$B$24,21,0),MOD($C7210,24)+1)/SUM(INDEX($D$3:$AA$30,INDEX(Jesper!$R$2:$R$366,ROW(INDEX(Jesper!AL$2:AL$366,ROUNDDOWN($C7210/24,0)+1,1))-1)+IF('Standard Profiles'!$G$22=$B$10,7,0)+IF('Standard Profiles'!$G$22=$B$17,14,0)+IF('Standard Profiles'!$G$22=$B$24,21,0),0)),0)</f>
        <v>0</v>
      </c>
      <c r="I7210">
        <f t="shared" si="804"/>
        <v>0.55132060396231264</v>
      </c>
      <c r="J7210">
        <f t="shared" si="805"/>
        <v>14.167740436372043</v>
      </c>
      <c r="K7210">
        <f t="shared" si="806"/>
        <v>0.93280003434312964</v>
      </c>
      <c r="L7210">
        <f t="shared" si="807"/>
        <v>0.46640001717156482</v>
      </c>
      <c r="M7210">
        <f t="shared" si="808"/>
        <v>0</v>
      </c>
      <c r="N7210" s="45">
        <f t="shared" si="809"/>
        <v>45225.999999982596</v>
      </c>
    </row>
    <row r="7211" spans="2:14" x14ac:dyDescent="0.25">
      <c r="B7211">
        <f t="shared" si="803"/>
        <v>5</v>
      </c>
      <c r="C7211" s="16">
        <v>7177</v>
      </c>
      <c r="D7211" cm="1">
        <f t="array" ref="D7211">IFERROR(INDEX(Jesper!AH$2:AH$366,ROUNDDOWN($C7211/24,0)+1,1)*INDEX($D$3:$AA$30,INDEX(Jesper!$R$2:$R$366,ROW(INDEX(Jesper!AH$2:AH$366,ROUNDDOWN($C7211/24,0)+1,1))-1)+IF('Standard Profiles'!$G$18=$B$10,7,0)+IF('Standard Profiles'!$G$18=$B$17,14,0)+IF('Standard Profiles'!$G$18=$B$24,21,0),MOD($C7211,24)+1)/SUM(INDEX($D$3:$AA$30,INDEX(Jesper!$R$2:$R$366,ROW(INDEX(Jesper!AH$2:AH$366,ROUNDDOWN($C7211/24,0)+1,1))-1)+IF('Standard Profiles'!$G$18=$B$10,7,0)+IF('Standard Profiles'!$G$18=$B$17,14,0)+IF('Standard Profiles'!$G$18=$B$24,21,0),0)),0)</f>
        <v>5.3000001951314184</v>
      </c>
      <c r="E7211" cm="1">
        <f t="array" ref="E7211">IFERROR(INDEX(Jesper!AI$2:AI$366,ROUNDDOWN($C7211/24,0)+1,1)*INDEX($D$3:$AA$30,INDEX(Jesper!$R$2:$R$366,ROW(INDEX(Jesper!AI$2:AI$366,ROUNDDOWN($C7211/24,0)+1,1))-1)+IF('Standard Profiles'!$G$19=$B$10,7,0)+IF('Standard Profiles'!$G$19=$B$17,14,0)+IF('Standard Profiles'!$G$19=$B$24,21,0),MOD($C7211,24)+1)/SUM(INDEX($D$3:$AA$30,INDEX(Jesper!$R$2:$R$366,ROW(INDEX(Jesper!AI$2:AI$366,ROUNDDOWN($C7211/24,0)+1,1))-1)+IF('Standard Profiles'!$G$19=$B$10,7,0)+IF('Standard Profiles'!$G$19=$B$17,14,0)+IF('Standard Profiles'!$G$19=$B$24,21,0),0)),0)</f>
        <v>3.7725310171479145</v>
      </c>
      <c r="F7211" cm="1">
        <f t="array" ref="F7211">IFERROR(INDEX(Jesper!AJ$2:AJ$366,ROUNDDOWN($C7211/24,0)+1,1)*INDEX($D$3:$AA$30,INDEX(Jesper!$R$2:$R$366,ROW(INDEX(Jesper!AJ$2:AJ$366,ROUNDDOWN($C7211/24,0)+1,1))-1)+IF('Standard Profiles'!$G$20=$B$10,7,0)+IF('Standard Profiles'!$G$20=$B$17,14,0)+IF('Standard Profiles'!$G$20=$B$24,21,0),MOD($C7211,24)+1)/SUM(INDEX($D$3:$AA$30,INDEX(Jesper!$R$2:$R$366,ROW(INDEX(Jesper!AJ$2:AJ$366,ROUNDDOWN($C7211/24,0)+1,1))-1)+IF('Standard Profiles'!$G$20=$B$10,7,0)+IF('Standard Profiles'!$G$20=$B$17,14,0)+IF('Standard Profiles'!$G$20=$B$24,21,0),0)),0)</f>
        <v>0</v>
      </c>
      <c r="G7211" cm="1">
        <f t="array" ref="G7211">IFERROR(INDEX(Jesper!AK$2:AK$366,ROUNDDOWN($C7211/24,0)+1,1)*INDEX($D$3:$AA$30,INDEX(Jesper!$R$2:$R$366,ROW(INDEX(Jesper!AK$2:AK$366,ROUNDDOWN($C7211/24,0)+1,1))-1)+IF('Standard Profiles'!$G$21=$B$10,7,0)+IF('Standard Profiles'!$G$21=$B$17,14,0)+IF('Standard Profiles'!$G$21=$B$24,21,0),MOD($C7211,24)+1)/SUM(INDEX($D$3:$AA$30,INDEX(Jesper!$R$2:$R$366,ROW(INDEX(Jesper!AK$2:AK$366,ROUNDDOWN($C7211/24,0)+1,1))-1)+IF('Standard Profiles'!$G$21=$B$10,7,0)+IF('Standard Profiles'!$G$21=$B$17,14,0)+IF('Standard Profiles'!$G$21=$B$24,21,0),0)),0)</f>
        <v>1.1485845915881518</v>
      </c>
      <c r="H7211" cm="1">
        <f t="array" ref="H7211">IFERROR(INDEX(Jesper!AL$2:AL$366,ROUNDDOWN($C7211/24,0)+1,1)*INDEX($D$3:$AA$30,INDEX(Jesper!$R$2:$R$366,ROW(INDEX(Jesper!AL$2:AL$366,ROUNDDOWN($C7211/24,0)+1,1))-1)+IF('Standard Profiles'!$G$22=$B$10,7,0)+IF('Standard Profiles'!$G$22=$B$17,14,0)+IF('Standard Profiles'!$G$22=$B$24,21,0),MOD($C7211,24)+1)/SUM(INDEX($D$3:$AA$30,INDEX(Jesper!$R$2:$R$366,ROW(INDEX(Jesper!AL$2:AL$366,ROUNDDOWN($C7211/24,0)+1,1))-1)+IF('Standard Profiles'!$G$22=$B$10,7,0)+IF('Standard Profiles'!$G$22=$B$17,14,0)+IF('Standard Profiles'!$G$22=$B$24,21,0),0)),0)</f>
        <v>0</v>
      </c>
      <c r="I7211">
        <f t="shared" si="804"/>
        <v>0.55132060396231264</v>
      </c>
      <c r="J7211">
        <f t="shared" si="805"/>
        <v>8.8217951686841438</v>
      </c>
      <c r="K7211">
        <f t="shared" si="806"/>
        <v>0.56533335414735131</v>
      </c>
      <c r="L7211">
        <f t="shared" si="807"/>
        <v>0.28266667707367565</v>
      </c>
      <c r="M7211">
        <f t="shared" si="808"/>
        <v>0</v>
      </c>
      <c r="N7211" s="45">
        <f t="shared" si="809"/>
        <v>45226.04166664926</v>
      </c>
    </row>
    <row r="7212" spans="2:14" x14ac:dyDescent="0.25">
      <c r="B7212">
        <f t="shared" si="803"/>
        <v>5</v>
      </c>
      <c r="C7212" s="16">
        <v>7178</v>
      </c>
      <c r="D7212" cm="1">
        <f t="array" ref="D7212">IFERROR(INDEX(Jesper!AH$2:AH$366,ROUNDDOWN($C7212/24,0)+1,1)*INDEX($D$3:$AA$30,INDEX(Jesper!$R$2:$R$366,ROW(INDEX(Jesper!AH$2:AH$366,ROUNDDOWN($C7212/24,0)+1,1))-1)+IF('Standard Profiles'!$G$18=$B$10,7,0)+IF('Standard Profiles'!$G$18=$B$17,14,0)+IF('Standard Profiles'!$G$18=$B$24,21,0),MOD($C7212,24)+1)/SUM(INDEX($D$3:$AA$30,INDEX(Jesper!$R$2:$R$366,ROW(INDEX(Jesper!AH$2:AH$366,ROUNDDOWN($C7212/24,0)+1,1))-1)+IF('Standard Profiles'!$G$18=$B$10,7,0)+IF('Standard Profiles'!$G$18=$B$17,14,0)+IF('Standard Profiles'!$G$18=$B$24,21,0),0)),0)</f>
        <v>5.3000001951314184</v>
      </c>
      <c r="E7212" cm="1">
        <f t="array" ref="E7212">IFERROR(INDEX(Jesper!AI$2:AI$366,ROUNDDOWN($C7212/24,0)+1,1)*INDEX($D$3:$AA$30,INDEX(Jesper!$R$2:$R$366,ROW(INDEX(Jesper!AI$2:AI$366,ROUNDDOWN($C7212/24,0)+1,1))-1)+IF('Standard Profiles'!$G$19=$B$10,7,0)+IF('Standard Profiles'!$G$19=$B$17,14,0)+IF('Standard Profiles'!$G$19=$B$24,21,0),MOD($C7212,24)+1)/SUM(INDEX($D$3:$AA$30,INDEX(Jesper!$R$2:$R$366,ROW(INDEX(Jesper!AI$2:AI$366,ROUNDDOWN($C7212/24,0)+1,1))-1)+IF('Standard Profiles'!$G$19=$B$10,7,0)+IF('Standard Profiles'!$G$19=$B$17,14,0)+IF('Standard Profiles'!$G$19=$B$24,21,0),0)),0)</f>
        <v>3.7725310171479145</v>
      </c>
      <c r="F7212" cm="1">
        <f t="array" ref="F7212">IFERROR(INDEX(Jesper!AJ$2:AJ$366,ROUNDDOWN($C7212/24,0)+1,1)*INDEX($D$3:$AA$30,INDEX(Jesper!$R$2:$R$366,ROW(INDEX(Jesper!AJ$2:AJ$366,ROUNDDOWN($C7212/24,0)+1,1))-1)+IF('Standard Profiles'!$G$20=$B$10,7,0)+IF('Standard Profiles'!$G$20=$B$17,14,0)+IF('Standard Profiles'!$G$20=$B$24,21,0),MOD($C7212,24)+1)/SUM(INDEX($D$3:$AA$30,INDEX(Jesper!$R$2:$R$366,ROW(INDEX(Jesper!AJ$2:AJ$366,ROUNDDOWN($C7212/24,0)+1,1))-1)+IF('Standard Profiles'!$G$20=$B$10,7,0)+IF('Standard Profiles'!$G$20=$B$17,14,0)+IF('Standard Profiles'!$G$20=$B$24,21,0),0)),0)</f>
        <v>0</v>
      </c>
      <c r="G7212" cm="1">
        <f t="array" ref="G7212">IFERROR(INDEX(Jesper!AK$2:AK$366,ROUNDDOWN($C7212/24,0)+1,1)*INDEX($D$3:$AA$30,INDEX(Jesper!$R$2:$R$366,ROW(INDEX(Jesper!AK$2:AK$366,ROUNDDOWN($C7212/24,0)+1,1))-1)+IF('Standard Profiles'!$G$21=$B$10,7,0)+IF('Standard Profiles'!$G$21=$B$17,14,0)+IF('Standard Profiles'!$G$21=$B$24,21,0),MOD($C7212,24)+1)/SUM(INDEX($D$3:$AA$30,INDEX(Jesper!$R$2:$R$366,ROW(INDEX(Jesper!AK$2:AK$366,ROUNDDOWN($C7212/24,0)+1,1))-1)+IF('Standard Profiles'!$G$21=$B$10,7,0)+IF('Standard Profiles'!$G$21=$B$17,14,0)+IF('Standard Profiles'!$G$21=$B$24,21,0),0)),0)</f>
        <v>1.1485845915881518</v>
      </c>
      <c r="H7212" cm="1">
        <f t="array" ref="H7212">IFERROR(INDEX(Jesper!AL$2:AL$366,ROUNDDOWN($C7212/24,0)+1,1)*INDEX($D$3:$AA$30,INDEX(Jesper!$R$2:$R$366,ROW(INDEX(Jesper!AL$2:AL$366,ROUNDDOWN($C7212/24,0)+1,1))-1)+IF('Standard Profiles'!$G$22=$B$10,7,0)+IF('Standard Profiles'!$G$22=$B$17,14,0)+IF('Standard Profiles'!$G$22=$B$24,21,0),MOD($C7212,24)+1)/SUM(INDEX($D$3:$AA$30,INDEX(Jesper!$R$2:$R$366,ROW(INDEX(Jesper!AL$2:AL$366,ROUNDDOWN($C7212/24,0)+1,1))-1)+IF('Standard Profiles'!$G$22=$B$10,7,0)+IF('Standard Profiles'!$G$22=$B$17,14,0)+IF('Standard Profiles'!$G$22=$B$24,21,0),0)),0)</f>
        <v>0</v>
      </c>
      <c r="I7212">
        <f t="shared" si="804"/>
        <v>0.55132060396231264</v>
      </c>
      <c r="J7212">
        <f t="shared" si="805"/>
        <v>8.8217951686841438</v>
      </c>
      <c r="K7212">
        <f t="shared" si="806"/>
        <v>0.56533335414735131</v>
      </c>
      <c r="L7212">
        <f t="shared" si="807"/>
        <v>0.28266667707367565</v>
      </c>
      <c r="M7212">
        <f t="shared" si="808"/>
        <v>0</v>
      </c>
      <c r="N7212" s="45">
        <f t="shared" si="809"/>
        <v>45226.083333315924</v>
      </c>
    </row>
    <row r="7213" spans="2:14" x14ac:dyDescent="0.25">
      <c r="B7213">
        <f t="shared" si="803"/>
        <v>5</v>
      </c>
      <c r="C7213" s="16">
        <v>7179</v>
      </c>
      <c r="D7213" cm="1">
        <f t="array" ref="D7213">IFERROR(INDEX(Jesper!AH$2:AH$366,ROUNDDOWN($C7213/24,0)+1,1)*INDEX($D$3:$AA$30,INDEX(Jesper!$R$2:$R$366,ROW(INDEX(Jesper!AH$2:AH$366,ROUNDDOWN($C7213/24,0)+1,1))-1)+IF('Standard Profiles'!$G$18=$B$10,7,0)+IF('Standard Profiles'!$G$18=$B$17,14,0)+IF('Standard Profiles'!$G$18=$B$24,21,0),MOD($C7213,24)+1)/SUM(INDEX($D$3:$AA$30,INDEX(Jesper!$R$2:$R$366,ROW(INDEX(Jesper!AH$2:AH$366,ROUNDDOWN($C7213/24,0)+1,1))-1)+IF('Standard Profiles'!$G$18=$B$10,7,0)+IF('Standard Profiles'!$G$18=$B$17,14,0)+IF('Standard Profiles'!$G$18=$B$24,21,0),0)),0)</f>
        <v>5.3000001951314184</v>
      </c>
      <c r="E7213" cm="1">
        <f t="array" ref="E7213">IFERROR(INDEX(Jesper!AI$2:AI$366,ROUNDDOWN($C7213/24,0)+1,1)*INDEX($D$3:$AA$30,INDEX(Jesper!$R$2:$R$366,ROW(INDEX(Jesper!AI$2:AI$366,ROUNDDOWN($C7213/24,0)+1,1))-1)+IF('Standard Profiles'!$G$19=$B$10,7,0)+IF('Standard Profiles'!$G$19=$B$17,14,0)+IF('Standard Profiles'!$G$19=$B$24,21,0),MOD($C7213,24)+1)/SUM(INDEX($D$3:$AA$30,INDEX(Jesper!$R$2:$R$366,ROW(INDEX(Jesper!AI$2:AI$366,ROUNDDOWN($C7213/24,0)+1,1))-1)+IF('Standard Profiles'!$G$19=$B$10,7,0)+IF('Standard Profiles'!$G$19=$B$17,14,0)+IF('Standard Profiles'!$G$19=$B$24,21,0),0)),0)</f>
        <v>3.7725310171479145</v>
      </c>
      <c r="F7213" cm="1">
        <f t="array" ref="F7213">IFERROR(INDEX(Jesper!AJ$2:AJ$366,ROUNDDOWN($C7213/24,0)+1,1)*INDEX($D$3:$AA$30,INDEX(Jesper!$R$2:$R$366,ROW(INDEX(Jesper!AJ$2:AJ$366,ROUNDDOWN($C7213/24,0)+1,1))-1)+IF('Standard Profiles'!$G$20=$B$10,7,0)+IF('Standard Profiles'!$G$20=$B$17,14,0)+IF('Standard Profiles'!$G$20=$B$24,21,0),MOD($C7213,24)+1)/SUM(INDEX($D$3:$AA$30,INDEX(Jesper!$R$2:$R$366,ROW(INDEX(Jesper!AJ$2:AJ$366,ROUNDDOWN($C7213/24,0)+1,1))-1)+IF('Standard Profiles'!$G$20=$B$10,7,0)+IF('Standard Profiles'!$G$20=$B$17,14,0)+IF('Standard Profiles'!$G$20=$B$24,21,0),0)),0)</f>
        <v>0</v>
      </c>
      <c r="G7213" cm="1">
        <f t="array" ref="G7213">IFERROR(INDEX(Jesper!AK$2:AK$366,ROUNDDOWN($C7213/24,0)+1,1)*INDEX($D$3:$AA$30,INDEX(Jesper!$R$2:$R$366,ROW(INDEX(Jesper!AK$2:AK$366,ROUNDDOWN($C7213/24,0)+1,1))-1)+IF('Standard Profiles'!$G$21=$B$10,7,0)+IF('Standard Profiles'!$G$21=$B$17,14,0)+IF('Standard Profiles'!$G$21=$B$24,21,0),MOD($C7213,24)+1)/SUM(INDEX($D$3:$AA$30,INDEX(Jesper!$R$2:$R$366,ROW(INDEX(Jesper!AK$2:AK$366,ROUNDDOWN($C7213/24,0)+1,1))-1)+IF('Standard Profiles'!$G$21=$B$10,7,0)+IF('Standard Profiles'!$G$21=$B$17,14,0)+IF('Standard Profiles'!$G$21=$B$24,21,0),0)),0)</f>
        <v>1.1485845915881518</v>
      </c>
      <c r="H7213" cm="1">
        <f t="array" ref="H7213">IFERROR(INDEX(Jesper!AL$2:AL$366,ROUNDDOWN($C7213/24,0)+1,1)*INDEX($D$3:$AA$30,INDEX(Jesper!$R$2:$R$366,ROW(INDEX(Jesper!AL$2:AL$366,ROUNDDOWN($C7213/24,0)+1,1))-1)+IF('Standard Profiles'!$G$22=$B$10,7,0)+IF('Standard Profiles'!$G$22=$B$17,14,0)+IF('Standard Profiles'!$G$22=$B$24,21,0),MOD($C7213,24)+1)/SUM(INDEX($D$3:$AA$30,INDEX(Jesper!$R$2:$R$366,ROW(INDEX(Jesper!AL$2:AL$366,ROUNDDOWN($C7213/24,0)+1,1))-1)+IF('Standard Profiles'!$G$22=$B$10,7,0)+IF('Standard Profiles'!$G$22=$B$17,14,0)+IF('Standard Profiles'!$G$22=$B$24,21,0),0)),0)</f>
        <v>0</v>
      </c>
      <c r="I7213">
        <f t="shared" si="804"/>
        <v>0.55132060396231264</v>
      </c>
      <c r="J7213">
        <f t="shared" si="805"/>
        <v>8.8217951686841438</v>
      </c>
      <c r="K7213">
        <f t="shared" si="806"/>
        <v>0.56533335414735131</v>
      </c>
      <c r="L7213">
        <f t="shared" si="807"/>
        <v>0.28266667707367565</v>
      </c>
      <c r="M7213">
        <f t="shared" si="808"/>
        <v>0</v>
      </c>
      <c r="N7213" s="45">
        <f t="shared" si="809"/>
        <v>45226.124999982589</v>
      </c>
    </row>
    <row r="7214" spans="2:14" x14ac:dyDescent="0.25">
      <c r="B7214">
        <f t="shared" si="803"/>
        <v>5</v>
      </c>
      <c r="C7214" s="16">
        <v>7180</v>
      </c>
      <c r="D7214" cm="1">
        <f t="array" ref="D7214">IFERROR(INDEX(Jesper!AH$2:AH$366,ROUNDDOWN($C7214/24,0)+1,1)*INDEX($D$3:$AA$30,INDEX(Jesper!$R$2:$R$366,ROW(INDEX(Jesper!AH$2:AH$366,ROUNDDOWN($C7214/24,0)+1,1))-1)+IF('Standard Profiles'!$G$18=$B$10,7,0)+IF('Standard Profiles'!$G$18=$B$17,14,0)+IF('Standard Profiles'!$G$18=$B$24,21,0),MOD($C7214,24)+1)/SUM(INDEX($D$3:$AA$30,INDEX(Jesper!$R$2:$R$366,ROW(INDEX(Jesper!AH$2:AH$366,ROUNDDOWN($C7214/24,0)+1,1))-1)+IF('Standard Profiles'!$G$18=$B$10,7,0)+IF('Standard Profiles'!$G$18=$B$17,14,0)+IF('Standard Profiles'!$G$18=$B$24,21,0),0)),0)</f>
        <v>5.3000001951314184</v>
      </c>
      <c r="E7214" cm="1">
        <f t="array" ref="E7214">IFERROR(INDEX(Jesper!AI$2:AI$366,ROUNDDOWN($C7214/24,0)+1,1)*INDEX($D$3:$AA$30,INDEX(Jesper!$R$2:$R$366,ROW(INDEX(Jesper!AI$2:AI$366,ROUNDDOWN($C7214/24,0)+1,1))-1)+IF('Standard Profiles'!$G$19=$B$10,7,0)+IF('Standard Profiles'!$G$19=$B$17,14,0)+IF('Standard Profiles'!$G$19=$B$24,21,0),MOD($C7214,24)+1)/SUM(INDEX($D$3:$AA$30,INDEX(Jesper!$R$2:$R$366,ROW(INDEX(Jesper!AI$2:AI$366,ROUNDDOWN($C7214/24,0)+1,1))-1)+IF('Standard Profiles'!$G$19=$B$10,7,0)+IF('Standard Profiles'!$G$19=$B$17,14,0)+IF('Standard Profiles'!$G$19=$B$24,21,0),0)),0)</f>
        <v>3.7725310171479145</v>
      </c>
      <c r="F7214" cm="1">
        <f t="array" ref="F7214">IFERROR(INDEX(Jesper!AJ$2:AJ$366,ROUNDDOWN($C7214/24,0)+1,1)*INDEX($D$3:$AA$30,INDEX(Jesper!$R$2:$R$366,ROW(INDEX(Jesper!AJ$2:AJ$366,ROUNDDOWN($C7214/24,0)+1,1))-1)+IF('Standard Profiles'!$G$20=$B$10,7,0)+IF('Standard Profiles'!$G$20=$B$17,14,0)+IF('Standard Profiles'!$G$20=$B$24,21,0),MOD($C7214,24)+1)/SUM(INDEX($D$3:$AA$30,INDEX(Jesper!$R$2:$R$366,ROW(INDEX(Jesper!AJ$2:AJ$366,ROUNDDOWN($C7214/24,0)+1,1))-1)+IF('Standard Profiles'!$G$20=$B$10,7,0)+IF('Standard Profiles'!$G$20=$B$17,14,0)+IF('Standard Profiles'!$G$20=$B$24,21,0),0)),0)</f>
        <v>0</v>
      </c>
      <c r="G7214" cm="1">
        <f t="array" ref="G7214">IFERROR(INDEX(Jesper!AK$2:AK$366,ROUNDDOWN($C7214/24,0)+1,1)*INDEX($D$3:$AA$30,INDEX(Jesper!$R$2:$R$366,ROW(INDEX(Jesper!AK$2:AK$366,ROUNDDOWN($C7214/24,0)+1,1))-1)+IF('Standard Profiles'!$G$21=$B$10,7,0)+IF('Standard Profiles'!$G$21=$B$17,14,0)+IF('Standard Profiles'!$G$21=$B$24,21,0),MOD($C7214,24)+1)/SUM(INDEX($D$3:$AA$30,INDEX(Jesper!$R$2:$R$366,ROW(INDEX(Jesper!AK$2:AK$366,ROUNDDOWN($C7214/24,0)+1,1))-1)+IF('Standard Profiles'!$G$21=$B$10,7,0)+IF('Standard Profiles'!$G$21=$B$17,14,0)+IF('Standard Profiles'!$G$21=$B$24,21,0),0)),0)</f>
        <v>1.1485845915881518</v>
      </c>
      <c r="H7214" cm="1">
        <f t="array" ref="H7214">IFERROR(INDEX(Jesper!AL$2:AL$366,ROUNDDOWN($C7214/24,0)+1,1)*INDEX($D$3:$AA$30,INDEX(Jesper!$R$2:$R$366,ROW(INDEX(Jesper!AL$2:AL$366,ROUNDDOWN($C7214/24,0)+1,1))-1)+IF('Standard Profiles'!$G$22=$B$10,7,0)+IF('Standard Profiles'!$G$22=$B$17,14,0)+IF('Standard Profiles'!$G$22=$B$24,21,0),MOD($C7214,24)+1)/SUM(INDEX($D$3:$AA$30,INDEX(Jesper!$R$2:$R$366,ROW(INDEX(Jesper!AL$2:AL$366,ROUNDDOWN($C7214/24,0)+1,1))-1)+IF('Standard Profiles'!$G$22=$B$10,7,0)+IF('Standard Profiles'!$G$22=$B$17,14,0)+IF('Standard Profiles'!$G$22=$B$24,21,0),0)),0)</f>
        <v>0</v>
      </c>
      <c r="I7214">
        <f t="shared" si="804"/>
        <v>0.55132060396231264</v>
      </c>
      <c r="J7214">
        <f t="shared" si="805"/>
        <v>8.8217951686841438</v>
      </c>
      <c r="K7214">
        <f t="shared" si="806"/>
        <v>0.56533335414735131</v>
      </c>
      <c r="L7214">
        <f t="shared" si="807"/>
        <v>0.28266667707367565</v>
      </c>
      <c r="M7214">
        <f t="shared" si="808"/>
        <v>0</v>
      </c>
      <c r="N7214" s="45">
        <f t="shared" si="809"/>
        <v>45226.166666649253</v>
      </c>
    </row>
    <row r="7215" spans="2:14" x14ac:dyDescent="0.25">
      <c r="B7215">
        <f t="shared" si="803"/>
        <v>5</v>
      </c>
      <c r="C7215" s="16">
        <v>7181</v>
      </c>
      <c r="D7215" cm="1">
        <f t="array" ref="D7215">IFERROR(INDEX(Jesper!AH$2:AH$366,ROUNDDOWN($C7215/24,0)+1,1)*INDEX($D$3:$AA$30,INDEX(Jesper!$R$2:$R$366,ROW(INDEX(Jesper!AH$2:AH$366,ROUNDDOWN($C7215/24,0)+1,1))-1)+IF('Standard Profiles'!$G$18=$B$10,7,0)+IF('Standard Profiles'!$G$18=$B$17,14,0)+IF('Standard Profiles'!$G$18=$B$24,21,0),MOD($C7215,24)+1)/SUM(INDEX($D$3:$AA$30,INDEX(Jesper!$R$2:$R$366,ROW(INDEX(Jesper!AH$2:AH$366,ROUNDDOWN($C7215/24,0)+1,1))-1)+IF('Standard Profiles'!$G$18=$B$10,7,0)+IF('Standard Profiles'!$G$18=$B$17,14,0)+IF('Standard Profiles'!$G$18=$B$24,21,0),0)),0)</f>
        <v>5.3000001951314184</v>
      </c>
      <c r="E7215" cm="1">
        <f t="array" ref="E7215">IFERROR(INDEX(Jesper!AI$2:AI$366,ROUNDDOWN($C7215/24,0)+1,1)*INDEX($D$3:$AA$30,INDEX(Jesper!$R$2:$R$366,ROW(INDEX(Jesper!AI$2:AI$366,ROUNDDOWN($C7215/24,0)+1,1))-1)+IF('Standard Profiles'!$G$19=$B$10,7,0)+IF('Standard Profiles'!$G$19=$B$17,14,0)+IF('Standard Profiles'!$G$19=$B$24,21,0),MOD($C7215,24)+1)/SUM(INDEX($D$3:$AA$30,INDEX(Jesper!$R$2:$R$366,ROW(INDEX(Jesper!AI$2:AI$366,ROUNDDOWN($C7215/24,0)+1,1))-1)+IF('Standard Profiles'!$G$19=$B$10,7,0)+IF('Standard Profiles'!$G$19=$B$17,14,0)+IF('Standard Profiles'!$G$19=$B$24,21,0),0)),0)</f>
        <v>3.7725310171479145</v>
      </c>
      <c r="F7215" cm="1">
        <f t="array" ref="F7215">IFERROR(INDEX(Jesper!AJ$2:AJ$366,ROUNDDOWN($C7215/24,0)+1,1)*INDEX($D$3:$AA$30,INDEX(Jesper!$R$2:$R$366,ROW(INDEX(Jesper!AJ$2:AJ$366,ROUNDDOWN($C7215/24,0)+1,1))-1)+IF('Standard Profiles'!$G$20=$B$10,7,0)+IF('Standard Profiles'!$G$20=$B$17,14,0)+IF('Standard Profiles'!$G$20=$B$24,21,0),MOD($C7215,24)+1)/SUM(INDEX($D$3:$AA$30,INDEX(Jesper!$R$2:$R$366,ROW(INDEX(Jesper!AJ$2:AJ$366,ROUNDDOWN($C7215/24,0)+1,1))-1)+IF('Standard Profiles'!$G$20=$B$10,7,0)+IF('Standard Profiles'!$G$20=$B$17,14,0)+IF('Standard Profiles'!$G$20=$B$24,21,0),0)),0)</f>
        <v>0</v>
      </c>
      <c r="G7215" cm="1">
        <f t="array" ref="G7215">IFERROR(INDEX(Jesper!AK$2:AK$366,ROUNDDOWN($C7215/24,0)+1,1)*INDEX($D$3:$AA$30,INDEX(Jesper!$R$2:$R$366,ROW(INDEX(Jesper!AK$2:AK$366,ROUNDDOWN($C7215/24,0)+1,1))-1)+IF('Standard Profiles'!$G$21=$B$10,7,0)+IF('Standard Profiles'!$G$21=$B$17,14,0)+IF('Standard Profiles'!$G$21=$B$24,21,0),MOD($C7215,24)+1)/SUM(INDEX($D$3:$AA$30,INDEX(Jesper!$R$2:$R$366,ROW(INDEX(Jesper!AK$2:AK$366,ROUNDDOWN($C7215/24,0)+1,1))-1)+IF('Standard Profiles'!$G$21=$B$10,7,0)+IF('Standard Profiles'!$G$21=$B$17,14,0)+IF('Standard Profiles'!$G$21=$B$24,21,0),0)),0)</f>
        <v>1.1485845915881518</v>
      </c>
      <c r="H7215" cm="1">
        <f t="array" ref="H7215">IFERROR(INDEX(Jesper!AL$2:AL$366,ROUNDDOWN($C7215/24,0)+1,1)*INDEX($D$3:$AA$30,INDEX(Jesper!$R$2:$R$366,ROW(INDEX(Jesper!AL$2:AL$366,ROUNDDOWN($C7215/24,0)+1,1))-1)+IF('Standard Profiles'!$G$22=$B$10,7,0)+IF('Standard Profiles'!$G$22=$B$17,14,0)+IF('Standard Profiles'!$G$22=$B$24,21,0),MOD($C7215,24)+1)/SUM(INDEX($D$3:$AA$30,INDEX(Jesper!$R$2:$R$366,ROW(INDEX(Jesper!AL$2:AL$366,ROUNDDOWN($C7215/24,0)+1,1))-1)+IF('Standard Profiles'!$G$22=$B$10,7,0)+IF('Standard Profiles'!$G$22=$B$17,14,0)+IF('Standard Profiles'!$G$22=$B$24,21,0),0)),0)</f>
        <v>0</v>
      </c>
      <c r="I7215">
        <f t="shared" si="804"/>
        <v>0.55132060396231264</v>
      </c>
      <c r="J7215">
        <f t="shared" si="805"/>
        <v>8.8217951686841438</v>
      </c>
      <c r="K7215">
        <f t="shared" si="806"/>
        <v>0.56533335414735131</v>
      </c>
      <c r="L7215">
        <f t="shared" si="807"/>
        <v>0.28266667707367565</v>
      </c>
      <c r="M7215">
        <f t="shared" si="808"/>
        <v>0</v>
      </c>
      <c r="N7215" s="45">
        <f t="shared" si="809"/>
        <v>45226.208333315917</v>
      </c>
    </row>
    <row r="7216" spans="2:14" x14ac:dyDescent="0.25">
      <c r="B7216">
        <f t="shared" si="803"/>
        <v>5</v>
      </c>
      <c r="C7216" s="16">
        <v>7182</v>
      </c>
      <c r="D7216" cm="1">
        <f t="array" ref="D7216">IFERROR(INDEX(Jesper!AH$2:AH$366,ROUNDDOWN($C7216/24,0)+1,1)*INDEX($D$3:$AA$30,INDEX(Jesper!$R$2:$R$366,ROW(INDEX(Jesper!AH$2:AH$366,ROUNDDOWN($C7216/24,0)+1,1))-1)+IF('Standard Profiles'!$G$18=$B$10,7,0)+IF('Standard Profiles'!$G$18=$B$17,14,0)+IF('Standard Profiles'!$G$18=$B$24,21,0),MOD($C7216,24)+1)/SUM(INDEX($D$3:$AA$30,INDEX(Jesper!$R$2:$R$366,ROW(INDEX(Jesper!AH$2:AH$366,ROUNDDOWN($C7216/24,0)+1,1))-1)+IF('Standard Profiles'!$G$18=$B$10,7,0)+IF('Standard Profiles'!$G$18=$B$17,14,0)+IF('Standard Profiles'!$G$18=$B$24,21,0),0)),0)</f>
        <v>5.3000001951314184</v>
      </c>
      <c r="E7216" cm="1">
        <f t="array" ref="E7216">IFERROR(INDEX(Jesper!AI$2:AI$366,ROUNDDOWN($C7216/24,0)+1,1)*INDEX($D$3:$AA$30,INDEX(Jesper!$R$2:$R$366,ROW(INDEX(Jesper!AI$2:AI$366,ROUNDDOWN($C7216/24,0)+1,1))-1)+IF('Standard Profiles'!$G$19=$B$10,7,0)+IF('Standard Profiles'!$G$19=$B$17,14,0)+IF('Standard Profiles'!$G$19=$B$24,21,0),MOD($C7216,24)+1)/SUM(INDEX($D$3:$AA$30,INDEX(Jesper!$R$2:$R$366,ROW(INDEX(Jesper!AI$2:AI$366,ROUNDDOWN($C7216/24,0)+1,1))-1)+IF('Standard Profiles'!$G$19=$B$10,7,0)+IF('Standard Profiles'!$G$19=$B$17,14,0)+IF('Standard Profiles'!$G$19=$B$24,21,0),0)),0)</f>
        <v>3.7725310171479145</v>
      </c>
      <c r="F7216" cm="1">
        <f t="array" ref="F7216">IFERROR(INDEX(Jesper!AJ$2:AJ$366,ROUNDDOWN($C7216/24,0)+1,1)*INDEX($D$3:$AA$30,INDEX(Jesper!$R$2:$R$366,ROW(INDEX(Jesper!AJ$2:AJ$366,ROUNDDOWN($C7216/24,0)+1,1))-1)+IF('Standard Profiles'!$G$20=$B$10,7,0)+IF('Standard Profiles'!$G$20=$B$17,14,0)+IF('Standard Profiles'!$G$20=$B$24,21,0),MOD($C7216,24)+1)/SUM(INDEX($D$3:$AA$30,INDEX(Jesper!$R$2:$R$366,ROW(INDEX(Jesper!AJ$2:AJ$366,ROUNDDOWN($C7216/24,0)+1,1))-1)+IF('Standard Profiles'!$G$20=$B$10,7,0)+IF('Standard Profiles'!$G$20=$B$17,14,0)+IF('Standard Profiles'!$G$20=$B$24,21,0),0)),0)</f>
        <v>0</v>
      </c>
      <c r="G7216" cm="1">
        <f t="array" ref="G7216">IFERROR(INDEX(Jesper!AK$2:AK$366,ROUNDDOWN($C7216/24,0)+1,1)*INDEX($D$3:$AA$30,INDEX(Jesper!$R$2:$R$366,ROW(INDEX(Jesper!AK$2:AK$366,ROUNDDOWN($C7216/24,0)+1,1))-1)+IF('Standard Profiles'!$G$21=$B$10,7,0)+IF('Standard Profiles'!$G$21=$B$17,14,0)+IF('Standard Profiles'!$G$21=$B$24,21,0),MOD($C7216,24)+1)/SUM(INDEX($D$3:$AA$30,INDEX(Jesper!$R$2:$R$366,ROW(INDEX(Jesper!AK$2:AK$366,ROUNDDOWN($C7216/24,0)+1,1))-1)+IF('Standard Profiles'!$G$21=$B$10,7,0)+IF('Standard Profiles'!$G$21=$B$17,14,0)+IF('Standard Profiles'!$G$21=$B$24,21,0),0)),0)</f>
        <v>1.1485845915881518</v>
      </c>
      <c r="H7216" cm="1">
        <f t="array" ref="H7216">IFERROR(INDEX(Jesper!AL$2:AL$366,ROUNDDOWN($C7216/24,0)+1,1)*INDEX($D$3:$AA$30,INDEX(Jesper!$R$2:$R$366,ROW(INDEX(Jesper!AL$2:AL$366,ROUNDDOWN($C7216/24,0)+1,1))-1)+IF('Standard Profiles'!$G$22=$B$10,7,0)+IF('Standard Profiles'!$G$22=$B$17,14,0)+IF('Standard Profiles'!$G$22=$B$24,21,0),MOD($C7216,24)+1)/SUM(INDEX($D$3:$AA$30,INDEX(Jesper!$R$2:$R$366,ROW(INDEX(Jesper!AL$2:AL$366,ROUNDDOWN($C7216/24,0)+1,1))-1)+IF('Standard Profiles'!$G$22=$B$10,7,0)+IF('Standard Profiles'!$G$22=$B$17,14,0)+IF('Standard Profiles'!$G$22=$B$24,21,0),0)),0)</f>
        <v>0</v>
      </c>
      <c r="I7216">
        <f t="shared" si="804"/>
        <v>0.55132060396231264</v>
      </c>
      <c r="J7216">
        <f t="shared" si="805"/>
        <v>8.8217951686841438</v>
      </c>
      <c r="K7216">
        <f t="shared" si="806"/>
        <v>0.56533335414735131</v>
      </c>
      <c r="L7216">
        <f t="shared" si="807"/>
        <v>0.28266667707367565</v>
      </c>
      <c r="M7216">
        <f t="shared" si="808"/>
        <v>0</v>
      </c>
      <c r="N7216" s="45">
        <f t="shared" si="809"/>
        <v>45226.249999982581</v>
      </c>
    </row>
    <row r="7217" spans="2:14" x14ac:dyDescent="0.25">
      <c r="B7217">
        <f t="shared" si="803"/>
        <v>5</v>
      </c>
      <c r="C7217" s="16">
        <v>7183</v>
      </c>
      <c r="D7217" cm="1">
        <f t="array" ref="D7217">IFERROR(INDEX(Jesper!AH$2:AH$366,ROUNDDOWN($C7217/24,0)+1,1)*INDEX($D$3:$AA$30,INDEX(Jesper!$R$2:$R$366,ROW(INDEX(Jesper!AH$2:AH$366,ROUNDDOWN($C7217/24,0)+1,1))-1)+IF('Standard Profiles'!$G$18=$B$10,7,0)+IF('Standard Profiles'!$G$18=$B$17,14,0)+IF('Standard Profiles'!$G$18=$B$24,21,0),MOD($C7217,24)+1)/SUM(INDEX($D$3:$AA$30,INDEX(Jesper!$R$2:$R$366,ROW(INDEX(Jesper!AH$2:AH$366,ROUNDDOWN($C7217/24,0)+1,1))-1)+IF('Standard Profiles'!$G$18=$B$10,7,0)+IF('Standard Profiles'!$G$18=$B$17,14,0)+IF('Standard Profiles'!$G$18=$B$24,21,0),0)),0)</f>
        <v>22.578000831259839</v>
      </c>
      <c r="E7217" cm="1">
        <f t="array" ref="E7217">IFERROR(INDEX(Jesper!AI$2:AI$366,ROUNDDOWN($C7217/24,0)+1,1)*INDEX($D$3:$AA$30,INDEX(Jesper!$R$2:$R$366,ROW(INDEX(Jesper!AI$2:AI$366,ROUNDDOWN($C7217/24,0)+1,1))-1)+IF('Standard Profiles'!$G$19=$B$10,7,0)+IF('Standard Profiles'!$G$19=$B$17,14,0)+IF('Standard Profiles'!$G$19=$B$24,21,0),MOD($C7217,24)+1)/SUM(INDEX($D$3:$AA$30,INDEX(Jesper!$R$2:$R$366,ROW(INDEX(Jesper!AI$2:AI$366,ROUNDDOWN($C7217/24,0)+1,1))-1)+IF('Standard Profiles'!$G$19=$B$10,7,0)+IF('Standard Profiles'!$G$19=$B$17,14,0)+IF('Standard Profiles'!$G$19=$B$24,21,0),0)),0)</f>
        <v>16.070982133050112</v>
      </c>
      <c r="F7217" cm="1">
        <f t="array" ref="F7217">IFERROR(INDEX(Jesper!AJ$2:AJ$366,ROUNDDOWN($C7217/24,0)+1,1)*INDEX($D$3:$AA$30,INDEX(Jesper!$R$2:$R$366,ROW(INDEX(Jesper!AJ$2:AJ$366,ROUNDDOWN($C7217/24,0)+1,1))-1)+IF('Standard Profiles'!$G$20=$B$10,7,0)+IF('Standard Profiles'!$G$20=$B$17,14,0)+IF('Standard Profiles'!$G$20=$B$24,21,0),MOD($C7217,24)+1)/SUM(INDEX($D$3:$AA$30,INDEX(Jesper!$R$2:$R$366,ROW(INDEX(Jesper!AJ$2:AJ$366,ROUNDDOWN($C7217/24,0)+1,1))-1)+IF('Standard Profiles'!$G$20=$B$10,7,0)+IF('Standard Profiles'!$G$20=$B$17,14,0)+IF('Standard Profiles'!$G$20=$B$24,21,0),0)),0)</f>
        <v>0</v>
      </c>
      <c r="G7217" cm="1">
        <f t="array" ref="G7217">IFERROR(INDEX(Jesper!AK$2:AK$366,ROUNDDOWN($C7217/24,0)+1,1)*INDEX($D$3:$AA$30,INDEX(Jesper!$R$2:$R$366,ROW(INDEX(Jesper!AK$2:AK$366,ROUNDDOWN($C7217/24,0)+1,1))-1)+IF('Standard Profiles'!$G$21=$B$10,7,0)+IF('Standard Profiles'!$G$21=$B$17,14,0)+IF('Standard Profiles'!$G$21=$B$24,21,0),MOD($C7217,24)+1)/SUM(INDEX($D$3:$AA$30,INDEX(Jesper!$R$2:$R$366,ROW(INDEX(Jesper!AK$2:AK$366,ROUNDDOWN($C7217/24,0)+1,1))-1)+IF('Standard Profiles'!$G$21=$B$10,7,0)+IF('Standard Profiles'!$G$21=$B$17,14,0)+IF('Standard Profiles'!$G$21=$B$24,21,0),0)),0)</f>
        <v>3.1122937320453143</v>
      </c>
      <c r="H7217" cm="1">
        <f t="array" ref="H7217">IFERROR(INDEX(Jesper!AL$2:AL$366,ROUNDDOWN($C7217/24,0)+1,1)*INDEX($D$3:$AA$30,INDEX(Jesper!$R$2:$R$366,ROW(INDEX(Jesper!AL$2:AL$366,ROUNDDOWN($C7217/24,0)+1,1))-1)+IF('Standard Profiles'!$G$22=$B$10,7,0)+IF('Standard Profiles'!$G$22=$B$17,14,0)+IF('Standard Profiles'!$G$22=$B$24,21,0),MOD($C7217,24)+1)/SUM(INDEX($D$3:$AA$30,INDEX(Jesper!$R$2:$R$366,ROW(INDEX(Jesper!AL$2:AL$366,ROUNDDOWN($C7217/24,0)+1,1))-1)+IF('Standard Profiles'!$G$22=$B$10,7,0)+IF('Standard Profiles'!$G$22=$B$17,14,0)+IF('Standard Profiles'!$G$22=$B$24,21,0),0)),0)</f>
        <v>0</v>
      </c>
      <c r="I7217">
        <f t="shared" si="804"/>
        <v>1.49390099138175</v>
      </c>
      <c r="J7217">
        <f t="shared" si="805"/>
        <v>36.654895571971942</v>
      </c>
      <c r="K7217">
        <f t="shared" si="806"/>
        <v>2.4083200886677165</v>
      </c>
      <c r="L7217">
        <f t="shared" si="807"/>
        <v>1.2041600443338583</v>
      </c>
      <c r="M7217">
        <f t="shared" si="808"/>
        <v>0</v>
      </c>
      <c r="N7217" s="45">
        <f t="shared" si="809"/>
        <v>45226.291666649246</v>
      </c>
    </row>
    <row r="7218" spans="2:14" x14ac:dyDescent="0.25">
      <c r="B7218">
        <f t="shared" si="803"/>
        <v>5</v>
      </c>
      <c r="C7218" s="16">
        <v>7184</v>
      </c>
      <c r="D7218" cm="1">
        <f t="array" ref="D7218">IFERROR(INDEX(Jesper!AH$2:AH$366,ROUNDDOWN($C7218/24,0)+1,1)*INDEX($D$3:$AA$30,INDEX(Jesper!$R$2:$R$366,ROW(INDEX(Jesper!AH$2:AH$366,ROUNDDOWN($C7218/24,0)+1,1))-1)+IF('Standard Profiles'!$G$18=$B$10,7,0)+IF('Standard Profiles'!$G$18=$B$17,14,0)+IF('Standard Profiles'!$G$18=$B$24,21,0),MOD($C7218,24)+1)/SUM(INDEX($D$3:$AA$30,INDEX(Jesper!$R$2:$R$366,ROW(INDEX(Jesper!AH$2:AH$366,ROUNDDOWN($C7218/24,0)+1,1))-1)+IF('Standard Profiles'!$G$18=$B$10,7,0)+IF('Standard Profiles'!$G$18=$B$17,14,0)+IF('Standard Profiles'!$G$18=$B$24,21,0),0)),0)</f>
        <v>28.222501039074796</v>
      </c>
      <c r="E7218" cm="1">
        <f t="array" ref="E7218">IFERROR(INDEX(Jesper!AI$2:AI$366,ROUNDDOWN($C7218/24,0)+1,1)*INDEX($D$3:$AA$30,INDEX(Jesper!$R$2:$R$366,ROW(INDEX(Jesper!AI$2:AI$366,ROUNDDOWN($C7218/24,0)+1,1))-1)+IF('Standard Profiles'!$G$19=$B$10,7,0)+IF('Standard Profiles'!$G$19=$B$17,14,0)+IF('Standard Profiles'!$G$19=$B$24,21,0),MOD($C7218,24)+1)/SUM(INDEX($D$3:$AA$30,INDEX(Jesper!$R$2:$R$366,ROW(INDEX(Jesper!AI$2:AI$366,ROUNDDOWN($C7218/24,0)+1,1))-1)+IF('Standard Profiles'!$G$19=$B$10,7,0)+IF('Standard Profiles'!$G$19=$B$17,14,0)+IF('Standard Profiles'!$G$19=$B$24,21,0),0)),0)</f>
        <v>20.088727666312639</v>
      </c>
      <c r="F7218" cm="1">
        <f t="array" ref="F7218">IFERROR(INDEX(Jesper!AJ$2:AJ$366,ROUNDDOWN($C7218/24,0)+1,1)*INDEX($D$3:$AA$30,INDEX(Jesper!$R$2:$R$366,ROW(INDEX(Jesper!AJ$2:AJ$366,ROUNDDOWN($C7218/24,0)+1,1))-1)+IF('Standard Profiles'!$G$20=$B$10,7,0)+IF('Standard Profiles'!$G$20=$B$17,14,0)+IF('Standard Profiles'!$G$20=$B$24,21,0),MOD($C7218,24)+1)/SUM(INDEX($D$3:$AA$30,INDEX(Jesper!$R$2:$R$366,ROW(INDEX(Jesper!AJ$2:AJ$366,ROUNDDOWN($C7218/24,0)+1,1))-1)+IF('Standard Profiles'!$G$20=$B$10,7,0)+IF('Standard Profiles'!$G$20=$B$17,14,0)+IF('Standard Profiles'!$G$20=$B$24,21,0),0)),0)</f>
        <v>0</v>
      </c>
      <c r="G7218" cm="1">
        <f t="array" ref="G7218">IFERROR(INDEX(Jesper!AK$2:AK$366,ROUNDDOWN($C7218/24,0)+1,1)*INDEX($D$3:$AA$30,INDEX(Jesper!$R$2:$R$366,ROW(INDEX(Jesper!AK$2:AK$366,ROUNDDOWN($C7218/24,0)+1,1))-1)+IF('Standard Profiles'!$G$21=$B$10,7,0)+IF('Standard Profiles'!$G$21=$B$17,14,0)+IF('Standard Profiles'!$G$21=$B$24,21,0),MOD($C7218,24)+1)/SUM(INDEX($D$3:$AA$30,INDEX(Jesper!$R$2:$R$366,ROW(INDEX(Jesper!AK$2:AK$366,ROUNDDOWN($C7218/24,0)+1,1))-1)+IF('Standard Profiles'!$G$21=$B$10,7,0)+IF('Standard Profiles'!$G$21=$B$17,14,0)+IF('Standard Profiles'!$G$21=$B$24,21,0),0)),0)</f>
        <v>3.8903671650566425</v>
      </c>
      <c r="H7218" cm="1">
        <f t="array" ref="H7218">IFERROR(INDEX(Jesper!AL$2:AL$366,ROUNDDOWN($C7218/24,0)+1,1)*INDEX($D$3:$AA$30,INDEX(Jesper!$R$2:$R$366,ROW(INDEX(Jesper!AL$2:AL$366,ROUNDDOWN($C7218/24,0)+1,1))-1)+IF('Standard Profiles'!$G$22=$B$10,7,0)+IF('Standard Profiles'!$G$22=$B$17,14,0)+IF('Standard Profiles'!$G$22=$B$24,21,0),MOD($C7218,24)+1)/SUM(INDEX($D$3:$AA$30,INDEX(Jesper!$R$2:$R$366,ROW(INDEX(Jesper!AL$2:AL$366,ROUNDDOWN($C7218/24,0)+1,1))-1)+IF('Standard Profiles'!$G$22=$B$10,7,0)+IF('Standard Profiles'!$G$22=$B$17,14,0)+IF('Standard Profiles'!$G$22=$B$24,21,0),0)),0)</f>
        <v>0</v>
      </c>
      <c r="I7218">
        <f t="shared" si="804"/>
        <v>1.8673762392271875</v>
      </c>
      <c r="J7218">
        <f t="shared" si="805"/>
        <v>45.818619464964918</v>
      </c>
      <c r="K7218">
        <f t="shared" si="806"/>
        <v>3.0104001108346452</v>
      </c>
      <c r="L7218">
        <f t="shared" si="807"/>
        <v>1.5052000554173226</v>
      </c>
      <c r="M7218">
        <f t="shared" si="808"/>
        <v>0</v>
      </c>
      <c r="N7218" s="45">
        <f t="shared" si="809"/>
        <v>45226.33333331591</v>
      </c>
    </row>
    <row r="7219" spans="2:14" x14ac:dyDescent="0.25">
      <c r="B7219">
        <f t="shared" si="803"/>
        <v>5</v>
      </c>
      <c r="C7219" s="16">
        <v>7185</v>
      </c>
      <c r="D7219" cm="1">
        <f t="array" ref="D7219">IFERROR(INDEX(Jesper!AH$2:AH$366,ROUNDDOWN($C7219/24,0)+1,1)*INDEX($D$3:$AA$30,INDEX(Jesper!$R$2:$R$366,ROW(INDEX(Jesper!AH$2:AH$366,ROUNDDOWN($C7219/24,0)+1,1))-1)+IF('Standard Profiles'!$G$18=$B$10,7,0)+IF('Standard Profiles'!$G$18=$B$17,14,0)+IF('Standard Profiles'!$G$18=$B$24,21,0),MOD($C7219,24)+1)/SUM(INDEX($D$3:$AA$30,INDEX(Jesper!$R$2:$R$366,ROW(INDEX(Jesper!AH$2:AH$366,ROUNDDOWN($C7219/24,0)+1,1))-1)+IF('Standard Profiles'!$G$18=$B$10,7,0)+IF('Standard Profiles'!$G$18=$B$17,14,0)+IF('Standard Profiles'!$G$18=$B$24,21,0),0)),0)</f>
        <v>31.044751142982275</v>
      </c>
      <c r="E7219" cm="1">
        <f t="array" ref="E7219">IFERROR(INDEX(Jesper!AI$2:AI$366,ROUNDDOWN($C7219/24,0)+1,1)*INDEX($D$3:$AA$30,INDEX(Jesper!$R$2:$R$366,ROW(INDEX(Jesper!AI$2:AI$366,ROUNDDOWN($C7219/24,0)+1,1))-1)+IF('Standard Profiles'!$G$19=$B$10,7,0)+IF('Standard Profiles'!$G$19=$B$17,14,0)+IF('Standard Profiles'!$G$19=$B$24,21,0),MOD($C7219,24)+1)/SUM(INDEX($D$3:$AA$30,INDEX(Jesper!$R$2:$R$366,ROW(INDEX(Jesper!AI$2:AI$366,ROUNDDOWN($C7219/24,0)+1,1))-1)+IF('Standard Profiles'!$G$19=$B$10,7,0)+IF('Standard Profiles'!$G$19=$B$17,14,0)+IF('Standard Profiles'!$G$19=$B$24,21,0),0)),0)</f>
        <v>22.097600432943906</v>
      </c>
      <c r="F7219" cm="1">
        <f t="array" ref="F7219">IFERROR(INDEX(Jesper!AJ$2:AJ$366,ROUNDDOWN($C7219/24,0)+1,1)*INDEX($D$3:$AA$30,INDEX(Jesper!$R$2:$R$366,ROW(INDEX(Jesper!AJ$2:AJ$366,ROUNDDOWN($C7219/24,0)+1,1))-1)+IF('Standard Profiles'!$G$20=$B$10,7,0)+IF('Standard Profiles'!$G$20=$B$17,14,0)+IF('Standard Profiles'!$G$20=$B$24,21,0),MOD($C7219,24)+1)/SUM(INDEX($D$3:$AA$30,INDEX(Jesper!$R$2:$R$366,ROW(INDEX(Jesper!AJ$2:AJ$366,ROUNDDOWN($C7219/24,0)+1,1))-1)+IF('Standard Profiles'!$G$20=$B$10,7,0)+IF('Standard Profiles'!$G$20=$B$17,14,0)+IF('Standard Profiles'!$G$20=$B$24,21,0),0)),0)</f>
        <v>0</v>
      </c>
      <c r="G7219" cm="1">
        <f t="array" ref="G7219">IFERROR(INDEX(Jesper!AK$2:AK$366,ROUNDDOWN($C7219/24,0)+1,1)*INDEX($D$3:$AA$30,INDEX(Jesper!$R$2:$R$366,ROW(INDEX(Jesper!AK$2:AK$366,ROUNDDOWN($C7219/24,0)+1,1))-1)+IF('Standard Profiles'!$G$21=$B$10,7,0)+IF('Standard Profiles'!$G$21=$B$17,14,0)+IF('Standard Profiles'!$G$21=$B$24,21,0),MOD($C7219,24)+1)/SUM(INDEX($D$3:$AA$30,INDEX(Jesper!$R$2:$R$366,ROW(INDEX(Jesper!AK$2:AK$366,ROUNDDOWN($C7219/24,0)+1,1))-1)+IF('Standard Profiles'!$G$21=$B$10,7,0)+IF('Standard Profiles'!$G$21=$B$17,14,0)+IF('Standard Profiles'!$G$21=$B$24,21,0),0)),0)</f>
        <v>4.279403881562307</v>
      </c>
      <c r="H7219" cm="1">
        <f t="array" ref="H7219">IFERROR(INDEX(Jesper!AL$2:AL$366,ROUNDDOWN($C7219/24,0)+1,1)*INDEX($D$3:$AA$30,INDEX(Jesper!$R$2:$R$366,ROW(INDEX(Jesper!AL$2:AL$366,ROUNDDOWN($C7219/24,0)+1,1))-1)+IF('Standard Profiles'!$G$22=$B$10,7,0)+IF('Standard Profiles'!$G$22=$B$17,14,0)+IF('Standard Profiles'!$G$22=$B$24,21,0),MOD($C7219,24)+1)/SUM(INDEX($D$3:$AA$30,INDEX(Jesper!$R$2:$R$366,ROW(INDEX(Jesper!AL$2:AL$366,ROUNDDOWN($C7219/24,0)+1,1))-1)+IF('Standard Profiles'!$G$22=$B$10,7,0)+IF('Standard Profiles'!$G$22=$B$17,14,0)+IF('Standard Profiles'!$G$22=$B$24,21,0),0)),0)</f>
        <v>0</v>
      </c>
      <c r="I7219">
        <f t="shared" si="804"/>
        <v>2.0541138631499063</v>
      </c>
      <c r="J7219">
        <f t="shared" si="805"/>
        <v>50.400481411461421</v>
      </c>
      <c r="K7219">
        <f t="shared" si="806"/>
        <v>3.3114401219181095</v>
      </c>
      <c r="L7219">
        <f t="shared" si="807"/>
        <v>1.6557200609590548</v>
      </c>
      <c r="M7219">
        <f t="shared" si="808"/>
        <v>0</v>
      </c>
      <c r="N7219" s="45">
        <f t="shared" si="809"/>
        <v>45226.374999982574</v>
      </c>
    </row>
    <row r="7220" spans="2:14" x14ac:dyDescent="0.25">
      <c r="B7220">
        <f t="shared" si="803"/>
        <v>5</v>
      </c>
      <c r="C7220" s="16">
        <v>7186</v>
      </c>
      <c r="D7220" cm="1">
        <f t="array" ref="D7220">IFERROR(INDEX(Jesper!AH$2:AH$366,ROUNDDOWN($C7220/24,0)+1,1)*INDEX($D$3:$AA$30,INDEX(Jesper!$R$2:$R$366,ROW(INDEX(Jesper!AH$2:AH$366,ROUNDDOWN($C7220/24,0)+1,1))-1)+IF('Standard Profiles'!$G$18=$B$10,7,0)+IF('Standard Profiles'!$G$18=$B$17,14,0)+IF('Standard Profiles'!$G$18=$B$24,21,0),MOD($C7220,24)+1)/SUM(INDEX($D$3:$AA$30,INDEX(Jesper!$R$2:$R$366,ROW(INDEX(Jesper!AH$2:AH$366,ROUNDDOWN($C7220/24,0)+1,1))-1)+IF('Standard Profiles'!$G$18=$B$10,7,0)+IF('Standard Profiles'!$G$18=$B$17,14,0)+IF('Standard Profiles'!$G$18=$B$24,21,0),0)),0)</f>
        <v>31.044751142982275</v>
      </c>
      <c r="E7220" cm="1">
        <f t="array" ref="E7220">IFERROR(INDEX(Jesper!AI$2:AI$366,ROUNDDOWN($C7220/24,0)+1,1)*INDEX($D$3:$AA$30,INDEX(Jesper!$R$2:$R$366,ROW(INDEX(Jesper!AI$2:AI$366,ROUNDDOWN($C7220/24,0)+1,1))-1)+IF('Standard Profiles'!$G$19=$B$10,7,0)+IF('Standard Profiles'!$G$19=$B$17,14,0)+IF('Standard Profiles'!$G$19=$B$24,21,0),MOD($C7220,24)+1)/SUM(INDEX($D$3:$AA$30,INDEX(Jesper!$R$2:$R$366,ROW(INDEX(Jesper!AI$2:AI$366,ROUNDDOWN($C7220/24,0)+1,1))-1)+IF('Standard Profiles'!$G$19=$B$10,7,0)+IF('Standard Profiles'!$G$19=$B$17,14,0)+IF('Standard Profiles'!$G$19=$B$24,21,0),0)),0)</f>
        <v>22.097600432943906</v>
      </c>
      <c r="F7220" cm="1">
        <f t="array" ref="F7220">IFERROR(INDEX(Jesper!AJ$2:AJ$366,ROUNDDOWN($C7220/24,0)+1,1)*INDEX($D$3:$AA$30,INDEX(Jesper!$R$2:$R$366,ROW(INDEX(Jesper!AJ$2:AJ$366,ROUNDDOWN($C7220/24,0)+1,1))-1)+IF('Standard Profiles'!$G$20=$B$10,7,0)+IF('Standard Profiles'!$G$20=$B$17,14,0)+IF('Standard Profiles'!$G$20=$B$24,21,0),MOD($C7220,24)+1)/SUM(INDEX($D$3:$AA$30,INDEX(Jesper!$R$2:$R$366,ROW(INDEX(Jesper!AJ$2:AJ$366,ROUNDDOWN($C7220/24,0)+1,1))-1)+IF('Standard Profiles'!$G$20=$B$10,7,0)+IF('Standard Profiles'!$G$20=$B$17,14,0)+IF('Standard Profiles'!$G$20=$B$24,21,0),0)),0)</f>
        <v>0</v>
      </c>
      <c r="G7220" cm="1">
        <f t="array" ref="G7220">IFERROR(INDEX(Jesper!AK$2:AK$366,ROUNDDOWN($C7220/24,0)+1,1)*INDEX($D$3:$AA$30,INDEX(Jesper!$R$2:$R$366,ROW(INDEX(Jesper!AK$2:AK$366,ROUNDDOWN($C7220/24,0)+1,1))-1)+IF('Standard Profiles'!$G$21=$B$10,7,0)+IF('Standard Profiles'!$G$21=$B$17,14,0)+IF('Standard Profiles'!$G$21=$B$24,21,0),MOD($C7220,24)+1)/SUM(INDEX($D$3:$AA$30,INDEX(Jesper!$R$2:$R$366,ROW(INDEX(Jesper!AK$2:AK$366,ROUNDDOWN($C7220/24,0)+1,1))-1)+IF('Standard Profiles'!$G$21=$B$10,7,0)+IF('Standard Profiles'!$G$21=$B$17,14,0)+IF('Standard Profiles'!$G$21=$B$24,21,0),0)),0)</f>
        <v>4.279403881562307</v>
      </c>
      <c r="H7220" cm="1">
        <f t="array" ref="H7220">IFERROR(INDEX(Jesper!AL$2:AL$366,ROUNDDOWN($C7220/24,0)+1,1)*INDEX($D$3:$AA$30,INDEX(Jesper!$R$2:$R$366,ROW(INDEX(Jesper!AL$2:AL$366,ROUNDDOWN($C7220/24,0)+1,1))-1)+IF('Standard Profiles'!$G$22=$B$10,7,0)+IF('Standard Profiles'!$G$22=$B$17,14,0)+IF('Standard Profiles'!$G$22=$B$24,21,0),MOD($C7220,24)+1)/SUM(INDEX($D$3:$AA$30,INDEX(Jesper!$R$2:$R$366,ROW(INDEX(Jesper!AL$2:AL$366,ROUNDDOWN($C7220/24,0)+1,1))-1)+IF('Standard Profiles'!$G$22=$B$10,7,0)+IF('Standard Profiles'!$G$22=$B$17,14,0)+IF('Standard Profiles'!$G$22=$B$24,21,0),0)),0)</f>
        <v>0</v>
      </c>
      <c r="I7220">
        <f t="shared" si="804"/>
        <v>2.0541138631499063</v>
      </c>
      <c r="J7220">
        <f t="shared" si="805"/>
        <v>50.400481411461421</v>
      </c>
      <c r="K7220">
        <f t="shared" si="806"/>
        <v>3.3114401219181095</v>
      </c>
      <c r="L7220">
        <f t="shared" si="807"/>
        <v>1.6557200609590548</v>
      </c>
      <c r="M7220">
        <f t="shared" si="808"/>
        <v>0</v>
      </c>
      <c r="N7220" s="45">
        <f t="shared" si="809"/>
        <v>45226.416666649238</v>
      </c>
    </row>
    <row r="7221" spans="2:14" x14ac:dyDescent="0.25">
      <c r="B7221">
        <f t="shared" si="803"/>
        <v>5</v>
      </c>
      <c r="C7221" s="16">
        <v>7187</v>
      </c>
      <c r="D7221" cm="1">
        <f t="array" ref="D7221">IFERROR(INDEX(Jesper!AH$2:AH$366,ROUNDDOWN($C7221/24,0)+1,1)*INDEX($D$3:$AA$30,INDEX(Jesper!$R$2:$R$366,ROW(INDEX(Jesper!AH$2:AH$366,ROUNDDOWN($C7221/24,0)+1,1))-1)+IF('Standard Profiles'!$G$18=$B$10,7,0)+IF('Standard Profiles'!$G$18=$B$17,14,0)+IF('Standard Profiles'!$G$18=$B$24,21,0),MOD($C7221,24)+1)/SUM(INDEX($D$3:$AA$30,INDEX(Jesper!$R$2:$R$366,ROW(INDEX(Jesper!AH$2:AH$366,ROUNDDOWN($C7221/24,0)+1,1))-1)+IF('Standard Profiles'!$G$18=$B$10,7,0)+IF('Standard Profiles'!$G$18=$B$17,14,0)+IF('Standard Profiles'!$G$18=$B$24,21,0),0)),0)</f>
        <v>36.689251350797235</v>
      </c>
      <c r="E7221" cm="1">
        <f t="array" ref="E7221">IFERROR(INDEX(Jesper!AI$2:AI$366,ROUNDDOWN($C7221/24,0)+1,1)*INDEX($D$3:$AA$30,INDEX(Jesper!$R$2:$R$366,ROW(INDEX(Jesper!AI$2:AI$366,ROUNDDOWN($C7221/24,0)+1,1))-1)+IF('Standard Profiles'!$G$19=$B$10,7,0)+IF('Standard Profiles'!$G$19=$B$17,14,0)+IF('Standard Profiles'!$G$19=$B$24,21,0),MOD($C7221,24)+1)/SUM(INDEX($D$3:$AA$30,INDEX(Jesper!$R$2:$R$366,ROW(INDEX(Jesper!AI$2:AI$366,ROUNDDOWN($C7221/24,0)+1,1))-1)+IF('Standard Profiles'!$G$19=$B$10,7,0)+IF('Standard Profiles'!$G$19=$B$17,14,0)+IF('Standard Profiles'!$G$19=$B$24,21,0),0)),0)</f>
        <v>26.115345966206434</v>
      </c>
      <c r="F7221" cm="1">
        <f t="array" ref="F7221">IFERROR(INDEX(Jesper!AJ$2:AJ$366,ROUNDDOWN($C7221/24,0)+1,1)*INDEX($D$3:$AA$30,INDEX(Jesper!$R$2:$R$366,ROW(INDEX(Jesper!AJ$2:AJ$366,ROUNDDOWN($C7221/24,0)+1,1))-1)+IF('Standard Profiles'!$G$20=$B$10,7,0)+IF('Standard Profiles'!$G$20=$B$17,14,0)+IF('Standard Profiles'!$G$20=$B$24,21,0),MOD($C7221,24)+1)/SUM(INDEX($D$3:$AA$30,INDEX(Jesper!$R$2:$R$366,ROW(INDEX(Jesper!AJ$2:AJ$366,ROUNDDOWN($C7221/24,0)+1,1))-1)+IF('Standard Profiles'!$G$20=$B$10,7,0)+IF('Standard Profiles'!$G$20=$B$17,14,0)+IF('Standard Profiles'!$G$20=$B$24,21,0),0)),0)</f>
        <v>0</v>
      </c>
      <c r="G7221" cm="1">
        <f t="array" ref="G7221">IFERROR(INDEX(Jesper!AK$2:AK$366,ROUNDDOWN($C7221/24,0)+1,1)*INDEX($D$3:$AA$30,INDEX(Jesper!$R$2:$R$366,ROW(INDEX(Jesper!AK$2:AK$366,ROUNDDOWN($C7221/24,0)+1,1))-1)+IF('Standard Profiles'!$G$21=$B$10,7,0)+IF('Standard Profiles'!$G$21=$B$17,14,0)+IF('Standard Profiles'!$G$21=$B$24,21,0),MOD($C7221,24)+1)/SUM(INDEX($D$3:$AA$30,INDEX(Jesper!$R$2:$R$366,ROW(INDEX(Jesper!AK$2:AK$366,ROUNDDOWN($C7221/24,0)+1,1))-1)+IF('Standard Profiles'!$G$21=$B$10,7,0)+IF('Standard Profiles'!$G$21=$B$17,14,0)+IF('Standard Profiles'!$G$21=$B$24,21,0),0)),0)</f>
        <v>5.057477314573636</v>
      </c>
      <c r="H7221" cm="1">
        <f t="array" ref="H7221">IFERROR(INDEX(Jesper!AL$2:AL$366,ROUNDDOWN($C7221/24,0)+1,1)*INDEX($D$3:$AA$30,INDEX(Jesper!$R$2:$R$366,ROW(INDEX(Jesper!AL$2:AL$366,ROUNDDOWN($C7221/24,0)+1,1))-1)+IF('Standard Profiles'!$G$22=$B$10,7,0)+IF('Standard Profiles'!$G$22=$B$17,14,0)+IF('Standard Profiles'!$G$22=$B$24,21,0),MOD($C7221,24)+1)/SUM(INDEX($D$3:$AA$30,INDEX(Jesper!$R$2:$R$366,ROW(INDEX(Jesper!AL$2:AL$366,ROUNDDOWN($C7221/24,0)+1,1))-1)+IF('Standard Profiles'!$G$22=$B$10,7,0)+IF('Standard Profiles'!$G$22=$B$17,14,0)+IF('Standard Profiles'!$G$22=$B$24,21,0),0)),0)</f>
        <v>0</v>
      </c>
      <c r="I7221">
        <f t="shared" si="804"/>
        <v>2.4275891109953442</v>
      </c>
      <c r="J7221">
        <f t="shared" si="805"/>
        <v>59.564205304454404</v>
      </c>
      <c r="K7221">
        <f t="shared" si="806"/>
        <v>3.9135201440850387</v>
      </c>
      <c r="L7221">
        <f t="shared" si="807"/>
        <v>1.9567600720425193</v>
      </c>
      <c r="M7221">
        <f t="shared" si="808"/>
        <v>0</v>
      </c>
      <c r="N7221" s="45">
        <f t="shared" si="809"/>
        <v>45226.458333315903</v>
      </c>
    </row>
    <row r="7222" spans="2:14" x14ac:dyDescent="0.25">
      <c r="B7222">
        <f t="shared" si="803"/>
        <v>5</v>
      </c>
      <c r="C7222" s="16">
        <v>7188</v>
      </c>
      <c r="D7222" cm="1">
        <f t="array" ref="D7222">IFERROR(INDEX(Jesper!AH$2:AH$366,ROUNDDOWN($C7222/24,0)+1,1)*INDEX($D$3:$AA$30,INDEX(Jesper!$R$2:$R$366,ROW(INDEX(Jesper!AH$2:AH$366,ROUNDDOWN($C7222/24,0)+1,1))-1)+IF('Standard Profiles'!$G$18=$B$10,7,0)+IF('Standard Profiles'!$G$18=$B$17,14,0)+IF('Standard Profiles'!$G$18=$B$24,21,0),MOD($C7222,24)+1)/SUM(INDEX($D$3:$AA$30,INDEX(Jesper!$R$2:$R$366,ROW(INDEX(Jesper!AH$2:AH$366,ROUNDDOWN($C7222/24,0)+1,1))-1)+IF('Standard Profiles'!$G$18=$B$10,7,0)+IF('Standard Profiles'!$G$18=$B$17,14,0)+IF('Standard Profiles'!$G$18=$B$24,21,0),0)),0)</f>
        <v>36.689251350797235</v>
      </c>
      <c r="E7222" cm="1">
        <f t="array" ref="E7222">IFERROR(INDEX(Jesper!AI$2:AI$366,ROUNDDOWN($C7222/24,0)+1,1)*INDEX($D$3:$AA$30,INDEX(Jesper!$R$2:$R$366,ROW(INDEX(Jesper!AI$2:AI$366,ROUNDDOWN($C7222/24,0)+1,1))-1)+IF('Standard Profiles'!$G$19=$B$10,7,0)+IF('Standard Profiles'!$G$19=$B$17,14,0)+IF('Standard Profiles'!$G$19=$B$24,21,0),MOD($C7222,24)+1)/SUM(INDEX($D$3:$AA$30,INDEX(Jesper!$R$2:$R$366,ROW(INDEX(Jesper!AI$2:AI$366,ROUNDDOWN($C7222/24,0)+1,1))-1)+IF('Standard Profiles'!$G$19=$B$10,7,0)+IF('Standard Profiles'!$G$19=$B$17,14,0)+IF('Standard Profiles'!$G$19=$B$24,21,0),0)),0)</f>
        <v>26.115345966206434</v>
      </c>
      <c r="F7222" cm="1">
        <f t="array" ref="F7222">IFERROR(INDEX(Jesper!AJ$2:AJ$366,ROUNDDOWN($C7222/24,0)+1,1)*INDEX($D$3:$AA$30,INDEX(Jesper!$R$2:$R$366,ROW(INDEX(Jesper!AJ$2:AJ$366,ROUNDDOWN($C7222/24,0)+1,1))-1)+IF('Standard Profiles'!$G$20=$B$10,7,0)+IF('Standard Profiles'!$G$20=$B$17,14,0)+IF('Standard Profiles'!$G$20=$B$24,21,0),MOD($C7222,24)+1)/SUM(INDEX($D$3:$AA$30,INDEX(Jesper!$R$2:$R$366,ROW(INDEX(Jesper!AJ$2:AJ$366,ROUNDDOWN($C7222/24,0)+1,1))-1)+IF('Standard Profiles'!$G$20=$B$10,7,0)+IF('Standard Profiles'!$G$20=$B$17,14,0)+IF('Standard Profiles'!$G$20=$B$24,21,0),0)),0)</f>
        <v>0</v>
      </c>
      <c r="G7222" cm="1">
        <f t="array" ref="G7222">IFERROR(INDEX(Jesper!AK$2:AK$366,ROUNDDOWN($C7222/24,0)+1,1)*INDEX($D$3:$AA$30,INDEX(Jesper!$R$2:$R$366,ROW(INDEX(Jesper!AK$2:AK$366,ROUNDDOWN($C7222/24,0)+1,1))-1)+IF('Standard Profiles'!$G$21=$B$10,7,0)+IF('Standard Profiles'!$G$21=$B$17,14,0)+IF('Standard Profiles'!$G$21=$B$24,21,0),MOD($C7222,24)+1)/SUM(INDEX($D$3:$AA$30,INDEX(Jesper!$R$2:$R$366,ROW(INDEX(Jesper!AK$2:AK$366,ROUNDDOWN($C7222/24,0)+1,1))-1)+IF('Standard Profiles'!$G$21=$B$10,7,0)+IF('Standard Profiles'!$G$21=$B$17,14,0)+IF('Standard Profiles'!$G$21=$B$24,21,0),0)),0)</f>
        <v>5.057477314573636</v>
      </c>
      <c r="H7222" cm="1">
        <f t="array" ref="H7222">IFERROR(INDEX(Jesper!AL$2:AL$366,ROUNDDOWN($C7222/24,0)+1,1)*INDEX($D$3:$AA$30,INDEX(Jesper!$R$2:$R$366,ROW(INDEX(Jesper!AL$2:AL$366,ROUNDDOWN($C7222/24,0)+1,1))-1)+IF('Standard Profiles'!$G$22=$B$10,7,0)+IF('Standard Profiles'!$G$22=$B$17,14,0)+IF('Standard Profiles'!$G$22=$B$24,21,0),MOD($C7222,24)+1)/SUM(INDEX($D$3:$AA$30,INDEX(Jesper!$R$2:$R$366,ROW(INDEX(Jesper!AL$2:AL$366,ROUNDDOWN($C7222/24,0)+1,1))-1)+IF('Standard Profiles'!$G$22=$B$10,7,0)+IF('Standard Profiles'!$G$22=$B$17,14,0)+IF('Standard Profiles'!$G$22=$B$24,21,0),0)),0)</f>
        <v>0</v>
      </c>
      <c r="I7222">
        <f t="shared" si="804"/>
        <v>2.4275891109953442</v>
      </c>
      <c r="J7222">
        <f t="shared" si="805"/>
        <v>59.564205304454404</v>
      </c>
      <c r="K7222">
        <f t="shared" si="806"/>
        <v>3.9135201440850387</v>
      </c>
      <c r="L7222">
        <f t="shared" si="807"/>
        <v>1.9567600720425193</v>
      </c>
      <c r="M7222">
        <f t="shared" si="808"/>
        <v>0</v>
      </c>
      <c r="N7222" s="45">
        <f t="shared" si="809"/>
        <v>45226.499999982567</v>
      </c>
    </row>
    <row r="7223" spans="2:14" x14ac:dyDescent="0.25">
      <c r="B7223">
        <f t="shared" si="803"/>
        <v>5</v>
      </c>
      <c r="C7223" s="16">
        <v>7189</v>
      </c>
      <c r="D7223" cm="1">
        <f t="array" ref="D7223">IFERROR(INDEX(Jesper!AH$2:AH$366,ROUNDDOWN($C7223/24,0)+1,1)*INDEX($D$3:$AA$30,INDEX(Jesper!$R$2:$R$366,ROW(INDEX(Jesper!AH$2:AH$366,ROUNDDOWN($C7223/24,0)+1,1))-1)+IF('Standard Profiles'!$G$18=$B$10,7,0)+IF('Standard Profiles'!$G$18=$B$17,14,0)+IF('Standard Profiles'!$G$18=$B$24,21,0),MOD($C7223,24)+1)/SUM(INDEX($D$3:$AA$30,INDEX(Jesper!$R$2:$R$366,ROW(INDEX(Jesper!AH$2:AH$366,ROUNDDOWN($C7223/24,0)+1,1))-1)+IF('Standard Profiles'!$G$18=$B$10,7,0)+IF('Standard Profiles'!$G$18=$B$17,14,0)+IF('Standard Profiles'!$G$18=$B$24,21,0),0)),0)</f>
        <v>25.400250935167318</v>
      </c>
      <c r="E7223" cm="1">
        <f t="array" ref="E7223">IFERROR(INDEX(Jesper!AI$2:AI$366,ROUNDDOWN($C7223/24,0)+1,1)*INDEX($D$3:$AA$30,INDEX(Jesper!$R$2:$R$366,ROW(INDEX(Jesper!AI$2:AI$366,ROUNDDOWN($C7223/24,0)+1,1))-1)+IF('Standard Profiles'!$G$19=$B$10,7,0)+IF('Standard Profiles'!$G$19=$B$17,14,0)+IF('Standard Profiles'!$G$19=$B$24,21,0),MOD($C7223,24)+1)/SUM(INDEX($D$3:$AA$30,INDEX(Jesper!$R$2:$R$366,ROW(INDEX(Jesper!AI$2:AI$366,ROUNDDOWN($C7223/24,0)+1,1))-1)+IF('Standard Profiles'!$G$19=$B$10,7,0)+IF('Standard Profiles'!$G$19=$B$17,14,0)+IF('Standard Profiles'!$G$19=$B$24,21,0),0)),0)</f>
        <v>18.079854899681376</v>
      </c>
      <c r="F7223" cm="1">
        <f t="array" ref="F7223">IFERROR(INDEX(Jesper!AJ$2:AJ$366,ROUNDDOWN($C7223/24,0)+1,1)*INDEX($D$3:$AA$30,INDEX(Jesper!$R$2:$R$366,ROW(INDEX(Jesper!AJ$2:AJ$366,ROUNDDOWN($C7223/24,0)+1,1))-1)+IF('Standard Profiles'!$G$20=$B$10,7,0)+IF('Standard Profiles'!$G$20=$B$17,14,0)+IF('Standard Profiles'!$G$20=$B$24,21,0),MOD($C7223,24)+1)/SUM(INDEX($D$3:$AA$30,INDEX(Jesper!$R$2:$R$366,ROW(INDEX(Jesper!AJ$2:AJ$366,ROUNDDOWN($C7223/24,0)+1,1))-1)+IF('Standard Profiles'!$G$20=$B$10,7,0)+IF('Standard Profiles'!$G$20=$B$17,14,0)+IF('Standard Profiles'!$G$20=$B$24,21,0),0)),0)</f>
        <v>0</v>
      </c>
      <c r="G7223" cm="1">
        <f t="array" ref="G7223">IFERROR(INDEX(Jesper!AK$2:AK$366,ROUNDDOWN($C7223/24,0)+1,1)*INDEX($D$3:$AA$30,INDEX(Jesper!$R$2:$R$366,ROW(INDEX(Jesper!AK$2:AK$366,ROUNDDOWN($C7223/24,0)+1,1))-1)+IF('Standard Profiles'!$G$21=$B$10,7,0)+IF('Standard Profiles'!$G$21=$B$17,14,0)+IF('Standard Profiles'!$G$21=$B$24,21,0),MOD($C7223,24)+1)/SUM(INDEX($D$3:$AA$30,INDEX(Jesper!$R$2:$R$366,ROW(INDEX(Jesper!AK$2:AK$366,ROUNDDOWN($C7223/24,0)+1,1))-1)+IF('Standard Profiles'!$G$21=$B$10,7,0)+IF('Standard Profiles'!$G$21=$B$17,14,0)+IF('Standard Profiles'!$G$21=$B$24,21,0),0)),0)</f>
        <v>3.5013304485509793</v>
      </c>
      <c r="H7223" cm="1">
        <f t="array" ref="H7223">IFERROR(INDEX(Jesper!AL$2:AL$366,ROUNDDOWN($C7223/24,0)+1,1)*INDEX($D$3:$AA$30,INDEX(Jesper!$R$2:$R$366,ROW(INDEX(Jesper!AL$2:AL$366,ROUNDDOWN($C7223/24,0)+1,1))-1)+IF('Standard Profiles'!$G$22=$B$10,7,0)+IF('Standard Profiles'!$G$22=$B$17,14,0)+IF('Standard Profiles'!$G$22=$B$24,21,0),MOD($C7223,24)+1)/SUM(INDEX($D$3:$AA$30,INDEX(Jesper!$R$2:$R$366,ROW(INDEX(Jesper!AL$2:AL$366,ROUNDDOWN($C7223/24,0)+1,1))-1)+IF('Standard Profiles'!$G$22=$B$10,7,0)+IF('Standard Profiles'!$G$22=$B$17,14,0)+IF('Standard Profiles'!$G$22=$B$24,21,0),0)),0)</f>
        <v>0</v>
      </c>
      <c r="I7223">
        <f t="shared" si="804"/>
        <v>1.6806386153044692</v>
      </c>
      <c r="J7223">
        <f t="shared" si="805"/>
        <v>41.236757518468437</v>
      </c>
      <c r="K7223">
        <f t="shared" si="806"/>
        <v>2.7093600997511809</v>
      </c>
      <c r="L7223">
        <f t="shared" si="807"/>
        <v>1.3546800498755904</v>
      </c>
      <c r="M7223">
        <f t="shared" si="808"/>
        <v>0</v>
      </c>
      <c r="N7223" s="45">
        <f t="shared" si="809"/>
        <v>45226.541666649231</v>
      </c>
    </row>
    <row r="7224" spans="2:14" x14ac:dyDescent="0.25">
      <c r="B7224">
        <f t="shared" si="803"/>
        <v>5</v>
      </c>
      <c r="C7224" s="16">
        <v>7190</v>
      </c>
      <c r="D7224" cm="1">
        <f t="array" ref="D7224">IFERROR(INDEX(Jesper!AH$2:AH$366,ROUNDDOWN($C7224/24,0)+1,1)*INDEX($D$3:$AA$30,INDEX(Jesper!$R$2:$R$366,ROW(INDEX(Jesper!AH$2:AH$366,ROUNDDOWN($C7224/24,0)+1,1))-1)+IF('Standard Profiles'!$G$18=$B$10,7,0)+IF('Standard Profiles'!$G$18=$B$17,14,0)+IF('Standard Profiles'!$G$18=$B$24,21,0),MOD($C7224,24)+1)/SUM(INDEX($D$3:$AA$30,INDEX(Jesper!$R$2:$R$366,ROW(INDEX(Jesper!AH$2:AH$366,ROUNDDOWN($C7224/24,0)+1,1))-1)+IF('Standard Profiles'!$G$18=$B$10,7,0)+IF('Standard Profiles'!$G$18=$B$17,14,0)+IF('Standard Profiles'!$G$18=$B$24,21,0),0)),0)</f>
        <v>36.689251350797235</v>
      </c>
      <c r="E7224" cm="1">
        <f t="array" ref="E7224">IFERROR(INDEX(Jesper!AI$2:AI$366,ROUNDDOWN($C7224/24,0)+1,1)*INDEX($D$3:$AA$30,INDEX(Jesper!$R$2:$R$366,ROW(INDEX(Jesper!AI$2:AI$366,ROUNDDOWN($C7224/24,0)+1,1))-1)+IF('Standard Profiles'!$G$19=$B$10,7,0)+IF('Standard Profiles'!$G$19=$B$17,14,0)+IF('Standard Profiles'!$G$19=$B$24,21,0),MOD($C7224,24)+1)/SUM(INDEX($D$3:$AA$30,INDEX(Jesper!$R$2:$R$366,ROW(INDEX(Jesper!AI$2:AI$366,ROUNDDOWN($C7224/24,0)+1,1))-1)+IF('Standard Profiles'!$G$19=$B$10,7,0)+IF('Standard Profiles'!$G$19=$B$17,14,0)+IF('Standard Profiles'!$G$19=$B$24,21,0),0)),0)</f>
        <v>26.115345966206434</v>
      </c>
      <c r="F7224" cm="1">
        <f t="array" ref="F7224">IFERROR(INDEX(Jesper!AJ$2:AJ$366,ROUNDDOWN($C7224/24,0)+1,1)*INDEX($D$3:$AA$30,INDEX(Jesper!$R$2:$R$366,ROW(INDEX(Jesper!AJ$2:AJ$366,ROUNDDOWN($C7224/24,0)+1,1))-1)+IF('Standard Profiles'!$G$20=$B$10,7,0)+IF('Standard Profiles'!$G$20=$B$17,14,0)+IF('Standard Profiles'!$G$20=$B$24,21,0),MOD($C7224,24)+1)/SUM(INDEX($D$3:$AA$30,INDEX(Jesper!$R$2:$R$366,ROW(INDEX(Jesper!AJ$2:AJ$366,ROUNDDOWN($C7224/24,0)+1,1))-1)+IF('Standard Profiles'!$G$20=$B$10,7,0)+IF('Standard Profiles'!$G$20=$B$17,14,0)+IF('Standard Profiles'!$G$20=$B$24,21,0),0)),0)</f>
        <v>0</v>
      </c>
      <c r="G7224" cm="1">
        <f t="array" ref="G7224">IFERROR(INDEX(Jesper!AK$2:AK$366,ROUNDDOWN($C7224/24,0)+1,1)*INDEX($D$3:$AA$30,INDEX(Jesper!$R$2:$R$366,ROW(INDEX(Jesper!AK$2:AK$366,ROUNDDOWN($C7224/24,0)+1,1))-1)+IF('Standard Profiles'!$G$21=$B$10,7,0)+IF('Standard Profiles'!$G$21=$B$17,14,0)+IF('Standard Profiles'!$G$21=$B$24,21,0),MOD($C7224,24)+1)/SUM(INDEX($D$3:$AA$30,INDEX(Jesper!$R$2:$R$366,ROW(INDEX(Jesper!AK$2:AK$366,ROUNDDOWN($C7224/24,0)+1,1))-1)+IF('Standard Profiles'!$G$21=$B$10,7,0)+IF('Standard Profiles'!$G$21=$B$17,14,0)+IF('Standard Profiles'!$G$21=$B$24,21,0),0)),0)</f>
        <v>5.057477314573636</v>
      </c>
      <c r="H7224" cm="1">
        <f t="array" ref="H7224">IFERROR(INDEX(Jesper!AL$2:AL$366,ROUNDDOWN($C7224/24,0)+1,1)*INDEX($D$3:$AA$30,INDEX(Jesper!$R$2:$R$366,ROW(INDEX(Jesper!AL$2:AL$366,ROUNDDOWN($C7224/24,0)+1,1))-1)+IF('Standard Profiles'!$G$22=$B$10,7,0)+IF('Standard Profiles'!$G$22=$B$17,14,0)+IF('Standard Profiles'!$G$22=$B$24,21,0),MOD($C7224,24)+1)/SUM(INDEX($D$3:$AA$30,INDEX(Jesper!$R$2:$R$366,ROW(INDEX(Jesper!AL$2:AL$366,ROUNDDOWN($C7224/24,0)+1,1))-1)+IF('Standard Profiles'!$G$22=$B$10,7,0)+IF('Standard Profiles'!$G$22=$B$17,14,0)+IF('Standard Profiles'!$G$22=$B$24,21,0),0)),0)</f>
        <v>0</v>
      </c>
      <c r="I7224">
        <f t="shared" si="804"/>
        <v>2.4275891109953442</v>
      </c>
      <c r="J7224">
        <f t="shared" si="805"/>
        <v>59.564205304454404</v>
      </c>
      <c r="K7224">
        <f t="shared" si="806"/>
        <v>3.9135201440850387</v>
      </c>
      <c r="L7224">
        <f t="shared" si="807"/>
        <v>1.9567600720425193</v>
      </c>
      <c r="M7224">
        <f t="shared" si="808"/>
        <v>0</v>
      </c>
      <c r="N7224" s="45">
        <f t="shared" si="809"/>
        <v>45226.583333315895</v>
      </c>
    </row>
    <row r="7225" spans="2:14" x14ac:dyDescent="0.25">
      <c r="B7225">
        <f t="shared" si="803"/>
        <v>5</v>
      </c>
      <c r="C7225" s="16">
        <v>7191</v>
      </c>
      <c r="D7225" cm="1">
        <f t="array" ref="D7225">IFERROR(INDEX(Jesper!AH$2:AH$366,ROUNDDOWN($C7225/24,0)+1,1)*INDEX($D$3:$AA$30,INDEX(Jesper!$R$2:$R$366,ROW(INDEX(Jesper!AH$2:AH$366,ROUNDDOWN($C7225/24,0)+1,1))-1)+IF('Standard Profiles'!$G$18=$B$10,7,0)+IF('Standard Profiles'!$G$18=$B$17,14,0)+IF('Standard Profiles'!$G$18=$B$24,21,0),MOD($C7225,24)+1)/SUM(INDEX($D$3:$AA$30,INDEX(Jesper!$R$2:$R$366,ROW(INDEX(Jesper!AH$2:AH$366,ROUNDDOWN($C7225/24,0)+1,1))-1)+IF('Standard Profiles'!$G$18=$B$10,7,0)+IF('Standard Profiles'!$G$18=$B$17,14,0)+IF('Standard Profiles'!$G$18=$B$24,21,0),0)),0)</f>
        <v>28.222501039074796</v>
      </c>
      <c r="E7225" cm="1">
        <f t="array" ref="E7225">IFERROR(INDEX(Jesper!AI$2:AI$366,ROUNDDOWN($C7225/24,0)+1,1)*INDEX($D$3:$AA$30,INDEX(Jesper!$R$2:$R$366,ROW(INDEX(Jesper!AI$2:AI$366,ROUNDDOWN($C7225/24,0)+1,1))-1)+IF('Standard Profiles'!$G$19=$B$10,7,0)+IF('Standard Profiles'!$G$19=$B$17,14,0)+IF('Standard Profiles'!$G$19=$B$24,21,0),MOD($C7225,24)+1)/SUM(INDEX($D$3:$AA$30,INDEX(Jesper!$R$2:$R$366,ROW(INDEX(Jesper!AI$2:AI$366,ROUNDDOWN($C7225/24,0)+1,1))-1)+IF('Standard Profiles'!$G$19=$B$10,7,0)+IF('Standard Profiles'!$G$19=$B$17,14,0)+IF('Standard Profiles'!$G$19=$B$24,21,0),0)),0)</f>
        <v>20.088727666312639</v>
      </c>
      <c r="F7225" cm="1">
        <f t="array" ref="F7225">IFERROR(INDEX(Jesper!AJ$2:AJ$366,ROUNDDOWN($C7225/24,0)+1,1)*INDEX($D$3:$AA$30,INDEX(Jesper!$R$2:$R$366,ROW(INDEX(Jesper!AJ$2:AJ$366,ROUNDDOWN($C7225/24,0)+1,1))-1)+IF('Standard Profiles'!$G$20=$B$10,7,0)+IF('Standard Profiles'!$G$20=$B$17,14,0)+IF('Standard Profiles'!$G$20=$B$24,21,0),MOD($C7225,24)+1)/SUM(INDEX($D$3:$AA$30,INDEX(Jesper!$R$2:$R$366,ROW(INDEX(Jesper!AJ$2:AJ$366,ROUNDDOWN($C7225/24,0)+1,1))-1)+IF('Standard Profiles'!$G$20=$B$10,7,0)+IF('Standard Profiles'!$G$20=$B$17,14,0)+IF('Standard Profiles'!$G$20=$B$24,21,0),0)),0)</f>
        <v>0</v>
      </c>
      <c r="G7225" cm="1">
        <f t="array" ref="G7225">IFERROR(INDEX(Jesper!AK$2:AK$366,ROUNDDOWN($C7225/24,0)+1,1)*INDEX($D$3:$AA$30,INDEX(Jesper!$R$2:$R$366,ROW(INDEX(Jesper!AK$2:AK$366,ROUNDDOWN($C7225/24,0)+1,1))-1)+IF('Standard Profiles'!$G$21=$B$10,7,0)+IF('Standard Profiles'!$G$21=$B$17,14,0)+IF('Standard Profiles'!$G$21=$B$24,21,0),MOD($C7225,24)+1)/SUM(INDEX($D$3:$AA$30,INDEX(Jesper!$R$2:$R$366,ROW(INDEX(Jesper!AK$2:AK$366,ROUNDDOWN($C7225/24,0)+1,1))-1)+IF('Standard Profiles'!$G$21=$B$10,7,0)+IF('Standard Profiles'!$G$21=$B$17,14,0)+IF('Standard Profiles'!$G$21=$B$24,21,0),0)),0)</f>
        <v>4.279403881562307</v>
      </c>
      <c r="H7225" cm="1">
        <f t="array" ref="H7225">IFERROR(INDEX(Jesper!AL$2:AL$366,ROUNDDOWN($C7225/24,0)+1,1)*INDEX($D$3:$AA$30,INDEX(Jesper!$R$2:$R$366,ROW(INDEX(Jesper!AL$2:AL$366,ROUNDDOWN($C7225/24,0)+1,1))-1)+IF('Standard Profiles'!$G$22=$B$10,7,0)+IF('Standard Profiles'!$G$22=$B$17,14,0)+IF('Standard Profiles'!$G$22=$B$24,21,0),MOD($C7225,24)+1)/SUM(INDEX($D$3:$AA$30,INDEX(Jesper!$R$2:$R$366,ROW(INDEX(Jesper!AL$2:AL$366,ROUNDDOWN($C7225/24,0)+1,1))-1)+IF('Standard Profiles'!$G$22=$B$10,7,0)+IF('Standard Profiles'!$G$22=$B$17,14,0)+IF('Standard Profiles'!$G$22=$B$24,21,0),0)),0)</f>
        <v>0</v>
      </c>
      <c r="I7225">
        <f t="shared" si="804"/>
        <v>2.0541138631499063</v>
      </c>
      <c r="J7225">
        <f t="shared" si="805"/>
        <v>46.020918557547866</v>
      </c>
      <c r="K7225">
        <f t="shared" si="806"/>
        <v>3.0104001108346452</v>
      </c>
      <c r="L7225">
        <f t="shared" si="807"/>
        <v>1.5052000554173226</v>
      </c>
      <c r="M7225">
        <f t="shared" si="808"/>
        <v>0</v>
      </c>
      <c r="N7225" s="45">
        <f t="shared" si="809"/>
        <v>45226.62499998256</v>
      </c>
    </row>
    <row r="7226" spans="2:14" x14ac:dyDescent="0.25">
      <c r="B7226">
        <f t="shared" si="803"/>
        <v>5</v>
      </c>
      <c r="C7226" s="16">
        <v>7192</v>
      </c>
      <c r="D7226" cm="1">
        <f t="array" ref="D7226">IFERROR(INDEX(Jesper!AH$2:AH$366,ROUNDDOWN($C7226/24,0)+1,1)*INDEX($D$3:$AA$30,INDEX(Jesper!$R$2:$R$366,ROW(INDEX(Jesper!AH$2:AH$366,ROUNDDOWN($C7226/24,0)+1,1))-1)+IF('Standard Profiles'!$G$18=$B$10,7,0)+IF('Standard Profiles'!$G$18=$B$17,14,0)+IF('Standard Profiles'!$G$18=$B$24,21,0),MOD($C7226,24)+1)/SUM(INDEX($D$3:$AA$30,INDEX(Jesper!$R$2:$R$366,ROW(INDEX(Jesper!AH$2:AH$366,ROUNDDOWN($C7226/24,0)+1,1))-1)+IF('Standard Profiles'!$G$18=$B$10,7,0)+IF('Standard Profiles'!$G$18=$B$17,14,0)+IF('Standard Profiles'!$G$18=$B$24,21,0),0)),0)</f>
        <v>13.250000487828544</v>
      </c>
      <c r="E7226" cm="1">
        <f t="array" ref="E7226">IFERROR(INDEX(Jesper!AI$2:AI$366,ROUNDDOWN($C7226/24,0)+1,1)*INDEX($D$3:$AA$30,INDEX(Jesper!$R$2:$R$366,ROW(INDEX(Jesper!AI$2:AI$366,ROUNDDOWN($C7226/24,0)+1,1))-1)+IF('Standard Profiles'!$G$19=$B$10,7,0)+IF('Standard Profiles'!$G$19=$B$17,14,0)+IF('Standard Profiles'!$G$19=$B$24,21,0),MOD($C7226,24)+1)/SUM(INDEX($D$3:$AA$30,INDEX(Jesper!$R$2:$R$366,ROW(INDEX(Jesper!AI$2:AI$366,ROUNDDOWN($C7226/24,0)+1,1))-1)+IF('Standard Profiles'!$G$19=$B$10,7,0)+IF('Standard Profiles'!$G$19=$B$17,14,0)+IF('Standard Profiles'!$G$19=$B$24,21,0),0)),0)</f>
        <v>9.431327542869786</v>
      </c>
      <c r="F7226" cm="1">
        <f t="array" ref="F7226">IFERROR(INDEX(Jesper!AJ$2:AJ$366,ROUNDDOWN($C7226/24,0)+1,1)*INDEX($D$3:$AA$30,INDEX(Jesper!$R$2:$R$366,ROW(INDEX(Jesper!AJ$2:AJ$366,ROUNDDOWN($C7226/24,0)+1,1))-1)+IF('Standard Profiles'!$G$20=$B$10,7,0)+IF('Standard Profiles'!$G$20=$B$17,14,0)+IF('Standard Profiles'!$G$20=$B$24,21,0),MOD($C7226,24)+1)/SUM(INDEX($D$3:$AA$30,INDEX(Jesper!$R$2:$R$366,ROW(INDEX(Jesper!AJ$2:AJ$366,ROUNDDOWN($C7226/24,0)+1,1))-1)+IF('Standard Profiles'!$G$20=$B$10,7,0)+IF('Standard Profiles'!$G$20=$B$17,14,0)+IF('Standard Profiles'!$G$20=$B$24,21,0),0)),0)</f>
        <v>0</v>
      </c>
      <c r="G7226" cm="1">
        <f t="array" ref="G7226">IFERROR(INDEX(Jesper!AK$2:AK$366,ROUNDDOWN($C7226/24,0)+1,1)*INDEX($D$3:$AA$30,INDEX(Jesper!$R$2:$R$366,ROW(INDEX(Jesper!AK$2:AK$366,ROUNDDOWN($C7226/24,0)+1,1))-1)+IF('Standard Profiles'!$G$21=$B$10,7,0)+IF('Standard Profiles'!$G$21=$B$17,14,0)+IF('Standard Profiles'!$G$21=$B$24,21,0),MOD($C7226,24)+1)/SUM(INDEX($D$3:$AA$30,INDEX(Jesper!$R$2:$R$366,ROW(INDEX(Jesper!AK$2:AK$366,ROUNDDOWN($C7226/24,0)+1,1))-1)+IF('Standard Profiles'!$G$21=$B$10,7,0)+IF('Standard Profiles'!$G$21=$B$17,14,0)+IF('Standard Profiles'!$G$21=$B$24,21,0),0)),0)</f>
        <v>3.7051115857682317</v>
      </c>
      <c r="H7226" cm="1">
        <f t="array" ref="H7226">IFERROR(INDEX(Jesper!AL$2:AL$366,ROUNDDOWN($C7226/24,0)+1,1)*INDEX($D$3:$AA$30,INDEX(Jesper!$R$2:$R$366,ROW(INDEX(Jesper!AL$2:AL$366,ROUNDDOWN($C7226/24,0)+1,1))-1)+IF('Standard Profiles'!$G$22=$B$10,7,0)+IF('Standard Profiles'!$G$22=$B$17,14,0)+IF('Standard Profiles'!$G$22=$B$24,21,0),MOD($C7226,24)+1)/SUM(INDEX($D$3:$AA$30,INDEX(Jesper!$R$2:$R$366,ROW(INDEX(Jesper!AL$2:AL$366,ROUNDDOWN($C7226/24,0)+1,1))-1)+IF('Standard Profiles'!$G$22=$B$10,7,0)+IF('Standard Profiles'!$G$22=$B$17,14,0)+IF('Standard Profiles'!$G$22=$B$24,21,0),0)),0)</f>
        <v>0</v>
      </c>
      <c r="I7226">
        <f t="shared" si="804"/>
        <v>1.7784535611687504</v>
      </c>
      <c r="J7226">
        <f t="shared" si="805"/>
        <v>22.487985977245245</v>
      </c>
      <c r="K7226">
        <f t="shared" si="806"/>
        <v>1.413333385368378</v>
      </c>
      <c r="L7226">
        <f t="shared" si="807"/>
        <v>0.70666669268418902</v>
      </c>
      <c r="M7226">
        <f t="shared" si="808"/>
        <v>0</v>
      </c>
      <c r="N7226" s="45">
        <f t="shared" si="809"/>
        <v>45226.666666649224</v>
      </c>
    </row>
    <row r="7227" spans="2:14" x14ac:dyDescent="0.25">
      <c r="B7227">
        <f t="shared" si="803"/>
        <v>5</v>
      </c>
      <c r="C7227" s="16">
        <v>7193</v>
      </c>
      <c r="D7227" cm="1">
        <f t="array" ref="D7227">IFERROR(INDEX(Jesper!AH$2:AH$366,ROUNDDOWN($C7227/24,0)+1,1)*INDEX($D$3:$AA$30,INDEX(Jesper!$R$2:$R$366,ROW(INDEX(Jesper!AH$2:AH$366,ROUNDDOWN($C7227/24,0)+1,1))-1)+IF('Standard Profiles'!$G$18=$B$10,7,0)+IF('Standard Profiles'!$G$18=$B$17,14,0)+IF('Standard Profiles'!$G$18=$B$24,21,0),MOD($C7227,24)+1)/SUM(INDEX($D$3:$AA$30,INDEX(Jesper!$R$2:$R$366,ROW(INDEX(Jesper!AH$2:AH$366,ROUNDDOWN($C7227/24,0)+1,1))-1)+IF('Standard Profiles'!$G$18=$B$10,7,0)+IF('Standard Profiles'!$G$18=$B$17,14,0)+IF('Standard Profiles'!$G$18=$B$24,21,0),0)),0)</f>
        <v>8.74500032196684</v>
      </c>
      <c r="E7227" cm="1">
        <f t="array" ref="E7227">IFERROR(INDEX(Jesper!AI$2:AI$366,ROUNDDOWN($C7227/24,0)+1,1)*INDEX($D$3:$AA$30,INDEX(Jesper!$R$2:$R$366,ROW(INDEX(Jesper!AI$2:AI$366,ROUNDDOWN($C7227/24,0)+1,1))-1)+IF('Standard Profiles'!$G$19=$B$10,7,0)+IF('Standard Profiles'!$G$19=$B$17,14,0)+IF('Standard Profiles'!$G$19=$B$24,21,0),MOD($C7227,24)+1)/SUM(INDEX($D$3:$AA$30,INDEX(Jesper!$R$2:$R$366,ROW(INDEX(Jesper!AI$2:AI$366,ROUNDDOWN($C7227/24,0)+1,1))-1)+IF('Standard Profiles'!$G$19=$B$10,7,0)+IF('Standard Profiles'!$G$19=$B$17,14,0)+IF('Standard Profiles'!$G$19=$B$24,21,0),0)),0)</f>
        <v>6.2246761782940583</v>
      </c>
      <c r="F7227" cm="1">
        <f t="array" ref="F7227">IFERROR(INDEX(Jesper!AJ$2:AJ$366,ROUNDDOWN($C7227/24,0)+1,1)*INDEX($D$3:$AA$30,INDEX(Jesper!$R$2:$R$366,ROW(INDEX(Jesper!AJ$2:AJ$366,ROUNDDOWN($C7227/24,0)+1,1))-1)+IF('Standard Profiles'!$G$20=$B$10,7,0)+IF('Standard Profiles'!$G$20=$B$17,14,0)+IF('Standard Profiles'!$G$20=$B$24,21,0),MOD($C7227,24)+1)/SUM(INDEX($D$3:$AA$30,INDEX(Jesper!$R$2:$R$366,ROW(INDEX(Jesper!AJ$2:AJ$366,ROUNDDOWN($C7227/24,0)+1,1))-1)+IF('Standard Profiles'!$G$20=$B$10,7,0)+IF('Standard Profiles'!$G$20=$B$17,14,0)+IF('Standard Profiles'!$G$20=$B$24,21,0),0)),0)</f>
        <v>0</v>
      </c>
      <c r="G7227" cm="1">
        <f t="array" ref="G7227">IFERROR(INDEX(Jesper!AK$2:AK$366,ROUNDDOWN($C7227/24,0)+1,1)*INDEX($D$3:$AA$30,INDEX(Jesper!$R$2:$R$366,ROW(INDEX(Jesper!AK$2:AK$366,ROUNDDOWN($C7227/24,0)+1,1))-1)+IF('Standard Profiles'!$G$21=$B$10,7,0)+IF('Standard Profiles'!$G$21=$B$17,14,0)+IF('Standard Profiles'!$G$21=$B$24,21,0),MOD($C7227,24)+1)/SUM(INDEX($D$3:$AA$30,INDEX(Jesper!$R$2:$R$366,ROW(INDEX(Jesper!AK$2:AK$366,ROUNDDOWN($C7227/24,0)+1,1))-1)+IF('Standard Profiles'!$G$21=$B$10,7,0)+IF('Standard Profiles'!$G$21=$B$17,14,0)+IF('Standard Profiles'!$G$21=$B$24,21,0),0)),0)</f>
        <v>3.1122937320453143</v>
      </c>
      <c r="H7227" cm="1">
        <f t="array" ref="H7227">IFERROR(INDEX(Jesper!AL$2:AL$366,ROUNDDOWN($C7227/24,0)+1,1)*INDEX($D$3:$AA$30,INDEX(Jesper!$R$2:$R$366,ROW(INDEX(Jesper!AL$2:AL$366,ROUNDDOWN($C7227/24,0)+1,1))-1)+IF('Standard Profiles'!$G$22=$B$10,7,0)+IF('Standard Profiles'!$G$22=$B$17,14,0)+IF('Standard Profiles'!$G$22=$B$24,21,0),MOD($C7227,24)+1)/SUM(INDEX($D$3:$AA$30,INDEX(Jesper!$R$2:$R$366,ROW(INDEX(Jesper!AL$2:AL$366,ROUNDDOWN($C7227/24,0)+1,1))-1)+IF('Standard Profiles'!$G$22=$B$10,7,0)+IF('Standard Profiles'!$G$22=$B$17,14,0)+IF('Standard Profiles'!$G$22=$B$24,21,0),0)),0)</f>
        <v>0</v>
      </c>
      <c r="I7227">
        <f t="shared" si="804"/>
        <v>1.49390099138175</v>
      </c>
      <c r="J7227">
        <f t="shared" si="805"/>
        <v>15.188869189409768</v>
      </c>
      <c r="K7227">
        <f t="shared" si="806"/>
        <v>0.93280003434312964</v>
      </c>
      <c r="L7227">
        <f t="shared" si="807"/>
        <v>0.46640001717156482</v>
      </c>
      <c r="M7227">
        <f t="shared" si="808"/>
        <v>0</v>
      </c>
      <c r="N7227" s="45">
        <f t="shared" si="809"/>
        <v>45226.708333315888</v>
      </c>
    </row>
    <row r="7228" spans="2:14" x14ac:dyDescent="0.25">
      <c r="B7228">
        <f t="shared" si="803"/>
        <v>5</v>
      </c>
      <c r="C7228" s="16">
        <v>7194</v>
      </c>
      <c r="D7228" cm="1">
        <f t="array" ref="D7228">IFERROR(INDEX(Jesper!AH$2:AH$366,ROUNDDOWN($C7228/24,0)+1,1)*INDEX($D$3:$AA$30,INDEX(Jesper!$R$2:$R$366,ROW(INDEX(Jesper!AH$2:AH$366,ROUNDDOWN($C7228/24,0)+1,1))-1)+IF('Standard Profiles'!$G$18=$B$10,7,0)+IF('Standard Profiles'!$G$18=$B$17,14,0)+IF('Standard Profiles'!$G$18=$B$24,21,0),MOD($C7228,24)+1)/SUM(INDEX($D$3:$AA$30,INDEX(Jesper!$R$2:$R$366,ROW(INDEX(Jesper!AH$2:AH$366,ROUNDDOWN($C7228/24,0)+1,1))-1)+IF('Standard Profiles'!$G$18=$B$10,7,0)+IF('Standard Profiles'!$G$18=$B$17,14,0)+IF('Standard Profiles'!$G$18=$B$24,21,0),0)),0)</f>
        <v>5.5650002048879887</v>
      </c>
      <c r="E7228" cm="1">
        <f t="array" ref="E7228">IFERROR(INDEX(Jesper!AI$2:AI$366,ROUNDDOWN($C7228/24,0)+1,1)*INDEX($D$3:$AA$30,INDEX(Jesper!$R$2:$R$366,ROW(INDEX(Jesper!AI$2:AI$366,ROUNDDOWN($C7228/24,0)+1,1))-1)+IF('Standard Profiles'!$G$19=$B$10,7,0)+IF('Standard Profiles'!$G$19=$B$17,14,0)+IF('Standard Profiles'!$G$19=$B$24,21,0),MOD($C7228,24)+1)/SUM(INDEX($D$3:$AA$30,INDEX(Jesper!$R$2:$R$366,ROW(INDEX(Jesper!AI$2:AI$366,ROUNDDOWN($C7228/24,0)+1,1))-1)+IF('Standard Profiles'!$G$19=$B$10,7,0)+IF('Standard Profiles'!$G$19=$B$17,14,0)+IF('Standard Profiles'!$G$19=$B$24,21,0),0)),0)</f>
        <v>3.961157568005309</v>
      </c>
      <c r="F7228" cm="1">
        <f t="array" ref="F7228">IFERROR(INDEX(Jesper!AJ$2:AJ$366,ROUNDDOWN($C7228/24,0)+1,1)*INDEX($D$3:$AA$30,INDEX(Jesper!$R$2:$R$366,ROW(INDEX(Jesper!AJ$2:AJ$366,ROUNDDOWN($C7228/24,0)+1,1))-1)+IF('Standard Profiles'!$G$20=$B$10,7,0)+IF('Standard Profiles'!$G$20=$B$17,14,0)+IF('Standard Profiles'!$G$20=$B$24,21,0),MOD($C7228,24)+1)/SUM(INDEX($D$3:$AA$30,INDEX(Jesper!$R$2:$R$366,ROW(INDEX(Jesper!AJ$2:AJ$366,ROUNDDOWN($C7228/24,0)+1,1))-1)+IF('Standard Profiles'!$G$20=$B$10,7,0)+IF('Standard Profiles'!$G$20=$B$17,14,0)+IF('Standard Profiles'!$G$20=$B$24,21,0),0)),0)</f>
        <v>0</v>
      </c>
      <c r="G7228" cm="1">
        <f t="array" ref="G7228">IFERROR(INDEX(Jesper!AK$2:AK$366,ROUNDDOWN($C7228/24,0)+1,1)*INDEX($D$3:$AA$30,INDEX(Jesper!$R$2:$R$366,ROW(INDEX(Jesper!AK$2:AK$366,ROUNDDOWN($C7228/24,0)+1,1))-1)+IF('Standard Profiles'!$G$21=$B$10,7,0)+IF('Standard Profiles'!$G$21=$B$17,14,0)+IF('Standard Profiles'!$G$21=$B$24,21,0),MOD($C7228,24)+1)/SUM(INDEX($D$3:$AA$30,INDEX(Jesper!$R$2:$R$366,ROW(INDEX(Jesper!AK$2:AK$366,ROUNDDOWN($C7228/24,0)+1,1))-1)+IF('Standard Profiles'!$G$21=$B$10,7,0)+IF('Standard Profiles'!$G$21=$B$17,14,0)+IF('Standard Profiles'!$G$21=$B$24,21,0),0)),0)</f>
        <v>1.1485845915881518</v>
      </c>
      <c r="H7228" cm="1">
        <f t="array" ref="H7228">IFERROR(INDEX(Jesper!AL$2:AL$366,ROUNDDOWN($C7228/24,0)+1,1)*INDEX($D$3:$AA$30,INDEX(Jesper!$R$2:$R$366,ROW(INDEX(Jesper!AL$2:AL$366,ROUNDDOWN($C7228/24,0)+1,1))-1)+IF('Standard Profiles'!$G$22=$B$10,7,0)+IF('Standard Profiles'!$G$22=$B$17,14,0)+IF('Standard Profiles'!$G$22=$B$24,21,0),MOD($C7228,24)+1)/SUM(INDEX($D$3:$AA$30,INDEX(Jesper!$R$2:$R$366,ROW(INDEX(Jesper!AL$2:AL$366,ROUNDDOWN($C7228/24,0)+1,1))-1)+IF('Standard Profiles'!$G$22=$B$10,7,0)+IF('Standard Profiles'!$G$22=$B$17,14,0)+IF('Standard Profiles'!$G$22=$B$24,21,0),0)),0)</f>
        <v>0</v>
      </c>
      <c r="I7228">
        <f t="shared" si="804"/>
        <v>0.55132060396231264</v>
      </c>
      <c r="J7228">
        <f t="shared" si="805"/>
        <v>9.233021727737059</v>
      </c>
      <c r="K7228">
        <f t="shared" si="806"/>
        <v>0.59360002185471883</v>
      </c>
      <c r="L7228">
        <f t="shared" si="807"/>
        <v>0.29680001092735941</v>
      </c>
      <c r="M7228">
        <f t="shared" si="808"/>
        <v>0</v>
      </c>
      <c r="N7228" s="45">
        <f t="shared" si="809"/>
        <v>45226.749999982552</v>
      </c>
    </row>
    <row r="7229" spans="2:14" x14ac:dyDescent="0.25">
      <c r="B7229">
        <f t="shared" si="803"/>
        <v>5</v>
      </c>
      <c r="C7229" s="16">
        <v>7195</v>
      </c>
      <c r="D7229" cm="1">
        <f t="array" ref="D7229">IFERROR(INDEX(Jesper!AH$2:AH$366,ROUNDDOWN($C7229/24,0)+1,1)*INDEX($D$3:$AA$30,INDEX(Jesper!$R$2:$R$366,ROW(INDEX(Jesper!AH$2:AH$366,ROUNDDOWN($C7229/24,0)+1,1))-1)+IF('Standard Profiles'!$G$18=$B$10,7,0)+IF('Standard Profiles'!$G$18=$B$17,14,0)+IF('Standard Profiles'!$G$18=$B$24,21,0),MOD($C7229,24)+1)/SUM(INDEX($D$3:$AA$30,INDEX(Jesper!$R$2:$R$366,ROW(INDEX(Jesper!AH$2:AH$366,ROUNDDOWN($C7229/24,0)+1,1))-1)+IF('Standard Profiles'!$G$18=$B$10,7,0)+IF('Standard Profiles'!$G$18=$B$17,14,0)+IF('Standard Profiles'!$G$18=$B$24,21,0),0)),0)</f>
        <v>5.3000001951314184</v>
      </c>
      <c r="E7229" cm="1">
        <f t="array" ref="E7229">IFERROR(INDEX(Jesper!AI$2:AI$366,ROUNDDOWN($C7229/24,0)+1,1)*INDEX($D$3:$AA$30,INDEX(Jesper!$R$2:$R$366,ROW(INDEX(Jesper!AI$2:AI$366,ROUNDDOWN($C7229/24,0)+1,1))-1)+IF('Standard Profiles'!$G$19=$B$10,7,0)+IF('Standard Profiles'!$G$19=$B$17,14,0)+IF('Standard Profiles'!$G$19=$B$24,21,0),MOD($C7229,24)+1)/SUM(INDEX($D$3:$AA$30,INDEX(Jesper!$R$2:$R$366,ROW(INDEX(Jesper!AI$2:AI$366,ROUNDDOWN($C7229/24,0)+1,1))-1)+IF('Standard Profiles'!$G$19=$B$10,7,0)+IF('Standard Profiles'!$G$19=$B$17,14,0)+IF('Standard Profiles'!$G$19=$B$24,21,0),0)),0)</f>
        <v>3.7725310171479145</v>
      </c>
      <c r="F7229" cm="1">
        <f t="array" ref="F7229">IFERROR(INDEX(Jesper!AJ$2:AJ$366,ROUNDDOWN($C7229/24,0)+1,1)*INDEX($D$3:$AA$30,INDEX(Jesper!$R$2:$R$366,ROW(INDEX(Jesper!AJ$2:AJ$366,ROUNDDOWN($C7229/24,0)+1,1))-1)+IF('Standard Profiles'!$G$20=$B$10,7,0)+IF('Standard Profiles'!$G$20=$B$17,14,0)+IF('Standard Profiles'!$G$20=$B$24,21,0),MOD($C7229,24)+1)/SUM(INDEX($D$3:$AA$30,INDEX(Jesper!$R$2:$R$366,ROW(INDEX(Jesper!AJ$2:AJ$366,ROUNDDOWN($C7229/24,0)+1,1))-1)+IF('Standard Profiles'!$G$20=$B$10,7,0)+IF('Standard Profiles'!$G$20=$B$17,14,0)+IF('Standard Profiles'!$G$20=$B$24,21,0),0)),0)</f>
        <v>0</v>
      </c>
      <c r="G7229" cm="1">
        <f t="array" ref="G7229">IFERROR(INDEX(Jesper!AK$2:AK$366,ROUNDDOWN($C7229/24,0)+1,1)*INDEX($D$3:$AA$30,INDEX(Jesper!$R$2:$R$366,ROW(INDEX(Jesper!AK$2:AK$366,ROUNDDOWN($C7229/24,0)+1,1))-1)+IF('Standard Profiles'!$G$21=$B$10,7,0)+IF('Standard Profiles'!$G$21=$B$17,14,0)+IF('Standard Profiles'!$G$21=$B$24,21,0),MOD($C7229,24)+1)/SUM(INDEX($D$3:$AA$30,INDEX(Jesper!$R$2:$R$366,ROW(INDEX(Jesper!AK$2:AK$366,ROUNDDOWN($C7229/24,0)+1,1))-1)+IF('Standard Profiles'!$G$21=$B$10,7,0)+IF('Standard Profiles'!$G$21=$B$17,14,0)+IF('Standard Profiles'!$G$21=$B$24,21,0),0)),0)</f>
        <v>1.1485845915881518</v>
      </c>
      <c r="H7229" cm="1">
        <f t="array" ref="H7229">IFERROR(INDEX(Jesper!AL$2:AL$366,ROUNDDOWN($C7229/24,0)+1,1)*INDEX($D$3:$AA$30,INDEX(Jesper!$R$2:$R$366,ROW(INDEX(Jesper!AL$2:AL$366,ROUNDDOWN($C7229/24,0)+1,1))-1)+IF('Standard Profiles'!$G$22=$B$10,7,0)+IF('Standard Profiles'!$G$22=$B$17,14,0)+IF('Standard Profiles'!$G$22=$B$24,21,0),MOD($C7229,24)+1)/SUM(INDEX($D$3:$AA$30,INDEX(Jesper!$R$2:$R$366,ROW(INDEX(Jesper!AL$2:AL$366,ROUNDDOWN($C7229/24,0)+1,1))-1)+IF('Standard Profiles'!$G$22=$B$10,7,0)+IF('Standard Profiles'!$G$22=$B$17,14,0)+IF('Standard Profiles'!$G$22=$B$24,21,0),0)),0)</f>
        <v>0</v>
      </c>
      <c r="I7229">
        <f t="shared" si="804"/>
        <v>0.55132060396231264</v>
      </c>
      <c r="J7229">
        <f t="shared" si="805"/>
        <v>8.8217951686841438</v>
      </c>
      <c r="K7229">
        <f t="shared" si="806"/>
        <v>0.56533335414735131</v>
      </c>
      <c r="L7229">
        <f t="shared" si="807"/>
        <v>0.28266667707367565</v>
      </c>
      <c r="M7229">
        <f t="shared" si="808"/>
        <v>0</v>
      </c>
      <c r="N7229" s="45">
        <f t="shared" si="809"/>
        <v>45226.791666649216</v>
      </c>
    </row>
    <row r="7230" spans="2:14" x14ac:dyDescent="0.25">
      <c r="B7230">
        <f t="shared" si="803"/>
        <v>5</v>
      </c>
      <c r="C7230" s="16">
        <v>7196</v>
      </c>
      <c r="D7230" cm="1">
        <f t="array" ref="D7230">IFERROR(INDEX(Jesper!AH$2:AH$366,ROUNDDOWN($C7230/24,0)+1,1)*INDEX($D$3:$AA$30,INDEX(Jesper!$R$2:$R$366,ROW(INDEX(Jesper!AH$2:AH$366,ROUNDDOWN($C7230/24,0)+1,1))-1)+IF('Standard Profiles'!$G$18=$B$10,7,0)+IF('Standard Profiles'!$G$18=$B$17,14,0)+IF('Standard Profiles'!$G$18=$B$24,21,0),MOD($C7230,24)+1)/SUM(INDEX($D$3:$AA$30,INDEX(Jesper!$R$2:$R$366,ROW(INDEX(Jesper!AH$2:AH$366,ROUNDDOWN($C7230/24,0)+1,1))-1)+IF('Standard Profiles'!$G$18=$B$10,7,0)+IF('Standard Profiles'!$G$18=$B$17,14,0)+IF('Standard Profiles'!$G$18=$B$24,21,0),0)),0)</f>
        <v>5.3000001951314184</v>
      </c>
      <c r="E7230" cm="1">
        <f t="array" ref="E7230">IFERROR(INDEX(Jesper!AI$2:AI$366,ROUNDDOWN($C7230/24,0)+1,1)*INDEX($D$3:$AA$30,INDEX(Jesper!$R$2:$R$366,ROW(INDEX(Jesper!AI$2:AI$366,ROUNDDOWN($C7230/24,0)+1,1))-1)+IF('Standard Profiles'!$G$19=$B$10,7,0)+IF('Standard Profiles'!$G$19=$B$17,14,0)+IF('Standard Profiles'!$G$19=$B$24,21,0),MOD($C7230,24)+1)/SUM(INDEX($D$3:$AA$30,INDEX(Jesper!$R$2:$R$366,ROW(INDEX(Jesper!AI$2:AI$366,ROUNDDOWN($C7230/24,0)+1,1))-1)+IF('Standard Profiles'!$G$19=$B$10,7,0)+IF('Standard Profiles'!$G$19=$B$17,14,0)+IF('Standard Profiles'!$G$19=$B$24,21,0),0)),0)</f>
        <v>3.7725310171479145</v>
      </c>
      <c r="F7230" cm="1">
        <f t="array" ref="F7230">IFERROR(INDEX(Jesper!AJ$2:AJ$366,ROUNDDOWN($C7230/24,0)+1,1)*INDEX($D$3:$AA$30,INDEX(Jesper!$R$2:$R$366,ROW(INDEX(Jesper!AJ$2:AJ$366,ROUNDDOWN($C7230/24,0)+1,1))-1)+IF('Standard Profiles'!$G$20=$B$10,7,0)+IF('Standard Profiles'!$G$20=$B$17,14,0)+IF('Standard Profiles'!$G$20=$B$24,21,0),MOD($C7230,24)+1)/SUM(INDEX($D$3:$AA$30,INDEX(Jesper!$R$2:$R$366,ROW(INDEX(Jesper!AJ$2:AJ$366,ROUNDDOWN($C7230/24,0)+1,1))-1)+IF('Standard Profiles'!$G$20=$B$10,7,0)+IF('Standard Profiles'!$G$20=$B$17,14,0)+IF('Standard Profiles'!$G$20=$B$24,21,0),0)),0)</f>
        <v>0</v>
      </c>
      <c r="G7230" cm="1">
        <f t="array" ref="G7230">IFERROR(INDEX(Jesper!AK$2:AK$366,ROUNDDOWN($C7230/24,0)+1,1)*INDEX($D$3:$AA$30,INDEX(Jesper!$R$2:$R$366,ROW(INDEX(Jesper!AK$2:AK$366,ROUNDDOWN($C7230/24,0)+1,1))-1)+IF('Standard Profiles'!$G$21=$B$10,7,0)+IF('Standard Profiles'!$G$21=$B$17,14,0)+IF('Standard Profiles'!$G$21=$B$24,21,0),MOD($C7230,24)+1)/SUM(INDEX($D$3:$AA$30,INDEX(Jesper!$R$2:$R$366,ROW(INDEX(Jesper!AK$2:AK$366,ROUNDDOWN($C7230/24,0)+1,1))-1)+IF('Standard Profiles'!$G$21=$B$10,7,0)+IF('Standard Profiles'!$G$21=$B$17,14,0)+IF('Standard Profiles'!$G$21=$B$24,21,0),0)),0)</f>
        <v>1.1485845915881518</v>
      </c>
      <c r="H7230" cm="1">
        <f t="array" ref="H7230">IFERROR(INDEX(Jesper!AL$2:AL$366,ROUNDDOWN($C7230/24,0)+1,1)*INDEX($D$3:$AA$30,INDEX(Jesper!$R$2:$R$366,ROW(INDEX(Jesper!AL$2:AL$366,ROUNDDOWN($C7230/24,0)+1,1))-1)+IF('Standard Profiles'!$G$22=$B$10,7,0)+IF('Standard Profiles'!$G$22=$B$17,14,0)+IF('Standard Profiles'!$G$22=$B$24,21,0),MOD($C7230,24)+1)/SUM(INDEX($D$3:$AA$30,INDEX(Jesper!$R$2:$R$366,ROW(INDEX(Jesper!AL$2:AL$366,ROUNDDOWN($C7230/24,0)+1,1))-1)+IF('Standard Profiles'!$G$22=$B$10,7,0)+IF('Standard Profiles'!$G$22=$B$17,14,0)+IF('Standard Profiles'!$G$22=$B$24,21,0),0)),0)</f>
        <v>0</v>
      </c>
      <c r="I7230">
        <f t="shared" si="804"/>
        <v>0.55132060396231264</v>
      </c>
      <c r="J7230">
        <f t="shared" si="805"/>
        <v>8.8217951686841438</v>
      </c>
      <c r="K7230">
        <f t="shared" si="806"/>
        <v>0.56533335414735131</v>
      </c>
      <c r="L7230">
        <f t="shared" si="807"/>
        <v>0.28266667707367565</v>
      </c>
      <c r="M7230">
        <f t="shared" si="808"/>
        <v>0</v>
      </c>
      <c r="N7230" s="45">
        <f t="shared" si="809"/>
        <v>45226.833333315881</v>
      </c>
    </row>
    <row r="7231" spans="2:14" x14ac:dyDescent="0.25">
      <c r="B7231">
        <f t="shared" si="803"/>
        <v>5</v>
      </c>
      <c r="C7231" s="16">
        <v>7197</v>
      </c>
      <c r="D7231" cm="1">
        <f t="array" ref="D7231">IFERROR(INDEX(Jesper!AH$2:AH$366,ROUNDDOWN($C7231/24,0)+1,1)*INDEX($D$3:$AA$30,INDEX(Jesper!$R$2:$R$366,ROW(INDEX(Jesper!AH$2:AH$366,ROUNDDOWN($C7231/24,0)+1,1))-1)+IF('Standard Profiles'!$G$18=$B$10,7,0)+IF('Standard Profiles'!$G$18=$B$17,14,0)+IF('Standard Profiles'!$G$18=$B$24,21,0),MOD($C7231,24)+1)/SUM(INDEX($D$3:$AA$30,INDEX(Jesper!$R$2:$R$366,ROW(INDEX(Jesper!AH$2:AH$366,ROUNDDOWN($C7231/24,0)+1,1))-1)+IF('Standard Profiles'!$G$18=$B$10,7,0)+IF('Standard Profiles'!$G$18=$B$17,14,0)+IF('Standard Profiles'!$G$18=$B$24,21,0),0)),0)</f>
        <v>5.3000001951314184</v>
      </c>
      <c r="E7231" cm="1">
        <f t="array" ref="E7231">IFERROR(INDEX(Jesper!AI$2:AI$366,ROUNDDOWN($C7231/24,0)+1,1)*INDEX($D$3:$AA$30,INDEX(Jesper!$R$2:$R$366,ROW(INDEX(Jesper!AI$2:AI$366,ROUNDDOWN($C7231/24,0)+1,1))-1)+IF('Standard Profiles'!$G$19=$B$10,7,0)+IF('Standard Profiles'!$G$19=$B$17,14,0)+IF('Standard Profiles'!$G$19=$B$24,21,0),MOD($C7231,24)+1)/SUM(INDEX($D$3:$AA$30,INDEX(Jesper!$R$2:$R$366,ROW(INDEX(Jesper!AI$2:AI$366,ROUNDDOWN($C7231/24,0)+1,1))-1)+IF('Standard Profiles'!$G$19=$B$10,7,0)+IF('Standard Profiles'!$G$19=$B$17,14,0)+IF('Standard Profiles'!$G$19=$B$24,21,0),0)),0)</f>
        <v>3.7725310171479145</v>
      </c>
      <c r="F7231" cm="1">
        <f t="array" ref="F7231">IFERROR(INDEX(Jesper!AJ$2:AJ$366,ROUNDDOWN($C7231/24,0)+1,1)*INDEX($D$3:$AA$30,INDEX(Jesper!$R$2:$R$366,ROW(INDEX(Jesper!AJ$2:AJ$366,ROUNDDOWN($C7231/24,0)+1,1))-1)+IF('Standard Profiles'!$G$20=$B$10,7,0)+IF('Standard Profiles'!$G$20=$B$17,14,0)+IF('Standard Profiles'!$G$20=$B$24,21,0),MOD($C7231,24)+1)/SUM(INDEX($D$3:$AA$30,INDEX(Jesper!$R$2:$R$366,ROW(INDEX(Jesper!AJ$2:AJ$366,ROUNDDOWN($C7231/24,0)+1,1))-1)+IF('Standard Profiles'!$G$20=$B$10,7,0)+IF('Standard Profiles'!$G$20=$B$17,14,0)+IF('Standard Profiles'!$G$20=$B$24,21,0),0)),0)</f>
        <v>0</v>
      </c>
      <c r="G7231" cm="1">
        <f t="array" ref="G7231">IFERROR(INDEX(Jesper!AK$2:AK$366,ROUNDDOWN($C7231/24,0)+1,1)*INDEX($D$3:$AA$30,INDEX(Jesper!$R$2:$R$366,ROW(INDEX(Jesper!AK$2:AK$366,ROUNDDOWN($C7231/24,0)+1,1))-1)+IF('Standard Profiles'!$G$21=$B$10,7,0)+IF('Standard Profiles'!$G$21=$B$17,14,0)+IF('Standard Profiles'!$G$21=$B$24,21,0),MOD($C7231,24)+1)/SUM(INDEX($D$3:$AA$30,INDEX(Jesper!$R$2:$R$366,ROW(INDEX(Jesper!AK$2:AK$366,ROUNDDOWN($C7231/24,0)+1,1))-1)+IF('Standard Profiles'!$G$21=$B$10,7,0)+IF('Standard Profiles'!$G$21=$B$17,14,0)+IF('Standard Profiles'!$G$21=$B$24,21,0),0)),0)</f>
        <v>1.1485845915881518</v>
      </c>
      <c r="H7231" cm="1">
        <f t="array" ref="H7231">IFERROR(INDEX(Jesper!AL$2:AL$366,ROUNDDOWN($C7231/24,0)+1,1)*INDEX($D$3:$AA$30,INDEX(Jesper!$R$2:$R$366,ROW(INDEX(Jesper!AL$2:AL$366,ROUNDDOWN($C7231/24,0)+1,1))-1)+IF('Standard Profiles'!$G$22=$B$10,7,0)+IF('Standard Profiles'!$G$22=$B$17,14,0)+IF('Standard Profiles'!$G$22=$B$24,21,0),MOD($C7231,24)+1)/SUM(INDEX($D$3:$AA$30,INDEX(Jesper!$R$2:$R$366,ROW(INDEX(Jesper!AL$2:AL$366,ROUNDDOWN($C7231/24,0)+1,1))-1)+IF('Standard Profiles'!$G$22=$B$10,7,0)+IF('Standard Profiles'!$G$22=$B$17,14,0)+IF('Standard Profiles'!$G$22=$B$24,21,0),0)),0)</f>
        <v>0</v>
      </c>
      <c r="I7231">
        <f t="shared" si="804"/>
        <v>0.55132060396231264</v>
      </c>
      <c r="J7231">
        <f t="shared" si="805"/>
        <v>8.8217951686841438</v>
      </c>
      <c r="K7231">
        <f t="shared" si="806"/>
        <v>0.56533335414735131</v>
      </c>
      <c r="L7231">
        <f t="shared" si="807"/>
        <v>0.28266667707367565</v>
      </c>
      <c r="M7231">
        <f t="shared" si="808"/>
        <v>0</v>
      </c>
      <c r="N7231" s="45">
        <f t="shared" si="809"/>
        <v>45226.874999982545</v>
      </c>
    </row>
    <row r="7232" spans="2:14" x14ac:dyDescent="0.25">
      <c r="B7232">
        <f t="shared" si="803"/>
        <v>5</v>
      </c>
      <c r="C7232" s="16">
        <v>7198</v>
      </c>
      <c r="D7232" cm="1">
        <f t="array" ref="D7232">IFERROR(INDEX(Jesper!AH$2:AH$366,ROUNDDOWN($C7232/24,0)+1,1)*INDEX($D$3:$AA$30,INDEX(Jesper!$R$2:$R$366,ROW(INDEX(Jesper!AH$2:AH$366,ROUNDDOWN($C7232/24,0)+1,1))-1)+IF('Standard Profiles'!$G$18=$B$10,7,0)+IF('Standard Profiles'!$G$18=$B$17,14,0)+IF('Standard Profiles'!$G$18=$B$24,21,0),MOD($C7232,24)+1)/SUM(INDEX($D$3:$AA$30,INDEX(Jesper!$R$2:$R$366,ROW(INDEX(Jesper!AH$2:AH$366,ROUNDDOWN($C7232/24,0)+1,1))-1)+IF('Standard Profiles'!$G$18=$B$10,7,0)+IF('Standard Profiles'!$G$18=$B$17,14,0)+IF('Standard Profiles'!$G$18=$B$24,21,0),0)),0)</f>
        <v>5.3000001951314184</v>
      </c>
      <c r="E7232" cm="1">
        <f t="array" ref="E7232">IFERROR(INDEX(Jesper!AI$2:AI$366,ROUNDDOWN($C7232/24,0)+1,1)*INDEX($D$3:$AA$30,INDEX(Jesper!$R$2:$R$366,ROW(INDEX(Jesper!AI$2:AI$366,ROUNDDOWN($C7232/24,0)+1,1))-1)+IF('Standard Profiles'!$G$19=$B$10,7,0)+IF('Standard Profiles'!$G$19=$B$17,14,0)+IF('Standard Profiles'!$G$19=$B$24,21,0),MOD($C7232,24)+1)/SUM(INDEX($D$3:$AA$30,INDEX(Jesper!$R$2:$R$366,ROW(INDEX(Jesper!AI$2:AI$366,ROUNDDOWN($C7232/24,0)+1,1))-1)+IF('Standard Profiles'!$G$19=$B$10,7,0)+IF('Standard Profiles'!$G$19=$B$17,14,0)+IF('Standard Profiles'!$G$19=$B$24,21,0),0)),0)</f>
        <v>3.7725310171479145</v>
      </c>
      <c r="F7232" cm="1">
        <f t="array" ref="F7232">IFERROR(INDEX(Jesper!AJ$2:AJ$366,ROUNDDOWN($C7232/24,0)+1,1)*INDEX($D$3:$AA$30,INDEX(Jesper!$R$2:$R$366,ROW(INDEX(Jesper!AJ$2:AJ$366,ROUNDDOWN($C7232/24,0)+1,1))-1)+IF('Standard Profiles'!$G$20=$B$10,7,0)+IF('Standard Profiles'!$G$20=$B$17,14,0)+IF('Standard Profiles'!$G$20=$B$24,21,0),MOD($C7232,24)+1)/SUM(INDEX($D$3:$AA$30,INDEX(Jesper!$R$2:$R$366,ROW(INDEX(Jesper!AJ$2:AJ$366,ROUNDDOWN($C7232/24,0)+1,1))-1)+IF('Standard Profiles'!$G$20=$B$10,7,0)+IF('Standard Profiles'!$G$20=$B$17,14,0)+IF('Standard Profiles'!$G$20=$B$24,21,0),0)),0)</f>
        <v>0</v>
      </c>
      <c r="G7232" cm="1">
        <f t="array" ref="G7232">IFERROR(INDEX(Jesper!AK$2:AK$366,ROUNDDOWN($C7232/24,0)+1,1)*INDEX($D$3:$AA$30,INDEX(Jesper!$R$2:$R$366,ROW(INDEX(Jesper!AK$2:AK$366,ROUNDDOWN($C7232/24,0)+1,1))-1)+IF('Standard Profiles'!$G$21=$B$10,7,0)+IF('Standard Profiles'!$G$21=$B$17,14,0)+IF('Standard Profiles'!$G$21=$B$24,21,0),MOD($C7232,24)+1)/SUM(INDEX($D$3:$AA$30,INDEX(Jesper!$R$2:$R$366,ROW(INDEX(Jesper!AK$2:AK$366,ROUNDDOWN($C7232/24,0)+1,1))-1)+IF('Standard Profiles'!$G$21=$B$10,7,0)+IF('Standard Profiles'!$G$21=$B$17,14,0)+IF('Standard Profiles'!$G$21=$B$24,21,0),0)),0)</f>
        <v>1.1485845915881518</v>
      </c>
      <c r="H7232" cm="1">
        <f t="array" ref="H7232">IFERROR(INDEX(Jesper!AL$2:AL$366,ROUNDDOWN($C7232/24,0)+1,1)*INDEX($D$3:$AA$30,INDEX(Jesper!$R$2:$R$366,ROW(INDEX(Jesper!AL$2:AL$366,ROUNDDOWN($C7232/24,0)+1,1))-1)+IF('Standard Profiles'!$G$22=$B$10,7,0)+IF('Standard Profiles'!$G$22=$B$17,14,0)+IF('Standard Profiles'!$G$22=$B$24,21,0),MOD($C7232,24)+1)/SUM(INDEX($D$3:$AA$30,INDEX(Jesper!$R$2:$R$366,ROW(INDEX(Jesper!AL$2:AL$366,ROUNDDOWN($C7232/24,0)+1,1))-1)+IF('Standard Profiles'!$G$22=$B$10,7,0)+IF('Standard Profiles'!$G$22=$B$17,14,0)+IF('Standard Profiles'!$G$22=$B$24,21,0),0)),0)</f>
        <v>0</v>
      </c>
      <c r="I7232">
        <f t="shared" si="804"/>
        <v>0.55132060396231264</v>
      </c>
      <c r="J7232">
        <f t="shared" si="805"/>
        <v>8.8217951686841438</v>
      </c>
      <c r="K7232">
        <f t="shared" si="806"/>
        <v>0.56533335414735131</v>
      </c>
      <c r="L7232">
        <f t="shared" si="807"/>
        <v>0.28266667707367565</v>
      </c>
      <c r="M7232">
        <f t="shared" si="808"/>
        <v>0</v>
      </c>
      <c r="N7232" s="45">
        <f t="shared" si="809"/>
        <v>45226.916666649209</v>
      </c>
    </row>
    <row r="7233" spans="2:14" x14ac:dyDescent="0.25">
      <c r="B7233">
        <f t="shared" si="803"/>
        <v>5</v>
      </c>
      <c r="C7233" s="16">
        <v>7199</v>
      </c>
      <c r="D7233" cm="1">
        <f t="array" ref="D7233">IFERROR(INDEX(Jesper!AH$2:AH$366,ROUNDDOWN($C7233/24,0)+1,1)*INDEX($D$3:$AA$30,INDEX(Jesper!$R$2:$R$366,ROW(INDEX(Jesper!AH$2:AH$366,ROUNDDOWN($C7233/24,0)+1,1))-1)+IF('Standard Profiles'!$G$18=$B$10,7,0)+IF('Standard Profiles'!$G$18=$B$17,14,0)+IF('Standard Profiles'!$G$18=$B$24,21,0),MOD($C7233,24)+1)/SUM(INDEX($D$3:$AA$30,INDEX(Jesper!$R$2:$R$366,ROW(INDEX(Jesper!AH$2:AH$366,ROUNDDOWN($C7233/24,0)+1,1))-1)+IF('Standard Profiles'!$G$18=$B$10,7,0)+IF('Standard Profiles'!$G$18=$B$17,14,0)+IF('Standard Profiles'!$G$18=$B$24,21,0),0)),0)</f>
        <v>5.3000001951314184</v>
      </c>
      <c r="E7233" cm="1">
        <f t="array" ref="E7233">IFERROR(INDEX(Jesper!AI$2:AI$366,ROUNDDOWN($C7233/24,0)+1,1)*INDEX($D$3:$AA$30,INDEX(Jesper!$R$2:$R$366,ROW(INDEX(Jesper!AI$2:AI$366,ROUNDDOWN($C7233/24,0)+1,1))-1)+IF('Standard Profiles'!$G$19=$B$10,7,0)+IF('Standard Profiles'!$G$19=$B$17,14,0)+IF('Standard Profiles'!$G$19=$B$24,21,0),MOD($C7233,24)+1)/SUM(INDEX($D$3:$AA$30,INDEX(Jesper!$R$2:$R$366,ROW(INDEX(Jesper!AI$2:AI$366,ROUNDDOWN($C7233/24,0)+1,1))-1)+IF('Standard Profiles'!$G$19=$B$10,7,0)+IF('Standard Profiles'!$G$19=$B$17,14,0)+IF('Standard Profiles'!$G$19=$B$24,21,0),0)),0)</f>
        <v>3.7725310171479145</v>
      </c>
      <c r="F7233" cm="1">
        <f t="array" ref="F7233">IFERROR(INDEX(Jesper!AJ$2:AJ$366,ROUNDDOWN($C7233/24,0)+1,1)*INDEX($D$3:$AA$30,INDEX(Jesper!$R$2:$R$366,ROW(INDEX(Jesper!AJ$2:AJ$366,ROUNDDOWN($C7233/24,0)+1,1))-1)+IF('Standard Profiles'!$G$20=$B$10,7,0)+IF('Standard Profiles'!$G$20=$B$17,14,0)+IF('Standard Profiles'!$G$20=$B$24,21,0),MOD($C7233,24)+1)/SUM(INDEX($D$3:$AA$30,INDEX(Jesper!$R$2:$R$366,ROW(INDEX(Jesper!AJ$2:AJ$366,ROUNDDOWN($C7233/24,0)+1,1))-1)+IF('Standard Profiles'!$G$20=$B$10,7,0)+IF('Standard Profiles'!$G$20=$B$17,14,0)+IF('Standard Profiles'!$G$20=$B$24,21,0),0)),0)</f>
        <v>0</v>
      </c>
      <c r="G7233" cm="1">
        <f t="array" ref="G7233">IFERROR(INDEX(Jesper!AK$2:AK$366,ROUNDDOWN($C7233/24,0)+1,1)*INDEX($D$3:$AA$30,INDEX(Jesper!$R$2:$R$366,ROW(INDEX(Jesper!AK$2:AK$366,ROUNDDOWN($C7233/24,0)+1,1))-1)+IF('Standard Profiles'!$G$21=$B$10,7,0)+IF('Standard Profiles'!$G$21=$B$17,14,0)+IF('Standard Profiles'!$G$21=$B$24,21,0),MOD($C7233,24)+1)/SUM(INDEX($D$3:$AA$30,INDEX(Jesper!$R$2:$R$366,ROW(INDEX(Jesper!AK$2:AK$366,ROUNDDOWN($C7233/24,0)+1,1))-1)+IF('Standard Profiles'!$G$21=$B$10,7,0)+IF('Standard Profiles'!$G$21=$B$17,14,0)+IF('Standard Profiles'!$G$21=$B$24,21,0),0)),0)</f>
        <v>1.1485845915881518</v>
      </c>
      <c r="H7233" cm="1">
        <f t="array" ref="H7233">IFERROR(INDEX(Jesper!AL$2:AL$366,ROUNDDOWN($C7233/24,0)+1,1)*INDEX($D$3:$AA$30,INDEX(Jesper!$R$2:$R$366,ROW(INDEX(Jesper!AL$2:AL$366,ROUNDDOWN($C7233/24,0)+1,1))-1)+IF('Standard Profiles'!$G$22=$B$10,7,0)+IF('Standard Profiles'!$G$22=$B$17,14,0)+IF('Standard Profiles'!$G$22=$B$24,21,0),MOD($C7233,24)+1)/SUM(INDEX($D$3:$AA$30,INDEX(Jesper!$R$2:$R$366,ROW(INDEX(Jesper!AL$2:AL$366,ROUNDDOWN($C7233/24,0)+1,1))-1)+IF('Standard Profiles'!$G$22=$B$10,7,0)+IF('Standard Profiles'!$G$22=$B$17,14,0)+IF('Standard Profiles'!$G$22=$B$24,21,0),0)),0)</f>
        <v>0</v>
      </c>
      <c r="I7233">
        <f t="shared" si="804"/>
        <v>0.55132060396231264</v>
      </c>
      <c r="J7233">
        <f t="shared" si="805"/>
        <v>8.8217951686841438</v>
      </c>
      <c r="K7233">
        <f t="shared" si="806"/>
        <v>0.56533335414735131</v>
      </c>
      <c r="L7233">
        <f t="shared" si="807"/>
        <v>0.28266667707367565</v>
      </c>
      <c r="M7233">
        <f t="shared" si="808"/>
        <v>0</v>
      </c>
      <c r="N7233" s="45">
        <f t="shared" si="809"/>
        <v>45226.958333315873</v>
      </c>
    </row>
    <row r="7234" spans="2:14" x14ac:dyDescent="0.25">
      <c r="B7234">
        <f t="shared" si="803"/>
        <v>6</v>
      </c>
      <c r="C7234" s="16">
        <v>7200</v>
      </c>
      <c r="D7234" cm="1">
        <f t="array" ref="D7234">IFERROR(INDEX(Jesper!AH$2:AH$366,ROUNDDOWN($C7234/24,0)+1,1)*INDEX($D$3:$AA$30,INDEX(Jesper!$R$2:$R$366,ROW(INDEX(Jesper!AH$2:AH$366,ROUNDDOWN($C7234/24,0)+1,1))-1)+IF('Standard Profiles'!$G$18=$B$10,7,0)+IF('Standard Profiles'!$G$18=$B$17,14,0)+IF('Standard Profiles'!$G$18=$B$24,21,0),MOD($C7234,24)+1)/SUM(INDEX($D$3:$AA$30,INDEX(Jesper!$R$2:$R$366,ROW(INDEX(Jesper!AH$2:AH$366,ROUNDDOWN($C7234/24,0)+1,1))-1)+IF('Standard Profiles'!$G$18=$B$10,7,0)+IF('Standard Profiles'!$G$18=$B$17,14,0)+IF('Standard Profiles'!$G$18=$B$24,21,0),0)),0)</f>
        <v>0</v>
      </c>
      <c r="E7234" cm="1">
        <f t="array" ref="E7234">IFERROR(INDEX(Jesper!AI$2:AI$366,ROUNDDOWN($C7234/24,0)+1,1)*INDEX($D$3:$AA$30,INDEX(Jesper!$R$2:$R$366,ROW(INDEX(Jesper!AI$2:AI$366,ROUNDDOWN($C7234/24,0)+1,1))-1)+IF('Standard Profiles'!$G$19=$B$10,7,0)+IF('Standard Profiles'!$G$19=$B$17,14,0)+IF('Standard Profiles'!$G$19=$B$24,21,0),MOD($C7234,24)+1)/SUM(INDEX($D$3:$AA$30,INDEX(Jesper!$R$2:$R$366,ROW(INDEX(Jesper!AI$2:AI$366,ROUNDDOWN($C7234/24,0)+1,1))-1)+IF('Standard Profiles'!$G$19=$B$10,7,0)+IF('Standard Profiles'!$G$19=$B$17,14,0)+IF('Standard Profiles'!$G$19=$B$24,21,0),0)),0)</f>
        <v>3.6793033258220773</v>
      </c>
      <c r="F7234" cm="1">
        <f t="array" ref="F7234">IFERROR(INDEX(Jesper!AJ$2:AJ$366,ROUNDDOWN($C7234/24,0)+1,1)*INDEX($D$3:$AA$30,INDEX(Jesper!$R$2:$R$366,ROW(INDEX(Jesper!AJ$2:AJ$366,ROUNDDOWN($C7234/24,0)+1,1))-1)+IF('Standard Profiles'!$G$20=$B$10,7,0)+IF('Standard Profiles'!$G$20=$B$17,14,0)+IF('Standard Profiles'!$G$20=$B$24,21,0),MOD($C7234,24)+1)/SUM(INDEX($D$3:$AA$30,INDEX(Jesper!$R$2:$R$366,ROW(INDEX(Jesper!AJ$2:AJ$366,ROUNDDOWN($C7234/24,0)+1,1))-1)+IF('Standard Profiles'!$G$20=$B$10,7,0)+IF('Standard Profiles'!$G$20=$B$17,14,0)+IF('Standard Profiles'!$G$20=$B$24,21,0),0)),0)</f>
        <v>2.3399568802632738</v>
      </c>
      <c r="G7234" cm="1">
        <f t="array" ref="G7234">IFERROR(INDEX(Jesper!AK$2:AK$366,ROUNDDOWN($C7234/24,0)+1,1)*INDEX($D$3:$AA$30,INDEX(Jesper!$R$2:$R$366,ROW(INDEX(Jesper!AK$2:AK$366,ROUNDDOWN($C7234/24,0)+1,1))-1)+IF('Standard Profiles'!$G$21=$B$10,7,0)+IF('Standard Profiles'!$G$21=$B$17,14,0)+IF('Standard Profiles'!$G$21=$B$24,21,0),MOD($C7234,24)+1)/SUM(INDEX($D$3:$AA$30,INDEX(Jesper!$R$2:$R$366,ROW(INDEX(Jesper!AK$2:AK$366,ROUNDDOWN($C7234/24,0)+1,1))-1)+IF('Standard Profiles'!$G$21=$B$10,7,0)+IF('Standard Profiles'!$G$21=$B$17,14,0)+IF('Standard Profiles'!$G$21=$B$24,21,0),0)),0)</f>
        <v>2.0306492205996771</v>
      </c>
      <c r="H7234" cm="1">
        <f t="array" ref="H7234">IFERROR(INDEX(Jesper!AL$2:AL$366,ROUNDDOWN($C7234/24,0)+1,1)*INDEX($D$3:$AA$30,INDEX(Jesper!$R$2:$R$366,ROW(INDEX(Jesper!AL$2:AL$366,ROUNDDOWN($C7234/24,0)+1,1))-1)+IF('Standard Profiles'!$G$22=$B$10,7,0)+IF('Standard Profiles'!$G$22=$B$17,14,0)+IF('Standard Profiles'!$G$22=$B$24,21,0),MOD($C7234,24)+1)/SUM(INDEX($D$3:$AA$30,INDEX(Jesper!$R$2:$R$366,ROW(INDEX(Jesper!AL$2:AL$366,ROUNDDOWN($C7234/24,0)+1,1))-1)+IF('Standard Profiles'!$G$22=$B$10,7,0)+IF('Standard Profiles'!$G$22=$B$17,14,0)+IF('Standard Profiles'!$G$22=$B$24,21,0),0)),0)</f>
        <v>0.41928899560854477</v>
      </c>
      <c r="I7234">
        <f t="shared" si="804"/>
        <v>0.40251743578420318</v>
      </c>
      <c r="J7234">
        <f t="shared" si="805"/>
        <v>7.6251645874107208</v>
      </c>
      <c r="K7234">
        <f t="shared" si="806"/>
        <v>0.29434426606576619</v>
      </c>
      <c r="L7234">
        <f t="shared" si="807"/>
        <v>0.1471721330328831</v>
      </c>
      <c r="M7234">
        <f t="shared" si="808"/>
        <v>0</v>
      </c>
      <c r="N7234" s="45">
        <f t="shared" si="809"/>
        <v>45226.999999982538</v>
      </c>
    </row>
    <row r="7235" spans="2:14" x14ac:dyDescent="0.25">
      <c r="B7235">
        <f t="shared" si="803"/>
        <v>6</v>
      </c>
      <c r="C7235" s="16">
        <v>7201</v>
      </c>
      <c r="D7235" cm="1">
        <f t="array" ref="D7235">IFERROR(INDEX(Jesper!AH$2:AH$366,ROUNDDOWN($C7235/24,0)+1,1)*INDEX($D$3:$AA$30,INDEX(Jesper!$R$2:$R$366,ROW(INDEX(Jesper!AH$2:AH$366,ROUNDDOWN($C7235/24,0)+1,1))-1)+IF('Standard Profiles'!$G$18=$B$10,7,0)+IF('Standard Profiles'!$G$18=$B$17,14,0)+IF('Standard Profiles'!$G$18=$B$24,21,0),MOD($C7235,24)+1)/SUM(INDEX($D$3:$AA$30,INDEX(Jesper!$R$2:$R$366,ROW(INDEX(Jesper!AH$2:AH$366,ROUNDDOWN($C7235/24,0)+1,1))-1)+IF('Standard Profiles'!$G$18=$B$10,7,0)+IF('Standard Profiles'!$G$18=$B$17,14,0)+IF('Standard Profiles'!$G$18=$B$24,21,0),0)),0)</f>
        <v>0</v>
      </c>
      <c r="E7235" cm="1">
        <f t="array" ref="E7235">IFERROR(INDEX(Jesper!AI$2:AI$366,ROUNDDOWN($C7235/24,0)+1,1)*INDEX($D$3:$AA$30,INDEX(Jesper!$R$2:$R$366,ROW(INDEX(Jesper!AI$2:AI$366,ROUNDDOWN($C7235/24,0)+1,1))-1)+IF('Standard Profiles'!$G$19=$B$10,7,0)+IF('Standard Profiles'!$G$19=$B$17,14,0)+IF('Standard Profiles'!$G$19=$B$24,21,0),MOD($C7235,24)+1)/SUM(INDEX($D$3:$AA$30,INDEX(Jesper!$R$2:$R$366,ROW(INDEX(Jesper!AI$2:AI$366,ROUNDDOWN($C7235/24,0)+1,1))-1)+IF('Standard Profiles'!$G$19=$B$10,7,0)+IF('Standard Profiles'!$G$19=$B$17,14,0)+IF('Standard Profiles'!$G$19=$B$24,21,0),0)),0)</f>
        <v>3.3113729932398694</v>
      </c>
      <c r="F7235" cm="1">
        <f t="array" ref="F7235">IFERROR(INDEX(Jesper!AJ$2:AJ$366,ROUNDDOWN($C7235/24,0)+1,1)*INDEX($D$3:$AA$30,INDEX(Jesper!$R$2:$R$366,ROW(INDEX(Jesper!AJ$2:AJ$366,ROUNDDOWN($C7235/24,0)+1,1))-1)+IF('Standard Profiles'!$G$20=$B$10,7,0)+IF('Standard Profiles'!$G$20=$B$17,14,0)+IF('Standard Profiles'!$G$20=$B$24,21,0),MOD($C7235,24)+1)/SUM(INDEX($D$3:$AA$30,INDEX(Jesper!$R$2:$R$366,ROW(INDEX(Jesper!AJ$2:AJ$366,ROUNDDOWN($C7235/24,0)+1,1))-1)+IF('Standard Profiles'!$G$20=$B$10,7,0)+IF('Standard Profiles'!$G$20=$B$17,14,0)+IF('Standard Profiles'!$G$20=$B$24,21,0),0)),0)</f>
        <v>2.1059611922369466</v>
      </c>
      <c r="G7235" cm="1">
        <f t="array" ref="G7235">IFERROR(INDEX(Jesper!AK$2:AK$366,ROUNDDOWN($C7235/24,0)+1,1)*INDEX($D$3:$AA$30,INDEX(Jesper!$R$2:$R$366,ROW(INDEX(Jesper!AK$2:AK$366,ROUNDDOWN($C7235/24,0)+1,1))-1)+IF('Standard Profiles'!$G$21=$B$10,7,0)+IF('Standard Profiles'!$G$21=$B$17,14,0)+IF('Standard Profiles'!$G$21=$B$24,21,0),MOD($C7235,24)+1)/SUM(INDEX($D$3:$AA$30,INDEX(Jesper!$R$2:$R$366,ROW(INDEX(Jesper!AK$2:AK$366,ROUNDDOWN($C7235/24,0)+1,1))-1)+IF('Standard Profiles'!$G$21=$B$10,7,0)+IF('Standard Profiles'!$G$21=$B$17,14,0)+IF('Standard Profiles'!$G$21=$B$24,21,0),0)),0)</f>
        <v>2.0306492205996771</v>
      </c>
      <c r="H7235" cm="1">
        <f t="array" ref="H7235">IFERROR(INDEX(Jesper!AL$2:AL$366,ROUNDDOWN($C7235/24,0)+1,1)*INDEX($D$3:$AA$30,INDEX(Jesper!$R$2:$R$366,ROW(INDEX(Jesper!AL$2:AL$366,ROUNDDOWN($C7235/24,0)+1,1))-1)+IF('Standard Profiles'!$G$22=$B$10,7,0)+IF('Standard Profiles'!$G$22=$B$17,14,0)+IF('Standard Profiles'!$G$22=$B$24,21,0),MOD($C7235,24)+1)/SUM(INDEX($D$3:$AA$30,INDEX(Jesper!$R$2:$R$366,ROW(INDEX(Jesper!AL$2:AL$366,ROUNDDOWN($C7235/24,0)+1,1))-1)+IF('Standard Profiles'!$G$22=$B$10,7,0)+IF('Standard Profiles'!$G$22=$B$17,14,0)+IF('Standard Profiles'!$G$22=$B$24,21,0),0)),0)</f>
        <v>0.81861184856906366</v>
      </c>
      <c r="I7235">
        <f t="shared" si="804"/>
        <v>0.78586737462630152</v>
      </c>
      <c r="J7235">
        <f t="shared" si="805"/>
        <v>7.0833631208304721</v>
      </c>
      <c r="K7235">
        <f t="shared" si="806"/>
        <v>0.26490983945918956</v>
      </c>
      <c r="L7235">
        <f t="shared" si="807"/>
        <v>0.13245491972959478</v>
      </c>
      <c r="M7235">
        <f t="shared" si="808"/>
        <v>0</v>
      </c>
      <c r="N7235" s="45">
        <f t="shared" si="809"/>
        <v>45227.041666649202</v>
      </c>
    </row>
    <row r="7236" spans="2:14" x14ac:dyDescent="0.25">
      <c r="B7236">
        <f t="shared" si="803"/>
        <v>6</v>
      </c>
      <c r="C7236" s="16">
        <v>7202</v>
      </c>
      <c r="D7236" cm="1">
        <f t="array" ref="D7236">IFERROR(INDEX(Jesper!AH$2:AH$366,ROUNDDOWN($C7236/24,0)+1,1)*INDEX($D$3:$AA$30,INDEX(Jesper!$R$2:$R$366,ROW(INDEX(Jesper!AH$2:AH$366,ROUNDDOWN($C7236/24,0)+1,1))-1)+IF('Standard Profiles'!$G$18=$B$10,7,0)+IF('Standard Profiles'!$G$18=$B$17,14,0)+IF('Standard Profiles'!$G$18=$B$24,21,0),MOD($C7236,24)+1)/SUM(INDEX($D$3:$AA$30,INDEX(Jesper!$R$2:$R$366,ROW(INDEX(Jesper!AH$2:AH$366,ROUNDDOWN($C7236/24,0)+1,1))-1)+IF('Standard Profiles'!$G$18=$B$10,7,0)+IF('Standard Profiles'!$G$18=$B$17,14,0)+IF('Standard Profiles'!$G$18=$B$24,21,0),0)),0)</f>
        <v>0</v>
      </c>
      <c r="E7236" cm="1">
        <f t="array" ref="E7236">IFERROR(INDEX(Jesper!AI$2:AI$366,ROUNDDOWN($C7236/24,0)+1,1)*INDEX($D$3:$AA$30,INDEX(Jesper!$R$2:$R$366,ROW(INDEX(Jesper!AI$2:AI$366,ROUNDDOWN($C7236/24,0)+1,1))-1)+IF('Standard Profiles'!$G$19=$B$10,7,0)+IF('Standard Profiles'!$G$19=$B$17,14,0)+IF('Standard Profiles'!$G$19=$B$24,21,0),MOD($C7236,24)+1)/SUM(INDEX($D$3:$AA$30,INDEX(Jesper!$R$2:$R$366,ROW(INDEX(Jesper!AI$2:AI$366,ROUNDDOWN($C7236/24,0)+1,1))-1)+IF('Standard Profiles'!$G$19=$B$10,7,0)+IF('Standard Profiles'!$G$19=$B$17,14,0)+IF('Standard Profiles'!$G$19=$B$24,21,0),0)),0)</f>
        <v>3.3113729932398694</v>
      </c>
      <c r="F7236" cm="1">
        <f t="array" ref="F7236">IFERROR(INDEX(Jesper!AJ$2:AJ$366,ROUNDDOWN($C7236/24,0)+1,1)*INDEX($D$3:$AA$30,INDEX(Jesper!$R$2:$R$366,ROW(INDEX(Jesper!AJ$2:AJ$366,ROUNDDOWN($C7236/24,0)+1,1))-1)+IF('Standard Profiles'!$G$20=$B$10,7,0)+IF('Standard Profiles'!$G$20=$B$17,14,0)+IF('Standard Profiles'!$G$20=$B$24,21,0),MOD($C7236,24)+1)/SUM(INDEX($D$3:$AA$30,INDEX(Jesper!$R$2:$R$366,ROW(INDEX(Jesper!AJ$2:AJ$366,ROUNDDOWN($C7236/24,0)+1,1))-1)+IF('Standard Profiles'!$G$20=$B$10,7,0)+IF('Standard Profiles'!$G$20=$B$17,14,0)+IF('Standard Profiles'!$G$20=$B$24,21,0),0)),0)</f>
        <v>2.1059611922369466</v>
      </c>
      <c r="G7236" cm="1">
        <f t="array" ref="G7236">IFERROR(INDEX(Jesper!AK$2:AK$366,ROUNDDOWN($C7236/24,0)+1,1)*INDEX($D$3:$AA$30,INDEX(Jesper!$R$2:$R$366,ROW(INDEX(Jesper!AK$2:AK$366,ROUNDDOWN($C7236/24,0)+1,1))-1)+IF('Standard Profiles'!$G$21=$B$10,7,0)+IF('Standard Profiles'!$G$21=$B$17,14,0)+IF('Standard Profiles'!$G$21=$B$24,21,0),MOD($C7236,24)+1)/SUM(INDEX($D$3:$AA$30,INDEX(Jesper!$R$2:$R$366,ROW(INDEX(Jesper!AK$2:AK$366,ROUNDDOWN($C7236/24,0)+1,1))-1)+IF('Standard Profiles'!$G$21=$B$10,7,0)+IF('Standard Profiles'!$G$21=$B$17,14,0)+IF('Standard Profiles'!$G$21=$B$24,21,0),0)),0)</f>
        <v>2.0306492205996771</v>
      </c>
      <c r="H7236" cm="1">
        <f t="array" ref="H7236">IFERROR(INDEX(Jesper!AL$2:AL$366,ROUNDDOWN($C7236/24,0)+1,1)*INDEX($D$3:$AA$30,INDEX(Jesper!$R$2:$R$366,ROW(INDEX(Jesper!AL$2:AL$366,ROUNDDOWN($C7236/24,0)+1,1))-1)+IF('Standard Profiles'!$G$22=$B$10,7,0)+IF('Standard Profiles'!$G$22=$B$17,14,0)+IF('Standard Profiles'!$G$22=$B$24,21,0),MOD($C7236,24)+1)/SUM(INDEX($D$3:$AA$30,INDEX(Jesper!$R$2:$R$366,ROW(INDEX(Jesper!AL$2:AL$366,ROUNDDOWN($C7236/24,0)+1,1))-1)+IF('Standard Profiles'!$G$22=$B$10,7,0)+IF('Standard Profiles'!$G$22=$B$17,14,0)+IF('Standard Profiles'!$G$22=$B$24,21,0),0)),0)</f>
        <v>0.81861184856906366</v>
      </c>
      <c r="I7236">
        <f t="shared" si="804"/>
        <v>0.78586737462630152</v>
      </c>
      <c r="J7236">
        <f t="shared" si="805"/>
        <v>7.0833631208304721</v>
      </c>
      <c r="K7236">
        <f t="shared" si="806"/>
        <v>0.26490983945918956</v>
      </c>
      <c r="L7236">
        <f t="shared" si="807"/>
        <v>0.13245491972959478</v>
      </c>
      <c r="M7236">
        <f t="shared" si="808"/>
        <v>0</v>
      </c>
      <c r="N7236" s="45">
        <f t="shared" si="809"/>
        <v>45227.083333315866</v>
      </c>
    </row>
    <row r="7237" spans="2:14" x14ac:dyDescent="0.25">
      <c r="B7237">
        <f t="shared" si="803"/>
        <v>6</v>
      </c>
      <c r="C7237" s="16">
        <v>7203</v>
      </c>
      <c r="D7237" cm="1">
        <f t="array" ref="D7237">IFERROR(INDEX(Jesper!AH$2:AH$366,ROUNDDOWN($C7237/24,0)+1,1)*INDEX($D$3:$AA$30,INDEX(Jesper!$R$2:$R$366,ROW(INDEX(Jesper!AH$2:AH$366,ROUNDDOWN($C7237/24,0)+1,1))-1)+IF('Standard Profiles'!$G$18=$B$10,7,0)+IF('Standard Profiles'!$G$18=$B$17,14,0)+IF('Standard Profiles'!$G$18=$B$24,21,0),MOD($C7237,24)+1)/SUM(INDEX($D$3:$AA$30,INDEX(Jesper!$R$2:$R$366,ROW(INDEX(Jesper!AH$2:AH$366,ROUNDDOWN($C7237/24,0)+1,1))-1)+IF('Standard Profiles'!$G$18=$B$10,7,0)+IF('Standard Profiles'!$G$18=$B$17,14,0)+IF('Standard Profiles'!$G$18=$B$24,21,0),0)),0)</f>
        <v>0</v>
      </c>
      <c r="E7237" cm="1">
        <f t="array" ref="E7237">IFERROR(INDEX(Jesper!AI$2:AI$366,ROUNDDOWN($C7237/24,0)+1,1)*INDEX($D$3:$AA$30,INDEX(Jesper!$R$2:$R$366,ROW(INDEX(Jesper!AI$2:AI$366,ROUNDDOWN($C7237/24,0)+1,1))-1)+IF('Standard Profiles'!$G$19=$B$10,7,0)+IF('Standard Profiles'!$G$19=$B$17,14,0)+IF('Standard Profiles'!$G$19=$B$24,21,0),MOD($C7237,24)+1)/SUM(INDEX($D$3:$AA$30,INDEX(Jesper!$R$2:$R$366,ROW(INDEX(Jesper!AI$2:AI$366,ROUNDDOWN($C7237/24,0)+1,1))-1)+IF('Standard Profiles'!$G$19=$B$10,7,0)+IF('Standard Profiles'!$G$19=$B$17,14,0)+IF('Standard Profiles'!$G$19=$B$24,21,0),0)),0)</f>
        <v>3.3113729932398694</v>
      </c>
      <c r="F7237" cm="1">
        <f t="array" ref="F7237">IFERROR(INDEX(Jesper!AJ$2:AJ$366,ROUNDDOWN($C7237/24,0)+1,1)*INDEX($D$3:$AA$30,INDEX(Jesper!$R$2:$R$366,ROW(INDEX(Jesper!AJ$2:AJ$366,ROUNDDOWN($C7237/24,0)+1,1))-1)+IF('Standard Profiles'!$G$20=$B$10,7,0)+IF('Standard Profiles'!$G$20=$B$17,14,0)+IF('Standard Profiles'!$G$20=$B$24,21,0),MOD($C7237,24)+1)/SUM(INDEX($D$3:$AA$30,INDEX(Jesper!$R$2:$R$366,ROW(INDEX(Jesper!AJ$2:AJ$366,ROUNDDOWN($C7237/24,0)+1,1))-1)+IF('Standard Profiles'!$G$20=$B$10,7,0)+IF('Standard Profiles'!$G$20=$B$17,14,0)+IF('Standard Profiles'!$G$20=$B$24,21,0),0)),0)</f>
        <v>2.1059611922369466</v>
      </c>
      <c r="G7237" cm="1">
        <f t="array" ref="G7237">IFERROR(INDEX(Jesper!AK$2:AK$366,ROUNDDOWN($C7237/24,0)+1,1)*INDEX($D$3:$AA$30,INDEX(Jesper!$R$2:$R$366,ROW(INDEX(Jesper!AK$2:AK$366,ROUNDDOWN($C7237/24,0)+1,1))-1)+IF('Standard Profiles'!$G$21=$B$10,7,0)+IF('Standard Profiles'!$G$21=$B$17,14,0)+IF('Standard Profiles'!$G$21=$B$24,21,0),MOD($C7237,24)+1)/SUM(INDEX($D$3:$AA$30,INDEX(Jesper!$R$2:$R$366,ROW(INDEX(Jesper!AK$2:AK$366,ROUNDDOWN($C7237/24,0)+1,1))-1)+IF('Standard Profiles'!$G$21=$B$10,7,0)+IF('Standard Profiles'!$G$21=$B$17,14,0)+IF('Standard Profiles'!$G$21=$B$24,21,0),0)),0)</f>
        <v>2.0306492205996771</v>
      </c>
      <c r="H7237" cm="1">
        <f t="array" ref="H7237">IFERROR(INDEX(Jesper!AL$2:AL$366,ROUNDDOWN($C7237/24,0)+1,1)*INDEX($D$3:$AA$30,INDEX(Jesper!$R$2:$R$366,ROW(INDEX(Jesper!AL$2:AL$366,ROUNDDOWN($C7237/24,0)+1,1))-1)+IF('Standard Profiles'!$G$22=$B$10,7,0)+IF('Standard Profiles'!$G$22=$B$17,14,0)+IF('Standard Profiles'!$G$22=$B$24,21,0),MOD($C7237,24)+1)/SUM(INDEX($D$3:$AA$30,INDEX(Jesper!$R$2:$R$366,ROW(INDEX(Jesper!AL$2:AL$366,ROUNDDOWN($C7237/24,0)+1,1))-1)+IF('Standard Profiles'!$G$22=$B$10,7,0)+IF('Standard Profiles'!$G$22=$B$17,14,0)+IF('Standard Profiles'!$G$22=$B$24,21,0),0)),0)</f>
        <v>0.81861184856906366</v>
      </c>
      <c r="I7237">
        <f t="shared" si="804"/>
        <v>0.78586737462630152</v>
      </c>
      <c r="J7237">
        <f t="shared" si="805"/>
        <v>7.0833631208304721</v>
      </c>
      <c r="K7237">
        <f t="shared" si="806"/>
        <v>0.26490983945918956</v>
      </c>
      <c r="L7237">
        <f t="shared" si="807"/>
        <v>0.13245491972959478</v>
      </c>
      <c r="M7237">
        <f t="shared" si="808"/>
        <v>0</v>
      </c>
      <c r="N7237" s="45">
        <f t="shared" si="809"/>
        <v>45227.12499998253</v>
      </c>
    </row>
    <row r="7238" spans="2:14" x14ac:dyDescent="0.25">
      <c r="B7238">
        <f t="shared" si="803"/>
        <v>6</v>
      </c>
      <c r="C7238" s="16">
        <v>7204</v>
      </c>
      <c r="D7238" cm="1">
        <f t="array" ref="D7238">IFERROR(INDEX(Jesper!AH$2:AH$366,ROUNDDOWN($C7238/24,0)+1,1)*INDEX($D$3:$AA$30,INDEX(Jesper!$R$2:$R$366,ROW(INDEX(Jesper!AH$2:AH$366,ROUNDDOWN($C7238/24,0)+1,1))-1)+IF('Standard Profiles'!$G$18=$B$10,7,0)+IF('Standard Profiles'!$G$18=$B$17,14,0)+IF('Standard Profiles'!$G$18=$B$24,21,0),MOD($C7238,24)+1)/SUM(INDEX($D$3:$AA$30,INDEX(Jesper!$R$2:$R$366,ROW(INDEX(Jesper!AH$2:AH$366,ROUNDDOWN($C7238/24,0)+1,1))-1)+IF('Standard Profiles'!$G$18=$B$10,7,0)+IF('Standard Profiles'!$G$18=$B$17,14,0)+IF('Standard Profiles'!$G$18=$B$24,21,0),0)),0)</f>
        <v>0</v>
      </c>
      <c r="E7238" cm="1">
        <f t="array" ref="E7238">IFERROR(INDEX(Jesper!AI$2:AI$366,ROUNDDOWN($C7238/24,0)+1,1)*INDEX($D$3:$AA$30,INDEX(Jesper!$R$2:$R$366,ROW(INDEX(Jesper!AI$2:AI$366,ROUNDDOWN($C7238/24,0)+1,1))-1)+IF('Standard Profiles'!$G$19=$B$10,7,0)+IF('Standard Profiles'!$G$19=$B$17,14,0)+IF('Standard Profiles'!$G$19=$B$24,21,0),MOD($C7238,24)+1)/SUM(INDEX($D$3:$AA$30,INDEX(Jesper!$R$2:$R$366,ROW(INDEX(Jesper!AI$2:AI$366,ROUNDDOWN($C7238/24,0)+1,1))-1)+IF('Standard Profiles'!$G$19=$B$10,7,0)+IF('Standard Profiles'!$G$19=$B$17,14,0)+IF('Standard Profiles'!$G$19=$B$24,21,0),0)),0)</f>
        <v>3.3113729932398694</v>
      </c>
      <c r="F7238" cm="1">
        <f t="array" ref="F7238">IFERROR(INDEX(Jesper!AJ$2:AJ$366,ROUNDDOWN($C7238/24,0)+1,1)*INDEX($D$3:$AA$30,INDEX(Jesper!$R$2:$R$366,ROW(INDEX(Jesper!AJ$2:AJ$366,ROUNDDOWN($C7238/24,0)+1,1))-1)+IF('Standard Profiles'!$G$20=$B$10,7,0)+IF('Standard Profiles'!$G$20=$B$17,14,0)+IF('Standard Profiles'!$G$20=$B$24,21,0),MOD($C7238,24)+1)/SUM(INDEX($D$3:$AA$30,INDEX(Jesper!$R$2:$R$366,ROW(INDEX(Jesper!AJ$2:AJ$366,ROUNDDOWN($C7238/24,0)+1,1))-1)+IF('Standard Profiles'!$G$20=$B$10,7,0)+IF('Standard Profiles'!$G$20=$B$17,14,0)+IF('Standard Profiles'!$G$20=$B$24,21,0),0)),0)</f>
        <v>2.1059611922369466</v>
      </c>
      <c r="G7238" cm="1">
        <f t="array" ref="G7238">IFERROR(INDEX(Jesper!AK$2:AK$366,ROUNDDOWN($C7238/24,0)+1,1)*INDEX($D$3:$AA$30,INDEX(Jesper!$R$2:$R$366,ROW(INDEX(Jesper!AK$2:AK$366,ROUNDDOWN($C7238/24,0)+1,1))-1)+IF('Standard Profiles'!$G$21=$B$10,7,0)+IF('Standard Profiles'!$G$21=$B$17,14,0)+IF('Standard Profiles'!$G$21=$B$24,21,0),MOD($C7238,24)+1)/SUM(INDEX($D$3:$AA$30,INDEX(Jesper!$R$2:$R$366,ROW(INDEX(Jesper!AK$2:AK$366,ROUNDDOWN($C7238/24,0)+1,1))-1)+IF('Standard Profiles'!$G$21=$B$10,7,0)+IF('Standard Profiles'!$G$21=$B$17,14,0)+IF('Standard Profiles'!$G$21=$B$24,21,0),0)),0)</f>
        <v>2.0306492205996771</v>
      </c>
      <c r="H7238" cm="1">
        <f t="array" ref="H7238">IFERROR(INDEX(Jesper!AL$2:AL$366,ROUNDDOWN($C7238/24,0)+1,1)*INDEX($D$3:$AA$30,INDEX(Jesper!$R$2:$R$366,ROW(INDEX(Jesper!AL$2:AL$366,ROUNDDOWN($C7238/24,0)+1,1))-1)+IF('Standard Profiles'!$G$22=$B$10,7,0)+IF('Standard Profiles'!$G$22=$B$17,14,0)+IF('Standard Profiles'!$G$22=$B$24,21,0),MOD($C7238,24)+1)/SUM(INDEX($D$3:$AA$30,INDEX(Jesper!$R$2:$R$366,ROW(INDEX(Jesper!AL$2:AL$366,ROUNDDOWN($C7238/24,0)+1,1))-1)+IF('Standard Profiles'!$G$22=$B$10,7,0)+IF('Standard Profiles'!$G$22=$B$17,14,0)+IF('Standard Profiles'!$G$22=$B$24,21,0),0)),0)</f>
        <v>0.81861184856906366</v>
      </c>
      <c r="I7238">
        <f t="shared" si="804"/>
        <v>0.78586737462630152</v>
      </c>
      <c r="J7238">
        <f t="shared" si="805"/>
        <v>7.0833631208304721</v>
      </c>
      <c r="K7238">
        <f t="shared" si="806"/>
        <v>0.26490983945918956</v>
      </c>
      <c r="L7238">
        <f t="shared" si="807"/>
        <v>0.13245491972959478</v>
      </c>
      <c r="M7238">
        <f t="shared" si="808"/>
        <v>0</v>
      </c>
      <c r="N7238" s="45">
        <f t="shared" si="809"/>
        <v>45227.166666649195</v>
      </c>
    </row>
    <row r="7239" spans="2:14" x14ac:dyDescent="0.25">
      <c r="B7239">
        <f t="shared" si="803"/>
        <v>6</v>
      </c>
      <c r="C7239" s="16">
        <v>7205</v>
      </c>
      <c r="D7239" cm="1">
        <f t="array" ref="D7239">IFERROR(INDEX(Jesper!AH$2:AH$366,ROUNDDOWN($C7239/24,0)+1,1)*INDEX($D$3:$AA$30,INDEX(Jesper!$R$2:$R$366,ROW(INDEX(Jesper!AH$2:AH$366,ROUNDDOWN($C7239/24,0)+1,1))-1)+IF('Standard Profiles'!$G$18=$B$10,7,0)+IF('Standard Profiles'!$G$18=$B$17,14,0)+IF('Standard Profiles'!$G$18=$B$24,21,0),MOD($C7239,24)+1)/SUM(INDEX($D$3:$AA$30,INDEX(Jesper!$R$2:$R$366,ROW(INDEX(Jesper!AH$2:AH$366,ROUNDDOWN($C7239/24,0)+1,1))-1)+IF('Standard Profiles'!$G$18=$B$10,7,0)+IF('Standard Profiles'!$G$18=$B$17,14,0)+IF('Standard Profiles'!$G$18=$B$24,21,0),0)),0)</f>
        <v>0</v>
      </c>
      <c r="E7239" cm="1">
        <f t="array" ref="E7239">IFERROR(INDEX(Jesper!AI$2:AI$366,ROUNDDOWN($C7239/24,0)+1,1)*INDEX($D$3:$AA$30,INDEX(Jesper!$R$2:$R$366,ROW(INDEX(Jesper!AI$2:AI$366,ROUNDDOWN($C7239/24,0)+1,1))-1)+IF('Standard Profiles'!$G$19=$B$10,7,0)+IF('Standard Profiles'!$G$19=$B$17,14,0)+IF('Standard Profiles'!$G$19=$B$24,21,0),MOD($C7239,24)+1)/SUM(INDEX($D$3:$AA$30,INDEX(Jesper!$R$2:$R$366,ROW(INDEX(Jesper!AI$2:AI$366,ROUNDDOWN($C7239/24,0)+1,1))-1)+IF('Standard Profiles'!$G$19=$B$10,7,0)+IF('Standard Profiles'!$G$19=$B$17,14,0)+IF('Standard Profiles'!$G$19=$B$24,21,0),0)),0)</f>
        <v>3.3113729932398694</v>
      </c>
      <c r="F7239" cm="1">
        <f t="array" ref="F7239">IFERROR(INDEX(Jesper!AJ$2:AJ$366,ROUNDDOWN($C7239/24,0)+1,1)*INDEX($D$3:$AA$30,INDEX(Jesper!$R$2:$R$366,ROW(INDEX(Jesper!AJ$2:AJ$366,ROUNDDOWN($C7239/24,0)+1,1))-1)+IF('Standard Profiles'!$G$20=$B$10,7,0)+IF('Standard Profiles'!$G$20=$B$17,14,0)+IF('Standard Profiles'!$G$20=$B$24,21,0),MOD($C7239,24)+1)/SUM(INDEX($D$3:$AA$30,INDEX(Jesper!$R$2:$R$366,ROW(INDEX(Jesper!AJ$2:AJ$366,ROUNDDOWN($C7239/24,0)+1,1))-1)+IF('Standard Profiles'!$G$20=$B$10,7,0)+IF('Standard Profiles'!$G$20=$B$17,14,0)+IF('Standard Profiles'!$G$20=$B$24,21,0),0)),0)</f>
        <v>2.1059611922369466</v>
      </c>
      <c r="G7239" cm="1">
        <f t="array" ref="G7239">IFERROR(INDEX(Jesper!AK$2:AK$366,ROUNDDOWN($C7239/24,0)+1,1)*INDEX($D$3:$AA$30,INDEX(Jesper!$R$2:$R$366,ROW(INDEX(Jesper!AK$2:AK$366,ROUNDDOWN($C7239/24,0)+1,1))-1)+IF('Standard Profiles'!$G$21=$B$10,7,0)+IF('Standard Profiles'!$G$21=$B$17,14,0)+IF('Standard Profiles'!$G$21=$B$24,21,0),MOD($C7239,24)+1)/SUM(INDEX($D$3:$AA$30,INDEX(Jesper!$R$2:$R$366,ROW(INDEX(Jesper!AK$2:AK$366,ROUNDDOWN($C7239/24,0)+1,1))-1)+IF('Standard Profiles'!$G$21=$B$10,7,0)+IF('Standard Profiles'!$G$21=$B$17,14,0)+IF('Standard Profiles'!$G$21=$B$24,21,0),0)),0)</f>
        <v>2.0306492205996771</v>
      </c>
      <c r="H7239" cm="1">
        <f t="array" ref="H7239">IFERROR(INDEX(Jesper!AL$2:AL$366,ROUNDDOWN($C7239/24,0)+1,1)*INDEX($D$3:$AA$30,INDEX(Jesper!$R$2:$R$366,ROW(INDEX(Jesper!AL$2:AL$366,ROUNDDOWN($C7239/24,0)+1,1))-1)+IF('Standard Profiles'!$G$22=$B$10,7,0)+IF('Standard Profiles'!$G$22=$B$17,14,0)+IF('Standard Profiles'!$G$22=$B$24,21,0),MOD($C7239,24)+1)/SUM(INDEX($D$3:$AA$30,INDEX(Jesper!$R$2:$R$366,ROW(INDEX(Jesper!AL$2:AL$366,ROUNDDOWN($C7239/24,0)+1,1))-1)+IF('Standard Profiles'!$G$22=$B$10,7,0)+IF('Standard Profiles'!$G$22=$B$17,14,0)+IF('Standard Profiles'!$G$22=$B$24,21,0),0)),0)</f>
        <v>1.0182732750493231</v>
      </c>
      <c r="I7239">
        <f t="shared" si="804"/>
        <v>0.97754234404735063</v>
      </c>
      <c r="J7239">
        <f t="shared" si="805"/>
        <v>7.091349577889682</v>
      </c>
      <c r="K7239">
        <f t="shared" si="806"/>
        <v>0.26490983945918956</v>
      </c>
      <c r="L7239">
        <f t="shared" si="807"/>
        <v>0.13245491972959478</v>
      </c>
      <c r="M7239">
        <f t="shared" si="808"/>
        <v>0</v>
      </c>
      <c r="N7239" s="45">
        <f t="shared" si="809"/>
        <v>45227.208333315859</v>
      </c>
    </row>
    <row r="7240" spans="2:14" x14ac:dyDescent="0.25">
      <c r="B7240">
        <f t="shared" si="803"/>
        <v>6</v>
      </c>
      <c r="C7240" s="16">
        <v>7206</v>
      </c>
      <c r="D7240" cm="1">
        <f t="array" ref="D7240">IFERROR(INDEX(Jesper!AH$2:AH$366,ROUNDDOWN($C7240/24,0)+1,1)*INDEX($D$3:$AA$30,INDEX(Jesper!$R$2:$R$366,ROW(INDEX(Jesper!AH$2:AH$366,ROUNDDOWN($C7240/24,0)+1,1))-1)+IF('Standard Profiles'!$G$18=$B$10,7,0)+IF('Standard Profiles'!$G$18=$B$17,14,0)+IF('Standard Profiles'!$G$18=$B$24,21,0),MOD($C7240,24)+1)/SUM(INDEX($D$3:$AA$30,INDEX(Jesper!$R$2:$R$366,ROW(INDEX(Jesper!AH$2:AH$366,ROUNDDOWN($C7240/24,0)+1,1))-1)+IF('Standard Profiles'!$G$18=$B$10,7,0)+IF('Standard Profiles'!$G$18=$B$17,14,0)+IF('Standard Profiles'!$G$18=$B$24,21,0),0)),0)</f>
        <v>0</v>
      </c>
      <c r="E7240" cm="1">
        <f t="array" ref="E7240">IFERROR(INDEX(Jesper!AI$2:AI$366,ROUNDDOWN($C7240/24,0)+1,1)*INDEX($D$3:$AA$30,INDEX(Jesper!$R$2:$R$366,ROW(INDEX(Jesper!AI$2:AI$366,ROUNDDOWN($C7240/24,0)+1,1))-1)+IF('Standard Profiles'!$G$19=$B$10,7,0)+IF('Standard Profiles'!$G$19=$B$17,14,0)+IF('Standard Profiles'!$G$19=$B$24,21,0),MOD($C7240,24)+1)/SUM(INDEX($D$3:$AA$30,INDEX(Jesper!$R$2:$R$366,ROW(INDEX(Jesper!AI$2:AI$366,ROUNDDOWN($C7240/24,0)+1,1))-1)+IF('Standard Profiles'!$G$19=$B$10,7,0)+IF('Standard Profiles'!$G$19=$B$17,14,0)+IF('Standard Profiles'!$G$19=$B$24,21,0),0)),0)</f>
        <v>3.3113729932398694</v>
      </c>
      <c r="F7240" cm="1">
        <f t="array" ref="F7240">IFERROR(INDEX(Jesper!AJ$2:AJ$366,ROUNDDOWN($C7240/24,0)+1,1)*INDEX($D$3:$AA$30,INDEX(Jesper!$R$2:$R$366,ROW(INDEX(Jesper!AJ$2:AJ$366,ROUNDDOWN($C7240/24,0)+1,1))-1)+IF('Standard Profiles'!$G$20=$B$10,7,0)+IF('Standard Profiles'!$G$20=$B$17,14,0)+IF('Standard Profiles'!$G$20=$B$24,21,0),MOD($C7240,24)+1)/SUM(INDEX($D$3:$AA$30,INDEX(Jesper!$R$2:$R$366,ROW(INDEX(Jesper!AJ$2:AJ$366,ROUNDDOWN($C7240/24,0)+1,1))-1)+IF('Standard Profiles'!$G$20=$B$10,7,0)+IF('Standard Profiles'!$G$20=$B$17,14,0)+IF('Standard Profiles'!$G$20=$B$24,21,0),0)),0)</f>
        <v>2.1059611922369466</v>
      </c>
      <c r="G7240" cm="1">
        <f t="array" ref="G7240">IFERROR(INDEX(Jesper!AK$2:AK$366,ROUNDDOWN($C7240/24,0)+1,1)*INDEX($D$3:$AA$30,INDEX(Jesper!$R$2:$R$366,ROW(INDEX(Jesper!AK$2:AK$366,ROUNDDOWN($C7240/24,0)+1,1))-1)+IF('Standard Profiles'!$G$21=$B$10,7,0)+IF('Standard Profiles'!$G$21=$B$17,14,0)+IF('Standard Profiles'!$G$21=$B$24,21,0),MOD($C7240,24)+1)/SUM(INDEX($D$3:$AA$30,INDEX(Jesper!$R$2:$R$366,ROW(INDEX(Jesper!AK$2:AK$366,ROUNDDOWN($C7240/24,0)+1,1))-1)+IF('Standard Profiles'!$G$21=$B$10,7,0)+IF('Standard Profiles'!$G$21=$B$17,14,0)+IF('Standard Profiles'!$G$21=$B$24,21,0),0)),0)</f>
        <v>2.0306492205996771</v>
      </c>
      <c r="H7240" cm="1">
        <f t="array" ref="H7240">IFERROR(INDEX(Jesper!AL$2:AL$366,ROUNDDOWN($C7240/24,0)+1,1)*INDEX($D$3:$AA$30,INDEX(Jesper!$R$2:$R$366,ROW(INDEX(Jesper!AL$2:AL$366,ROUNDDOWN($C7240/24,0)+1,1))-1)+IF('Standard Profiles'!$G$22=$B$10,7,0)+IF('Standard Profiles'!$G$22=$B$17,14,0)+IF('Standard Profiles'!$G$22=$B$24,21,0),MOD($C7240,24)+1)/SUM(INDEX($D$3:$AA$30,INDEX(Jesper!$R$2:$R$366,ROW(INDEX(Jesper!AL$2:AL$366,ROUNDDOWN($C7240/24,0)+1,1))-1)+IF('Standard Profiles'!$G$22=$B$10,7,0)+IF('Standard Profiles'!$G$22=$B$17,14,0)+IF('Standard Profiles'!$G$22=$B$24,21,0),0)),0)</f>
        <v>1.2778331294736605</v>
      </c>
      <c r="I7240">
        <f t="shared" si="804"/>
        <v>1.2267198042947147</v>
      </c>
      <c r="J7240">
        <f t="shared" si="805"/>
        <v>7.1017319720666556</v>
      </c>
      <c r="K7240">
        <f t="shared" si="806"/>
        <v>0.26490983945918956</v>
      </c>
      <c r="L7240">
        <f t="shared" si="807"/>
        <v>0.13245491972959478</v>
      </c>
      <c r="M7240">
        <f t="shared" si="808"/>
        <v>0</v>
      </c>
      <c r="N7240" s="45">
        <f t="shared" si="809"/>
        <v>45227.249999982523</v>
      </c>
    </row>
    <row r="7241" spans="2:14" x14ac:dyDescent="0.25">
      <c r="B7241">
        <f t="shared" si="803"/>
        <v>6</v>
      </c>
      <c r="C7241" s="16">
        <v>7207</v>
      </c>
      <c r="D7241" cm="1">
        <f t="array" ref="D7241">IFERROR(INDEX(Jesper!AH$2:AH$366,ROUNDDOWN($C7241/24,0)+1,1)*INDEX($D$3:$AA$30,INDEX(Jesper!$R$2:$R$366,ROW(INDEX(Jesper!AH$2:AH$366,ROUNDDOWN($C7241/24,0)+1,1))-1)+IF('Standard Profiles'!$G$18=$B$10,7,0)+IF('Standard Profiles'!$G$18=$B$17,14,0)+IF('Standard Profiles'!$G$18=$B$24,21,0),MOD($C7241,24)+1)/SUM(INDEX($D$3:$AA$30,INDEX(Jesper!$R$2:$R$366,ROW(INDEX(Jesper!AH$2:AH$366,ROUNDDOWN($C7241/24,0)+1,1))-1)+IF('Standard Profiles'!$G$18=$B$10,7,0)+IF('Standard Profiles'!$G$18=$B$17,14,0)+IF('Standard Profiles'!$G$18=$B$24,21,0),0)),0)</f>
        <v>0</v>
      </c>
      <c r="E7241" cm="1">
        <f t="array" ref="E7241">IFERROR(INDEX(Jesper!AI$2:AI$366,ROUNDDOWN($C7241/24,0)+1,1)*INDEX($D$3:$AA$30,INDEX(Jesper!$R$2:$R$366,ROW(INDEX(Jesper!AI$2:AI$366,ROUNDDOWN($C7241/24,0)+1,1))-1)+IF('Standard Profiles'!$G$19=$B$10,7,0)+IF('Standard Profiles'!$G$19=$B$17,14,0)+IF('Standard Profiles'!$G$19=$B$24,21,0),MOD($C7241,24)+1)/SUM(INDEX($D$3:$AA$30,INDEX(Jesper!$R$2:$R$366,ROW(INDEX(Jesper!AI$2:AI$366,ROUNDDOWN($C7241/24,0)+1,1))-1)+IF('Standard Profiles'!$G$19=$B$10,7,0)+IF('Standard Profiles'!$G$19=$B$17,14,0)+IF('Standard Profiles'!$G$19=$B$24,21,0),0)),0)</f>
        <v>3.3113729932398694</v>
      </c>
      <c r="F7241" cm="1">
        <f t="array" ref="F7241">IFERROR(INDEX(Jesper!AJ$2:AJ$366,ROUNDDOWN($C7241/24,0)+1,1)*INDEX($D$3:$AA$30,INDEX(Jesper!$R$2:$R$366,ROW(INDEX(Jesper!AJ$2:AJ$366,ROUNDDOWN($C7241/24,0)+1,1))-1)+IF('Standard Profiles'!$G$20=$B$10,7,0)+IF('Standard Profiles'!$G$20=$B$17,14,0)+IF('Standard Profiles'!$G$20=$B$24,21,0),MOD($C7241,24)+1)/SUM(INDEX($D$3:$AA$30,INDEX(Jesper!$R$2:$R$366,ROW(INDEX(Jesper!AJ$2:AJ$366,ROUNDDOWN($C7241/24,0)+1,1))-1)+IF('Standard Profiles'!$G$20=$B$10,7,0)+IF('Standard Profiles'!$G$20=$B$17,14,0)+IF('Standard Profiles'!$G$20=$B$24,21,0),0)),0)</f>
        <v>2.1059611922369466</v>
      </c>
      <c r="G7241" cm="1">
        <f t="array" ref="G7241">IFERROR(INDEX(Jesper!AK$2:AK$366,ROUNDDOWN($C7241/24,0)+1,1)*INDEX($D$3:$AA$30,INDEX(Jesper!$R$2:$R$366,ROW(INDEX(Jesper!AK$2:AK$366,ROUNDDOWN($C7241/24,0)+1,1))-1)+IF('Standard Profiles'!$G$21=$B$10,7,0)+IF('Standard Profiles'!$G$21=$B$17,14,0)+IF('Standard Profiles'!$G$21=$B$24,21,0),MOD($C7241,24)+1)/SUM(INDEX($D$3:$AA$30,INDEX(Jesper!$R$2:$R$366,ROW(INDEX(Jesper!AK$2:AK$366,ROUNDDOWN($C7241/24,0)+1,1))-1)+IF('Standard Profiles'!$G$21=$B$10,7,0)+IF('Standard Profiles'!$G$21=$B$17,14,0)+IF('Standard Profiles'!$G$21=$B$24,21,0),0)),0)</f>
        <v>2.0306492205996771</v>
      </c>
      <c r="H7241" cm="1">
        <f t="array" ref="H7241">IFERROR(INDEX(Jesper!AL$2:AL$366,ROUNDDOWN($C7241/24,0)+1,1)*INDEX($D$3:$AA$30,INDEX(Jesper!$R$2:$R$366,ROW(INDEX(Jesper!AL$2:AL$366,ROUNDDOWN($C7241/24,0)+1,1))-1)+IF('Standard Profiles'!$G$22=$B$10,7,0)+IF('Standard Profiles'!$G$22=$B$17,14,0)+IF('Standard Profiles'!$G$22=$B$24,21,0),MOD($C7241,24)+1)/SUM(INDEX($D$3:$AA$30,INDEX(Jesper!$R$2:$R$366,ROW(INDEX(Jesper!AL$2:AL$366,ROUNDDOWN($C7241/24,0)+1,1))-1)+IF('Standard Profiles'!$G$22=$B$10,7,0)+IF('Standard Profiles'!$G$22=$B$17,14,0)+IF('Standard Profiles'!$G$22=$B$24,21,0),0)),0)</f>
        <v>1.4575284133058937</v>
      </c>
      <c r="I7241">
        <f t="shared" si="804"/>
        <v>1.3992272767736587</v>
      </c>
      <c r="J7241">
        <f t="shared" si="805"/>
        <v>7.1089197834199442</v>
      </c>
      <c r="K7241">
        <f t="shared" si="806"/>
        <v>0.26490983945918956</v>
      </c>
      <c r="L7241">
        <f t="shared" si="807"/>
        <v>0.13245491972959478</v>
      </c>
      <c r="M7241">
        <f t="shared" si="808"/>
        <v>0</v>
      </c>
      <c r="N7241" s="45">
        <f t="shared" si="809"/>
        <v>45227.291666649187</v>
      </c>
    </row>
    <row r="7242" spans="2:14" x14ac:dyDescent="0.25">
      <c r="B7242">
        <f t="shared" si="803"/>
        <v>6</v>
      </c>
      <c r="C7242" s="16">
        <v>7208</v>
      </c>
      <c r="D7242" cm="1">
        <f t="array" ref="D7242">IFERROR(INDEX(Jesper!AH$2:AH$366,ROUNDDOWN($C7242/24,0)+1,1)*INDEX($D$3:$AA$30,INDEX(Jesper!$R$2:$R$366,ROW(INDEX(Jesper!AH$2:AH$366,ROUNDDOWN($C7242/24,0)+1,1))-1)+IF('Standard Profiles'!$G$18=$B$10,7,0)+IF('Standard Profiles'!$G$18=$B$17,14,0)+IF('Standard Profiles'!$G$18=$B$24,21,0),MOD($C7242,24)+1)/SUM(INDEX($D$3:$AA$30,INDEX(Jesper!$R$2:$R$366,ROW(INDEX(Jesper!AH$2:AH$366,ROUNDDOWN($C7242/24,0)+1,1))-1)+IF('Standard Profiles'!$G$18=$B$10,7,0)+IF('Standard Profiles'!$G$18=$B$17,14,0)+IF('Standard Profiles'!$G$18=$B$24,21,0),0)),0)</f>
        <v>0</v>
      </c>
      <c r="E7242" cm="1">
        <f t="array" ref="E7242">IFERROR(INDEX(Jesper!AI$2:AI$366,ROUNDDOWN($C7242/24,0)+1,1)*INDEX($D$3:$AA$30,INDEX(Jesper!$R$2:$R$366,ROW(INDEX(Jesper!AI$2:AI$366,ROUNDDOWN($C7242/24,0)+1,1))-1)+IF('Standard Profiles'!$G$19=$B$10,7,0)+IF('Standard Profiles'!$G$19=$B$17,14,0)+IF('Standard Profiles'!$G$19=$B$24,21,0),MOD($C7242,24)+1)/SUM(INDEX($D$3:$AA$30,INDEX(Jesper!$R$2:$R$366,ROW(INDEX(Jesper!AI$2:AI$366,ROUNDDOWN($C7242/24,0)+1,1))-1)+IF('Standard Profiles'!$G$19=$B$10,7,0)+IF('Standard Profiles'!$G$19=$B$17,14,0)+IF('Standard Profiles'!$G$19=$B$24,21,0),0)),0)</f>
        <v>3.3113729932398694</v>
      </c>
      <c r="F7242" cm="1">
        <f t="array" ref="F7242">IFERROR(INDEX(Jesper!AJ$2:AJ$366,ROUNDDOWN($C7242/24,0)+1,1)*INDEX($D$3:$AA$30,INDEX(Jesper!$R$2:$R$366,ROW(INDEX(Jesper!AJ$2:AJ$366,ROUNDDOWN($C7242/24,0)+1,1))-1)+IF('Standard Profiles'!$G$20=$B$10,7,0)+IF('Standard Profiles'!$G$20=$B$17,14,0)+IF('Standard Profiles'!$G$20=$B$24,21,0),MOD($C7242,24)+1)/SUM(INDEX($D$3:$AA$30,INDEX(Jesper!$R$2:$R$366,ROW(INDEX(Jesper!AJ$2:AJ$366,ROUNDDOWN($C7242/24,0)+1,1))-1)+IF('Standard Profiles'!$G$20=$B$10,7,0)+IF('Standard Profiles'!$G$20=$B$17,14,0)+IF('Standard Profiles'!$G$20=$B$24,21,0),0)),0)</f>
        <v>2.1059611922369466</v>
      </c>
      <c r="G7242" cm="1">
        <f t="array" ref="G7242">IFERROR(INDEX(Jesper!AK$2:AK$366,ROUNDDOWN($C7242/24,0)+1,1)*INDEX($D$3:$AA$30,INDEX(Jesper!$R$2:$R$366,ROW(INDEX(Jesper!AK$2:AK$366,ROUNDDOWN($C7242/24,0)+1,1))-1)+IF('Standard Profiles'!$G$21=$B$10,7,0)+IF('Standard Profiles'!$G$21=$B$17,14,0)+IF('Standard Profiles'!$G$21=$B$24,21,0),MOD($C7242,24)+1)/SUM(INDEX($D$3:$AA$30,INDEX(Jesper!$R$2:$R$366,ROW(INDEX(Jesper!AK$2:AK$366,ROUNDDOWN($C7242/24,0)+1,1))-1)+IF('Standard Profiles'!$G$21=$B$10,7,0)+IF('Standard Profiles'!$G$21=$B$17,14,0)+IF('Standard Profiles'!$G$21=$B$24,21,0),0)),0)</f>
        <v>2.0306492205996771</v>
      </c>
      <c r="H7242" cm="1">
        <f t="array" ref="H7242">IFERROR(INDEX(Jesper!AL$2:AL$366,ROUNDDOWN($C7242/24,0)+1,1)*INDEX($D$3:$AA$30,INDEX(Jesper!$R$2:$R$366,ROW(INDEX(Jesper!AL$2:AL$366,ROUNDDOWN($C7242/24,0)+1,1))-1)+IF('Standard Profiles'!$G$22=$B$10,7,0)+IF('Standard Profiles'!$G$22=$B$17,14,0)+IF('Standard Profiles'!$G$22=$B$24,21,0),MOD($C7242,24)+1)/SUM(INDEX($D$3:$AA$30,INDEX(Jesper!$R$2:$R$366,ROW(INDEX(Jesper!AL$2:AL$366,ROUNDDOWN($C7242/24,0)+1,1))-1)+IF('Standard Profiles'!$G$22=$B$10,7,0)+IF('Standard Profiles'!$G$22=$B$17,14,0)+IF('Standard Profiles'!$G$22=$B$24,21,0),0)),0)</f>
        <v>1.4575284133058937</v>
      </c>
      <c r="I7242">
        <f t="shared" si="804"/>
        <v>1.3992272767736587</v>
      </c>
      <c r="J7242">
        <f t="shared" si="805"/>
        <v>7.1089197834199442</v>
      </c>
      <c r="K7242">
        <f t="shared" si="806"/>
        <v>0.26490983945918956</v>
      </c>
      <c r="L7242">
        <f t="shared" si="807"/>
        <v>0.13245491972959478</v>
      </c>
      <c r="M7242">
        <f t="shared" si="808"/>
        <v>0</v>
      </c>
      <c r="N7242" s="45">
        <f t="shared" si="809"/>
        <v>45227.333333315852</v>
      </c>
    </row>
    <row r="7243" spans="2:14" x14ac:dyDescent="0.25">
      <c r="B7243">
        <f t="shared" si="803"/>
        <v>6</v>
      </c>
      <c r="C7243" s="16">
        <v>7209</v>
      </c>
      <c r="D7243" cm="1">
        <f t="array" ref="D7243">IFERROR(INDEX(Jesper!AH$2:AH$366,ROUNDDOWN($C7243/24,0)+1,1)*INDEX($D$3:$AA$30,INDEX(Jesper!$R$2:$R$366,ROW(INDEX(Jesper!AH$2:AH$366,ROUNDDOWN($C7243/24,0)+1,1))-1)+IF('Standard Profiles'!$G$18=$B$10,7,0)+IF('Standard Profiles'!$G$18=$B$17,14,0)+IF('Standard Profiles'!$G$18=$B$24,21,0),MOD($C7243,24)+1)/SUM(INDEX($D$3:$AA$30,INDEX(Jesper!$R$2:$R$366,ROW(INDEX(Jesper!AH$2:AH$366,ROUNDDOWN($C7243/24,0)+1,1))-1)+IF('Standard Profiles'!$G$18=$B$10,7,0)+IF('Standard Profiles'!$G$18=$B$17,14,0)+IF('Standard Profiles'!$G$18=$B$24,21,0),0)),0)</f>
        <v>0</v>
      </c>
      <c r="E7243" cm="1">
        <f t="array" ref="E7243">IFERROR(INDEX(Jesper!AI$2:AI$366,ROUNDDOWN($C7243/24,0)+1,1)*INDEX($D$3:$AA$30,INDEX(Jesper!$R$2:$R$366,ROW(INDEX(Jesper!AI$2:AI$366,ROUNDDOWN($C7243/24,0)+1,1))-1)+IF('Standard Profiles'!$G$19=$B$10,7,0)+IF('Standard Profiles'!$G$19=$B$17,14,0)+IF('Standard Profiles'!$G$19=$B$24,21,0),MOD($C7243,24)+1)/SUM(INDEX($D$3:$AA$30,INDEX(Jesper!$R$2:$R$366,ROW(INDEX(Jesper!AI$2:AI$366,ROUNDDOWN($C7243/24,0)+1,1))-1)+IF('Standard Profiles'!$G$19=$B$10,7,0)+IF('Standard Profiles'!$G$19=$B$17,14,0)+IF('Standard Profiles'!$G$19=$B$24,21,0),0)),0)</f>
        <v>3.3113729932398694</v>
      </c>
      <c r="F7243" cm="1">
        <f t="array" ref="F7243">IFERROR(INDEX(Jesper!AJ$2:AJ$366,ROUNDDOWN($C7243/24,0)+1,1)*INDEX($D$3:$AA$30,INDEX(Jesper!$R$2:$R$366,ROW(INDEX(Jesper!AJ$2:AJ$366,ROUNDDOWN($C7243/24,0)+1,1))-1)+IF('Standard Profiles'!$G$20=$B$10,7,0)+IF('Standard Profiles'!$G$20=$B$17,14,0)+IF('Standard Profiles'!$G$20=$B$24,21,0),MOD($C7243,24)+1)/SUM(INDEX($D$3:$AA$30,INDEX(Jesper!$R$2:$R$366,ROW(INDEX(Jesper!AJ$2:AJ$366,ROUNDDOWN($C7243/24,0)+1,1))-1)+IF('Standard Profiles'!$G$20=$B$10,7,0)+IF('Standard Profiles'!$G$20=$B$17,14,0)+IF('Standard Profiles'!$G$20=$B$24,21,0),0)),0)</f>
        <v>2.1059611922369466</v>
      </c>
      <c r="G7243" cm="1">
        <f t="array" ref="G7243">IFERROR(INDEX(Jesper!AK$2:AK$366,ROUNDDOWN($C7243/24,0)+1,1)*INDEX($D$3:$AA$30,INDEX(Jesper!$R$2:$R$366,ROW(INDEX(Jesper!AK$2:AK$366,ROUNDDOWN($C7243/24,0)+1,1))-1)+IF('Standard Profiles'!$G$21=$B$10,7,0)+IF('Standard Profiles'!$G$21=$B$17,14,0)+IF('Standard Profiles'!$G$21=$B$24,21,0),MOD($C7243,24)+1)/SUM(INDEX($D$3:$AA$30,INDEX(Jesper!$R$2:$R$366,ROW(INDEX(Jesper!AK$2:AK$366,ROUNDDOWN($C7243/24,0)+1,1))-1)+IF('Standard Profiles'!$G$21=$B$10,7,0)+IF('Standard Profiles'!$G$21=$B$17,14,0)+IF('Standard Profiles'!$G$21=$B$24,21,0),0)),0)</f>
        <v>2.0306492205996771</v>
      </c>
      <c r="H7243" cm="1">
        <f t="array" ref="H7243">IFERROR(INDEX(Jesper!AL$2:AL$366,ROUNDDOWN($C7243/24,0)+1,1)*INDEX($D$3:$AA$30,INDEX(Jesper!$R$2:$R$366,ROW(INDEX(Jesper!AL$2:AL$366,ROUNDDOWN($C7243/24,0)+1,1))-1)+IF('Standard Profiles'!$G$22=$B$10,7,0)+IF('Standard Profiles'!$G$22=$B$17,14,0)+IF('Standard Profiles'!$G$22=$B$24,21,0),MOD($C7243,24)+1)/SUM(INDEX($D$3:$AA$30,INDEX(Jesper!$R$2:$R$366,ROW(INDEX(Jesper!AL$2:AL$366,ROUNDDOWN($C7243/24,0)+1,1))-1)+IF('Standard Profiles'!$G$22=$B$10,7,0)+IF('Standard Profiles'!$G$22=$B$17,14,0)+IF('Standard Profiles'!$G$22=$B$24,21,0),0)),0)</f>
        <v>1.4575284133058937</v>
      </c>
      <c r="I7243">
        <f t="shared" si="804"/>
        <v>1.3992272767736587</v>
      </c>
      <c r="J7243">
        <f t="shared" si="805"/>
        <v>7.1089197834199442</v>
      </c>
      <c r="K7243">
        <f t="shared" si="806"/>
        <v>0.26490983945918956</v>
      </c>
      <c r="L7243">
        <f t="shared" si="807"/>
        <v>0.13245491972959478</v>
      </c>
      <c r="M7243">
        <f t="shared" si="808"/>
        <v>0</v>
      </c>
      <c r="N7243" s="45">
        <f t="shared" si="809"/>
        <v>45227.374999982516</v>
      </c>
    </row>
    <row r="7244" spans="2:14" x14ac:dyDescent="0.25">
      <c r="B7244">
        <f t="shared" si="803"/>
        <v>6</v>
      </c>
      <c r="C7244" s="16">
        <v>7210</v>
      </c>
      <c r="D7244" cm="1">
        <f t="array" ref="D7244">IFERROR(INDEX(Jesper!AH$2:AH$366,ROUNDDOWN($C7244/24,0)+1,1)*INDEX($D$3:$AA$30,INDEX(Jesper!$R$2:$R$366,ROW(INDEX(Jesper!AH$2:AH$366,ROUNDDOWN($C7244/24,0)+1,1))-1)+IF('Standard Profiles'!$G$18=$B$10,7,0)+IF('Standard Profiles'!$G$18=$B$17,14,0)+IF('Standard Profiles'!$G$18=$B$24,21,0),MOD($C7244,24)+1)/SUM(INDEX($D$3:$AA$30,INDEX(Jesper!$R$2:$R$366,ROW(INDEX(Jesper!AH$2:AH$366,ROUNDDOWN($C7244/24,0)+1,1))-1)+IF('Standard Profiles'!$G$18=$B$10,7,0)+IF('Standard Profiles'!$G$18=$B$17,14,0)+IF('Standard Profiles'!$G$18=$B$24,21,0),0)),0)</f>
        <v>0</v>
      </c>
      <c r="E7244" cm="1">
        <f t="array" ref="E7244">IFERROR(INDEX(Jesper!AI$2:AI$366,ROUNDDOWN($C7244/24,0)+1,1)*INDEX($D$3:$AA$30,INDEX(Jesper!$R$2:$R$366,ROW(INDEX(Jesper!AI$2:AI$366,ROUNDDOWN($C7244/24,0)+1,1))-1)+IF('Standard Profiles'!$G$19=$B$10,7,0)+IF('Standard Profiles'!$G$19=$B$17,14,0)+IF('Standard Profiles'!$G$19=$B$24,21,0),MOD($C7244,24)+1)/SUM(INDEX($D$3:$AA$30,INDEX(Jesper!$R$2:$R$366,ROW(INDEX(Jesper!AI$2:AI$366,ROUNDDOWN($C7244/24,0)+1,1))-1)+IF('Standard Profiles'!$G$19=$B$10,7,0)+IF('Standard Profiles'!$G$19=$B$17,14,0)+IF('Standard Profiles'!$G$19=$B$24,21,0),0)),0)</f>
        <v>3.3113729932398694</v>
      </c>
      <c r="F7244" cm="1">
        <f t="array" ref="F7244">IFERROR(INDEX(Jesper!AJ$2:AJ$366,ROUNDDOWN($C7244/24,0)+1,1)*INDEX($D$3:$AA$30,INDEX(Jesper!$R$2:$R$366,ROW(INDEX(Jesper!AJ$2:AJ$366,ROUNDDOWN($C7244/24,0)+1,1))-1)+IF('Standard Profiles'!$G$20=$B$10,7,0)+IF('Standard Profiles'!$G$20=$B$17,14,0)+IF('Standard Profiles'!$G$20=$B$24,21,0),MOD($C7244,24)+1)/SUM(INDEX($D$3:$AA$30,INDEX(Jesper!$R$2:$R$366,ROW(INDEX(Jesper!AJ$2:AJ$366,ROUNDDOWN($C7244/24,0)+1,1))-1)+IF('Standard Profiles'!$G$20=$B$10,7,0)+IF('Standard Profiles'!$G$20=$B$17,14,0)+IF('Standard Profiles'!$G$20=$B$24,21,0),0)),0)</f>
        <v>2.1059611922369466</v>
      </c>
      <c r="G7244" cm="1">
        <f t="array" ref="G7244">IFERROR(INDEX(Jesper!AK$2:AK$366,ROUNDDOWN($C7244/24,0)+1,1)*INDEX($D$3:$AA$30,INDEX(Jesper!$R$2:$R$366,ROW(INDEX(Jesper!AK$2:AK$366,ROUNDDOWN($C7244/24,0)+1,1))-1)+IF('Standard Profiles'!$G$21=$B$10,7,0)+IF('Standard Profiles'!$G$21=$B$17,14,0)+IF('Standard Profiles'!$G$21=$B$24,21,0),MOD($C7244,24)+1)/SUM(INDEX($D$3:$AA$30,INDEX(Jesper!$R$2:$R$366,ROW(INDEX(Jesper!AK$2:AK$366,ROUNDDOWN($C7244/24,0)+1,1))-1)+IF('Standard Profiles'!$G$21=$B$10,7,0)+IF('Standard Profiles'!$G$21=$B$17,14,0)+IF('Standard Profiles'!$G$21=$B$24,21,0),0)),0)</f>
        <v>2.0306492205996771</v>
      </c>
      <c r="H7244" cm="1">
        <f t="array" ref="H7244">IFERROR(INDEX(Jesper!AL$2:AL$366,ROUNDDOWN($C7244/24,0)+1,1)*INDEX($D$3:$AA$30,INDEX(Jesper!$R$2:$R$366,ROW(INDEX(Jesper!AL$2:AL$366,ROUNDDOWN($C7244/24,0)+1,1))-1)+IF('Standard Profiles'!$G$22=$B$10,7,0)+IF('Standard Profiles'!$G$22=$B$17,14,0)+IF('Standard Profiles'!$G$22=$B$24,21,0),MOD($C7244,24)+1)/SUM(INDEX($D$3:$AA$30,INDEX(Jesper!$R$2:$R$366,ROW(INDEX(Jesper!AL$2:AL$366,ROUNDDOWN($C7244/24,0)+1,1))-1)+IF('Standard Profiles'!$G$22=$B$10,7,0)+IF('Standard Profiles'!$G$22=$B$17,14,0)+IF('Standard Profiles'!$G$22=$B$24,21,0),0)),0)</f>
        <v>1.4575284133058937</v>
      </c>
      <c r="I7244">
        <f t="shared" si="804"/>
        <v>1.3992272767736587</v>
      </c>
      <c r="J7244">
        <f t="shared" si="805"/>
        <v>7.1089197834199442</v>
      </c>
      <c r="K7244">
        <f t="shared" si="806"/>
        <v>0.26490983945918956</v>
      </c>
      <c r="L7244">
        <f t="shared" si="807"/>
        <v>0.13245491972959478</v>
      </c>
      <c r="M7244">
        <f t="shared" si="808"/>
        <v>0</v>
      </c>
      <c r="N7244" s="45">
        <f t="shared" si="809"/>
        <v>45227.41666664918</v>
      </c>
    </row>
    <row r="7245" spans="2:14" x14ac:dyDescent="0.25">
      <c r="B7245">
        <f t="shared" si="803"/>
        <v>6</v>
      </c>
      <c r="C7245" s="16">
        <v>7211</v>
      </c>
      <c r="D7245" cm="1">
        <f t="array" ref="D7245">IFERROR(INDEX(Jesper!AH$2:AH$366,ROUNDDOWN($C7245/24,0)+1,1)*INDEX($D$3:$AA$30,INDEX(Jesper!$R$2:$R$366,ROW(INDEX(Jesper!AH$2:AH$366,ROUNDDOWN($C7245/24,0)+1,1))-1)+IF('Standard Profiles'!$G$18=$B$10,7,0)+IF('Standard Profiles'!$G$18=$B$17,14,0)+IF('Standard Profiles'!$G$18=$B$24,21,0),MOD($C7245,24)+1)/SUM(INDEX($D$3:$AA$30,INDEX(Jesper!$R$2:$R$366,ROW(INDEX(Jesper!AH$2:AH$366,ROUNDDOWN($C7245/24,0)+1,1))-1)+IF('Standard Profiles'!$G$18=$B$10,7,0)+IF('Standard Profiles'!$G$18=$B$17,14,0)+IF('Standard Profiles'!$G$18=$B$24,21,0),0)),0)</f>
        <v>0</v>
      </c>
      <c r="E7245" cm="1">
        <f t="array" ref="E7245">IFERROR(INDEX(Jesper!AI$2:AI$366,ROUNDDOWN($C7245/24,0)+1,1)*INDEX($D$3:$AA$30,INDEX(Jesper!$R$2:$R$366,ROW(INDEX(Jesper!AI$2:AI$366,ROUNDDOWN($C7245/24,0)+1,1))-1)+IF('Standard Profiles'!$G$19=$B$10,7,0)+IF('Standard Profiles'!$G$19=$B$17,14,0)+IF('Standard Profiles'!$G$19=$B$24,21,0),MOD($C7245,24)+1)/SUM(INDEX($D$3:$AA$30,INDEX(Jesper!$R$2:$R$366,ROW(INDEX(Jesper!AI$2:AI$366,ROUNDDOWN($C7245/24,0)+1,1))-1)+IF('Standard Profiles'!$G$19=$B$10,7,0)+IF('Standard Profiles'!$G$19=$B$17,14,0)+IF('Standard Profiles'!$G$19=$B$24,21,0),0)),0)</f>
        <v>3.3113729932398694</v>
      </c>
      <c r="F7245" cm="1">
        <f t="array" ref="F7245">IFERROR(INDEX(Jesper!AJ$2:AJ$366,ROUNDDOWN($C7245/24,0)+1,1)*INDEX($D$3:$AA$30,INDEX(Jesper!$R$2:$R$366,ROW(INDEX(Jesper!AJ$2:AJ$366,ROUNDDOWN($C7245/24,0)+1,1))-1)+IF('Standard Profiles'!$G$20=$B$10,7,0)+IF('Standard Profiles'!$G$20=$B$17,14,0)+IF('Standard Profiles'!$G$20=$B$24,21,0),MOD($C7245,24)+1)/SUM(INDEX($D$3:$AA$30,INDEX(Jesper!$R$2:$R$366,ROW(INDEX(Jesper!AJ$2:AJ$366,ROUNDDOWN($C7245/24,0)+1,1))-1)+IF('Standard Profiles'!$G$20=$B$10,7,0)+IF('Standard Profiles'!$G$20=$B$17,14,0)+IF('Standard Profiles'!$G$20=$B$24,21,0),0)),0)</f>
        <v>2.1059611922369466</v>
      </c>
      <c r="G7245" cm="1">
        <f t="array" ref="G7245">IFERROR(INDEX(Jesper!AK$2:AK$366,ROUNDDOWN($C7245/24,0)+1,1)*INDEX($D$3:$AA$30,INDEX(Jesper!$R$2:$R$366,ROW(INDEX(Jesper!AK$2:AK$366,ROUNDDOWN($C7245/24,0)+1,1))-1)+IF('Standard Profiles'!$G$21=$B$10,7,0)+IF('Standard Profiles'!$G$21=$B$17,14,0)+IF('Standard Profiles'!$G$21=$B$24,21,0),MOD($C7245,24)+1)/SUM(INDEX($D$3:$AA$30,INDEX(Jesper!$R$2:$R$366,ROW(INDEX(Jesper!AK$2:AK$366,ROUNDDOWN($C7245/24,0)+1,1))-1)+IF('Standard Profiles'!$G$21=$B$10,7,0)+IF('Standard Profiles'!$G$21=$B$17,14,0)+IF('Standard Profiles'!$G$21=$B$24,21,0),0)),0)</f>
        <v>2.0306492205996771</v>
      </c>
      <c r="H7245" cm="1">
        <f t="array" ref="H7245">IFERROR(INDEX(Jesper!AL$2:AL$366,ROUNDDOWN($C7245/24,0)+1,1)*INDEX($D$3:$AA$30,INDEX(Jesper!$R$2:$R$366,ROW(INDEX(Jesper!AL$2:AL$366,ROUNDDOWN($C7245/24,0)+1,1))-1)+IF('Standard Profiles'!$G$22=$B$10,7,0)+IF('Standard Profiles'!$G$22=$B$17,14,0)+IF('Standard Profiles'!$G$22=$B$24,21,0),MOD($C7245,24)+1)/SUM(INDEX($D$3:$AA$30,INDEX(Jesper!$R$2:$R$366,ROW(INDEX(Jesper!AL$2:AL$366,ROUNDDOWN($C7245/24,0)+1,1))-1)+IF('Standard Profiles'!$G$22=$B$10,7,0)+IF('Standard Profiles'!$G$22=$B$17,14,0)+IF('Standard Profiles'!$G$22=$B$24,21,0),0)),0)</f>
        <v>1.4575284133058937</v>
      </c>
      <c r="I7245">
        <f t="shared" si="804"/>
        <v>1.3992272767736587</v>
      </c>
      <c r="J7245">
        <f t="shared" si="805"/>
        <v>7.1089197834199442</v>
      </c>
      <c r="K7245">
        <f t="shared" si="806"/>
        <v>0.26490983945918956</v>
      </c>
      <c r="L7245">
        <f t="shared" si="807"/>
        <v>0.13245491972959478</v>
      </c>
      <c r="M7245">
        <f t="shared" si="808"/>
        <v>0</v>
      </c>
      <c r="N7245" s="45">
        <f t="shared" si="809"/>
        <v>45227.458333315844</v>
      </c>
    </row>
    <row r="7246" spans="2:14" x14ac:dyDescent="0.25">
      <c r="B7246">
        <f t="shared" si="803"/>
        <v>6</v>
      </c>
      <c r="C7246" s="16">
        <v>7212</v>
      </c>
      <c r="D7246" cm="1">
        <f t="array" ref="D7246">IFERROR(INDEX(Jesper!AH$2:AH$366,ROUNDDOWN($C7246/24,0)+1,1)*INDEX($D$3:$AA$30,INDEX(Jesper!$R$2:$R$366,ROW(INDEX(Jesper!AH$2:AH$366,ROUNDDOWN($C7246/24,0)+1,1))-1)+IF('Standard Profiles'!$G$18=$B$10,7,0)+IF('Standard Profiles'!$G$18=$B$17,14,0)+IF('Standard Profiles'!$G$18=$B$24,21,0),MOD($C7246,24)+1)/SUM(INDEX($D$3:$AA$30,INDEX(Jesper!$R$2:$R$366,ROW(INDEX(Jesper!AH$2:AH$366,ROUNDDOWN($C7246/24,0)+1,1))-1)+IF('Standard Profiles'!$G$18=$B$10,7,0)+IF('Standard Profiles'!$G$18=$B$17,14,0)+IF('Standard Profiles'!$G$18=$B$24,21,0),0)),0)</f>
        <v>0</v>
      </c>
      <c r="E7246" cm="1">
        <f t="array" ref="E7246">IFERROR(INDEX(Jesper!AI$2:AI$366,ROUNDDOWN($C7246/24,0)+1,1)*INDEX($D$3:$AA$30,INDEX(Jesper!$R$2:$R$366,ROW(INDEX(Jesper!AI$2:AI$366,ROUNDDOWN($C7246/24,0)+1,1))-1)+IF('Standard Profiles'!$G$19=$B$10,7,0)+IF('Standard Profiles'!$G$19=$B$17,14,0)+IF('Standard Profiles'!$G$19=$B$24,21,0),MOD($C7246,24)+1)/SUM(INDEX($D$3:$AA$30,INDEX(Jesper!$R$2:$R$366,ROW(INDEX(Jesper!AI$2:AI$366,ROUNDDOWN($C7246/24,0)+1,1))-1)+IF('Standard Profiles'!$G$19=$B$10,7,0)+IF('Standard Profiles'!$G$19=$B$17,14,0)+IF('Standard Profiles'!$G$19=$B$24,21,0),0)),0)</f>
        <v>3.3113729932398694</v>
      </c>
      <c r="F7246" cm="1">
        <f t="array" ref="F7246">IFERROR(INDEX(Jesper!AJ$2:AJ$366,ROUNDDOWN($C7246/24,0)+1,1)*INDEX($D$3:$AA$30,INDEX(Jesper!$R$2:$R$366,ROW(INDEX(Jesper!AJ$2:AJ$366,ROUNDDOWN($C7246/24,0)+1,1))-1)+IF('Standard Profiles'!$G$20=$B$10,7,0)+IF('Standard Profiles'!$G$20=$B$17,14,0)+IF('Standard Profiles'!$G$20=$B$24,21,0),MOD($C7246,24)+1)/SUM(INDEX($D$3:$AA$30,INDEX(Jesper!$R$2:$R$366,ROW(INDEX(Jesper!AJ$2:AJ$366,ROUNDDOWN($C7246/24,0)+1,1))-1)+IF('Standard Profiles'!$G$20=$B$10,7,0)+IF('Standard Profiles'!$G$20=$B$17,14,0)+IF('Standard Profiles'!$G$20=$B$24,21,0),0)),0)</f>
        <v>2.1059611922369466</v>
      </c>
      <c r="G7246" cm="1">
        <f t="array" ref="G7246">IFERROR(INDEX(Jesper!AK$2:AK$366,ROUNDDOWN($C7246/24,0)+1,1)*INDEX($D$3:$AA$30,INDEX(Jesper!$R$2:$R$366,ROW(INDEX(Jesper!AK$2:AK$366,ROUNDDOWN($C7246/24,0)+1,1))-1)+IF('Standard Profiles'!$G$21=$B$10,7,0)+IF('Standard Profiles'!$G$21=$B$17,14,0)+IF('Standard Profiles'!$G$21=$B$24,21,0),MOD($C7246,24)+1)/SUM(INDEX($D$3:$AA$30,INDEX(Jesper!$R$2:$R$366,ROW(INDEX(Jesper!AK$2:AK$366,ROUNDDOWN($C7246/24,0)+1,1))-1)+IF('Standard Profiles'!$G$21=$B$10,7,0)+IF('Standard Profiles'!$G$21=$B$17,14,0)+IF('Standard Profiles'!$G$21=$B$24,21,0),0)),0)</f>
        <v>2.0306492205996771</v>
      </c>
      <c r="H7246" cm="1">
        <f t="array" ref="H7246">IFERROR(INDEX(Jesper!AL$2:AL$366,ROUNDDOWN($C7246/24,0)+1,1)*INDEX($D$3:$AA$30,INDEX(Jesper!$R$2:$R$366,ROW(INDEX(Jesper!AL$2:AL$366,ROUNDDOWN($C7246/24,0)+1,1))-1)+IF('Standard Profiles'!$G$22=$B$10,7,0)+IF('Standard Profiles'!$G$22=$B$17,14,0)+IF('Standard Profiles'!$G$22=$B$24,21,0),MOD($C7246,24)+1)/SUM(INDEX($D$3:$AA$30,INDEX(Jesper!$R$2:$R$366,ROW(INDEX(Jesper!AL$2:AL$366,ROUNDDOWN($C7246/24,0)+1,1))-1)+IF('Standard Profiles'!$G$22=$B$10,7,0)+IF('Standard Profiles'!$G$22=$B$17,14,0)+IF('Standard Profiles'!$G$22=$B$24,21,0),0)),0)</f>
        <v>1.4575284133058937</v>
      </c>
      <c r="I7246">
        <f t="shared" si="804"/>
        <v>1.3992272767736587</v>
      </c>
      <c r="J7246">
        <f t="shared" si="805"/>
        <v>7.1089197834199442</v>
      </c>
      <c r="K7246">
        <f t="shared" si="806"/>
        <v>0.26490983945918956</v>
      </c>
      <c r="L7246">
        <f t="shared" si="807"/>
        <v>0.13245491972959478</v>
      </c>
      <c r="M7246">
        <f t="shared" si="808"/>
        <v>0</v>
      </c>
      <c r="N7246" s="45">
        <f t="shared" si="809"/>
        <v>45227.499999982509</v>
      </c>
    </row>
    <row r="7247" spans="2:14" x14ac:dyDescent="0.25">
      <c r="B7247">
        <f t="shared" si="803"/>
        <v>6</v>
      </c>
      <c r="C7247" s="16">
        <v>7213</v>
      </c>
      <c r="D7247" cm="1">
        <f t="array" ref="D7247">IFERROR(INDEX(Jesper!AH$2:AH$366,ROUNDDOWN($C7247/24,0)+1,1)*INDEX($D$3:$AA$30,INDEX(Jesper!$R$2:$R$366,ROW(INDEX(Jesper!AH$2:AH$366,ROUNDDOWN($C7247/24,0)+1,1))-1)+IF('Standard Profiles'!$G$18=$B$10,7,0)+IF('Standard Profiles'!$G$18=$B$17,14,0)+IF('Standard Profiles'!$G$18=$B$24,21,0),MOD($C7247,24)+1)/SUM(INDEX($D$3:$AA$30,INDEX(Jesper!$R$2:$R$366,ROW(INDEX(Jesper!AH$2:AH$366,ROUNDDOWN($C7247/24,0)+1,1))-1)+IF('Standard Profiles'!$G$18=$B$10,7,0)+IF('Standard Profiles'!$G$18=$B$17,14,0)+IF('Standard Profiles'!$G$18=$B$24,21,0),0)),0)</f>
        <v>0</v>
      </c>
      <c r="E7247" cm="1">
        <f t="array" ref="E7247">IFERROR(INDEX(Jesper!AI$2:AI$366,ROUNDDOWN($C7247/24,0)+1,1)*INDEX($D$3:$AA$30,INDEX(Jesper!$R$2:$R$366,ROW(INDEX(Jesper!AI$2:AI$366,ROUNDDOWN($C7247/24,0)+1,1))-1)+IF('Standard Profiles'!$G$19=$B$10,7,0)+IF('Standard Profiles'!$G$19=$B$17,14,0)+IF('Standard Profiles'!$G$19=$B$24,21,0),MOD($C7247,24)+1)/SUM(INDEX($D$3:$AA$30,INDEX(Jesper!$R$2:$R$366,ROW(INDEX(Jesper!AI$2:AI$366,ROUNDDOWN($C7247/24,0)+1,1))-1)+IF('Standard Profiles'!$G$19=$B$10,7,0)+IF('Standard Profiles'!$G$19=$B$17,14,0)+IF('Standard Profiles'!$G$19=$B$24,21,0),0)),0)</f>
        <v>3.3113729932398694</v>
      </c>
      <c r="F7247" cm="1">
        <f t="array" ref="F7247">IFERROR(INDEX(Jesper!AJ$2:AJ$366,ROUNDDOWN($C7247/24,0)+1,1)*INDEX($D$3:$AA$30,INDEX(Jesper!$R$2:$R$366,ROW(INDEX(Jesper!AJ$2:AJ$366,ROUNDDOWN($C7247/24,0)+1,1))-1)+IF('Standard Profiles'!$G$20=$B$10,7,0)+IF('Standard Profiles'!$G$20=$B$17,14,0)+IF('Standard Profiles'!$G$20=$B$24,21,0),MOD($C7247,24)+1)/SUM(INDEX($D$3:$AA$30,INDEX(Jesper!$R$2:$R$366,ROW(INDEX(Jesper!AJ$2:AJ$366,ROUNDDOWN($C7247/24,0)+1,1))-1)+IF('Standard Profiles'!$G$20=$B$10,7,0)+IF('Standard Profiles'!$G$20=$B$17,14,0)+IF('Standard Profiles'!$G$20=$B$24,21,0),0)),0)</f>
        <v>2.1059611922369466</v>
      </c>
      <c r="G7247" cm="1">
        <f t="array" ref="G7247">IFERROR(INDEX(Jesper!AK$2:AK$366,ROUNDDOWN($C7247/24,0)+1,1)*INDEX($D$3:$AA$30,INDEX(Jesper!$R$2:$R$366,ROW(INDEX(Jesper!AK$2:AK$366,ROUNDDOWN($C7247/24,0)+1,1))-1)+IF('Standard Profiles'!$G$21=$B$10,7,0)+IF('Standard Profiles'!$G$21=$B$17,14,0)+IF('Standard Profiles'!$G$21=$B$24,21,0),MOD($C7247,24)+1)/SUM(INDEX($D$3:$AA$30,INDEX(Jesper!$R$2:$R$366,ROW(INDEX(Jesper!AK$2:AK$366,ROUNDDOWN($C7247/24,0)+1,1))-1)+IF('Standard Profiles'!$G$21=$B$10,7,0)+IF('Standard Profiles'!$G$21=$B$17,14,0)+IF('Standard Profiles'!$G$21=$B$24,21,0),0)),0)</f>
        <v>2.0306492205996771</v>
      </c>
      <c r="H7247" cm="1">
        <f t="array" ref="H7247">IFERROR(INDEX(Jesper!AL$2:AL$366,ROUNDDOWN($C7247/24,0)+1,1)*INDEX($D$3:$AA$30,INDEX(Jesper!$R$2:$R$366,ROW(INDEX(Jesper!AL$2:AL$366,ROUNDDOWN($C7247/24,0)+1,1))-1)+IF('Standard Profiles'!$G$22=$B$10,7,0)+IF('Standard Profiles'!$G$22=$B$17,14,0)+IF('Standard Profiles'!$G$22=$B$24,21,0),MOD($C7247,24)+1)/SUM(INDEX($D$3:$AA$30,INDEX(Jesper!$R$2:$R$366,ROW(INDEX(Jesper!AL$2:AL$366,ROUNDDOWN($C7247/24,0)+1,1))-1)+IF('Standard Profiles'!$G$22=$B$10,7,0)+IF('Standard Profiles'!$G$22=$B$17,14,0)+IF('Standard Profiles'!$G$22=$B$24,21,0),0)),0)</f>
        <v>1.4575284133058937</v>
      </c>
      <c r="I7247">
        <f t="shared" si="804"/>
        <v>1.3992272767736587</v>
      </c>
      <c r="J7247">
        <f t="shared" si="805"/>
        <v>7.1089197834199442</v>
      </c>
      <c r="K7247">
        <f t="shared" si="806"/>
        <v>0.26490983945918956</v>
      </c>
      <c r="L7247">
        <f t="shared" si="807"/>
        <v>0.13245491972959478</v>
      </c>
      <c r="M7247">
        <f t="shared" si="808"/>
        <v>0</v>
      </c>
      <c r="N7247" s="45">
        <f t="shared" si="809"/>
        <v>45227.541666649173</v>
      </c>
    </row>
    <row r="7248" spans="2:14" x14ac:dyDescent="0.25">
      <c r="B7248">
        <f t="shared" si="803"/>
        <v>6</v>
      </c>
      <c r="C7248" s="16">
        <v>7214</v>
      </c>
      <c r="D7248" cm="1">
        <f t="array" ref="D7248">IFERROR(INDEX(Jesper!AH$2:AH$366,ROUNDDOWN($C7248/24,0)+1,1)*INDEX($D$3:$AA$30,INDEX(Jesper!$R$2:$R$366,ROW(INDEX(Jesper!AH$2:AH$366,ROUNDDOWN($C7248/24,0)+1,1))-1)+IF('Standard Profiles'!$G$18=$B$10,7,0)+IF('Standard Profiles'!$G$18=$B$17,14,0)+IF('Standard Profiles'!$G$18=$B$24,21,0),MOD($C7248,24)+1)/SUM(INDEX($D$3:$AA$30,INDEX(Jesper!$R$2:$R$366,ROW(INDEX(Jesper!AH$2:AH$366,ROUNDDOWN($C7248/24,0)+1,1))-1)+IF('Standard Profiles'!$G$18=$B$10,7,0)+IF('Standard Profiles'!$G$18=$B$17,14,0)+IF('Standard Profiles'!$G$18=$B$24,21,0),0)),0)</f>
        <v>0</v>
      </c>
      <c r="E7248" cm="1">
        <f t="array" ref="E7248">IFERROR(INDEX(Jesper!AI$2:AI$366,ROUNDDOWN($C7248/24,0)+1,1)*INDEX($D$3:$AA$30,INDEX(Jesper!$R$2:$R$366,ROW(INDEX(Jesper!AI$2:AI$366,ROUNDDOWN($C7248/24,0)+1,1))-1)+IF('Standard Profiles'!$G$19=$B$10,7,0)+IF('Standard Profiles'!$G$19=$B$17,14,0)+IF('Standard Profiles'!$G$19=$B$24,21,0),MOD($C7248,24)+1)/SUM(INDEX($D$3:$AA$30,INDEX(Jesper!$R$2:$R$366,ROW(INDEX(Jesper!AI$2:AI$366,ROUNDDOWN($C7248/24,0)+1,1))-1)+IF('Standard Profiles'!$G$19=$B$10,7,0)+IF('Standard Profiles'!$G$19=$B$17,14,0)+IF('Standard Profiles'!$G$19=$B$24,21,0),0)),0)</f>
        <v>3.3113729932398694</v>
      </c>
      <c r="F7248" cm="1">
        <f t="array" ref="F7248">IFERROR(INDEX(Jesper!AJ$2:AJ$366,ROUNDDOWN($C7248/24,0)+1,1)*INDEX($D$3:$AA$30,INDEX(Jesper!$R$2:$R$366,ROW(INDEX(Jesper!AJ$2:AJ$366,ROUNDDOWN($C7248/24,0)+1,1))-1)+IF('Standard Profiles'!$G$20=$B$10,7,0)+IF('Standard Profiles'!$G$20=$B$17,14,0)+IF('Standard Profiles'!$G$20=$B$24,21,0),MOD($C7248,24)+1)/SUM(INDEX($D$3:$AA$30,INDEX(Jesper!$R$2:$R$366,ROW(INDEX(Jesper!AJ$2:AJ$366,ROUNDDOWN($C7248/24,0)+1,1))-1)+IF('Standard Profiles'!$G$20=$B$10,7,0)+IF('Standard Profiles'!$G$20=$B$17,14,0)+IF('Standard Profiles'!$G$20=$B$24,21,0),0)),0)</f>
        <v>2.1059611922369466</v>
      </c>
      <c r="G7248" cm="1">
        <f t="array" ref="G7248">IFERROR(INDEX(Jesper!AK$2:AK$366,ROUNDDOWN($C7248/24,0)+1,1)*INDEX($D$3:$AA$30,INDEX(Jesper!$R$2:$R$366,ROW(INDEX(Jesper!AK$2:AK$366,ROUNDDOWN($C7248/24,0)+1,1))-1)+IF('Standard Profiles'!$G$21=$B$10,7,0)+IF('Standard Profiles'!$G$21=$B$17,14,0)+IF('Standard Profiles'!$G$21=$B$24,21,0),MOD($C7248,24)+1)/SUM(INDEX($D$3:$AA$30,INDEX(Jesper!$R$2:$R$366,ROW(INDEX(Jesper!AK$2:AK$366,ROUNDDOWN($C7248/24,0)+1,1))-1)+IF('Standard Profiles'!$G$21=$B$10,7,0)+IF('Standard Profiles'!$G$21=$B$17,14,0)+IF('Standard Profiles'!$G$21=$B$24,21,0),0)),0)</f>
        <v>2.0306492205996771</v>
      </c>
      <c r="H7248" cm="1">
        <f t="array" ref="H7248">IFERROR(INDEX(Jesper!AL$2:AL$366,ROUNDDOWN($C7248/24,0)+1,1)*INDEX($D$3:$AA$30,INDEX(Jesper!$R$2:$R$366,ROW(INDEX(Jesper!AL$2:AL$366,ROUNDDOWN($C7248/24,0)+1,1))-1)+IF('Standard Profiles'!$G$22=$B$10,7,0)+IF('Standard Profiles'!$G$22=$B$17,14,0)+IF('Standard Profiles'!$G$22=$B$24,21,0),MOD($C7248,24)+1)/SUM(INDEX($D$3:$AA$30,INDEX(Jesper!$R$2:$R$366,ROW(INDEX(Jesper!AL$2:AL$366,ROUNDDOWN($C7248/24,0)+1,1))-1)+IF('Standard Profiles'!$G$22=$B$10,7,0)+IF('Standard Profiles'!$G$22=$B$17,14,0)+IF('Standard Profiles'!$G$22=$B$24,21,0),0)),0)</f>
        <v>1.4575284133058937</v>
      </c>
      <c r="I7248">
        <f t="shared" si="804"/>
        <v>1.3992272767736587</v>
      </c>
      <c r="J7248">
        <f t="shared" si="805"/>
        <v>7.1089197834199442</v>
      </c>
      <c r="K7248">
        <f t="shared" si="806"/>
        <v>0.26490983945918956</v>
      </c>
      <c r="L7248">
        <f t="shared" si="807"/>
        <v>0.13245491972959478</v>
      </c>
      <c r="M7248">
        <f t="shared" si="808"/>
        <v>0</v>
      </c>
      <c r="N7248" s="45">
        <f t="shared" si="809"/>
        <v>45227.583333315837</v>
      </c>
    </row>
    <row r="7249" spans="2:14" x14ac:dyDescent="0.25">
      <c r="B7249">
        <f t="shared" si="803"/>
        <v>6</v>
      </c>
      <c r="C7249" s="16">
        <v>7215</v>
      </c>
      <c r="D7249" cm="1">
        <f t="array" ref="D7249">IFERROR(INDEX(Jesper!AH$2:AH$366,ROUNDDOWN($C7249/24,0)+1,1)*INDEX($D$3:$AA$30,INDEX(Jesper!$R$2:$R$366,ROW(INDEX(Jesper!AH$2:AH$366,ROUNDDOWN($C7249/24,0)+1,1))-1)+IF('Standard Profiles'!$G$18=$B$10,7,0)+IF('Standard Profiles'!$G$18=$B$17,14,0)+IF('Standard Profiles'!$G$18=$B$24,21,0),MOD($C7249,24)+1)/SUM(INDEX($D$3:$AA$30,INDEX(Jesper!$R$2:$R$366,ROW(INDEX(Jesper!AH$2:AH$366,ROUNDDOWN($C7249/24,0)+1,1))-1)+IF('Standard Profiles'!$G$18=$B$10,7,0)+IF('Standard Profiles'!$G$18=$B$17,14,0)+IF('Standard Profiles'!$G$18=$B$24,21,0),0)),0)</f>
        <v>0</v>
      </c>
      <c r="E7249" cm="1">
        <f t="array" ref="E7249">IFERROR(INDEX(Jesper!AI$2:AI$366,ROUNDDOWN($C7249/24,0)+1,1)*INDEX($D$3:$AA$30,INDEX(Jesper!$R$2:$R$366,ROW(INDEX(Jesper!AI$2:AI$366,ROUNDDOWN($C7249/24,0)+1,1))-1)+IF('Standard Profiles'!$G$19=$B$10,7,0)+IF('Standard Profiles'!$G$19=$B$17,14,0)+IF('Standard Profiles'!$G$19=$B$24,21,0),MOD($C7249,24)+1)/SUM(INDEX($D$3:$AA$30,INDEX(Jesper!$R$2:$R$366,ROW(INDEX(Jesper!AI$2:AI$366,ROUNDDOWN($C7249/24,0)+1,1))-1)+IF('Standard Profiles'!$G$19=$B$10,7,0)+IF('Standard Profiles'!$G$19=$B$17,14,0)+IF('Standard Profiles'!$G$19=$B$24,21,0),0)),0)</f>
        <v>3.3113729932398694</v>
      </c>
      <c r="F7249" cm="1">
        <f t="array" ref="F7249">IFERROR(INDEX(Jesper!AJ$2:AJ$366,ROUNDDOWN($C7249/24,0)+1,1)*INDEX($D$3:$AA$30,INDEX(Jesper!$R$2:$R$366,ROW(INDEX(Jesper!AJ$2:AJ$366,ROUNDDOWN($C7249/24,0)+1,1))-1)+IF('Standard Profiles'!$G$20=$B$10,7,0)+IF('Standard Profiles'!$G$20=$B$17,14,0)+IF('Standard Profiles'!$G$20=$B$24,21,0),MOD($C7249,24)+1)/SUM(INDEX($D$3:$AA$30,INDEX(Jesper!$R$2:$R$366,ROW(INDEX(Jesper!AJ$2:AJ$366,ROUNDDOWN($C7249/24,0)+1,1))-1)+IF('Standard Profiles'!$G$20=$B$10,7,0)+IF('Standard Profiles'!$G$20=$B$17,14,0)+IF('Standard Profiles'!$G$20=$B$24,21,0),0)),0)</f>
        <v>2.1059611922369466</v>
      </c>
      <c r="G7249" cm="1">
        <f t="array" ref="G7249">IFERROR(INDEX(Jesper!AK$2:AK$366,ROUNDDOWN($C7249/24,0)+1,1)*INDEX($D$3:$AA$30,INDEX(Jesper!$R$2:$R$366,ROW(INDEX(Jesper!AK$2:AK$366,ROUNDDOWN($C7249/24,0)+1,1))-1)+IF('Standard Profiles'!$G$21=$B$10,7,0)+IF('Standard Profiles'!$G$21=$B$17,14,0)+IF('Standard Profiles'!$G$21=$B$24,21,0),MOD($C7249,24)+1)/SUM(INDEX($D$3:$AA$30,INDEX(Jesper!$R$2:$R$366,ROW(INDEX(Jesper!AK$2:AK$366,ROUNDDOWN($C7249/24,0)+1,1))-1)+IF('Standard Profiles'!$G$21=$B$10,7,0)+IF('Standard Profiles'!$G$21=$B$17,14,0)+IF('Standard Profiles'!$G$21=$B$24,21,0),0)),0)</f>
        <v>2.0306492205996771</v>
      </c>
      <c r="H7249" cm="1">
        <f t="array" ref="H7249">IFERROR(INDEX(Jesper!AL$2:AL$366,ROUNDDOWN($C7249/24,0)+1,1)*INDEX($D$3:$AA$30,INDEX(Jesper!$R$2:$R$366,ROW(INDEX(Jesper!AL$2:AL$366,ROUNDDOWN($C7249/24,0)+1,1))-1)+IF('Standard Profiles'!$G$22=$B$10,7,0)+IF('Standard Profiles'!$G$22=$B$17,14,0)+IF('Standard Profiles'!$G$22=$B$24,21,0),MOD($C7249,24)+1)/SUM(INDEX($D$3:$AA$30,INDEX(Jesper!$R$2:$R$366,ROW(INDEX(Jesper!AL$2:AL$366,ROUNDDOWN($C7249/24,0)+1,1))-1)+IF('Standard Profiles'!$G$22=$B$10,7,0)+IF('Standard Profiles'!$G$22=$B$17,14,0)+IF('Standard Profiles'!$G$22=$B$24,21,0),0)),0)</f>
        <v>1.317765414769712</v>
      </c>
      <c r="I7249">
        <f t="shared" si="804"/>
        <v>1.2650547981789242</v>
      </c>
      <c r="J7249">
        <f t="shared" si="805"/>
        <v>7.1033292634784972</v>
      </c>
      <c r="K7249">
        <f t="shared" si="806"/>
        <v>0.26490983945918956</v>
      </c>
      <c r="L7249">
        <f t="shared" si="807"/>
        <v>0.13245491972959478</v>
      </c>
      <c r="M7249">
        <f t="shared" si="808"/>
        <v>0</v>
      </c>
      <c r="N7249" s="45">
        <f t="shared" si="809"/>
        <v>45227.624999982501</v>
      </c>
    </row>
    <row r="7250" spans="2:14" x14ac:dyDescent="0.25">
      <c r="B7250">
        <f t="shared" si="803"/>
        <v>6</v>
      </c>
      <c r="C7250" s="16">
        <v>7216</v>
      </c>
      <c r="D7250" cm="1">
        <f t="array" ref="D7250">IFERROR(INDEX(Jesper!AH$2:AH$366,ROUNDDOWN($C7250/24,0)+1,1)*INDEX($D$3:$AA$30,INDEX(Jesper!$R$2:$R$366,ROW(INDEX(Jesper!AH$2:AH$366,ROUNDDOWN($C7250/24,0)+1,1))-1)+IF('Standard Profiles'!$G$18=$B$10,7,0)+IF('Standard Profiles'!$G$18=$B$17,14,0)+IF('Standard Profiles'!$G$18=$B$24,21,0),MOD($C7250,24)+1)/SUM(INDEX($D$3:$AA$30,INDEX(Jesper!$R$2:$R$366,ROW(INDEX(Jesper!AH$2:AH$366,ROUNDDOWN($C7250/24,0)+1,1))-1)+IF('Standard Profiles'!$G$18=$B$10,7,0)+IF('Standard Profiles'!$G$18=$B$17,14,0)+IF('Standard Profiles'!$G$18=$B$24,21,0),0)),0)</f>
        <v>0</v>
      </c>
      <c r="E7250" cm="1">
        <f t="array" ref="E7250">IFERROR(INDEX(Jesper!AI$2:AI$366,ROUNDDOWN($C7250/24,0)+1,1)*INDEX($D$3:$AA$30,INDEX(Jesper!$R$2:$R$366,ROW(INDEX(Jesper!AI$2:AI$366,ROUNDDOWN($C7250/24,0)+1,1))-1)+IF('Standard Profiles'!$G$19=$B$10,7,0)+IF('Standard Profiles'!$G$19=$B$17,14,0)+IF('Standard Profiles'!$G$19=$B$24,21,0),MOD($C7250,24)+1)/SUM(INDEX($D$3:$AA$30,INDEX(Jesper!$R$2:$R$366,ROW(INDEX(Jesper!AI$2:AI$366,ROUNDDOWN($C7250/24,0)+1,1))-1)+IF('Standard Profiles'!$G$19=$B$10,7,0)+IF('Standard Profiles'!$G$19=$B$17,14,0)+IF('Standard Profiles'!$G$19=$B$24,21,0),0)),0)</f>
        <v>3.3113729932398694</v>
      </c>
      <c r="F7250" cm="1">
        <f t="array" ref="F7250">IFERROR(INDEX(Jesper!AJ$2:AJ$366,ROUNDDOWN($C7250/24,0)+1,1)*INDEX($D$3:$AA$30,INDEX(Jesper!$R$2:$R$366,ROW(INDEX(Jesper!AJ$2:AJ$366,ROUNDDOWN($C7250/24,0)+1,1))-1)+IF('Standard Profiles'!$G$20=$B$10,7,0)+IF('Standard Profiles'!$G$20=$B$17,14,0)+IF('Standard Profiles'!$G$20=$B$24,21,0),MOD($C7250,24)+1)/SUM(INDEX($D$3:$AA$30,INDEX(Jesper!$R$2:$R$366,ROW(INDEX(Jesper!AJ$2:AJ$366,ROUNDDOWN($C7250/24,0)+1,1))-1)+IF('Standard Profiles'!$G$20=$B$10,7,0)+IF('Standard Profiles'!$G$20=$B$17,14,0)+IF('Standard Profiles'!$G$20=$B$24,21,0),0)),0)</f>
        <v>2.1059611922369466</v>
      </c>
      <c r="G7250" cm="1">
        <f t="array" ref="G7250">IFERROR(INDEX(Jesper!AK$2:AK$366,ROUNDDOWN($C7250/24,0)+1,1)*INDEX($D$3:$AA$30,INDEX(Jesper!$R$2:$R$366,ROW(INDEX(Jesper!AK$2:AK$366,ROUNDDOWN($C7250/24,0)+1,1))-1)+IF('Standard Profiles'!$G$21=$B$10,7,0)+IF('Standard Profiles'!$G$21=$B$17,14,0)+IF('Standard Profiles'!$G$21=$B$24,21,0),MOD($C7250,24)+1)/SUM(INDEX($D$3:$AA$30,INDEX(Jesper!$R$2:$R$366,ROW(INDEX(Jesper!AK$2:AK$366,ROUNDDOWN($C7250/24,0)+1,1))-1)+IF('Standard Profiles'!$G$21=$B$10,7,0)+IF('Standard Profiles'!$G$21=$B$17,14,0)+IF('Standard Profiles'!$G$21=$B$24,21,0),0)),0)</f>
        <v>2.0306492205996771</v>
      </c>
      <c r="H7250" cm="1">
        <f t="array" ref="H7250">IFERROR(INDEX(Jesper!AL$2:AL$366,ROUNDDOWN($C7250/24,0)+1,1)*INDEX($D$3:$AA$30,INDEX(Jesper!$R$2:$R$366,ROW(INDEX(Jesper!AL$2:AL$366,ROUNDDOWN($C7250/24,0)+1,1))-1)+IF('Standard Profiles'!$G$22=$B$10,7,0)+IF('Standard Profiles'!$G$22=$B$17,14,0)+IF('Standard Profiles'!$G$22=$B$24,21,0),MOD($C7250,24)+1)/SUM(INDEX($D$3:$AA$30,INDEX(Jesper!$R$2:$R$366,ROW(INDEX(Jesper!AL$2:AL$366,ROUNDDOWN($C7250/24,0)+1,1))-1)+IF('Standard Profiles'!$G$22=$B$10,7,0)+IF('Standard Profiles'!$G$22=$B$17,14,0)+IF('Standard Profiles'!$G$22=$B$24,21,0),0)),0)</f>
        <v>1.1979685588815567</v>
      </c>
      <c r="I7250">
        <f t="shared" si="804"/>
        <v>1.1500498165262951</v>
      </c>
      <c r="J7250">
        <f t="shared" si="805"/>
        <v>7.0985373892429715</v>
      </c>
      <c r="K7250">
        <f t="shared" si="806"/>
        <v>0.26490983945918956</v>
      </c>
      <c r="L7250">
        <f t="shared" si="807"/>
        <v>0.13245491972959478</v>
      </c>
      <c r="M7250">
        <f t="shared" si="808"/>
        <v>0</v>
      </c>
      <c r="N7250" s="45">
        <f t="shared" si="809"/>
        <v>45227.666666649166</v>
      </c>
    </row>
    <row r="7251" spans="2:14" x14ac:dyDescent="0.25">
      <c r="B7251">
        <f t="shared" si="803"/>
        <v>6</v>
      </c>
      <c r="C7251" s="16">
        <v>7217</v>
      </c>
      <c r="D7251" cm="1">
        <f t="array" ref="D7251">IFERROR(INDEX(Jesper!AH$2:AH$366,ROUNDDOWN($C7251/24,0)+1,1)*INDEX($D$3:$AA$30,INDEX(Jesper!$R$2:$R$366,ROW(INDEX(Jesper!AH$2:AH$366,ROUNDDOWN($C7251/24,0)+1,1))-1)+IF('Standard Profiles'!$G$18=$B$10,7,0)+IF('Standard Profiles'!$G$18=$B$17,14,0)+IF('Standard Profiles'!$G$18=$B$24,21,0),MOD($C7251,24)+1)/SUM(INDEX($D$3:$AA$30,INDEX(Jesper!$R$2:$R$366,ROW(INDEX(Jesper!AH$2:AH$366,ROUNDDOWN($C7251/24,0)+1,1))-1)+IF('Standard Profiles'!$G$18=$B$10,7,0)+IF('Standard Profiles'!$G$18=$B$17,14,0)+IF('Standard Profiles'!$G$18=$B$24,21,0),0)),0)</f>
        <v>0</v>
      </c>
      <c r="E7251" cm="1">
        <f t="array" ref="E7251">IFERROR(INDEX(Jesper!AI$2:AI$366,ROUNDDOWN($C7251/24,0)+1,1)*INDEX($D$3:$AA$30,INDEX(Jesper!$R$2:$R$366,ROW(INDEX(Jesper!AI$2:AI$366,ROUNDDOWN($C7251/24,0)+1,1))-1)+IF('Standard Profiles'!$G$19=$B$10,7,0)+IF('Standard Profiles'!$G$19=$B$17,14,0)+IF('Standard Profiles'!$G$19=$B$24,21,0),MOD($C7251,24)+1)/SUM(INDEX($D$3:$AA$30,INDEX(Jesper!$R$2:$R$366,ROW(INDEX(Jesper!AI$2:AI$366,ROUNDDOWN($C7251/24,0)+1,1))-1)+IF('Standard Profiles'!$G$19=$B$10,7,0)+IF('Standard Profiles'!$G$19=$B$17,14,0)+IF('Standard Profiles'!$G$19=$B$24,21,0),0)),0)</f>
        <v>3.3113729932398694</v>
      </c>
      <c r="F7251" cm="1">
        <f t="array" ref="F7251">IFERROR(INDEX(Jesper!AJ$2:AJ$366,ROUNDDOWN($C7251/24,0)+1,1)*INDEX($D$3:$AA$30,INDEX(Jesper!$R$2:$R$366,ROW(INDEX(Jesper!AJ$2:AJ$366,ROUNDDOWN($C7251/24,0)+1,1))-1)+IF('Standard Profiles'!$G$20=$B$10,7,0)+IF('Standard Profiles'!$G$20=$B$17,14,0)+IF('Standard Profiles'!$G$20=$B$24,21,0),MOD($C7251,24)+1)/SUM(INDEX($D$3:$AA$30,INDEX(Jesper!$R$2:$R$366,ROW(INDEX(Jesper!AJ$2:AJ$366,ROUNDDOWN($C7251/24,0)+1,1))-1)+IF('Standard Profiles'!$G$20=$B$10,7,0)+IF('Standard Profiles'!$G$20=$B$17,14,0)+IF('Standard Profiles'!$G$20=$B$24,21,0),0)),0)</f>
        <v>2.1059611922369466</v>
      </c>
      <c r="G7251" cm="1">
        <f t="array" ref="G7251">IFERROR(INDEX(Jesper!AK$2:AK$366,ROUNDDOWN($C7251/24,0)+1,1)*INDEX($D$3:$AA$30,INDEX(Jesper!$R$2:$R$366,ROW(INDEX(Jesper!AK$2:AK$366,ROUNDDOWN($C7251/24,0)+1,1))-1)+IF('Standard Profiles'!$G$21=$B$10,7,0)+IF('Standard Profiles'!$G$21=$B$17,14,0)+IF('Standard Profiles'!$G$21=$B$24,21,0),MOD($C7251,24)+1)/SUM(INDEX($D$3:$AA$30,INDEX(Jesper!$R$2:$R$366,ROW(INDEX(Jesper!AK$2:AK$366,ROUNDDOWN($C7251/24,0)+1,1))-1)+IF('Standard Profiles'!$G$21=$B$10,7,0)+IF('Standard Profiles'!$G$21=$B$17,14,0)+IF('Standard Profiles'!$G$21=$B$24,21,0),0)),0)</f>
        <v>2.0306492205996771</v>
      </c>
      <c r="H7251" cm="1">
        <f t="array" ref="H7251">IFERROR(INDEX(Jesper!AL$2:AL$366,ROUNDDOWN($C7251/24,0)+1,1)*INDEX($D$3:$AA$30,INDEX(Jesper!$R$2:$R$366,ROW(INDEX(Jesper!AL$2:AL$366,ROUNDDOWN($C7251/24,0)+1,1))-1)+IF('Standard Profiles'!$G$22=$B$10,7,0)+IF('Standard Profiles'!$G$22=$B$17,14,0)+IF('Standard Profiles'!$G$22=$B$24,21,0),MOD($C7251,24)+1)/SUM(INDEX($D$3:$AA$30,INDEX(Jesper!$R$2:$R$366,ROW(INDEX(Jesper!AL$2:AL$366,ROUNDDOWN($C7251/24,0)+1,1))-1)+IF('Standard Profiles'!$G$22=$B$10,7,0)+IF('Standard Profiles'!$G$22=$B$17,14,0)+IF('Standard Profiles'!$G$22=$B$24,21,0),0)),0)</f>
        <v>1.078171702993401</v>
      </c>
      <c r="I7251">
        <f t="shared" si="804"/>
        <v>1.0350448348736656</v>
      </c>
      <c r="J7251">
        <f t="shared" si="805"/>
        <v>7.0937455150074449</v>
      </c>
      <c r="K7251">
        <f t="shared" si="806"/>
        <v>0.26490983945918956</v>
      </c>
      <c r="L7251">
        <f t="shared" si="807"/>
        <v>0.13245491972959478</v>
      </c>
      <c r="M7251">
        <f t="shared" si="808"/>
        <v>0</v>
      </c>
      <c r="N7251" s="45">
        <f t="shared" si="809"/>
        <v>45227.70833331583</v>
      </c>
    </row>
    <row r="7252" spans="2:14" x14ac:dyDescent="0.25">
      <c r="B7252">
        <f t="shared" si="803"/>
        <v>6</v>
      </c>
      <c r="C7252" s="16">
        <v>7218</v>
      </c>
      <c r="D7252" cm="1">
        <f t="array" ref="D7252">IFERROR(INDEX(Jesper!AH$2:AH$366,ROUNDDOWN($C7252/24,0)+1,1)*INDEX($D$3:$AA$30,INDEX(Jesper!$R$2:$R$366,ROW(INDEX(Jesper!AH$2:AH$366,ROUNDDOWN($C7252/24,0)+1,1))-1)+IF('Standard Profiles'!$G$18=$B$10,7,0)+IF('Standard Profiles'!$G$18=$B$17,14,0)+IF('Standard Profiles'!$G$18=$B$24,21,0),MOD($C7252,24)+1)/SUM(INDEX($D$3:$AA$30,INDEX(Jesper!$R$2:$R$366,ROW(INDEX(Jesper!AH$2:AH$366,ROUNDDOWN($C7252/24,0)+1,1))-1)+IF('Standard Profiles'!$G$18=$B$10,7,0)+IF('Standard Profiles'!$G$18=$B$17,14,0)+IF('Standard Profiles'!$G$18=$B$24,21,0),0)),0)</f>
        <v>0</v>
      </c>
      <c r="E7252" cm="1">
        <f t="array" ref="E7252">IFERROR(INDEX(Jesper!AI$2:AI$366,ROUNDDOWN($C7252/24,0)+1,1)*INDEX($D$3:$AA$30,INDEX(Jesper!$R$2:$R$366,ROW(INDEX(Jesper!AI$2:AI$366,ROUNDDOWN($C7252/24,0)+1,1))-1)+IF('Standard Profiles'!$G$19=$B$10,7,0)+IF('Standard Profiles'!$G$19=$B$17,14,0)+IF('Standard Profiles'!$G$19=$B$24,21,0),MOD($C7252,24)+1)/SUM(INDEX($D$3:$AA$30,INDEX(Jesper!$R$2:$R$366,ROW(INDEX(Jesper!AI$2:AI$366,ROUNDDOWN($C7252/24,0)+1,1))-1)+IF('Standard Profiles'!$G$19=$B$10,7,0)+IF('Standard Profiles'!$G$19=$B$17,14,0)+IF('Standard Profiles'!$G$19=$B$24,21,0),0)),0)</f>
        <v>3.3113729932398694</v>
      </c>
      <c r="F7252" cm="1">
        <f t="array" ref="F7252">IFERROR(INDEX(Jesper!AJ$2:AJ$366,ROUNDDOWN($C7252/24,0)+1,1)*INDEX($D$3:$AA$30,INDEX(Jesper!$R$2:$R$366,ROW(INDEX(Jesper!AJ$2:AJ$366,ROUNDDOWN($C7252/24,0)+1,1))-1)+IF('Standard Profiles'!$G$20=$B$10,7,0)+IF('Standard Profiles'!$G$20=$B$17,14,0)+IF('Standard Profiles'!$G$20=$B$24,21,0),MOD($C7252,24)+1)/SUM(INDEX($D$3:$AA$30,INDEX(Jesper!$R$2:$R$366,ROW(INDEX(Jesper!AJ$2:AJ$366,ROUNDDOWN($C7252/24,0)+1,1))-1)+IF('Standard Profiles'!$G$20=$B$10,7,0)+IF('Standard Profiles'!$G$20=$B$17,14,0)+IF('Standard Profiles'!$G$20=$B$24,21,0),0)),0)</f>
        <v>2.1059611922369466</v>
      </c>
      <c r="G7252" cm="1">
        <f t="array" ref="G7252">IFERROR(INDEX(Jesper!AK$2:AK$366,ROUNDDOWN($C7252/24,0)+1,1)*INDEX($D$3:$AA$30,INDEX(Jesper!$R$2:$R$366,ROW(INDEX(Jesper!AK$2:AK$366,ROUNDDOWN($C7252/24,0)+1,1))-1)+IF('Standard Profiles'!$G$21=$B$10,7,0)+IF('Standard Profiles'!$G$21=$B$17,14,0)+IF('Standard Profiles'!$G$21=$B$24,21,0),MOD($C7252,24)+1)/SUM(INDEX($D$3:$AA$30,INDEX(Jesper!$R$2:$R$366,ROW(INDEX(Jesper!AK$2:AK$366,ROUNDDOWN($C7252/24,0)+1,1))-1)+IF('Standard Profiles'!$G$21=$B$10,7,0)+IF('Standard Profiles'!$G$21=$B$17,14,0)+IF('Standard Profiles'!$G$21=$B$24,21,0),0)),0)</f>
        <v>2.0306492205996771</v>
      </c>
      <c r="H7252" cm="1">
        <f t="array" ref="H7252">IFERROR(INDEX(Jesper!AL$2:AL$366,ROUNDDOWN($C7252/24,0)+1,1)*INDEX($D$3:$AA$30,INDEX(Jesper!$R$2:$R$366,ROW(INDEX(Jesper!AL$2:AL$366,ROUNDDOWN($C7252/24,0)+1,1))-1)+IF('Standard Profiles'!$G$22=$B$10,7,0)+IF('Standard Profiles'!$G$22=$B$17,14,0)+IF('Standard Profiles'!$G$22=$B$24,21,0),MOD($C7252,24)+1)/SUM(INDEX($D$3:$AA$30,INDEX(Jesper!$R$2:$R$366,ROW(INDEX(Jesper!AL$2:AL$366,ROUNDDOWN($C7252/24,0)+1,1))-1)+IF('Standard Profiles'!$G$22=$B$10,7,0)+IF('Standard Profiles'!$G$22=$B$17,14,0)+IF('Standard Profiles'!$G$22=$B$24,21,0),0)),0)</f>
        <v>1.0382394176973488</v>
      </c>
      <c r="I7252">
        <f t="shared" si="804"/>
        <v>0.99670984098945548</v>
      </c>
      <c r="J7252">
        <f t="shared" si="805"/>
        <v>7.0921482235956033</v>
      </c>
      <c r="K7252">
        <f t="shared" si="806"/>
        <v>0.26490983945918956</v>
      </c>
      <c r="L7252">
        <f t="shared" si="807"/>
        <v>0.13245491972959478</v>
      </c>
      <c r="M7252">
        <f t="shared" si="808"/>
        <v>0</v>
      </c>
      <c r="N7252" s="45">
        <f t="shared" si="809"/>
        <v>45227.749999982494</v>
      </c>
    </row>
    <row r="7253" spans="2:14" x14ac:dyDescent="0.25">
      <c r="B7253">
        <f t="shared" si="803"/>
        <v>6</v>
      </c>
      <c r="C7253" s="16">
        <v>7219</v>
      </c>
      <c r="D7253" cm="1">
        <f t="array" ref="D7253">IFERROR(INDEX(Jesper!AH$2:AH$366,ROUNDDOWN($C7253/24,0)+1,1)*INDEX($D$3:$AA$30,INDEX(Jesper!$R$2:$R$366,ROW(INDEX(Jesper!AH$2:AH$366,ROUNDDOWN($C7253/24,0)+1,1))-1)+IF('Standard Profiles'!$G$18=$B$10,7,0)+IF('Standard Profiles'!$G$18=$B$17,14,0)+IF('Standard Profiles'!$G$18=$B$24,21,0),MOD($C7253,24)+1)/SUM(INDEX($D$3:$AA$30,INDEX(Jesper!$R$2:$R$366,ROW(INDEX(Jesper!AH$2:AH$366,ROUNDDOWN($C7253/24,0)+1,1))-1)+IF('Standard Profiles'!$G$18=$B$10,7,0)+IF('Standard Profiles'!$G$18=$B$17,14,0)+IF('Standard Profiles'!$G$18=$B$24,21,0),0)),0)</f>
        <v>0</v>
      </c>
      <c r="E7253" cm="1">
        <f t="array" ref="E7253">IFERROR(INDEX(Jesper!AI$2:AI$366,ROUNDDOWN($C7253/24,0)+1,1)*INDEX($D$3:$AA$30,INDEX(Jesper!$R$2:$R$366,ROW(INDEX(Jesper!AI$2:AI$366,ROUNDDOWN($C7253/24,0)+1,1))-1)+IF('Standard Profiles'!$G$19=$B$10,7,0)+IF('Standard Profiles'!$G$19=$B$17,14,0)+IF('Standard Profiles'!$G$19=$B$24,21,0),MOD($C7253,24)+1)/SUM(INDEX($D$3:$AA$30,INDEX(Jesper!$R$2:$R$366,ROW(INDEX(Jesper!AI$2:AI$366,ROUNDDOWN($C7253/24,0)+1,1))-1)+IF('Standard Profiles'!$G$19=$B$10,7,0)+IF('Standard Profiles'!$G$19=$B$17,14,0)+IF('Standard Profiles'!$G$19=$B$24,21,0),0)),0)</f>
        <v>3.3113729932398694</v>
      </c>
      <c r="F7253" cm="1">
        <f t="array" ref="F7253">IFERROR(INDEX(Jesper!AJ$2:AJ$366,ROUNDDOWN($C7253/24,0)+1,1)*INDEX($D$3:$AA$30,INDEX(Jesper!$R$2:$R$366,ROW(INDEX(Jesper!AJ$2:AJ$366,ROUNDDOWN($C7253/24,0)+1,1))-1)+IF('Standard Profiles'!$G$20=$B$10,7,0)+IF('Standard Profiles'!$G$20=$B$17,14,0)+IF('Standard Profiles'!$G$20=$B$24,21,0),MOD($C7253,24)+1)/SUM(INDEX($D$3:$AA$30,INDEX(Jesper!$R$2:$R$366,ROW(INDEX(Jesper!AJ$2:AJ$366,ROUNDDOWN($C7253/24,0)+1,1))-1)+IF('Standard Profiles'!$G$20=$B$10,7,0)+IF('Standard Profiles'!$G$20=$B$17,14,0)+IF('Standard Profiles'!$G$20=$B$24,21,0),0)),0)</f>
        <v>2.1059611922369466</v>
      </c>
      <c r="G7253" cm="1">
        <f t="array" ref="G7253">IFERROR(INDEX(Jesper!AK$2:AK$366,ROUNDDOWN($C7253/24,0)+1,1)*INDEX($D$3:$AA$30,INDEX(Jesper!$R$2:$R$366,ROW(INDEX(Jesper!AK$2:AK$366,ROUNDDOWN($C7253/24,0)+1,1))-1)+IF('Standard Profiles'!$G$21=$B$10,7,0)+IF('Standard Profiles'!$G$21=$B$17,14,0)+IF('Standard Profiles'!$G$21=$B$24,21,0),MOD($C7253,24)+1)/SUM(INDEX($D$3:$AA$30,INDEX(Jesper!$R$2:$R$366,ROW(INDEX(Jesper!AK$2:AK$366,ROUNDDOWN($C7253/24,0)+1,1))-1)+IF('Standard Profiles'!$G$21=$B$10,7,0)+IF('Standard Profiles'!$G$21=$B$17,14,0)+IF('Standard Profiles'!$G$21=$B$24,21,0),0)),0)</f>
        <v>2.0306492205996771</v>
      </c>
      <c r="H7253" cm="1">
        <f t="array" ref="H7253">IFERROR(INDEX(Jesper!AL$2:AL$366,ROUNDDOWN($C7253/24,0)+1,1)*INDEX($D$3:$AA$30,INDEX(Jesper!$R$2:$R$366,ROW(INDEX(Jesper!AL$2:AL$366,ROUNDDOWN($C7253/24,0)+1,1))-1)+IF('Standard Profiles'!$G$22=$B$10,7,0)+IF('Standard Profiles'!$G$22=$B$17,14,0)+IF('Standard Profiles'!$G$22=$B$24,21,0),MOD($C7253,24)+1)/SUM(INDEX($D$3:$AA$30,INDEX(Jesper!$R$2:$R$366,ROW(INDEX(Jesper!AL$2:AL$366,ROUNDDOWN($C7253/24,0)+1,1))-1)+IF('Standard Profiles'!$G$22=$B$10,7,0)+IF('Standard Profiles'!$G$22=$B$17,14,0)+IF('Standard Profiles'!$G$22=$B$24,21,0),0)),0)</f>
        <v>0.83857799121708954</v>
      </c>
      <c r="I7253">
        <f t="shared" si="804"/>
        <v>0.80503487156840636</v>
      </c>
      <c r="J7253">
        <f t="shared" si="805"/>
        <v>7.0841617665363925</v>
      </c>
      <c r="K7253">
        <f t="shared" si="806"/>
        <v>0.26490983945918956</v>
      </c>
      <c r="L7253">
        <f t="shared" si="807"/>
        <v>0.13245491972959478</v>
      </c>
      <c r="M7253">
        <f t="shared" si="808"/>
        <v>0</v>
      </c>
      <c r="N7253" s="45">
        <f t="shared" si="809"/>
        <v>45227.791666649158</v>
      </c>
    </row>
    <row r="7254" spans="2:14" x14ac:dyDescent="0.25">
      <c r="B7254">
        <f t="shared" si="803"/>
        <v>6</v>
      </c>
      <c r="C7254" s="16">
        <v>7220</v>
      </c>
      <c r="D7254" cm="1">
        <f t="array" ref="D7254">IFERROR(INDEX(Jesper!AH$2:AH$366,ROUNDDOWN($C7254/24,0)+1,1)*INDEX($D$3:$AA$30,INDEX(Jesper!$R$2:$R$366,ROW(INDEX(Jesper!AH$2:AH$366,ROUNDDOWN($C7254/24,0)+1,1))-1)+IF('Standard Profiles'!$G$18=$B$10,7,0)+IF('Standard Profiles'!$G$18=$B$17,14,0)+IF('Standard Profiles'!$G$18=$B$24,21,0),MOD($C7254,24)+1)/SUM(INDEX($D$3:$AA$30,INDEX(Jesper!$R$2:$R$366,ROW(INDEX(Jesper!AH$2:AH$366,ROUNDDOWN($C7254/24,0)+1,1))-1)+IF('Standard Profiles'!$G$18=$B$10,7,0)+IF('Standard Profiles'!$G$18=$B$17,14,0)+IF('Standard Profiles'!$G$18=$B$24,21,0),0)),0)</f>
        <v>0</v>
      </c>
      <c r="E7254" cm="1">
        <f t="array" ref="E7254">IFERROR(INDEX(Jesper!AI$2:AI$366,ROUNDDOWN($C7254/24,0)+1,1)*INDEX($D$3:$AA$30,INDEX(Jesper!$R$2:$R$366,ROW(INDEX(Jesper!AI$2:AI$366,ROUNDDOWN($C7254/24,0)+1,1))-1)+IF('Standard Profiles'!$G$19=$B$10,7,0)+IF('Standard Profiles'!$G$19=$B$17,14,0)+IF('Standard Profiles'!$G$19=$B$24,21,0),MOD($C7254,24)+1)/SUM(INDEX($D$3:$AA$30,INDEX(Jesper!$R$2:$R$366,ROW(INDEX(Jesper!AI$2:AI$366,ROUNDDOWN($C7254/24,0)+1,1))-1)+IF('Standard Profiles'!$G$19=$B$10,7,0)+IF('Standard Profiles'!$G$19=$B$17,14,0)+IF('Standard Profiles'!$G$19=$B$24,21,0),0)),0)</f>
        <v>3.3113729932398694</v>
      </c>
      <c r="F7254" cm="1">
        <f t="array" ref="F7254">IFERROR(INDEX(Jesper!AJ$2:AJ$366,ROUNDDOWN($C7254/24,0)+1,1)*INDEX($D$3:$AA$30,INDEX(Jesper!$R$2:$R$366,ROW(INDEX(Jesper!AJ$2:AJ$366,ROUNDDOWN($C7254/24,0)+1,1))-1)+IF('Standard Profiles'!$G$20=$B$10,7,0)+IF('Standard Profiles'!$G$20=$B$17,14,0)+IF('Standard Profiles'!$G$20=$B$24,21,0),MOD($C7254,24)+1)/SUM(INDEX($D$3:$AA$30,INDEX(Jesper!$R$2:$R$366,ROW(INDEX(Jesper!AJ$2:AJ$366,ROUNDDOWN($C7254/24,0)+1,1))-1)+IF('Standard Profiles'!$G$20=$B$10,7,0)+IF('Standard Profiles'!$G$20=$B$17,14,0)+IF('Standard Profiles'!$G$20=$B$24,21,0),0)),0)</f>
        <v>2.1059611922369466</v>
      </c>
      <c r="G7254" cm="1">
        <f t="array" ref="G7254">IFERROR(INDEX(Jesper!AK$2:AK$366,ROUNDDOWN($C7254/24,0)+1,1)*INDEX($D$3:$AA$30,INDEX(Jesper!$R$2:$R$366,ROW(INDEX(Jesper!AK$2:AK$366,ROUNDDOWN($C7254/24,0)+1,1))-1)+IF('Standard Profiles'!$G$21=$B$10,7,0)+IF('Standard Profiles'!$G$21=$B$17,14,0)+IF('Standard Profiles'!$G$21=$B$24,21,0),MOD($C7254,24)+1)/SUM(INDEX($D$3:$AA$30,INDEX(Jesper!$R$2:$R$366,ROW(INDEX(Jesper!AK$2:AK$366,ROUNDDOWN($C7254/24,0)+1,1))-1)+IF('Standard Profiles'!$G$21=$B$10,7,0)+IF('Standard Profiles'!$G$21=$B$17,14,0)+IF('Standard Profiles'!$G$21=$B$24,21,0),0)),0)</f>
        <v>2.0306492205996771</v>
      </c>
      <c r="H7254" cm="1">
        <f t="array" ref="H7254">IFERROR(INDEX(Jesper!AL$2:AL$366,ROUNDDOWN($C7254/24,0)+1,1)*INDEX($D$3:$AA$30,INDEX(Jesper!$R$2:$R$366,ROW(INDEX(Jesper!AL$2:AL$366,ROUNDDOWN($C7254/24,0)+1,1))-1)+IF('Standard Profiles'!$G$22=$B$10,7,0)+IF('Standard Profiles'!$G$22=$B$17,14,0)+IF('Standard Profiles'!$G$22=$B$24,21,0),MOD($C7254,24)+1)/SUM(INDEX($D$3:$AA$30,INDEX(Jesper!$R$2:$R$366,ROW(INDEX(Jesper!AL$2:AL$366,ROUNDDOWN($C7254/24,0)+1,1))-1)+IF('Standard Profiles'!$G$22=$B$10,7,0)+IF('Standard Profiles'!$G$22=$B$17,14,0)+IF('Standard Profiles'!$G$22=$B$24,21,0),0)),0)</f>
        <v>0.61895042208880413</v>
      </c>
      <c r="I7254">
        <f t="shared" si="804"/>
        <v>0.59419240520525229</v>
      </c>
      <c r="J7254">
        <f t="shared" si="805"/>
        <v>7.0753766637712614</v>
      </c>
      <c r="K7254">
        <f t="shared" si="806"/>
        <v>0.26490983945918956</v>
      </c>
      <c r="L7254">
        <f t="shared" si="807"/>
        <v>0.13245491972959478</v>
      </c>
      <c r="M7254">
        <f t="shared" si="808"/>
        <v>0</v>
      </c>
      <c r="N7254" s="45">
        <f t="shared" si="809"/>
        <v>45227.833333315823</v>
      </c>
    </row>
    <row r="7255" spans="2:14" x14ac:dyDescent="0.25">
      <c r="B7255">
        <f t="shared" si="803"/>
        <v>6</v>
      </c>
      <c r="C7255" s="16">
        <v>7221</v>
      </c>
      <c r="D7255" cm="1">
        <f t="array" ref="D7255">IFERROR(INDEX(Jesper!AH$2:AH$366,ROUNDDOWN($C7255/24,0)+1,1)*INDEX($D$3:$AA$30,INDEX(Jesper!$R$2:$R$366,ROW(INDEX(Jesper!AH$2:AH$366,ROUNDDOWN($C7255/24,0)+1,1))-1)+IF('Standard Profiles'!$G$18=$B$10,7,0)+IF('Standard Profiles'!$G$18=$B$17,14,0)+IF('Standard Profiles'!$G$18=$B$24,21,0),MOD($C7255,24)+1)/SUM(INDEX($D$3:$AA$30,INDEX(Jesper!$R$2:$R$366,ROW(INDEX(Jesper!AH$2:AH$366,ROUNDDOWN($C7255/24,0)+1,1))-1)+IF('Standard Profiles'!$G$18=$B$10,7,0)+IF('Standard Profiles'!$G$18=$B$17,14,0)+IF('Standard Profiles'!$G$18=$B$24,21,0),0)),0)</f>
        <v>0</v>
      </c>
      <c r="E7255" cm="1">
        <f t="array" ref="E7255">IFERROR(INDEX(Jesper!AI$2:AI$366,ROUNDDOWN($C7255/24,0)+1,1)*INDEX($D$3:$AA$30,INDEX(Jesper!$R$2:$R$366,ROW(INDEX(Jesper!AI$2:AI$366,ROUNDDOWN($C7255/24,0)+1,1))-1)+IF('Standard Profiles'!$G$19=$B$10,7,0)+IF('Standard Profiles'!$G$19=$B$17,14,0)+IF('Standard Profiles'!$G$19=$B$24,21,0),MOD($C7255,24)+1)/SUM(INDEX($D$3:$AA$30,INDEX(Jesper!$R$2:$R$366,ROW(INDEX(Jesper!AI$2:AI$366,ROUNDDOWN($C7255/24,0)+1,1))-1)+IF('Standard Profiles'!$G$19=$B$10,7,0)+IF('Standard Profiles'!$G$19=$B$17,14,0)+IF('Standard Profiles'!$G$19=$B$24,21,0),0)),0)</f>
        <v>3.3113729932398694</v>
      </c>
      <c r="F7255" cm="1">
        <f t="array" ref="F7255">IFERROR(INDEX(Jesper!AJ$2:AJ$366,ROUNDDOWN($C7255/24,0)+1,1)*INDEX($D$3:$AA$30,INDEX(Jesper!$R$2:$R$366,ROW(INDEX(Jesper!AJ$2:AJ$366,ROUNDDOWN($C7255/24,0)+1,1))-1)+IF('Standard Profiles'!$G$20=$B$10,7,0)+IF('Standard Profiles'!$G$20=$B$17,14,0)+IF('Standard Profiles'!$G$20=$B$24,21,0),MOD($C7255,24)+1)/SUM(INDEX($D$3:$AA$30,INDEX(Jesper!$R$2:$R$366,ROW(INDEX(Jesper!AJ$2:AJ$366,ROUNDDOWN($C7255/24,0)+1,1))-1)+IF('Standard Profiles'!$G$20=$B$10,7,0)+IF('Standard Profiles'!$G$20=$B$17,14,0)+IF('Standard Profiles'!$G$20=$B$24,21,0),0)),0)</f>
        <v>2.1059611922369466</v>
      </c>
      <c r="G7255" cm="1">
        <f t="array" ref="G7255">IFERROR(INDEX(Jesper!AK$2:AK$366,ROUNDDOWN($C7255/24,0)+1,1)*INDEX($D$3:$AA$30,INDEX(Jesper!$R$2:$R$366,ROW(INDEX(Jesper!AK$2:AK$366,ROUNDDOWN($C7255/24,0)+1,1))-1)+IF('Standard Profiles'!$G$21=$B$10,7,0)+IF('Standard Profiles'!$G$21=$B$17,14,0)+IF('Standard Profiles'!$G$21=$B$24,21,0),MOD($C7255,24)+1)/SUM(INDEX($D$3:$AA$30,INDEX(Jesper!$R$2:$R$366,ROW(INDEX(Jesper!AK$2:AK$366,ROUNDDOWN($C7255/24,0)+1,1))-1)+IF('Standard Profiles'!$G$21=$B$10,7,0)+IF('Standard Profiles'!$G$21=$B$17,14,0)+IF('Standard Profiles'!$G$21=$B$24,21,0),0)),0)</f>
        <v>2.0306492205996771</v>
      </c>
      <c r="H7255" cm="1">
        <f t="array" ref="H7255">IFERROR(INDEX(Jesper!AL$2:AL$366,ROUNDDOWN($C7255/24,0)+1,1)*INDEX($D$3:$AA$30,INDEX(Jesper!$R$2:$R$366,ROW(INDEX(Jesper!AL$2:AL$366,ROUNDDOWN($C7255/24,0)+1,1))-1)+IF('Standard Profiles'!$G$22=$B$10,7,0)+IF('Standard Profiles'!$G$22=$B$17,14,0)+IF('Standard Profiles'!$G$22=$B$24,21,0),MOD($C7255,24)+1)/SUM(INDEX($D$3:$AA$30,INDEX(Jesper!$R$2:$R$366,ROW(INDEX(Jesper!AL$2:AL$366,ROUNDDOWN($C7255/24,0)+1,1))-1)+IF('Standard Profiles'!$G$22=$B$10,7,0)+IF('Standard Profiles'!$G$22=$B$17,14,0)+IF('Standard Profiles'!$G$22=$B$24,21,0),0)),0)</f>
        <v>0.61895042208880413</v>
      </c>
      <c r="I7255">
        <f t="shared" si="804"/>
        <v>0.59419240520525229</v>
      </c>
      <c r="J7255">
        <f t="shared" si="805"/>
        <v>7.0753766637712614</v>
      </c>
      <c r="K7255">
        <f t="shared" si="806"/>
        <v>0.26490983945918956</v>
      </c>
      <c r="L7255">
        <f t="shared" si="807"/>
        <v>0.13245491972959478</v>
      </c>
      <c r="M7255">
        <f t="shared" si="808"/>
        <v>0</v>
      </c>
      <c r="N7255" s="45">
        <f t="shared" si="809"/>
        <v>45227.874999982487</v>
      </c>
    </row>
    <row r="7256" spans="2:14" x14ac:dyDescent="0.25">
      <c r="B7256">
        <f t="shared" si="803"/>
        <v>6</v>
      </c>
      <c r="C7256" s="16">
        <v>7222</v>
      </c>
      <c r="D7256" cm="1">
        <f t="array" ref="D7256">IFERROR(INDEX(Jesper!AH$2:AH$366,ROUNDDOWN($C7256/24,0)+1,1)*INDEX($D$3:$AA$30,INDEX(Jesper!$R$2:$R$366,ROW(INDEX(Jesper!AH$2:AH$366,ROUNDDOWN($C7256/24,0)+1,1))-1)+IF('Standard Profiles'!$G$18=$B$10,7,0)+IF('Standard Profiles'!$G$18=$B$17,14,0)+IF('Standard Profiles'!$G$18=$B$24,21,0),MOD($C7256,24)+1)/SUM(INDEX($D$3:$AA$30,INDEX(Jesper!$R$2:$R$366,ROW(INDEX(Jesper!AH$2:AH$366,ROUNDDOWN($C7256/24,0)+1,1))-1)+IF('Standard Profiles'!$G$18=$B$10,7,0)+IF('Standard Profiles'!$G$18=$B$17,14,0)+IF('Standard Profiles'!$G$18=$B$24,21,0),0)),0)</f>
        <v>0</v>
      </c>
      <c r="E7256" cm="1">
        <f t="array" ref="E7256">IFERROR(INDEX(Jesper!AI$2:AI$366,ROUNDDOWN($C7256/24,0)+1,1)*INDEX($D$3:$AA$30,INDEX(Jesper!$R$2:$R$366,ROW(INDEX(Jesper!AI$2:AI$366,ROUNDDOWN($C7256/24,0)+1,1))-1)+IF('Standard Profiles'!$G$19=$B$10,7,0)+IF('Standard Profiles'!$G$19=$B$17,14,0)+IF('Standard Profiles'!$G$19=$B$24,21,0),MOD($C7256,24)+1)/SUM(INDEX($D$3:$AA$30,INDEX(Jesper!$R$2:$R$366,ROW(INDEX(Jesper!AI$2:AI$366,ROUNDDOWN($C7256/24,0)+1,1))-1)+IF('Standard Profiles'!$G$19=$B$10,7,0)+IF('Standard Profiles'!$G$19=$B$17,14,0)+IF('Standard Profiles'!$G$19=$B$24,21,0),0)),0)</f>
        <v>3.3113729932398694</v>
      </c>
      <c r="F7256" cm="1">
        <f t="array" ref="F7256">IFERROR(INDEX(Jesper!AJ$2:AJ$366,ROUNDDOWN($C7256/24,0)+1,1)*INDEX($D$3:$AA$30,INDEX(Jesper!$R$2:$R$366,ROW(INDEX(Jesper!AJ$2:AJ$366,ROUNDDOWN($C7256/24,0)+1,1))-1)+IF('Standard Profiles'!$G$20=$B$10,7,0)+IF('Standard Profiles'!$G$20=$B$17,14,0)+IF('Standard Profiles'!$G$20=$B$24,21,0),MOD($C7256,24)+1)/SUM(INDEX($D$3:$AA$30,INDEX(Jesper!$R$2:$R$366,ROW(INDEX(Jesper!AJ$2:AJ$366,ROUNDDOWN($C7256/24,0)+1,1))-1)+IF('Standard Profiles'!$G$20=$B$10,7,0)+IF('Standard Profiles'!$G$20=$B$17,14,0)+IF('Standard Profiles'!$G$20=$B$24,21,0),0)),0)</f>
        <v>2.1059611922369466</v>
      </c>
      <c r="G7256" cm="1">
        <f t="array" ref="G7256">IFERROR(INDEX(Jesper!AK$2:AK$366,ROUNDDOWN($C7256/24,0)+1,1)*INDEX($D$3:$AA$30,INDEX(Jesper!$R$2:$R$366,ROW(INDEX(Jesper!AK$2:AK$366,ROUNDDOWN($C7256/24,0)+1,1))-1)+IF('Standard Profiles'!$G$21=$B$10,7,0)+IF('Standard Profiles'!$G$21=$B$17,14,0)+IF('Standard Profiles'!$G$21=$B$24,21,0),MOD($C7256,24)+1)/SUM(INDEX($D$3:$AA$30,INDEX(Jesper!$R$2:$R$366,ROW(INDEX(Jesper!AK$2:AK$366,ROUNDDOWN($C7256/24,0)+1,1))-1)+IF('Standard Profiles'!$G$21=$B$10,7,0)+IF('Standard Profiles'!$G$21=$B$17,14,0)+IF('Standard Profiles'!$G$21=$B$24,21,0),0)),0)</f>
        <v>2.0306492205996771</v>
      </c>
      <c r="H7256" cm="1">
        <f t="array" ref="H7256">IFERROR(INDEX(Jesper!AL$2:AL$366,ROUNDDOWN($C7256/24,0)+1,1)*INDEX($D$3:$AA$30,INDEX(Jesper!$R$2:$R$366,ROW(INDEX(Jesper!AL$2:AL$366,ROUNDDOWN($C7256/24,0)+1,1))-1)+IF('Standard Profiles'!$G$22=$B$10,7,0)+IF('Standard Profiles'!$G$22=$B$17,14,0)+IF('Standard Profiles'!$G$22=$B$24,21,0),MOD($C7256,24)+1)/SUM(INDEX($D$3:$AA$30,INDEX(Jesper!$R$2:$R$366,ROW(INDEX(Jesper!AL$2:AL$366,ROUNDDOWN($C7256/24,0)+1,1))-1)+IF('Standard Profiles'!$G$22=$B$10,7,0)+IF('Standard Profiles'!$G$22=$B$17,14,0)+IF('Standard Profiles'!$G$22=$B$24,21,0),0)),0)</f>
        <v>0.61895042208880413</v>
      </c>
      <c r="I7256">
        <f t="shared" si="804"/>
        <v>0.59419240520525229</v>
      </c>
      <c r="J7256">
        <f t="shared" si="805"/>
        <v>7.0753766637712614</v>
      </c>
      <c r="K7256">
        <f t="shared" si="806"/>
        <v>0.26490983945918956</v>
      </c>
      <c r="L7256">
        <f t="shared" si="807"/>
        <v>0.13245491972959478</v>
      </c>
      <c r="M7256">
        <f t="shared" si="808"/>
        <v>0</v>
      </c>
      <c r="N7256" s="45">
        <f t="shared" si="809"/>
        <v>45227.916666649151</v>
      </c>
    </row>
    <row r="7257" spans="2:14" x14ac:dyDescent="0.25">
      <c r="B7257">
        <f t="shared" si="803"/>
        <v>6</v>
      </c>
      <c r="C7257" s="16">
        <v>7223</v>
      </c>
      <c r="D7257" cm="1">
        <f t="array" ref="D7257">IFERROR(INDEX(Jesper!AH$2:AH$366,ROUNDDOWN($C7257/24,0)+1,1)*INDEX($D$3:$AA$30,INDEX(Jesper!$R$2:$R$366,ROW(INDEX(Jesper!AH$2:AH$366,ROUNDDOWN($C7257/24,0)+1,1))-1)+IF('Standard Profiles'!$G$18=$B$10,7,0)+IF('Standard Profiles'!$G$18=$B$17,14,0)+IF('Standard Profiles'!$G$18=$B$24,21,0),MOD($C7257,24)+1)/SUM(INDEX($D$3:$AA$30,INDEX(Jesper!$R$2:$R$366,ROW(INDEX(Jesper!AH$2:AH$366,ROUNDDOWN($C7257/24,0)+1,1))-1)+IF('Standard Profiles'!$G$18=$B$10,7,0)+IF('Standard Profiles'!$G$18=$B$17,14,0)+IF('Standard Profiles'!$G$18=$B$24,21,0),0)),0)</f>
        <v>0</v>
      </c>
      <c r="E7257" cm="1">
        <f t="array" ref="E7257">IFERROR(INDEX(Jesper!AI$2:AI$366,ROUNDDOWN($C7257/24,0)+1,1)*INDEX($D$3:$AA$30,INDEX(Jesper!$R$2:$R$366,ROW(INDEX(Jesper!AI$2:AI$366,ROUNDDOWN($C7257/24,0)+1,1))-1)+IF('Standard Profiles'!$G$19=$B$10,7,0)+IF('Standard Profiles'!$G$19=$B$17,14,0)+IF('Standard Profiles'!$G$19=$B$24,21,0),MOD($C7257,24)+1)/SUM(INDEX($D$3:$AA$30,INDEX(Jesper!$R$2:$R$366,ROW(INDEX(Jesper!AI$2:AI$366,ROUNDDOWN($C7257/24,0)+1,1))-1)+IF('Standard Profiles'!$G$19=$B$10,7,0)+IF('Standard Profiles'!$G$19=$B$17,14,0)+IF('Standard Profiles'!$G$19=$B$24,21,0),0)),0)</f>
        <v>3.3113729932398694</v>
      </c>
      <c r="F7257" cm="1">
        <f t="array" ref="F7257">IFERROR(INDEX(Jesper!AJ$2:AJ$366,ROUNDDOWN($C7257/24,0)+1,1)*INDEX($D$3:$AA$30,INDEX(Jesper!$R$2:$R$366,ROW(INDEX(Jesper!AJ$2:AJ$366,ROUNDDOWN($C7257/24,0)+1,1))-1)+IF('Standard Profiles'!$G$20=$B$10,7,0)+IF('Standard Profiles'!$G$20=$B$17,14,0)+IF('Standard Profiles'!$G$20=$B$24,21,0),MOD($C7257,24)+1)/SUM(INDEX($D$3:$AA$30,INDEX(Jesper!$R$2:$R$366,ROW(INDEX(Jesper!AJ$2:AJ$366,ROUNDDOWN($C7257/24,0)+1,1))-1)+IF('Standard Profiles'!$G$20=$B$10,7,0)+IF('Standard Profiles'!$G$20=$B$17,14,0)+IF('Standard Profiles'!$G$20=$B$24,21,0),0)),0)</f>
        <v>2.1059611922369466</v>
      </c>
      <c r="G7257" cm="1">
        <f t="array" ref="G7257">IFERROR(INDEX(Jesper!AK$2:AK$366,ROUNDDOWN($C7257/24,0)+1,1)*INDEX($D$3:$AA$30,INDEX(Jesper!$R$2:$R$366,ROW(INDEX(Jesper!AK$2:AK$366,ROUNDDOWN($C7257/24,0)+1,1))-1)+IF('Standard Profiles'!$G$21=$B$10,7,0)+IF('Standard Profiles'!$G$21=$B$17,14,0)+IF('Standard Profiles'!$G$21=$B$24,21,0),MOD($C7257,24)+1)/SUM(INDEX($D$3:$AA$30,INDEX(Jesper!$R$2:$R$366,ROW(INDEX(Jesper!AK$2:AK$366,ROUNDDOWN($C7257/24,0)+1,1))-1)+IF('Standard Profiles'!$G$21=$B$10,7,0)+IF('Standard Profiles'!$G$21=$B$17,14,0)+IF('Standard Profiles'!$G$21=$B$24,21,0),0)),0)</f>
        <v>2.0306492205996771</v>
      </c>
      <c r="H7257" cm="1">
        <f t="array" ref="H7257">IFERROR(INDEX(Jesper!AL$2:AL$366,ROUNDDOWN($C7257/24,0)+1,1)*INDEX($D$3:$AA$30,INDEX(Jesper!$R$2:$R$366,ROW(INDEX(Jesper!AL$2:AL$366,ROUNDDOWN($C7257/24,0)+1,1))-1)+IF('Standard Profiles'!$G$22=$B$10,7,0)+IF('Standard Profiles'!$G$22=$B$17,14,0)+IF('Standard Profiles'!$G$22=$B$24,21,0),MOD($C7257,24)+1)/SUM(INDEX($D$3:$AA$30,INDEX(Jesper!$R$2:$R$366,ROW(INDEX(Jesper!AL$2:AL$366,ROUNDDOWN($C7257/24,0)+1,1))-1)+IF('Standard Profiles'!$G$22=$B$10,7,0)+IF('Standard Profiles'!$G$22=$B$17,14,0)+IF('Standard Profiles'!$G$22=$B$24,21,0),0)),0)</f>
        <v>0.61895042208880413</v>
      </c>
      <c r="I7257">
        <f t="shared" si="804"/>
        <v>0.59419240520525229</v>
      </c>
      <c r="J7257">
        <f t="shared" si="805"/>
        <v>7.0753766637712614</v>
      </c>
      <c r="K7257">
        <f t="shared" si="806"/>
        <v>0.26490983945918956</v>
      </c>
      <c r="L7257">
        <f t="shared" si="807"/>
        <v>0.13245491972959478</v>
      </c>
      <c r="M7257">
        <f t="shared" si="808"/>
        <v>0</v>
      </c>
      <c r="N7257" s="45">
        <f t="shared" si="809"/>
        <v>45227.958333315815</v>
      </c>
    </row>
    <row r="7258" spans="2:14" x14ac:dyDescent="0.25">
      <c r="B7258">
        <f t="shared" si="803"/>
        <v>7</v>
      </c>
      <c r="C7258" s="16">
        <v>7224</v>
      </c>
      <c r="D7258" cm="1">
        <f t="array" ref="D7258">IFERROR(INDEX(Jesper!AH$2:AH$366,ROUNDDOWN($C7258/24,0)+1,1)*INDEX($D$3:$AA$30,INDEX(Jesper!$R$2:$R$366,ROW(INDEX(Jesper!AH$2:AH$366,ROUNDDOWN($C7258/24,0)+1,1))-1)+IF('Standard Profiles'!$G$18=$B$10,7,0)+IF('Standard Profiles'!$G$18=$B$17,14,0)+IF('Standard Profiles'!$G$18=$B$24,21,0),MOD($C7258,24)+1)/SUM(INDEX($D$3:$AA$30,INDEX(Jesper!$R$2:$R$366,ROW(INDEX(Jesper!AH$2:AH$366,ROUNDDOWN($C7258/24,0)+1,1))-1)+IF('Standard Profiles'!$G$18=$B$10,7,0)+IF('Standard Profiles'!$G$18=$B$17,14,0)+IF('Standard Profiles'!$G$18=$B$24,21,0),0)),0)</f>
        <v>0</v>
      </c>
      <c r="E7258" cm="1">
        <f t="array" ref="E7258">IFERROR(INDEX(Jesper!AI$2:AI$366,ROUNDDOWN($C7258/24,0)+1,1)*INDEX($D$3:$AA$30,INDEX(Jesper!$R$2:$R$366,ROW(INDEX(Jesper!AI$2:AI$366,ROUNDDOWN($C7258/24,0)+1,1))-1)+IF('Standard Profiles'!$G$19=$B$10,7,0)+IF('Standard Profiles'!$G$19=$B$17,14,0)+IF('Standard Profiles'!$G$19=$B$24,21,0),MOD($C7258,24)+1)/SUM(INDEX($D$3:$AA$30,INDEX(Jesper!$R$2:$R$366,ROW(INDEX(Jesper!AI$2:AI$366,ROUNDDOWN($C7258/24,0)+1,1))-1)+IF('Standard Profiles'!$G$19=$B$10,7,0)+IF('Standard Profiles'!$G$19=$B$17,14,0)+IF('Standard Profiles'!$G$19=$B$24,21,0),0)),0)</f>
        <v>3.7414854863564528</v>
      </c>
      <c r="F7258" cm="1">
        <f t="array" ref="F7258">IFERROR(INDEX(Jesper!AJ$2:AJ$366,ROUNDDOWN($C7258/24,0)+1,1)*INDEX($D$3:$AA$30,INDEX(Jesper!$R$2:$R$366,ROW(INDEX(Jesper!AJ$2:AJ$366,ROUNDDOWN($C7258/24,0)+1,1))-1)+IF('Standard Profiles'!$G$20=$B$10,7,0)+IF('Standard Profiles'!$G$20=$B$17,14,0)+IF('Standard Profiles'!$G$20=$B$24,21,0),MOD($C7258,24)+1)/SUM(INDEX($D$3:$AA$30,INDEX(Jesper!$R$2:$R$366,ROW(INDEX(Jesper!AJ$2:AJ$366,ROUNDDOWN($C7258/24,0)+1,1))-1)+IF('Standard Profiles'!$G$20=$B$10,7,0)+IF('Standard Profiles'!$G$20=$B$17,14,0)+IF('Standard Profiles'!$G$20=$B$24,21,0),0)),0)</f>
        <v>2.634096907251259</v>
      </c>
      <c r="G7258" cm="1">
        <f t="array" ref="G7258">IFERROR(INDEX(Jesper!AK$2:AK$366,ROUNDDOWN($C7258/24,0)+1,1)*INDEX($D$3:$AA$30,INDEX(Jesper!$R$2:$R$366,ROW(INDEX(Jesper!AK$2:AK$366,ROUNDDOWN($C7258/24,0)+1,1))-1)+IF('Standard Profiles'!$G$21=$B$10,7,0)+IF('Standard Profiles'!$G$21=$B$17,14,0)+IF('Standard Profiles'!$G$21=$B$24,21,0),MOD($C7258,24)+1)/SUM(INDEX($D$3:$AA$30,INDEX(Jesper!$R$2:$R$366,ROW(INDEX(Jesper!AK$2:AK$366,ROUNDDOWN($C7258/24,0)+1,1))-1)+IF('Standard Profiles'!$G$21=$B$10,7,0)+IF('Standard Profiles'!$G$21=$B$17,14,0)+IF('Standard Profiles'!$G$21=$B$24,21,0),0)),0)</f>
        <v>3.2115350410820156</v>
      </c>
      <c r="H7258" cm="1">
        <f t="array" ref="H7258">IFERROR(INDEX(Jesper!AL$2:AL$366,ROUNDDOWN($C7258/24,0)+1,1)*INDEX($D$3:$AA$30,INDEX(Jesper!$R$2:$R$366,ROW(INDEX(Jesper!AL$2:AL$366,ROUNDDOWN($C7258/24,0)+1,1))-1)+IF('Standard Profiles'!$G$22=$B$10,7,0)+IF('Standard Profiles'!$G$22=$B$17,14,0)+IF('Standard Profiles'!$G$22=$B$24,21,0),MOD($C7258,24)+1)/SUM(INDEX($D$3:$AA$30,INDEX(Jesper!$R$2:$R$366,ROW(INDEX(Jesper!AL$2:AL$366,ROUNDDOWN($C7258/24,0)+1,1))-1)+IF('Standard Profiles'!$G$22=$B$10,7,0)+IF('Standard Profiles'!$G$22=$B$17,14,0)+IF('Standard Profiles'!$G$22=$B$24,21,0),0)),0)</f>
        <v>1.3242952320060362</v>
      </c>
      <c r="I7258">
        <f t="shared" si="804"/>
        <v>1.2713234227257955</v>
      </c>
      <c r="J7258">
        <f t="shared" si="805"/>
        <v>9.1911109856071942</v>
      </c>
      <c r="K7258">
        <f t="shared" si="806"/>
        <v>0.29931883890851624</v>
      </c>
      <c r="L7258">
        <f t="shared" si="807"/>
        <v>0.14965941945425812</v>
      </c>
      <c r="M7258">
        <f t="shared" si="808"/>
        <v>0</v>
      </c>
      <c r="N7258" s="45">
        <f t="shared" si="809"/>
        <v>45227.999999982479</v>
      </c>
    </row>
    <row r="7259" spans="2:14" x14ac:dyDescent="0.25">
      <c r="B7259">
        <f t="shared" si="803"/>
        <v>7</v>
      </c>
      <c r="C7259" s="16">
        <v>7225</v>
      </c>
      <c r="D7259" cm="1">
        <f t="array" ref="D7259">IFERROR(INDEX(Jesper!AH$2:AH$366,ROUNDDOWN($C7259/24,0)+1,1)*INDEX($D$3:$AA$30,INDEX(Jesper!$R$2:$R$366,ROW(INDEX(Jesper!AH$2:AH$366,ROUNDDOWN($C7259/24,0)+1,1))-1)+IF('Standard Profiles'!$G$18=$B$10,7,0)+IF('Standard Profiles'!$G$18=$B$17,14,0)+IF('Standard Profiles'!$G$18=$B$24,21,0),MOD($C7259,24)+1)/SUM(INDEX($D$3:$AA$30,INDEX(Jesper!$R$2:$R$366,ROW(INDEX(Jesper!AH$2:AH$366,ROUNDDOWN($C7259/24,0)+1,1))-1)+IF('Standard Profiles'!$G$18=$B$10,7,0)+IF('Standard Profiles'!$G$18=$B$17,14,0)+IF('Standard Profiles'!$G$18=$B$24,21,0),0)),0)</f>
        <v>0</v>
      </c>
      <c r="E7259" cm="1">
        <f t="array" ref="E7259">IFERROR(INDEX(Jesper!AI$2:AI$366,ROUNDDOWN($C7259/24,0)+1,1)*INDEX($D$3:$AA$30,INDEX(Jesper!$R$2:$R$366,ROW(INDEX(Jesper!AI$2:AI$366,ROUNDDOWN($C7259/24,0)+1,1))-1)+IF('Standard Profiles'!$G$19=$B$10,7,0)+IF('Standard Profiles'!$G$19=$B$17,14,0)+IF('Standard Profiles'!$G$19=$B$24,21,0),MOD($C7259,24)+1)/SUM(INDEX($D$3:$AA$30,INDEX(Jesper!$R$2:$R$366,ROW(INDEX(Jesper!AI$2:AI$366,ROUNDDOWN($C7259/24,0)+1,1))-1)+IF('Standard Profiles'!$G$19=$B$10,7,0)+IF('Standard Profiles'!$G$19=$B$17,14,0)+IF('Standard Profiles'!$G$19=$B$24,21,0),0)),0)</f>
        <v>3.7414854863564528</v>
      </c>
      <c r="F7259" cm="1">
        <f t="array" ref="F7259">IFERROR(INDEX(Jesper!AJ$2:AJ$366,ROUNDDOWN($C7259/24,0)+1,1)*INDEX($D$3:$AA$30,INDEX(Jesper!$R$2:$R$366,ROW(INDEX(Jesper!AJ$2:AJ$366,ROUNDDOWN($C7259/24,0)+1,1))-1)+IF('Standard Profiles'!$G$20=$B$10,7,0)+IF('Standard Profiles'!$G$20=$B$17,14,0)+IF('Standard Profiles'!$G$20=$B$24,21,0),MOD($C7259,24)+1)/SUM(INDEX($D$3:$AA$30,INDEX(Jesper!$R$2:$R$366,ROW(INDEX(Jesper!AJ$2:AJ$366,ROUNDDOWN($C7259/24,0)+1,1))-1)+IF('Standard Profiles'!$G$20=$B$10,7,0)+IF('Standard Profiles'!$G$20=$B$17,14,0)+IF('Standard Profiles'!$G$20=$B$24,21,0),0)),0)</f>
        <v>2.634096907251259</v>
      </c>
      <c r="G7259" cm="1">
        <f t="array" ref="G7259">IFERROR(INDEX(Jesper!AK$2:AK$366,ROUNDDOWN($C7259/24,0)+1,1)*INDEX($D$3:$AA$30,INDEX(Jesper!$R$2:$R$366,ROW(INDEX(Jesper!AK$2:AK$366,ROUNDDOWN($C7259/24,0)+1,1))-1)+IF('Standard Profiles'!$G$21=$B$10,7,0)+IF('Standard Profiles'!$G$21=$B$17,14,0)+IF('Standard Profiles'!$G$21=$B$24,21,0),MOD($C7259,24)+1)/SUM(INDEX($D$3:$AA$30,INDEX(Jesper!$R$2:$R$366,ROW(INDEX(Jesper!AK$2:AK$366,ROUNDDOWN($C7259/24,0)+1,1))-1)+IF('Standard Profiles'!$G$21=$B$10,7,0)+IF('Standard Profiles'!$G$21=$B$17,14,0)+IF('Standard Profiles'!$G$21=$B$24,21,0),0)),0)</f>
        <v>3.2115350410820156</v>
      </c>
      <c r="H7259" cm="1">
        <f t="array" ref="H7259">IFERROR(INDEX(Jesper!AL$2:AL$366,ROUNDDOWN($C7259/24,0)+1,1)*INDEX($D$3:$AA$30,INDEX(Jesper!$R$2:$R$366,ROW(INDEX(Jesper!AL$2:AL$366,ROUNDDOWN($C7259/24,0)+1,1))-1)+IF('Standard Profiles'!$G$22=$B$10,7,0)+IF('Standard Profiles'!$G$22=$B$17,14,0)+IF('Standard Profiles'!$G$22=$B$24,21,0),MOD($C7259,24)+1)/SUM(INDEX($D$3:$AA$30,INDEX(Jesper!$R$2:$R$366,ROW(INDEX(Jesper!AL$2:AL$366,ROUNDDOWN($C7259/24,0)+1,1))-1)+IF('Standard Profiles'!$G$22=$B$10,7,0)+IF('Standard Profiles'!$G$22=$B$17,14,0)+IF('Standard Profiles'!$G$22=$B$24,21,0),0)),0)</f>
        <v>1.5378912371683</v>
      </c>
      <c r="I7259">
        <f t="shared" si="804"/>
        <v>1.4763755876815687</v>
      </c>
      <c r="J7259">
        <f t="shared" si="805"/>
        <v>9.1996548258136848</v>
      </c>
      <c r="K7259">
        <f t="shared" si="806"/>
        <v>0.29931883890851624</v>
      </c>
      <c r="L7259">
        <f t="shared" si="807"/>
        <v>0.14965941945425812</v>
      </c>
      <c r="M7259">
        <f t="shared" si="808"/>
        <v>0</v>
      </c>
      <c r="N7259" s="45">
        <f t="shared" si="809"/>
        <v>45228.041666649144</v>
      </c>
    </row>
    <row r="7260" spans="2:14" x14ac:dyDescent="0.25">
      <c r="B7260">
        <f t="shared" si="803"/>
        <v>7</v>
      </c>
      <c r="C7260" s="16">
        <v>7226</v>
      </c>
      <c r="D7260" cm="1">
        <f t="array" ref="D7260">IFERROR(INDEX(Jesper!AH$2:AH$366,ROUNDDOWN($C7260/24,0)+1,1)*INDEX($D$3:$AA$30,INDEX(Jesper!$R$2:$R$366,ROW(INDEX(Jesper!AH$2:AH$366,ROUNDDOWN($C7260/24,0)+1,1))-1)+IF('Standard Profiles'!$G$18=$B$10,7,0)+IF('Standard Profiles'!$G$18=$B$17,14,0)+IF('Standard Profiles'!$G$18=$B$24,21,0),MOD($C7260,24)+1)/SUM(INDEX($D$3:$AA$30,INDEX(Jesper!$R$2:$R$366,ROW(INDEX(Jesper!AH$2:AH$366,ROUNDDOWN($C7260/24,0)+1,1))-1)+IF('Standard Profiles'!$G$18=$B$10,7,0)+IF('Standard Profiles'!$G$18=$B$17,14,0)+IF('Standard Profiles'!$G$18=$B$24,21,0),0)),0)</f>
        <v>0</v>
      </c>
      <c r="E7260" cm="1">
        <f t="array" ref="E7260">IFERROR(INDEX(Jesper!AI$2:AI$366,ROUNDDOWN($C7260/24,0)+1,1)*INDEX($D$3:$AA$30,INDEX(Jesper!$R$2:$R$366,ROW(INDEX(Jesper!AI$2:AI$366,ROUNDDOWN($C7260/24,0)+1,1))-1)+IF('Standard Profiles'!$G$19=$B$10,7,0)+IF('Standard Profiles'!$G$19=$B$17,14,0)+IF('Standard Profiles'!$G$19=$B$24,21,0),MOD($C7260,24)+1)/SUM(INDEX($D$3:$AA$30,INDEX(Jesper!$R$2:$R$366,ROW(INDEX(Jesper!AI$2:AI$366,ROUNDDOWN($C7260/24,0)+1,1))-1)+IF('Standard Profiles'!$G$19=$B$10,7,0)+IF('Standard Profiles'!$G$19=$B$17,14,0)+IF('Standard Profiles'!$G$19=$B$24,21,0),0)),0)</f>
        <v>3.7414854863564528</v>
      </c>
      <c r="F7260" cm="1">
        <f t="array" ref="F7260">IFERROR(INDEX(Jesper!AJ$2:AJ$366,ROUNDDOWN($C7260/24,0)+1,1)*INDEX($D$3:$AA$30,INDEX(Jesper!$R$2:$R$366,ROW(INDEX(Jesper!AJ$2:AJ$366,ROUNDDOWN($C7260/24,0)+1,1))-1)+IF('Standard Profiles'!$G$20=$B$10,7,0)+IF('Standard Profiles'!$G$20=$B$17,14,0)+IF('Standard Profiles'!$G$20=$B$24,21,0),MOD($C7260,24)+1)/SUM(INDEX($D$3:$AA$30,INDEX(Jesper!$R$2:$R$366,ROW(INDEX(Jesper!AJ$2:AJ$366,ROUNDDOWN($C7260/24,0)+1,1))-1)+IF('Standard Profiles'!$G$20=$B$10,7,0)+IF('Standard Profiles'!$G$20=$B$17,14,0)+IF('Standard Profiles'!$G$20=$B$24,21,0),0)),0)</f>
        <v>2.634096907251259</v>
      </c>
      <c r="G7260" cm="1">
        <f t="array" ref="G7260">IFERROR(INDEX(Jesper!AK$2:AK$366,ROUNDDOWN($C7260/24,0)+1,1)*INDEX($D$3:$AA$30,INDEX(Jesper!$R$2:$R$366,ROW(INDEX(Jesper!AK$2:AK$366,ROUNDDOWN($C7260/24,0)+1,1))-1)+IF('Standard Profiles'!$G$21=$B$10,7,0)+IF('Standard Profiles'!$G$21=$B$17,14,0)+IF('Standard Profiles'!$G$21=$B$24,21,0),MOD($C7260,24)+1)/SUM(INDEX($D$3:$AA$30,INDEX(Jesper!$R$2:$R$366,ROW(INDEX(Jesper!AK$2:AK$366,ROUNDDOWN($C7260/24,0)+1,1))-1)+IF('Standard Profiles'!$G$21=$B$10,7,0)+IF('Standard Profiles'!$G$21=$B$17,14,0)+IF('Standard Profiles'!$G$21=$B$24,21,0),0)),0)</f>
        <v>3.2115350410820156</v>
      </c>
      <c r="H7260" cm="1">
        <f t="array" ref="H7260">IFERROR(INDEX(Jesper!AL$2:AL$366,ROUNDDOWN($C7260/24,0)+1,1)*INDEX($D$3:$AA$30,INDEX(Jesper!$R$2:$R$366,ROW(INDEX(Jesper!AL$2:AL$366,ROUNDDOWN($C7260/24,0)+1,1))-1)+IF('Standard Profiles'!$G$22=$B$10,7,0)+IF('Standard Profiles'!$G$22=$B$17,14,0)+IF('Standard Profiles'!$G$22=$B$24,21,0),MOD($C7260,24)+1)/SUM(INDEX($D$3:$AA$30,INDEX(Jesper!$R$2:$R$366,ROW(INDEX(Jesper!AL$2:AL$366,ROUNDDOWN($C7260/24,0)+1,1))-1)+IF('Standard Profiles'!$G$22=$B$10,7,0)+IF('Standard Profiles'!$G$22=$B$17,14,0)+IF('Standard Profiles'!$G$22=$B$24,21,0),0)),0)</f>
        <v>1.5378912371683</v>
      </c>
      <c r="I7260">
        <f t="shared" si="804"/>
        <v>1.4763755876815687</v>
      </c>
      <c r="J7260">
        <f t="shared" si="805"/>
        <v>9.1996548258136848</v>
      </c>
      <c r="K7260">
        <f t="shared" si="806"/>
        <v>0.29931883890851624</v>
      </c>
      <c r="L7260">
        <f t="shared" si="807"/>
        <v>0.14965941945425812</v>
      </c>
      <c r="M7260">
        <f t="shared" si="808"/>
        <v>0</v>
      </c>
      <c r="N7260" s="45">
        <f t="shared" si="809"/>
        <v>45228.083333315808</v>
      </c>
    </row>
    <row r="7261" spans="2:14" x14ac:dyDescent="0.25">
      <c r="B7261">
        <f t="shared" si="803"/>
        <v>7</v>
      </c>
      <c r="C7261" s="16">
        <v>7227</v>
      </c>
      <c r="D7261" cm="1">
        <f t="array" ref="D7261">IFERROR(INDEX(Jesper!AH$2:AH$366,ROUNDDOWN($C7261/24,0)+1,1)*INDEX($D$3:$AA$30,INDEX(Jesper!$R$2:$R$366,ROW(INDEX(Jesper!AH$2:AH$366,ROUNDDOWN($C7261/24,0)+1,1))-1)+IF('Standard Profiles'!$G$18=$B$10,7,0)+IF('Standard Profiles'!$G$18=$B$17,14,0)+IF('Standard Profiles'!$G$18=$B$24,21,0),MOD($C7261,24)+1)/SUM(INDEX($D$3:$AA$30,INDEX(Jesper!$R$2:$R$366,ROW(INDEX(Jesper!AH$2:AH$366,ROUNDDOWN($C7261/24,0)+1,1))-1)+IF('Standard Profiles'!$G$18=$B$10,7,0)+IF('Standard Profiles'!$G$18=$B$17,14,0)+IF('Standard Profiles'!$G$18=$B$24,21,0),0)),0)</f>
        <v>0</v>
      </c>
      <c r="E7261" cm="1">
        <f t="array" ref="E7261">IFERROR(INDEX(Jesper!AI$2:AI$366,ROUNDDOWN($C7261/24,0)+1,1)*INDEX($D$3:$AA$30,INDEX(Jesper!$R$2:$R$366,ROW(INDEX(Jesper!AI$2:AI$366,ROUNDDOWN($C7261/24,0)+1,1))-1)+IF('Standard Profiles'!$G$19=$B$10,7,0)+IF('Standard Profiles'!$G$19=$B$17,14,0)+IF('Standard Profiles'!$G$19=$B$24,21,0),MOD($C7261,24)+1)/SUM(INDEX($D$3:$AA$30,INDEX(Jesper!$R$2:$R$366,ROW(INDEX(Jesper!AI$2:AI$366,ROUNDDOWN($C7261/24,0)+1,1))-1)+IF('Standard Profiles'!$G$19=$B$10,7,0)+IF('Standard Profiles'!$G$19=$B$17,14,0)+IF('Standard Profiles'!$G$19=$B$24,21,0),0)),0)</f>
        <v>3.7414854863564528</v>
      </c>
      <c r="F7261" cm="1">
        <f t="array" ref="F7261">IFERROR(INDEX(Jesper!AJ$2:AJ$366,ROUNDDOWN($C7261/24,0)+1,1)*INDEX($D$3:$AA$30,INDEX(Jesper!$R$2:$R$366,ROW(INDEX(Jesper!AJ$2:AJ$366,ROUNDDOWN($C7261/24,0)+1,1))-1)+IF('Standard Profiles'!$G$20=$B$10,7,0)+IF('Standard Profiles'!$G$20=$B$17,14,0)+IF('Standard Profiles'!$G$20=$B$24,21,0),MOD($C7261,24)+1)/SUM(INDEX($D$3:$AA$30,INDEX(Jesper!$R$2:$R$366,ROW(INDEX(Jesper!AJ$2:AJ$366,ROUNDDOWN($C7261/24,0)+1,1))-1)+IF('Standard Profiles'!$G$20=$B$10,7,0)+IF('Standard Profiles'!$G$20=$B$17,14,0)+IF('Standard Profiles'!$G$20=$B$24,21,0),0)),0)</f>
        <v>2.634096907251259</v>
      </c>
      <c r="G7261" cm="1">
        <f t="array" ref="G7261">IFERROR(INDEX(Jesper!AK$2:AK$366,ROUNDDOWN($C7261/24,0)+1,1)*INDEX($D$3:$AA$30,INDEX(Jesper!$R$2:$R$366,ROW(INDEX(Jesper!AK$2:AK$366,ROUNDDOWN($C7261/24,0)+1,1))-1)+IF('Standard Profiles'!$G$21=$B$10,7,0)+IF('Standard Profiles'!$G$21=$B$17,14,0)+IF('Standard Profiles'!$G$21=$B$24,21,0),MOD($C7261,24)+1)/SUM(INDEX($D$3:$AA$30,INDEX(Jesper!$R$2:$R$366,ROW(INDEX(Jesper!AK$2:AK$366,ROUNDDOWN($C7261/24,0)+1,1))-1)+IF('Standard Profiles'!$G$21=$B$10,7,0)+IF('Standard Profiles'!$G$21=$B$17,14,0)+IF('Standard Profiles'!$G$21=$B$24,21,0),0)),0)</f>
        <v>3.2115350410820156</v>
      </c>
      <c r="H7261" cm="1">
        <f t="array" ref="H7261">IFERROR(INDEX(Jesper!AL$2:AL$366,ROUNDDOWN($C7261/24,0)+1,1)*INDEX($D$3:$AA$30,INDEX(Jesper!$R$2:$R$366,ROW(INDEX(Jesper!AL$2:AL$366,ROUNDDOWN($C7261/24,0)+1,1))-1)+IF('Standard Profiles'!$G$22=$B$10,7,0)+IF('Standard Profiles'!$G$22=$B$17,14,0)+IF('Standard Profiles'!$G$22=$B$24,21,0),MOD($C7261,24)+1)/SUM(INDEX($D$3:$AA$30,INDEX(Jesper!$R$2:$R$366,ROW(INDEX(Jesper!AL$2:AL$366,ROUNDDOWN($C7261/24,0)+1,1))-1)+IF('Standard Profiles'!$G$22=$B$10,7,0)+IF('Standard Profiles'!$G$22=$B$17,14,0)+IF('Standard Profiles'!$G$22=$B$24,21,0),0)),0)</f>
        <v>1.5378912371683</v>
      </c>
      <c r="I7261">
        <f t="shared" si="804"/>
        <v>1.4763755876815687</v>
      </c>
      <c r="J7261">
        <f t="shared" si="805"/>
        <v>9.1996548258136848</v>
      </c>
      <c r="K7261">
        <f t="shared" si="806"/>
        <v>0.29931883890851624</v>
      </c>
      <c r="L7261">
        <f t="shared" si="807"/>
        <v>0.14965941945425812</v>
      </c>
      <c r="M7261">
        <f t="shared" si="808"/>
        <v>0</v>
      </c>
      <c r="N7261" s="45">
        <f t="shared" si="809"/>
        <v>45228.124999982472</v>
      </c>
    </row>
    <row r="7262" spans="2:14" x14ac:dyDescent="0.25">
      <c r="B7262">
        <f t="shared" si="803"/>
        <v>7</v>
      </c>
      <c r="C7262" s="16">
        <v>7228</v>
      </c>
      <c r="D7262" cm="1">
        <f t="array" ref="D7262">IFERROR(INDEX(Jesper!AH$2:AH$366,ROUNDDOWN($C7262/24,0)+1,1)*INDEX($D$3:$AA$30,INDEX(Jesper!$R$2:$R$366,ROW(INDEX(Jesper!AH$2:AH$366,ROUNDDOWN($C7262/24,0)+1,1))-1)+IF('Standard Profiles'!$G$18=$B$10,7,0)+IF('Standard Profiles'!$G$18=$B$17,14,0)+IF('Standard Profiles'!$G$18=$B$24,21,0),MOD($C7262,24)+1)/SUM(INDEX($D$3:$AA$30,INDEX(Jesper!$R$2:$R$366,ROW(INDEX(Jesper!AH$2:AH$366,ROUNDDOWN($C7262/24,0)+1,1))-1)+IF('Standard Profiles'!$G$18=$B$10,7,0)+IF('Standard Profiles'!$G$18=$B$17,14,0)+IF('Standard Profiles'!$G$18=$B$24,21,0),0)),0)</f>
        <v>0</v>
      </c>
      <c r="E7262" cm="1">
        <f t="array" ref="E7262">IFERROR(INDEX(Jesper!AI$2:AI$366,ROUNDDOWN($C7262/24,0)+1,1)*INDEX($D$3:$AA$30,INDEX(Jesper!$R$2:$R$366,ROW(INDEX(Jesper!AI$2:AI$366,ROUNDDOWN($C7262/24,0)+1,1))-1)+IF('Standard Profiles'!$G$19=$B$10,7,0)+IF('Standard Profiles'!$G$19=$B$17,14,0)+IF('Standard Profiles'!$G$19=$B$24,21,0),MOD($C7262,24)+1)/SUM(INDEX($D$3:$AA$30,INDEX(Jesper!$R$2:$R$366,ROW(INDEX(Jesper!AI$2:AI$366,ROUNDDOWN($C7262/24,0)+1,1))-1)+IF('Standard Profiles'!$G$19=$B$10,7,0)+IF('Standard Profiles'!$G$19=$B$17,14,0)+IF('Standard Profiles'!$G$19=$B$24,21,0),0)),0)</f>
        <v>3.7414854863564528</v>
      </c>
      <c r="F7262" cm="1">
        <f t="array" ref="F7262">IFERROR(INDEX(Jesper!AJ$2:AJ$366,ROUNDDOWN($C7262/24,0)+1,1)*INDEX($D$3:$AA$30,INDEX(Jesper!$R$2:$R$366,ROW(INDEX(Jesper!AJ$2:AJ$366,ROUNDDOWN($C7262/24,0)+1,1))-1)+IF('Standard Profiles'!$G$20=$B$10,7,0)+IF('Standard Profiles'!$G$20=$B$17,14,0)+IF('Standard Profiles'!$G$20=$B$24,21,0),MOD($C7262,24)+1)/SUM(INDEX($D$3:$AA$30,INDEX(Jesper!$R$2:$R$366,ROW(INDEX(Jesper!AJ$2:AJ$366,ROUNDDOWN($C7262/24,0)+1,1))-1)+IF('Standard Profiles'!$G$20=$B$10,7,0)+IF('Standard Profiles'!$G$20=$B$17,14,0)+IF('Standard Profiles'!$G$20=$B$24,21,0),0)),0)</f>
        <v>2.634096907251259</v>
      </c>
      <c r="G7262" cm="1">
        <f t="array" ref="G7262">IFERROR(INDEX(Jesper!AK$2:AK$366,ROUNDDOWN($C7262/24,0)+1,1)*INDEX($D$3:$AA$30,INDEX(Jesper!$R$2:$R$366,ROW(INDEX(Jesper!AK$2:AK$366,ROUNDDOWN($C7262/24,0)+1,1))-1)+IF('Standard Profiles'!$G$21=$B$10,7,0)+IF('Standard Profiles'!$G$21=$B$17,14,0)+IF('Standard Profiles'!$G$21=$B$24,21,0),MOD($C7262,24)+1)/SUM(INDEX($D$3:$AA$30,INDEX(Jesper!$R$2:$R$366,ROW(INDEX(Jesper!AK$2:AK$366,ROUNDDOWN($C7262/24,0)+1,1))-1)+IF('Standard Profiles'!$G$21=$B$10,7,0)+IF('Standard Profiles'!$G$21=$B$17,14,0)+IF('Standard Profiles'!$G$21=$B$24,21,0),0)),0)</f>
        <v>3.2115350410820156</v>
      </c>
      <c r="H7262" cm="1">
        <f t="array" ref="H7262">IFERROR(INDEX(Jesper!AL$2:AL$366,ROUNDDOWN($C7262/24,0)+1,1)*INDEX($D$3:$AA$30,INDEX(Jesper!$R$2:$R$366,ROW(INDEX(Jesper!AL$2:AL$366,ROUNDDOWN($C7262/24,0)+1,1))-1)+IF('Standard Profiles'!$G$22=$B$10,7,0)+IF('Standard Profiles'!$G$22=$B$17,14,0)+IF('Standard Profiles'!$G$22=$B$24,21,0),MOD($C7262,24)+1)/SUM(INDEX($D$3:$AA$30,INDEX(Jesper!$R$2:$R$366,ROW(INDEX(Jesper!AL$2:AL$366,ROUNDDOWN($C7262/24,0)+1,1))-1)+IF('Standard Profiles'!$G$22=$B$10,7,0)+IF('Standard Profiles'!$G$22=$B$17,14,0)+IF('Standard Profiles'!$G$22=$B$24,21,0),0)),0)</f>
        <v>1.5378912371683</v>
      </c>
      <c r="I7262">
        <f t="shared" si="804"/>
        <v>1.4763755876815687</v>
      </c>
      <c r="J7262">
        <f t="shared" si="805"/>
        <v>9.1996548258136848</v>
      </c>
      <c r="K7262">
        <f t="shared" si="806"/>
        <v>0.29931883890851624</v>
      </c>
      <c r="L7262">
        <f t="shared" si="807"/>
        <v>0.14965941945425812</v>
      </c>
      <c r="M7262">
        <f t="shared" si="808"/>
        <v>0</v>
      </c>
      <c r="N7262" s="45">
        <f t="shared" si="809"/>
        <v>45228.166666649136</v>
      </c>
    </row>
    <row r="7263" spans="2:14" x14ac:dyDescent="0.25">
      <c r="B7263">
        <f t="shared" si="803"/>
        <v>7</v>
      </c>
      <c r="C7263" s="16">
        <v>7229</v>
      </c>
      <c r="D7263" cm="1">
        <f t="array" ref="D7263">IFERROR(INDEX(Jesper!AH$2:AH$366,ROUNDDOWN($C7263/24,0)+1,1)*INDEX($D$3:$AA$30,INDEX(Jesper!$R$2:$R$366,ROW(INDEX(Jesper!AH$2:AH$366,ROUNDDOWN($C7263/24,0)+1,1))-1)+IF('Standard Profiles'!$G$18=$B$10,7,0)+IF('Standard Profiles'!$G$18=$B$17,14,0)+IF('Standard Profiles'!$G$18=$B$24,21,0),MOD($C7263,24)+1)/SUM(INDEX($D$3:$AA$30,INDEX(Jesper!$R$2:$R$366,ROW(INDEX(Jesper!AH$2:AH$366,ROUNDDOWN($C7263/24,0)+1,1))-1)+IF('Standard Profiles'!$G$18=$B$10,7,0)+IF('Standard Profiles'!$G$18=$B$17,14,0)+IF('Standard Profiles'!$G$18=$B$24,21,0),0)),0)</f>
        <v>0</v>
      </c>
      <c r="E7263" cm="1">
        <f t="array" ref="E7263">IFERROR(INDEX(Jesper!AI$2:AI$366,ROUNDDOWN($C7263/24,0)+1,1)*INDEX($D$3:$AA$30,INDEX(Jesper!$R$2:$R$366,ROW(INDEX(Jesper!AI$2:AI$366,ROUNDDOWN($C7263/24,0)+1,1))-1)+IF('Standard Profiles'!$G$19=$B$10,7,0)+IF('Standard Profiles'!$G$19=$B$17,14,0)+IF('Standard Profiles'!$G$19=$B$24,21,0),MOD($C7263,24)+1)/SUM(INDEX($D$3:$AA$30,INDEX(Jesper!$R$2:$R$366,ROW(INDEX(Jesper!AI$2:AI$366,ROUNDDOWN($C7263/24,0)+1,1))-1)+IF('Standard Profiles'!$G$19=$B$10,7,0)+IF('Standard Profiles'!$G$19=$B$17,14,0)+IF('Standard Profiles'!$G$19=$B$24,21,0),0)),0)</f>
        <v>3.7414854863564528</v>
      </c>
      <c r="F7263" cm="1">
        <f t="array" ref="F7263">IFERROR(INDEX(Jesper!AJ$2:AJ$366,ROUNDDOWN($C7263/24,0)+1,1)*INDEX($D$3:$AA$30,INDEX(Jesper!$R$2:$R$366,ROW(INDEX(Jesper!AJ$2:AJ$366,ROUNDDOWN($C7263/24,0)+1,1))-1)+IF('Standard Profiles'!$G$20=$B$10,7,0)+IF('Standard Profiles'!$G$20=$B$17,14,0)+IF('Standard Profiles'!$G$20=$B$24,21,0),MOD($C7263,24)+1)/SUM(INDEX($D$3:$AA$30,INDEX(Jesper!$R$2:$R$366,ROW(INDEX(Jesper!AJ$2:AJ$366,ROUNDDOWN($C7263/24,0)+1,1))-1)+IF('Standard Profiles'!$G$20=$B$10,7,0)+IF('Standard Profiles'!$G$20=$B$17,14,0)+IF('Standard Profiles'!$G$20=$B$24,21,0),0)),0)</f>
        <v>2.634096907251259</v>
      </c>
      <c r="G7263" cm="1">
        <f t="array" ref="G7263">IFERROR(INDEX(Jesper!AK$2:AK$366,ROUNDDOWN($C7263/24,0)+1,1)*INDEX($D$3:$AA$30,INDEX(Jesper!$R$2:$R$366,ROW(INDEX(Jesper!AK$2:AK$366,ROUNDDOWN($C7263/24,0)+1,1))-1)+IF('Standard Profiles'!$G$21=$B$10,7,0)+IF('Standard Profiles'!$G$21=$B$17,14,0)+IF('Standard Profiles'!$G$21=$B$24,21,0),MOD($C7263,24)+1)/SUM(INDEX($D$3:$AA$30,INDEX(Jesper!$R$2:$R$366,ROW(INDEX(Jesper!AK$2:AK$366,ROUNDDOWN($C7263/24,0)+1,1))-1)+IF('Standard Profiles'!$G$21=$B$10,7,0)+IF('Standard Profiles'!$G$21=$B$17,14,0)+IF('Standard Profiles'!$G$21=$B$24,21,0),0)),0)</f>
        <v>3.2115350410820156</v>
      </c>
      <c r="H7263" cm="1">
        <f t="array" ref="H7263">IFERROR(INDEX(Jesper!AL$2:AL$366,ROUNDDOWN($C7263/24,0)+1,1)*INDEX($D$3:$AA$30,INDEX(Jesper!$R$2:$R$366,ROW(INDEX(Jesper!AL$2:AL$366,ROUNDDOWN($C7263/24,0)+1,1))-1)+IF('Standard Profiles'!$G$22=$B$10,7,0)+IF('Standard Profiles'!$G$22=$B$17,14,0)+IF('Standard Profiles'!$G$22=$B$24,21,0),MOD($C7263,24)+1)/SUM(INDEX($D$3:$AA$30,INDEX(Jesper!$R$2:$R$366,ROW(INDEX(Jesper!AL$2:AL$366,ROUNDDOWN($C7263/24,0)+1,1))-1)+IF('Standard Profiles'!$G$22=$B$10,7,0)+IF('Standard Profiles'!$G$22=$B$17,14,0)+IF('Standard Profiles'!$G$22=$B$24,21,0),0)),0)</f>
        <v>1.9223640464603751</v>
      </c>
      <c r="I7263">
        <f t="shared" si="804"/>
        <v>1.845469484601961</v>
      </c>
      <c r="J7263">
        <f t="shared" si="805"/>
        <v>9.2150337381853671</v>
      </c>
      <c r="K7263">
        <f t="shared" si="806"/>
        <v>0.29931883890851624</v>
      </c>
      <c r="L7263">
        <f t="shared" si="807"/>
        <v>0.14965941945425812</v>
      </c>
      <c r="M7263">
        <f t="shared" si="808"/>
        <v>0</v>
      </c>
      <c r="N7263" s="45">
        <f t="shared" si="809"/>
        <v>45228.208333315801</v>
      </c>
    </row>
    <row r="7264" spans="2:14" x14ac:dyDescent="0.25">
      <c r="B7264">
        <f t="shared" si="803"/>
        <v>7</v>
      </c>
      <c r="C7264" s="16">
        <v>7230</v>
      </c>
      <c r="D7264" cm="1">
        <f t="array" ref="D7264">IFERROR(INDEX(Jesper!AH$2:AH$366,ROUNDDOWN($C7264/24,0)+1,1)*INDEX($D$3:$AA$30,INDEX(Jesper!$R$2:$R$366,ROW(INDEX(Jesper!AH$2:AH$366,ROUNDDOWN($C7264/24,0)+1,1))-1)+IF('Standard Profiles'!$G$18=$B$10,7,0)+IF('Standard Profiles'!$G$18=$B$17,14,0)+IF('Standard Profiles'!$G$18=$B$24,21,0),MOD($C7264,24)+1)/SUM(INDEX($D$3:$AA$30,INDEX(Jesper!$R$2:$R$366,ROW(INDEX(Jesper!AH$2:AH$366,ROUNDDOWN($C7264/24,0)+1,1))-1)+IF('Standard Profiles'!$G$18=$B$10,7,0)+IF('Standard Profiles'!$G$18=$B$17,14,0)+IF('Standard Profiles'!$G$18=$B$24,21,0),0)),0)</f>
        <v>0</v>
      </c>
      <c r="E7264" cm="1">
        <f t="array" ref="E7264">IFERROR(INDEX(Jesper!AI$2:AI$366,ROUNDDOWN($C7264/24,0)+1,1)*INDEX($D$3:$AA$30,INDEX(Jesper!$R$2:$R$366,ROW(INDEX(Jesper!AI$2:AI$366,ROUNDDOWN($C7264/24,0)+1,1))-1)+IF('Standard Profiles'!$G$19=$B$10,7,0)+IF('Standard Profiles'!$G$19=$B$17,14,0)+IF('Standard Profiles'!$G$19=$B$24,21,0),MOD($C7264,24)+1)/SUM(INDEX($D$3:$AA$30,INDEX(Jesper!$R$2:$R$366,ROW(INDEX(Jesper!AI$2:AI$366,ROUNDDOWN($C7264/24,0)+1,1))-1)+IF('Standard Profiles'!$G$19=$B$10,7,0)+IF('Standard Profiles'!$G$19=$B$17,14,0)+IF('Standard Profiles'!$G$19=$B$24,21,0),0)),0)</f>
        <v>3.7414854863564528</v>
      </c>
      <c r="F7264" cm="1">
        <f t="array" ref="F7264">IFERROR(INDEX(Jesper!AJ$2:AJ$366,ROUNDDOWN($C7264/24,0)+1,1)*INDEX($D$3:$AA$30,INDEX(Jesper!$R$2:$R$366,ROW(INDEX(Jesper!AJ$2:AJ$366,ROUNDDOWN($C7264/24,0)+1,1))-1)+IF('Standard Profiles'!$G$20=$B$10,7,0)+IF('Standard Profiles'!$G$20=$B$17,14,0)+IF('Standard Profiles'!$G$20=$B$24,21,0),MOD($C7264,24)+1)/SUM(INDEX($D$3:$AA$30,INDEX(Jesper!$R$2:$R$366,ROW(INDEX(Jesper!AJ$2:AJ$366,ROUNDDOWN($C7264/24,0)+1,1))-1)+IF('Standard Profiles'!$G$20=$B$10,7,0)+IF('Standard Profiles'!$G$20=$B$17,14,0)+IF('Standard Profiles'!$G$20=$B$24,21,0),0)),0)</f>
        <v>2.634096907251259</v>
      </c>
      <c r="G7264" cm="1">
        <f t="array" ref="G7264">IFERROR(INDEX(Jesper!AK$2:AK$366,ROUNDDOWN($C7264/24,0)+1,1)*INDEX($D$3:$AA$30,INDEX(Jesper!$R$2:$R$366,ROW(INDEX(Jesper!AK$2:AK$366,ROUNDDOWN($C7264/24,0)+1,1))-1)+IF('Standard Profiles'!$G$21=$B$10,7,0)+IF('Standard Profiles'!$G$21=$B$17,14,0)+IF('Standard Profiles'!$G$21=$B$24,21,0),MOD($C7264,24)+1)/SUM(INDEX($D$3:$AA$30,INDEX(Jesper!$R$2:$R$366,ROW(INDEX(Jesper!AK$2:AK$366,ROUNDDOWN($C7264/24,0)+1,1))-1)+IF('Standard Profiles'!$G$21=$B$10,7,0)+IF('Standard Profiles'!$G$21=$B$17,14,0)+IF('Standard Profiles'!$G$21=$B$24,21,0),0)),0)</f>
        <v>3.2115350410820156</v>
      </c>
      <c r="H7264" cm="1">
        <f t="array" ref="H7264">IFERROR(INDEX(Jesper!AL$2:AL$366,ROUNDDOWN($C7264/24,0)+1,1)*INDEX($D$3:$AA$30,INDEX(Jesper!$R$2:$R$366,ROW(INDEX(Jesper!AL$2:AL$366,ROUNDDOWN($C7264/24,0)+1,1))-1)+IF('Standard Profiles'!$G$22=$B$10,7,0)+IF('Standard Profiles'!$G$22=$B$17,14,0)+IF('Standard Profiles'!$G$22=$B$24,21,0),MOD($C7264,24)+1)/SUM(INDEX($D$3:$AA$30,INDEX(Jesper!$R$2:$R$366,ROW(INDEX(Jesper!AL$2:AL$366,ROUNDDOWN($C7264/24,0)+1,1))-1)+IF('Standard Profiles'!$G$22=$B$10,7,0)+IF('Standard Profiles'!$G$22=$B$17,14,0)+IF('Standard Profiles'!$G$22=$B$24,21,0),0)),0)</f>
        <v>2.264117654719997</v>
      </c>
      <c r="I7264">
        <f t="shared" si="804"/>
        <v>2.1735529485311984</v>
      </c>
      <c r="J7264">
        <f t="shared" si="805"/>
        <v>9.2287038825157524</v>
      </c>
      <c r="K7264">
        <f t="shared" si="806"/>
        <v>0.29931883890851624</v>
      </c>
      <c r="L7264">
        <f t="shared" si="807"/>
        <v>0.14965941945425812</v>
      </c>
      <c r="M7264">
        <f t="shared" si="808"/>
        <v>0</v>
      </c>
      <c r="N7264" s="45">
        <f t="shared" si="809"/>
        <v>45228.249999982465</v>
      </c>
    </row>
    <row r="7265" spans="2:14" x14ac:dyDescent="0.25">
      <c r="B7265">
        <f t="shared" si="803"/>
        <v>7</v>
      </c>
      <c r="C7265" s="16">
        <v>7231</v>
      </c>
      <c r="D7265" cm="1">
        <f t="array" ref="D7265">IFERROR(INDEX(Jesper!AH$2:AH$366,ROUNDDOWN($C7265/24,0)+1,1)*INDEX($D$3:$AA$30,INDEX(Jesper!$R$2:$R$366,ROW(INDEX(Jesper!AH$2:AH$366,ROUNDDOWN($C7265/24,0)+1,1))-1)+IF('Standard Profiles'!$G$18=$B$10,7,0)+IF('Standard Profiles'!$G$18=$B$17,14,0)+IF('Standard Profiles'!$G$18=$B$24,21,0),MOD($C7265,24)+1)/SUM(INDEX($D$3:$AA$30,INDEX(Jesper!$R$2:$R$366,ROW(INDEX(Jesper!AH$2:AH$366,ROUNDDOWN($C7265/24,0)+1,1))-1)+IF('Standard Profiles'!$G$18=$B$10,7,0)+IF('Standard Profiles'!$G$18=$B$17,14,0)+IF('Standard Profiles'!$G$18=$B$24,21,0),0)),0)</f>
        <v>0</v>
      </c>
      <c r="E7265" cm="1">
        <f t="array" ref="E7265">IFERROR(INDEX(Jesper!AI$2:AI$366,ROUNDDOWN($C7265/24,0)+1,1)*INDEX($D$3:$AA$30,INDEX(Jesper!$R$2:$R$366,ROW(INDEX(Jesper!AI$2:AI$366,ROUNDDOWN($C7265/24,0)+1,1))-1)+IF('Standard Profiles'!$G$19=$B$10,7,0)+IF('Standard Profiles'!$G$19=$B$17,14,0)+IF('Standard Profiles'!$G$19=$B$24,21,0),MOD($C7265,24)+1)/SUM(INDEX($D$3:$AA$30,INDEX(Jesper!$R$2:$R$366,ROW(INDEX(Jesper!AI$2:AI$366,ROUNDDOWN($C7265/24,0)+1,1))-1)+IF('Standard Profiles'!$G$19=$B$10,7,0)+IF('Standard Profiles'!$G$19=$B$17,14,0)+IF('Standard Profiles'!$G$19=$B$24,21,0),0)),0)</f>
        <v>3.7414854863564528</v>
      </c>
      <c r="F7265" cm="1">
        <f t="array" ref="F7265">IFERROR(INDEX(Jesper!AJ$2:AJ$366,ROUNDDOWN($C7265/24,0)+1,1)*INDEX($D$3:$AA$30,INDEX(Jesper!$R$2:$R$366,ROW(INDEX(Jesper!AJ$2:AJ$366,ROUNDDOWN($C7265/24,0)+1,1))-1)+IF('Standard Profiles'!$G$20=$B$10,7,0)+IF('Standard Profiles'!$G$20=$B$17,14,0)+IF('Standard Profiles'!$G$20=$B$24,21,0),MOD($C7265,24)+1)/SUM(INDEX($D$3:$AA$30,INDEX(Jesper!$R$2:$R$366,ROW(INDEX(Jesper!AJ$2:AJ$366,ROUNDDOWN($C7265/24,0)+1,1))-1)+IF('Standard Profiles'!$G$20=$B$10,7,0)+IF('Standard Profiles'!$G$20=$B$17,14,0)+IF('Standard Profiles'!$G$20=$B$24,21,0),0)),0)</f>
        <v>2.634096907251259</v>
      </c>
      <c r="G7265" cm="1">
        <f t="array" ref="G7265">IFERROR(INDEX(Jesper!AK$2:AK$366,ROUNDDOWN($C7265/24,0)+1,1)*INDEX($D$3:$AA$30,INDEX(Jesper!$R$2:$R$366,ROW(INDEX(Jesper!AK$2:AK$366,ROUNDDOWN($C7265/24,0)+1,1))-1)+IF('Standard Profiles'!$G$21=$B$10,7,0)+IF('Standard Profiles'!$G$21=$B$17,14,0)+IF('Standard Profiles'!$G$21=$B$24,21,0),MOD($C7265,24)+1)/SUM(INDEX($D$3:$AA$30,INDEX(Jesper!$R$2:$R$366,ROW(INDEX(Jesper!AK$2:AK$366,ROUNDDOWN($C7265/24,0)+1,1))-1)+IF('Standard Profiles'!$G$21=$B$10,7,0)+IF('Standard Profiles'!$G$21=$B$17,14,0)+IF('Standard Profiles'!$G$21=$B$24,21,0),0)),0)</f>
        <v>3.2115350410820156</v>
      </c>
      <c r="H7265" cm="1">
        <f t="array" ref="H7265">IFERROR(INDEX(Jesper!AL$2:AL$366,ROUNDDOWN($C7265/24,0)+1,1)*INDEX($D$3:$AA$30,INDEX(Jesper!$R$2:$R$366,ROW(INDEX(Jesper!AL$2:AL$366,ROUNDDOWN($C7265/24,0)+1,1))-1)+IF('Standard Profiles'!$G$22=$B$10,7,0)+IF('Standard Profiles'!$G$22=$B$17,14,0)+IF('Standard Profiles'!$G$22=$B$24,21,0),MOD($C7265,24)+1)/SUM(INDEX($D$3:$AA$30,INDEX(Jesper!$R$2:$R$366,ROW(INDEX(Jesper!AL$2:AL$366,ROUNDDOWN($C7265/24,0)+1,1))-1)+IF('Standard Profiles'!$G$22=$B$10,7,0)+IF('Standard Profiles'!$G$22=$B$17,14,0)+IF('Standard Profiles'!$G$22=$B$24,21,0),0)),0)</f>
        <v>2.6913096650445256</v>
      </c>
      <c r="I7265">
        <f t="shared" si="804"/>
        <v>2.5836572784427458</v>
      </c>
      <c r="J7265">
        <f t="shared" si="805"/>
        <v>9.2457915629287335</v>
      </c>
      <c r="K7265">
        <f t="shared" si="806"/>
        <v>0.29931883890851624</v>
      </c>
      <c r="L7265">
        <f t="shared" si="807"/>
        <v>0.14965941945425812</v>
      </c>
      <c r="M7265">
        <f t="shared" si="808"/>
        <v>0</v>
      </c>
      <c r="N7265" s="45">
        <f t="shared" si="809"/>
        <v>45228.291666649129</v>
      </c>
    </row>
    <row r="7266" spans="2:14" x14ac:dyDescent="0.25">
      <c r="B7266">
        <f t="shared" si="803"/>
        <v>7</v>
      </c>
      <c r="C7266" s="16">
        <v>7232</v>
      </c>
      <c r="D7266" cm="1">
        <f t="array" ref="D7266">IFERROR(INDEX(Jesper!AH$2:AH$366,ROUNDDOWN($C7266/24,0)+1,1)*INDEX($D$3:$AA$30,INDEX(Jesper!$R$2:$R$366,ROW(INDEX(Jesper!AH$2:AH$366,ROUNDDOWN($C7266/24,0)+1,1))-1)+IF('Standard Profiles'!$G$18=$B$10,7,0)+IF('Standard Profiles'!$G$18=$B$17,14,0)+IF('Standard Profiles'!$G$18=$B$24,21,0),MOD($C7266,24)+1)/SUM(INDEX($D$3:$AA$30,INDEX(Jesper!$R$2:$R$366,ROW(INDEX(Jesper!AH$2:AH$366,ROUNDDOWN($C7266/24,0)+1,1))-1)+IF('Standard Profiles'!$G$18=$B$10,7,0)+IF('Standard Profiles'!$G$18=$B$17,14,0)+IF('Standard Profiles'!$G$18=$B$24,21,0),0)),0)</f>
        <v>0</v>
      </c>
      <c r="E7266" cm="1">
        <f t="array" ref="E7266">IFERROR(INDEX(Jesper!AI$2:AI$366,ROUNDDOWN($C7266/24,0)+1,1)*INDEX($D$3:$AA$30,INDEX(Jesper!$R$2:$R$366,ROW(INDEX(Jesper!AI$2:AI$366,ROUNDDOWN($C7266/24,0)+1,1))-1)+IF('Standard Profiles'!$G$19=$B$10,7,0)+IF('Standard Profiles'!$G$19=$B$17,14,0)+IF('Standard Profiles'!$G$19=$B$24,21,0),MOD($C7266,24)+1)/SUM(INDEX($D$3:$AA$30,INDEX(Jesper!$R$2:$R$366,ROW(INDEX(Jesper!AI$2:AI$366,ROUNDDOWN($C7266/24,0)+1,1))-1)+IF('Standard Profiles'!$G$19=$B$10,7,0)+IF('Standard Profiles'!$G$19=$B$17,14,0)+IF('Standard Profiles'!$G$19=$B$24,21,0),0)),0)</f>
        <v>3.7414854863564528</v>
      </c>
      <c r="F7266" cm="1">
        <f t="array" ref="F7266">IFERROR(INDEX(Jesper!AJ$2:AJ$366,ROUNDDOWN($C7266/24,0)+1,1)*INDEX($D$3:$AA$30,INDEX(Jesper!$R$2:$R$366,ROW(INDEX(Jesper!AJ$2:AJ$366,ROUNDDOWN($C7266/24,0)+1,1))-1)+IF('Standard Profiles'!$G$20=$B$10,7,0)+IF('Standard Profiles'!$G$20=$B$17,14,0)+IF('Standard Profiles'!$G$20=$B$24,21,0),MOD($C7266,24)+1)/SUM(INDEX($D$3:$AA$30,INDEX(Jesper!$R$2:$R$366,ROW(INDEX(Jesper!AJ$2:AJ$366,ROUNDDOWN($C7266/24,0)+1,1))-1)+IF('Standard Profiles'!$G$20=$B$10,7,0)+IF('Standard Profiles'!$G$20=$B$17,14,0)+IF('Standard Profiles'!$G$20=$B$24,21,0),0)),0)</f>
        <v>2.634096907251259</v>
      </c>
      <c r="G7266" cm="1">
        <f t="array" ref="G7266">IFERROR(INDEX(Jesper!AK$2:AK$366,ROUNDDOWN($C7266/24,0)+1,1)*INDEX($D$3:$AA$30,INDEX(Jesper!$R$2:$R$366,ROW(INDEX(Jesper!AK$2:AK$366,ROUNDDOWN($C7266/24,0)+1,1))-1)+IF('Standard Profiles'!$G$21=$B$10,7,0)+IF('Standard Profiles'!$G$21=$B$17,14,0)+IF('Standard Profiles'!$G$21=$B$24,21,0),MOD($C7266,24)+1)/SUM(INDEX($D$3:$AA$30,INDEX(Jesper!$R$2:$R$366,ROW(INDEX(Jesper!AK$2:AK$366,ROUNDDOWN($C7266/24,0)+1,1))-1)+IF('Standard Profiles'!$G$21=$B$10,7,0)+IF('Standard Profiles'!$G$21=$B$17,14,0)+IF('Standard Profiles'!$G$21=$B$24,21,0),0)),0)</f>
        <v>3.2115350410820156</v>
      </c>
      <c r="H7266" cm="1">
        <f t="array" ref="H7266">IFERROR(INDEX(Jesper!AL$2:AL$366,ROUNDDOWN($C7266/24,0)+1,1)*INDEX($D$3:$AA$30,INDEX(Jesper!$R$2:$R$366,ROW(INDEX(Jesper!AL$2:AL$366,ROUNDDOWN($C7266/24,0)+1,1))-1)+IF('Standard Profiles'!$G$22=$B$10,7,0)+IF('Standard Profiles'!$G$22=$B$17,14,0)+IF('Standard Profiles'!$G$22=$B$24,21,0),MOD($C7266,24)+1)/SUM(INDEX($D$3:$AA$30,INDEX(Jesper!$R$2:$R$366,ROW(INDEX(Jesper!AL$2:AL$366,ROUNDDOWN($C7266/24,0)+1,1))-1)+IF('Standard Profiles'!$G$22=$B$10,7,0)+IF('Standard Profiles'!$G$22=$B$17,14,0)+IF('Standard Profiles'!$G$22=$B$24,21,0),0)),0)</f>
        <v>2.6913096650445256</v>
      </c>
      <c r="I7266">
        <f t="shared" si="804"/>
        <v>2.5836572784427458</v>
      </c>
      <c r="J7266">
        <f t="shared" si="805"/>
        <v>9.2457915629287335</v>
      </c>
      <c r="K7266">
        <f t="shared" si="806"/>
        <v>0.29931883890851624</v>
      </c>
      <c r="L7266">
        <f t="shared" si="807"/>
        <v>0.14965941945425812</v>
      </c>
      <c r="M7266">
        <f t="shared" si="808"/>
        <v>0</v>
      </c>
      <c r="N7266" s="45">
        <f t="shared" si="809"/>
        <v>45228.333333315793</v>
      </c>
    </row>
    <row r="7267" spans="2:14" x14ac:dyDescent="0.25">
      <c r="B7267">
        <f t="shared" ref="B7267:B7330" si="810">WEEKDAY(N7267,2)</f>
        <v>7</v>
      </c>
      <c r="C7267" s="16">
        <v>7233</v>
      </c>
      <c r="D7267" cm="1">
        <f t="array" ref="D7267">IFERROR(INDEX(Jesper!AH$2:AH$366,ROUNDDOWN($C7267/24,0)+1,1)*INDEX($D$3:$AA$30,INDEX(Jesper!$R$2:$R$366,ROW(INDEX(Jesper!AH$2:AH$366,ROUNDDOWN($C7267/24,0)+1,1))-1)+IF('Standard Profiles'!$G$18=$B$10,7,0)+IF('Standard Profiles'!$G$18=$B$17,14,0)+IF('Standard Profiles'!$G$18=$B$24,21,0),MOD($C7267,24)+1)/SUM(INDEX($D$3:$AA$30,INDEX(Jesper!$R$2:$R$366,ROW(INDEX(Jesper!AH$2:AH$366,ROUNDDOWN($C7267/24,0)+1,1))-1)+IF('Standard Profiles'!$G$18=$B$10,7,0)+IF('Standard Profiles'!$G$18=$B$17,14,0)+IF('Standard Profiles'!$G$18=$B$24,21,0),0)),0)</f>
        <v>0</v>
      </c>
      <c r="E7267" cm="1">
        <f t="array" ref="E7267">IFERROR(INDEX(Jesper!AI$2:AI$366,ROUNDDOWN($C7267/24,0)+1,1)*INDEX($D$3:$AA$30,INDEX(Jesper!$R$2:$R$366,ROW(INDEX(Jesper!AI$2:AI$366,ROUNDDOWN($C7267/24,0)+1,1))-1)+IF('Standard Profiles'!$G$19=$B$10,7,0)+IF('Standard Profiles'!$G$19=$B$17,14,0)+IF('Standard Profiles'!$G$19=$B$24,21,0),MOD($C7267,24)+1)/SUM(INDEX($D$3:$AA$30,INDEX(Jesper!$R$2:$R$366,ROW(INDEX(Jesper!AI$2:AI$366,ROUNDDOWN($C7267/24,0)+1,1))-1)+IF('Standard Profiles'!$G$19=$B$10,7,0)+IF('Standard Profiles'!$G$19=$B$17,14,0)+IF('Standard Profiles'!$G$19=$B$24,21,0),0)),0)</f>
        <v>3.7414854863564528</v>
      </c>
      <c r="F7267" cm="1">
        <f t="array" ref="F7267">IFERROR(INDEX(Jesper!AJ$2:AJ$366,ROUNDDOWN($C7267/24,0)+1,1)*INDEX($D$3:$AA$30,INDEX(Jesper!$R$2:$R$366,ROW(INDEX(Jesper!AJ$2:AJ$366,ROUNDDOWN($C7267/24,0)+1,1))-1)+IF('Standard Profiles'!$G$20=$B$10,7,0)+IF('Standard Profiles'!$G$20=$B$17,14,0)+IF('Standard Profiles'!$G$20=$B$24,21,0),MOD($C7267,24)+1)/SUM(INDEX($D$3:$AA$30,INDEX(Jesper!$R$2:$R$366,ROW(INDEX(Jesper!AJ$2:AJ$366,ROUNDDOWN($C7267/24,0)+1,1))-1)+IF('Standard Profiles'!$G$20=$B$10,7,0)+IF('Standard Profiles'!$G$20=$B$17,14,0)+IF('Standard Profiles'!$G$20=$B$24,21,0),0)),0)</f>
        <v>2.634096907251259</v>
      </c>
      <c r="G7267" cm="1">
        <f t="array" ref="G7267">IFERROR(INDEX(Jesper!AK$2:AK$366,ROUNDDOWN($C7267/24,0)+1,1)*INDEX($D$3:$AA$30,INDEX(Jesper!$R$2:$R$366,ROW(INDEX(Jesper!AK$2:AK$366,ROUNDDOWN($C7267/24,0)+1,1))-1)+IF('Standard Profiles'!$G$21=$B$10,7,0)+IF('Standard Profiles'!$G$21=$B$17,14,0)+IF('Standard Profiles'!$G$21=$B$24,21,0),MOD($C7267,24)+1)/SUM(INDEX($D$3:$AA$30,INDEX(Jesper!$R$2:$R$366,ROW(INDEX(Jesper!AK$2:AK$366,ROUNDDOWN($C7267/24,0)+1,1))-1)+IF('Standard Profiles'!$G$21=$B$10,7,0)+IF('Standard Profiles'!$G$21=$B$17,14,0)+IF('Standard Profiles'!$G$21=$B$24,21,0),0)),0)</f>
        <v>3.2115350410820156</v>
      </c>
      <c r="H7267" cm="1">
        <f t="array" ref="H7267">IFERROR(INDEX(Jesper!AL$2:AL$366,ROUNDDOWN($C7267/24,0)+1,1)*INDEX($D$3:$AA$30,INDEX(Jesper!$R$2:$R$366,ROW(INDEX(Jesper!AL$2:AL$366,ROUNDDOWN($C7267/24,0)+1,1))-1)+IF('Standard Profiles'!$G$22=$B$10,7,0)+IF('Standard Profiles'!$G$22=$B$17,14,0)+IF('Standard Profiles'!$G$22=$B$24,21,0),MOD($C7267,24)+1)/SUM(INDEX($D$3:$AA$30,INDEX(Jesper!$R$2:$R$366,ROW(INDEX(Jesper!AL$2:AL$366,ROUNDDOWN($C7267/24,0)+1,1))-1)+IF('Standard Profiles'!$G$22=$B$10,7,0)+IF('Standard Profiles'!$G$22=$B$17,14,0)+IF('Standard Profiles'!$G$22=$B$24,21,0),0)),0)</f>
        <v>2.6913096650445256</v>
      </c>
      <c r="I7267">
        <f t="shared" ref="I7267:I7330" si="811">IF($B7267&lt;6,AC$37*$D7267+AC$38*$E7267+AC$39*$F7267+AC$40*$G7267,AC$46*$D7267+AC$47*$E7267+AC$48*$F7267+AC$49*$G7267+AC$50*$H7267)</f>
        <v>2.5836572784427458</v>
      </c>
      <c r="J7267">
        <f t="shared" ref="J7267:J7330" si="812">IF($B7267&lt;6,AD$37*$D7267+AD$38*$E7267+AD$39*$F7267+AD$40*$G7267,AD$46*$D7267+AD$47*$E7267+AD$48*$F7267+AD$49*$G7267+AD$50*$H7267)</f>
        <v>9.2457915629287335</v>
      </c>
      <c r="K7267">
        <f t="shared" ref="K7267:K7330" si="813">IF($B7267&lt;6,AE$37*$D7267+AE$38*$E7267+AE$39*$F7267+AE$40*$G7267,AE$46*$D7267+AE$47*$E7267+AE$48*$F7267+AE$49*$G7267+AE$50*$H7267)</f>
        <v>0.29931883890851624</v>
      </c>
      <c r="L7267">
        <f t="shared" ref="L7267:L7330" si="814">IF($B7267&lt;6,AF$37*$D7267+AF$38*$E7267+AF$39*$F7267+AF$40*$G7267,AF$46*$D7267+AF$47*$E7267+AF$48*$F7267+AF$49*$G7267+AF$50*$H7267)</f>
        <v>0.14965941945425812</v>
      </c>
      <c r="M7267">
        <f t="shared" ref="M7267:M7330" si="815">IF($B7267&lt;6,AG$37*$D7267+AG$38*$E7267+AG$39*$F7267+AG$40*$G7267,AG$46*$D7267+AG$47*$E7267+AG$48*$F7267+AG$49*$G7267+AG$50*$H7267)</f>
        <v>0</v>
      </c>
      <c r="N7267" s="45">
        <f t="shared" si="809"/>
        <v>45228.374999982458</v>
      </c>
    </row>
    <row r="7268" spans="2:14" x14ac:dyDescent="0.25">
      <c r="B7268">
        <f t="shared" si="810"/>
        <v>7</v>
      </c>
      <c r="C7268" s="16">
        <v>7234</v>
      </c>
      <c r="D7268" cm="1">
        <f t="array" ref="D7268">IFERROR(INDEX(Jesper!AH$2:AH$366,ROUNDDOWN($C7268/24,0)+1,1)*INDEX($D$3:$AA$30,INDEX(Jesper!$R$2:$R$366,ROW(INDEX(Jesper!AH$2:AH$366,ROUNDDOWN($C7268/24,0)+1,1))-1)+IF('Standard Profiles'!$G$18=$B$10,7,0)+IF('Standard Profiles'!$G$18=$B$17,14,0)+IF('Standard Profiles'!$G$18=$B$24,21,0),MOD($C7268,24)+1)/SUM(INDEX($D$3:$AA$30,INDEX(Jesper!$R$2:$R$366,ROW(INDEX(Jesper!AH$2:AH$366,ROUNDDOWN($C7268/24,0)+1,1))-1)+IF('Standard Profiles'!$G$18=$B$10,7,0)+IF('Standard Profiles'!$G$18=$B$17,14,0)+IF('Standard Profiles'!$G$18=$B$24,21,0),0)),0)</f>
        <v>0</v>
      </c>
      <c r="E7268" cm="1">
        <f t="array" ref="E7268">IFERROR(INDEX(Jesper!AI$2:AI$366,ROUNDDOWN($C7268/24,0)+1,1)*INDEX($D$3:$AA$30,INDEX(Jesper!$R$2:$R$366,ROW(INDEX(Jesper!AI$2:AI$366,ROUNDDOWN($C7268/24,0)+1,1))-1)+IF('Standard Profiles'!$G$19=$B$10,7,0)+IF('Standard Profiles'!$G$19=$B$17,14,0)+IF('Standard Profiles'!$G$19=$B$24,21,0),MOD($C7268,24)+1)/SUM(INDEX($D$3:$AA$30,INDEX(Jesper!$R$2:$R$366,ROW(INDEX(Jesper!AI$2:AI$366,ROUNDDOWN($C7268/24,0)+1,1))-1)+IF('Standard Profiles'!$G$19=$B$10,7,0)+IF('Standard Profiles'!$G$19=$B$17,14,0)+IF('Standard Profiles'!$G$19=$B$24,21,0),0)),0)</f>
        <v>3.7414854863564528</v>
      </c>
      <c r="F7268" cm="1">
        <f t="array" ref="F7268">IFERROR(INDEX(Jesper!AJ$2:AJ$366,ROUNDDOWN($C7268/24,0)+1,1)*INDEX($D$3:$AA$30,INDEX(Jesper!$R$2:$R$366,ROW(INDEX(Jesper!AJ$2:AJ$366,ROUNDDOWN($C7268/24,0)+1,1))-1)+IF('Standard Profiles'!$G$20=$B$10,7,0)+IF('Standard Profiles'!$G$20=$B$17,14,0)+IF('Standard Profiles'!$G$20=$B$24,21,0),MOD($C7268,24)+1)/SUM(INDEX($D$3:$AA$30,INDEX(Jesper!$R$2:$R$366,ROW(INDEX(Jesper!AJ$2:AJ$366,ROUNDDOWN($C7268/24,0)+1,1))-1)+IF('Standard Profiles'!$G$20=$B$10,7,0)+IF('Standard Profiles'!$G$20=$B$17,14,0)+IF('Standard Profiles'!$G$20=$B$24,21,0),0)),0)</f>
        <v>2.634096907251259</v>
      </c>
      <c r="G7268" cm="1">
        <f t="array" ref="G7268">IFERROR(INDEX(Jesper!AK$2:AK$366,ROUNDDOWN($C7268/24,0)+1,1)*INDEX($D$3:$AA$30,INDEX(Jesper!$R$2:$R$366,ROW(INDEX(Jesper!AK$2:AK$366,ROUNDDOWN($C7268/24,0)+1,1))-1)+IF('Standard Profiles'!$G$21=$B$10,7,0)+IF('Standard Profiles'!$G$21=$B$17,14,0)+IF('Standard Profiles'!$G$21=$B$24,21,0),MOD($C7268,24)+1)/SUM(INDEX($D$3:$AA$30,INDEX(Jesper!$R$2:$R$366,ROW(INDEX(Jesper!AK$2:AK$366,ROUNDDOWN($C7268/24,0)+1,1))-1)+IF('Standard Profiles'!$G$21=$B$10,7,0)+IF('Standard Profiles'!$G$21=$B$17,14,0)+IF('Standard Profiles'!$G$21=$B$24,21,0),0)),0)</f>
        <v>3.2115350410820156</v>
      </c>
      <c r="H7268" cm="1">
        <f t="array" ref="H7268">IFERROR(INDEX(Jesper!AL$2:AL$366,ROUNDDOWN($C7268/24,0)+1,1)*INDEX($D$3:$AA$30,INDEX(Jesper!$R$2:$R$366,ROW(INDEX(Jesper!AL$2:AL$366,ROUNDDOWN($C7268/24,0)+1,1))-1)+IF('Standard Profiles'!$G$22=$B$10,7,0)+IF('Standard Profiles'!$G$22=$B$17,14,0)+IF('Standard Profiles'!$G$22=$B$24,21,0),MOD($C7268,24)+1)/SUM(INDEX($D$3:$AA$30,INDEX(Jesper!$R$2:$R$366,ROW(INDEX(Jesper!AL$2:AL$366,ROUNDDOWN($C7268/24,0)+1,1))-1)+IF('Standard Profiles'!$G$22=$B$10,7,0)+IF('Standard Profiles'!$G$22=$B$17,14,0)+IF('Standard Profiles'!$G$22=$B$24,21,0),0)),0)</f>
        <v>2.6913096650445256</v>
      </c>
      <c r="I7268">
        <f t="shared" si="811"/>
        <v>2.5836572784427458</v>
      </c>
      <c r="J7268">
        <f t="shared" si="812"/>
        <v>9.2457915629287335</v>
      </c>
      <c r="K7268">
        <f t="shared" si="813"/>
        <v>0.29931883890851624</v>
      </c>
      <c r="L7268">
        <f t="shared" si="814"/>
        <v>0.14965941945425812</v>
      </c>
      <c r="M7268">
        <f t="shared" si="815"/>
        <v>0</v>
      </c>
      <c r="N7268" s="45">
        <f t="shared" ref="N7268:N7331" si="816">N7267+1/24</f>
        <v>45228.416666649122</v>
      </c>
    </row>
    <row r="7269" spans="2:14" x14ac:dyDescent="0.25">
      <c r="B7269">
        <f t="shared" si="810"/>
        <v>7</v>
      </c>
      <c r="C7269" s="16">
        <v>7235</v>
      </c>
      <c r="D7269" cm="1">
        <f t="array" ref="D7269">IFERROR(INDEX(Jesper!AH$2:AH$366,ROUNDDOWN($C7269/24,0)+1,1)*INDEX($D$3:$AA$30,INDEX(Jesper!$R$2:$R$366,ROW(INDEX(Jesper!AH$2:AH$366,ROUNDDOWN($C7269/24,0)+1,1))-1)+IF('Standard Profiles'!$G$18=$B$10,7,0)+IF('Standard Profiles'!$G$18=$B$17,14,0)+IF('Standard Profiles'!$G$18=$B$24,21,0),MOD($C7269,24)+1)/SUM(INDEX($D$3:$AA$30,INDEX(Jesper!$R$2:$R$366,ROW(INDEX(Jesper!AH$2:AH$366,ROUNDDOWN($C7269/24,0)+1,1))-1)+IF('Standard Profiles'!$G$18=$B$10,7,0)+IF('Standard Profiles'!$G$18=$B$17,14,0)+IF('Standard Profiles'!$G$18=$B$24,21,0),0)),0)</f>
        <v>0</v>
      </c>
      <c r="E7269" cm="1">
        <f t="array" ref="E7269">IFERROR(INDEX(Jesper!AI$2:AI$366,ROUNDDOWN($C7269/24,0)+1,1)*INDEX($D$3:$AA$30,INDEX(Jesper!$R$2:$R$366,ROW(INDEX(Jesper!AI$2:AI$366,ROUNDDOWN($C7269/24,0)+1,1))-1)+IF('Standard Profiles'!$G$19=$B$10,7,0)+IF('Standard Profiles'!$G$19=$B$17,14,0)+IF('Standard Profiles'!$G$19=$B$24,21,0),MOD($C7269,24)+1)/SUM(INDEX($D$3:$AA$30,INDEX(Jesper!$R$2:$R$366,ROW(INDEX(Jesper!AI$2:AI$366,ROUNDDOWN($C7269/24,0)+1,1))-1)+IF('Standard Profiles'!$G$19=$B$10,7,0)+IF('Standard Profiles'!$G$19=$B$17,14,0)+IF('Standard Profiles'!$G$19=$B$24,21,0),0)),0)</f>
        <v>3.7414854863564528</v>
      </c>
      <c r="F7269" cm="1">
        <f t="array" ref="F7269">IFERROR(INDEX(Jesper!AJ$2:AJ$366,ROUNDDOWN($C7269/24,0)+1,1)*INDEX($D$3:$AA$30,INDEX(Jesper!$R$2:$R$366,ROW(INDEX(Jesper!AJ$2:AJ$366,ROUNDDOWN($C7269/24,0)+1,1))-1)+IF('Standard Profiles'!$G$20=$B$10,7,0)+IF('Standard Profiles'!$G$20=$B$17,14,0)+IF('Standard Profiles'!$G$20=$B$24,21,0),MOD($C7269,24)+1)/SUM(INDEX($D$3:$AA$30,INDEX(Jesper!$R$2:$R$366,ROW(INDEX(Jesper!AJ$2:AJ$366,ROUNDDOWN($C7269/24,0)+1,1))-1)+IF('Standard Profiles'!$G$20=$B$10,7,0)+IF('Standard Profiles'!$G$20=$B$17,14,0)+IF('Standard Profiles'!$G$20=$B$24,21,0),0)),0)</f>
        <v>2.634096907251259</v>
      </c>
      <c r="G7269" cm="1">
        <f t="array" ref="G7269">IFERROR(INDEX(Jesper!AK$2:AK$366,ROUNDDOWN($C7269/24,0)+1,1)*INDEX($D$3:$AA$30,INDEX(Jesper!$R$2:$R$366,ROW(INDEX(Jesper!AK$2:AK$366,ROUNDDOWN($C7269/24,0)+1,1))-1)+IF('Standard Profiles'!$G$21=$B$10,7,0)+IF('Standard Profiles'!$G$21=$B$17,14,0)+IF('Standard Profiles'!$G$21=$B$24,21,0),MOD($C7269,24)+1)/SUM(INDEX($D$3:$AA$30,INDEX(Jesper!$R$2:$R$366,ROW(INDEX(Jesper!AK$2:AK$366,ROUNDDOWN($C7269/24,0)+1,1))-1)+IF('Standard Profiles'!$G$21=$B$10,7,0)+IF('Standard Profiles'!$G$21=$B$17,14,0)+IF('Standard Profiles'!$G$21=$B$24,21,0),0)),0)</f>
        <v>3.2115350410820156</v>
      </c>
      <c r="H7269" cm="1">
        <f t="array" ref="H7269">IFERROR(INDEX(Jesper!AL$2:AL$366,ROUNDDOWN($C7269/24,0)+1,1)*INDEX($D$3:$AA$30,INDEX(Jesper!$R$2:$R$366,ROW(INDEX(Jesper!AL$2:AL$366,ROUNDDOWN($C7269/24,0)+1,1))-1)+IF('Standard Profiles'!$G$22=$B$10,7,0)+IF('Standard Profiles'!$G$22=$B$17,14,0)+IF('Standard Profiles'!$G$22=$B$24,21,0),MOD($C7269,24)+1)/SUM(INDEX($D$3:$AA$30,INDEX(Jesper!$R$2:$R$366,ROW(INDEX(Jesper!AL$2:AL$366,ROUNDDOWN($C7269/24,0)+1,1))-1)+IF('Standard Profiles'!$G$22=$B$10,7,0)+IF('Standard Profiles'!$G$22=$B$17,14,0)+IF('Standard Profiles'!$G$22=$B$24,21,0),0)),0)</f>
        <v>2.6913096650445256</v>
      </c>
      <c r="I7269">
        <f t="shared" si="811"/>
        <v>2.5836572784427458</v>
      </c>
      <c r="J7269">
        <f t="shared" si="812"/>
        <v>9.2457915629287335</v>
      </c>
      <c r="K7269">
        <f t="shared" si="813"/>
        <v>0.29931883890851624</v>
      </c>
      <c r="L7269">
        <f t="shared" si="814"/>
        <v>0.14965941945425812</v>
      </c>
      <c r="M7269">
        <f t="shared" si="815"/>
        <v>0</v>
      </c>
      <c r="N7269" s="45">
        <f t="shared" si="816"/>
        <v>45228.458333315786</v>
      </c>
    </row>
    <row r="7270" spans="2:14" x14ac:dyDescent="0.25">
      <c r="B7270">
        <f t="shared" si="810"/>
        <v>7</v>
      </c>
      <c r="C7270" s="16">
        <v>7236</v>
      </c>
      <c r="D7270" cm="1">
        <f t="array" ref="D7270">IFERROR(INDEX(Jesper!AH$2:AH$366,ROUNDDOWN($C7270/24,0)+1,1)*INDEX($D$3:$AA$30,INDEX(Jesper!$R$2:$R$366,ROW(INDEX(Jesper!AH$2:AH$366,ROUNDDOWN($C7270/24,0)+1,1))-1)+IF('Standard Profiles'!$G$18=$B$10,7,0)+IF('Standard Profiles'!$G$18=$B$17,14,0)+IF('Standard Profiles'!$G$18=$B$24,21,0),MOD($C7270,24)+1)/SUM(INDEX($D$3:$AA$30,INDEX(Jesper!$R$2:$R$366,ROW(INDEX(Jesper!AH$2:AH$366,ROUNDDOWN($C7270/24,0)+1,1))-1)+IF('Standard Profiles'!$G$18=$B$10,7,0)+IF('Standard Profiles'!$G$18=$B$17,14,0)+IF('Standard Profiles'!$G$18=$B$24,21,0),0)),0)</f>
        <v>0</v>
      </c>
      <c r="E7270" cm="1">
        <f t="array" ref="E7270">IFERROR(INDEX(Jesper!AI$2:AI$366,ROUNDDOWN($C7270/24,0)+1,1)*INDEX($D$3:$AA$30,INDEX(Jesper!$R$2:$R$366,ROW(INDEX(Jesper!AI$2:AI$366,ROUNDDOWN($C7270/24,0)+1,1))-1)+IF('Standard Profiles'!$G$19=$B$10,7,0)+IF('Standard Profiles'!$G$19=$B$17,14,0)+IF('Standard Profiles'!$G$19=$B$24,21,0),MOD($C7270,24)+1)/SUM(INDEX($D$3:$AA$30,INDEX(Jesper!$R$2:$R$366,ROW(INDEX(Jesper!AI$2:AI$366,ROUNDDOWN($C7270/24,0)+1,1))-1)+IF('Standard Profiles'!$G$19=$B$10,7,0)+IF('Standard Profiles'!$G$19=$B$17,14,0)+IF('Standard Profiles'!$G$19=$B$24,21,0),0)),0)</f>
        <v>3.7414854863564528</v>
      </c>
      <c r="F7270" cm="1">
        <f t="array" ref="F7270">IFERROR(INDEX(Jesper!AJ$2:AJ$366,ROUNDDOWN($C7270/24,0)+1,1)*INDEX($D$3:$AA$30,INDEX(Jesper!$R$2:$R$366,ROW(INDEX(Jesper!AJ$2:AJ$366,ROUNDDOWN($C7270/24,0)+1,1))-1)+IF('Standard Profiles'!$G$20=$B$10,7,0)+IF('Standard Profiles'!$G$20=$B$17,14,0)+IF('Standard Profiles'!$G$20=$B$24,21,0),MOD($C7270,24)+1)/SUM(INDEX($D$3:$AA$30,INDEX(Jesper!$R$2:$R$366,ROW(INDEX(Jesper!AJ$2:AJ$366,ROUNDDOWN($C7270/24,0)+1,1))-1)+IF('Standard Profiles'!$G$20=$B$10,7,0)+IF('Standard Profiles'!$G$20=$B$17,14,0)+IF('Standard Profiles'!$G$20=$B$24,21,0),0)),0)</f>
        <v>2.634096907251259</v>
      </c>
      <c r="G7270" cm="1">
        <f t="array" ref="G7270">IFERROR(INDEX(Jesper!AK$2:AK$366,ROUNDDOWN($C7270/24,0)+1,1)*INDEX($D$3:$AA$30,INDEX(Jesper!$R$2:$R$366,ROW(INDEX(Jesper!AK$2:AK$366,ROUNDDOWN($C7270/24,0)+1,1))-1)+IF('Standard Profiles'!$G$21=$B$10,7,0)+IF('Standard Profiles'!$G$21=$B$17,14,0)+IF('Standard Profiles'!$G$21=$B$24,21,0),MOD($C7270,24)+1)/SUM(INDEX($D$3:$AA$30,INDEX(Jesper!$R$2:$R$366,ROW(INDEX(Jesper!AK$2:AK$366,ROUNDDOWN($C7270/24,0)+1,1))-1)+IF('Standard Profiles'!$G$21=$B$10,7,0)+IF('Standard Profiles'!$G$21=$B$17,14,0)+IF('Standard Profiles'!$G$21=$B$24,21,0),0)),0)</f>
        <v>3.2115350410820156</v>
      </c>
      <c r="H7270" cm="1">
        <f t="array" ref="H7270">IFERROR(INDEX(Jesper!AL$2:AL$366,ROUNDDOWN($C7270/24,0)+1,1)*INDEX($D$3:$AA$30,INDEX(Jesper!$R$2:$R$366,ROW(INDEX(Jesper!AL$2:AL$366,ROUNDDOWN($C7270/24,0)+1,1))-1)+IF('Standard Profiles'!$G$22=$B$10,7,0)+IF('Standard Profiles'!$G$22=$B$17,14,0)+IF('Standard Profiles'!$G$22=$B$24,21,0),MOD($C7270,24)+1)/SUM(INDEX($D$3:$AA$30,INDEX(Jesper!$R$2:$R$366,ROW(INDEX(Jesper!AL$2:AL$366,ROUNDDOWN($C7270/24,0)+1,1))-1)+IF('Standard Profiles'!$G$22=$B$10,7,0)+IF('Standard Profiles'!$G$22=$B$17,14,0)+IF('Standard Profiles'!$G$22=$B$24,21,0),0)),0)</f>
        <v>2.6913096650445256</v>
      </c>
      <c r="I7270">
        <f t="shared" si="811"/>
        <v>2.5836572784427458</v>
      </c>
      <c r="J7270">
        <f t="shared" si="812"/>
        <v>9.2457915629287335</v>
      </c>
      <c r="K7270">
        <f t="shared" si="813"/>
        <v>0.29931883890851624</v>
      </c>
      <c r="L7270">
        <f t="shared" si="814"/>
        <v>0.14965941945425812</v>
      </c>
      <c r="M7270">
        <f t="shared" si="815"/>
        <v>0</v>
      </c>
      <c r="N7270" s="45">
        <f t="shared" si="816"/>
        <v>45228.49999998245</v>
      </c>
    </row>
    <row r="7271" spans="2:14" x14ac:dyDescent="0.25">
      <c r="B7271">
        <f t="shared" si="810"/>
        <v>7</v>
      </c>
      <c r="C7271" s="16">
        <v>7237</v>
      </c>
      <c r="D7271" cm="1">
        <f t="array" ref="D7271">IFERROR(INDEX(Jesper!AH$2:AH$366,ROUNDDOWN($C7271/24,0)+1,1)*INDEX($D$3:$AA$30,INDEX(Jesper!$R$2:$R$366,ROW(INDEX(Jesper!AH$2:AH$366,ROUNDDOWN($C7271/24,0)+1,1))-1)+IF('Standard Profiles'!$G$18=$B$10,7,0)+IF('Standard Profiles'!$G$18=$B$17,14,0)+IF('Standard Profiles'!$G$18=$B$24,21,0),MOD($C7271,24)+1)/SUM(INDEX($D$3:$AA$30,INDEX(Jesper!$R$2:$R$366,ROW(INDEX(Jesper!AH$2:AH$366,ROUNDDOWN($C7271/24,0)+1,1))-1)+IF('Standard Profiles'!$G$18=$B$10,7,0)+IF('Standard Profiles'!$G$18=$B$17,14,0)+IF('Standard Profiles'!$G$18=$B$24,21,0),0)),0)</f>
        <v>0</v>
      </c>
      <c r="E7271" cm="1">
        <f t="array" ref="E7271">IFERROR(INDEX(Jesper!AI$2:AI$366,ROUNDDOWN($C7271/24,0)+1,1)*INDEX($D$3:$AA$30,INDEX(Jesper!$R$2:$R$366,ROW(INDEX(Jesper!AI$2:AI$366,ROUNDDOWN($C7271/24,0)+1,1))-1)+IF('Standard Profiles'!$G$19=$B$10,7,0)+IF('Standard Profiles'!$G$19=$B$17,14,0)+IF('Standard Profiles'!$G$19=$B$24,21,0),MOD($C7271,24)+1)/SUM(INDEX($D$3:$AA$30,INDEX(Jesper!$R$2:$R$366,ROW(INDEX(Jesper!AI$2:AI$366,ROUNDDOWN($C7271/24,0)+1,1))-1)+IF('Standard Profiles'!$G$19=$B$10,7,0)+IF('Standard Profiles'!$G$19=$B$17,14,0)+IF('Standard Profiles'!$G$19=$B$24,21,0),0)),0)</f>
        <v>3.7414854863564528</v>
      </c>
      <c r="F7271" cm="1">
        <f t="array" ref="F7271">IFERROR(INDEX(Jesper!AJ$2:AJ$366,ROUNDDOWN($C7271/24,0)+1,1)*INDEX($D$3:$AA$30,INDEX(Jesper!$R$2:$R$366,ROW(INDEX(Jesper!AJ$2:AJ$366,ROUNDDOWN($C7271/24,0)+1,1))-1)+IF('Standard Profiles'!$G$20=$B$10,7,0)+IF('Standard Profiles'!$G$20=$B$17,14,0)+IF('Standard Profiles'!$G$20=$B$24,21,0),MOD($C7271,24)+1)/SUM(INDEX($D$3:$AA$30,INDEX(Jesper!$R$2:$R$366,ROW(INDEX(Jesper!AJ$2:AJ$366,ROUNDDOWN($C7271/24,0)+1,1))-1)+IF('Standard Profiles'!$G$20=$B$10,7,0)+IF('Standard Profiles'!$G$20=$B$17,14,0)+IF('Standard Profiles'!$G$20=$B$24,21,0),0)),0)</f>
        <v>2.634096907251259</v>
      </c>
      <c r="G7271" cm="1">
        <f t="array" ref="G7271">IFERROR(INDEX(Jesper!AK$2:AK$366,ROUNDDOWN($C7271/24,0)+1,1)*INDEX($D$3:$AA$30,INDEX(Jesper!$R$2:$R$366,ROW(INDEX(Jesper!AK$2:AK$366,ROUNDDOWN($C7271/24,0)+1,1))-1)+IF('Standard Profiles'!$G$21=$B$10,7,0)+IF('Standard Profiles'!$G$21=$B$17,14,0)+IF('Standard Profiles'!$G$21=$B$24,21,0),MOD($C7271,24)+1)/SUM(INDEX($D$3:$AA$30,INDEX(Jesper!$R$2:$R$366,ROW(INDEX(Jesper!AK$2:AK$366,ROUNDDOWN($C7271/24,0)+1,1))-1)+IF('Standard Profiles'!$G$21=$B$10,7,0)+IF('Standard Profiles'!$G$21=$B$17,14,0)+IF('Standard Profiles'!$G$21=$B$24,21,0),0)),0)</f>
        <v>3.2115350410820156</v>
      </c>
      <c r="H7271" cm="1">
        <f t="array" ref="H7271">IFERROR(INDEX(Jesper!AL$2:AL$366,ROUNDDOWN($C7271/24,0)+1,1)*INDEX($D$3:$AA$30,INDEX(Jesper!$R$2:$R$366,ROW(INDEX(Jesper!AL$2:AL$366,ROUNDDOWN($C7271/24,0)+1,1))-1)+IF('Standard Profiles'!$G$22=$B$10,7,0)+IF('Standard Profiles'!$G$22=$B$17,14,0)+IF('Standard Profiles'!$G$22=$B$24,21,0),MOD($C7271,24)+1)/SUM(INDEX($D$3:$AA$30,INDEX(Jesper!$R$2:$R$366,ROW(INDEX(Jesper!AL$2:AL$366,ROUNDDOWN($C7271/24,0)+1,1))-1)+IF('Standard Profiles'!$G$22=$B$10,7,0)+IF('Standard Profiles'!$G$22=$B$17,14,0)+IF('Standard Profiles'!$G$22=$B$24,21,0),0)),0)</f>
        <v>2.6913096650445256</v>
      </c>
      <c r="I7271">
        <f t="shared" si="811"/>
        <v>2.5836572784427458</v>
      </c>
      <c r="J7271">
        <f t="shared" si="812"/>
        <v>9.2457915629287335</v>
      </c>
      <c r="K7271">
        <f t="shared" si="813"/>
        <v>0.29931883890851624</v>
      </c>
      <c r="L7271">
        <f t="shared" si="814"/>
        <v>0.14965941945425812</v>
      </c>
      <c r="M7271">
        <f t="shared" si="815"/>
        <v>0</v>
      </c>
      <c r="N7271" s="45">
        <f t="shared" si="816"/>
        <v>45228.541666649115</v>
      </c>
    </row>
    <row r="7272" spans="2:14" x14ac:dyDescent="0.25">
      <c r="B7272">
        <f t="shared" si="810"/>
        <v>7</v>
      </c>
      <c r="C7272" s="16">
        <v>7238</v>
      </c>
      <c r="D7272" cm="1">
        <f t="array" ref="D7272">IFERROR(INDEX(Jesper!AH$2:AH$366,ROUNDDOWN($C7272/24,0)+1,1)*INDEX($D$3:$AA$30,INDEX(Jesper!$R$2:$R$366,ROW(INDEX(Jesper!AH$2:AH$366,ROUNDDOWN($C7272/24,0)+1,1))-1)+IF('Standard Profiles'!$G$18=$B$10,7,0)+IF('Standard Profiles'!$G$18=$B$17,14,0)+IF('Standard Profiles'!$G$18=$B$24,21,0),MOD($C7272,24)+1)/SUM(INDEX($D$3:$AA$30,INDEX(Jesper!$R$2:$R$366,ROW(INDEX(Jesper!AH$2:AH$366,ROUNDDOWN($C7272/24,0)+1,1))-1)+IF('Standard Profiles'!$G$18=$B$10,7,0)+IF('Standard Profiles'!$G$18=$B$17,14,0)+IF('Standard Profiles'!$G$18=$B$24,21,0),0)),0)</f>
        <v>0</v>
      </c>
      <c r="E7272" cm="1">
        <f t="array" ref="E7272">IFERROR(INDEX(Jesper!AI$2:AI$366,ROUNDDOWN($C7272/24,0)+1,1)*INDEX($D$3:$AA$30,INDEX(Jesper!$R$2:$R$366,ROW(INDEX(Jesper!AI$2:AI$366,ROUNDDOWN($C7272/24,0)+1,1))-1)+IF('Standard Profiles'!$G$19=$B$10,7,0)+IF('Standard Profiles'!$G$19=$B$17,14,0)+IF('Standard Profiles'!$G$19=$B$24,21,0),MOD($C7272,24)+1)/SUM(INDEX($D$3:$AA$30,INDEX(Jesper!$R$2:$R$366,ROW(INDEX(Jesper!AI$2:AI$366,ROUNDDOWN($C7272/24,0)+1,1))-1)+IF('Standard Profiles'!$G$19=$B$10,7,0)+IF('Standard Profiles'!$G$19=$B$17,14,0)+IF('Standard Profiles'!$G$19=$B$24,21,0),0)),0)</f>
        <v>3.7414854863564528</v>
      </c>
      <c r="F7272" cm="1">
        <f t="array" ref="F7272">IFERROR(INDEX(Jesper!AJ$2:AJ$366,ROUNDDOWN($C7272/24,0)+1,1)*INDEX($D$3:$AA$30,INDEX(Jesper!$R$2:$R$366,ROW(INDEX(Jesper!AJ$2:AJ$366,ROUNDDOWN($C7272/24,0)+1,1))-1)+IF('Standard Profiles'!$G$20=$B$10,7,0)+IF('Standard Profiles'!$G$20=$B$17,14,0)+IF('Standard Profiles'!$G$20=$B$24,21,0),MOD($C7272,24)+1)/SUM(INDEX($D$3:$AA$30,INDEX(Jesper!$R$2:$R$366,ROW(INDEX(Jesper!AJ$2:AJ$366,ROUNDDOWN($C7272/24,0)+1,1))-1)+IF('Standard Profiles'!$G$20=$B$10,7,0)+IF('Standard Profiles'!$G$20=$B$17,14,0)+IF('Standard Profiles'!$G$20=$B$24,21,0),0)),0)</f>
        <v>2.634096907251259</v>
      </c>
      <c r="G7272" cm="1">
        <f t="array" ref="G7272">IFERROR(INDEX(Jesper!AK$2:AK$366,ROUNDDOWN($C7272/24,0)+1,1)*INDEX($D$3:$AA$30,INDEX(Jesper!$R$2:$R$366,ROW(INDEX(Jesper!AK$2:AK$366,ROUNDDOWN($C7272/24,0)+1,1))-1)+IF('Standard Profiles'!$G$21=$B$10,7,0)+IF('Standard Profiles'!$G$21=$B$17,14,0)+IF('Standard Profiles'!$G$21=$B$24,21,0),MOD($C7272,24)+1)/SUM(INDEX($D$3:$AA$30,INDEX(Jesper!$R$2:$R$366,ROW(INDEX(Jesper!AK$2:AK$366,ROUNDDOWN($C7272/24,0)+1,1))-1)+IF('Standard Profiles'!$G$21=$B$10,7,0)+IF('Standard Profiles'!$G$21=$B$17,14,0)+IF('Standard Profiles'!$G$21=$B$24,21,0),0)),0)</f>
        <v>3.2115350410820156</v>
      </c>
      <c r="H7272" cm="1">
        <f t="array" ref="H7272">IFERROR(INDEX(Jesper!AL$2:AL$366,ROUNDDOWN($C7272/24,0)+1,1)*INDEX($D$3:$AA$30,INDEX(Jesper!$R$2:$R$366,ROW(INDEX(Jesper!AL$2:AL$366,ROUNDDOWN($C7272/24,0)+1,1))-1)+IF('Standard Profiles'!$G$22=$B$10,7,0)+IF('Standard Profiles'!$G$22=$B$17,14,0)+IF('Standard Profiles'!$G$22=$B$24,21,0),MOD($C7272,24)+1)/SUM(INDEX($D$3:$AA$30,INDEX(Jesper!$R$2:$R$366,ROW(INDEX(Jesper!AL$2:AL$366,ROUNDDOWN($C7272/24,0)+1,1))-1)+IF('Standard Profiles'!$G$22=$B$10,7,0)+IF('Standard Profiles'!$G$22=$B$17,14,0)+IF('Standard Profiles'!$G$22=$B$24,21,0),0)),0)</f>
        <v>2.6913096650445256</v>
      </c>
      <c r="I7272">
        <f t="shared" si="811"/>
        <v>2.5836572784427458</v>
      </c>
      <c r="J7272">
        <f t="shared" si="812"/>
        <v>9.2457915629287335</v>
      </c>
      <c r="K7272">
        <f t="shared" si="813"/>
        <v>0.29931883890851624</v>
      </c>
      <c r="L7272">
        <f t="shared" si="814"/>
        <v>0.14965941945425812</v>
      </c>
      <c r="M7272">
        <f t="shared" si="815"/>
        <v>0</v>
      </c>
      <c r="N7272" s="45">
        <f t="shared" si="816"/>
        <v>45228.583333315779</v>
      </c>
    </row>
    <row r="7273" spans="2:14" x14ac:dyDescent="0.25">
      <c r="B7273">
        <f t="shared" si="810"/>
        <v>7</v>
      </c>
      <c r="C7273" s="16">
        <v>7239</v>
      </c>
      <c r="D7273" cm="1">
        <f t="array" ref="D7273">IFERROR(INDEX(Jesper!AH$2:AH$366,ROUNDDOWN($C7273/24,0)+1,1)*INDEX($D$3:$AA$30,INDEX(Jesper!$R$2:$R$366,ROW(INDEX(Jesper!AH$2:AH$366,ROUNDDOWN($C7273/24,0)+1,1))-1)+IF('Standard Profiles'!$G$18=$B$10,7,0)+IF('Standard Profiles'!$G$18=$B$17,14,0)+IF('Standard Profiles'!$G$18=$B$24,21,0),MOD($C7273,24)+1)/SUM(INDEX($D$3:$AA$30,INDEX(Jesper!$R$2:$R$366,ROW(INDEX(Jesper!AH$2:AH$366,ROUNDDOWN($C7273/24,0)+1,1))-1)+IF('Standard Profiles'!$G$18=$B$10,7,0)+IF('Standard Profiles'!$G$18=$B$17,14,0)+IF('Standard Profiles'!$G$18=$B$24,21,0),0)),0)</f>
        <v>0</v>
      </c>
      <c r="E7273" cm="1">
        <f t="array" ref="E7273">IFERROR(INDEX(Jesper!AI$2:AI$366,ROUNDDOWN($C7273/24,0)+1,1)*INDEX($D$3:$AA$30,INDEX(Jesper!$R$2:$R$366,ROW(INDEX(Jesper!AI$2:AI$366,ROUNDDOWN($C7273/24,0)+1,1))-1)+IF('Standard Profiles'!$G$19=$B$10,7,0)+IF('Standard Profiles'!$G$19=$B$17,14,0)+IF('Standard Profiles'!$G$19=$B$24,21,0),MOD($C7273,24)+1)/SUM(INDEX($D$3:$AA$30,INDEX(Jesper!$R$2:$R$366,ROW(INDEX(Jesper!AI$2:AI$366,ROUNDDOWN($C7273/24,0)+1,1))-1)+IF('Standard Profiles'!$G$19=$B$10,7,0)+IF('Standard Profiles'!$G$19=$B$17,14,0)+IF('Standard Profiles'!$G$19=$B$24,21,0),0)),0)</f>
        <v>3.7414854863564528</v>
      </c>
      <c r="F7273" cm="1">
        <f t="array" ref="F7273">IFERROR(INDEX(Jesper!AJ$2:AJ$366,ROUNDDOWN($C7273/24,0)+1,1)*INDEX($D$3:$AA$30,INDEX(Jesper!$R$2:$R$366,ROW(INDEX(Jesper!AJ$2:AJ$366,ROUNDDOWN($C7273/24,0)+1,1))-1)+IF('Standard Profiles'!$G$20=$B$10,7,0)+IF('Standard Profiles'!$G$20=$B$17,14,0)+IF('Standard Profiles'!$G$20=$B$24,21,0),MOD($C7273,24)+1)/SUM(INDEX($D$3:$AA$30,INDEX(Jesper!$R$2:$R$366,ROW(INDEX(Jesper!AJ$2:AJ$366,ROUNDDOWN($C7273/24,0)+1,1))-1)+IF('Standard Profiles'!$G$20=$B$10,7,0)+IF('Standard Profiles'!$G$20=$B$17,14,0)+IF('Standard Profiles'!$G$20=$B$24,21,0),0)),0)</f>
        <v>2.634096907251259</v>
      </c>
      <c r="G7273" cm="1">
        <f t="array" ref="G7273">IFERROR(INDEX(Jesper!AK$2:AK$366,ROUNDDOWN($C7273/24,0)+1,1)*INDEX($D$3:$AA$30,INDEX(Jesper!$R$2:$R$366,ROW(INDEX(Jesper!AK$2:AK$366,ROUNDDOWN($C7273/24,0)+1,1))-1)+IF('Standard Profiles'!$G$21=$B$10,7,0)+IF('Standard Profiles'!$G$21=$B$17,14,0)+IF('Standard Profiles'!$G$21=$B$24,21,0),MOD($C7273,24)+1)/SUM(INDEX($D$3:$AA$30,INDEX(Jesper!$R$2:$R$366,ROW(INDEX(Jesper!AK$2:AK$366,ROUNDDOWN($C7273/24,0)+1,1))-1)+IF('Standard Profiles'!$G$21=$B$10,7,0)+IF('Standard Profiles'!$G$21=$B$17,14,0)+IF('Standard Profiles'!$G$21=$B$24,21,0),0)),0)</f>
        <v>3.2115350410820156</v>
      </c>
      <c r="H7273" cm="1">
        <f t="array" ref="H7273">IFERROR(INDEX(Jesper!AL$2:AL$366,ROUNDDOWN($C7273/24,0)+1,1)*INDEX($D$3:$AA$30,INDEX(Jesper!$R$2:$R$366,ROW(INDEX(Jesper!AL$2:AL$366,ROUNDDOWN($C7273/24,0)+1,1))-1)+IF('Standard Profiles'!$G$22=$B$10,7,0)+IF('Standard Profiles'!$G$22=$B$17,14,0)+IF('Standard Profiles'!$G$22=$B$24,21,0),MOD($C7273,24)+1)/SUM(INDEX($D$3:$AA$30,INDEX(Jesper!$R$2:$R$366,ROW(INDEX(Jesper!AL$2:AL$366,ROUNDDOWN($C7273/24,0)+1,1))-1)+IF('Standard Profiles'!$G$22=$B$10,7,0)+IF('Standard Profiles'!$G$22=$B$17,14,0)+IF('Standard Profiles'!$G$22=$B$24,21,0),0)),0)</f>
        <v>2.3922752578173561</v>
      </c>
      <c r="I7273">
        <f t="shared" si="811"/>
        <v>2.2965842475046632</v>
      </c>
      <c r="J7273">
        <f t="shared" si="812"/>
        <v>9.2338301866396471</v>
      </c>
      <c r="K7273">
        <f t="shared" si="813"/>
        <v>0.29931883890851624</v>
      </c>
      <c r="L7273">
        <f t="shared" si="814"/>
        <v>0.14965941945425812</v>
      </c>
      <c r="M7273">
        <f t="shared" si="815"/>
        <v>0</v>
      </c>
      <c r="N7273" s="45">
        <f t="shared" si="816"/>
        <v>45228.624999982443</v>
      </c>
    </row>
    <row r="7274" spans="2:14" x14ac:dyDescent="0.25">
      <c r="B7274">
        <f t="shared" si="810"/>
        <v>7</v>
      </c>
      <c r="C7274" s="16">
        <v>7240</v>
      </c>
      <c r="D7274" cm="1">
        <f t="array" ref="D7274">IFERROR(INDEX(Jesper!AH$2:AH$366,ROUNDDOWN($C7274/24,0)+1,1)*INDEX($D$3:$AA$30,INDEX(Jesper!$R$2:$R$366,ROW(INDEX(Jesper!AH$2:AH$366,ROUNDDOWN($C7274/24,0)+1,1))-1)+IF('Standard Profiles'!$G$18=$B$10,7,0)+IF('Standard Profiles'!$G$18=$B$17,14,0)+IF('Standard Profiles'!$G$18=$B$24,21,0),MOD($C7274,24)+1)/SUM(INDEX($D$3:$AA$30,INDEX(Jesper!$R$2:$R$366,ROW(INDEX(Jesper!AH$2:AH$366,ROUNDDOWN($C7274/24,0)+1,1))-1)+IF('Standard Profiles'!$G$18=$B$10,7,0)+IF('Standard Profiles'!$G$18=$B$17,14,0)+IF('Standard Profiles'!$G$18=$B$24,21,0),0)),0)</f>
        <v>0</v>
      </c>
      <c r="E7274" cm="1">
        <f t="array" ref="E7274">IFERROR(INDEX(Jesper!AI$2:AI$366,ROUNDDOWN($C7274/24,0)+1,1)*INDEX($D$3:$AA$30,INDEX(Jesper!$R$2:$R$366,ROW(INDEX(Jesper!AI$2:AI$366,ROUNDDOWN($C7274/24,0)+1,1))-1)+IF('Standard Profiles'!$G$19=$B$10,7,0)+IF('Standard Profiles'!$G$19=$B$17,14,0)+IF('Standard Profiles'!$G$19=$B$24,21,0),MOD($C7274,24)+1)/SUM(INDEX($D$3:$AA$30,INDEX(Jesper!$R$2:$R$366,ROW(INDEX(Jesper!AI$2:AI$366,ROUNDDOWN($C7274/24,0)+1,1))-1)+IF('Standard Profiles'!$G$19=$B$10,7,0)+IF('Standard Profiles'!$G$19=$B$17,14,0)+IF('Standard Profiles'!$G$19=$B$24,21,0),0)),0)</f>
        <v>3.7414854863564528</v>
      </c>
      <c r="F7274" cm="1">
        <f t="array" ref="F7274">IFERROR(INDEX(Jesper!AJ$2:AJ$366,ROUNDDOWN($C7274/24,0)+1,1)*INDEX($D$3:$AA$30,INDEX(Jesper!$R$2:$R$366,ROW(INDEX(Jesper!AJ$2:AJ$366,ROUNDDOWN($C7274/24,0)+1,1))-1)+IF('Standard Profiles'!$G$20=$B$10,7,0)+IF('Standard Profiles'!$G$20=$B$17,14,0)+IF('Standard Profiles'!$G$20=$B$24,21,0),MOD($C7274,24)+1)/SUM(INDEX($D$3:$AA$30,INDEX(Jesper!$R$2:$R$366,ROW(INDEX(Jesper!AJ$2:AJ$366,ROUNDDOWN($C7274/24,0)+1,1))-1)+IF('Standard Profiles'!$G$20=$B$10,7,0)+IF('Standard Profiles'!$G$20=$B$17,14,0)+IF('Standard Profiles'!$G$20=$B$24,21,0),0)),0)</f>
        <v>2.634096907251259</v>
      </c>
      <c r="G7274" cm="1">
        <f t="array" ref="G7274">IFERROR(INDEX(Jesper!AK$2:AK$366,ROUNDDOWN($C7274/24,0)+1,1)*INDEX($D$3:$AA$30,INDEX(Jesper!$R$2:$R$366,ROW(INDEX(Jesper!AK$2:AK$366,ROUNDDOWN($C7274/24,0)+1,1))-1)+IF('Standard Profiles'!$G$21=$B$10,7,0)+IF('Standard Profiles'!$G$21=$B$17,14,0)+IF('Standard Profiles'!$G$21=$B$24,21,0),MOD($C7274,24)+1)/SUM(INDEX($D$3:$AA$30,INDEX(Jesper!$R$2:$R$366,ROW(INDEX(Jesper!AK$2:AK$366,ROUNDDOWN($C7274/24,0)+1,1))-1)+IF('Standard Profiles'!$G$21=$B$10,7,0)+IF('Standard Profiles'!$G$21=$B$17,14,0)+IF('Standard Profiles'!$G$21=$B$24,21,0),0)),0)</f>
        <v>3.2115350410820156</v>
      </c>
      <c r="H7274" cm="1">
        <f t="array" ref="H7274">IFERROR(INDEX(Jesper!AL$2:AL$366,ROUNDDOWN($C7274/24,0)+1,1)*INDEX($D$3:$AA$30,INDEX(Jesper!$R$2:$R$366,ROW(INDEX(Jesper!AL$2:AL$366,ROUNDDOWN($C7274/24,0)+1,1))-1)+IF('Standard Profiles'!$G$22=$B$10,7,0)+IF('Standard Profiles'!$G$22=$B$17,14,0)+IF('Standard Profiles'!$G$22=$B$24,21,0),MOD($C7274,24)+1)/SUM(INDEX($D$3:$AA$30,INDEX(Jesper!$R$2:$R$366,ROW(INDEX(Jesper!AL$2:AL$366,ROUNDDOWN($C7274/24,0)+1,1))-1)+IF('Standard Profiles'!$G$22=$B$10,7,0)+IF('Standard Profiles'!$G$22=$B$17,14,0)+IF('Standard Profiles'!$G$22=$B$24,21,0),0)),0)</f>
        <v>2.3495560567849028</v>
      </c>
      <c r="I7274">
        <f t="shared" si="811"/>
        <v>2.2555738145135078</v>
      </c>
      <c r="J7274">
        <f t="shared" si="812"/>
        <v>9.2321214185983482</v>
      </c>
      <c r="K7274">
        <f t="shared" si="813"/>
        <v>0.29931883890851624</v>
      </c>
      <c r="L7274">
        <f t="shared" si="814"/>
        <v>0.14965941945425812</v>
      </c>
      <c r="M7274">
        <f t="shared" si="815"/>
        <v>0</v>
      </c>
      <c r="N7274" s="45">
        <f t="shared" si="816"/>
        <v>45228.666666649107</v>
      </c>
    </row>
    <row r="7275" spans="2:14" x14ac:dyDescent="0.25">
      <c r="B7275">
        <f t="shared" si="810"/>
        <v>7</v>
      </c>
      <c r="C7275" s="16">
        <v>7241</v>
      </c>
      <c r="D7275" cm="1">
        <f t="array" ref="D7275">IFERROR(INDEX(Jesper!AH$2:AH$366,ROUNDDOWN($C7275/24,0)+1,1)*INDEX($D$3:$AA$30,INDEX(Jesper!$R$2:$R$366,ROW(INDEX(Jesper!AH$2:AH$366,ROUNDDOWN($C7275/24,0)+1,1))-1)+IF('Standard Profiles'!$G$18=$B$10,7,0)+IF('Standard Profiles'!$G$18=$B$17,14,0)+IF('Standard Profiles'!$G$18=$B$24,21,0),MOD($C7275,24)+1)/SUM(INDEX($D$3:$AA$30,INDEX(Jesper!$R$2:$R$366,ROW(INDEX(Jesper!AH$2:AH$366,ROUNDDOWN($C7275/24,0)+1,1))-1)+IF('Standard Profiles'!$G$18=$B$10,7,0)+IF('Standard Profiles'!$G$18=$B$17,14,0)+IF('Standard Profiles'!$G$18=$B$24,21,0),0)),0)</f>
        <v>0</v>
      </c>
      <c r="E7275" cm="1">
        <f t="array" ref="E7275">IFERROR(INDEX(Jesper!AI$2:AI$366,ROUNDDOWN($C7275/24,0)+1,1)*INDEX($D$3:$AA$30,INDEX(Jesper!$R$2:$R$366,ROW(INDEX(Jesper!AI$2:AI$366,ROUNDDOWN($C7275/24,0)+1,1))-1)+IF('Standard Profiles'!$G$19=$B$10,7,0)+IF('Standard Profiles'!$G$19=$B$17,14,0)+IF('Standard Profiles'!$G$19=$B$24,21,0),MOD($C7275,24)+1)/SUM(INDEX($D$3:$AA$30,INDEX(Jesper!$R$2:$R$366,ROW(INDEX(Jesper!AI$2:AI$366,ROUNDDOWN($C7275/24,0)+1,1))-1)+IF('Standard Profiles'!$G$19=$B$10,7,0)+IF('Standard Profiles'!$G$19=$B$17,14,0)+IF('Standard Profiles'!$G$19=$B$24,21,0),0)),0)</f>
        <v>3.7414854863564528</v>
      </c>
      <c r="F7275" cm="1">
        <f t="array" ref="F7275">IFERROR(INDEX(Jesper!AJ$2:AJ$366,ROUNDDOWN($C7275/24,0)+1,1)*INDEX($D$3:$AA$30,INDEX(Jesper!$R$2:$R$366,ROW(INDEX(Jesper!AJ$2:AJ$366,ROUNDDOWN($C7275/24,0)+1,1))-1)+IF('Standard Profiles'!$G$20=$B$10,7,0)+IF('Standard Profiles'!$G$20=$B$17,14,0)+IF('Standard Profiles'!$G$20=$B$24,21,0),MOD($C7275,24)+1)/SUM(INDEX($D$3:$AA$30,INDEX(Jesper!$R$2:$R$366,ROW(INDEX(Jesper!AJ$2:AJ$366,ROUNDDOWN($C7275/24,0)+1,1))-1)+IF('Standard Profiles'!$G$20=$B$10,7,0)+IF('Standard Profiles'!$G$20=$B$17,14,0)+IF('Standard Profiles'!$G$20=$B$24,21,0),0)),0)</f>
        <v>2.634096907251259</v>
      </c>
      <c r="G7275" cm="1">
        <f t="array" ref="G7275">IFERROR(INDEX(Jesper!AK$2:AK$366,ROUNDDOWN($C7275/24,0)+1,1)*INDEX($D$3:$AA$30,INDEX(Jesper!$R$2:$R$366,ROW(INDEX(Jesper!AK$2:AK$366,ROUNDDOWN($C7275/24,0)+1,1))-1)+IF('Standard Profiles'!$G$21=$B$10,7,0)+IF('Standard Profiles'!$G$21=$B$17,14,0)+IF('Standard Profiles'!$G$21=$B$24,21,0),MOD($C7275,24)+1)/SUM(INDEX($D$3:$AA$30,INDEX(Jesper!$R$2:$R$366,ROW(INDEX(Jesper!AK$2:AK$366,ROUNDDOWN($C7275/24,0)+1,1))-1)+IF('Standard Profiles'!$G$21=$B$10,7,0)+IF('Standard Profiles'!$G$21=$B$17,14,0)+IF('Standard Profiles'!$G$21=$B$24,21,0),0)),0)</f>
        <v>3.2115350410820156</v>
      </c>
      <c r="H7275" cm="1">
        <f t="array" ref="H7275">IFERROR(INDEX(Jesper!AL$2:AL$366,ROUNDDOWN($C7275/24,0)+1,1)*INDEX($D$3:$AA$30,INDEX(Jesper!$R$2:$R$366,ROW(INDEX(Jesper!AL$2:AL$366,ROUNDDOWN($C7275/24,0)+1,1))-1)+IF('Standard Profiles'!$G$22=$B$10,7,0)+IF('Standard Profiles'!$G$22=$B$17,14,0)+IF('Standard Profiles'!$G$22=$B$24,21,0),MOD($C7275,24)+1)/SUM(INDEX($D$3:$AA$30,INDEX(Jesper!$R$2:$R$366,ROW(INDEX(Jesper!AL$2:AL$366,ROUNDDOWN($C7275/24,0)+1,1))-1)+IF('Standard Profiles'!$G$22=$B$10,7,0)+IF('Standard Profiles'!$G$22=$B$17,14,0)+IF('Standard Profiles'!$G$22=$B$24,21,0),0)),0)</f>
        <v>2.0078024485252808</v>
      </c>
      <c r="I7275">
        <f t="shared" si="811"/>
        <v>1.9274903505842707</v>
      </c>
      <c r="J7275">
        <f t="shared" si="812"/>
        <v>9.218451274267963</v>
      </c>
      <c r="K7275">
        <f t="shared" si="813"/>
        <v>0.29931883890851624</v>
      </c>
      <c r="L7275">
        <f t="shared" si="814"/>
        <v>0.14965941945425812</v>
      </c>
      <c r="M7275">
        <f t="shared" si="815"/>
        <v>0</v>
      </c>
      <c r="N7275" s="45">
        <f t="shared" si="816"/>
        <v>45228.708333315772</v>
      </c>
    </row>
    <row r="7276" spans="2:14" x14ac:dyDescent="0.25">
      <c r="B7276">
        <f t="shared" si="810"/>
        <v>7</v>
      </c>
      <c r="C7276" s="16">
        <v>7242</v>
      </c>
      <c r="D7276" cm="1">
        <f t="array" ref="D7276">IFERROR(INDEX(Jesper!AH$2:AH$366,ROUNDDOWN($C7276/24,0)+1,1)*INDEX($D$3:$AA$30,INDEX(Jesper!$R$2:$R$366,ROW(INDEX(Jesper!AH$2:AH$366,ROUNDDOWN($C7276/24,0)+1,1))-1)+IF('Standard Profiles'!$G$18=$B$10,7,0)+IF('Standard Profiles'!$G$18=$B$17,14,0)+IF('Standard Profiles'!$G$18=$B$24,21,0),MOD($C7276,24)+1)/SUM(INDEX($D$3:$AA$30,INDEX(Jesper!$R$2:$R$366,ROW(INDEX(Jesper!AH$2:AH$366,ROUNDDOWN($C7276/24,0)+1,1))-1)+IF('Standard Profiles'!$G$18=$B$10,7,0)+IF('Standard Profiles'!$G$18=$B$17,14,0)+IF('Standard Profiles'!$G$18=$B$24,21,0),0)),0)</f>
        <v>0</v>
      </c>
      <c r="E7276" cm="1">
        <f t="array" ref="E7276">IFERROR(INDEX(Jesper!AI$2:AI$366,ROUNDDOWN($C7276/24,0)+1,1)*INDEX($D$3:$AA$30,INDEX(Jesper!$R$2:$R$366,ROW(INDEX(Jesper!AI$2:AI$366,ROUNDDOWN($C7276/24,0)+1,1))-1)+IF('Standard Profiles'!$G$19=$B$10,7,0)+IF('Standard Profiles'!$G$19=$B$17,14,0)+IF('Standard Profiles'!$G$19=$B$24,21,0),MOD($C7276,24)+1)/SUM(INDEX($D$3:$AA$30,INDEX(Jesper!$R$2:$R$366,ROW(INDEX(Jesper!AI$2:AI$366,ROUNDDOWN($C7276/24,0)+1,1))-1)+IF('Standard Profiles'!$G$19=$B$10,7,0)+IF('Standard Profiles'!$G$19=$B$17,14,0)+IF('Standard Profiles'!$G$19=$B$24,21,0),0)),0)</f>
        <v>3.7414854863564528</v>
      </c>
      <c r="F7276" cm="1">
        <f t="array" ref="F7276">IFERROR(INDEX(Jesper!AJ$2:AJ$366,ROUNDDOWN($C7276/24,0)+1,1)*INDEX($D$3:$AA$30,INDEX(Jesper!$R$2:$R$366,ROW(INDEX(Jesper!AJ$2:AJ$366,ROUNDDOWN($C7276/24,0)+1,1))-1)+IF('Standard Profiles'!$G$20=$B$10,7,0)+IF('Standard Profiles'!$G$20=$B$17,14,0)+IF('Standard Profiles'!$G$20=$B$24,21,0),MOD($C7276,24)+1)/SUM(INDEX($D$3:$AA$30,INDEX(Jesper!$R$2:$R$366,ROW(INDEX(Jesper!AJ$2:AJ$366,ROUNDDOWN($C7276/24,0)+1,1))-1)+IF('Standard Profiles'!$G$20=$B$10,7,0)+IF('Standard Profiles'!$G$20=$B$17,14,0)+IF('Standard Profiles'!$G$20=$B$24,21,0),0)),0)</f>
        <v>2.634096907251259</v>
      </c>
      <c r="G7276" cm="1">
        <f t="array" ref="G7276">IFERROR(INDEX(Jesper!AK$2:AK$366,ROUNDDOWN($C7276/24,0)+1,1)*INDEX($D$3:$AA$30,INDEX(Jesper!$R$2:$R$366,ROW(INDEX(Jesper!AK$2:AK$366,ROUNDDOWN($C7276/24,0)+1,1))-1)+IF('Standard Profiles'!$G$21=$B$10,7,0)+IF('Standard Profiles'!$G$21=$B$17,14,0)+IF('Standard Profiles'!$G$21=$B$24,21,0),MOD($C7276,24)+1)/SUM(INDEX($D$3:$AA$30,INDEX(Jesper!$R$2:$R$366,ROW(INDEX(Jesper!AK$2:AK$366,ROUNDDOWN($C7276/24,0)+1,1))-1)+IF('Standard Profiles'!$G$21=$B$10,7,0)+IF('Standard Profiles'!$G$21=$B$17,14,0)+IF('Standard Profiles'!$G$21=$B$24,21,0),0)),0)</f>
        <v>3.2115350410820156</v>
      </c>
      <c r="H7276" cm="1">
        <f t="array" ref="H7276">IFERROR(INDEX(Jesper!AL$2:AL$366,ROUNDDOWN($C7276/24,0)+1,1)*INDEX($D$3:$AA$30,INDEX(Jesper!$R$2:$R$366,ROW(INDEX(Jesper!AL$2:AL$366,ROUNDDOWN($C7276/24,0)+1,1))-1)+IF('Standard Profiles'!$G$22=$B$10,7,0)+IF('Standard Profiles'!$G$22=$B$17,14,0)+IF('Standard Profiles'!$G$22=$B$24,21,0),MOD($C7276,24)+1)/SUM(INDEX($D$3:$AA$30,INDEX(Jesper!$R$2:$R$366,ROW(INDEX(Jesper!AL$2:AL$366,ROUNDDOWN($C7276/24,0)+1,1))-1)+IF('Standard Profiles'!$G$22=$B$10,7,0)+IF('Standard Profiles'!$G$22=$B$17,14,0)+IF('Standard Profiles'!$G$22=$B$24,21,0),0)),0)</f>
        <v>1.8796448454279224</v>
      </c>
      <c r="I7276">
        <f t="shared" si="811"/>
        <v>1.8044590516108066</v>
      </c>
      <c r="J7276">
        <f t="shared" si="812"/>
        <v>9.21332497014407</v>
      </c>
      <c r="K7276">
        <f t="shared" si="813"/>
        <v>0.29931883890851624</v>
      </c>
      <c r="L7276">
        <f t="shared" si="814"/>
        <v>0.14965941945425812</v>
      </c>
      <c r="M7276">
        <f t="shared" si="815"/>
        <v>0</v>
      </c>
      <c r="N7276" s="45">
        <f t="shared" si="816"/>
        <v>45228.749999982436</v>
      </c>
    </row>
    <row r="7277" spans="2:14" x14ac:dyDescent="0.25">
      <c r="B7277">
        <f t="shared" si="810"/>
        <v>7</v>
      </c>
      <c r="C7277" s="16">
        <v>7243</v>
      </c>
      <c r="D7277" cm="1">
        <f t="array" ref="D7277">IFERROR(INDEX(Jesper!AH$2:AH$366,ROUNDDOWN($C7277/24,0)+1,1)*INDEX($D$3:$AA$30,INDEX(Jesper!$R$2:$R$366,ROW(INDEX(Jesper!AH$2:AH$366,ROUNDDOWN($C7277/24,0)+1,1))-1)+IF('Standard Profiles'!$G$18=$B$10,7,0)+IF('Standard Profiles'!$G$18=$B$17,14,0)+IF('Standard Profiles'!$G$18=$B$24,21,0),MOD($C7277,24)+1)/SUM(INDEX($D$3:$AA$30,INDEX(Jesper!$R$2:$R$366,ROW(INDEX(Jesper!AH$2:AH$366,ROUNDDOWN($C7277/24,0)+1,1))-1)+IF('Standard Profiles'!$G$18=$B$10,7,0)+IF('Standard Profiles'!$G$18=$B$17,14,0)+IF('Standard Profiles'!$G$18=$B$24,21,0),0)),0)</f>
        <v>0</v>
      </c>
      <c r="E7277" cm="1">
        <f t="array" ref="E7277">IFERROR(INDEX(Jesper!AI$2:AI$366,ROUNDDOWN($C7277/24,0)+1,1)*INDEX($D$3:$AA$30,INDEX(Jesper!$R$2:$R$366,ROW(INDEX(Jesper!AI$2:AI$366,ROUNDDOWN($C7277/24,0)+1,1))-1)+IF('Standard Profiles'!$G$19=$B$10,7,0)+IF('Standard Profiles'!$G$19=$B$17,14,0)+IF('Standard Profiles'!$G$19=$B$24,21,0),MOD($C7277,24)+1)/SUM(INDEX($D$3:$AA$30,INDEX(Jesper!$R$2:$R$366,ROW(INDEX(Jesper!AI$2:AI$366,ROUNDDOWN($C7277/24,0)+1,1))-1)+IF('Standard Profiles'!$G$19=$B$10,7,0)+IF('Standard Profiles'!$G$19=$B$17,14,0)+IF('Standard Profiles'!$G$19=$B$24,21,0),0)),0)</f>
        <v>3.7414854863564528</v>
      </c>
      <c r="F7277" cm="1">
        <f t="array" ref="F7277">IFERROR(INDEX(Jesper!AJ$2:AJ$366,ROUNDDOWN($C7277/24,0)+1,1)*INDEX($D$3:$AA$30,INDEX(Jesper!$R$2:$R$366,ROW(INDEX(Jesper!AJ$2:AJ$366,ROUNDDOWN($C7277/24,0)+1,1))-1)+IF('Standard Profiles'!$G$20=$B$10,7,0)+IF('Standard Profiles'!$G$20=$B$17,14,0)+IF('Standard Profiles'!$G$20=$B$24,21,0),MOD($C7277,24)+1)/SUM(INDEX($D$3:$AA$30,INDEX(Jesper!$R$2:$R$366,ROW(INDEX(Jesper!AJ$2:AJ$366,ROUNDDOWN($C7277/24,0)+1,1))-1)+IF('Standard Profiles'!$G$20=$B$10,7,0)+IF('Standard Profiles'!$G$20=$B$17,14,0)+IF('Standard Profiles'!$G$20=$B$24,21,0),0)),0)</f>
        <v>2.634096907251259</v>
      </c>
      <c r="G7277" cm="1">
        <f t="array" ref="G7277">IFERROR(INDEX(Jesper!AK$2:AK$366,ROUNDDOWN($C7277/24,0)+1,1)*INDEX($D$3:$AA$30,INDEX(Jesper!$R$2:$R$366,ROW(INDEX(Jesper!AK$2:AK$366,ROUNDDOWN($C7277/24,0)+1,1))-1)+IF('Standard Profiles'!$G$21=$B$10,7,0)+IF('Standard Profiles'!$G$21=$B$17,14,0)+IF('Standard Profiles'!$G$21=$B$24,21,0),MOD($C7277,24)+1)/SUM(INDEX($D$3:$AA$30,INDEX(Jesper!$R$2:$R$366,ROW(INDEX(Jesper!AK$2:AK$366,ROUNDDOWN($C7277/24,0)+1,1))-1)+IF('Standard Profiles'!$G$21=$B$10,7,0)+IF('Standard Profiles'!$G$21=$B$17,14,0)+IF('Standard Profiles'!$G$21=$B$24,21,0),0)),0)</f>
        <v>3.2115350410820156</v>
      </c>
      <c r="H7277" cm="1">
        <f t="array" ref="H7277">IFERROR(INDEX(Jesper!AL$2:AL$366,ROUNDDOWN($C7277/24,0)+1,1)*INDEX($D$3:$AA$30,INDEX(Jesper!$R$2:$R$366,ROW(INDEX(Jesper!AL$2:AL$366,ROUNDDOWN($C7277/24,0)+1,1))-1)+IF('Standard Profiles'!$G$22=$B$10,7,0)+IF('Standard Profiles'!$G$22=$B$17,14,0)+IF('Standard Profiles'!$G$22=$B$24,21,0),MOD($C7277,24)+1)/SUM(INDEX($D$3:$AA$30,INDEX(Jesper!$R$2:$R$366,ROW(INDEX(Jesper!AL$2:AL$366,ROUNDDOWN($C7277/24,0)+1,1))-1)+IF('Standard Profiles'!$G$22=$B$10,7,0)+IF('Standard Profiles'!$G$22=$B$17,14,0)+IF('Standard Profiles'!$G$22=$B$24,21,0),0)),0)</f>
        <v>1.5806104382007529</v>
      </c>
      <c r="I7277">
        <f t="shared" si="811"/>
        <v>1.5173860206727237</v>
      </c>
      <c r="J7277">
        <f t="shared" si="812"/>
        <v>9.2013635938549836</v>
      </c>
      <c r="K7277">
        <f t="shared" si="813"/>
        <v>0.29931883890851624</v>
      </c>
      <c r="L7277">
        <f t="shared" si="814"/>
        <v>0.14965941945425812</v>
      </c>
      <c r="M7277">
        <f t="shared" si="815"/>
        <v>0</v>
      </c>
      <c r="N7277" s="45">
        <f t="shared" si="816"/>
        <v>45228.7916666491</v>
      </c>
    </row>
    <row r="7278" spans="2:14" x14ac:dyDescent="0.25">
      <c r="B7278">
        <f t="shared" si="810"/>
        <v>7</v>
      </c>
      <c r="C7278" s="16">
        <v>7244</v>
      </c>
      <c r="D7278" cm="1">
        <f t="array" ref="D7278">IFERROR(INDEX(Jesper!AH$2:AH$366,ROUNDDOWN($C7278/24,0)+1,1)*INDEX($D$3:$AA$30,INDEX(Jesper!$R$2:$R$366,ROW(INDEX(Jesper!AH$2:AH$366,ROUNDDOWN($C7278/24,0)+1,1))-1)+IF('Standard Profiles'!$G$18=$B$10,7,0)+IF('Standard Profiles'!$G$18=$B$17,14,0)+IF('Standard Profiles'!$G$18=$B$24,21,0),MOD($C7278,24)+1)/SUM(INDEX($D$3:$AA$30,INDEX(Jesper!$R$2:$R$366,ROW(INDEX(Jesper!AH$2:AH$366,ROUNDDOWN($C7278/24,0)+1,1))-1)+IF('Standard Profiles'!$G$18=$B$10,7,0)+IF('Standard Profiles'!$G$18=$B$17,14,0)+IF('Standard Profiles'!$G$18=$B$24,21,0),0)),0)</f>
        <v>0</v>
      </c>
      <c r="E7278" cm="1">
        <f t="array" ref="E7278">IFERROR(INDEX(Jesper!AI$2:AI$366,ROUNDDOWN($C7278/24,0)+1,1)*INDEX($D$3:$AA$30,INDEX(Jesper!$R$2:$R$366,ROW(INDEX(Jesper!AI$2:AI$366,ROUNDDOWN($C7278/24,0)+1,1))-1)+IF('Standard Profiles'!$G$19=$B$10,7,0)+IF('Standard Profiles'!$G$19=$B$17,14,0)+IF('Standard Profiles'!$G$19=$B$24,21,0),MOD($C7278,24)+1)/SUM(INDEX($D$3:$AA$30,INDEX(Jesper!$R$2:$R$366,ROW(INDEX(Jesper!AI$2:AI$366,ROUNDDOWN($C7278/24,0)+1,1))-1)+IF('Standard Profiles'!$G$19=$B$10,7,0)+IF('Standard Profiles'!$G$19=$B$17,14,0)+IF('Standard Profiles'!$G$19=$B$24,21,0),0)),0)</f>
        <v>3.7414854863564528</v>
      </c>
      <c r="F7278" cm="1">
        <f t="array" ref="F7278">IFERROR(INDEX(Jesper!AJ$2:AJ$366,ROUNDDOWN($C7278/24,0)+1,1)*INDEX($D$3:$AA$30,INDEX(Jesper!$R$2:$R$366,ROW(INDEX(Jesper!AJ$2:AJ$366,ROUNDDOWN($C7278/24,0)+1,1))-1)+IF('Standard Profiles'!$G$20=$B$10,7,0)+IF('Standard Profiles'!$G$20=$B$17,14,0)+IF('Standard Profiles'!$G$20=$B$24,21,0),MOD($C7278,24)+1)/SUM(INDEX($D$3:$AA$30,INDEX(Jesper!$R$2:$R$366,ROW(INDEX(Jesper!AJ$2:AJ$366,ROUNDDOWN($C7278/24,0)+1,1))-1)+IF('Standard Profiles'!$G$20=$B$10,7,0)+IF('Standard Profiles'!$G$20=$B$17,14,0)+IF('Standard Profiles'!$G$20=$B$24,21,0),0)),0)</f>
        <v>2.634096907251259</v>
      </c>
      <c r="G7278" cm="1">
        <f t="array" ref="G7278">IFERROR(INDEX(Jesper!AK$2:AK$366,ROUNDDOWN($C7278/24,0)+1,1)*INDEX($D$3:$AA$30,INDEX(Jesper!$R$2:$R$366,ROW(INDEX(Jesper!AK$2:AK$366,ROUNDDOWN($C7278/24,0)+1,1))-1)+IF('Standard Profiles'!$G$21=$B$10,7,0)+IF('Standard Profiles'!$G$21=$B$17,14,0)+IF('Standard Profiles'!$G$21=$B$24,21,0),MOD($C7278,24)+1)/SUM(INDEX($D$3:$AA$30,INDEX(Jesper!$R$2:$R$366,ROW(INDEX(Jesper!AK$2:AK$366,ROUNDDOWN($C7278/24,0)+1,1))-1)+IF('Standard Profiles'!$G$21=$B$10,7,0)+IF('Standard Profiles'!$G$21=$B$17,14,0)+IF('Standard Profiles'!$G$21=$B$24,21,0),0)),0)</f>
        <v>3.2115350410820156</v>
      </c>
      <c r="H7278" cm="1">
        <f t="array" ref="H7278">IFERROR(INDEX(Jesper!AL$2:AL$366,ROUNDDOWN($C7278/24,0)+1,1)*INDEX($D$3:$AA$30,INDEX(Jesper!$R$2:$R$366,ROW(INDEX(Jesper!AL$2:AL$366,ROUNDDOWN($C7278/24,0)+1,1))-1)+IF('Standard Profiles'!$G$22=$B$10,7,0)+IF('Standard Profiles'!$G$22=$B$17,14,0)+IF('Standard Profiles'!$G$22=$B$24,21,0),MOD($C7278,24)+1)/SUM(INDEX($D$3:$AA$30,INDEX(Jesper!$R$2:$R$366,ROW(INDEX(Jesper!AL$2:AL$366,ROUNDDOWN($C7278/24,0)+1,1))-1)+IF('Standard Profiles'!$G$22=$B$10,7,0)+IF('Standard Profiles'!$G$22=$B$17,14,0)+IF('Standard Profiles'!$G$22=$B$24,21,0),0)),0)</f>
        <v>1.3242952320060362</v>
      </c>
      <c r="I7278">
        <f t="shared" si="811"/>
        <v>1.2713234227257955</v>
      </c>
      <c r="J7278">
        <f t="shared" si="812"/>
        <v>9.1911109856071942</v>
      </c>
      <c r="K7278">
        <f t="shared" si="813"/>
        <v>0.29931883890851624</v>
      </c>
      <c r="L7278">
        <f t="shared" si="814"/>
        <v>0.14965941945425812</v>
      </c>
      <c r="M7278">
        <f t="shared" si="815"/>
        <v>0</v>
      </c>
      <c r="N7278" s="45">
        <f t="shared" si="816"/>
        <v>45228.833333315764</v>
      </c>
    </row>
    <row r="7279" spans="2:14" x14ac:dyDescent="0.25">
      <c r="B7279">
        <f t="shared" si="810"/>
        <v>7</v>
      </c>
      <c r="C7279" s="16">
        <v>7245</v>
      </c>
      <c r="D7279" cm="1">
        <f t="array" ref="D7279">IFERROR(INDEX(Jesper!AH$2:AH$366,ROUNDDOWN($C7279/24,0)+1,1)*INDEX($D$3:$AA$30,INDEX(Jesper!$R$2:$R$366,ROW(INDEX(Jesper!AH$2:AH$366,ROUNDDOWN($C7279/24,0)+1,1))-1)+IF('Standard Profiles'!$G$18=$B$10,7,0)+IF('Standard Profiles'!$G$18=$B$17,14,0)+IF('Standard Profiles'!$G$18=$B$24,21,0),MOD($C7279,24)+1)/SUM(INDEX($D$3:$AA$30,INDEX(Jesper!$R$2:$R$366,ROW(INDEX(Jesper!AH$2:AH$366,ROUNDDOWN($C7279/24,0)+1,1))-1)+IF('Standard Profiles'!$G$18=$B$10,7,0)+IF('Standard Profiles'!$G$18=$B$17,14,0)+IF('Standard Profiles'!$G$18=$B$24,21,0),0)),0)</f>
        <v>0</v>
      </c>
      <c r="E7279" cm="1">
        <f t="array" ref="E7279">IFERROR(INDEX(Jesper!AI$2:AI$366,ROUNDDOWN($C7279/24,0)+1,1)*INDEX($D$3:$AA$30,INDEX(Jesper!$R$2:$R$366,ROW(INDEX(Jesper!AI$2:AI$366,ROUNDDOWN($C7279/24,0)+1,1))-1)+IF('Standard Profiles'!$G$19=$B$10,7,0)+IF('Standard Profiles'!$G$19=$B$17,14,0)+IF('Standard Profiles'!$G$19=$B$24,21,0),MOD($C7279,24)+1)/SUM(INDEX($D$3:$AA$30,INDEX(Jesper!$R$2:$R$366,ROW(INDEX(Jesper!AI$2:AI$366,ROUNDDOWN($C7279/24,0)+1,1))-1)+IF('Standard Profiles'!$G$19=$B$10,7,0)+IF('Standard Profiles'!$G$19=$B$17,14,0)+IF('Standard Profiles'!$G$19=$B$24,21,0),0)),0)</f>
        <v>3.7414854863564528</v>
      </c>
      <c r="F7279" cm="1">
        <f t="array" ref="F7279">IFERROR(INDEX(Jesper!AJ$2:AJ$366,ROUNDDOWN($C7279/24,0)+1,1)*INDEX($D$3:$AA$30,INDEX(Jesper!$R$2:$R$366,ROW(INDEX(Jesper!AJ$2:AJ$366,ROUNDDOWN($C7279/24,0)+1,1))-1)+IF('Standard Profiles'!$G$20=$B$10,7,0)+IF('Standard Profiles'!$G$20=$B$17,14,0)+IF('Standard Profiles'!$G$20=$B$24,21,0),MOD($C7279,24)+1)/SUM(INDEX($D$3:$AA$30,INDEX(Jesper!$R$2:$R$366,ROW(INDEX(Jesper!AJ$2:AJ$366,ROUNDDOWN($C7279/24,0)+1,1))-1)+IF('Standard Profiles'!$G$20=$B$10,7,0)+IF('Standard Profiles'!$G$20=$B$17,14,0)+IF('Standard Profiles'!$G$20=$B$24,21,0),0)),0)</f>
        <v>2.634096907251259</v>
      </c>
      <c r="G7279" cm="1">
        <f t="array" ref="G7279">IFERROR(INDEX(Jesper!AK$2:AK$366,ROUNDDOWN($C7279/24,0)+1,1)*INDEX($D$3:$AA$30,INDEX(Jesper!$R$2:$R$366,ROW(INDEX(Jesper!AK$2:AK$366,ROUNDDOWN($C7279/24,0)+1,1))-1)+IF('Standard Profiles'!$G$21=$B$10,7,0)+IF('Standard Profiles'!$G$21=$B$17,14,0)+IF('Standard Profiles'!$G$21=$B$24,21,0),MOD($C7279,24)+1)/SUM(INDEX($D$3:$AA$30,INDEX(Jesper!$R$2:$R$366,ROW(INDEX(Jesper!AK$2:AK$366,ROUNDDOWN($C7279/24,0)+1,1))-1)+IF('Standard Profiles'!$G$21=$B$10,7,0)+IF('Standard Profiles'!$G$21=$B$17,14,0)+IF('Standard Profiles'!$G$21=$B$24,21,0),0)),0)</f>
        <v>3.2115350410820156</v>
      </c>
      <c r="H7279" cm="1">
        <f t="array" ref="H7279">IFERROR(INDEX(Jesper!AL$2:AL$366,ROUNDDOWN($C7279/24,0)+1,1)*INDEX($D$3:$AA$30,INDEX(Jesper!$R$2:$R$366,ROW(INDEX(Jesper!AL$2:AL$366,ROUNDDOWN($C7279/24,0)+1,1))-1)+IF('Standard Profiles'!$G$22=$B$10,7,0)+IF('Standard Profiles'!$G$22=$B$17,14,0)+IF('Standard Profiles'!$G$22=$B$24,21,0),MOD($C7279,24)+1)/SUM(INDEX($D$3:$AA$30,INDEX(Jesper!$R$2:$R$366,ROW(INDEX(Jesper!AL$2:AL$366,ROUNDDOWN($C7279/24,0)+1,1))-1)+IF('Standard Profiles'!$G$22=$B$10,7,0)+IF('Standard Profiles'!$G$22=$B$17,14,0)+IF('Standard Profiles'!$G$22=$B$24,21,0),0)),0)</f>
        <v>1.1534184278762252</v>
      </c>
      <c r="I7279">
        <f t="shared" si="811"/>
        <v>1.1072816907611767</v>
      </c>
      <c r="J7279">
        <f t="shared" si="812"/>
        <v>9.1842759134420024</v>
      </c>
      <c r="K7279">
        <f t="shared" si="813"/>
        <v>0.29931883890851624</v>
      </c>
      <c r="L7279">
        <f t="shared" si="814"/>
        <v>0.14965941945425812</v>
      </c>
      <c r="M7279">
        <f t="shared" si="815"/>
        <v>0</v>
      </c>
      <c r="N7279" s="45">
        <f t="shared" si="816"/>
        <v>45228.874999982429</v>
      </c>
    </row>
    <row r="7280" spans="2:14" x14ac:dyDescent="0.25">
      <c r="B7280">
        <f t="shared" si="810"/>
        <v>7</v>
      </c>
      <c r="C7280" s="16">
        <v>7246</v>
      </c>
      <c r="D7280" cm="1">
        <f t="array" ref="D7280">IFERROR(INDEX(Jesper!AH$2:AH$366,ROUNDDOWN($C7280/24,0)+1,1)*INDEX($D$3:$AA$30,INDEX(Jesper!$R$2:$R$366,ROW(INDEX(Jesper!AH$2:AH$366,ROUNDDOWN($C7280/24,0)+1,1))-1)+IF('Standard Profiles'!$G$18=$B$10,7,0)+IF('Standard Profiles'!$G$18=$B$17,14,0)+IF('Standard Profiles'!$G$18=$B$24,21,0),MOD($C7280,24)+1)/SUM(INDEX($D$3:$AA$30,INDEX(Jesper!$R$2:$R$366,ROW(INDEX(Jesper!AH$2:AH$366,ROUNDDOWN($C7280/24,0)+1,1))-1)+IF('Standard Profiles'!$G$18=$B$10,7,0)+IF('Standard Profiles'!$G$18=$B$17,14,0)+IF('Standard Profiles'!$G$18=$B$24,21,0),0)),0)</f>
        <v>0</v>
      </c>
      <c r="E7280" cm="1">
        <f t="array" ref="E7280">IFERROR(INDEX(Jesper!AI$2:AI$366,ROUNDDOWN($C7280/24,0)+1,1)*INDEX($D$3:$AA$30,INDEX(Jesper!$R$2:$R$366,ROW(INDEX(Jesper!AI$2:AI$366,ROUNDDOWN($C7280/24,0)+1,1))-1)+IF('Standard Profiles'!$G$19=$B$10,7,0)+IF('Standard Profiles'!$G$19=$B$17,14,0)+IF('Standard Profiles'!$G$19=$B$24,21,0),MOD($C7280,24)+1)/SUM(INDEX($D$3:$AA$30,INDEX(Jesper!$R$2:$R$366,ROW(INDEX(Jesper!AI$2:AI$366,ROUNDDOWN($C7280/24,0)+1,1))-1)+IF('Standard Profiles'!$G$19=$B$10,7,0)+IF('Standard Profiles'!$G$19=$B$17,14,0)+IF('Standard Profiles'!$G$19=$B$24,21,0),0)),0)</f>
        <v>3.7414854863564528</v>
      </c>
      <c r="F7280" cm="1">
        <f t="array" ref="F7280">IFERROR(INDEX(Jesper!AJ$2:AJ$366,ROUNDDOWN($C7280/24,0)+1,1)*INDEX($D$3:$AA$30,INDEX(Jesper!$R$2:$R$366,ROW(INDEX(Jesper!AJ$2:AJ$366,ROUNDDOWN($C7280/24,0)+1,1))-1)+IF('Standard Profiles'!$G$20=$B$10,7,0)+IF('Standard Profiles'!$G$20=$B$17,14,0)+IF('Standard Profiles'!$G$20=$B$24,21,0),MOD($C7280,24)+1)/SUM(INDEX($D$3:$AA$30,INDEX(Jesper!$R$2:$R$366,ROW(INDEX(Jesper!AJ$2:AJ$366,ROUNDDOWN($C7280/24,0)+1,1))-1)+IF('Standard Profiles'!$G$20=$B$10,7,0)+IF('Standard Profiles'!$G$20=$B$17,14,0)+IF('Standard Profiles'!$G$20=$B$24,21,0),0)),0)</f>
        <v>2.634096907251259</v>
      </c>
      <c r="G7280" cm="1">
        <f t="array" ref="G7280">IFERROR(INDEX(Jesper!AK$2:AK$366,ROUNDDOWN($C7280/24,0)+1,1)*INDEX($D$3:$AA$30,INDEX(Jesper!$R$2:$R$366,ROW(INDEX(Jesper!AK$2:AK$366,ROUNDDOWN($C7280/24,0)+1,1))-1)+IF('Standard Profiles'!$G$21=$B$10,7,0)+IF('Standard Profiles'!$G$21=$B$17,14,0)+IF('Standard Profiles'!$G$21=$B$24,21,0),MOD($C7280,24)+1)/SUM(INDEX($D$3:$AA$30,INDEX(Jesper!$R$2:$R$366,ROW(INDEX(Jesper!AK$2:AK$366,ROUNDDOWN($C7280/24,0)+1,1))-1)+IF('Standard Profiles'!$G$21=$B$10,7,0)+IF('Standard Profiles'!$G$21=$B$17,14,0)+IF('Standard Profiles'!$G$21=$B$24,21,0),0)),0)</f>
        <v>3.2115350410820156</v>
      </c>
      <c r="H7280" cm="1">
        <f t="array" ref="H7280">IFERROR(INDEX(Jesper!AL$2:AL$366,ROUNDDOWN($C7280/24,0)+1,1)*INDEX($D$3:$AA$30,INDEX(Jesper!$R$2:$R$366,ROW(INDEX(Jesper!AL$2:AL$366,ROUNDDOWN($C7280/24,0)+1,1))-1)+IF('Standard Profiles'!$G$22=$B$10,7,0)+IF('Standard Profiles'!$G$22=$B$17,14,0)+IF('Standard Profiles'!$G$22=$B$24,21,0),MOD($C7280,24)+1)/SUM(INDEX($D$3:$AA$30,INDEX(Jesper!$R$2:$R$366,ROW(INDEX(Jesper!AL$2:AL$366,ROUNDDOWN($C7280/24,0)+1,1))-1)+IF('Standard Profiles'!$G$22=$B$10,7,0)+IF('Standard Profiles'!$G$22=$B$17,14,0)+IF('Standard Profiles'!$G$22=$B$24,21,0),0)),0)</f>
        <v>1.1534184278762252</v>
      </c>
      <c r="I7280">
        <f t="shared" si="811"/>
        <v>1.1072816907611767</v>
      </c>
      <c r="J7280">
        <f t="shared" si="812"/>
        <v>9.1842759134420024</v>
      </c>
      <c r="K7280">
        <f t="shared" si="813"/>
        <v>0.29931883890851624</v>
      </c>
      <c r="L7280">
        <f t="shared" si="814"/>
        <v>0.14965941945425812</v>
      </c>
      <c r="M7280">
        <f t="shared" si="815"/>
        <v>0</v>
      </c>
      <c r="N7280" s="45">
        <f t="shared" si="816"/>
        <v>45228.916666649093</v>
      </c>
    </row>
    <row r="7281" spans="2:14" x14ac:dyDescent="0.25">
      <c r="B7281">
        <f t="shared" si="810"/>
        <v>7</v>
      </c>
      <c r="C7281" s="16">
        <v>7247</v>
      </c>
      <c r="D7281" cm="1">
        <f t="array" ref="D7281">IFERROR(INDEX(Jesper!AH$2:AH$366,ROUNDDOWN($C7281/24,0)+1,1)*INDEX($D$3:$AA$30,INDEX(Jesper!$R$2:$R$366,ROW(INDEX(Jesper!AH$2:AH$366,ROUNDDOWN($C7281/24,0)+1,1))-1)+IF('Standard Profiles'!$G$18=$B$10,7,0)+IF('Standard Profiles'!$G$18=$B$17,14,0)+IF('Standard Profiles'!$G$18=$B$24,21,0),MOD($C7281,24)+1)/SUM(INDEX($D$3:$AA$30,INDEX(Jesper!$R$2:$R$366,ROW(INDEX(Jesper!AH$2:AH$366,ROUNDDOWN($C7281/24,0)+1,1))-1)+IF('Standard Profiles'!$G$18=$B$10,7,0)+IF('Standard Profiles'!$G$18=$B$17,14,0)+IF('Standard Profiles'!$G$18=$B$24,21,0),0)),0)</f>
        <v>0</v>
      </c>
      <c r="E7281" cm="1">
        <f t="array" ref="E7281">IFERROR(INDEX(Jesper!AI$2:AI$366,ROUNDDOWN($C7281/24,0)+1,1)*INDEX($D$3:$AA$30,INDEX(Jesper!$R$2:$R$366,ROW(INDEX(Jesper!AI$2:AI$366,ROUNDDOWN($C7281/24,0)+1,1))-1)+IF('Standard Profiles'!$G$19=$B$10,7,0)+IF('Standard Profiles'!$G$19=$B$17,14,0)+IF('Standard Profiles'!$G$19=$B$24,21,0),MOD($C7281,24)+1)/SUM(INDEX($D$3:$AA$30,INDEX(Jesper!$R$2:$R$366,ROW(INDEX(Jesper!AI$2:AI$366,ROUNDDOWN($C7281/24,0)+1,1))-1)+IF('Standard Profiles'!$G$19=$B$10,7,0)+IF('Standard Profiles'!$G$19=$B$17,14,0)+IF('Standard Profiles'!$G$19=$B$24,21,0),0)),0)</f>
        <v>3.7414854863564528</v>
      </c>
      <c r="F7281" cm="1">
        <f t="array" ref="F7281">IFERROR(INDEX(Jesper!AJ$2:AJ$366,ROUNDDOWN($C7281/24,0)+1,1)*INDEX($D$3:$AA$30,INDEX(Jesper!$R$2:$R$366,ROW(INDEX(Jesper!AJ$2:AJ$366,ROUNDDOWN($C7281/24,0)+1,1))-1)+IF('Standard Profiles'!$G$20=$B$10,7,0)+IF('Standard Profiles'!$G$20=$B$17,14,0)+IF('Standard Profiles'!$G$20=$B$24,21,0),MOD($C7281,24)+1)/SUM(INDEX($D$3:$AA$30,INDEX(Jesper!$R$2:$R$366,ROW(INDEX(Jesper!AJ$2:AJ$366,ROUNDDOWN($C7281/24,0)+1,1))-1)+IF('Standard Profiles'!$G$20=$B$10,7,0)+IF('Standard Profiles'!$G$20=$B$17,14,0)+IF('Standard Profiles'!$G$20=$B$24,21,0),0)),0)</f>
        <v>2.634096907251259</v>
      </c>
      <c r="G7281" cm="1">
        <f t="array" ref="G7281">IFERROR(INDEX(Jesper!AK$2:AK$366,ROUNDDOWN($C7281/24,0)+1,1)*INDEX($D$3:$AA$30,INDEX(Jesper!$R$2:$R$366,ROW(INDEX(Jesper!AK$2:AK$366,ROUNDDOWN($C7281/24,0)+1,1))-1)+IF('Standard Profiles'!$G$21=$B$10,7,0)+IF('Standard Profiles'!$G$21=$B$17,14,0)+IF('Standard Profiles'!$G$21=$B$24,21,0),MOD($C7281,24)+1)/SUM(INDEX($D$3:$AA$30,INDEX(Jesper!$R$2:$R$366,ROW(INDEX(Jesper!AK$2:AK$366,ROUNDDOWN($C7281/24,0)+1,1))-1)+IF('Standard Profiles'!$G$21=$B$10,7,0)+IF('Standard Profiles'!$G$21=$B$17,14,0)+IF('Standard Profiles'!$G$21=$B$24,21,0),0)),0)</f>
        <v>3.2115350410820156</v>
      </c>
      <c r="H7281" cm="1">
        <f t="array" ref="H7281">IFERROR(INDEX(Jesper!AL$2:AL$366,ROUNDDOWN($C7281/24,0)+1,1)*INDEX($D$3:$AA$30,INDEX(Jesper!$R$2:$R$366,ROW(INDEX(Jesper!AL$2:AL$366,ROUNDDOWN($C7281/24,0)+1,1))-1)+IF('Standard Profiles'!$G$22=$B$10,7,0)+IF('Standard Profiles'!$G$22=$B$17,14,0)+IF('Standard Profiles'!$G$22=$B$24,21,0),MOD($C7281,24)+1)/SUM(INDEX($D$3:$AA$30,INDEX(Jesper!$R$2:$R$366,ROW(INDEX(Jesper!AL$2:AL$366,ROUNDDOWN($C7281/24,0)+1,1))-1)+IF('Standard Profiles'!$G$22=$B$10,7,0)+IF('Standard Profiles'!$G$22=$B$17,14,0)+IF('Standard Profiles'!$G$22=$B$24,21,0),0)),0)</f>
        <v>1.1534184278762252</v>
      </c>
      <c r="I7281">
        <f t="shared" si="811"/>
        <v>1.1072816907611767</v>
      </c>
      <c r="J7281">
        <f t="shared" si="812"/>
        <v>9.1842759134420024</v>
      </c>
      <c r="K7281">
        <f t="shared" si="813"/>
        <v>0.29931883890851624</v>
      </c>
      <c r="L7281">
        <f t="shared" si="814"/>
        <v>0.14965941945425812</v>
      </c>
      <c r="M7281">
        <f t="shared" si="815"/>
        <v>0</v>
      </c>
      <c r="N7281" s="45">
        <f t="shared" si="816"/>
        <v>45228.958333315757</v>
      </c>
    </row>
    <row r="7282" spans="2:14" x14ac:dyDescent="0.25">
      <c r="B7282">
        <f t="shared" si="810"/>
        <v>1</v>
      </c>
      <c r="C7282" s="16">
        <v>7248</v>
      </c>
      <c r="D7282" cm="1">
        <f t="array" ref="D7282">IFERROR(INDEX(Jesper!AH$2:AH$366,ROUNDDOWN($C7282/24,0)+1,1)*INDEX($D$3:$AA$30,INDEX(Jesper!$R$2:$R$366,ROW(INDEX(Jesper!AH$2:AH$366,ROUNDDOWN($C7282/24,0)+1,1))-1)+IF('Standard Profiles'!$G$18=$B$10,7,0)+IF('Standard Profiles'!$G$18=$B$17,14,0)+IF('Standard Profiles'!$G$18=$B$24,21,0),MOD($C7282,24)+1)/SUM(INDEX($D$3:$AA$30,INDEX(Jesper!$R$2:$R$366,ROW(INDEX(Jesper!AH$2:AH$366,ROUNDDOWN($C7282/24,0)+1,1))-1)+IF('Standard Profiles'!$G$18=$B$10,7,0)+IF('Standard Profiles'!$G$18=$B$17,14,0)+IF('Standard Profiles'!$G$18=$B$24,21,0),0)),0)</f>
        <v>5.5299881802323583</v>
      </c>
      <c r="E7282" cm="1">
        <f t="array" ref="E7282">IFERROR(INDEX(Jesper!AI$2:AI$366,ROUNDDOWN($C7282/24,0)+1,1)*INDEX($D$3:$AA$30,INDEX(Jesper!$R$2:$R$366,ROW(INDEX(Jesper!AI$2:AI$366,ROUNDDOWN($C7282/24,0)+1,1))-1)+IF('Standard Profiles'!$G$19=$B$10,7,0)+IF('Standard Profiles'!$G$19=$B$17,14,0)+IF('Standard Profiles'!$G$19=$B$24,21,0),MOD($C7282,24)+1)/SUM(INDEX($D$3:$AA$30,INDEX(Jesper!$R$2:$R$366,ROW(INDEX(Jesper!AI$2:AI$366,ROUNDDOWN($C7282/24,0)+1,1))-1)+IF('Standard Profiles'!$G$19=$B$10,7,0)+IF('Standard Profiles'!$G$19=$B$17,14,0)+IF('Standard Profiles'!$G$19=$B$24,21,0),0)),0)</f>
        <v>4.2412631340865561</v>
      </c>
      <c r="F7282" cm="1">
        <f t="array" ref="F7282">IFERROR(INDEX(Jesper!AJ$2:AJ$366,ROUNDDOWN($C7282/24,0)+1,1)*INDEX($D$3:$AA$30,INDEX(Jesper!$R$2:$R$366,ROW(INDEX(Jesper!AJ$2:AJ$366,ROUNDDOWN($C7282/24,0)+1,1))-1)+IF('Standard Profiles'!$G$20=$B$10,7,0)+IF('Standard Profiles'!$G$20=$B$17,14,0)+IF('Standard Profiles'!$G$20=$B$24,21,0),MOD($C7282,24)+1)/SUM(INDEX($D$3:$AA$30,INDEX(Jesper!$R$2:$R$366,ROW(INDEX(Jesper!AJ$2:AJ$366,ROUNDDOWN($C7282/24,0)+1,1))-1)+IF('Standard Profiles'!$G$20=$B$10,7,0)+IF('Standard Profiles'!$G$20=$B$17,14,0)+IF('Standard Profiles'!$G$20=$B$24,21,0),0)),0)</f>
        <v>0</v>
      </c>
      <c r="G7282" cm="1">
        <f t="array" ref="G7282">IFERROR(INDEX(Jesper!AK$2:AK$366,ROUNDDOWN($C7282/24,0)+1,1)*INDEX($D$3:$AA$30,INDEX(Jesper!$R$2:$R$366,ROW(INDEX(Jesper!AK$2:AK$366,ROUNDDOWN($C7282/24,0)+1,1))-1)+IF('Standard Profiles'!$G$21=$B$10,7,0)+IF('Standard Profiles'!$G$21=$B$17,14,0)+IF('Standard Profiles'!$G$21=$B$24,21,0),MOD($C7282,24)+1)/SUM(INDEX($D$3:$AA$30,INDEX(Jesper!$R$2:$R$366,ROW(INDEX(Jesper!AK$2:AK$366,ROUNDDOWN($C7282/24,0)+1,1))-1)+IF('Standard Profiles'!$G$21=$B$10,7,0)+IF('Standard Profiles'!$G$21=$B$17,14,0)+IF('Standard Profiles'!$G$21=$B$24,21,0),0)),0)</f>
        <v>1.1700215350961367</v>
      </c>
      <c r="H7282" cm="1">
        <f t="array" ref="H7282">IFERROR(INDEX(Jesper!AL$2:AL$366,ROUNDDOWN($C7282/24,0)+1,1)*INDEX($D$3:$AA$30,INDEX(Jesper!$R$2:$R$366,ROW(INDEX(Jesper!AL$2:AL$366,ROUNDDOWN($C7282/24,0)+1,1))-1)+IF('Standard Profiles'!$G$22=$B$10,7,0)+IF('Standard Profiles'!$G$22=$B$17,14,0)+IF('Standard Profiles'!$G$22=$B$24,21,0),MOD($C7282,24)+1)/SUM(INDEX($D$3:$AA$30,INDEX(Jesper!$R$2:$R$366,ROW(INDEX(Jesper!AL$2:AL$366,ROUNDDOWN($C7282/24,0)+1,1))-1)+IF('Standard Profiles'!$G$22=$B$10,7,0)+IF('Standard Profiles'!$G$22=$B$17,14,0)+IF('Standard Profiles'!$G$22=$B$24,21,0),0)),0)</f>
        <v>0</v>
      </c>
      <c r="I7282">
        <f t="shared" si="811"/>
        <v>0.56161033684614536</v>
      </c>
      <c r="J7282">
        <f t="shared" si="812"/>
        <v>9.4948644037317269</v>
      </c>
      <c r="K7282">
        <f t="shared" si="813"/>
        <v>0.58986540589145153</v>
      </c>
      <c r="L7282">
        <f t="shared" si="814"/>
        <v>0.29493270294572577</v>
      </c>
      <c r="M7282">
        <f t="shared" si="815"/>
        <v>0</v>
      </c>
      <c r="N7282" s="45">
        <f t="shared" si="816"/>
        <v>45228.999999982421</v>
      </c>
    </row>
    <row r="7283" spans="2:14" x14ac:dyDescent="0.25">
      <c r="B7283">
        <f t="shared" si="810"/>
        <v>1</v>
      </c>
      <c r="C7283" s="16">
        <v>7249</v>
      </c>
      <c r="D7283" cm="1">
        <f t="array" ref="D7283">IFERROR(INDEX(Jesper!AH$2:AH$366,ROUNDDOWN($C7283/24,0)+1,1)*INDEX($D$3:$AA$30,INDEX(Jesper!$R$2:$R$366,ROW(INDEX(Jesper!AH$2:AH$366,ROUNDDOWN($C7283/24,0)+1,1))-1)+IF('Standard Profiles'!$G$18=$B$10,7,0)+IF('Standard Profiles'!$G$18=$B$17,14,0)+IF('Standard Profiles'!$G$18=$B$24,21,0),MOD($C7283,24)+1)/SUM(INDEX($D$3:$AA$30,INDEX(Jesper!$R$2:$R$366,ROW(INDEX(Jesper!AH$2:AH$366,ROUNDDOWN($C7283/24,0)+1,1))-1)+IF('Standard Profiles'!$G$18=$B$10,7,0)+IF('Standard Profiles'!$G$18=$B$17,14,0)+IF('Standard Profiles'!$G$18=$B$24,21,0),0)),0)</f>
        <v>5.5299881802323583</v>
      </c>
      <c r="E7283" cm="1">
        <f t="array" ref="E7283">IFERROR(INDEX(Jesper!AI$2:AI$366,ROUNDDOWN($C7283/24,0)+1,1)*INDEX($D$3:$AA$30,INDEX(Jesper!$R$2:$R$366,ROW(INDEX(Jesper!AI$2:AI$366,ROUNDDOWN($C7283/24,0)+1,1))-1)+IF('Standard Profiles'!$G$19=$B$10,7,0)+IF('Standard Profiles'!$G$19=$B$17,14,0)+IF('Standard Profiles'!$G$19=$B$24,21,0),MOD($C7283,24)+1)/SUM(INDEX($D$3:$AA$30,INDEX(Jesper!$R$2:$R$366,ROW(INDEX(Jesper!AI$2:AI$366,ROUNDDOWN($C7283/24,0)+1,1))-1)+IF('Standard Profiles'!$G$19=$B$10,7,0)+IF('Standard Profiles'!$G$19=$B$17,14,0)+IF('Standard Profiles'!$G$19=$B$24,21,0),0)),0)</f>
        <v>4.2412631340865561</v>
      </c>
      <c r="F7283" cm="1">
        <f t="array" ref="F7283">IFERROR(INDEX(Jesper!AJ$2:AJ$366,ROUNDDOWN($C7283/24,0)+1,1)*INDEX($D$3:$AA$30,INDEX(Jesper!$R$2:$R$366,ROW(INDEX(Jesper!AJ$2:AJ$366,ROUNDDOWN($C7283/24,0)+1,1))-1)+IF('Standard Profiles'!$G$20=$B$10,7,0)+IF('Standard Profiles'!$G$20=$B$17,14,0)+IF('Standard Profiles'!$G$20=$B$24,21,0),MOD($C7283,24)+1)/SUM(INDEX($D$3:$AA$30,INDEX(Jesper!$R$2:$R$366,ROW(INDEX(Jesper!AJ$2:AJ$366,ROUNDDOWN($C7283/24,0)+1,1))-1)+IF('Standard Profiles'!$G$20=$B$10,7,0)+IF('Standard Profiles'!$G$20=$B$17,14,0)+IF('Standard Profiles'!$G$20=$B$24,21,0),0)),0)</f>
        <v>0</v>
      </c>
      <c r="G7283" cm="1">
        <f t="array" ref="G7283">IFERROR(INDEX(Jesper!AK$2:AK$366,ROUNDDOWN($C7283/24,0)+1,1)*INDEX($D$3:$AA$30,INDEX(Jesper!$R$2:$R$366,ROW(INDEX(Jesper!AK$2:AK$366,ROUNDDOWN($C7283/24,0)+1,1))-1)+IF('Standard Profiles'!$G$21=$B$10,7,0)+IF('Standard Profiles'!$G$21=$B$17,14,0)+IF('Standard Profiles'!$G$21=$B$24,21,0),MOD($C7283,24)+1)/SUM(INDEX($D$3:$AA$30,INDEX(Jesper!$R$2:$R$366,ROW(INDEX(Jesper!AK$2:AK$366,ROUNDDOWN($C7283/24,0)+1,1))-1)+IF('Standard Profiles'!$G$21=$B$10,7,0)+IF('Standard Profiles'!$G$21=$B$17,14,0)+IF('Standard Profiles'!$G$21=$B$24,21,0),0)),0)</f>
        <v>1.1700215350961367</v>
      </c>
      <c r="H7283" cm="1">
        <f t="array" ref="H7283">IFERROR(INDEX(Jesper!AL$2:AL$366,ROUNDDOWN($C7283/24,0)+1,1)*INDEX($D$3:$AA$30,INDEX(Jesper!$R$2:$R$366,ROW(INDEX(Jesper!AL$2:AL$366,ROUNDDOWN($C7283/24,0)+1,1))-1)+IF('Standard Profiles'!$G$22=$B$10,7,0)+IF('Standard Profiles'!$G$22=$B$17,14,0)+IF('Standard Profiles'!$G$22=$B$24,21,0),MOD($C7283,24)+1)/SUM(INDEX($D$3:$AA$30,INDEX(Jesper!$R$2:$R$366,ROW(INDEX(Jesper!AL$2:AL$366,ROUNDDOWN($C7283/24,0)+1,1))-1)+IF('Standard Profiles'!$G$22=$B$10,7,0)+IF('Standard Profiles'!$G$22=$B$17,14,0)+IF('Standard Profiles'!$G$22=$B$24,21,0),0)),0)</f>
        <v>0</v>
      </c>
      <c r="I7283">
        <f t="shared" si="811"/>
        <v>0.56161033684614536</v>
      </c>
      <c r="J7283">
        <f t="shared" si="812"/>
        <v>9.4948644037317269</v>
      </c>
      <c r="K7283">
        <f t="shared" si="813"/>
        <v>0.58986540589145153</v>
      </c>
      <c r="L7283">
        <f t="shared" si="814"/>
        <v>0.29493270294572577</v>
      </c>
      <c r="M7283">
        <f t="shared" si="815"/>
        <v>0</v>
      </c>
      <c r="N7283" s="45">
        <f t="shared" si="816"/>
        <v>45229.041666649086</v>
      </c>
    </row>
    <row r="7284" spans="2:14" x14ac:dyDescent="0.25">
      <c r="B7284">
        <f t="shared" si="810"/>
        <v>1</v>
      </c>
      <c r="C7284" s="16">
        <v>7250</v>
      </c>
      <c r="D7284" cm="1">
        <f t="array" ref="D7284">IFERROR(INDEX(Jesper!AH$2:AH$366,ROUNDDOWN($C7284/24,0)+1,1)*INDEX($D$3:$AA$30,INDEX(Jesper!$R$2:$R$366,ROW(INDEX(Jesper!AH$2:AH$366,ROUNDDOWN($C7284/24,0)+1,1))-1)+IF('Standard Profiles'!$G$18=$B$10,7,0)+IF('Standard Profiles'!$G$18=$B$17,14,0)+IF('Standard Profiles'!$G$18=$B$24,21,0),MOD($C7284,24)+1)/SUM(INDEX($D$3:$AA$30,INDEX(Jesper!$R$2:$R$366,ROW(INDEX(Jesper!AH$2:AH$366,ROUNDDOWN($C7284/24,0)+1,1))-1)+IF('Standard Profiles'!$G$18=$B$10,7,0)+IF('Standard Profiles'!$G$18=$B$17,14,0)+IF('Standard Profiles'!$G$18=$B$24,21,0),0)),0)</f>
        <v>5.5299881802323583</v>
      </c>
      <c r="E7284" cm="1">
        <f t="array" ref="E7284">IFERROR(INDEX(Jesper!AI$2:AI$366,ROUNDDOWN($C7284/24,0)+1,1)*INDEX($D$3:$AA$30,INDEX(Jesper!$R$2:$R$366,ROW(INDEX(Jesper!AI$2:AI$366,ROUNDDOWN($C7284/24,0)+1,1))-1)+IF('Standard Profiles'!$G$19=$B$10,7,0)+IF('Standard Profiles'!$G$19=$B$17,14,0)+IF('Standard Profiles'!$G$19=$B$24,21,0),MOD($C7284,24)+1)/SUM(INDEX($D$3:$AA$30,INDEX(Jesper!$R$2:$R$366,ROW(INDEX(Jesper!AI$2:AI$366,ROUNDDOWN($C7284/24,0)+1,1))-1)+IF('Standard Profiles'!$G$19=$B$10,7,0)+IF('Standard Profiles'!$G$19=$B$17,14,0)+IF('Standard Profiles'!$G$19=$B$24,21,0),0)),0)</f>
        <v>4.2412631340865561</v>
      </c>
      <c r="F7284" cm="1">
        <f t="array" ref="F7284">IFERROR(INDEX(Jesper!AJ$2:AJ$366,ROUNDDOWN($C7284/24,0)+1,1)*INDEX($D$3:$AA$30,INDEX(Jesper!$R$2:$R$366,ROW(INDEX(Jesper!AJ$2:AJ$366,ROUNDDOWN($C7284/24,0)+1,1))-1)+IF('Standard Profiles'!$G$20=$B$10,7,0)+IF('Standard Profiles'!$G$20=$B$17,14,0)+IF('Standard Profiles'!$G$20=$B$24,21,0),MOD($C7284,24)+1)/SUM(INDEX($D$3:$AA$30,INDEX(Jesper!$R$2:$R$366,ROW(INDEX(Jesper!AJ$2:AJ$366,ROUNDDOWN($C7284/24,0)+1,1))-1)+IF('Standard Profiles'!$G$20=$B$10,7,0)+IF('Standard Profiles'!$G$20=$B$17,14,0)+IF('Standard Profiles'!$G$20=$B$24,21,0),0)),0)</f>
        <v>0</v>
      </c>
      <c r="G7284" cm="1">
        <f t="array" ref="G7284">IFERROR(INDEX(Jesper!AK$2:AK$366,ROUNDDOWN($C7284/24,0)+1,1)*INDEX($D$3:$AA$30,INDEX(Jesper!$R$2:$R$366,ROW(INDEX(Jesper!AK$2:AK$366,ROUNDDOWN($C7284/24,0)+1,1))-1)+IF('Standard Profiles'!$G$21=$B$10,7,0)+IF('Standard Profiles'!$G$21=$B$17,14,0)+IF('Standard Profiles'!$G$21=$B$24,21,0),MOD($C7284,24)+1)/SUM(INDEX($D$3:$AA$30,INDEX(Jesper!$R$2:$R$366,ROW(INDEX(Jesper!AK$2:AK$366,ROUNDDOWN($C7284/24,0)+1,1))-1)+IF('Standard Profiles'!$G$21=$B$10,7,0)+IF('Standard Profiles'!$G$21=$B$17,14,0)+IF('Standard Profiles'!$G$21=$B$24,21,0),0)),0)</f>
        <v>1.1700215350961367</v>
      </c>
      <c r="H7284" cm="1">
        <f t="array" ref="H7284">IFERROR(INDEX(Jesper!AL$2:AL$366,ROUNDDOWN($C7284/24,0)+1,1)*INDEX($D$3:$AA$30,INDEX(Jesper!$R$2:$R$366,ROW(INDEX(Jesper!AL$2:AL$366,ROUNDDOWN($C7284/24,0)+1,1))-1)+IF('Standard Profiles'!$G$22=$B$10,7,0)+IF('Standard Profiles'!$G$22=$B$17,14,0)+IF('Standard Profiles'!$G$22=$B$24,21,0),MOD($C7284,24)+1)/SUM(INDEX($D$3:$AA$30,INDEX(Jesper!$R$2:$R$366,ROW(INDEX(Jesper!AL$2:AL$366,ROUNDDOWN($C7284/24,0)+1,1))-1)+IF('Standard Profiles'!$G$22=$B$10,7,0)+IF('Standard Profiles'!$G$22=$B$17,14,0)+IF('Standard Profiles'!$G$22=$B$24,21,0),0)),0)</f>
        <v>0</v>
      </c>
      <c r="I7284">
        <f t="shared" si="811"/>
        <v>0.56161033684614536</v>
      </c>
      <c r="J7284">
        <f t="shared" si="812"/>
        <v>9.4948644037317269</v>
      </c>
      <c r="K7284">
        <f t="shared" si="813"/>
        <v>0.58986540589145153</v>
      </c>
      <c r="L7284">
        <f t="shared" si="814"/>
        <v>0.29493270294572577</v>
      </c>
      <c r="M7284">
        <f t="shared" si="815"/>
        <v>0</v>
      </c>
      <c r="N7284" s="45">
        <f t="shared" si="816"/>
        <v>45229.08333331575</v>
      </c>
    </row>
    <row r="7285" spans="2:14" x14ac:dyDescent="0.25">
      <c r="B7285">
        <f t="shared" si="810"/>
        <v>1</v>
      </c>
      <c r="C7285" s="16">
        <v>7251</v>
      </c>
      <c r="D7285" cm="1">
        <f t="array" ref="D7285">IFERROR(INDEX(Jesper!AH$2:AH$366,ROUNDDOWN($C7285/24,0)+1,1)*INDEX($D$3:$AA$30,INDEX(Jesper!$R$2:$R$366,ROW(INDEX(Jesper!AH$2:AH$366,ROUNDDOWN($C7285/24,0)+1,1))-1)+IF('Standard Profiles'!$G$18=$B$10,7,0)+IF('Standard Profiles'!$G$18=$B$17,14,0)+IF('Standard Profiles'!$G$18=$B$24,21,0),MOD($C7285,24)+1)/SUM(INDEX($D$3:$AA$30,INDEX(Jesper!$R$2:$R$366,ROW(INDEX(Jesper!AH$2:AH$366,ROUNDDOWN($C7285/24,0)+1,1))-1)+IF('Standard Profiles'!$G$18=$B$10,7,0)+IF('Standard Profiles'!$G$18=$B$17,14,0)+IF('Standard Profiles'!$G$18=$B$24,21,0),0)),0)</f>
        <v>5.5299881802323583</v>
      </c>
      <c r="E7285" cm="1">
        <f t="array" ref="E7285">IFERROR(INDEX(Jesper!AI$2:AI$366,ROUNDDOWN($C7285/24,0)+1,1)*INDEX($D$3:$AA$30,INDEX(Jesper!$R$2:$R$366,ROW(INDEX(Jesper!AI$2:AI$366,ROUNDDOWN($C7285/24,0)+1,1))-1)+IF('Standard Profiles'!$G$19=$B$10,7,0)+IF('Standard Profiles'!$G$19=$B$17,14,0)+IF('Standard Profiles'!$G$19=$B$24,21,0),MOD($C7285,24)+1)/SUM(INDEX($D$3:$AA$30,INDEX(Jesper!$R$2:$R$366,ROW(INDEX(Jesper!AI$2:AI$366,ROUNDDOWN($C7285/24,0)+1,1))-1)+IF('Standard Profiles'!$G$19=$B$10,7,0)+IF('Standard Profiles'!$G$19=$B$17,14,0)+IF('Standard Profiles'!$G$19=$B$24,21,0),0)),0)</f>
        <v>4.2412631340865561</v>
      </c>
      <c r="F7285" cm="1">
        <f t="array" ref="F7285">IFERROR(INDEX(Jesper!AJ$2:AJ$366,ROUNDDOWN($C7285/24,0)+1,1)*INDEX($D$3:$AA$30,INDEX(Jesper!$R$2:$R$366,ROW(INDEX(Jesper!AJ$2:AJ$366,ROUNDDOWN($C7285/24,0)+1,1))-1)+IF('Standard Profiles'!$G$20=$B$10,7,0)+IF('Standard Profiles'!$G$20=$B$17,14,0)+IF('Standard Profiles'!$G$20=$B$24,21,0),MOD($C7285,24)+1)/SUM(INDEX($D$3:$AA$30,INDEX(Jesper!$R$2:$R$366,ROW(INDEX(Jesper!AJ$2:AJ$366,ROUNDDOWN($C7285/24,0)+1,1))-1)+IF('Standard Profiles'!$G$20=$B$10,7,0)+IF('Standard Profiles'!$G$20=$B$17,14,0)+IF('Standard Profiles'!$G$20=$B$24,21,0),0)),0)</f>
        <v>0</v>
      </c>
      <c r="G7285" cm="1">
        <f t="array" ref="G7285">IFERROR(INDEX(Jesper!AK$2:AK$366,ROUNDDOWN($C7285/24,0)+1,1)*INDEX($D$3:$AA$30,INDEX(Jesper!$R$2:$R$366,ROW(INDEX(Jesper!AK$2:AK$366,ROUNDDOWN($C7285/24,0)+1,1))-1)+IF('Standard Profiles'!$G$21=$B$10,7,0)+IF('Standard Profiles'!$G$21=$B$17,14,0)+IF('Standard Profiles'!$G$21=$B$24,21,0),MOD($C7285,24)+1)/SUM(INDEX($D$3:$AA$30,INDEX(Jesper!$R$2:$R$366,ROW(INDEX(Jesper!AK$2:AK$366,ROUNDDOWN($C7285/24,0)+1,1))-1)+IF('Standard Profiles'!$G$21=$B$10,7,0)+IF('Standard Profiles'!$G$21=$B$17,14,0)+IF('Standard Profiles'!$G$21=$B$24,21,0),0)),0)</f>
        <v>1.1700215350961367</v>
      </c>
      <c r="H7285" cm="1">
        <f t="array" ref="H7285">IFERROR(INDEX(Jesper!AL$2:AL$366,ROUNDDOWN($C7285/24,0)+1,1)*INDEX($D$3:$AA$30,INDEX(Jesper!$R$2:$R$366,ROW(INDEX(Jesper!AL$2:AL$366,ROUNDDOWN($C7285/24,0)+1,1))-1)+IF('Standard Profiles'!$G$22=$B$10,7,0)+IF('Standard Profiles'!$G$22=$B$17,14,0)+IF('Standard Profiles'!$G$22=$B$24,21,0),MOD($C7285,24)+1)/SUM(INDEX($D$3:$AA$30,INDEX(Jesper!$R$2:$R$366,ROW(INDEX(Jesper!AL$2:AL$366,ROUNDDOWN($C7285/24,0)+1,1))-1)+IF('Standard Profiles'!$G$22=$B$10,7,0)+IF('Standard Profiles'!$G$22=$B$17,14,0)+IF('Standard Profiles'!$G$22=$B$24,21,0),0)),0)</f>
        <v>0</v>
      </c>
      <c r="I7285">
        <f t="shared" si="811"/>
        <v>0.56161033684614536</v>
      </c>
      <c r="J7285">
        <f t="shared" si="812"/>
        <v>9.4948644037317269</v>
      </c>
      <c r="K7285">
        <f t="shared" si="813"/>
        <v>0.58986540589145153</v>
      </c>
      <c r="L7285">
        <f t="shared" si="814"/>
        <v>0.29493270294572577</v>
      </c>
      <c r="M7285">
        <f t="shared" si="815"/>
        <v>0</v>
      </c>
      <c r="N7285" s="45">
        <f t="shared" si="816"/>
        <v>45229.124999982414</v>
      </c>
    </row>
    <row r="7286" spans="2:14" x14ac:dyDescent="0.25">
      <c r="B7286">
        <f t="shared" si="810"/>
        <v>1</v>
      </c>
      <c r="C7286" s="16">
        <v>7252</v>
      </c>
      <c r="D7286" cm="1">
        <f t="array" ref="D7286">IFERROR(INDEX(Jesper!AH$2:AH$366,ROUNDDOWN($C7286/24,0)+1,1)*INDEX($D$3:$AA$30,INDEX(Jesper!$R$2:$R$366,ROW(INDEX(Jesper!AH$2:AH$366,ROUNDDOWN($C7286/24,0)+1,1))-1)+IF('Standard Profiles'!$G$18=$B$10,7,0)+IF('Standard Profiles'!$G$18=$B$17,14,0)+IF('Standard Profiles'!$G$18=$B$24,21,0),MOD($C7286,24)+1)/SUM(INDEX($D$3:$AA$30,INDEX(Jesper!$R$2:$R$366,ROW(INDEX(Jesper!AH$2:AH$366,ROUNDDOWN($C7286/24,0)+1,1))-1)+IF('Standard Profiles'!$G$18=$B$10,7,0)+IF('Standard Profiles'!$G$18=$B$17,14,0)+IF('Standard Profiles'!$G$18=$B$24,21,0),0)),0)</f>
        <v>5.5299881802323583</v>
      </c>
      <c r="E7286" cm="1">
        <f t="array" ref="E7286">IFERROR(INDEX(Jesper!AI$2:AI$366,ROUNDDOWN($C7286/24,0)+1,1)*INDEX($D$3:$AA$30,INDEX(Jesper!$R$2:$R$366,ROW(INDEX(Jesper!AI$2:AI$366,ROUNDDOWN($C7286/24,0)+1,1))-1)+IF('Standard Profiles'!$G$19=$B$10,7,0)+IF('Standard Profiles'!$G$19=$B$17,14,0)+IF('Standard Profiles'!$G$19=$B$24,21,0),MOD($C7286,24)+1)/SUM(INDEX($D$3:$AA$30,INDEX(Jesper!$R$2:$R$366,ROW(INDEX(Jesper!AI$2:AI$366,ROUNDDOWN($C7286/24,0)+1,1))-1)+IF('Standard Profiles'!$G$19=$B$10,7,0)+IF('Standard Profiles'!$G$19=$B$17,14,0)+IF('Standard Profiles'!$G$19=$B$24,21,0),0)),0)</f>
        <v>4.2412631340865561</v>
      </c>
      <c r="F7286" cm="1">
        <f t="array" ref="F7286">IFERROR(INDEX(Jesper!AJ$2:AJ$366,ROUNDDOWN($C7286/24,0)+1,1)*INDEX($D$3:$AA$30,INDEX(Jesper!$R$2:$R$366,ROW(INDEX(Jesper!AJ$2:AJ$366,ROUNDDOWN($C7286/24,0)+1,1))-1)+IF('Standard Profiles'!$G$20=$B$10,7,0)+IF('Standard Profiles'!$G$20=$B$17,14,0)+IF('Standard Profiles'!$G$20=$B$24,21,0),MOD($C7286,24)+1)/SUM(INDEX($D$3:$AA$30,INDEX(Jesper!$R$2:$R$366,ROW(INDEX(Jesper!AJ$2:AJ$366,ROUNDDOWN($C7286/24,0)+1,1))-1)+IF('Standard Profiles'!$G$20=$B$10,7,0)+IF('Standard Profiles'!$G$20=$B$17,14,0)+IF('Standard Profiles'!$G$20=$B$24,21,0),0)),0)</f>
        <v>0</v>
      </c>
      <c r="G7286" cm="1">
        <f t="array" ref="G7286">IFERROR(INDEX(Jesper!AK$2:AK$366,ROUNDDOWN($C7286/24,0)+1,1)*INDEX($D$3:$AA$30,INDEX(Jesper!$R$2:$R$366,ROW(INDEX(Jesper!AK$2:AK$366,ROUNDDOWN($C7286/24,0)+1,1))-1)+IF('Standard Profiles'!$G$21=$B$10,7,0)+IF('Standard Profiles'!$G$21=$B$17,14,0)+IF('Standard Profiles'!$G$21=$B$24,21,0),MOD($C7286,24)+1)/SUM(INDEX($D$3:$AA$30,INDEX(Jesper!$R$2:$R$366,ROW(INDEX(Jesper!AK$2:AK$366,ROUNDDOWN($C7286/24,0)+1,1))-1)+IF('Standard Profiles'!$G$21=$B$10,7,0)+IF('Standard Profiles'!$G$21=$B$17,14,0)+IF('Standard Profiles'!$G$21=$B$24,21,0),0)),0)</f>
        <v>1.1700215350961367</v>
      </c>
      <c r="H7286" cm="1">
        <f t="array" ref="H7286">IFERROR(INDEX(Jesper!AL$2:AL$366,ROUNDDOWN($C7286/24,0)+1,1)*INDEX($D$3:$AA$30,INDEX(Jesper!$R$2:$R$366,ROW(INDEX(Jesper!AL$2:AL$366,ROUNDDOWN($C7286/24,0)+1,1))-1)+IF('Standard Profiles'!$G$22=$B$10,7,0)+IF('Standard Profiles'!$G$22=$B$17,14,0)+IF('Standard Profiles'!$G$22=$B$24,21,0),MOD($C7286,24)+1)/SUM(INDEX($D$3:$AA$30,INDEX(Jesper!$R$2:$R$366,ROW(INDEX(Jesper!AL$2:AL$366,ROUNDDOWN($C7286/24,0)+1,1))-1)+IF('Standard Profiles'!$G$22=$B$10,7,0)+IF('Standard Profiles'!$G$22=$B$17,14,0)+IF('Standard Profiles'!$G$22=$B$24,21,0),0)),0)</f>
        <v>0</v>
      </c>
      <c r="I7286">
        <f t="shared" si="811"/>
        <v>0.56161033684614536</v>
      </c>
      <c r="J7286">
        <f t="shared" si="812"/>
        <v>9.4948644037317269</v>
      </c>
      <c r="K7286">
        <f t="shared" si="813"/>
        <v>0.58986540589145153</v>
      </c>
      <c r="L7286">
        <f t="shared" si="814"/>
        <v>0.29493270294572577</v>
      </c>
      <c r="M7286">
        <f t="shared" si="815"/>
        <v>0</v>
      </c>
      <c r="N7286" s="45">
        <f t="shared" si="816"/>
        <v>45229.166666649078</v>
      </c>
    </row>
    <row r="7287" spans="2:14" x14ac:dyDescent="0.25">
      <c r="B7287">
        <f t="shared" si="810"/>
        <v>1</v>
      </c>
      <c r="C7287" s="16">
        <v>7253</v>
      </c>
      <c r="D7287" cm="1">
        <f t="array" ref="D7287">IFERROR(INDEX(Jesper!AH$2:AH$366,ROUNDDOWN($C7287/24,0)+1,1)*INDEX($D$3:$AA$30,INDEX(Jesper!$R$2:$R$366,ROW(INDEX(Jesper!AH$2:AH$366,ROUNDDOWN($C7287/24,0)+1,1))-1)+IF('Standard Profiles'!$G$18=$B$10,7,0)+IF('Standard Profiles'!$G$18=$B$17,14,0)+IF('Standard Profiles'!$G$18=$B$24,21,0),MOD($C7287,24)+1)/SUM(INDEX($D$3:$AA$30,INDEX(Jesper!$R$2:$R$366,ROW(INDEX(Jesper!AH$2:AH$366,ROUNDDOWN($C7287/24,0)+1,1))-1)+IF('Standard Profiles'!$G$18=$B$10,7,0)+IF('Standard Profiles'!$G$18=$B$17,14,0)+IF('Standard Profiles'!$G$18=$B$24,21,0),0)),0)</f>
        <v>5.5299881802323583</v>
      </c>
      <c r="E7287" cm="1">
        <f t="array" ref="E7287">IFERROR(INDEX(Jesper!AI$2:AI$366,ROUNDDOWN($C7287/24,0)+1,1)*INDEX($D$3:$AA$30,INDEX(Jesper!$R$2:$R$366,ROW(INDEX(Jesper!AI$2:AI$366,ROUNDDOWN($C7287/24,0)+1,1))-1)+IF('Standard Profiles'!$G$19=$B$10,7,0)+IF('Standard Profiles'!$G$19=$B$17,14,0)+IF('Standard Profiles'!$G$19=$B$24,21,0),MOD($C7287,24)+1)/SUM(INDEX($D$3:$AA$30,INDEX(Jesper!$R$2:$R$366,ROW(INDEX(Jesper!AI$2:AI$366,ROUNDDOWN($C7287/24,0)+1,1))-1)+IF('Standard Profiles'!$G$19=$B$10,7,0)+IF('Standard Profiles'!$G$19=$B$17,14,0)+IF('Standard Profiles'!$G$19=$B$24,21,0),0)),0)</f>
        <v>4.2412631340865561</v>
      </c>
      <c r="F7287" cm="1">
        <f t="array" ref="F7287">IFERROR(INDEX(Jesper!AJ$2:AJ$366,ROUNDDOWN($C7287/24,0)+1,1)*INDEX($D$3:$AA$30,INDEX(Jesper!$R$2:$R$366,ROW(INDEX(Jesper!AJ$2:AJ$366,ROUNDDOWN($C7287/24,0)+1,1))-1)+IF('Standard Profiles'!$G$20=$B$10,7,0)+IF('Standard Profiles'!$G$20=$B$17,14,0)+IF('Standard Profiles'!$G$20=$B$24,21,0),MOD($C7287,24)+1)/SUM(INDEX($D$3:$AA$30,INDEX(Jesper!$R$2:$R$366,ROW(INDEX(Jesper!AJ$2:AJ$366,ROUNDDOWN($C7287/24,0)+1,1))-1)+IF('Standard Profiles'!$G$20=$B$10,7,0)+IF('Standard Profiles'!$G$20=$B$17,14,0)+IF('Standard Profiles'!$G$20=$B$24,21,0),0)),0)</f>
        <v>0</v>
      </c>
      <c r="G7287" cm="1">
        <f t="array" ref="G7287">IFERROR(INDEX(Jesper!AK$2:AK$366,ROUNDDOWN($C7287/24,0)+1,1)*INDEX($D$3:$AA$30,INDEX(Jesper!$R$2:$R$366,ROW(INDEX(Jesper!AK$2:AK$366,ROUNDDOWN($C7287/24,0)+1,1))-1)+IF('Standard Profiles'!$G$21=$B$10,7,0)+IF('Standard Profiles'!$G$21=$B$17,14,0)+IF('Standard Profiles'!$G$21=$B$24,21,0),MOD($C7287,24)+1)/SUM(INDEX($D$3:$AA$30,INDEX(Jesper!$R$2:$R$366,ROW(INDEX(Jesper!AK$2:AK$366,ROUNDDOWN($C7287/24,0)+1,1))-1)+IF('Standard Profiles'!$G$21=$B$10,7,0)+IF('Standard Profiles'!$G$21=$B$17,14,0)+IF('Standard Profiles'!$G$21=$B$24,21,0),0)),0)</f>
        <v>1.1700215350961367</v>
      </c>
      <c r="H7287" cm="1">
        <f t="array" ref="H7287">IFERROR(INDEX(Jesper!AL$2:AL$366,ROUNDDOWN($C7287/24,0)+1,1)*INDEX($D$3:$AA$30,INDEX(Jesper!$R$2:$R$366,ROW(INDEX(Jesper!AL$2:AL$366,ROUNDDOWN($C7287/24,0)+1,1))-1)+IF('Standard Profiles'!$G$22=$B$10,7,0)+IF('Standard Profiles'!$G$22=$B$17,14,0)+IF('Standard Profiles'!$G$22=$B$24,21,0),MOD($C7287,24)+1)/SUM(INDEX($D$3:$AA$30,INDEX(Jesper!$R$2:$R$366,ROW(INDEX(Jesper!AL$2:AL$366,ROUNDDOWN($C7287/24,0)+1,1))-1)+IF('Standard Profiles'!$G$22=$B$10,7,0)+IF('Standard Profiles'!$G$22=$B$17,14,0)+IF('Standard Profiles'!$G$22=$B$24,21,0),0)),0)</f>
        <v>0</v>
      </c>
      <c r="I7287">
        <f t="shared" si="811"/>
        <v>0.56161033684614536</v>
      </c>
      <c r="J7287">
        <f t="shared" si="812"/>
        <v>9.4948644037317269</v>
      </c>
      <c r="K7287">
        <f t="shared" si="813"/>
        <v>0.58986540589145153</v>
      </c>
      <c r="L7287">
        <f t="shared" si="814"/>
        <v>0.29493270294572577</v>
      </c>
      <c r="M7287">
        <f t="shared" si="815"/>
        <v>0</v>
      </c>
      <c r="N7287" s="45">
        <f t="shared" si="816"/>
        <v>45229.208333315742</v>
      </c>
    </row>
    <row r="7288" spans="2:14" x14ac:dyDescent="0.25">
      <c r="B7288">
        <f t="shared" si="810"/>
        <v>1</v>
      </c>
      <c r="C7288" s="16">
        <v>7254</v>
      </c>
      <c r="D7288" cm="1">
        <f t="array" ref="D7288">IFERROR(INDEX(Jesper!AH$2:AH$366,ROUNDDOWN($C7288/24,0)+1,1)*INDEX($D$3:$AA$30,INDEX(Jesper!$R$2:$R$366,ROW(INDEX(Jesper!AH$2:AH$366,ROUNDDOWN($C7288/24,0)+1,1))-1)+IF('Standard Profiles'!$G$18=$B$10,7,0)+IF('Standard Profiles'!$G$18=$B$17,14,0)+IF('Standard Profiles'!$G$18=$B$24,21,0),MOD($C7288,24)+1)/SUM(INDEX($D$3:$AA$30,INDEX(Jesper!$R$2:$R$366,ROW(INDEX(Jesper!AH$2:AH$366,ROUNDDOWN($C7288/24,0)+1,1))-1)+IF('Standard Profiles'!$G$18=$B$10,7,0)+IF('Standard Profiles'!$G$18=$B$17,14,0)+IF('Standard Profiles'!$G$18=$B$24,21,0),0)),0)</f>
        <v>5.5299881802323583</v>
      </c>
      <c r="E7288" cm="1">
        <f t="array" ref="E7288">IFERROR(INDEX(Jesper!AI$2:AI$366,ROUNDDOWN($C7288/24,0)+1,1)*INDEX($D$3:$AA$30,INDEX(Jesper!$R$2:$R$366,ROW(INDEX(Jesper!AI$2:AI$366,ROUNDDOWN($C7288/24,0)+1,1))-1)+IF('Standard Profiles'!$G$19=$B$10,7,0)+IF('Standard Profiles'!$G$19=$B$17,14,0)+IF('Standard Profiles'!$G$19=$B$24,21,0),MOD($C7288,24)+1)/SUM(INDEX($D$3:$AA$30,INDEX(Jesper!$R$2:$R$366,ROW(INDEX(Jesper!AI$2:AI$366,ROUNDDOWN($C7288/24,0)+1,1))-1)+IF('Standard Profiles'!$G$19=$B$10,7,0)+IF('Standard Profiles'!$G$19=$B$17,14,0)+IF('Standard Profiles'!$G$19=$B$24,21,0),0)),0)</f>
        <v>4.2412631340865561</v>
      </c>
      <c r="F7288" cm="1">
        <f t="array" ref="F7288">IFERROR(INDEX(Jesper!AJ$2:AJ$366,ROUNDDOWN($C7288/24,0)+1,1)*INDEX($D$3:$AA$30,INDEX(Jesper!$R$2:$R$366,ROW(INDEX(Jesper!AJ$2:AJ$366,ROUNDDOWN($C7288/24,0)+1,1))-1)+IF('Standard Profiles'!$G$20=$B$10,7,0)+IF('Standard Profiles'!$G$20=$B$17,14,0)+IF('Standard Profiles'!$G$20=$B$24,21,0),MOD($C7288,24)+1)/SUM(INDEX($D$3:$AA$30,INDEX(Jesper!$R$2:$R$366,ROW(INDEX(Jesper!AJ$2:AJ$366,ROUNDDOWN($C7288/24,0)+1,1))-1)+IF('Standard Profiles'!$G$20=$B$10,7,0)+IF('Standard Profiles'!$G$20=$B$17,14,0)+IF('Standard Profiles'!$G$20=$B$24,21,0),0)),0)</f>
        <v>0</v>
      </c>
      <c r="G7288" cm="1">
        <f t="array" ref="G7288">IFERROR(INDEX(Jesper!AK$2:AK$366,ROUNDDOWN($C7288/24,0)+1,1)*INDEX($D$3:$AA$30,INDEX(Jesper!$R$2:$R$366,ROW(INDEX(Jesper!AK$2:AK$366,ROUNDDOWN($C7288/24,0)+1,1))-1)+IF('Standard Profiles'!$G$21=$B$10,7,0)+IF('Standard Profiles'!$G$21=$B$17,14,0)+IF('Standard Profiles'!$G$21=$B$24,21,0),MOD($C7288,24)+1)/SUM(INDEX($D$3:$AA$30,INDEX(Jesper!$R$2:$R$366,ROW(INDEX(Jesper!AK$2:AK$366,ROUNDDOWN($C7288/24,0)+1,1))-1)+IF('Standard Profiles'!$G$21=$B$10,7,0)+IF('Standard Profiles'!$G$21=$B$17,14,0)+IF('Standard Profiles'!$G$21=$B$24,21,0),0)),0)</f>
        <v>1.1700215350961367</v>
      </c>
      <c r="H7288" cm="1">
        <f t="array" ref="H7288">IFERROR(INDEX(Jesper!AL$2:AL$366,ROUNDDOWN($C7288/24,0)+1,1)*INDEX($D$3:$AA$30,INDEX(Jesper!$R$2:$R$366,ROW(INDEX(Jesper!AL$2:AL$366,ROUNDDOWN($C7288/24,0)+1,1))-1)+IF('Standard Profiles'!$G$22=$B$10,7,0)+IF('Standard Profiles'!$G$22=$B$17,14,0)+IF('Standard Profiles'!$G$22=$B$24,21,0),MOD($C7288,24)+1)/SUM(INDEX($D$3:$AA$30,INDEX(Jesper!$R$2:$R$366,ROW(INDEX(Jesper!AL$2:AL$366,ROUNDDOWN($C7288/24,0)+1,1))-1)+IF('Standard Profiles'!$G$22=$B$10,7,0)+IF('Standard Profiles'!$G$22=$B$17,14,0)+IF('Standard Profiles'!$G$22=$B$24,21,0),0)),0)</f>
        <v>0</v>
      </c>
      <c r="I7288">
        <f t="shared" si="811"/>
        <v>0.56161033684614536</v>
      </c>
      <c r="J7288">
        <f t="shared" si="812"/>
        <v>9.4948644037317269</v>
      </c>
      <c r="K7288">
        <f t="shared" si="813"/>
        <v>0.58986540589145153</v>
      </c>
      <c r="L7288">
        <f t="shared" si="814"/>
        <v>0.29493270294572577</v>
      </c>
      <c r="M7288">
        <f t="shared" si="815"/>
        <v>0</v>
      </c>
      <c r="N7288" s="45">
        <f t="shared" si="816"/>
        <v>45229.249999982407</v>
      </c>
    </row>
    <row r="7289" spans="2:14" x14ac:dyDescent="0.25">
      <c r="B7289">
        <f t="shared" si="810"/>
        <v>1</v>
      </c>
      <c r="C7289" s="16">
        <v>7255</v>
      </c>
      <c r="D7289" cm="1">
        <f t="array" ref="D7289">IFERROR(INDEX(Jesper!AH$2:AH$366,ROUNDDOWN($C7289/24,0)+1,1)*INDEX($D$3:$AA$30,INDEX(Jesper!$R$2:$R$366,ROW(INDEX(Jesper!AH$2:AH$366,ROUNDDOWN($C7289/24,0)+1,1))-1)+IF('Standard Profiles'!$G$18=$B$10,7,0)+IF('Standard Profiles'!$G$18=$B$17,14,0)+IF('Standard Profiles'!$G$18=$B$24,21,0),MOD($C7289,24)+1)/SUM(INDEX($D$3:$AA$30,INDEX(Jesper!$R$2:$R$366,ROW(INDEX(Jesper!AH$2:AH$366,ROUNDDOWN($C7289/24,0)+1,1))-1)+IF('Standard Profiles'!$G$18=$B$10,7,0)+IF('Standard Profiles'!$G$18=$B$17,14,0)+IF('Standard Profiles'!$G$18=$B$24,21,0),0)),0)</f>
        <v>23.557749647789844</v>
      </c>
      <c r="E7289" cm="1">
        <f t="array" ref="E7289">IFERROR(INDEX(Jesper!AI$2:AI$366,ROUNDDOWN($C7289/24,0)+1,1)*INDEX($D$3:$AA$30,INDEX(Jesper!$R$2:$R$366,ROW(INDEX(Jesper!AI$2:AI$366,ROUNDDOWN($C7289/24,0)+1,1))-1)+IF('Standard Profiles'!$G$19=$B$10,7,0)+IF('Standard Profiles'!$G$19=$B$17,14,0)+IF('Standard Profiles'!$G$19=$B$24,21,0),MOD($C7289,24)+1)/SUM(INDEX($D$3:$AA$30,INDEX(Jesper!$R$2:$R$366,ROW(INDEX(Jesper!AI$2:AI$366,ROUNDDOWN($C7289/24,0)+1,1))-1)+IF('Standard Profiles'!$G$19=$B$10,7,0)+IF('Standard Profiles'!$G$19=$B$17,14,0)+IF('Standard Profiles'!$G$19=$B$24,21,0),0)),0)</f>
        <v>18.067780951208729</v>
      </c>
      <c r="F7289" cm="1">
        <f t="array" ref="F7289">IFERROR(INDEX(Jesper!AJ$2:AJ$366,ROUNDDOWN($C7289/24,0)+1,1)*INDEX($D$3:$AA$30,INDEX(Jesper!$R$2:$R$366,ROW(INDEX(Jesper!AJ$2:AJ$366,ROUNDDOWN($C7289/24,0)+1,1))-1)+IF('Standard Profiles'!$G$20=$B$10,7,0)+IF('Standard Profiles'!$G$20=$B$17,14,0)+IF('Standard Profiles'!$G$20=$B$24,21,0),MOD($C7289,24)+1)/SUM(INDEX($D$3:$AA$30,INDEX(Jesper!$R$2:$R$366,ROW(INDEX(Jesper!AJ$2:AJ$366,ROUNDDOWN($C7289/24,0)+1,1))-1)+IF('Standard Profiles'!$G$20=$B$10,7,0)+IF('Standard Profiles'!$G$20=$B$17,14,0)+IF('Standard Profiles'!$G$20=$B$24,21,0),0)),0)</f>
        <v>0</v>
      </c>
      <c r="G7289" cm="1">
        <f t="array" ref="G7289">IFERROR(INDEX(Jesper!AK$2:AK$366,ROUNDDOWN($C7289/24,0)+1,1)*INDEX($D$3:$AA$30,INDEX(Jesper!$R$2:$R$366,ROW(INDEX(Jesper!AK$2:AK$366,ROUNDDOWN($C7289/24,0)+1,1))-1)+IF('Standard Profiles'!$G$21=$B$10,7,0)+IF('Standard Profiles'!$G$21=$B$17,14,0)+IF('Standard Profiles'!$G$21=$B$24,21,0),MOD($C7289,24)+1)/SUM(INDEX($D$3:$AA$30,INDEX(Jesper!$R$2:$R$366,ROW(INDEX(Jesper!AK$2:AK$366,ROUNDDOWN($C7289/24,0)+1,1))-1)+IF('Standard Profiles'!$G$21=$B$10,7,0)+IF('Standard Profiles'!$G$21=$B$17,14,0)+IF('Standard Profiles'!$G$21=$B$24,21,0),0)),0)</f>
        <v>5.0895936776681943</v>
      </c>
      <c r="H7289" cm="1">
        <f t="array" ref="H7289">IFERROR(INDEX(Jesper!AL$2:AL$366,ROUNDDOWN($C7289/24,0)+1,1)*INDEX($D$3:$AA$30,INDEX(Jesper!$R$2:$R$366,ROW(INDEX(Jesper!AL$2:AL$366,ROUNDDOWN($C7289/24,0)+1,1))-1)+IF('Standard Profiles'!$G$22=$B$10,7,0)+IF('Standard Profiles'!$G$22=$B$17,14,0)+IF('Standard Profiles'!$G$22=$B$24,21,0),MOD($C7289,24)+1)/SUM(INDEX($D$3:$AA$30,INDEX(Jesper!$R$2:$R$366,ROW(INDEX(Jesper!AL$2:AL$366,ROUNDDOWN($C7289/24,0)+1,1))-1)+IF('Standard Profiles'!$G$22=$B$10,7,0)+IF('Standard Profiles'!$G$22=$B$17,14,0)+IF('Standard Profiles'!$G$22=$B$24,21,0),0)),0)</f>
        <v>0</v>
      </c>
      <c r="I7289">
        <f t="shared" si="811"/>
        <v>2.443004965280732</v>
      </c>
      <c r="J7289">
        <f t="shared" si="812"/>
        <v>40.502879367739659</v>
      </c>
      <c r="K7289">
        <f t="shared" si="813"/>
        <v>2.5128266290975834</v>
      </c>
      <c r="L7289">
        <f t="shared" si="814"/>
        <v>1.2564133145487917</v>
      </c>
      <c r="M7289">
        <f t="shared" si="815"/>
        <v>0</v>
      </c>
      <c r="N7289" s="45">
        <f t="shared" si="816"/>
        <v>45229.291666649071</v>
      </c>
    </row>
    <row r="7290" spans="2:14" x14ac:dyDescent="0.25">
      <c r="B7290">
        <f t="shared" si="810"/>
        <v>1</v>
      </c>
      <c r="C7290" s="16">
        <v>7256</v>
      </c>
      <c r="D7290" cm="1">
        <f t="array" ref="D7290">IFERROR(INDEX(Jesper!AH$2:AH$366,ROUNDDOWN($C7290/24,0)+1,1)*INDEX($D$3:$AA$30,INDEX(Jesper!$R$2:$R$366,ROW(INDEX(Jesper!AH$2:AH$366,ROUNDDOWN($C7290/24,0)+1,1))-1)+IF('Standard Profiles'!$G$18=$B$10,7,0)+IF('Standard Profiles'!$G$18=$B$17,14,0)+IF('Standard Profiles'!$G$18=$B$24,21,0),MOD($C7290,24)+1)/SUM(INDEX($D$3:$AA$30,INDEX(Jesper!$R$2:$R$366,ROW(INDEX(Jesper!AH$2:AH$366,ROUNDDOWN($C7290/24,0)+1,1))-1)+IF('Standard Profiles'!$G$18=$B$10,7,0)+IF('Standard Profiles'!$G$18=$B$17,14,0)+IF('Standard Profiles'!$G$18=$B$24,21,0),0)),0)</f>
        <v>26.502468353763572</v>
      </c>
      <c r="E7290" cm="1">
        <f t="array" ref="E7290">IFERROR(INDEX(Jesper!AI$2:AI$366,ROUNDDOWN($C7290/24,0)+1,1)*INDEX($D$3:$AA$30,INDEX(Jesper!$R$2:$R$366,ROW(INDEX(Jesper!AI$2:AI$366,ROUNDDOWN($C7290/24,0)+1,1))-1)+IF('Standard Profiles'!$G$19=$B$10,7,0)+IF('Standard Profiles'!$G$19=$B$17,14,0)+IF('Standard Profiles'!$G$19=$B$24,21,0),MOD($C7290,24)+1)/SUM(INDEX($D$3:$AA$30,INDEX(Jesper!$R$2:$R$366,ROW(INDEX(Jesper!AI$2:AI$366,ROUNDDOWN($C7290/24,0)+1,1))-1)+IF('Standard Profiles'!$G$19=$B$10,7,0)+IF('Standard Profiles'!$G$19=$B$17,14,0)+IF('Standard Profiles'!$G$19=$B$24,21,0),0)),0)</f>
        <v>20.32625357010982</v>
      </c>
      <c r="F7290" cm="1">
        <f t="array" ref="F7290">IFERROR(INDEX(Jesper!AJ$2:AJ$366,ROUNDDOWN($C7290/24,0)+1,1)*INDEX($D$3:$AA$30,INDEX(Jesper!$R$2:$R$366,ROW(INDEX(Jesper!AJ$2:AJ$366,ROUNDDOWN($C7290/24,0)+1,1))-1)+IF('Standard Profiles'!$G$20=$B$10,7,0)+IF('Standard Profiles'!$G$20=$B$17,14,0)+IF('Standard Profiles'!$G$20=$B$24,21,0),MOD($C7290,24)+1)/SUM(INDEX($D$3:$AA$30,INDEX(Jesper!$R$2:$R$366,ROW(INDEX(Jesper!AJ$2:AJ$366,ROUNDDOWN($C7290/24,0)+1,1))-1)+IF('Standard Profiles'!$G$20=$B$10,7,0)+IF('Standard Profiles'!$G$20=$B$17,14,0)+IF('Standard Profiles'!$G$20=$B$24,21,0),0)),0)</f>
        <v>0</v>
      </c>
      <c r="G7290" cm="1">
        <f t="array" ref="G7290">IFERROR(INDEX(Jesper!AK$2:AK$366,ROUNDDOWN($C7290/24,0)+1,1)*INDEX($D$3:$AA$30,INDEX(Jesper!$R$2:$R$366,ROW(INDEX(Jesper!AK$2:AK$366,ROUNDDOWN($C7290/24,0)+1,1))-1)+IF('Standard Profiles'!$G$21=$B$10,7,0)+IF('Standard Profiles'!$G$21=$B$17,14,0)+IF('Standard Profiles'!$G$21=$B$24,21,0),MOD($C7290,24)+1)/SUM(INDEX($D$3:$AA$30,INDEX(Jesper!$R$2:$R$366,ROW(INDEX(Jesper!AK$2:AK$366,ROUNDDOWN($C7290/24,0)+1,1))-1)+IF('Standard Profiles'!$G$21=$B$10,7,0)+IF('Standard Profiles'!$G$21=$B$17,14,0)+IF('Standard Profiles'!$G$21=$B$24,21,0),0)),0)</f>
        <v>5.725792887376719</v>
      </c>
      <c r="H7290" cm="1">
        <f t="array" ref="H7290">IFERROR(INDEX(Jesper!AL$2:AL$366,ROUNDDOWN($C7290/24,0)+1,1)*INDEX($D$3:$AA$30,INDEX(Jesper!$R$2:$R$366,ROW(INDEX(Jesper!AL$2:AL$366,ROUNDDOWN($C7290/24,0)+1,1))-1)+IF('Standard Profiles'!$G$22=$B$10,7,0)+IF('Standard Profiles'!$G$22=$B$17,14,0)+IF('Standard Profiles'!$G$22=$B$24,21,0),MOD($C7290,24)+1)/SUM(INDEX($D$3:$AA$30,INDEX(Jesper!$R$2:$R$366,ROW(INDEX(Jesper!AL$2:AL$366,ROUNDDOWN($C7290/24,0)+1,1))-1)+IF('Standard Profiles'!$G$22=$B$10,7,0)+IF('Standard Profiles'!$G$22=$B$17,14,0)+IF('Standard Profiles'!$G$22=$B$24,21,0),0)),0)</f>
        <v>0</v>
      </c>
      <c r="I7290">
        <f t="shared" si="811"/>
        <v>2.7483805859408239</v>
      </c>
      <c r="J7290">
        <f t="shared" si="812"/>
        <v>45.565739288707114</v>
      </c>
      <c r="K7290">
        <f t="shared" si="813"/>
        <v>2.8269299577347811</v>
      </c>
      <c r="L7290">
        <f t="shared" si="814"/>
        <v>1.4134649788673905</v>
      </c>
      <c r="M7290">
        <f t="shared" si="815"/>
        <v>0</v>
      </c>
      <c r="N7290" s="45">
        <f t="shared" si="816"/>
        <v>45229.333333315735</v>
      </c>
    </row>
    <row r="7291" spans="2:14" x14ac:dyDescent="0.25">
      <c r="B7291">
        <f t="shared" si="810"/>
        <v>1</v>
      </c>
      <c r="C7291" s="16">
        <v>7257</v>
      </c>
      <c r="D7291" cm="1">
        <f t="array" ref="D7291">IFERROR(INDEX(Jesper!AH$2:AH$366,ROUNDDOWN($C7291/24,0)+1,1)*INDEX($D$3:$AA$30,INDEX(Jesper!$R$2:$R$366,ROW(INDEX(Jesper!AH$2:AH$366,ROUNDDOWN($C7291/24,0)+1,1))-1)+IF('Standard Profiles'!$G$18=$B$10,7,0)+IF('Standard Profiles'!$G$18=$B$17,14,0)+IF('Standard Profiles'!$G$18=$B$24,21,0),MOD($C7291,24)+1)/SUM(INDEX($D$3:$AA$30,INDEX(Jesper!$R$2:$R$366,ROW(INDEX(Jesper!AH$2:AH$366,ROUNDDOWN($C7291/24,0)+1,1))-1)+IF('Standard Profiles'!$G$18=$B$10,7,0)+IF('Standard Profiles'!$G$18=$B$17,14,0)+IF('Standard Profiles'!$G$18=$B$24,21,0),0)),0)</f>
        <v>29.447187059737303</v>
      </c>
      <c r="E7291" cm="1">
        <f t="array" ref="E7291">IFERROR(INDEX(Jesper!AI$2:AI$366,ROUNDDOWN($C7291/24,0)+1,1)*INDEX($D$3:$AA$30,INDEX(Jesper!$R$2:$R$366,ROW(INDEX(Jesper!AI$2:AI$366,ROUNDDOWN($C7291/24,0)+1,1))-1)+IF('Standard Profiles'!$G$19=$B$10,7,0)+IF('Standard Profiles'!$G$19=$B$17,14,0)+IF('Standard Profiles'!$G$19=$B$24,21,0),MOD($C7291,24)+1)/SUM(INDEX($D$3:$AA$30,INDEX(Jesper!$R$2:$R$366,ROW(INDEX(Jesper!AI$2:AI$366,ROUNDDOWN($C7291/24,0)+1,1))-1)+IF('Standard Profiles'!$G$19=$B$10,7,0)+IF('Standard Profiles'!$G$19=$B$17,14,0)+IF('Standard Profiles'!$G$19=$B$24,21,0),0)),0)</f>
        <v>22.584726189010912</v>
      </c>
      <c r="F7291" cm="1">
        <f t="array" ref="F7291">IFERROR(INDEX(Jesper!AJ$2:AJ$366,ROUNDDOWN($C7291/24,0)+1,1)*INDEX($D$3:$AA$30,INDEX(Jesper!$R$2:$R$366,ROW(INDEX(Jesper!AJ$2:AJ$366,ROUNDDOWN($C7291/24,0)+1,1))-1)+IF('Standard Profiles'!$G$20=$B$10,7,0)+IF('Standard Profiles'!$G$20=$B$17,14,0)+IF('Standard Profiles'!$G$20=$B$24,21,0),MOD($C7291,24)+1)/SUM(INDEX($D$3:$AA$30,INDEX(Jesper!$R$2:$R$366,ROW(INDEX(Jesper!AJ$2:AJ$366,ROUNDDOWN($C7291/24,0)+1,1))-1)+IF('Standard Profiles'!$G$20=$B$10,7,0)+IF('Standard Profiles'!$G$20=$B$17,14,0)+IF('Standard Profiles'!$G$20=$B$24,21,0),0)),0)</f>
        <v>0</v>
      </c>
      <c r="G7291" cm="1">
        <f t="array" ref="G7291">IFERROR(INDEX(Jesper!AK$2:AK$366,ROUNDDOWN($C7291/24,0)+1,1)*INDEX($D$3:$AA$30,INDEX(Jesper!$R$2:$R$366,ROW(INDEX(Jesper!AK$2:AK$366,ROUNDDOWN($C7291/24,0)+1,1))-1)+IF('Standard Profiles'!$G$21=$B$10,7,0)+IF('Standard Profiles'!$G$21=$B$17,14,0)+IF('Standard Profiles'!$G$21=$B$24,21,0),MOD($C7291,24)+1)/SUM(INDEX($D$3:$AA$30,INDEX(Jesper!$R$2:$R$366,ROW(INDEX(Jesper!AK$2:AK$366,ROUNDDOWN($C7291/24,0)+1,1))-1)+IF('Standard Profiles'!$G$21=$B$10,7,0)+IF('Standard Profiles'!$G$21=$B$17,14,0)+IF('Standard Profiles'!$G$21=$B$24,21,0),0)),0)</f>
        <v>6.3619920970852428</v>
      </c>
      <c r="H7291" cm="1">
        <f t="array" ref="H7291">IFERROR(INDEX(Jesper!AL$2:AL$366,ROUNDDOWN($C7291/24,0)+1,1)*INDEX($D$3:$AA$30,INDEX(Jesper!$R$2:$R$366,ROW(INDEX(Jesper!AL$2:AL$366,ROUNDDOWN($C7291/24,0)+1,1))-1)+IF('Standard Profiles'!$G$22=$B$10,7,0)+IF('Standard Profiles'!$G$22=$B$17,14,0)+IF('Standard Profiles'!$G$22=$B$24,21,0),MOD($C7291,24)+1)/SUM(INDEX($D$3:$AA$30,INDEX(Jesper!$R$2:$R$366,ROW(INDEX(Jesper!AL$2:AL$366,ROUNDDOWN($C7291/24,0)+1,1))-1)+IF('Standard Profiles'!$G$22=$B$10,7,0)+IF('Standard Profiles'!$G$22=$B$17,14,0)+IF('Standard Profiles'!$G$22=$B$24,21,0),0)),0)</f>
        <v>0</v>
      </c>
      <c r="I7291">
        <f t="shared" si="811"/>
        <v>3.053756206600915</v>
      </c>
      <c r="J7291">
        <f t="shared" si="812"/>
        <v>50.628599209674576</v>
      </c>
      <c r="K7291">
        <f t="shared" si="813"/>
        <v>3.1410332863719792</v>
      </c>
      <c r="L7291">
        <f t="shared" si="814"/>
        <v>1.5705166431859896</v>
      </c>
      <c r="M7291">
        <f t="shared" si="815"/>
        <v>0</v>
      </c>
      <c r="N7291" s="45">
        <f t="shared" si="816"/>
        <v>45229.374999982399</v>
      </c>
    </row>
    <row r="7292" spans="2:14" x14ac:dyDescent="0.25">
      <c r="B7292">
        <f t="shared" si="810"/>
        <v>1</v>
      </c>
      <c r="C7292" s="16">
        <v>7258</v>
      </c>
      <c r="D7292" cm="1">
        <f t="array" ref="D7292">IFERROR(INDEX(Jesper!AH$2:AH$366,ROUNDDOWN($C7292/24,0)+1,1)*INDEX($D$3:$AA$30,INDEX(Jesper!$R$2:$R$366,ROW(INDEX(Jesper!AH$2:AH$366,ROUNDDOWN($C7292/24,0)+1,1))-1)+IF('Standard Profiles'!$G$18=$B$10,7,0)+IF('Standard Profiles'!$G$18=$B$17,14,0)+IF('Standard Profiles'!$G$18=$B$24,21,0),MOD($C7292,24)+1)/SUM(INDEX($D$3:$AA$30,INDEX(Jesper!$R$2:$R$366,ROW(INDEX(Jesper!AH$2:AH$366,ROUNDDOWN($C7292/24,0)+1,1))-1)+IF('Standard Profiles'!$G$18=$B$10,7,0)+IF('Standard Profiles'!$G$18=$B$17,14,0)+IF('Standard Profiles'!$G$18=$B$24,21,0),0)),0)</f>
        <v>29.447187059737303</v>
      </c>
      <c r="E7292" cm="1">
        <f t="array" ref="E7292">IFERROR(INDEX(Jesper!AI$2:AI$366,ROUNDDOWN($C7292/24,0)+1,1)*INDEX($D$3:$AA$30,INDEX(Jesper!$R$2:$R$366,ROW(INDEX(Jesper!AI$2:AI$366,ROUNDDOWN($C7292/24,0)+1,1))-1)+IF('Standard Profiles'!$G$19=$B$10,7,0)+IF('Standard Profiles'!$G$19=$B$17,14,0)+IF('Standard Profiles'!$G$19=$B$24,21,0),MOD($C7292,24)+1)/SUM(INDEX($D$3:$AA$30,INDEX(Jesper!$R$2:$R$366,ROW(INDEX(Jesper!AI$2:AI$366,ROUNDDOWN($C7292/24,0)+1,1))-1)+IF('Standard Profiles'!$G$19=$B$10,7,0)+IF('Standard Profiles'!$G$19=$B$17,14,0)+IF('Standard Profiles'!$G$19=$B$24,21,0),0)),0)</f>
        <v>22.584726189010912</v>
      </c>
      <c r="F7292" cm="1">
        <f t="array" ref="F7292">IFERROR(INDEX(Jesper!AJ$2:AJ$366,ROUNDDOWN($C7292/24,0)+1,1)*INDEX($D$3:$AA$30,INDEX(Jesper!$R$2:$R$366,ROW(INDEX(Jesper!AJ$2:AJ$366,ROUNDDOWN($C7292/24,0)+1,1))-1)+IF('Standard Profiles'!$G$20=$B$10,7,0)+IF('Standard Profiles'!$G$20=$B$17,14,0)+IF('Standard Profiles'!$G$20=$B$24,21,0),MOD($C7292,24)+1)/SUM(INDEX($D$3:$AA$30,INDEX(Jesper!$R$2:$R$366,ROW(INDEX(Jesper!AJ$2:AJ$366,ROUNDDOWN($C7292/24,0)+1,1))-1)+IF('Standard Profiles'!$G$20=$B$10,7,0)+IF('Standard Profiles'!$G$20=$B$17,14,0)+IF('Standard Profiles'!$G$20=$B$24,21,0),0)),0)</f>
        <v>0</v>
      </c>
      <c r="G7292" cm="1">
        <f t="array" ref="G7292">IFERROR(INDEX(Jesper!AK$2:AK$366,ROUNDDOWN($C7292/24,0)+1,1)*INDEX($D$3:$AA$30,INDEX(Jesper!$R$2:$R$366,ROW(INDEX(Jesper!AK$2:AK$366,ROUNDDOWN($C7292/24,0)+1,1))-1)+IF('Standard Profiles'!$G$21=$B$10,7,0)+IF('Standard Profiles'!$G$21=$B$17,14,0)+IF('Standard Profiles'!$G$21=$B$24,21,0),MOD($C7292,24)+1)/SUM(INDEX($D$3:$AA$30,INDEX(Jesper!$R$2:$R$366,ROW(INDEX(Jesper!AK$2:AK$366,ROUNDDOWN($C7292/24,0)+1,1))-1)+IF('Standard Profiles'!$G$21=$B$10,7,0)+IF('Standard Profiles'!$G$21=$B$17,14,0)+IF('Standard Profiles'!$G$21=$B$24,21,0),0)),0)</f>
        <v>6.3619920970852428</v>
      </c>
      <c r="H7292" cm="1">
        <f t="array" ref="H7292">IFERROR(INDEX(Jesper!AL$2:AL$366,ROUNDDOWN($C7292/24,0)+1,1)*INDEX($D$3:$AA$30,INDEX(Jesper!$R$2:$R$366,ROW(INDEX(Jesper!AL$2:AL$366,ROUNDDOWN($C7292/24,0)+1,1))-1)+IF('Standard Profiles'!$G$22=$B$10,7,0)+IF('Standard Profiles'!$G$22=$B$17,14,0)+IF('Standard Profiles'!$G$22=$B$24,21,0),MOD($C7292,24)+1)/SUM(INDEX($D$3:$AA$30,INDEX(Jesper!$R$2:$R$366,ROW(INDEX(Jesper!AL$2:AL$366,ROUNDDOWN($C7292/24,0)+1,1))-1)+IF('Standard Profiles'!$G$22=$B$10,7,0)+IF('Standard Profiles'!$G$22=$B$17,14,0)+IF('Standard Profiles'!$G$22=$B$24,21,0),0)),0)</f>
        <v>0</v>
      </c>
      <c r="I7292">
        <f t="shared" si="811"/>
        <v>3.053756206600915</v>
      </c>
      <c r="J7292">
        <f t="shared" si="812"/>
        <v>50.628599209674576</v>
      </c>
      <c r="K7292">
        <f t="shared" si="813"/>
        <v>3.1410332863719792</v>
      </c>
      <c r="L7292">
        <f t="shared" si="814"/>
        <v>1.5705166431859896</v>
      </c>
      <c r="M7292">
        <f t="shared" si="815"/>
        <v>0</v>
      </c>
      <c r="N7292" s="45">
        <f t="shared" si="816"/>
        <v>45229.416666649064</v>
      </c>
    </row>
    <row r="7293" spans="2:14" x14ac:dyDescent="0.25">
      <c r="B7293">
        <f t="shared" si="810"/>
        <v>1</v>
      </c>
      <c r="C7293" s="16">
        <v>7259</v>
      </c>
      <c r="D7293" cm="1">
        <f t="array" ref="D7293">IFERROR(INDEX(Jesper!AH$2:AH$366,ROUNDDOWN($C7293/24,0)+1,1)*INDEX($D$3:$AA$30,INDEX(Jesper!$R$2:$R$366,ROW(INDEX(Jesper!AH$2:AH$366,ROUNDDOWN($C7293/24,0)+1,1))-1)+IF('Standard Profiles'!$G$18=$B$10,7,0)+IF('Standard Profiles'!$G$18=$B$17,14,0)+IF('Standard Profiles'!$G$18=$B$24,21,0),MOD($C7293,24)+1)/SUM(INDEX($D$3:$AA$30,INDEX(Jesper!$R$2:$R$366,ROW(INDEX(Jesper!AH$2:AH$366,ROUNDDOWN($C7293/24,0)+1,1))-1)+IF('Standard Profiles'!$G$18=$B$10,7,0)+IF('Standard Profiles'!$G$18=$B$17,14,0)+IF('Standard Profiles'!$G$18=$B$24,21,0),0)),0)</f>
        <v>35.336624471684758</v>
      </c>
      <c r="E7293" cm="1">
        <f t="array" ref="E7293">IFERROR(INDEX(Jesper!AI$2:AI$366,ROUNDDOWN($C7293/24,0)+1,1)*INDEX($D$3:$AA$30,INDEX(Jesper!$R$2:$R$366,ROW(INDEX(Jesper!AI$2:AI$366,ROUNDDOWN($C7293/24,0)+1,1))-1)+IF('Standard Profiles'!$G$19=$B$10,7,0)+IF('Standard Profiles'!$G$19=$B$17,14,0)+IF('Standard Profiles'!$G$19=$B$24,21,0),MOD($C7293,24)+1)/SUM(INDEX($D$3:$AA$30,INDEX(Jesper!$R$2:$R$366,ROW(INDEX(Jesper!AI$2:AI$366,ROUNDDOWN($C7293/24,0)+1,1))-1)+IF('Standard Profiles'!$G$19=$B$10,7,0)+IF('Standard Profiles'!$G$19=$B$17,14,0)+IF('Standard Profiles'!$G$19=$B$24,21,0),0)),0)</f>
        <v>27.101671426813088</v>
      </c>
      <c r="F7293" cm="1">
        <f t="array" ref="F7293">IFERROR(INDEX(Jesper!AJ$2:AJ$366,ROUNDDOWN($C7293/24,0)+1,1)*INDEX($D$3:$AA$30,INDEX(Jesper!$R$2:$R$366,ROW(INDEX(Jesper!AJ$2:AJ$366,ROUNDDOWN($C7293/24,0)+1,1))-1)+IF('Standard Profiles'!$G$20=$B$10,7,0)+IF('Standard Profiles'!$G$20=$B$17,14,0)+IF('Standard Profiles'!$G$20=$B$24,21,0),MOD($C7293,24)+1)/SUM(INDEX($D$3:$AA$30,INDEX(Jesper!$R$2:$R$366,ROW(INDEX(Jesper!AJ$2:AJ$366,ROUNDDOWN($C7293/24,0)+1,1))-1)+IF('Standard Profiles'!$G$20=$B$10,7,0)+IF('Standard Profiles'!$G$20=$B$17,14,0)+IF('Standard Profiles'!$G$20=$B$24,21,0),0)),0)</f>
        <v>0</v>
      </c>
      <c r="G7293" cm="1">
        <f t="array" ref="G7293">IFERROR(INDEX(Jesper!AK$2:AK$366,ROUNDDOWN($C7293/24,0)+1,1)*INDEX($D$3:$AA$30,INDEX(Jesper!$R$2:$R$366,ROW(INDEX(Jesper!AK$2:AK$366,ROUNDDOWN($C7293/24,0)+1,1))-1)+IF('Standard Profiles'!$G$21=$B$10,7,0)+IF('Standard Profiles'!$G$21=$B$17,14,0)+IF('Standard Profiles'!$G$21=$B$24,21,0),MOD($C7293,24)+1)/SUM(INDEX($D$3:$AA$30,INDEX(Jesper!$R$2:$R$366,ROW(INDEX(Jesper!AK$2:AK$366,ROUNDDOWN($C7293/24,0)+1,1))-1)+IF('Standard Profiles'!$G$21=$B$10,7,0)+IF('Standard Profiles'!$G$21=$B$17,14,0)+IF('Standard Profiles'!$G$21=$B$24,21,0),0)),0)</f>
        <v>7.6343905165022905</v>
      </c>
      <c r="H7293" cm="1">
        <f t="array" ref="H7293">IFERROR(INDEX(Jesper!AL$2:AL$366,ROUNDDOWN($C7293/24,0)+1,1)*INDEX($D$3:$AA$30,INDEX(Jesper!$R$2:$R$366,ROW(INDEX(Jesper!AL$2:AL$366,ROUNDDOWN($C7293/24,0)+1,1))-1)+IF('Standard Profiles'!$G$22=$B$10,7,0)+IF('Standard Profiles'!$G$22=$B$17,14,0)+IF('Standard Profiles'!$G$22=$B$24,21,0),MOD($C7293,24)+1)/SUM(INDEX($D$3:$AA$30,INDEX(Jesper!$R$2:$R$366,ROW(INDEX(Jesper!AL$2:AL$366,ROUNDDOWN($C7293/24,0)+1,1))-1)+IF('Standard Profiles'!$G$22=$B$10,7,0)+IF('Standard Profiles'!$G$22=$B$17,14,0)+IF('Standard Profiles'!$G$22=$B$24,21,0),0)),0)</f>
        <v>0</v>
      </c>
      <c r="I7293">
        <f t="shared" si="811"/>
        <v>3.6645074479210975</v>
      </c>
      <c r="J7293">
        <f t="shared" si="812"/>
        <v>60.754319051609471</v>
      </c>
      <c r="K7293">
        <f t="shared" si="813"/>
        <v>3.7692399436463742</v>
      </c>
      <c r="L7293">
        <f t="shared" si="814"/>
        <v>1.8846199718231871</v>
      </c>
      <c r="M7293">
        <f t="shared" si="815"/>
        <v>0</v>
      </c>
      <c r="N7293" s="45">
        <f t="shared" si="816"/>
        <v>45229.458333315728</v>
      </c>
    </row>
    <row r="7294" spans="2:14" x14ac:dyDescent="0.25">
      <c r="B7294">
        <f t="shared" si="810"/>
        <v>1</v>
      </c>
      <c r="C7294" s="16">
        <v>7260</v>
      </c>
      <c r="D7294" cm="1">
        <f t="array" ref="D7294">IFERROR(INDEX(Jesper!AH$2:AH$366,ROUNDDOWN($C7294/24,0)+1,1)*INDEX($D$3:$AA$30,INDEX(Jesper!$R$2:$R$366,ROW(INDEX(Jesper!AH$2:AH$366,ROUNDDOWN($C7294/24,0)+1,1))-1)+IF('Standard Profiles'!$G$18=$B$10,7,0)+IF('Standard Profiles'!$G$18=$B$17,14,0)+IF('Standard Profiles'!$G$18=$B$24,21,0),MOD($C7294,24)+1)/SUM(INDEX($D$3:$AA$30,INDEX(Jesper!$R$2:$R$366,ROW(INDEX(Jesper!AH$2:AH$366,ROUNDDOWN($C7294/24,0)+1,1))-1)+IF('Standard Profiles'!$G$18=$B$10,7,0)+IF('Standard Profiles'!$G$18=$B$17,14,0)+IF('Standard Profiles'!$G$18=$B$24,21,0),0)),0)</f>
        <v>35.336624471684758</v>
      </c>
      <c r="E7294" cm="1">
        <f t="array" ref="E7294">IFERROR(INDEX(Jesper!AI$2:AI$366,ROUNDDOWN($C7294/24,0)+1,1)*INDEX($D$3:$AA$30,INDEX(Jesper!$R$2:$R$366,ROW(INDEX(Jesper!AI$2:AI$366,ROUNDDOWN($C7294/24,0)+1,1))-1)+IF('Standard Profiles'!$G$19=$B$10,7,0)+IF('Standard Profiles'!$G$19=$B$17,14,0)+IF('Standard Profiles'!$G$19=$B$24,21,0),MOD($C7294,24)+1)/SUM(INDEX($D$3:$AA$30,INDEX(Jesper!$R$2:$R$366,ROW(INDEX(Jesper!AI$2:AI$366,ROUNDDOWN($C7294/24,0)+1,1))-1)+IF('Standard Profiles'!$G$19=$B$10,7,0)+IF('Standard Profiles'!$G$19=$B$17,14,0)+IF('Standard Profiles'!$G$19=$B$24,21,0),0)),0)</f>
        <v>27.101671426813088</v>
      </c>
      <c r="F7294" cm="1">
        <f t="array" ref="F7294">IFERROR(INDEX(Jesper!AJ$2:AJ$366,ROUNDDOWN($C7294/24,0)+1,1)*INDEX($D$3:$AA$30,INDEX(Jesper!$R$2:$R$366,ROW(INDEX(Jesper!AJ$2:AJ$366,ROUNDDOWN($C7294/24,0)+1,1))-1)+IF('Standard Profiles'!$G$20=$B$10,7,0)+IF('Standard Profiles'!$G$20=$B$17,14,0)+IF('Standard Profiles'!$G$20=$B$24,21,0),MOD($C7294,24)+1)/SUM(INDEX($D$3:$AA$30,INDEX(Jesper!$R$2:$R$366,ROW(INDEX(Jesper!AJ$2:AJ$366,ROUNDDOWN($C7294/24,0)+1,1))-1)+IF('Standard Profiles'!$G$20=$B$10,7,0)+IF('Standard Profiles'!$G$20=$B$17,14,0)+IF('Standard Profiles'!$G$20=$B$24,21,0),0)),0)</f>
        <v>0</v>
      </c>
      <c r="G7294" cm="1">
        <f t="array" ref="G7294">IFERROR(INDEX(Jesper!AK$2:AK$366,ROUNDDOWN($C7294/24,0)+1,1)*INDEX($D$3:$AA$30,INDEX(Jesper!$R$2:$R$366,ROW(INDEX(Jesper!AK$2:AK$366,ROUNDDOWN($C7294/24,0)+1,1))-1)+IF('Standard Profiles'!$G$21=$B$10,7,0)+IF('Standard Profiles'!$G$21=$B$17,14,0)+IF('Standard Profiles'!$G$21=$B$24,21,0),MOD($C7294,24)+1)/SUM(INDEX($D$3:$AA$30,INDEX(Jesper!$R$2:$R$366,ROW(INDEX(Jesper!AK$2:AK$366,ROUNDDOWN($C7294/24,0)+1,1))-1)+IF('Standard Profiles'!$G$21=$B$10,7,0)+IF('Standard Profiles'!$G$21=$B$17,14,0)+IF('Standard Profiles'!$G$21=$B$24,21,0),0)),0)</f>
        <v>7.6343905165022905</v>
      </c>
      <c r="H7294" cm="1">
        <f t="array" ref="H7294">IFERROR(INDEX(Jesper!AL$2:AL$366,ROUNDDOWN($C7294/24,0)+1,1)*INDEX($D$3:$AA$30,INDEX(Jesper!$R$2:$R$366,ROW(INDEX(Jesper!AL$2:AL$366,ROUNDDOWN($C7294/24,0)+1,1))-1)+IF('Standard Profiles'!$G$22=$B$10,7,0)+IF('Standard Profiles'!$G$22=$B$17,14,0)+IF('Standard Profiles'!$G$22=$B$24,21,0),MOD($C7294,24)+1)/SUM(INDEX($D$3:$AA$30,INDEX(Jesper!$R$2:$R$366,ROW(INDEX(Jesper!AL$2:AL$366,ROUNDDOWN($C7294/24,0)+1,1))-1)+IF('Standard Profiles'!$G$22=$B$10,7,0)+IF('Standard Profiles'!$G$22=$B$17,14,0)+IF('Standard Profiles'!$G$22=$B$24,21,0),0)),0)</f>
        <v>0</v>
      </c>
      <c r="I7294">
        <f t="shared" si="811"/>
        <v>3.6645074479210975</v>
      </c>
      <c r="J7294">
        <f t="shared" si="812"/>
        <v>60.754319051609471</v>
      </c>
      <c r="K7294">
        <f t="shared" si="813"/>
        <v>3.7692399436463742</v>
      </c>
      <c r="L7294">
        <f t="shared" si="814"/>
        <v>1.8846199718231871</v>
      </c>
      <c r="M7294">
        <f t="shared" si="815"/>
        <v>0</v>
      </c>
      <c r="N7294" s="45">
        <f t="shared" si="816"/>
        <v>45229.499999982392</v>
      </c>
    </row>
    <row r="7295" spans="2:14" x14ac:dyDescent="0.25">
      <c r="B7295">
        <f t="shared" si="810"/>
        <v>1</v>
      </c>
      <c r="C7295" s="16">
        <v>7261</v>
      </c>
      <c r="D7295" cm="1">
        <f t="array" ref="D7295">IFERROR(INDEX(Jesper!AH$2:AH$366,ROUNDDOWN($C7295/24,0)+1,1)*INDEX($D$3:$AA$30,INDEX(Jesper!$R$2:$R$366,ROW(INDEX(Jesper!AH$2:AH$366,ROUNDDOWN($C7295/24,0)+1,1))-1)+IF('Standard Profiles'!$G$18=$B$10,7,0)+IF('Standard Profiles'!$G$18=$B$17,14,0)+IF('Standard Profiles'!$G$18=$B$24,21,0),MOD($C7295,24)+1)/SUM(INDEX($D$3:$AA$30,INDEX(Jesper!$R$2:$R$366,ROW(INDEX(Jesper!AH$2:AH$366,ROUNDDOWN($C7295/24,0)+1,1))-1)+IF('Standard Profiles'!$G$18=$B$10,7,0)+IF('Standard Profiles'!$G$18=$B$17,14,0)+IF('Standard Profiles'!$G$18=$B$24,21,0),0)),0)</f>
        <v>23.557749647789844</v>
      </c>
      <c r="E7295" cm="1">
        <f t="array" ref="E7295">IFERROR(INDEX(Jesper!AI$2:AI$366,ROUNDDOWN($C7295/24,0)+1,1)*INDEX($D$3:$AA$30,INDEX(Jesper!$R$2:$R$366,ROW(INDEX(Jesper!AI$2:AI$366,ROUNDDOWN($C7295/24,0)+1,1))-1)+IF('Standard Profiles'!$G$19=$B$10,7,0)+IF('Standard Profiles'!$G$19=$B$17,14,0)+IF('Standard Profiles'!$G$19=$B$24,21,0),MOD($C7295,24)+1)/SUM(INDEX($D$3:$AA$30,INDEX(Jesper!$R$2:$R$366,ROW(INDEX(Jesper!AI$2:AI$366,ROUNDDOWN($C7295/24,0)+1,1))-1)+IF('Standard Profiles'!$G$19=$B$10,7,0)+IF('Standard Profiles'!$G$19=$B$17,14,0)+IF('Standard Profiles'!$G$19=$B$24,21,0),0)),0)</f>
        <v>18.067780951208729</v>
      </c>
      <c r="F7295" cm="1">
        <f t="array" ref="F7295">IFERROR(INDEX(Jesper!AJ$2:AJ$366,ROUNDDOWN($C7295/24,0)+1,1)*INDEX($D$3:$AA$30,INDEX(Jesper!$R$2:$R$366,ROW(INDEX(Jesper!AJ$2:AJ$366,ROUNDDOWN($C7295/24,0)+1,1))-1)+IF('Standard Profiles'!$G$20=$B$10,7,0)+IF('Standard Profiles'!$G$20=$B$17,14,0)+IF('Standard Profiles'!$G$20=$B$24,21,0),MOD($C7295,24)+1)/SUM(INDEX($D$3:$AA$30,INDEX(Jesper!$R$2:$R$366,ROW(INDEX(Jesper!AJ$2:AJ$366,ROUNDDOWN($C7295/24,0)+1,1))-1)+IF('Standard Profiles'!$G$20=$B$10,7,0)+IF('Standard Profiles'!$G$20=$B$17,14,0)+IF('Standard Profiles'!$G$20=$B$24,21,0),0)),0)</f>
        <v>0</v>
      </c>
      <c r="G7295" cm="1">
        <f t="array" ref="G7295">IFERROR(INDEX(Jesper!AK$2:AK$366,ROUNDDOWN($C7295/24,0)+1,1)*INDEX($D$3:$AA$30,INDEX(Jesper!$R$2:$R$366,ROW(INDEX(Jesper!AK$2:AK$366,ROUNDDOWN($C7295/24,0)+1,1))-1)+IF('Standard Profiles'!$G$21=$B$10,7,0)+IF('Standard Profiles'!$G$21=$B$17,14,0)+IF('Standard Profiles'!$G$21=$B$24,21,0),MOD($C7295,24)+1)/SUM(INDEX($D$3:$AA$30,INDEX(Jesper!$R$2:$R$366,ROW(INDEX(Jesper!AK$2:AK$366,ROUNDDOWN($C7295/24,0)+1,1))-1)+IF('Standard Profiles'!$G$21=$B$10,7,0)+IF('Standard Profiles'!$G$21=$B$17,14,0)+IF('Standard Profiles'!$G$21=$B$24,21,0),0)),0)</f>
        <v>5.0895936776681943</v>
      </c>
      <c r="H7295" cm="1">
        <f t="array" ref="H7295">IFERROR(INDEX(Jesper!AL$2:AL$366,ROUNDDOWN($C7295/24,0)+1,1)*INDEX($D$3:$AA$30,INDEX(Jesper!$R$2:$R$366,ROW(INDEX(Jesper!AL$2:AL$366,ROUNDDOWN($C7295/24,0)+1,1))-1)+IF('Standard Profiles'!$G$22=$B$10,7,0)+IF('Standard Profiles'!$G$22=$B$17,14,0)+IF('Standard Profiles'!$G$22=$B$24,21,0),MOD($C7295,24)+1)/SUM(INDEX($D$3:$AA$30,INDEX(Jesper!$R$2:$R$366,ROW(INDEX(Jesper!AL$2:AL$366,ROUNDDOWN($C7295/24,0)+1,1))-1)+IF('Standard Profiles'!$G$22=$B$10,7,0)+IF('Standard Profiles'!$G$22=$B$17,14,0)+IF('Standard Profiles'!$G$22=$B$24,21,0),0)),0)</f>
        <v>0</v>
      </c>
      <c r="I7295">
        <f t="shared" si="811"/>
        <v>2.443004965280732</v>
      </c>
      <c r="J7295">
        <f t="shared" si="812"/>
        <v>40.502879367739659</v>
      </c>
      <c r="K7295">
        <f t="shared" si="813"/>
        <v>2.5128266290975834</v>
      </c>
      <c r="L7295">
        <f t="shared" si="814"/>
        <v>1.2564133145487917</v>
      </c>
      <c r="M7295">
        <f t="shared" si="815"/>
        <v>0</v>
      </c>
      <c r="N7295" s="45">
        <f t="shared" si="816"/>
        <v>45229.541666649056</v>
      </c>
    </row>
    <row r="7296" spans="2:14" x14ac:dyDescent="0.25">
      <c r="B7296">
        <f t="shared" si="810"/>
        <v>1</v>
      </c>
      <c r="C7296" s="16">
        <v>7262</v>
      </c>
      <c r="D7296" cm="1">
        <f t="array" ref="D7296">IFERROR(INDEX(Jesper!AH$2:AH$366,ROUNDDOWN($C7296/24,0)+1,1)*INDEX($D$3:$AA$30,INDEX(Jesper!$R$2:$R$366,ROW(INDEX(Jesper!AH$2:AH$366,ROUNDDOWN($C7296/24,0)+1,1))-1)+IF('Standard Profiles'!$G$18=$B$10,7,0)+IF('Standard Profiles'!$G$18=$B$17,14,0)+IF('Standard Profiles'!$G$18=$B$24,21,0),MOD($C7296,24)+1)/SUM(INDEX($D$3:$AA$30,INDEX(Jesper!$R$2:$R$366,ROW(INDEX(Jesper!AH$2:AH$366,ROUNDDOWN($C7296/24,0)+1,1))-1)+IF('Standard Profiles'!$G$18=$B$10,7,0)+IF('Standard Profiles'!$G$18=$B$17,14,0)+IF('Standard Profiles'!$G$18=$B$24,21,0),0)),0)</f>
        <v>35.336624471684758</v>
      </c>
      <c r="E7296" cm="1">
        <f t="array" ref="E7296">IFERROR(INDEX(Jesper!AI$2:AI$366,ROUNDDOWN($C7296/24,0)+1,1)*INDEX($D$3:$AA$30,INDEX(Jesper!$R$2:$R$366,ROW(INDEX(Jesper!AI$2:AI$366,ROUNDDOWN($C7296/24,0)+1,1))-1)+IF('Standard Profiles'!$G$19=$B$10,7,0)+IF('Standard Profiles'!$G$19=$B$17,14,0)+IF('Standard Profiles'!$G$19=$B$24,21,0),MOD($C7296,24)+1)/SUM(INDEX($D$3:$AA$30,INDEX(Jesper!$R$2:$R$366,ROW(INDEX(Jesper!AI$2:AI$366,ROUNDDOWN($C7296/24,0)+1,1))-1)+IF('Standard Profiles'!$G$19=$B$10,7,0)+IF('Standard Profiles'!$G$19=$B$17,14,0)+IF('Standard Profiles'!$G$19=$B$24,21,0),0)),0)</f>
        <v>27.101671426813088</v>
      </c>
      <c r="F7296" cm="1">
        <f t="array" ref="F7296">IFERROR(INDEX(Jesper!AJ$2:AJ$366,ROUNDDOWN($C7296/24,0)+1,1)*INDEX($D$3:$AA$30,INDEX(Jesper!$R$2:$R$366,ROW(INDEX(Jesper!AJ$2:AJ$366,ROUNDDOWN($C7296/24,0)+1,1))-1)+IF('Standard Profiles'!$G$20=$B$10,7,0)+IF('Standard Profiles'!$G$20=$B$17,14,0)+IF('Standard Profiles'!$G$20=$B$24,21,0),MOD($C7296,24)+1)/SUM(INDEX($D$3:$AA$30,INDEX(Jesper!$R$2:$R$366,ROW(INDEX(Jesper!AJ$2:AJ$366,ROUNDDOWN($C7296/24,0)+1,1))-1)+IF('Standard Profiles'!$G$20=$B$10,7,0)+IF('Standard Profiles'!$G$20=$B$17,14,0)+IF('Standard Profiles'!$G$20=$B$24,21,0),0)),0)</f>
        <v>0</v>
      </c>
      <c r="G7296" cm="1">
        <f t="array" ref="G7296">IFERROR(INDEX(Jesper!AK$2:AK$366,ROUNDDOWN($C7296/24,0)+1,1)*INDEX($D$3:$AA$30,INDEX(Jesper!$R$2:$R$366,ROW(INDEX(Jesper!AK$2:AK$366,ROUNDDOWN($C7296/24,0)+1,1))-1)+IF('Standard Profiles'!$G$21=$B$10,7,0)+IF('Standard Profiles'!$G$21=$B$17,14,0)+IF('Standard Profiles'!$G$21=$B$24,21,0),MOD($C7296,24)+1)/SUM(INDEX($D$3:$AA$30,INDEX(Jesper!$R$2:$R$366,ROW(INDEX(Jesper!AK$2:AK$366,ROUNDDOWN($C7296/24,0)+1,1))-1)+IF('Standard Profiles'!$G$21=$B$10,7,0)+IF('Standard Profiles'!$G$21=$B$17,14,0)+IF('Standard Profiles'!$G$21=$B$24,21,0),0)),0)</f>
        <v>7.6343905165022905</v>
      </c>
      <c r="H7296" cm="1">
        <f t="array" ref="H7296">IFERROR(INDEX(Jesper!AL$2:AL$366,ROUNDDOWN($C7296/24,0)+1,1)*INDEX($D$3:$AA$30,INDEX(Jesper!$R$2:$R$366,ROW(INDEX(Jesper!AL$2:AL$366,ROUNDDOWN($C7296/24,0)+1,1))-1)+IF('Standard Profiles'!$G$22=$B$10,7,0)+IF('Standard Profiles'!$G$22=$B$17,14,0)+IF('Standard Profiles'!$G$22=$B$24,21,0),MOD($C7296,24)+1)/SUM(INDEX($D$3:$AA$30,INDEX(Jesper!$R$2:$R$366,ROW(INDEX(Jesper!AL$2:AL$366,ROUNDDOWN($C7296/24,0)+1,1))-1)+IF('Standard Profiles'!$G$22=$B$10,7,0)+IF('Standard Profiles'!$G$22=$B$17,14,0)+IF('Standard Profiles'!$G$22=$B$24,21,0),0)),0)</f>
        <v>0</v>
      </c>
      <c r="I7296">
        <f t="shared" si="811"/>
        <v>3.6645074479210975</v>
      </c>
      <c r="J7296">
        <f t="shared" si="812"/>
        <v>60.754319051609471</v>
      </c>
      <c r="K7296">
        <f t="shared" si="813"/>
        <v>3.7692399436463742</v>
      </c>
      <c r="L7296">
        <f t="shared" si="814"/>
        <v>1.8846199718231871</v>
      </c>
      <c r="M7296">
        <f t="shared" si="815"/>
        <v>0</v>
      </c>
      <c r="N7296" s="45">
        <f t="shared" si="816"/>
        <v>45229.583333315721</v>
      </c>
    </row>
    <row r="7297" spans="2:14" x14ac:dyDescent="0.25">
      <c r="B7297">
        <f t="shared" si="810"/>
        <v>1</v>
      </c>
      <c r="C7297" s="16">
        <v>7263</v>
      </c>
      <c r="D7297" cm="1">
        <f t="array" ref="D7297">IFERROR(INDEX(Jesper!AH$2:AH$366,ROUNDDOWN($C7297/24,0)+1,1)*INDEX($D$3:$AA$30,INDEX(Jesper!$R$2:$R$366,ROW(INDEX(Jesper!AH$2:AH$366,ROUNDDOWN($C7297/24,0)+1,1))-1)+IF('Standard Profiles'!$G$18=$B$10,7,0)+IF('Standard Profiles'!$G$18=$B$17,14,0)+IF('Standard Profiles'!$G$18=$B$24,21,0),MOD($C7297,24)+1)/SUM(INDEX($D$3:$AA$30,INDEX(Jesper!$R$2:$R$366,ROW(INDEX(Jesper!AH$2:AH$366,ROUNDDOWN($C7297/24,0)+1,1))-1)+IF('Standard Profiles'!$G$18=$B$10,7,0)+IF('Standard Profiles'!$G$18=$B$17,14,0)+IF('Standard Profiles'!$G$18=$B$24,21,0),0)),0)</f>
        <v>35.336624471684758</v>
      </c>
      <c r="E7297" cm="1">
        <f t="array" ref="E7297">IFERROR(INDEX(Jesper!AI$2:AI$366,ROUNDDOWN($C7297/24,0)+1,1)*INDEX($D$3:$AA$30,INDEX(Jesper!$R$2:$R$366,ROW(INDEX(Jesper!AI$2:AI$366,ROUNDDOWN($C7297/24,0)+1,1))-1)+IF('Standard Profiles'!$G$19=$B$10,7,0)+IF('Standard Profiles'!$G$19=$B$17,14,0)+IF('Standard Profiles'!$G$19=$B$24,21,0),MOD($C7297,24)+1)/SUM(INDEX($D$3:$AA$30,INDEX(Jesper!$R$2:$R$366,ROW(INDEX(Jesper!AI$2:AI$366,ROUNDDOWN($C7297/24,0)+1,1))-1)+IF('Standard Profiles'!$G$19=$B$10,7,0)+IF('Standard Profiles'!$G$19=$B$17,14,0)+IF('Standard Profiles'!$G$19=$B$24,21,0),0)),0)</f>
        <v>27.101671426813088</v>
      </c>
      <c r="F7297" cm="1">
        <f t="array" ref="F7297">IFERROR(INDEX(Jesper!AJ$2:AJ$366,ROUNDDOWN($C7297/24,0)+1,1)*INDEX($D$3:$AA$30,INDEX(Jesper!$R$2:$R$366,ROW(INDEX(Jesper!AJ$2:AJ$366,ROUNDDOWN($C7297/24,0)+1,1))-1)+IF('Standard Profiles'!$G$20=$B$10,7,0)+IF('Standard Profiles'!$G$20=$B$17,14,0)+IF('Standard Profiles'!$G$20=$B$24,21,0),MOD($C7297,24)+1)/SUM(INDEX($D$3:$AA$30,INDEX(Jesper!$R$2:$R$366,ROW(INDEX(Jesper!AJ$2:AJ$366,ROUNDDOWN($C7297/24,0)+1,1))-1)+IF('Standard Profiles'!$G$20=$B$10,7,0)+IF('Standard Profiles'!$G$20=$B$17,14,0)+IF('Standard Profiles'!$G$20=$B$24,21,0),0)),0)</f>
        <v>0</v>
      </c>
      <c r="G7297" cm="1">
        <f t="array" ref="G7297">IFERROR(INDEX(Jesper!AK$2:AK$366,ROUNDDOWN($C7297/24,0)+1,1)*INDEX($D$3:$AA$30,INDEX(Jesper!$R$2:$R$366,ROW(INDEX(Jesper!AK$2:AK$366,ROUNDDOWN($C7297/24,0)+1,1))-1)+IF('Standard Profiles'!$G$21=$B$10,7,0)+IF('Standard Profiles'!$G$21=$B$17,14,0)+IF('Standard Profiles'!$G$21=$B$24,21,0),MOD($C7297,24)+1)/SUM(INDEX($D$3:$AA$30,INDEX(Jesper!$R$2:$R$366,ROW(INDEX(Jesper!AK$2:AK$366,ROUNDDOWN($C7297/24,0)+1,1))-1)+IF('Standard Profiles'!$G$21=$B$10,7,0)+IF('Standard Profiles'!$G$21=$B$17,14,0)+IF('Standard Profiles'!$G$21=$B$24,21,0),0)),0)</f>
        <v>7.6343905165022905</v>
      </c>
      <c r="H7297" cm="1">
        <f t="array" ref="H7297">IFERROR(INDEX(Jesper!AL$2:AL$366,ROUNDDOWN($C7297/24,0)+1,1)*INDEX($D$3:$AA$30,INDEX(Jesper!$R$2:$R$366,ROW(INDEX(Jesper!AL$2:AL$366,ROUNDDOWN($C7297/24,0)+1,1))-1)+IF('Standard Profiles'!$G$22=$B$10,7,0)+IF('Standard Profiles'!$G$22=$B$17,14,0)+IF('Standard Profiles'!$G$22=$B$24,21,0),MOD($C7297,24)+1)/SUM(INDEX($D$3:$AA$30,INDEX(Jesper!$R$2:$R$366,ROW(INDEX(Jesper!AL$2:AL$366,ROUNDDOWN($C7297/24,0)+1,1))-1)+IF('Standard Profiles'!$G$22=$B$10,7,0)+IF('Standard Profiles'!$G$22=$B$17,14,0)+IF('Standard Profiles'!$G$22=$B$24,21,0),0)),0)</f>
        <v>0</v>
      </c>
      <c r="I7297">
        <f t="shared" si="811"/>
        <v>3.6645074479210975</v>
      </c>
      <c r="J7297">
        <f t="shared" si="812"/>
        <v>60.754319051609471</v>
      </c>
      <c r="K7297">
        <f t="shared" si="813"/>
        <v>3.7692399436463742</v>
      </c>
      <c r="L7297">
        <f t="shared" si="814"/>
        <v>1.8846199718231871</v>
      </c>
      <c r="M7297">
        <f t="shared" si="815"/>
        <v>0</v>
      </c>
      <c r="N7297" s="45">
        <f t="shared" si="816"/>
        <v>45229.624999982385</v>
      </c>
    </row>
    <row r="7298" spans="2:14" x14ac:dyDescent="0.25">
      <c r="B7298">
        <f t="shared" si="810"/>
        <v>1</v>
      </c>
      <c r="C7298" s="16">
        <v>7264</v>
      </c>
      <c r="D7298" cm="1">
        <f t="array" ref="D7298">IFERROR(INDEX(Jesper!AH$2:AH$366,ROUNDDOWN($C7298/24,0)+1,1)*INDEX($D$3:$AA$30,INDEX(Jesper!$R$2:$R$366,ROW(INDEX(Jesper!AH$2:AH$366,ROUNDDOWN($C7298/24,0)+1,1))-1)+IF('Standard Profiles'!$G$18=$B$10,7,0)+IF('Standard Profiles'!$G$18=$B$17,14,0)+IF('Standard Profiles'!$G$18=$B$24,21,0),MOD($C7298,24)+1)/SUM(INDEX($D$3:$AA$30,INDEX(Jesper!$R$2:$R$366,ROW(INDEX(Jesper!AH$2:AH$366,ROUNDDOWN($C7298/24,0)+1,1))-1)+IF('Standard Profiles'!$G$18=$B$10,7,0)+IF('Standard Profiles'!$G$18=$B$17,14,0)+IF('Standard Profiles'!$G$18=$B$24,21,0),0)),0)</f>
        <v>20.61303094181611</v>
      </c>
      <c r="E7298" cm="1">
        <f t="array" ref="E7298">IFERROR(INDEX(Jesper!AI$2:AI$366,ROUNDDOWN($C7298/24,0)+1,1)*INDEX($D$3:$AA$30,INDEX(Jesper!$R$2:$R$366,ROW(INDEX(Jesper!AI$2:AI$366,ROUNDDOWN($C7298/24,0)+1,1))-1)+IF('Standard Profiles'!$G$19=$B$10,7,0)+IF('Standard Profiles'!$G$19=$B$17,14,0)+IF('Standard Profiles'!$G$19=$B$24,21,0),MOD($C7298,24)+1)/SUM(INDEX($D$3:$AA$30,INDEX(Jesper!$R$2:$R$366,ROW(INDEX(Jesper!AI$2:AI$366,ROUNDDOWN($C7298/24,0)+1,1))-1)+IF('Standard Profiles'!$G$19=$B$10,7,0)+IF('Standard Profiles'!$G$19=$B$17,14,0)+IF('Standard Profiles'!$G$19=$B$24,21,0),0)),0)</f>
        <v>15.809308332307635</v>
      </c>
      <c r="F7298" cm="1">
        <f t="array" ref="F7298">IFERROR(INDEX(Jesper!AJ$2:AJ$366,ROUNDDOWN($C7298/24,0)+1,1)*INDEX($D$3:$AA$30,INDEX(Jesper!$R$2:$R$366,ROW(INDEX(Jesper!AJ$2:AJ$366,ROUNDDOWN($C7298/24,0)+1,1))-1)+IF('Standard Profiles'!$G$20=$B$10,7,0)+IF('Standard Profiles'!$G$20=$B$17,14,0)+IF('Standard Profiles'!$G$20=$B$24,21,0),MOD($C7298,24)+1)/SUM(INDEX($D$3:$AA$30,INDEX(Jesper!$R$2:$R$366,ROW(INDEX(Jesper!AJ$2:AJ$366,ROUNDDOWN($C7298/24,0)+1,1))-1)+IF('Standard Profiles'!$G$20=$B$10,7,0)+IF('Standard Profiles'!$G$20=$B$17,14,0)+IF('Standard Profiles'!$G$20=$B$24,21,0),0)),0)</f>
        <v>0</v>
      </c>
      <c r="G7298" cm="1">
        <f t="array" ref="G7298">IFERROR(INDEX(Jesper!AK$2:AK$366,ROUNDDOWN($C7298/24,0)+1,1)*INDEX($D$3:$AA$30,INDEX(Jesper!$R$2:$R$366,ROW(INDEX(Jesper!AK$2:AK$366,ROUNDDOWN($C7298/24,0)+1,1))-1)+IF('Standard Profiles'!$G$21=$B$10,7,0)+IF('Standard Profiles'!$G$21=$B$17,14,0)+IF('Standard Profiles'!$G$21=$B$24,21,0),MOD($C7298,24)+1)/SUM(INDEX($D$3:$AA$30,INDEX(Jesper!$R$2:$R$366,ROW(INDEX(Jesper!AK$2:AK$366,ROUNDDOWN($C7298/24,0)+1,1))-1)+IF('Standard Profiles'!$G$21=$B$10,7,0)+IF('Standard Profiles'!$G$21=$B$17,14,0)+IF('Standard Profiles'!$G$21=$B$24,21,0),0)),0)</f>
        <v>6.3619920970852428</v>
      </c>
      <c r="H7298" cm="1">
        <f t="array" ref="H7298">IFERROR(INDEX(Jesper!AL$2:AL$366,ROUNDDOWN($C7298/24,0)+1,1)*INDEX($D$3:$AA$30,INDEX(Jesper!$R$2:$R$366,ROW(INDEX(Jesper!AL$2:AL$366,ROUNDDOWN($C7298/24,0)+1,1))-1)+IF('Standard Profiles'!$G$22=$B$10,7,0)+IF('Standard Profiles'!$G$22=$B$17,14,0)+IF('Standard Profiles'!$G$22=$B$24,21,0),MOD($C7298,24)+1)/SUM(INDEX($D$3:$AA$30,INDEX(Jesper!$R$2:$R$366,ROW(INDEX(Jesper!AL$2:AL$366,ROUNDDOWN($C7298/24,0)+1,1))-1)+IF('Standard Profiles'!$G$22=$B$10,7,0)+IF('Standard Profiles'!$G$22=$B$17,14,0)+IF('Standard Profiles'!$G$22=$B$24,21,0),0)),0)</f>
        <v>0</v>
      </c>
      <c r="I7298">
        <f t="shared" si="811"/>
        <v>3.053756206600915</v>
      </c>
      <c r="J7298">
        <f t="shared" si="812"/>
        <v>36.43249021391749</v>
      </c>
      <c r="K7298">
        <f t="shared" si="813"/>
        <v>2.1987233004603852</v>
      </c>
      <c r="L7298">
        <f t="shared" si="814"/>
        <v>1.0993616502301926</v>
      </c>
      <c r="M7298">
        <f t="shared" si="815"/>
        <v>0</v>
      </c>
      <c r="N7298" s="45">
        <f t="shared" si="816"/>
        <v>45229.666666649049</v>
      </c>
    </row>
    <row r="7299" spans="2:14" x14ac:dyDescent="0.25">
      <c r="B7299">
        <f t="shared" si="810"/>
        <v>1</v>
      </c>
      <c r="C7299" s="16">
        <v>7265</v>
      </c>
      <c r="D7299" cm="1">
        <f t="array" ref="D7299">IFERROR(INDEX(Jesper!AH$2:AH$366,ROUNDDOWN($C7299/24,0)+1,1)*INDEX($D$3:$AA$30,INDEX(Jesper!$R$2:$R$366,ROW(INDEX(Jesper!AH$2:AH$366,ROUNDDOWN($C7299/24,0)+1,1))-1)+IF('Standard Profiles'!$G$18=$B$10,7,0)+IF('Standard Profiles'!$G$18=$B$17,14,0)+IF('Standard Profiles'!$G$18=$B$24,21,0),MOD($C7299,24)+1)/SUM(INDEX($D$3:$AA$30,INDEX(Jesper!$R$2:$R$366,ROW(INDEX(Jesper!AH$2:AH$366,ROUNDDOWN($C7299/24,0)+1,1))-1)+IF('Standard Profiles'!$G$18=$B$10,7,0)+IF('Standard Profiles'!$G$18=$B$17,14,0)+IF('Standard Profiles'!$G$18=$B$24,21,0),0)),0)</f>
        <v>5.8894374119474611</v>
      </c>
      <c r="E7299" cm="1">
        <f t="array" ref="E7299">IFERROR(INDEX(Jesper!AI$2:AI$366,ROUNDDOWN($C7299/24,0)+1,1)*INDEX($D$3:$AA$30,INDEX(Jesper!$R$2:$R$366,ROW(INDEX(Jesper!AI$2:AI$366,ROUNDDOWN($C7299/24,0)+1,1))-1)+IF('Standard Profiles'!$G$19=$B$10,7,0)+IF('Standard Profiles'!$G$19=$B$17,14,0)+IF('Standard Profiles'!$G$19=$B$24,21,0),MOD($C7299,24)+1)/SUM(INDEX($D$3:$AA$30,INDEX(Jesper!$R$2:$R$366,ROW(INDEX(Jesper!AI$2:AI$366,ROUNDDOWN($C7299/24,0)+1,1))-1)+IF('Standard Profiles'!$G$19=$B$10,7,0)+IF('Standard Profiles'!$G$19=$B$17,14,0)+IF('Standard Profiles'!$G$19=$B$24,21,0),0)),0)</f>
        <v>4.5169452378021822</v>
      </c>
      <c r="F7299" cm="1">
        <f t="array" ref="F7299">IFERROR(INDEX(Jesper!AJ$2:AJ$366,ROUNDDOWN($C7299/24,0)+1,1)*INDEX($D$3:$AA$30,INDEX(Jesper!$R$2:$R$366,ROW(INDEX(Jesper!AJ$2:AJ$366,ROUNDDOWN($C7299/24,0)+1,1))-1)+IF('Standard Profiles'!$G$20=$B$10,7,0)+IF('Standard Profiles'!$G$20=$B$17,14,0)+IF('Standard Profiles'!$G$20=$B$24,21,0),MOD($C7299,24)+1)/SUM(INDEX($D$3:$AA$30,INDEX(Jesper!$R$2:$R$366,ROW(INDEX(Jesper!AJ$2:AJ$366,ROUNDDOWN($C7299/24,0)+1,1))-1)+IF('Standard Profiles'!$G$20=$B$10,7,0)+IF('Standard Profiles'!$G$20=$B$17,14,0)+IF('Standard Profiles'!$G$20=$B$24,21,0),0)),0)</f>
        <v>0</v>
      </c>
      <c r="G7299" cm="1">
        <f t="array" ref="G7299">IFERROR(INDEX(Jesper!AK$2:AK$366,ROUNDDOWN($C7299/24,0)+1,1)*INDEX($D$3:$AA$30,INDEX(Jesper!$R$2:$R$366,ROW(INDEX(Jesper!AK$2:AK$366,ROUNDDOWN($C7299/24,0)+1,1))-1)+IF('Standard Profiles'!$G$21=$B$10,7,0)+IF('Standard Profiles'!$G$21=$B$17,14,0)+IF('Standard Profiles'!$G$21=$B$24,21,0),MOD($C7299,24)+1)/SUM(INDEX($D$3:$AA$30,INDEX(Jesper!$R$2:$R$366,ROW(INDEX(Jesper!AK$2:AK$366,ROUNDDOWN($C7299/24,0)+1,1))-1)+IF('Standard Profiles'!$G$21=$B$10,7,0)+IF('Standard Profiles'!$G$21=$B$17,14,0)+IF('Standard Profiles'!$G$21=$B$24,21,0),0)),0)</f>
        <v>5.1188442160455985</v>
      </c>
      <c r="H7299" cm="1">
        <f t="array" ref="H7299">IFERROR(INDEX(Jesper!AL$2:AL$366,ROUNDDOWN($C7299/24,0)+1,1)*INDEX($D$3:$AA$30,INDEX(Jesper!$R$2:$R$366,ROW(INDEX(Jesper!AL$2:AL$366,ROUNDDOWN($C7299/24,0)+1,1))-1)+IF('Standard Profiles'!$G$22=$B$10,7,0)+IF('Standard Profiles'!$G$22=$B$17,14,0)+IF('Standard Profiles'!$G$22=$B$24,21,0),MOD($C7299,24)+1)/SUM(INDEX($D$3:$AA$30,INDEX(Jesper!$R$2:$R$366,ROW(INDEX(Jesper!AL$2:AL$366,ROUNDDOWN($C7299/24,0)+1,1))-1)+IF('Standard Profiles'!$G$22=$B$10,7,0)+IF('Standard Profiles'!$G$22=$B$17,14,0)+IF('Standard Profiles'!$G$22=$B$24,21,0),0)),0)</f>
        <v>0</v>
      </c>
      <c r="I7299">
        <f t="shared" si="811"/>
        <v>2.4570452237018858</v>
      </c>
      <c r="J7299">
        <f t="shared" si="812"/>
        <v>12.125871656181761</v>
      </c>
      <c r="K7299">
        <f t="shared" si="813"/>
        <v>0.62820665727439584</v>
      </c>
      <c r="L7299">
        <f t="shared" si="814"/>
        <v>0.31410332863719792</v>
      </c>
      <c r="M7299">
        <f t="shared" si="815"/>
        <v>0</v>
      </c>
      <c r="N7299" s="45">
        <f t="shared" si="816"/>
        <v>45229.708333315713</v>
      </c>
    </row>
    <row r="7300" spans="2:14" x14ac:dyDescent="0.25">
      <c r="B7300">
        <f t="shared" si="810"/>
        <v>1</v>
      </c>
      <c r="C7300" s="16">
        <v>7266</v>
      </c>
      <c r="D7300" cm="1">
        <f t="array" ref="D7300">IFERROR(INDEX(Jesper!AH$2:AH$366,ROUNDDOWN($C7300/24,0)+1,1)*INDEX($D$3:$AA$30,INDEX(Jesper!$R$2:$R$366,ROW(INDEX(Jesper!AH$2:AH$366,ROUNDDOWN($C7300/24,0)+1,1))-1)+IF('Standard Profiles'!$G$18=$B$10,7,0)+IF('Standard Profiles'!$G$18=$B$17,14,0)+IF('Standard Profiles'!$G$18=$B$24,21,0),MOD($C7300,24)+1)/SUM(INDEX($D$3:$AA$30,INDEX(Jesper!$R$2:$R$366,ROW(INDEX(Jesper!AH$2:AH$366,ROUNDDOWN($C7300/24,0)+1,1))-1)+IF('Standard Profiles'!$G$18=$B$10,7,0)+IF('Standard Profiles'!$G$18=$B$17,14,0)+IF('Standard Profiles'!$G$18=$B$24,21,0),0)),0)</f>
        <v>5.8064875892439751</v>
      </c>
      <c r="E7300" cm="1">
        <f t="array" ref="E7300">IFERROR(INDEX(Jesper!AI$2:AI$366,ROUNDDOWN($C7300/24,0)+1,1)*INDEX($D$3:$AA$30,INDEX(Jesper!$R$2:$R$366,ROW(INDEX(Jesper!AI$2:AI$366,ROUNDDOWN($C7300/24,0)+1,1))-1)+IF('Standard Profiles'!$G$19=$B$10,7,0)+IF('Standard Profiles'!$G$19=$B$17,14,0)+IF('Standard Profiles'!$G$19=$B$24,21,0),MOD($C7300,24)+1)/SUM(INDEX($D$3:$AA$30,INDEX(Jesper!$R$2:$R$366,ROW(INDEX(Jesper!AI$2:AI$366,ROUNDDOWN($C7300/24,0)+1,1))-1)+IF('Standard Profiles'!$G$19=$B$10,7,0)+IF('Standard Profiles'!$G$19=$B$17,14,0)+IF('Standard Profiles'!$G$19=$B$24,21,0),0)),0)</f>
        <v>4.4533262907908835</v>
      </c>
      <c r="F7300" cm="1">
        <f t="array" ref="F7300">IFERROR(INDEX(Jesper!AJ$2:AJ$366,ROUNDDOWN($C7300/24,0)+1,1)*INDEX($D$3:$AA$30,INDEX(Jesper!$R$2:$R$366,ROW(INDEX(Jesper!AJ$2:AJ$366,ROUNDDOWN($C7300/24,0)+1,1))-1)+IF('Standard Profiles'!$G$20=$B$10,7,0)+IF('Standard Profiles'!$G$20=$B$17,14,0)+IF('Standard Profiles'!$G$20=$B$24,21,0),MOD($C7300,24)+1)/SUM(INDEX($D$3:$AA$30,INDEX(Jesper!$R$2:$R$366,ROW(INDEX(Jesper!AJ$2:AJ$366,ROUNDDOWN($C7300/24,0)+1,1))-1)+IF('Standard Profiles'!$G$20=$B$10,7,0)+IF('Standard Profiles'!$G$20=$B$17,14,0)+IF('Standard Profiles'!$G$20=$B$24,21,0),0)),0)</f>
        <v>0</v>
      </c>
      <c r="G7300" cm="1">
        <f t="array" ref="G7300">IFERROR(INDEX(Jesper!AK$2:AK$366,ROUNDDOWN($C7300/24,0)+1,1)*INDEX($D$3:$AA$30,INDEX(Jesper!$R$2:$R$366,ROW(INDEX(Jesper!AK$2:AK$366,ROUNDDOWN($C7300/24,0)+1,1))-1)+IF('Standard Profiles'!$G$21=$B$10,7,0)+IF('Standard Profiles'!$G$21=$B$17,14,0)+IF('Standard Profiles'!$G$21=$B$24,21,0),MOD($C7300,24)+1)/SUM(INDEX($D$3:$AA$30,INDEX(Jesper!$R$2:$R$366,ROW(INDEX(Jesper!AK$2:AK$366,ROUNDDOWN($C7300/24,0)+1,1))-1)+IF('Standard Profiles'!$G$21=$B$10,7,0)+IF('Standard Profiles'!$G$21=$B$17,14,0)+IF('Standard Profiles'!$G$21=$B$24,21,0),0)),0)</f>
        <v>1.8281586485877137</v>
      </c>
      <c r="H7300" cm="1">
        <f t="array" ref="H7300">IFERROR(INDEX(Jesper!AL$2:AL$366,ROUNDDOWN($C7300/24,0)+1,1)*INDEX($D$3:$AA$30,INDEX(Jesper!$R$2:$R$366,ROW(INDEX(Jesper!AL$2:AL$366,ROUNDDOWN($C7300/24,0)+1,1))-1)+IF('Standard Profiles'!$G$22=$B$10,7,0)+IF('Standard Profiles'!$G$22=$B$17,14,0)+IF('Standard Profiles'!$G$22=$B$24,21,0),MOD($C7300,24)+1)/SUM(INDEX($D$3:$AA$30,INDEX(Jesper!$R$2:$R$366,ROW(INDEX(Jesper!AL$2:AL$366,ROUNDDOWN($C7300/24,0)+1,1))-1)+IF('Standard Profiles'!$G$22=$B$10,7,0)+IF('Standard Profiles'!$G$22=$B$17,14,0)+IF('Standard Profiles'!$G$22=$B$24,21,0),0)),0)</f>
        <v>0</v>
      </c>
      <c r="I7300">
        <f t="shared" si="811"/>
        <v>0.87751615132210214</v>
      </c>
      <c r="J7300">
        <f t="shared" si="812"/>
        <v>10.281418363021434</v>
      </c>
      <c r="K7300">
        <f t="shared" si="813"/>
        <v>0.61935867618602403</v>
      </c>
      <c r="L7300">
        <f t="shared" si="814"/>
        <v>0.30967933809301201</v>
      </c>
      <c r="M7300">
        <f t="shared" si="815"/>
        <v>0</v>
      </c>
      <c r="N7300" s="45">
        <f t="shared" si="816"/>
        <v>45229.749999982378</v>
      </c>
    </row>
    <row r="7301" spans="2:14" x14ac:dyDescent="0.25">
      <c r="B7301">
        <f t="shared" si="810"/>
        <v>1</v>
      </c>
      <c r="C7301" s="16">
        <v>7267</v>
      </c>
      <c r="D7301" cm="1">
        <f t="array" ref="D7301">IFERROR(INDEX(Jesper!AH$2:AH$366,ROUNDDOWN($C7301/24,0)+1,1)*INDEX($D$3:$AA$30,INDEX(Jesper!$R$2:$R$366,ROW(INDEX(Jesper!AH$2:AH$366,ROUNDDOWN($C7301/24,0)+1,1))-1)+IF('Standard Profiles'!$G$18=$B$10,7,0)+IF('Standard Profiles'!$G$18=$B$17,14,0)+IF('Standard Profiles'!$G$18=$B$24,21,0),MOD($C7301,24)+1)/SUM(INDEX($D$3:$AA$30,INDEX(Jesper!$R$2:$R$366,ROW(INDEX(Jesper!AH$2:AH$366,ROUNDDOWN($C7301/24,0)+1,1))-1)+IF('Standard Profiles'!$G$18=$B$10,7,0)+IF('Standard Profiles'!$G$18=$B$17,14,0)+IF('Standard Profiles'!$G$18=$B$24,21,0),0)),0)</f>
        <v>5.8064875892439751</v>
      </c>
      <c r="E7301" cm="1">
        <f t="array" ref="E7301">IFERROR(INDEX(Jesper!AI$2:AI$366,ROUNDDOWN($C7301/24,0)+1,1)*INDEX($D$3:$AA$30,INDEX(Jesper!$R$2:$R$366,ROW(INDEX(Jesper!AI$2:AI$366,ROUNDDOWN($C7301/24,0)+1,1))-1)+IF('Standard Profiles'!$G$19=$B$10,7,0)+IF('Standard Profiles'!$G$19=$B$17,14,0)+IF('Standard Profiles'!$G$19=$B$24,21,0),MOD($C7301,24)+1)/SUM(INDEX($D$3:$AA$30,INDEX(Jesper!$R$2:$R$366,ROW(INDEX(Jesper!AI$2:AI$366,ROUNDDOWN($C7301/24,0)+1,1))-1)+IF('Standard Profiles'!$G$19=$B$10,7,0)+IF('Standard Profiles'!$G$19=$B$17,14,0)+IF('Standard Profiles'!$G$19=$B$24,21,0),0)),0)</f>
        <v>4.4533262907908835</v>
      </c>
      <c r="F7301" cm="1">
        <f t="array" ref="F7301">IFERROR(INDEX(Jesper!AJ$2:AJ$366,ROUNDDOWN($C7301/24,0)+1,1)*INDEX($D$3:$AA$30,INDEX(Jesper!$R$2:$R$366,ROW(INDEX(Jesper!AJ$2:AJ$366,ROUNDDOWN($C7301/24,0)+1,1))-1)+IF('Standard Profiles'!$G$20=$B$10,7,0)+IF('Standard Profiles'!$G$20=$B$17,14,0)+IF('Standard Profiles'!$G$20=$B$24,21,0),MOD($C7301,24)+1)/SUM(INDEX($D$3:$AA$30,INDEX(Jesper!$R$2:$R$366,ROW(INDEX(Jesper!AJ$2:AJ$366,ROUNDDOWN($C7301/24,0)+1,1))-1)+IF('Standard Profiles'!$G$20=$B$10,7,0)+IF('Standard Profiles'!$G$20=$B$17,14,0)+IF('Standard Profiles'!$G$20=$B$24,21,0),0)),0)</f>
        <v>0</v>
      </c>
      <c r="G7301" cm="1">
        <f t="array" ref="G7301">IFERROR(INDEX(Jesper!AK$2:AK$366,ROUNDDOWN($C7301/24,0)+1,1)*INDEX($D$3:$AA$30,INDEX(Jesper!$R$2:$R$366,ROW(INDEX(Jesper!AK$2:AK$366,ROUNDDOWN($C7301/24,0)+1,1))-1)+IF('Standard Profiles'!$G$21=$B$10,7,0)+IF('Standard Profiles'!$G$21=$B$17,14,0)+IF('Standard Profiles'!$G$21=$B$24,21,0),MOD($C7301,24)+1)/SUM(INDEX($D$3:$AA$30,INDEX(Jesper!$R$2:$R$366,ROW(INDEX(Jesper!AK$2:AK$366,ROUNDDOWN($C7301/24,0)+1,1))-1)+IF('Standard Profiles'!$G$21=$B$10,7,0)+IF('Standard Profiles'!$G$21=$B$17,14,0)+IF('Standard Profiles'!$G$21=$B$24,21,0),0)),0)</f>
        <v>1.8281586485877137</v>
      </c>
      <c r="H7301" cm="1">
        <f t="array" ref="H7301">IFERROR(INDEX(Jesper!AL$2:AL$366,ROUNDDOWN($C7301/24,0)+1,1)*INDEX($D$3:$AA$30,INDEX(Jesper!$R$2:$R$366,ROW(INDEX(Jesper!AL$2:AL$366,ROUNDDOWN($C7301/24,0)+1,1))-1)+IF('Standard Profiles'!$G$22=$B$10,7,0)+IF('Standard Profiles'!$G$22=$B$17,14,0)+IF('Standard Profiles'!$G$22=$B$24,21,0),MOD($C7301,24)+1)/SUM(INDEX($D$3:$AA$30,INDEX(Jesper!$R$2:$R$366,ROW(INDEX(Jesper!AL$2:AL$366,ROUNDDOWN($C7301/24,0)+1,1))-1)+IF('Standard Profiles'!$G$22=$B$10,7,0)+IF('Standard Profiles'!$G$22=$B$17,14,0)+IF('Standard Profiles'!$G$22=$B$24,21,0),0)),0)</f>
        <v>0</v>
      </c>
      <c r="I7301">
        <f t="shared" si="811"/>
        <v>0.87751615132210214</v>
      </c>
      <c r="J7301">
        <f t="shared" si="812"/>
        <v>10.281418363021434</v>
      </c>
      <c r="K7301">
        <f t="shared" si="813"/>
        <v>0.61935867618602403</v>
      </c>
      <c r="L7301">
        <f t="shared" si="814"/>
        <v>0.30967933809301201</v>
      </c>
      <c r="M7301">
        <f t="shared" si="815"/>
        <v>0</v>
      </c>
      <c r="N7301" s="45">
        <f t="shared" si="816"/>
        <v>45229.791666649042</v>
      </c>
    </row>
    <row r="7302" spans="2:14" x14ac:dyDescent="0.25">
      <c r="B7302">
        <f t="shared" si="810"/>
        <v>1</v>
      </c>
      <c r="C7302" s="16">
        <v>7268</v>
      </c>
      <c r="D7302" cm="1">
        <f t="array" ref="D7302">IFERROR(INDEX(Jesper!AH$2:AH$366,ROUNDDOWN($C7302/24,0)+1,1)*INDEX($D$3:$AA$30,INDEX(Jesper!$R$2:$R$366,ROW(INDEX(Jesper!AH$2:AH$366,ROUNDDOWN($C7302/24,0)+1,1))-1)+IF('Standard Profiles'!$G$18=$B$10,7,0)+IF('Standard Profiles'!$G$18=$B$17,14,0)+IF('Standard Profiles'!$G$18=$B$24,21,0),MOD($C7302,24)+1)/SUM(INDEX($D$3:$AA$30,INDEX(Jesper!$R$2:$R$366,ROW(INDEX(Jesper!AH$2:AH$366,ROUNDDOWN($C7302/24,0)+1,1))-1)+IF('Standard Profiles'!$G$18=$B$10,7,0)+IF('Standard Profiles'!$G$18=$B$17,14,0)+IF('Standard Profiles'!$G$18=$B$24,21,0),0)),0)</f>
        <v>5.8064875892439751</v>
      </c>
      <c r="E7302" cm="1">
        <f t="array" ref="E7302">IFERROR(INDEX(Jesper!AI$2:AI$366,ROUNDDOWN($C7302/24,0)+1,1)*INDEX($D$3:$AA$30,INDEX(Jesper!$R$2:$R$366,ROW(INDEX(Jesper!AI$2:AI$366,ROUNDDOWN($C7302/24,0)+1,1))-1)+IF('Standard Profiles'!$G$19=$B$10,7,0)+IF('Standard Profiles'!$G$19=$B$17,14,0)+IF('Standard Profiles'!$G$19=$B$24,21,0),MOD($C7302,24)+1)/SUM(INDEX($D$3:$AA$30,INDEX(Jesper!$R$2:$R$366,ROW(INDEX(Jesper!AI$2:AI$366,ROUNDDOWN($C7302/24,0)+1,1))-1)+IF('Standard Profiles'!$G$19=$B$10,7,0)+IF('Standard Profiles'!$G$19=$B$17,14,0)+IF('Standard Profiles'!$G$19=$B$24,21,0),0)),0)</f>
        <v>4.4533262907908835</v>
      </c>
      <c r="F7302" cm="1">
        <f t="array" ref="F7302">IFERROR(INDEX(Jesper!AJ$2:AJ$366,ROUNDDOWN($C7302/24,0)+1,1)*INDEX($D$3:$AA$30,INDEX(Jesper!$R$2:$R$366,ROW(INDEX(Jesper!AJ$2:AJ$366,ROUNDDOWN($C7302/24,0)+1,1))-1)+IF('Standard Profiles'!$G$20=$B$10,7,0)+IF('Standard Profiles'!$G$20=$B$17,14,0)+IF('Standard Profiles'!$G$20=$B$24,21,0),MOD($C7302,24)+1)/SUM(INDEX($D$3:$AA$30,INDEX(Jesper!$R$2:$R$366,ROW(INDEX(Jesper!AJ$2:AJ$366,ROUNDDOWN($C7302/24,0)+1,1))-1)+IF('Standard Profiles'!$G$20=$B$10,7,0)+IF('Standard Profiles'!$G$20=$B$17,14,0)+IF('Standard Profiles'!$G$20=$B$24,21,0),0)),0)</f>
        <v>0</v>
      </c>
      <c r="G7302" cm="1">
        <f t="array" ref="G7302">IFERROR(INDEX(Jesper!AK$2:AK$366,ROUNDDOWN($C7302/24,0)+1,1)*INDEX($D$3:$AA$30,INDEX(Jesper!$R$2:$R$366,ROW(INDEX(Jesper!AK$2:AK$366,ROUNDDOWN($C7302/24,0)+1,1))-1)+IF('Standard Profiles'!$G$21=$B$10,7,0)+IF('Standard Profiles'!$G$21=$B$17,14,0)+IF('Standard Profiles'!$G$21=$B$24,21,0),MOD($C7302,24)+1)/SUM(INDEX($D$3:$AA$30,INDEX(Jesper!$R$2:$R$366,ROW(INDEX(Jesper!AK$2:AK$366,ROUNDDOWN($C7302/24,0)+1,1))-1)+IF('Standard Profiles'!$G$21=$B$10,7,0)+IF('Standard Profiles'!$G$21=$B$17,14,0)+IF('Standard Profiles'!$G$21=$B$24,21,0),0)),0)</f>
        <v>1.8281586485877137</v>
      </c>
      <c r="H7302" cm="1">
        <f t="array" ref="H7302">IFERROR(INDEX(Jesper!AL$2:AL$366,ROUNDDOWN($C7302/24,0)+1,1)*INDEX($D$3:$AA$30,INDEX(Jesper!$R$2:$R$366,ROW(INDEX(Jesper!AL$2:AL$366,ROUNDDOWN($C7302/24,0)+1,1))-1)+IF('Standard Profiles'!$G$22=$B$10,7,0)+IF('Standard Profiles'!$G$22=$B$17,14,0)+IF('Standard Profiles'!$G$22=$B$24,21,0),MOD($C7302,24)+1)/SUM(INDEX($D$3:$AA$30,INDEX(Jesper!$R$2:$R$366,ROW(INDEX(Jesper!AL$2:AL$366,ROUNDDOWN($C7302/24,0)+1,1))-1)+IF('Standard Profiles'!$G$22=$B$10,7,0)+IF('Standard Profiles'!$G$22=$B$17,14,0)+IF('Standard Profiles'!$G$22=$B$24,21,0),0)),0)</f>
        <v>0</v>
      </c>
      <c r="I7302">
        <f t="shared" si="811"/>
        <v>0.87751615132210214</v>
      </c>
      <c r="J7302">
        <f t="shared" si="812"/>
        <v>10.281418363021434</v>
      </c>
      <c r="K7302">
        <f t="shared" si="813"/>
        <v>0.61935867618602403</v>
      </c>
      <c r="L7302">
        <f t="shared" si="814"/>
        <v>0.30967933809301201</v>
      </c>
      <c r="M7302">
        <f t="shared" si="815"/>
        <v>0</v>
      </c>
      <c r="N7302" s="45">
        <f t="shared" si="816"/>
        <v>45229.833333315706</v>
      </c>
    </row>
    <row r="7303" spans="2:14" x14ac:dyDescent="0.25">
      <c r="B7303">
        <f t="shared" si="810"/>
        <v>1</v>
      </c>
      <c r="C7303" s="16">
        <v>7269</v>
      </c>
      <c r="D7303" cm="1">
        <f t="array" ref="D7303">IFERROR(INDEX(Jesper!AH$2:AH$366,ROUNDDOWN($C7303/24,0)+1,1)*INDEX($D$3:$AA$30,INDEX(Jesper!$R$2:$R$366,ROW(INDEX(Jesper!AH$2:AH$366,ROUNDDOWN($C7303/24,0)+1,1))-1)+IF('Standard Profiles'!$G$18=$B$10,7,0)+IF('Standard Profiles'!$G$18=$B$17,14,0)+IF('Standard Profiles'!$G$18=$B$24,21,0),MOD($C7303,24)+1)/SUM(INDEX($D$3:$AA$30,INDEX(Jesper!$R$2:$R$366,ROW(INDEX(Jesper!AH$2:AH$366,ROUNDDOWN($C7303/24,0)+1,1))-1)+IF('Standard Profiles'!$G$18=$B$10,7,0)+IF('Standard Profiles'!$G$18=$B$17,14,0)+IF('Standard Profiles'!$G$18=$B$24,21,0),0)),0)</f>
        <v>5.8064875892439751</v>
      </c>
      <c r="E7303" cm="1">
        <f t="array" ref="E7303">IFERROR(INDEX(Jesper!AI$2:AI$366,ROUNDDOWN($C7303/24,0)+1,1)*INDEX($D$3:$AA$30,INDEX(Jesper!$R$2:$R$366,ROW(INDEX(Jesper!AI$2:AI$366,ROUNDDOWN($C7303/24,0)+1,1))-1)+IF('Standard Profiles'!$G$19=$B$10,7,0)+IF('Standard Profiles'!$G$19=$B$17,14,0)+IF('Standard Profiles'!$G$19=$B$24,21,0),MOD($C7303,24)+1)/SUM(INDEX($D$3:$AA$30,INDEX(Jesper!$R$2:$R$366,ROW(INDEX(Jesper!AI$2:AI$366,ROUNDDOWN($C7303/24,0)+1,1))-1)+IF('Standard Profiles'!$G$19=$B$10,7,0)+IF('Standard Profiles'!$G$19=$B$17,14,0)+IF('Standard Profiles'!$G$19=$B$24,21,0),0)),0)</f>
        <v>4.4533262907908835</v>
      </c>
      <c r="F7303" cm="1">
        <f t="array" ref="F7303">IFERROR(INDEX(Jesper!AJ$2:AJ$366,ROUNDDOWN($C7303/24,0)+1,1)*INDEX($D$3:$AA$30,INDEX(Jesper!$R$2:$R$366,ROW(INDEX(Jesper!AJ$2:AJ$366,ROUNDDOWN($C7303/24,0)+1,1))-1)+IF('Standard Profiles'!$G$20=$B$10,7,0)+IF('Standard Profiles'!$G$20=$B$17,14,0)+IF('Standard Profiles'!$G$20=$B$24,21,0),MOD($C7303,24)+1)/SUM(INDEX($D$3:$AA$30,INDEX(Jesper!$R$2:$R$366,ROW(INDEX(Jesper!AJ$2:AJ$366,ROUNDDOWN($C7303/24,0)+1,1))-1)+IF('Standard Profiles'!$G$20=$B$10,7,0)+IF('Standard Profiles'!$G$20=$B$17,14,0)+IF('Standard Profiles'!$G$20=$B$24,21,0),0)),0)</f>
        <v>0</v>
      </c>
      <c r="G7303" cm="1">
        <f t="array" ref="G7303">IFERROR(INDEX(Jesper!AK$2:AK$366,ROUNDDOWN($C7303/24,0)+1,1)*INDEX($D$3:$AA$30,INDEX(Jesper!$R$2:$R$366,ROW(INDEX(Jesper!AK$2:AK$366,ROUNDDOWN($C7303/24,0)+1,1))-1)+IF('Standard Profiles'!$G$21=$B$10,7,0)+IF('Standard Profiles'!$G$21=$B$17,14,0)+IF('Standard Profiles'!$G$21=$B$24,21,0),MOD($C7303,24)+1)/SUM(INDEX($D$3:$AA$30,INDEX(Jesper!$R$2:$R$366,ROW(INDEX(Jesper!AK$2:AK$366,ROUNDDOWN($C7303/24,0)+1,1))-1)+IF('Standard Profiles'!$G$21=$B$10,7,0)+IF('Standard Profiles'!$G$21=$B$17,14,0)+IF('Standard Profiles'!$G$21=$B$24,21,0),0)),0)</f>
        <v>1.8281586485877137</v>
      </c>
      <c r="H7303" cm="1">
        <f t="array" ref="H7303">IFERROR(INDEX(Jesper!AL$2:AL$366,ROUNDDOWN($C7303/24,0)+1,1)*INDEX($D$3:$AA$30,INDEX(Jesper!$R$2:$R$366,ROW(INDEX(Jesper!AL$2:AL$366,ROUNDDOWN($C7303/24,0)+1,1))-1)+IF('Standard Profiles'!$G$22=$B$10,7,0)+IF('Standard Profiles'!$G$22=$B$17,14,0)+IF('Standard Profiles'!$G$22=$B$24,21,0),MOD($C7303,24)+1)/SUM(INDEX($D$3:$AA$30,INDEX(Jesper!$R$2:$R$366,ROW(INDEX(Jesper!AL$2:AL$366,ROUNDDOWN($C7303/24,0)+1,1))-1)+IF('Standard Profiles'!$G$22=$B$10,7,0)+IF('Standard Profiles'!$G$22=$B$17,14,0)+IF('Standard Profiles'!$G$22=$B$24,21,0),0)),0)</f>
        <v>0</v>
      </c>
      <c r="I7303">
        <f t="shared" si="811"/>
        <v>0.87751615132210214</v>
      </c>
      <c r="J7303">
        <f t="shared" si="812"/>
        <v>10.281418363021434</v>
      </c>
      <c r="K7303">
        <f t="shared" si="813"/>
        <v>0.61935867618602403</v>
      </c>
      <c r="L7303">
        <f t="shared" si="814"/>
        <v>0.30967933809301201</v>
      </c>
      <c r="M7303">
        <f t="shared" si="815"/>
        <v>0</v>
      </c>
      <c r="N7303" s="45">
        <f t="shared" si="816"/>
        <v>45229.87499998237</v>
      </c>
    </row>
    <row r="7304" spans="2:14" x14ac:dyDescent="0.25">
      <c r="B7304">
        <f t="shared" si="810"/>
        <v>1</v>
      </c>
      <c r="C7304" s="16">
        <v>7270</v>
      </c>
      <c r="D7304" cm="1">
        <f t="array" ref="D7304">IFERROR(INDEX(Jesper!AH$2:AH$366,ROUNDDOWN($C7304/24,0)+1,1)*INDEX($D$3:$AA$30,INDEX(Jesper!$R$2:$R$366,ROW(INDEX(Jesper!AH$2:AH$366,ROUNDDOWN($C7304/24,0)+1,1))-1)+IF('Standard Profiles'!$G$18=$B$10,7,0)+IF('Standard Profiles'!$G$18=$B$17,14,0)+IF('Standard Profiles'!$G$18=$B$24,21,0),MOD($C7304,24)+1)/SUM(INDEX($D$3:$AA$30,INDEX(Jesper!$R$2:$R$366,ROW(INDEX(Jesper!AH$2:AH$366,ROUNDDOWN($C7304/24,0)+1,1))-1)+IF('Standard Profiles'!$G$18=$B$10,7,0)+IF('Standard Profiles'!$G$18=$B$17,14,0)+IF('Standard Profiles'!$G$18=$B$24,21,0),0)),0)</f>
        <v>5.8064875892439751</v>
      </c>
      <c r="E7304" cm="1">
        <f t="array" ref="E7304">IFERROR(INDEX(Jesper!AI$2:AI$366,ROUNDDOWN($C7304/24,0)+1,1)*INDEX($D$3:$AA$30,INDEX(Jesper!$R$2:$R$366,ROW(INDEX(Jesper!AI$2:AI$366,ROUNDDOWN($C7304/24,0)+1,1))-1)+IF('Standard Profiles'!$G$19=$B$10,7,0)+IF('Standard Profiles'!$G$19=$B$17,14,0)+IF('Standard Profiles'!$G$19=$B$24,21,0),MOD($C7304,24)+1)/SUM(INDEX($D$3:$AA$30,INDEX(Jesper!$R$2:$R$366,ROW(INDEX(Jesper!AI$2:AI$366,ROUNDDOWN($C7304/24,0)+1,1))-1)+IF('Standard Profiles'!$G$19=$B$10,7,0)+IF('Standard Profiles'!$G$19=$B$17,14,0)+IF('Standard Profiles'!$G$19=$B$24,21,0),0)),0)</f>
        <v>4.4533262907908835</v>
      </c>
      <c r="F7304" cm="1">
        <f t="array" ref="F7304">IFERROR(INDEX(Jesper!AJ$2:AJ$366,ROUNDDOWN($C7304/24,0)+1,1)*INDEX($D$3:$AA$30,INDEX(Jesper!$R$2:$R$366,ROW(INDEX(Jesper!AJ$2:AJ$366,ROUNDDOWN($C7304/24,0)+1,1))-1)+IF('Standard Profiles'!$G$20=$B$10,7,0)+IF('Standard Profiles'!$G$20=$B$17,14,0)+IF('Standard Profiles'!$G$20=$B$24,21,0),MOD($C7304,24)+1)/SUM(INDEX($D$3:$AA$30,INDEX(Jesper!$R$2:$R$366,ROW(INDEX(Jesper!AJ$2:AJ$366,ROUNDDOWN($C7304/24,0)+1,1))-1)+IF('Standard Profiles'!$G$20=$B$10,7,0)+IF('Standard Profiles'!$G$20=$B$17,14,0)+IF('Standard Profiles'!$G$20=$B$24,21,0),0)),0)</f>
        <v>0</v>
      </c>
      <c r="G7304" cm="1">
        <f t="array" ref="G7304">IFERROR(INDEX(Jesper!AK$2:AK$366,ROUNDDOWN($C7304/24,0)+1,1)*INDEX($D$3:$AA$30,INDEX(Jesper!$R$2:$R$366,ROW(INDEX(Jesper!AK$2:AK$366,ROUNDDOWN($C7304/24,0)+1,1))-1)+IF('Standard Profiles'!$G$21=$B$10,7,0)+IF('Standard Profiles'!$G$21=$B$17,14,0)+IF('Standard Profiles'!$G$21=$B$24,21,0),MOD($C7304,24)+1)/SUM(INDEX($D$3:$AA$30,INDEX(Jesper!$R$2:$R$366,ROW(INDEX(Jesper!AK$2:AK$366,ROUNDDOWN($C7304/24,0)+1,1))-1)+IF('Standard Profiles'!$G$21=$B$10,7,0)+IF('Standard Profiles'!$G$21=$B$17,14,0)+IF('Standard Profiles'!$G$21=$B$24,21,0),0)),0)</f>
        <v>1.8281586485877137</v>
      </c>
      <c r="H7304" cm="1">
        <f t="array" ref="H7304">IFERROR(INDEX(Jesper!AL$2:AL$366,ROUNDDOWN($C7304/24,0)+1,1)*INDEX($D$3:$AA$30,INDEX(Jesper!$R$2:$R$366,ROW(INDEX(Jesper!AL$2:AL$366,ROUNDDOWN($C7304/24,0)+1,1))-1)+IF('Standard Profiles'!$G$22=$B$10,7,0)+IF('Standard Profiles'!$G$22=$B$17,14,0)+IF('Standard Profiles'!$G$22=$B$24,21,0),MOD($C7304,24)+1)/SUM(INDEX($D$3:$AA$30,INDEX(Jesper!$R$2:$R$366,ROW(INDEX(Jesper!AL$2:AL$366,ROUNDDOWN($C7304/24,0)+1,1))-1)+IF('Standard Profiles'!$G$22=$B$10,7,0)+IF('Standard Profiles'!$G$22=$B$17,14,0)+IF('Standard Profiles'!$G$22=$B$24,21,0),0)),0)</f>
        <v>0</v>
      </c>
      <c r="I7304">
        <f t="shared" si="811"/>
        <v>0.87751615132210214</v>
      </c>
      <c r="J7304">
        <f t="shared" si="812"/>
        <v>10.281418363021434</v>
      </c>
      <c r="K7304">
        <f t="shared" si="813"/>
        <v>0.61935867618602403</v>
      </c>
      <c r="L7304">
        <f t="shared" si="814"/>
        <v>0.30967933809301201</v>
      </c>
      <c r="M7304">
        <f t="shared" si="815"/>
        <v>0</v>
      </c>
      <c r="N7304" s="45">
        <f t="shared" si="816"/>
        <v>45229.916666649035</v>
      </c>
    </row>
    <row r="7305" spans="2:14" x14ac:dyDescent="0.25">
      <c r="B7305">
        <f t="shared" si="810"/>
        <v>1</v>
      </c>
      <c r="C7305" s="16">
        <v>7271</v>
      </c>
      <c r="D7305" cm="1">
        <f t="array" ref="D7305">IFERROR(INDEX(Jesper!AH$2:AH$366,ROUNDDOWN($C7305/24,0)+1,1)*INDEX($D$3:$AA$30,INDEX(Jesper!$R$2:$R$366,ROW(INDEX(Jesper!AH$2:AH$366,ROUNDDOWN($C7305/24,0)+1,1))-1)+IF('Standard Profiles'!$G$18=$B$10,7,0)+IF('Standard Profiles'!$G$18=$B$17,14,0)+IF('Standard Profiles'!$G$18=$B$24,21,0),MOD($C7305,24)+1)/SUM(INDEX($D$3:$AA$30,INDEX(Jesper!$R$2:$R$366,ROW(INDEX(Jesper!AH$2:AH$366,ROUNDDOWN($C7305/24,0)+1,1))-1)+IF('Standard Profiles'!$G$18=$B$10,7,0)+IF('Standard Profiles'!$G$18=$B$17,14,0)+IF('Standard Profiles'!$G$18=$B$24,21,0),0)),0)</f>
        <v>5.8064875892439751</v>
      </c>
      <c r="E7305" cm="1">
        <f t="array" ref="E7305">IFERROR(INDEX(Jesper!AI$2:AI$366,ROUNDDOWN($C7305/24,0)+1,1)*INDEX($D$3:$AA$30,INDEX(Jesper!$R$2:$R$366,ROW(INDEX(Jesper!AI$2:AI$366,ROUNDDOWN($C7305/24,0)+1,1))-1)+IF('Standard Profiles'!$G$19=$B$10,7,0)+IF('Standard Profiles'!$G$19=$B$17,14,0)+IF('Standard Profiles'!$G$19=$B$24,21,0),MOD($C7305,24)+1)/SUM(INDEX($D$3:$AA$30,INDEX(Jesper!$R$2:$R$366,ROW(INDEX(Jesper!AI$2:AI$366,ROUNDDOWN($C7305/24,0)+1,1))-1)+IF('Standard Profiles'!$G$19=$B$10,7,0)+IF('Standard Profiles'!$G$19=$B$17,14,0)+IF('Standard Profiles'!$G$19=$B$24,21,0),0)),0)</f>
        <v>4.4533262907908835</v>
      </c>
      <c r="F7305" cm="1">
        <f t="array" ref="F7305">IFERROR(INDEX(Jesper!AJ$2:AJ$366,ROUNDDOWN($C7305/24,0)+1,1)*INDEX($D$3:$AA$30,INDEX(Jesper!$R$2:$R$366,ROW(INDEX(Jesper!AJ$2:AJ$366,ROUNDDOWN($C7305/24,0)+1,1))-1)+IF('Standard Profiles'!$G$20=$B$10,7,0)+IF('Standard Profiles'!$G$20=$B$17,14,0)+IF('Standard Profiles'!$G$20=$B$24,21,0),MOD($C7305,24)+1)/SUM(INDEX($D$3:$AA$30,INDEX(Jesper!$R$2:$R$366,ROW(INDEX(Jesper!AJ$2:AJ$366,ROUNDDOWN($C7305/24,0)+1,1))-1)+IF('Standard Profiles'!$G$20=$B$10,7,0)+IF('Standard Profiles'!$G$20=$B$17,14,0)+IF('Standard Profiles'!$G$20=$B$24,21,0),0)),0)</f>
        <v>0</v>
      </c>
      <c r="G7305" cm="1">
        <f t="array" ref="G7305">IFERROR(INDEX(Jesper!AK$2:AK$366,ROUNDDOWN($C7305/24,0)+1,1)*INDEX($D$3:$AA$30,INDEX(Jesper!$R$2:$R$366,ROW(INDEX(Jesper!AK$2:AK$366,ROUNDDOWN($C7305/24,0)+1,1))-1)+IF('Standard Profiles'!$G$21=$B$10,7,0)+IF('Standard Profiles'!$G$21=$B$17,14,0)+IF('Standard Profiles'!$G$21=$B$24,21,0),MOD($C7305,24)+1)/SUM(INDEX($D$3:$AA$30,INDEX(Jesper!$R$2:$R$366,ROW(INDEX(Jesper!AK$2:AK$366,ROUNDDOWN($C7305/24,0)+1,1))-1)+IF('Standard Profiles'!$G$21=$B$10,7,0)+IF('Standard Profiles'!$G$21=$B$17,14,0)+IF('Standard Profiles'!$G$21=$B$24,21,0),0)),0)</f>
        <v>1.8281586485877137</v>
      </c>
      <c r="H7305" cm="1">
        <f t="array" ref="H7305">IFERROR(INDEX(Jesper!AL$2:AL$366,ROUNDDOWN($C7305/24,0)+1,1)*INDEX($D$3:$AA$30,INDEX(Jesper!$R$2:$R$366,ROW(INDEX(Jesper!AL$2:AL$366,ROUNDDOWN($C7305/24,0)+1,1))-1)+IF('Standard Profiles'!$G$22=$B$10,7,0)+IF('Standard Profiles'!$G$22=$B$17,14,0)+IF('Standard Profiles'!$G$22=$B$24,21,0),MOD($C7305,24)+1)/SUM(INDEX($D$3:$AA$30,INDEX(Jesper!$R$2:$R$366,ROW(INDEX(Jesper!AL$2:AL$366,ROUNDDOWN($C7305/24,0)+1,1))-1)+IF('Standard Profiles'!$G$22=$B$10,7,0)+IF('Standard Profiles'!$G$22=$B$17,14,0)+IF('Standard Profiles'!$G$22=$B$24,21,0),0)),0)</f>
        <v>0</v>
      </c>
      <c r="I7305">
        <f t="shared" si="811"/>
        <v>0.87751615132210214</v>
      </c>
      <c r="J7305">
        <f t="shared" si="812"/>
        <v>10.281418363021434</v>
      </c>
      <c r="K7305">
        <f t="shared" si="813"/>
        <v>0.61935867618602403</v>
      </c>
      <c r="L7305">
        <f t="shared" si="814"/>
        <v>0.30967933809301201</v>
      </c>
      <c r="M7305">
        <f t="shared" si="815"/>
        <v>0</v>
      </c>
      <c r="N7305" s="45">
        <f t="shared" si="816"/>
        <v>45229.958333315699</v>
      </c>
    </row>
    <row r="7306" spans="2:14" x14ac:dyDescent="0.25">
      <c r="B7306">
        <f t="shared" si="810"/>
        <v>2</v>
      </c>
      <c r="C7306" s="16">
        <v>7272</v>
      </c>
      <c r="D7306" cm="1">
        <f t="array" ref="D7306">IFERROR(INDEX(Jesper!AH$2:AH$366,ROUNDDOWN($C7306/24,0)+1,1)*INDEX($D$3:$AA$30,INDEX(Jesper!$R$2:$R$366,ROW(INDEX(Jesper!AH$2:AH$366,ROUNDDOWN($C7306/24,0)+1,1))-1)+IF('Standard Profiles'!$G$18=$B$10,7,0)+IF('Standard Profiles'!$G$18=$B$17,14,0)+IF('Standard Profiles'!$G$18=$B$24,21,0),MOD($C7306,24)+1)/SUM(INDEX($D$3:$AA$30,INDEX(Jesper!$R$2:$R$366,ROW(INDEX(Jesper!AH$2:AH$366,ROUNDDOWN($C7306/24,0)+1,1))-1)+IF('Standard Profiles'!$G$18=$B$10,7,0)+IF('Standard Profiles'!$G$18=$B$17,14,0)+IF('Standard Profiles'!$G$18=$B$24,21,0),0)),0)</f>
        <v>3.6391119306342974</v>
      </c>
      <c r="E7306" cm="1">
        <f t="array" ref="E7306">IFERROR(INDEX(Jesper!AI$2:AI$366,ROUNDDOWN($C7306/24,0)+1,1)*INDEX($D$3:$AA$30,INDEX(Jesper!$R$2:$R$366,ROW(INDEX(Jesper!AI$2:AI$366,ROUNDDOWN($C7306/24,0)+1,1))-1)+IF('Standard Profiles'!$G$19=$B$10,7,0)+IF('Standard Profiles'!$G$19=$B$17,14,0)+IF('Standard Profiles'!$G$19=$B$24,21,0),MOD($C7306,24)+1)/SUM(INDEX($D$3:$AA$30,INDEX(Jesper!$R$2:$R$366,ROW(INDEX(Jesper!AI$2:AI$366,ROUNDDOWN($C7306/24,0)+1,1))-1)+IF('Standard Profiles'!$G$19=$B$10,7,0)+IF('Standard Profiles'!$G$19=$B$17,14,0)+IF('Standard Profiles'!$G$19=$B$24,21,0),0)),0)</f>
        <v>2.3455147027084178</v>
      </c>
      <c r="F7306" cm="1">
        <f t="array" ref="F7306">IFERROR(INDEX(Jesper!AJ$2:AJ$366,ROUNDDOWN($C7306/24,0)+1,1)*INDEX($D$3:$AA$30,INDEX(Jesper!$R$2:$R$366,ROW(INDEX(Jesper!AJ$2:AJ$366,ROUNDDOWN($C7306/24,0)+1,1))-1)+IF('Standard Profiles'!$G$20=$B$10,7,0)+IF('Standard Profiles'!$G$20=$B$17,14,0)+IF('Standard Profiles'!$G$20=$B$24,21,0),MOD($C7306,24)+1)/SUM(INDEX($D$3:$AA$30,INDEX(Jesper!$R$2:$R$366,ROW(INDEX(Jesper!AJ$2:AJ$366,ROUNDDOWN($C7306/24,0)+1,1))-1)+IF('Standard Profiles'!$G$20=$B$10,7,0)+IF('Standard Profiles'!$G$20=$B$17,14,0)+IF('Standard Profiles'!$G$20=$B$24,21,0),0)),0)</f>
        <v>0</v>
      </c>
      <c r="G7306" cm="1">
        <f t="array" ref="G7306">IFERROR(INDEX(Jesper!AK$2:AK$366,ROUNDDOWN($C7306/24,0)+1,1)*INDEX($D$3:$AA$30,INDEX(Jesper!$R$2:$R$366,ROW(INDEX(Jesper!AK$2:AK$366,ROUNDDOWN($C7306/24,0)+1,1))-1)+IF('Standard Profiles'!$G$21=$B$10,7,0)+IF('Standard Profiles'!$G$21=$B$17,14,0)+IF('Standard Profiles'!$G$21=$B$24,21,0),MOD($C7306,24)+1)/SUM(INDEX($D$3:$AA$30,INDEX(Jesper!$R$2:$R$366,ROW(INDEX(Jesper!AK$2:AK$366,ROUNDDOWN($C7306/24,0)+1,1))-1)+IF('Standard Profiles'!$G$21=$B$10,7,0)+IF('Standard Profiles'!$G$21=$B$17,14,0)+IF('Standard Profiles'!$G$21=$B$24,21,0),0)),0)</f>
        <v>1.0249671161883149</v>
      </c>
      <c r="H7306" cm="1">
        <f t="array" ref="H7306">IFERROR(INDEX(Jesper!AL$2:AL$366,ROUNDDOWN($C7306/24,0)+1,1)*INDEX($D$3:$AA$30,INDEX(Jesper!$R$2:$R$366,ROW(INDEX(Jesper!AL$2:AL$366,ROUNDDOWN($C7306/24,0)+1,1))-1)+IF('Standard Profiles'!$G$22=$B$10,7,0)+IF('Standard Profiles'!$G$22=$B$17,14,0)+IF('Standard Profiles'!$G$22=$B$24,21,0),MOD($C7306,24)+1)/SUM(INDEX($D$3:$AA$30,INDEX(Jesper!$R$2:$R$366,ROW(INDEX(Jesper!AL$2:AL$366,ROUNDDOWN($C7306/24,0)+1,1))-1)+IF('Standard Profiles'!$G$22=$B$10,7,0)+IF('Standard Profiles'!$G$22=$B$17,14,0)+IF('Standard Profiles'!$G$22=$B$24,21,0),0)),0)</f>
        <v>0</v>
      </c>
      <c r="I7306">
        <f t="shared" si="811"/>
        <v>0.49198421577039092</v>
      </c>
      <c r="J7306">
        <f t="shared" si="812"/>
        <v>5.9353516248591518</v>
      </c>
      <c r="K7306">
        <f t="shared" si="813"/>
        <v>0.38817193926765842</v>
      </c>
      <c r="L7306">
        <f t="shared" si="814"/>
        <v>0.19408596963382921</v>
      </c>
      <c r="M7306">
        <f t="shared" si="815"/>
        <v>0</v>
      </c>
      <c r="N7306" s="45">
        <f t="shared" si="816"/>
        <v>45229.999999982363</v>
      </c>
    </row>
    <row r="7307" spans="2:14" x14ac:dyDescent="0.25">
      <c r="B7307">
        <f t="shared" si="810"/>
        <v>2</v>
      </c>
      <c r="C7307" s="16">
        <v>7273</v>
      </c>
      <c r="D7307" cm="1">
        <f t="array" ref="D7307">IFERROR(INDEX(Jesper!AH$2:AH$366,ROUNDDOWN($C7307/24,0)+1,1)*INDEX($D$3:$AA$30,INDEX(Jesper!$R$2:$R$366,ROW(INDEX(Jesper!AH$2:AH$366,ROUNDDOWN($C7307/24,0)+1,1))-1)+IF('Standard Profiles'!$G$18=$B$10,7,0)+IF('Standard Profiles'!$G$18=$B$17,14,0)+IF('Standard Profiles'!$G$18=$B$24,21,0),MOD($C7307,24)+1)/SUM(INDEX($D$3:$AA$30,INDEX(Jesper!$R$2:$R$366,ROW(INDEX(Jesper!AH$2:AH$366,ROUNDDOWN($C7307/24,0)+1,1))-1)+IF('Standard Profiles'!$G$18=$B$10,7,0)+IF('Standard Profiles'!$G$18=$B$17,14,0)+IF('Standard Profiles'!$G$18=$B$24,21,0),0)),0)</f>
        <v>5.5453134181094059</v>
      </c>
      <c r="E7307" cm="1">
        <f t="array" ref="E7307">IFERROR(INDEX(Jesper!AI$2:AI$366,ROUNDDOWN($C7307/24,0)+1,1)*INDEX($D$3:$AA$30,INDEX(Jesper!$R$2:$R$366,ROW(INDEX(Jesper!AI$2:AI$366,ROUNDDOWN($C7307/24,0)+1,1))-1)+IF('Standard Profiles'!$G$19=$B$10,7,0)+IF('Standard Profiles'!$G$19=$B$17,14,0)+IF('Standard Profiles'!$G$19=$B$24,21,0),MOD($C7307,24)+1)/SUM(INDEX($D$3:$AA$30,INDEX(Jesper!$R$2:$R$366,ROW(INDEX(Jesper!AI$2:AI$366,ROUNDDOWN($C7307/24,0)+1,1))-1)+IF('Standard Profiles'!$G$19=$B$10,7,0)+IF('Standard Profiles'!$G$19=$B$17,14,0)+IF('Standard Profiles'!$G$19=$B$24,21,0),0)),0)</f>
        <v>3.5741176422223511</v>
      </c>
      <c r="F7307" cm="1">
        <f t="array" ref="F7307">IFERROR(INDEX(Jesper!AJ$2:AJ$366,ROUNDDOWN($C7307/24,0)+1,1)*INDEX($D$3:$AA$30,INDEX(Jesper!$R$2:$R$366,ROW(INDEX(Jesper!AJ$2:AJ$366,ROUNDDOWN($C7307/24,0)+1,1))-1)+IF('Standard Profiles'!$G$20=$B$10,7,0)+IF('Standard Profiles'!$G$20=$B$17,14,0)+IF('Standard Profiles'!$G$20=$B$24,21,0),MOD($C7307,24)+1)/SUM(INDEX($D$3:$AA$30,INDEX(Jesper!$R$2:$R$366,ROW(INDEX(Jesper!AJ$2:AJ$366,ROUNDDOWN($C7307/24,0)+1,1))-1)+IF('Standard Profiles'!$G$20=$B$10,7,0)+IF('Standard Profiles'!$G$20=$B$17,14,0)+IF('Standard Profiles'!$G$20=$B$24,21,0),0)),0)</f>
        <v>0</v>
      </c>
      <c r="G7307" cm="1">
        <f t="array" ref="G7307">IFERROR(INDEX(Jesper!AK$2:AK$366,ROUNDDOWN($C7307/24,0)+1,1)*INDEX($D$3:$AA$30,INDEX(Jesper!$R$2:$R$366,ROW(INDEX(Jesper!AK$2:AK$366,ROUNDDOWN($C7307/24,0)+1,1))-1)+IF('Standard Profiles'!$G$21=$B$10,7,0)+IF('Standard Profiles'!$G$21=$B$17,14,0)+IF('Standard Profiles'!$G$21=$B$24,21,0),MOD($C7307,24)+1)/SUM(INDEX($D$3:$AA$30,INDEX(Jesper!$R$2:$R$366,ROW(INDEX(Jesper!AK$2:AK$366,ROUNDDOWN($C7307/24,0)+1,1))-1)+IF('Standard Profiles'!$G$21=$B$10,7,0)+IF('Standard Profiles'!$G$21=$B$17,14,0)+IF('Standard Profiles'!$G$21=$B$24,21,0),0)),0)</f>
        <v>1.0249671161883149</v>
      </c>
      <c r="H7307" cm="1">
        <f t="array" ref="H7307">IFERROR(INDEX(Jesper!AL$2:AL$366,ROUNDDOWN($C7307/24,0)+1,1)*INDEX($D$3:$AA$30,INDEX(Jesper!$R$2:$R$366,ROW(INDEX(Jesper!AL$2:AL$366,ROUNDDOWN($C7307/24,0)+1,1))-1)+IF('Standard Profiles'!$G$22=$B$10,7,0)+IF('Standard Profiles'!$G$22=$B$17,14,0)+IF('Standard Profiles'!$G$22=$B$24,21,0),MOD($C7307,24)+1)/SUM(INDEX($D$3:$AA$30,INDEX(Jesper!$R$2:$R$366,ROW(INDEX(Jesper!AL$2:AL$366,ROUNDDOWN($C7307/24,0)+1,1))-1)+IF('Standard Profiles'!$G$22=$B$10,7,0)+IF('Standard Profiles'!$G$22=$B$17,14,0)+IF('Standard Profiles'!$G$22=$B$24,21,0),0)),0)</f>
        <v>0</v>
      </c>
      <c r="I7307">
        <f t="shared" si="811"/>
        <v>0.49198421577039092</v>
      </c>
      <c r="J7307">
        <f t="shared" si="812"/>
        <v>8.7651638138521761</v>
      </c>
      <c r="K7307">
        <f t="shared" si="813"/>
        <v>0.59150009793167002</v>
      </c>
      <c r="L7307">
        <f t="shared" si="814"/>
        <v>0.29575004896583501</v>
      </c>
      <c r="M7307">
        <f t="shared" si="815"/>
        <v>0</v>
      </c>
      <c r="N7307" s="45">
        <f t="shared" si="816"/>
        <v>45230.041666649027</v>
      </c>
    </row>
    <row r="7308" spans="2:14" x14ac:dyDescent="0.25">
      <c r="B7308">
        <f t="shared" si="810"/>
        <v>2</v>
      </c>
      <c r="C7308" s="16">
        <v>7274</v>
      </c>
      <c r="D7308" cm="1">
        <f t="array" ref="D7308">IFERROR(INDEX(Jesper!AH$2:AH$366,ROUNDDOWN($C7308/24,0)+1,1)*INDEX($D$3:$AA$30,INDEX(Jesper!$R$2:$R$366,ROW(INDEX(Jesper!AH$2:AH$366,ROUNDDOWN($C7308/24,0)+1,1))-1)+IF('Standard Profiles'!$G$18=$B$10,7,0)+IF('Standard Profiles'!$G$18=$B$17,14,0)+IF('Standard Profiles'!$G$18=$B$24,21,0),MOD($C7308,24)+1)/SUM(INDEX($D$3:$AA$30,INDEX(Jesper!$R$2:$R$366,ROW(INDEX(Jesper!AH$2:AH$366,ROUNDDOWN($C7308/24,0)+1,1))-1)+IF('Standard Profiles'!$G$18=$B$10,7,0)+IF('Standard Profiles'!$G$18=$B$17,14,0)+IF('Standard Profiles'!$G$18=$B$24,21,0),0)),0)</f>
        <v>5.5453134181094059</v>
      </c>
      <c r="E7308" cm="1">
        <f t="array" ref="E7308">IFERROR(INDEX(Jesper!AI$2:AI$366,ROUNDDOWN($C7308/24,0)+1,1)*INDEX($D$3:$AA$30,INDEX(Jesper!$R$2:$R$366,ROW(INDEX(Jesper!AI$2:AI$366,ROUNDDOWN($C7308/24,0)+1,1))-1)+IF('Standard Profiles'!$G$19=$B$10,7,0)+IF('Standard Profiles'!$G$19=$B$17,14,0)+IF('Standard Profiles'!$G$19=$B$24,21,0),MOD($C7308,24)+1)/SUM(INDEX($D$3:$AA$30,INDEX(Jesper!$R$2:$R$366,ROW(INDEX(Jesper!AI$2:AI$366,ROUNDDOWN($C7308/24,0)+1,1))-1)+IF('Standard Profiles'!$G$19=$B$10,7,0)+IF('Standard Profiles'!$G$19=$B$17,14,0)+IF('Standard Profiles'!$G$19=$B$24,21,0),0)),0)</f>
        <v>3.5741176422223511</v>
      </c>
      <c r="F7308" cm="1">
        <f t="array" ref="F7308">IFERROR(INDEX(Jesper!AJ$2:AJ$366,ROUNDDOWN($C7308/24,0)+1,1)*INDEX($D$3:$AA$30,INDEX(Jesper!$R$2:$R$366,ROW(INDEX(Jesper!AJ$2:AJ$366,ROUNDDOWN($C7308/24,0)+1,1))-1)+IF('Standard Profiles'!$G$20=$B$10,7,0)+IF('Standard Profiles'!$G$20=$B$17,14,0)+IF('Standard Profiles'!$G$20=$B$24,21,0),MOD($C7308,24)+1)/SUM(INDEX($D$3:$AA$30,INDEX(Jesper!$R$2:$R$366,ROW(INDEX(Jesper!AJ$2:AJ$366,ROUNDDOWN($C7308/24,0)+1,1))-1)+IF('Standard Profiles'!$G$20=$B$10,7,0)+IF('Standard Profiles'!$G$20=$B$17,14,0)+IF('Standard Profiles'!$G$20=$B$24,21,0),0)),0)</f>
        <v>0</v>
      </c>
      <c r="G7308" cm="1">
        <f t="array" ref="G7308">IFERROR(INDEX(Jesper!AK$2:AK$366,ROUNDDOWN($C7308/24,0)+1,1)*INDEX($D$3:$AA$30,INDEX(Jesper!$R$2:$R$366,ROW(INDEX(Jesper!AK$2:AK$366,ROUNDDOWN($C7308/24,0)+1,1))-1)+IF('Standard Profiles'!$G$21=$B$10,7,0)+IF('Standard Profiles'!$G$21=$B$17,14,0)+IF('Standard Profiles'!$G$21=$B$24,21,0),MOD($C7308,24)+1)/SUM(INDEX($D$3:$AA$30,INDEX(Jesper!$R$2:$R$366,ROW(INDEX(Jesper!AK$2:AK$366,ROUNDDOWN($C7308/24,0)+1,1))-1)+IF('Standard Profiles'!$G$21=$B$10,7,0)+IF('Standard Profiles'!$G$21=$B$17,14,0)+IF('Standard Profiles'!$G$21=$B$24,21,0),0)),0)</f>
        <v>1.0249671161883149</v>
      </c>
      <c r="H7308" cm="1">
        <f t="array" ref="H7308">IFERROR(INDEX(Jesper!AL$2:AL$366,ROUNDDOWN($C7308/24,0)+1,1)*INDEX($D$3:$AA$30,INDEX(Jesper!$R$2:$R$366,ROW(INDEX(Jesper!AL$2:AL$366,ROUNDDOWN($C7308/24,0)+1,1))-1)+IF('Standard Profiles'!$G$22=$B$10,7,0)+IF('Standard Profiles'!$G$22=$B$17,14,0)+IF('Standard Profiles'!$G$22=$B$24,21,0),MOD($C7308,24)+1)/SUM(INDEX($D$3:$AA$30,INDEX(Jesper!$R$2:$R$366,ROW(INDEX(Jesper!AL$2:AL$366,ROUNDDOWN($C7308/24,0)+1,1))-1)+IF('Standard Profiles'!$G$22=$B$10,7,0)+IF('Standard Profiles'!$G$22=$B$17,14,0)+IF('Standard Profiles'!$G$22=$B$24,21,0),0)),0)</f>
        <v>0</v>
      </c>
      <c r="I7308">
        <f t="shared" si="811"/>
        <v>0.49198421577039092</v>
      </c>
      <c r="J7308">
        <f t="shared" si="812"/>
        <v>8.7651638138521761</v>
      </c>
      <c r="K7308">
        <f t="shared" si="813"/>
        <v>0.59150009793167002</v>
      </c>
      <c r="L7308">
        <f t="shared" si="814"/>
        <v>0.29575004896583501</v>
      </c>
      <c r="M7308">
        <f t="shared" si="815"/>
        <v>0</v>
      </c>
      <c r="N7308" s="45">
        <f t="shared" si="816"/>
        <v>45230.083333315692</v>
      </c>
    </row>
    <row r="7309" spans="2:14" x14ac:dyDescent="0.25">
      <c r="B7309">
        <f t="shared" si="810"/>
        <v>2</v>
      </c>
      <c r="C7309" s="16">
        <v>7275</v>
      </c>
      <c r="D7309" cm="1">
        <f t="array" ref="D7309">IFERROR(INDEX(Jesper!AH$2:AH$366,ROUNDDOWN($C7309/24,0)+1,1)*INDEX($D$3:$AA$30,INDEX(Jesper!$R$2:$R$366,ROW(INDEX(Jesper!AH$2:AH$366,ROUNDDOWN($C7309/24,0)+1,1))-1)+IF('Standard Profiles'!$G$18=$B$10,7,0)+IF('Standard Profiles'!$G$18=$B$17,14,0)+IF('Standard Profiles'!$G$18=$B$24,21,0),MOD($C7309,24)+1)/SUM(INDEX($D$3:$AA$30,INDEX(Jesper!$R$2:$R$366,ROW(INDEX(Jesper!AH$2:AH$366,ROUNDDOWN($C7309/24,0)+1,1))-1)+IF('Standard Profiles'!$G$18=$B$10,7,0)+IF('Standard Profiles'!$G$18=$B$17,14,0)+IF('Standard Profiles'!$G$18=$B$24,21,0),0)),0)</f>
        <v>5.5453134181094059</v>
      </c>
      <c r="E7309" cm="1">
        <f t="array" ref="E7309">IFERROR(INDEX(Jesper!AI$2:AI$366,ROUNDDOWN($C7309/24,0)+1,1)*INDEX($D$3:$AA$30,INDEX(Jesper!$R$2:$R$366,ROW(INDEX(Jesper!AI$2:AI$366,ROUNDDOWN($C7309/24,0)+1,1))-1)+IF('Standard Profiles'!$G$19=$B$10,7,0)+IF('Standard Profiles'!$G$19=$B$17,14,0)+IF('Standard Profiles'!$G$19=$B$24,21,0),MOD($C7309,24)+1)/SUM(INDEX($D$3:$AA$30,INDEX(Jesper!$R$2:$R$366,ROW(INDEX(Jesper!AI$2:AI$366,ROUNDDOWN($C7309/24,0)+1,1))-1)+IF('Standard Profiles'!$G$19=$B$10,7,0)+IF('Standard Profiles'!$G$19=$B$17,14,0)+IF('Standard Profiles'!$G$19=$B$24,21,0),0)),0)</f>
        <v>3.5741176422223511</v>
      </c>
      <c r="F7309" cm="1">
        <f t="array" ref="F7309">IFERROR(INDEX(Jesper!AJ$2:AJ$366,ROUNDDOWN($C7309/24,0)+1,1)*INDEX($D$3:$AA$30,INDEX(Jesper!$R$2:$R$366,ROW(INDEX(Jesper!AJ$2:AJ$366,ROUNDDOWN($C7309/24,0)+1,1))-1)+IF('Standard Profiles'!$G$20=$B$10,7,0)+IF('Standard Profiles'!$G$20=$B$17,14,0)+IF('Standard Profiles'!$G$20=$B$24,21,0),MOD($C7309,24)+1)/SUM(INDEX($D$3:$AA$30,INDEX(Jesper!$R$2:$R$366,ROW(INDEX(Jesper!AJ$2:AJ$366,ROUNDDOWN($C7309/24,0)+1,1))-1)+IF('Standard Profiles'!$G$20=$B$10,7,0)+IF('Standard Profiles'!$G$20=$B$17,14,0)+IF('Standard Profiles'!$G$20=$B$24,21,0),0)),0)</f>
        <v>0</v>
      </c>
      <c r="G7309" cm="1">
        <f t="array" ref="G7309">IFERROR(INDEX(Jesper!AK$2:AK$366,ROUNDDOWN($C7309/24,0)+1,1)*INDEX($D$3:$AA$30,INDEX(Jesper!$R$2:$R$366,ROW(INDEX(Jesper!AK$2:AK$366,ROUNDDOWN($C7309/24,0)+1,1))-1)+IF('Standard Profiles'!$G$21=$B$10,7,0)+IF('Standard Profiles'!$G$21=$B$17,14,0)+IF('Standard Profiles'!$G$21=$B$24,21,0),MOD($C7309,24)+1)/SUM(INDEX($D$3:$AA$30,INDEX(Jesper!$R$2:$R$366,ROW(INDEX(Jesper!AK$2:AK$366,ROUNDDOWN($C7309/24,0)+1,1))-1)+IF('Standard Profiles'!$G$21=$B$10,7,0)+IF('Standard Profiles'!$G$21=$B$17,14,0)+IF('Standard Profiles'!$G$21=$B$24,21,0),0)),0)</f>
        <v>1.0249671161883149</v>
      </c>
      <c r="H7309" cm="1">
        <f t="array" ref="H7309">IFERROR(INDEX(Jesper!AL$2:AL$366,ROUNDDOWN($C7309/24,0)+1,1)*INDEX($D$3:$AA$30,INDEX(Jesper!$R$2:$R$366,ROW(INDEX(Jesper!AL$2:AL$366,ROUNDDOWN($C7309/24,0)+1,1))-1)+IF('Standard Profiles'!$G$22=$B$10,7,0)+IF('Standard Profiles'!$G$22=$B$17,14,0)+IF('Standard Profiles'!$G$22=$B$24,21,0),MOD($C7309,24)+1)/SUM(INDEX($D$3:$AA$30,INDEX(Jesper!$R$2:$R$366,ROW(INDEX(Jesper!AL$2:AL$366,ROUNDDOWN($C7309/24,0)+1,1))-1)+IF('Standard Profiles'!$G$22=$B$10,7,0)+IF('Standard Profiles'!$G$22=$B$17,14,0)+IF('Standard Profiles'!$G$22=$B$24,21,0),0)),0)</f>
        <v>0</v>
      </c>
      <c r="I7309">
        <f t="shared" si="811"/>
        <v>0.49198421577039092</v>
      </c>
      <c r="J7309">
        <f t="shared" si="812"/>
        <v>8.7651638138521761</v>
      </c>
      <c r="K7309">
        <f t="shared" si="813"/>
        <v>0.59150009793167002</v>
      </c>
      <c r="L7309">
        <f t="shared" si="814"/>
        <v>0.29575004896583501</v>
      </c>
      <c r="M7309">
        <f t="shared" si="815"/>
        <v>0</v>
      </c>
      <c r="N7309" s="45">
        <f t="shared" si="816"/>
        <v>45230.124999982356</v>
      </c>
    </row>
    <row r="7310" spans="2:14" x14ac:dyDescent="0.25">
      <c r="B7310">
        <f t="shared" si="810"/>
        <v>2</v>
      </c>
      <c r="C7310" s="16">
        <v>7276</v>
      </c>
      <c r="D7310" cm="1">
        <f t="array" ref="D7310">IFERROR(INDEX(Jesper!AH$2:AH$366,ROUNDDOWN($C7310/24,0)+1,1)*INDEX($D$3:$AA$30,INDEX(Jesper!$R$2:$R$366,ROW(INDEX(Jesper!AH$2:AH$366,ROUNDDOWN($C7310/24,0)+1,1))-1)+IF('Standard Profiles'!$G$18=$B$10,7,0)+IF('Standard Profiles'!$G$18=$B$17,14,0)+IF('Standard Profiles'!$G$18=$B$24,21,0),MOD($C7310,24)+1)/SUM(INDEX($D$3:$AA$30,INDEX(Jesper!$R$2:$R$366,ROW(INDEX(Jesper!AH$2:AH$366,ROUNDDOWN($C7310/24,0)+1,1))-1)+IF('Standard Profiles'!$G$18=$B$10,7,0)+IF('Standard Profiles'!$G$18=$B$17,14,0)+IF('Standard Profiles'!$G$18=$B$24,21,0),0)),0)</f>
        <v>5.5453134181094059</v>
      </c>
      <c r="E7310" cm="1">
        <f t="array" ref="E7310">IFERROR(INDEX(Jesper!AI$2:AI$366,ROUNDDOWN($C7310/24,0)+1,1)*INDEX($D$3:$AA$30,INDEX(Jesper!$R$2:$R$366,ROW(INDEX(Jesper!AI$2:AI$366,ROUNDDOWN($C7310/24,0)+1,1))-1)+IF('Standard Profiles'!$G$19=$B$10,7,0)+IF('Standard Profiles'!$G$19=$B$17,14,0)+IF('Standard Profiles'!$G$19=$B$24,21,0),MOD($C7310,24)+1)/SUM(INDEX($D$3:$AA$30,INDEX(Jesper!$R$2:$R$366,ROW(INDEX(Jesper!AI$2:AI$366,ROUNDDOWN($C7310/24,0)+1,1))-1)+IF('Standard Profiles'!$G$19=$B$10,7,0)+IF('Standard Profiles'!$G$19=$B$17,14,0)+IF('Standard Profiles'!$G$19=$B$24,21,0),0)),0)</f>
        <v>3.5741176422223511</v>
      </c>
      <c r="F7310" cm="1">
        <f t="array" ref="F7310">IFERROR(INDEX(Jesper!AJ$2:AJ$366,ROUNDDOWN($C7310/24,0)+1,1)*INDEX($D$3:$AA$30,INDEX(Jesper!$R$2:$R$366,ROW(INDEX(Jesper!AJ$2:AJ$366,ROUNDDOWN($C7310/24,0)+1,1))-1)+IF('Standard Profiles'!$G$20=$B$10,7,0)+IF('Standard Profiles'!$G$20=$B$17,14,0)+IF('Standard Profiles'!$G$20=$B$24,21,0),MOD($C7310,24)+1)/SUM(INDEX($D$3:$AA$30,INDEX(Jesper!$R$2:$R$366,ROW(INDEX(Jesper!AJ$2:AJ$366,ROUNDDOWN($C7310/24,0)+1,1))-1)+IF('Standard Profiles'!$G$20=$B$10,7,0)+IF('Standard Profiles'!$G$20=$B$17,14,0)+IF('Standard Profiles'!$G$20=$B$24,21,0),0)),0)</f>
        <v>0</v>
      </c>
      <c r="G7310" cm="1">
        <f t="array" ref="G7310">IFERROR(INDEX(Jesper!AK$2:AK$366,ROUNDDOWN($C7310/24,0)+1,1)*INDEX($D$3:$AA$30,INDEX(Jesper!$R$2:$R$366,ROW(INDEX(Jesper!AK$2:AK$366,ROUNDDOWN($C7310/24,0)+1,1))-1)+IF('Standard Profiles'!$G$21=$B$10,7,0)+IF('Standard Profiles'!$G$21=$B$17,14,0)+IF('Standard Profiles'!$G$21=$B$24,21,0),MOD($C7310,24)+1)/SUM(INDEX($D$3:$AA$30,INDEX(Jesper!$R$2:$R$366,ROW(INDEX(Jesper!AK$2:AK$366,ROUNDDOWN($C7310/24,0)+1,1))-1)+IF('Standard Profiles'!$G$21=$B$10,7,0)+IF('Standard Profiles'!$G$21=$B$17,14,0)+IF('Standard Profiles'!$G$21=$B$24,21,0),0)),0)</f>
        <v>1.0249671161883149</v>
      </c>
      <c r="H7310" cm="1">
        <f t="array" ref="H7310">IFERROR(INDEX(Jesper!AL$2:AL$366,ROUNDDOWN($C7310/24,0)+1,1)*INDEX($D$3:$AA$30,INDEX(Jesper!$R$2:$R$366,ROW(INDEX(Jesper!AL$2:AL$366,ROUNDDOWN($C7310/24,0)+1,1))-1)+IF('Standard Profiles'!$G$22=$B$10,7,0)+IF('Standard Profiles'!$G$22=$B$17,14,0)+IF('Standard Profiles'!$G$22=$B$24,21,0),MOD($C7310,24)+1)/SUM(INDEX($D$3:$AA$30,INDEX(Jesper!$R$2:$R$366,ROW(INDEX(Jesper!AL$2:AL$366,ROUNDDOWN($C7310/24,0)+1,1))-1)+IF('Standard Profiles'!$G$22=$B$10,7,0)+IF('Standard Profiles'!$G$22=$B$17,14,0)+IF('Standard Profiles'!$G$22=$B$24,21,0),0)),0)</f>
        <v>0</v>
      </c>
      <c r="I7310">
        <f t="shared" si="811"/>
        <v>0.49198421577039092</v>
      </c>
      <c r="J7310">
        <f t="shared" si="812"/>
        <v>8.7651638138521761</v>
      </c>
      <c r="K7310">
        <f t="shared" si="813"/>
        <v>0.59150009793167002</v>
      </c>
      <c r="L7310">
        <f t="shared" si="814"/>
        <v>0.29575004896583501</v>
      </c>
      <c r="M7310">
        <f t="shared" si="815"/>
        <v>0</v>
      </c>
      <c r="N7310" s="45">
        <f t="shared" si="816"/>
        <v>45230.16666664902</v>
      </c>
    </row>
    <row r="7311" spans="2:14" x14ac:dyDescent="0.25">
      <c r="B7311">
        <f t="shared" si="810"/>
        <v>2</v>
      </c>
      <c r="C7311" s="16">
        <v>7277</v>
      </c>
      <c r="D7311" cm="1">
        <f t="array" ref="D7311">IFERROR(INDEX(Jesper!AH$2:AH$366,ROUNDDOWN($C7311/24,0)+1,1)*INDEX($D$3:$AA$30,INDEX(Jesper!$R$2:$R$366,ROW(INDEX(Jesper!AH$2:AH$366,ROUNDDOWN($C7311/24,0)+1,1))-1)+IF('Standard Profiles'!$G$18=$B$10,7,0)+IF('Standard Profiles'!$G$18=$B$17,14,0)+IF('Standard Profiles'!$G$18=$B$24,21,0),MOD($C7311,24)+1)/SUM(INDEX($D$3:$AA$30,INDEX(Jesper!$R$2:$R$366,ROW(INDEX(Jesper!AH$2:AH$366,ROUNDDOWN($C7311/24,0)+1,1))-1)+IF('Standard Profiles'!$G$18=$B$10,7,0)+IF('Standard Profiles'!$G$18=$B$17,14,0)+IF('Standard Profiles'!$G$18=$B$24,21,0),0)),0)</f>
        <v>5.5453134181094059</v>
      </c>
      <c r="E7311" cm="1">
        <f t="array" ref="E7311">IFERROR(INDEX(Jesper!AI$2:AI$366,ROUNDDOWN($C7311/24,0)+1,1)*INDEX($D$3:$AA$30,INDEX(Jesper!$R$2:$R$366,ROW(INDEX(Jesper!AI$2:AI$366,ROUNDDOWN($C7311/24,0)+1,1))-1)+IF('Standard Profiles'!$G$19=$B$10,7,0)+IF('Standard Profiles'!$G$19=$B$17,14,0)+IF('Standard Profiles'!$G$19=$B$24,21,0),MOD($C7311,24)+1)/SUM(INDEX($D$3:$AA$30,INDEX(Jesper!$R$2:$R$366,ROW(INDEX(Jesper!AI$2:AI$366,ROUNDDOWN($C7311/24,0)+1,1))-1)+IF('Standard Profiles'!$G$19=$B$10,7,0)+IF('Standard Profiles'!$G$19=$B$17,14,0)+IF('Standard Profiles'!$G$19=$B$24,21,0),0)),0)</f>
        <v>3.5741176422223511</v>
      </c>
      <c r="F7311" cm="1">
        <f t="array" ref="F7311">IFERROR(INDEX(Jesper!AJ$2:AJ$366,ROUNDDOWN($C7311/24,0)+1,1)*INDEX($D$3:$AA$30,INDEX(Jesper!$R$2:$R$366,ROW(INDEX(Jesper!AJ$2:AJ$366,ROUNDDOWN($C7311/24,0)+1,1))-1)+IF('Standard Profiles'!$G$20=$B$10,7,0)+IF('Standard Profiles'!$G$20=$B$17,14,0)+IF('Standard Profiles'!$G$20=$B$24,21,0),MOD($C7311,24)+1)/SUM(INDEX($D$3:$AA$30,INDEX(Jesper!$R$2:$R$366,ROW(INDEX(Jesper!AJ$2:AJ$366,ROUNDDOWN($C7311/24,0)+1,1))-1)+IF('Standard Profiles'!$G$20=$B$10,7,0)+IF('Standard Profiles'!$G$20=$B$17,14,0)+IF('Standard Profiles'!$G$20=$B$24,21,0),0)),0)</f>
        <v>0</v>
      </c>
      <c r="G7311" cm="1">
        <f t="array" ref="G7311">IFERROR(INDEX(Jesper!AK$2:AK$366,ROUNDDOWN($C7311/24,0)+1,1)*INDEX($D$3:$AA$30,INDEX(Jesper!$R$2:$R$366,ROW(INDEX(Jesper!AK$2:AK$366,ROUNDDOWN($C7311/24,0)+1,1))-1)+IF('Standard Profiles'!$G$21=$B$10,7,0)+IF('Standard Profiles'!$G$21=$B$17,14,0)+IF('Standard Profiles'!$G$21=$B$24,21,0),MOD($C7311,24)+1)/SUM(INDEX($D$3:$AA$30,INDEX(Jesper!$R$2:$R$366,ROW(INDEX(Jesper!AK$2:AK$366,ROUNDDOWN($C7311/24,0)+1,1))-1)+IF('Standard Profiles'!$G$21=$B$10,7,0)+IF('Standard Profiles'!$G$21=$B$17,14,0)+IF('Standard Profiles'!$G$21=$B$24,21,0),0)),0)</f>
        <v>1.0249671161883149</v>
      </c>
      <c r="H7311" cm="1">
        <f t="array" ref="H7311">IFERROR(INDEX(Jesper!AL$2:AL$366,ROUNDDOWN($C7311/24,0)+1,1)*INDEX($D$3:$AA$30,INDEX(Jesper!$R$2:$R$366,ROW(INDEX(Jesper!AL$2:AL$366,ROUNDDOWN($C7311/24,0)+1,1))-1)+IF('Standard Profiles'!$G$22=$B$10,7,0)+IF('Standard Profiles'!$G$22=$B$17,14,0)+IF('Standard Profiles'!$G$22=$B$24,21,0),MOD($C7311,24)+1)/SUM(INDEX($D$3:$AA$30,INDEX(Jesper!$R$2:$R$366,ROW(INDEX(Jesper!AL$2:AL$366,ROUNDDOWN($C7311/24,0)+1,1))-1)+IF('Standard Profiles'!$G$22=$B$10,7,0)+IF('Standard Profiles'!$G$22=$B$17,14,0)+IF('Standard Profiles'!$G$22=$B$24,21,0),0)),0)</f>
        <v>0</v>
      </c>
      <c r="I7311">
        <f t="shared" si="811"/>
        <v>0.49198421577039092</v>
      </c>
      <c r="J7311">
        <f t="shared" si="812"/>
        <v>8.7651638138521761</v>
      </c>
      <c r="K7311">
        <f t="shared" si="813"/>
        <v>0.59150009793167002</v>
      </c>
      <c r="L7311">
        <f t="shared" si="814"/>
        <v>0.29575004896583501</v>
      </c>
      <c r="M7311">
        <f t="shared" si="815"/>
        <v>0</v>
      </c>
      <c r="N7311" s="45">
        <f t="shared" si="816"/>
        <v>45230.208333315684</v>
      </c>
    </row>
    <row r="7312" spans="2:14" x14ac:dyDescent="0.25">
      <c r="B7312">
        <f t="shared" si="810"/>
        <v>2</v>
      </c>
      <c r="C7312" s="16">
        <v>7278</v>
      </c>
      <c r="D7312" cm="1">
        <f t="array" ref="D7312">IFERROR(INDEX(Jesper!AH$2:AH$366,ROUNDDOWN($C7312/24,0)+1,1)*INDEX($D$3:$AA$30,INDEX(Jesper!$R$2:$R$366,ROW(INDEX(Jesper!AH$2:AH$366,ROUNDDOWN($C7312/24,0)+1,1))-1)+IF('Standard Profiles'!$G$18=$B$10,7,0)+IF('Standard Profiles'!$G$18=$B$17,14,0)+IF('Standard Profiles'!$G$18=$B$24,21,0),MOD($C7312,24)+1)/SUM(INDEX($D$3:$AA$30,INDEX(Jesper!$R$2:$R$366,ROW(INDEX(Jesper!AH$2:AH$366,ROUNDDOWN($C7312/24,0)+1,1))-1)+IF('Standard Profiles'!$G$18=$B$10,7,0)+IF('Standard Profiles'!$G$18=$B$17,14,0)+IF('Standard Profiles'!$G$18=$B$24,21,0),0)),0)</f>
        <v>5.5453134181094059</v>
      </c>
      <c r="E7312" cm="1">
        <f t="array" ref="E7312">IFERROR(INDEX(Jesper!AI$2:AI$366,ROUNDDOWN($C7312/24,0)+1,1)*INDEX($D$3:$AA$30,INDEX(Jesper!$R$2:$R$366,ROW(INDEX(Jesper!AI$2:AI$366,ROUNDDOWN($C7312/24,0)+1,1))-1)+IF('Standard Profiles'!$G$19=$B$10,7,0)+IF('Standard Profiles'!$G$19=$B$17,14,0)+IF('Standard Profiles'!$G$19=$B$24,21,0),MOD($C7312,24)+1)/SUM(INDEX($D$3:$AA$30,INDEX(Jesper!$R$2:$R$366,ROW(INDEX(Jesper!AI$2:AI$366,ROUNDDOWN($C7312/24,0)+1,1))-1)+IF('Standard Profiles'!$G$19=$B$10,7,0)+IF('Standard Profiles'!$G$19=$B$17,14,0)+IF('Standard Profiles'!$G$19=$B$24,21,0),0)),0)</f>
        <v>3.5741176422223511</v>
      </c>
      <c r="F7312" cm="1">
        <f t="array" ref="F7312">IFERROR(INDEX(Jesper!AJ$2:AJ$366,ROUNDDOWN($C7312/24,0)+1,1)*INDEX($D$3:$AA$30,INDEX(Jesper!$R$2:$R$366,ROW(INDEX(Jesper!AJ$2:AJ$366,ROUNDDOWN($C7312/24,0)+1,1))-1)+IF('Standard Profiles'!$G$20=$B$10,7,0)+IF('Standard Profiles'!$G$20=$B$17,14,0)+IF('Standard Profiles'!$G$20=$B$24,21,0),MOD($C7312,24)+1)/SUM(INDEX($D$3:$AA$30,INDEX(Jesper!$R$2:$R$366,ROW(INDEX(Jesper!AJ$2:AJ$366,ROUNDDOWN($C7312/24,0)+1,1))-1)+IF('Standard Profiles'!$G$20=$B$10,7,0)+IF('Standard Profiles'!$G$20=$B$17,14,0)+IF('Standard Profiles'!$G$20=$B$24,21,0),0)),0)</f>
        <v>0</v>
      </c>
      <c r="G7312" cm="1">
        <f t="array" ref="G7312">IFERROR(INDEX(Jesper!AK$2:AK$366,ROUNDDOWN($C7312/24,0)+1,1)*INDEX($D$3:$AA$30,INDEX(Jesper!$R$2:$R$366,ROW(INDEX(Jesper!AK$2:AK$366,ROUNDDOWN($C7312/24,0)+1,1))-1)+IF('Standard Profiles'!$G$21=$B$10,7,0)+IF('Standard Profiles'!$G$21=$B$17,14,0)+IF('Standard Profiles'!$G$21=$B$24,21,0),MOD($C7312,24)+1)/SUM(INDEX($D$3:$AA$30,INDEX(Jesper!$R$2:$R$366,ROW(INDEX(Jesper!AK$2:AK$366,ROUNDDOWN($C7312/24,0)+1,1))-1)+IF('Standard Profiles'!$G$21=$B$10,7,0)+IF('Standard Profiles'!$G$21=$B$17,14,0)+IF('Standard Profiles'!$G$21=$B$24,21,0),0)),0)</f>
        <v>1.0249671161883149</v>
      </c>
      <c r="H7312" cm="1">
        <f t="array" ref="H7312">IFERROR(INDEX(Jesper!AL$2:AL$366,ROUNDDOWN($C7312/24,0)+1,1)*INDEX($D$3:$AA$30,INDEX(Jesper!$R$2:$R$366,ROW(INDEX(Jesper!AL$2:AL$366,ROUNDDOWN($C7312/24,0)+1,1))-1)+IF('Standard Profiles'!$G$22=$B$10,7,0)+IF('Standard Profiles'!$G$22=$B$17,14,0)+IF('Standard Profiles'!$G$22=$B$24,21,0),MOD($C7312,24)+1)/SUM(INDEX($D$3:$AA$30,INDEX(Jesper!$R$2:$R$366,ROW(INDEX(Jesper!AL$2:AL$366,ROUNDDOWN($C7312/24,0)+1,1))-1)+IF('Standard Profiles'!$G$22=$B$10,7,0)+IF('Standard Profiles'!$G$22=$B$17,14,0)+IF('Standard Profiles'!$G$22=$B$24,21,0),0)),0)</f>
        <v>0</v>
      </c>
      <c r="I7312">
        <f t="shared" si="811"/>
        <v>0.49198421577039092</v>
      </c>
      <c r="J7312">
        <f t="shared" si="812"/>
        <v>8.7651638138521761</v>
      </c>
      <c r="K7312">
        <f t="shared" si="813"/>
        <v>0.59150009793167002</v>
      </c>
      <c r="L7312">
        <f t="shared" si="814"/>
        <v>0.29575004896583501</v>
      </c>
      <c r="M7312">
        <f t="shared" si="815"/>
        <v>0</v>
      </c>
      <c r="N7312" s="45">
        <f t="shared" si="816"/>
        <v>45230.249999982349</v>
      </c>
    </row>
    <row r="7313" spans="2:14" x14ac:dyDescent="0.25">
      <c r="B7313">
        <f t="shared" si="810"/>
        <v>2</v>
      </c>
      <c r="C7313" s="16">
        <v>7279</v>
      </c>
      <c r="D7313" cm="1">
        <f t="array" ref="D7313">IFERROR(INDEX(Jesper!AH$2:AH$366,ROUNDDOWN($C7313/24,0)+1,1)*INDEX($D$3:$AA$30,INDEX(Jesper!$R$2:$R$366,ROW(INDEX(Jesper!AH$2:AH$366,ROUNDDOWN($C7313/24,0)+1,1))-1)+IF('Standard Profiles'!$G$18=$B$10,7,0)+IF('Standard Profiles'!$G$18=$B$17,14,0)+IF('Standard Profiles'!$G$18=$B$24,21,0),MOD($C7313,24)+1)/SUM(INDEX($D$3:$AA$30,INDEX(Jesper!$R$2:$R$366,ROW(INDEX(Jesper!AH$2:AH$366,ROUNDDOWN($C7313/24,0)+1,1))-1)+IF('Standard Profiles'!$G$18=$B$10,7,0)+IF('Standard Profiles'!$G$18=$B$17,14,0)+IF('Standard Profiles'!$G$18=$B$24,21,0),0)),0)</f>
        <v>23.376961878217461</v>
      </c>
      <c r="E7313" cm="1">
        <f t="array" ref="E7313">IFERROR(INDEX(Jesper!AI$2:AI$366,ROUNDDOWN($C7313/24,0)+1,1)*INDEX($D$3:$AA$30,INDEX(Jesper!$R$2:$R$366,ROW(INDEX(Jesper!AI$2:AI$366,ROUNDDOWN($C7313/24,0)+1,1))-1)+IF('Standard Profiles'!$G$19=$B$10,7,0)+IF('Standard Profiles'!$G$19=$B$17,14,0)+IF('Standard Profiles'!$G$19=$B$24,21,0),MOD($C7313,24)+1)/SUM(INDEX($D$3:$AA$30,INDEX(Jesper!$R$2:$R$366,ROW(INDEX(Jesper!AI$2:AI$366,ROUNDDOWN($C7313/24,0)+1,1))-1)+IF('Standard Profiles'!$G$19=$B$10,7,0)+IF('Standard Profiles'!$G$19=$B$17,14,0)+IF('Standard Profiles'!$G$19=$B$24,21,0),0)),0)</f>
        <v>15.067139685493597</v>
      </c>
      <c r="F7313" cm="1">
        <f t="array" ref="F7313">IFERROR(INDEX(Jesper!AJ$2:AJ$366,ROUNDDOWN($C7313/24,0)+1,1)*INDEX($D$3:$AA$30,INDEX(Jesper!$R$2:$R$366,ROW(INDEX(Jesper!AJ$2:AJ$366,ROUNDDOWN($C7313/24,0)+1,1))-1)+IF('Standard Profiles'!$G$20=$B$10,7,0)+IF('Standard Profiles'!$G$20=$B$17,14,0)+IF('Standard Profiles'!$G$20=$B$24,21,0),MOD($C7313,24)+1)/SUM(INDEX($D$3:$AA$30,INDEX(Jesper!$R$2:$R$366,ROW(INDEX(Jesper!AJ$2:AJ$366,ROUNDDOWN($C7313/24,0)+1,1))-1)+IF('Standard Profiles'!$G$20=$B$10,7,0)+IF('Standard Profiles'!$G$20=$B$17,14,0)+IF('Standard Profiles'!$G$20=$B$24,21,0),0)),0)</f>
        <v>0</v>
      </c>
      <c r="G7313" cm="1">
        <f t="array" ref="G7313">IFERROR(INDEX(Jesper!AK$2:AK$366,ROUNDDOWN($C7313/24,0)+1,1)*INDEX($D$3:$AA$30,INDEX(Jesper!$R$2:$R$366,ROW(INDEX(Jesper!AK$2:AK$366,ROUNDDOWN($C7313/24,0)+1,1))-1)+IF('Standard Profiles'!$G$21=$B$10,7,0)+IF('Standard Profiles'!$G$21=$B$17,14,0)+IF('Standard Profiles'!$G$21=$B$24,21,0),MOD($C7313,24)+1)/SUM(INDEX($D$3:$AA$30,INDEX(Jesper!$R$2:$R$366,ROW(INDEX(Jesper!AK$2:AK$366,ROUNDDOWN($C7313/24,0)+1,1))-1)+IF('Standard Profiles'!$G$21=$B$10,7,0)+IF('Standard Profiles'!$G$21=$B$17,14,0)+IF('Standard Profiles'!$G$21=$B$24,21,0),0)),0)</f>
        <v>2.9525665637295648</v>
      </c>
      <c r="H7313" cm="1">
        <f t="array" ref="H7313">IFERROR(INDEX(Jesper!AL$2:AL$366,ROUNDDOWN($C7313/24,0)+1,1)*INDEX($D$3:$AA$30,INDEX(Jesper!$R$2:$R$366,ROW(INDEX(Jesper!AL$2:AL$366,ROUNDDOWN($C7313/24,0)+1,1))-1)+IF('Standard Profiles'!$G$22=$B$10,7,0)+IF('Standard Profiles'!$G$22=$B$17,14,0)+IF('Standard Profiles'!$G$22=$B$24,21,0),MOD($C7313,24)+1)/SUM(INDEX($D$3:$AA$30,INDEX(Jesper!$R$2:$R$366,ROW(INDEX(Jesper!AL$2:AL$366,ROUNDDOWN($C7313/24,0)+1,1))-1)+IF('Standard Profiles'!$G$22=$B$10,7,0)+IF('Standard Profiles'!$G$22=$B$17,14,0)+IF('Standard Profiles'!$G$22=$B$24,21,0),0)),0)</f>
        <v>0</v>
      </c>
      <c r="I7313">
        <f t="shared" si="811"/>
        <v>1.4172319505901905</v>
      </c>
      <c r="J7313">
        <f t="shared" si="812"/>
        <v>36.239122276335642</v>
      </c>
      <c r="K7313">
        <f t="shared" si="813"/>
        <v>2.4935426003431962</v>
      </c>
      <c r="L7313">
        <f t="shared" si="814"/>
        <v>1.2467713001715981</v>
      </c>
      <c r="M7313">
        <f t="shared" si="815"/>
        <v>0</v>
      </c>
      <c r="N7313" s="45">
        <f t="shared" si="816"/>
        <v>45230.291666649013</v>
      </c>
    </row>
    <row r="7314" spans="2:14" x14ac:dyDescent="0.25">
      <c r="B7314">
        <f t="shared" si="810"/>
        <v>2</v>
      </c>
      <c r="C7314" s="16">
        <v>7280</v>
      </c>
      <c r="D7314" cm="1">
        <f t="array" ref="D7314">IFERROR(INDEX(Jesper!AH$2:AH$366,ROUNDDOWN($C7314/24,0)+1,1)*INDEX($D$3:$AA$30,INDEX(Jesper!$R$2:$R$366,ROW(INDEX(Jesper!AH$2:AH$366,ROUNDDOWN($C7314/24,0)+1,1))-1)+IF('Standard Profiles'!$G$18=$B$10,7,0)+IF('Standard Profiles'!$G$18=$B$17,14,0)+IF('Standard Profiles'!$G$18=$B$24,21,0),MOD($C7314,24)+1)/SUM(INDEX($D$3:$AA$30,INDEX(Jesper!$R$2:$R$366,ROW(INDEX(Jesper!AH$2:AH$366,ROUNDDOWN($C7314/24,0)+1,1))-1)+IF('Standard Profiles'!$G$18=$B$10,7,0)+IF('Standard Profiles'!$G$18=$B$17,14,0)+IF('Standard Profiles'!$G$18=$B$24,21,0),0)),0)</f>
        <v>26.083767990432118</v>
      </c>
      <c r="E7314" cm="1">
        <f t="array" ref="E7314">IFERROR(INDEX(Jesper!AI$2:AI$366,ROUNDDOWN($C7314/24,0)+1,1)*INDEX($D$3:$AA$30,INDEX(Jesper!$R$2:$R$366,ROW(INDEX(Jesper!AI$2:AI$366,ROUNDDOWN($C7314/24,0)+1,1))-1)+IF('Standard Profiles'!$G$19=$B$10,7,0)+IF('Standard Profiles'!$G$19=$B$17,14,0)+IF('Standard Profiles'!$G$19=$B$24,21,0),MOD($C7314,24)+1)/SUM(INDEX($D$3:$AA$30,INDEX(Jesper!$R$2:$R$366,ROW(INDEX(Jesper!AI$2:AI$366,ROUNDDOWN($C7314/24,0)+1,1))-1)+IF('Standard Profiles'!$G$19=$B$10,7,0)+IF('Standard Profiles'!$G$19=$B$17,14,0)+IF('Standard Profiles'!$G$19=$B$24,21,0),0)),0)</f>
        <v>16.811755859603384</v>
      </c>
      <c r="F7314" cm="1">
        <f t="array" ref="F7314">IFERROR(INDEX(Jesper!AJ$2:AJ$366,ROUNDDOWN($C7314/24,0)+1,1)*INDEX($D$3:$AA$30,INDEX(Jesper!$R$2:$R$366,ROW(INDEX(Jesper!AJ$2:AJ$366,ROUNDDOWN($C7314/24,0)+1,1))-1)+IF('Standard Profiles'!$G$20=$B$10,7,0)+IF('Standard Profiles'!$G$20=$B$17,14,0)+IF('Standard Profiles'!$G$20=$B$24,21,0),MOD($C7314,24)+1)/SUM(INDEX($D$3:$AA$30,INDEX(Jesper!$R$2:$R$366,ROW(INDEX(Jesper!AJ$2:AJ$366,ROUNDDOWN($C7314/24,0)+1,1))-1)+IF('Standard Profiles'!$G$20=$B$10,7,0)+IF('Standard Profiles'!$G$20=$B$17,14,0)+IF('Standard Profiles'!$G$20=$B$24,21,0),0)),0)</f>
        <v>0</v>
      </c>
      <c r="G7314" cm="1">
        <f t="array" ref="G7314">IFERROR(INDEX(Jesper!AK$2:AK$366,ROUNDDOWN($C7314/24,0)+1,1)*INDEX($D$3:$AA$30,INDEX(Jesper!$R$2:$R$366,ROW(INDEX(Jesper!AK$2:AK$366,ROUNDDOWN($C7314/24,0)+1,1))-1)+IF('Standard Profiles'!$G$21=$B$10,7,0)+IF('Standard Profiles'!$G$21=$B$17,14,0)+IF('Standard Profiles'!$G$21=$B$24,21,0),MOD($C7314,24)+1)/SUM(INDEX($D$3:$AA$30,INDEX(Jesper!$R$2:$R$366,ROW(INDEX(Jesper!AK$2:AK$366,ROUNDDOWN($C7314/24,0)+1,1))-1)+IF('Standard Profiles'!$G$21=$B$10,7,0)+IF('Standard Profiles'!$G$21=$B$17,14,0)+IF('Standard Profiles'!$G$21=$B$24,21,0),0)),0)</f>
        <v>3.2944426921614092</v>
      </c>
      <c r="H7314" cm="1">
        <f t="array" ref="H7314">IFERROR(INDEX(Jesper!AL$2:AL$366,ROUNDDOWN($C7314/24,0)+1,1)*INDEX($D$3:$AA$30,INDEX(Jesper!$R$2:$R$366,ROW(INDEX(Jesper!AL$2:AL$366,ROUNDDOWN($C7314/24,0)+1,1))-1)+IF('Standard Profiles'!$G$22=$B$10,7,0)+IF('Standard Profiles'!$G$22=$B$17,14,0)+IF('Standard Profiles'!$G$22=$B$24,21,0),MOD($C7314,24)+1)/SUM(INDEX($D$3:$AA$30,INDEX(Jesper!$R$2:$R$366,ROW(INDEX(Jesper!AL$2:AL$366,ROUNDDOWN($C7314/24,0)+1,1))-1)+IF('Standard Profiles'!$G$22=$B$10,7,0)+IF('Standard Profiles'!$G$22=$B$17,14,0)+IF('Standard Profiles'!$G$22=$B$24,21,0),0)),0)</f>
        <v>0</v>
      </c>
      <c r="I7314">
        <f t="shared" si="811"/>
        <v>1.5813324922374756</v>
      </c>
      <c r="J7314">
        <f t="shared" si="812"/>
        <v>40.435231171490294</v>
      </c>
      <c r="K7314">
        <f t="shared" si="813"/>
        <v>2.7822685856460927</v>
      </c>
      <c r="L7314">
        <f t="shared" si="814"/>
        <v>1.3911342928230463</v>
      </c>
      <c r="M7314">
        <f t="shared" si="815"/>
        <v>0</v>
      </c>
      <c r="N7314" s="45">
        <f t="shared" si="816"/>
        <v>45230.333333315677</v>
      </c>
    </row>
    <row r="7315" spans="2:14" x14ac:dyDescent="0.25">
      <c r="B7315">
        <f t="shared" si="810"/>
        <v>2</v>
      </c>
      <c r="C7315" s="16">
        <v>7281</v>
      </c>
      <c r="D7315" cm="1">
        <f t="array" ref="D7315">IFERROR(INDEX(Jesper!AH$2:AH$366,ROUNDDOWN($C7315/24,0)+1,1)*INDEX($D$3:$AA$30,INDEX(Jesper!$R$2:$R$366,ROW(INDEX(Jesper!AH$2:AH$366,ROUNDDOWN($C7315/24,0)+1,1))-1)+IF('Standard Profiles'!$G$18=$B$10,7,0)+IF('Standard Profiles'!$G$18=$B$17,14,0)+IF('Standard Profiles'!$G$18=$B$24,21,0),MOD($C7315,24)+1)/SUM(INDEX($D$3:$AA$30,INDEX(Jesper!$R$2:$R$366,ROW(INDEX(Jesper!AH$2:AH$366,ROUNDDOWN($C7315/24,0)+1,1))-1)+IF('Standard Profiles'!$G$18=$B$10,7,0)+IF('Standard Profiles'!$G$18=$B$17,14,0)+IF('Standard Profiles'!$G$18=$B$24,21,0),0)),0)</f>
        <v>28.790574102646772</v>
      </c>
      <c r="E7315" cm="1">
        <f t="array" ref="E7315">IFERROR(INDEX(Jesper!AI$2:AI$366,ROUNDDOWN($C7315/24,0)+1,1)*INDEX($D$3:$AA$30,INDEX(Jesper!$R$2:$R$366,ROW(INDEX(Jesper!AI$2:AI$366,ROUNDDOWN($C7315/24,0)+1,1))-1)+IF('Standard Profiles'!$G$19=$B$10,7,0)+IF('Standard Profiles'!$G$19=$B$17,14,0)+IF('Standard Profiles'!$G$19=$B$24,21,0),MOD($C7315,24)+1)/SUM(INDEX($D$3:$AA$30,INDEX(Jesper!$R$2:$R$366,ROW(INDEX(Jesper!AI$2:AI$366,ROUNDDOWN($C7315/24,0)+1,1))-1)+IF('Standard Profiles'!$G$19=$B$10,7,0)+IF('Standard Profiles'!$G$19=$B$17,14,0)+IF('Standard Profiles'!$G$19=$B$24,21,0),0)),0)</f>
        <v>18.556372033713171</v>
      </c>
      <c r="F7315" cm="1">
        <f t="array" ref="F7315">IFERROR(INDEX(Jesper!AJ$2:AJ$366,ROUNDDOWN($C7315/24,0)+1,1)*INDEX($D$3:$AA$30,INDEX(Jesper!$R$2:$R$366,ROW(INDEX(Jesper!AJ$2:AJ$366,ROUNDDOWN($C7315/24,0)+1,1))-1)+IF('Standard Profiles'!$G$20=$B$10,7,0)+IF('Standard Profiles'!$G$20=$B$17,14,0)+IF('Standard Profiles'!$G$20=$B$24,21,0),MOD($C7315,24)+1)/SUM(INDEX($D$3:$AA$30,INDEX(Jesper!$R$2:$R$366,ROW(INDEX(Jesper!AJ$2:AJ$366,ROUNDDOWN($C7315/24,0)+1,1))-1)+IF('Standard Profiles'!$G$20=$B$10,7,0)+IF('Standard Profiles'!$G$20=$B$17,14,0)+IF('Standard Profiles'!$G$20=$B$24,21,0),0)),0)</f>
        <v>0</v>
      </c>
      <c r="G7315" cm="1">
        <f t="array" ref="G7315">IFERROR(INDEX(Jesper!AK$2:AK$366,ROUNDDOWN($C7315/24,0)+1,1)*INDEX($D$3:$AA$30,INDEX(Jesper!$R$2:$R$366,ROW(INDEX(Jesper!AK$2:AK$366,ROUNDDOWN($C7315/24,0)+1,1))-1)+IF('Standard Profiles'!$G$21=$B$10,7,0)+IF('Standard Profiles'!$G$21=$B$17,14,0)+IF('Standard Profiles'!$G$21=$B$24,21,0),MOD($C7315,24)+1)/SUM(INDEX($D$3:$AA$30,INDEX(Jesper!$R$2:$R$366,ROW(INDEX(Jesper!AK$2:AK$366,ROUNDDOWN($C7315/24,0)+1,1))-1)+IF('Standard Profiles'!$G$21=$B$10,7,0)+IF('Standard Profiles'!$G$21=$B$17,14,0)+IF('Standard Profiles'!$G$21=$B$24,21,0),0)),0)</f>
        <v>3.6363188205932535</v>
      </c>
      <c r="H7315" cm="1">
        <f t="array" ref="H7315">IFERROR(INDEX(Jesper!AL$2:AL$366,ROUNDDOWN($C7315/24,0)+1,1)*INDEX($D$3:$AA$30,INDEX(Jesper!$R$2:$R$366,ROW(INDEX(Jesper!AL$2:AL$366,ROUNDDOWN($C7315/24,0)+1,1))-1)+IF('Standard Profiles'!$G$22=$B$10,7,0)+IF('Standard Profiles'!$G$22=$B$17,14,0)+IF('Standard Profiles'!$G$22=$B$24,21,0),MOD($C7315,24)+1)/SUM(INDEX($D$3:$AA$30,INDEX(Jesper!$R$2:$R$366,ROW(INDEX(Jesper!AL$2:AL$366,ROUNDDOWN($C7315/24,0)+1,1))-1)+IF('Standard Profiles'!$G$22=$B$10,7,0)+IF('Standard Profiles'!$G$22=$B$17,14,0)+IF('Standard Profiles'!$G$22=$B$24,21,0),0)),0)</f>
        <v>0</v>
      </c>
      <c r="I7315">
        <f t="shared" si="811"/>
        <v>1.7454330338847608</v>
      </c>
      <c r="J7315">
        <f t="shared" si="812"/>
        <v>44.631340066644952</v>
      </c>
      <c r="K7315">
        <f t="shared" si="813"/>
        <v>3.0709945709489892</v>
      </c>
      <c r="L7315">
        <f t="shared" si="814"/>
        <v>1.5354972854744946</v>
      </c>
      <c r="M7315">
        <f t="shared" si="815"/>
        <v>0</v>
      </c>
      <c r="N7315" s="45">
        <f t="shared" si="816"/>
        <v>45230.374999982341</v>
      </c>
    </row>
    <row r="7316" spans="2:14" x14ac:dyDescent="0.25">
      <c r="B7316">
        <f t="shared" si="810"/>
        <v>2</v>
      </c>
      <c r="C7316" s="16">
        <v>7282</v>
      </c>
      <c r="D7316" cm="1">
        <f t="array" ref="D7316">IFERROR(INDEX(Jesper!AH$2:AH$366,ROUNDDOWN($C7316/24,0)+1,1)*INDEX($D$3:$AA$30,INDEX(Jesper!$R$2:$R$366,ROW(INDEX(Jesper!AH$2:AH$366,ROUNDDOWN($C7316/24,0)+1,1))-1)+IF('Standard Profiles'!$G$18=$B$10,7,0)+IF('Standard Profiles'!$G$18=$B$17,14,0)+IF('Standard Profiles'!$G$18=$B$24,21,0),MOD($C7316,24)+1)/SUM(INDEX($D$3:$AA$30,INDEX(Jesper!$R$2:$R$366,ROW(INDEX(Jesper!AH$2:AH$366,ROUNDDOWN($C7316/24,0)+1,1))-1)+IF('Standard Profiles'!$G$18=$B$10,7,0)+IF('Standard Profiles'!$G$18=$B$17,14,0)+IF('Standard Profiles'!$G$18=$B$24,21,0),0)),0)</f>
        <v>28.790574102646772</v>
      </c>
      <c r="E7316" cm="1">
        <f t="array" ref="E7316">IFERROR(INDEX(Jesper!AI$2:AI$366,ROUNDDOWN($C7316/24,0)+1,1)*INDEX($D$3:$AA$30,INDEX(Jesper!$R$2:$R$366,ROW(INDEX(Jesper!AI$2:AI$366,ROUNDDOWN($C7316/24,0)+1,1))-1)+IF('Standard Profiles'!$G$19=$B$10,7,0)+IF('Standard Profiles'!$G$19=$B$17,14,0)+IF('Standard Profiles'!$G$19=$B$24,21,0),MOD($C7316,24)+1)/SUM(INDEX($D$3:$AA$30,INDEX(Jesper!$R$2:$R$366,ROW(INDEX(Jesper!AI$2:AI$366,ROUNDDOWN($C7316/24,0)+1,1))-1)+IF('Standard Profiles'!$G$19=$B$10,7,0)+IF('Standard Profiles'!$G$19=$B$17,14,0)+IF('Standard Profiles'!$G$19=$B$24,21,0),0)),0)</f>
        <v>18.556372033713171</v>
      </c>
      <c r="F7316" cm="1">
        <f t="array" ref="F7316">IFERROR(INDEX(Jesper!AJ$2:AJ$366,ROUNDDOWN($C7316/24,0)+1,1)*INDEX($D$3:$AA$30,INDEX(Jesper!$R$2:$R$366,ROW(INDEX(Jesper!AJ$2:AJ$366,ROUNDDOWN($C7316/24,0)+1,1))-1)+IF('Standard Profiles'!$G$20=$B$10,7,0)+IF('Standard Profiles'!$G$20=$B$17,14,0)+IF('Standard Profiles'!$G$20=$B$24,21,0),MOD($C7316,24)+1)/SUM(INDEX($D$3:$AA$30,INDEX(Jesper!$R$2:$R$366,ROW(INDEX(Jesper!AJ$2:AJ$366,ROUNDDOWN($C7316/24,0)+1,1))-1)+IF('Standard Profiles'!$G$20=$B$10,7,0)+IF('Standard Profiles'!$G$20=$B$17,14,0)+IF('Standard Profiles'!$G$20=$B$24,21,0),0)),0)</f>
        <v>0</v>
      </c>
      <c r="G7316" cm="1">
        <f t="array" ref="G7316">IFERROR(INDEX(Jesper!AK$2:AK$366,ROUNDDOWN($C7316/24,0)+1,1)*INDEX($D$3:$AA$30,INDEX(Jesper!$R$2:$R$366,ROW(INDEX(Jesper!AK$2:AK$366,ROUNDDOWN($C7316/24,0)+1,1))-1)+IF('Standard Profiles'!$G$21=$B$10,7,0)+IF('Standard Profiles'!$G$21=$B$17,14,0)+IF('Standard Profiles'!$G$21=$B$24,21,0),MOD($C7316,24)+1)/SUM(INDEX($D$3:$AA$30,INDEX(Jesper!$R$2:$R$366,ROW(INDEX(Jesper!AK$2:AK$366,ROUNDDOWN($C7316/24,0)+1,1))-1)+IF('Standard Profiles'!$G$21=$B$10,7,0)+IF('Standard Profiles'!$G$21=$B$17,14,0)+IF('Standard Profiles'!$G$21=$B$24,21,0),0)),0)</f>
        <v>3.6363188205932535</v>
      </c>
      <c r="H7316" cm="1">
        <f t="array" ref="H7316">IFERROR(INDEX(Jesper!AL$2:AL$366,ROUNDDOWN($C7316/24,0)+1,1)*INDEX($D$3:$AA$30,INDEX(Jesper!$R$2:$R$366,ROW(INDEX(Jesper!AL$2:AL$366,ROUNDDOWN($C7316/24,0)+1,1))-1)+IF('Standard Profiles'!$G$22=$B$10,7,0)+IF('Standard Profiles'!$G$22=$B$17,14,0)+IF('Standard Profiles'!$G$22=$B$24,21,0),MOD($C7316,24)+1)/SUM(INDEX($D$3:$AA$30,INDEX(Jesper!$R$2:$R$366,ROW(INDEX(Jesper!AL$2:AL$366,ROUNDDOWN($C7316/24,0)+1,1))-1)+IF('Standard Profiles'!$G$22=$B$10,7,0)+IF('Standard Profiles'!$G$22=$B$17,14,0)+IF('Standard Profiles'!$G$22=$B$24,21,0),0)),0)</f>
        <v>0</v>
      </c>
      <c r="I7316">
        <f t="shared" si="811"/>
        <v>1.7454330338847608</v>
      </c>
      <c r="J7316">
        <f t="shared" si="812"/>
        <v>44.631340066644952</v>
      </c>
      <c r="K7316">
        <f t="shared" si="813"/>
        <v>3.0709945709489892</v>
      </c>
      <c r="L7316">
        <f t="shared" si="814"/>
        <v>1.5354972854744946</v>
      </c>
      <c r="M7316">
        <f t="shared" si="815"/>
        <v>0</v>
      </c>
      <c r="N7316" s="45">
        <f t="shared" si="816"/>
        <v>45230.416666649005</v>
      </c>
    </row>
    <row r="7317" spans="2:14" x14ac:dyDescent="0.25">
      <c r="B7317">
        <f t="shared" si="810"/>
        <v>2</v>
      </c>
      <c r="C7317" s="16">
        <v>7283</v>
      </c>
      <c r="D7317" cm="1">
        <f t="array" ref="D7317">IFERROR(INDEX(Jesper!AH$2:AH$366,ROUNDDOWN($C7317/24,0)+1,1)*INDEX($D$3:$AA$30,INDEX(Jesper!$R$2:$R$366,ROW(INDEX(Jesper!AH$2:AH$366,ROUNDDOWN($C7317/24,0)+1,1))-1)+IF('Standard Profiles'!$G$18=$B$10,7,0)+IF('Standard Profiles'!$G$18=$B$17,14,0)+IF('Standard Profiles'!$G$18=$B$24,21,0),MOD($C7317,24)+1)/SUM(INDEX($D$3:$AA$30,INDEX(Jesper!$R$2:$R$366,ROW(INDEX(Jesper!AH$2:AH$366,ROUNDDOWN($C7317/24,0)+1,1))-1)+IF('Standard Profiles'!$G$18=$B$10,7,0)+IF('Standard Profiles'!$G$18=$B$17,14,0)+IF('Standard Profiles'!$G$18=$B$24,21,0),0)),0)</f>
        <v>34.450259610004686</v>
      </c>
      <c r="E7317" cm="1">
        <f t="array" ref="E7317">IFERROR(INDEX(Jesper!AI$2:AI$366,ROUNDDOWN($C7317/24,0)+1,1)*INDEX($D$3:$AA$30,INDEX(Jesper!$R$2:$R$366,ROW(INDEX(Jesper!AI$2:AI$366,ROUNDDOWN($C7317/24,0)+1,1))-1)+IF('Standard Profiles'!$G$19=$B$10,7,0)+IF('Standard Profiles'!$G$19=$B$17,14,0)+IF('Standard Profiles'!$G$19=$B$24,21,0),MOD($C7317,24)+1)/SUM(INDEX($D$3:$AA$30,INDEX(Jesper!$R$2:$R$366,ROW(INDEX(Jesper!AI$2:AI$366,ROUNDDOWN($C7317/24,0)+1,1))-1)+IF('Standard Profiles'!$G$19=$B$10,7,0)+IF('Standard Profiles'!$G$19=$B$17,14,0)+IF('Standard Profiles'!$G$19=$B$24,21,0),0)),0)</f>
        <v>22.204205852306355</v>
      </c>
      <c r="F7317" cm="1">
        <f t="array" ref="F7317">IFERROR(INDEX(Jesper!AJ$2:AJ$366,ROUNDDOWN($C7317/24,0)+1,1)*INDEX($D$3:$AA$30,INDEX(Jesper!$R$2:$R$366,ROW(INDEX(Jesper!AJ$2:AJ$366,ROUNDDOWN($C7317/24,0)+1,1))-1)+IF('Standard Profiles'!$G$20=$B$10,7,0)+IF('Standard Profiles'!$G$20=$B$17,14,0)+IF('Standard Profiles'!$G$20=$B$24,21,0),MOD($C7317,24)+1)/SUM(INDEX($D$3:$AA$30,INDEX(Jesper!$R$2:$R$366,ROW(INDEX(Jesper!AJ$2:AJ$366,ROUNDDOWN($C7317/24,0)+1,1))-1)+IF('Standard Profiles'!$G$20=$B$10,7,0)+IF('Standard Profiles'!$G$20=$B$17,14,0)+IF('Standard Profiles'!$G$20=$B$24,21,0),0)),0)</f>
        <v>0</v>
      </c>
      <c r="G7317" cm="1">
        <f t="array" ref="G7317">IFERROR(INDEX(Jesper!AK$2:AK$366,ROUNDDOWN($C7317/24,0)+1,1)*INDEX($D$3:$AA$30,INDEX(Jesper!$R$2:$R$366,ROW(INDEX(Jesper!AK$2:AK$366,ROUNDDOWN($C7317/24,0)+1,1))-1)+IF('Standard Profiles'!$G$21=$B$10,7,0)+IF('Standard Profiles'!$G$21=$B$17,14,0)+IF('Standard Profiles'!$G$21=$B$24,21,0),MOD($C7317,24)+1)/SUM(INDEX($D$3:$AA$30,INDEX(Jesper!$R$2:$R$366,ROW(INDEX(Jesper!AK$2:AK$366,ROUNDDOWN($C7317/24,0)+1,1))-1)+IF('Standard Profiles'!$G$21=$B$10,7,0)+IF('Standard Profiles'!$G$21=$B$17,14,0)+IF('Standard Profiles'!$G$21=$B$24,21,0),0)),0)</f>
        <v>4.3511507254962014</v>
      </c>
      <c r="H7317" cm="1">
        <f t="array" ref="H7317">IFERROR(INDEX(Jesper!AL$2:AL$366,ROUNDDOWN($C7317/24,0)+1,1)*INDEX($D$3:$AA$30,INDEX(Jesper!$R$2:$R$366,ROW(INDEX(Jesper!AL$2:AL$366,ROUNDDOWN($C7317/24,0)+1,1))-1)+IF('Standard Profiles'!$G$22=$B$10,7,0)+IF('Standard Profiles'!$G$22=$B$17,14,0)+IF('Standard Profiles'!$G$22=$B$24,21,0),MOD($C7317,24)+1)/SUM(INDEX($D$3:$AA$30,INDEX(Jesper!$R$2:$R$366,ROW(INDEX(Jesper!AL$2:AL$366,ROUNDDOWN($C7317/24,0)+1,1))-1)+IF('Standard Profiles'!$G$22=$B$10,7,0)+IF('Standard Profiles'!$G$22=$B$17,14,0)+IF('Standard Profiles'!$G$22=$B$24,21,0),0)),0)</f>
        <v>0</v>
      </c>
      <c r="I7317">
        <f t="shared" si="811"/>
        <v>2.0885523482381756</v>
      </c>
      <c r="J7317">
        <f t="shared" si="812"/>
        <v>53.405022301968309</v>
      </c>
      <c r="K7317">
        <f t="shared" si="813"/>
        <v>3.6746943584005001</v>
      </c>
      <c r="L7317">
        <f t="shared" si="814"/>
        <v>1.83734717920025</v>
      </c>
      <c r="M7317">
        <f t="shared" si="815"/>
        <v>0</v>
      </c>
      <c r="N7317" s="45">
        <f t="shared" si="816"/>
        <v>45230.45833331567</v>
      </c>
    </row>
    <row r="7318" spans="2:14" x14ac:dyDescent="0.25">
      <c r="B7318">
        <f t="shared" si="810"/>
        <v>2</v>
      </c>
      <c r="C7318" s="16">
        <v>7284</v>
      </c>
      <c r="D7318" cm="1">
        <f t="array" ref="D7318">IFERROR(INDEX(Jesper!AH$2:AH$366,ROUNDDOWN($C7318/24,0)+1,1)*INDEX($D$3:$AA$30,INDEX(Jesper!$R$2:$R$366,ROW(INDEX(Jesper!AH$2:AH$366,ROUNDDOWN($C7318/24,0)+1,1))-1)+IF('Standard Profiles'!$G$18=$B$10,7,0)+IF('Standard Profiles'!$G$18=$B$17,14,0)+IF('Standard Profiles'!$G$18=$B$24,21,0),MOD($C7318,24)+1)/SUM(INDEX($D$3:$AA$30,INDEX(Jesper!$R$2:$R$366,ROW(INDEX(Jesper!AH$2:AH$366,ROUNDDOWN($C7318/24,0)+1,1))-1)+IF('Standard Profiles'!$G$18=$B$10,7,0)+IF('Standard Profiles'!$G$18=$B$17,14,0)+IF('Standard Profiles'!$G$18=$B$24,21,0),0)),0)</f>
        <v>34.450259610004686</v>
      </c>
      <c r="E7318" cm="1">
        <f t="array" ref="E7318">IFERROR(INDEX(Jesper!AI$2:AI$366,ROUNDDOWN($C7318/24,0)+1,1)*INDEX($D$3:$AA$30,INDEX(Jesper!$R$2:$R$366,ROW(INDEX(Jesper!AI$2:AI$366,ROUNDDOWN($C7318/24,0)+1,1))-1)+IF('Standard Profiles'!$G$19=$B$10,7,0)+IF('Standard Profiles'!$G$19=$B$17,14,0)+IF('Standard Profiles'!$G$19=$B$24,21,0),MOD($C7318,24)+1)/SUM(INDEX($D$3:$AA$30,INDEX(Jesper!$R$2:$R$366,ROW(INDEX(Jesper!AI$2:AI$366,ROUNDDOWN($C7318/24,0)+1,1))-1)+IF('Standard Profiles'!$G$19=$B$10,7,0)+IF('Standard Profiles'!$G$19=$B$17,14,0)+IF('Standard Profiles'!$G$19=$B$24,21,0),0)),0)</f>
        <v>22.204205852306355</v>
      </c>
      <c r="F7318" cm="1">
        <f t="array" ref="F7318">IFERROR(INDEX(Jesper!AJ$2:AJ$366,ROUNDDOWN($C7318/24,0)+1,1)*INDEX($D$3:$AA$30,INDEX(Jesper!$R$2:$R$366,ROW(INDEX(Jesper!AJ$2:AJ$366,ROUNDDOWN($C7318/24,0)+1,1))-1)+IF('Standard Profiles'!$G$20=$B$10,7,0)+IF('Standard Profiles'!$G$20=$B$17,14,0)+IF('Standard Profiles'!$G$20=$B$24,21,0),MOD($C7318,24)+1)/SUM(INDEX($D$3:$AA$30,INDEX(Jesper!$R$2:$R$366,ROW(INDEX(Jesper!AJ$2:AJ$366,ROUNDDOWN($C7318/24,0)+1,1))-1)+IF('Standard Profiles'!$G$20=$B$10,7,0)+IF('Standard Profiles'!$G$20=$B$17,14,0)+IF('Standard Profiles'!$G$20=$B$24,21,0),0)),0)</f>
        <v>0</v>
      </c>
      <c r="G7318" cm="1">
        <f t="array" ref="G7318">IFERROR(INDEX(Jesper!AK$2:AK$366,ROUNDDOWN($C7318/24,0)+1,1)*INDEX($D$3:$AA$30,INDEX(Jesper!$R$2:$R$366,ROW(INDEX(Jesper!AK$2:AK$366,ROUNDDOWN($C7318/24,0)+1,1))-1)+IF('Standard Profiles'!$G$21=$B$10,7,0)+IF('Standard Profiles'!$G$21=$B$17,14,0)+IF('Standard Profiles'!$G$21=$B$24,21,0),MOD($C7318,24)+1)/SUM(INDEX($D$3:$AA$30,INDEX(Jesper!$R$2:$R$366,ROW(INDEX(Jesper!AK$2:AK$366,ROUNDDOWN($C7318/24,0)+1,1))-1)+IF('Standard Profiles'!$G$21=$B$10,7,0)+IF('Standard Profiles'!$G$21=$B$17,14,0)+IF('Standard Profiles'!$G$21=$B$24,21,0),0)),0)</f>
        <v>4.3511507254962014</v>
      </c>
      <c r="H7318" cm="1">
        <f t="array" ref="H7318">IFERROR(INDEX(Jesper!AL$2:AL$366,ROUNDDOWN($C7318/24,0)+1,1)*INDEX($D$3:$AA$30,INDEX(Jesper!$R$2:$R$366,ROW(INDEX(Jesper!AL$2:AL$366,ROUNDDOWN($C7318/24,0)+1,1))-1)+IF('Standard Profiles'!$G$22=$B$10,7,0)+IF('Standard Profiles'!$G$22=$B$17,14,0)+IF('Standard Profiles'!$G$22=$B$24,21,0),MOD($C7318,24)+1)/SUM(INDEX($D$3:$AA$30,INDEX(Jesper!$R$2:$R$366,ROW(INDEX(Jesper!AL$2:AL$366,ROUNDDOWN($C7318/24,0)+1,1))-1)+IF('Standard Profiles'!$G$22=$B$10,7,0)+IF('Standard Profiles'!$G$22=$B$17,14,0)+IF('Standard Profiles'!$G$22=$B$24,21,0),0)),0)</f>
        <v>0</v>
      </c>
      <c r="I7318">
        <f t="shared" si="811"/>
        <v>2.0885523482381756</v>
      </c>
      <c r="J7318">
        <f t="shared" si="812"/>
        <v>53.405022301968309</v>
      </c>
      <c r="K7318">
        <f t="shared" si="813"/>
        <v>3.6746943584005001</v>
      </c>
      <c r="L7318">
        <f t="shared" si="814"/>
        <v>1.83734717920025</v>
      </c>
      <c r="M7318">
        <f t="shared" si="815"/>
        <v>0</v>
      </c>
      <c r="N7318" s="45">
        <f t="shared" si="816"/>
        <v>45230.499999982334</v>
      </c>
    </row>
    <row r="7319" spans="2:14" x14ac:dyDescent="0.25">
      <c r="B7319">
        <f t="shared" si="810"/>
        <v>2</v>
      </c>
      <c r="C7319" s="16">
        <v>7285</v>
      </c>
      <c r="D7319" cm="1">
        <f t="array" ref="D7319">IFERROR(INDEX(Jesper!AH$2:AH$366,ROUNDDOWN($C7319/24,0)+1,1)*INDEX($D$3:$AA$30,INDEX(Jesper!$R$2:$R$366,ROW(INDEX(Jesper!AH$2:AH$366,ROUNDDOWN($C7319/24,0)+1,1))-1)+IF('Standard Profiles'!$G$18=$B$10,7,0)+IF('Standard Profiles'!$G$18=$B$17,14,0)+IF('Standard Profiles'!$G$18=$B$24,21,0),MOD($C7319,24)+1)/SUM(INDEX($D$3:$AA$30,INDEX(Jesper!$R$2:$R$366,ROW(INDEX(Jesper!AH$2:AH$366,ROUNDDOWN($C7319/24,0)+1,1))-1)+IF('Standard Profiles'!$G$18=$B$10,7,0)+IF('Standard Profiles'!$G$18=$B$17,14,0)+IF('Standard Profiles'!$G$18=$B$24,21,0),0)),0)</f>
        <v>22.884815312360253</v>
      </c>
      <c r="E7319" cm="1">
        <f t="array" ref="E7319">IFERROR(INDEX(Jesper!AI$2:AI$366,ROUNDDOWN($C7319/24,0)+1,1)*INDEX($D$3:$AA$30,INDEX(Jesper!$R$2:$R$366,ROW(INDEX(Jesper!AI$2:AI$366,ROUNDDOWN($C7319/24,0)+1,1))-1)+IF('Standard Profiles'!$G$19=$B$10,7,0)+IF('Standard Profiles'!$G$19=$B$17,14,0)+IF('Standard Profiles'!$G$19=$B$24,21,0),MOD($C7319,24)+1)/SUM(INDEX($D$3:$AA$30,INDEX(Jesper!$R$2:$R$366,ROW(INDEX(Jesper!AI$2:AI$366,ROUNDDOWN($C7319/24,0)+1,1))-1)+IF('Standard Profiles'!$G$19=$B$10,7,0)+IF('Standard Profiles'!$G$19=$B$17,14,0)+IF('Standard Profiles'!$G$19=$B$24,21,0),0)),0)</f>
        <v>14.749936744746364</v>
      </c>
      <c r="F7319" cm="1">
        <f t="array" ref="F7319">IFERROR(INDEX(Jesper!AJ$2:AJ$366,ROUNDDOWN($C7319/24,0)+1,1)*INDEX($D$3:$AA$30,INDEX(Jesper!$R$2:$R$366,ROW(INDEX(Jesper!AJ$2:AJ$366,ROUNDDOWN($C7319/24,0)+1,1))-1)+IF('Standard Profiles'!$G$20=$B$10,7,0)+IF('Standard Profiles'!$G$20=$B$17,14,0)+IF('Standard Profiles'!$G$20=$B$24,21,0),MOD($C7319,24)+1)/SUM(INDEX($D$3:$AA$30,INDEX(Jesper!$R$2:$R$366,ROW(INDEX(Jesper!AJ$2:AJ$366,ROUNDDOWN($C7319/24,0)+1,1))-1)+IF('Standard Profiles'!$G$20=$B$10,7,0)+IF('Standard Profiles'!$G$20=$B$17,14,0)+IF('Standard Profiles'!$G$20=$B$24,21,0),0)),0)</f>
        <v>0</v>
      </c>
      <c r="G7319" cm="1">
        <f t="array" ref="G7319">IFERROR(INDEX(Jesper!AK$2:AK$366,ROUNDDOWN($C7319/24,0)+1,1)*INDEX($D$3:$AA$30,INDEX(Jesper!$R$2:$R$366,ROW(INDEX(Jesper!AK$2:AK$366,ROUNDDOWN($C7319/24,0)+1,1))-1)+IF('Standard Profiles'!$G$21=$B$10,7,0)+IF('Standard Profiles'!$G$21=$B$17,14,0)+IF('Standard Profiles'!$G$21=$B$24,21,0),MOD($C7319,24)+1)/SUM(INDEX($D$3:$AA$30,INDEX(Jesper!$R$2:$R$366,ROW(INDEX(Jesper!AK$2:AK$366,ROUNDDOWN($C7319/24,0)+1,1))-1)+IF('Standard Profiles'!$G$21=$B$10,7,0)+IF('Standard Profiles'!$G$21=$B$17,14,0)+IF('Standard Profiles'!$G$21=$B$24,21,0),0)),0)</f>
        <v>2.8904072676510473</v>
      </c>
      <c r="H7319" cm="1">
        <f t="array" ref="H7319">IFERROR(INDEX(Jesper!AL$2:AL$366,ROUNDDOWN($C7319/24,0)+1,1)*INDEX($D$3:$AA$30,INDEX(Jesper!$R$2:$R$366,ROW(INDEX(Jesper!AL$2:AL$366,ROUNDDOWN($C7319/24,0)+1,1))-1)+IF('Standard Profiles'!$G$22=$B$10,7,0)+IF('Standard Profiles'!$G$22=$B$17,14,0)+IF('Standard Profiles'!$G$22=$B$24,21,0),MOD($C7319,24)+1)/SUM(INDEX($D$3:$AA$30,INDEX(Jesper!$R$2:$R$366,ROW(INDEX(Jesper!AL$2:AL$366,ROUNDDOWN($C7319/24,0)+1,1))-1)+IF('Standard Profiles'!$G$22=$B$10,7,0)+IF('Standard Profiles'!$G$22=$B$17,14,0)+IF('Standard Profiles'!$G$22=$B$24,21,0),0)),0)</f>
        <v>0</v>
      </c>
      <c r="I7319">
        <f t="shared" si="811"/>
        <v>1.3873954884725019</v>
      </c>
      <c r="J7319">
        <f t="shared" si="812"/>
        <v>35.476193386307521</v>
      </c>
      <c r="K7319">
        <f t="shared" si="813"/>
        <v>2.4410469666517605</v>
      </c>
      <c r="L7319">
        <f t="shared" si="814"/>
        <v>1.2205234833258802</v>
      </c>
      <c r="M7319">
        <f t="shared" si="815"/>
        <v>0</v>
      </c>
      <c r="N7319" s="45">
        <f t="shared" si="816"/>
        <v>45230.541666648998</v>
      </c>
    </row>
    <row r="7320" spans="2:14" x14ac:dyDescent="0.25">
      <c r="B7320">
        <f t="shared" si="810"/>
        <v>2</v>
      </c>
      <c r="C7320" s="16">
        <v>7286</v>
      </c>
      <c r="D7320" cm="1">
        <f t="array" ref="D7320">IFERROR(INDEX(Jesper!AH$2:AH$366,ROUNDDOWN($C7320/24,0)+1,1)*INDEX($D$3:$AA$30,INDEX(Jesper!$R$2:$R$366,ROW(INDEX(Jesper!AH$2:AH$366,ROUNDDOWN($C7320/24,0)+1,1))-1)+IF('Standard Profiles'!$G$18=$B$10,7,0)+IF('Standard Profiles'!$G$18=$B$17,14,0)+IF('Standard Profiles'!$G$18=$B$24,21,0),MOD($C7320,24)+1)/SUM(INDEX($D$3:$AA$30,INDEX(Jesper!$R$2:$R$366,ROW(INDEX(Jesper!AH$2:AH$366,ROUNDDOWN($C7320/24,0)+1,1))-1)+IF('Standard Profiles'!$G$18=$B$10,7,0)+IF('Standard Profiles'!$G$18=$B$17,14,0)+IF('Standard Profiles'!$G$18=$B$24,21,0),0)),0)</f>
        <v>34.450259610004686</v>
      </c>
      <c r="E7320" cm="1">
        <f t="array" ref="E7320">IFERROR(INDEX(Jesper!AI$2:AI$366,ROUNDDOWN($C7320/24,0)+1,1)*INDEX($D$3:$AA$30,INDEX(Jesper!$R$2:$R$366,ROW(INDEX(Jesper!AI$2:AI$366,ROUNDDOWN($C7320/24,0)+1,1))-1)+IF('Standard Profiles'!$G$19=$B$10,7,0)+IF('Standard Profiles'!$G$19=$B$17,14,0)+IF('Standard Profiles'!$G$19=$B$24,21,0),MOD($C7320,24)+1)/SUM(INDEX($D$3:$AA$30,INDEX(Jesper!$R$2:$R$366,ROW(INDEX(Jesper!AI$2:AI$366,ROUNDDOWN($C7320/24,0)+1,1))-1)+IF('Standard Profiles'!$G$19=$B$10,7,0)+IF('Standard Profiles'!$G$19=$B$17,14,0)+IF('Standard Profiles'!$G$19=$B$24,21,0),0)),0)</f>
        <v>22.204205852306355</v>
      </c>
      <c r="F7320" cm="1">
        <f t="array" ref="F7320">IFERROR(INDEX(Jesper!AJ$2:AJ$366,ROUNDDOWN($C7320/24,0)+1,1)*INDEX($D$3:$AA$30,INDEX(Jesper!$R$2:$R$366,ROW(INDEX(Jesper!AJ$2:AJ$366,ROUNDDOWN($C7320/24,0)+1,1))-1)+IF('Standard Profiles'!$G$20=$B$10,7,0)+IF('Standard Profiles'!$G$20=$B$17,14,0)+IF('Standard Profiles'!$G$20=$B$24,21,0),MOD($C7320,24)+1)/SUM(INDEX($D$3:$AA$30,INDEX(Jesper!$R$2:$R$366,ROW(INDEX(Jesper!AJ$2:AJ$366,ROUNDDOWN($C7320/24,0)+1,1))-1)+IF('Standard Profiles'!$G$20=$B$10,7,0)+IF('Standard Profiles'!$G$20=$B$17,14,0)+IF('Standard Profiles'!$G$20=$B$24,21,0),0)),0)</f>
        <v>0</v>
      </c>
      <c r="G7320" cm="1">
        <f t="array" ref="G7320">IFERROR(INDEX(Jesper!AK$2:AK$366,ROUNDDOWN($C7320/24,0)+1,1)*INDEX($D$3:$AA$30,INDEX(Jesper!$R$2:$R$366,ROW(INDEX(Jesper!AK$2:AK$366,ROUNDDOWN($C7320/24,0)+1,1))-1)+IF('Standard Profiles'!$G$21=$B$10,7,0)+IF('Standard Profiles'!$G$21=$B$17,14,0)+IF('Standard Profiles'!$G$21=$B$24,21,0),MOD($C7320,24)+1)/SUM(INDEX($D$3:$AA$30,INDEX(Jesper!$R$2:$R$366,ROW(INDEX(Jesper!AK$2:AK$366,ROUNDDOWN($C7320/24,0)+1,1))-1)+IF('Standard Profiles'!$G$21=$B$10,7,0)+IF('Standard Profiles'!$G$21=$B$17,14,0)+IF('Standard Profiles'!$G$21=$B$24,21,0),0)),0)</f>
        <v>4.3511507254962014</v>
      </c>
      <c r="H7320" cm="1">
        <f t="array" ref="H7320">IFERROR(INDEX(Jesper!AL$2:AL$366,ROUNDDOWN($C7320/24,0)+1,1)*INDEX($D$3:$AA$30,INDEX(Jesper!$R$2:$R$366,ROW(INDEX(Jesper!AL$2:AL$366,ROUNDDOWN($C7320/24,0)+1,1))-1)+IF('Standard Profiles'!$G$22=$B$10,7,0)+IF('Standard Profiles'!$G$22=$B$17,14,0)+IF('Standard Profiles'!$G$22=$B$24,21,0),MOD($C7320,24)+1)/SUM(INDEX($D$3:$AA$30,INDEX(Jesper!$R$2:$R$366,ROW(INDEX(Jesper!AL$2:AL$366,ROUNDDOWN($C7320/24,0)+1,1))-1)+IF('Standard Profiles'!$G$22=$B$10,7,0)+IF('Standard Profiles'!$G$22=$B$17,14,0)+IF('Standard Profiles'!$G$22=$B$24,21,0),0)),0)</f>
        <v>0</v>
      </c>
      <c r="I7320">
        <f t="shared" si="811"/>
        <v>2.0885523482381756</v>
      </c>
      <c r="J7320">
        <f t="shared" si="812"/>
        <v>53.405022301968309</v>
      </c>
      <c r="K7320">
        <f t="shared" si="813"/>
        <v>3.6746943584005001</v>
      </c>
      <c r="L7320">
        <f t="shared" si="814"/>
        <v>1.83734717920025</v>
      </c>
      <c r="M7320">
        <f t="shared" si="815"/>
        <v>0</v>
      </c>
      <c r="N7320" s="45">
        <f t="shared" si="816"/>
        <v>45230.583333315662</v>
      </c>
    </row>
    <row r="7321" spans="2:14" x14ac:dyDescent="0.25">
      <c r="B7321">
        <f t="shared" si="810"/>
        <v>2</v>
      </c>
      <c r="C7321" s="16">
        <v>7287</v>
      </c>
      <c r="D7321" cm="1">
        <f t="array" ref="D7321">IFERROR(INDEX(Jesper!AH$2:AH$366,ROUNDDOWN($C7321/24,0)+1,1)*INDEX($D$3:$AA$30,INDEX(Jesper!$R$2:$R$366,ROW(INDEX(Jesper!AH$2:AH$366,ROUNDDOWN($C7321/24,0)+1,1))-1)+IF('Standard Profiles'!$G$18=$B$10,7,0)+IF('Standard Profiles'!$G$18=$B$17,14,0)+IF('Standard Profiles'!$G$18=$B$24,21,0),MOD($C7321,24)+1)/SUM(INDEX($D$3:$AA$30,INDEX(Jesper!$R$2:$R$366,ROW(INDEX(Jesper!AH$2:AH$366,ROUNDDOWN($C7321/24,0)+1,1))-1)+IF('Standard Profiles'!$G$18=$B$10,7,0)+IF('Standard Profiles'!$G$18=$B$17,14,0)+IF('Standard Profiles'!$G$18=$B$24,21,0),0)),0)</f>
        <v>34.450259610004686</v>
      </c>
      <c r="E7321" cm="1">
        <f t="array" ref="E7321">IFERROR(INDEX(Jesper!AI$2:AI$366,ROUNDDOWN($C7321/24,0)+1,1)*INDEX($D$3:$AA$30,INDEX(Jesper!$R$2:$R$366,ROW(INDEX(Jesper!AI$2:AI$366,ROUNDDOWN($C7321/24,0)+1,1))-1)+IF('Standard Profiles'!$G$19=$B$10,7,0)+IF('Standard Profiles'!$G$19=$B$17,14,0)+IF('Standard Profiles'!$G$19=$B$24,21,0),MOD($C7321,24)+1)/SUM(INDEX($D$3:$AA$30,INDEX(Jesper!$R$2:$R$366,ROW(INDEX(Jesper!AI$2:AI$366,ROUNDDOWN($C7321/24,0)+1,1))-1)+IF('Standard Profiles'!$G$19=$B$10,7,0)+IF('Standard Profiles'!$G$19=$B$17,14,0)+IF('Standard Profiles'!$G$19=$B$24,21,0),0)),0)</f>
        <v>22.204205852306355</v>
      </c>
      <c r="F7321" cm="1">
        <f t="array" ref="F7321">IFERROR(INDEX(Jesper!AJ$2:AJ$366,ROUNDDOWN($C7321/24,0)+1,1)*INDEX($D$3:$AA$30,INDEX(Jesper!$R$2:$R$366,ROW(INDEX(Jesper!AJ$2:AJ$366,ROUNDDOWN($C7321/24,0)+1,1))-1)+IF('Standard Profiles'!$G$20=$B$10,7,0)+IF('Standard Profiles'!$G$20=$B$17,14,0)+IF('Standard Profiles'!$G$20=$B$24,21,0),MOD($C7321,24)+1)/SUM(INDEX($D$3:$AA$30,INDEX(Jesper!$R$2:$R$366,ROW(INDEX(Jesper!AJ$2:AJ$366,ROUNDDOWN($C7321/24,0)+1,1))-1)+IF('Standard Profiles'!$G$20=$B$10,7,0)+IF('Standard Profiles'!$G$20=$B$17,14,0)+IF('Standard Profiles'!$G$20=$B$24,21,0),0)),0)</f>
        <v>0</v>
      </c>
      <c r="G7321" cm="1">
        <f t="array" ref="G7321">IFERROR(INDEX(Jesper!AK$2:AK$366,ROUNDDOWN($C7321/24,0)+1,1)*INDEX($D$3:$AA$30,INDEX(Jesper!$R$2:$R$366,ROW(INDEX(Jesper!AK$2:AK$366,ROUNDDOWN($C7321/24,0)+1,1))-1)+IF('Standard Profiles'!$G$21=$B$10,7,0)+IF('Standard Profiles'!$G$21=$B$17,14,0)+IF('Standard Profiles'!$G$21=$B$24,21,0),MOD($C7321,24)+1)/SUM(INDEX($D$3:$AA$30,INDEX(Jesper!$R$2:$R$366,ROW(INDEX(Jesper!AK$2:AK$366,ROUNDDOWN($C7321/24,0)+1,1))-1)+IF('Standard Profiles'!$G$21=$B$10,7,0)+IF('Standard Profiles'!$G$21=$B$17,14,0)+IF('Standard Profiles'!$G$21=$B$24,21,0),0)),0)</f>
        <v>4.3511507254962014</v>
      </c>
      <c r="H7321" cm="1">
        <f t="array" ref="H7321">IFERROR(INDEX(Jesper!AL$2:AL$366,ROUNDDOWN($C7321/24,0)+1,1)*INDEX($D$3:$AA$30,INDEX(Jesper!$R$2:$R$366,ROW(INDEX(Jesper!AL$2:AL$366,ROUNDDOWN($C7321/24,0)+1,1))-1)+IF('Standard Profiles'!$G$22=$B$10,7,0)+IF('Standard Profiles'!$G$22=$B$17,14,0)+IF('Standard Profiles'!$G$22=$B$24,21,0),MOD($C7321,24)+1)/SUM(INDEX($D$3:$AA$30,INDEX(Jesper!$R$2:$R$366,ROW(INDEX(Jesper!AL$2:AL$366,ROUNDDOWN($C7321/24,0)+1,1))-1)+IF('Standard Profiles'!$G$22=$B$10,7,0)+IF('Standard Profiles'!$G$22=$B$17,14,0)+IF('Standard Profiles'!$G$22=$B$24,21,0),0)),0)</f>
        <v>0</v>
      </c>
      <c r="I7321">
        <f t="shared" si="811"/>
        <v>2.0885523482381756</v>
      </c>
      <c r="J7321">
        <f t="shared" si="812"/>
        <v>53.405022301968309</v>
      </c>
      <c r="K7321">
        <f t="shared" si="813"/>
        <v>3.6746943584005001</v>
      </c>
      <c r="L7321">
        <f t="shared" si="814"/>
        <v>1.83734717920025</v>
      </c>
      <c r="M7321">
        <f t="shared" si="815"/>
        <v>0</v>
      </c>
      <c r="N7321" s="45">
        <f t="shared" si="816"/>
        <v>45230.624999982327</v>
      </c>
    </row>
    <row r="7322" spans="2:14" x14ac:dyDescent="0.25">
      <c r="B7322">
        <f t="shared" si="810"/>
        <v>2</v>
      </c>
      <c r="C7322" s="16">
        <v>7288</v>
      </c>
      <c r="D7322" cm="1">
        <f t="array" ref="D7322">IFERROR(INDEX(Jesper!AH$2:AH$366,ROUNDDOWN($C7322/24,0)+1,1)*INDEX($D$3:$AA$30,INDEX(Jesper!$R$2:$R$366,ROW(INDEX(Jesper!AH$2:AH$366,ROUNDDOWN($C7322/24,0)+1,1))-1)+IF('Standard Profiles'!$G$18=$B$10,7,0)+IF('Standard Profiles'!$G$18=$B$17,14,0)+IF('Standard Profiles'!$G$18=$B$24,21,0),MOD($C7322,24)+1)/SUM(INDEX($D$3:$AA$30,INDEX(Jesper!$R$2:$R$366,ROW(INDEX(Jesper!AH$2:AH$366,ROUNDDOWN($C7322/24,0)+1,1))-1)+IF('Standard Profiles'!$G$18=$B$10,7,0)+IF('Standard Profiles'!$G$18=$B$17,14,0)+IF('Standard Profiles'!$G$18=$B$24,21,0),0)),0)</f>
        <v>20.301045841609906</v>
      </c>
      <c r="E7322" cm="1">
        <f t="array" ref="E7322">IFERROR(INDEX(Jesper!AI$2:AI$366,ROUNDDOWN($C7322/24,0)+1,1)*INDEX($D$3:$AA$30,INDEX(Jesper!$R$2:$R$366,ROW(INDEX(Jesper!AI$2:AI$366,ROUNDDOWN($C7322/24,0)+1,1))-1)+IF('Standard Profiles'!$G$19=$B$10,7,0)+IF('Standard Profiles'!$G$19=$B$17,14,0)+IF('Standard Profiles'!$G$19=$B$24,21,0),MOD($C7322,24)+1)/SUM(INDEX($D$3:$AA$30,INDEX(Jesper!$R$2:$R$366,ROW(INDEX(Jesper!AI$2:AI$366,ROUNDDOWN($C7322/24,0)+1,1))-1)+IF('Standard Profiles'!$G$19=$B$10,7,0)+IF('Standard Profiles'!$G$19=$B$17,14,0)+IF('Standard Profiles'!$G$19=$B$24,21,0),0)),0)</f>
        <v>13.084621305823388</v>
      </c>
      <c r="F7322" cm="1">
        <f t="array" ref="F7322">IFERROR(INDEX(Jesper!AJ$2:AJ$366,ROUNDDOWN($C7322/24,0)+1,1)*INDEX($D$3:$AA$30,INDEX(Jesper!$R$2:$R$366,ROW(INDEX(Jesper!AJ$2:AJ$366,ROUNDDOWN($C7322/24,0)+1,1))-1)+IF('Standard Profiles'!$G$20=$B$10,7,0)+IF('Standard Profiles'!$G$20=$B$17,14,0)+IF('Standard Profiles'!$G$20=$B$24,21,0),MOD($C7322,24)+1)/SUM(INDEX($D$3:$AA$30,INDEX(Jesper!$R$2:$R$366,ROW(INDEX(Jesper!AJ$2:AJ$366,ROUNDDOWN($C7322/24,0)+1,1))-1)+IF('Standard Profiles'!$G$20=$B$10,7,0)+IF('Standard Profiles'!$G$20=$B$17,14,0)+IF('Standard Profiles'!$G$20=$B$24,21,0),0)),0)</f>
        <v>0</v>
      </c>
      <c r="G7322" cm="1">
        <f t="array" ref="G7322">IFERROR(INDEX(Jesper!AK$2:AK$366,ROUNDDOWN($C7322/24,0)+1,1)*INDEX($D$3:$AA$30,INDEX(Jesper!$R$2:$R$366,ROW(INDEX(Jesper!AK$2:AK$366,ROUNDDOWN($C7322/24,0)+1,1))-1)+IF('Standard Profiles'!$G$21=$B$10,7,0)+IF('Standard Profiles'!$G$21=$B$17,14,0)+IF('Standard Profiles'!$G$21=$B$24,21,0),MOD($C7322,24)+1)/SUM(INDEX($D$3:$AA$30,INDEX(Jesper!$R$2:$R$366,ROW(INDEX(Jesper!AK$2:AK$366,ROUNDDOWN($C7322/24,0)+1,1))-1)+IF('Standard Profiles'!$G$21=$B$10,7,0)+IF('Standard Profiles'!$G$21=$B$17,14,0)+IF('Standard Profiles'!$G$21=$B$24,21,0),0)),0)</f>
        <v>3.6369800897004718</v>
      </c>
      <c r="H7322" cm="1">
        <f t="array" ref="H7322">IFERROR(INDEX(Jesper!AL$2:AL$366,ROUNDDOWN($C7322/24,0)+1,1)*INDEX($D$3:$AA$30,INDEX(Jesper!$R$2:$R$366,ROW(INDEX(Jesper!AL$2:AL$366,ROUNDDOWN($C7322/24,0)+1,1))-1)+IF('Standard Profiles'!$G$22=$B$10,7,0)+IF('Standard Profiles'!$G$22=$B$17,14,0)+IF('Standard Profiles'!$G$22=$B$24,21,0),MOD($C7322,24)+1)/SUM(INDEX($D$3:$AA$30,INDEX(Jesper!$R$2:$R$366,ROW(INDEX(Jesper!AL$2:AL$366,ROUNDDOWN($C7322/24,0)+1,1))-1)+IF('Standard Profiles'!$G$22=$B$10,7,0)+IF('Standard Profiles'!$G$22=$B$17,14,0)+IF('Standard Profiles'!$G$22=$B$24,21,0),0)),0)</f>
        <v>0</v>
      </c>
      <c r="I7322">
        <f t="shared" si="811"/>
        <v>1.7457504430562256</v>
      </c>
      <c r="J7322">
        <f t="shared" si="812"/>
        <v>32.028729459419957</v>
      </c>
      <c r="K7322">
        <f t="shared" si="813"/>
        <v>2.1654448897717233</v>
      </c>
      <c r="L7322">
        <f t="shared" si="814"/>
        <v>1.0827224448858617</v>
      </c>
      <c r="M7322">
        <f t="shared" si="815"/>
        <v>0</v>
      </c>
      <c r="N7322" s="45">
        <f t="shared" si="816"/>
        <v>45230.666666648991</v>
      </c>
    </row>
    <row r="7323" spans="2:14" x14ac:dyDescent="0.25">
      <c r="B7323">
        <f t="shared" si="810"/>
        <v>2</v>
      </c>
      <c r="C7323" s="16">
        <v>7289</v>
      </c>
      <c r="D7323" cm="1">
        <f t="array" ref="D7323">IFERROR(INDEX(Jesper!AH$2:AH$366,ROUNDDOWN($C7323/24,0)+1,1)*INDEX($D$3:$AA$30,INDEX(Jesper!$R$2:$R$366,ROW(INDEX(Jesper!AH$2:AH$366,ROUNDDOWN($C7323/24,0)+1,1))-1)+IF('Standard Profiles'!$G$18=$B$10,7,0)+IF('Standard Profiles'!$G$18=$B$17,14,0)+IF('Standard Profiles'!$G$18=$B$24,21,0),MOD($C7323,24)+1)/SUM(INDEX($D$3:$AA$30,INDEX(Jesper!$R$2:$R$366,ROW(INDEX(Jesper!AH$2:AH$366,ROUNDDOWN($C7323/24,0)+1,1))-1)+IF('Standard Profiles'!$G$18=$B$10,7,0)+IF('Standard Profiles'!$G$18=$B$17,14,0)+IF('Standard Profiles'!$G$18=$B$24,21,0),0)),0)</f>
        <v>8.6645522157959469</v>
      </c>
      <c r="E7323" cm="1">
        <f t="array" ref="E7323">IFERROR(INDEX(Jesper!AI$2:AI$366,ROUNDDOWN($C7323/24,0)+1,1)*INDEX($D$3:$AA$30,INDEX(Jesper!$R$2:$R$366,ROW(INDEX(Jesper!AI$2:AI$366,ROUNDDOWN($C7323/24,0)+1,1))-1)+IF('Standard Profiles'!$G$19=$B$10,7,0)+IF('Standard Profiles'!$G$19=$B$17,14,0)+IF('Standard Profiles'!$G$19=$B$24,21,0),MOD($C7323,24)+1)/SUM(INDEX($D$3:$AA$30,INDEX(Jesper!$R$2:$R$366,ROW(INDEX(Jesper!AI$2:AI$366,ROUNDDOWN($C7323/24,0)+1,1))-1)+IF('Standard Profiles'!$G$19=$B$10,7,0)+IF('Standard Profiles'!$G$19=$B$17,14,0)+IF('Standard Profiles'!$G$19=$B$24,21,0),0)),0)</f>
        <v>5.5845588159724233</v>
      </c>
      <c r="F7323" cm="1">
        <f t="array" ref="F7323">IFERROR(INDEX(Jesper!AJ$2:AJ$366,ROUNDDOWN($C7323/24,0)+1,1)*INDEX($D$3:$AA$30,INDEX(Jesper!$R$2:$R$366,ROW(INDEX(Jesper!AJ$2:AJ$366,ROUNDDOWN($C7323/24,0)+1,1))-1)+IF('Standard Profiles'!$G$20=$B$10,7,0)+IF('Standard Profiles'!$G$20=$B$17,14,0)+IF('Standard Profiles'!$G$20=$B$24,21,0),MOD($C7323,24)+1)/SUM(INDEX($D$3:$AA$30,INDEX(Jesper!$R$2:$R$366,ROW(INDEX(Jesper!AJ$2:AJ$366,ROUNDDOWN($C7323/24,0)+1,1))-1)+IF('Standard Profiles'!$G$20=$B$10,7,0)+IF('Standard Profiles'!$G$20=$B$17,14,0)+IF('Standard Profiles'!$G$20=$B$24,21,0),0)),0)</f>
        <v>0</v>
      </c>
      <c r="G7323" cm="1">
        <f t="array" ref="G7323">IFERROR(INDEX(Jesper!AK$2:AK$366,ROUNDDOWN($C7323/24,0)+1,1)*INDEX($D$3:$AA$30,INDEX(Jesper!$R$2:$R$366,ROW(INDEX(Jesper!AK$2:AK$366,ROUNDDOWN($C7323/24,0)+1,1))-1)+IF('Standard Profiles'!$G$21=$B$10,7,0)+IF('Standard Profiles'!$G$21=$B$17,14,0)+IF('Standard Profiles'!$G$21=$B$24,21,0),MOD($C7323,24)+1)/SUM(INDEX($D$3:$AA$30,INDEX(Jesper!$R$2:$R$366,ROW(INDEX(Jesper!AK$2:AK$366,ROUNDDOWN($C7323/24,0)+1,1))-1)+IF('Standard Profiles'!$G$21=$B$10,7,0)+IF('Standard Profiles'!$G$21=$B$17,14,0)+IF('Standard Profiles'!$G$21=$B$24,21,0),0)),0)</f>
        <v>2.8897459985438299</v>
      </c>
      <c r="H7323" cm="1">
        <f t="array" ref="H7323">IFERROR(INDEX(Jesper!AL$2:AL$366,ROUNDDOWN($C7323/24,0)+1,1)*INDEX($D$3:$AA$30,INDEX(Jesper!$R$2:$R$366,ROW(INDEX(Jesper!AL$2:AL$366,ROUNDDOWN($C7323/24,0)+1,1))-1)+IF('Standard Profiles'!$G$22=$B$10,7,0)+IF('Standard Profiles'!$G$22=$B$17,14,0)+IF('Standard Profiles'!$G$22=$B$24,21,0),MOD($C7323,24)+1)/SUM(INDEX($D$3:$AA$30,INDEX(Jesper!$R$2:$R$366,ROW(INDEX(Jesper!AL$2:AL$366,ROUNDDOWN($C7323/24,0)+1,1))-1)+IF('Standard Profiles'!$G$22=$B$10,7,0)+IF('Standard Profiles'!$G$22=$B$17,14,0)+IF('Standard Profiles'!$G$22=$B$24,21,0),0)),0)</f>
        <v>0</v>
      </c>
      <c r="I7323">
        <f t="shared" si="811"/>
        <v>1.3870780793010375</v>
      </c>
      <c r="J7323">
        <f t="shared" si="812"/>
        <v>14.365450596483811</v>
      </c>
      <c r="K7323">
        <f t="shared" si="813"/>
        <v>0.92421890301823439</v>
      </c>
      <c r="L7323">
        <f t="shared" si="814"/>
        <v>0.4621094515091172</v>
      </c>
      <c r="M7323">
        <f t="shared" si="815"/>
        <v>0</v>
      </c>
      <c r="N7323" s="45">
        <f t="shared" si="816"/>
        <v>45230.708333315655</v>
      </c>
    </row>
    <row r="7324" spans="2:14" x14ac:dyDescent="0.25">
      <c r="B7324">
        <f t="shared" si="810"/>
        <v>2</v>
      </c>
      <c r="C7324" s="16">
        <v>7290</v>
      </c>
      <c r="D7324" cm="1">
        <f t="array" ref="D7324">IFERROR(INDEX(Jesper!AH$2:AH$366,ROUNDDOWN($C7324/24,0)+1,1)*INDEX($D$3:$AA$30,INDEX(Jesper!$R$2:$R$366,ROW(INDEX(Jesper!AH$2:AH$366,ROUNDDOWN($C7324/24,0)+1,1))-1)+IF('Standard Profiles'!$G$18=$B$10,7,0)+IF('Standard Profiles'!$G$18=$B$17,14,0)+IF('Standard Profiles'!$G$18=$B$24,21,0),MOD($C7324,24)+1)/SUM(INDEX($D$3:$AA$30,INDEX(Jesper!$R$2:$R$366,ROW(INDEX(Jesper!AH$2:AH$366,ROUNDDOWN($C7324/24,0)+1,1))-1)+IF('Standard Profiles'!$G$18=$B$10,7,0)+IF('Standard Profiles'!$G$18=$B$17,14,0)+IF('Standard Profiles'!$G$18=$B$24,21,0),0)),0)</f>
        <v>5.7186044624253247</v>
      </c>
      <c r="E7324" cm="1">
        <f t="array" ref="E7324">IFERROR(INDEX(Jesper!AI$2:AI$366,ROUNDDOWN($C7324/24,0)+1,1)*INDEX($D$3:$AA$30,INDEX(Jesper!$R$2:$R$366,ROW(INDEX(Jesper!AI$2:AI$366,ROUNDDOWN($C7324/24,0)+1,1))-1)+IF('Standard Profiles'!$G$19=$B$10,7,0)+IF('Standard Profiles'!$G$19=$B$17,14,0)+IF('Standard Profiles'!$G$19=$B$24,21,0),MOD($C7324,24)+1)/SUM(INDEX($D$3:$AA$30,INDEX(Jesper!$R$2:$R$366,ROW(INDEX(Jesper!AI$2:AI$366,ROUNDDOWN($C7324/24,0)+1,1))-1)+IF('Standard Profiles'!$G$19=$B$10,7,0)+IF('Standard Profiles'!$G$19=$B$17,14,0)+IF('Standard Profiles'!$G$19=$B$24,21,0),0)),0)</f>
        <v>3.6858088185417994</v>
      </c>
      <c r="F7324" cm="1">
        <f t="array" ref="F7324">IFERROR(INDEX(Jesper!AJ$2:AJ$366,ROUNDDOWN($C7324/24,0)+1,1)*INDEX($D$3:$AA$30,INDEX(Jesper!$R$2:$R$366,ROW(INDEX(Jesper!AJ$2:AJ$366,ROUNDDOWN($C7324/24,0)+1,1))-1)+IF('Standard Profiles'!$G$20=$B$10,7,0)+IF('Standard Profiles'!$G$20=$B$17,14,0)+IF('Standard Profiles'!$G$20=$B$24,21,0),MOD($C7324,24)+1)/SUM(INDEX($D$3:$AA$30,INDEX(Jesper!$R$2:$R$366,ROW(INDEX(Jesper!AJ$2:AJ$366,ROUNDDOWN($C7324/24,0)+1,1))-1)+IF('Standard Profiles'!$G$20=$B$10,7,0)+IF('Standard Profiles'!$G$20=$B$17,14,0)+IF('Standard Profiles'!$G$20=$B$24,21,0),0)),0)</f>
        <v>0</v>
      </c>
      <c r="G7324" cm="1">
        <f t="array" ref="G7324">IFERROR(INDEX(Jesper!AK$2:AK$366,ROUNDDOWN($C7324/24,0)+1,1)*INDEX($D$3:$AA$30,INDEX(Jesper!$R$2:$R$366,ROW(INDEX(Jesper!AK$2:AK$366,ROUNDDOWN($C7324/24,0)+1,1))-1)+IF('Standard Profiles'!$G$21=$B$10,7,0)+IF('Standard Profiles'!$G$21=$B$17,14,0)+IF('Standard Profiles'!$G$21=$B$24,21,0),MOD($C7324,24)+1)/SUM(INDEX($D$3:$AA$30,INDEX(Jesper!$R$2:$R$366,ROW(INDEX(Jesper!AK$2:AK$366,ROUNDDOWN($C7324/24,0)+1,1))-1)+IF('Standard Profiles'!$G$21=$B$10,7,0)+IF('Standard Profiles'!$G$21=$B$17,14,0)+IF('Standard Profiles'!$G$21=$B$24,21,0),0)),0)</f>
        <v>1.0249671161883149</v>
      </c>
      <c r="H7324" cm="1">
        <f t="array" ref="H7324">IFERROR(INDEX(Jesper!AL$2:AL$366,ROUNDDOWN($C7324/24,0)+1,1)*INDEX($D$3:$AA$30,INDEX(Jesper!$R$2:$R$366,ROW(INDEX(Jesper!AL$2:AL$366,ROUNDDOWN($C7324/24,0)+1,1))-1)+IF('Standard Profiles'!$G$22=$B$10,7,0)+IF('Standard Profiles'!$G$22=$B$17,14,0)+IF('Standard Profiles'!$G$22=$B$24,21,0),MOD($C7324,24)+1)/SUM(INDEX($D$3:$AA$30,INDEX(Jesper!$R$2:$R$366,ROW(INDEX(Jesper!AL$2:AL$366,ROUNDDOWN($C7324/24,0)+1,1))-1)+IF('Standard Profiles'!$G$22=$B$10,7,0)+IF('Standard Profiles'!$G$22=$B$17,14,0)+IF('Standard Profiles'!$G$22=$B$24,21,0),0)),0)</f>
        <v>0</v>
      </c>
      <c r="I7324">
        <f t="shared" si="811"/>
        <v>0.49198421577039092</v>
      </c>
      <c r="J7324">
        <f t="shared" si="812"/>
        <v>9.0224194673969969</v>
      </c>
      <c r="K7324">
        <f t="shared" si="813"/>
        <v>0.60998447599203465</v>
      </c>
      <c r="L7324">
        <f t="shared" si="814"/>
        <v>0.30499223799601732</v>
      </c>
      <c r="M7324">
        <f t="shared" si="815"/>
        <v>0</v>
      </c>
      <c r="N7324" s="45">
        <f t="shared" si="816"/>
        <v>45230.749999982319</v>
      </c>
    </row>
    <row r="7325" spans="2:14" x14ac:dyDescent="0.25">
      <c r="B7325">
        <f t="shared" si="810"/>
        <v>2</v>
      </c>
      <c r="C7325" s="16">
        <v>7291</v>
      </c>
      <c r="D7325" cm="1">
        <f t="array" ref="D7325">IFERROR(INDEX(Jesper!AH$2:AH$366,ROUNDDOWN($C7325/24,0)+1,1)*INDEX($D$3:$AA$30,INDEX(Jesper!$R$2:$R$366,ROW(INDEX(Jesper!AH$2:AH$366,ROUNDDOWN($C7325/24,0)+1,1))-1)+IF('Standard Profiles'!$G$18=$B$10,7,0)+IF('Standard Profiles'!$G$18=$B$17,14,0)+IF('Standard Profiles'!$G$18=$B$24,21,0),MOD($C7325,24)+1)/SUM(INDEX($D$3:$AA$30,INDEX(Jesper!$R$2:$R$366,ROW(INDEX(Jesper!AH$2:AH$366,ROUNDDOWN($C7325/24,0)+1,1))-1)+IF('Standard Profiles'!$G$18=$B$10,7,0)+IF('Standard Profiles'!$G$18=$B$17,14,0)+IF('Standard Profiles'!$G$18=$B$24,21,0),0)),0)</f>
        <v>5.7186044624253247</v>
      </c>
      <c r="E7325" cm="1">
        <f t="array" ref="E7325">IFERROR(INDEX(Jesper!AI$2:AI$366,ROUNDDOWN($C7325/24,0)+1,1)*INDEX($D$3:$AA$30,INDEX(Jesper!$R$2:$R$366,ROW(INDEX(Jesper!AI$2:AI$366,ROUNDDOWN($C7325/24,0)+1,1))-1)+IF('Standard Profiles'!$G$19=$B$10,7,0)+IF('Standard Profiles'!$G$19=$B$17,14,0)+IF('Standard Profiles'!$G$19=$B$24,21,0),MOD($C7325,24)+1)/SUM(INDEX($D$3:$AA$30,INDEX(Jesper!$R$2:$R$366,ROW(INDEX(Jesper!AI$2:AI$366,ROUNDDOWN($C7325/24,0)+1,1))-1)+IF('Standard Profiles'!$G$19=$B$10,7,0)+IF('Standard Profiles'!$G$19=$B$17,14,0)+IF('Standard Profiles'!$G$19=$B$24,21,0),0)),0)</f>
        <v>3.6858088185417994</v>
      </c>
      <c r="F7325" cm="1">
        <f t="array" ref="F7325">IFERROR(INDEX(Jesper!AJ$2:AJ$366,ROUNDDOWN($C7325/24,0)+1,1)*INDEX($D$3:$AA$30,INDEX(Jesper!$R$2:$R$366,ROW(INDEX(Jesper!AJ$2:AJ$366,ROUNDDOWN($C7325/24,0)+1,1))-1)+IF('Standard Profiles'!$G$20=$B$10,7,0)+IF('Standard Profiles'!$G$20=$B$17,14,0)+IF('Standard Profiles'!$G$20=$B$24,21,0),MOD($C7325,24)+1)/SUM(INDEX($D$3:$AA$30,INDEX(Jesper!$R$2:$R$366,ROW(INDEX(Jesper!AJ$2:AJ$366,ROUNDDOWN($C7325/24,0)+1,1))-1)+IF('Standard Profiles'!$G$20=$B$10,7,0)+IF('Standard Profiles'!$G$20=$B$17,14,0)+IF('Standard Profiles'!$G$20=$B$24,21,0),0)),0)</f>
        <v>0</v>
      </c>
      <c r="G7325" cm="1">
        <f t="array" ref="G7325">IFERROR(INDEX(Jesper!AK$2:AK$366,ROUNDDOWN($C7325/24,0)+1,1)*INDEX($D$3:$AA$30,INDEX(Jesper!$R$2:$R$366,ROW(INDEX(Jesper!AK$2:AK$366,ROUNDDOWN($C7325/24,0)+1,1))-1)+IF('Standard Profiles'!$G$21=$B$10,7,0)+IF('Standard Profiles'!$G$21=$B$17,14,0)+IF('Standard Profiles'!$G$21=$B$24,21,0),MOD($C7325,24)+1)/SUM(INDEX($D$3:$AA$30,INDEX(Jesper!$R$2:$R$366,ROW(INDEX(Jesper!AK$2:AK$366,ROUNDDOWN($C7325/24,0)+1,1))-1)+IF('Standard Profiles'!$G$21=$B$10,7,0)+IF('Standard Profiles'!$G$21=$B$17,14,0)+IF('Standard Profiles'!$G$21=$B$24,21,0),0)),0)</f>
        <v>1.0249671161883149</v>
      </c>
      <c r="H7325" cm="1">
        <f t="array" ref="H7325">IFERROR(INDEX(Jesper!AL$2:AL$366,ROUNDDOWN($C7325/24,0)+1,1)*INDEX($D$3:$AA$30,INDEX(Jesper!$R$2:$R$366,ROW(INDEX(Jesper!AL$2:AL$366,ROUNDDOWN($C7325/24,0)+1,1))-1)+IF('Standard Profiles'!$G$22=$B$10,7,0)+IF('Standard Profiles'!$G$22=$B$17,14,0)+IF('Standard Profiles'!$G$22=$B$24,21,0),MOD($C7325,24)+1)/SUM(INDEX($D$3:$AA$30,INDEX(Jesper!$R$2:$R$366,ROW(INDEX(Jesper!AL$2:AL$366,ROUNDDOWN($C7325/24,0)+1,1))-1)+IF('Standard Profiles'!$G$22=$B$10,7,0)+IF('Standard Profiles'!$G$22=$B$17,14,0)+IF('Standard Profiles'!$G$22=$B$24,21,0),0)),0)</f>
        <v>0</v>
      </c>
      <c r="I7325">
        <f t="shared" si="811"/>
        <v>0.49198421577039092</v>
      </c>
      <c r="J7325">
        <f t="shared" si="812"/>
        <v>9.0224194673969969</v>
      </c>
      <c r="K7325">
        <f t="shared" si="813"/>
        <v>0.60998447599203465</v>
      </c>
      <c r="L7325">
        <f t="shared" si="814"/>
        <v>0.30499223799601732</v>
      </c>
      <c r="M7325">
        <f t="shared" si="815"/>
        <v>0</v>
      </c>
      <c r="N7325" s="45">
        <f t="shared" si="816"/>
        <v>45230.791666648984</v>
      </c>
    </row>
    <row r="7326" spans="2:14" x14ac:dyDescent="0.25">
      <c r="B7326">
        <f t="shared" si="810"/>
        <v>2</v>
      </c>
      <c r="C7326" s="16">
        <v>7292</v>
      </c>
      <c r="D7326" cm="1">
        <f t="array" ref="D7326">IFERROR(INDEX(Jesper!AH$2:AH$366,ROUNDDOWN($C7326/24,0)+1,1)*INDEX($D$3:$AA$30,INDEX(Jesper!$R$2:$R$366,ROW(INDEX(Jesper!AH$2:AH$366,ROUNDDOWN($C7326/24,0)+1,1))-1)+IF('Standard Profiles'!$G$18=$B$10,7,0)+IF('Standard Profiles'!$G$18=$B$17,14,0)+IF('Standard Profiles'!$G$18=$B$24,21,0),MOD($C7326,24)+1)/SUM(INDEX($D$3:$AA$30,INDEX(Jesper!$R$2:$R$366,ROW(INDEX(Jesper!AH$2:AH$366,ROUNDDOWN($C7326/24,0)+1,1))-1)+IF('Standard Profiles'!$G$18=$B$10,7,0)+IF('Standard Profiles'!$G$18=$B$17,14,0)+IF('Standard Profiles'!$G$18=$B$24,21,0),0)),0)</f>
        <v>5.7186044624253247</v>
      </c>
      <c r="E7326" cm="1">
        <f t="array" ref="E7326">IFERROR(INDEX(Jesper!AI$2:AI$366,ROUNDDOWN($C7326/24,0)+1,1)*INDEX($D$3:$AA$30,INDEX(Jesper!$R$2:$R$366,ROW(INDEX(Jesper!AI$2:AI$366,ROUNDDOWN($C7326/24,0)+1,1))-1)+IF('Standard Profiles'!$G$19=$B$10,7,0)+IF('Standard Profiles'!$G$19=$B$17,14,0)+IF('Standard Profiles'!$G$19=$B$24,21,0),MOD($C7326,24)+1)/SUM(INDEX($D$3:$AA$30,INDEX(Jesper!$R$2:$R$366,ROW(INDEX(Jesper!AI$2:AI$366,ROUNDDOWN($C7326/24,0)+1,1))-1)+IF('Standard Profiles'!$G$19=$B$10,7,0)+IF('Standard Profiles'!$G$19=$B$17,14,0)+IF('Standard Profiles'!$G$19=$B$24,21,0),0)),0)</f>
        <v>3.6858088185417994</v>
      </c>
      <c r="F7326" cm="1">
        <f t="array" ref="F7326">IFERROR(INDEX(Jesper!AJ$2:AJ$366,ROUNDDOWN($C7326/24,0)+1,1)*INDEX($D$3:$AA$30,INDEX(Jesper!$R$2:$R$366,ROW(INDEX(Jesper!AJ$2:AJ$366,ROUNDDOWN($C7326/24,0)+1,1))-1)+IF('Standard Profiles'!$G$20=$B$10,7,0)+IF('Standard Profiles'!$G$20=$B$17,14,0)+IF('Standard Profiles'!$G$20=$B$24,21,0),MOD($C7326,24)+1)/SUM(INDEX($D$3:$AA$30,INDEX(Jesper!$R$2:$R$366,ROW(INDEX(Jesper!AJ$2:AJ$366,ROUNDDOWN($C7326/24,0)+1,1))-1)+IF('Standard Profiles'!$G$20=$B$10,7,0)+IF('Standard Profiles'!$G$20=$B$17,14,0)+IF('Standard Profiles'!$G$20=$B$24,21,0),0)),0)</f>
        <v>0</v>
      </c>
      <c r="G7326" cm="1">
        <f t="array" ref="G7326">IFERROR(INDEX(Jesper!AK$2:AK$366,ROUNDDOWN($C7326/24,0)+1,1)*INDEX($D$3:$AA$30,INDEX(Jesper!$R$2:$R$366,ROW(INDEX(Jesper!AK$2:AK$366,ROUNDDOWN($C7326/24,0)+1,1))-1)+IF('Standard Profiles'!$G$21=$B$10,7,0)+IF('Standard Profiles'!$G$21=$B$17,14,0)+IF('Standard Profiles'!$G$21=$B$24,21,0),MOD($C7326,24)+1)/SUM(INDEX($D$3:$AA$30,INDEX(Jesper!$R$2:$R$366,ROW(INDEX(Jesper!AK$2:AK$366,ROUNDDOWN($C7326/24,0)+1,1))-1)+IF('Standard Profiles'!$G$21=$B$10,7,0)+IF('Standard Profiles'!$G$21=$B$17,14,0)+IF('Standard Profiles'!$G$21=$B$24,21,0),0)),0)</f>
        <v>1.0249671161883149</v>
      </c>
      <c r="H7326" cm="1">
        <f t="array" ref="H7326">IFERROR(INDEX(Jesper!AL$2:AL$366,ROUNDDOWN($C7326/24,0)+1,1)*INDEX($D$3:$AA$30,INDEX(Jesper!$R$2:$R$366,ROW(INDEX(Jesper!AL$2:AL$366,ROUNDDOWN($C7326/24,0)+1,1))-1)+IF('Standard Profiles'!$G$22=$B$10,7,0)+IF('Standard Profiles'!$G$22=$B$17,14,0)+IF('Standard Profiles'!$G$22=$B$24,21,0),MOD($C7326,24)+1)/SUM(INDEX($D$3:$AA$30,INDEX(Jesper!$R$2:$R$366,ROW(INDEX(Jesper!AL$2:AL$366,ROUNDDOWN($C7326/24,0)+1,1))-1)+IF('Standard Profiles'!$G$22=$B$10,7,0)+IF('Standard Profiles'!$G$22=$B$17,14,0)+IF('Standard Profiles'!$G$22=$B$24,21,0),0)),0)</f>
        <v>0</v>
      </c>
      <c r="I7326">
        <f t="shared" si="811"/>
        <v>0.49198421577039092</v>
      </c>
      <c r="J7326">
        <f t="shared" si="812"/>
        <v>9.0224194673969969</v>
      </c>
      <c r="K7326">
        <f t="shared" si="813"/>
        <v>0.60998447599203465</v>
      </c>
      <c r="L7326">
        <f t="shared" si="814"/>
        <v>0.30499223799601732</v>
      </c>
      <c r="M7326">
        <f t="shared" si="815"/>
        <v>0</v>
      </c>
      <c r="N7326" s="45">
        <f t="shared" si="816"/>
        <v>45230.833333315648</v>
      </c>
    </row>
    <row r="7327" spans="2:14" x14ac:dyDescent="0.25">
      <c r="B7327">
        <f t="shared" si="810"/>
        <v>2</v>
      </c>
      <c r="C7327" s="16">
        <v>7293</v>
      </c>
      <c r="D7327" cm="1">
        <f t="array" ref="D7327">IFERROR(INDEX(Jesper!AH$2:AH$366,ROUNDDOWN($C7327/24,0)+1,1)*INDEX($D$3:$AA$30,INDEX(Jesper!$R$2:$R$366,ROW(INDEX(Jesper!AH$2:AH$366,ROUNDDOWN($C7327/24,0)+1,1))-1)+IF('Standard Profiles'!$G$18=$B$10,7,0)+IF('Standard Profiles'!$G$18=$B$17,14,0)+IF('Standard Profiles'!$G$18=$B$24,21,0),MOD($C7327,24)+1)/SUM(INDEX($D$3:$AA$30,INDEX(Jesper!$R$2:$R$366,ROW(INDEX(Jesper!AH$2:AH$366,ROUNDDOWN($C7327/24,0)+1,1))-1)+IF('Standard Profiles'!$G$18=$B$10,7,0)+IF('Standard Profiles'!$G$18=$B$17,14,0)+IF('Standard Profiles'!$G$18=$B$24,21,0),0)),0)</f>
        <v>5.7186044624253247</v>
      </c>
      <c r="E7327" cm="1">
        <f t="array" ref="E7327">IFERROR(INDEX(Jesper!AI$2:AI$366,ROUNDDOWN($C7327/24,0)+1,1)*INDEX($D$3:$AA$30,INDEX(Jesper!$R$2:$R$366,ROW(INDEX(Jesper!AI$2:AI$366,ROUNDDOWN($C7327/24,0)+1,1))-1)+IF('Standard Profiles'!$G$19=$B$10,7,0)+IF('Standard Profiles'!$G$19=$B$17,14,0)+IF('Standard Profiles'!$G$19=$B$24,21,0),MOD($C7327,24)+1)/SUM(INDEX($D$3:$AA$30,INDEX(Jesper!$R$2:$R$366,ROW(INDEX(Jesper!AI$2:AI$366,ROUNDDOWN($C7327/24,0)+1,1))-1)+IF('Standard Profiles'!$G$19=$B$10,7,0)+IF('Standard Profiles'!$G$19=$B$17,14,0)+IF('Standard Profiles'!$G$19=$B$24,21,0),0)),0)</f>
        <v>3.6858088185417994</v>
      </c>
      <c r="F7327" cm="1">
        <f t="array" ref="F7327">IFERROR(INDEX(Jesper!AJ$2:AJ$366,ROUNDDOWN($C7327/24,0)+1,1)*INDEX($D$3:$AA$30,INDEX(Jesper!$R$2:$R$366,ROW(INDEX(Jesper!AJ$2:AJ$366,ROUNDDOWN($C7327/24,0)+1,1))-1)+IF('Standard Profiles'!$G$20=$B$10,7,0)+IF('Standard Profiles'!$G$20=$B$17,14,0)+IF('Standard Profiles'!$G$20=$B$24,21,0),MOD($C7327,24)+1)/SUM(INDEX($D$3:$AA$30,INDEX(Jesper!$R$2:$R$366,ROW(INDEX(Jesper!AJ$2:AJ$366,ROUNDDOWN($C7327/24,0)+1,1))-1)+IF('Standard Profiles'!$G$20=$B$10,7,0)+IF('Standard Profiles'!$G$20=$B$17,14,0)+IF('Standard Profiles'!$G$20=$B$24,21,0),0)),0)</f>
        <v>0</v>
      </c>
      <c r="G7327" cm="1">
        <f t="array" ref="G7327">IFERROR(INDEX(Jesper!AK$2:AK$366,ROUNDDOWN($C7327/24,0)+1,1)*INDEX($D$3:$AA$30,INDEX(Jesper!$R$2:$R$366,ROW(INDEX(Jesper!AK$2:AK$366,ROUNDDOWN($C7327/24,0)+1,1))-1)+IF('Standard Profiles'!$G$21=$B$10,7,0)+IF('Standard Profiles'!$G$21=$B$17,14,0)+IF('Standard Profiles'!$G$21=$B$24,21,0),MOD($C7327,24)+1)/SUM(INDEX($D$3:$AA$30,INDEX(Jesper!$R$2:$R$366,ROW(INDEX(Jesper!AK$2:AK$366,ROUNDDOWN($C7327/24,0)+1,1))-1)+IF('Standard Profiles'!$G$21=$B$10,7,0)+IF('Standard Profiles'!$G$21=$B$17,14,0)+IF('Standard Profiles'!$G$21=$B$24,21,0),0)),0)</f>
        <v>1.0249671161883149</v>
      </c>
      <c r="H7327" cm="1">
        <f t="array" ref="H7327">IFERROR(INDEX(Jesper!AL$2:AL$366,ROUNDDOWN($C7327/24,0)+1,1)*INDEX($D$3:$AA$30,INDEX(Jesper!$R$2:$R$366,ROW(INDEX(Jesper!AL$2:AL$366,ROUNDDOWN($C7327/24,0)+1,1))-1)+IF('Standard Profiles'!$G$22=$B$10,7,0)+IF('Standard Profiles'!$G$22=$B$17,14,0)+IF('Standard Profiles'!$G$22=$B$24,21,0),MOD($C7327,24)+1)/SUM(INDEX($D$3:$AA$30,INDEX(Jesper!$R$2:$R$366,ROW(INDEX(Jesper!AL$2:AL$366,ROUNDDOWN($C7327/24,0)+1,1))-1)+IF('Standard Profiles'!$G$22=$B$10,7,0)+IF('Standard Profiles'!$G$22=$B$17,14,0)+IF('Standard Profiles'!$G$22=$B$24,21,0),0)),0)</f>
        <v>0</v>
      </c>
      <c r="I7327">
        <f t="shared" si="811"/>
        <v>0.49198421577039092</v>
      </c>
      <c r="J7327">
        <f t="shared" si="812"/>
        <v>9.0224194673969969</v>
      </c>
      <c r="K7327">
        <f t="shared" si="813"/>
        <v>0.60998447599203465</v>
      </c>
      <c r="L7327">
        <f t="shared" si="814"/>
        <v>0.30499223799601732</v>
      </c>
      <c r="M7327">
        <f t="shared" si="815"/>
        <v>0</v>
      </c>
      <c r="N7327" s="45">
        <f t="shared" si="816"/>
        <v>45230.874999982312</v>
      </c>
    </row>
    <row r="7328" spans="2:14" x14ac:dyDescent="0.25">
      <c r="B7328">
        <f t="shared" si="810"/>
        <v>2</v>
      </c>
      <c r="C7328" s="16">
        <v>7294</v>
      </c>
      <c r="D7328" cm="1">
        <f t="array" ref="D7328">IFERROR(INDEX(Jesper!AH$2:AH$366,ROUNDDOWN($C7328/24,0)+1,1)*INDEX($D$3:$AA$30,INDEX(Jesper!$R$2:$R$366,ROW(INDEX(Jesper!AH$2:AH$366,ROUNDDOWN($C7328/24,0)+1,1))-1)+IF('Standard Profiles'!$G$18=$B$10,7,0)+IF('Standard Profiles'!$G$18=$B$17,14,0)+IF('Standard Profiles'!$G$18=$B$24,21,0),MOD($C7328,24)+1)/SUM(INDEX($D$3:$AA$30,INDEX(Jesper!$R$2:$R$366,ROW(INDEX(Jesper!AH$2:AH$366,ROUNDDOWN($C7328/24,0)+1,1))-1)+IF('Standard Profiles'!$G$18=$B$10,7,0)+IF('Standard Profiles'!$G$18=$B$17,14,0)+IF('Standard Profiles'!$G$18=$B$24,21,0),0)),0)</f>
        <v>5.7186044624253247</v>
      </c>
      <c r="E7328" cm="1">
        <f t="array" ref="E7328">IFERROR(INDEX(Jesper!AI$2:AI$366,ROUNDDOWN($C7328/24,0)+1,1)*INDEX($D$3:$AA$30,INDEX(Jesper!$R$2:$R$366,ROW(INDEX(Jesper!AI$2:AI$366,ROUNDDOWN($C7328/24,0)+1,1))-1)+IF('Standard Profiles'!$G$19=$B$10,7,0)+IF('Standard Profiles'!$G$19=$B$17,14,0)+IF('Standard Profiles'!$G$19=$B$24,21,0),MOD($C7328,24)+1)/SUM(INDEX($D$3:$AA$30,INDEX(Jesper!$R$2:$R$366,ROW(INDEX(Jesper!AI$2:AI$366,ROUNDDOWN($C7328/24,0)+1,1))-1)+IF('Standard Profiles'!$G$19=$B$10,7,0)+IF('Standard Profiles'!$G$19=$B$17,14,0)+IF('Standard Profiles'!$G$19=$B$24,21,0),0)),0)</f>
        <v>3.6858088185417994</v>
      </c>
      <c r="F7328" cm="1">
        <f t="array" ref="F7328">IFERROR(INDEX(Jesper!AJ$2:AJ$366,ROUNDDOWN($C7328/24,0)+1,1)*INDEX($D$3:$AA$30,INDEX(Jesper!$R$2:$R$366,ROW(INDEX(Jesper!AJ$2:AJ$366,ROUNDDOWN($C7328/24,0)+1,1))-1)+IF('Standard Profiles'!$G$20=$B$10,7,0)+IF('Standard Profiles'!$G$20=$B$17,14,0)+IF('Standard Profiles'!$G$20=$B$24,21,0),MOD($C7328,24)+1)/SUM(INDEX($D$3:$AA$30,INDEX(Jesper!$R$2:$R$366,ROW(INDEX(Jesper!AJ$2:AJ$366,ROUNDDOWN($C7328/24,0)+1,1))-1)+IF('Standard Profiles'!$G$20=$B$10,7,0)+IF('Standard Profiles'!$G$20=$B$17,14,0)+IF('Standard Profiles'!$G$20=$B$24,21,0),0)),0)</f>
        <v>0</v>
      </c>
      <c r="G7328" cm="1">
        <f t="array" ref="G7328">IFERROR(INDEX(Jesper!AK$2:AK$366,ROUNDDOWN($C7328/24,0)+1,1)*INDEX($D$3:$AA$30,INDEX(Jesper!$R$2:$R$366,ROW(INDEX(Jesper!AK$2:AK$366,ROUNDDOWN($C7328/24,0)+1,1))-1)+IF('Standard Profiles'!$G$21=$B$10,7,0)+IF('Standard Profiles'!$G$21=$B$17,14,0)+IF('Standard Profiles'!$G$21=$B$24,21,0),MOD($C7328,24)+1)/SUM(INDEX($D$3:$AA$30,INDEX(Jesper!$R$2:$R$366,ROW(INDEX(Jesper!AK$2:AK$366,ROUNDDOWN($C7328/24,0)+1,1))-1)+IF('Standard Profiles'!$G$21=$B$10,7,0)+IF('Standard Profiles'!$G$21=$B$17,14,0)+IF('Standard Profiles'!$G$21=$B$24,21,0),0)),0)</f>
        <v>1.0249671161883149</v>
      </c>
      <c r="H7328" cm="1">
        <f t="array" ref="H7328">IFERROR(INDEX(Jesper!AL$2:AL$366,ROUNDDOWN($C7328/24,0)+1,1)*INDEX($D$3:$AA$30,INDEX(Jesper!$R$2:$R$366,ROW(INDEX(Jesper!AL$2:AL$366,ROUNDDOWN($C7328/24,0)+1,1))-1)+IF('Standard Profiles'!$G$22=$B$10,7,0)+IF('Standard Profiles'!$G$22=$B$17,14,0)+IF('Standard Profiles'!$G$22=$B$24,21,0),MOD($C7328,24)+1)/SUM(INDEX($D$3:$AA$30,INDEX(Jesper!$R$2:$R$366,ROW(INDEX(Jesper!AL$2:AL$366,ROUNDDOWN($C7328/24,0)+1,1))-1)+IF('Standard Profiles'!$G$22=$B$10,7,0)+IF('Standard Profiles'!$G$22=$B$17,14,0)+IF('Standard Profiles'!$G$22=$B$24,21,0),0)),0)</f>
        <v>0</v>
      </c>
      <c r="I7328">
        <f t="shared" si="811"/>
        <v>0.49198421577039092</v>
      </c>
      <c r="J7328">
        <f t="shared" si="812"/>
        <v>9.0224194673969969</v>
      </c>
      <c r="K7328">
        <f t="shared" si="813"/>
        <v>0.60998447599203465</v>
      </c>
      <c r="L7328">
        <f t="shared" si="814"/>
        <v>0.30499223799601732</v>
      </c>
      <c r="M7328">
        <f t="shared" si="815"/>
        <v>0</v>
      </c>
      <c r="N7328" s="45">
        <f t="shared" si="816"/>
        <v>45230.916666648976</v>
      </c>
    </row>
    <row r="7329" spans="2:14" x14ac:dyDescent="0.25">
      <c r="B7329">
        <f t="shared" si="810"/>
        <v>2</v>
      </c>
      <c r="C7329" s="16">
        <v>7295</v>
      </c>
      <c r="D7329" cm="1">
        <f t="array" ref="D7329">IFERROR(INDEX(Jesper!AH$2:AH$366,ROUNDDOWN($C7329/24,0)+1,1)*INDEX($D$3:$AA$30,INDEX(Jesper!$R$2:$R$366,ROW(INDEX(Jesper!AH$2:AH$366,ROUNDDOWN($C7329/24,0)+1,1))-1)+IF('Standard Profiles'!$G$18=$B$10,7,0)+IF('Standard Profiles'!$G$18=$B$17,14,0)+IF('Standard Profiles'!$G$18=$B$24,21,0),MOD($C7329,24)+1)/SUM(INDEX($D$3:$AA$30,INDEX(Jesper!$R$2:$R$366,ROW(INDEX(Jesper!AH$2:AH$366,ROUNDDOWN($C7329/24,0)+1,1))-1)+IF('Standard Profiles'!$G$18=$B$10,7,0)+IF('Standard Profiles'!$G$18=$B$17,14,0)+IF('Standard Profiles'!$G$18=$B$24,21,0),0)),0)</f>
        <v>5.7186044624253247</v>
      </c>
      <c r="E7329" cm="1">
        <f t="array" ref="E7329">IFERROR(INDEX(Jesper!AI$2:AI$366,ROUNDDOWN($C7329/24,0)+1,1)*INDEX($D$3:$AA$30,INDEX(Jesper!$R$2:$R$366,ROW(INDEX(Jesper!AI$2:AI$366,ROUNDDOWN($C7329/24,0)+1,1))-1)+IF('Standard Profiles'!$G$19=$B$10,7,0)+IF('Standard Profiles'!$G$19=$B$17,14,0)+IF('Standard Profiles'!$G$19=$B$24,21,0),MOD($C7329,24)+1)/SUM(INDEX($D$3:$AA$30,INDEX(Jesper!$R$2:$R$366,ROW(INDEX(Jesper!AI$2:AI$366,ROUNDDOWN($C7329/24,0)+1,1))-1)+IF('Standard Profiles'!$G$19=$B$10,7,0)+IF('Standard Profiles'!$G$19=$B$17,14,0)+IF('Standard Profiles'!$G$19=$B$24,21,0),0)),0)</f>
        <v>3.6858088185417994</v>
      </c>
      <c r="F7329" cm="1">
        <f t="array" ref="F7329">IFERROR(INDEX(Jesper!AJ$2:AJ$366,ROUNDDOWN($C7329/24,0)+1,1)*INDEX($D$3:$AA$30,INDEX(Jesper!$R$2:$R$366,ROW(INDEX(Jesper!AJ$2:AJ$366,ROUNDDOWN($C7329/24,0)+1,1))-1)+IF('Standard Profiles'!$G$20=$B$10,7,0)+IF('Standard Profiles'!$G$20=$B$17,14,0)+IF('Standard Profiles'!$G$20=$B$24,21,0),MOD($C7329,24)+1)/SUM(INDEX($D$3:$AA$30,INDEX(Jesper!$R$2:$R$366,ROW(INDEX(Jesper!AJ$2:AJ$366,ROUNDDOWN($C7329/24,0)+1,1))-1)+IF('Standard Profiles'!$G$20=$B$10,7,0)+IF('Standard Profiles'!$G$20=$B$17,14,0)+IF('Standard Profiles'!$G$20=$B$24,21,0),0)),0)</f>
        <v>0</v>
      </c>
      <c r="G7329" cm="1">
        <f t="array" ref="G7329">IFERROR(INDEX(Jesper!AK$2:AK$366,ROUNDDOWN($C7329/24,0)+1,1)*INDEX($D$3:$AA$30,INDEX(Jesper!$R$2:$R$366,ROW(INDEX(Jesper!AK$2:AK$366,ROUNDDOWN($C7329/24,0)+1,1))-1)+IF('Standard Profiles'!$G$21=$B$10,7,0)+IF('Standard Profiles'!$G$21=$B$17,14,0)+IF('Standard Profiles'!$G$21=$B$24,21,0),MOD($C7329,24)+1)/SUM(INDEX($D$3:$AA$30,INDEX(Jesper!$R$2:$R$366,ROW(INDEX(Jesper!AK$2:AK$366,ROUNDDOWN($C7329/24,0)+1,1))-1)+IF('Standard Profiles'!$G$21=$B$10,7,0)+IF('Standard Profiles'!$G$21=$B$17,14,0)+IF('Standard Profiles'!$G$21=$B$24,21,0),0)),0)</f>
        <v>1.0249671161883149</v>
      </c>
      <c r="H7329" cm="1">
        <f t="array" ref="H7329">IFERROR(INDEX(Jesper!AL$2:AL$366,ROUNDDOWN($C7329/24,0)+1,1)*INDEX($D$3:$AA$30,INDEX(Jesper!$R$2:$R$366,ROW(INDEX(Jesper!AL$2:AL$366,ROUNDDOWN($C7329/24,0)+1,1))-1)+IF('Standard Profiles'!$G$22=$B$10,7,0)+IF('Standard Profiles'!$G$22=$B$17,14,0)+IF('Standard Profiles'!$G$22=$B$24,21,0),MOD($C7329,24)+1)/SUM(INDEX($D$3:$AA$30,INDEX(Jesper!$R$2:$R$366,ROW(INDEX(Jesper!AL$2:AL$366,ROUNDDOWN($C7329/24,0)+1,1))-1)+IF('Standard Profiles'!$G$22=$B$10,7,0)+IF('Standard Profiles'!$G$22=$B$17,14,0)+IF('Standard Profiles'!$G$22=$B$24,21,0),0)),0)</f>
        <v>0</v>
      </c>
      <c r="I7329">
        <f t="shared" si="811"/>
        <v>0.49198421577039092</v>
      </c>
      <c r="J7329">
        <f t="shared" si="812"/>
        <v>9.0224194673969969</v>
      </c>
      <c r="K7329">
        <f t="shared" si="813"/>
        <v>0.60998447599203465</v>
      </c>
      <c r="L7329">
        <f t="shared" si="814"/>
        <v>0.30499223799601732</v>
      </c>
      <c r="M7329">
        <f t="shared" si="815"/>
        <v>0</v>
      </c>
      <c r="N7329" s="45">
        <f t="shared" si="816"/>
        <v>45230.958333315641</v>
      </c>
    </row>
    <row r="7330" spans="2:14" x14ac:dyDescent="0.25">
      <c r="B7330">
        <f t="shared" si="810"/>
        <v>3</v>
      </c>
      <c r="C7330" s="16">
        <v>7296</v>
      </c>
      <c r="D7330" cm="1">
        <f t="array" ref="D7330">IFERROR(INDEX(Jesper!AH$2:AH$366,ROUNDDOWN($C7330/24,0)+1,1)*INDEX($D$3:$AA$30,INDEX(Jesper!$R$2:$R$366,ROW(INDEX(Jesper!AH$2:AH$366,ROUNDDOWN($C7330/24,0)+1,1))-1)+IF('Standard Profiles'!$G$18=$B$10,7,0)+IF('Standard Profiles'!$G$18=$B$17,14,0)+IF('Standard Profiles'!$G$18=$B$24,21,0),MOD($C7330,24)+1)/SUM(INDEX($D$3:$AA$30,INDEX(Jesper!$R$2:$R$366,ROW(INDEX(Jesper!AH$2:AH$366,ROUNDDOWN($C7330/24,0)+1,1))-1)+IF('Standard Profiles'!$G$18=$B$10,7,0)+IF('Standard Profiles'!$G$18=$B$17,14,0)+IF('Standard Profiles'!$G$18=$B$24,21,0),0)),0)</f>
        <v>5.6621302572466217</v>
      </c>
      <c r="E7330" cm="1">
        <f t="array" ref="E7330">IFERROR(INDEX(Jesper!AI$2:AI$366,ROUNDDOWN($C7330/24,0)+1,1)*INDEX($D$3:$AA$30,INDEX(Jesper!$R$2:$R$366,ROW(INDEX(Jesper!AI$2:AI$366,ROUNDDOWN($C7330/24,0)+1,1))-1)+IF('Standard Profiles'!$G$19=$B$10,7,0)+IF('Standard Profiles'!$G$19=$B$17,14,0)+IF('Standard Profiles'!$G$19=$B$24,21,0),MOD($C7330,24)+1)/SUM(INDEX($D$3:$AA$30,INDEX(Jesper!$R$2:$R$366,ROW(INDEX(Jesper!AI$2:AI$366,ROUNDDOWN($C7330/24,0)+1,1))-1)+IF('Standard Profiles'!$G$19=$B$10,7,0)+IF('Standard Profiles'!$G$19=$B$17,14,0)+IF('Standard Profiles'!$G$19=$B$24,21,0),0)),0)</f>
        <v>3.5852695566165433</v>
      </c>
      <c r="F7330" cm="1">
        <f t="array" ref="F7330">IFERROR(INDEX(Jesper!AJ$2:AJ$366,ROUNDDOWN($C7330/24,0)+1,1)*INDEX($D$3:$AA$30,INDEX(Jesper!$R$2:$R$366,ROW(INDEX(Jesper!AJ$2:AJ$366,ROUNDDOWN($C7330/24,0)+1,1))-1)+IF('Standard Profiles'!$G$20=$B$10,7,0)+IF('Standard Profiles'!$G$20=$B$17,14,0)+IF('Standard Profiles'!$G$20=$B$24,21,0),MOD($C7330,24)+1)/SUM(INDEX($D$3:$AA$30,INDEX(Jesper!$R$2:$R$366,ROW(INDEX(Jesper!AJ$2:AJ$366,ROUNDDOWN($C7330/24,0)+1,1))-1)+IF('Standard Profiles'!$G$20=$B$10,7,0)+IF('Standard Profiles'!$G$20=$B$17,14,0)+IF('Standard Profiles'!$G$20=$B$24,21,0),0)),0)</f>
        <v>0</v>
      </c>
      <c r="G7330" cm="1">
        <f t="array" ref="G7330">IFERROR(INDEX(Jesper!AK$2:AK$366,ROUNDDOWN($C7330/24,0)+1,1)*INDEX($D$3:$AA$30,INDEX(Jesper!$R$2:$R$366,ROW(INDEX(Jesper!AK$2:AK$366,ROUNDDOWN($C7330/24,0)+1,1))-1)+IF('Standard Profiles'!$G$21=$B$10,7,0)+IF('Standard Profiles'!$G$21=$B$17,14,0)+IF('Standard Profiles'!$G$21=$B$24,21,0),MOD($C7330,24)+1)/SUM(INDEX($D$3:$AA$30,INDEX(Jesper!$R$2:$R$366,ROW(INDEX(Jesper!AK$2:AK$366,ROUNDDOWN($C7330/24,0)+1,1))-1)+IF('Standard Profiles'!$G$21=$B$10,7,0)+IF('Standard Profiles'!$G$21=$B$17,14,0)+IF('Standard Profiles'!$G$21=$B$24,21,0),0)),0)</f>
        <v>1.0379989261723463</v>
      </c>
      <c r="H7330" cm="1">
        <f t="array" ref="H7330">IFERROR(INDEX(Jesper!AL$2:AL$366,ROUNDDOWN($C7330/24,0)+1,1)*INDEX($D$3:$AA$30,INDEX(Jesper!$R$2:$R$366,ROW(INDEX(Jesper!AL$2:AL$366,ROUNDDOWN($C7330/24,0)+1,1))-1)+IF('Standard Profiles'!$G$22=$B$10,7,0)+IF('Standard Profiles'!$G$22=$B$17,14,0)+IF('Standard Profiles'!$G$22=$B$24,21,0),MOD($C7330,24)+1)/SUM(INDEX($D$3:$AA$30,INDEX(Jesper!$R$2:$R$366,ROW(INDEX(Jesper!AL$2:AL$366,ROUNDDOWN($C7330/24,0)+1,1))-1)+IF('Standard Profiles'!$G$22=$B$10,7,0)+IF('Standard Profiles'!$G$22=$B$17,14,0)+IF('Standard Profiles'!$G$22=$B$24,21,0),0)),0)</f>
        <v>0</v>
      </c>
      <c r="I7330">
        <f t="shared" si="811"/>
        <v>0.49823948456272599</v>
      </c>
      <c r="J7330">
        <f t="shared" si="812"/>
        <v>8.8812184143133255</v>
      </c>
      <c r="K7330">
        <f t="shared" si="813"/>
        <v>0.603960560772973</v>
      </c>
      <c r="L7330">
        <f t="shared" si="814"/>
        <v>0.3019802803864865</v>
      </c>
      <c r="M7330">
        <f t="shared" si="815"/>
        <v>0</v>
      </c>
      <c r="N7330" s="45">
        <f t="shared" si="816"/>
        <v>45230.999999982305</v>
      </c>
    </row>
    <row r="7331" spans="2:14" x14ac:dyDescent="0.25">
      <c r="B7331">
        <f t="shared" ref="B7331:B7394" si="817">WEEKDAY(N7331,2)</f>
        <v>3</v>
      </c>
      <c r="C7331" s="16">
        <v>7297</v>
      </c>
      <c r="D7331" cm="1">
        <f t="array" ref="D7331">IFERROR(INDEX(Jesper!AH$2:AH$366,ROUNDDOWN($C7331/24,0)+1,1)*INDEX($D$3:$AA$30,INDEX(Jesper!$R$2:$R$366,ROW(INDEX(Jesper!AH$2:AH$366,ROUNDDOWN($C7331/24,0)+1,1))-1)+IF('Standard Profiles'!$G$18=$B$10,7,0)+IF('Standard Profiles'!$G$18=$B$17,14,0)+IF('Standard Profiles'!$G$18=$B$24,21,0),MOD($C7331,24)+1)/SUM(INDEX($D$3:$AA$30,INDEX(Jesper!$R$2:$R$366,ROW(INDEX(Jesper!AH$2:AH$366,ROUNDDOWN($C7331/24,0)+1,1))-1)+IF('Standard Profiles'!$G$18=$B$10,7,0)+IF('Standard Profiles'!$G$18=$B$17,14,0)+IF('Standard Profiles'!$G$18=$B$24,21,0),0)),0)</f>
        <v>5.6621302572466217</v>
      </c>
      <c r="E7331" cm="1">
        <f t="array" ref="E7331">IFERROR(INDEX(Jesper!AI$2:AI$366,ROUNDDOWN($C7331/24,0)+1,1)*INDEX($D$3:$AA$30,INDEX(Jesper!$R$2:$R$366,ROW(INDEX(Jesper!AI$2:AI$366,ROUNDDOWN($C7331/24,0)+1,1))-1)+IF('Standard Profiles'!$G$19=$B$10,7,0)+IF('Standard Profiles'!$G$19=$B$17,14,0)+IF('Standard Profiles'!$G$19=$B$24,21,0),MOD($C7331,24)+1)/SUM(INDEX($D$3:$AA$30,INDEX(Jesper!$R$2:$R$366,ROW(INDEX(Jesper!AI$2:AI$366,ROUNDDOWN($C7331/24,0)+1,1))-1)+IF('Standard Profiles'!$G$19=$B$10,7,0)+IF('Standard Profiles'!$G$19=$B$17,14,0)+IF('Standard Profiles'!$G$19=$B$24,21,0),0)),0)</f>
        <v>3.5852695566165433</v>
      </c>
      <c r="F7331" cm="1">
        <f t="array" ref="F7331">IFERROR(INDEX(Jesper!AJ$2:AJ$366,ROUNDDOWN($C7331/24,0)+1,1)*INDEX($D$3:$AA$30,INDEX(Jesper!$R$2:$R$366,ROW(INDEX(Jesper!AJ$2:AJ$366,ROUNDDOWN($C7331/24,0)+1,1))-1)+IF('Standard Profiles'!$G$20=$B$10,7,0)+IF('Standard Profiles'!$G$20=$B$17,14,0)+IF('Standard Profiles'!$G$20=$B$24,21,0),MOD($C7331,24)+1)/SUM(INDEX($D$3:$AA$30,INDEX(Jesper!$R$2:$R$366,ROW(INDEX(Jesper!AJ$2:AJ$366,ROUNDDOWN($C7331/24,0)+1,1))-1)+IF('Standard Profiles'!$G$20=$B$10,7,0)+IF('Standard Profiles'!$G$20=$B$17,14,0)+IF('Standard Profiles'!$G$20=$B$24,21,0),0)),0)</f>
        <v>0</v>
      </c>
      <c r="G7331" cm="1">
        <f t="array" ref="G7331">IFERROR(INDEX(Jesper!AK$2:AK$366,ROUNDDOWN($C7331/24,0)+1,1)*INDEX($D$3:$AA$30,INDEX(Jesper!$R$2:$R$366,ROW(INDEX(Jesper!AK$2:AK$366,ROUNDDOWN($C7331/24,0)+1,1))-1)+IF('Standard Profiles'!$G$21=$B$10,7,0)+IF('Standard Profiles'!$G$21=$B$17,14,0)+IF('Standard Profiles'!$G$21=$B$24,21,0),MOD($C7331,24)+1)/SUM(INDEX($D$3:$AA$30,INDEX(Jesper!$R$2:$R$366,ROW(INDEX(Jesper!AK$2:AK$366,ROUNDDOWN($C7331/24,0)+1,1))-1)+IF('Standard Profiles'!$G$21=$B$10,7,0)+IF('Standard Profiles'!$G$21=$B$17,14,0)+IF('Standard Profiles'!$G$21=$B$24,21,0),0)),0)</f>
        <v>1.0379989261723463</v>
      </c>
      <c r="H7331" cm="1">
        <f t="array" ref="H7331">IFERROR(INDEX(Jesper!AL$2:AL$366,ROUNDDOWN($C7331/24,0)+1,1)*INDEX($D$3:$AA$30,INDEX(Jesper!$R$2:$R$366,ROW(INDEX(Jesper!AL$2:AL$366,ROUNDDOWN($C7331/24,0)+1,1))-1)+IF('Standard Profiles'!$G$22=$B$10,7,0)+IF('Standard Profiles'!$G$22=$B$17,14,0)+IF('Standard Profiles'!$G$22=$B$24,21,0),MOD($C7331,24)+1)/SUM(INDEX($D$3:$AA$30,INDEX(Jesper!$R$2:$R$366,ROW(INDEX(Jesper!AL$2:AL$366,ROUNDDOWN($C7331/24,0)+1,1))-1)+IF('Standard Profiles'!$G$22=$B$10,7,0)+IF('Standard Profiles'!$G$22=$B$17,14,0)+IF('Standard Profiles'!$G$22=$B$24,21,0),0)),0)</f>
        <v>0</v>
      </c>
      <c r="I7331">
        <f t="shared" ref="I7331:I7394" si="818">IF($B7331&lt;6,AC$37*$D7331+AC$38*$E7331+AC$39*$F7331+AC$40*$G7331,AC$46*$D7331+AC$47*$E7331+AC$48*$F7331+AC$49*$G7331+AC$50*$H7331)</f>
        <v>0.49823948456272599</v>
      </c>
      <c r="J7331">
        <f t="shared" ref="J7331:J7394" si="819">IF($B7331&lt;6,AD$37*$D7331+AD$38*$E7331+AD$39*$F7331+AD$40*$G7331,AD$46*$D7331+AD$47*$E7331+AD$48*$F7331+AD$49*$G7331+AD$50*$H7331)</f>
        <v>8.8812184143133255</v>
      </c>
      <c r="K7331">
        <f t="shared" ref="K7331:K7394" si="820">IF($B7331&lt;6,AE$37*$D7331+AE$38*$E7331+AE$39*$F7331+AE$40*$G7331,AE$46*$D7331+AE$47*$E7331+AE$48*$F7331+AE$49*$G7331+AE$50*$H7331)</f>
        <v>0.603960560772973</v>
      </c>
      <c r="L7331">
        <f t="shared" ref="L7331:L7394" si="821">IF($B7331&lt;6,AF$37*$D7331+AF$38*$E7331+AF$39*$F7331+AF$40*$G7331,AF$46*$D7331+AF$47*$E7331+AF$48*$F7331+AF$49*$G7331+AF$50*$H7331)</f>
        <v>0.3019802803864865</v>
      </c>
      <c r="M7331">
        <f t="shared" ref="M7331:M7394" si="822">IF($B7331&lt;6,AG$37*$D7331+AG$38*$E7331+AG$39*$F7331+AG$40*$G7331,AG$46*$D7331+AG$47*$E7331+AG$48*$F7331+AG$49*$G7331+AG$50*$H7331)</f>
        <v>0</v>
      </c>
      <c r="N7331" s="45">
        <f t="shared" si="816"/>
        <v>45231.041666648969</v>
      </c>
    </row>
    <row r="7332" spans="2:14" x14ac:dyDescent="0.25">
      <c r="B7332">
        <f t="shared" si="817"/>
        <v>3</v>
      </c>
      <c r="C7332" s="16">
        <v>7298</v>
      </c>
      <c r="D7332" cm="1">
        <f t="array" ref="D7332">IFERROR(INDEX(Jesper!AH$2:AH$366,ROUNDDOWN($C7332/24,0)+1,1)*INDEX($D$3:$AA$30,INDEX(Jesper!$R$2:$R$366,ROW(INDEX(Jesper!AH$2:AH$366,ROUNDDOWN($C7332/24,0)+1,1))-1)+IF('Standard Profiles'!$G$18=$B$10,7,0)+IF('Standard Profiles'!$G$18=$B$17,14,0)+IF('Standard Profiles'!$G$18=$B$24,21,0),MOD($C7332,24)+1)/SUM(INDEX($D$3:$AA$30,INDEX(Jesper!$R$2:$R$366,ROW(INDEX(Jesper!AH$2:AH$366,ROUNDDOWN($C7332/24,0)+1,1))-1)+IF('Standard Profiles'!$G$18=$B$10,7,0)+IF('Standard Profiles'!$G$18=$B$17,14,0)+IF('Standard Profiles'!$G$18=$B$24,21,0),0)),0)</f>
        <v>5.6621302572466217</v>
      </c>
      <c r="E7332" cm="1">
        <f t="array" ref="E7332">IFERROR(INDEX(Jesper!AI$2:AI$366,ROUNDDOWN($C7332/24,0)+1,1)*INDEX($D$3:$AA$30,INDEX(Jesper!$R$2:$R$366,ROW(INDEX(Jesper!AI$2:AI$366,ROUNDDOWN($C7332/24,0)+1,1))-1)+IF('Standard Profiles'!$G$19=$B$10,7,0)+IF('Standard Profiles'!$G$19=$B$17,14,0)+IF('Standard Profiles'!$G$19=$B$24,21,0),MOD($C7332,24)+1)/SUM(INDEX($D$3:$AA$30,INDEX(Jesper!$R$2:$R$366,ROW(INDEX(Jesper!AI$2:AI$366,ROUNDDOWN($C7332/24,0)+1,1))-1)+IF('Standard Profiles'!$G$19=$B$10,7,0)+IF('Standard Profiles'!$G$19=$B$17,14,0)+IF('Standard Profiles'!$G$19=$B$24,21,0),0)),0)</f>
        <v>3.5852695566165433</v>
      </c>
      <c r="F7332" cm="1">
        <f t="array" ref="F7332">IFERROR(INDEX(Jesper!AJ$2:AJ$366,ROUNDDOWN($C7332/24,0)+1,1)*INDEX($D$3:$AA$30,INDEX(Jesper!$R$2:$R$366,ROW(INDEX(Jesper!AJ$2:AJ$366,ROUNDDOWN($C7332/24,0)+1,1))-1)+IF('Standard Profiles'!$G$20=$B$10,7,0)+IF('Standard Profiles'!$G$20=$B$17,14,0)+IF('Standard Profiles'!$G$20=$B$24,21,0),MOD($C7332,24)+1)/SUM(INDEX($D$3:$AA$30,INDEX(Jesper!$R$2:$R$366,ROW(INDEX(Jesper!AJ$2:AJ$366,ROUNDDOWN($C7332/24,0)+1,1))-1)+IF('Standard Profiles'!$G$20=$B$10,7,0)+IF('Standard Profiles'!$G$20=$B$17,14,0)+IF('Standard Profiles'!$G$20=$B$24,21,0),0)),0)</f>
        <v>0</v>
      </c>
      <c r="G7332" cm="1">
        <f t="array" ref="G7332">IFERROR(INDEX(Jesper!AK$2:AK$366,ROUNDDOWN($C7332/24,0)+1,1)*INDEX($D$3:$AA$30,INDEX(Jesper!$R$2:$R$366,ROW(INDEX(Jesper!AK$2:AK$366,ROUNDDOWN($C7332/24,0)+1,1))-1)+IF('Standard Profiles'!$G$21=$B$10,7,0)+IF('Standard Profiles'!$G$21=$B$17,14,0)+IF('Standard Profiles'!$G$21=$B$24,21,0),MOD($C7332,24)+1)/SUM(INDEX($D$3:$AA$30,INDEX(Jesper!$R$2:$R$366,ROW(INDEX(Jesper!AK$2:AK$366,ROUNDDOWN($C7332/24,0)+1,1))-1)+IF('Standard Profiles'!$G$21=$B$10,7,0)+IF('Standard Profiles'!$G$21=$B$17,14,0)+IF('Standard Profiles'!$G$21=$B$24,21,0),0)),0)</f>
        <v>1.0379989261723463</v>
      </c>
      <c r="H7332" cm="1">
        <f t="array" ref="H7332">IFERROR(INDEX(Jesper!AL$2:AL$366,ROUNDDOWN($C7332/24,0)+1,1)*INDEX($D$3:$AA$30,INDEX(Jesper!$R$2:$R$366,ROW(INDEX(Jesper!AL$2:AL$366,ROUNDDOWN($C7332/24,0)+1,1))-1)+IF('Standard Profiles'!$G$22=$B$10,7,0)+IF('Standard Profiles'!$G$22=$B$17,14,0)+IF('Standard Profiles'!$G$22=$B$24,21,0),MOD($C7332,24)+1)/SUM(INDEX($D$3:$AA$30,INDEX(Jesper!$R$2:$R$366,ROW(INDEX(Jesper!AL$2:AL$366,ROUNDDOWN($C7332/24,0)+1,1))-1)+IF('Standard Profiles'!$G$22=$B$10,7,0)+IF('Standard Profiles'!$G$22=$B$17,14,0)+IF('Standard Profiles'!$G$22=$B$24,21,0),0)),0)</f>
        <v>0</v>
      </c>
      <c r="I7332">
        <f t="shared" si="818"/>
        <v>0.49823948456272599</v>
      </c>
      <c r="J7332">
        <f t="shared" si="819"/>
        <v>8.8812184143133255</v>
      </c>
      <c r="K7332">
        <f t="shared" si="820"/>
        <v>0.603960560772973</v>
      </c>
      <c r="L7332">
        <f t="shared" si="821"/>
        <v>0.3019802803864865</v>
      </c>
      <c r="M7332">
        <f t="shared" si="822"/>
        <v>0</v>
      </c>
      <c r="N7332" s="45">
        <f t="shared" ref="N7332:N7395" si="823">N7331+1/24</f>
        <v>45231.083333315633</v>
      </c>
    </row>
    <row r="7333" spans="2:14" x14ac:dyDescent="0.25">
      <c r="B7333">
        <f t="shared" si="817"/>
        <v>3</v>
      </c>
      <c r="C7333" s="16">
        <v>7299</v>
      </c>
      <c r="D7333" cm="1">
        <f t="array" ref="D7333">IFERROR(INDEX(Jesper!AH$2:AH$366,ROUNDDOWN($C7333/24,0)+1,1)*INDEX($D$3:$AA$30,INDEX(Jesper!$R$2:$R$366,ROW(INDEX(Jesper!AH$2:AH$366,ROUNDDOWN($C7333/24,0)+1,1))-1)+IF('Standard Profiles'!$G$18=$B$10,7,0)+IF('Standard Profiles'!$G$18=$B$17,14,0)+IF('Standard Profiles'!$G$18=$B$24,21,0),MOD($C7333,24)+1)/SUM(INDEX($D$3:$AA$30,INDEX(Jesper!$R$2:$R$366,ROW(INDEX(Jesper!AH$2:AH$366,ROUNDDOWN($C7333/24,0)+1,1))-1)+IF('Standard Profiles'!$G$18=$B$10,7,0)+IF('Standard Profiles'!$G$18=$B$17,14,0)+IF('Standard Profiles'!$G$18=$B$24,21,0),0)),0)</f>
        <v>5.6621302572466217</v>
      </c>
      <c r="E7333" cm="1">
        <f t="array" ref="E7333">IFERROR(INDEX(Jesper!AI$2:AI$366,ROUNDDOWN($C7333/24,0)+1,1)*INDEX($D$3:$AA$30,INDEX(Jesper!$R$2:$R$366,ROW(INDEX(Jesper!AI$2:AI$366,ROUNDDOWN($C7333/24,0)+1,1))-1)+IF('Standard Profiles'!$G$19=$B$10,7,0)+IF('Standard Profiles'!$G$19=$B$17,14,0)+IF('Standard Profiles'!$G$19=$B$24,21,0),MOD($C7333,24)+1)/SUM(INDEX($D$3:$AA$30,INDEX(Jesper!$R$2:$R$366,ROW(INDEX(Jesper!AI$2:AI$366,ROUNDDOWN($C7333/24,0)+1,1))-1)+IF('Standard Profiles'!$G$19=$B$10,7,0)+IF('Standard Profiles'!$G$19=$B$17,14,0)+IF('Standard Profiles'!$G$19=$B$24,21,0),0)),0)</f>
        <v>3.5852695566165433</v>
      </c>
      <c r="F7333" cm="1">
        <f t="array" ref="F7333">IFERROR(INDEX(Jesper!AJ$2:AJ$366,ROUNDDOWN($C7333/24,0)+1,1)*INDEX($D$3:$AA$30,INDEX(Jesper!$R$2:$R$366,ROW(INDEX(Jesper!AJ$2:AJ$366,ROUNDDOWN($C7333/24,0)+1,1))-1)+IF('Standard Profiles'!$G$20=$B$10,7,0)+IF('Standard Profiles'!$G$20=$B$17,14,0)+IF('Standard Profiles'!$G$20=$B$24,21,0),MOD($C7333,24)+1)/SUM(INDEX($D$3:$AA$30,INDEX(Jesper!$R$2:$R$366,ROW(INDEX(Jesper!AJ$2:AJ$366,ROUNDDOWN($C7333/24,0)+1,1))-1)+IF('Standard Profiles'!$G$20=$B$10,7,0)+IF('Standard Profiles'!$G$20=$B$17,14,0)+IF('Standard Profiles'!$G$20=$B$24,21,0),0)),0)</f>
        <v>0</v>
      </c>
      <c r="G7333" cm="1">
        <f t="array" ref="G7333">IFERROR(INDEX(Jesper!AK$2:AK$366,ROUNDDOWN($C7333/24,0)+1,1)*INDEX($D$3:$AA$30,INDEX(Jesper!$R$2:$R$366,ROW(INDEX(Jesper!AK$2:AK$366,ROUNDDOWN($C7333/24,0)+1,1))-1)+IF('Standard Profiles'!$G$21=$B$10,7,0)+IF('Standard Profiles'!$G$21=$B$17,14,0)+IF('Standard Profiles'!$G$21=$B$24,21,0),MOD($C7333,24)+1)/SUM(INDEX($D$3:$AA$30,INDEX(Jesper!$R$2:$R$366,ROW(INDEX(Jesper!AK$2:AK$366,ROUNDDOWN($C7333/24,0)+1,1))-1)+IF('Standard Profiles'!$G$21=$B$10,7,0)+IF('Standard Profiles'!$G$21=$B$17,14,0)+IF('Standard Profiles'!$G$21=$B$24,21,0),0)),0)</f>
        <v>1.0379989261723463</v>
      </c>
      <c r="H7333" cm="1">
        <f t="array" ref="H7333">IFERROR(INDEX(Jesper!AL$2:AL$366,ROUNDDOWN($C7333/24,0)+1,1)*INDEX($D$3:$AA$30,INDEX(Jesper!$R$2:$R$366,ROW(INDEX(Jesper!AL$2:AL$366,ROUNDDOWN($C7333/24,0)+1,1))-1)+IF('Standard Profiles'!$G$22=$B$10,7,0)+IF('Standard Profiles'!$G$22=$B$17,14,0)+IF('Standard Profiles'!$G$22=$B$24,21,0),MOD($C7333,24)+1)/SUM(INDEX($D$3:$AA$30,INDEX(Jesper!$R$2:$R$366,ROW(INDEX(Jesper!AL$2:AL$366,ROUNDDOWN($C7333/24,0)+1,1))-1)+IF('Standard Profiles'!$G$22=$B$10,7,0)+IF('Standard Profiles'!$G$22=$B$17,14,0)+IF('Standard Profiles'!$G$22=$B$24,21,0),0)),0)</f>
        <v>0</v>
      </c>
      <c r="I7333">
        <f t="shared" si="818"/>
        <v>0.49823948456272599</v>
      </c>
      <c r="J7333">
        <f t="shared" si="819"/>
        <v>8.8812184143133255</v>
      </c>
      <c r="K7333">
        <f t="shared" si="820"/>
        <v>0.603960560772973</v>
      </c>
      <c r="L7333">
        <f t="shared" si="821"/>
        <v>0.3019802803864865</v>
      </c>
      <c r="M7333">
        <f t="shared" si="822"/>
        <v>0</v>
      </c>
      <c r="N7333" s="45">
        <f t="shared" si="823"/>
        <v>45231.124999982298</v>
      </c>
    </row>
    <row r="7334" spans="2:14" x14ac:dyDescent="0.25">
      <c r="B7334">
        <f t="shared" si="817"/>
        <v>3</v>
      </c>
      <c r="C7334" s="16">
        <v>7300</v>
      </c>
      <c r="D7334" cm="1">
        <f t="array" ref="D7334">IFERROR(INDEX(Jesper!AH$2:AH$366,ROUNDDOWN($C7334/24,0)+1,1)*INDEX($D$3:$AA$30,INDEX(Jesper!$R$2:$R$366,ROW(INDEX(Jesper!AH$2:AH$366,ROUNDDOWN($C7334/24,0)+1,1))-1)+IF('Standard Profiles'!$G$18=$B$10,7,0)+IF('Standard Profiles'!$G$18=$B$17,14,0)+IF('Standard Profiles'!$G$18=$B$24,21,0),MOD($C7334,24)+1)/SUM(INDEX($D$3:$AA$30,INDEX(Jesper!$R$2:$R$366,ROW(INDEX(Jesper!AH$2:AH$366,ROUNDDOWN($C7334/24,0)+1,1))-1)+IF('Standard Profiles'!$G$18=$B$10,7,0)+IF('Standard Profiles'!$G$18=$B$17,14,0)+IF('Standard Profiles'!$G$18=$B$24,21,0),0)),0)</f>
        <v>5.6621302572466217</v>
      </c>
      <c r="E7334" cm="1">
        <f t="array" ref="E7334">IFERROR(INDEX(Jesper!AI$2:AI$366,ROUNDDOWN($C7334/24,0)+1,1)*INDEX($D$3:$AA$30,INDEX(Jesper!$R$2:$R$366,ROW(INDEX(Jesper!AI$2:AI$366,ROUNDDOWN($C7334/24,0)+1,1))-1)+IF('Standard Profiles'!$G$19=$B$10,7,0)+IF('Standard Profiles'!$G$19=$B$17,14,0)+IF('Standard Profiles'!$G$19=$B$24,21,0),MOD($C7334,24)+1)/SUM(INDEX($D$3:$AA$30,INDEX(Jesper!$R$2:$R$366,ROW(INDEX(Jesper!AI$2:AI$366,ROUNDDOWN($C7334/24,0)+1,1))-1)+IF('Standard Profiles'!$G$19=$B$10,7,0)+IF('Standard Profiles'!$G$19=$B$17,14,0)+IF('Standard Profiles'!$G$19=$B$24,21,0),0)),0)</f>
        <v>3.5852695566165433</v>
      </c>
      <c r="F7334" cm="1">
        <f t="array" ref="F7334">IFERROR(INDEX(Jesper!AJ$2:AJ$366,ROUNDDOWN($C7334/24,0)+1,1)*INDEX($D$3:$AA$30,INDEX(Jesper!$R$2:$R$366,ROW(INDEX(Jesper!AJ$2:AJ$366,ROUNDDOWN($C7334/24,0)+1,1))-1)+IF('Standard Profiles'!$G$20=$B$10,7,0)+IF('Standard Profiles'!$G$20=$B$17,14,0)+IF('Standard Profiles'!$G$20=$B$24,21,0),MOD($C7334,24)+1)/SUM(INDEX($D$3:$AA$30,INDEX(Jesper!$R$2:$R$366,ROW(INDEX(Jesper!AJ$2:AJ$366,ROUNDDOWN($C7334/24,0)+1,1))-1)+IF('Standard Profiles'!$G$20=$B$10,7,0)+IF('Standard Profiles'!$G$20=$B$17,14,0)+IF('Standard Profiles'!$G$20=$B$24,21,0),0)),0)</f>
        <v>0</v>
      </c>
      <c r="G7334" cm="1">
        <f t="array" ref="G7334">IFERROR(INDEX(Jesper!AK$2:AK$366,ROUNDDOWN($C7334/24,0)+1,1)*INDEX($D$3:$AA$30,INDEX(Jesper!$R$2:$R$366,ROW(INDEX(Jesper!AK$2:AK$366,ROUNDDOWN($C7334/24,0)+1,1))-1)+IF('Standard Profiles'!$G$21=$B$10,7,0)+IF('Standard Profiles'!$G$21=$B$17,14,0)+IF('Standard Profiles'!$G$21=$B$24,21,0),MOD($C7334,24)+1)/SUM(INDEX($D$3:$AA$30,INDEX(Jesper!$R$2:$R$366,ROW(INDEX(Jesper!AK$2:AK$366,ROUNDDOWN($C7334/24,0)+1,1))-1)+IF('Standard Profiles'!$G$21=$B$10,7,0)+IF('Standard Profiles'!$G$21=$B$17,14,0)+IF('Standard Profiles'!$G$21=$B$24,21,0),0)),0)</f>
        <v>1.0379989261723463</v>
      </c>
      <c r="H7334" cm="1">
        <f t="array" ref="H7334">IFERROR(INDEX(Jesper!AL$2:AL$366,ROUNDDOWN($C7334/24,0)+1,1)*INDEX($D$3:$AA$30,INDEX(Jesper!$R$2:$R$366,ROW(INDEX(Jesper!AL$2:AL$366,ROUNDDOWN($C7334/24,0)+1,1))-1)+IF('Standard Profiles'!$G$22=$B$10,7,0)+IF('Standard Profiles'!$G$22=$B$17,14,0)+IF('Standard Profiles'!$G$22=$B$24,21,0),MOD($C7334,24)+1)/SUM(INDEX($D$3:$AA$30,INDEX(Jesper!$R$2:$R$366,ROW(INDEX(Jesper!AL$2:AL$366,ROUNDDOWN($C7334/24,0)+1,1))-1)+IF('Standard Profiles'!$G$22=$B$10,7,0)+IF('Standard Profiles'!$G$22=$B$17,14,0)+IF('Standard Profiles'!$G$22=$B$24,21,0),0)),0)</f>
        <v>0</v>
      </c>
      <c r="I7334">
        <f t="shared" si="818"/>
        <v>0.49823948456272599</v>
      </c>
      <c r="J7334">
        <f t="shared" si="819"/>
        <v>8.8812184143133255</v>
      </c>
      <c r="K7334">
        <f t="shared" si="820"/>
        <v>0.603960560772973</v>
      </c>
      <c r="L7334">
        <f t="shared" si="821"/>
        <v>0.3019802803864865</v>
      </c>
      <c r="M7334">
        <f t="shared" si="822"/>
        <v>0</v>
      </c>
      <c r="N7334" s="45">
        <f t="shared" si="823"/>
        <v>45231.166666648962</v>
      </c>
    </row>
    <row r="7335" spans="2:14" x14ac:dyDescent="0.25">
      <c r="B7335">
        <f t="shared" si="817"/>
        <v>3</v>
      </c>
      <c r="C7335" s="16">
        <v>7301</v>
      </c>
      <c r="D7335" cm="1">
        <f t="array" ref="D7335">IFERROR(INDEX(Jesper!AH$2:AH$366,ROUNDDOWN($C7335/24,0)+1,1)*INDEX($D$3:$AA$30,INDEX(Jesper!$R$2:$R$366,ROW(INDEX(Jesper!AH$2:AH$366,ROUNDDOWN($C7335/24,0)+1,1))-1)+IF('Standard Profiles'!$G$18=$B$10,7,0)+IF('Standard Profiles'!$G$18=$B$17,14,0)+IF('Standard Profiles'!$G$18=$B$24,21,0),MOD($C7335,24)+1)/SUM(INDEX($D$3:$AA$30,INDEX(Jesper!$R$2:$R$366,ROW(INDEX(Jesper!AH$2:AH$366,ROUNDDOWN($C7335/24,0)+1,1))-1)+IF('Standard Profiles'!$G$18=$B$10,7,0)+IF('Standard Profiles'!$G$18=$B$17,14,0)+IF('Standard Profiles'!$G$18=$B$24,21,0),0)),0)</f>
        <v>5.6621302572466217</v>
      </c>
      <c r="E7335" cm="1">
        <f t="array" ref="E7335">IFERROR(INDEX(Jesper!AI$2:AI$366,ROUNDDOWN($C7335/24,0)+1,1)*INDEX($D$3:$AA$30,INDEX(Jesper!$R$2:$R$366,ROW(INDEX(Jesper!AI$2:AI$366,ROUNDDOWN($C7335/24,0)+1,1))-1)+IF('Standard Profiles'!$G$19=$B$10,7,0)+IF('Standard Profiles'!$G$19=$B$17,14,0)+IF('Standard Profiles'!$G$19=$B$24,21,0),MOD($C7335,24)+1)/SUM(INDEX($D$3:$AA$30,INDEX(Jesper!$R$2:$R$366,ROW(INDEX(Jesper!AI$2:AI$366,ROUNDDOWN($C7335/24,0)+1,1))-1)+IF('Standard Profiles'!$G$19=$B$10,7,0)+IF('Standard Profiles'!$G$19=$B$17,14,0)+IF('Standard Profiles'!$G$19=$B$24,21,0),0)),0)</f>
        <v>3.5852695566165433</v>
      </c>
      <c r="F7335" cm="1">
        <f t="array" ref="F7335">IFERROR(INDEX(Jesper!AJ$2:AJ$366,ROUNDDOWN($C7335/24,0)+1,1)*INDEX($D$3:$AA$30,INDEX(Jesper!$R$2:$R$366,ROW(INDEX(Jesper!AJ$2:AJ$366,ROUNDDOWN($C7335/24,0)+1,1))-1)+IF('Standard Profiles'!$G$20=$B$10,7,0)+IF('Standard Profiles'!$G$20=$B$17,14,0)+IF('Standard Profiles'!$G$20=$B$24,21,0),MOD($C7335,24)+1)/SUM(INDEX($D$3:$AA$30,INDEX(Jesper!$R$2:$R$366,ROW(INDEX(Jesper!AJ$2:AJ$366,ROUNDDOWN($C7335/24,0)+1,1))-1)+IF('Standard Profiles'!$G$20=$B$10,7,0)+IF('Standard Profiles'!$G$20=$B$17,14,0)+IF('Standard Profiles'!$G$20=$B$24,21,0),0)),0)</f>
        <v>0</v>
      </c>
      <c r="G7335" cm="1">
        <f t="array" ref="G7335">IFERROR(INDEX(Jesper!AK$2:AK$366,ROUNDDOWN($C7335/24,0)+1,1)*INDEX($D$3:$AA$30,INDEX(Jesper!$R$2:$R$366,ROW(INDEX(Jesper!AK$2:AK$366,ROUNDDOWN($C7335/24,0)+1,1))-1)+IF('Standard Profiles'!$G$21=$B$10,7,0)+IF('Standard Profiles'!$G$21=$B$17,14,0)+IF('Standard Profiles'!$G$21=$B$24,21,0),MOD($C7335,24)+1)/SUM(INDEX($D$3:$AA$30,INDEX(Jesper!$R$2:$R$366,ROW(INDEX(Jesper!AK$2:AK$366,ROUNDDOWN($C7335/24,0)+1,1))-1)+IF('Standard Profiles'!$G$21=$B$10,7,0)+IF('Standard Profiles'!$G$21=$B$17,14,0)+IF('Standard Profiles'!$G$21=$B$24,21,0),0)),0)</f>
        <v>1.0379989261723463</v>
      </c>
      <c r="H7335" cm="1">
        <f t="array" ref="H7335">IFERROR(INDEX(Jesper!AL$2:AL$366,ROUNDDOWN($C7335/24,0)+1,1)*INDEX($D$3:$AA$30,INDEX(Jesper!$R$2:$R$366,ROW(INDEX(Jesper!AL$2:AL$366,ROUNDDOWN($C7335/24,0)+1,1))-1)+IF('Standard Profiles'!$G$22=$B$10,7,0)+IF('Standard Profiles'!$G$22=$B$17,14,0)+IF('Standard Profiles'!$G$22=$B$24,21,0),MOD($C7335,24)+1)/SUM(INDEX($D$3:$AA$30,INDEX(Jesper!$R$2:$R$366,ROW(INDEX(Jesper!AL$2:AL$366,ROUNDDOWN($C7335/24,0)+1,1))-1)+IF('Standard Profiles'!$G$22=$B$10,7,0)+IF('Standard Profiles'!$G$22=$B$17,14,0)+IF('Standard Profiles'!$G$22=$B$24,21,0),0)),0)</f>
        <v>0</v>
      </c>
      <c r="I7335">
        <f t="shared" si="818"/>
        <v>0.49823948456272599</v>
      </c>
      <c r="J7335">
        <f t="shared" si="819"/>
        <v>8.8812184143133255</v>
      </c>
      <c r="K7335">
        <f t="shared" si="820"/>
        <v>0.603960560772973</v>
      </c>
      <c r="L7335">
        <f t="shared" si="821"/>
        <v>0.3019802803864865</v>
      </c>
      <c r="M7335">
        <f t="shared" si="822"/>
        <v>0</v>
      </c>
      <c r="N7335" s="45">
        <f t="shared" si="823"/>
        <v>45231.208333315626</v>
      </c>
    </row>
    <row r="7336" spans="2:14" x14ac:dyDescent="0.25">
      <c r="B7336">
        <f t="shared" si="817"/>
        <v>3</v>
      </c>
      <c r="C7336" s="16">
        <v>7302</v>
      </c>
      <c r="D7336" cm="1">
        <f t="array" ref="D7336">IFERROR(INDEX(Jesper!AH$2:AH$366,ROUNDDOWN($C7336/24,0)+1,1)*INDEX($D$3:$AA$30,INDEX(Jesper!$R$2:$R$366,ROW(INDEX(Jesper!AH$2:AH$366,ROUNDDOWN($C7336/24,0)+1,1))-1)+IF('Standard Profiles'!$G$18=$B$10,7,0)+IF('Standard Profiles'!$G$18=$B$17,14,0)+IF('Standard Profiles'!$G$18=$B$24,21,0),MOD($C7336,24)+1)/SUM(INDEX($D$3:$AA$30,INDEX(Jesper!$R$2:$R$366,ROW(INDEX(Jesper!AH$2:AH$366,ROUNDDOWN($C7336/24,0)+1,1))-1)+IF('Standard Profiles'!$G$18=$B$10,7,0)+IF('Standard Profiles'!$G$18=$B$17,14,0)+IF('Standard Profiles'!$G$18=$B$24,21,0),0)),0)</f>
        <v>5.6621302572466217</v>
      </c>
      <c r="E7336" cm="1">
        <f t="array" ref="E7336">IFERROR(INDEX(Jesper!AI$2:AI$366,ROUNDDOWN($C7336/24,0)+1,1)*INDEX($D$3:$AA$30,INDEX(Jesper!$R$2:$R$366,ROW(INDEX(Jesper!AI$2:AI$366,ROUNDDOWN($C7336/24,0)+1,1))-1)+IF('Standard Profiles'!$G$19=$B$10,7,0)+IF('Standard Profiles'!$G$19=$B$17,14,0)+IF('Standard Profiles'!$G$19=$B$24,21,0),MOD($C7336,24)+1)/SUM(INDEX($D$3:$AA$30,INDEX(Jesper!$R$2:$R$366,ROW(INDEX(Jesper!AI$2:AI$366,ROUNDDOWN($C7336/24,0)+1,1))-1)+IF('Standard Profiles'!$G$19=$B$10,7,0)+IF('Standard Profiles'!$G$19=$B$17,14,0)+IF('Standard Profiles'!$G$19=$B$24,21,0),0)),0)</f>
        <v>3.5852695566165433</v>
      </c>
      <c r="F7336" cm="1">
        <f t="array" ref="F7336">IFERROR(INDEX(Jesper!AJ$2:AJ$366,ROUNDDOWN($C7336/24,0)+1,1)*INDEX($D$3:$AA$30,INDEX(Jesper!$R$2:$R$366,ROW(INDEX(Jesper!AJ$2:AJ$366,ROUNDDOWN($C7336/24,0)+1,1))-1)+IF('Standard Profiles'!$G$20=$B$10,7,0)+IF('Standard Profiles'!$G$20=$B$17,14,0)+IF('Standard Profiles'!$G$20=$B$24,21,0),MOD($C7336,24)+1)/SUM(INDEX($D$3:$AA$30,INDEX(Jesper!$R$2:$R$366,ROW(INDEX(Jesper!AJ$2:AJ$366,ROUNDDOWN($C7336/24,0)+1,1))-1)+IF('Standard Profiles'!$G$20=$B$10,7,0)+IF('Standard Profiles'!$G$20=$B$17,14,0)+IF('Standard Profiles'!$G$20=$B$24,21,0),0)),0)</f>
        <v>0</v>
      </c>
      <c r="G7336" cm="1">
        <f t="array" ref="G7336">IFERROR(INDEX(Jesper!AK$2:AK$366,ROUNDDOWN($C7336/24,0)+1,1)*INDEX($D$3:$AA$30,INDEX(Jesper!$R$2:$R$366,ROW(INDEX(Jesper!AK$2:AK$366,ROUNDDOWN($C7336/24,0)+1,1))-1)+IF('Standard Profiles'!$G$21=$B$10,7,0)+IF('Standard Profiles'!$G$21=$B$17,14,0)+IF('Standard Profiles'!$G$21=$B$24,21,0),MOD($C7336,24)+1)/SUM(INDEX($D$3:$AA$30,INDEX(Jesper!$R$2:$R$366,ROW(INDEX(Jesper!AK$2:AK$366,ROUNDDOWN($C7336/24,0)+1,1))-1)+IF('Standard Profiles'!$G$21=$B$10,7,0)+IF('Standard Profiles'!$G$21=$B$17,14,0)+IF('Standard Profiles'!$G$21=$B$24,21,0),0)),0)</f>
        <v>1.0379989261723463</v>
      </c>
      <c r="H7336" cm="1">
        <f t="array" ref="H7336">IFERROR(INDEX(Jesper!AL$2:AL$366,ROUNDDOWN($C7336/24,0)+1,1)*INDEX($D$3:$AA$30,INDEX(Jesper!$R$2:$R$366,ROW(INDEX(Jesper!AL$2:AL$366,ROUNDDOWN($C7336/24,0)+1,1))-1)+IF('Standard Profiles'!$G$22=$B$10,7,0)+IF('Standard Profiles'!$G$22=$B$17,14,0)+IF('Standard Profiles'!$G$22=$B$24,21,0),MOD($C7336,24)+1)/SUM(INDEX($D$3:$AA$30,INDEX(Jesper!$R$2:$R$366,ROW(INDEX(Jesper!AL$2:AL$366,ROUNDDOWN($C7336/24,0)+1,1))-1)+IF('Standard Profiles'!$G$22=$B$10,7,0)+IF('Standard Profiles'!$G$22=$B$17,14,0)+IF('Standard Profiles'!$G$22=$B$24,21,0),0)),0)</f>
        <v>0</v>
      </c>
      <c r="I7336">
        <f t="shared" si="818"/>
        <v>0.49823948456272599</v>
      </c>
      <c r="J7336">
        <f t="shared" si="819"/>
        <v>8.8812184143133255</v>
      </c>
      <c r="K7336">
        <f t="shared" si="820"/>
        <v>0.603960560772973</v>
      </c>
      <c r="L7336">
        <f t="shared" si="821"/>
        <v>0.3019802803864865</v>
      </c>
      <c r="M7336">
        <f t="shared" si="822"/>
        <v>0</v>
      </c>
      <c r="N7336" s="45">
        <f t="shared" si="823"/>
        <v>45231.24999998229</v>
      </c>
    </row>
    <row r="7337" spans="2:14" x14ac:dyDescent="0.25">
      <c r="B7337">
        <f t="shared" si="817"/>
        <v>3</v>
      </c>
      <c r="C7337" s="16">
        <v>7303</v>
      </c>
      <c r="D7337" cm="1">
        <f t="array" ref="D7337">IFERROR(INDEX(Jesper!AH$2:AH$366,ROUNDDOWN($C7337/24,0)+1,1)*INDEX($D$3:$AA$30,INDEX(Jesper!$R$2:$R$366,ROW(INDEX(Jesper!AH$2:AH$366,ROUNDDOWN($C7337/24,0)+1,1))-1)+IF('Standard Profiles'!$G$18=$B$10,7,0)+IF('Standard Profiles'!$G$18=$B$17,14,0)+IF('Standard Profiles'!$G$18=$B$24,21,0),MOD($C7337,24)+1)/SUM(INDEX($D$3:$AA$30,INDEX(Jesper!$R$2:$R$366,ROW(INDEX(Jesper!AH$2:AH$366,ROUNDDOWN($C7337/24,0)+1,1))-1)+IF('Standard Profiles'!$G$18=$B$10,7,0)+IF('Standard Profiles'!$G$18=$B$17,14,0)+IF('Standard Profiles'!$G$18=$B$24,21,0),0)),0)</f>
        <v>23.146102172805129</v>
      </c>
      <c r="E7337" cm="1">
        <f t="array" ref="E7337">IFERROR(INDEX(Jesper!AI$2:AI$366,ROUNDDOWN($C7337/24,0)+1,1)*INDEX($D$3:$AA$30,INDEX(Jesper!$R$2:$R$366,ROW(INDEX(Jesper!AI$2:AI$366,ROUNDDOWN($C7337/24,0)+1,1))-1)+IF('Standard Profiles'!$G$19=$B$10,7,0)+IF('Standard Profiles'!$G$19=$B$17,14,0)+IF('Standard Profiles'!$G$19=$B$24,21,0),MOD($C7337,24)+1)/SUM(INDEX($D$3:$AA$30,INDEX(Jesper!$R$2:$R$366,ROW(INDEX(Jesper!AI$2:AI$366,ROUNDDOWN($C7337/24,0)+1,1))-1)+IF('Standard Profiles'!$G$19=$B$10,7,0)+IF('Standard Profiles'!$G$19=$B$17,14,0)+IF('Standard Profiles'!$G$19=$B$24,21,0),0)),0)</f>
        <v>14.656147369320353</v>
      </c>
      <c r="F7337" cm="1">
        <f t="array" ref="F7337">IFERROR(INDEX(Jesper!AJ$2:AJ$366,ROUNDDOWN($C7337/24,0)+1,1)*INDEX($D$3:$AA$30,INDEX(Jesper!$R$2:$R$366,ROW(INDEX(Jesper!AJ$2:AJ$366,ROUNDDOWN($C7337/24,0)+1,1))-1)+IF('Standard Profiles'!$G$20=$B$10,7,0)+IF('Standard Profiles'!$G$20=$B$17,14,0)+IF('Standard Profiles'!$G$20=$B$24,21,0),MOD($C7337,24)+1)/SUM(INDEX($D$3:$AA$30,INDEX(Jesper!$R$2:$R$366,ROW(INDEX(Jesper!AJ$2:AJ$366,ROUNDDOWN($C7337/24,0)+1,1))-1)+IF('Standard Profiles'!$G$20=$B$10,7,0)+IF('Standard Profiles'!$G$20=$B$17,14,0)+IF('Standard Profiles'!$G$20=$B$24,21,0),0)),0)</f>
        <v>0</v>
      </c>
      <c r="G7337" cm="1">
        <f t="array" ref="G7337">IFERROR(INDEX(Jesper!AK$2:AK$366,ROUNDDOWN($C7337/24,0)+1,1)*INDEX($D$3:$AA$30,INDEX(Jesper!$R$2:$R$366,ROW(INDEX(Jesper!AK$2:AK$366,ROUNDDOWN($C7337/24,0)+1,1))-1)+IF('Standard Profiles'!$G$21=$B$10,7,0)+IF('Standard Profiles'!$G$21=$B$17,14,0)+IF('Standard Profiles'!$G$21=$B$24,21,0),MOD($C7337,24)+1)/SUM(INDEX($D$3:$AA$30,INDEX(Jesper!$R$2:$R$366,ROW(INDEX(Jesper!AK$2:AK$366,ROUNDDOWN($C7337/24,0)+1,1))-1)+IF('Standard Profiles'!$G$21=$B$10,7,0)+IF('Standard Profiles'!$G$21=$B$17,14,0)+IF('Standard Profiles'!$G$21=$B$24,21,0),0)),0)</f>
        <v>2.8596870416048139</v>
      </c>
      <c r="H7337" cm="1">
        <f t="array" ref="H7337">IFERROR(INDEX(Jesper!AL$2:AL$366,ROUNDDOWN($C7337/24,0)+1,1)*INDEX($D$3:$AA$30,INDEX(Jesper!$R$2:$R$366,ROW(INDEX(Jesper!AL$2:AL$366,ROUNDDOWN($C7337/24,0)+1,1))-1)+IF('Standard Profiles'!$G$22=$B$10,7,0)+IF('Standard Profiles'!$G$22=$B$17,14,0)+IF('Standard Profiles'!$G$22=$B$24,21,0),MOD($C7337,24)+1)/SUM(INDEX($D$3:$AA$30,INDEX(Jesper!$R$2:$R$366,ROW(INDEX(Jesper!AL$2:AL$366,ROUNDDOWN($C7337/24,0)+1,1))-1)+IF('Standard Profiles'!$G$22=$B$10,7,0)+IF('Standard Profiles'!$G$22=$B$17,14,0)+IF('Standard Profiles'!$G$22=$B$24,21,0),0)),0)</f>
        <v>0</v>
      </c>
      <c r="I7337">
        <f t="shared" si="818"/>
        <v>1.3726497799703099</v>
      </c>
      <c r="J7337">
        <f t="shared" si="819"/>
        <v>35.585910456111165</v>
      </c>
      <c r="K7337">
        <f t="shared" si="820"/>
        <v>2.4689175650992139</v>
      </c>
      <c r="L7337">
        <f t="shared" si="821"/>
        <v>1.2344587825496069</v>
      </c>
      <c r="M7337">
        <f t="shared" si="822"/>
        <v>0</v>
      </c>
      <c r="N7337" s="45">
        <f t="shared" si="823"/>
        <v>45231.291666648955</v>
      </c>
    </row>
    <row r="7338" spans="2:14" x14ac:dyDescent="0.25">
      <c r="B7338">
        <f t="shared" si="817"/>
        <v>3</v>
      </c>
      <c r="C7338" s="16">
        <v>7304</v>
      </c>
      <c r="D7338" cm="1">
        <f t="array" ref="D7338">IFERROR(INDEX(Jesper!AH$2:AH$366,ROUNDDOWN($C7338/24,0)+1,1)*INDEX($D$3:$AA$30,INDEX(Jesper!$R$2:$R$366,ROW(INDEX(Jesper!AH$2:AH$366,ROUNDDOWN($C7338/24,0)+1,1))-1)+IF('Standard Profiles'!$G$18=$B$10,7,0)+IF('Standard Profiles'!$G$18=$B$17,14,0)+IF('Standard Profiles'!$G$18=$B$24,21,0),MOD($C7338,24)+1)/SUM(INDEX($D$3:$AA$30,INDEX(Jesper!$R$2:$R$366,ROW(INDEX(Jesper!AH$2:AH$366,ROUNDDOWN($C7338/24,0)+1,1))-1)+IF('Standard Profiles'!$G$18=$B$10,7,0)+IF('Standard Profiles'!$G$18=$B$17,14,0)+IF('Standard Profiles'!$G$18=$B$24,21,0),0)),0)</f>
        <v>25.826177161235201</v>
      </c>
      <c r="E7338" cm="1">
        <f t="array" ref="E7338">IFERROR(INDEX(Jesper!AI$2:AI$366,ROUNDDOWN($C7338/24,0)+1,1)*INDEX($D$3:$AA$30,INDEX(Jesper!$R$2:$R$366,ROW(INDEX(Jesper!AI$2:AI$366,ROUNDDOWN($C7338/24,0)+1,1))-1)+IF('Standard Profiles'!$G$19=$B$10,7,0)+IF('Standard Profiles'!$G$19=$B$17,14,0)+IF('Standard Profiles'!$G$19=$B$24,21,0),MOD($C7338,24)+1)/SUM(INDEX($D$3:$AA$30,INDEX(Jesper!$R$2:$R$366,ROW(INDEX(Jesper!AI$2:AI$366,ROUNDDOWN($C7338/24,0)+1,1))-1)+IF('Standard Profiles'!$G$19=$B$10,7,0)+IF('Standard Profiles'!$G$19=$B$17,14,0)+IF('Standard Profiles'!$G$19=$B$24,21,0),0)),0)</f>
        <v>16.353174959452183</v>
      </c>
      <c r="F7338" cm="1">
        <f t="array" ref="F7338">IFERROR(INDEX(Jesper!AJ$2:AJ$366,ROUNDDOWN($C7338/24,0)+1,1)*INDEX($D$3:$AA$30,INDEX(Jesper!$R$2:$R$366,ROW(INDEX(Jesper!AJ$2:AJ$366,ROUNDDOWN($C7338/24,0)+1,1))-1)+IF('Standard Profiles'!$G$20=$B$10,7,0)+IF('Standard Profiles'!$G$20=$B$17,14,0)+IF('Standard Profiles'!$G$20=$B$24,21,0),MOD($C7338,24)+1)/SUM(INDEX($D$3:$AA$30,INDEX(Jesper!$R$2:$R$366,ROW(INDEX(Jesper!AJ$2:AJ$366,ROUNDDOWN($C7338/24,0)+1,1))-1)+IF('Standard Profiles'!$G$20=$B$10,7,0)+IF('Standard Profiles'!$G$20=$B$17,14,0)+IF('Standard Profiles'!$G$20=$B$24,21,0),0)),0)</f>
        <v>0</v>
      </c>
      <c r="G7338" cm="1">
        <f t="array" ref="G7338">IFERROR(INDEX(Jesper!AK$2:AK$366,ROUNDDOWN($C7338/24,0)+1,1)*INDEX($D$3:$AA$30,INDEX(Jesper!$R$2:$R$366,ROW(INDEX(Jesper!AK$2:AK$366,ROUNDDOWN($C7338/24,0)+1,1))-1)+IF('Standard Profiles'!$G$21=$B$10,7,0)+IF('Standard Profiles'!$G$21=$B$17,14,0)+IF('Standard Profiles'!$G$21=$B$24,21,0),MOD($C7338,24)+1)/SUM(INDEX($D$3:$AA$30,INDEX(Jesper!$R$2:$R$366,ROW(INDEX(Jesper!AK$2:AK$366,ROUNDDOWN($C7338/24,0)+1,1))-1)+IF('Standard Profiles'!$G$21=$B$10,7,0)+IF('Standard Profiles'!$G$21=$B$17,14,0)+IF('Standard Profiles'!$G$21=$B$24,21,0),0)),0)</f>
        <v>3.1908086990537927</v>
      </c>
      <c r="H7338" cm="1">
        <f t="array" ref="H7338">IFERROR(INDEX(Jesper!AL$2:AL$366,ROUNDDOWN($C7338/24,0)+1,1)*INDEX($D$3:$AA$30,INDEX(Jesper!$R$2:$R$366,ROW(INDEX(Jesper!AL$2:AL$366,ROUNDDOWN($C7338/24,0)+1,1))-1)+IF('Standard Profiles'!$G$22=$B$10,7,0)+IF('Standard Profiles'!$G$22=$B$17,14,0)+IF('Standard Profiles'!$G$22=$B$24,21,0),MOD($C7338,24)+1)/SUM(INDEX($D$3:$AA$30,INDEX(Jesper!$R$2:$R$366,ROW(INDEX(Jesper!AL$2:AL$366,ROUNDDOWN($C7338/24,0)+1,1))-1)+IF('Standard Profiles'!$G$22=$B$10,7,0)+IF('Standard Profiles'!$G$22=$B$17,14,0)+IF('Standard Profiles'!$G$22=$B$24,21,0),0)),0)</f>
        <v>0</v>
      </c>
      <c r="I7338">
        <f t="shared" si="818"/>
        <v>1.5315881755458198</v>
      </c>
      <c r="J7338">
        <f t="shared" si="819"/>
        <v>39.70638429839773</v>
      </c>
      <c r="K7338">
        <f t="shared" si="820"/>
        <v>2.7547922305317547</v>
      </c>
      <c r="L7338">
        <f t="shared" si="821"/>
        <v>1.3773961152658774</v>
      </c>
      <c r="M7338">
        <f t="shared" si="822"/>
        <v>0</v>
      </c>
      <c r="N7338" s="45">
        <f t="shared" si="823"/>
        <v>45231.333333315619</v>
      </c>
    </row>
    <row r="7339" spans="2:14" x14ac:dyDescent="0.25">
      <c r="B7339">
        <f t="shared" si="817"/>
        <v>3</v>
      </c>
      <c r="C7339" s="16">
        <v>7305</v>
      </c>
      <c r="D7339" cm="1">
        <f t="array" ref="D7339">IFERROR(INDEX(Jesper!AH$2:AH$366,ROUNDDOWN($C7339/24,0)+1,1)*INDEX($D$3:$AA$30,INDEX(Jesper!$R$2:$R$366,ROW(INDEX(Jesper!AH$2:AH$366,ROUNDDOWN($C7339/24,0)+1,1))-1)+IF('Standard Profiles'!$G$18=$B$10,7,0)+IF('Standard Profiles'!$G$18=$B$17,14,0)+IF('Standard Profiles'!$G$18=$B$24,21,0),MOD($C7339,24)+1)/SUM(INDEX($D$3:$AA$30,INDEX(Jesper!$R$2:$R$366,ROW(INDEX(Jesper!AH$2:AH$366,ROUNDDOWN($C7339/24,0)+1,1))-1)+IF('Standard Profiles'!$G$18=$B$10,7,0)+IF('Standard Profiles'!$G$18=$B$17,14,0)+IF('Standard Profiles'!$G$18=$B$24,21,0),0)),0)</f>
        <v>28.506252149665265</v>
      </c>
      <c r="E7339" cm="1">
        <f t="array" ref="E7339">IFERROR(INDEX(Jesper!AI$2:AI$366,ROUNDDOWN($C7339/24,0)+1,1)*INDEX($D$3:$AA$30,INDEX(Jesper!$R$2:$R$366,ROW(INDEX(Jesper!AI$2:AI$366,ROUNDDOWN($C7339/24,0)+1,1))-1)+IF('Standard Profiles'!$G$19=$B$10,7,0)+IF('Standard Profiles'!$G$19=$B$17,14,0)+IF('Standard Profiles'!$G$19=$B$24,21,0),MOD($C7339,24)+1)/SUM(INDEX($D$3:$AA$30,INDEX(Jesper!$R$2:$R$366,ROW(INDEX(Jesper!AI$2:AI$366,ROUNDDOWN($C7339/24,0)+1,1))-1)+IF('Standard Profiles'!$G$19=$B$10,7,0)+IF('Standard Profiles'!$G$19=$B$17,14,0)+IF('Standard Profiles'!$G$19=$B$24,21,0),0)),0)</f>
        <v>18.050202549584014</v>
      </c>
      <c r="F7339" cm="1">
        <f t="array" ref="F7339">IFERROR(INDEX(Jesper!AJ$2:AJ$366,ROUNDDOWN($C7339/24,0)+1,1)*INDEX($D$3:$AA$30,INDEX(Jesper!$R$2:$R$366,ROW(INDEX(Jesper!AJ$2:AJ$366,ROUNDDOWN($C7339/24,0)+1,1))-1)+IF('Standard Profiles'!$G$20=$B$10,7,0)+IF('Standard Profiles'!$G$20=$B$17,14,0)+IF('Standard Profiles'!$G$20=$B$24,21,0),MOD($C7339,24)+1)/SUM(INDEX($D$3:$AA$30,INDEX(Jesper!$R$2:$R$366,ROW(INDEX(Jesper!AJ$2:AJ$366,ROUNDDOWN($C7339/24,0)+1,1))-1)+IF('Standard Profiles'!$G$20=$B$10,7,0)+IF('Standard Profiles'!$G$20=$B$17,14,0)+IF('Standard Profiles'!$G$20=$B$24,21,0),0)),0)</f>
        <v>0</v>
      </c>
      <c r="G7339" cm="1">
        <f t="array" ref="G7339">IFERROR(INDEX(Jesper!AK$2:AK$366,ROUNDDOWN($C7339/24,0)+1,1)*INDEX($D$3:$AA$30,INDEX(Jesper!$R$2:$R$366,ROW(INDEX(Jesper!AK$2:AK$366,ROUNDDOWN($C7339/24,0)+1,1))-1)+IF('Standard Profiles'!$G$21=$B$10,7,0)+IF('Standard Profiles'!$G$21=$B$17,14,0)+IF('Standard Profiles'!$G$21=$B$24,21,0),MOD($C7339,24)+1)/SUM(INDEX($D$3:$AA$30,INDEX(Jesper!$R$2:$R$366,ROW(INDEX(Jesper!AK$2:AK$366,ROUNDDOWN($C7339/24,0)+1,1))-1)+IF('Standard Profiles'!$G$21=$B$10,7,0)+IF('Standard Profiles'!$G$21=$B$17,14,0)+IF('Standard Profiles'!$G$21=$B$24,21,0),0)),0)</f>
        <v>3.5219303565027706</v>
      </c>
      <c r="H7339" cm="1">
        <f t="array" ref="H7339">IFERROR(INDEX(Jesper!AL$2:AL$366,ROUNDDOWN($C7339/24,0)+1,1)*INDEX($D$3:$AA$30,INDEX(Jesper!$R$2:$R$366,ROW(INDEX(Jesper!AL$2:AL$366,ROUNDDOWN($C7339/24,0)+1,1))-1)+IF('Standard Profiles'!$G$22=$B$10,7,0)+IF('Standard Profiles'!$G$22=$B$17,14,0)+IF('Standard Profiles'!$G$22=$B$24,21,0),MOD($C7339,24)+1)/SUM(INDEX($D$3:$AA$30,INDEX(Jesper!$R$2:$R$366,ROW(INDEX(Jesper!AL$2:AL$366,ROUNDDOWN($C7339/24,0)+1,1))-1)+IF('Standard Profiles'!$G$22=$B$10,7,0)+IF('Standard Profiles'!$G$22=$B$17,14,0)+IF('Standard Profiles'!$G$22=$B$24,21,0),0)),0)</f>
        <v>0</v>
      </c>
      <c r="I7339">
        <f t="shared" si="818"/>
        <v>1.6905265711213291</v>
      </c>
      <c r="J7339">
        <f t="shared" si="819"/>
        <v>43.82685814068428</v>
      </c>
      <c r="K7339">
        <f t="shared" si="820"/>
        <v>3.0406668959642951</v>
      </c>
      <c r="L7339">
        <f t="shared" si="821"/>
        <v>1.5203334479821475</v>
      </c>
      <c r="M7339">
        <f t="shared" si="822"/>
        <v>0</v>
      </c>
      <c r="N7339" s="45">
        <f t="shared" si="823"/>
        <v>45231.374999982283</v>
      </c>
    </row>
    <row r="7340" spans="2:14" x14ac:dyDescent="0.25">
      <c r="B7340">
        <f t="shared" si="817"/>
        <v>3</v>
      </c>
      <c r="C7340" s="16">
        <v>7306</v>
      </c>
      <c r="D7340" cm="1">
        <f t="array" ref="D7340">IFERROR(INDEX(Jesper!AH$2:AH$366,ROUNDDOWN($C7340/24,0)+1,1)*INDEX($D$3:$AA$30,INDEX(Jesper!$R$2:$R$366,ROW(INDEX(Jesper!AH$2:AH$366,ROUNDDOWN($C7340/24,0)+1,1))-1)+IF('Standard Profiles'!$G$18=$B$10,7,0)+IF('Standard Profiles'!$G$18=$B$17,14,0)+IF('Standard Profiles'!$G$18=$B$24,21,0),MOD($C7340,24)+1)/SUM(INDEX($D$3:$AA$30,INDEX(Jesper!$R$2:$R$366,ROW(INDEX(Jesper!AH$2:AH$366,ROUNDDOWN($C7340/24,0)+1,1))-1)+IF('Standard Profiles'!$G$18=$B$10,7,0)+IF('Standard Profiles'!$G$18=$B$17,14,0)+IF('Standard Profiles'!$G$18=$B$24,21,0),0)),0)</f>
        <v>28.506252149665265</v>
      </c>
      <c r="E7340" cm="1">
        <f t="array" ref="E7340">IFERROR(INDEX(Jesper!AI$2:AI$366,ROUNDDOWN($C7340/24,0)+1,1)*INDEX($D$3:$AA$30,INDEX(Jesper!$R$2:$R$366,ROW(INDEX(Jesper!AI$2:AI$366,ROUNDDOWN($C7340/24,0)+1,1))-1)+IF('Standard Profiles'!$G$19=$B$10,7,0)+IF('Standard Profiles'!$G$19=$B$17,14,0)+IF('Standard Profiles'!$G$19=$B$24,21,0),MOD($C7340,24)+1)/SUM(INDEX($D$3:$AA$30,INDEX(Jesper!$R$2:$R$366,ROW(INDEX(Jesper!AI$2:AI$366,ROUNDDOWN($C7340/24,0)+1,1))-1)+IF('Standard Profiles'!$G$19=$B$10,7,0)+IF('Standard Profiles'!$G$19=$B$17,14,0)+IF('Standard Profiles'!$G$19=$B$24,21,0),0)),0)</f>
        <v>18.050202549584014</v>
      </c>
      <c r="F7340" cm="1">
        <f t="array" ref="F7340">IFERROR(INDEX(Jesper!AJ$2:AJ$366,ROUNDDOWN($C7340/24,0)+1,1)*INDEX($D$3:$AA$30,INDEX(Jesper!$R$2:$R$366,ROW(INDEX(Jesper!AJ$2:AJ$366,ROUNDDOWN($C7340/24,0)+1,1))-1)+IF('Standard Profiles'!$G$20=$B$10,7,0)+IF('Standard Profiles'!$G$20=$B$17,14,0)+IF('Standard Profiles'!$G$20=$B$24,21,0),MOD($C7340,24)+1)/SUM(INDEX($D$3:$AA$30,INDEX(Jesper!$R$2:$R$366,ROW(INDEX(Jesper!AJ$2:AJ$366,ROUNDDOWN($C7340/24,0)+1,1))-1)+IF('Standard Profiles'!$G$20=$B$10,7,0)+IF('Standard Profiles'!$G$20=$B$17,14,0)+IF('Standard Profiles'!$G$20=$B$24,21,0),0)),0)</f>
        <v>0</v>
      </c>
      <c r="G7340" cm="1">
        <f t="array" ref="G7340">IFERROR(INDEX(Jesper!AK$2:AK$366,ROUNDDOWN($C7340/24,0)+1,1)*INDEX($D$3:$AA$30,INDEX(Jesper!$R$2:$R$366,ROW(INDEX(Jesper!AK$2:AK$366,ROUNDDOWN($C7340/24,0)+1,1))-1)+IF('Standard Profiles'!$G$21=$B$10,7,0)+IF('Standard Profiles'!$G$21=$B$17,14,0)+IF('Standard Profiles'!$G$21=$B$24,21,0),MOD($C7340,24)+1)/SUM(INDEX($D$3:$AA$30,INDEX(Jesper!$R$2:$R$366,ROW(INDEX(Jesper!AK$2:AK$366,ROUNDDOWN($C7340/24,0)+1,1))-1)+IF('Standard Profiles'!$G$21=$B$10,7,0)+IF('Standard Profiles'!$G$21=$B$17,14,0)+IF('Standard Profiles'!$G$21=$B$24,21,0),0)),0)</f>
        <v>3.5219303565027706</v>
      </c>
      <c r="H7340" cm="1">
        <f t="array" ref="H7340">IFERROR(INDEX(Jesper!AL$2:AL$366,ROUNDDOWN($C7340/24,0)+1,1)*INDEX($D$3:$AA$30,INDEX(Jesper!$R$2:$R$366,ROW(INDEX(Jesper!AL$2:AL$366,ROUNDDOWN($C7340/24,0)+1,1))-1)+IF('Standard Profiles'!$G$22=$B$10,7,0)+IF('Standard Profiles'!$G$22=$B$17,14,0)+IF('Standard Profiles'!$G$22=$B$24,21,0),MOD($C7340,24)+1)/SUM(INDEX($D$3:$AA$30,INDEX(Jesper!$R$2:$R$366,ROW(INDEX(Jesper!AL$2:AL$366,ROUNDDOWN($C7340/24,0)+1,1))-1)+IF('Standard Profiles'!$G$22=$B$10,7,0)+IF('Standard Profiles'!$G$22=$B$17,14,0)+IF('Standard Profiles'!$G$22=$B$24,21,0),0)),0)</f>
        <v>0</v>
      </c>
      <c r="I7340">
        <f t="shared" si="818"/>
        <v>1.6905265711213291</v>
      </c>
      <c r="J7340">
        <f t="shared" si="819"/>
        <v>43.82685814068428</v>
      </c>
      <c r="K7340">
        <f t="shared" si="820"/>
        <v>3.0406668959642951</v>
      </c>
      <c r="L7340">
        <f t="shared" si="821"/>
        <v>1.5203334479821475</v>
      </c>
      <c r="M7340">
        <f t="shared" si="822"/>
        <v>0</v>
      </c>
      <c r="N7340" s="45">
        <f t="shared" si="823"/>
        <v>45231.416666648947</v>
      </c>
    </row>
    <row r="7341" spans="2:14" x14ac:dyDescent="0.25">
      <c r="B7341">
        <f t="shared" si="817"/>
        <v>3</v>
      </c>
      <c r="C7341" s="16">
        <v>7307</v>
      </c>
      <c r="D7341" cm="1">
        <f t="array" ref="D7341">IFERROR(INDEX(Jesper!AH$2:AH$366,ROUNDDOWN($C7341/24,0)+1,1)*INDEX($D$3:$AA$30,INDEX(Jesper!$R$2:$R$366,ROW(INDEX(Jesper!AH$2:AH$366,ROUNDDOWN($C7341/24,0)+1,1))-1)+IF('Standard Profiles'!$G$18=$B$10,7,0)+IF('Standard Profiles'!$G$18=$B$17,14,0)+IF('Standard Profiles'!$G$18=$B$24,21,0),MOD($C7341,24)+1)/SUM(INDEX($D$3:$AA$30,INDEX(Jesper!$R$2:$R$366,ROW(INDEX(Jesper!AH$2:AH$366,ROUNDDOWN($C7341/24,0)+1,1))-1)+IF('Standard Profiles'!$G$18=$B$10,7,0)+IF('Standard Profiles'!$G$18=$B$17,14,0)+IF('Standard Profiles'!$G$18=$B$24,21,0),0)),0)</f>
        <v>34.11004530729177</v>
      </c>
      <c r="E7341" cm="1">
        <f t="array" ref="E7341">IFERROR(INDEX(Jesper!AI$2:AI$366,ROUNDDOWN($C7341/24,0)+1,1)*INDEX($D$3:$AA$30,INDEX(Jesper!$R$2:$R$366,ROW(INDEX(Jesper!AI$2:AI$366,ROUNDDOWN($C7341/24,0)+1,1))-1)+IF('Standard Profiles'!$G$19=$B$10,7,0)+IF('Standard Profiles'!$G$19=$B$17,14,0)+IF('Standard Profiles'!$G$19=$B$24,21,0),MOD($C7341,24)+1)/SUM(INDEX($D$3:$AA$30,INDEX(Jesper!$R$2:$R$366,ROW(INDEX(Jesper!AI$2:AI$366,ROUNDDOWN($C7341/24,0)+1,1))-1)+IF('Standard Profiles'!$G$19=$B$10,7,0)+IF('Standard Profiles'!$G$19=$B$17,14,0)+IF('Standard Profiles'!$G$19=$B$24,21,0),0)),0)</f>
        <v>21.598532965314202</v>
      </c>
      <c r="F7341" cm="1">
        <f t="array" ref="F7341">IFERROR(INDEX(Jesper!AJ$2:AJ$366,ROUNDDOWN($C7341/24,0)+1,1)*INDEX($D$3:$AA$30,INDEX(Jesper!$R$2:$R$366,ROW(INDEX(Jesper!AJ$2:AJ$366,ROUNDDOWN($C7341/24,0)+1,1))-1)+IF('Standard Profiles'!$G$20=$B$10,7,0)+IF('Standard Profiles'!$G$20=$B$17,14,0)+IF('Standard Profiles'!$G$20=$B$24,21,0),MOD($C7341,24)+1)/SUM(INDEX($D$3:$AA$30,INDEX(Jesper!$R$2:$R$366,ROW(INDEX(Jesper!AJ$2:AJ$366,ROUNDDOWN($C7341/24,0)+1,1))-1)+IF('Standard Profiles'!$G$20=$B$10,7,0)+IF('Standard Profiles'!$G$20=$B$17,14,0)+IF('Standard Profiles'!$G$20=$B$24,21,0),0)),0)</f>
        <v>0</v>
      </c>
      <c r="G7341" cm="1">
        <f t="array" ref="G7341">IFERROR(INDEX(Jesper!AK$2:AK$366,ROUNDDOWN($C7341/24,0)+1,1)*INDEX($D$3:$AA$30,INDEX(Jesper!$R$2:$R$366,ROW(INDEX(Jesper!AK$2:AK$366,ROUNDDOWN($C7341/24,0)+1,1))-1)+IF('Standard Profiles'!$G$21=$B$10,7,0)+IF('Standard Profiles'!$G$21=$B$17,14,0)+IF('Standard Profiles'!$G$21=$B$24,21,0),MOD($C7341,24)+1)/SUM(INDEX($D$3:$AA$30,INDEX(Jesper!$R$2:$R$366,ROW(INDEX(Jesper!AK$2:AK$366,ROUNDDOWN($C7341/24,0)+1,1))-1)+IF('Standard Profiles'!$G$21=$B$10,7,0)+IF('Standard Profiles'!$G$21=$B$17,14,0)+IF('Standard Profiles'!$G$21=$B$24,21,0),0)),0)</f>
        <v>4.214275640259725</v>
      </c>
      <c r="H7341" cm="1">
        <f t="array" ref="H7341">IFERROR(INDEX(Jesper!AL$2:AL$366,ROUNDDOWN($C7341/24,0)+1,1)*INDEX($D$3:$AA$30,INDEX(Jesper!$R$2:$R$366,ROW(INDEX(Jesper!AL$2:AL$366,ROUNDDOWN($C7341/24,0)+1,1))-1)+IF('Standard Profiles'!$G$22=$B$10,7,0)+IF('Standard Profiles'!$G$22=$B$17,14,0)+IF('Standard Profiles'!$G$22=$B$24,21,0),MOD($C7341,24)+1)/SUM(INDEX($D$3:$AA$30,INDEX(Jesper!$R$2:$R$366,ROW(INDEX(Jesper!AL$2:AL$366,ROUNDDOWN($C7341/24,0)+1,1))-1)+IF('Standard Profiles'!$G$22=$B$10,7,0)+IF('Standard Profiles'!$G$22=$B$17,14,0)+IF('Standard Profiles'!$G$22=$B$24,21,0),0)),0)</f>
        <v>0</v>
      </c>
      <c r="I7341">
        <f t="shared" si="818"/>
        <v>2.0228523073246669</v>
      </c>
      <c r="J7341">
        <f t="shared" si="819"/>
        <v>52.442394356374351</v>
      </c>
      <c r="K7341">
        <f t="shared" si="820"/>
        <v>3.6384048327777889</v>
      </c>
      <c r="L7341">
        <f t="shared" si="821"/>
        <v>1.8192024163888945</v>
      </c>
      <c r="M7341">
        <f t="shared" si="822"/>
        <v>0</v>
      </c>
      <c r="N7341" s="45">
        <f t="shared" si="823"/>
        <v>45231.458333315612</v>
      </c>
    </row>
    <row r="7342" spans="2:14" x14ac:dyDescent="0.25">
      <c r="B7342">
        <f t="shared" si="817"/>
        <v>3</v>
      </c>
      <c r="C7342" s="16">
        <v>7308</v>
      </c>
      <c r="D7342" cm="1">
        <f t="array" ref="D7342">IFERROR(INDEX(Jesper!AH$2:AH$366,ROUNDDOWN($C7342/24,0)+1,1)*INDEX($D$3:$AA$30,INDEX(Jesper!$R$2:$R$366,ROW(INDEX(Jesper!AH$2:AH$366,ROUNDDOWN($C7342/24,0)+1,1))-1)+IF('Standard Profiles'!$G$18=$B$10,7,0)+IF('Standard Profiles'!$G$18=$B$17,14,0)+IF('Standard Profiles'!$G$18=$B$24,21,0),MOD($C7342,24)+1)/SUM(INDEX($D$3:$AA$30,INDEX(Jesper!$R$2:$R$366,ROW(INDEX(Jesper!AH$2:AH$366,ROUNDDOWN($C7342/24,0)+1,1))-1)+IF('Standard Profiles'!$G$18=$B$10,7,0)+IF('Standard Profiles'!$G$18=$B$17,14,0)+IF('Standard Profiles'!$G$18=$B$24,21,0),0)),0)</f>
        <v>34.11004530729177</v>
      </c>
      <c r="E7342" cm="1">
        <f t="array" ref="E7342">IFERROR(INDEX(Jesper!AI$2:AI$366,ROUNDDOWN($C7342/24,0)+1,1)*INDEX($D$3:$AA$30,INDEX(Jesper!$R$2:$R$366,ROW(INDEX(Jesper!AI$2:AI$366,ROUNDDOWN($C7342/24,0)+1,1))-1)+IF('Standard Profiles'!$G$19=$B$10,7,0)+IF('Standard Profiles'!$G$19=$B$17,14,0)+IF('Standard Profiles'!$G$19=$B$24,21,0),MOD($C7342,24)+1)/SUM(INDEX($D$3:$AA$30,INDEX(Jesper!$R$2:$R$366,ROW(INDEX(Jesper!AI$2:AI$366,ROUNDDOWN($C7342/24,0)+1,1))-1)+IF('Standard Profiles'!$G$19=$B$10,7,0)+IF('Standard Profiles'!$G$19=$B$17,14,0)+IF('Standard Profiles'!$G$19=$B$24,21,0),0)),0)</f>
        <v>21.598532965314202</v>
      </c>
      <c r="F7342" cm="1">
        <f t="array" ref="F7342">IFERROR(INDEX(Jesper!AJ$2:AJ$366,ROUNDDOWN($C7342/24,0)+1,1)*INDEX($D$3:$AA$30,INDEX(Jesper!$R$2:$R$366,ROW(INDEX(Jesper!AJ$2:AJ$366,ROUNDDOWN($C7342/24,0)+1,1))-1)+IF('Standard Profiles'!$G$20=$B$10,7,0)+IF('Standard Profiles'!$G$20=$B$17,14,0)+IF('Standard Profiles'!$G$20=$B$24,21,0),MOD($C7342,24)+1)/SUM(INDEX($D$3:$AA$30,INDEX(Jesper!$R$2:$R$366,ROW(INDEX(Jesper!AJ$2:AJ$366,ROUNDDOWN($C7342/24,0)+1,1))-1)+IF('Standard Profiles'!$G$20=$B$10,7,0)+IF('Standard Profiles'!$G$20=$B$17,14,0)+IF('Standard Profiles'!$G$20=$B$24,21,0),0)),0)</f>
        <v>0</v>
      </c>
      <c r="G7342" cm="1">
        <f t="array" ref="G7342">IFERROR(INDEX(Jesper!AK$2:AK$366,ROUNDDOWN($C7342/24,0)+1,1)*INDEX($D$3:$AA$30,INDEX(Jesper!$R$2:$R$366,ROW(INDEX(Jesper!AK$2:AK$366,ROUNDDOWN($C7342/24,0)+1,1))-1)+IF('Standard Profiles'!$G$21=$B$10,7,0)+IF('Standard Profiles'!$G$21=$B$17,14,0)+IF('Standard Profiles'!$G$21=$B$24,21,0),MOD($C7342,24)+1)/SUM(INDEX($D$3:$AA$30,INDEX(Jesper!$R$2:$R$366,ROW(INDEX(Jesper!AK$2:AK$366,ROUNDDOWN($C7342/24,0)+1,1))-1)+IF('Standard Profiles'!$G$21=$B$10,7,0)+IF('Standard Profiles'!$G$21=$B$17,14,0)+IF('Standard Profiles'!$G$21=$B$24,21,0),0)),0)</f>
        <v>4.214275640259725</v>
      </c>
      <c r="H7342" cm="1">
        <f t="array" ref="H7342">IFERROR(INDEX(Jesper!AL$2:AL$366,ROUNDDOWN($C7342/24,0)+1,1)*INDEX($D$3:$AA$30,INDEX(Jesper!$R$2:$R$366,ROW(INDEX(Jesper!AL$2:AL$366,ROUNDDOWN($C7342/24,0)+1,1))-1)+IF('Standard Profiles'!$G$22=$B$10,7,0)+IF('Standard Profiles'!$G$22=$B$17,14,0)+IF('Standard Profiles'!$G$22=$B$24,21,0),MOD($C7342,24)+1)/SUM(INDEX($D$3:$AA$30,INDEX(Jesper!$R$2:$R$366,ROW(INDEX(Jesper!AL$2:AL$366,ROUNDDOWN($C7342/24,0)+1,1))-1)+IF('Standard Profiles'!$G$22=$B$10,7,0)+IF('Standard Profiles'!$G$22=$B$17,14,0)+IF('Standard Profiles'!$G$22=$B$24,21,0),0)),0)</f>
        <v>0</v>
      </c>
      <c r="I7342">
        <f t="shared" si="818"/>
        <v>2.0228523073246669</v>
      </c>
      <c r="J7342">
        <f t="shared" si="819"/>
        <v>52.442394356374351</v>
      </c>
      <c r="K7342">
        <f t="shared" si="820"/>
        <v>3.6384048327777889</v>
      </c>
      <c r="L7342">
        <f t="shared" si="821"/>
        <v>1.8192024163888945</v>
      </c>
      <c r="M7342">
        <f t="shared" si="822"/>
        <v>0</v>
      </c>
      <c r="N7342" s="45">
        <f t="shared" si="823"/>
        <v>45231.499999982276</v>
      </c>
    </row>
    <row r="7343" spans="2:14" x14ac:dyDescent="0.25">
      <c r="B7343">
        <f t="shared" si="817"/>
        <v>3</v>
      </c>
      <c r="C7343" s="16">
        <v>7309</v>
      </c>
      <c r="D7343" cm="1">
        <f t="array" ref="D7343">IFERROR(INDEX(Jesper!AH$2:AH$366,ROUNDDOWN($C7343/24,0)+1,1)*INDEX($D$3:$AA$30,INDEX(Jesper!$R$2:$R$366,ROW(INDEX(Jesper!AH$2:AH$366,ROUNDDOWN($C7343/24,0)+1,1))-1)+IF('Standard Profiles'!$G$18=$B$10,7,0)+IF('Standard Profiles'!$G$18=$B$17,14,0)+IF('Standard Profiles'!$G$18=$B$24,21,0),MOD($C7343,24)+1)/SUM(INDEX($D$3:$AA$30,INDEX(Jesper!$R$2:$R$366,ROW(INDEX(Jesper!AH$2:AH$366,ROUNDDOWN($C7343/24,0)+1,1))-1)+IF('Standard Profiles'!$G$18=$B$10,7,0)+IF('Standard Profiles'!$G$18=$B$17,14,0)+IF('Standard Profiles'!$G$18=$B$24,21,0),0)),0)</f>
        <v>22.65881581127239</v>
      </c>
      <c r="E7343" cm="1">
        <f t="array" ref="E7343">IFERROR(INDEX(Jesper!AI$2:AI$366,ROUNDDOWN($C7343/24,0)+1,1)*INDEX($D$3:$AA$30,INDEX(Jesper!$R$2:$R$366,ROW(INDEX(Jesper!AI$2:AI$366,ROUNDDOWN($C7343/24,0)+1,1))-1)+IF('Standard Profiles'!$G$19=$B$10,7,0)+IF('Standard Profiles'!$G$19=$B$17,14,0)+IF('Standard Profiles'!$G$19=$B$24,21,0),MOD($C7343,24)+1)/SUM(INDEX($D$3:$AA$30,INDEX(Jesper!$R$2:$R$366,ROW(INDEX(Jesper!AI$2:AI$366,ROUNDDOWN($C7343/24,0)+1,1))-1)+IF('Standard Profiles'!$G$19=$B$10,7,0)+IF('Standard Profiles'!$G$19=$B$17,14,0)+IF('Standard Profiles'!$G$19=$B$24,21,0),0)),0)</f>
        <v>14.347596898387293</v>
      </c>
      <c r="F7343" cm="1">
        <f t="array" ref="F7343">IFERROR(INDEX(Jesper!AJ$2:AJ$366,ROUNDDOWN($C7343/24,0)+1,1)*INDEX($D$3:$AA$30,INDEX(Jesper!$R$2:$R$366,ROW(INDEX(Jesper!AJ$2:AJ$366,ROUNDDOWN($C7343/24,0)+1,1))-1)+IF('Standard Profiles'!$G$20=$B$10,7,0)+IF('Standard Profiles'!$G$20=$B$17,14,0)+IF('Standard Profiles'!$G$20=$B$24,21,0),MOD($C7343,24)+1)/SUM(INDEX($D$3:$AA$30,INDEX(Jesper!$R$2:$R$366,ROW(INDEX(Jesper!AJ$2:AJ$366,ROUNDDOWN($C7343/24,0)+1,1))-1)+IF('Standard Profiles'!$G$20=$B$10,7,0)+IF('Standard Profiles'!$G$20=$B$17,14,0)+IF('Standard Profiles'!$G$20=$B$24,21,0),0)),0)</f>
        <v>0</v>
      </c>
      <c r="G7343" cm="1">
        <f t="array" ref="G7343">IFERROR(INDEX(Jesper!AK$2:AK$366,ROUNDDOWN($C7343/24,0)+1,1)*INDEX($D$3:$AA$30,INDEX(Jesper!$R$2:$R$366,ROW(INDEX(Jesper!AK$2:AK$366,ROUNDDOWN($C7343/24,0)+1,1))-1)+IF('Standard Profiles'!$G$21=$B$10,7,0)+IF('Standard Profiles'!$G$21=$B$17,14,0)+IF('Standard Profiles'!$G$21=$B$24,21,0),MOD($C7343,24)+1)/SUM(INDEX($D$3:$AA$30,INDEX(Jesper!$R$2:$R$366,ROW(INDEX(Jesper!AK$2:AK$366,ROUNDDOWN($C7343/24,0)+1,1))-1)+IF('Standard Profiles'!$G$21=$B$10,7,0)+IF('Standard Profiles'!$G$21=$B$17,14,0)+IF('Standard Profiles'!$G$21=$B$24,21,0),0)),0)</f>
        <v>2.7994831038868178</v>
      </c>
      <c r="H7343" cm="1">
        <f t="array" ref="H7343">IFERROR(INDEX(Jesper!AL$2:AL$366,ROUNDDOWN($C7343/24,0)+1,1)*INDEX($D$3:$AA$30,INDEX(Jesper!$R$2:$R$366,ROW(INDEX(Jesper!AL$2:AL$366,ROUNDDOWN($C7343/24,0)+1,1))-1)+IF('Standard Profiles'!$G$22=$B$10,7,0)+IF('Standard Profiles'!$G$22=$B$17,14,0)+IF('Standard Profiles'!$G$22=$B$24,21,0),MOD($C7343,24)+1)/SUM(INDEX($D$3:$AA$30,INDEX(Jesper!$R$2:$R$366,ROW(INDEX(Jesper!AL$2:AL$366,ROUNDDOWN($C7343/24,0)+1,1))-1)+IF('Standard Profiles'!$G$22=$B$10,7,0)+IF('Standard Profiles'!$G$22=$B$17,14,0)+IF('Standard Profiles'!$G$22=$B$24,21,0),0)),0)</f>
        <v>0</v>
      </c>
      <c r="I7343">
        <f t="shared" si="818"/>
        <v>1.343751889865672</v>
      </c>
      <c r="J7343">
        <f t="shared" si="819"/>
        <v>34.836733393877239</v>
      </c>
      <c r="K7343">
        <f t="shared" si="820"/>
        <v>2.4169403532023885</v>
      </c>
      <c r="L7343">
        <f t="shared" si="821"/>
        <v>1.2084701766011943</v>
      </c>
      <c r="M7343">
        <f t="shared" si="822"/>
        <v>0</v>
      </c>
      <c r="N7343" s="45">
        <f t="shared" si="823"/>
        <v>45231.54166664894</v>
      </c>
    </row>
    <row r="7344" spans="2:14" x14ac:dyDescent="0.25">
      <c r="B7344">
        <f t="shared" si="817"/>
        <v>3</v>
      </c>
      <c r="C7344" s="16">
        <v>7310</v>
      </c>
      <c r="D7344" cm="1">
        <f t="array" ref="D7344">IFERROR(INDEX(Jesper!AH$2:AH$366,ROUNDDOWN($C7344/24,0)+1,1)*INDEX($D$3:$AA$30,INDEX(Jesper!$R$2:$R$366,ROW(INDEX(Jesper!AH$2:AH$366,ROUNDDOWN($C7344/24,0)+1,1))-1)+IF('Standard Profiles'!$G$18=$B$10,7,0)+IF('Standard Profiles'!$G$18=$B$17,14,0)+IF('Standard Profiles'!$G$18=$B$24,21,0),MOD($C7344,24)+1)/SUM(INDEX($D$3:$AA$30,INDEX(Jesper!$R$2:$R$366,ROW(INDEX(Jesper!AH$2:AH$366,ROUNDDOWN($C7344/24,0)+1,1))-1)+IF('Standard Profiles'!$G$18=$B$10,7,0)+IF('Standard Profiles'!$G$18=$B$17,14,0)+IF('Standard Profiles'!$G$18=$B$24,21,0),0)),0)</f>
        <v>34.11004530729177</v>
      </c>
      <c r="E7344" cm="1">
        <f t="array" ref="E7344">IFERROR(INDEX(Jesper!AI$2:AI$366,ROUNDDOWN($C7344/24,0)+1,1)*INDEX($D$3:$AA$30,INDEX(Jesper!$R$2:$R$366,ROW(INDEX(Jesper!AI$2:AI$366,ROUNDDOWN($C7344/24,0)+1,1))-1)+IF('Standard Profiles'!$G$19=$B$10,7,0)+IF('Standard Profiles'!$G$19=$B$17,14,0)+IF('Standard Profiles'!$G$19=$B$24,21,0),MOD($C7344,24)+1)/SUM(INDEX($D$3:$AA$30,INDEX(Jesper!$R$2:$R$366,ROW(INDEX(Jesper!AI$2:AI$366,ROUNDDOWN($C7344/24,0)+1,1))-1)+IF('Standard Profiles'!$G$19=$B$10,7,0)+IF('Standard Profiles'!$G$19=$B$17,14,0)+IF('Standard Profiles'!$G$19=$B$24,21,0),0)),0)</f>
        <v>21.598532965314202</v>
      </c>
      <c r="F7344" cm="1">
        <f t="array" ref="F7344">IFERROR(INDEX(Jesper!AJ$2:AJ$366,ROUNDDOWN($C7344/24,0)+1,1)*INDEX($D$3:$AA$30,INDEX(Jesper!$R$2:$R$366,ROW(INDEX(Jesper!AJ$2:AJ$366,ROUNDDOWN($C7344/24,0)+1,1))-1)+IF('Standard Profiles'!$G$20=$B$10,7,0)+IF('Standard Profiles'!$G$20=$B$17,14,0)+IF('Standard Profiles'!$G$20=$B$24,21,0),MOD($C7344,24)+1)/SUM(INDEX($D$3:$AA$30,INDEX(Jesper!$R$2:$R$366,ROW(INDEX(Jesper!AJ$2:AJ$366,ROUNDDOWN($C7344/24,0)+1,1))-1)+IF('Standard Profiles'!$G$20=$B$10,7,0)+IF('Standard Profiles'!$G$20=$B$17,14,0)+IF('Standard Profiles'!$G$20=$B$24,21,0),0)),0)</f>
        <v>0</v>
      </c>
      <c r="G7344" cm="1">
        <f t="array" ref="G7344">IFERROR(INDEX(Jesper!AK$2:AK$366,ROUNDDOWN($C7344/24,0)+1,1)*INDEX($D$3:$AA$30,INDEX(Jesper!$R$2:$R$366,ROW(INDEX(Jesper!AK$2:AK$366,ROUNDDOWN($C7344/24,0)+1,1))-1)+IF('Standard Profiles'!$G$21=$B$10,7,0)+IF('Standard Profiles'!$G$21=$B$17,14,0)+IF('Standard Profiles'!$G$21=$B$24,21,0),MOD($C7344,24)+1)/SUM(INDEX($D$3:$AA$30,INDEX(Jesper!$R$2:$R$366,ROW(INDEX(Jesper!AK$2:AK$366,ROUNDDOWN($C7344/24,0)+1,1))-1)+IF('Standard Profiles'!$G$21=$B$10,7,0)+IF('Standard Profiles'!$G$21=$B$17,14,0)+IF('Standard Profiles'!$G$21=$B$24,21,0),0)),0)</f>
        <v>4.214275640259725</v>
      </c>
      <c r="H7344" cm="1">
        <f t="array" ref="H7344">IFERROR(INDEX(Jesper!AL$2:AL$366,ROUNDDOWN($C7344/24,0)+1,1)*INDEX($D$3:$AA$30,INDEX(Jesper!$R$2:$R$366,ROW(INDEX(Jesper!AL$2:AL$366,ROUNDDOWN($C7344/24,0)+1,1))-1)+IF('Standard Profiles'!$G$22=$B$10,7,0)+IF('Standard Profiles'!$G$22=$B$17,14,0)+IF('Standard Profiles'!$G$22=$B$24,21,0),MOD($C7344,24)+1)/SUM(INDEX($D$3:$AA$30,INDEX(Jesper!$R$2:$R$366,ROW(INDEX(Jesper!AL$2:AL$366,ROUNDDOWN($C7344/24,0)+1,1))-1)+IF('Standard Profiles'!$G$22=$B$10,7,0)+IF('Standard Profiles'!$G$22=$B$17,14,0)+IF('Standard Profiles'!$G$22=$B$24,21,0),0)),0)</f>
        <v>0</v>
      </c>
      <c r="I7344">
        <f t="shared" si="818"/>
        <v>2.0228523073246669</v>
      </c>
      <c r="J7344">
        <f t="shared" si="819"/>
        <v>52.442394356374351</v>
      </c>
      <c r="K7344">
        <f t="shared" si="820"/>
        <v>3.6384048327777889</v>
      </c>
      <c r="L7344">
        <f t="shared" si="821"/>
        <v>1.8192024163888945</v>
      </c>
      <c r="M7344">
        <f t="shared" si="822"/>
        <v>0</v>
      </c>
      <c r="N7344" s="45">
        <f t="shared" si="823"/>
        <v>45231.583333315604</v>
      </c>
    </row>
    <row r="7345" spans="2:14" x14ac:dyDescent="0.25">
      <c r="B7345">
        <f t="shared" si="817"/>
        <v>3</v>
      </c>
      <c r="C7345" s="16">
        <v>7311</v>
      </c>
      <c r="D7345" cm="1">
        <f t="array" ref="D7345">IFERROR(INDEX(Jesper!AH$2:AH$366,ROUNDDOWN($C7345/24,0)+1,1)*INDEX($D$3:$AA$30,INDEX(Jesper!$R$2:$R$366,ROW(INDEX(Jesper!AH$2:AH$366,ROUNDDOWN($C7345/24,0)+1,1))-1)+IF('Standard Profiles'!$G$18=$B$10,7,0)+IF('Standard Profiles'!$G$18=$B$17,14,0)+IF('Standard Profiles'!$G$18=$B$24,21,0),MOD($C7345,24)+1)/SUM(INDEX($D$3:$AA$30,INDEX(Jesper!$R$2:$R$366,ROW(INDEX(Jesper!AH$2:AH$366,ROUNDDOWN($C7345/24,0)+1,1))-1)+IF('Standard Profiles'!$G$18=$B$10,7,0)+IF('Standard Profiles'!$G$18=$B$17,14,0)+IF('Standard Profiles'!$G$18=$B$24,21,0),0)),0)</f>
        <v>34.11004530729177</v>
      </c>
      <c r="E7345" cm="1">
        <f t="array" ref="E7345">IFERROR(INDEX(Jesper!AI$2:AI$366,ROUNDDOWN($C7345/24,0)+1,1)*INDEX($D$3:$AA$30,INDEX(Jesper!$R$2:$R$366,ROW(INDEX(Jesper!AI$2:AI$366,ROUNDDOWN($C7345/24,0)+1,1))-1)+IF('Standard Profiles'!$G$19=$B$10,7,0)+IF('Standard Profiles'!$G$19=$B$17,14,0)+IF('Standard Profiles'!$G$19=$B$24,21,0),MOD($C7345,24)+1)/SUM(INDEX($D$3:$AA$30,INDEX(Jesper!$R$2:$R$366,ROW(INDEX(Jesper!AI$2:AI$366,ROUNDDOWN($C7345/24,0)+1,1))-1)+IF('Standard Profiles'!$G$19=$B$10,7,0)+IF('Standard Profiles'!$G$19=$B$17,14,0)+IF('Standard Profiles'!$G$19=$B$24,21,0),0)),0)</f>
        <v>21.598532965314202</v>
      </c>
      <c r="F7345" cm="1">
        <f t="array" ref="F7345">IFERROR(INDEX(Jesper!AJ$2:AJ$366,ROUNDDOWN($C7345/24,0)+1,1)*INDEX($D$3:$AA$30,INDEX(Jesper!$R$2:$R$366,ROW(INDEX(Jesper!AJ$2:AJ$366,ROUNDDOWN($C7345/24,0)+1,1))-1)+IF('Standard Profiles'!$G$20=$B$10,7,0)+IF('Standard Profiles'!$G$20=$B$17,14,0)+IF('Standard Profiles'!$G$20=$B$24,21,0),MOD($C7345,24)+1)/SUM(INDEX($D$3:$AA$30,INDEX(Jesper!$R$2:$R$366,ROW(INDEX(Jesper!AJ$2:AJ$366,ROUNDDOWN($C7345/24,0)+1,1))-1)+IF('Standard Profiles'!$G$20=$B$10,7,0)+IF('Standard Profiles'!$G$20=$B$17,14,0)+IF('Standard Profiles'!$G$20=$B$24,21,0),0)),0)</f>
        <v>0</v>
      </c>
      <c r="G7345" cm="1">
        <f t="array" ref="G7345">IFERROR(INDEX(Jesper!AK$2:AK$366,ROUNDDOWN($C7345/24,0)+1,1)*INDEX($D$3:$AA$30,INDEX(Jesper!$R$2:$R$366,ROW(INDEX(Jesper!AK$2:AK$366,ROUNDDOWN($C7345/24,0)+1,1))-1)+IF('Standard Profiles'!$G$21=$B$10,7,0)+IF('Standard Profiles'!$G$21=$B$17,14,0)+IF('Standard Profiles'!$G$21=$B$24,21,0),MOD($C7345,24)+1)/SUM(INDEX($D$3:$AA$30,INDEX(Jesper!$R$2:$R$366,ROW(INDEX(Jesper!AK$2:AK$366,ROUNDDOWN($C7345/24,0)+1,1))-1)+IF('Standard Profiles'!$G$21=$B$10,7,0)+IF('Standard Profiles'!$G$21=$B$17,14,0)+IF('Standard Profiles'!$G$21=$B$24,21,0),0)),0)</f>
        <v>4.214275640259725</v>
      </c>
      <c r="H7345" cm="1">
        <f t="array" ref="H7345">IFERROR(INDEX(Jesper!AL$2:AL$366,ROUNDDOWN($C7345/24,0)+1,1)*INDEX($D$3:$AA$30,INDEX(Jesper!$R$2:$R$366,ROW(INDEX(Jesper!AL$2:AL$366,ROUNDDOWN($C7345/24,0)+1,1))-1)+IF('Standard Profiles'!$G$22=$B$10,7,0)+IF('Standard Profiles'!$G$22=$B$17,14,0)+IF('Standard Profiles'!$G$22=$B$24,21,0),MOD($C7345,24)+1)/SUM(INDEX($D$3:$AA$30,INDEX(Jesper!$R$2:$R$366,ROW(INDEX(Jesper!AL$2:AL$366,ROUNDDOWN($C7345/24,0)+1,1))-1)+IF('Standard Profiles'!$G$22=$B$10,7,0)+IF('Standard Profiles'!$G$22=$B$17,14,0)+IF('Standard Profiles'!$G$22=$B$24,21,0),0)),0)</f>
        <v>0</v>
      </c>
      <c r="I7345">
        <f t="shared" si="818"/>
        <v>2.0228523073246669</v>
      </c>
      <c r="J7345">
        <f t="shared" si="819"/>
        <v>52.442394356374351</v>
      </c>
      <c r="K7345">
        <f t="shared" si="820"/>
        <v>3.6384048327777889</v>
      </c>
      <c r="L7345">
        <f t="shared" si="821"/>
        <v>1.8192024163888945</v>
      </c>
      <c r="M7345">
        <f t="shared" si="822"/>
        <v>0</v>
      </c>
      <c r="N7345" s="45">
        <f t="shared" si="823"/>
        <v>45231.624999982268</v>
      </c>
    </row>
    <row r="7346" spans="2:14" x14ac:dyDescent="0.25">
      <c r="B7346">
        <f t="shared" si="817"/>
        <v>3</v>
      </c>
      <c r="C7346" s="16">
        <v>7312</v>
      </c>
      <c r="D7346" cm="1">
        <f t="array" ref="D7346">IFERROR(INDEX(Jesper!AH$2:AH$366,ROUNDDOWN($C7346/24,0)+1,1)*INDEX($D$3:$AA$30,INDEX(Jesper!$R$2:$R$366,ROW(INDEX(Jesper!AH$2:AH$366,ROUNDDOWN($C7346/24,0)+1,1))-1)+IF('Standard Profiles'!$G$18=$B$10,7,0)+IF('Standard Profiles'!$G$18=$B$17,14,0)+IF('Standard Profiles'!$G$18=$B$24,21,0),MOD($C7346,24)+1)/SUM(INDEX($D$3:$AA$30,INDEX(Jesper!$R$2:$R$366,ROW(INDEX(Jesper!AH$2:AH$366,ROUNDDOWN($C7346/24,0)+1,1))-1)+IF('Standard Profiles'!$G$18=$B$10,7,0)+IF('Standard Profiles'!$G$18=$B$17,14,0)+IF('Standard Profiles'!$G$18=$B$24,21,0),0)),0)</f>
        <v>20.100562413225507</v>
      </c>
      <c r="E7346" cm="1">
        <f t="array" ref="E7346">IFERROR(INDEX(Jesper!AI$2:AI$366,ROUNDDOWN($C7346/24,0)+1,1)*INDEX($D$3:$AA$30,INDEX(Jesper!$R$2:$R$366,ROW(INDEX(Jesper!AI$2:AI$366,ROUNDDOWN($C7346/24,0)+1,1))-1)+IF('Standard Profiles'!$G$19=$B$10,7,0)+IF('Standard Profiles'!$G$19=$B$17,14,0)+IF('Standard Profiles'!$G$19=$B$24,21,0),MOD($C7346,24)+1)/SUM(INDEX($D$3:$AA$30,INDEX(Jesper!$R$2:$R$366,ROW(INDEX(Jesper!AI$2:AI$366,ROUNDDOWN($C7346/24,0)+1,1))-1)+IF('Standard Profiles'!$G$19=$B$10,7,0)+IF('Standard Profiles'!$G$19=$B$17,14,0)+IF('Standard Profiles'!$G$19=$B$24,21,0),0)),0)</f>
        <v>12.727706925988727</v>
      </c>
      <c r="F7346" cm="1">
        <f t="array" ref="F7346">IFERROR(INDEX(Jesper!AJ$2:AJ$366,ROUNDDOWN($C7346/24,0)+1,1)*INDEX($D$3:$AA$30,INDEX(Jesper!$R$2:$R$366,ROW(INDEX(Jesper!AJ$2:AJ$366,ROUNDDOWN($C7346/24,0)+1,1))-1)+IF('Standard Profiles'!$G$20=$B$10,7,0)+IF('Standard Profiles'!$G$20=$B$17,14,0)+IF('Standard Profiles'!$G$20=$B$24,21,0),MOD($C7346,24)+1)/SUM(INDEX($D$3:$AA$30,INDEX(Jesper!$R$2:$R$366,ROW(INDEX(Jesper!AJ$2:AJ$366,ROUNDDOWN($C7346/24,0)+1,1))-1)+IF('Standard Profiles'!$G$20=$B$10,7,0)+IF('Standard Profiles'!$G$20=$B$17,14,0)+IF('Standard Profiles'!$G$20=$B$24,21,0),0)),0)</f>
        <v>0</v>
      </c>
      <c r="G7346" cm="1">
        <f t="array" ref="G7346">IFERROR(INDEX(Jesper!AK$2:AK$366,ROUNDDOWN($C7346/24,0)+1,1)*INDEX($D$3:$AA$30,INDEX(Jesper!$R$2:$R$366,ROW(INDEX(Jesper!AK$2:AK$366,ROUNDDOWN($C7346/24,0)+1,1))-1)+IF('Standard Profiles'!$G$21=$B$10,7,0)+IF('Standard Profiles'!$G$21=$B$17,14,0)+IF('Standard Profiles'!$G$21=$B$24,21,0),MOD($C7346,24)+1)/SUM(INDEX($D$3:$AA$30,INDEX(Jesper!$R$2:$R$366,ROW(INDEX(Jesper!AK$2:AK$366,ROUNDDOWN($C7346/24,0)+1,1))-1)+IF('Standard Profiles'!$G$21=$B$10,7,0)+IF('Standard Profiles'!$G$21=$B$17,14,0)+IF('Standard Profiles'!$G$21=$B$24,21,0),0)),0)</f>
        <v>3.521411357039685</v>
      </c>
      <c r="H7346" cm="1">
        <f t="array" ref="H7346">IFERROR(INDEX(Jesper!AL$2:AL$366,ROUNDDOWN($C7346/24,0)+1,1)*INDEX($D$3:$AA$30,INDEX(Jesper!$R$2:$R$366,ROW(INDEX(Jesper!AL$2:AL$366,ROUNDDOWN($C7346/24,0)+1,1))-1)+IF('Standard Profiles'!$G$22=$B$10,7,0)+IF('Standard Profiles'!$G$22=$B$17,14,0)+IF('Standard Profiles'!$G$22=$B$24,21,0),MOD($C7346,24)+1)/SUM(INDEX($D$3:$AA$30,INDEX(Jesper!$R$2:$R$366,ROW(INDEX(Jesper!AL$2:AL$366,ROUNDDOWN($C7346/24,0)+1,1))-1)+IF('Standard Profiles'!$G$22=$B$10,7,0)+IF('Standard Profiles'!$G$22=$B$17,14,0)+IF('Standard Profiles'!$G$22=$B$24,21,0),0)),0)</f>
        <v>0</v>
      </c>
      <c r="I7346">
        <f t="shared" si="818"/>
        <v>1.6902774513790479</v>
      </c>
      <c r="J7346">
        <f t="shared" si="819"/>
        <v>31.443313258758788</v>
      </c>
      <c r="K7346">
        <f t="shared" si="820"/>
        <v>2.1440599907440543</v>
      </c>
      <c r="L7346">
        <f t="shared" si="821"/>
        <v>1.0720299953720271</v>
      </c>
      <c r="M7346">
        <f t="shared" si="822"/>
        <v>0</v>
      </c>
      <c r="N7346" s="45">
        <f t="shared" si="823"/>
        <v>45231.666666648933</v>
      </c>
    </row>
    <row r="7347" spans="2:14" x14ac:dyDescent="0.25">
      <c r="B7347">
        <f t="shared" si="817"/>
        <v>3</v>
      </c>
      <c r="C7347" s="16">
        <v>7313</v>
      </c>
      <c r="D7347" cm="1">
        <f t="array" ref="D7347">IFERROR(INDEX(Jesper!AH$2:AH$366,ROUNDDOWN($C7347/24,0)+1,1)*INDEX($D$3:$AA$30,INDEX(Jesper!$R$2:$R$366,ROW(INDEX(Jesper!AH$2:AH$366,ROUNDDOWN($C7347/24,0)+1,1))-1)+IF('Standard Profiles'!$G$18=$B$10,7,0)+IF('Standard Profiles'!$G$18=$B$17,14,0)+IF('Standard Profiles'!$G$18=$B$24,21,0),MOD($C7347,24)+1)/SUM(INDEX($D$3:$AA$30,INDEX(Jesper!$R$2:$R$366,ROW(INDEX(Jesper!AH$2:AH$366,ROUNDDOWN($C7347/24,0)+1,1))-1)+IF('Standard Profiles'!$G$18=$B$10,7,0)+IF('Standard Profiles'!$G$18=$B$17,14,0)+IF('Standard Profiles'!$G$18=$B$24,21,0),0)),0)</f>
        <v>8.5789852382524572</v>
      </c>
      <c r="E7347" cm="1">
        <f t="array" ref="E7347">IFERROR(INDEX(Jesper!AI$2:AI$366,ROUNDDOWN($C7347/24,0)+1,1)*INDEX($D$3:$AA$30,INDEX(Jesper!$R$2:$R$366,ROW(INDEX(Jesper!AI$2:AI$366,ROUNDDOWN($C7347/24,0)+1,1))-1)+IF('Standard Profiles'!$G$19=$B$10,7,0)+IF('Standard Profiles'!$G$19=$B$17,14,0)+IF('Standard Profiles'!$G$19=$B$24,21,0),MOD($C7347,24)+1)/SUM(INDEX($D$3:$AA$30,INDEX(Jesper!$R$2:$R$366,ROW(INDEX(Jesper!AI$2:AI$366,ROUNDDOWN($C7347/24,0)+1,1))-1)+IF('Standard Profiles'!$G$19=$B$10,7,0)+IF('Standard Profiles'!$G$19=$B$17,14,0)+IF('Standard Profiles'!$G$19=$B$24,21,0),0)),0)</f>
        <v>5.4322266009341567</v>
      </c>
      <c r="F7347" cm="1">
        <f t="array" ref="F7347">IFERROR(INDEX(Jesper!AJ$2:AJ$366,ROUNDDOWN($C7347/24,0)+1,1)*INDEX($D$3:$AA$30,INDEX(Jesper!$R$2:$R$366,ROW(INDEX(Jesper!AJ$2:AJ$366,ROUNDDOWN($C7347/24,0)+1,1))-1)+IF('Standard Profiles'!$G$20=$B$10,7,0)+IF('Standard Profiles'!$G$20=$B$17,14,0)+IF('Standard Profiles'!$G$20=$B$24,21,0),MOD($C7347,24)+1)/SUM(INDEX($D$3:$AA$30,INDEX(Jesper!$R$2:$R$366,ROW(INDEX(Jesper!AJ$2:AJ$366,ROUNDDOWN($C7347/24,0)+1,1))-1)+IF('Standard Profiles'!$G$20=$B$10,7,0)+IF('Standard Profiles'!$G$20=$B$17,14,0)+IF('Standard Profiles'!$G$20=$B$24,21,0),0)),0)</f>
        <v>0</v>
      </c>
      <c r="G7347" cm="1">
        <f t="array" ref="G7347">IFERROR(INDEX(Jesper!AK$2:AK$366,ROUNDDOWN($C7347/24,0)+1,1)*INDEX($D$3:$AA$30,INDEX(Jesper!$R$2:$R$366,ROW(INDEX(Jesper!AK$2:AK$366,ROUNDDOWN($C7347/24,0)+1,1))-1)+IF('Standard Profiles'!$G$21=$B$10,7,0)+IF('Standard Profiles'!$G$21=$B$17,14,0)+IF('Standard Profiles'!$G$21=$B$24,21,0),MOD($C7347,24)+1)/SUM(INDEX($D$3:$AA$30,INDEX(Jesper!$R$2:$R$366,ROW(INDEX(Jesper!AK$2:AK$366,ROUNDDOWN($C7347/24,0)+1,1))-1)+IF('Standard Profiles'!$G$21=$B$10,7,0)+IF('Standard Profiles'!$G$21=$B$17,14,0)+IF('Standard Profiles'!$G$21=$B$24,21,0),0)),0)</f>
        <v>2.8000021033499038</v>
      </c>
      <c r="H7347" cm="1">
        <f t="array" ref="H7347">IFERROR(INDEX(Jesper!AL$2:AL$366,ROUNDDOWN($C7347/24,0)+1,1)*INDEX($D$3:$AA$30,INDEX(Jesper!$R$2:$R$366,ROW(INDEX(Jesper!AL$2:AL$366,ROUNDDOWN($C7347/24,0)+1,1))-1)+IF('Standard Profiles'!$G$22=$B$10,7,0)+IF('Standard Profiles'!$G$22=$B$17,14,0)+IF('Standard Profiles'!$G$22=$B$24,21,0),MOD($C7347,24)+1)/SUM(INDEX($D$3:$AA$30,INDEX(Jesper!$R$2:$R$366,ROW(INDEX(Jesper!AL$2:AL$366,ROUNDDOWN($C7347/24,0)+1,1))-1)+IF('Standard Profiles'!$G$22=$B$10,7,0)+IF('Standard Profiles'!$G$22=$B$17,14,0)+IF('Standard Profiles'!$G$22=$B$24,21,0),0)),0)</f>
        <v>0</v>
      </c>
      <c r="I7347">
        <f t="shared" si="818"/>
        <v>1.3440010096079531</v>
      </c>
      <c r="J7347">
        <f t="shared" si="819"/>
        <v>14.09457529480817</v>
      </c>
      <c r="K7347">
        <f t="shared" si="820"/>
        <v>0.91509175874692883</v>
      </c>
      <c r="L7347">
        <f t="shared" si="821"/>
        <v>0.45754587937346441</v>
      </c>
      <c r="M7347">
        <f t="shared" si="822"/>
        <v>0</v>
      </c>
      <c r="N7347" s="45">
        <f t="shared" si="823"/>
        <v>45231.708333315597</v>
      </c>
    </row>
    <row r="7348" spans="2:14" x14ac:dyDescent="0.25">
      <c r="B7348">
        <f t="shared" si="817"/>
        <v>3</v>
      </c>
      <c r="C7348" s="16">
        <v>7314</v>
      </c>
      <c r="D7348" cm="1">
        <f t="array" ref="D7348">IFERROR(INDEX(Jesper!AH$2:AH$366,ROUNDDOWN($C7348/24,0)+1,1)*INDEX($D$3:$AA$30,INDEX(Jesper!$R$2:$R$366,ROW(INDEX(Jesper!AH$2:AH$366,ROUNDDOWN($C7348/24,0)+1,1))-1)+IF('Standard Profiles'!$G$18=$B$10,7,0)+IF('Standard Profiles'!$G$18=$B$17,14,0)+IF('Standard Profiles'!$G$18=$B$24,21,0),MOD($C7348,24)+1)/SUM(INDEX($D$3:$AA$30,INDEX(Jesper!$R$2:$R$366,ROW(INDEX(Jesper!AH$2:AH$366,ROUNDDOWN($C7348/24,0)+1,1))-1)+IF('Standard Profiles'!$G$18=$B$10,7,0)+IF('Standard Profiles'!$G$18=$B$17,14,0)+IF('Standard Profiles'!$G$18=$B$24,21,0),0)),0)</f>
        <v>5.6621302572466217</v>
      </c>
      <c r="E7348" cm="1">
        <f t="array" ref="E7348">IFERROR(INDEX(Jesper!AI$2:AI$366,ROUNDDOWN($C7348/24,0)+1,1)*INDEX($D$3:$AA$30,INDEX(Jesper!$R$2:$R$366,ROW(INDEX(Jesper!AI$2:AI$366,ROUNDDOWN($C7348/24,0)+1,1))-1)+IF('Standard Profiles'!$G$19=$B$10,7,0)+IF('Standard Profiles'!$G$19=$B$17,14,0)+IF('Standard Profiles'!$G$19=$B$24,21,0),MOD($C7348,24)+1)/SUM(INDEX($D$3:$AA$30,INDEX(Jesper!$R$2:$R$366,ROW(INDEX(Jesper!AI$2:AI$366,ROUNDDOWN($C7348/24,0)+1,1))-1)+IF('Standard Profiles'!$G$19=$B$10,7,0)+IF('Standard Profiles'!$G$19=$B$17,14,0)+IF('Standard Profiles'!$G$19=$B$24,21,0),0)),0)</f>
        <v>3.5852695566165433</v>
      </c>
      <c r="F7348" cm="1">
        <f t="array" ref="F7348">IFERROR(INDEX(Jesper!AJ$2:AJ$366,ROUNDDOWN($C7348/24,0)+1,1)*INDEX($D$3:$AA$30,INDEX(Jesper!$R$2:$R$366,ROW(INDEX(Jesper!AJ$2:AJ$366,ROUNDDOWN($C7348/24,0)+1,1))-1)+IF('Standard Profiles'!$G$20=$B$10,7,0)+IF('Standard Profiles'!$G$20=$B$17,14,0)+IF('Standard Profiles'!$G$20=$B$24,21,0),MOD($C7348,24)+1)/SUM(INDEX($D$3:$AA$30,INDEX(Jesper!$R$2:$R$366,ROW(INDEX(Jesper!AJ$2:AJ$366,ROUNDDOWN($C7348/24,0)+1,1))-1)+IF('Standard Profiles'!$G$20=$B$10,7,0)+IF('Standard Profiles'!$G$20=$B$17,14,0)+IF('Standard Profiles'!$G$20=$B$24,21,0),0)),0)</f>
        <v>0</v>
      </c>
      <c r="G7348" cm="1">
        <f t="array" ref="G7348">IFERROR(INDEX(Jesper!AK$2:AK$366,ROUNDDOWN($C7348/24,0)+1,1)*INDEX($D$3:$AA$30,INDEX(Jesper!$R$2:$R$366,ROW(INDEX(Jesper!AK$2:AK$366,ROUNDDOWN($C7348/24,0)+1,1))-1)+IF('Standard Profiles'!$G$21=$B$10,7,0)+IF('Standard Profiles'!$G$21=$B$17,14,0)+IF('Standard Profiles'!$G$21=$B$24,21,0),MOD($C7348,24)+1)/SUM(INDEX($D$3:$AA$30,INDEX(Jesper!$R$2:$R$366,ROW(INDEX(Jesper!AK$2:AK$366,ROUNDDOWN($C7348/24,0)+1,1))-1)+IF('Standard Profiles'!$G$21=$B$10,7,0)+IF('Standard Profiles'!$G$21=$B$17,14,0)+IF('Standard Profiles'!$G$21=$B$24,21,0),0)),0)</f>
        <v>1.0379989261723463</v>
      </c>
      <c r="H7348" cm="1">
        <f t="array" ref="H7348">IFERROR(INDEX(Jesper!AL$2:AL$366,ROUNDDOWN($C7348/24,0)+1,1)*INDEX($D$3:$AA$30,INDEX(Jesper!$R$2:$R$366,ROW(INDEX(Jesper!AL$2:AL$366,ROUNDDOWN($C7348/24,0)+1,1))-1)+IF('Standard Profiles'!$G$22=$B$10,7,0)+IF('Standard Profiles'!$G$22=$B$17,14,0)+IF('Standard Profiles'!$G$22=$B$24,21,0),MOD($C7348,24)+1)/SUM(INDEX($D$3:$AA$30,INDEX(Jesper!$R$2:$R$366,ROW(INDEX(Jesper!AL$2:AL$366,ROUNDDOWN($C7348/24,0)+1,1))-1)+IF('Standard Profiles'!$G$22=$B$10,7,0)+IF('Standard Profiles'!$G$22=$B$17,14,0)+IF('Standard Profiles'!$G$22=$B$24,21,0),0)),0)</f>
        <v>0</v>
      </c>
      <c r="I7348">
        <f t="shared" si="818"/>
        <v>0.49823948456272599</v>
      </c>
      <c r="J7348">
        <f t="shared" si="819"/>
        <v>8.8812184143133255</v>
      </c>
      <c r="K7348">
        <f t="shared" si="820"/>
        <v>0.603960560772973</v>
      </c>
      <c r="L7348">
        <f t="shared" si="821"/>
        <v>0.3019802803864865</v>
      </c>
      <c r="M7348">
        <f t="shared" si="822"/>
        <v>0</v>
      </c>
      <c r="N7348" s="45">
        <f t="shared" si="823"/>
        <v>45231.749999982261</v>
      </c>
    </row>
    <row r="7349" spans="2:14" x14ac:dyDescent="0.25">
      <c r="B7349">
        <f t="shared" si="817"/>
        <v>3</v>
      </c>
      <c r="C7349" s="16">
        <v>7315</v>
      </c>
      <c r="D7349" cm="1">
        <f t="array" ref="D7349">IFERROR(INDEX(Jesper!AH$2:AH$366,ROUNDDOWN($C7349/24,0)+1,1)*INDEX($D$3:$AA$30,INDEX(Jesper!$R$2:$R$366,ROW(INDEX(Jesper!AH$2:AH$366,ROUNDDOWN($C7349/24,0)+1,1))-1)+IF('Standard Profiles'!$G$18=$B$10,7,0)+IF('Standard Profiles'!$G$18=$B$17,14,0)+IF('Standard Profiles'!$G$18=$B$24,21,0),MOD($C7349,24)+1)/SUM(INDEX($D$3:$AA$30,INDEX(Jesper!$R$2:$R$366,ROW(INDEX(Jesper!AH$2:AH$366,ROUNDDOWN($C7349/24,0)+1,1))-1)+IF('Standard Profiles'!$G$18=$B$10,7,0)+IF('Standard Profiles'!$G$18=$B$17,14,0)+IF('Standard Profiles'!$G$18=$B$24,21,0),0)),0)</f>
        <v>5.6621302572466217</v>
      </c>
      <c r="E7349" cm="1">
        <f t="array" ref="E7349">IFERROR(INDEX(Jesper!AI$2:AI$366,ROUNDDOWN($C7349/24,0)+1,1)*INDEX($D$3:$AA$30,INDEX(Jesper!$R$2:$R$366,ROW(INDEX(Jesper!AI$2:AI$366,ROUNDDOWN($C7349/24,0)+1,1))-1)+IF('Standard Profiles'!$G$19=$B$10,7,0)+IF('Standard Profiles'!$G$19=$B$17,14,0)+IF('Standard Profiles'!$G$19=$B$24,21,0),MOD($C7349,24)+1)/SUM(INDEX($D$3:$AA$30,INDEX(Jesper!$R$2:$R$366,ROW(INDEX(Jesper!AI$2:AI$366,ROUNDDOWN($C7349/24,0)+1,1))-1)+IF('Standard Profiles'!$G$19=$B$10,7,0)+IF('Standard Profiles'!$G$19=$B$17,14,0)+IF('Standard Profiles'!$G$19=$B$24,21,0),0)),0)</f>
        <v>3.5852695566165433</v>
      </c>
      <c r="F7349" cm="1">
        <f t="array" ref="F7349">IFERROR(INDEX(Jesper!AJ$2:AJ$366,ROUNDDOWN($C7349/24,0)+1,1)*INDEX($D$3:$AA$30,INDEX(Jesper!$R$2:$R$366,ROW(INDEX(Jesper!AJ$2:AJ$366,ROUNDDOWN($C7349/24,0)+1,1))-1)+IF('Standard Profiles'!$G$20=$B$10,7,0)+IF('Standard Profiles'!$G$20=$B$17,14,0)+IF('Standard Profiles'!$G$20=$B$24,21,0),MOD($C7349,24)+1)/SUM(INDEX($D$3:$AA$30,INDEX(Jesper!$R$2:$R$366,ROW(INDEX(Jesper!AJ$2:AJ$366,ROUNDDOWN($C7349/24,0)+1,1))-1)+IF('Standard Profiles'!$G$20=$B$10,7,0)+IF('Standard Profiles'!$G$20=$B$17,14,0)+IF('Standard Profiles'!$G$20=$B$24,21,0),0)),0)</f>
        <v>0</v>
      </c>
      <c r="G7349" cm="1">
        <f t="array" ref="G7349">IFERROR(INDEX(Jesper!AK$2:AK$366,ROUNDDOWN($C7349/24,0)+1,1)*INDEX($D$3:$AA$30,INDEX(Jesper!$R$2:$R$366,ROW(INDEX(Jesper!AK$2:AK$366,ROUNDDOWN($C7349/24,0)+1,1))-1)+IF('Standard Profiles'!$G$21=$B$10,7,0)+IF('Standard Profiles'!$G$21=$B$17,14,0)+IF('Standard Profiles'!$G$21=$B$24,21,0),MOD($C7349,24)+1)/SUM(INDEX($D$3:$AA$30,INDEX(Jesper!$R$2:$R$366,ROW(INDEX(Jesper!AK$2:AK$366,ROUNDDOWN($C7349/24,0)+1,1))-1)+IF('Standard Profiles'!$G$21=$B$10,7,0)+IF('Standard Profiles'!$G$21=$B$17,14,0)+IF('Standard Profiles'!$G$21=$B$24,21,0),0)),0)</f>
        <v>1.0379989261723463</v>
      </c>
      <c r="H7349" cm="1">
        <f t="array" ref="H7349">IFERROR(INDEX(Jesper!AL$2:AL$366,ROUNDDOWN($C7349/24,0)+1,1)*INDEX($D$3:$AA$30,INDEX(Jesper!$R$2:$R$366,ROW(INDEX(Jesper!AL$2:AL$366,ROUNDDOWN($C7349/24,0)+1,1))-1)+IF('Standard Profiles'!$G$22=$B$10,7,0)+IF('Standard Profiles'!$G$22=$B$17,14,0)+IF('Standard Profiles'!$G$22=$B$24,21,0),MOD($C7349,24)+1)/SUM(INDEX($D$3:$AA$30,INDEX(Jesper!$R$2:$R$366,ROW(INDEX(Jesper!AL$2:AL$366,ROUNDDOWN($C7349/24,0)+1,1))-1)+IF('Standard Profiles'!$G$22=$B$10,7,0)+IF('Standard Profiles'!$G$22=$B$17,14,0)+IF('Standard Profiles'!$G$22=$B$24,21,0),0)),0)</f>
        <v>0</v>
      </c>
      <c r="I7349">
        <f t="shared" si="818"/>
        <v>0.49823948456272599</v>
      </c>
      <c r="J7349">
        <f t="shared" si="819"/>
        <v>8.8812184143133255</v>
      </c>
      <c r="K7349">
        <f t="shared" si="820"/>
        <v>0.603960560772973</v>
      </c>
      <c r="L7349">
        <f t="shared" si="821"/>
        <v>0.3019802803864865</v>
      </c>
      <c r="M7349">
        <f t="shared" si="822"/>
        <v>0</v>
      </c>
      <c r="N7349" s="45">
        <f t="shared" si="823"/>
        <v>45231.791666648925</v>
      </c>
    </row>
    <row r="7350" spans="2:14" x14ac:dyDescent="0.25">
      <c r="B7350">
        <f t="shared" si="817"/>
        <v>3</v>
      </c>
      <c r="C7350" s="16">
        <v>7316</v>
      </c>
      <c r="D7350" cm="1">
        <f t="array" ref="D7350">IFERROR(INDEX(Jesper!AH$2:AH$366,ROUNDDOWN($C7350/24,0)+1,1)*INDEX($D$3:$AA$30,INDEX(Jesper!$R$2:$R$366,ROW(INDEX(Jesper!AH$2:AH$366,ROUNDDOWN($C7350/24,0)+1,1))-1)+IF('Standard Profiles'!$G$18=$B$10,7,0)+IF('Standard Profiles'!$G$18=$B$17,14,0)+IF('Standard Profiles'!$G$18=$B$24,21,0),MOD($C7350,24)+1)/SUM(INDEX($D$3:$AA$30,INDEX(Jesper!$R$2:$R$366,ROW(INDEX(Jesper!AH$2:AH$366,ROUNDDOWN($C7350/24,0)+1,1))-1)+IF('Standard Profiles'!$G$18=$B$10,7,0)+IF('Standard Profiles'!$G$18=$B$17,14,0)+IF('Standard Profiles'!$G$18=$B$24,21,0),0)),0)</f>
        <v>5.6621302572466217</v>
      </c>
      <c r="E7350" cm="1">
        <f t="array" ref="E7350">IFERROR(INDEX(Jesper!AI$2:AI$366,ROUNDDOWN($C7350/24,0)+1,1)*INDEX($D$3:$AA$30,INDEX(Jesper!$R$2:$R$366,ROW(INDEX(Jesper!AI$2:AI$366,ROUNDDOWN($C7350/24,0)+1,1))-1)+IF('Standard Profiles'!$G$19=$B$10,7,0)+IF('Standard Profiles'!$G$19=$B$17,14,0)+IF('Standard Profiles'!$G$19=$B$24,21,0),MOD($C7350,24)+1)/SUM(INDEX($D$3:$AA$30,INDEX(Jesper!$R$2:$R$366,ROW(INDEX(Jesper!AI$2:AI$366,ROUNDDOWN($C7350/24,0)+1,1))-1)+IF('Standard Profiles'!$G$19=$B$10,7,0)+IF('Standard Profiles'!$G$19=$B$17,14,0)+IF('Standard Profiles'!$G$19=$B$24,21,0),0)),0)</f>
        <v>3.5852695566165433</v>
      </c>
      <c r="F7350" cm="1">
        <f t="array" ref="F7350">IFERROR(INDEX(Jesper!AJ$2:AJ$366,ROUNDDOWN($C7350/24,0)+1,1)*INDEX($D$3:$AA$30,INDEX(Jesper!$R$2:$R$366,ROW(INDEX(Jesper!AJ$2:AJ$366,ROUNDDOWN($C7350/24,0)+1,1))-1)+IF('Standard Profiles'!$G$20=$B$10,7,0)+IF('Standard Profiles'!$G$20=$B$17,14,0)+IF('Standard Profiles'!$G$20=$B$24,21,0),MOD($C7350,24)+1)/SUM(INDEX($D$3:$AA$30,INDEX(Jesper!$R$2:$R$366,ROW(INDEX(Jesper!AJ$2:AJ$366,ROUNDDOWN($C7350/24,0)+1,1))-1)+IF('Standard Profiles'!$G$20=$B$10,7,0)+IF('Standard Profiles'!$G$20=$B$17,14,0)+IF('Standard Profiles'!$G$20=$B$24,21,0),0)),0)</f>
        <v>0</v>
      </c>
      <c r="G7350" cm="1">
        <f t="array" ref="G7350">IFERROR(INDEX(Jesper!AK$2:AK$366,ROUNDDOWN($C7350/24,0)+1,1)*INDEX($D$3:$AA$30,INDEX(Jesper!$R$2:$R$366,ROW(INDEX(Jesper!AK$2:AK$366,ROUNDDOWN($C7350/24,0)+1,1))-1)+IF('Standard Profiles'!$G$21=$B$10,7,0)+IF('Standard Profiles'!$G$21=$B$17,14,0)+IF('Standard Profiles'!$G$21=$B$24,21,0),MOD($C7350,24)+1)/SUM(INDEX($D$3:$AA$30,INDEX(Jesper!$R$2:$R$366,ROW(INDEX(Jesper!AK$2:AK$366,ROUNDDOWN($C7350/24,0)+1,1))-1)+IF('Standard Profiles'!$G$21=$B$10,7,0)+IF('Standard Profiles'!$G$21=$B$17,14,0)+IF('Standard Profiles'!$G$21=$B$24,21,0),0)),0)</f>
        <v>1.0379989261723463</v>
      </c>
      <c r="H7350" cm="1">
        <f t="array" ref="H7350">IFERROR(INDEX(Jesper!AL$2:AL$366,ROUNDDOWN($C7350/24,0)+1,1)*INDEX($D$3:$AA$30,INDEX(Jesper!$R$2:$R$366,ROW(INDEX(Jesper!AL$2:AL$366,ROUNDDOWN($C7350/24,0)+1,1))-1)+IF('Standard Profiles'!$G$22=$B$10,7,0)+IF('Standard Profiles'!$G$22=$B$17,14,0)+IF('Standard Profiles'!$G$22=$B$24,21,0),MOD($C7350,24)+1)/SUM(INDEX($D$3:$AA$30,INDEX(Jesper!$R$2:$R$366,ROW(INDEX(Jesper!AL$2:AL$366,ROUNDDOWN($C7350/24,0)+1,1))-1)+IF('Standard Profiles'!$G$22=$B$10,7,0)+IF('Standard Profiles'!$G$22=$B$17,14,0)+IF('Standard Profiles'!$G$22=$B$24,21,0),0)),0)</f>
        <v>0</v>
      </c>
      <c r="I7350">
        <f t="shared" si="818"/>
        <v>0.49823948456272599</v>
      </c>
      <c r="J7350">
        <f t="shared" si="819"/>
        <v>8.8812184143133255</v>
      </c>
      <c r="K7350">
        <f t="shared" si="820"/>
        <v>0.603960560772973</v>
      </c>
      <c r="L7350">
        <f t="shared" si="821"/>
        <v>0.3019802803864865</v>
      </c>
      <c r="M7350">
        <f t="shared" si="822"/>
        <v>0</v>
      </c>
      <c r="N7350" s="45">
        <f t="shared" si="823"/>
        <v>45231.83333331559</v>
      </c>
    </row>
    <row r="7351" spans="2:14" x14ac:dyDescent="0.25">
      <c r="B7351">
        <f t="shared" si="817"/>
        <v>3</v>
      </c>
      <c r="C7351" s="16">
        <v>7317</v>
      </c>
      <c r="D7351" cm="1">
        <f t="array" ref="D7351">IFERROR(INDEX(Jesper!AH$2:AH$366,ROUNDDOWN($C7351/24,0)+1,1)*INDEX($D$3:$AA$30,INDEX(Jesper!$R$2:$R$366,ROW(INDEX(Jesper!AH$2:AH$366,ROUNDDOWN($C7351/24,0)+1,1))-1)+IF('Standard Profiles'!$G$18=$B$10,7,0)+IF('Standard Profiles'!$G$18=$B$17,14,0)+IF('Standard Profiles'!$G$18=$B$24,21,0),MOD($C7351,24)+1)/SUM(INDEX($D$3:$AA$30,INDEX(Jesper!$R$2:$R$366,ROW(INDEX(Jesper!AH$2:AH$366,ROUNDDOWN($C7351/24,0)+1,1))-1)+IF('Standard Profiles'!$G$18=$B$10,7,0)+IF('Standard Profiles'!$G$18=$B$17,14,0)+IF('Standard Profiles'!$G$18=$B$24,21,0),0)),0)</f>
        <v>5.6621302572466217</v>
      </c>
      <c r="E7351" cm="1">
        <f t="array" ref="E7351">IFERROR(INDEX(Jesper!AI$2:AI$366,ROUNDDOWN($C7351/24,0)+1,1)*INDEX($D$3:$AA$30,INDEX(Jesper!$R$2:$R$366,ROW(INDEX(Jesper!AI$2:AI$366,ROUNDDOWN($C7351/24,0)+1,1))-1)+IF('Standard Profiles'!$G$19=$B$10,7,0)+IF('Standard Profiles'!$G$19=$B$17,14,0)+IF('Standard Profiles'!$G$19=$B$24,21,0),MOD($C7351,24)+1)/SUM(INDEX($D$3:$AA$30,INDEX(Jesper!$R$2:$R$366,ROW(INDEX(Jesper!AI$2:AI$366,ROUNDDOWN($C7351/24,0)+1,1))-1)+IF('Standard Profiles'!$G$19=$B$10,7,0)+IF('Standard Profiles'!$G$19=$B$17,14,0)+IF('Standard Profiles'!$G$19=$B$24,21,0),0)),0)</f>
        <v>3.5852695566165433</v>
      </c>
      <c r="F7351" cm="1">
        <f t="array" ref="F7351">IFERROR(INDEX(Jesper!AJ$2:AJ$366,ROUNDDOWN($C7351/24,0)+1,1)*INDEX($D$3:$AA$30,INDEX(Jesper!$R$2:$R$366,ROW(INDEX(Jesper!AJ$2:AJ$366,ROUNDDOWN($C7351/24,0)+1,1))-1)+IF('Standard Profiles'!$G$20=$B$10,7,0)+IF('Standard Profiles'!$G$20=$B$17,14,0)+IF('Standard Profiles'!$G$20=$B$24,21,0),MOD($C7351,24)+1)/SUM(INDEX($D$3:$AA$30,INDEX(Jesper!$R$2:$R$366,ROW(INDEX(Jesper!AJ$2:AJ$366,ROUNDDOWN($C7351/24,0)+1,1))-1)+IF('Standard Profiles'!$G$20=$B$10,7,0)+IF('Standard Profiles'!$G$20=$B$17,14,0)+IF('Standard Profiles'!$G$20=$B$24,21,0),0)),0)</f>
        <v>0</v>
      </c>
      <c r="G7351" cm="1">
        <f t="array" ref="G7351">IFERROR(INDEX(Jesper!AK$2:AK$366,ROUNDDOWN($C7351/24,0)+1,1)*INDEX($D$3:$AA$30,INDEX(Jesper!$R$2:$R$366,ROW(INDEX(Jesper!AK$2:AK$366,ROUNDDOWN($C7351/24,0)+1,1))-1)+IF('Standard Profiles'!$G$21=$B$10,7,0)+IF('Standard Profiles'!$G$21=$B$17,14,0)+IF('Standard Profiles'!$G$21=$B$24,21,0),MOD($C7351,24)+1)/SUM(INDEX($D$3:$AA$30,INDEX(Jesper!$R$2:$R$366,ROW(INDEX(Jesper!AK$2:AK$366,ROUNDDOWN($C7351/24,0)+1,1))-1)+IF('Standard Profiles'!$G$21=$B$10,7,0)+IF('Standard Profiles'!$G$21=$B$17,14,0)+IF('Standard Profiles'!$G$21=$B$24,21,0),0)),0)</f>
        <v>1.0379989261723463</v>
      </c>
      <c r="H7351" cm="1">
        <f t="array" ref="H7351">IFERROR(INDEX(Jesper!AL$2:AL$366,ROUNDDOWN($C7351/24,0)+1,1)*INDEX($D$3:$AA$30,INDEX(Jesper!$R$2:$R$366,ROW(INDEX(Jesper!AL$2:AL$366,ROUNDDOWN($C7351/24,0)+1,1))-1)+IF('Standard Profiles'!$G$22=$B$10,7,0)+IF('Standard Profiles'!$G$22=$B$17,14,0)+IF('Standard Profiles'!$G$22=$B$24,21,0),MOD($C7351,24)+1)/SUM(INDEX($D$3:$AA$30,INDEX(Jesper!$R$2:$R$366,ROW(INDEX(Jesper!AL$2:AL$366,ROUNDDOWN($C7351/24,0)+1,1))-1)+IF('Standard Profiles'!$G$22=$B$10,7,0)+IF('Standard Profiles'!$G$22=$B$17,14,0)+IF('Standard Profiles'!$G$22=$B$24,21,0),0)),0)</f>
        <v>0</v>
      </c>
      <c r="I7351">
        <f t="shared" si="818"/>
        <v>0.49823948456272599</v>
      </c>
      <c r="J7351">
        <f t="shared" si="819"/>
        <v>8.8812184143133255</v>
      </c>
      <c r="K7351">
        <f t="shared" si="820"/>
        <v>0.603960560772973</v>
      </c>
      <c r="L7351">
        <f t="shared" si="821"/>
        <v>0.3019802803864865</v>
      </c>
      <c r="M7351">
        <f t="shared" si="822"/>
        <v>0</v>
      </c>
      <c r="N7351" s="45">
        <f t="shared" si="823"/>
        <v>45231.874999982254</v>
      </c>
    </row>
    <row r="7352" spans="2:14" x14ac:dyDescent="0.25">
      <c r="B7352">
        <f t="shared" si="817"/>
        <v>3</v>
      </c>
      <c r="C7352" s="16">
        <v>7318</v>
      </c>
      <c r="D7352" cm="1">
        <f t="array" ref="D7352">IFERROR(INDEX(Jesper!AH$2:AH$366,ROUNDDOWN($C7352/24,0)+1,1)*INDEX($D$3:$AA$30,INDEX(Jesper!$R$2:$R$366,ROW(INDEX(Jesper!AH$2:AH$366,ROUNDDOWN($C7352/24,0)+1,1))-1)+IF('Standard Profiles'!$G$18=$B$10,7,0)+IF('Standard Profiles'!$G$18=$B$17,14,0)+IF('Standard Profiles'!$G$18=$B$24,21,0),MOD($C7352,24)+1)/SUM(INDEX($D$3:$AA$30,INDEX(Jesper!$R$2:$R$366,ROW(INDEX(Jesper!AH$2:AH$366,ROUNDDOWN($C7352/24,0)+1,1))-1)+IF('Standard Profiles'!$G$18=$B$10,7,0)+IF('Standard Profiles'!$G$18=$B$17,14,0)+IF('Standard Profiles'!$G$18=$B$24,21,0),0)),0)</f>
        <v>5.6621302572466217</v>
      </c>
      <c r="E7352" cm="1">
        <f t="array" ref="E7352">IFERROR(INDEX(Jesper!AI$2:AI$366,ROUNDDOWN($C7352/24,0)+1,1)*INDEX($D$3:$AA$30,INDEX(Jesper!$R$2:$R$366,ROW(INDEX(Jesper!AI$2:AI$366,ROUNDDOWN($C7352/24,0)+1,1))-1)+IF('Standard Profiles'!$G$19=$B$10,7,0)+IF('Standard Profiles'!$G$19=$B$17,14,0)+IF('Standard Profiles'!$G$19=$B$24,21,0),MOD($C7352,24)+1)/SUM(INDEX($D$3:$AA$30,INDEX(Jesper!$R$2:$R$366,ROW(INDEX(Jesper!AI$2:AI$366,ROUNDDOWN($C7352/24,0)+1,1))-1)+IF('Standard Profiles'!$G$19=$B$10,7,0)+IF('Standard Profiles'!$G$19=$B$17,14,0)+IF('Standard Profiles'!$G$19=$B$24,21,0),0)),0)</f>
        <v>3.5852695566165433</v>
      </c>
      <c r="F7352" cm="1">
        <f t="array" ref="F7352">IFERROR(INDEX(Jesper!AJ$2:AJ$366,ROUNDDOWN($C7352/24,0)+1,1)*INDEX($D$3:$AA$30,INDEX(Jesper!$R$2:$R$366,ROW(INDEX(Jesper!AJ$2:AJ$366,ROUNDDOWN($C7352/24,0)+1,1))-1)+IF('Standard Profiles'!$G$20=$B$10,7,0)+IF('Standard Profiles'!$G$20=$B$17,14,0)+IF('Standard Profiles'!$G$20=$B$24,21,0),MOD($C7352,24)+1)/SUM(INDEX($D$3:$AA$30,INDEX(Jesper!$R$2:$R$366,ROW(INDEX(Jesper!AJ$2:AJ$366,ROUNDDOWN($C7352/24,0)+1,1))-1)+IF('Standard Profiles'!$G$20=$B$10,7,0)+IF('Standard Profiles'!$G$20=$B$17,14,0)+IF('Standard Profiles'!$G$20=$B$24,21,0),0)),0)</f>
        <v>0</v>
      </c>
      <c r="G7352" cm="1">
        <f t="array" ref="G7352">IFERROR(INDEX(Jesper!AK$2:AK$366,ROUNDDOWN($C7352/24,0)+1,1)*INDEX($D$3:$AA$30,INDEX(Jesper!$R$2:$R$366,ROW(INDEX(Jesper!AK$2:AK$366,ROUNDDOWN($C7352/24,0)+1,1))-1)+IF('Standard Profiles'!$G$21=$B$10,7,0)+IF('Standard Profiles'!$G$21=$B$17,14,0)+IF('Standard Profiles'!$G$21=$B$24,21,0),MOD($C7352,24)+1)/SUM(INDEX($D$3:$AA$30,INDEX(Jesper!$R$2:$R$366,ROW(INDEX(Jesper!AK$2:AK$366,ROUNDDOWN($C7352/24,0)+1,1))-1)+IF('Standard Profiles'!$G$21=$B$10,7,0)+IF('Standard Profiles'!$G$21=$B$17,14,0)+IF('Standard Profiles'!$G$21=$B$24,21,0),0)),0)</f>
        <v>1.0379989261723463</v>
      </c>
      <c r="H7352" cm="1">
        <f t="array" ref="H7352">IFERROR(INDEX(Jesper!AL$2:AL$366,ROUNDDOWN($C7352/24,0)+1,1)*INDEX($D$3:$AA$30,INDEX(Jesper!$R$2:$R$366,ROW(INDEX(Jesper!AL$2:AL$366,ROUNDDOWN($C7352/24,0)+1,1))-1)+IF('Standard Profiles'!$G$22=$B$10,7,0)+IF('Standard Profiles'!$G$22=$B$17,14,0)+IF('Standard Profiles'!$G$22=$B$24,21,0),MOD($C7352,24)+1)/SUM(INDEX($D$3:$AA$30,INDEX(Jesper!$R$2:$R$366,ROW(INDEX(Jesper!AL$2:AL$366,ROUNDDOWN($C7352/24,0)+1,1))-1)+IF('Standard Profiles'!$G$22=$B$10,7,0)+IF('Standard Profiles'!$G$22=$B$17,14,0)+IF('Standard Profiles'!$G$22=$B$24,21,0),0)),0)</f>
        <v>0</v>
      </c>
      <c r="I7352">
        <f t="shared" si="818"/>
        <v>0.49823948456272599</v>
      </c>
      <c r="J7352">
        <f t="shared" si="819"/>
        <v>8.8812184143133255</v>
      </c>
      <c r="K7352">
        <f t="shared" si="820"/>
        <v>0.603960560772973</v>
      </c>
      <c r="L7352">
        <f t="shared" si="821"/>
        <v>0.3019802803864865</v>
      </c>
      <c r="M7352">
        <f t="shared" si="822"/>
        <v>0</v>
      </c>
      <c r="N7352" s="45">
        <f t="shared" si="823"/>
        <v>45231.916666648918</v>
      </c>
    </row>
    <row r="7353" spans="2:14" x14ac:dyDescent="0.25">
      <c r="B7353">
        <f t="shared" si="817"/>
        <v>3</v>
      </c>
      <c r="C7353" s="16">
        <v>7319</v>
      </c>
      <c r="D7353" cm="1">
        <f t="array" ref="D7353">IFERROR(INDEX(Jesper!AH$2:AH$366,ROUNDDOWN($C7353/24,0)+1,1)*INDEX($D$3:$AA$30,INDEX(Jesper!$R$2:$R$366,ROW(INDEX(Jesper!AH$2:AH$366,ROUNDDOWN($C7353/24,0)+1,1))-1)+IF('Standard Profiles'!$G$18=$B$10,7,0)+IF('Standard Profiles'!$G$18=$B$17,14,0)+IF('Standard Profiles'!$G$18=$B$24,21,0),MOD($C7353,24)+1)/SUM(INDEX($D$3:$AA$30,INDEX(Jesper!$R$2:$R$366,ROW(INDEX(Jesper!AH$2:AH$366,ROUNDDOWN($C7353/24,0)+1,1))-1)+IF('Standard Profiles'!$G$18=$B$10,7,0)+IF('Standard Profiles'!$G$18=$B$17,14,0)+IF('Standard Profiles'!$G$18=$B$24,21,0),0)),0)</f>
        <v>5.6621302572466217</v>
      </c>
      <c r="E7353" cm="1">
        <f t="array" ref="E7353">IFERROR(INDEX(Jesper!AI$2:AI$366,ROUNDDOWN($C7353/24,0)+1,1)*INDEX($D$3:$AA$30,INDEX(Jesper!$R$2:$R$366,ROW(INDEX(Jesper!AI$2:AI$366,ROUNDDOWN($C7353/24,0)+1,1))-1)+IF('Standard Profiles'!$G$19=$B$10,7,0)+IF('Standard Profiles'!$G$19=$B$17,14,0)+IF('Standard Profiles'!$G$19=$B$24,21,0),MOD($C7353,24)+1)/SUM(INDEX($D$3:$AA$30,INDEX(Jesper!$R$2:$R$366,ROW(INDEX(Jesper!AI$2:AI$366,ROUNDDOWN($C7353/24,0)+1,1))-1)+IF('Standard Profiles'!$G$19=$B$10,7,0)+IF('Standard Profiles'!$G$19=$B$17,14,0)+IF('Standard Profiles'!$G$19=$B$24,21,0),0)),0)</f>
        <v>3.5852695566165433</v>
      </c>
      <c r="F7353" cm="1">
        <f t="array" ref="F7353">IFERROR(INDEX(Jesper!AJ$2:AJ$366,ROUNDDOWN($C7353/24,0)+1,1)*INDEX($D$3:$AA$30,INDEX(Jesper!$R$2:$R$366,ROW(INDEX(Jesper!AJ$2:AJ$366,ROUNDDOWN($C7353/24,0)+1,1))-1)+IF('Standard Profiles'!$G$20=$B$10,7,0)+IF('Standard Profiles'!$G$20=$B$17,14,0)+IF('Standard Profiles'!$G$20=$B$24,21,0),MOD($C7353,24)+1)/SUM(INDEX($D$3:$AA$30,INDEX(Jesper!$R$2:$R$366,ROW(INDEX(Jesper!AJ$2:AJ$366,ROUNDDOWN($C7353/24,0)+1,1))-1)+IF('Standard Profiles'!$G$20=$B$10,7,0)+IF('Standard Profiles'!$G$20=$B$17,14,0)+IF('Standard Profiles'!$G$20=$B$24,21,0),0)),0)</f>
        <v>0</v>
      </c>
      <c r="G7353" cm="1">
        <f t="array" ref="G7353">IFERROR(INDEX(Jesper!AK$2:AK$366,ROUNDDOWN($C7353/24,0)+1,1)*INDEX($D$3:$AA$30,INDEX(Jesper!$R$2:$R$366,ROW(INDEX(Jesper!AK$2:AK$366,ROUNDDOWN($C7353/24,0)+1,1))-1)+IF('Standard Profiles'!$G$21=$B$10,7,0)+IF('Standard Profiles'!$G$21=$B$17,14,0)+IF('Standard Profiles'!$G$21=$B$24,21,0),MOD($C7353,24)+1)/SUM(INDEX($D$3:$AA$30,INDEX(Jesper!$R$2:$R$366,ROW(INDEX(Jesper!AK$2:AK$366,ROUNDDOWN($C7353/24,0)+1,1))-1)+IF('Standard Profiles'!$G$21=$B$10,7,0)+IF('Standard Profiles'!$G$21=$B$17,14,0)+IF('Standard Profiles'!$G$21=$B$24,21,0),0)),0)</f>
        <v>1.0379989261723463</v>
      </c>
      <c r="H7353" cm="1">
        <f t="array" ref="H7353">IFERROR(INDEX(Jesper!AL$2:AL$366,ROUNDDOWN($C7353/24,0)+1,1)*INDEX($D$3:$AA$30,INDEX(Jesper!$R$2:$R$366,ROW(INDEX(Jesper!AL$2:AL$366,ROUNDDOWN($C7353/24,0)+1,1))-1)+IF('Standard Profiles'!$G$22=$B$10,7,0)+IF('Standard Profiles'!$G$22=$B$17,14,0)+IF('Standard Profiles'!$G$22=$B$24,21,0),MOD($C7353,24)+1)/SUM(INDEX($D$3:$AA$30,INDEX(Jesper!$R$2:$R$366,ROW(INDEX(Jesper!AL$2:AL$366,ROUNDDOWN($C7353/24,0)+1,1))-1)+IF('Standard Profiles'!$G$22=$B$10,7,0)+IF('Standard Profiles'!$G$22=$B$17,14,0)+IF('Standard Profiles'!$G$22=$B$24,21,0),0)),0)</f>
        <v>0</v>
      </c>
      <c r="I7353">
        <f t="shared" si="818"/>
        <v>0.49823948456272599</v>
      </c>
      <c r="J7353">
        <f t="shared" si="819"/>
        <v>8.8812184143133255</v>
      </c>
      <c r="K7353">
        <f t="shared" si="820"/>
        <v>0.603960560772973</v>
      </c>
      <c r="L7353">
        <f t="shared" si="821"/>
        <v>0.3019802803864865</v>
      </c>
      <c r="M7353">
        <f t="shared" si="822"/>
        <v>0</v>
      </c>
      <c r="N7353" s="45">
        <f t="shared" si="823"/>
        <v>45231.958333315582</v>
      </c>
    </row>
    <row r="7354" spans="2:14" x14ac:dyDescent="0.25">
      <c r="B7354">
        <f t="shared" si="817"/>
        <v>4</v>
      </c>
      <c r="C7354" s="16">
        <v>7320</v>
      </c>
      <c r="D7354" cm="1">
        <f t="array" ref="D7354">IFERROR(INDEX(Jesper!AH$2:AH$366,ROUNDDOWN($C7354/24,0)+1,1)*INDEX($D$3:$AA$30,INDEX(Jesper!$R$2:$R$366,ROW(INDEX(Jesper!AH$2:AH$366,ROUNDDOWN($C7354/24,0)+1,1))-1)+IF('Standard Profiles'!$G$18=$B$10,7,0)+IF('Standard Profiles'!$G$18=$B$17,14,0)+IF('Standard Profiles'!$G$18=$B$24,21,0),MOD($C7354,24)+1)/SUM(INDEX($D$3:$AA$30,INDEX(Jesper!$R$2:$R$366,ROW(INDEX(Jesper!AH$2:AH$366,ROUNDDOWN($C7354/24,0)+1,1))-1)+IF('Standard Profiles'!$G$18=$B$10,7,0)+IF('Standard Profiles'!$G$18=$B$17,14,0)+IF('Standard Profiles'!$G$18=$B$24,21,0),0)),0)</f>
        <v>5.7167220032673223</v>
      </c>
      <c r="E7354" cm="1">
        <f t="array" ref="E7354">IFERROR(INDEX(Jesper!AI$2:AI$366,ROUNDDOWN($C7354/24,0)+1,1)*INDEX($D$3:$AA$30,INDEX(Jesper!$R$2:$R$366,ROW(INDEX(Jesper!AI$2:AI$366,ROUNDDOWN($C7354/24,0)+1,1))-1)+IF('Standard Profiles'!$G$19=$B$10,7,0)+IF('Standard Profiles'!$G$19=$B$17,14,0)+IF('Standard Profiles'!$G$19=$B$24,21,0),MOD($C7354,24)+1)/SUM(INDEX($D$3:$AA$30,INDEX(Jesper!$R$2:$R$366,ROW(INDEX(Jesper!AI$2:AI$366,ROUNDDOWN($C7354/24,0)+1,1))-1)+IF('Standard Profiles'!$G$19=$B$10,7,0)+IF('Standard Profiles'!$G$19=$B$17,14,0)+IF('Standard Profiles'!$G$19=$B$24,21,0),0)),0)</f>
        <v>4.0373653818593951</v>
      </c>
      <c r="F7354" cm="1">
        <f t="array" ref="F7354">IFERROR(INDEX(Jesper!AJ$2:AJ$366,ROUNDDOWN($C7354/24,0)+1,1)*INDEX($D$3:$AA$30,INDEX(Jesper!$R$2:$R$366,ROW(INDEX(Jesper!AJ$2:AJ$366,ROUNDDOWN($C7354/24,0)+1,1))-1)+IF('Standard Profiles'!$G$20=$B$10,7,0)+IF('Standard Profiles'!$G$20=$B$17,14,0)+IF('Standard Profiles'!$G$20=$B$24,21,0),MOD($C7354,24)+1)/SUM(INDEX($D$3:$AA$30,INDEX(Jesper!$R$2:$R$366,ROW(INDEX(Jesper!AJ$2:AJ$366,ROUNDDOWN($C7354/24,0)+1,1))-1)+IF('Standard Profiles'!$G$20=$B$10,7,0)+IF('Standard Profiles'!$G$20=$B$17,14,0)+IF('Standard Profiles'!$G$20=$B$24,21,0),0)),0)</f>
        <v>0</v>
      </c>
      <c r="G7354" cm="1">
        <f t="array" ref="G7354">IFERROR(INDEX(Jesper!AK$2:AK$366,ROUNDDOWN($C7354/24,0)+1,1)*INDEX($D$3:$AA$30,INDEX(Jesper!$R$2:$R$366,ROW(INDEX(Jesper!AK$2:AK$366,ROUNDDOWN($C7354/24,0)+1,1))-1)+IF('Standard Profiles'!$G$21=$B$10,7,0)+IF('Standard Profiles'!$G$21=$B$17,14,0)+IF('Standard Profiles'!$G$21=$B$24,21,0),MOD($C7354,24)+1)/SUM(INDEX($D$3:$AA$30,INDEX(Jesper!$R$2:$R$366,ROW(INDEX(Jesper!AK$2:AK$366,ROUNDDOWN($C7354/24,0)+1,1))-1)+IF('Standard Profiles'!$G$21=$B$10,7,0)+IF('Standard Profiles'!$G$21=$B$17,14,0)+IF('Standard Profiles'!$G$21=$B$24,21,0),0)),0)</f>
        <v>1.1791365451488365</v>
      </c>
      <c r="H7354" cm="1">
        <f t="array" ref="H7354">IFERROR(INDEX(Jesper!AL$2:AL$366,ROUNDDOWN($C7354/24,0)+1,1)*INDEX($D$3:$AA$30,INDEX(Jesper!$R$2:$R$366,ROW(INDEX(Jesper!AL$2:AL$366,ROUNDDOWN($C7354/24,0)+1,1))-1)+IF('Standard Profiles'!$G$22=$B$10,7,0)+IF('Standard Profiles'!$G$22=$B$17,14,0)+IF('Standard Profiles'!$G$22=$B$24,21,0),MOD($C7354,24)+1)/SUM(INDEX($D$3:$AA$30,INDEX(Jesper!$R$2:$R$366,ROW(INDEX(Jesper!AL$2:AL$366,ROUNDDOWN($C7354/24,0)+1,1))-1)+IF('Standard Profiles'!$G$22=$B$10,7,0)+IF('Standard Profiles'!$G$22=$B$17,14,0)+IF('Standard Profiles'!$G$22=$B$24,21,0),0)),0)</f>
        <v>0</v>
      </c>
      <c r="I7354">
        <f t="shared" si="818"/>
        <v>0.56598554167144122</v>
      </c>
      <c r="J7354">
        <f t="shared" si="819"/>
        <v>9.4525628680813405</v>
      </c>
      <c r="K7354">
        <f t="shared" si="820"/>
        <v>0.60978368034851438</v>
      </c>
      <c r="L7354">
        <f t="shared" si="821"/>
        <v>0.30489184017425719</v>
      </c>
      <c r="M7354">
        <f t="shared" si="822"/>
        <v>0</v>
      </c>
      <c r="N7354" s="45">
        <f t="shared" si="823"/>
        <v>45231.999999982247</v>
      </c>
    </row>
    <row r="7355" spans="2:14" x14ac:dyDescent="0.25">
      <c r="B7355">
        <f t="shared" si="817"/>
        <v>4</v>
      </c>
      <c r="C7355" s="16">
        <v>7321</v>
      </c>
      <c r="D7355" cm="1">
        <f t="array" ref="D7355">IFERROR(INDEX(Jesper!AH$2:AH$366,ROUNDDOWN($C7355/24,0)+1,1)*INDEX($D$3:$AA$30,INDEX(Jesper!$R$2:$R$366,ROW(INDEX(Jesper!AH$2:AH$366,ROUNDDOWN($C7355/24,0)+1,1))-1)+IF('Standard Profiles'!$G$18=$B$10,7,0)+IF('Standard Profiles'!$G$18=$B$17,14,0)+IF('Standard Profiles'!$G$18=$B$24,21,0),MOD($C7355,24)+1)/SUM(INDEX($D$3:$AA$30,INDEX(Jesper!$R$2:$R$366,ROW(INDEX(Jesper!AH$2:AH$366,ROUNDDOWN($C7355/24,0)+1,1))-1)+IF('Standard Profiles'!$G$18=$B$10,7,0)+IF('Standard Profiles'!$G$18=$B$17,14,0)+IF('Standard Profiles'!$G$18=$B$24,21,0),0)),0)</f>
        <v>5.7167220032673223</v>
      </c>
      <c r="E7355" cm="1">
        <f t="array" ref="E7355">IFERROR(INDEX(Jesper!AI$2:AI$366,ROUNDDOWN($C7355/24,0)+1,1)*INDEX($D$3:$AA$30,INDEX(Jesper!$R$2:$R$366,ROW(INDEX(Jesper!AI$2:AI$366,ROUNDDOWN($C7355/24,0)+1,1))-1)+IF('Standard Profiles'!$G$19=$B$10,7,0)+IF('Standard Profiles'!$G$19=$B$17,14,0)+IF('Standard Profiles'!$G$19=$B$24,21,0),MOD($C7355,24)+1)/SUM(INDEX($D$3:$AA$30,INDEX(Jesper!$R$2:$R$366,ROW(INDEX(Jesper!AI$2:AI$366,ROUNDDOWN($C7355/24,0)+1,1))-1)+IF('Standard Profiles'!$G$19=$B$10,7,0)+IF('Standard Profiles'!$G$19=$B$17,14,0)+IF('Standard Profiles'!$G$19=$B$24,21,0),0)),0)</f>
        <v>4.0373653818593951</v>
      </c>
      <c r="F7355" cm="1">
        <f t="array" ref="F7355">IFERROR(INDEX(Jesper!AJ$2:AJ$366,ROUNDDOWN($C7355/24,0)+1,1)*INDEX($D$3:$AA$30,INDEX(Jesper!$R$2:$R$366,ROW(INDEX(Jesper!AJ$2:AJ$366,ROUNDDOWN($C7355/24,0)+1,1))-1)+IF('Standard Profiles'!$G$20=$B$10,7,0)+IF('Standard Profiles'!$G$20=$B$17,14,0)+IF('Standard Profiles'!$G$20=$B$24,21,0),MOD($C7355,24)+1)/SUM(INDEX($D$3:$AA$30,INDEX(Jesper!$R$2:$R$366,ROW(INDEX(Jesper!AJ$2:AJ$366,ROUNDDOWN($C7355/24,0)+1,1))-1)+IF('Standard Profiles'!$G$20=$B$10,7,0)+IF('Standard Profiles'!$G$20=$B$17,14,0)+IF('Standard Profiles'!$G$20=$B$24,21,0),0)),0)</f>
        <v>0</v>
      </c>
      <c r="G7355" cm="1">
        <f t="array" ref="G7355">IFERROR(INDEX(Jesper!AK$2:AK$366,ROUNDDOWN($C7355/24,0)+1,1)*INDEX($D$3:$AA$30,INDEX(Jesper!$R$2:$R$366,ROW(INDEX(Jesper!AK$2:AK$366,ROUNDDOWN($C7355/24,0)+1,1))-1)+IF('Standard Profiles'!$G$21=$B$10,7,0)+IF('Standard Profiles'!$G$21=$B$17,14,0)+IF('Standard Profiles'!$G$21=$B$24,21,0),MOD($C7355,24)+1)/SUM(INDEX($D$3:$AA$30,INDEX(Jesper!$R$2:$R$366,ROW(INDEX(Jesper!AK$2:AK$366,ROUNDDOWN($C7355/24,0)+1,1))-1)+IF('Standard Profiles'!$G$21=$B$10,7,0)+IF('Standard Profiles'!$G$21=$B$17,14,0)+IF('Standard Profiles'!$G$21=$B$24,21,0),0)),0)</f>
        <v>1.1791365451488365</v>
      </c>
      <c r="H7355" cm="1">
        <f t="array" ref="H7355">IFERROR(INDEX(Jesper!AL$2:AL$366,ROUNDDOWN($C7355/24,0)+1,1)*INDEX($D$3:$AA$30,INDEX(Jesper!$R$2:$R$366,ROW(INDEX(Jesper!AL$2:AL$366,ROUNDDOWN($C7355/24,0)+1,1))-1)+IF('Standard Profiles'!$G$22=$B$10,7,0)+IF('Standard Profiles'!$G$22=$B$17,14,0)+IF('Standard Profiles'!$G$22=$B$24,21,0),MOD($C7355,24)+1)/SUM(INDEX($D$3:$AA$30,INDEX(Jesper!$R$2:$R$366,ROW(INDEX(Jesper!AL$2:AL$366,ROUNDDOWN($C7355/24,0)+1,1))-1)+IF('Standard Profiles'!$G$22=$B$10,7,0)+IF('Standard Profiles'!$G$22=$B$17,14,0)+IF('Standard Profiles'!$G$22=$B$24,21,0),0)),0)</f>
        <v>0</v>
      </c>
      <c r="I7355">
        <f t="shared" si="818"/>
        <v>0.56598554167144122</v>
      </c>
      <c r="J7355">
        <f t="shared" si="819"/>
        <v>9.4525628680813405</v>
      </c>
      <c r="K7355">
        <f t="shared" si="820"/>
        <v>0.60978368034851438</v>
      </c>
      <c r="L7355">
        <f t="shared" si="821"/>
        <v>0.30489184017425719</v>
      </c>
      <c r="M7355">
        <f t="shared" si="822"/>
        <v>0</v>
      </c>
      <c r="N7355" s="45">
        <f t="shared" si="823"/>
        <v>45232.041666648911</v>
      </c>
    </row>
    <row r="7356" spans="2:14" x14ac:dyDescent="0.25">
      <c r="B7356">
        <f t="shared" si="817"/>
        <v>4</v>
      </c>
      <c r="C7356" s="16">
        <v>7322</v>
      </c>
      <c r="D7356" cm="1">
        <f t="array" ref="D7356">IFERROR(INDEX(Jesper!AH$2:AH$366,ROUNDDOWN($C7356/24,0)+1,1)*INDEX($D$3:$AA$30,INDEX(Jesper!$R$2:$R$366,ROW(INDEX(Jesper!AH$2:AH$366,ROUNDDOWN($C7356/24,0)+1,1))-1)+IF('Standard Profiles'!$G$18=$B$10,7,0)+IF('Standard Profiles'!$G$18=$B$17,14,0)+IF('Standard Profiles'!$G$18=$B$24,21,0),MOD($C7356,24)+1)/SUM(INDEX($D$3:$AA$30,INDEX(Jesper!$R$2:$R$366,ROW(INDEX(Jesper!AH$2:AH$366,ROUNDDOWN($C7356/24,0)+1,1))-1)+IF('Standard Profiles'!$G$18=$B$10,7,0)+IF('Standard Profiles'!$G$18=$B$17,14,0)+IF('Standard Profiles'!$G$18=$B$24,21,0),0)),0)</f>
        <v>5.7167220032673223</v>
      </c>
      <c r="E7356" cm="1">
        <f t="array" ref="E7356">IFERROR(INDEX(Jesper!AI$2:AI$366,ROUNDDOWN($C7356/24,0)+1,1)*INDEX($D$3:$AA$30,INDEX(Jesper!$R$2:$R$366,ROW(INDEX(Jesper!AI$2:AI$366,ROUNDDOWN($C7356/24,0)+1,1))-1)+IF('Standard Profiles'!$G$19=$B$10,7,0)+IF('Standard Profiles'!$G$19=$B$17,14,0)+IF('Standard Profiles'!$G$19=$B$24,21,0),MOD($C7356,24)+1)/SUM(INDEX($D$3:$AA$30,INDEX(Jesper!$R$2:$R$366,ROW(INDEX(Jesper!AI$2:AI$366,ROUNDDOWN($C7356/24,0)+1,1))-1)+IF('Standard Profiles'!$G$19=$B$10,7,0)+IF('Standard Profiles'!$G$19=$B$17,14,0)+IF('Standard Profiles'!$G$19=$B$24,21,0),0)),0)</f>
        <v>4.0373653818593951</v>
      </c>
      <c r="F7356" cm="1">
        <f t="array" ref="F7356">IFERROR(INDEX(Jesper!AJ$2:AJ$366,ROUNDDOWN($C7356/24,0)+1,1)*INDEX($D$3:$AA$30,INDEX(Jesper!$R$2:$R$366,ROW(INDEX(Jesper!AJ$2:AJ$366,ROUNDDOWN($C7356/24,0)+1,1))-1)+IF('Standard Profiles'!$G$20=$B$10,7,0)+IF('Standard Profiles'!$G$20=$B$17,14,0)+IF('Standard Profiles'!$G$20=$B$24,21,0),MOD($C7356,24)+1)/SUM(INDEX($D$3:$AA$30,INDEX(Jesper!$R$2:$R$366,ROW(INDEX(Jesper!AJ$2:AJ$366,ROUNDDOWN($C7356/24,0)+1,1))-1)+IF('Standard Profiles'!$G$20=$B$10,7,0)+IF('Standard Profiles'!$G$20=$B$17,14,0)+IF('Standard Profiles'!$G$20=$B$24,21,0),0)),0)</f>
        <v>0</v>
      </c>
      <c r="G7356" cm="1">
        <f t="array" ref="G7356">IFERROR(INDEX(Jesper!AK$2:AK$366,ROUNDDOWN($C7356/24,0)+1,1)*INDEX($D$3:$AA$30,INDEX(Jesper!$R$2:$R$366,ROW(INDEX(Jesper!AK$2:AK$366,ROUNDDOWN($C7356/24,0)+1,1))-1)+IF('Standard Profiles'!$G$21=$B$10,7,0)+IF('Standard Profiles'!$G$21=$B$17,14,0)+IF('Standard Profiles'!$G$21=$B$24,21,0),MOD($C7356,24)+1)/SUM(INDEX($D$3:$AA$30,INDEX(Jesper!$R$2:$R$366,ROW(INDEX(Jesper!AK$2:AK$366,ROUNDDOWN($C7356/24,0)+1,1))-1)+IF('Standard Profiles'!$G$21=$B$10,7,0)+IF('Standard Profiles'!$G$21=$B$17,14,0)+IF('Standard Profiles'!$G$21=$B$24,21,0),0)),0)</f>
        <v>1.1791365451488365</v>
      </c>
      <c r="H7356" cm="1">
        <f t="array" ref="H7356">IFERROR(INDEX(Jesper!AL$2:AL$366,ROUNDDOWN($C7356/24,0)+1,1)*INDEX($D$3:$AA$30,INDEX(Jesper!$R$2:$R$366,ROW(INDEX(Jesper!AL$2:AL$366,ROUNDDOWN($C7356/24,0)+1,1))-1)+IF('Standard Profiles'!$G$22=$B$10,7,0)+IF('Standard Profiles'!$G$22=$B$17,14,0)+IF('Standard Profiles'!$G$22=$B$24,21,0),MOD($C7356,24)+1)/SUM(INDEX($D$3:$AA$30,INDEX(Jesper!$R$2:$R$366,ROW(INDEX(Jesper!AL$2:AL$366,ROUNDDOWN($C7356/24,0)+1,1))-1)+IF('Standard Profiles'!$G$22=$B$10,7,0)+IF('Standard Profiles'!$G$22=$B$17,14,0)+IF('Standard Profiles'!$G$22=$B$24,21,0),0)),0)</f>
        <v>0</v>
      </c>
      <c r="I7356">
        <f t="shared" si="818"/>
        <v>0.56598554167144122</v>
      </c>
      <c r="J7356">
        <f t="shared" si="819"/>
        <v>9.4525628680813405</v>
      </c>
      <c r="K7356">
        <f t="shared" si="820"/>
        <v>0.60978368034851438</v>
      </c>
      <c r="L7356">
        <f t="shared" si="821"/>
        <v>0.30489184017425719</v>
      </c>
      <c r="M7356">
        <f t="shared" si="822"/>
        <v>0</v>
      </c>
      <c r="N7356" s="45">
        <f t="shared" si="823"/>
        <v>45232.083333315575</v>
      </c>
    </row>
    <row r="7357" spans="2:14" x14ac:dyDescent="0.25">
      <c r="B7357">
        <f t="shared" si="817"/>
        <v>4</v>
      </c>
      <c r="C7357" s="16">
        <v>7323</v>
      </c>
      <c r="D7357" cm="1">
        <f t="array" ref="D7357">IFERROR(INDEX(Jesper!AH$2:AH$366,ROUNDDOWN($C7357/24,0)+1,1)*INDEX($D$3:$AA$30,INDEX(Jesper!$R$2:$R$366,ROW(INDEX(Jesper!AH$2:AH$366,ROUNDDOWN($C7357/24,0)+1,1))-1)+IF('Standard Profiles'!$G$18=$B$10,7,0)+IF('Standard Profiles'!$G$18=$B$17,14,0)+IF('Standard Profiles'!$G$18=$B$24,21,0),MOD($C7357,24)+1)/SUM(INDEX($D$3:$AA$30,INDEX(Jesper!$R$2:$R$366,ROW(INDEX(Jesper!AH$2:AH$366,ROUNDDOWN($C7357/24,0)+1,1))-1)+IF('Standard Profiles'!$G$18=$B$10,7,0)+IF('Standard Profiles'!$G$18=$B$17,14,0)+IF('Standard Profiles'!$G$18=$B$24,21,0),0)),0)</f>
        <v>5.7167220032673223</v>
      </c>
      <c r="E7357" cm="1">
        <f t="array" ref="E7357">IFERROR(INDEX(Jesper!AI$2:AI$366,ROUNDDOWN($C7357/24,0)+1,1)*INDEX($D$3:$AA$30,INDEX(Jesper!$R$2:$R$366,ROW(INDEX(Jesper!AI$2:AI$366,ROUNDDOWN($C7357/24,0)+1,1))-1)+IF('Standard Profiles'!$G$19=$B$10,7,0)+IF('Standard Profiles'!$G$19=$B$17,14,0)+IF('Standard Profiles'!$G$19=$B$24,21,0),MOD($C7357,24)+1)/SUM(INDEX($D$3:$AA$30,INDEX(Jesper!$R$2:$R$366,ROW(INDEX(Jesper!AI$2:AI$366,ROUNDDOWN($C7357/24,0)+1,1))-1)+IF('Standard Profiles'!$G$19=$B$10,7,0)+IF('Standard Profiles'!$G$19=$B$17,14,0)+IF('Standard Profiles'!$G$19=$B$24,21,0),0)),0)</f>
        <v>4.0373653818593951</v>
      </c>
      <c r="F7357" cm="1">
        <f t="array" ref="F7357">IFERROR(INDEX(Jesper!AJ$2:AJ$366,ROUNDDOWN($C7357/24,0)+1,1)*INDEX($D$3:$AA$30,INDEX(Jesper!$R$2:$R$366,ROW(INDEX(Jesper!AJ$2:AJ$366,ROUNDDOWN($C7357/24,0)+1,1))-1)+IF('Standard Profiles'!$G$20=$B$10,7,0)+IF('Standard Profiles'!$G$20=$B$17,14,0)+IF('Standard Profiles'!$G$20=$B$24,21,0),MOD($C7357,24)+1)/SUM(INDEX($D$3:$AA$30,INDEX(Jesper!$R$2:$R$366,ROW(INDEX(Jesper!AJ$2:AJ$366,ROUNDDOWN($C7357/24,0)+1,1))-1)+IF('Standard Profiles'!$G$20=$B$10,7,0)+IF('Standard Profiles'!$G$20=$B$17,14,0)+IF('Standard Profiles'!$G$20=$B$24,21,0),0)),0)</f>
        <v>0</v>
      </c>
      <c r="G7357" cm="1">
        <f t="array" ref="G7357">IFERROR(INDEX(Jesper!AK$2:AK$366,ROUNDDOWN($C7357/24,0)+1,1)*INDEX($D$3:$AA$30,INDEX(Jesper!$R$2:$R$366,ROW(INDEX(Jesper!AK$2:AK$366,ROUNDDOWN($C7357/24,0)+1,1))-1)+IF('Standard Profiles'!$G$21=$B$10,7,0)+IF('Standard Profiles'!$G$21=$B$17,14,0)+IF('Standard Profiles'!$G$21=$B$24,21,0),MOD($C7357,24)+1)/SUM(INDEX($D$3:$AA$30,INDEX(Jesper!$R$2:$R$366,ROW(INDEX(Jesper!AK$2:AK$366,ROUNDDOWN($C7357/24,0)+1,1))-1)+IF('Standard Profiles'!$G$21=$B$10,7,0)+IF('Standard Profiles'!$G$21=$B$17,14,0)+IF('Standard Profiles'!$G$21=$B$24,21,0),0)),0)</f>
        <v>1.1791365451488365</v>
      </c>
      <c r="H7357" cm="1">
        <f t="array" ref="H7357">IFERROR(INDEX(Jesper!AL$2:AL$366,ROUNDDOWN($C7357/24,0)+1,1)*INDEX($D$3:$AA$30,INDEX(Jesper!$R$2:$R$366,ROW(INDEX(Jesper!AL$2:AL$366,ROUNDDOWN($C7357/24,0)+1,1))-1)+IF('Standard Profiles'!$G$22=$B$10,7,0)+IF('Standard Profiles'!$G$22=$B$17,14,0)+IF('Standard Profiles'!$G$22=$B$24,21,0),MOD($C7357,24)+1)/SUM(INDEX($D$3:$AA$30,INDEX(Jesper!$R$2:$R$366,ROW(INDEX(Jesper!AL$2:AL$366,ROUNDDOWN($C7357/24,0)+1,1))-1)+IF('Standard Profiles'!$G$22=$B$10,7,0)+IF('Standard Profiles'!$G$22=$B$17,14,0)+IF('Standard Profiles'!$G$22=$B$24,21,0),0)),0)</f>
        <v>0</v>
      </c>
      <c r="I7357">
        <f t="shared" si="818"/>
        <v>0.56598554167144122</v>
      </c>
      <c r="J7357">
        <f t="shared" si="819"/>
        <v>9.4525628680813405</v>
      </c>
      <c r="K7357">
        <f t="shared" si="820"/>
        <v>0.60978368034851438</v>
      </c>
      <c r="L7357">
        <f t="shared" si="821"/>
        <v>0.30489184017425719</v>
      </c>
      <c r="M7357">
        <f t="shared" si="822"/>
        <v>0</v>
      </c>
      <c r="N7357" s="45">
        <f t="shared" si="823"/>
        <v>45232.124999982239</v>
      </c>
    </row>
    <row r="7358" spans="2:14" x14ac:dyDescent="0.25">
      <c r="B7358">
        <f t="shared" si="817"/>
        <v>4</v>
      </c>
      <c r="C7358" s="16">
        <v>7324</v>
      </c>
      <c r="D7358" cm="1">
        <f t="array" ref="D7358">IFERROR(INDEX(Jesper!AH$2:AH$366,ROUNDDOWN($C7358/24,0)+1,1)*INDEX($D$3:$AA$30,INDEX(Jesper!$R$2:$R$366,ROW(INDEX(Jesper!AH$2:AH$366,ROUNDDOWN($C7358/24,0)+1,1))-1)+IF('Standard Profiles'!$G$18=$B$10,7,0)+IF('Standard Profiles'!$G$18=$B$17,14,0)+IF('Standard Profiles'!$G$18=$B$24,21,0),MOD($C7358,24)+1)/SUM(INDEX($D$3:$AA$30,INDEX(Jesper!$R$2:$R$366,ROW(INDEX(Jesper!AH$2:AH$366,ROUNDDOWN($C7358/24,0)+1,1))-1)+IF('Standard Profiles'!$G$18=$B$10,7,0)+IF('Standard Profiles'!$G$18=$B$17,14,0)+IF('Standard Profiles'!$G$18=$B$24,21,0),0)),0)</f>
        <v>5.7167220032673223</v>
      </c>
      <c r="E7358" cm="1">
        <f t="array" ref="E7358">IFERROR(INDEX(Jesper!AI$2:AI$366,ROUNDDOWN($C7358/24,0)+1,1)*INDEX($D$3:$AA$30,INDEX(Jesper!$R$2:$R$366,ROW(INDEX(Jesper!AI$2:AI$366,ROUNDDOWN($C7358/24,0)+1,1))-1)+IF('Standard Profiles'!$G$19=$B$10,7,0)+IF('Standard Profiles'!$G$19=$B$17,14,0)+IF('Standard Profiles'!$G$19=$B$24,21,0),MOD($C7358,24)+1)/SUM(INDEX($D$3:$AA$30,INDEX(Jesper!$R$2:$R$366,ROW(INDEX(Jesper!AI$2:AI$366,ROUNDDOWN($C7358/24,0)+1,1))-1)+IF('Standard Profiles'!$G$19=$B$10,7,0)+IF('Standard Profiles'!$G$19=$B$17,14,0)+IF('Standard Profiles'!$G$19=$B$24,21,0),0)),0)</f>
        <v>4.0373653818593951</v>
      </c>
      <c r="F7358" cm="1">
        <f t="array" ref="F7358">IFERROR(INDEX(Jesper!AJ$2:AJ$366,ROUNDDOWN($C7358/24,0)+1,1)*INDEX($D$3:$AA$30,INDEX(Jesper!$R$2:$R$366,ROW(INDEX(Jesper!AJ$2:AJ$366,ROUNDDOWN($C7358/24,0)+1,1))-1)+IF('Standard Profiles'!$G$20=$B$10,7,0)+IF('Standard Profiles'!$G$20=$B$17,14,0)+IF('Standard Profiles'!$G$20=$B$24,21,0),MOD($C7358,24)+1)/SUM(INDEX($D$3:$AA$30,INDEX(Jesper!$R$2:$R$366,ROW(INDEX(Jesper!AJ$2:AJ$366,ROUNDDOWN($C7358/24,0)+1,1))-1)+IF('Standard Profiles'!$G$20=$B$10,7,0)+IF('Standard Profiles'!$G$20=$B$17,14,0)+IF('Standard Profiles'!$G$20=$B$24,21,0),0)),0)</f>
        <v>0</v>
      </c>
      <c r="G7358" cm="1">
        <f t="array" ref="G7358">IFERROR(INDEX(Jesper!AK$2:AK$366,ROUNDDOWN($C7358/24,0)+1,1)*INDEX($D$3:$AA$30,INDEX(Jesper!$R$2:$R$366,ROW(INDEX(Jesper!AK$2:AK$366,ROUNDDOWN($C7358/24,0)+1,1))-1)+IF('Standard Profiles'!$G$21=$B$10,7,0)+IF('Standard Profiles'!$G$21=$B$17,14,0)+IF('Standard Profiles'!$G$21=$B$24,21,0),MOD($C7358,24)+1)/SUM(INDEX($D$3:$AA$30,INDEX(Jesper!$R$2:$R$366,ROW(INDEX(Jesper!AK$2:AK$366,ROUNDDOWN($C7358/24,0)+1,1))-1)+IF('Standard Profiles'!$G$21=$B$10,7,0)+IF('Standard Profiles'!$G$21=$B$17,14,0)+IF('Standard Profiles'!$G$21=$B$24,21,0),0)),0)</f>
        <v>1.1791365451488365</v>
      </c>
      <c r="H7358" cm="1">
        <f t="array" ref="H7358">IFERROR(INDEX(Jesper!AL$2:AL$366,ROUNDDOWN($C7358/24,0)+1,1)*INDEX($D$3:$AA$30,INDEX(Jesper!$R$2:$R$366,ROW(INDEX(Jesper!AL$2:AL$366,ROUNDDOWN($C7358/24,0)+1,1))-1)+IF('Standard Profiles'!$G$22=$B$10,7,0)+IF('Standard Profiles'!$G$22=$B$17,14,0)+IF('Standard Profiles'!$G$22=$B$24,21,0),MOD($C7358,24)+1)/SUM(INDEX($D$3:$AA$30,INDEX(Jesper!$R$2:$R$366,ROW(INDEX(Jesper!AL$2:AL$366,ROUNDDOWN($C7358/24,0)+1,1))-1)+IF('Standard Profiles'!$G$22=$B$10,7,0)+IF('Standard Profiles'!$G$22=$B$17,14,0)+IF('Standard Profiles'!$G$22=$B$24,21,0),0)),0)</f>
        <v>0</v>
      </c>
      <c r="I7358">
        <f t="shared" si="818"/>
        <v>0.56598554167144122</v>
      </c>
      <c r="J7358">
        <f t="shared" si="819"/>
        <v>9.4525628680813405</v>
      </c>
      <c r="K7358">
        <f t="shared" si="820"/>
        <v>0.60978368034851438</v>
      </c>
      <c r="L7358">
        <f t="shared" si="821"/>
        <v>0.30489184017425719</v>
      </c>
      <c r="M7358">
        <f t="shared" si="822"/>
        <v>0</v>
      </c>
      <c r="N7358" s="45">
        <f t="shared" si="823"/>
        <v>45232.166666648904</v>
      </c>
    </row>
    <row r="7359" spans="2:14" x14ac:dyDescent="0.25">
      <c r="B7359">
        <f t="shared" si="817"/>
        <v>4</v>
      </c>
      <c r="C7359" s="16">
        <v>7325</v>
      </c>
      <c r="D7359" cm="1">
        <f t="array" ref="D7359">IFERROR(INDEX(Jesper!AH$2:AH$366,ROUNDDOWN($C7359/24,0)+1,1)*INDEX($D$3:$AA$30,INDEX(Jesper!$R$2:$R$366,ROW(INDEX(Jesper!AH$2:AH$366,ROUNDDOWN($C7359/24,0)+1,1))-1)+IF('Standard Profiles'!$G$18=$B$10,7,0)+IF('Standard Profiles'!$G$18=$B$17,14,0)+IF('Standard Profiles'!$G$18=$B$24,21,0),MOD($C7359,24)+1)/SUM(INDEX($D$3:$AA$30,INDEX(Jesper!$R$2:$R$366,ROW(INDEX(Jesper!AH$2:AH$366,ROUNDDOWN($C7359/24,0)+1,1))-1)+IF('Standard Profiles'!$G$18=$B$10,7,0)+IF('Standard Profiles'!$G$18=$B$17,14,0)+IF('Standard Profiles'!$G$18=$B$24,21,0),0)),0)</f>
        <v>5.7167220032673223</v>
      </c>
      <c r="E7359" cm="1">
        <f t="array" ref="E7359">IFERROR(INDEX(Jesper!AI$2:AI$366,ROUNDDOWN($C7359/24,0)+1,1)*INDEX($D$3:$AA$30,INDEX(Jesper!$R$2:$R$366,ROW(INDEX(Jesper!AI$2:AI$366,ROUNDDOWN($C7359/24,0)+1,1))-1)+IF('Standard Profiles'!$G$19=$B$10,7,0)+IF('Standard Profiles'!$G$19=$B$17,14,0)+IF('Standard Profiles'!$G$19=$B$24,21,0),MOD($C7359,24)+1)/SUM(INDEX($D$3:$AA$30,INDEX(Jesper!$R$2:$R$366,ROW(INDEX(Jesper!AI$2:AI$366,ROUNDDOWN($C7359/24,0)+1,1))-1)+IF('Standard Profiles'!$G$19=$B$10,7,0)+IF('Standard Profiles'!$G$19=$B$17,14,0)+IF('Standard Profiles'!$G$19=$B$24,21,0),0)),0)</f>
        <v>4.0373653818593951</v>
      </c>
      <c r="F7359" cm="1">
        <f t="array" ref="F7359">IFERROR(INDEX(Jesper!AJ$2:AJ$366,ROUNDDOWN($C7359/24,0)+1,1)*INDEX($D$3:$AA$30,INDEX(Jesper!$R$2:$R$366,ROW(INDEX(Jesper!AJ$2:AJ$366,ROUNDDOWN($C7359/24,0)+1,1))-1)+IF('Standard Profiles'!$G$20=$B$10,7,0)+IF('Standard Profiles'!$G$20=$B$17,14,0)+IF('Standard Profiles'!$G$20=$B$24,21,0),MOD($C7359,24)+1)/SUM(INDEX($D$3:$AA$30,INDEX(Jesper!$R$2:$R$366,ROW(INDEX(Jesper!AJ$2:AJ$366,ROUNDDOWN($C7359/24,0)+1,1))-1)+IF('Standard Profiles'!$G$20=$B$10,7,0)+IF('Standard Profiles'!$G$20=$B$17,14,0)+IF('Standard Profiles'!$G$20=$B$24,21,0),0)),0)</f>
        <v>0</v>
      </c>
      <c r="G7359" cm="1">
        <f t="array" ref="G7359">IFERROR(INDEX(Jesper!AK$2:AK$366,ROUNDDOWN($C7359/24,0)+1,1)*INDEX($D$3:$AA$30,INDEX(Jesper!$R$2:$R$366,ROW(INDEX(Jesper!AK$2:AK$366,ROUNDDOWN($C7359/24,0)+1,1))-1)+IF('Standard Profiles'!$G$21=$B$10,7,0)+IF('Standard Profiles'!$G$21=$B$17,14,0)+IF('Standard Profiles'!$G$21=$B$24,21,0),MOD($C7359,24)+1)/SUM(INDEX($D$3:$AA$30,INDEX(Jesper!$R$2:$R$366,ROW(INDEX(Jesper!AK$2:AK$366,ROUNDDOWN($C7359/24,0)+1,1))-1)+IF('Standard Profiles'!$G$21=$B$10,7,0)+IF('Standard Profiles'!$G$21=$B$17,14,0)+IF('Standard Profiles'!$G$21=$B$24,21,0),0)),0)</f>
        <v>1.1791365451488365</v>
      </c>
      <c r="H7359" cm="1">
        <f t="array" ref="H7359">IFERROR(INDEX(Jesper!AL$2:AL$366,ROUNDDOWN($C7359/24,0)+1,1)*INDEX($D$3:$AA$30,INDEX(Jesper!$R$2:$R$366,ROW(INDEX(Jesper!AL$2:AL$366,ROUNDDOWN($C7359/24,0)+1,1))-1)+IF('Standard Profiles'!$G$22=$B$10,7,0)+IF('Standard Profiles'!$G$22=$B$17,14,0)+IF('Standard Profiles'!$G$22=$B$24,21,0),MOD($C7359,24)+1)/SUM(INDEX($D$3:$AA$30,INDEX(Jesper!$R$2:$R$366,ROW(INDEX(Jesper!AL$2:AL$366,ROUNDDOWN($C7359/24,0)+1,1))-1)+IF('Standard Profiles'!$G$22=$B$10,7,0)+IF('Standard Profiles'!$G$22=$B$17,14,0)+IF('Standard Profiles'!$G$22=$B$24,21,0),0)),0)</f>
        <v>0</v>
      </c>
      <c r="I7359">
        <f t="shared" si="818"/>
        <v>0.56598554167144122</v>
      </c>
      <c r="J7359">
        <f t="shared" si="819"/>
        <v>9.4525628680813405</v>
      </c>
      <c r="K7359">
        <f t="shared" si="820"/>
        <v>0.60978368034851438</v>
      </c>
      <c r="L7359">
        <f t="shared" si="821"/>
        <v>0.30489184017425719</v>
      </c>
      <c r="M7359">
        <f t="shared" si="822"/>
        <v>0</v>
      </c>
      <c r="N7359" s="45">
        <f t="shared" si="823"/>
        <v>45232.208333315568</v>
      </c>
    </row>
    <row r="7360" spans="2:14" x14ac:dyDescent="0.25">
      <c r="B7360">
        <f t="shared" si="817"/>
        <v>4</v>
      </c>
      <c r="C7360" s="16">
        <v>7326</v>
      </c>
      <c r="D7360" cm="1">
        <f t="array" ref="D7360">IFERROR(INDEX(Jesper!AH$2:AH$366,ROUNDDOWN($C7360/24,0)+1,1)*INDEX($D$3:$AA$30,INDEX(Jesper!$R$2:$R$366,ROW(INDEX(Jesper!AH$2:AH$366,ROUNDDOWN($C7360/24,0)+1,1))-1)+IF('Standard Profiles'!$G$18=$B$10,7,0)+IF('Standard Profiles'!$G$18=$B$17,14,0)+IF('Standard Profiles'!$G$18=$B$24,21,0),MOD($C7360,24)+1)/SUM(INDEX($D$3:$AA$30,INDEX(Jesper!$R$2:$R$366,ROW(INDEX(Jesper!AH$2:AH$366,ROUNDDOWN($C7360/24,0)+1,1))-1)+IF('Standard Profiles'!$G$18=$B$10,7,0)+IF('Standard Profiles'!$G$18=$B$17,14,0)+IF('Standard Profiles'!$G$18=$B$24,21,0),0)),0)</f>
        <v>5.7167220032673223</v>
      </c>
      <c r="E7360" cm="1">
        <f t="array" ref="E7360">IFERROR(INDEX(Jesper!AI$2:AI$366,ROUNDDOWN($C7360/24,0)+1,1)*INDEX($D$3:$AA$30,INDEX(Jesper!$R$2:$R$366,ROW(INDEX(Jesper!AI$2:AI$366,ROUNDDOWN($C7360/24,0)+1,1))-1)+IF('Standard Profiles'!$G$19=$B$10,7,0)+IF('Standard Profiles'!$G$19=$B$17,14,0)+IF('Standard Profiles'!$G$19=$B$24,21,0),MOD($C7360,24)+1)/SUM(INDEX($D$3:$AA$30,INDEX(Jesper!$R$2:$R$366,ROW(INDEX(Jesper!AI$2:AI$366,ROUNDDOWN($C7360/24,0)+1,1))-1)+IF('Standard Profiles'!$G$19=$B$10,7,0)+IF('Standard Profiles'!$G$19=$B$17,14,0)+IF('Standard Profiles'!$G$19=$B$24,21,0),0)),0)</f>
        <v>4.0373653818593951</v>
      </c>
      <c r="F7360" cm="1">
        <f t="array" ref="F7360">IFERROR(INDEX(Jesper!AJ$2:AJ$366,ROUNDDOWN($C7360/24,0)+1,1)*INDEX($D$3:$AA$30,INDEX(Jesper!$R$2:$R$366,ROW(INDEX(Jesper!AJ$2:AJ$366,ROUNDDOWN($C7360/24,0)+1,1))-1)+IF('Standard Profiles'!$G$20=$B$10,7,0)+IF('Standard Profiles'!$G$20=$B$17,14,0)+IF('Standard Profiles'!$G$20=$B$24,21,0),MOD($C7360,24)+1)/SUM(INDEX($D$3:$AA$30,INDEX(Jesper!$R$2:$R$366,ROW(INDEX(Jesper!AJ$2:AJ$366,ROUNDDOWN($C7360/24,0)+1,1))-1)+IF('Standard Profiles'!$G$20=$B$10,7,0)+IF('Standard Profiles'!$G$20=$B$17,14,0)+IF('Standard Profiles'!$G$20=$B$24,21,0),0)),0)</f>
        <v>0</v>
      </c>
      <c r="G7360" cm="1">
        <f t="array" ref="G7360">IFERROR(INDEX(Jesper!AK$2:AK$366,ROUNDDOWN($C7360/24,0)+1,1)*INDEX($D$3:$AA$30,INDEX(Jesper!$R$2:$R$366,ROW(INDEX(Jesper!AK$2:AK$366,ROUNDDOWN($C7360/24,0)+1,1))-1)+IF('Standard Profiles'!$G$21=$B$10,7,0)+IF('Standard Profiles'!$G$21=$B$17,14,0)+IF('Standard Profiles'!$G$21=$B$24,21,0),MOD($C7360,24)+1)/SUM(INDEX($D$3:$AA$30,INDEX(Jesper!$R$2:$R$366,ROW(INDEX(Jesper!AK$2:AK$366,ROUNDDOWN($C7360/24,0)+1,1))-1)+IF('Standard Profiles'!$G$21=$B$10,7,0)+IF('Standard Profiles'!$G$21=$B$17,14,0)+IF('Standard Profiles'!$G$21=$B$24,21,0),0)),0)</f>
        <v>1.1791365451488365</v>
      </c>
      <c r="H7360" cm="1">
        <f t="array" ref="H7360">IFERROR(INDEX(Jesper!AL$2:AL$366,ROUNDDOWN($C7360/24,0)+1,1)*INDEX($D$3:$AA$30,INDEX(Jesper!$R$2:$R$366,ROW(INDEX(Jesper!AL$2:AL$366,ROUNDDOWN($C7360/24,0)+1,1))-1)+IF('Standard Profiles'!$G$22=$B$10,7,0)+IF('Standard Profiles'!$G$22=$B$17,14,0)+IF('Standard Profiles'!$G$22=$B$24,21,0),MOD($C7360,24)+1)/SUM(INDEX($D$3:$AA$30,INDEX(Jesper!$R$2:$R$366,ROW(INDEX(Jesper!AL$2:AL$366,ROUNDDOWN($C7360/24,0)+1,1))-1)+IF('Standard Profiles'!$G$22=$B$10,7,0)+IF('Standard Profiles'!$G$22=$B$17,14,0)+IF('Standard Profiles'!$G$22=$B$24,21,0),0)),0)</f>
        <v>0</v>
      </c>
      <c r="I7360">
        <f t="shared" si="818"/>
        <v>0.56598554167144122</v>
      </c>
      <c r="J7360">
        <f t="shared" si="819"/>
        <v>9.4525628680813405</v>
      </c>
      <c r="K7360">
        <f t="shared" si="820"/>
        <v>0.60978368034851438</v>
      </c>
      <c r="L7360">
        <f t="shared" si="821"/>
        <v>0.30489184017425719</v>
      </c>
      <c r="M7360">
        <f t="shared" si="822"/>
        <v>0</v>
      </c>
      <c r="N7360" s="45">
        <f t="shared" si="823"/>
        <v>45232.249999982232</v>
      </c>
    </row>
    <row r="7361" spans="2:14" x14ac:dyDescent="0.25">
      <c r="B7361">
        <f t="shared" si="817"/>
        <v>4</v>
      </c>
      <c r="C7361" s="16">
        <v>7327</v>
      </c>
      <c r="D7361" cm="1">
        <f t="array" ref="D7361">IFERROR(INDEX(Jesper!AH$2:AH$366,ROUNDDOWN($C7361/24,0)+1,1)*INDEX($D$3:$AA$30,INDEX(Jesper!$R$2:$R$366,ROW(INDEX(Jesper!AH$2:AH$366,ROUNDDOWN($C7361/24,0)+1,1))-1)+IF('Standard Profiles'!$G$18=$B$10,7,0)+IF('Standard Profiles'!$G$18=$B$17,14,0)+IF('Standard Profiles'!$G$18=$B$24,21,0),MOD($C7361,24)+1)/SUM(INDEX($D$3:$AA$30,INDEX(Jesper!$R$2:$R$366,ROW(INDEX(Jesper!AH$2:AH$366,ROUNDDOWN($C7361/24,0)+1,1))-1)+IF('Standard Profiles'!$G$18=$B$10,7,0)+IF('Standard Profiles'!$G$18=$B$17,14,0)+IF('Standard Profiles'!$G$18=$B$24,21,0),0)),0)</f>
        <v>23.369266613356412</v>
      </c>
      <c r="E7361" cm="1">
        <f t="array" ref="E7361">IFERROR(INDEX(Jesper!AI$2:AI$366,ROUNDDOWN($C7361/24,0)+1,1)*INDEX($D$3:$AA$30,INDEX(Jesper!$R$2:$R$366,ROW(INDEX(Jesper!AI$2:AI$366,ROUNDDOWN($C7361/24,0)+1,1))-1)+IF('Standard Profiles'!$G$19=$B$10,7,0)+IF('Standard Profiles'!$G$19=$B$17,14,0)+IF('Standard Profiles'!$G$19=$B$24,21,0),MOD($C7361,24)+1)/SUM(INDEX($D$3:$AA$30,INDEX(Jesper!$R$2:$R$366,ROW(INDEX(Jesper!AI$2:AI$366,ROUNDDOWN($C7361/24,0)+1,1))-1)+IF('Standard Profiles'!$G$19=$B$10,7,0)+IF('Standard Profiles'!$G$19=$B$17,14,0)+IF('Standard Profiles'!$G$19=$B$24,21,0),0)),0)</f>
        <v>16.504260303419159</v>
      </c>
      <c r="F7361" cm="1">
        <f t="array" ref="F7361">IFERROR(INDEX(Jesper!AJ$2:AJ$366,ROUNDDOWN($C7361/24,0)+1,1)*INDEX($D$3:$AA$30,INDEX(Jesper!$R$2:$R$366,ROW(INDEX(Jesper!AJ$2:AJ$366,ROUNDDOWN($C7361/24,0)+1,1))-1)+IF('Standard Profiles'!$G$20=$B$10,7,0)+IF('Standard Profiles'!$G$20=$B$17,14,0)+IF('Standard Profiles'!$G$20=$B$24,21,0),MOD($C7361,24)+1)/SUM(INDEX($D$3:$AA$30,INDEX(Jesper!$R$2:$R$366,ROW(INDEX(Jesper!AJ$2:AJ$366,ROUNDDOWN($C7361/24,0)+1,1))-1)+IF('Standard Profiles'!$G$20=$B$10,7,0)+IF('Standard Profiles'!$G$20=$B$17,14,0)+IF('Standard Profiles'!$G$20=$B$24,21,0),0)),0)</f>
        <v>0</v>
      </c>
      <c r="G7361" cm="1">
        <f t="array" ref="G7361">IFERROR(INDEX(Jesper!AK$2:AK$366,ROUNDDOWN($C7361/24,0)+1,1)*INDEX($D$3:$AA$30,INDEX(Jesper!$R$2:$R$366,ROW(INDEX(Jesper!AK$2:AK$366,ROUNDDOWN($C7361/24,0)+1,1))-1)+IF('Standard Profiles'!$G$21=$B$10,7,0)+IF('Standard Profiles'!$G$21=$B$17,14,0)+IF('Standard Profiles'!$G$21=$B$24,21,0),MOD($C7361,24)+1)/SUM(INDEX($D$3:$AA$30,INDEX(Jesper!$R$2:$R$366,ROW(INDEX(Jesper!AK$2:AK$366,ROUNDDOWN($C7361/24,0)+1,1))-1)+IF('Standard Profiles'!$G$21=$B$10,7,0)+IF('Standard Profiles'!$G$21=$B$17,14,0)+IF('Standard Profiles'!$G$21=$B$24,21,0),0)),0)</f>
        <v>3.2485211818850446</v>
      </c>
      <c r="H7361" cm="1">
        <f t="array" ref="H7361">IFERROR(INDEX(Jesper!AL$2:AL$366,ROUNDDOWN($C7361/24,0)+1,1)*INDEX($D$3:$AA$30,INDEX(Jesper!$R$2:$R$366,ROW(INDEX(Jesper!AL$2:AL$366,ROUNDDOWN($C7361/24,0)+1,1))-1)+IF('Standard Profiles'!$G$22=$B$10,7,0)+IF('Standard Profiles'!$G$22=$B$17,14,0)+IF('Standard Profiles'!$G$22=$B$24,21,0),MOD($C7361,24)+1)/SUM(INDEX($D$3:$AA$30,INDEX(Jesper!$R$2:$R$366,ROW(INDEX(Jesper!AL$2:AL$366,ROUNDDOWN($C7361/24,0)+1,1))-1)+IF('Standard Profiles'!$G$22=$B$10,7,0)+IF('Standard Profiles'!$G$22=$B$17,14,0)+IF('Standard Profiles'!$G$22=$B$24,21,0),0)),0)</f>
        <v>0</v>
      </c>
      <c r="I7361">
        <f t="shared" si="818"/>
        <v>1.5592901673048205</v>
      </c>
      <c r="J7361">
        <f t="shared" si="819"/>
        <v>37.823675273218768</v>
      </c>
      <c r="K7361">
        <f t="shared" si="820"/>
        <v>2.4927217720913508</v>
      </c>
      <c r="L7361">
        <f t="shared" si="821"/>
        <v>1.2463608860456754</v>
      </c>
      <c r="M7361">
        <f t="shared" si="822"/>
        <v>0</v>
      </c>
      <c r="N7361" s="45">
        <f t="shared" si="823"/>
        <v>45232.291666648896</v>
      </c>
    </row>
    <row r="7362" spans="2:14" x14ac:dyDescent="0.25">
      <c r="B7362">
        <f t="shared" si="817"/>
        <v>4</v>
      </c>
      <c r="C7362" s="16">
        <v>7328</v>
      </c>
      <c r="D7362" cm="1">
        <f t="array" ref="D7362">IFERROR(INDEX(Jesper!AH$2:AH$366,ROUNDDOWN($C7362/24,0)+1,1)*INDEX($D$3:$AA$30,INDEX(Jesper!$R$2:$R$366,ROW(INDEX(Jesper!AH$2:AH$366,ROUNDDOWN($C7362/24,0)+1,1))-1)+IF('Standard Profiles'!$G$18=$B$10,7,0)+IF('Standard Profiles'!$G$18=$B$17,14,0)+IF('Standard Profiles'!$G$18=$B$24,21,0),MOD($C7362,24)+1)/SUM(INDEX($D$3:$AA$30,INDEX(Jesper!$R$2:$R$366,ROW(INDEX(Jesper!AH$2:AH$366,ROUNDDOWN($C7362/24,0)+1,1))-1)+IF('Standard Profiles'!$G$18=$B$10,7,0)+IF('Standard Profiles'!$G$18=$B$17,14,0)+IF('Standard Profiles'!$G$18=$B$24,21,0),0)),0)</f>
        <v>26.075181694902952</v>
      </c>
      <c r="E7362" cm="1">
        <f t="array" ref="E7362">IFERROR(INDEX(Jesper!AI$2:AI$366,ROUNDDOWN($C7362/24,0)+1,1)*INDEX($D$3:$AA$30,INDEX(Jesper!$R$2:$R$366,ROW(INDEX(Jesper!AI$2:AI$366,ROUNDDOWN($C7362/24,0)+1,1))-1)+IF('Standard Profiles'!$G$19=$B$10,7,0)+IF('Standard Profiles'!$G$19=$B$17,14,0)+IF('Standard Profiles'!$G$19=$B$24,21,0),MOD($C7362,24)+1)/SUM(INDEX($D$3:$AA$30,INDEX(Jesper!$R$2:$R$366,ROW(INDEX(Jesper!AI$2:AI$366,ROUNDDOWN($C7362/24,0)+1,1))-1)+IF('Standard Profiles'!$G$19=$B$10,7,0)+IF('Standard Profiles'!$G$19=$B$17,14,0)+IF('Standard Profiles'!$G$19=$B$24,21,0),0)),0)</f>
        <v>18.415279917499277</v>
      </c>
      <c r="F7362" cm="1">
        <f t="array" ref="F7362">IFERROR(INDEX(Jesper!AJ$2:AJ$366,ROUNDDOWN($C7362/24,0)+1,1)*INDEX($D$3:$AA$30,INDEX(Jesper!$R$2:$R$366,ROW(INDEX(Jesper!AJ$2:AJ$366,ROUNDDOWN($C7362/24,0)+1,1))-1)+IF('Standard Profiles'!$G$20=$B$10,7,0)+IF('Standard Profiles'!$G$20=$B$17,14,0)+IF('Standard Profiles'!$G$20=$B$24,21,0),MOD($C7362,24)+1)/SUM(INDEX($D$3:$AA$30,INDEX(Jesper!$R$2:$R$366,ROW(INDEX(Jesper!AJ$2:AJ$366,ROUNDDOWN($C7362/24,0)+1,1))-1)+IF('Standard Profiles'!$G$20=$B$10,7,0)+IF('Standard Profiles'!$G$20=$B$17,14,0)+IF('Standard Profiles'!$G$20=$B$24,21,0),0)),0)</f>
        <v>0</v>
      </c>
      <c r="G7362" cm="1">
        <f t="array" ref="G7362">IFERROR(INDEX(Jesper!AK$2:AK$366,ROUNDDOWN($C7362/24,0)+1,1)*INDEX($D$3:$AA$30,INDEX(Jesper!$R$2:$R$366,ROW(INDEX(Jesper!AK$2:AK$366,ROUNDDOWN($C7362/24,0)+1,1))-1)+IF('Standard Profiles'!$G$21=$B$10,7,0)+IF('Standard Profiles'!$G$21=$B$17,14,0)+IF('Standard Profiles'!$G$21=$B$24,21,0),MOD($C7362,24)+1)/SUM(INDEX($D$3:$AA$30,INDEX(Jesper!$R$2:$R$366,ROW(INDEX(Jesper!AK$2:AK$366,ROUNDDOWN($C7362/24,0)+1,1))-1)+IF('Standard Profiles'!$G$21=$B$10,7,0)+IF('Standard Profiles'!$G$21=$B$17,14,0)+IF('Standard Profiles'!$G$21=$B$24,21,0),0)),0)</f>
        <v>3.6246657397875235</v>
      </c>
      <c r="H7362" cm="1">
        <f t="array" ref="H7362">IFERROR(INDEX(Jesper!AL$2:AL$366,ROUNDDOWN($C7362/24,0)+1,1)*INDEX($D$3:$AA$30,INDEX(Jesper!$R$2:$R$366,ROW(INDEX(Jesper!AL$2:AL$366,ROUNDDOWN($C7362/24,0)+1,1))-1)+IF('Standard Profiles'!$G$22=$B$10,7,0)+IF('Standard Profiles'!$G$22=$B$17,14,0)+IF('Standard Profiles'!$G$22=$B$24,21,0),MOD($C7362,24)+1)/SUM(INDEX($D$3:$AA$30,INDEX(Jesper!$R$2:$R$366,ROW(INDEX(Jesper!AL$2:AL$366,ROUNDDOWN($C7362/24,0)+1,1))-1)+IF('Standard Profiles'!$G$22=$B$10,7,0)+IF('Standard Profiles'!$G$22=$B$17,14,0)+IF('Standard Profiles'!$G$22=$B$24,21,0),0)),0)</f>
        <v>0</v>
      </c>
      <c r="I7362">
        <f t="shared" si="818"/>
        <v>1.7398395550980104</v>
      </c>
      <c r="J7362">
        <f t="shared" si="819"/>
        <v>42.203258725907276</v>
      </c>
      <c r="K7362">
        <f t="shared" si="820"/>
        <v>2.7813527141229817</v>
      </c>
      <c r="L7362">
        <f t="shared" si="821"/>
        <v>1.3906763570614908</v>
      </c>
      <c r="M7362">
        <f t="shared" si="822"/>
        <v>0</v>
      </c>
      <c r="N7362" s="45">
        <f t="shared" si="823"/>
        <v>45232.333333315561</v>
      </c>
    </row>
    <row r="7363" spans="2:14" x14ac:dyDescent="0.25">
      <c r="B7363">
        <f t="shared" si="817"/>
        <v>4</v>
      </c>
      <c r="C7363" s="16">
        <v>7329</v>
      </c>
      <c r="D7363" cm="1">
        <f t="array" ref="D7363">IFERROR(INDEX(Jesper!AH$2:AH$366,ROUNDDOWN($C7363/24,0)+1,1)*INDEX($D$3:$AA$30,INDEX(Jesper!$R$2:$R$366,ROW(INDEX(Jesper!AH$2:AH$366,ROUNDDOWN($C7363/24,0)+1,1))-1)+IF('Standard Profiles'!$G$18=$B$10,7,0)+IF('Standard Profiles'!$G$18=$B$17,14,0)+IF('Standard Profiles'!$G$18=$B$24,21,0),MOD($C7363,24)+1)/SUM(INDEX($D$3:$AA$30,INDEX(Jesper!$R$2:$R$366,ROW(INDEX(Jesper!AH$2:AH$366,ROUNDDOWN($C7363/24,0)+1,1))-1)+IF('Standard Profiles'!$G$18=$B$10,7,0)+IF('Standard Profiles'!$G$18=$B$17,14,0)+IF('Standard Profiles'!$G$18=$B$24,21,0),0)),0)</f>
        <v>28.781096776449484</v>
      </c>
      <c r="E7363" cm="1">
        <f t="array" ref="E7363">IFERROR(INDEX(Jesper!AI$2:AI$366,ROUNDDOWN($C7363/24,0)+1,1)*INDEX($D$3:$AA$30,INDEX(Jesper!$R$2:$R$366,ROW(INDEX(Jesper!AI$2:AI$366,ROUNDDOWN($C7363/24,0)+1,1))-1)+IF('Standard Profiles'!$G$19=$B$10,7,0)+IF('Standard Profiles'!$G$19=$B$17,14,0)+IF('Standard Profiles'!$G$19=$B$24,21,0),MOD($C7363,24)+1)/SUM(INDEX($D$3:$AA$30,INDEX(Jesper!$R$2:$R$366,ROW(INDEX(Jesper!AI$2:AI$366,ROUNDDOWN($C7363/24,0)+1,1))-1)+IF('Standard Profiles'!$G$19=$B$10,7,0)+IF('Standard Profiles'!$G$19=$B$17,14,0)+IF('Standard Profiles'!$G$19=$B$24,21,0),0)),0)</f>
        <v>20.326299531579391</v>
      </c>
      <c r="F7363" cm="1">
        <f t="array" ref="F7363">IFERROR(INDEX(Jesper!AJ$2:AJ$366,ROUNDDOWN($C7363/24,0)+1,1)*INDEX($D$3:$AA$30,INDEX(Jesper!$R$2:$R$366,ROW(INDEX(Jesper!AJ$2:AJ$366,ROUNDDOWN($C7363/24,0)+1,1))-1)+IF('Standard Profiles'!$G$20=$B$10,7,0)+IF('Standard Profiles'!$G$20=$B$17,14,0)+IF('Standard Profiles'!$G$20=$B$24,21,0),MOD($C7363,24)+1)/SUM(INDEX($D$3:$AA$30,INDEX(Jesper!$R$2:$R$366,ROW(INDEX(Jesper!AJ$2:AJ$366,ROUNDDOWN($C7363/24,0)+1,1))-1)+IF('Standard Profiles'!$G$20=$B$10,7,0)+IF('Standard Profiles'!$G$20=$B$17,14,0)+IF('Standard Profiles'!$G$20=$B$24,21,0),0)),0)</f>
        <v>0</v>
      </c>
      <c r="G7363" cm="1">
        <f t="array" ref="G7363">IFERROR(INDEX(Jesper!AK$2:AK$366,ROUNDDOWN($C7363/24,0)+1,1)*INDEX($D$3:$AA$30,INDEX(Jesper!$R$2:$R$366,ROW(INDEX(Jesper!AK$2:AK$366,ROUNDDOWN($C7363/24,0)+1,1))-1)+IF('Standard Profiles'!$G$21=$B$10,7,0)+IF('Standard Profiles'!$G$21=$B$17,14,0)+IF('Standard Profiles'!$G$21=$B$24,21,0),MOD($C7363,24)+1)/SUM(INDEX($D$3:$AA$30,INDEX(Jesper!$R$2:$R$366,ROW(INDEX(Jesper!AK$2:AK$366,ROUNDDOWN($C7363/24,0)+1,1))-1)+IF('Standard Profiles'!$G$21=$B$10,7,0)+IF('Standard Profiles'!$G$21=$B$17,14,0)+IF('Standard Profiles'!$G$21=$B$24,21,0),0)),0)</f>
        <v>4.000810297690002</v>
      </c>
      <c r="H7363" cm="1">
        <f t="array" ref="H7363">IFERROR(INDEX(Jesper!AL$2:AL$366,ROUNDDOWN($C7363/24,0)+1,1)*INDEX($D$3:$AA$30,INDEX(Jesper!$R$2:$R$366,ROW(INDEX(Jesper!AL$2:AL$366,ROUNDDOWN($C7363/24,0)+1,1))-1)+IF('Standard Profiles'!$G$22=$B$10,7,0)+IF('Standard Profiles'!$G$22=$B$17,14,0)+IF('Standard Profiles'!$G$22=$B$24,21,0),MOD($C7363,24)+1)/SUM(INDEX($D$3:$AA$30,INDEX(Jesper!$R$2:$R$366,ROW(INDEX(Jesper!AL$2:AL$366,ROUNDDOWN($C7363/24,0)+1,1))-1)+IF('Standard Profiles'!$G$22=$B$10,7,0)+IF('Standard Profiles'!$G$22=$B$17,14,0)+IF('Standard Profiles'!$G$22=$B$24,21,0),0)),0)</f>
        <v>0</v>
      </c>
      <c r="I7363">
        <f t="shared" si="818"/>
        <v>1.9203889428912</v>
      </c>
      <c r="J7363">
        <f t="shared" si="819"/>
        <v>46.582842178595754</v>
      </c>
      <c r="K7363">
        <f t="shared" si="820"/>
        <v>3.0699836561546117</v>
      </c>
      <c r="L7363">
        <f t="shared" si="821"/>
        <v>1.5349918280773058</v>
      </c>
      <c r="M7363">
        <f t="shared" si="822"/>
        <v>0</v>
      </c>
      <c r="N7363" s="45">
        <f t="shared" si="823"/>
        <v>45232.374999982225</v>
      </c>
    </row>
    <row r="7364" spans="2:14" x14ac:dyDescent="0.25">
      <c r="B7364">
        <f t="shared" si="817"/>
        <v>4</v>
      </c>
      <c r="C7364" s="16">
        <v>7330</v>
      </c>
      <c r="D7364" cm="1">
        <f t="array" ref="D7364">IFERROR(INDEX(Jesper!AH$2:AH$366,ROUNDDOWN($C7364/24,0)+1,1)*INDEX($D$3:$AA$30,INDEX(Jesper!$R$2:$R$366,ROW(INDEX(Jesper!AH$2:AH$366,ROUNDDOWN($C7364/24,0)+1,1))-1)+IF('Standard Profiles'!$G$18=$B$10,7,0)+IF('Standard Profiles'!$G$18=$B$17,14,0)+IF('Standard Profiles'!$G$18=$B$24,21,0),MOD($C7364,24)+1)/SUM(INDEX($D$3:$AA$30,INDEX(Jesper!$R$2:$R$366,ROW(INDEX(Jesper!AH$2:AH$366,ROUNDDOWN($C7364/24,0)+1,1))-1)+IF('Standard Profiles'!$G$18=$B$10,7,0)+IF('Standard Profiles'!$G$18=$B$17,14,0)+IF('Standard Profiles'!$G$18=$B$24,21,0),0)),0)</f>
        <v>28.781096776449484</v>
      </c>
      <c r="E7364" cm="1">
        <f t="array" ref="E7364">IFERROR(INDEX(Jesper!AI$2:AI$366,ROUNDDOWN($C7364/24,0)+1,1)*INDEX($D$3:$AA$30,INDEX(Jesper!$R$2:$R$366,ROW(INDEX(Jesper!AI$2:AI$366,ROUNDDOWN($C7364/24,0)+1,1))-1)+IF('Standard Profiles'!$G$19=$B$10,7,0)+IF('Standard Profiles'!$G$19=$B$17,14,0)+IF('Standard Profiles'!$G$19=$B$24,21,0),MOD($C7364,24)+1)/SUM(INDEX($D$3:$AA$30,INDEX(Jesper!$R$2:$R$366,ROW(INDEX(Jesper!AI$2:AI$366,ROUNDDOWN($C7364/24,0)+1,1))-1)+IF('Standard Profiles'!$G$19=$B$10,7,0)+IF('Standard Profiles'!$G$19=$B$17,14,0)+IF('Standard Profiles'!$G$19=$B$24,21,0),0)),0)</f>
        <v>20.326299531579391</v>
      </c>
      <c r="F7364" cm="1">
        <f t="array" ref="F7364">IFERROR(INDEX(Jesper!AJ$2:AJ$366,ROUNDDOWN($C7364/24,0)+1,1)*INDEX($D$3:$AA$30,INDEX(Jesper!$R$2:$R$366,ROW(INDEX(Jesper!AJ$2:AJ$366,ROUNDDOWN($C7364/24,0)+1,1))-1)+IF('Standard Profiles'!$G$20=$B$10,7,0)+IF('Standard Profiles'!$G$20=$B$17,14,0)+IF('Standard Profiles'!$G$20=$B$24,21,0),MOD($C7364,24)+1)/SUM(INDEX($D$3:$AA$30,INDEX(Jesper!$R$2:$R$366,ROW(INDEX(Jesper!AJ$2:AJ$366,ROUNDDOWN($C7364/24,0)+1,1))-1)+IF('Standard Profiles'!$G$20=$B$10,7,0)+IF('Standard Profiles'!$G$20=$B$17,14,0)+IF('Standard Profiles'!$G$20=$B$24,21,0),0)),0)</f>
        <v>0</v>
      </c>
      <c r="G7364" cm="1">
        <f t="array" ref="G7364">IFERROR(INDEX(Jesper!AK$2:AK$366,ROUNDDOWN($C7364/24,0)+1,1)*INDEX($D$3:$AA$30,INDEX(Jesper!$R$2:$R$366,ROW(INDEX(Jesper!AK$2:AK$366,ROUNDDOWN($C7364/24,0)+1,1))-1)+IF('Standard Profiles'!$G$21=$B$10,7,0)+IF('Standard Profiles'!$G$21=$B$17,14,0)+IF('Standard Profiles'!$G$21=$B$24,21,0),MOD($C7364,24)+1)/SUM(INDEX($D$3:$AA$30,INDEX(Jesper!$R$2:$R$366,ROW(INDEX(Jesper!AK$2:AK$366,ROUNDDOWN($C7364/24,0)+1,1))-1)+IF('Standard Profiles'!$G$21=$B$10,7,0)+IF('Standard Profiles'!$G$21=$B$17,14,0)+IF('Standard Profiles'!$G$21=$B$24,21,0),0)),0)</f>
        <v>4.000810297690002</v>
      </c>
      <c r="H7364" cm="1">
        <f t="array" ref="H7364">IFERROR(INDEX(Jesper!AL$2:AL$366,ROUNDDOWN($C7364/24,0)+1,1)*INDEX($D$3:$AA$30,INDEX(Jesper!$R$2:$R$366,ROW(INDEX(Jesper!AL$2:AL$366,ROUNDDOWN($C7364/24,0)+1,1))-1)+IF('Standard Profiles'!$G$22=$B$10,7,0)+IF('Standard Profiles'!$G$22=$B$17,14,0)+IF('Standard Profiles'!$G$22=$B$24,21,0),MOD($C7364,24)+1)/SUM(INDEX($D$3:$AA$30,INDEX(Jesper!$R$2:$R$366,ROW(INDEX(Jesper!AL$2:AL$366,ROUNDDOWN($C7364/24,0)+1,1))-1)+IF('Standard Profiles'!$G$22=$B$10,7,0)+IF('Standard Profiles'!$G$22=$B$17,14,0)+IF('Standard Profiles'!$G$22=$B$24,21,0),0)),0)</f>
        <v>0</v>
      </c>
      <c r="I7364">
        <f t="shared" si="818"/>
        <v>1.9203889428912</v>
      </c>
      <c r="J7364">
        <f t="shared" si="819"/>
        <v>46.582842178595754</v>
      </c>
      <c r="K7364">
        <f t="shared" si="820"/>
        <v>3.0699836561546117</v>
      </c>
      <c r="L7364">
        <f t="shared" si="821"/>
        <v>1.5349918280773058</v>
      </c>
      <c r="M7364">
        <f t="shared" si="822"/>
        <v>0</v>
      </c>
      <c r="N7364" s="45">
        <f t="shared" si="823"/>
        <v>45232.416666648889</v>
      </c>
    </row>
    <row r="7365" spans="2:14" x14ac:dyDescent="0.25">
      <c r="B7365">
        <f t="shared" si="817"/>
        <v>4</v>
      </c>
      <c r="C7365" s="16">
        <v>7331</v>
      </c>
      <c r="D7365" cm="1">
        <f t="array" ref="D7365">IFERROR(INDEX(Jesper!AH$2:AH$366,ROUNDDOWN($C7365/24,0)+1,1)*INDEX($D$3:$AA$30,INDEX(Jesper!$R$2:$R$366,ROW(INDEX(Jesper!AH$2:AH$366,ROUNDDOWN($C7365/24,0)+1,1))-1)+IF('Standard Profiles'!$G$18=$B$10,7,0)+IF('Standard Profiles'!$G$18=$B$17,14,0)+IF('Standard Profiles'!$G$18=$B$24,21,0),MOD($C7365,24)+1)/SUM(INDEX($D$3:$AA$30,INDEX(Jesper!$R$2:$R$366,ROW(INDEX(Jesper!AH$2:AH$366,ROUNDDOWN($C7365/24,0)+1,1))-1)+IF('Standard Profiles'!$G$18=$B$10,7,0)+IF('Standard Profiles'!$G$18=$B$17,14,0)+IF('Standard Profiles'!$G$18=$B$24,21,0),0)),0)</f>
        <v>34.438919219683136</v>
      </c>
      <c r="E7365" cm="1">
        <f t="array" ref="E7365">IFERROR(INDEX(Jesper!AI$2:AI$366,ROUNDDOWN($C7365/24,0)+1,1)*INDEX($D$3:$AA$30,INDEX(Jesper!$R$2:$R$366,ROW(INDEX(Jesper!AI$2:AI$366,ROUNDDOWN($C7365/24,0)+1,1))-1)+IF('Standard Profiles'!$G$19=$B$10,7,0)+IF('Standard Profiles'!$G$19=$B$17,14,0)+IF('Standard Profiles'!$G$19=$B$24,21,0),MOD($C7365,24)+1)/SUM(INDEX($D$3:$AA$30,INDEX(Jesper!$R$2:$R$366,ROW(INDEX(Jesper!AI$2:AI$366,ROUNDDOWN($C7365/24,0)+1,1))-1)+IF('Standard Profiles'!$G$19=$B$10,7,0)+IF('Standard Profiles'!$G$19=$B$17,14,0)+IF('Standard Profiles'!$G$19=$B$24,21,0),0)),0)</f>
        <v>24.322067815565081</v>
      </c>
      <c r="F7365" cm="1">
        <f t="array" ref="F7365">IFERROR(INDEX(Jesper!AJ$2:AJ$366,ROUNDDOWN($C7365/24,0)+1,1)*INDEX($D$3:$AA$30,INDEX(Jesper!$R$2:$R$366,ROW(INDEX(Jesper!AJ$2:AJ$366,ROUNDDOWN($C7365/24,0)+1,1))-1)+IF('Standard Profiles'!$G$20=$B$10,7,0)+IF('Standard Profiles'!$G$20=$B$17,14,0)+IF('Standard Profiles'!$G$20=$B$24,21,0),MOD($C7365,24)+1)/SUM(INDEX($D$3:$AA$30,INDEX(Jesper!$R$2:$R$366,ROW(INDEX(Jesper!AJ$2:AJ$366,ROUNDDOWN($C7365/24,0)+1,1))-1)+IF('Standard Profiles'!$G$20=$B$10,7,0)+IF('Standard Profiles'!$G$20=$B$17,14,0)+IF('Standard Profiles'!$G$20=$B$24,21,0),0)),0)</f>
        <v>0</v>
      </c>
      <c r="G7365" cm="1">
        <f t="array" ref="G7365">IFERROR(INDEX(Jesper!AK$2:AK$366,ROUNDDOWN($C7365/24,0)+1,1)*INDEX($D$3:$AA$30,INDEX(Jesper!$R$2:$R$366,ROW(INDEX(Jesper!AK$2:AK$366,ROUNDDOWN($C7365/24,0)+1,1))-1)+IF('Standard Profiles'!$G$21=$B$10,7,0)+IF('Standard Profiles'!$G$21=$B$17,14,0)+IF('Standard Profiles'!$G$21=$B$24,21,0),MOD($C7365,24)+1)/SUM(INDEX($D$3:$AA$30,INDEX(Jesper!$R$2:$R$366,ROW(INDEX(Jesper!AK$2:AK$366,ROUNDDOWN($C7365/24,0)+1,1))-1)+IF('Standard Profiles'!$G$21=$B$10,7,0)+IF('Standard Profiles'!$G$21=$B$17,14,0)+IF('Standard Profiles'!$G$21=$B$24,21,0),0)),0)</f>
        <v>4.7872943733042757</v>
      </c>
      <c r="H7365" cm="1">
        <f t="array" ref="H7365">IFERROR(INDEX(Jesper!AL$2:AL$366,ROUNDDOWN($C7365/24,0)+1,1)*INDEX($D$3:$AA$30,INDEX(Jesper!$R$2:$R$366,ROW(INDEX(Jesper!AL$2:AL$366,ROUNDDOWN($C7365/24,0)+1,1))-1)+IF('Standard Profiles'!$G$22=$B$10,7,0)+IF('Standard Profiles'!$G$22=$B$17,14,0)+IF('Standard Profiles'!$G$22=$B$24,21,0),MOD($C7365,24)+1)/SUM(INDEX($D$3:$AA$30,INDEX(Jesper!$R$2:$R$366,ROW(INDEX(Jesper!AL$2:AL$366,ROUNDDOWN($C7365/24,0)+1,1))-1)+IF('Standard Profiles'!$G$22=$B$10,7,0)+IF('Standard Profiles'!$G$22=$B$17,14,0)+IF('Standard Profiles'!$G$22=$B$24,21,0),0)),0)</f>
        <v>0</v>
      </c>
      <c r="I7365">
        <f t="shared" si="818"/>
        <v>2.297901299186051</v>
      </c>
      <c r="J7365">
        <f t="shared" si="819"/>
        <v>55.740153034217144</v>
      </c>
      <c r="K7365">
        <f t="shared" si="820"/>
        <v>3.6734847167662013</v>
      </c>
      <c r="L7365">
        <f t="shared" si="821"/>
        <v>1.8367423583831006</v>
      </c>
      <c r="M7365">
        <f t="shared" si="822"/>
        <v>0</v>
      </c>
      <c r="N7365" s="45">
        <f t="shared" si="823"/>
        <v>45232.458333315553</v>
      </c>
    </row>
    <row r="7366" spans="2:14" x14ac:dyDescent="0.25">
      <c r="B7366">
        <f t="shared" si="817"/>
        <v>4</v>
      </c>
      <c r="C7366" s="16">
        <v>7332</v>
      </c>
      <c r="D7366" cm="1">
        <f t="array" ref="D7366">IFERROR(INDEX(Jesper!AH$2:AH$366,ROUNDDOWN($C7366/24,0)+1,1)*INDEX($D$3:$AA$30,INDEX(Jesper!$R$2:$R$366,ROW(INDEX(Jesper!AH$2:AH$366,ROUNDDOWN($C7366/24,0)+1,1))-1)+IF('Standard Profiles'!$G$18=$B$10,7,0)+IF('Standard Profiles'!$G$18=$B$17,14,0)+IF('Standard Profiles'!$G$18=$B$24,21,0),MOD($C7366,24)+1)/SUM(INDEX($D$3:$AA$30,INDEX(Jesper!$R$2:$R$366,ROW(INDEX(Jesper!AH$2:AH$366,ROUNDDOWN($C7366/24,0)+1,1))-1)+IF('Standard Profiles'!$G$18=$B$10,7,0)+IF('Standard Profiles'!$G$18=$B$17,14,0)+IF('Standard Profiles'!$G$18=$B$24,21,0),0)),0)</f>
        <v>34.438919219683136</v>
      </c>
      <c r="E7366" cm="1">
        <f t="array" ref="E7366">IFERROR(INDEX(Jesper!AI$2:AI$366,ROUNDDOWN($C7366/24,0)+1,1)*INDEX($D$3:$AA$30,INDEX(Jesper!$R$2:$R$366,ROW(INDEX(Jesper!AI$2:AI$366,ROUNDDOWN($C7366/24,0)+1,1))-1)+IF('Standard Profiles'!$G$19=$B$10,7,0)+IF('Standard Profiles'!$G$19=$B$17,14,0)+IF('Standard Profiles'!$G$19=$B$24,21,0),MOD($C7366,24)+1)/SUM(INDEX($D$3:$AA$30,INDEX(Jesper!$R$2:$R$366,ROW(INDEX(Jesper!AI$2:AI$366,ROUNDDOWN($C7366/24,0)+1,1))-1)+IF('Standard Profiles'!$G$19=$B$10,7,0)+IF('Standard Profiles'!$G$19=$B$17,14,0)+IF('Standard Profiles'!$G$19=$B$24,21,0),0)),0)</f>
        <v>24.322067815565081</v>
      </c>
      <c r="F7366" cm="1">
        <f t="array" ref="F7366">IFERROR(INDEX(Jesper!AJ$2:AJ$366,ROUNDDOWN($C7366/24,0)+1,1)*INDEX($D$3:$AA$30,INDEX(Jesper!$R$2:$R$366,ROW(INDEX(Jesper!AJ$2:AJ$366,ROUNDDOWN($C7366/24,0)+1,1))-1)+IF('Standard Profiles'!$G$20=$B$10,7,0)+IF('Standard Profiles'!$G$20=$B$17,14,0)+IF('Standard Profiles'!$G$20=$B$24,21,0),MOD($C7366,24)+1)/SUM(INDEX($D$3:$AA$30,INDEX(Jesper!$R$2:$R$366,ROW(INDEX(Jesper!AJ$2:AJ$366,ROUNDDOWN($C7366/24,0)+1,1))-1)+IF('Standard Profiles'!$G$20=$B$10,7,0)+IF('Standard Profiles'!$G$20=$B$17,14,0)+IF('Standard Profiles'!$G$20=$B$24,21,0),0)),0)</f>
        <v>0</v>
      </c>
      <c r="G7366" cm="1">
        <f t="array" ref="G7366">IFERROR(INDEX(Jesper!AK$2:AK$366,ROUNDDOWN($C7366/24,0)+1,1)*INDEX($D$3:$AA$30,INDEX(Jesper!$R$2:$R$366,ROW(INDEX(Jesper!AK$2:AK$366,ROUNDDOWN($C7366/24,0)+1,1))-1)+IF('Standard Profiles'!$G$21=$B$10,7,0)+IF('Standard Profiles'!$G$21=$B$17,14,0)+IF('Standard Profiles'!$G$21=$B$24,21,0),MOD($C7366,24)+1)/SUM(INDEX($D$3:$AA$30,INDEX(Jesper!$R$2:$R$366,ROW(INDEX(Jesper!AK$2:AK$366,ROUNDDOWN($C7366/24,0)+1,1))-1)+IF('Standard Profiles'!$G$21=$B$10,7,0)+IF('Standard Profiles'!$G$21=$B$17,14,0)+IF('Standard Profiles'!$G$21=$B$24,21,0),0)),0)</f>
        <v>4.7872943733042757</v>
      </c>
      <c r="H7366" cm="1">
        <f t="array" ref="H7366">IFERROR(INDEX(Jesper!AL$2:AL$366,ROUNDDOWN($C7366/24,0)+1,1)*INDEX($D$3:$AA$30,INDEX(Jesper!$R$2:$R$366,ROW(INDEX(Jesper!AL$2:AL$366,ROUNDDOWN($C7366/24,0)+1,1))-1)+IF('Standard Profiles'!$G$22=$B$10,7,0)+IF('Standard Profiles'!$G$22=$B$17,14,0)+IF('Standard Profiles'!$G$22=$B$24,21,0),MOD($C7366,24)+1)/SUM(INDEX($D$3:$AA$30,INDEX(Jesper!$R$2:$R$366,ROW(INDEX(Jesper!AL$2:AL$366,ROUNDDOWN($C7366/24,0)+1,1))-1)+IF('Standard Profiles'!$G$22=$B$10,7,0)+IF('Standard Profiles'!$G$22=$B$17,14,0)+IF('Standard Profiles'!$G$22=$B$24,21,0),0)),0)</f>
        <v>0</v>
      </c>
      <c r="I7366">
        <f t="shared" si="818"/>
        <v>2.297901299186051</v>
      </c>
      <c r="J7366">
        <f t="shared" si="819"/>
        <v>55.740153034217144</v>
      </c>
      <c r="K7366">
        <f t="shared" si="820"/>
        <v>3.6734847167662013</v>
      </c>
      <c r="L7366">
        <f t="shared" si="821"/>
        <v>1.8367423583831006</v>
      </c>
      <c r="M7366">
        <f t="shared" si="822"/>
        <v>0</v>
      </c>
      <c r="N7366" s="45">
        <f t="shared" si="823"/>
        <v>45232.499999982218</v>
      </c>
    </row>
    <row r="7367" spans="2:14" x14ac:dyDescent="0.25">
      <c r="B7367">
        <f t="shared" si="817"/>
        <v>4</v>
      </c>
      <c r="C7367" s="16">
        <v>7333</v>
      </c>
      <c r="D7367" cm="1">
        <f t="array" ref="D7367">IFERROR(INDEX(Jesper!AH$2:AH$366,ROUNDDOWN($C7367/24,0)+1,1)*INDEX($D$3:$AA$30,INDEX(Jesper!$R$2:$R$366,ROW(INDEX(Jesper!AH$2:AH$366,ROUNDDOWN($C7367/24,0)+1,1))-1)+IF('Standard Profiles'!$G$18=$B$10,7,0)+IF('Standard Profiles'!$G$18=$B$17,14,0)+IF('Standard Profiles'!$G$18=$B$24,21,0),MOD($C7367,24)+1)/SUM(INDEX($D$3:$AA$30,INDEX(Jesper!$R$2:$R$366,ROW(INDEX(Jesper!AH$2:AH$366,ROUNDDOWN($C7367/24,0)+1,1))-1)+IF('Standard Profiles'!$G$18=$B$10,7,0)+IF('Standard Profiles'!$G$18=$B$17,14,0)+IF('Standard Profiles'!$G$18=$B$24,21,0),0)),0)</f>
        <v>22.877282053075227</v>
      </c>
      <c r="E7367" cm="1">
        <f t="array" ref="E7367">IFERROR(INDEX(Jesper!AI$2:AI$366,ROUNDDOWN($C7367/24,0)+1,1)*INDEX($D$3:$AA$30,INDEX(Jesper!$R$2:$R$366,ROW(INDEX(Jesper!AI$2:AI$366,ROUNDDOWN($C7367/24,0)+1,1))-1)+IF('Standard Profiles'!$G$19=$B$10,7,0)+IF('Standard Profiles'!$G$19=$B$17,14,0)+IF('Standard Profiles'!$G$19=$B$24,21,0),MOD($C7367,24)+1)/SUM(INDEX($D$3:$AA$30,INDEX(Jesper!$R$2:$R$366,ROW(INDEX(Jesper!AI$2:AI$366,ROUNDDOWN($C7367/24,0)+1,1))-1)+IF('Standard Profiles'!$G$19=$B$10,7,0)+IF('Standard Profiles'!$G$19=$B$17,14,0)+IF('Standard Profiles'!$G$19=$B$24,21,0),0)),0)</f>
        <v>16.156802191768232</v>
      </c>
      <c r="F7367" cm="1">
        <f t="array" ref="F7367">IFERROR(INDEX(Jesper!AJ$2:AJ$366,ROUNDDOWN($C7367/24,0)+1,1)*INDEX($D$3:$AA$30,INDEX(Jesper!$R$2:$R$366,ROW(INDEX(Jesper!AJ$2:AJ$366,ROUNDDOWN($C7367/24,0)+1,1))-1)+IF('Standard Profiles'!$G$20=$B$10,7,0)+IF('Standard Profiles'!$G$20=$B$17,14,0)+IF('Standard Profiles'!$G$20=$B$24,21,0),MOD($C7367,24)+1)/SUM(INDEX($D$3:$AA$30,INDEX(Jesper!$R$2:$R$366,ROW(INDEX(Jesper!AJ$2:AJ$366,ROUNDDOWN($C7367/24,0)+1,1))-1)+IF('Standard Profiles'!$G$20=$B$10,7,0)+IF('Standard Profiles'!$G$20=$B$17,14,0)+IF('Standard Profiles'!$G$20=$B$24,21,0),0)),0)</f>
        <v>0</v>
      </c>
      <c r="G7367" cm="1">
        <f t="array" ref="G7367">IFERROR(INDEX(Jesper!AK$2:AK$366,ROUNDDOWN($C7367/24,0)+1,1)*INDEX($D$3:$AA$30,INDEX(Jesper!$R$2:$R$366,ROW(INDEX(Jesper!AK$2:AK$366,ROUNDDOWN($C7367/24,0)+1,1))-1)+IF('Standard Profiles'!$G$21=$B$10,7,0)+IF('Standard Profiles'!$G$21=$B$17,14,0)+IF('Standard Profiles'!$G$21=$B$24,21,0),MOD($C7367,24)+1)/SUM(INDEX($D$3:$AA$30,INDEX(Jesper!$R$2:$R$366,ROW(INDEX(Jesper!AK$2:AK$366,ROUNDDOWN($C7367/24,0)+1,1))-1)+IF('Standard Profiles'!$G$21=$B$10,7,0)+IF('Standard Profiles'!$G$21=$B$17,14,0)+IF('Standard Profiles'!$G$21=$B$24,21,0),0)),0)</f>
        <v>3.180131262266412</v>
      </c>
      <c r="H7367" cm="1">
        <f t="array" ref="H7367">IFERROR(INDEX(Jesper!AL$2:AL$366,ROUNDDOWN($C7367/24,0)+1,1)*INDEX($D$3:$AA$30,INDEX(Jesper!$R$2:$R$366,ROW(INDEX(Jesper!AL$2:AL$366,ROUNDDOWN($C7367/24,0)+1,1))-1)+IF('Standard Profiles'!$G$22=$B$10,7,0)+IF('Standard Profiles'!$G$22=$B$17,14,0)+IF('Standard Profiles'!$G$22=$B$24,21,0),MOD($C7367,24)+1)/SUM(INDEX($D$3:$AA$30,INDEX(Jesper!$R$2:$R$366,ROW(INDEX(Jesper!AL$2:AL$366,ROUNDDOWN($C7367/24,0)+1,1))-1)+IF('Standard Profiles'!$G$22=$B$10,7,0)+IF('Standard Profiles'!$G$22=$B$17,14,0)+IF('Standard Profiles'!$G$22=$B$24,21,0),0)),0)</f>
        <v>0</v>
      </c>
      <c r="I7367">
        <f t="shared" si="818"/>
        <v>1.526463005887877</v>
      </c>
      <c r="J7367">
        <f t="shared" si="819"/>
        <v>37.027387372729962</v>
      </c>
      <c r="K7367">
        <f t="shared" si="820"/>
        <v>2.4402434189946911</v>
      </c>
      <c r="L7367">
        <f t="shared" si="821"/>
        <v>1.2201217094973456</v>
      </c>
      <c r="M7367">
        <f t="shared" si="822"/>
        <v>0</v>
      </c>
      <c r="N7367" s="45">
        <f t="shared" si="823"/>
        <v>45232.541666648882</v>
      </c>
    </row>
    <row r="7368" spans="2:14" x14ac:dyDescent="0.25">
      <c r="B7368">
        <f t="shared" si="817"/>
        <v>4</v>
      </c>
      <c r="C7368" s="16">
        <v>7334</v>
      </c>
      <c r="D7368" cm="1">
        <f t="array" ref="D7368">IFERROR(INDEX(Jesper!AH$2:AH$366,ROUNDDOWN($C7368/24,0)+1,1)*INDEX($D$3:$AA$30,INDEX(Jesper!$R$2:$R$366,ROW(INDEX(Jesper!AH$2:AH$366,ROUNDDOWN($C7368/24,0)+1,1))-1)+IF('Standard Profiles'!$G$18=$B$10,7,0)+IF('Standard Profiles'!$G$18=$B$17,14,0)+IF('Standard Profiles'!$G$18=$B$24,21,0),MOD($C7368,24)+1)/SUM(INDEX($D$3:$AA$30,INDEX(Jesper!$R$2:$R$366,ROW(INDEX(Jesper!AH$2:AH$366,ROUNDDOWN($C7368/24,0)+1,1))-1)+IF('Standard Profiles'!$G$18=$B$10,7,0)+IF('Standard Profiles'!$G$18=$B$17,14,0)+IF('Standard Profiles'!$G$18=$B$24,21,0),0)),0)</f>
        <v>34.438919219683136</v>
      </c>
      <c r="E7368" cm="1">
        <f t="array" ref="E7368">IFERROR(INDEX(Jesper!AI$2:AI$366,ROUNDDOWN($C7368/24,0)+1,1)*INDEX($D$3:$AA$30,INDEX(Jesper!$R$2:$R$366,ROW(INDEX(Jesper!AI$2:AI$366,ROUNDDOWN($C7368/24,0)+1,1))-1)+IF('Standard Profiles'!$G$19=$B$10,7,0)+IF('Standard Profiles'!$G$19=$B$17,14,0)+IF('Standard Profiles'!$G$19=$B$24,21,0),MOD($C7368,24)+1)/SUM(INDEX($D$3:$AA$30,INDEX(Jesper!$R$2:$R$366,ROW(INDEX(Jesper!AI$2:AI$366,ROUNDDOWN($C7368/24,0)+1,1))-1)+IF('Standard Profiles'!$G$19=$B$10,7,0)+IF('Standard Profiles'!$G$19=$B$17,14,0)+IF('Standard Profiles'!$G$19=$B$24,21,0),0)),0)</f>
        <v>24.322067815565081</v>
      </c>
      <c r="F7368" cm="1">
        <f t="array" ref="F7368">IFERROR(INDEX(Jesper!AJ$2:AJ$366,ROUNDDOWN($C7368/24,0)+1,1)*INDEX($D$3:$AA$30,INDEX(Jesper!$R$2:$R$366,ROW(INDEX(Jesper!AJ$2:AJ$366,ROUNDDOWN($C7368/24,0)+1,1))-1)+IF('Standard Profiles'!$G$20=$B$10,7,0)+IF('Standard Profiles'!$G$20=$B$17,14,0)+IF('Standard Profiles'!$G$20=$B$24,21,0),MOD($C7368,24)+1)/SUM(INDEX($D$3:$AA$30,INDEX(Jesper!$R$2:$R$366,ROW(INDEX(Jesper!AJ$2:AJ$366,ROUNDDOWN($C7368/24,0)+1,1))-1)+IF('Standard Profiles'!$G$20=$B$10,7,0)+IF('Standard Profiles'!$G$20=$B$17,14,0)+IF('Standard Profiles'!$G$20=$B$24,21,0),0)),0)</f>
        <v>0</v>
      </c>
      <c r="G7368" cm="1">
        <f t="array" ref="G7368">IFERROR(INDEX(Jesper!AK$2:AK$366,ROUNDDOWN($C7368/24,0)+1,1)*INDEX($D$3:$AA$30,INDEX(Jesper!$R$2:$R$366,ROW(INDEX(Jesper!AK$2:AK$366,ROUNDDOWN($C7368/24,0)+1,1))-1)+IF('Standard Profiles'!$G$21=$B$10,7,0)+IF('Standard Profiles'!$G$21=$B$17,14,0)+IF('Standard Profiles'!$G$21=$B$24,21,0),MOD($C7368,24)+1)/SUM(INDEX($D$3:$AA$30,INDEX(Jesper!$R$2:$R$366,ROW(INDEX(Jesper!AK$2:AK$366,ROUNDDOWN($C7368/24,0)+1,1))-1)+IF('Standard Profiles'!$G$21=$B$10,7,0)+IF('Standard Profiles'!$G$21=$B$17,14,0)+IF('Standard Profiles'!$G$21=$B$24,21,0),0)),0)</f>
        <v>4.7872943733042757</v>
      </c>
      <c r="H7368" cm="1">
        <f t="array" ref="H7368">IFERROR(INDEX(Jesper!AL$2:AL$366,ROUNDDOWN($C7368/24,0)+1,1)*INDEX($D$3:$AA$30,INDEX(Jesper!$R$2:$R$366,ROW(INDEX(Jesper!AL$2:AL$366,ROUNDDOWN($C7368/24,0)+1,1))-1)+IF('Standard Profiles'!$G$22=$B$10,7,0)+IF('Standard Profiles'!$G$22=$B$17,14,0)+IF('Standard Profiles'!$G$22=$B$24,21,0),MOD($C7368,24)+1)/SUM(INDEX($D$3:$AA$30,INDEX(Jesper!$R$2:$R$366,ROW(INDEX(Jesper!AL$2:AL$366,ROUNDDOWN($C7368/24,0)+1,1))-1)+IF('Standard Profiles'!$G$22=$B$10,7,0)+IF('Standard Profiles'!$G$22=$B$17,14,0)+IF('Standard Profiles'!$G$22=$B$24,21,0),0)),0)</f>
        <v>0</v>
      </c>
      <c r="I7368">
        <f t="shared" si="818"/>
        <v>2.297901299186051</v>
      </c>
      <c r="J7368">
        <f t="shared" si="819"/>
        <v>55.740153034217144</v>
      </c>
      <c r="K7368">
        <f t="shared" si="820"/>
        <v>3.6734847167662013</v>
      </c>
      <c r="L7368">
        <f t="shared" si="821"/>
        <v>1.8367423583831006</v>
      </c>
      <c r="M7368">
        <f t="shared" si="822"/>
        <v>0</v>
      </c>
      <c r="N7368" s="45">
        <f t="shared" si="823"/>
        <v>45232.583333315546</v>
      </c>
    </row>
    <row r="7369" spans="2:14" x14ac:dyDescent="0.25">
      <c r="B7369">
        <f t="shared" si="817"/>
        <v>4</v>
      </c>
      <c r="C7369" s="16">
        <v>7335</v>
      </c>
      <c r="D7369" cm="1">
        <f t="array" ref="D7369">IFERROR(INDEX(Jesper!AH$2:AH$366,ROUNDDOWN($C7369/24,0)+1,1)*INDEX($D$3:$AA$30,INDEX(Jesper!$R$2:$R$366,ROW(INDEX(Jesper!AH$2:AH$366,ROUNDDOWN($C7369/24,0)+1,1))-1)+IF('Standard Profiles'!$G$18=$B$10,7,0)+IF('Standard Profiles'!$G$18=$B$17,14,0)+IF('Standard Profiles'!$G$18=$B$24,21,0),MOD($C7369,24)+1)/SUM(INDEX($D$3:$AA$30,INDEX(Jesper!$R$2:$R$366,ROW(INDEX(Jesper!AH$2:AH$366,ROUNDDOWN($C7369/24,0)+1,1))-1)+IF('Standard Profiles'!$G$18=$B$10,7,0)+IF('Standard Profiles'!$G$18=$B$17,14,0)+IF('Standard Profiles'!$G$18=$B$24,21,0),0)),0)</f>
        <v>34.438919219683136</v>
      </c>
      <c r="E7369" cm="1">
        <f t="array" ref="E7369">IFERROR(INDEX(Jesper!AI$2:AI$366,ROUNDDOWN($C7369/24,0)+1,1)*INDEX($D$3:$AA$30,INDEX(Jesper!$R$2:$R$366,ROW(INDEX(Jesper!AI$2:AI$366,ROUNDDOWN($C7369/24,0)+1,1))-1)+IF('Standard Profiles'!$G$19=$B$10,7,0)+IF('Standard Profiles'!$G$19=$B$17,14,0)+IF('Standard Profiles'!$G$19=$B$24,21,0),MOD($C7369,24)+1)/SUM(INDEX($D$3:$AA$30,INDEX(Jesper!$R$2:$R$366,ROW(INDEX(Jesper!AI$2:AI$366,ROUNDDOWN($C7369/24,0)+1,1))-1)+IF('Standard Profiles'!$G$19=$B$10,7,0)+IF('Standard Profiles'!$G$19=$B$17,14,0)+IF('Standard Profiles'!$G$19=$B$24,21,0),0)),0)</f>
        <v>24.322067815565081</v>
      </c>
      <c r="F7369" cm="1">
        <f t="array" ref="F7369">IFERROR(INDEX(Jesper!AJ$2:AJ$366,ROUNDDOWN($C7369/24,0)+1,1)*INDEX($D$3:$AA$30,INDEX(Jesper!$R$2:$R$366,ROW(INDEX(Jesper!AJ$2:AJ$366,ROUNDDOWN($C7369/24,0)+1,1))-1)+IF('Standard Profiles'!$G$20=$B$10,7,0)+IF('Standard Profiles'!$G$20=$B$17,14,0)+IF('Standard Profiles'!$G$20=$B$24,21,0),MOD($C7369,24)+1)/SUM(INDEX($D$3:$AA$30,INDEX(Jesper!$R$2:$R$366,ROW(INDEX(Jesper!AJ$2:AJ$366,ROUNDDOWN($C7369/24,0)+1,1))-1)+IF('Standard Profiles'!$G$20=$B$10,7,0)+IF('Standard Profiles'!$G$20=$B$17,14,0)+IF('Standard Profiles'!$G$20=$B$24,21,0),0)),0)</f>
        <v>0</v>
      </c>
      <c r="G7369" cm="1">
        <f t="array" ref="G7369">IFERROR(INDEX(Jesper!AK$2:AK$366,ROUNDDOWN($C7369/24,0)+1,1)*INDEX($D$3:$AA$30,INDEX(Jesper!$R$2:$R$366,ROW(INDEX(Jesper!AK$2:AK$366,ROUNDDOWN($C7369/24,0)+1,1))-1)+IF('Standard Profiles'!$G$21=$B$10,7,0)+IF('Standard Profiles'!$G$21=$B$17,14,0)+IF('Standard Profiles'!$G$21=$B$24,21,0),MOD($C7369,24)+1)/SUM(INDEX($D$3:$AA$30,INDEX(Jesper!$R$2:$R$366,ROW(INDEX(Jesper!AK$2:AK$366,ROUNDDOWN($C7369/24,0)+1,1))-1)+IF('Standard Profiles'!$G$21=$B$10,7,0)+IF('Standard Profiles'!$G$21=$B$17,14,0)+IF('Standard Profiles'!$G$21=$B$24,21,0),0)),0)</f>
        <v>4.7872943733042757</v>
      </c>
      <c r="H7369" cm="1">
        <f t="array" ref="H7369">IFERROR(INDEX(Jesper!AL$2:AL$366,ROUNDDOWN($C7369/24,0)+1,1)*INDEX($D$3:$AA$30,INDEX(Jesper!$R$2:$R$366,ROW(INDEX(Jesper!AL$2:AL$366,ROUNDDOWN($C7369/24,0)+1,1))-1)+IF('Standard Profiles'!$G$22=$B$10,7,0)+IF('Standard Profiles'!$G$22=$B$17,14,0)+IF('Standard Profiles'!$G$22=$B$24,21,0),MOD($C7369,24)+1)/SUM(INDEX($D$3:$AA$30,INDEX(Jesper!$R$2:$R$366,ROW(INDEX(Jesper!AL$2:AL$366,ROUNDDOWN($C7369/24,0)+1,1))-1)+IF('Standard Profiles'!$G$22=$B$10,7,0)+IF('Standard Profiles'!$G$22=$B$17,14,0)+IF('Standard Profiles'!$G$22=$B$24,21,0),0)),0)</f>
        <v>0</v>
      </c>
      <c r="I7369">
        <f t="shared" si="818"/>
        <v>2.297901299186051</v>
      </c>
      <c r="J7369">
        <f t="shared" si="819"/>
        <v>55.740153034217144</v>
      </c>
      <c r="K7369">
        <f t="shared" si="820"/>
        <v>3.6734847167662013</v>
      </c>
      <c r="L7369">
        <f t="shared" si="821"/>
        <v>1.8367423583831006</v>
      </c>
      <c r="M7369">
        <f t="shared" si="822"/>
        <v>0</v>
      </c>
      <c r="N7369" s="45">
        <f t="shared" si="823"/>
        <v>45232.62499998221</v>
      </c>
    </row>
    <row r="7370" spans="2:14" x14ac:dyDescent="0.25">
      <c r="B7370">
        <f t="shared" si="817"/>
        <v>4</v>
      </c>
      <c r="C7370" s="16">
        <v>7336</v>
      </c>
      <c r="D7370" cm="1">
        <f t="array" ref="D7370">IFERROR(INDEX(Jesper!AH$2:AH$366,ROUNDDOWN($C7370/24,0)+1,1)*INDEX($D$3:$AA$30,INDEX(Jesper!$R$2:$R$366,ROW(INDEX(Jesper!AH$2:AH$366,ROUNDDOWN($C7370/24,0)+1,1))-1)+IF('Standard Profiles'!$G$18=$B$10,7,0)+IF('Standard Profiles'!$G$18=$B$17,14,0)+IF('Standard Profiles'!$G$18=$B$24,21,0),MOD($C7370,24)+1)/SUM(INDEX($D$3:$AA$30,INDEX(Jesper!$R$2:$R$366,ROW(INDEX(Jesper!AH$2:AH$366,ROUNDDOWN($C7370/24,0)+1,1))-1)+IF('Standard Profiles'!$G$18=$B$10,7,0)+IF('Standard Profiles'!$G$18=$B$17,14,0)+IF('Standard Profiles'!$G$18=$B$24,21,0),0)),0)</f>
        <v>20.29436311159899</v>
      </c>
      <c r="E7370" cm="1">
        <f t="array" ref="E7370">IFERROR(INDEX(Jesper!AI$2:AI$366,ROUNDDOWN($C7370/24,0)+1,1)*INDEX($D$3:$AA$30,INDEX(Jesper!$R$2:$R$366,ROW(INDEX(Jesper!AI$2:AI$366,ROUNDDOWN($C7370/24,0)+1,1))-1)+IF('Standard Profiles'!$G$19=$B$10,7,0)+IF('Standard Profiles'!$G$19=$B$17,14,0)+IF('Standard Profiles'!$G$19=$B$24,21,0),MOD($C7370,24)+1)/SUM(INDEX($D$3:$AA$30,INDEX(Jesper!$R$2:$R$366,ROW(INDEX(Jesper!AI$2:AI$366,ROUNDDOWN($C7370/24,0)+1,1))-1)+IF('Standard Profiles'!$G$19=$B$10,7,0)+IF('Standard Profiles'!$G$19=$B$17,14,0)+IF('Standard Profiles'!$G$19=$B$24,21,0),0)),0)</f>
        <v>14.332647105600852</v>
      </c>
      <c r="F7370" cm="1">
        <f t="array" ref="F7370">IFERROR(INDEX(Jesper!AJ$2:AJ$366,ROUNDDOWN($C7370/24,0)+1,1)*INDEX($D$3:$AA$30,INDEX(Jesper!$R$2:$R$366,ROW(INDEX(Jesper!AJ$2:AJ$366,ROUNDDOWN($C7370/24,0)+1,1))-1)+IF('Standard Profiles'!$G$20=$B$10,7,0)+IF('Standard Profiles'!$G$20=$B$17,14,0)+IF('Standard Profiles'!$G$20=$B$24,21,0),MOD($C7370,24)+1)/SUM(INDEX($D$3:$AA$30,INDEX(Jesper!$R$2:$R$366,ROW(INDEX(Jesper!AJ$2:AJ$366,ROUNDDOWN($C7370/24,0)+1,1))-1)+IF('Standard Profiles'!$G$20=$B$10,7,0)+IF('Standard Profiles'!$G$20=$B$17,14,0)+IF('Standard Profiles'!$G$20=$B$24,21,0),0)),0)</f>
        <v>0</v>
      </c>
      <c r="G7370" cm="1">
        <f t="array" ref="G7370">IFERROR(INDEX(Jesper!AK$2:AK$366,ROUNDDOWN($C7370/24,0)+1,1)*INDEX($D$3:$AA$30,INDEX(Jesper!$R$2:$R$366,ROW(INDEX(Jesper!AK$2:AK$366,ROUNDDOWN($C7370/24,0)+1,1))-1)+IF('Standard Profiles'!$G$21=$B$10,7,0)+IF('Standard Profiles'!$G$21=$B$17,14,0)+IF('Standard Profiles'!$G$21=$B$24,21,0),MOD($C7370,24)+1)/SUM(INDEX($D$3:$AA$30,INDEX(Jesper!$R$2:$R$366,ROW(INDEX(Jesper!AK$2:AK$366,ROUNDDOWN($C7370/24,0)+1,1))-1)+IF('Standard Profiles'!$G$21=$B$10,7,0)+IF('Standard Profiles'!$G$21=$B$17,14,0)+IF('Standard Profiles'!$G$21=$B$24,21,0),0)),0)</f>
        <v>4.0002207294174283</v>
      </c>
      <c r="H7370" cm="1">
        <f t="array" ref="H7370">IFERROR(INDEX(Jesper!AL$2:AL$366,ROUNDDOWN($C7370/24,0)+1,1)*INDEX($D$3:$AA$30,INDEX(Jesper!$R$2:$R$366,ROW(INDEX(Jesper!AL$2:AL$366,ROUNDDOWN($C7370/24,0)+1,1))-1)+IF('Standard Profiles'!$G$22=$B$10,7,0)+IF('Standard Profiles'!$G$22=$B$17,14,0)+IF('Standard Profiles'!$G$22=$B$24,21,0),MOD($C7370,24)+1)/SUM(INDEX($D$3:$AA$30,INDEX(Jesper!$R$2:$R$366,ROW(INDEX(Jesper!AL$2:AL$366,ROUNDDOWN($C7370/24,0)+1,1))-1)+IF('Standard Profiles'!$G$22=$B$10,7,0)+IF('Standard Profiles'!$G$22=$B$17,14,0)+IF('Standard Profiles'!$G$22=$B$24,21,0),0)),0)</f>
        <v>0</v>
      </c>
      <c r="I7370">
        <f t="shared" si="818"/>
        <v>1.9201059501203646</v>
      </c>
      <c r="J7370">
        <f t="shared" si="819"/>
        <v>33.460026898641068</v>
      </c>
      <c r="K7370">
        <f t="shared" si="820"/>
        <v>2.1647320652372257</v>
      </c>
      <c r="L7370">
        <f t="shared" si="821"/>
        <v>1.0823660326186129</v>
      </c>
      <c r="M7370">
        <f t="shared" si="822"/>
        <v>0</v>
      </c>
      <c r="N7370" s="45">
        <f t="shared" si="823"/>
        <v>45232.666666648875</v>
      </c>
    </row>
    <row r="7371" spans="2:14" x14ac:dyDescent="0.25">
      <c r="B7371">
        <f t="shared" si="817"/>
        <v>4</v>
      </c>
      <c r="C7371" s="16">
        <v>7337</v>
      </c>
      <c r="D7371" cm="1">
        <f t="array" ref="D7371">IFERROR(INDEX(Jesper!AH$2:AH$366,ROUNDDOWN($C7371/24,0)+1,1)*INDEX($D$3:$AA$30,INDEX(Jesper!$R$2:$R$366,ROW(INDEX(Jesper!AH$2:AH$366,ROUNDDOWN($C7371/24,0)+1,1))-1)+IF('Standard Profiles'!$G$18=$B$10,7,0)+IF('Standard Profiles'!$G$18=$B$17,14,0)+IF('Standard Profiles'!$G$18=$B$24,21,0),MOD($C7371,24)+1)/SUM(INDEX($D$3:$AA$30,INDEX(Jesper!$R$2:$R$366,ROW(INDEX(Jesper!AH$2:AH$366,ROUNDDOWN($C7371/24,0)+1,1))-1)+IF('Standard Profiles'!$G$18=$B$10,7,0)+IF('Standard Profiles'!$G$18=$B$17,14,0)+IF('Standard Profiles'!$G$18=$B$24,21,0),0)),0)</f>
        <v>8.6617000049504895</v>
      </c>
      <c r="E7371" cm="1">
        <f t="array" ref="E7371">IFERROR(INDEX(Jesper!AI$2:AI$366,ROUNDDOWN($C7371/24,0)+1,1)*INDEX($D$3:$AA$30,INDEX(Jesper!$R$2:$R$366,ROW(INDEX(Jesper!AI$2:AI$366,ROUNDDOWN($C7371/24,0)+1,1))-1)+IF('Standard Profiles'!$G$19=$B$10,7,0)+IF('Standard Profiles'!$G$19=$B$17,14,0)+IF('Standard Profiles'!$G$19=$B$24,21,0),MOD($C7371,24)+1)/SUM(INDEX($D$3:$AA$30,INDEX(Jesper!$R$2:$R$366,ROW(INDEX(Jesper!AI$2:AI$366,ROUNDDOWN($C7371/24,0)+1,1))-1)+IF('Standard Profiles'!$G$19=$B$10,7,0)+IF('Standard Profiles'!$G$19=$B$17,14,0)+IF('Standard Profiles'!$G$19=$B$24,21,0),0)),0)</f>
        <v>6.117220275544538</v>
      </c>
      <c r="F7371" cm="1">
        <f t="array" ref="F7371">IFERROR(INDEX(Jesper!AJ$2:AJ$366,ROUNDDOWN($C7371/24,0)+1,1)*INDEX($D$3:$AA$30,INDEX(Jesper!$R$2:$R$366,ROW(INDEX(Jesper!AJ$2:AJ$366,ROUNDDOWN($C7371/24,0)+1,1))-1)+IF('Standard Profiles'!$G$20=$B$10,7,0)+IF('Standard Profiles'!$G$20=$B$17,14,0)+IF('Standard Profiles'!$G$20=$B$24,21,0),MOD($C7371,24)+1)/SUM(INDEX($D$3:$AA$30,INDEX(Jesper!$R$2:$R$366,ROW(INDEX(Jesper!AJ$2:AJ$366,ROUNDDOWN($C7371/24,0)+1,1))-1)+IF('Standard Profiles'!$G$20=$B$10,7,0)+IF('Standard Profiles'!$G$20=$B$17,14,0)+IF('Standard Profiles'!$G$20=$B$24,21,0),0)),0)</f>
        <v>0</v>
      </c>
      <c r="G7371" cm="1">
        <f t="array" ref="G7371">IFERROR(INDEX(Jesper!AK$2:AK$366,ROUNDDOWN($C7371/24,0)+1,1)*INDEX($D$3:$AA$30,INDEX(Jesper!$R$2:$R$366,ROW(INDEX(Jesper!AK$2:AK$366,ROUNDDOWN($C7371/24,0)+1,1))-1)+IF('Standard Profiles'!$G$21=$B$10,7,0)+IF('Standard Profiles'!$G$21=$B$17,14,0)+IF('Standard Profiles'!$G$21=$B$24,21,0),MOD($C7371,24)+1)/SUM(INDEX($D$3:$AA$30,INDEX(Jesper!$R$2:$R$366,ROW(INDEX(Jesper!AK$2:AK$366,ROUNDDOWN($C7371/24,0)+1,1))-1)+IF('Standard Profiles'!$G$21=$B$10,7,0)+IF('Standard Profiles'!$G$21=$B$17,14,0)+IF('Standard Profiles'!$G$21=$B$24,21,0),0)),0)</f>
        <v>3.1807208305389865</v>
      </c>
      <c r="H7371" cm="1">
        <f t="array" ref="H7371">IFERROR(INDEX(Jesper!AL$2:AL$366,ROUNDDOWN($C7371/24,0)+1,1)*INDEX($D$3:$AA$30,INDEX(Jesper!$R$2:$R$366,ROW(INDEX(Jesper!AL$2:AL$366,ROUNDDOWN($C7371/24,0)+1,1))-1)+IF('Standard Profiles'!$G$22=$B$10,7,0)+IF('Standard Profiles'!$G$22=$B$17,14,0)+IF('Standard Profiles'!$G$22=$B$24,21,0),MOD($C7371,24)+1)/SUM(INDEX($D$3:$AA$30,INDEX(Jesper!$R$2:$R$366,ROW(INDEX(Jesper!AL$2:AL$366,ROUNDDOWN($C7371/24,0)+1,1))-1)+IF('Standard Profiles'!$G$22=$B$10,7,0)+IF('Standard Profiles'!$G$22=$B$17,14,0)+IF('Standard Profiles'!$G$22=$B$24,21,0),0)),0)</f>
        <v>0</v>
      </c>
      <c r="I7371">
        <f t="shared" si="818"/>
        <v>1.5267459986587126</v>
      </c>
      <c r="J7371">
        <f t="shared" si="819"/>
        <v>15.047023111583222</v>
      </c>
      <c r="K7371">
        <f t="shared" si="820"/>
        <v>0.92391466719471893</v>
      </c>
      <c r="L7371">
        <f t="shared" si="821"/>
        <v>0.46195733359735947</v>
      </c>
      <c r="M7371">
        <f t="shared" si="822"/>
        <v>0</v>
      </c>
      <c r="N7371" s="45">
        <f t="shared" si="823"/>
        <v>45232.708333315539</v>
      </c>
    </row>
    <row r="7372" spans="2:14" x14ac:dyDescent="0.25">
      <c r="B7372">
        <f t="shared" si="817"/>
        <v>4</v>
      </c>
      <c r="C7372" s="16">
        <v>7338</v>
      </c>
      <c r="D7372" cm="1">
        <f t="array" ref="D7372">IFERROR(INDEX(Jesper!AH$2:AH$366,ROUNDDOWN($C7372/24,0)+1,1)*INDEX($D$3:$AA$30,INDEX(Jesper!$R$2:$R$366,ROW(INDEX(Jesper!AH$2:AH$366,ROUNDDOWN($C7372/24,0)+1,1))-1)+IF('Standard Profiles'!$G$18=$B$10,7,0)+IF('Standard Profiles'!$G$18=$B$17,14,0)+IF('Standard Profiles'!$G$18=$B$24,21,0),MOD($C7372,24)+1)/SUM(INDEX($D$3:$AA$30,INDEX(Jesper!$R$2:$R$366,ROW(INDEX(Jesper!AH$2:AH$366,ROUNDDOWN($C7372/24,0)+1,1))-1)+IF('Standard Profiles'!$G$18=$B$10,7,0)+IF('Standard Profiles'!$G$18=$B$17,14,0)+IF('Standard Profiles'!$G$18=$B$24,21,0),0)),0)</f>
        <v>5.7167220032673223</v>
      </c>
      <c r="E7372" cm="1">
        <f t="array" ref="E7372">IFERROR(INDEX(Jesper!AI$2:AI$366,ROUNDDOWN($C7372/24,0)+1,1)*INDEX($D$3:$AA$30,INDEX(Jesper!$R$2:$R$366,ROW(INDEX(Jesper!AI$2:AI$366,ROUNDDOWN($C7372/24,0)+1,1))-1)+IF('Standard Profiles'!$G$19=$B$10,7,0)+IF('Standard Profiles'!$G$19=$B$17,14,0)+IF('Standard Profiles'!$G$19=$B$24,21,0),MOD($C7372,24)+1)/SUM(INDEX($D$3:$AA$30,INDEX(Jesper!$R$2:$R$366,ROW(INDEX(Jesper!AI$2:AI$366,ROUNDDOWN($C7372/24,0)+1,1))-1)+IF('Standard Profiles'!$G$19=$B$10,7,0)+IF('Standard Profiles'!$G$19=$B$17,14,0)+IF('Standard Profiles'!$G$19=$B$24,21,0),0)),0)</f>
        <v>4.0373653818593951</v>
      </c>
      <c r="F7372" cm="1">
        <f t="array" ref="F7372">IFERROR(INDEX(Jesper!AJ$2:AJ$366,ROUNDDOWN($C7372/24,0)+1,1)*INDEX($D$3:$AA$30,INDEX(Jesper!$R$2:$R$366,ROW(INDEX(Jesper!AJ$2:AJ$366,ROUNDDOWN($C7372/24,0)+1,1))-1)+IF('Standard Profiles'!$G$20=$B$10,7,0)+IF('Standard Profiles'!$G$20=$B$17,14,0)+IF('Standard Profiles'!$G$20=$B$24,21,0),MOD($C7372,24)+1)/SUM(INDEX($D$3:$AA$30,INDEX(Jesper!$R$2:$R$366,ROW(INDEX(Jesper!AJ$2:AJ$366,ROUNDDOWN($C7372/24,0)+1,1))-1)+IF('Standard Profiles'!$G$20=$B$10,7,0)+IF('Standard Profiles'!$G$20=$B$17,14,0)+IF('Standard Profiles'!$G$20=$B$24,21,0),0)),0)</f>
        <v>0</v>
      </c>
      <c r="G7372" cm="1">
        <f t="array" ref="G7372">IFERROR(INDEX(Jesper!AK$2:AK$366,ROUNDDOWN($C7372/24,0)+1,1)*INDEX($D$3:$AA$30,INDEX(Jesper!$R$2:$R$366,ROW(INDEX(Jesper!AK$2:AK$366,ROUNDDOWN($C7372/24,0)+1,1))-1)+IF('Standard Profiles'!$G$21=$B$10,7,0)+IF('Standard Profiles'!$G$21=$B$17,14,0)+IF('Standard Profiles'!$G$21=$B$24,21,0),MOD($C7372,24)+1)/SUM(INDEX($D$3:$AA$30,INDEX(Jesper!$R$2:$R$366,ROW(INDEX(Jesper!AK$2:AK$366,ROUNDDOWN($C7372/24,0)+1,1))-1)+IF('Standard Profiles'!$G$21=$B$10,7,0)+IF('Standard Profiles'!$G$21=$B$17,14,0)+IF('Standard Profiles'!$G$21=$B$24,21,0),0)),0)</f>
        <v>1.1791365451488365</v>
      </c>
      <c r="H7372" cm="1">
        <f t="array" ref="H7372">IFERROR(INDEX(Jesper!AL$2:AL$366,ROUNDDOWN($C7372/24,0)+1,1)*INDEX($D$3:$AA$30,INDEX(Jesper!$R$2:$R$366,ROW(INDEX(Jesper!AL$2:AL$366,ROUNDDOWN($C7372/24,0)+1,1))-1)+IF('Standard Profiles'!$G$22=$B$10,7,0)+IF('Standard Profiles'!$G$22=$B$17,14,0)+IF('Standard Profiles'!$G$22=$B$24,21,0),MOD($C7372,24)+1)/SUM(INDEX($D$3:$AA$30,INDEX(Jesper!$R$2:$R$366,ROW(INDEX(Jesper!AL$2:AL$366,ROUNDDOWN($C7372/24,0)+1,1))-1)+IF('Standard Profiles'!$G$22=$B$10,7,0)+IF('Standard Profiles'!$G$22=$B$17,14,0)+IF('Standard Profiles'!$G$22=$B$24,21,0),0)),0)</f>
        <v>0</v>
      </c>
      <c r="I7372">
        <f t="shared" si="818"/>
        <v>0.56598554167144122</v>
      </c>
      <c r="J7372">
        <f t="shared" si="819"/>
        <v>9.4525628680813405</v>
      </c>
      <c r="K7372">
        <f t="shared" si="820"/>
        <v>0.60978368034851438</v>
      </c>
      <c r="L7372">
        <f t="shared" si="821"/>
        <v>0.30489184017425719</v>
      </c>
      <c r="M7372">
        <f t="shared" si="822"/>
        <v>0</v>
      </c>
      <c r="N7372" s="45">
        <f t="shared" si="823"/>
        <v>45232.749999982203</v>
      </c>
    </row>
    <row r="7373" spans="2:14" x14ac:dyDescent="0.25">
      <c r="B7373">
        <f t="shared" si="817"/>
        <v>4</v>
      </c>
      <c r="C7373" s="16">
        <v>7339</v>
      </c>
      <c r="D7373" cm="1">
        <f t="array" ref="D7373">IFERROR(INDEX(Jesper!AH$2:AH$366,ROUNDDOWN($C7373/24,0)+1,1)*INDEX($D$3:$AA$30,INDEX(Jesper!$R$2:$R$366,ROW(INDEX(Jesper!AH$2:AH$366,ROUNDDOWN($C7373/24,0)+1,1))-1)+IF('Standard Profiles'!$G$18=$B$10,7,0)+IF('Standard Profiles'!$G$18=$B$17,14,0)+IF('Standard Profiles'!$G$18=$B$24,21,0),MOD($C7373,24)+1)/SUM(INDEX($D$3:$AA$30,INDEX(Jesper!$R$2:$R$366,ROW(INDEX(Jesper!AH$2:AH$366,ROUNDDOWN($C7373/24,0)+1,1))-1)+IF('Standard Profiles'!$G$18=$B$10,7,0)+IF('Standard Profiles'!$G$18=$B$17,14,0)+IF('Standard Profiles'!$G$18=$B$24,21,0),0)),0)</f>
        <v>5.7167220032673223</v>
      </c>
      <c r="E7373" cm="1">
        <f t="array" ref="E7373">IFERROR(INDEX(Jesper!AI$2:AI$366,ROUNDDOWN($C7373/24,0)+1,1)*INDEX($D$3:$AA$30,INDEX(Jesper!$R$2:$R$366,ROW(INDEX(Jesper!AI$2:AI$366,ROUNDDOWN($C7373/24,0)+1,1))-1)+IF('Standard Profiles'!$G$19=$B$10,7,0)+IF('Standard Profiles'!$G$19=$B$17,14,0)+IF('Standard Profiles'!$G$19=$B$24,21,0),MOD($C7373,24)+1)/SUM(INDEX($D$3:$AA$30,INDEX(Jesper!$R$2:$R$366,ROW(INDEX(Jesper!AI$2:AI$366,ROUNDDOWN($C7373/24,0)+1,1))-1)+IF('Standard Profiles'!$G$19=$B$10,7,0)+IF('Standard Profiles'!$G$19=$B$17,14,0)+IF('Standard Profiles'!$G$19=$B$24,21,0),0)),0)</f>
        <v>4.0373653818593951</v>
      </c>
      <c r="F7373" cm="1">
        <f t="array" ref="F7373">IFERROR(INDEX(Jesper!AJ$2:AJ$366,ROUNDDOWN($C7373/24,0)+1,1)*INDEX($D$3:$AA$30,INDEX(Jesper!$R$2:$R$366,ROW(INDEX(Jesper!AJ$2:AJ$366,ROUNDDOWN($C7373/24,0)+1,1))-1)+IF('Standard Profiles'!$G$20=$B$10,7,0)+IF('Standard Profiles'!$G$20=$B$17,14,0)+IF('Standard Profiles'!$G$20=$B$24,21,0),MOD($C7373,24)+1)/SUM(INDEX($D$3:$AA$30,INDEX(Jesper!$R$2:$R$366,ROW(INDEX(Jesper!AJ$2:AJ$366,ROUNDDOWN($C7373/24,0)+1,1))-1)+IF('Standard Profiles'!$G$20=$B$10,7,0)+IF('Standard Profiles'!$G$20=$B$17,14,0)+IF('Standard Profiles'!$G$20=$B$24,21,0),0)),0)</f>
        <v>0</v>
      </c>
      <c r="G7373" cm="1">
        <f t="array" ref="G7373">IFERROR(INDEX(Jesper!AK$2:AK$366,ROUNDDOWN($C7373/24,0)+1,1)*INDEX($D$3:$AA$30,INDEX(Jesper!$R$2:$R$366,ROW(INDEX(Jesper!AK$2:AK$366,ROUNDDOWN($C7373/24,0)+1,1))-1)+IF('Standard Profiles'!$G$21=$B$10,7,0)+IF('Standard Profiles'!$G$21=$B$17,14,0)+IF('Standard Profiles'!$G$21=$B$24,21,0),MOD($C7373,24)+1)/SUM(INDEX($D$3:$AA$30,INDEX(Jesper!$R$2:$R$366,ROW(INDEX(Jesper!AK$2:AK$366,ROUNDDOWN($C7373/24,0)+1,1))-1)+IF('Standard Profiles'!$G$21=$B$10,7,0)+IF('Standard Profiles'!$G$21=$B$17,14,0)+IF('Standard Profiles'!$G$21=$B$24,21,0),0)),0)</f>
        <v>1.1791365451488365</v>
      </c>
      <c r="H7373" cm="1">
        <f t="array" ref="H7373">IFERROR(INDEX(Jesper!AL$2:AL$366,ROUNDDOWN($C7373/24,0)+1,1)*INDEX($D$3:$AA$30,INDEX(Jesper!$R$2:$R$366,ROW(INDEX(Jesper!AL$2:AL$366,ROUNDDOWN($C7373/24,0)+1,1))-1)+IF('Standard Profiles'!$G$22=$B$10,7,0)+IF('Standard Profiles'!$G$22=$B$17,14,0)+IF('Standard Profiles'!$G$22=$B$24,21,0),MOD($C7373,24)+1)/SUM(INDEX($D$3:$AA$30,INDEX(Jesper!$R$2:$R$366,ROW(INDEX(Jesper!AL$2:AL$366,ROUNDDOWN($C7373/24,0)+1,1))-1)+IF('Standard Profiles'!$G$22=$B$10,7,0)+IF('Standard Profiles'!$G$22=$B$17,14,0)+IF('Standard Profiles'!$G$22=$B$24,21,0),0)),0)</f>
        <v>0</v>
      </c>
      <c r="I7373">
        <f t="shared" si="818"/>
        <v>0.56598554167144122</v>
      </c>
      <c r="J7373">
        <f t="shared" si="819"/>
        <v>9.4525628680813405</v>
      </c>
      <c r="K7373">
        <f t="shared" si="820"/>
        <v>0.60978368034851438</v>
      </c>
      <c r="L7373">
        <f t="shared" si="821"/>
        <v>0.30489184017425719</v>
      </c>
      <c r="M7373">
        <f t="shared" si="822"/>
        <v>0</v>
      </c>
      <c r="N7373" s="45">
        <f t="shared" si="823"/>
        <v>45232.791666648867</v>
      </c>
    </row>
    <row r="7374" spans="2:14" x14ac:dyDescent="0.25">
      <c r="B7374">
        <f t="shared" si="817"/>
        <v>4</v>
      </c>
      <c r="C7374" s="16">
        <v>7340</v>
      </c>
      <c r="D7374" cm="1">
        <f t="array" ref="D7374">IFERROR(INDEX(Jesper!AH$2:AH$366,ROUNDDOWN($C7374/24,0)+1,1)*INDEX($D$3:$AA$30,INDEX(Jesper!$R$2:$R$366,ROW(INDEX(Jesper!AH$2:AH$366,ROUNDDOWN($C7374/24,0)+1,1))-1)+IF('Standard Profiles'!$G$18=$B$10,7,0)+IF('Standard Profiles'!$G$18=$B$17,14,0)+IF('Standard Profiles'!$G$18=$B$24,21,0),MOD($C7374,24)+1)/SUM(INDEX($D$3:$AA$30,INDEX(Jesper!$R$2:$R$366,ROW(INDEX(Jesper!AH$2:AH$366,ROUNDDOWN($C7374/24,0)+1,1))-1)+IF('Standard Profiles'!$G$18=$B$10,7,0)+IF('Standard Profiles'!$G$18=$B$17,14,0)+IF('Standard Profiles'!$G$18=$B$24,21,0),0)),0)</f>
        <v>5.7167220032673223</v>
      </c>
      <c r="E7374" cm="1">
        <f t="array" ref="E7374">IFERROR(INDEX(Jesper!AI$2:AI$366,ROUNDDOWN($C7374/24,0)+1,1)*INDEX($D$3:$AA$30,INDEX(Jesper!$R$2:$R$366,ROW(INDEX(Jesper!AI$2:AI$366,ROUNDDOWN($C7374/24,0)+1,1))-1)+IF('Standard Profiles'!$G$19=$B$10,7,0)+IF('Standard Profiles'!$G$19=$B$17,14,0)+IF('Standard Profiles'!$G$19=$B$24,21,0),MOD($C7374,24)+1)/SUM(INDEX($D$3:$AA$30,INDEX(Jesper!$R$2:$R$366,ROW(INDEX(Jesper!AI$2:AI$366,ROUNDDOWN($C7374/24,0)+1,1))-1)+IF('Standard Profiles'!$G$19=$B$10,7,0)+IF('Standard Profiles'!$G$19=$B$17,14,0)+IF('Standard Profiles'!$G$19=$B$24,21,0),0)),0)</f>
        <v>4.0373653818593951</v>
      </c>
      <c r="F7374" cm="1">
        <f t="array" ref="F7374">IFERROR(INDEX(Jesper!AJ$2:AJ$366,ROUNDDOWN($C7374/24,0)+1,1)*INDEX($D$3:$AA$30,INDEX(Jesper!$R$2:$R$366,ROW(INDEX(Jesper!AJ$2:AJ$366,ROUNDDOWN($C7374/24,0)+1,1))-1)+IF('Standard Profiles'!$G$20=$B$10,7,0)+IF('Standard Profiles'!$G$20=$B$17,14,0)+IF('Standard Profiles'!$G$20=$B$24,21,0),MOD($C7374,24)+1)/SUM(INDEX($D$3:$AA$30,INDEX(Jesper!$R$2:$R$366,ROW(INDEX(Jesper!AJ$2:AJ$366,ROUNDDOWN($C7374/24,0)+1,1))-1)+IF('Standard Profiles'!$G$20=$B$10,7,0)+IF('Standard Profiles'!$G$20=$B$17,14,0)+IF('Standard Profiles'!$G$20=$B$24,21,0),0)),0)</f>
        <v>0</v>
      </c>
      <c r="G7374" cm="1">
        <f t="array" ref="G7374">IFERROR(INDEX(Jesper!AK$2:AK$366,ROUNDDOWN($C7374/24,0)+1,1)*INDEX($D$3:$AA$30,INDEX(Jesper!$R$2:$R$366,ROW(INDEX(Jesper!AK$2:AK$366,ROUNDDOWN($C7374/24,0)+1,1))-1)+IF('Standard Profiles'!$G$21=$B$10,7,0)+IF('Standard Profiles'!$G$21=$B$17,14,0)+IF('Standard Profiles'!$G$21=$B$24,21,0),MOD($C7374,24)+1)/SUM(INDEX($D$3:$AA$30,INDEX(Jesper!$R$2:$R$366,ROW(INDEX(Jesper!AK$2:AK$366,ROUNDDOWN($C7374/24,0)+1,1))-1)+IF('Standard Profiles'!$G$21=$B$10,7,0)+IF('Standard Profiles'!$G$21=$B$17,14,0)+IF('Standard Profiles'!$G$21=$B$24,21,0),0)),0)</f>
        <v>1.1791365451488365</v>
      </c>
      <c r="H7374" cm="1">
        <f t="array" ref="H7374">IFERROR(INDEX(Jesper!AL$2:AL$366,ROUNDDOWN($C7374/24,0)+1,1)*INDEX($D$3:$AA$30,INDEX(Jesper!$R$2:$R$366,ROW(INDEX(Jesper!AL$2:AL$366,ROUNDDOWN($C7374/24,0)+1,1))-1)+IF('Standard Profiles'!$G$22=$B$10,7,0)+IF('Standard Profiles'!$G$22=$B$17,14,0)+IF('Standard Profiles'!$G$22=$B$24,21,0),MOD($C7374,24)+1)/SUM(INDEX($D$3:$AA$30,INDEX(Jesper!$R$2:$R$366,ROW(INDEX(Jesper!AL$2:AL$366,ROUNDDOWN($C7374/24,0)+1,1))-1)+IF('Standard Profiles'!$G$22=$B$10,7,0)+IF('Standard Profiles'!$G$22=$B$17,14,0)+IF('Standard Profiles'!$G$22=$B$24,21,0),0)),0)</f>
        <v>0</v>
      </c>
      <c r="I7374">
        <f t="shared" si="818"/>
        <v>0.56598554167144122</v>
      </c>
      <c r="J7374">
        <f t="shared" si="819"/>
        <v>9.4525628680813405</v>
      </c>
      <c r="K7374">
        <f t="shared" si="820"/>
        <v>0.60978368034851438</v>
      </c>
      <c r="L7374">
        <f t="shared" si="821"/>
        <v>0.30489184017425719</v>
      </c>
      <c r="M7374">
        <f t="shared" si="822"/>
        <v>0</v>
      </c>
      <c r="N7374" s="45">
        <f t="shared" si="823"/>
        <v>45232.833333315531</v>
      </c>
    </row>
    <row r="7375" spans="2:14" x14ac:dyDescent="0.25">
      <c r="B7375">
        <f t="shared" si="817"/>
        <v>4</v>
      </c>
      <c r="C7375" s="16">
        <v>7341</v>
      </c>
      <c r="D7375" cm="1">
        <f t="array" ref="D7375">IFERROR(INDEX(Jesper!AH$2:AH$366,ROUNDDOWN($C7375/24,0)+1,1)*INDEX($D$3:$AA$30,INDEX(Jesper!$R$2:$R$366,ROW(INDEX(Jesper!AH$2:AH$366,ROUNDDOWN($C7375/24,0)+1,1))-1)+IF('Standard Profiles'!$G$18=$B$10,7,0)+IF('Standard Profiles'!$G$18=$B$17,14,0)+IF('Standard Profiles'!$G$18=$B$24,21,0),MOD($C7375,24)+1)/SUM(INDEX($D$3:$AA$30,INDEX(Jesper!$R$2:$R$366,ROW(INDEX(Jesper!AH$2:AH$366,ROUNDDOWN($C7375/24,0)+1,1))-1)+IF('Standard Profiles'!$G$18=$B$10,7,0)+IF('Standard Profiles'!$G$18=$B$17,14,0)+IF('Standard Profiles'!$G$18=$B$24,21,0),0)),0)</f>
        <v>5.7167220032673223</v>
      </c>
      <c r="E7375" cm="1">
        <f t="array" ref="E7375">IFERROR(INDEX(Jesper!AI$2:AI$366,ROUNDDOWN($C7375/24,0)+1,1)*INDEX($D$3:$AA$30,INDEX(Jesper!$R$2:$R$366,ROW(INDEX(Jesper!AI$2:AI$366,ROUNDDOWN($C7375/24,0)+1,1))-1)+IF('Standard Profiles'!$G$19=$B$10,7,0)+IF('Standard Profiles'!$G$19=$B$17,14,0)+IF('Standard Profiles'!$G$19=$B$24,21,0),MOD($C7375,24)+1)/SUM(INDEX($D$3:$AA$30,INDEX(Jesper!$R$2:$R$366,ROW(INDEX(Jesper!AI$2:AI$366,ROUNDDOWN($C7375/24,0)+1,1))-1)+IF('Standard Profiles'!$G$19=$B$10,7,0)+IF('Standard Profiles'!$G$19=$B$17,14,0)+IF('Standard Profiles'!$G$19=$B$24,21,0),0)),0)</f>
        <v>4.0373653818593951</v>
      </c>
      <c r="F7375" cm="1">
        <f t="array" ref="F7375">IFERROR(INDEX(Jesper!AJ$2:AJ$366,ROUNDDOWN($C7375/24,0)+1,1)*INDEX($D$3:$AA$30,INDEX(Jesper!$R$2:$R$366,ROW(INDEX(Jesper!AJ$2:AJ$366,ROUNDDOWN($C7375/24,0)+1,1))-1)+IF('Standard Profiles'!$G$20=$B$10,7,0)+IF('Standard Profiles'!$G$20=$B$17,14,0)+IF('Standard Profiles'!$G$20=$B$24,21,0),MOD($C7375,24)+1)/SUM(INDEX($D$3:$AA$30,INDEX(Jesper!$R$2:$R$366,ROW(INDEX(Jesper!AJ$2:AJ$366,ROUNDDOWN($C7375/24,0)+1,1))-1)+IF('Standard Profiles'!$G$20=$B$10,7,0)+IF('Standard Profiles'!$G$20=$B$17,14,0)+IF('Standard Profiles'!$G$20=$B$24,21,0),0)),0)</f>
        <v>0</v>
      </c>
      <c r="G7375" cm="1">
        <f t="array" ref="G7375">IFERROR(INDEX(Jesper!AK$2:AK$366,ROUNDDOWN($C7375/24,0)+1,1)*INDEX($D$3:$AA$30,INDEX(Jesper!$R$2:$R$366,ROW(INDEX(Jesper!AK$2:AK$366,ROUNDDOWN($C7375/24,0)+1,1))-1)+IF('Standard Profiles'!$G$21=$B$10,7,0)+IF('Standard Profiles'!$G$21=$B$17,14,0)+IF('Standard Profiles'!$G$21=$B$24,21,0),MOD($C7375,24)+1)/SUM(INDEX($D$3:$AA$30,INDEX(Jesper!$R$2:$R$366,ROW(INDEX(Jesper!AK$2:AK$366,ROUNDDOWN($C7375/24,0)+1,1))-1)+IF('Standard Profiles'!$G$21=$B$10,7,0)+IF('Standard Profiles'!$G$21=$B$17,14,0)+IF('Standard Profiles'!$G$21=$B$24,21,0),0)),0)</f>
        <v>1.1791365451488365</v>
      </c>
      <c r="H7375" cm="1">
        <f t="array" ref="H7375">IFERROR(INDEX(Jesper!AL$2:AL$366,ROUNDDOWN($C7375/24,0)+1,1)*INDEX($D$3:$AA$30,INDEX(Jesper!$R$2:$R$366,ROW(INDEX(Jesper!AL$2:AL$366,ROUNDDOWN($C7375/24,0)+1,1))-1)+IF('Standard Profiles'!$G$22=$B$10,7,0)+IF('Standard Profiles'!$G$22=$B$17,14,0)+IF('Standard Profiles'!$G$22=$B$24,21,0),MOD($C7375,24)+1)/SUM(INDEX($D$3:$AA$30,INDEX(Jesper!$R$2:$R$366,ROW(INDEX(Jesper!AL$2:AL$366,ROUNDDOWN($C7375/24,0)+1,1))-1)+IF('Standard Profiles'!$G$22=$B$10,7,0)+IF('Standard Profiles'!$G$22=$B$17,14,0)+IF('Standard Profiles'!$G$22=$B$24,21,0),0)),0)</f>
        <v>0</v>
      </c>
      <c r="I7375">
        <f t="shared" si="818"/>
        <v>0.56598554167144122</v>
      </c>
      <c r="J7375">
        <f t="shared" si="819"/>
        <v>9.4525628680813405</v>
      </c>
      <c r="K7375">
        <f t="shared" si="820"/>
        <v>0.60978368034851438</v>
      </c>
      <c r="L7375">
        <f t="shared" si="821"/>
        <v>0.30489184017425719</v>
      </c>
      <c r="M7375">
        <f t="shared" si="822"/>
        <v>0</v>
      </c>
      <c r="N7375" s="45">
        <f t="shared" si="823"/>
        <v>45232.874999982196</v>
      </c>
    </row>
    <row r="7376" spans="2:14" x14ac:dyDescent="0.25">
      <c r="B7376">
        <f t="shared" si="817"/>
        <v>4</v>
      </c>
      <c r="C7376" s="16">
        <v>7342</v>
      </c>
      <c r="D7376" cm="1">
        <f t="array" ref="D7376">IFERROR(INDEX(Jesper!AH$2:AH$366,ROUNDDOWN($C7376/24,0)+1,1)*INDEX($D$3:$AA$30,INDEX(Jesper!$R$2:$R$366,ROW(INDEX(Jesper!AH$2:AH$366,ROUNDDOWN($C7376/24,0)+1,1))-1)+IF('Standard Profiles'!$G$18=$B$10,7,0)+IF('Standard Profiles'!$G$18=$B$17,14,0)+IF('Standard Profiles'!$G$18=$B$24,21,0),MOD($C7376,24)+1)/SUM(INDEX($D$3:$AA$30,INDEX(Jesper!$R$2:$R$366,ROW(INDEX(Jesper!AH$2:AH$366,ROUNDDOWN($C7376/24,0)+1,1))-1)+IF('Standard Profiles'!$G$18=$B$10,7,0)+IF('Standard Profiles'!$G$18=$B$17,14,0)+IF('Standard Profiles'!$G$18=$B$24,21,0),0)),0)</f>
        <v>5.7167220032673223</v>
      </c>
      <c r="E7376" cm="1">
        <f t="array" ref="E7376">IFERROR(INDEX(Jesper!AI$2:AI$366,ROUNDDOWN($C7376/24,0)+1,1)*INDEX($D$3:$AA$30,INDEX(Jesper!$R$2:$R$366,ROW(INDEX(Jesper!AI$2:AI$366,ROUNDDOWN($C7376/24,0)+1,1))-1)+IF('Standard Profiles'!$G$19=$B$10,7,0)+IF('Standard Profiles'!$G$19=$B$17,14,0)+IF('Standard Profiles'!$G$19=$B$24,21,0),MOD($C7376,24)+1)/SUM(INDEX($D$3:$AA$30,INDEX(Jesper!$R$2:$R$366,ROW(INDEX(Jesper!AI$2:AI$366,ROUNDDOWN($C7376/24,0)+1,1))-1)+IF('Standard Profiles'!$G$19=$B$10,7,0)+IF('Standard Profiles'!$G$19=$B$17,14,0)+IF('Standard Profiles'!$G$19=$B$24,21,0),0)),0)</f>
        <v>4.0373653818593951</v>
      </c>
      <c r="F7376" cm="1">
        <f t="array" ref="F7376">IFERROR(INDEX(Jesper!AJ$2:AJ$366,ROUNDDOWN($C7376/24,0)+1,1)*INDEX($D$3:$AA$30,INDEX(Jesper!$R$2:$R$366,ROW(INDEX(Jesper!AJ$2:AJ$366,ROUNDDOWN($C7376/24,0)+1,1))-1)+IF('Standard Profiles'!$G$20=$B$10,7,0)+IF('Standard Profiles'!$G$20=$B$17,14,0)+IF('Standard Profiles'!$G$20=$B$24,21,0),MOD($C7376,24)+1)/SUM(INDEX($D$3:$AA$30,INDEX(Jesper!$R$2:$R$366,ROW(INDEX(Jesper!AJ$2:AJ$366,ROUNDDOWN($C7376/24,0)+1,1))-1)+IF('Standard Profiles'!$G$20=$B$10,7,0)+IF('Standard Profiles'!$G$20=$B$17,14,0)+IF('Standard Profiles'!$G$20=$B$24,21,0),0)),0)</f>
        <v>0</v>
      </c>
      <c r="G7376" cm="1">
        <f t="array" ref="G7376">IFERROR(INDEX(Jesper!AK$2:AK$366,ROUNDDOWN($C7376/24,0)+1,1)*INDEX($D$3:$AA$30,INDEX(Jesper!$R$2:$R$366,ROW(INDEX(Jesper!AK$2:AK$366,ROUNDDOWN($C7376/24,0)+1,1))-1)+IF('Standard Profiles'!$G$21=$B$10,7,0)+IF('Standard Profiles'!$G$21=$B$17,14,0)+IF('Standard Profiles'!$G$21=$B$24,21,0),MOD($C7376,24)+1)/SUM(INDEX($D$3:$AA$30,INDEX(Jesper!$R$2:$R$366,ROW(INDEX(Jesper!AK$2:AK$366,ROUNDDOWN($C7376/24,0)+1,1))-1)+IF('Standard Profiles'!$G$21=$B$10,7,0)+IF('Standard Profiles'!$G$21=$B$17,14,0)+IF('Standard Profiles'!$G$21=$B$24,21,0),0)),0)</f>
        <v>1.1791365451488365</v>
      </c>
      <c r="H7376" cm="1">
        <f t="array" ref="H7376">IFERROR(INDEX(Jesper!AL$2:AL$366,ROUNDDOWN($C7376/24,0)+1,1)*INDEX($D$3:$AA$30,INDEX(Jesper!$R$2:$R$366,ROW(INDEX(Jesper!AL$2:AL$366,ROUNDDOWN($C7376/24,0)+1,1))-1)+IF('Standard Profiles'!$G$22=$B$10,7,0)+IF('Standard Profiles'!$G$22=$B$17,14,0)+IF('Standard Profiles'!$G$22=$B$24,21,0),MOD($C7376,24)+1)/SUM(INDEX($D$3:$AA$30,INDEX(Jesper!$R$2:$R$366,ROW(INDEX(Jesper!AL$2:AL$366,ROUNDDOWN($C7376/24,0)+1,1))-1)+IF('Standard Profiles'!$G$22=$B$10,7,0)+IF('Standard Profiles'!$G$22=$B$17,14,0)+IF('Standard Profiles'!$G$22=$B$24,21,0),0)),0)</f>
        <v>0</v>
      </c>
      <c r="I7376">
        <f t="shared" si="818"/>
        <v>0.56598554167144122</v>
      </c>
      <c r="J7376">
        <f t="shared" si="819"/>
        <v>9.4525628680813405</v>
      </c>
      <c r="K7376">
        <f t="shared" si="820"/>
        <v>0.60978368034851438</v>
      </c>
      <c r="L7376">
        <f t="shared" si="821"/>
        <v>0.30489184017425719</v>
      </c>
      <c r="M7376">
        <f t="shared" si="822"/>
        <v>0</v>
      </c>
      <c r="N7376" s="45">
        <f t="shared" si="823"/>
        <v>45232.91666664886</v>
      </c>
    </row>
    <row r="7377" spans="2:14" x14ac:dyDescent="0.25">
      <c r="B7377">
        <f t="shared" si="817"/>
        <v>4</v>
      </c>
      <c r="C7377" s="16">
        <v>7343</v>
      </c>
      <c r="D7377" cm="1">
        <f t="array" ref="D7377">IFERROR(INDEX(Jesper!AH$2:AH$366,ROUNDDOWN($C7377/24,0)+1,1)*INDEX($D$3:$AA$30,INDEX(Jesper!$R$2:$R$366,ROW(INDEX(Jesper!AH$2:AH$366,ROUNDDOWN($C7377/24,0)+1,1))-1)+IF('Standard Profiles'!$G$18=$B$10,7,0)+IF('Standard Profiles'!$G$18=$B$17,14,0)+IF('Standard Profiles'!$G$18=$B$24,21,0),MOD($C7377,24)+1)/SUM(INDEX($D$3:$AA$30,INDEX(Jesper!$R$2:$R$366,ROW(INDEX(Jesper!AH$2:AH$366,ROUNDDOWN($C7377/24,0)+1,1))-1)+IF('Standard Profiles'!$G$18=$B$10,7,0)+IF('Standard Profiles'!$G$18=$B$17,14,0)+IF('Standard Profiles'!$G$18=$B$24,21,0),0)),0)</f>
        <v>5.7167220032673223</v>
      </c>
      <c r="E7377" cm="1">
        <f t="array" ref="E7377">IFERROR(INDEX(Jesper!AI$2:AI$366,ROUNDDOWN($C7377/24,0)+1,1)*INDEX($D$3:$AA$30,INDEX(Jesper!$R$2:$R$366,ROW(INDEX(Jesper!AI$2:AI$366,ROUNDDOWN($C7377/24,0)+1,1))-1)+IF('Standard Profiles'!$G$19=$B$10,7,0)+IF('Standard Profiles'!$G$19=$B$17,14,0)+IF('Standard Profiles'!$G$19=$B$24,21,0),MOD($C7377,24)+1)/SUM(INDEX($D$3:$AA$30,INDEX(Jesper!$R$2:$R$366,ROW(INDEX(Jesper!AI$2:AI$366,ROUNDDOWN($C7377/24,0)+1,1))-1)+IF('Standard Profiles'!$G$19=$B$10,7,0)+IF('Standard Profiles'!$G$19=$B$17,14,0)+IF('Standard Profiles'!$G$19=$B$24,21,0),0)),0)</f>
        <v>4.0373653818593951</v>
      </c>
      <c r="F7377" cm="1">
        <f t="array" ref="F7377">IFERROR(INDEX(Jesper!AJ$2:AJ$366,ROUNDDOWN($C7377/24,0)+1,1)*INDEX($D$3:$AA$30,INDEX(Jesper!$R$2:$R$366,ROW(INDEX(Jesper!AJ$2:AJ$366,ROUNDDOWN($C7377/24,0)+1,1))-1)+IF('Standard Profiles'!$G$20=$B$10,7,0)+IF('Standard Profiles'!$G$20=$B$17,14,0)+IF('Standard Profiles'!$G$20=$B$24,21,0),MOD($C7377,24)+1)/SUM(INDEX($D$3:$AA$30,INDEX(Jesper!$R$2:$R$366,ROW(INDEX(Jesper!AJ$2:AJ$366,ROUNDDOWN($C7377/24,0)+1,1))-1)+IF('Standard Profiles'!$G$20=$B$10,7,0)+IF('Standard Profiles'!$G$20=$B$17,14,0)+IF('Standard Profiles'!$G$20=$B$24,21,0),0)),0)</f>
        <v>0</v>
      </c>
      <c r="G7377" cm="1">
        <f t="array" ref="G7377">IFERROR(INDEX(Jesper!AK$2:AK$366,ROUNDDOWN($C7377/24,0)+1,1)*INDEX($D$3:$AA$30,INDEX(Jesper!$R$2:$R$366,ROW(INDEX(Jesper!AK$2:AK$366,ROUNDDOWN($C7377/24,0)+1,1))-1)+IF('Standard Profiles'!$G$21=$B$10,7,0)+IF('Standard Profiles'!$G$21=$B$17,14,0)+IF('Standard Profiles'!$G$21=$B$24,21,0),MOD($C7377,24)+1)/SUM(INDEX($D$3:$AA$30,INDEX(Jesper!$R$2:$R$366,ROW(INDEX(Jesper!AK$2:AK$366,ROUNDDOWN($C7377/24,0)+1,1))-1)+IF('Standard Profiles'!$G$21=$B$10,7,0)+IF('Standard Profiles'!$G$21=$B$17,14,0)+IF('Standard Profiles'!$G$21=$B$24,21,0),0)),0)</f>
        <v>1.1791365451488365</v>
      </c>
      <c r="H7377" cm="1">
        <f t="array" ref="H7377">IFERROR(INDEX(Jesper!AL$2:AL$366,ROUNDDOWN($C7377/24,0)+1,1)*INDEX($D$3:$AA$30,INDEX(Jesper!$R$2:$R$366,ROW(INDEX(Jesper!AL$2:AL$366,ROUNDDOWN($C7377/24,0)+1,1))-1)+IF('Standard Profiles'!$G$22=$B$10,7,0)+IF('Standard Profiles'!$G$22=$B$17,14,0)+IF('Standard Profiles'!$G$22=$B$24,21,0),MOD($C7377,24)+1)/SUM(INDEX($D$3:$AA$30,INDEX(Jesper!$R$2:$R$366,ROW(INDEX(Jesper!AL$2:AL$366,ROUNDDOWN($C7377/24,0)+1,1))-1)+IF('Standard Profiles'!$G$22=$B$10,7,0)+IF('Standard Profiles'!$G$22=$B$17,14,0)+IF('Standard Profiles'!$G$22=$B$24,21,0),0)),0)</f>
        <v>0</v>
      </c>
      <c r="I7377">
        <f t="shared" si="818"/>
        <v>0.56598554167144122</v>
      </c>
      <c r="J7377">
        <f t="shared" si="819"/>
        <v>9.4525628680813405</v>
      </c>
      <c r="K7377">
        <f t="shared" si="820"/>
        <v>0.60978368034851438</v>
      </c>
      <c r="L7377">
        <f t="shared" si="821"/>
        <v>0.30489184017425719</v>
      </c>
      <c r="M7377">
        <f t="shared" si="822"/>
        <v>0</v>
      </c>
      <c r="N7377" s="45">
        <f t="shared" si="823"/>
        <v>45232.958333315524</v>
      </c>
    </row>
    <row r="7378" spans="2:14" x14ac:dyDescent="0.25">
      <c r="B7378">
        <f t="shared" si="817"/>
        <v>5</v>
      </c>
      <c r="C7378" s="16">
        <v>7344</v>
      </c>
      <c r="D7378" cm="1">
        <f t="array" ref="D7378">IFERROR(INDEX(Jesper!AH$2:AH$366,ROUNDDOWN($C7378/24,0)+1,1)*INDEX($D$3:$AA$30,INDEX(Jesper!$R$2:$R$366,ROW(INDEX(Jesper!AH$2:AH$366,ROUNDDOWN($C7378/24,0)+1,1))-1)+IF('Standard Profiles'!$G$18=$B$10,7,0)+IF('Standard Profiles'!$G$18=$B$17,14,0)+IF('Standard Profiles'!$G$18=$B$24,21,0),MOD($C7378,24)+1)/SUM(INDEX($D$3:$AA$30,INDEX(Jesper!$R$2:$R$366,ROW(INDEX(Jesper!AH$2:AH$366,ROUNDDOWN($C7378/24,0)+1,1))-1)+IF('Standard Profiles'!$G$18=$B$10,7,0)+IF('Standard Profiles'!$G$18=$B$17,14,0)+IF('Standard Profiles'!$G$18=$B$24,21,0),0)),0)</f>
        <v>8.8605450111498776</v>
      </c>
      <c r="E7378" cm="1">
        <f t="array" ref="E7378">IFERROR(INDEX(Jesper!AI$2:AI$366,ROUNDDOWN($C7378/24,0)+1,1)*INDEX($D$3:$AA$30,INDEX(Jesper!$R$2:$R$366,ROW(INDEX(Jesper!AI$2:AI$366,ROUNDDOWN($C7378/24,0)+1,1))-1)+IF('Standard Profiles'!$G$19=$B$10,7,0)+IF('Standard Profiles'!$G$19=$B$17,14,0)+IF('Standard Profiles'!$G$19=$B$24,21,0),MOD($C7378,24)+1)/SUM(INDEX($D$3:$AA$30,INDEX(Jesper!$R$2:$R$366,ROW(INDEX(Jesper!AI$2:AI$366,ROUNDDOWN($C7378/24,0)+1,1))-1)+IF('Standard Profiles'!$G$19=$B$10,7,0)+IF('Standard Profiles'!$G$19=$B$17,14,0)+IF('Standard Profiles'!$G$19=$B$24,21,0),0)),0)</f>
        <v>7.1815474164630508</v>
      </c>
      <c r="F7378" cm="1">
        <f t="array" ref="F7378">IFERROR(INDEX(Jesper!AJ$2:AJ$366,ROUNDDOWN($C7378/24,0)+1,1)*INDEX($D$3:$AA$30,INDEX(Jesper!$R$2:$R$366,ROW(INDEX(Jesper!AJ$2:AJ$366,ROUNDDOWN($C7378/24,0)+1,1))-1)+IF('Standard Profiles'!$G$20=$B$10,7,0)+IF('Standard Profiles'!$G$20=$B$17,14,0)+IF('Standard Profiles'!$G$20=$B$24,21,0),MOD($C7378,24)+1)/SUM(INDEX($D$3:$AA$30,INDEX(Jesper!$R$2:$R$366,ROW(INDEX(Jesper!AJ$2:AJ$366,ROUNDDOWN($C7378/24,0)+1,1))-1)+IF('Standard Profiles'!$G$20=$B$10,7,0)+IF('Standard Profiles'!$G$20=$B$17,14,0)+IF('Standard Profiles'!$G$20=$B$24,21,0),0)),0)</f>
        <v>0</v>
      </c>
      <c r="G7378" cm="1">
        <f t="array" ref="G7378">IFERROR(INDEX(Jesper!AK$2:AK$366,ROUNDDOWN($C7378/24,0)+1,1)*INDEX($D$3:$AA$30,INDEX(Jesper!$R$2:$R$366,ROW(INDEX(Jesper!AK$2:AK$366,ROUNDDOWN($C7378/24,0)+1,1))-1)+IF('Standard Profiles'!$G$21=$B$10,7,0)+IF('Standard Profiles'!$G$21=$B$17,14,0)+IF('Standard Profiles'!$G$21=$B$24,21,0),MOD($C7378,24)+1)/SUM(INDEX($D$3:$AA$30,INDEX(Jesper!$R$2:$R$366,ROW(INDEX(Jesper!AK$2:AK$366,ROUNDDOWN($C7378/24,0)+1,1))-1)+IF('Standard Profiles'!$G$21=$B$10,7,0)+IF('Standard Profiles'!$G$21=$B$17,14,0)+IF('Standard Profiles'!$G$21=$B$24,21,0),0)),0)</f>
        <v>2.4065185709648049</v>
      </c>
      <c r="H7378" cm="1">
        <f t="array" ref="H7378">IFERROR(INDEX(Jesper!AL$2:AL$366,ROUNDDOWN($C7378/24,0)+1,1)*INDEX($D$3:$AA$30,INDEX(Jesper!$R$2:$R$366,ROW(INDEX(Jesper!AL$2:AL$366,ROUNDDOWN($C7378/24,0)+1,1))-1)+IF('Standard Profiles'!$G$22=$B$10,7,0)+IF('Standard Profiles'!$G$22=$B$17,14,0)+IF('Standard Profiles'!$G$22=$B$24,21,0),MOD($C7378,24)+1)/SUM(INDEX($D$3:$AA$30,INDEX(Jesper!$R$2:$R$366,ROW(INDEX(Jesper!AL$2:AL$366,ROUNDDOWN($C7378/24,0)+1,1))-1)+IF('Standard Profiles'!$G$22=$B$10,7,0)+IF('Standard Profiles'!$G$22=$B$17,14,0)+IF('Standard Profiles'!$G$22=$B$24,21,0),0)),0)</f>
        <v>0</v>
      </c>
      <c r="I7378">
        <f t="shared" si="818"/>
        <v>1.1551289140631058</v>
      </c>
      <c r="J7378">
        <f t="shared" si="819"/>
        <v>15.875794882730647</v>
      </c>
      <c r="K7378">
        <f t="shared" si="820"/>
        <v>0.9451248011893203</v>
      </c>
      <c r="L7378">
        <f t="shared" si="821"/>
        <v>0.47256240059466015</v>
      </c>
      <c r="M7378">
        <f t="shared" si="822"/>
        <v>0</v>
      </c>
      <c r="N7378" s="45">
        <f t="shared" si="823"/>
        <v>45232.999999982188</v>
      </c>
    </row>
    <row r="7379" spans="2:14" x14ac:dyDescent="0.25">
      <c r="B7379">
        <f t="shared" si="817"/>
        <v>5</v>
      </c>
      <c r="C7379" s="16">
        <v>7345</v>
      </c>
      <c r="D7379" cm="1">
        <f t="array" ref="D7379">IFERROR(INDEX(Jesper!AH$2:AH$366,ROUNDDOWN($C7379/24,0)+1,1)*INDEX($D$3:$AA$30,INDEX(Jesper!$R$2:$R$366,ROW(INDEX(Jesper!AH$2:AH$366,ROUNDDOWN($C7379/24,0)+1,1))-1)+IF('Standard Profiles'!$G$18=$B$10,7,0)+IF('Standard Profiles'!$G$18=$B$17,14,0)+IF('Standard Profiles'!$G$18=$B$24,21,0),MOD($C7379,24)+1)/SUM(INDEX($D$3:$AA$30,INDEX(Jesper!$R$2:$R$366,ROW(INDEX(Jesper!AH$2:AH$366,ROUNDDOWN($C7379/24,0)+1,1))-1)+IF('Standard Profiles'!$G$18=$B$10,7,0)+IF('Standard Profiles'!$G$18=$B$17,14,0)+IF('Standard Profiles'!$G$18=$B$24,21,0),0)),0)</f>
        <v>5.3700272794847734</v>
      </c>
      <c r="E7379" cm="1">
        <f t="array" ref="E7379">IFERROR(INDEX(Jesper!AI$2:AI$366,ROUNDDOWN($C7379/24,0)+1,1)*INDEX($D$3:$AA$30,INDEX(Jesper!$R$2:$R$366,ROW(INDEX(Jesper!AI$2:AI$366,ROUNDDOWN($C7379/24,0)+1,1))-1)+IF('Standard Profiles'!$G$19=$B$10,7,0)+IF('Standard Profiles'!$G$19=$B$17,14,0)+IF('Standard Profiles'!$G$19=$B$24,21,0),MOD($C7379,24)+1)/SUM(INDEX($D$3:$AA$30,INDEX(Jesper!$R$2:$R$366,ROW(INDEX(Jesper!AI$2:AI$366,ROUNDDOWN($C7379/24,0)+1,1))-1)+IF('Standard Profiles'!$G$19=$B$10,7,0)+IF('Standard Profiles'!$G$19=$B$17,14,0)+IF('Standard Profiles'!$G$19=$B$24,21,0),0)),0)</f>
        <v>4.3524529796745774</v>
      </c>
      <c r="F7379" cm="1">
        <f t="array" ref="F7379">IFERROR(INDEX(Jesper!AJ$2:AJ$366,ROUNDDOWN($C7379/24,0)+1,1)*INDEX($D$3:$AA$30,INDEX(Jesper!$R$2:$R$366,ROW(INDEX(Jesper!AJ$2:AJ$366,ROUNDDOWN($C7379/24,0)+1,1))-1)+IF('Standard Profiles'!$G$20=$B$10,7,0)+IF('Standard Profiles'!$G$20=$B$17,14,0)+IF('Standard Profiles'!$G$20=$B$24,21,0),MOD($C7379,24)+1)/SUM(INDEX($D$3:$AA$30,INDEX(Jesper!$R$2:$R$366,ROW(INDEX(Jesper!AJ$2:AJ$366,ROUNDDOWN($C7379/24,0)+1,1))-1)+IF('Standard Profiles'!$G$20=$B$10,7,0)+IF('Standard Profiles'!$G$20=$B$17,14,0)+IF('Standard Profiles'!$G$20=$B$24,21,0),0)),0)</f>
        <v>0</v>
      </c>
      <c r="G7379" cm="1">
        <f t="array" ref="G7379">IFERROR(INDEX(Jesper!AK$2:AK$366,ROUNDDOWN($C7379/24,0)+1,1)*INDEX($D$3:$AA$30,INDEX(Jesper!$R$2:$R$366,ROW(INDEX(Jesper!AK$2:AK$366,ROUNDDOWN($C7379/24,0)+1,1))-1)+IF('Standard Profiles'!$G$21=$B$10,7,0)+IF('Standard Profiles'!$G$21=$B$17,14,0)+IF('Standard Profiles'!$G$21=$B$24,21,0),MOD($C7379,24)+1)/SUM(INDEX($D$3:$AA$30,INDEX(Jesper!$R$2:$R$366,ROW(INDEX(Jesper!AK$2:AK$366,ROUNDDOWN($C7379/24,0)+1,1))-1)+IF('Standard Profiles'!$G$21=$B$10,7,0)+IF('Standard Profiles'!$G$21=$B$17,14,0)+IF('Standard Profiles'!$G$21=$B$24,21,0),0)),0)</f>
        <v>2.4065185709648049</v>
      </c>
      <c r="H7379" cm="1">
        <f t="array" ref="H7379">IFERROR(INDEX(Jesper!AL$2:AL$366,ROUNDDOWN($C7379/24,0)+1,1)*INDEX($D$3:$AA$30,INDEX(Jesper!$R$2:$R$366,ROW(INDEX(Jesper!AL$2:AL$366,ROUNDDOWN($C7379/24,0)+1,1))-1)+IF('Standard Profiles'!$G$22=$B$10,7,0)+IF('Standard Profiles'!$G$22=$B$17,14,0)+IF('Standard Profiles'!$G$22=$B$24,21,0),MOD($C7379,24)+1)/SUM(INDEX($D$3:$AA$30,INDEX(Jesper!$R$2:$R$366,ROW(INDEX(Jesper!AL$2:AL$366,ROUNDDOWN($C7379/24,0)+1,1))-1)+IF('Standard Profiles'!$G$22=$B$10,7,0)+IF('Standard Profiles'!$G$22=$B$17,14,0)+IF('Standard Profiles'!$G$22=$B$24,21,0),0)),0)</f>
        <v>0</v>
      </c>
      <c r="I7379">
        <f t="shared" si="818"/>
        <v>1.1551289140631058</v>
      </c>
      <c r="J7379">
        <f t="shared" si="819"/>
        <v>10.114665551343487</v>
      </c>
      <c r="K7379">
        <f t="shared" si="820"/>
        <v>0.57280290981170923</v>
      </c>
      <c r="L7379">
        <f t="shared" si="821"/>
        <v>0.28640145490585461</v>
      </c>
      <c r="M7379">
        <f t="shared" si="822"/>
        <v>0</v>
      </c>
      <c r="N7379" s="45">
        <f t="shared" si="823"/>
        <v>45233.041666648853</v>
      </c>
    </row>
    <row r="7380" spans="2:14" x14ac:dyDescent="0.25">
      <c r="B7380">
        <f t="shared" si="817"/>
        <v>5</v>
      </c>
      <c r="C7380" s="16">
        <v>7346</v>
      </c>
      <c r="D7380" cm="1">
        <f t="array" ref="D7380">IFERROR(INDEX(Jesper!AH$2:AH$366,ROUNDDOWN($C7380/24,0)+1,1)*INDEX($D$3:$AA$30,INDEX(Jesper!$R$2:$R$366,ROW(INDEX(Jesper!AH$2:AH$366,ROUNDDOWN($C7380/24,0)+1,1))-1)+IF('Standard Profiles'!$G$18=$B$10,7,0)+IF('Standard Profiles'!$G$18=$B$17,14,0)+IF('Standard Profiles'!$G$18=$B$24,21,0),MOD($C7380,24)+1)/SUM(INDEX($D$3:$AA$30,INDEX(Jesper!$R$2:$R$366,ROW(INDEX(Jesper!AH$2:AH$366,ROUNDDOWN($C7380/24,0)+1,1))-1)+IF('Standard Profiles'!$G$18=$B$10,7,0)+IF('Standard Profiles'!$G$18=$B$17,14,0)+IF('Standard Profiles'!$G$18=$B$24,21,0),0)),0)</f>
        <v>5.3700272794847734</v>
      </c>
      <c r="E7380" cm="1">
        <f t="array" ref="E7380">IFERROR(INDEX(Jesper!AI$2:AI$366,ROUNDDOWN($C7380/24,0)+1,1)*INDEX($D$3:$AA$30,INDEX(Jesper!$R$2:$R$366,ROW(INDEX(Jesper!AI$2:AI$366,ROUNDDOWN($C7380/24,0)+1,1))-1)+IF('Standard Profiles'!$G$19=$B$10,7,0)+IF('Standard Profiles'!$G$19=$B$17,14,0)+IF('Standard Profiles'!$G$19=$B$24,21,0),MOD($C7380,24)+1)/SUM(INDEX($D$3:$AA$30,INDEX(Jesper!$R$2:$R$366,ROW(INDEX(Jesper!AI$2:AI$366,ROUNDDOWN($C7380/24,0)+1,1))-1)+IF('Standard Profiles'!$G$19=$B$10,7,0)+IF('Standard Profiles'!$G$19=$B$17,14,0)+IF('Standard Profiles'!$G$19=$B$24,21,0),0)),0)</f>
        <v>4.3524529796745774</v>
      </c>
      <c r="F7380" cm="1">
        <f t="array" ref="F7380">IFERROR(INDEX(Jesper!AJ$2:AJ$366,ROUNDDOWN($C7380/24,0)+1,1)*INDEX($D$3:$AA$30,INDEX(Jesper!$R$2:$R$366,ROW(INDEX(Jesper!AJ$2:AJ$366,ROUNDDOWN($C7380/24,0)+1,1))-1)+IF('Standard Profiles'!$G$20=$B$10,7,0)+IF('Standard Profiles'!$G$20=$B$17,14,0)+IF('Standard Profiles'!$G$20=$B$24,21,0),MOD($C7380,24)+1)/SUM(INDEX($D$3:$AA$30,INDEX(Jesper!$R$2:$R$366,ROW(INDEX(Jesper!AJ$2:AJ$366,ROUNDDOWN($C7380/24,0)+1,1))-1)+IF('Standard Profiles'!$G$20=$B$10,7,0)+IF('Standard Profiles'!$G$20=$B$17,14,0)+IF('Standard Profiles'!$G$20=$B$24,21,0),0)),0)</f>
        <v>0</v>
      </c>
      <c r="G7380" cm="1">
        <f t="array" ref="G7380">IFERROR(INDEX(Jesper!AK$2:AK$366,ROUNDDOWN($C7380/24,0)+1,1)*INDEX($D$3:$AA$30,INDEX(Jesper!$R$2:$R$366,ROW(INDEX(Jesper!AK$2:AK$366,ROUNDDOWN($C7380/24,0)+1,1))-1)+IF('Standard Profiles'!$G$21=$B$10,7,0)+IF('Standard Profiles'!$G$21=$B$17,14,0)+IF('Standard Profiles'!$G$21=$B$24,21,0),MOD($C7380,24)+1)/SUM(INDEX($D$3:$AA$30,INDEX(Jesper!$R$2:$R$366,ROW(INDEX(Jesper!AK$2:AK$366,ROUNDDOWN($C7380/24,0)+1,1))-1)+IF('Standard Profiles'!$G$21=$B$10,7,0)+IF('Standard Profiles'!$G$21=$B$17,14,0)+IF('Standard Profiles'!$G$21=$B$24,21,0),0)),0)</f>
        <v>2.4065185709648049</v>
      </c>
      <c r="H7380" cm="1">
        <f t="array" ref="H7380">IFERROR(INDEX(Jesper!AL$2:AL$366,ROUNDDOWN($C7380/24,0)+1,1)*INDEX($D$3:$AA$30,INDEX(Jesper!$R$2:$R$366,ROW(INDEX(Jesper!AL$2:AL$366,ROUNDDOWN($C7380/24,0)+1,1))-1)+IF('Standard Profiles'!$G$22=$B$10,7,0)+IF('Standard Profiles'!$G$22=$B$17,14,0)+IF('Standard Profiles'!$G$22=$B$24,21,0),MOD($C7380,24)+1)/SUM(INDEX($D$3:$AA$30,INDEX(Jesper!$R$2:$R$366,ROW(INDEX(Jesper!AL$2:AL$366,ROUNDDOWN($C7380/24,0)+1,1))-1)+IF('Standard Profiles'!$G$22=$B$10,7,0)+IF('Standard Profiles'!$G$22=$B$17,14,0)+IF('Standard Profiles'!$G$22=$B$24,21,0),0)),0)</f>
        <v>0</v>
      </c>
      <c r="I7380">
        <f t="shared" si="818"/>
        <v>1.1551289140631058</v>
      </c>
      <c r="J7380">
        <f t="shared" si="819"/>
        <v>10.114665551343487</v>
      </c>
      <c r="K7380">
        <f t="shared" si="820"/>
        <v>0.57280290981170923</v>
      </c>
      <c r="L7380">
        <f t="shared" si="821"/>
        <v>0.28640145490585461</v>
      </c>
      <c r="M7380">
        <f t="shared" si="822"/>
        <v>0</v>
      </c>
      <c r="N7380" s="45">
        <f t="shared" si="823"/>
        <v>45233.083333315517</v>
      </c>
    </row>
    <row r="7381" spans="2:14" x14ac:dyDescent="0.25">
      <c r="B7381">
        <f t="shared" si="817"/>
        <v>5</v>
      </c>
      <c r="C7381" s="16">
        <v>7347</v>
      </c>
      <c r="D7381" cm="1">
        <f t="array" ref="D7381">IFERROR(INDEX(Jesper!AH$2:AH$366,ROUNDDOWN($C7381/24,0)+1,1)*INDEX($D$3:$AA$30,INDEX(Jesper!$R$2:$R$366,ROW(INDEX(Jesper!AH$2:AH$366,ROUNDDOWN($C7381/24,0)+1,1))-1)+IF('Standard Profiles'!$G$18=$B$10,7,0)+IF('Standard Profiles'!$G$18=$B$17,14,0)+IF('Standard Profiles'!$G$18=$B$24,21,0),MOD($C7381,24)+1)/SUM(INDEX($D$3:$AA$30,INDEX(Jesper!$R$2:$R$366,ROW(INDEX(Jesper!AH$2:AH$366,ROUNDDOWN($C7381/24,0)+1,1))-1)+IF('Standard Profiles'!$G$18=$B$10,7,0)+IF('Standard Profiles'!$G$18=$B$17,14,0)+IF('Standard Profiles'!$G$18=$B$24,21,0),0)),0)</f>
        <v>5.3700272794847734</v>
      </c>
      <c r="E7381" cm="1">
        <f t="array" ref="E7381">IFERROR(INDEX(Jesper!AI$2:AI$366,ROUNDDOWN($C7381/24,0)+1,1)*INDEX($D$3:$AA$30,INDEX(Jesper!$R$2:$R$366,ROW(INDEX(Jesper!AI$2:AI$366,ROUNDDOWN($C7381/24,0)+1,1))-1)+IF('Standard Profiles'!$G$19=$B$10,7,0)+IF('Standard Profiles'!$G$19=$B$17,14,0)+IF('Standard Profiles'!$G$19=$B$24,21,0),MOD($C7381,24)+1)/SUM(INDEX($D$3:$AA$30,INDEX(Jesper!$R$2:$R$366,ROW(INDEX(Jesper!AI$2:AI$366,ROUNDDOWN($C7381/24,0)+1,1))-1)+IF('Standard Profiles'!$G$19=$B$10,7,0)+IF('Standard Profiles'!$G$19=$B$17,14,0)+IF('Standard Profiles'!$G$19=$B$24,21,0),0)),0)</f>
        <v>4.3524529796745774</v>
      </c>
      <c r="F7381" cm="1">
        <f t="array" ref="F7381">IFERROR(INDEX(Jesper!AJ$2:AJ$366,ROUNDDOWN($C7381/24,0)+1,1)*INDEX($D$3:$AA$30,INDEX(Jesper!$R$2:$R$366,ROW(INDEX(Jesper!AJ$2:AJ$366,ROUNDDOWN($C7381/24,0)+1,1))-1)+IF('Standard Profiles'!$G$20=$B$10,7,0)+IF('Standard Profiles'!$G$20=$B$17,14,0)+IF('Standard Profiles'!$G$20=$B$24,21,0),MOD($C7381,24)+1)/SUM(INDEX($D$3:$AA$30,INDEX(Jesper!$R$2:$R$366,ROW(INDEX(Jesper!AJ$2:AJ$366,ROUNDDOWN($C7381/24,0)+1,1))-1)+IF('Standard Profiles'!$G$20=$B$10,7,0)+IF('Standard Profiles'!$G$20=$B$17,14,0)+IF('Standard Profiles'!$G$20=$B$24,21,0),0)),0)</f>
        <v>0</v>
      </c>
      <c r="G7381" cm="1">
        <f t="array" ref="G7381">IFERROR(INDEX(Jesper!AK$2:AK$366,ROUNDDOWN($C7381/24,0)+1,1)*INDEX($D$3:$AA$30,INDEX(Jesper!$R$2:$R$366,ROW(INDEX(Jesper!AK$2:AK$366,ROUNDDOWN($C7381/24,0)+1,1))-1)+IF('Standard Profiles'!$G$21=$B$10,7,0)+IF('Standard Profiles'!$G$21=$B$17,14,0)+IF('Standard Profiles'!$G$21=$B$24,21,0),MOD($C7381,24)+1)/SUM(INDEX($D$3:$AA$30,INDEX(Jesper!$R$2:$R$366,ROW(INDEX(Jesper!AK$2:AK$366,ROUNDDOWN($C7381/24,0)+1,1))-1)+IF('Standard Profiles'!$G$21=$B$10,7,0)+IF('Standard Profiles'!$G$21=$B$17,14,0)+IF('Standard Profiles'!$G$21=$B$24,21,0),0)),0)</f>
        <v>2.4065185709648049</v>
      </c>
      <c r="H7381" cm="1">
        <f t="array" ref="H7381">IFERROR(INDEX(Jesper!AL$2:AL$366,ROUNDDOWN($C7381/24,0)+1,1)*INDEX($D$3:$AA$30,INDEX(Jesper!$R$2:$R$366,ROW(INDEX(Jesper!AL$2:AL$366,ROUNDDOWN($C7381/24,0)+1,1))-1)+IF('Standard Profiles'!$G$22=$B$10,7,0)+IF('Standard Profiles'!$G$22=$B$17,14,0)+IF('Standard Profiles'!$G$22=$B$24,21,0),MOD($C7381,24)+1)/SUM(INDEX($D$3:$AA$30,INDEX(Jesper!$R$2:$R$366,ROW(INDEX(Jesper!AL$2:AL$366,ROUNDDOWN($C7381/24,0)+1,1))-1)+IF('Standard Profiles'!$G$22=$B$10,7,0)+IF('Standard Profiles'!$G$22=$B$17,14,0)+IF('Standard Profiles'!$G$22=$B$24,21,0),0)),0)</f>
        <v>0</v>
      </c>
      <c r="I7381">
        <f t="shared" si="818"/>
        <v>1.1551289140631058</v>
      </c>
      <c r="J7381">
        <f t="shared" si="819"/>
        <v>10.114665551343487</v>
      </c>
      <c r="K7381">
        <f t="shared" si="820"/>
        <v>0.57280290981170923</v>
      </c>
      <c r="L7381">
        <f t="shared" si="821"/>
        <v>0.28640145490585461</v>
      </c>
      <c r="M7381">
        <f t="shared" si="822"/>
        <v>0</v>
      </c>
      <c r="N7381" s="45">
        <f t="shared" si="823"/>
        <v>45233.124999982181</v>
      </c>
    </row>
    <row r="7382" spans="2:14" x14ac:dyDescent="0.25">
      <c r="B7382">
        <f t="shared" si="817"/>
        <v>5</v>
      </c>
      <c r="C7382" s="16">
        <v>7348</v>
      </c>
      <c r="D7382" cm="1">
        <f t="array" ref="D7382">IFERROR(INDEX(Jesper!AH$2:AH$366,ROUNDDOWN($C7382/24,0)+1,1)*INDEX($D$3:$AA$30,INDEX(Jesper!$R$2:$R$366,ROW(INDEX(Jesper!AH$2:AH$366,ROUNDDOWN($C7382/24,0)+1,1))-1)+IF('Standard Profiles'!$G$18=$B$10,7,0)+IF('Standard Profiles'!$G$18=$B$17,14,0)+IF('Standard Profiles'!$G$18=$B$24,21,0),MOD($C7382,24)+1)/SUM(INDEX($D$3:$AA$30,INDEX(Jesper!$R$2:$R$366,ROW(INDEX(Jesper!AH$2:AH$366,ROUNDDOWN($C7382/24,0)+1,1))-1)+IF('Standard Profiles'!$G$18=$B$10,7,0)+IF('Standard Profiles'!$G$18=$B$17,14,0)+IF('Standard Profiles'!$G$18=$B$24,21,0),0)),0)</f>
        <v>5.3700272794847734</v>
      </c>
      <c r="E7382" cm="1">
        <f t="array" ref="E7382">IFERROR(INDEX(Jesper!AI$2:AI$366,ROUNDDOWN($C7382/24,0)+1,1)*INDEX($D$3:$AA$30,INDEX(Jesper!$R$2:$R$366,ROW(INDEX(Jesper!AI$2:AI$366,ROUNDDOWN($C7382/24,0)+1,1))-1)+IF('Standard Profiles'!$G$19=$B$10,7,0)+IF('Standard Profiles'!$G$19=$B$17,14,0)+IF('Standard Profiles'!$G$19=$B$24,21,0),MOD($C7382,24)+1)/SUM(INDEX($D$3:$AA$30,INDEX(Jesper!$R$2:$R$366,ROW(INDEX(Jesper!AI$2:AI$366,ROUNDDOWN($C7382/24,0)+1,1))-1)+IF('Standard Profiles'!$G$19=$B$10,7,0)+IF('Standard Profiles'!$G$19=$B$17,14,0)+IF('Standard Profiles'!$G$19=$B$24,21,0),0)),0)</f>
        <v>4.3524529796745774</v>
      </c>
      <c r="F7382" cm="1">
        <f t="array" ref="F7382">IFERROR(INDEX(Jesper!AJ$2:AJ$366,ROUNDDOWN($C7382/24,0)+1,1)*INDEX($D$3:$AA$30,INDEX(Jesper!$R$2:$R$366,ROW(INDEX(Jesper!AJ$2:AJ$366,ROUNDDOWN($C7382/24,0)+1,1))-1)+IF('Standard Profiles'!$G$20=$B$10,7,0)+IF('Standard Profiles'!$G$20=$B$17,14,0)+IF('Standard Profiles'!$G$20=$B$24,21,0),MOD($C7382,24)+1)/SUM(INDEX($D$3:$AA$30,INDEX(Jesper!$R$2:$R$366,ROW(INDEX(Jesper!AJ$2:AJ$366,ROUNDDOWN($C7382/24,0)+1,1))-1)+IF('Standard Profiles'!$G$20=$B$10,7,0)+IF('Standard Profiles'!$G$20=$B$17,14,0)+IF('Standard Profiles'!$G$20=$B$24,21,0),0)),0)</f>
        <v>0</v>
      </c>
      <c r="G7382" cm="1">
        <f t="array" ref="G7382">IFERROR(INDEX(Jesper!AK$2:AK$366,ROUNDDOWN($C7382/24,0)+1,1)*INDEX($D$3:$AA$30,INDEX(Jesper!$R$2:$R$366,ROW(INDEX(Jesper!AK$2:AK$366,ROUNDDOWN($C7382/24,0)+1,1))-1)+IF('Standard Profiles'!$G$21=$B$10,7,0)+IF('Standard Profiles'!$G$21=$B$17,14,0)+IF('Standard Profiles'!$G$21=$B$24,21,0),MOD($C7382,24)+1)/SUM(INDEX($D$3:$AA$30,INDEX(Jesper!$R$2:$R$366,ROW(INDEX(Jesper!AK$2:AK$366,ROUNDDOWN($C7382/24,0)+1,1))-1)+IF('Standard Profiles'!$G$21=$B$10,7,0)+IF('Standard Profiles'!$G$21=$B$17,14,0)+IF('Standard Profiles'!$G$21=$B$24,21,0),0)),0)</f>
        <v>2.4065185709648049</v>
      </c>
      <c r="H7382" cm="1">
        <f t="array" ref="H7382">IFERROR(INDEX(Jesper!AL$2:AL$366,ROUNDDOWN($C7382/24,0)+1,1)*INDEX($D$3:$AA$30,INDEX(Jesper!$R$2:$R$366,ROW(INDEX(Jesper!AL$2:AL$366,ROUNDDOWN($C7382/24,0)+1,1))-1)+IF('Standard Profiles'!$G$22=$B$10,7,0)+IF('Standard Profiles'!$G$22=$B$17,14,0)+IF('Standard Profiles'!$G$22=$B$24,21,0),MOD($C7382,24)+1)/SUM(INDEX($D$3:$AA$30,INDEX(Jesper!$R$2:$R$366,ROW(INDEX(Jesper!AL$2:AL$366,ROUNDDOWN($C7382/24,0)+1,1))-1)+IF('Standard Profiles'!$G$22=$B$10,7,0)+IF('Standard Profiles'!$G$22=$B$17,14,0)+IF('Standard Profiles'!$G$22=$B$24,21,0),0)),0)</f>
        <v>0</v>
      </c>
      <c r="I7382">
        <f t="shared" si="818"/>
        <v>1.1551289140631058</v>
      </c>
      <c r="J7382">
        <f t="shared" si="819"/>
        <v>10.114665551343487</v>
      </c>
      <c r="K7382">
        <f t="shared" si="820"/>
        <v>0.57280290981170923</v>
      </c>
      <c r="L7382">
        <f t="shared" si="821"/>
        <v>0.28640145490585461</v>
      </c>
      <c r="M7382">
        <f t="shared" si="822"/>
        <v>0</v>
      </c>
      <c r="N7382" s="45">
        <f t="shared" si="823"/>
        <v>45233.166666648845</v>
      </c>
    </row>
    <row r="7383" spans="2:14" x14ac:dyDescent="0.25">
      <c r="B7383">
        <f t="shared" si="817"/>
        <v>5</v>
      </c>
      <c r="C7383" s="16">
        <v>7349</v>
      </c>
      <c r="D7383" cm="1">
        <f t="array" ref="D7383">IFERROR(INDEX(Jesper!AH$2:AH$366,ROUNDDOWN($C7383/24,0)+1,1)*INDEX($D$3:$AA$30,INDEX(Jesper!$R$2:$R$366,ROW(INDEX(Jesper!AH$2:AH$366,ROUNDDOWN($C7383/24,0)+1,1))-1)+IF('Standard Profiles'!$G$18=$B$10,7,0)+IF('Standard Profiles'!$G$18=$B$17,14,0)+IF('Standard Profiles'!$G$18=$B$24,21,0),MOD($C7383,24)+1)/SUM(INDEX($D$3:$AA$30,INDEX(Jesper!$R$2:$R$366,ROW(INDEX(Jesper!AH$2:AH$366,ROUNDDOWN($C7383/24,0)+1,1))-1)+IF('Standard Profiles'!$G$18=$B$10,7,0)+IF('Standard Profiles'!$G$18=$B$17,14,0)+IF('Standard Profiles'!$G$18=$B$24,21,0),0)),0)</f>
        <v>5.3700272794847734</v>
      </c>
      <c r="E7383" cm="1">
        <f t="array" ref="E7383">IFERROR(INDEX(Jesper!AI$2:AI$366,ROUNDDOWN($C7383/24,0)+1,1)*INDEX($D$3:$AA$30,INDEX(Jesper!$R$2:$R$366,ROW(INDEX(Jesper!AI$2:AI$366,ROUNDDOWN($C7383/24,0)+1,1))-1)+IF('Standard Profiles'!$G$19=$B$10,7,0)+IF('Standard Profiles'!$G$19=$B$17,14,0)+IF('Standard Profiles'!$G$19=$B$24,21,0),MOD($C7383,24)+1)/SUM(INDEX($D$3:$AA$30,INDEX(Jesper!$R$2:$R$366,ROW(INDEX(Jesper!AI$2:AI$366,ROUNDDOWN($C7383/24,0)+1,1))-1)+IF('Standard Profiles'!$G$19=$B$10,7,0)+IF('Standard Profiles'!$G$19=$B$17,14,0)+IF('Standard Profiles'!$G$19=$B$24,21,0),0)),0)</f>
        <v>4.3524529796745774</v>
      </c>
      <c r="F7383" cm="1">
        <f t="array" ref="F7383">IFERROR(INDEX(Jesper!AJ$2:AJ$366,ROUNDDOWN($C7383/24,0)+1,1)*INDEX($D$3:$AA$30,INDEX(Jesper!$R$2:$R$366,ROW(INDEX(Jesper!AJ$2:AJ$366,ROUNDDOWN($C7383/24,0)+1,1))-1)+IF('Standard Profiles'!$G$20=$B$10,7,0)+IF('Standard Profiles'!$G$20=$B$17,14,0)+IF('Standard Profiles'!$G$20=$B$24,21,0),MOD($C7383,24)+1)/SUM(INDEX($D$3:$AA$30,INDEX(Jesper!$R$2:$R$366,ROW(INDEX(Jesper!AJ$2:AJ$366,ROUNDDOWN($C7383/24,0)+1,1))-1)+IF('Standard Profiles'!$G$20=$B$10,7,0)+IF('Standard Profiles'!$G$20=$B$17,14,0)+IF('Standard Profiles'!$G$20=$B$24,21,0),0)),0)</f>
        <v>0</v>
      </c>
      <c r="G7383" cm="1">
        <f t="array" ref="G7383">IFERROR(INDEX(Jesper!AK$2:AK$366,ROUNDDOWN($C7383/24,0)+1,1)*INDEX($D$3:$AA$30,INDEX(Jesper!$R$2:$R$366,ROW(INDEX(Jesper!AK$2:AK$366,ROUNDDOWN($C7383/24,0)+1,1))-1)+IF('Standard Profiles'!$G$21=$B$10,7,0)+IF('Standard Profiles'!$G$21=$B$17,14,0)+IF('Standard Profiles'!$G$21=$B$24,21,0),MOD($C7383,24)+1)/SUM(INDEX($D$3:$AA$30,INDEX(Jesper!$R$2:$R$366,ROW(INDEX(Jesper!AK$2:AK$366,ROUNDDOWN($C7383/24,0)+1,1))-1)+IF('Standard Profiles'!$G$21=$B$10,7,0)+IF('Standard Profiles'!$G$21=$B$17,14,0)+IF('Standard Profiles'!$G$21=$B$24,21,0),0)),0)</f>
        <v>2.4065185709648049</v>
      </c>
      <c r="H7383" cm="1">
        <f t="array" ref="H7383">IFERROR(INDEX(Jesper!AL$2:AL$366,ROUNDDOWN($C7383/24,0)+1,1)*INDEX($D$3:$AA$30,INDEX(Jesper!$R$2:$R$366,ROW(INDEX(Jesper!AL$2:AL$366,ROUNDDOWN($C7383/24,0)+1,1))-1)+IF('Standard Profiles'!$G$22=$B$10,7,0)+IF('Standard Profiles'!$G$22=$B$17,14,0)+IF('Standard Profiles'!$G$22=$B$24,21,0),MOD($C7383,24)+1)/SUM(INDEX($D$3:$AA$30,INDEX(Jesper!$R$2:$R$366,ROW(INDEX(Jesper!AL$2:AL$366,ROUNDDOWN($C7383/24,0)+1,1))-1)+IF('Standard Profiles'!$G$22=$B$10,7,0)+IF('Standard Profiles'!$G$22=$B$17,14,0)+IF('Standard Profiles'!$G$22=$B$24,21,0),0)),0)</f>
        <v>0</v>
      </c>
      <c r="I7383">
        <f t="shared" si="818"/>
        <v>1.1551289140631058</v>
      </c>
      <c r="J7383">
        <f t="shared" si="819"/>
        <v>10.114665551343487</v>
      </c>
      <c r="K7383">
        <f t="shared" si="820"/>
        <v>0.57280290981170923</v>
      </c>
      <c r="L7383">
        <f t="shared" si="821"/>
        <v>0.28640145490585461</v>
      </c>
      <c r="M7383">
        <f t="shared" si="822"/>
        <v>0</v>
      </c>
      <c r="N7383" s="45">
        <f t="shared" si="823"/>
        <v>45233.20833331551</v>
      </c>
    </row>
    <row r="7384" spans="2:14" x14ac:dyDescent="0.25">
      <c r="B7384">
        <f t="shared" si="817"/>
        <v>5</v>
      </c>
      <c r="C7384" s="16">
        <v>7350</v>
      </c>
      <c r="D7384" cm="1">
        <f t="array" ref="D7384">IFERROR(INDEX(Jesper!AH$2:AH$366,ROUNDDOWN($C7384/24,0)+1,1)*INDEX($D$3:$AA$30,INDEX(Jesper!$R$2:$R$366,ROW(INDEX(Jesper!AH$2:AH$366,ROUNDDOWN($C7384/24,0)+1,1))-1)+IF('Standard Profiles'!$G$18=$B$10,7,0)+IF('Standard Profiles'!$G$18=$B$17,14,0)+IF('Standard Profiles'!$G$18=$B$24,21,0),MOD($C7384,24)+1)/SUM(INDEX($D$3:$AA$30,INDEX(Jesper!$R$2:$R$366,ROW(INDEX(Jesper!AH$2:AH$366,ROUNDDOWN($C7384/24,0)+1,1))-1)+IF('Standard Profiles'!$G$18=$B$10,7,0)+IF('Standard Profiles'!$G$18=$B$17,14,0)+IF('Standard Profiles'!$G$18=$B$24,21,0),0)),0)</f>
        <v>5.3700272794847734</v>
      </c>
      <c r="E7384" cm="1">
        <f t="array" ref="E7384">IFERROR(INDEX(Jesper!AI$2:AI$366,ROUNDDOWN($C7384/24,0)+1,1)*INDEX($D$3:$AA$30,INDEX(Jesper!$R$2:$R$366,ROW(INDEX(Jesper!AI$2:AI$366,ROUNDDOWN($C7384/24,0)+1,1))-1)+IF('Standard Profiles'!$G$19=$B$10,7,0)+IF('Standard Profiles'!$G$19=$B$17,14,0)+IF('Standard Profiles'!$G$19=$B$24,21,0),MOD($C7384,24)+1)/SUM(INDEX($D$3:$AA$30,INDEX(Jesper!$R$2:$R$366,ROW(INDEX(Jesper!AI$2:AI$366,ROUNDDOWN($C7384/24,0)+1,1))-1)+IF('Standard Profiles'!$G$19=$B$10,7,0)+IF('Standard Profiles'!$G$19=$B$17,14,0)+IF('Standard Profiles'!$G$19=$B$24,21,0),0)),0)</f>
        <v>4.3524529796745774</v>
      </c>
      <c r="F7384" cm="1">
        <f t="array" ref="F7384">IFERROR(INDEX(Jesper!AJ$2:AJ$366,ROUNDDOWN($C7384/24,0)+1,1)*INDEX($D$3:$AA$30,INDEX(Jesper!$R$2:$R$366,ROW(INDEX(Jesper!AJ$2:AJ$366,ROUNDDOWN($C7384/24,0)+1,1))-1)+IF('Standard Profiles'!$G$20=$B$10,7,0)+IF('Standard Profiles'!$G$20=$B$17,14,0)+IF('Standard Profiles'!$G$20=$B$24,21,0),MOD($C7384,24)+1)/SUM(INDEX($D$3:$AA$30,INDEX(Jesper!$R$2:$R$366,ROW(INDEX(Jesper!AJ$2:AJ$366,ROUNDDOWN($C7384/24,0)+1,1))-1)+IF('Standard Profiles'!$G$20=$B$10,7,0)+IF('Standard Profiles'!$G$20=$B$17,14,0)+IF('Standard Profiles'!$G$20=$B$24,21,0),0)),0)</f>
        <v>0</v>
      </c>
      <c r="G7384" cm="1">
        <f t="array" ref="G7384">IFERROR(INDEX(Jesper!AK$2:AK$366,ROUNDDOWN($C7384/24,0)+1,1)*INDEX($D$3:$AA$30,INDEX(Jesper!$R$2:$R$366,ROW(INDEX(Jesper!AK$2:AK$366,ROUNDDOWN($C7384/24,0)+1,1))-1)+IF('Standard Profiles'!$G$21=$B$10,7,0)+IF('Standard Profiles'!$G$21=$B$17,14,0)+IF('Standard Profiles'!$G$21=$B$24,21,0),MOD($C7384,24)+1)/SUM(INDEX($D$3:$AA$30,INDEX(Jesper!$R$2:$R$366,ROW(INDEX(Jesper!AK$2:AK$366,ROUNDDOWN($C7384/24,0)+1,1))-1)+IF('Standard Profiles'!$G$21=$B$10,7,0)+IF('Standard Profiles'!$G$21=$B$17,14,0)+IF('Standard Profiles'!$G$21=$B$24,21,0),0)),0)</f>
        <v>2.4065185709648049</v>
      </c>
      <c r="H7384" cm="1">
        <f t="array" ref="H7384">IFERROR(INDEX(Jesper!AL$2:AL$366,ROUNDDOWN($C7384/24,0)+1,1)*INDEX($D$3:$AA$30,INDEX(Jesper!$R$2:$R$366,ROW(INDEX(Jesper!AL$2:AL$366,ROUNDDOWN($C7384/24,0)+1,1))-1)+IF('Standard Profiles'!$G$22=$B$10,7,0)+IF('Standard Profiles'!$G$22=$B$17,14,0)+IF('Standard Profiles'!$G$22=$B$24,21,0),MOD($C7384,24)+1)/SUM(INDEX($D$3:$AA$30,INDEX(Jesper!$R$2:$R$366,ROW(INDEX(Jesper!AL$2:AL$366,ROUNDDOWN($C7384/24,0)+1,1))-1)+IF('Standard Profiles'!$G$22=$B$10,7,0)+IF('Standard Profiles'!$G$22=$B$17,14,0)+IF('Standard Profiles'!$G$22=$B$24,21,0),0)),0)</f>
        <v>0</v>
      </c>
      <c r="I7384">
        <f t="shared" si="818"/>
        <v>1.1551289140631058</v>
      </c>
      <c r="J7384">
        <f t="shared" si="819"/>
        <v>10.114665551343487</v>
      </c>
      <c r="K7384">
        <f t="shared" si="820"/>
        <v>0.57280290981170923</v>
      </c>
      <c r="L7384">
        <f t="shared" si="821"/>
        <v>0.28640145490585461</v>
      </c>
      <c r="M7384">
        <f t="shared" si="822"/>
        <v>0</v>
      </c>
      <c r="N7384" s="45">
        <f t="shared" si="823"/>
        <v>45233.249999982174</v>
      </c>
    </row>
    <row r="7385" spans="2:14" x14ac:dyDescent="0.25">
      <c r="B7385">
        <f t="shared" si="817"/>
        <v>5</v>
      </c>
      <c r="C7385" s="16">
        <v>7351</v>
      </c>
      <c r="D7385" cm="1">
        <f t="array" ref="D7385">IFERROR(INDEX(Jesper!AH$2:AH$366,ROUNDDOWN($C7385/24,0)+1,1)*INDEX($D$3:$AA$30,INDEX(Jesper!$R$2:$R$366,ROW(INDEX(Jesper!AH$2:AH$366,ROUNDDOWN($C7385/24,0)+1,1))-1)+IF('Standard Profiles'!$G$18=$B$10,7,0)+IF('Standard Profiles'!$G$18=$B$17,14,0)+IF('Standard Profiles'!$G$18=$B$24,21,0),MOD($C7385,24)+1)/SUM(INDEX($D$3:$AA$30,INDEX(Jesper!$R$2:$R$366,ROW(INDEX(Jesper!AH$2:AH$366,ROUNDDOWN($C7385/24,0)+1,1))-1)+IF('Standard Profiles'!$G$18=$B$10,7,0)+IF('Standard Profiles'!$G$18=$B$17,14,0)+IF('Standard Profiles'!$G$18=$B$24,21,0),0)),0)</f>
        <v>22.876316210605136</v>
      </c>
      <c r="E7385" cm="1">
        <f t="array" ref="E7385">IFERROR(INDEX(Jesper!AI$2:AI$366,ROUNDDOWN($C7385/24,0)+1,1)*INDEX($D$3:$AA$30,INDEX(Jesper!$R$2:$R$366,ROW(INDEX(Jesper!AI$2:AI$366,ROUNDDOWN($C7385/24,0)+1,1))-1)+IF('Standard Profiles'!$G$19=$B$10,7,0)+IF('Standard Profiles'!$G$19=$B$17,14,0)+IF('Standard Profiles'!$G$19=$B$24,21,0),MOD($C7385,24)+1)/SUM(INDEX($D$3:$AA$30,INDEX(Jesper!$R$2:$R$366,ROW(INDEX(Jesper!AI$2:AI$366,ROUNDDOWN($C7385/24,0)+1,1))-1)+IF('Standard Profiles'!$G$19=$B$10,7,0)+IF('Standard Profiles'!$G$19=$B$17,14,0)+IF('Standard Profiles'!$G$19=$B$24,21,0),0)),0)</f>
        <v>18.541449693413696</v>
      </c>
      <c r="F7385" cm="1">
        <f t="array" ref="F7385">IFERROR(INDEX(Jesper!AJ$2:AJ$366,ROUNDDOWN($C7385/24,0)+1,1)*INDEX($D$3:$AA$30,INDEX(Jesper!$R$2:$R$366,ROW(INDEX(Jesper!AJ$2:AJ$366,ROUNDDOWN($C7385/24,0)+1,1))-1)+IF('Standard Profiles'!$G$20=$B$10,7,0)+IF('Standard Profiles'!$G$20=$B$17,14,0)+IF('Standard Profiles'!$G$20=$B$24,21,0),MOD($C7385,24)+1)/SUM(INDEX($D$3:$AA$30,INDEX(Jesper!$R$2:$R$366,ROW(INDEX(Jesper!AJ$2:AJ$366,ROUNDDOWN($C7385/24,0)+1,1))-1)+IF('Standard Profiles'!$G$20=$B$10,7,0)+IF('Standard Profiles'!$G$20=$B$17,14,0)+IF('Standard Profiles'!$G$20=$B$24,21,0),0)),0)</f>
        <v>0</v>
      </c>
      <c r="G7385" cm="1">
        <f t="array" ref="G7385">IFERROR(INDEX(Jesper!AK$2:AK$366,ROUNDDOWN($C7385/24,0)+1,1)*INDEX($D$3:$AA$30,INDEX(Jesper!$R$2:$R$366,ROW(INDEX(Jesper!AK$2:AK$366,ROUNDDOWN($C7385/24,0)+1,1))-1)+IF('Standard Profiles'!$G$21=$B$10,7,0)+IF('Standard Profiles'!$G$21=$B$17,14,0)+IF('Standard Profiles'!$G$21=$B$24,21,0),MOD($C7385,24)+1)/SUM(INDEX($D$3:$AA$30,INDEX(Jesper!$R$2:$R$366,ROW(INDEX(Jesper!AK$2:AK$366,ROUNDDOWN($C7385/24,0)+1,1))-1)+IF('Standard Profiles'!$G$21=$B$10,7,0)+IF('Standard Profiles'!$G$21=$B$17,14,0)+IF('Standard Profiles'!$G$21=$B$24,21,0),0)),0)</f>
        <v>6.5208890310014072</v>
      </c>
      <c r="H7385" cm="1">
        <f t="array" ref="H7385">IFERROR(INDEX(Jesper!AL$2:AL$366,ROUNDDOWN($C7385/24,0)+1,1)*INDEX($D$3:$AA$30,INDEX(Jesper!$R$2:$R$366,ROW(INDEX(Jesper!AL$2:AL$366,ROUNDDOWN($C7385/24,0)+1,1))-1)+IF('Standard Profiles'!$G$22=$B$10,7,0)+IF('Standard Profiles'!$G$22=$B$17,14,0)+IF('Standard Profiles'!$G$22=$B$24,21,0),MOD($C7385,24)+1)/SUM(INDEX($D$3:$AA$30,INDEX(Jesper!$R$2:$R$366,ROW(INDEX(Jesper!AL$2:AL$366,ROUNDDOWN($C7385/24,0)+1,1))-1)+IF('Standard Profiles'!$G$22=$B$10,7,0)+IF('Standard Profiles'!$G$22=$B$17,14,0)+IF('Standard Profiles'!$G$22=$B$24,21,0),0)),0)</f>
        <v>0</v>
      </c>
      <c r="I7385">
        <f t="shared" si="818"/>
        <v>3.1300267348806741</v>
      </c>
      <c r="J7385">
        <f t="shared" si="819"/>
        <v>41.148417606442742</v>
      </c>
      <c r="K7385">
        <f t="shared" si="820"/>
        <v>2.4401403957978816</v>
      </c>
      <c r="L7385">
        <f t="shared" si="821"/>
        <v>1.2200701978989408</v>
      </c>
      <c r="M7385">
        <f t="shared" si="822"/>
        <v>0</v>
      </c>
      <c r="N7385" s="45">
        <f t="shared" si="823"/>
        <v>45233.291666648838</v>
      </c>
    </row>
    <row r="7386" spans="2:14" x14ac:dyDescent="0.25">
      <c r="B7386">
        <f t="shared" si="817"/>
        <v>5</v>
      </c>
      <c r="C7386" s="16">
        <v>7352</v>
      </c>
      <c r="D7386" cm="1">
        <f t="array" ref="D7386">IFERROR(INDEX(Jesper!AH$2:AH$366,ROUNDDOWN($C7386/24,0)+1,1)*INDEX($D$3:$AA$30,INDEX(Jesper!$R$2:$R$366,ROW(INDEX(Jesper!AH$2:AH$366,ROUNDDOWN($C7386/24,0)+1,1))-1)+IF('Standard Profiles'!$G$18=$B$10,7,0)+IF('Standard Profiles'!$G$18=$B$17,14,0)+IF('Standard Profiles'!$G$18=$B$24,21,0),MOD($C7386,24)+1)/SUM(INDEX($D$3:$AA$30,INDEX(Jesper!$R$2:$R$366,ROW(INDEX(Jesper!AH$2:AH$366,ROUNDDOWN($C7386/24,0)+1,1))-1)+IF('Standard Profiles'!$G$18=$B$10,7,0)+IF('Standard Profiles'!$G$18=$B$17,14,0)+IF('Standard Profiles'!$G$18=$B$24,21,0),0)),0)</f>
        <v>28.595395263256421</v>
      </c>
      <c r="E7386" cm="1">
        <f t="array" ref="E7386">IFERROR(INDEX(Jesper!AI$2:AI$366,ROUNDDOWN($C7386/24,0)+1,1)*INDEX($D$3:$AA$30,INDEX(Jesper!$R$2:$R$366,ROW(INDEX(Jesper!AI$2:AI$366,ROUNDDOWN($C7386/24,0)+1,1))-1)+IF('Standard Profiles'!$G$19=$B$10,7,0)+IF('Standard Profiles'!$G$19=$B$17,14,0)+IF('Standard Profiles'!$G$19=$B$24,21,0),MOD($C7386,24)+1)/SUM(INDEX($D$3:$AA$30,INDEX(Jesper!$R$2:$R$366,ROW(INDEX(Jesper!AI$2:AI$366,ROUNDDOWN($C7386/24,0)+1,1))-1)+IF('Standard Profiles'!$G$19=$B$10,7,0)+IF('Standard Profiles'!$G$19=$B$17,14,0)+IF('Standard Profiles'!$G$19=$B$24,21,0),0)),0)</f>
        <v>23.17681211676712</v>
      </c>
      <c r="F7386" cm="1">
        <f t="array" ref="F7386">IFERROR(INDEX(Jesper!AJ$2:AJ$366,ROUNDDOWN($C7386/24,0)+1,1)*INDEX($D$3:$AA$30,INDEX(Jesper!$R$2:$R$366,ROW(INDEX(Jesper!AJ$2:AJ$366,ROUNDDOWN($C7386/24,0)+1,1))-1)+IF('Standard Profiles'!$G$20=$B$10,7,0)+IF('Standard Profiles'!$G$20=$B$17,14,0)+IF('Standard Profiles'!$G$20=$B$24,21,0),MOD($C7386,24)+1)/SUM(INDEX($D$3:$AA$30,INDEX(Jesper!$R$2:$R$366,ROW(INDEX(Jesper!AJ$2:AJ$366,ROUNDDOWN($C7386/24,0)+1,1))-1)+IF('Standard Profiles'!$G$20=$B$10,7,0)+IF('Standard Profiles'!$G$20=$B$17,14,0)+IF('Standard Profiles'!$G$20=$B$24,21,0),0)),0)</f>
        <v>0</v>
      </c>
      <c r="G7386" cm="1">
        <f t="array" ref="G7386">IFERROR(INDEX(Jesper!AK$2:AK$366,ROUNDDOWN($C7386/24,0)+1,1)*INDEX($D$3:$AA$30,INDEX(Jesper!$R$2:$R$366,ROW(INDEX(Jesper!AK$2:AK$366,ROUNDDOWN($C7386/24,0)+1,1))-1)+IF('Standard Profiles'!$G$21=$B$10,7,0)+IF('Standard Profiles'!$G$21=$B$17,14,0)+IF('Standard Profiles'!$G$21=$B$24,21,0),MOD($C7386,24)+1)/SUM(INDEX($D$3:$AA$30,INDEX(Jesper!$R$2:$R$366,ROW(INDEX(Jesper!AK$2:AK$366,ROUNDDOWN($C7386/24,0)+1,1))-1)+IF('Standard Profiles'!$G$21=$B$10,7,0)+IF('Standard Profiles'!$G$21=$B$17,14,0)+IF('Standard Profiles'!$G$21=$B$24,21,0),0)),0)</f>
        <v>8.1511112887517587</v>
      </c>
      <c r="H7386" cm="1">
        <f t="array" ref="H7386">IFERROR(INDEX(Jesper!AL$2:AL$366,ROUNDDOWN($C7386/24,0)+1,1)*INDEX($D$3:$AA$30,INDEX(Jesper!$R$2:$R$366,ROW(INDEX(Jesper!AL$2:AL$366,ROUNDDOWN($C7386/24,0)+1,1))-1)+IF('Standard Profiles'!$G$22=$B$10,7,0)+IF('Standard Profiles'!$G$22=$B$17,14,0)+IF('Standard Profiles'!$G$22=$B$24,21,0),MOD($C7386,24)+1)/SUM(INDEX($D$3:$AA$30,INDEX(Jesper!$R$2:$R$366,ROW(INDEX(Jesper!AL$2:AL$366,ROUNDDOWN($C7386/24,0)+1,1))-1)+IF('Standard Profiles'!$G$22=$B$10,7,0)+IF('Standard Profiles'!$G$22=$B$17,14,0)+IF('Standard Profiles'!$G$22=$B$24,21,0),0)),0)</f>
        <v>0</v>
      </c>
      <c r="I7386">
        <f t="shared" si="818"/>
        <v>3.9125334186008422</v>
      </c>
      <c r="J7386">
        <f t="shared" si="819"/>
        <v>51.435522008053432</v>
      </c>
      <c r="K7386">
        <f t="shared" si="820"/>
        <v>3.0501754947473518</v>
      </c>
      <c r="L7386">
        <f t="shared" si="821"/>
        <v>1.5250877473736759</v>
      </c>
      <c r="M7386">
        <f t="shared" si="822"/>
        <v>0</v>
      </c>
      <c r="N7386" s="45">
        <f t="shared" si="823"/>
        <v>45233.333333315502</v>
      </c>
    </row>
    <row r="7387" spans="2:14" x14ac:dyDescent="0.25">
      <c r="B7387">
        <f t="shared" si="817"/>
        <v>5</v>
      </c>
      <c r="C7387" s="16">
        <v>7353</v>
      </c>
      <c r="D7387" cm="1">
        <f t="array" ref="D7387">IFERROR(INDEX(Jesper!AH$2:AH$366,ROUNDDOWN($C7387/24,0)+1,1)*INDEX($D$3:$AA$30,INDEX(Jesper!$R$2:$R$366,ROW(INDEX(Jesper!AH$2:AH$366,ROUNDDOWN($C7387/24,0)+1,1))-1)+IF('Standard Profiles'!$G$18=$B$10,7,0)+IF('Standard Profiles'!$G$18=$B$17,14,0)+IF('Standard Profiles'!$G$18=$B$24,21,0),MOD($C7387,24)+1)/SUM(INDEX($D$3:$AA$30,INDEX(Jesper!$R$2:$R$366,ROW(INDEX(Jesper!AH$2:AH$366,ROUNDDOWN($C7387/24,0)+1,1))-1)+IF('Standard Profiles'!$G$18=$B$10,7,0)+IF('Standard Profiles'!$G$18=$B$17,14,0)+IF('Standard Profiles'!$G$18=$B$24,21,0),0)),0)</f>
        <v>31.454934789582062</v>
      </c>
      <c r="E7387" cm="1">
        <f t="array" ref="E7387">IFERROR(INDEX(Jesper!AI$2:AI$366,ROUNDDOWN($C7387/24,0)+1,1)*INDEX($D$3:$AA$30,INDEX(Jesper!$R$2:$R$366,ROW(INDEX(Jesper!AI$2:AI$366,ROUNDDOWN($C7387/24,0)+1,1))-1)+IF('Standard Profiles'!$G$19=$B$10,7,0)+IF('Standard Profiles'!$G$19=$B$17,14,0)+IF('Standard Profiles'!$G$19=$B$24,21,0),MOD($C7387,24)+1)/SUM(INDEX($D$3:$AA$30,INDEX(Jesper!$R$2:$R$366,ROW(INDEX(Jesper!AI$2:AI$366,ROUNDDOWN($C7387/24,0)+1,1))-1)+IF('Standard Profiles'!$G$19=$B$10,7,0)+IF('Standard Profiles'!$G$19=$B$17,14,0)+IF('Standard Profiles'!$G$19=$B$24,21,0),0)),0)</f>
        <v>25.494493328443831</v>
      </c>
      <c r="F7387" cm="1">
        <f t="array" ref="F7387">IFERROR(INDEX(Jesper!AJ$2:AJ$366,ROUNDDOWN($C7387/24,0)+1,1)*INDEX($D$3:$AA$30,INDEX(Jesper!$R$2:$R$366,ROW(INDEX(Jesper!AJ$2:AJ$366,ROUNDDOWN($C7387/24,0)+1,1))-1)+IF('Standard Profiles'!$G$20=$B$10,7,0)+IF('Standard Profiles'!$G$20=$B$17,14,0)+IF('Standard Profiles'!$G$20=$B$24,21,0),MOD($C7387,24)+1)/SUM(INDEX($D$3:$AA$30,INDEX(Jesper!$R$2:$R$366,ROW(INDEX(Jesper!AJ$2:AJ$366,ROUNDDOWN($C7387/24,0)+1,1))-1)+IF('Standard Profiles'!$G$20=$B$10,7,0)+IF('Standard Profiles'!$G$20=$B$17,14,0)+IF('Standard Profiles'!$G$20=$B$24,21,0),0)),0)</f>
        <v>0</v>
      </c>
      <c r="G7387" cm="1">
        <f t="array" ref="G7387">IFERROR(INDEX(Jesper!AK$2:AK$366,ROUNDDOWN($C7387/24,0)+1,1)*INDEX($D$3:$AA$30,INDEX(Jesper!$R$2:$R$366,ROW(INDEX(Jesper!AK$2:AK$366,ROUNDDOWN($C7387/24,0)+1,1))-1)+IF('Standard Profiles'!$G$21=$B$10,7,0)+IF('Standard Profiles'!$G$21=$B$17,14,0)+IF('Standard Profiles'!$G$21=$B$24,21,0),MOD($C7387,24)+1)/SUM(INDEX($D$3:$AA$30,INDEX(Jesper!$R$2:$R$366,ROW(INDEX(Jesper!AK$2:AK$366,ROUNDDOWN($C7387/24,0)+1,1))-1)+IF('Standard Profiles'!$G$21=$B$10,7,0)+IF('Standard Profiles'!$G$21=$B$17,14,0)+IF('Standard Profiles'!$G$21=$B$24,21,0),0)),0)</f>
        <v>8.9662224176269358</v>
      </c>
      <c r="H7387" cm="1">
        <f t="array" ref="H7387">IFERROR(INDEX(Jesper!AL$2:AL$366,ROUNDDOWN($C7387/24,0)+1,1)*INDEX($D$3:$AA$30,INDEX(Jesper!$R$2:$R$366,ROW(INDEX(Jesper!AL$2:AL$366,ROUNDDOWN($C7387/24,0)+1,1))-1)+IF('Standard Profiles'!$G$22=$B$10,7,0)+IF('Standard Profiles'!$G$22=$B$17,14,0)+IF('Standard Profiles'!$G$22=$B$24,21,0),MOD($C7387,24)+1)/SUM(INDEX($D$3:$AA$30,INDEX(Jesper!$R$2:$R$366,ROW(INDEX(Jesper!AL$2:AL$366,ROUNDDOWN($C7387/24,0)+1,1))-1)+IF('Standard Profiles'!$G$22=$B$10,7,0)+IF('Standard Profiles'!$G$22=$B$17,14,0)+IF('Standard Profiles'!$G$22=$B$24,21,0),0)),0)</f>
        <v>0</v>
      </c>
      <c r="I7387">
        <f t="shared" si="818"/>
        <v>4.3037867604609268</v>
      </c>
      <c r="J7387">
        <f t="shared" si="819"/>
        <v>56.579074208858763</v>
      </c>
      <c r="K7387">
        <f t="shared" si="820"/>
        <v>3.3551930442220868</v>
      </c>
      <c r="L7387">
        <f t="shared" si="821"/>
        <v>1.6775965221110434</v>
      </c>
      <c r="M7387">
        <f t="shared" si="822"/>
        <v>0</v>
      </c>
      <c r="N7387" s="45">
        <f t="shared" si="823"/>
        <v>45233.374999982167</v>
      </c>
    </row>
    <row r="7388" spans="2:14" x14ac:dyDescent="0.25">
      <c r="B7388">
        <f t="shared" si="817"/>
        <v>5</v>
      </c>
      <c r="C7388" s="16">
        <v>7354</v>
      </c>
      <c r="D7388" cm="1">
        <f t="array" ref="D7388">IFERROR(INDEX(Jesper!AH$2:AH$366,ROUNDDOWN($C7388/24,0)+1,1)*INDEX($D$3:$AA$30,INDEX(Jesper!$R$2:$R$366,ROW(INDEX(Jesper!AH$2:AH$366,ROUNDDOWN($C7388/24,0)+1,1))-1)+IF('Standard Profiles'!$G$18=$B$10,7,0)+IF('Standard Profiles'!$G$18=$B$17,14,0)+IF('Standard Profiles'!$G$18=$B$24,21,0),MOD($C7388,24)+1)/SUM(INDEX($D$3:$AA$30,INDEX(Jesper!$R$2:$R$366,ROW(INDEX(Jesper!AH$2:AH$366,ROUNDDOWN($C7388/24,0)+1,1))-1)+IF('Standard Profiles'!$G$18=$B$10,7,0)+IF('Standard Profiles'!$G$18=$B$17,14,0)+IF('Standard Profiles'!$G$18=$B$24,21,0),0)),0)</f>
        <v>31.454934789582062</v>
      </c>
      <c r="E7388" cm="1">
        <f t="array" ref="E7388">IFERROR(INDEX(Jesper!AI$2:AI$366,ROUNDDOWN($C7388/24,0)+1,1)*INDEX($D$3:$AA$30,INDEX(Jesper!$R$2:$R$366,ROW(INDEX(Jesper!AI$2:AI$366,ROUNDDOWN($C7388/24,0)+1,1))-1)+IF('Standard Profiles'!$G$19=$B$10,7,0)+IF('Standard Profiles'!$G$19=$B$17,14,0)+IF('Standard Profiles'!$G$19=$B$24,21,0),MOD($C7388,24)+1)/SUM(INDEX($D$3:$AA$30,INDEX(Jesper!$R$2:$R$366,ROW(INDEX(Jesper!AI$2:AI$366,ROUNDDOWN($C7388/24,0)+1,1))-1)+IF('Standard Profiles'!$G$19=$B$10,7,0)+IF('Standard Profiles'!$G$19=$B$17,14,0)+IF('Standard Profiles'!$G$19=$B$24,21,0),0)),0)</f>
        <v>25.494493328443831</v>
      </c>
      <c r="F7388" cm="1">
        <f t="array" ref="F7388">IFERROR(INDEX(Jesper!AJ$2:AJ$366,ROUNDDOWN($C7388/24,0)+1,1)*INDEX($D$3:$AA$30,INDEX(Jesper!$R$2:$R$366,ROW(INDEX(Jesper!AJ$2:AJ$366,ROUNDDOWN($C7388/24,0)+1,1))-1)+IF('Standard Profiles'!$G$20=$B$10,7,0)+IF('Standard Profiles'!$G$20=$B$17,14,0)+IF('Standard Profiles'!$G$20=$B$24,21,0),MOD($C7388,24)+1)/SUM(INDEX($D$3:$AA$30,INDEX(Jesper!$R$2:$R$366,ROW(INDEX(Jesper!AJ$2:AJ$366,ROUNDDOWN($C7388/24,0)+1,1))-1)+IF('Standard Profiles'!$G$20=$B$10,7,0)+IF('Standard Profiles'!$G$20=$B$17,14,0)+IF('Standard Profiles'!$G$20=$B$24,21,0),0)),0)</f>
        <v>0</v>
      </c>
      <c r="G7388" cm="1">
        <f t="array" ref="G7388">IFERROR(INDEX(Jesper!AK$2:AK$366,ROUNDDOWN($C7388/24,0)+1,1)*INDEX($D$3:$AA$30,INDEX(Jesper!$R$2:$R$366,ROW(INDEX(Jesper!AK$2:AK$366,ROUNDDOWN($C7388/24,0)+1,1))-1)+IF('Standard Profiles'!$G$21=$B$10,7,0)+IF('Standard Profiles'!$G$21=$B$17,14,0)+IF('Standard Profiles'!$G$21=$B$24,21,0),MOD($C7388,24)+1)/SUM(INDEX($D$3:$AA$30,INDEX(Jesper!$R$2:$R$366,ROW(INDEX(Jesper!AK$2:AK$366,ROUNDDOWN($C7388/24,0)+1,1))-1)+IF('Standard Profiles'!$G$21=$B$10,7,0)+IF('Standard Profiles'!$G$21=$B$17,14,0)+IF('Standard Profiles'!$G$21=$B$24,21,0),0)),0)</f>
        <v>8.9662224176269358</v>
      </c>
      <c r="H7388" cm="1">
        <f t="array" ref="H7388">IFERROR(INDEX(Jesper!AL$2:AL$366,ROUNDDOWN($C7388/24,0)+1,1)*INDEX($D$3:$AA$30,INDEX(Jesper!$R$2:$R$366,ROW(INDEX(Jesper!AL$2:AL$366,ROUNDDOWN($C7388/24,0)+1,1))-1)+IF('Standard Profiles'!$G$22=$B$10,7,0)+IF('Standard Profiles'!$G$22=$B$17,14,0)+IF('Standard Profiles'!$G$22=$B$24,21,0),MOD($C7388,24)+1)/SUM(INDEX($D$3:$AA$30,INDEX(Jesper!$R$2:$R$366,ROW(INDEX(Jesper!AL$2:AL$366,ROUNDDOWN($C7388/24,0)+1,1))-1)+IF('Standard Profiles'!$G$22=$B$10,7,0)+IF('Standard Profiles'!$G$22=$B$17,14,0)+IF('Standard Profiles'!$G$22=$B$24,21,0),0)),0)</f>
        <v>0</v>
      </c>
      <c r="I7388">
        <f t="shared" si="818"/>
        <v>4.3037867604609268</v>
      </c>
      <c r="J7388">
        <f t="shared" si="819"/>
        <v>56.579074208858763</v>
      </c>
      <c r="K7388">
        <f t="shared" si="820"/>
        <v>3.3551930442220868</v>
      </c>
      <c r="L7388">
        <f t="shared" si="821"/>
        <v>1.6775965221110434</v>
      </c>
      <c r="M7388">
        <f t="shared" si="822"/>
        <v>0</v>
      </c>
      <c r="N7388" s="45">
        <f t="shared" si="823"/>
        <v>45233.416666648831</v>
      </c>
    </row>
    <row r="7389" spans="2:14" x14ac:dyDescent="0.25">
      <c r="B7389">
        <f t="shared" si="817"/>
        <v>5</v>
      </c>
      <c r="C7389" s="16">
        <v>7355</v>
      </c>
      <c r="D7389" cm="1">
        <f t="array" ref="D7389">IFERROR(INDEX(Jesper!AH$2:AH$366,ROUNDDOWN($C7389/24,0)+1,1)*INDEX($D$3:$AA$30,INDEX(Jesper!$R$2:$R$366,ROW(INDEX(Jesper!AH$2:AH$366,ROUNDDOWN($C7389/24,0)+1,1))-1)+IF('Standard Profiles'!$G$18=$B$10,7,0)+IF('Standard Profiles'!$G$18=$B$17,14,0)+IF('Standard Profiles'!$G$18=$B$24,21,0),MOD($C7389,24)+1)/SUM(INDEX($D$3:$AA$30,INDEX(Jesper!$R$2:$R$366,ROW(INDEX(Jesper!AH$2:AH$366,ROUNDDOWN($C7389/24,0)+1,1))-1)+IF('Standard Profiles'!$G$18=$B$10,7,0)+IF('Standard Profiles'!$G$18=$B$17,14,0)+IF('Standard Profiles'!$G$18=$B$24,21,0),0)),0)</f>
        <v>37.174013842233343</v>
      </c>
      <c r="E7389" cm="1">
        <f t="array" ref="E7389">IFERROR(INDEX(Jesper!AI$2:AI$366,ROUNDDOWN($C7389/24,0)+1,1)*INDEX($D$3:$AA$30,INDEX(Jesper!$R$2:$R$366,ROW(INDEX(Jesper!AI$2:AI$366,ROUNDDOWN($C7389/24,0)+1,1))-1)+IF('Standard Profiles'!$G$19=$B$10,7,0)+IF('Standard Profiles'!$G$19=$B$17,14,0)+IF('Standard Profiles'!$G$19=$B$24,21,0),MOD($C7389,24)+1)/SUM(INDEX($D$3:$AA$30,INDEX(Jesper!$R$2:$R$366,ROW(INDEX(Jesper!AI$2:AI$366,ROUNDDOWN($C7389/24,0)+1,1))-1)+IF('Standard Profiles'!$G$19=$B$10,7,0)+IF('Standard Profiles'!$G$19=$B$17,14,0)+IF('Standard Profiles'!$G$19=$B$24,21,0),0)),0)</f>
        <v>30.129855751797255</v>
      </c>
      <c r="F7389" cm="1">
        <f t="array" ref="F7389">IFERROR(INDEX(Jesper!AJ$2:AJ$366,ROUNDDOWN($C7389/24,0)+1,1)*INDEX($D$3:$AA$30,INDEX(Jesper!$R$2:$R$366,ROW(INDEX(Jesper!AJ$2:AJ$366,ROUNDDOWN($C7389/24,0)+1,1))-1)+IF('Standard Profiles'!$G$20=$B$10,7,0)+IF('Standard Profiles'!$G$20=$B$17,14,0)+IF('Standard Profiles'!$G$20=$B$24,21,0),MOD($C7389,24)+1)/SUM(INDEX($D$3:$AA$30,INDEX(Jesper!$R$2:$R$366,ROW(INDEX(Jesper!AJ$2:AJ$366,ROUNDDOWN($C7389/24,0)+1,1))-1)+IF('Standard Profiles'!$G$20=$B$10,7,0)+IF('Standard Profiles'!$G$20=$B$17,14,0)+IF('Standard Profiles'!$G$20=$B$24,21,0),0)),0)</f>
        <v>0</v>
      </c>
      <c r="G7389" cm="1">
        <f t="array" ref="G7389">IFERROR(INDEX(Jesper!AK$2:AK$366,ROUNDDOWN($C7389/24,0)+1,1)*INDEX($D$3:$AA$30,INDEX(Jesper!$R$2:$R$366,ROW(INDEX(Jesper!AK$2:AK$366,ROUNDDOWN($C7389/24,0)+1,1))-1)+IF('Standard Profiles'!$G$21=$B$10,7,0)+IF('Standard Profiles'!$G$21=$B$17,14,0)+IF('Standard Profiles'!$G$21=$B$24,21,0),MOD($C7389,24)+1)/SUM(INDEX($D$3:$AA$30,INDEX(Jesper!$R$2:$R$366,ROW(INDEX(Jesper!AK$2:AK$366,ROUNDDOWN($C7389/24,0)+1,1))-1)+IF('Standard Profiles'!$G$21=$B$10,7,0)+IF('Standard Profiles'!$G$21=$B$17,14,0)+IF('Standard Profiles'!$G$21=$B$24,21,0),0)),0)</f>
        <v>10.596444675377287</v>
      </c>
      <c r="H7389" cm="1">
        <f t="array" ref="H7389">IFERROR(INDEX(Jesper!AL$2:AL$366,ROUNDDOWN($C7389/24,0)+1,1)*INDEX($D$3:$AA$30,INDEX(Jesper!$R$2:$R$366,ROW(INDEX(Jesper!AL$2:AL$366,ROUNDDOWN($C7389/24,0)+1,1))-1)+IF('Standard Profiles'!$G$22=$B$10,7,0)+IF('Standard Profiles'!$G$22=$B$17,14,0)+IF('Standard Profiles'!$G$22=$B$24,21,0),MOD($C7389,24)+1)/SUM(INDEX($D$3:$AA$30,INDEX(Jesper!$R$2:$R$366,ROW(INDEX(Jesper!AL$2:AL$366,ROUNDDOWN($C7389/24,0)+1,1))-1)+IF('Standard Profiles'!$G$22=$B$10,7,0)+IF('Standard Profiles'!$G$22=$B$17,14,0)+IF('Standard Profiles'!$G$22=$B$24,21,0),0)),0)</f>
        <v>0</v>
      </c>
      <c r="I7389">
        <f t="shared" si="818"/>
        <v>5.086293444181095</v>
      </c>
      <c r="J7389">
        <f t="shared" si="819"/>
        <v>66.866178610469447</v>
      </c>
      <c r="K7389">
        <f t="shared" si="820"/>
        <v>3.965228143171557</v>
      </c>
      <c r="L7389">
        <f t="shared" si="821"/>
        <v>1.9826140715857785</v>
      </c>
      <c r="M7389">
        <f t="shared" si="822"/>
        <v>0</v>
      </c>
      <c r="N7389" s="45">
        <f t="shared" si="823"/>
        <v>45233.458333315495</v>
      </c>
    </row>
    <row r="7390" spans="2:14" x14ac:dyDescent="0.25">
      <c r="B7390">
        <f t="shared" si="817"/>
        <v>5</v>
      </c>
      <c r="C7390" s="16">
        <v>7356</v>
      </c>
      <c r="D7390" cm="1">
        <f t="array" ref="D7390">IFERROR(INDEX(Jesper!AH$2:AH$366,ROUNDDOWN($C7390/24,0)+1,1)*INDEX($D$3:$AA$30,INDEX(Jesper!$R$2:$R$366,ROW(INDEX(Jesper!AH$2:AH$366,ROUNDDOWN($C7390/24,0)+1,1))-1)+IF('Standard Profiles'!$G$18=$B$10,7,0)+IF('Standard Profiles'!$G$18=$B$17,14,0)+IF('Standard Profiles'!$G$18=$B$24,21,0),MOD($C7390,24)+1)/SUM(INDEX($D$3:$AA$30,INDEX(Jesper!$R$2:$R$366,ROW(INDEX(Jesper!AH$2:AH$366,ROUNDDOWN($C7390/24,0)+1,1))-1)+IF('Standard Profiles'!$G$18=$B$10,7,0)+IF('Standard Profiles'!$G$18=$B$17,14,0)+IF('Standard Profiles'!$G$18=$B$24,21,0),0)),0)</f>
        <v>37.174013842233343</v>
      </c>
      <c r="E7390" cm="1">
        <f t="array" ref="E7390">IFERROR(INDEX(Jesper!AI$2:AI$366,ROUNDDOWN($C7390/24,0)+1,1)*INDEX($D$3:$AA$30,INDEX(Jesper!$R$2:$R$366,ROW(INDEX(Jesper!AI$2:AI$366,ROUNDDOWN($C7390/24,0)+1,1))-1)+IF('Standard Profiles'!$G$19=$B$10,7,0)+IF('Standard Profiles'!$G$19=$B$17,14,0)+IF('Standard Profiles'!$G$19=$B$24,21,0),MOD($C7390,24)+1)/SUM(INDEX($D$3:$AA$30,INDEX(Jesper!$R$2:$R$366,ROW(INDEX(Jesper!AI$2:AI$366,ROUNDDOWN($C7390/24,0)+1,1))-1)+IF('Standard Profiles'!$G$19=$B$10,7,0)+IF('Standard Profiles'!$G$19=$B$17,14,0)+IF('Standard Profiles'!$G$19=$B$24,21,0),0)),0)</f>
        <v>30.129855751797255</v>
      </c>
      <c r="F7390" cm="1">
        <f t="array" ref="F7390">IFERROR(INDEX(Jesper!AJ$2:AJ$366,ROUNDDOWN($C7390/24,0)+1,1)*INDEX($D$3:$AA$30,INDEX(Jesper!$R$2:$R$366,ROW(INDEX(Jesper!AJ$2:AJ$366,ROUNDDOWN($C7390/24,0)+1,1))-1)+IF('Standard Profiles'!$G$20=$B$10,7,0)+IF('Standard Profiles'!$G$20=$B$17,14,0)+IF('Standard Profiles'!$G$20=$B$24,21,0),MOD($C7390,24)+1)/SUM(INDEX($D$3:$AA$30,INDEX(Jesper!$R$2:$R$366,ROW(INDEX(Jesper!AJ$2:AJ$366,ROUNDDOWN($C7390/24,0)+1,1))-1)+IF('Standard Profiles'!$G$20=$B$10,7,0)+IF('Standard Profiles'!$G$20=$B$17,14,0)+IF('Standard Profiles'!$G$20=$B$24,21,0),0)),0)</f>
        <v>0</v>
      </c>
      <c r="G7390" cm="1">
        <f t="array" ref="G7390">IFERROR(INDEX(Jesper!AK$2:AK$366,ROUNDDOWN($C7390/24,0)+1,1)*INDEX($D$3:$AA$30,INDEX(Jesper!$R$2:$R$366,ROW(INDEX(Jesper!AK$2:AK$366,ROUNDDOWN($C7390/24,0)+1,1))-1)+IF('Standard Profiles'!$G$21=$B$10,7,0)+IF('Standard Profiles'!$G$21=$B$17,14,0)+IF('Standard Profiles'!$G$21=$B$24,21,0),MOD($C7390,24)+1)/SUM(INDEX($D$3:$AA$30,INDEX(Jesper!$R$2:$R$366,ROW(INDEX(Jesper!AK$2:AK$366,ROUNDDOWN($C7390/24,0)+1,1))-1)+IF('Standard Profiles'!$G$21=$B$10,7,0)+IF('Standard Profiles'!$G$21=$B$17,14,0)+IF('Standard Profiles'!$G$21=$B$24,21,0),0)),0)</f>
        <v>10.596444675377287</v>
      </c>
      <c r="H7390" cm="1">
        <f t="array" ref="H7390">IFERROR(INDEX(Jesper!AL$2:AL$366,ROUNDDOWN($C7390/24,0)+1,1)*INDEX($D$3:$AA$30,INDEX(Jesper!$R$2:$R$366,ROW(INDEX(Jesper!AL$2:AL$366,ROUNDDOWN($C7390/24,0)+1,1))-1)+IF('Standard Profiles'!$G$22=$B$10,7,0)+IF('Standard Profiles'!$G$22=$B$17,14,0)+IF('Standard Profiles'!$G$22=$B$24,21,0),MOD($C7390,24)+1)/SUM(INDEX($D$3:$AA$30,INDEX(Jesper!$R$2:$R$366,ROW(INDEX(Jesper!AL$2:AL$366,ROUNDDOWN($C7390/24,0)+1,1))-1)+IF('Standard Profiles'!$G$22=$B$10,7,0)+IF('Standard Profiles'!$G$22=$B$17,14,0)+IF('Standard Profiles'!$G$22=$B$24,21,0),0)),0)</f>
        <v>0</v>
      </c>
      <c r="I7390">
        <f t="shared" si="818"/>
        <v>5.086293444181095</v>
      </c>
      <c r="J7390">
        <f t="shared" si="819"/>
        <v>66.866178610469447</v>
      </c>
      <c r="K7390">
        <f t="shared" si="820"/>
        <v>3.965228143171557</v>
      </c>
      <c r="L7390">
        <f t="shared" si="821"/>
        <v>1.9826140715857785</v>
      </c>
      <c r="M7390">
        <f t="shared" si="822"/>
        <v>0</v>
      </c>
      <c r="N7390" s="45">
        <f t="shared" si="823"/>
        <v>45233.499999982159</v>
      </c>
    </row>
    <row r="7391" spans="2:14" x14ac:dyDescent="0.25">
      <c r="B7391">
        <f t="shared" si="817"/>
        <v>5</v>
      </c>
      <c r="C7391" s="16">
        <v>7357</v>
      </c>
      <c r="D7391" cm="1">
        <f t="array" ref="D7391">IFERROR(INDEX(Jesper!AH$2:AH$366,ROUNDDOWN($C7391/24,0)+1,1)*INDEX($D$3:$AA$30,INDEX(Jesper!$R$2:$R$366,ROW(INDEX(Jesper!AH$2:AH$366,ROUNDDOWN($C7391/24,0)+1,1))-1)+IF('Standard Profiles'!$G$18=$B$10,7,0)+IF('Standard Profiles'!$G$18=$B$17,14,0)+IF('Standard Profiles'!$G$18=$B$24,21,0),MOD($C7391,24)+1)/SUM(INDEX($D$3:$AA$30,INDEX(Jesper!$R$2:$R$366,ROW(INDEX(Jesper!AH$2:AH$366,ROUNDDOWN($C7391/24,0)+1,1))-1)+IF('Standard Profiles'!$G$18=$B$10,7,0)+IF('Standard Profiles'!$G$18=$B$17,14,0)+IF('Standard Profiles'!$G$18=$B$24,21,0),0)),0)</f>
        <v>25.735855736930777</v>
      </c>
      <c r="E7391" cm="1">
        <f t="array" ref="E7391">IFERROR(INDEX(Jesper!AI$2:AI$366,ROUNDDOWN($C7391/24,0)+1,1)*INDEX($D$3:$AA$30,INDEX(Jesper!$R$2:$R$366,ROW(INDEX(Jesper!AI$2:AI$366,ROUNDDOWN($C7391/24,0)+1,1))-1)+IF('Standard Profiles'!$G$19=$B$10,7,0)+IF('Standard Profiles'!$G$19=$B$17,14,0)+IF('Standard Profiles'!$G$19=$B$24,21,0),MOD($C7391,24)+1)/SUM(INDEX($D$3:$AA$30,INDEX(Jesper!$R$2:$R$366,ROW(INDEX(Jesper!AI$2:AI$366,ROUNDDOWN($C7391/24,0)+1,1))-1)+IF('Standard Profiles'!$G$19=$B$10,7,0)+IF('Standard Profiles'!$G$19=$B$17,14,0)+IF('Standard Profiles'!$G$19=$B$24,21,0),0)),0)</f>
        <v>20.85913090509041</v>
      </c>
      <c r="F7391" cm="1">
        <f t="array" ref="F7391">IFERROR(INDEX(Jesper!AJ$2:AJ$366,ROUNDDOWN($C7391/24,0)+1,1)*INDEX($D$3:$AA$30,INDEX(Jesper!$R$2:$R$366,ROW(INDEX(Jesper!AJ$2:AJ$366,ROUNDDOWN($C7391/24,0)+1,1))-1)+IF('Standard Profiles'!$G$20=$B$10,7,0)+IF('Standard Profiles'!$G$20=$B$17,14,0)+IF('Standard Profiles'!$G$20=$B$24,21,0),MOD($C7391,24)+1)/SUM(INDEX($D$3:$AA$30,INDEX(Jesper!$R$2:$R$366,ROW(INDEX(Jesper!AJ$2:AJ$366,ROUNDDOWN($C7391/24,0)+1,1))-1)+IF('Standard Profiles'!$G$20=$B$10,7,0)+IF('Standard Profiles'!$G$20=$B$17,14,0)+IF('Standard Profiles'!$G$20=$B$24,21,0),0)),0)</f>
        <v>0</v>
      </c>
      <c r="G7391" cm="1">
        <f t="array" ref="G7391">IFERROR(INDEX(Jesper!AK$2:AK$366,ROUNDDOWN($C7391/24,0)+1,1)*INDEX($D$3:$AA$30,INDEX(Jesper!$R$2:$R$366,ROW(INDEX(Jesper!AK$2:AK$366,ROUNDDOWN($C7391/24,0)+1,1))-1)+IF('Standard Profiles'!$G$21=$B$10,7,0)+IF('Standard Profiles'!$G$21=$B$17,14,0)+IF('Standard Profiles'!$G$21=$B$24,21,0),MOD($C7391,24)+1)/SUM(INDEX($D$3:$AA$30,INDEX(Jesper!$R$2:$R$366,ROW(INDEX(Jesper!AK$2:AK$366,ROUNDDOWN($C7391/24,0)+1,1))-1)+IF('Standard Profiles'!$G$21=$B$10,7,0)+IF('Standard Profiles'!$G$21=$B$17,14,0)+IF('Standard Profiles'!$G$21=$B$24,21,0),0)),0)</f>
        <v>7.3360001598765834</v>
      </c>
      <c r="H7391" cm="1">
        <f t="array" ref="H7391">IFERROR(INDEX(Jesper!AL$2:AL$366,ROUNDDOWN($C7391/24,0)+1,1)*INDEX($D$3:$AA$30,INDEX(Jesper!$R$2:$R$366,ROW(INDEX(Jesper!AL$2:AL$366,ROUNDDOWN($C7391/24,0)+1,1))-1)+IF('Standard Profiles'!$G$22=$B$10,7,0)+IF('Standard Profiles'!$G$22=$B$17,14,0)+IF('Standard Profiles'!$G$22=$B$24,21,0),MOD($C7391,24)+1)/SUM(INDEX($D$3:$AA$30,INDEX(Jesper!$R$2:$R$366,ROW(INDEX(Jesper!AL$2:AL$366,ROUNDDOWN($C7391/24,0)+1,1))-1)+IF('Standard Profiles'!$G$22=$B$10,7,0)+IF('Standard Profiles'!$G$22=$B$17,14,0)+IF('Standard Profiles'!$G$22=$B$24,21,0),0)),0)</f>
        <v>0</v>
      </c>
      <c r="I7391">
        <f t="shared" si="818"/>
        <v>3.5212800767407582</v>
      </c>
      <c r="J7391">
        <f t="shared" si="819"/>
        <v>46.291969807248087</v>
      </c>
      <c r="K7391">
        <f t="shared" si="820"/>
        <v>2.7451579452726165</v>
      </c>
      <c r="L7391">
        <f t="shared" si="821"/>
        <v>1.3725789726363082</v>
      </c>
      <c r="M7391">
        <f t="shared" si="822"/>
        <v>0</v>
      </c>
      <c r="N7391" s="45">
        <f t="shared" si="823"/>
        <v>45233.541666648824</v>
      </c>
    </row>
    <row r="7392" spans="2:14" x14ac:dyDescent="0.25">
      <c r="B7392">
        <f t="shared" si="817"/>
        <v>5</v>
      </c>
      <c r="C7392" s="16">
        <v>7358</v>
      </c>
      <c r="D7392" cm="1">
        <f t="array" ref="D7392">IFERROR(INDEX(Jesper!AH$2:AH$366,ROUNDDOWN($C7392/24,0)+1,1)*INDEX($D$3:$AA$30,INDEX(Jesper!$R$2:$R$366,ROW(INDEX(Jesper!AH$2:AH$366,ROUNDDOWN($C7392/24,0)+1,1))-1)+IF('Standard Profiles'!$G$18=$B$10,7,0)+IF('Standard Profiles'!$G$18=$B$17,14,0)+IF('Standard Profiles'!$G$18=$B$24,21,0),MOD($C7392,24)+1)/SUM(INDEX($D$3:$AA$30,INDEX(Jesper!$R$2:$R$366,ROW(INDEX(Jesper!AH$2:AH$366,ROUNDDOWN($C7392/24,0)+1,1))-1)+IF('Standard Profiles'!$G$18=$B$10,7,0)+IF('Standard Profiles'!$G$18=$B$17,14,0)+IF('Standard Profiles'!$G$18=$B$24,21,0),0)),0)</f>
        <v>37.174013842233343</v>
      </c>
      <c r="E7392" cm="1">
        <f t="array" ref="E7392">IFERROR(INDEX(Jesper!AI$2:AI$366,ROUNDDOWN($C7392/24,0)+1,1)*INDEX($D$3:$AA$30,INDEX(Jesper!$R$2:$R$366,ROW(INDEX(Jesper!AI$2:AI$366,ROUNDDOWN($C7392/24,0)+1,1))-1)+IF('Standard Profiles'!$G$19=$B$10,7,0)+IF('Standard Profiles'!$G$19=$B$17,14,0)+IF('Standard Profiles'!$G$19=$B$24,21,0),MOD($C7392,24)+1)/SUM(INDEX($D$3:$AA$30,INDEX(Jesper!$R$2:$R$366,ROW(INDEX(Jesper!AI$2:AI$366,ROUNDDOWN($C7392/24,0)+1,1))-1)+IF('Standard Profiles'!$G$19=$B$10,7,0)+IF('Standard Profiles'!$G$19=$B$17,14,0)+IF('Standard Profiles'!$G$19=$B$24,21,0),0)),0)</f>
        <v>30.129855751797255</v>
      </c>
      <c r="F7392" cm="1">
        <f t="array" ref="F7392">IFERROR(INDEX(Jesper!AJ$2:AJ$366,ROUNDDOWN($C7392/24,0)+1,1)*INDEX($D$3:$AA$30,INDEX(Jesper!$R$2:$R$366,ROW(INDEX(Jesper!AJ$2:AJ$366,ROUNDDOWN($C7392/24,0)+1,1))-1)+IF('Standard Profiles'!$G$20=$B$10,7,0)+IF('Standard Profiles'!$G$20=$B$17,14,0)+IF('Standard Profiles'!$G$20=$B$24,21,0),MOD($C7392,24)+1)/SUM(INDEX($D$3:$AA$30,INDEX(Jesper!$R$2:$R$366,ROW(INDEX(Jesper!AJ$2:AJ$366,ROUNDDOWN($C7392/24,0)+1,1))-1)+IF('Standard Profiles'!$G$20=$B$10,7,0)+IF('Standard Profiles'!$G$20=$B$17,14,0)+IF('Standard Profiles'!$G$20=$B$24,21,0),0)),0)</f>
        <v>0</v>
      </c>
      <c r="G7392" cm="1">
        <f t="array" ref="G7392">IFERROR(INDEX(Jesper!AK$2:AK$366,ROUNDDOWN($C7392/24,0)+1,1)*INDEX($D$3:$AA$30,INDEX(Jesper!$R$2:$R$366,ROW(INDEX(Jesper!AK$2:AK$366,ROUNDDOWN($C7392/24,0)+1,1))-1)+IF('Standard Profiles'!$G$21=$B$10,7,0)+IF('Standard Profiles'!$G$21=$B$17,14,0)+IF('Standard Profiles'!$G$21=$B$24,21,0),MOD($C7392,24)+1)/SUM(INDEX($D$3:$AA$30,INDEX(Jesper!$R$2:$R$366,ROW(INDEX(Jesper!AK$2:AK$366,ROUNDDOWN($C7392/24,0)+1,1))-1)+IF('Standard Profiles'!$G$21=$B$10,7,0)+IF('Standard Profiles'!$G$21=$B$17,14,0)+IF('Standard Profiles'!$G$21=$B$24,21,0),0)),0)</f>
        <v>10.596444675377287</v>
      </c>
      <c r="H7392" cm="1">
        <f t="array" ref="H7392">IFERROR(INDEX(Jesper!AL$2:AL$366,ROUNDDOWN($C7392/24,0)+1,1)*INDEX($D$3:$AA$30,INDEX(Jesper!$R$2:$R$366,ROW(INDEX(Jesper!AL$2:AL$366,ROUNDDOWN($C7392/24,0)+1,1))-1)+IF('Standard Profiles'!$G$22=$B$10,7,0)+IF('Standard Profiles'!$G$22=$B$17,14,0)+IF('Standard Profiles'!$G$22=$B$24,21,0),MOD($C7392,24)+1)/SUM(INDEX($D$3:$AA$30,INDEX(Jesper!$R$2:$R$366,ROW(INDEX(Jesper!AL$2:AL$366,ROUNDDOWN($C7392/24,0)+1,1))-1)+IF('Standard Profiles'!$G$22=$B$10,7,0)+IF('Standard Profiles'!$G$22=$B$17,14,0)+IF('Standard Profiles'!$G$22=$B$24,21,0),0)),0)</f>
        <v>0</v>
      </c>
      <c r="I7392">
        <f t="shared" si="818"/>
        <v>5.086293444181095</v>
      </c>
      <c r="J7392">
        <f t="shared" si="819"/>
        <v>66.866178610469447</v>
      </c>
      <c r="K7392">
        <f t="shared" si="820"/>
        <v>3.965228143171557</v>
      </c>
      <c r="L7392">
        <f t="shared" si="821"/>
        <v>1.9826140715857785</v>
      </c>
      <c r="M7392">
        <f t="shared" si="822"/>
        <v>0</v>
      </c>
      <c r="N7392" s="45">
        <f t="shared" si="823"/>
        <v>45233.583333315488</v>
      </c>
    </row>
    <row r="7393" spans="2:14" x14ac:dyDescent="0.25">
      <c r="B7393">
        <f t="shared" si="817"/>
        <v>5</v>
      </c>
      <c r="C7393" s="16">
        <v>7359</v>
      </c>
      <c r="D7393" cm="1">
        <f t="array" ref="D7393">IFERROR(INDEX(Jesper!AH$2:AH$366,ROUNDDOWN($C7393/24,0)+1,1)*INDEX($D$3:$AA$30,INDEX(Jesper!$R$2:$R$366,ROW(INDEX(Jesper!AH$2:AH$366,ROUNDDOWN($C7393/24,0)+1,1))-1)+IF('Standard Profiles'!$G$18=$B$10,7,0)+IF('Standard Profiles'!$G$18=$B$17,14,0)+IF('Standard Profiles'!$G$18=$B$24,21,0),MOD($C7393,24)+1)/SUM(INDEX($D$3:$AA$30,INDEX(Jesper!$R$2:$R$366,ROW(INDEX(Jesper!AH$2:AH$366,ROUNDDOWN($C7393/24,0)+1,1))-1)+IF('Standard Profiles'!$G$18=$B$10,7,0)+IF('Standard Profiles'!$G$18=$B$17,14,0)+IF('Standard Profiles'!$G$18=$B$24,21,0),0)),0)</f>
        <v>28.595395263256421</v>
      </c>
      <c r="E7393" cm="1">
        <f t="array" ref="E7393">IFERROR(INDEX(Jesper!AI$2:AI$366,ROUNDDOWN($C7393/24,0)+1,1)*INDEX($D$3:$AA$30,INDEX(Jesper!$R$2:$R$366,ROW(INDEX(Jesper!AI$2:AI$366,ROUNDDOWN($C7393/24,0)+1,1))-1)+IF('Standard Profiles'!$G$19=$B$10,7,0)+IF('Standard Profiles'!$G$19=$B$17,14,0)+IF('Standard Profiles'!$G$19=$B$24,21,0),MOD($C7393,24)+1)/SUM(INDEX($D$3:$AA$30,INDEX(Jesper!$R$2:$R$366,ROW(INDEX(Jesper!AI$2:AI$366,ROUNDDOWN($C7393/24,0)+1,1))-1)+IF('Standard Profiles'!$G$19=$B$10,7,0)+IF('Standard Profiles'!$G$19=$B$17,14,0)+IF('Standard Profiles'!$G$19=$B$24,21,0),0)),0)</f>
        <v>23.17681211676712</v>
      </c>
      <c r="F7393" cm="1">
        <f t="array" ref="F7393">IFERROR(INDEX(Jesper!AJ$2:AJ$366,ROUNDDOWN($C7393/24,0)+1,1)*INDEX($D$3:$AA$30,INDEX(Jesper!$R$2:$R$366,ROW(INDEX(Jesper!AJ$2:AJ$366,ROUNDDOWN($C7393/24,0)+1,1))-1)+IF('Standard Profiles'!$G$20=$B$10,7,0)+IF('Standard Profiles'!$G$20=$B$17,14,0)+IF('Standard Profiles'!$G$20=$B$24,21,0),MOD($C7393,24)+1)/SUM(INDEX($D$3:$AA$30,INDEX(Jesper!$R$2:$R$366,ROW(INDEX(Jesper!AJ$2:AJ$366,ROUNDDOWN($C7393/24,0)+1,1))-1)+IF('Standard Profiles'!$G$20=$B$10,7,0)+IF('Standard Profiles'!$G$20=$B$17,14,0)+IF('Standard Profiles'!$G$20=$B$24,21,0),0)),0)</f>
        <v>0</v>
      </c>
      <c r="G7393" cm="1">
        <f t="array" ref="G7393">IFERROR(INDEX(Jesper!AK$2:AK$366,ROUNDDOWN($C7393/24,0)+1,1)*INDEX($D$3:$AA$30,INDEX(Jesper!$R$2:$R$366,ROW(INDEX(Jesper!AK$2:AK$366,ROUNDDOWN($C7393/24,0)+1,1))-1)+IF('Standard Profiles'!$G$21=$B$10,7,0)+IF('Standard Profiles'!$G$21=$B$17,14,0)+IF('Standard Profiles'!$G$21=$B$24,21,0),MOD($C7393,24)+1)/SUM(INDEX($D$3:$AA$30,INDEX(Jesper!$R$2:$R$366,ROW(INDEX(Jesper!AK$2:AK$366,ROUNDDOWN($C7393/24,0)+1,1))-1)+IF('Standard Profiles'!$G$21=$B$10,7,0)+IF('Standard Profiles'!$G$21=$B$17,14,0)+IF('Standard Profiles'!$G$21=$B$24,21,0),0)),0)</f>
        <v>8.9662224176269358</v>
      </c>
      <c r="H7393" cm="1">
        <f t="array" ref="H7393">IFERROR(INDEX(Jesper!AL$2:AL$366,ROUNDDOWN($C7393/24,0)+1,1)*INDEX($D$3:$AA$30,INDEX(Jesper!$R$2:$R$366,ROW(INDEX(Jesper!AL$2:AL$366,ROUNDDOWN($C7393/24,0)+1,1))-1)+IF('Standard Profiles'!$G$22=$B$10,7,0)+IF('Standard Profiles'!$G$22=$B$17,14,0)+IF('Standard Profiles'!$G$22=$B$24,21,0),MOD($C7393,24)+1)/SUM(INDEX($D$3:$AA$30,INDEX(Jesper!$R$2:$R$366,ROW(INDEX(Jesper!AL$2:AL$366,ROUNDDOWN($C7393/24,0)+1,1))-1)+IF('Standard Profiles'!$G$22=$B$10,7,0)+IF('Standard Profiles'!$G$22=$B$17,14,0)+IF('Standard Profiles'!$G$22=$B$24,21,0),0)),0)</f>
        <v>0</v>
      </c>
      <c r="I7393">
        <f t="shared" si="818"/>
        <v>4.3037867604609268</v>
      </c>
      <c r="J7393">
        <f t="shared" si="819"/>
        <v>51.85937979506852</v>
      </c>
      <c r="K7393">
        <f t="shared" si="820"/>
        <v>3.0501754947473518</v>
      </c>
      <c r="L7393">
        <f t="shared" si="821"/>
        <v>1.5250877473736759</v>
      </c>
      <c r="M7393">
        <f t="shared" si="822"/>
        <v>0</v>
      </c>
      <c r="N7393" s="45">
        <f t="shared" si="823"/>
        <v>45233.624999982152</v>
      </c>
    </row>
    <row r="7394" spans="2:14" x14ac:dyDescent="0.25">
      <c r="B7394">
        <f t="shared" si="817"/>
        <v>5</v>
      </c>
      <c r="C7394" s="16">
        <v>7360</v>
      </c>
      <c r="D7394" cm="1">
        <f t="array" ref="D7394">IFERROR(INDEX(Jesper!AH$2:AH$366,ROUNDDOWN($C7394/24,0)+1,1)*INDEX($D$3:$AA$30,INDEX(Jesper!$R$2:$R$366,ROW(INDEX(Jesper!AH$2:AH$366,ROUNDDOWN($C7394/24,0)+1,1))-1)+IF('Standard Profiles'!$G$18=$B$10,7,0)+IF('Standard Profiles'!$G$18=$B$17,14,0)+IF('Standard Profiles'!$G$18=$B$24,21,0),MOD($C7394,24)+1)/SUM(INDEX($D$3:$AA$30,INDEX(Jesper!$R$2:$R$366,ROW(INDEX(Jesper!AH$2:AH$366,ROUNDDOWN($C7394/24,0)+1,1))-1)+IF('Standard Profiles'!$G$18=$B$10,7,0)+IF('Standard Profiles'!$G$18=$B$17,14,0)+IF('Standard Profiles'!$G$18=$B$24,21,0),0)),0)</f>
        <v>13.425068198711935</v>
      </c>
      <c r="E7394" cm="1">
        <f t="array" ref="E7394">IFERROR(INDEX(Jesper!AI$2:AI$366,ROUNDDOWN($C7394/24,0)+1,1)*INDEX($D$3:$AA$30,INDEX(Jesper!$R$2:$R$366,ROW(INDEX(Jesper!AI$2:AI$366,ROUNDDOWN($C7394/24,0)+1,1))-1)+IF('Standard Profiles'!$G$19=$B$10,7,0)+IF('Standard Profiles'!$G$19=$B$17,14,0)+IF('Standard Profiles'!$G$19=$B$24,21,0),MOD($C7394,24)+1)/SUM(INDEX($D$3:$AA$30,INDEX(Jesper!$R$2:$R$366,ROW(INDEX(Jesper!AI$2:AI$366,ROUNDDOWN($C7394/24,0)+1,1))-1)+IF('Standard Profiles'!$G$19=$B$10,7,0)+IF('Standard Profiles'!$G$19=$B$17,14,0)+IF('Standard Profiles'!$G$19=$B$24,21,0),0)),0)</f>
        <v>10.881132449186442</v>
      </c>
      <c r="F7394" cm="1">
        <f t="array" ref="F7394">IFERROR(INDEX(Jesper!AJ$2:AJ$366,ROUNDDOWN($C7394/24,0)+1,1)*INDEX($D$3:$AA$30,INDEX(Jesper!$R$2:$R$366,ROW(INDEX(Jesper!AJ$2:AJ$366,ROUNDDOWN($C7394/24,0)+1,1))-1)+IF('Standard Profiles'!$G$20=$B$10,7,0)+IF('Standard Profiles'!$G$20=$B$17,14,0)+IF('Standard Profiles'!$G$20=$B$24,21,0),MOD($C7394,24)+1)/SUM(INDEX($D$3:$AA$30,INDEX(Jesper!$R$2:$R$366,ROW(INDEX(Jesper!AJ$2:AJ$366,ROUNDDOWN($C7394/24,0)+1,1))-1)+IF('Standard Profiles'!$G$20=$B$10,7,0)+IF('Standard Profiles'!$G$20=$B$17,14,0)+IF('Standard Profiles'!$G$20=$B$24,21,0),0)),0)</f>
        <v>0</v>
      </c>
      <c r="G7394" cm="1">
        <f t="array" ref="G7394">IFERROR(INDEX(Jesper!AK$2:AK$366,ROUNDDOWN($C7394/24,0)+1,1)*INDEX($D$3:$AA$30,INDEX(Jesper!$R$2:$R$366,ROW(INDEX(Jesper!AK$2:AK$366,ROUNDDOWN($C7394/24,0)+1,1))-1)+IF('Standard Profiles'!$G$21=$B$10,7,0)+IF('Standard Profiles'!$G$21=$B$17,14,0)+IF('Standard Profiles'!$G$21=$B$24,21,0),MOD($C7394,24)+1)/SUM(INDEX($D$3:$AA$30,INDEX(Jesper!$R$2:$R$366,ROW(INDEX(Jesper!AK$2:AK$366,ROUNDDOWN($C7394/24,0)+1,1))-1)+IF('Standard Profiles'!$G$21=$B$10,7,0)+IF('Standard Profiles'!$G$21=$B$17,14,0)+IF('Standard Profiles'!$G$21=$B$24,21,0),0)),0)</f>
        <v>7.7629631321445318</v>
      </c>
      <c r="H7394" cm="1">
        <f t="array" ref="H7394">IFERROR(INDEX(Jesper!AL$2:AL$366,ROUNDDOWN($C7394/24,0)+1,1)*INDEX($D$3:$AA$30,INDEX(Jesper!$R$2:$R$366,ROW(INDEX(Jesper!AL$2:AL$366,ROUNDDOWN($C7394/24,0)+1,1))-1)+IF('Standard Profiles'!$G$22=$B$10,7,0)+IF('Standard Profiles'!$G$22=$B$17,14,0)+IF('Standard Profiles'!$G$22=$B$24,21,0),MOD($C7394,24)+1)/SUM(INDEX($D$3:$AA$30,INDEX(Jesper!$R$2:$R$366,ROW(INDEX(Jesper!AL$2:AL$366,ROUNDDOWN($C7394/24,0)+1,1))-1)+IF('Standard Profiles'!$G$22=$B$10,7,0)+IF('Standard Profiles'!$G$22=$B$17,14,0)+IF('Standard Profiles'!$G$22=$B$24,21,0),0)),0)</f>
        <v>0</v>
      </c>
      <c r="I7394">
        <f t="shared" si="818"/>
        <v>3.7262223034293736</v>
      </c>
      <c r="J7394">
        <f t="shared" si="819"/>
        <v>26.194930564819629</v>
      </c>
      <c r="K7394">
        <f t="shared" si="820"/>
        <v>1.4320072745292731</v>
      </c>
      <c r="L7394">
        <f t="shared" si="821"/>
        <v>0.71600363726463656</v>
      </c>
      <c r="M7394">
        <f t="shared" si="822"/>
        <v>0</v>
      </c>
      <c r="N7394" s="45">
        <f t="shared" si="823"/>
        <v>45233.666666648816</v>
      </c>
    </row>
    <row r="7395" spans="2:14" x14ac:dyDescent="0.25">
      <c r="B7395">
        <f t="shared" ref="B7395:B7458" si="824">WEEKDAY(N7395,2)</f>
        <v>5</v>
      </c>
      <c r="C7395" s="16">
        <v>7361</v>
      </c>
      <c r="D7395" cm="1">
        <f t="array" ref="D7395">IFERROR(INDEX(Jesper!AH$2:AH$366,ROUNDDOWN($C7395/24,0)+1,1)*INDEX($D$3:$AA$30,INDEX(Jesper!$R$2:$R$366,ROW(INDEX(Jesper!AH$2:AH$366,ROUNDDOWN($C7395/24,0)+1,1))-1)+IF('Standard Profiles'!$G$18=$B$10,7,0)+IF('Standard Profiles'!$G$18=$B$17,14,0)+IF('Standard Profiles'!$G$18=$B$24,21,0),MOD($C7395,24)+1)/SUM(INDEX($D$3:$AA$30,INDEX(Jesper!$R$2:$R$366,ROW(INDEX(Jesper!AH$2:AH$366,ROUNDDOWN($C7395/24,0)+1,1))-1)+IF('Standard Profiles'!$G$18=$B$10,7,0)+IF('Standard Profiles'!$G$18=$B$17,14,0)+IF('Standard Profiles'!$G$18=$B$24,21,0),0)),0)</f>
        <v>8.8605450111498776</v>
      </c>
      <c r="E7395" cm="1">
        <f t="array" ref="E7395">IFERROR(INDEX(Jesper!AI$2:AI$366,ROUNDDOWN($C7395/24,0)+1,1)*INDEX($D$3:$AA$30,INDEX(Jesper!$R$2:$R$366,ROW(INDEX(Jesper!AI$2:AI$366,ROUNDDOWN($C7395/24,0)+1,1))-1)+IF('Standard Profiles'!$G$19=$B$10,7,0)+IF('Standard Profiles'!$G$19=$B$17,14,0)+IF('Standard Profiles'!$G$19=$B$24,21,0),MOD($C7395,24)+1)/SUM(INDEX($D$3:$AA$30,INDEX(Jesper!$R$2:$R$366,ROW(INDEX(Jesper!AI$2:AI$366,ROUNDDOWN($C7395/24,0)+1,1))-1)+IF('Standard Profiles'!$G$19=$B$10,7,0)+IF('Standard Profiles'!$G$19=$B$17,14,0)+IF('Standard Profiles'!$G$19=$B$24,21,0),0)),0)</f>
        <v>7.1815474164630508</v>
      </c>
      <c r="F7395" cm="1">
        <f t="array" ref="F7395">IFERROR(INDEX(Jesper!AJ$2:AJ$366,ROUNDDOWN($C7395/24,0)+1,1)*INDEX($D$3:$AA$30,INDEX(Jesper!$R$2:$R$366,ROW(INDEX(Jesper!AJ$2:AJ$366,ROUNDDOWN($C7395/24,0)+1,1))-1)+IF('Standard Profiles'!$G$20=$B$10,7,0)+IF('Standard Profiles'!$G$20=$B$17,14,0)+IF('Standard Profiles'!$G$20=$B$24,21,0),MOD($C7395,24)+1)/SUM(INDEX($D$3:$AA$30,INDEX(Jesper!$R$2:$R$366,ROW(INDEX(Jesper!AJ$2:AJ$366,ROUNDDOWN($C7395/24,0)+1,1))-1)+IF('Standard Profiles'!$G$20=$B$10,7,0)+IF('Standard Profiles'!$G$20=$B$17,14,0)+IF('Standard Profiles'!$G$20=$B$24,21,0),0)),0)</f>
        <v>0</v>
      </c>
      <c r="G7395" cm="1">
        <f t="array" ref="G7395">IFERROR(INDEX(Jesper!AK$2:AK$366,ROUNDDOWN($C7395/24,0)+1,1)*INDEX($D$3:$AA$30,INDEX(Jesper!$R$2:$R$366,ROW(INDEX(Jesper!AK$2:AK$366,ROUNDDOWN($C7395/24,0)+1,1))-1)+IF('Standard Profiles'!$G$21=$B$10,7,0)+IF('Standard Profiles'!$G$21=$B$17,14,0)+IF('Standard Profiles'!$G$21=$B$24,21,0),MOD($C7395,24)+1)/SUM(INDEX($D$3:$AA$30,INDEX(Jesper!$R$2:$R$366,ROW(INDEX(Jesper!AK$2:AK$366,ROUNDDOWN($C7395/24,0)+1,1))-1)+IF('Standard Profiles'!$G$21=$B$10,7,0)+IF('Standard Profiles'!$G$21=$B$17,14,0)+IF('Standard Profiles'!$G$21=$B$24,21,0),0)),0)</f>
        <v>6.5208890310014072</v>
      </c>
      <c r="H7395" cm="1">
        <f t="array" ref="H7395">IFERROR(INDEX(Jesper!AL$2:AL$366,ROUNDDOWN($C7395/24,0)+1,1)*INDEX($D$3:$AA$30,INDEX(Jesper!$R$2:$R$366,ROW(INDEX(Jesper!AL$2:AL$366,ROUNDDOWN($C7395/24,0)+1,1))-1)+IF('Standard Profiles'!$G$22=$B$10,7,0)+IF('Standard Profiles'!$G$22=$B$17,14,0)+IF('Standard Profiles'!$G$22=$B$24,21,0),MOD($C7395,24)+1)/SUM(INDEX($D$3:$AA$30,INDEX(Jesper!$R$2:$R$366,ROW(INDEX(Jesper!AL$2:AL$366,ROUNDDOWN($C7395/24,0)+1,1))-1)+IF('Standard Profiles'!$G$22=$B$10,7,0)+IF('Standard Profiles'!$G$22=$B$17,14,0)+IF('Standard Profiles'!$G$22=$B$24,21,0),0)),0)</f>
        <v>0</v>
      </c>
      <c r="I7395">
        <f t="shared" ref="I7395:I7458" si="825">IF($B7395&lt;6,AC$37*$D7395+AC$38*$E7395+AC$39*$F7395+AC$40*$G7395,AC$46*$D7395+AC$47*$E7395+AC$48*$F7395+AC$49*$G7395+AC$50*$H7395)</f>
        <v>3.1300267348806741</v>
      </c>
      <c r="J7395">
        <f t="shared" ref="J7395:J7458" si="826">IF($B7395&lt;6,AD$37*$D7395+AD$38*$E7395+AD$39*$F7395+AD$40*$G7395,AD$46*$D7395+AD$47*$E7395+AD$48*$F7395+AD$49*$G7395+AD$50*$H7395)</f>
        <v>18.015267521949681</v>
      </c>
      <c r="K7395">
        <f t="shared" ref="K7395:K7458" si="827">IF($B7395&lt;6,AE$37*$D7395+AE$38*$E7395+AE$39*$F7395+AE$40*$G7395,AE$46*$D7395+AE$47*$E7395+AE$48*$F7395+AE$49*$G7395+AE$50*$H7395)</f>
        <v>0.9451248011893203</v>
      </c>
      <c r="L7395">
        <f t="shared" ref="L7395:L7458" si="828">IF($B7395&lt;6,AF$37*$D7395+AF$38*$E7395+AF$39*$F7395+AF$40*$G7395,AF$46*$D7395+AF$47*$E7395+AF$48*$F7395+AF$49*$G7395+AF$50*$H7395)</f>
        <v>0.47256240059466015</v>
      </c>
      <c r="M7395">
        <f t="shared" ref="M7395:M7458" si="829">IF($B7395&lt;6,AG$37*$D7395+AG$38*$E7395+AG$39*$F7395+AG$40*$G7395,AG$46*$D7395+AG$47*$E7395+AG$48*$F7395+AG$49*$G7395+AG$50*$H7395)</f>
        <v>0</v>
      </c>
      <c r="N7395" s="45">
        <f t="shared" si="823"/>
        <v>45233.708333315481</v>
      </c>
    </row>
    <row r="7396" spans="2:14" x14ac:dyDescent="0.25">
      <c r="B7396">
        <f t="shared" si="824"/>
        <v>5</v>
      </c>
      <c r="C7396" s="16">
        <v>7362</v>
      </c>
      <c r="D7396" cm="1">
        <f t="array" ref="D7396">IFERROR(INDEX(Jesper!AH$2:AH$366,ROUNDDOWN($C7396/24,0)+1,1)*INDEX($D$3:$AA$30,INDEX(Jesper!$R$2:$R$366,ROW(INDEX(Jesper!AH$2:AH$366,ROUNDDOWN($C7396/24,0)+1,1))-1)+IF('Standard Profiles'!$G$18=$B$10,7,0)+IF('Standard Profiles'!$G$18=$B$17,14,0)+IF('Standard Profiles'!$G$18=$B$24,21,0),MOD($C7396,24)+1)/SUM(INDEX($D$3:$AA$30,INDEX(Jesper!$R$2:$R$366,ROW(INDEX(Jesper!AH$2:AH$366,ROUNDDOWN($C7396/24,0)+1,1))-1)+IF('Standard Profiles'!$G$18=$B$10,7,0)+IF('Standard Profiles'!$G$18=$B$17,14,0)+IF('Standard Profiles'!$G$18=$B$24,21,0),0)),0)</f>
        <v>5.6385286434590123</v>
      </c>
      <c r="E7396" cm="1">
        <f t="array" ref="E7396">IFERROR(INDEX(Jesper!AI$2:AI$366,ROUNDDOWN($C7396/24,0)+1,1)*INDEX($D$3:$AA$30,INDEX(Jesper!$R$2:$R$366,ROW(INDEX(Jesper!AI$2:AI$366,ROUNDDOWN($C7396/24,0)+1,1))-1)+IF('Standard Profiles'!$G$19=$B$10,7,0)+IF('Standard Profiles'!$G$19=$B$17,14,0)+IF('Standard Profiles'!$G$19=$B$24,21,0),MOD($C7396,24)+1)/SUM(INDEX($D$3:$AA$30,INDEX(Jesper!$R$2:$R$366,ROW(INDEX(Jesper!AI$2:AI$366,ROUNDDOWN($C7396/24,0)+1,1))-1)+IF('Standard Profiles'!$G$19=$B$10,7,0)+IF('Standard Profiles'!$G$19=$B$17,14,0)+IF('Standard Profiles'!$G$19=$B$24,21,0),0)),0)</f>
        <v>4.5700756286583051</v>
      </c>
      <c r="F7396" cm="1">
        <f t="array" ref="F7396">IFERROR(INDEX(Jesper!AJ$2:AJ$366,ROUNDDOWN($C7396/24,0)+1,1)*INDEX($D$3:$AA$30,INDEX(Jesper!$R$2:$R$366,ROW(INDEX(Jesper!AJ$2:AJ$366,ROUNDDOWN($C7396/24,0)+1,1))-1)+IF('Standard Profiles'!$G$20=$B$10,7,0)+IF('Standard Profiles'!$G$20=$B$17,14,0)+IF('Standard Profiles'!$G$20=$B$24,21,0),MOD($C7396,24)+1)/SUM(INDEX($D$3:$AA$30,INDEX(Jesper!$R$2:$R$366,ROW(INDEX(Jesper!AJ$2:AJ$366,ROUNDDOWN($C7396/24,0)+1,1))-1)+IF('Standard Profiles'!$G$20=$B$10,7,0)+IF('Standard Profiles'!$G$20=$B$17,14,0)+IF('Standard Profiles'!$G$20=$B$24,21,0),0)),0)</f>
        <v>0</v>
      </c>
      <c r="G7396" cm="1">
        <f t="array" ref="G7396">IFERROR(INDEX(Jesper!AK$2:AK$366,ROUNDDOWN($C7396/24,0)+1,1)*INDEX($D$3:$AA$30,INDEX(Jesper!$R$2:$R$366,ROW(INDEX(Jesper!AK$2:AK$366,ROUNDDOWN($C7396/24,0)+1,1))-1)+IF('Standard Profiles'!$G$21=$B$10,7,0)+IF('Standard Profiles'!$G$21=$B$17,14,0)+IF('Standard Profiles'!$G$21=$B$24,21,0),MOD($C7396,24)+1)/SUM(INDEX($D$3:$AA$30,INDEX(Jesper!$R$2:$R$366,ROW(INDEX(Jesper!AK$2:AK$366,ROUNDDOWN($C7396/24,0)+1,1))-1)+IF('Standard Profiles'!$G$21=$B$10,7,0)+IF('Standard Profiles'!$G$21=$B$17,14,0)+IF('Standard Profiles'!$G$21=$B$24,21,0),0)),0)</f>
        <v>2.4065185709648049</v>
      </c>
      <c r="H7396" cm="1">
        <f t="array" ref="H7396">IFERROR(INDEX(Jesper!AL$2:AL$366,ROUNDDOWN($C7396/24,0)+1,1)*INDEX($D$3:$AA$30,INDEX(Jesper!$R$2:$R$366,ROW(INDEX(Jesper!AL$2:AL$366,ROUNDDOWN($C7396/24,0)+1,1))-1)+IF('Standard Profiles'!$G$22=$B$10,7,0)+IF('Standard Profiles'!$G$22=$B$17,14,0)+IF('Standard Profiles'!$G$22=$B$24,21,0),MOD($C7396,24)+1)/SUM(INDEX($D$3:$AA$30,INDEX(Jesper!$R$2:$R$366,ROW(INDEX(Jesper!AL$2:AL$366,ROUNDDOWN($C7396/24,0)+1,1))-1)+IF('Standard Profiles'!$G$22=$B$10,7,0)+IF('Standard Profiles'!$G$22=$B$17,14,0)+IF('Standard Profiles'!$G$22=$B$24,21,0),0)),0)</f>
        <v>0</v>
      </c>
      <c r="I7396">
        <f t="shared" si="825"/>
        <v>1.1551289140631058</v>
      </c>
      <c r="J7396">
        <f t="shared" si="826"/>
        <v>10.557829346065574</v>
      </c>
      <c r="K7396">
        <f t="shared" si="827"/>
        <v>0.60144305530229469</v>
      </c>
      <c r="L7396">
        <f t="shared" si="828"/>
        <v>0.30072152765114735</v>
      </c>
      <c r="M7396">
        <f t="shared" si="829"/>
        <v>0</v>
      </c>
      <c r="N7396" s="45">
        <f t="shared" ref="N7396:N7459" si="830">N7395+1/24</f>
        <v>45233.749999982145</v>
      </c>
    </row>
    <row r="7397" spans="2:14" x14ac:dyDescent="0.25">
      <c r="B7397">
        <f t="shared" si="824"/>
        <v>5</v>
      </c>
      <c r="C7397" s="16">
        <v>7363</v>
      </c>
      <c r="D7397" cm="1">
        <f t="array" ref="D7397">IFERROR(INDEX(Jesper!AH$2:AH$366,ROUNDDOWN($C7397/24,0)+1,1)*INDEX($D$3:$AA$30,INDEX(Jesper!$R$2:$R$366,ROW(INDEX(Jesper!AH$2:AH$366,ROUNDDOWN($C7397/24,0)+1,1))-1)+IF('Standard Profiles'!$G$18=$B$10,7,0)+IF('Standard Profiles'!$G$18=$B$17,14,0)+IF('Standard Profiles'!$G$18=$B$24,21,0),MOD($C7397,24)+1)/SUM(INDEX($D$3:$AA$30,INDEX(Jesper!$R$2:$R$366,ROW(INDEX(Jesper!AH$2:AH$366,ROUNDDOWN($C7397/24,0)+1,1))-1)+IF('Standard Profiles'!$G$18=$B$10,7,0)+IF('Standard Profiles'!$G$18=$B$17,14,0)+IF('Standard Profiles'!$G$18=$B$24,21,0),0)),0)</f>
        <v>5.3700272794847734</v>
      </c>
      <c r="E7397" cm="1">
        <f t="array" ref="E7397">IFERROR(INDEX(Jesper!AI$2:AI$366,ROUNDDOWN($C7397/24,0)+1,1)*INDEX($D$3:$AA$30,INDEX(Jesper!$R$2:$R$366,ROW(INDEX(Jesper!AI$2:AI$366,ROUNDDOWN($C7397/24,0)+1,1))-1)+IF('Standard Profiles'!$G$19=$B$10,7,0)+IF('Standard Profiles'!$G$19=$B$17,14,0)+IF('Standard Profiles'!$G$19=$B$24,21,0),MOD($C7397,24)+1)/SUM(INDEX($D$3:$AA$30,INDEX(Jesper!$R$2:$R$366,ROW(INDEX(Jesper!AI$2:AI$366,ROUNDDOWN($C7397/24,0)+1,1))-1)+IF('Standard Profiles'!$G$19=$B$10,7,0)+IF('Standard Profiles'!$G$19=$B$17,14,0)+IF('Standard Profiles'!$G$19=$B$24,21,0),0)),0)</f>
        <v>4.3524529796745774</v>
      </c>
      <c r="F7397" cm="1">
        <f t="array" ref="F7397">IFERROR(INDEX(Jesper!AJ$2:AJ$366,ROUNDDOWN($C7397/24,0)+1,1)*INDEX($D$3:$AA$30,INDEX(Jesper!$R$2:$R$366,ROW(INDEX(Jesper!AJ$2:AJ$366,ROUNDDOWN($C7397/24,0)+1,1))-1)+IF('Standard Profiles'!$G$20=$B$10,7,0)+IF('Standard Profiles'!$G$20=$B$17,14,0)+IF('Standard Profiles'!$G$20=$B$24,21,0),MOD($C7397,24)+1)/SUM(INDEX($D$3:$AA$30,INDEX(Jesper!$R$2:$R$366,ROW(INDEX(Jesper!AJ$2:AJ$366,ROUNDDOWN($C7397/24,0)+1,1))-1)+IF('Standard Profiles'!$G$20=$B$10,7,0)+IF('Standard Profiles'!$G$20=$B$17,14,0)+IF('Standard Profiles'!$G$20=$B$24,21,0),0)),0)</f>
        <v>0</v>
      </c>
      <c r="G7397" cm="1">
        <f t="array" ref="G7397">IFERROR(INDEX(Jesper!AK$2:AK$366,ROUNDDOWN($C7397/24,0)+1,1)*INDEX($D$3:$AA$30,INDEX(Jesper!$R$2:$R$366,ROW(INDEX(Jesper!AK$2:AK$366,ROUNDDOWN($C7397/24,0)+1,1))-1)+IF('Standard Profiles'!$G$21=$B$10,7,0)+IF('Standard Profiles'!$G$21=$B$17,14,0)+IF('Standard Profiles'!$G$21=$B$24,21,0),MOD($C7397,24)+1)/SUM(INDEX($D$3:$AA$30,INDEX(Jesper!$R$2:$R$366,ROW(INDEX(Jesper!AK$2:AK$366,ROUNDDOWN($C7397/24,0)+1,1))-1)+IF('Standard Profiles'!$G$21=$B$10,7,0)+IF('Standard Profiles'!$G$21=$B$17,14,0)+IF('Standard Profiles'!$G$21=$B$24,21,0),0)),0)</f>
        <v>2.4065185709648049</v>
      </c>
      <c r="H7397" cm="1">
        <f t="array" ref="H7397">IFERROR(INDEX(Jesper!AL$2:AL$366,ROUNDDOWN($C7397/24,0)+1,1)*INDEX($D$3:$AA$30,INDEX(Jesper!$R$2:$R$366,ROW(INDEX(Jesper!AL$2:AL$366,ROUNDDOWN($C7397/24,0)+1,1))-1)+IF('Standard Profiles'!$G$22=$B$10,7,0)+IF('Standard Profiles'!$G$22=$B$17,14,0)+IF('Standard Profiles'!$G$22=$B$24,21,0),MOD($C7397,24)+1)/SUM(INDEX($D$3:$AA$30,INDEX(Jesper!$R$2:$R$366,ROW(INDEX(Jesper!AL$2:AL$366,ROUNDDOWN($C7397/24,0)+1,1))-1)+IF('Standard Profiles'!$G$22=$B$10,7,0)+IF('Standard Profiles'!$G$22=$B$17,14,0)+IF('Standard Profiles'!$G$22=$B$24,21,0),0)),0)</f>
        <v>0</v>
      </c>
      <c r="I7397">
        <f t="shared" si="825"/>
        <v>1.1551289140631058</v>
      </c>
      <c r="J7397">
        <f t="shared" si="826"/>
        <v>10.114665551343487</v>
      </c>
      <c r="K7397">
        <f t="shared" si="827"/>
        <v>0.57280290981170923</v>
      </c>
      <c r="L7397">
        <f t="shared" si="828"/>
        <v>0.28640145490585461</v>
      </c>
      <c r="M7397">
        <f t="shared" si="829"/>
        <v>0</v>
      </c>
      <c r="N7397" s="45">
        <f t="shared" si="830"/>
        <v>45233.791666648809</v>
      </c>
    </row>
    <row r="7398" spans="2:14" x14ac:dyDescent="0.25">
      <c r="B7398">
        <f t="shared" si="824"/>
        <v>5</v>
      </c>
      <c r="C7398" s="16">
        <v>7364</v>
      </c>
      <c r="D7398" cm="1">
        <f t="array" ref="D7398">IFERROR(INDEX(Jesper!AH$2:AH$366,ROUNDDOWN($C7398/24,0)+1,1)*INDEX($D$3:$AA$30,INDEX(Jesper!$R$2:$R$366,ROW(INDEX(Jesper!AH$2:AH$366,ROUNDDOWN($C7398/24,0)+1,1))-1)+IF('Standard Profiles'!$G$18=$B$10,7,0)+IF('Standard Profiles'!$G$18=$B$17,14,0)+IF('Standard Profiles'!$G$18=$B$24,21,0),MOD($C7398,24)+1)/SUM(INDEX($D$3:$AA$30,INDEX(Jesper!$R$2:$R$366,ROW(INDEX(Jesper!AH$2:AH$366,ROUNDDOWN($C7398/24,0)+1,1))-1)+IF('Standard Profiles'!$G$18=$B$10,7,0)+IF('Standard Profiles'!$G$18=$B$17,14,0)+IF('Standard Profiles'!$G$18=$B$24,21,0),0)),0)</f>
        <v>5.3700272794847734</v>
      </c>
      <c r="E7398" cm="1">
        <f t="array" ref="E7398">IFERROR(INDEX(Jesper!AI$2:AI$366,ROUNDDOWN($C7398/24,0)+1,1)*INDEX($D$3:$AA$30,INDEX(Jesper!$R$2:$R$366,ROW(INDEX(Jesper!AI$2:AI$366,ROUNDDOWN($C7398/24,0)+1,1))-1)+IF('Standard Profiles'!$G$19=$B$10,7,0)+IF('Standard Profiles'!$G$19=$B$17,14,0)+IF('Standard Profiles'!$G$19=$B$24,21,0),MOD($C7398,24)+1)/SUM(INDEX($D$3:$AA$30,INDEX(Jesper!$R$2:$R$366,ROW(INDEX(Jesper!AI$2:AI$366,ROUNDDOWN($C7398/24,0)+1,1))-1)+IF('Standard Profiles'!$G$19=$B$10,7,0)+IF('Standard Profiles'!$G$19=$B$17,14,0)+IF('Standard Profiles'!$G$19=$B$24,21,0),0)),0)</f>
        <v>4.3524529796745774</v>
      </c>
      <c r="F7398" cm="1">
        <f t="array" ref="F7398">IFERROR(INDEX(Jesper!AJ$2:AJ$366,ROUNDDOWN($C7398/24,0)+1,1)*INDEX($D$3:$AA$30,INDEX(Jesper!$R$2:$R$366,ROW(INDEX(Jesper!AJ$2:AJ$366,ROUNDDOWN($C7398/24,0)+1,1))-1)+IF('Standard Profiles'!$G$20=$B$10,7,0)+IF('Standard Profiles'!$G$20=$B$17,14,0)+IF('Standard Profiles'!$G$20=$B$24,21,0),MOD($C7398,24)+1)/SUM(INDEX($D$3:$AA$30,INDEX(Jesper!$R$2:$R$366,ROW(INDEX(Jesper!AJ$2:AJ$366,ROUNDDOWN($C7398/24,0)+1,1))-1)+IF('Standard Profiles'!$G$20=$B$10,7,0)+IF('Standard Profiles'!$G$20=$B$17,14,0)+IF('Standard Profiles'!$G$20=$B$24,21,0),0)),0)</f>
        <v>0</v>
      </c>
      <c r="G7398" cm="1">
        <f t="array" ref="G7398">IFERROR(INDEX(Jesper!AK$2:AK$366,ROUNDDOWN($C7398/24,0)+1,1)*INDEX($D$3:$AA$30,INDEX(Jesper!$R$2:$R$366,ROW(INDEX(Jesper!AK$2:AK$366,ROUNDDOWN($C7398/24,0)+1,1))-1)+IF('Standard Profiles'!$G$21=$B$10,7,0)+IF('Standard Profiles'!$G$21=$B$17,14,0)+IF('Standard Profiles'!$G$21=$B$24,21,0),MOD($C7398,24)+1)/SUM(INDEX($D$3:$AA$30,INDEX(Jesper!$R$2:$R$366,ROW(INDEX(Jesper!AK$2:AK$366,ROUNDDOWN($C7398/24,0)+1,1))-1)+IF('Standard Profiles'!$G$21=$B$10,7,0)+IF('Standard Profiles'!$G$21=$B$17,14,0)+IF('Standard Profiles'!$G$21=$B$24,21,0),0)),0)</f>
        <v>2.4065185709648049</v>
      </c>
      <c r="H7398" cm="1">
        <f t="array" ref="H7398">IFERROR(INDEX(Jesper!AL$2:AL$366,ROUNDDOWN($C7398/24,0)+1,1)*INDEX($D$3:$AA$30,INDEX(Jesper!$R$2:$R$366,ROW(INDEX(Jesper!AL$2:AL$366,ROUNDDOWN($C7398/24,0)+1,1))-1)+IF('Standard Profiles'!$G$22=$B$10,7,0)+IF('Standard Profiles'!$G$22=$B$17,14,0)+IF('Standard Profiles'!$G$22=$B$24,21,0),MOD($C7398,24)+1)/SUM(INDEX($D$3:$AA$30,INDEX(Jesper!$R$2:$R$366,ROW(INDEX(Jesper!AL$2:AL$366,ROUNDDOWN($C7398/24,0)+1,1))-1)+IF('Standard Profiles'!$G$22=$B$10,7,0)+IF('Standard Profiles'!$G$22=$B$17,14,0)+IF('Standard Profiles'!$G$22=$B$24,21,0),0)),0)</f>
        <v>0</v>
      </c>
      <c r="I7398">
        <f t="shared" si="825"/>
        <v>1.1551289140631058</v>
      </c>
      <c r="J7398">
        <f t="shared" si="826"/>
        <v>10.114665551343487</v>
      </c>
      <c r="K7398">
        <f t="shared" si="827"/>
        <v>0.57280290981170923</v>
      </c>
      <c r="L7398">
        <f t="shared" si="828"/>
        <v>0.28640145490585461</v>
      </c>
      <c r="M7398">
        <f t="shared" si="829"/>
        <v>0</v>
      </c>
      <c r="N7398" s="45">
        <f t="shared" si="830"/>
        <v>45233.833333315473</v>
      </c>
    </row>
    <row r="7399" spans="2:14" x14ac:dyDescent="0.25">
      <c r="B7399">
        <f t="shared" si="824"/>
        <v>5</v>
      </c>
      <c r="C7399" s="16">
        <v>7365</v>
      </c>
      <c r="D7399" cm="1">
        <f t="array" ref="D7399">IFERROR(INDEX(Jesper!AH$2:AH$366,ROUNDDOWN($C7399/24,0)+1,1)*INDEX($D$3:$AA$30,INDEX(Jesper!$R$2:$R$366,ROW(INDEX(Jesper!AH$2:AH$366,ROUNDDOWN($C7399/24,0)+1,1))-1)+IF('Standard Profiles'!$G$18=$B$10,7,0)+IF('Standard Profiles'!$G$18=$B$17,14,0)+IF('Standard Profiles'!$G$18=$B$24,21,0),MOD($C7399,24)+1)/SUM(INDEX($D$3:$AA$30,INDEX(Jesper!$R$2:$R$366,ROW(INDEX(Jesper!AH$2:AH$366,ROUNDDOWN($C7399/24,0)+1,1))-1)+IF('Standard Profiles'!$G$18=$B$10,7,0)+IF('Standard Profiles'!$G$18=$B$17,14,0)+IF('Standard Profiles'!$G$18=$B$24,21,0),0)),0)</f>
        <v>5.3700272794847734</v>
      </c>
      <c r="E7399" cm="1">
        <f t="array" ref="E7399">IFERROR(INDEX(Jesper!AI$2:AI$366,ROUNDDOWN($C7399/24,0)+1,1)*INDEX($D$3:$AA$30,INDEX(Jesper!$R$2:$R$366,ROW(INDEX(Jesper!AI$2:AI$366,ROUNDDOWN($C7399/24,0)+1,1))-1)+IF('Standard Profiles'!$G$19=$B$10,7,0)+IF('Standard Profiles'!$G$19=$B$17,14,0)+IF('Standard Profiles'!$G$19=$B$24,21,0),MOD($C7399,24)+1)/SUM(INDEX($D$3:$AA$30,INDEX(Jesper!$R$2:$R$366,ROW(INDEX(Jesper!AI$2:AI$366,ROUNDDOWN($C7399/24,0)+1,1))-1)+IF('Standard Profiles'!$G$19=$B$10,7,0)+IF('Standard Profiles'!$G$19=$B$17,14,0)+IF('Standard Profiles'!$G$19=$B$24,21,0),0)),0)</f>
        <v>4.3524529796745774</v>
      </c>
      <c r="F7399" cm="1">
        <f t="array" ref="F7399">IFERROR(INDEX(Jesper!AJ$2:AJ$366,ROUNDDOWN($C7399/24,0)+1,1)*INDEX($D$3:$AA$30,INDEX(Jesper!$R$2:$R$366,ROW(INDEX(Jesper!AJ$2:AJ$366,ROUNDDOWN($C7399/24,0)+1,1))-1)+IF('Standard Profiles'!$G$20=$B$10,7,0)+IF('Standard Profiles'!$G$20=$B$17,14,0)+IF('Standard Profiles'!$G$20=$B$24,21,0),MOD($C7399,24)+1)/SUM(INDEX($D$3:$AA$30,INDEX(Jesper!$R$2:$R$366,ROW(INDEX(Jesper!AJ$2:AJ$366,ROUNDDOWN($C7399/24,0)+1,1))-1)+IF('Standard Profiles'!$G$20=$B$10,7,0)+IF('Standard Profiles'!$G$20=$B$17,14,0)+IF('Standard Profiles'!$G$20=$B$24,21,0),0)),0)</f>
        <v>0</v>
      </c>
      <c r="G7399" cm="1">
        <f t="array" ref="G7399">IFERROR(INDEX(Jesper!AK$2:AK$366,ROUNDDOWN($C7399/24,0)+1,1)*INDEX($D$3:$AA$30,INDEX(Jesper!$R$2:$R$366,ROW(INDEX(Jesper!AK$2:AK$366,ROUNDDOWN($C7399/24,0)+1,1))-1)+IF('Standard Profiles'!$G$21=$B$10,7,0)+IF('Standard Profiles'!$G$21=$B$17,14,0)+IF('Standard Profiles'!$G$21=$B$24,21,0),MOD($C7399,24)+1)/SUM(INDEX($D$3:$AA$30,INDEX(Jesper!$R$2:$R$366,ROW(INDEX(Jesper!AK$2:AK$366,ROUNDDOWN($C7399/24,0)+1,1))-1)+IF('Standard Profiles'!$G$21=$B$10,7,0)+IF('Standard Profiles'!$G$21=$B$17,14,0)+IF('Standard Profiles'!$G$21=$B$24,21,0),0)),0)</f>
        <v>2.4065185709648049</v>
      </c>
      <c r="H7399" cm="1">
        <f t="array" ref="H7399">IFERROR(INDEX(Jesper!AL$2:AL$366,ROUNDDOWN($C7399/24,0)+1,1)*INDEX($D$3:$AA$30,INDEX(Jesper!$R$2:$R$366,ROW(INDEX(Jesper!AL$2:AL$366,ROUNDDOWN($C7399/24,0)+1,1))-1)+IF('Standard Profiles'!$G$22=$B$10,7,0)+IF('Standard Profiles'!$G$22=$B$17,14,0)+IF('Standard Profiles'!$G$22=$B$24,21,0),MOD($C7399,24)+1)/SUM(INDEX($D$3:$AA$30,INDEX(Jesper!$R$2:$R$366,ROW(INDEX(Jesper!AL$2:AL$366,ROUNDDOWN($C7399/24,0)+1,1))-1)+IF('Standard Profiles'!$G$22=$B$10,7,0)+IF('Standard Profiles'!$G$22=$B$17,14,0)+IF('Standard Profiles'!$G$22=$B$24,21,0),0)),0)</f>
        <v>0</v>
      </c>
      <c r="I7399">
        <f t="shared" si="825"/>
        <v>1.1551289140631058</v>
      </c>
      <c r="J7399">
        <f t="shared" si="826"/>
        <v>10.114665551343487</v>
      </c>
      <c r="K7399">
        <f t="shared" si="827"/>
        <v>0.57280290981170923</v>
      </c>
      <c r="L7399">
        <f t="shared" si="828"/>
        <v>0.28640145490585461</v>
      </c>
      <c r="M7399">
        <f t="shared" si="829"/>
        <v>0</v>
      </c>
      <c r="N7399" s="45">
        <f t="shared" si="830"/>
        <v>45233.874999982138</v>
      </c>
    </row>
    <row r="7400" spans="2:14" x14ac:dyDescent="0.25">
      <c r="B7400">
        <f t="shared" si="824"/>
        <v>5</v>
      </c>
      <c r="C7400" s="16">
        <v>7366</v>
      </c>
      <c r="D7400" cm="1">
        <f t="array" ref="D7400">IFERROR(INDEX(Jesper!AH$2:AH$366,ROUNDDOWN($C7400/24,0)+1,1)*INDEX($D$3:$AA$30,INDEX(Jesper!$R$2:$R$366,ROW(INDEX(Jesper!AH$2:AH$366,ROUNDDOWN($C7400/24,0)+1,1))-1)+IF('Standard Profiles'!$G$18=$B$10,7,0)+IF('Standard Profiles'!$G$18=$B$17,14,0)+IF('Standard Profiles'!$G$18=$B$24,21,0),MOD($C7400,24)+1)/SUM(INDEX($D$3:$AA$30,INDEX(Jesper!$R$2:$R$366,ROW(INDEX(Jesper!AH$2:AH$366,ROUNDDOWN($C7400/24,0)+1,1))-1)+IF('Standard Profiles'!$G$18=$B$10,7,0)+IF('Standard Profiles'!$G$18=$B$17,14,0)+IF('Standard Profiles'!$G$18=$B$24,21,0),0)),0)</f>
        <v>5.3700272794847734</v>
      </c>
      <c r="E7400" cm="1">
        <f t="array" ref="E7400">IFERROR(INDEX(Jesper!AI$2:AI$366,ROUNDDOWN($C7400/24,0)+1,1)*INDEX($D$3:$AA$30,INDEX(Jesper!$R$2:$R$366,ROW(INDEX(Jesper!AI$2:AI$366,ROUNDDOWN($C7400/24,0)+1,1))-1)+IF('Standard Profiles'!$G$19=$B$10,7,0)+IF('Standard Profiles'!$G$19=$B$17,14,0)+IF('Standard Profiles'!$G$19=$B$24,21,0),MOD($C7400,24)+1)/SUM(INDEX($D$3:$AA$30,INDEX(Jesper!$R$2:$R$366,ROW(INDEX(Jesper!AI$2:AI$366,ROUNDDOWN($C7400/24,0)+1,1))-1)+IF('Standard Profiles'!$G$19=$B$10,7,0)+IF('Standard Profiles'!$G$19=$B$17,14,0)+IF('Standard Profiles'!$G$19=$B$24,21,0),0)),0)</f>
        <v>4.3524529796745774</v>
      </c>
      <c r="F7400" cm="1">
        <f t="array" ref="F7400">IFERROR(INDEX(Jesper!AJ$2:AJ$366,ROUNDDOWN($C7400/24,0)+1,1)*INDEX($D$3:$AA$30,INDEX(Jesper!$R$2:$R$366,ROW(INDEX(Jesper!AJ$2:AJ$366,ROUNDDOWN($C7400/24,0)+1,1))-1)+IF('Standard Profiles'!$G$20=$B$10,7,0)+IF('Standard Profiles'!$G$20=$B$17,14,0)+IF('Standard Profiles'!$G$20=$B$24,21,0),MOD($C7400,24)+1)/SUM(INDEX($D$3:$AA$30,INDEX(Jesper!$R$2:$R$366,ROW(INDEX(Jesper!AJ$2:AJ$366,ROUNDDOWN($C7400/24,0)+1,1))-1)+IF('Standard Profiles'!$G$20=$B$10,7,0)+IF('Standard Profiles'!$G$20=$B$17,14,0)+IF('Standard Profiles'!$G$20=$B$24,21,0),0)),0)</f>
        <v>0</v>
      </c>
      <c r="G7400" cm="1">
        <f t="array" ref="G7400">IFERROR(INDEX(Jesper!AK$2:AK$366,ROUNDDOWN($C7400/24,0)+1,1)*INDEX($D$3:$AA$30,INDEX(Jesper!$R$2:$R$366,ROW(INDEX(Jesper!AK$2:AK$366,ROUNDDOWN($C7400/24,0)+1,1))-1)+IF('Standard Profiles'!$G$21=$B$10,7,0)+IF('Standard Profiles'!$G$21=$B$17,14,0)+IF('Standard Profiles'!$G$21=$B$24,21,0),MOD($C7400,24)+1)/SUM(INDEX($D$3:$AA$30,INDEX(Jesper!$R$2:$R$366,ROW(INDEX(Jesper!AK$2:AK$366,ROUNDDOWN($C7400/24,0)+1,1))-1)+IF('Standard Profiles'!$G$21=$B$10,7,0)+IF('Standard Profiles'!$G$21=$B$17,14,0)+IF('Standard Profiles'!$G$21=$B$24,21,0),0)),0)</f>
        <v>2.4065185709648049</v>
      </c>
      <c r="H7400" cm="1">
        <f t="array" ref="H7400">IFERROR(INDEX(Jesper!AL$2:AL$366,ROUNDDOWN($C7400/24,0)+1,1)*INDEX($D$3:$AA$30,INDEX(Jesper!$R$2:$R$366,ROW(INDEX(Jesper!AL$2:AL$366,ROUNDDOWN($C7400/24,0)+1,1))-1)+IF('Standard Profiles'!$G$22=$B$10,7,0)+IF('Standard Profiles'!$G$22=$B$17,14,0)+IF('Standard Profiles'!$G$22=$B$24,21,0),MOD($C7400,24)+1)/SUM(INDEX($D$3:$AA$30,INDEX(Jesper!$R$2:$R$366,ROW(INDEX(Jesper!AL$2:AL$366,ROUNDDOWN($C7400/24,0)+1,1))-1)+IF('Standard Profiles'!$G$22=$B$10,7,0)+IF('Standard Profiles'!$G$22=$B$17,14,0)+IF('Standard Profiles'!$G$22=$B$24,21,0),0)),0)</f>
        <v>0</v>
      </c>
      <c r="I7400">
        <f t="shared" si="825"/>
        <v>1.1551289140631058</v>
      </c>
      <c r="J7400">
        <f t="shared" si="826"/>
        <v>10.114665551343487</v>
      </c>
      <c r="K7400">
        <f t="shared" si="827"/>
        <v>0.57280290981170923</v>
      </c>
      <c r="L7400">
        <f t="shared" si="828"/>
        <v>0.28640145490585461</v>
      </c>
      <c r="M7400">
        <f t="shared" si="829"/>
        <v>0</v>
      </c>
      <c r="N7400" s="45">
        <f t="shared" si="830"/>
        <v>45233.916666648802</v>
      </c>
    </row>
    <row r="7401" spans="2:14" x14ac:dyDescent="0.25">
      <c r="B7401">
        <f t="shared" si="824"/>
        <v>5</v>
      </c>
      <c r="C7401" s="16">
        <v>7367</v>
      </c>
      <c r="D7401" cm="1">
        <f t="array" ref="D7401">IFERROR(INDEX(Jesper!AH$2:AH$366,ROUNDDOWN($C7401/24,0)+1,1)*INDEX($D$3:$AA$30,INDEX(Jesper!$R$2:$R$366,ROW(INDEX(Jesper!AH$2:AH$366,ROUNDDOWN($C7401/24,0)+1,1))-1)+IF('Standard Profiles'!$G$18=$B$10,7,0)+IF('Standard Profiles'!$G$18=$B$17,14,0)+IF('Standard Profiles'!$G$18=$B$24,21,0),MOD($C7401,24)+1)/SUM(INDEX($D$3:$AA$30,INDEX(Jesper!$R$2:$R$366,ROW(INDEX(Jesper!AH$2:AH$366,ROUNDDOWN($C7401/24,0)+1,1))-1)+IF('Standard Profiles'!$G$18=$B$10,7,0)+IF('Standard Profiles'!$G$18=$B$17,14,0)+IF('Standard Profiles'!$G$18=$B$24,21,0),0)),0)</f>
        <v>5.3700272794847734</v>
      </c>
      <c r="E7401" cm="1">
        <f t="array" ref="E7401">IFERROR(INDEX(Jesper!AI$2:AI$366,ROUNDDOWN($C7401/24,0)+1,1)*INDEX($D$3:$AA$30,INDEX(Jesper!$R$2:$R$366,ROW(INDEX(Jesper!AI$2:AI$366,ROUNDDOWN($C7401/24,0)+1,1))-1)+IF('Standard Profiles'!$G$19=$B$10,7,0)+IF('Standard Profiles'!$G$19=$B$17,14,0)+IF('Standard Profiles'!$G$19=$B$24,21,0),MOD($C7401,24)+1)/SUM(INDEX($D$3:$AA$30,INDEX(Jesper!$R$2:$R$366,ROW(INDEX(Jesper!AI$2:AI$366,ROUNDDOWN($C7401/24,0)+1,1))-1)+IF('Standard Profiles'!$G$19=$B$10,7,0)+IF('Standard Profiles'!$G$19=$B$17,14,0)+IF('Standard Profiles'!$G$19=$B$24,21,0),0)),0)</f>
        <v>4.3524529796745774</v>
      </c>
      <c r="F7401" cm="1">
        <f t="array" ref="F7401">IFERROR(INDEX(Jesper!AJ$2:AJ$366,ROUNDDOWN($C7401/24,0)+1,1)*INDEX($D$3:$AA$30,INDEX(Jesper!$R$2:$R$366,ROW(INDEX(Jesper!AJ$2:AJ$366,ROUNDDOWN($C7401/24,0)+1,1))-1)+IF('Standard Profiles'!$G$20=$B$10,7,0)+IF('Standard Profiles'!$G$20=$B$17,14,0)+IF('Standard Profiles'!$G$20=$B$24,21,0),MOD($C7401,24)+1)/SUM(INDEX($D$3:$AA$30,INDEX(Jesper!$R$2:$R$366,ROW(INDEX(Jesper!AJ$2:AJ$366,ROUNDDOWN($C7401/24,0)+1,1))-1)+IF('Standard Profiles'!$G$20=$B$10,7,0)+IF('Standard Profiles'!$G$20=$B$17,14,0)+IF('Standard Profiles'!$G$20=$B$24,21,0),0)),0)</f>
        <v>0</v>
      </c>
      <c r="G7401" cm="1">
        <f t="array" ref="G7401">IFERROR(INDEX(Jesper!AK$2:AK$366,ROUNDDOWN($C7401/24,0)+1,1)*INDEX($D$3:$AA$30,INDEX(Jesper!$R$2:$R$366,ROW(INDEX(Jesper!AK$2:AK$366,ROUNDDOWN($C7401/24,0)+1,1))-1)+IF('Standard Profiles'!$G$21=$B$10,7,0)+IF('Standard Profiles'!$G$21=$B$17,14,0)+IF('Standard Profiles'!$G$21=$B$24,21,0),MOD($C7401,24)+1)/SUM(INDEX($D$3:$AA$30,INDEX(Jesper!$R$2:$R$366,ROW(INDEX(Jesper!AK$2:AK$366,ROUNDDOWN($C7401/24,0)+1,1))-1)+IF('Standard Profiles'!$G$21=$B$10,7,0)+IF('Standard Profiles'!$G$21=$B$17,14,0)+IF('Standard Profiles'!$G$21=$B$24,21,0),0)),0)</f>
        <v>2.4065185709648049</v>
      </c>
      <c r="H7401" cm="1">
        <f t="array" ref="H7401">IFERROR(INDEX(Jesper!AL$2:AL$366,ROUNDDOWN($C7401/24,0)+1,1)*INDEX($D$3:$AA$30,INDEX(Jesper!$R$2:$R$366,ROW(INDEX(Jesper!AL$2:AL$366,ROUNDDOWN($C7401/24,0)+1,1))-1)+IF('Standard Profiles'!$G$22=$B$10,7,0)+IF('Standard Profiles'!$G$22=$B$17,14,0)+IF('Standard Profiles'!$G$22=$B$24,21,0),MOD($C7401,24)+1)/SUM(INDEX($D$3:$AA$30,INDEX(Jesper!$R$2:$R$366,ROW(INDEX(Jesper!AL$2:AL$366,ROUNDDOWN($C7401/24,0)+1,1))-1)+IF('Standard Profiles'!$G$22=$B$10,7,0)+IF('Standard Profiles'!$G$22=$B$17,14,0)+IF('Standard Profiles'!$G$22=$B$24,21,0),0)),0)</f>
        <v>0</v>
      </c>
      <c r="I7401">
        <f t="shared" si="825"/>
        <v>1.1551289140631058</v>
      </c>
      <c r="J7401">
        <f t="shared" si="826"/>
        <v>10.114665551343487</v>
      </c>
      <c r="K7401">
        <f t="shared" si="827"/>
        <v>0.57280290981170923</v>
      </c>
      <c r="L7401">
        <f t="shared" si="828"/>
        <v>0.28640145490585461</v>
      </c>
      <c r="M7401">
        <f t="shared" si="829"/>
        <v>0</v>
      </c>
      <c r="N7401" s="45">
        <f t="shared" si="830"/>
        <v>45233.958333315466</v>
      </c>
    </row>
    <row r="7402" spans="2:14" x14ac:dyDescent="0.25">
      <c r="B7402">
        <f t="shared" si="824"/>
        <v>6</v>
      </c>
      <c r="C7402" s="16">
        <v>7368</v>
      </c>
      <c r="D7402" cm="1">
        <f t="array" ref="D7402">IFERROR(INDEX(Jesper!AH$2:AH$366,ROUNDDOWN($C7402/24,0)+1,1)*INDEX($D$3:$AA$30,INDEX(Jesper!$R$2:$R$366,ROW(INDEX(Jesper!AH$2:AH$366,ROUNDDOWN($C7402/24,0)+1,1))-1)+IF('Standard Profiles'!$G$18=$B$10,7,0)+IF('Standard Profiles'!$G$18=$B$17,14,0)+IF('Standard Profiles'!$G$18=$B$24,21,0),MOD($C7402,24)+1)/SUM(INDEX($D$3:$AA$30,INDEX(Jesper!$R$2:$R$366,ROW(INDEX(Jesper!AH$2:AH$366,ROUNDDOWN($C7402/24,0)+1,1))-1)+IF('Standard Profiles'!$G$18=$B$10,7,0)+IF('Standard Profiles'!$G$18=$B$17,14,0)+IF('Standard Profiles'!$G$18=$B$24,21,0),0)),0)</f>
        <v>0</v>
      </c>
      <c r="E7402" cm="1">
        <f t="array" ref="E7402">IFERROR(INDEX(Jesper!AI$2:AI$366,ROUNDDOWN($C7402/24,0)+1,1)*INDEX($D$3:$AA$30,INDEX(Jesper!$R$2:$R$366,ROW(INDEX(Jesper!AI$2:AI$366,ROUNDDOWN($C7402/24,0)+1,1))-1)+IF('Standard Profiles'!$G$19=$B$10,7,0)+IF('Standard Profiles'!$G$19=$B$17,14,0)+IF('Standard Profiles'!$G$19=$B$24,21,0),MOD($C7402,24)+1)/SUM(INDEX($D$3:$AA$30,INDEX(Jesper!$R$2:$R$366,ROW(INDEX(Jesper!AI$2:AI$366,ROUNDDOWN($C7402/24,0)+1,1))-1)+IF('Standard Profiles'!$G$19=$B$10,7,0)+IF('Standard Profiles'!$G$19=$B$17,14,0)+IF('Standard Profiles'!$G$19=$B$24,21,0),0)),0)</f>
        <v>4.4438785564070074</v>
      </c>
      <c r="F7402" cm="1">
        <f t="array" ref="F7402">IFERROR(INDEX(Jesper!AJ$2:AJ$366,ROUNDDOWN($C7402/24,0)+1,1)*INDEX($D$3:$AA$30,INDEX(Jesper!$R$2:$R$366,ROW(INDEX(Jesper!AJ$2:AJ$366,ROUNDDOWN($C7402/24,0)+1,1))-1)+IF('Standard Profiles'!$G$20=$B$10,7,0)+IF('Standard Profiles'!$G$20=$B$17,14,0)+IF('Standard Profiles'!$G$20=$B$24,21,0),MOD($C7402,24)+1)/SUM(INDEX($D$3:$AA$30,INDEX(Jesper!$R$2:$R$366,ROW(INDEX(Jesper!AJ$2:AJ$366,ROUNDDOWN($C7402/24,0)+1,1))-1)+IF('Standard Profiles'!$G$20=$B$10,7,0)+IF('Standard Profiles'!$G$20=$B$17,14,0)+IF('Standard Profiles'!$G$20=$B$24,21,0),0)),0)</f>
        <v>3.2955069165395541</v>
      </c>
      <c r="G7402" cm="1">
        <f t="array" ref="G7402">IFERROR(INDEX(Jesper!AK$2:AK$366,ROUNDDOWN($C7402/24,0)+1,1)*INDEX($D$3:$AA$30,INDEX(Jesper!$R$2:$R$366,ROW(INDEX(Jesper!AK$2:AK$366,ROUNDDOWN($C7402/24,0)+1,1))-1)+IF('Standard Profiles'!$G$21=$B$10,7,0)+IF('Standard Profiles'!$G$21=$B$17,14,0)+IF('Standard Profiles'!$G$21=$B$24,21,0),MOD($C7402,24)+1)/SUM(INDEX($D$3:$AA$30,INDEX(Jesper!$R$2:$R$366,ROW(INDEX(Jesper!AK$2:AK$366,ROUNDDOWN($C7402/24,0)+1,1))-1)+IF('Standard Profiles'!$G$21=$B$10,7,0)+IF('Standard Profiles'!$G$21=$B$17,14,0)+IF('Standard Profiles'!$G$21=$B$24,21,0),0)),0)</f>
        <v>3.9987922547369057</v>
      </c>
      <c r="H7402" cm="1">
        <f t="array" ref="H7402">IFERROR(INDEX(Jesper!AL$2:AL$366,ROUNDDOWN($C7402/24,0)+1,1)*INDEX($D$3:$AA$30,INDEX(Jesper!$R$2:$R$366,ROW(INDEX(Jesper!AL$2:AL$366,ROUNDDOWN($C7402/24,0)+1,1))-1)+IF('Standard Profiles'!$G$22=$B$10,7,0)+IF('Standard Profiles'!$G$22=$B$17,14,0)+IF('Standard Profiles'!$G$22=$B$24,21,0),MOD($C7402,24)+1)/SUM(INDEX($D$3:$AA$30,INDEX(Jesper!$R$2:$R$366,ROW(INDEX(Jesper!AL$2:AL$366,ROUNDDOWN($C7402/24,0)+1,1))-1)+IF('Standard Profiles'!$G$22=$B$10,7,0)+IF('Standard Profiles'!$G$22=$B$17,14,0)+IF('Standard Profiles'!$G$22=$B$24,21,0),0)),0)</f>
        <v>1.0360387897928744</v>
      </c>
      <c r="I7402">
        <f t="shared" si="825"/>
        <v>0.99459723820115997</v>
      </c>
      <c r="J7402">
        <f t="shared" si="826"/>
        <v>11.246353852506342</v>
      </c>
      <c r="K7402">
        <f t="shared" si="827"/>
        <v>0.35551028451256061</v>
      </c>
      <c r="L7402">
        <f t="shared" si="828"/>
        <v>0.17775514225628031</v>
      </c>
      <c r="M7402">
        <f t="shared" si="829"/>
        <v>0</v>
      </c>
      <c r="N7402" s="45">
        <f t="shared" si="830"/>
        <v>45233.99999998213</v>
      </c>
    </row>
    <row r="7403" spans="2:14" x14ac:dyDescent="0.25">
      <c r="B7403">
        <f t="shared" si="824"/>
        <v>6</v>
      </c>
      <c r="C7403" s="16">
        <v>7369</v>
      </c>
      <c r="D7403" cm="1">
        <f t="array" ref="D7403">IFERROR(INDEX(Jesper!AH$2:AH$366,ROUNDDOWN($C7403/24,0)+1,1)*INDEX($D$3:$AA$30,INDEX(Jesper!$R$2:$R$366,ROW(INDEX(Jesper!AH$2:AH$366,ROUNDDOWN($C7403/24,0)+1,1))-1)+IF('Standard Profiles'!$G$18=$B$10,7,0)+IF('Standard Profiles'!$G$18=$B$17,14,0)+IF('Standard Profiles'!$G$18=$B$24,21,0),MOD($C7403,24)+1)/SUM(INDEX($D$3:$AA$30,INDEX(Jesper!$R$2:$R$366,ROW(INDEX(Jesper!AH$2:AH$366,ROUNDDOWN($C7403/24,0)+1,1))-1)+IF('Standard Profiles'!$G$18=$B$10,7,0)+IF('Standard Profiles'!$G$18=$B$17,14,0)+IF('Standard Profiles'!$G$18=$B$24,21,0),0)),0)</f>
        <v>0</v>
      </c>
      <c r="E7403" cm="1">
        <f t="array" ref="E7403">IFERROR(INDEX(Jesper!AI$2:AI$366,ROUNDDOWN($C7403/24,0)+1,1)*INDEX($D$3:$AA$30,INDEX(Jesper!$R$2:$R$366,ROW(INDEX(Jesper!AI$2:AI$366,ROUNDDOWN($C7403/24,0)+1,1))-1)+IF('Standard Profiles'!$G$19=$B$10,7,0)+IF('Standard Profiles'!$G$19=$B$17,14,0)+IF('Standard Profiles'!$G$19=$B$24,21,0),MOD($C7403,24)+1)/SUM(INDEX($D$3:$AA$30,INDEX(Jesper!$R$2:$R$366,ROW(INDEX(Jesper!AI$2:AI$366,ROUNDDOWN($C7403/24,0)+1,1))-1)+IF('Standard Profiles'!$G$19=$B$10,7,0)+IF('Standard Profiles'!$G$19=$B$17,14,0)+IF('Standard Profiles'!$G$19=$B$24,21,0),0)),0)</f>
        <v>3.9994907007663065</v>
      </c>
      <c r="F7403" cm="1">
        <f t="array" ref="F7403">IFERROR(INDEX(Jesper!AJ$2:AJ$366,ROUNDDOWN($C7403/24,0)+1,1)*INDEX($D$3:$AA$30,INDEX(Jesper!$R$2:$R$366,ROW(INDEX(Jesper!AJ$2:AJ$366,ROUNDDOWN($C7403/24,0)+1,1))-1)+IF('Standard Profiles'!$G$20=$B$10,7,0)+IF('Standard Profiles'!$G$20=$B$17,14,0)+IF('Standard Profiles'!$G$20=$B$24,21,0),MOD($C7403,24)+1)/SUM(INDEX($D$3:$AA$30,INDEX(Jesper!$R$2:$R$366,ROW(INDEX(Jesper!AJ$2:AJ$366,ROUNDDOWN($C7403/24,0)+1,1))-1)+IF('Standard Profiles'!$G$20=$B$10,7,0)+IF('Standard Profiles'!$G$20=$B$17,14,0)+IF('Standard Profiles'!$G$20=$B$24,21,0),0)),0)</f>
        <v>2.965956224885598</v>
      </c>
      <c r="G7403" cm="1">
        <f t="array" ref="G7403">IFERROR(INDEX(Jesper!AK$2:AK$366,ROUNDDOWN($C7403/24,0)+1,1)*INDEX($D$3:$AA$30,INDEX(Jesper!$R$2:$R$366,ROW(INDEX(Jesper!AK$2:AK$366,ROUNDDOWN($C7403/24,0)+1,1))-1)+IF('Standard Profiles'!$G$21=$B$10,7,0)+IF('Standard Profiles'!$G$21=$B$17,14,0)+IF('Standard Profiles'!$G$21=$B$24,21,0),MOD($C7403,24)+1)/SUM(INDEX($D$3:$AA$30,INDEX(Jesper!$R$2:$R$366,ROW(INDEX(Jesper!AK$2:AK$366,ROUNDDOWN($C7403/24,0)+1,1))-1)+IF('Standard Profiles'!$G$21=$B$10,7,0)+IF('Standard Profiles'!$G$21=$B$17,14,0)+IF('Standard Profiles'!$G$21=$B$24,21,0),0)),0)</f>
        <v>3.9987922547369057</v>
      </c>
      <c r="H7403" cm="1">
        <f t="array" ref="H7403">IFERROR(INDEX(Jesper!AL$2:AL$366,ROUNDDOWN($C7403/24,0)+1,1)*INDEX($D$3:$AA$30,INDEX(Jesper!$R$2:$R$366,ROW(INDEX(Jesper!AL$2:AL$366,ROUNDDOWN($C7403/24,0)+1,1))-1)+IF('Standard Profiles'!$G$22=$B$10,7,0)+IF('Standard Profiles'!$G$22=$B$17,14,0)+IF('Standard Profiles'!$G$22=$B$24,21,0),MOD($C7403,24)+1)/SUM(INDEX($D$3:$AA$30,INDEX(Jesper!$R$2:$R$366,ROW(INDEX(Jesper!AL$2:AL$366,ROUNDDOWN($C7403/24,0)+1,1))-1)+IF('Standard Profiles'!$G$22=$B$10,7,0)+IF('Standard Profiles'!$G$22=$B$17,14,0)+IF('Standard Profiles'!$G$22=$B$24,21,0),0)),0)</f>
        <v>2.022742399119422</v>
      </c>
      <c r="I7403">
        <f t="shared" si="825"/>
        <v>1.9418327031546461</v>
      </c>
      <c r="J7403">
        <f t="shared" si="826"/>
        <v>10.565209992261629</v>
      </c>
      <c r="K7403">
        <f t="shared" si="827"/>
        <v>0.31995925606130454</v>
      </c>
      <c r="L7403">
        <f t="shared" si="828"/>
        <v>0.15997962803065227</v>
      </c>
      <c r="M7403">
        <f t="shared" si="829"/>
        <v>0</v>
      </c>
      <c r="N7403" s="45">
        <f t="shared" si="830"/>
        <v>45234.041666648794</v>
      </c>
    </row>
    <row r="7404" spans="2:14" x14ac:dyDescent="0.25">
      <c r="B7404">
        <f t="shared" si="824"/>
        <v>6</v>
      </c>
      <c r="C7404" s="16">
        <v>7370</v>
      </c>
      <c r="D7404" cm="1">
        <f t="array" ref="D7404">IFERROR(INDEX(Jesper!AH$2:AH$366,ROUNDDOWN($C7404/24,0)+1,1)*INDEX($D$3:$AA$30,INDEX(Jesper!$R$2:$R$366,ROW(INDEX(Jesper!AH$2:AH$366,ROUNDDOWN($C7404/24,0)+1,1))-1)+IF('Standard Profiles'!$G$18=$B$10,7,0)+IF('Standard Profiles'!$G$18=$B$17,14,0)+IF('Standard Profiles'!$G$18=$B$24,21,0),MOD($C7404,24)+1)/SUM(INDEX($D$3:$AA$30,INDEX(Jesper!$R$2:$R$366,ROW(INDEX(Jesper!AH$2:AH$366,ROUNDDOWN($C7404/24,0)+1,1))-1)+IF('Standard Profiles'!$G$18=$B$10,7,0)+IF('Standard Profiles'!$G$18=$B$17,14,0)+IF('Standard Profiles'!$G$18=$B$24,21,0),0)),0)</f>
        <v>0</v>
      </c>
      <c r="E7404" cm="1">
        <f t="array" ref="E7404">IFERROR(INDEX(Jesper!AI$2:AI$366,ROUNDDOWN($C7404/24,0)+1,1)*INDEX($D$3:$AA$30,INDEX(Jesper!$R$2:$R$366,ROW(INDEX(Jesper!AI$2:AI$366,ROUNDDOWN($C7404/24,0)+1,1))-1)+IF('Standard Profiles'!$G$19=$B$10,7,0)+IF('Standard Profiles'!$G$19=$B$17,14,0)+IF('Standard Profiles'!$G$19=$B$24,21,0),MOD($C7404,24)+1)/SUM(INDEX($D$3:$AA$30,INDEX(Jesper!$R$2:$R$366,ROW(INDEX(Jesper!AI$2:AI$366,ROUNDDOWN($C7404/24,0)+1,1))-1)+IF('Standard Profiles'!$G$19=$B$10,7,0)+IF('Standard Profiles'!$G$19=$B$17,14,0)+IF('Standard Profiles'!$G$19=$B$24,21,0),0)),0)</f>
        <v>3.9994907007663065</v>
      </c>
      <c r="F7404" cm="1">
        <f t="array" ref="F7404">IFERROR(INDEX(Jesper!AJ$2:AJ$366,ROUNDDOWN($C7404/24,0)+1,1)*INDEX($D$3:$AA$30,INDEX(Jesper!$R$2:$R$366,ROW(INDEX(Jesper!AJ$2:AJ$366,ROUNDDOWN($C7404/24,0)+1,1))-1)+IF('Standard Profiles'!$G$20=$B$10,7,0)+IF('Standard Profiles'!$G$20=$B$17,14,0)+IF('Standard Profiles'!$G$20=$B$24,21,0),MOD($C7404,24)+1)/SUM(INDEX($D$3:$AA$30,INDEX(Jesper!$R$2:$R$366,ROW(INDEX(Jesper!AJ$2:AJ$366,ROUNDDOWN($C7404/24,0)+1,1))-1)+IF('Standard Profiles'!$G$20=$B$10,7,0)+IF('Standard Profiles'!$G$20=$B$17,14,0)+IF('Standard Profiles'!$G$20=$B$24,21,0),0)),0)</f>
        <v>2.965956224885598</v>
      </c>
      <c r="G7404" cm="1">
        <f t="array" ref="G7404">IFERROR(INDEX(Jesper!AK$2:AK$366,ROUNDDOWN($C7404/24,0)+1,1)*INDEX($D$3:$AA$30,INDEX(Jesper!$R$2:$R$366,ROW(INDEX(Jesper!AK$2:AK$366,ROUNDDOWN($C7404/24,0)+1,1))-1)+IF('Standard Profiles'!$G$21=$B$10,7,0)+IF('Standard Profiles'!$G$21=$B$17,14,0)+IF('Standard Profiles'!$G$21=$B$24,21,0),MOD($C7404,24)+1)/SUM(INDEX($D$3:$AA$30,INDEX(Jesper!$R$2:$R$366,ROW(INDEX(Jesper!AK$2:AK$366,ROUNDDOWN($C7404/24,0)+1,1))-1)+IF('Standard Profiles'!$G$21=$B$10,7,0)+IF('Standard Profiles'!$G$21=$B$17,14,0)+IF('Standard Profiles'!$G$21=$B$24,21,0),0)),0)</f>
        <v>3.9987922547369057</v>
      </c>
      <c r="H7404" cm="1">
        <f t="array" ref="H7404">IFERROR(INDEX(Jesper!AL$2:AL$366,ROUNDDOWN($C7404/24,0)+1,1)*INDEX($D$3:$AA$30,INDEX(Jesper!$R$2:$R$366,ROW(INDEX(Jesper!AL$2:AL$366,ROUNDDOWN($C7404/24,0)+1,1))-1)+IF('Standard Profiles'!$G$22=$B$10,7,0)+IF('Standard Profiles'!$G$22=$B$17,14,0)+IF('Standard Profiles'!$G$22=$B$24,21,0),MOD($C7404,24)+1)/SUM(INDEX($D$3:$AA$30,INDEX(Jesper!$R$2:$R$366,ROW(INDEX(Jesper!AL$2:AL$366,ROUNDDOWN($C7404/24,0)+1,1))-1)+IF('Standard Profiles'!$G$22=$B$10,7,0)+IF('Standard Profiles'!$G$22=$B$17,14,0)+IF('Standard Profiles'!$G$22=$B$24,21,0),0)),0)</f>
        <v>2.022742399119422</v>
      </c>
      <c r="I7404">
        <f t="shared" si="825"/>
        <v>1.9418327031546461</v>
      </c>
      <c r="J7404">
        <f t="shared" si="826"/>
        <v>10.565209992261629</v>
      </c>
      <c r="K7404">
        <f t="shared" si="827"/>
        <v>0.31995925606130454</v>
      </c>
      <c r="L7404">
        <f t="shared" si="828"/>
        <v>0.15997962803065227</v>
      </c>
      <c r="M7404">
        <f t="shared" si="829"/>
        <v>0</v>
      </c>
      <c r="N7404" s="45">
        <f t="shared" si="830"/>
        <v>45234.083333315459</v>
      </c>
    </row>
    <row r="7405" spans="2:14" x14ac:dyDescent="0.25">
      <c r="B7405">
        <f t="shared" si="824"/>
        <v>6</v>
      </c>
      <c r="C7405" s="16">
        <v>7371</v>
      </c>
      <c r="D7405" cm="1">
        <f t="array" ref="D7405">IFERROR(INDEX(Jesper!AH$2:AH$366,ROUNDDOWN($C7405/24,0)+1,1)*INDEX($D$3:$AA$30,INDEX(Jesper!$R$2:$R$366,ROW(INDEX(Jesper!AH$2:AH$366,ROUNDDOWN($C7405/24,0)+1,1))-1)+IF('Standard Profiles'!$G$18=$B$10,7,0)+IF('Standard Profiles'!$G$18=$B$17,14,0)+IF('Standard Profiles'!$G$18=$B$24,21,0),MOD($C7405,24)+1)/SUM(INDEX($D$3:$AA$30,INDEX(Jesper!$R$2:$R$366,ROW(INDEX(Jesper!AH$2:AH$366,ROUNDDOWN($C7405/24,0)+1,1))-1)+IF('Standard Profiles'!$G$18=$B$10,7,0)+IF('Standard Profiles'!$G$18=$B$17,14,0)+IF('Standard Profiles'!$G$18=$B$24,21,0),0)),0)</f>
        <v>0</v>
      </c>
      <c r="E7405" cm="1">
        <f t="array" ref="E7405">IFERROR(INDEX(Jesper!AI$2:AI$366,ROUNDDOWN($C7405/24,0)+1,1)*INDEX($D$3:$AA$30,INDEX(Jesper!$R$2:$R$366,ROW(INDEX(Jesper!AI$2:AI$366,ROUNDDOWN($C7405/24,0)+1,1))-1)+IF('Standard Profiles'!$G$19=$B$10,7,0)+IF('Standard Profiles'!$G$19=$B$17,14,0)+IF('Standard Profiles'!$G$19=$B$24,21,0),MOD($C7405,24)+1)/SUM(INDEX($D$3:$AA$30,INDEX(Jesper!$R$2:$R$366,ROW(INDEX(Jesper!AI$2:AI$366,ROUNDDOWN($C7405/24,0)+1,1))-1)+IF('Standard Profiles'!$G$19=$B$10,7,0)+IF('Standard Profiles'!$G$19=$B$17,14,0)+IF('Standard Profiles'!$G$19=$B$24,21,0),0)),0)</f>
        <v>3.9994907007663065</v>
      </c>
      <c r="F7405" cm="1">
        <f t="array" ref="F7405">IFERROR(INDEX(Jesper!AJ$2:AJ$366,ROUNDDOWN($C7405/24,0)+1,1)*INDEX($D$3:$AA$30,INDEX(Jesper!$R$2:$R$366,ROW(INDEX(Jesper!AJ$2:AJ$366,ROUNDDOWN($C7405/24,0)+1,1))-1)+IF('Standard Profiles'!$G$20=$B$10,7,0)+IF('Standard Profiles'!$G$20=$B$17,14,0)+IF('Standard Profiles'!$G$20=$B$24,21,0),MOD($C7405,24)+1)/SUM(INDEX($D$3:$AA$30,INDEX(Jesper!$R$2:$R$366,ROW(INDEX(Jesper!AJ$2:AJ$366,ROUNDDOWN($C7405/24,0)+1,1))-1)+IF('Standard Profiles'!$G$20=$B$10,7,0)+IF('Standard Profiles'!$G$20=$B$17,14,0)+IF('Standard Profiles'!$G$20=$B$24,21,0),0)),0)</f>
        <v>2.965956224885598</v>
      </c>
      <c r="G7405" cm="1">
        <f t="array" ref="G7405">IFERROR(INDEX(Jesper!AK$2:AK$366,ROUNDDOWN($C7405/24,0)+1,1)*INDEX($D$3:$AA$30,INDEX(Jesper!$R$2:$R$366,ROW(INDEX(Jesper!AK$2:AK$366,ROUNDDOWN($C7405/24,0)+1,1))-1)+IF('Standard Profiles'!$G$21=$B$10,7,0)+IF('Standard Profiles'!$G$21=$B$17,14,0)+IF('Standard Profiles'!$G$21=$B$24,21,0),MOD($C7405,24)+1)/SUM(INDEX($D$3:$AA$30,INDEX(Jesper!$R$2:$R$366,ROW(INDEX(Jesper!AK$2:AK$366,ROUNDDOWN($C7405/24,0)+1,1))-1)+IF('Standard Profiles'!$G$21=$B$10,7,0)+IF('Standard Profiles'!$G$21=$B$17,14,0)+IF('Standard Profiles'!$G$21=$B$24,21,0),0)),0)</f>
        <v>3.9987922547369057</v>
      </c>
      <c r="H7405" cm="1">
        <f t="array" ref="H7405">IFERROR(INDEX(Jesper!AL$2:AL$366,ROUNDDOWN($C7405/24,0)+1,1)*INDEX($D$3:$AA$30,INDEX(Jesper!$R$2:$R$366,ROW(INDEX(Jesper!AL$2:AL$366,ROUNDDOWN($C7405/24,0)+1,1))-1)+IF('Standard Profiles'!$G$22=$B$10,7,0)+IF('Standard Profiles'!$G$22=$B$17,14,0)+IF('Standard Profiles'!$G$22=$B$24,21,0),MOD($C7405,24)+1)/SUM(INDEX($D$3:$AA$30,INDEX(Jesper!$R$2:$R$366,ROW(INDEX(Jesper!AL$2:AL$366,ROUNDDOWN($C7405/24,0)+1,1))-1)+IF('Standard Profiles'!$G$22=$B$10,7,0)+IF('Standard Profiles'!$G$22=$B$17,14,0)+IF('Standard Profiles'!$G$22=$B$24,21,0),0)),0)</f>
        <v>2.022742399119422</v>
      </c>
      <c r="I7405">
        <f t="shared" si="825"/>
        <v>1.9418327031546461</v>
      </c>
      <c r="J7405">
        <f t="shared" si="826"/>
        <v>10.565209992261629</v>
      </c>
      <c r="K7405">
        <f t="shared" si="827"/>
        <v>0.31995925606130454</v>
      </c>
      <c r="L7405">
        <f t="shared" si="828"/>
        <v>0.15997962803065227</v>
      </c>
      <c r="M7405">
        <f t="shared" si="829"/>
        <v>0</v>
      </c>
      <c r="N7405" s="45">
        <f t="shared" si="830"/>
        <v>45234.124999982123</v>
      </c>
    </row>
    <row r="7406" spans="2:14" x14ac:dyDescent="0.25">
      <c r="B7406">
        <f t="shared" si="824"/>
        <v>6</v>
      </c>
      <c r="C7406" s="16">
        <v>7372</v>
      </c>
      <c r="D7406" cm="1">
        <f t="array" ref="D7406">IFERROR(INDEX(Jesper!AH$2:AH$366,ROUNDDOWN($C7406/24,0)+1,1)*INDEX($D$3:$AA$30,INDEX(Jesper!$R$2:$R$366,ROW(INDEX(Jesper!AH$2:AH$366,ROUNDDOWN($C7406/24,0)+1,1))-1)+IF('Standard Profiles'!$G$18=$B$10,7,0)+IF('Standard Profiles'!$G$18=$B$17,14,0)+IF('Standard Profiles'!$G$18=$B$24,21,0),MOD($C7406,24)+1)/SUM(INDEX($D$3:$AA$30,INDEX(Jesper!$R$2:$R$366,ROW(INDEX(Jesper!AH$2:AH$366,ROUNDDOWN($C7406/24,0)+1,1))-1)+IF('Standard Profiles'!$G$18=$B$10,7,0)+IF('Standard Profiles'!$G$18=$B$17,14,0)+IF('Standard Profiles'!$G$18=$B$24,21,0),0)),0)</f>
        <v>0</v>
      </c>
      <c r="E7406" cm="1">
        <f t="array" ref="E7406">IFERROR(INDEX(Jesper!AI$2:AI$366,ROUNDDOWN($C7406/24,0)+1,1)*INDEX($D$3:$AA$30,INDEX(Jesper!$R$2:$R$366,ROW(INDEX(Jesper!AI$2:AI$366,ROUNDDOWN($C7406/24,0)+1,1))-1)+IF('Standard Profiles'!$G$19=$B$10,7,0)+IF('Standard Profiles'!$G$19=$B$17,14,0)+IF('Standard Profiles'!$G$19=$B$24,21,0),MOD($C7406,24)+1)/SUM(INDEX($D$3:$AA$30,INDEX(Jesper!$R$2:$R$366,ROW(INDEX(Jesper!AI$2:AI$366,ROUNDDOWN($C7406/24,0)+1,1))-1)+IF('Standard Profiles'!$G$19=$B$10,7,0)+IF('Standard Profiles'!$G$19=$B$17,14,0)+IF('Standard Profiles'!$G$19=$B$24,21,0),0)),0)</f>
        <v>3.9994907007663065</v>
      </c>
      <c r="F7406" cm="1">
        <f t="array" ref="F7406">IFERROR(INDEX(Jesper!AJ$2:AJ$366,ROUNDDOWN($C7406/24,0)+1,1)*INDEX($D$3:$AA$30,INDEX(Jesper!$R$2:$R$366,ROW(INDEX(Jesper!AJ$2:AJ$366,ROUNDDOWN($C7406/24,0)+1,1))-1)+IF('Standard Profiles'!$G$20=$B$10,7,0)+IF('Standard Profiles'!$G$20=$B$17,14,0)+IF('Standard Profiles'!$G$20=$B$24,21,0),MOD($C7406,24)+1)/SUM(INDEX($D$3:$AA$30,INDEX(Jesper!$R$2:$R$366,ROW(INDEX(Jesper!AJ$2:AJ$366,ROUNDDOWN($C7406/24,0)+1,1))-1)+IF('Standard Profiles'!$G$20=$B$10,7,0)+IF('Standard Profiles'!$G$20=$B$17,14,0)+IF('Standard Profiles'!$G$20=$B$24,21,0),0)),0)</f>
        <v>2.965956224885598</v>
      </c>
      <c r="G7406" cm="1">
        <f t="array" ref="G7406">IFERROR(INDEX(Jesper!AK$2:AK$366,ROUNDDOWN($C7406/24,0)+1,1)*INDEX($D$3:$AA$30,INDEX(Jesper!$R$2:$R$366,ROW(INDEX(Jesper!AK$2:AK$366,ROUNDDOWN($C7406/24,0)+1,1))-1)+IF('Standard Profiles'!$G$21=$B$10,7,0)+IF('Standard Profiles'!$G$21=$B$17,14,0)+IF('Standard Profiles'!$G$21=$B$24,21,0),MOD($C7406,24)+1)/SUM(INDEX($D$3:$AA$30,INDEX(Jesper!$R$2:$R$366,ROW(INDEX(Jesper!AK$2:AK$366,ROUNDDOWN($C7406/24,0)+1,1))-1)+IF('Standard Profiles'!$G$21=$B$10,7,0)+IF('Standard Profiles'!$G$21=$B$17,14,0)+IF('Standard Profiles'!$G$21=$B$24,21,0),0)),0)</f>
        <v>3.9987922547369057</v>
      </c>
      <c r="H7406" cm="1">
        <f t="array" ref="H7406">IFERROR(INDEX(Jesper!AL$2:AL$366,ROUNDDOWN($C7406/24,0)+1,1)*INDEX($D$3:$AA$30,INDEX(Jesper!$R$2:$R$366,ROW(INDEX(Jesper!AL$2:AL$366,ROUNDDOWN($C7406/24,0)+1,1))-1)+IF('Standard Profiles'!$G$22=$B$10,7,0)+IF('Standard Profiles'!$G$22=$B$17,14,0)+IF('Standard Profiles'!$G$22=$B$24,21,0),MOD($C7406,24)+1)/SUM(INDEX($D$3:$AA$30,INDEX(Jesper!$R$2:$R$366,ROW(INDEX(Jesper!AL$2:AL$366,ROUNDDOWN($C7406/24,0)+1,1))-1)+IF('Standard Profiles'!$G$22=$B$10,7,0)+IF('Standard Profiles'!$G$22=$B$17,14,0)+IF('Standard Profiles'!$G$22=$B$24,21,0),0)),0)</f>
        <v>2.022742399119422</v>
      </c>
      <c r="I7406">
        <f t="shared" si="825"/>
        <v>1.9418327031546461</v>
      </c>
      <c r="J7406">
        <f t="shared" si="826"/>
        <v>10.565209992261629</v>
      </c>
      <c r="K7406">
        <f t="shared" si="827"/>
        <v>0.31995925606130454</v>
      </c>
      <c r="L7406">
        <f t="shared" si="828"/>
        <v>0.15997962803065227</v>
      </c>
      <c r="M7406">
        <f t="shared" si="829"/>
        <v>0</v>
      </c>
      <c r="N7406" s="45">
        <f t="shared" si="830"/>
        <v>45234.166666648787</v>
      </c>
    </row>
    <row r="7407" spans="2:14" x14ac:dyDescent="0.25">
      <c r="B7407">
        <f t="shared" si="824"/>
        <v>6</v>
      </c>
      <c r="C7407" s="16">
        <v>7373</v>
      </c>
      <c r="D7407" cm="1">
        <f t="array" ref="D7407">IFERROR(INDEX(Jesper!AH$2:AH$366,ROUNDDOWN($C7407/24,0)+1,1)*INDEX($D$3:$AA$30,INDEX(Jesper!$R$2:$R$366,ROW(INDEX(Jesper!AH$2:AH$366,ROUNDDOWN($C7407/24,0)+1,1))-1)+IF('Standard Profiles'!$G$18=$B$10,7,0)+IF('Standard Profiles'!$G$18=$B$17,14,0)+IF('Standard Profiles'!$G$18=$B$24,21,0),MOD($C7407,24)+1)/SUM(INDEX($D$3:$AA$30,INDEX(Jesper!$R$2:$R$366,ROW(INDEX(Jesper!AH$2:AH$366,ROUNDDOWN($C7407/24,0)+1,1))-1)+IF('Standard Profiles'!$G$18=$B$10,7,0)+IF('Standard Profiles'!$G$18=$B$17,14,0)+IF('Standard Profiles'!$G$18=$B$24,21,0),0)),0)</f>
        <v>0</v>
      </c>
      <c r="E7407" cm="1">
        <f t="array" ref="E7407">IFERROR(INDEX(Jesper!AI$2:AI$366,ROUNDDOWN($C7407/24,0)+1,1)*INDEX($D$3:$AA$30,INDEX(Jesper!$R$2:$R$366,ROW(INDEX(Jesper!AI$2:AI$366,ROUNDDOWN($C7407/24,0)+1,1))-1)+IF('Standard Profiles'!$G$19=$B$10,7,0)+IF('Standard Profiles'!$G$19=$B$17,14,0)+IF('Standard Profiles'!$G$19=$B$24,21,0),MOD($C7407,24)+1)/SUM(INDEX($D$3:$AA$30,INDEX(Jesper!$R$2:$R$366,ROW(INDEX(Jesper!AI$2:AI$366,ROUNDDOWN($C7407/24,0)+1,1))-1)+IF('Standard Profiles'!$G$19=$B$10,7,0)+IF('Standard Profiles'!$G$19=$B$17,14,0)+IF('Standard Profiles'!$G$19=$B$24,21,0),0)),0)</f>
        <v>3.9994907007663065</v>
      </c>
      <c r="F7407" cm="1">
        <f t="array" ref="F7407">IFERROR(INDEX(Jesper!AJ$2:AJ$366,ROUNDDOWN($C7407/24,0)+1,1)*INDEX($D$3:$AA$30,INDEX(Jesper!$R$2:$R$366,ROW(INDEX(Jesper!AJ$2:AJ$366,ROUNDDOWN($C7407/24,0)+1,1))-1)+IF('Standard Profiles'!$G$20=$B$10,7,0)+IF('Standard Profiles'!$G$20=$B$17,14,0)+IF('Standard Profiles'!$G$20=$B$24,21,0),MOD($C7407,24)+1)/SUM(INDEX($D$3:$AA$30,INDEX(Jesper!$R$2:$R$366,ROW(INDEX(Jesper!AJ$2:AJ$366,ROUNDDOWN($C7407/24,0)+1,1))-1)+IF('Standard Profiles'!$G$20=$B$10,7,0)+IF('Standard Profiles'!$G$20=$B$17,14,0)+IF('Standard Profiles'!$G$20=$B$24,21,0),0)),0)</f>
        <v>2.965956224885598</v>
      </c>
      <c r="G7407" cm="1">
        <f t="array" ref="G7407">IFERROR(INDEX(Jesper!AK$2:AK$366,ROUNDDOWN($C7407/24,0)+1,1)*INDEX($D$3:$AA$30,INDEX(Jesper!$R$2:$R$366,ROW(INDEX(Jesper!AK$2:AK$366,ROUNDDOWN($C7407/24,0)+1,1))-1)+IF('Standard Profiles'!$G$21=$B$10,7,0)+IF('Standard Profiles'!$G$21=$B$17,14,0)+IF('Standard Profiles'!$G$21=$B$24,21,0),MOD($C7407,24)+1)/SUM(INDEX($D$3:$AA$30,INDEX(Jesper!$R$2:$R$366,ROW(INDEX(Jesper!AK$2:AK$366,ROUNDDOWN($C7407/24,0)+1,1))-1)+IF('Standard Profiles'!$G$21=$B$10,7,0)+IF('Standard Profiles'!$G$21=$B$17,14,0)+IF('Standard Profiles'!$G$21=$B$24,21,0),0)),0)</f>
        <v>3.9987922547369057</v>
      </c>
      <c r="H7407" cm="1">
        <f t="array" ref="H7407">IFERROR(INDEX(Jesper!AL$2:AL$366,ROUNDDOWN($C7407/24,0)+1,1)*INDEX($D$3:$AA$30,INDEX(Jesper!$R$2:$R$366,ROW(INDEX(Jesper!AL$2:AL$366,ROUNDDOWN($C7407/24,0)+1,1))-1)+IF('Standard Profiles'!$G$22=$B$10,7,0)+IF('Standard Profiles'!$G$22=$B$17,14,0)+IF('Standard Profiles'!$G$22=$B$24,21,0),MOD($C7407,24)+1)/SUM(INDEX($D$3:$AA$30,INDEX(Jesper!$R$2:$R$366,ROW(INDEX(Jesper!AL$2:AL$366,ROUNDDOWN($C7407/24,0)+1,1))-1)+IF('Standard Profiles'!$G$22=$B$10,7,0)+IF('Standard Profiles'!$G$22=$B$17,14,0)+IF('Standard Profiles'!$G$22=$B$24,21,0),0)),0)</f>
        <v>2.5160942037826954</v>
      </c>
      <c r="I7407">
        <f t="shared" si="825"/>
        <v>2.4154504356313891</v>
      </c>
      <c r="J7407">
        <f t="shared" si="826"/>
        <v>10.584944064448159</v>
      </c>
      <c r="K7407">
        <f t="shared" si="827"/>
        <v>0.31995925606130454</v>
      </c>
      <c r="L7407">
        <f t="shared" si="828"/>
        <v>0.15997962803065227</v>
      </c>
      <c r="M7407">
        <f t="shared" si="829"/>
        <v>0</v>
      </c>
      <c r="N7407" s="45">
        <f t="shared" si="830"/>
        <v>45234.208333315451</v>
      </c>
    </row>
    <row r="7408" spans="2:14" x14ac:dyDescent="0.25">
      <c r="B7408">
        <f t="shared" si="824"/>
        <v>6</v>
      </c>
      <c r="C7408" s="16">
        <v>7374</v>
      </c>
      <c r="D7408" cm="1">
        <f t="array" ref="D7408">IFERROR(INDEX(Jesper!AH$2:AH$366,ROUNDDOWN($C7408/24,0)+1,1)*INDEX($D$3:$AA$30,INDEX(Jesper!$R$2:$R$366,ROW(INDEX(Jesper!AH$2:AH$366,ROUNDDOWN($C7408/24,0)+1,1))-1)+IF('Standard Profiles'!$G$18=$B$10,7,0)+IF('Standard Profiles'!$G$18=$B$17,14,0)+IF('Standard Profiles'!$G$18=$B$24,21,0),MOD($C7408,24)+1)/SUM(INDEX($D$3:$AA$30,INDEX(Jesper!$R$2:$R$366,ROW(INDEX(Jesper!AH$2:AH$366,ROUNDDOWN($C7408/24,0)+1,1))-1)+IF('Standard Profiles'!$G$18=$B$10,7,0)+IF('Standard Profiles'!$G$18=$B$17,14,0)+IF('Standard Profiles'!$G$18=$B$24,21,0),0)),0)</f>
        <v>0</v>
      </c>
      <c r="E7408" cm="1">
        <f t="array" ref="E7408">IFERROR(INDEX(Jesper!AI$2:AI$366,ROUNDDOWN($C7408/24,0)+1,1)*INDEX($D$3:$AA$30,INDEX(Jesper!$R$2:$R$366,ROW(INDEX(Jesper!AI$2:AI$366,ROUNDDOWN($C7408/24,0)+1,1))-1)+IF('Standard Profiles'!$G$19=$B$10,7,0)+IF('Standard Profiles'!$G$19=$B$17,14,0)+IF('Standard Profiles'!$G$19=$B$24,21,0),MOD($C7408,24)+1)/SUM(INDEX($D$3:$AA$30,INDEX(Jesper!$R$2:$R$366,ROW(INDEX(Jesper!AI$2:AI$366,ROUNDDOWN($C7408/24,0)+1,1))-1)+IF('Standard Profiles'!$G$19=$B$10,7,0)+IF('Standard Profiles'!$G$19=$B$17,14,0)+IF('Standard Profiles'!$G$19=$B$24,21,0),0)),0)</f>
        <v>3.9994907007663065</v>
      </c>
      <c r="F7408" cm="1">
        <f t="array" ref="F7408">IFERROR(INDEX(Jesper!AJ$2:AJ$366,ROUNDDOWN($C7408/24,0)+1,1)*INDEX($D$3:$AA$30,INDEX(Jesper!$R$2:$R$366,ROW(INDEX(Jesper!AJ$2:AJ$366,ROUNDDOWN($C7408/24,0)+1,1))-1)+IF('Standard Profiles'!$G$20=$B$10,7,0)+IF('Standard Profiles'!$G$20=$B$17,14,0)+IF('Standard Profiles'!$G$20=$B$24,21,0),MOD($C7408,24)+1)/SUM(INDEX($D$3:$AA$30,INDEX(Jesper!$R$2:$R$366,ROW(INDEX(Jesper!AJ$2:AJ$366,ROUNDDOWN($C7408/24,0)+1,1))-1)+IF('Standard Profiles'!$G$20=$B$10,7,0)+IF('Standard Profiles'!$G$20=$B$17,14,0)+IF('Standard Profiles'!$G$20=$B$24,21,0),0)),0)</f>
        <v>2.965956224885598</v>
      </c>
      <c r="G7408" cm="1">
        <f t="array" ref="G7408">IFERROR(INDEX(Jesper!AK$2:AK$366,ROUNDDOWN($C7408/24,0)+1,1)*INDEX($D$3:$AA$30,INDEX(Jesper!$R$2:$R$366,ROW(INDEX(Jesper!AK$2:AK$366,ROUNDDOWN($C7408/24,0)+1,1))-1)+IF('Standard Profiles'!$G$21=$B$10,7,0)+IF('Standard Profiles'!$G$21=$B$17,14,0)+IF('Standard Profiles'!$G$21=$B$24,21,0),MOD($C7408,24)+1)/SUM(INDEX($D$3:$AA$30,INDEX(Jesper!$R$2:$R$366,ROW(INDEX(Jesper!AK$2:AK$366,ROUNDDOWN($C7408/24,0)+1,1))-1)+IF('Standard Profiles'!$G$21=$B$10,7,0)+IF('Standard Profiles'!$G$21=$B$17,14,0)+IF('Standard Profiles'!$G$21=$B$24,21,0),0)),0)</f>
        <v>3.9987922547369057</v>
      </c>
      <c r="H7408" cm="1">
        <f t="array" ref="H7408">IFERROR(INDEX(Jesper!AL$2:AL$366,ROUNDDOWN($C7408/24,0)+1,1)*INDEX($D$3:$AA$30,INDEX(Jesper!$R$2:$R$366,ROW(INDEX(Jesper!AL$2:AL$366,ROUNDDOWN($C7408/24,0)+1,1))-1)+IF('Standard Profiles'!$G$22=$B$10,7,0)+IF('Standard Profiles'!$G$22=$B$17,14,0)+IF('Standard Profiles'!$G$22=$B$24,21,0),MOD($C7408,24)+1)/SUM(INDEX($D$3:$AA$30,INDEX(Jesper!$R$2:$R$366,ROW(INDEX(Jesper!AL$2:AL$366,ROUNDDOWN($C7408/24,0)+1,1))-1)+IF('Standard Profiles'!$G$22=$B$10,7,0)+IF('Standard Profiles'!$G$22=$B$17,14,0)+IF('Standard Profiles'!$G$22=$B$24,21,0),0)),0)</f>
        <v>3.1574515498449509</v>
      </c>
      <c r="I7408">
        <f t="shared" si="825"/>
        <v>3.0311534878511543</v>
      </c>
      <c r="J7408">
        <f t="shared" si="826"/>
        <v>10.61059835829065</v>
      </c>
      <c r="K7408">
        <f t="shared" si="827"/>
        <v>0.31995925606130454</v>
      </c>
      <c r="L7408">
        <f t="shared" si="828"/>
        <v>0.15997962803065227</v>
      </c>
      <c r="M7408">
        <f t="shared" si="829"/>
        <v>0</v>
      </c>
      <c r="N7408" s="45">
        <f t="shared" si="830"/>
        <v>45234.249999982116</v>
      </c>
    </row>
    <row r="7409" spans="2:14" x14ac:dyDescent="0.25">
      <c r="B7409">
        <f t="shared" si="824"/>
        <v>6</v>
      </c>
      <c r="C7409" s="16">
        <v>7375</v>
      </c>
      <c r="D7409" cm="1">
        <f t="array" ref="D7409">IFERROR(INDEX(Jesper!AH$2:AH$366,ROUNDDOWN($C7409/24,0)+1,1)*INDEX($D$3:$AA$30,INDEX(Jesper!$R$2:$R$366,ROW(INDEX(Jesper!AH$2:AH$366,ROUNDDOWN($C7409/24,0)+1,1))-1)+IF('Standard Profiles'!$G$18=$B$10,7,0)+IF('Standard Profiles'!$G$18=$B$17,14,0)+IF('Standard Profiles'!$G$18=$B$24,21,0),MOD($C7409,24)+1)/SUM(INDEX($D$3:$AA$30,INDEX(Jesper!$R$2:$R$366,ROW(INDEX(Jesper!AH$2:AH$366,ROUNDDOWN($C7409/24,0)+1,1))-1)+IF('Standard Profiles'!$G$18=$B$10,7,0)+IF('Standard Profiles'!$G$18=$B$17,14,0)+IF('Standard Profiles'!$G$18=$B$24,21,0),0)),0)</f>
        <v>0</v>
      </c>
      <c r="E7409" cm="1">
        <f t="array" ref="E7409">IFERROR(INDEX(Jesper!AI$2:AI$366,ROUNDDOWN($C7409/24,0)+1,1)*INDEX($D$3:$AA$30,INDEX(Jesper!$R$2:$R$366,ROW(INDEX(Jesper!AI$2:AI$366,ROUNDDOWN($C7409/24,0)+1,1))-1)+IF('Standard Profiles'!$G$19=$B$10,7,0)+IF('Standard Profiles'!$G$19=$B$17,14,0)+IF('Standard Profiles'!$G$19=$B$24,21,0),MOD($C7409,24)+1)/SUM(INDEX($D$3:$AA$30,INDEX(Jesper!$R$2:$R$366,ROW(INDEX(Jesper!AI$2:AI$366,ROUNDDOWN($C7409/24,0)+1,1))-1)+IF('Standard Profiles'!$G$19=$B$10,7,0)+IF('Standard Profiles'!$G$19=$B$17,14,0)+IF('Standard Profiles'!$G$19=$B$24,21,0),0)),0)</f>
        <v>3.9994907007663065</v>
      </c>
      <c r="F7409" cm="1">
        <f t="array" ref="F7409">IFERROR(INDEX(Jesper!AJ$2:AJ$366,ROUNDDOWN($C7409/24,0)+1,1)*INDEX($D$3:$AA$30,INDEX(Jesper!$R$2:$R$366,ROW(INDEX(Jesper!AJ$2:AJ$366,ROUNDDOWN($C7409/24,0)+1,1))-1)+IF('Standard Profiles'!$G$20=$B$10,7,0)+IF('Standard Profiles'!$G$20=$B$17,14,0)+IF('Standard Profiles'!$G$20=$B$24,21,0),MOD($C7409,24)+1)/SUM(INDEX($D$3:$AA$30,INDEX(Jesper!$R$2:$R$366,ROW(INDEX(Jesper!AJ$2:AJ$366,ROUNDDOWN($C7409/24,0)+1,1))-1)+IF('Standard Profiles'!$G$20=$B$10,7,0)+IF('Standard Profiles'!$G$20=$B$17,14,0)+IF('Standard Profiles'!$G$20=$B$24,21,0),0)),0)</f>
        <v>2.965956224885598</v>
      </c>
      <c r="G7409" cm="1">
        <f t="array" ref="G7409">IFERROR(INDEX(Jesper!AK$2:AK$366,ROUNDDOWN($C7409/24,0)+1,1)*INDEX($D$3:$AA$30,INDEX(Jesper!$R$2:$R$366,ROW(INDEX(Jesper!AK$2:AK$366,ROUNDDOWN($C7409/24,0)+1,1))-1)+IF('Standard Profiles'!$G$21=$B$10,7,0)+IF('Standard Profiles'!$G$21=$B$17,14,0)+IF('Standard Profiles'!$G$21=$B$24,21,0),MOD($C7409,24)+1)/SUM(INDEX($D$3:$AA$30,INDEX(Jesper!$R$2:$R$366,ROW(INDEX(Jesper!AK$2:AK$366,ROUNDDOWN($C7409/24,0)+1,1))-1)+IF('Standard Profiles'!$G$21=$B$10,7,0)+IF('Standard Profiles'!$G$21=$B$17,14,0)+IF('Standard Profiles'!$G$21=$B$24,21,0),0)),0)</f>
        <v>3.9987922547369057</v>
      </c>
      <c r="H7409" cm="1">
        <f t="array" ref="H7409">IFERROR(INDEX(Jesper!AL$2:AL$366,ROUNDDOWN($C7409/24,0)+1,1)*INDEX($D$3:$AA$30,INDEX(Jesper!$R$2:$R$366,ROW(INDEX(Jesper!AL$2:AL$366,ROUNDDOWN($C7409/24,0)+1,1))-1)+IF('Standard Profiles'!$G$22=$B$10,7,0)+IF('Standard Profiles'!$G$22=$B$17,14,0)+IF('Standard Profiles'!$G$22=$B$24,21,0),MOD($C7409,24)+1)/SUM(INDEX($D$3:$AA$30,INDEX(Jesper!$R$2:$R$366,ROW(INDEX(Jesper!AL$2:AL$366,ROUNDDOWN($C7409/24,0)+1,1))-1)+IF('Standard Profiles'!$G$22=$B$10,7,0)+IF('Standard Profiles'!$G$22=$B$17,14,0)+IF('Standard Profiles'!$G$22=$B$24,21,0),0)),0)</f>
        <v>3.6014681740418975</v>
      </c>
      <c r="I7409">
        <f t="shared" si="825"/>
        <v>3.4574094470802232</v>
      </c>
      <c r="J7409">
        <f t="shared" si="826"/>
        <v>10.628359023258527</v>
      </c>
      <c r="K7409">
        <f t="shared" si="827"/>
        <v>0.31995925606130454</v>
      </c>
      <c r="L7409">
        <f t="shared" si="828"/>
        <v>0.15997962803065227</v>
      </c>
      <c r="M7409">
        <f t="shared" si="829"/>
        <v>0</v>
      </c>
      <c r="N7409" s="45">
        <f t="shared" si="830"/>
        <v>45234.29166664878</v>
      </c>
    </row>
    <row r="7410" spans="2:14" x14ac:dyDescent="0.25">
      <c r="B7410">
        <f t="shared" si="824"/>
        <v>6</v>
      </c>
      <c r="C7410" s="16">
        <v>7376</v>
      </c>
      <c r="D7410" cm="1">
        <f t="array" ref="D7410">IFERROR(INDEX(Jesper!AH$2:AH$366,ROUNDDOWN($C7410/24,0)+1,1)*INDEX($D$3:$AA$30,INDEX(Jesper!$R$2:$R$366,ROW(INDEX(Jesper!AH$2:AH$366,ROUNDDOWN($C7410/24,0)+1,1))-1)+IF('Standard Profiles'!$G$18=$B$10,7,0)+IF('Standard Profiles'!$G$18=$B$17,14,0)+IF('Standard Profiles'!$G$18=$B$24,21,0),MOD($C7410,24)+1)/SUM(INDEX($D$3:$AA$30,INDEX(Jesper!$R$2:$R$366,ROW(INDEX(Jesper!AH$2:AH$366,ROUNDDOWN($C7410/24,0)+1,1))-1)+IF('Standard Profiles'!$G$18=$B$10,7,0)+IF('Standard Profiles'!$G$18=$B$17,14,0)+IF('Standard Profiles'!$G$18=$B$24,21,0),0)),0)</f>
        <v>0</v>
      </c>
      <c r="E7410" cm="1">
        <f t="array" ref="E7410">IFERROR(INDEX(Jesper!AI$2:AI$366,ROUNDDOWN($C7410/24,0)+1,1)*INDEX($D$3:$AA$30,INDEX(Jesper!$R$2:$R$366,ROW(INDEX(Jesper!AI$2:AI$366,ROUNDDOWN($C7410/24,0)+1,1))-1)+IF('Standard Profiles'!$G$19=$B$10,7,0)+IF('Standard Profiles'!$G$19=$B$17,14,0)+IF('Standard Profiles'!$G$19=$B$24,21,0),MOD($C7410,24)+1)/SUM(INDEX($D$3:$AA$30,INDEX(Jesper!$R$2:$R$366,ROW(INDEX(Jesper!AI$2:AI$366,ROUNDDOWN($C7410/24,0)+1,1))-1)+IF('Standard Profiles'!$G$19=$B$10,7,0)+IF('Standard Profiles'!$G$19=$B$17,14,0)+IF('Standard Profiles'!$G$19=$B$24,21,0),0)),0)</f>
        <v>3.9994907007663065</v>
      </c>
      <c r="F7410" cm="1">
        <f t="array" ref="F7410">IFERROR(INDEX(Jesper!AJ$2:AJ$366,ROUNDDOWN($C7410/24,0)+1,1)*INDEX($D$3:$AA$30,INDEX(Jesper!$R$2:$R$366,ROW(INDEX(Jesper!AJ$2:AJ$366,ROUNDDOWN($C7410/24,0)+1,1))-1)+IF('Standard Profiles'!$G$20=$B$10,7,0)+IF('Standard Profiles'!$G$20=$B$17,14,0)+IF('Standard Profiles'!$G$20=$B$24,21,0),MOD($C7410,24)+1)/SUM(INDEX($D$3:$AA$30,INDEX(Jesper!$R$2:$R$366,ROW(INDEX(Jesper!AJ$2:AJ$366,ROUNDDOWN($C7410/24,0)+1,1))-1)+IF('Standard Profiles'!$G$20=$B$10,7,0)+IF('Standard Profiles'!$G$20=$B$17,14,0)+IF('Standard Profiles'!$G$20=$B$24,21,0),0)),0)</f>
        <v>2.965956224885598</v>
      </c>
      <c r="G7410" cm="1">
        <f t="array" ref="G7410">IFERROR(INDEX(Jesper!AK$2:AK$366,ROUNDDOWN($C7410/24,0)+1,1)*INDEX($D$3:$AA$30,INDEX(Jesper!$R$2:$R$366,ROW(INDEX(Jesper!AK$2:AK$366,ROUNDDOWN($C7410/24,0)+1,1))-1)+IF('Standard Profiles'!$G$21=$B$10,7,0)+IF('Standard Profiles'!$G$21=$B$17,14,0)+IF('Standard Profiles'!$G$21=$B$24,21,0),MOD($C7410,24)+1)/SUM(INDEX($D$3:$AA$30,INDEX(Jesper!$R$2:$R$366,ROW(INDEX(Jesper!AK$2:AK$366,ROUNDDOWN($C7410/24,0)+1,1))-1)+IF('Standard Profiles'!$G$21=$B$10,7,0)+IF('Standard Profiles'!$G$21=$B$17,14,0)+IF('Standard Profiles'!$G$21=$B$24,21,0),0)),0)</f>
        <v>3.9987922547369057</v>
      </c>
      <c r="H7410" cm="1">
        <f t="array" ref="H7410">IFERROR(INDEX(Jesper!AL$2:AL$366,ROUNDDOWN($C7410/24,0)+1,1)*INDEX($D$3:$AA$30,INDEX(Jesper!$R$2:$R$366,ROW(INDEX(Jesper!AL$2:AL$366,ROUNDDOWN($C7410/24,0)+1,1))-1)+IF('Standard Profiles'!$G$22=$B$10,7,0)+IF('Standard Profiles'!$G$22=$B$17,14,0)+IF('Standard Profiles'!$G$22=$B$24,21,0),MOD($C7410,24)+1)/SUM(INDEX($D$3:$AA$30,INDEX(Jesper!$R$2:$R$366,ROW(INDEX(Jesper!AL$2:AL$366,ROUNDDOWN($C7410/24,0)+1,1))-1)+IF('Standard Profiles'!$G$22=$B$10,7,0)+IF('Standard Profiles'!$G$22=$B$17,14,0)+IF('Standard Profiles'!$G$22=$B$24,21,0),0)),0)</f>
        <v>3.6014681740418975</v>
      </c>
      <c r="I7410">
        <f t="shared" si="825"/>
        <v>3.4574094470802232</v>
      </c>
      <c r="J7410">
        <f t="shared" si="826"/>
        <v>10.628359023258527</v>
      </c>
      <c r="K7410">
        <f t="shared" si="827"/>
        <v>0.31995925606130454</v>
      </c>
      <c r="L7410">
        <f t="shared" si="828"/>
        <v>0.15997962803065227</v>
      </c>
      <c r="M7410">
        <f t="shared" si="829"/>
        <v>0</v>
      </c>
      <c r="N7410" s="45">
        <f t="shared" si="830"/>
        <v>45234.333333315444</v>
      </c>
    </row>
    <row r="7411" spans="2:14" x14ac:dyDescent="0.25">
      <c r="B7411">
        <f t="shared" si="824"/>
        <v>6</v>
      </c>
      <c r="C7411" s="16">
        <v>7377</v>
      </c>
      <c r="D7411" cm="1">
        <f t="array" ref="D7411">IFERROR(INDEX(Jesper!AH$2:AH$366,ROUNDDOWN($C7411/24,0)+1,1)*INDEX($D$3:$AA$30,INDEX(Jesper!$R$2:$R$366,ROW(INDEX(Jesper!AH$2:AH$366,ROUNDDOWN($C7411/24,0)+1,1))-1)+IF('Standard Profiles'!$G$18=$B$10,7,0)+IF('Standard Profiles'!$G$18=$B$17,14,0)+IF('Standard Profiles'!$G$18=$B$24,21,0),MOD($C7411,24)+1)/SUM(INDEX($D$3:$AA$30,INDEX(Jesper!$R$2:$R$366,ROW(INDEX(Jesper!AH$2:AH$366,ROUNDDOWN($C7411/24,0)+1,1))-1)+IF('Standard Profiles'!$G$18=$B$10,7,0)+IF('Standard Profiles'!$G$18=$B$17,14,0)+IF('Standard Profiles'!$G$18=$B$24,21,0),0)),0)</f>
        <v>0</v>
      </c>
      <c r="E7411" cm="1">
        <f t="array" ref="E7411">IFERROR(INDEX(Jesper!AI$2:AI$366,ROUNDDOWN($C7411/24,0)+1,1)*INDEX($D$3:$AA$30,INDEX(Jesper!$R$2:$R$366,ROW(INDEX(Jesper!AI$2:AI$366,ROUNDDOWN($C7411/24,0)+1,1))-1)+IF('Standard Profiles'!$G$19=$B$10,7,0)+IF('Standard Profiles'!$G$19=$B$17,14,0)+IF('Standard Profiles'!$G$19=$B$24,21,0),MOD($C7411,24)+1)/SUM(INDEX($D$3:$AA$30,INDEX(Jesper!$R$2:$R$366,ROW(INDEX(Jesper!AI$2:AI$366,ROUNDDOWN($C7411/24,0)+1,1))-1)+IF('Standard Profiles'!$G$19=$B$10,7,0)+IF('Standard Profiles'!$G$19=$B$17,14,0)+IF('Standard Profiles'!$G$19=$B$24,21,0),0)),0)</f>
        <v>3.9994907007663065</v>
      </c>
      <c r="F7411" cm="1">
        <f t="array" ref="F7411">IFERROR(INDEX(Jesper!AJ$2:AJ$366,ROUNDDOWN($C7411/24,0)+1,1)*INDEX($D$3:$AA$30,INDEX(Jesper!$R$2:$R$366,ROW(INDEX(Jesper!AJ$2:AJ$366,ROUNDDOWN($C7411/24,0)+1,1))-1)+IF('Standard Profiles'!$G$20=$B$10,7,0)+IF('Standard Profiles'!$G$20=$B$17,14,0)+IF('Standard Profiles'!$G$20=$B$24,21,0),MOD($C7411,24)+1)/SUM(INDEX($D$3:$AA$30,INDEX(Jesper!$R$2:$R$366,ROW(INDEX(Jesper!AJ$2:AJ$366,ROUNDDOWN($C7411/24,0)+1,1))-1)+IF('Standard Profiles'!$G$20=$B$10,7,0)+IF('Standard Profiles'!$G$20=$B$17,14,0)+IF('Standard Profiles'!$G$20=$B$24,21,0),0)),0)</f>
        <v>2.965956224885598</v>
      </c>
      <c r="G7411" cm="1">
        <f t="array" ref="G7411">IFERROR(INDEX(Jesper!AK$2:AK$366,ROUNDDOWN($C7411/24,0)+1,1)*INDEX($D$3:$AA$30,INDEX(Jesper!$R$2:$R$366,ROW(INDEX(Jesper!AK$2:AK$366,ROUNDDOWN($C7411/24,0)+1,1))-1)+IF('Standard Profiles'!$G$21=$B$10,7,0)+IF('Standard Profiles'!$G$21=$B$17,14,0)+IF('Standard Profiles'!$G$21=$B$24,21,0),MOD($C7411,24)+1)/SUM(INDEX($D$3:$AA$30,INDEX(Jesper!$R$2:$R$366,ROW(INDEX(Jesper!AK$2:AK$366,ROUNDDOWN($C7411/24,0)+1,1))-1)+IF('Standard Profiles'!$G$21=$B$10,7,0)+IF('Standard Profiles'!$G$21=$B$17,14,0)+IF('Standard Profiles'!$G$21=$B$24,21,0),0)),0)</f>
        <v>3.9987922547369057</v>
      </c>
      <c r="H7411" cm="1">
        <f t="array" ref="H7411">IFERROR(INDEX(Jesper!AL$2:AL$366,ROUNDDOWN($C7411/24,0)+1,1)*INDEX($D$3:$AA$30,INDEX(Jesper!$R$2:$R$366,ROW(INDEX(Jesper!AL$2:AL$366,ROUNDDOWN($C7411/24,0)+1,1))-1)+IF('Standard Profiles'!$G$22=$B$10,7,0)+IF('Standard Profiles'!$G$22=$B$17,14,0)+IF('Standard Profiles'!$G$22=$B$24,21,0),MOD($C7411,24)+1)/SUM(INDEX($D$3:$AA$30,INDEX(Jesper!$R$2:$R$366,ROW(INDEX(Jesper!AL$2:AL$366,ROUNDDOWN($C7411/24,0)+1,1))-1)+IF('Standard Profiles'!$G$22=$B$10,7,0)+IF('Standard Profiles'!$G$22=$B$17,14,0)+IF('Standard Profiles'!$G$22=$B$24,21,0),0)),0)</f>
        <v>3.6014681740418975</v>
      </c>
      <c r="I7411">
        <f t="shared" si="825"/>
        <v>3.4574094470802232</v>
      </c>
      <c r="J7411">
        <f t="shared" si="826"/>
        <v>10.628359023258527</v>
      </c>
      <c r="K7411">
        <f t="shared" si="827"/>
        <v>0.31995925606130454</v>
      </c>
      <c r="L7411">
        <f t="shared" si="828"/>
        <v>0.15997962803065227</v>
      </c>
      <c r="M7411">
        <f t="shared" si="829"/>
        <v>0</v>
      </c>
      <c r="N7411" s="45">
        <f t="shared" si="830"/>
        <v>45234.374999982108</v>
      </c>
    </row>
    <row r="7412" spans="2:14" x14ac:dyDescent="0.25">
      <c r="B7412">
        <f t="shared" si="824"/>
        <v>6</v>
      </c>
      <c r="C7412" s="16">
        <v>7378</v>
      </c>
      <c r="D7412" cm="1">
        <f t="array" ref="D7412">IFERROR(INDEX(Jesper!AH$2:AH$366,ROUNDDOWN($C7412/24,0)+1,1)*INDEX($D$3:$AA$30,INDEX(Jesper!$R$2:$R$366,ROW(INDEX(Jesper!AH$2:AH$366,ROUNDDOWN($C7412/24,0)+1,1))-1)+IF('Standard Profiles'!$G$18=$B$10,7,0)+IF('Standard Profiles'!$G$18=$B$17,14,0)+IF('Standard Profiles'!$G$18=$B$24,21,0),MOD($C7412,24)+1)/SUM(INDEX($D$3:$AA$30,INDEX(Jesper!$R$2:$R$366,ROW(INDEX(Jesper!AH$2:AH$366,ROUNDDOWN($C7412/24,0)+1,1))-1)+IF('Standard Profiles'!$G$18=$B$10,7,0)+IF('Standard Profiles'!$G$18=$B$17,14,0)+IF('Standard Profiles'!$G$18=$B$24,21,0),0)),0)</f>
        <v>0</v>
      </c>
      <c r="E7412" cm="1">
        <f t="array" ref="E7412">IFERROR(INDEX(Jesper!AI$2:AI$366,ROUNDDOWN($C7412/24,0)+1,1)*INDEX($D$3:$AA$30,INDEX(Jesper!$R$2:$R$366,ROW(INDEX(Jesper!AI$2:AI$366,ROUNDDOWN($C7412/24,0)+1,1))-1)+IF('Standard Profiles'!$G$19=$B$10,7,0)+IF('Standard Profiles'!$G$19=$B$17,14,0)+IF('Standard Profiles'!$G$19=$B$24,21,0),MOD($C7412,24)+1)/SUM(INDEX($D$3:$AA$30,INDEX(Jesper!$R$2:$R$366,ROW(INDEX(Jesper!AI$2:AI$366,ROUNDDOWN($C7412/24,0)+1,1))-1)+IF('Standard Profiles'!$G$19=$B$10,7,0)+IF('Standard Profiles'!$G$19=$B$17,14,0)+IF('Standard Profiles'!$G$19=$B$24,21,0),0)),0)</f>
        <v>3.9994907007663065</v>
      </c>
      <c r="F7412" cm="1">
        <f t="array" ref="F7412">IFERROR(INDEX(Jesper!AJ$2:AJ$366,ROUNDDOWN($C7412/24,0)+1,1)*INDEX($D$3:$AA$30,INDEX(Jesper!$R$2:$R$366,ROW(INDEX(Jesper!AJ$2:AJ$366,ROUNDDOWN($C7412/24,0)+1,1))-1)+IF('Standard Profiles'!$G$20=$B$10,7,0)+IF('Standard Profiles'!$G$20=$B$17,14,0)+IF('Standard Profiles'!$G$20=$B$24,21,0),MOD($C7412,24)+1)/SUM(INDEX($D$3:$AA$30,INDEX(Jesper!$R$2:$R$366,ROW(INDEX(Jesper!AJ$2:AJ$366,ROUNDDOWN($C7412/24,0)+1,1))-1)+IF('Standard Profiles'!$G$20=$B$10,7,0)+IF('Standard Profiles'!$G$20=$B$17,14,0)+IF('Standard Profiles'!$G$20=$B$24,21,0),0)),0)</f>
        <v>2.965956224885598</v>
      </c>
      <c r="G7412" cm="1">
        <f t="array" ref="G7412">IFERROR(INDEX(Jesper!AK$2:AK$366,ROUNDDOWN($C7412/24,0)+1,1)*INDEX($D$3:$AA$30,INDEX(Jesper!$R$2:$R$366,ROW(INDEX(Jesper!AK$2:AK$366,ROUNDDOWN($C7412/24,0)+1,1))-1)+IF('Standard Profiles'!$G$21=$B$10,7,0)+IF('Standard Profiles'!$G$21=$B$17,14,0)+IF('Standard Profiles'!$G$21=$B$24,21,0),MOD($C7412,24)+1)/SUM(INDEX($D$3:$AA$30,INDEX(Jesper!$R$2:$R$366,ROW(INDEX(Jesper!AK$2:AK$366,ROUNDDOWN($C7412/24,0)+1,1))-1)+IF('Standard Profiles'!$G$21=$B$10,7,0)+IF('Standard Profiles'!$G$21=$B$17,14,0)+IF('Standard Profiles'!$G$21=$B$24,21,0),0)),0)</f>
        <v>3.9987922547369057</v>
      </c>
      <c r="H7412" cm="1">
        <f t="array" ref="H7412">IFERROR(INDEX(Jesper!AL$2:AL$366,ROUNDDOWN($C7412/24,0)+1,1)*INDEX($D$3:$AA$30,INDEX(Jesper!$R$2:$R$366,ROW(INDEX(Jesper!AL$2:AL$366,ROUNDDOWN($C7412/24,0)+1,1))-1)+IF('Standard Profiles'!$G$22=$B$10,7,0)+IF('Standard Profiles'!$G$22=$B$17,14,0)+IF('Standard Profiles'!$G$22=$B$24,21,0),MOD($C7412,24)+1)/SUM(INDEX($D$3:$AA$30,INDEX(Jesper!$R$2:$R$366,ROW(INDEX(Jesper!AL$2:AL$366,ROUNDDOWN($C7412/24,0)+1,1))-1)+IF('Standard Profiles'!$G$22=$B$10,7,0)+IF('Standard Profiles'!$G$22=$B$17,14,0)+IF('Standard Profiles'!$G$22=$B$24,21,0),0)),0)</f>
        <v>3.6014681740418975</v>
      </c>
      <c r="I7412">
        <f t="shared" si="825"/>
        <v>3.4574094470802232</v>
      </c>
      <c r="J7412">
        <f t="shared" si="826"/>
        <v>10.628359023258527</v>
      </c>
      <c r="K7412">
        <f t="shared" si="827"/>
        <v>0.31995925606130454</v>
      </c>
      <c r="L7412">
        <f t="shared" si="828"/>
        <v>0.15997962803065227</v>
      </c>
      <c r="M7412">
        <f t="shared" si="829"/>
        <v>0</v>
      </c>
      <c r="N7412" s="45">
        <f t="shared" si="830"/>
        <v>45234.416666648773</v>
      </c>
    </row>
    <row r="7413" spans="2:14" x14ac:dyDescent="0.25">
      <c r="B7413">
        <f t="shared" si="824"/>
        <v>6</v>
      </c>
      <c r="C7413" s="16">
        <v>7379</v>
      </c>
      <c r="D7413" cm="1">
        <f t="array" ref="D7413">IFERROR(INDEX(Jesper!AH$2:AH$366,ROUNDDOWN($C7413/24,0)+1,1)*INDEX($D$3:$AA$30,INDEX(Jesper!$R$2:$R$366,ROW(INDEX(Jesper!AH$2:AH$366,ROUNDDOWN($C7413/24,0)+1,1))-1)+IF('Standard Profiles'!$G$18=$B$10,7,0)+IF('Standard Profiles'!$G$18=$B$17,14,0)+IF('Standard Profiles'!$G$18=$B$24,21,0),MOD($C7413,24)+1)/SUM(INDEX($D$3:$AA$30,INDEX(Jesper!$R$2:$R$366,ROW(INDEX(Jesper!AH$2:AH$366,ROUNDDOWN($C7413/24,0)+1,1))-1)+IF('Standard Profiles'!$G$18=$B$10,7,0)+IF('Standard Profiles'!$G$18=$B$17,14,0)+IF('Standard Profiles'!$G$18=$B$24,21,0),0)),0)</f>
        <v>0</v>
      </c>
      <c r="E7413" cm="1">
        <f t="array" ref="E7413">IFERROR(INDEX(Jesper!AI$2:AI$366,ROUNDDOWN($C7413/24,0)+1,1)*INDEX($D$3:$AA$30,INDEX(Jesper!$R$2:$R$366,ROW(INDEX(Jesper!AI$2:AI$366,ROUNDDOWN($C7413/24,0)+1,1))-1)+IF('Standard Profiles'!$G$19=$B$10,7,0)+IF('Standard Profiles'!$G$19=$B$17,14,0)+IF('Standard Profiles'!$G$19=$B$24,21,0),MOD($C7413,24)+1)/SUM(INDEX($D$3:$AA$30,INDEX(Jesper!$R$2:$R$366,ROW(INDEX(Jesper!AI$2:AI$366,ROUNDDOWN($C7413/24,0)+1,1))-1)+IF('Standard Profiles'!$G$19=$B$10,7,0)+IF('Standard Profiles'!$G$19=$B$17,14,0)+IF('Standard Profiles'!$G$19=$B$24,21,0),0)),0)</f>
        <v>3.9994907007663065</v>
      </c>
      <c r="F7413" cm="1">
        <f t="array" ref="F7413">IFERROR(INDEX(Jesper!AJ$2:AJ$366,ROUNDDOWN($C7413/24,0)+1,1)*INDEX($D$3:$AA$30,INDEX(Jesper!$R$2:$R$366,ROW(INDEX(Jesper!AJ$2:AJ$366,ROUNDDOWN($C7413/24,0)+1,1))-1)+IF('Standard Profiles'!$G$20=$B$10,7,0)+IF('Standard Profiles'!$G$20=$B$17,14,0)+IF('Standard Profiles'!$G$20=$B$24,21,0),MOD($C7413,24)+1)/SUM(INDEX($D$3:$AA$30,INDEX(Jesper!$R$2:$R$366,ROW(INDEX(Jesper!AJ$2:AJ$366,ROUNDDOWN($C7413/24,0)+1,1))-1)+IF('Standard Profiles'!$G$20=$B$10,7,0)+IF('Standard Profiles'!$G$20=$B$17,14,0)+IF('Standard Profiles'!$G$20=$B$24,21,0),0)),0)</f>
        <v>2.965956224885598</v>
      </c>
      <c r="G7413" cm="1">
        <f t="array" ref="G7413">IFERROR(INDEX(Jesper!AK$2:AK$366,ROUNDDOWN($C7413/24,0)+1,1)*INDEX($D$3:$AA$30,INDEX(Jesper!$R$2:$R$366,ROW(INDEX(Jesper!AK$2:AK$366,ROUNDDOWN($C7413/24,0)+1,1))-1)+IF('Standard Profiles'!$G$21=$B$10,7,0)+IF('Standard Profiles'!$G$21=$B$17,14,0)+IF('Standard Profiles'!$G$21=$B$24,21,0),MOD($C7413,24)+1)/SUM(INDEX($D$3:$AA$30,INDEX(Jesper!$R$2:$R$366,ROW(INDEX(Jesper!AK$2:AK$366,ROUNDDOWN($C7413/24,0)+1,1))-1)+IF('Standard Profiles'!$G$21=$B$10,7,0)+IF('Standard Profiles'!$G$21=$B$17,14,0)+IF('Standard Profiles'!$G$21=$B$24,21,0),0)),0)</f>
        <v>3.9987922547369057</v>
      </c>
      <c r="H7413" cm="1">
        <f t="array" ref="H7413">IFERROR(INDEX(Jesper!AL$2:AL$366,ROUNDDOWN($C7413/24,0)+1,1)*INDEX($D$3:$AA$30,INDEX(Jesper!$R$2:$R$366,ROW(INDEX(Jesper!AL$2:AL$366,ROUNDDOWN($C7413/24,0)+1,1))-1)+IF('Standard Profiles'!$G$22=$B$10,7,0)+IF('Standard Profiles'!$G$22=$B$17,14,0)+IF('Standard Profiles'!$G$22=$B$24,21,0),MOD($C7413,24)+1)/SUM(INDEX($D$3:$AA$30,INDEX(Jesper!$R$2:$R$366,ROW(INDEX(Jesper!AL$2:AL$366,ROUNDDOWN($C7413/24,0)+1,1))-1)+IF('Standard Profiles'!$G$22=$B$10,7,0)+IF('Standard Profiles'!$G$22=$B$17,14,0)+IF('Standard Profiles'!$G$22=$B$24,21,0),0)),0)</f>
        <v>3.6014681740418975</v>
      </c>
      <c r="I7413">
        <f t="shared" si="825"/>
        <v>3.4574094470802232</v>
      </c>
      <c r="J7413">
        <f t="shared" si="826"/>
        <v>10.628359023258527</v>
      </c>
      <c r="K7413">
        <f t="shared" si="827"/>
        <v>0.31995925606130454</v>
      </c>
      <c r="L7413">
        <f t="shared" si="828"/>
        <v>0.15997962803065227</v>
      </c>
      <c r="M7413">
        <f t="shared" si="829"/>
        <v>0</v>
      </c>
      <c r="N7413" s="45">
        <f t="shared" si="830"/>
        <v>45234.458333315437</v>
      </c>
    </row>
    <row r="7414" spans="2:14" x14ac:dyDescent="0.25">
      <c r="B7414">
        <f t="shared" si="824"/>
        <v>6</v>
      </c>
      <c r="C7414" s="16">
        <v>7380</v>
      </c>
      <c r="D7414" cm="1">
        <f t="array" ref="D7414">IFERROR(INDEX(Jesper!AH$2:AH$366,ROUNDDOWN($C7414/24,0)+1,1)*INDEX($D$3:$AA$30,INDEX(Jesper!$R$2:$R$366,ROW(INDEX(Jesper!AH$2:AH$366,ROUNDDOWN($C7414/24,0)+1,1))-1)+IF('Standard Profiles'!$G$18=$B$10,7,0)+IF('Standard Profiles'!$G$18=$B$17,14,0)+IF('Standard Profiles'!$G$18=$B$24,21,0),MOD($C7414,24)+1)/SUM(INDEX($D$3:$AA$30,INDEX(Jesper!$R$2:$R$366,ROW(INDEX(Jesper!AH$2:AH$366,ROUNDDOWN($C7414/24,0)+1,1))-1)+IF('Standard Profiles'!$G$18=$B$10,7,0)+IF('Standard Profiles'!$G$18=$B$17,14,0)+IF('Standard Profiles'!$G$18=$B$24,21,0),0)),0)</f>
        <v>0</v>
      </c>
      <c r="E7414" cm="1">
        <f t="array" ref="E7414">IFERROR(INDEX(Jesper!AI$2:AI$366,ROUNDDOWN($C7414/24,0)+1,1)*INDEX($D$3:$AA$30,INDEX(Jesper!$R$2:$R$366,ROW(INDEX(Jesper!AI$2:AI$366,ROUNDDOWN($C7414/24,0)+1,1))-1)+IF('Standard Profiles'!$G$19=$B$10,7,0)+IF('Standard Profiles'!$G$19=$B$17,14,0)+IF('Standard Profiles'!$G$19=$B$24,21,0),MOD($C7414,24)+1)/SUM(INDEX($D$3:$AA$30,INDEX(Jesper!$R$2:$R$366,ROW(INDEX(Jesper!AI$2:AI$366,ROUNDDOWN($C7414/24,0)+1,1))-1)+IF('Standard Profiles'!$G$19=$B$10,7,0)+IF('Standard Profiles'!$G$19=$B$17,14,0)+IF('Standard Profiles'!$G$19=$B$24,21,0),0)),0)</f>
        <v>3.9994907007663065</v>
      </c>
      <c r="F7414" cm="1">
        <f t="array" ref="F7414">IFERROR(INDEX(Jesper!AJ$2:AJ$366,ROUNDDOWN($C7414/24,0)+1,1)*INDEX($D$3:$AA$30,INDEX(Jesper!$R$2:$R$366,ROW(INDEX(Jesper!AJ$2:AJ$366,ROUNDDOWN($C7414/24,0)+1,1))-1)+IF('Standard Profiles'!$G$20=$B$10,7,0)+IF('Standard Profiles'!$G$20=$B$17,14,0)+IF('Standard Profiles'!$G$20=$B$24,21,0),MOD($C7414,24)+1)/SUM(INDEX($D$3:$AA$30,INDEX(Jesper!$R$2:$R$366,ROW(INDEX(Jesper!AJ$2:AJ$366,ROUNDDOWN($C7414/24,0)+1,1))-1)+IF('Standard Profiles'!$G$20=$B$10,7,0)+IF('Standard Profiles'!$G$20=$B$17,14,0)+IF('Standard Profiles'!$G$20=$B$24,21,0),0)),0)</f>
        <v>2.965956224885598</v>
      </c>
      <c r="G7414" cm="1">
        <f t="array" ref="G7414">IFERROR(INDEX(Jesper!AK$2:AK$366,ROUNDDOWN($C7414/24,0)+1,1)*INDEX($D$3:$AA$30,INDEX(Jesper!$R$2:$R$366,ROW(INDEX(Jesper!AK$2:AK$366,ROUNDDOWN($C7414/24,0)+1,1))-1)+IF('Standard Profiles'!$G$21=$B$10,7,0)+IF('Standard Profiles'!$G$21=$B$17,14,0)+IF('Standard Profiles'!$G$21=$B$24,21,0),MOD($C7414,24)+1)/SUM(INDEX($D$3:$AA$30,INDEX(Jesper!$R$2:$R$366,ROW(INDEX(Jesper!AK$2:AK$366,ROUNDDOWN($C7414/24,0)+1,1))-1)+IF('Standard Profiles'!$G$21=$B$10,7,0)+IF('Standard Profiles'!$G$21=$B$17,14,0)+IF('Standard Profiles'!$G$21=$B$24,21,0),0)),0)</f>
        <v>3.9987922547369057</v>
      </c>
      <c r="H7414" cm="1">
        <f t="array" ref="H7414">IFERROR(INDEX(Jesper!AL$2:AL$366,ROUNDDOWN($C7414/24,0)+1,1)*INDEX($D$3:$AA$30,INDEX(Jesper!$R$2:$R$366,ROW(INDEX(Jesper!AL$2:AL$366,ROUNDDOWN($C7414/24,0)+1,1))-1)+IF('Standard Profiles'!$G$22=$B$10,7,0)+IF('Standard Profiles'!$G$22=$B$17,14,0)+IF('Standard Profiles'!$G$22=$B$24,21,0),MOD($C7414,24)+1)/SUM(INDEX($D$3:$AA$30,INDEX(Jesper!$R$2:$R$366,ROW(INDEX(Jesper!AL$2:AL$366,ROUNDDOWN($C7414/24,0)+1,1))-1)+IF('Standard Profiles'!$G$22=$B$10,7,0)+IF('Standard Profiles'!$G$22=$B$17,14,0)+IF('Standard Profiles'!$G$22=$B$24,21,0),0)),0)</f>
        <v>3.6014681740418975</v>
      </c>
      <c r="I7414">
        <f t="shared" si="825"/>
        <v>3.4574094470802232</v>
      </c>
      <c r="J7414">
        <f t="shared" si="826"/>
        <v>10.628359023258527</v>
      </c>
      <c r="K7414">
        <f t="shared" si="827"/>
        <v>0.31995925606130454</v>
      </c>
      <c r="L7414">
        <f t="shared" si="828"/>
        <v>0.15997962803065227</v>
      </c>
      <c r="M7414">
        <f t="shared" si="829"/>
        <v>0</v>
      </c>
      <c r="N7414" s="45">
        <f t="shared" si="830"/>
        <v>45234.499999982101</v>
      </c>
    </row>
    <row r="7415" spans="2:14" x14ac:dyDescent="0.25">
      <c r="B7415">
        <f t="shared" si="824"/>
        <v>6</v>
      </c>
      <c r="C7415" s="16">
        <v>7381</v>
      </c>
      <c r="D7415" cm="1">
        <f t="array" ref="D7415">IFERROR(INDEX(Jesper!AH$2:AH$366,ROUNDDOWN($C7415/24,0)+1,1)*INDEX($D$3:$AA$30,INDEX(Jesper!$R$2:$R$366,ROW(INDEX(Jesper!AH$2:AH$366,ROUNDDOWN($C7415/24,0)+1,1))-1)+IF('Standard Profiles'!$G$18=$B$10,7,0)+IF('Standard Profiles'!$G$18=$B$17,14,0)+IF('Standard Profiles'!$G$18=$B$24,21,0),MOD($C7415,24)+1)/SUM(INDEX($D$3:$AA$30,INDEX(Jesper!$R$2:$R$366,ROW(INDEX(Jesper!AH$2:AH$366,ROUNDDOWN($C7415/24,0)+1,1))-1)+IF('Standard Profiles'!$G$18=$B$10,7,0)+IF('Standard Profiles'!$G$18=$B$17,14,0)+IF('Standard Profiles'!$G$18=$B$24,21,0),0)),0)</f>
        <v>0</v>
      </c>
      <c r="E7415" cm="1">
        <f t="array" ref="E7415">IFERROR(INDEX(Jesper!AI$2:AI$366,ROUNDDOWN($C7415/24,0)+1,1)*INDEX($D$3:$AA$30,INDEX(Jesper!$R$2:$R$366,ROW(INDEX(Jesper!AI$2:AI$366,ROUNDDOWN($C7415/24,0)+1,1))-1)+IF('Standard Profiles'!$G$19=$B$10,7,0)+IF('Standard Profiles'!$G$19=$B$17,14,0)+IF('Standard Profiles'!$G$19=$B$24,21,0),MOD($C7415,24)+1)/SUM(INDEX($D$3:$AA$30,INDEX(Jesper!$R$2:$R$366,ROW(INDEX(Jesper!AI$2:AI$366,ROUNDDOWN($C7415/24,0)+1,1))-1)+IF('Standard Profiles'!$G$19=$B$10,7,0)+IF('Standard Profiles'!$G$19=$B$17,14,0)+IF('Standard Profiles'!$G$19=$B$24,21,0),0)),0)</f>
        <v>3.9994907007663065</v>
      </c>
      <c r="F7415" cm="1">
        <f t="array" ref="F7415">IFERROR(INDEX(Jesper!AJ$2:AJ$366,ROUNDDOWN($C7415/24,0)+1,1)*INDEX($D$3:$AA$30,INDEX(Jesper!$R$2:$R$366,ROW(INDEX(Jesper!AJ$2:AJ$366,ROUNDDOWN($C7415/24,0)+1,1))-1)+IF('Standard Profiles'!$G$20=$B$10,7,0)+IF('Standard Profiles'!$G$20=$B$17,14,0)+IF('Standard Profiles'!$G$20=$B$24,21,0),MOD($C7415,24)+1)/SUM(INDEX($D$3:$AA$30,INDEX(Jesper!$R$2:$R$366,ROW(INDEX(Jesper!AJ$2:AJ$366,ROUNDDOWN($C7415/24,0)+1,1))-1)+IF('Standard Profiles'!$G$20=$B$10,7,0)+IF('Standard Profiles'!$G$20=$B$17,14,0)+IF('Standard Profiles'!$G$20=$B$24,21,0),0)),0)</f>
        <v>2.965956224885598</v>
      </c>
      <c r="G7415" cm="1">
        <f t="array" ref="G7415">IFERROR(INDEX(Jesper!AK$2:AK$366,ROUNDDOWN($C7415/24,0)+1,1)*INDEX($D$3:$AA$30,INDEX(Jesper!$R$2:$R$366,ROW(INDEX(Jesper!AK$2:AK$366,ROUNDDOWN($C7415/24,0)+1,1))-1)+IF('Standard Profiles'!$G$21=$B$10,7,0)+IF('Standard Profiles'!$G$21=$B$17,14,0)+IF('Standard Profiles'!$G$21=$B$24,21,0),MOD($C7415,24)+1)/SUM(INDEX($D$3:$AA$30,INDEX(Jesper!$R$2:$R$366,ROW(INDEX(Jesper!AK$2:AK$366,ROUNDDOWN($C7415/24,0)+1,1))-1)+IF('Standard Profiles'!$G$21=$B$10,7,0)+IF('Standard Profiles'!$G$21=$B$17,14,0)+IF('Standard Profiles'!$G$21=$B$24,21,0),0)),0)</f>
        <v>3.9987922547369057</v>
      </c>
      <c r="H7415" cm="1">
        <f t="array" ref="H7415">IFERROR(INDEX(Jesper!AL$2:AL$366,ROUNDDOWN($C7415/24,0)+1,1)*INDEX($D$3:$AA$30,INDEX(Jesper!$R$2:$R$366,ROW(INDEX(Jesper!AL$2:AL$366,ROUNDDOWN($C7415/24,0)+1,1))-1)+IF('Standard Profiles'!$G$22=$B$10,7,0)+IF('Standard Profiles'!$G$22=$B$17,14,0)+IF('Standard Profiles'!$G$22=$B$24,21,0),MOD($C7415,24)+1)/SUM(INDEX($D$3:$AA$30,INDEX(Jesper!$R$2:$R$366,ROW(INDEX(Jesper!AL$2:AL$366,ROUNDDOWN($C7415/24,0)+1,1))-1)+IF('Standard Profiles'!$G$22=$B$10,7,0)+IF('Standard Profiles'!$G$22=$B$17,14,0)+IF('Standard Profiles'!$G$22=$B$24,21,0),0)),0)</f>
        <v>3.6014681740418975</v>
      </c>
      <c r="I7415">
        <f t="shared" si="825"/>
        <v>3.4574094470802232</v>
      </c>
      <c r="J7415">
        <f t="shared" si="826"/>
        <v>10.628359023258527</v>
      </c>
      <c r="K7415">
        <f t="shared" si="827"/>
        <v>0.31995925606130454</v>
      </c>
      <c r="L7415">
        <f t="shared" si="828"/>
        <v>0.15997962803065227</v>
      </c>
      <c r="M7415">
        <f t="shared" si="829"/>
        <v>0</v>
      </c>
      <c r="N7415" s="45">
        <f t="shared" si="830"/>
        <v>45234.541666648765</v>
      </c>
    </row>
    <row r="7416" spans="2:14" x14ac:dyDescent="0.25">
      <c r="B7416">
        <f t="shared" si="824"/>
        <v>6</v>
      </c>
      <c r="C7416" s="16">
        <v>7382</v>
      </c>
      <c r="D7416" cm="1">
        <f t="array" ref="D7416">IFERROR(INDEX(Jesper!AH$2:AH$366,ROUNDDOWN($C7416/24,0)+1,1)*INDEX($D$3:$AA$30,INDEX(Jesper!$R$2:$R$366,ROW(INDEX(Jesper!AH$2:AH$366,ROUNDDOWN($C7416/24,0)+1,1))-1)+IF('Standard Profiles'!$G$18=$B$10,7,0)+IF('Standard Profiles'!$G$18=$B$17,14,0)+IF('Standard Profiles'!$G$18=$B$24,21,0),MOD($C7416,24)+1)/SUM(INDEX($D$3:$AA$30,INDEX(Jesper!$R$2:$R$366,ROW(INDEX(Jesper!AH$2:AH$366,ROUNDDOWN($C7416/24,0)+1,1))-1)+IF('Standard Profiles'!$G$18=$B$10,7,0)+IF('Standard Profiles'!$G$18=$B$17,14,0)+IF('Standard Profiles'!$G$18=$B$24,21,0),0)),0)</f>
        <v>0</v>
      </c>
      <c r="E7416" cm="1">
        <f t="array" ref="E7416">IFERROR(INDEX(Jesper!AI$2:AI$366,ROUNDDOWN($C7416/24,0)+1,1)*INDEX($D$3:$AA$30,INDEX(Jesper!$R$2:$R$366,ROW(INDEX(Jesper!AI$2:AI$366,ROUNDDOWN($C7416/24,0)+1,1))-1)+IF('Standard Profiles'!$G$19=$B$10,7,0)+IF('Standard Profiles'!$G$19=$B$17,14,0)+IF('Standard Profiles'!$G$19=$B$24,21,0),MOD($C7416,24)+1)/SUM(INDEX($D$3:$AA$30,INDEX(Jesper!$R$2:$R$366,ROW(INDEX(Jesper!AI$2:AI$366,ROUNDDOWN($C7416/24,0)+1,1))-1)+IF('Standard Profiles'!$G$19=$B$10,7,0)+IF('Standard Profiles'!$G$19=$B$17,14,0)+IF('Standard Profiles'!$G$19=$B$24,21,0),0)),0)</f>
        <v>3.9994907007663065</v>
      </c>
      <c r="F7416" cm="1">
        <f t="array" ref="F7416">IFERROR(INDEX(Jesper!AJ$2:AJ$366,ROUNDDOWN($C7416/24,0)+1,1)*INDEX($D$3:$AA$30,INDEX(Jesper!$R$2:$R$366,ROW(INDEX(Jesper!AJ$2:AJ$366,ROUNDDOWN($C7416/24,0)+1,1))-1)+IF('Standard Profiles'!$G$20=$B$10,7,0)+IF('Standard Profiles'!$G$20=$B$17,14,0)+IF('Standard Profiles'!$G$20=$B$24,21,0),MOD($C7416,24)+1)/SUM(INDEX($D$3:$AA$30,INDEX(Jesper!$R$2:$R$366,ROW(INDEX(Jesper!AJ$2:AJ$366,ROUNDDOWN($C7416/24,0)+1,1))-1)+IF('Standard Profiles'!$G$20=$B$10,7,0)+IF('Standard Profiles'!$G$20=$B$17,14,0)+IF('Standard Profiles'!$G$20=$B$24,21,0),0)),0)</f>
        <v>2.965956224885598</v>
      </c>
      <c r="G7416" cm="1">
        <f t="array" ref="G7416">IFERROR(INDEX(Jesper!AK$2:AK$366,ROUNDDOWN($C7416/24,0)+1,1)*INDEX($D$3:$AA$30,INDEX(Jesper!$R$2:$R$366,ROW(INDEX(Jesper!AK$2:AK$366,ROUNDDOWN($C7416/24,0)+1,1))-1)+IF('Standard Profiles'!$G$21=$B$10,7,0)+IF('Standard Profiles'!$G$21=$B$17,14,0)+IF('Standard Profiles'!$G$21=$B$24,21,0),MOD($C7416,24)+1)/SUM(INDEX($D$3:$AA$30,INDEX(Jesper!$R$2:$R$366,ROW(INDEX(Jesper!AK$2:AK$366,ROUNDDOWN($C7416/24,0)+1,1))-1)+IF('Standard Profiles'!$G$21=$B$10,7,0)+IF('Standard Profiles'!$G$21=$B$17,14,0)+IF('Standard Profiles'!$G$21=$B$24,21,0),0)),0)</f>
        <v>3.9987922547369057</v>
      </c>
      <c r="H7416" cm="1">
        <f t="array" ref="H7416">IFERROR(INDEX(Jesper!AL$2:AL$366,ROUNDDOWN($C7416/24,0)+1,1)*INDEX($D$3:$AA$30,INDEX(Jesper!$R$2:$R$366,ROW(INDEX(Jesper!AL$2:AL$366,ROUNDDOWN($C7416/24,0)+1,1))-1)+IF('Standard Profiles'!$G$22=$B$10,7,0)+IF('Standard Profiles'!$G$22=$B$17,14,0)+IF('Standard Profiles'!$G$22=$B$24,21,0),MOD($C7416,24)+1)/SUM(INDEX($D$3:$AA$30,INDEX(Jesper!$R$2:$R$366,ROW(INDEX(Jesper!AL$2:AL$366,ROUNDDOWN($C7416/24,0)+1,1))-1)+IF('Standard Profiles'!$G$22=$B$10,7,0)+IF('Standard Profiles'!$G$22=$B$17,14,0)+IF('Standard Profiles'!$G$22=$B$24,21,0),0)),0)</f>
        <v>3.6014681740418975</v>
      </c>
      <c r="I7416">
        <f t="shared" si="825"/>
        <v>3.4574094470802232</v>
      </c>
      <c r="J7416">
        <f t="shared" si="826"/>
        <v>10.628359023258527</v>
      </c>
      <c r="K7416">
        <f t="shared" si="827"/>
        <v>0.31995925606130454</v>
      </c>
      <c r="L7416">
        <f t="shared" si="828"/>
        <v>0.15997962803065227</v>
      </c>
      <c r="M7416">
        <f t="shared" si="829"/>
        <v>0</v>
      </c>
      <c r="N7416" s="45">
        <f t="shared" si="830"/>
        <v>45234.58333331543</v>
      </c>
    </row>
    <row r="7417" spans="2:14" x14ac:dyDescent="0.25">
      <c r="B7417">
        <f t="shared" si="824"/>
        <v>6</v>
      </c>
      <c r="C7417" s="16">
        <v>7383</v>
      </c>
      <c r="D7417" cm="1">
        <f t="array" ref="D7417">IFERROR(INDEX(Jesper!AH$2:AH$366,ROUNDDOWN($C7417/24,0)+1,1)*INDEX($D$3:$AA$30,INDEX(Jesper!$R$2:$R$366,ROW(INDEX(Jesper!AH$2:AH$366,ROUNDDOWN($C7417/24,0)+1,1))-1)+IF('Standard Profiles'!$G$18=$B$10,7,0)+IF('Standard Profiles'!$G$18=$B$17,14,0)+IF('Standard Profiles'!$G$18=$B$24,21,0),MOD($C7417,24)+1)/SUM(INDEX($D$3:$AA$30,INDEX(Jesper!$R$2:$R$366,ROW(INDEX(Jesper!AH$2:AH$366,ROUNDDOWN($C7417/24,0)+1,1))-1)+IF('Standard Profiles'!$G$18=$B$10,7,0)+IF('Standard Profiles'!$G$18=$B$17,14,0)+IF('Standard Profiles'!$G$18=$B$24,21,0),0)),0)</f>
        <v>0</v>
      </c>
      <c r="E7417" cm="1">
        <f t="array" ref="E7417">IFERROR(INDEX(Jesper!AI$2:AI$366,ROUNDDOWN($C7417/24,0)+1,1)*INDEX($D$3:$AA$30,INDEX(Jesper!$R$2:$R$366,ROW(INDEX(Jesper!AI$2:AI$366,ROUNDDOWN($C7417/24,0)+1,1))-1)+IF('Standard Profiles'!$G$19=$B$10,7,0)+IF('Standard Profiles'!$G$19=$B$17,14,0)+IF('Standard Profiles'!$G$19=$B$24,21,0),MOD($C7417,24)+1)/SUM(INDEX($D$3:$AA$30,INDEX(Jesper!$R$2:$R$366,ROW(INDEX(Jesper!AI$2:AI$366,ROUNDDOWN($C7417/24,0)+1,1))-1)+IF('Standard Profiles'!$G$19=$B$10,7,0)+IF('Standard Profiles'!$G$19=$B$17,14,0)+IF('Standard Profiles'!$G$19=$B$24,21,0),0)),0)</f>
        <v>3.9994907007663065</v>
      </c>
      <c r="F7417" cm="1">
        <f t="array" ref="F7417">IFERROR(INDEX(Jesper!AJ$2:AJ$366,ROUNDDOWN($C7417/24,0)+1,1)*INDEX($D$3:$AA$30,INDEX(Jesper!$R$2:$R$366,ROW(INDEX(Jesper!AJ$2:AJ$366,ROUNDDOWN($C7417/24,0)+1,1))-1)+IF('Standard Profiles'!$G$20=$B$10,7,0)+IF('Standard Profiles'!$G$20=$B$17,14,0)+IF('Standard Profiles'!$G$20=$B$24,21,0),MOD($C7417,24)+1)/SUM(INDEX($D$3:$AA$30,INDEX(Jesper!$R$2:$R$366,ROW(INDEX(Jesper!AJ$2:AJ$366,ROUNDDOWN($C7417/24,0)+1,1))-1)+IF('Standard Profiles'!$G$20=$B$10,7,0)+IF('Standard Profiles'!$G$20=$B$17,14,0)+IF('Standard Profiles'!$G$20=$B$24,21,0),0)),0)</f>
        <v>2.965956224885598</v>
      </c>
      <c r="G7417" cm="1">
        <f t="array" ref="G7417">IFERROR(INDEX(Jesper!AK$2:AK$366,ROUNDDOWN($C7417/24,0)+1,1)*INDEX($D$3:$AA$30,INDEX(Jesper!$R$2:$R$366,ROW(INDEX(Jesper!AK$2:AK$366,ROUNDDOWN($C7417/24,0)+1,1))-1)+IF('Standard Profiles'!$G$21=$B$10,7,0)+IF('Standard Profiles'!$G$21=$B$17,14,0)+IF('Standard Profiles'!$G$21=$B$24,21,0),MOD($C7417,24)+1)/SUM(INDEX($D$3:$AA$30,INDEX(Jesper!$R$2:$R$366,ROW(INDEX(Jesper!AK$2:AK$366,ROUNDDOWN($C7417/24,0)+1,1))-1)+IF('Standard Profiles'!$G$21=$B$10,7,0)+IF('Standard Profiles'!$G$21=$B$17,14,0)+IF('Standard Profiles'!$G$21=$B$24,21,0),0)),0)</f>
        <v>3.9987922547369057</v>
      </c>
      <c r="H7417" cm="1">
        <f t="array" ref="H7417">IFERROR(INDEX(Jesper!AL$2:AL$366,ROUNDDOWN($C7417/24,0)+1,1)*INDEX($D$3:$AA$30,INDEX(Jesper!$R$2:$R$366,ROW(INDEX(Jesper!AL$2:AL$366,ROUNDDOWN($C7417/24,0)+1,1))-1)+IF('Standard Profiles'!$G$22=$B$10,7,0)+IF('Standard Profiles'!$G$22=$B$17,14,0)+IF('Standard Profiles'!$G$22=$B$24,21,0),MOD($C7417,24)+1)/SUM(INDEX($D$3:$AA$30,INDEX(Jesper!$R$2:$R$366,ROW(INDEX(Jesper!AL$2:AL$366,ROUNDDOWN($C7417/24,0)+1,1))-1)+IF('Standard Profiles'!$G$22=$B$10,7,0)+IF('Standard Profiles'!$G$22=$B$17,14,0)+IF('Standard Profiles'!$G$22=$B$24,21,0),0)),0)</f>
        <v>3.256121910777606</v>
      </c>
      <c r="I7417">
        <f t="shared" si="825"/>
        <v>3.1258770343465034</v>
      </c>
      <c r="J7417">
        <f t="shared" si="826"/>
        <v>10.614545172727956</v>
      </c>
      <c r="K7417">
        <f t="shared" si="827"/>
        <v>0.31995925606130454</v>
      </c>
      <c r="L7417">
        <f t="shared" si="828"/>
        <v>0.15997962803065227</v>
      </c>
      <c r="M7417">
        <f t="shared" si="829"/>
        <v>0</v>
      </c>
      <c r="N7417" s="45">
        <f t="shared" si="830"/>
        <v>45234.624999982094</v>
      </c>
    </row>
    <row r="7418" spans="2:14" x14ac:dyDescent="0.25">
      <c r="B7418">
        <f t="shared" si="824"/>
        <v>6</v>
      </c>
      <c r="C7418" s="16">
        <v>7384</v>
      </c>
      <c r="D7418" cm="1">
        <f t="array" ref="D7418">IFERROR(INDEX(Jesper!AH$2:AH$366,ROUNDDOWN($C7418/24,0)+1,1)*INDEX($D$3:$AA$30,INDEX(Jesper!$R$2:$R$366,ROW(INDEX(Jesper!AH$2:AH$366,ROUNDDOWN($C7418/24,0)+1,1))-1)+IF('Standard Profiles'!$G$18=$B$10,7,0)+IF('Standard Profiles'!$G$18=$B$17,14,0)+IF('Standard Profiles'!$G$18=$B$24,21,0),MOD($C7418,24)+1)/SUM(INDEX($D$3:$AA$30,INDEX(Jesper!$R$2:$R$366,ROW(INDEX(Jesper!AH$2:AH$366,ROUNDDOWN($C7418/24,0)+1,1))-1)+IF('Standard Profiles'!$G$18=$B$10,7,0)+IF('Standard Profiles'!$G$18=$B$17,14,0)+IF('Standard Profiles'!$G$18=$B$24,21,0),0)),0)</f>
        <v>0</v>
      </c>
      <c r="E7418" cm="1">
        <f t="array" ref="E7418">IFERROR(INDEX(Jesper!AI$2:AI$366,ROUNDDOWN($C7418/24,0)+1,1)*INDEX($D$3:$AA$30,INDEX(Jesper!$R$2:$R$366,ROW(INDEX(Jesper!AI$2:AI$366,ROUNDDOWN($C7418/24,0)+1,1))-1)+IF('Standard Profiles'!$G$19=$B$10,7,0)+IF('Standard Profiles'!$G$19=$B$17,14,0)+IF('Standard Profiles'!$G$19=$B$24,21,0),MOD($C7418,24)+1)/SUM(INDEX($D$3:$AA$30,INDEX(Jesper!$R$2:$R$366,ROW(INDEX(Jesper!AI$2:AI$366,ROUNDDOWN($C7418/24,0)+1,1))-1)+IF('Standard Profiles'!$G$19=$B$10,7,0)+IF('Standard Profiles'!$G$19=$B$17,14,0)+IF('Standard Profiles'!$G$19=$B$24,21,0),0)),0)</f>
        <v>3.9994907007663065</v>
      </c>
      <c r="F7418" cm="1">
        <f t="array" ref="F7418">IFERROR(INDEX(Jesper!AJ$2:AJ$366,ROUNDDOWN($C7418/24,0)+1,1)*INDEX($D$3:$AA$30,INDEX(Jesper!$R$2:$R$366,ROW(INDEX(Jesper!AJ$2:AJ$366,ROUNDDOWN($C7418/24,0)+1,1))-1)+IF('Standard Profiles'!$G$20=$B$10,7,0)+IF('Standard Profiles'!$G$20=$B$17,14,0)+IF('Standard Profiles'!$G$20=$B$24,21,0),MOD($C7418,24)+1)/SUM(INDEX($D$3:$AA$30,INDEX(Jesper!$R$2:$R$366,ROW(INDEX(Jesper!AJ$2:AJ$366,ROUNDDOWN($C7418/24,0)+1,1))-1)+IF('Standard Profiles'!$G$20=$B$10,7,0)+IF('Standard Profiles'!$G$20=$B$17,14,0)+IF('Standard Profiles'!$G$20=$B$24,21,0),0)),0)</f>
        <v>2.965956224885598</v>
      </c>
      <c r="G7418" cm="1">
        <f t="array" ref="G7418">IFERROR(INDEX(Jesper!AK$2:AK$366,ROUNDDOWN($C7418/24,0)+1,1)*INDEX($D$3:$AA$30,INDEX(Jesper!$R$2:$R$366,ROW(INDEX(Jesper!AK$2:AK$366,ROUNDDOWN($C7418/24,0)+1,1))-1)+IF('Standard Profiles'!$G$21=$B$10,7,0)+IF('Standard Profiles'!$G$21=$B$17,14,0)+IF('Standard Profiles'!$G$21=$B$24,21,0),MOD($C7418,24)+1)/SUM(INDEX($D$3:$AA$30,INDEX(Jesper!$R$2:$R$366,ROW(INDEX(Jesper!AK$2:AK$366,ROUNDDOWN($C7418/24,0)+1,1))-1)+IF('Standard Profiles'!$G$21=$B$10,7,0)+IF('Standard Profiles'!$G$21=$B$17,14,0)+IF('Standard Profiles'!$G$21=$B$24,21,0),0)),0)</f>
        <v>3.9987922547369057</v>
      </c>
      <c r="H7418" cm="1">
        <f t="array" ref="H7418">IFERROR(INDEX(Jesper!AL$2:AL$366,ROUNDDOWN($C7418/24,0)+1,1)*INDEX($D$3:$AA$30,INDEX(Jesper!$R$2:$R$366,ROW(INDEX(Jesper!AL$2:AL$366,ROUNDDOWN($C7418/24,0)+1,1))-1)+IF('Standard Profiles'!$G$22=$B$10,7,0)+IF('Standard Profiles'!$G$22=$B$17,14,0)+IF('Standard Profiles'!$G$22=$B$24,21,0),MOD($C7418,24)+1)/SUM(INDEX($D$3:$AA$30,INDEX(Jesper!$R$2:$R$366,ROW(INDEX(Jesper!AL$2:AL$366,ROUNDDOWN($C7418/24,0)+1,1))-1)+IF('Standard Profiles'!$G$22=$B$10,7,0)+IF('Standard Profiles'!$G$22=$B$17,14,0)+IF('Standard Profiles'!$G$22=$B$24,21,0),0)),0)</f>
        <v>2.9601108279796415</v>
      </c>
      <c r="I7418">
        <f t="shared" si="825"/>
        <v>2.8417063948604575</v>
      </c>
      <c r="J7418">
        <f t="shared" si="826"/>
        <v>10.602704729416036</v>
      </c>
      <c r="K7418">
        <f t="shared" si="827"/>
        <v>0.31995925606130454</v>
      </c>
      <c r="L7418">
        <f t="shared" si="828"/>
        <v>0.15997962803065227</v>
      </c>
      <c r="M7418">
        <f t="shared" si="829"/>
        <v>0</v>
      </c>
      <c r="N7418" s="45">
        <f t="shared" si="830"/>
        <v>45234.666666648758</v>
      </c>
    </row>
    <row r="7419" spans="2:14" x14ac:dyDescent="0.25">
      <c r="B7419">
        <f t="shared" si="824"/>
        <v>6</v>
      </c>
      <c r="C7419" s="16">
        <v>7385</v>
      </c>
      <c r="D7419" cm="1">
        <f t="array" ref="D7419">IFERROR(INDEX(Jesper!AH$2:AH$366,ROUNDDOWN($C7419/24,0)+1,1)*INDEX($D$3:$AA$30,INDEX(Jesper!$R$2:$R$366,ROW(INDEX(Jesper!AH$2:AH$366,ROUNDDOWN($C7419/24,0)+1,1))-1)+IF('Standard Profiles'!$G$18=$B$10,7,0)+IF('Standard Profiles'!$G$18=$B$17,14,0)+IF('Standard Profiles'!$G$18=$B$24,21,0),MOD($C7419,24)+1)/SUM(INDEX($D$3:$AA$30,INDEX(Jesper!$R$2:$R$366,ROW(INDEX(Jesper!AH$2:AH$366,ROUNDDOWN($C7419/24,0)+1,1))-1)+IF('Standard Profiles'!$G$18=$B$10,7,0)+IF('Standard Profiles'!$G$18=$B$17,14,0)+IF('Standard Profiles'!$G$18=$B$24,21,0),0)),0)</f>
        <v>0</v>
      </c>
      <c r="E7419" cm="1">
        <f t="array" ref="E7419">IFERROR(INDEX(Jesper!AI$2:AI$366,ROUNDDOWN($C7419/24,0)+1,1)*INDEX($D$3:$AA$30,INDEX(Jesper!$R$2:$R$366,ROW(INDEX(Jesper!AI$2:AI$366,ROUNDDOWN($C7419/24,0)+1,1))-1)+IF('Standard Profiles'!$G$19=$B$10,7,0)+IF('Standard Profiles'!$G$19=$B$17,14,0)+IF('Standard Profiles'!$G$19=$B$24,21,0),MOD($C7419,24)+1)/SUM(INDEX($D$3:$AA$30,INDEX(Jesper!$R$2:$R$366,ROW(INDEX(Jesper!AI$2:AI$366,ROUNDDOWN($C7419/24,0)+1,1))-1)+IF('Standard Profiles'!$G$19=$B$10,7,0)+IF('Standard Profiles'!$G$19=$B$17,14,0)+IF('Standard Profiles'!$G$19=$B$24,21,0),0)),0)</f>
        <v>3.9994907007663065</v>
      </c>
      <c r="F7419" cm="1">
        <f t="array" ref="F7419">IFERROR(INDEX(Jesper!AJ$2:AJ$366,ROUNDDOWN($C7419/24,0)+1,1)*INDEX($D$3:$AA$30,INDEX(Jesper!$R$2:$R$366,ROW(INDEX(Jesper!AJ$2:AJ$366,ROUNDDOWN($C7419/24,0)+1,1))-1)+IF('Standard Profiles'!$G$20=$B$10,7,0)+IF('Standard Profiles'!$G$20=$B$17,14,0)+IF('Standard Profiles'!$G$20=$B$24,21,0),MOD($C7419,24)+1)/SUM(INDEX($D$3:$AA$30,INDEX(Jesper!$R$2:$R$366,ROW(INDEX(Jesper!AJ$2:AJ$366,ROUNDDOWN($C7419/24,0)+1,1))-1)+IF('Standard Profiles'!$G$20=$B$10,7,0)+IF('Standard Profiles'!$G$20=$B$17,14,0)+IF('Standard Profiles'!$G$20=$B$24,21,0),0)),0)</f>
        <v>2.965956224885598</v>
      </c>
      <c r="G7419" cm="1">
        <f t="array" ref="G7419">IFERROR(INDEX(Jesper!AK$2:AK$366,ROUNDDOWN($C7419/24,0)+1,1)*INDEX($D$3:$AA$30,INDEX(Jesper!$R$2:$R$366,ROW(INDEX(Jesper!AK$2:AK$366,ROUNDDOWN($C7419/24,0)+1,1))-1)+IF('Standard Profiles'!$G$21=$B$10,7,0)+IF('Standard Profiles'!$G$21=$B$17,14,0)+IF('Standard Profiles'!$G$21=$B$24,21,0),MOD($C7419,24)+1)/SUM(INDEX($D$3:$AA$30,INDEX(Jesper!$R$2:$R$366,ROW(INDEX(Jesper!AK$2:AK$366,ROUNDDOWN($C7419/24,0)+1,1))-1)+IF('Standard Profiles'!$G$21=$B$10,7,0)+IF('Standard Profiles'!$G$21=$B$17,14,0)+IF('Standard Profiles'!$G$21=$B$24,21,0),0)),0)</f>
        <v>3.9987922547369057</v>
      </c>
      <c r="H7419" cm="1">
        <f t="array" ref="H7419">IFERROR(INDEX(Jesper!AL$2:AL$366,ROUNDDOWN($C7419/24,0)+1,1)*INDEX($D$3:$AA$30,INDEX(Jesper!$R$2:$R$366,ROW(INDEX(Jesper!AL$2:AL$366,ROUNDDOWN($C7419/24,0)+1,1))-1)+IF('Standard Profiles'!$G$22=$B$10,7,0)+IF('Standard Profiles'!$G$22=$B$17,14,0)+IF('Standard Profiles'!$G$22=$B$24,21,0),MOD($C7419,24)+1)/SUM(INDEX($D$3:$AA$30,INDEX(Jesper!$R$2:$R$366,ROW(INDEX(Jesper!AL$2:AL$366,ROUNDDOWN($C7419/24,0)+1,1))-1)+IF('Standard Profiles'!$G$22=$B$10,7,0)+IF('Standard Profiles'!$G$22=$B$17,14,0)+IF('Standard Profiles'!$G$22=$B$24,21,0),0)),0)</f>
        <v>2.6640997451816779</v>
      </c>
      <c r="I7419">
        <f t="shared" si="825"/>
        <v>2.557535755374412</v>
      </c>
      <c r="J7419">
        <f t="shared" si="826"/>
        <v>10.590864286104118</v>
      </c>
      <c r="K7419">
        <f t="shared" si="827"/>
        <v>0.31995925606130454</v>
      </c>
      <c r="L7419">
        <f t="shared" si="828"/>
        <v>0.15997962803065227</v>
      </c>
      <c r="M7419">
        <f t="shared" si="829"/>
        <v>0</v>
      </c>
      <c r="N7419" s="45">
        <f t="shared" si="830"/>
        <v>45234.708333315422</v>
      </c>
    </row>
    <row r="7420" spans="2:14" x14ac:dyDescent="0.25">
      <c r="B7420">
        <f t="shared" si="824"/>
        <v>6</v>
      </c>
      <c r="C7420" s="16">
        <v>7386</v>
      </c>
      <c r="D7420" cm="1">
        <f t="array" ref="D7420">IFERROR(INDEX(Jesper!AH$2:AH$366,ROUNDDOWN($C7420/24,0)+1,1)*INDEX($D$3:$AA$30,INDEX(Jesper!$R$2:$R$366,ROW(INDEX(Jesper!AH$2:AH$366,ROUNDDOWN($C7420/24,0)+1,1))-1)+IF('Standard Profiles'!$G$18=$B$10,7,0)+IF('Standard Profiles'!$G$18=$B$17,14,0)+IF('Standard Profiles'!$G$18=$B$24,21,0),MOD($C7420,24)+1)/SUM(INDEX($D$3:$AA$30,INDEX(Jesper!$R$2:$R$366,ROW(INDEX(Jesper!AH$2:AH$366,ROUNDDOWN($C7420/24,0)+1,1))-1)+IF('Standard Profiles'!$G$18=$B$10,7,0)+IF('Standard Profiles'!$G$18=$B$17,14,0)+IF('Standard Profiles'!$G$18=$B$24,21,0),0)),0)</f>
        <v>0</v>
      </c>
      <c r="E7420" cm="1">
        <f t="array" ref="E7420">IFERROR(INDEX(Jesper!AI$2:AI$366,ROUNDDOWN($C7420/24,0)+1,1)*INDEX($D$3:$AA$30,INDEX(Jesper!$R$2:$R$366,ROW(INDEX(Jesper!AI$2:AI$366,ROUNDDOWN($C7420/24,0)+1,1))-1)+IF('Standard Profiles'!$G$19=$B$10,7,0)+IF('Standard Profiles'!$G$19=$B$17,14,0)+IF('Standard Profiles'!$G$19=$B$24,21,0),MOD($C7420,24)+1)/SUM(INDEX($D$3:$AA$30,INDEX(Jesper!$R$2:$R$366,ROW(INDEX(Jesper!AI$2:AI$366,ROUNDDOWN($C7420/24,0)+1,1))-1)+IF('Standard Profiles'!$G$19=$B$10,7,0)+IF('Standard Profiles'!$G$19=$B$17,14,0)+IF('Standard Profiles'!$G$19=$B$24,21,0),0)),0)</f>
        <v>3.9994907007663065</v>
      </c>
      <c r="F7420" cm="1">
        <f t="array" ref="F7420">IFERROR(INDEX(Jesper!AJ$2:AJ$366,ROUNDDOWN($C7420/24,0)+1,1)*INDEX($D$3:$AA$30,INDEX(Jesper!$R$2:$R$366,ROW(INDEX(Jesper!AJ$2:AJ$366,ROUNDDOWN($C7420/24,0)+1,1))-1)+IF('Standard Profiles'!$G$20=$B$10,7,0)+IF('Standard Profiles'!$G$20=$B$17,14,0)+IF('Standard Profiles'!$G$20=$B$24,21,0),MOD($C7420,24)+1)/SUM(INDEX($D$3:$AA$30,INDEX(Jesper!$R$2:$R$366,ROW(INDEX(Jesper!AJ$2:AJ$366,ROUNDDOWN($C7420/24,0)+1,1))-1)+IF('Standard Profiles'!$G$20=$B$10,7,0)+IF('Standard Profiles'!$G$20=$B$17,14,0)+IF('Standard Profiles'!$G$20=$B$24,21,0),0)),0)</f>
        <v>2.965956224885598</v>
      </c>
      <c r="G7420" cm="1">
        <f t="array" ref="G7420">IFERROR(INDEX(Jesper!AK$2:AK$366,ROUNDDOWN($C7420/24,0)+1,1)*INDEX($D$3:$AA$30,INDEX(Jesper!$R$2:$R$366,ROW(INDEX(Jesper!AK$2:AK$366,ROUNDDOWN($C7420/24,0)+1,1))-1)+IF('Standard Profiles'!$G$21=$B$10,7,0)+IF('Standard Profiles'!$G$21=$B$17,14,0)+IF('Standard Profiles'!$G$21=$B$24,21,0),MOD($C7420,24)+1)/SUM(INDEX($D$3:$AA$30,INDEX(Jesper!$R$2:$R$366,ROW(INDEX(Jesper!AK$2:AK$366,ROUNDDOWN($C7420/24,0)+1,1))-1)+IF('Standard Profiles'!$G$21=$B$10,7,0)+IF('Standard Profiles'!$G$21=$B$17,14,0)+IF('Standard Profiles'!$G$21=$B$24,21,0),0)),0)</f>
        <v>3.9987922547369057</v>
      </c>
      <c r="H7420" cm="1">
        <f t="array" ref="H7420">IFERROR(INDEX(Jesper!AL$2:AL$366,ROUNDDOWN($C7420/24,0)+1,1)*INDEX($D$3:$AA$30,INDEX(Jesper!$R$2:$R$366,ROW(INDEX(Jesper!AL$2:AL$366,ROUNDDOWN($C7420/24,0)+1,1))-1)+IF('Standard Profiles'!$G$22=$B$10,7,0)+IF('Standard Profiles'!$G$22=$B$17,14,0)+IF('Standard Profiles'!$G$22=$B$24,21,0),MOD($C7420,24)+1)/SUM(INDEX($D$3:$AA$30,INDEX(Jesper!$R$2:$R$366,ROW(INDEX(Jesper!AL$2:AL$366,ROUNDDOWN($C7420/24,0)+1,1))-1)+IF('Standard Profiles'!$G$22=$B$10,7,0)+IF('Standard Profiles'!$G$22=$B$17,14,0)+IF('Standard Profiles'!$G$22=$B$24,21,0),0)),0)</f>
        <v>2.5654293842490228</v>
      </c>
      <c r="I7420">
        <f t="shared" si="825"/>
        <v>2.4628122088790634</v>
      </c>
      <c r="J7420">
        <f t="shared" si="826"/>
        <v>10.586917471666812</v>
      </c>
      <c r="K7420">
        <f t="shared" si="827"/>
        <v>0.31995925606130454</v>
      </c>
      <c r="L7420">
        <f t="shared" si="828"/>
        <v>0.15997962803065227</v>
      </c>
      <c r="M7420">
        <f t="shared" si="829"/>
        <v>0</v>
      </c>
      <c r="N7420" s="45">
        <f t="shared" si="830"/>
        <v>45234.749999982087</v>
      </c>
    </row>
    <row r="7421" spans="2:14" x14ac:dyDescent="0.25">
      <c r="B7421">
        <f t="shared" si="824"/>
        <v>6</v>
      </c>
      <c r="C7421" s="16">
        <v>7387</v>
      </c>
      <c r="D7421" cm="1">
        <f t="array" ref="D7421">IFERROR(INDEX(Jesper!AH$2:AH$366,ROUNDDOWN($C7421/24,0)+1,1)*INDEX($D$3:$AA$30,INDEX(Jesper!$R$2:$R$366,ROW(INDEX(Jesper!AH$2:AH$366,ROUNDDOWN($C7421/24,0)+1,1))-1)+IF('Standard Profiles'!$G$18=$B$10,7,0)+IF('Standard Profiles'!$G$18=$B$17,14,0)+IF('Standard Profiles'!$G$18=$B$24,21,0),MOD($C7421,24)+1)/SUM(INDEX($D$3:$AA$30,INDEX(Jesper!$R$2:$R$366,ROW(INDEX(Jesper!AH$2:AH$366,ROUNDDOWN($C7421/24,0)+1,1))-1)+IF('Standard Profiles'!$G$18=$B$10,7,0)+IF('Standard Profiles'!$G$18=$B$17,14,0)+IF('Standard Profiles'!$G$18=$B$24,21,0),0)),0)</f>
        <v>0</v>
      </c>
      <c r="E7421" cm="1">
        <f t="array" ref="E7421">IFERROR(INDEX(Jesper!AI$2:AI$366,ROUNDDOWN($C7421/24,0)+1,1)*INDEX($D$3:$AA$30,INDEX(Jesper!$R$2:$R$366,ROW(INDEX(Jesper!AI$2:AI$366,ROUNDDOWN($C7421/24,0)+1,1))-1)+IF('Standard Profiles'!$G$19=$B$10,7,0)+IF('Standard Profiles'!$G$19=$B$17,14,0)+IF('Standard Profiles'!$G$19=$B$24,21,0),MOD($C7421,24)+1)/SUM(INDEX($D$3:$AA$30,INDEX(Jesper!$R$2:$R$366,ROW(INDEX(Jesper!AI$2:AI$366,ROUNDDOWN($C7421/24,0)+1,1))-1)+IF('Standard Profiles'!$G$19=$B$10,7,0)+IF('Standard Profiles'!$G$19=$B$17,14,0)+IF('Standard Profiles'!$G$19=$B$24,21,0),0)),0)</f>
        <v>3.9994907007663065</v>
      </c>
      <c r="F7421" cm="1">
        <f t="array" ref="F7421">IFERROR(INDEX(Jesper!AJ$2:AJ$366,ROUNDDOWN($C7421/24,0)+1,1)*INDEX($D$3:$AA$30,INDEX(Jesper!$R$2:$R$366,ROW(INDEX(Jesper!AJ$2:AJ$366,ROUNDDOWN($C7421/24,0)+1,1))-1)+IF('Standard Profiles'!$G$20=$B$10,7,0)+IF('Standard Profiles'!$G$20=$B$17,14,0)+IF('Standard Profiles'!$G$20=$B$24,21,0),MOD($C7421,24)+1)/SUM(INDEX($D$3:$AA$30,INDEX(Jesper!$R$2:$R$366,ROW(INDEX(Jesper!AJ$2:AJ$366,ROUNDDOWN($C7421/24,0)+1,1))-1)+IF('Standard Profiles'!$G$20=$B$10,7,0)+IF('Standard Profiles'!$G$20=$B$17,14,0)+IF('Standard Profiles'!$G$20=$B$24,21,0),0)),0)</f>
        <v>2.965956224885598</v>
      </c>
      <c r="G7421" cm="1">
        <f t="array" ref="G7421">IFERROR(INDEX(Jesper!AK$2:AK$366,ROUNDDOWN($C7421/24,0)+1,1)*INDEX($D$3:$AA$30,INDEX(Jesper!$R$2:$R$366,ROW(INDEX(Jesper!AK$2:AK$366,ROUNDDOWN($C7421/24,0)+1,1))-1)+IF('Standard Profiles'!$G$21=$B$10,7,0)+IF('Standard Profiles'!$G$21=$B$17,14,0)+IF('Standard Profiles'!$G$21=$B$24,21,0),MOD($C7421,24)+1)/SUM(INDEX($D$3:$AA$30,INDEX(Jesper!$R$2:$R$366,ROW(INDEX(Jesper!AK$2:AK$366,ROUNDDOWN($C7421/24,0)+1,1))-1)+IF('Standard Profiles'!$G$21=$B$10,7,0)+IF('Standard Profiles'!$G$21=$B$17,14,0)+IF('Standard Profiles'!$G$21=$B$24,21,0),0)),0)</f>
        <v>3.9987922547369057</v>
      </c>
      <c r="H7421" cm="1">
        <f t="array" ref="H7421">IFERROR(INDEX(Jesper!AL$2:AL$366,ROUNDDOWN($C7421/24,0)+1,1)*INDEX($D$3:$AA$30,INDEX(Jesper!$R$2:$R$366,ROW(INDEX(Jesper!AL$2:AL$366,ROUNDDOWN($C7421/24,0)+1,1))-1)+IF('Standard Profiles'!$G$22=$B$10,7,0)+IF('Standard Profiles'!$G$22=$B$17,14,0)+IF('Standard Profiles'!$G$22=$B$24,21,0),MOD($C7421,24)+1)/SUM(INDEX($D$3:$AA$30,INDEX(Jesper!$R$2:$R$366,ROW(INDEX(Jesper!AL$2:AL$366,ROUNDDOWN($C7421/24,0)+1,1))-1)+IF('Standard Profiles'!$G$22=$B$10,7,0)+IF('Standard Profiles'!$G$22=$B$17,14,0)+IF('Standard Profiles'!$G$22=$B$24,21,0),0)),0)</f>
        <v>2.0720775795857489</v>
      </c>
      <c r="I7421">
        <f t="shared" si="825"/>
        <v>1.9891944764023199</v>
      </c>
      <c r="J7421">
        <f t="shared" si="826"/>
        <v>10.567183399480282</v>
      </c>
      <c r="K7421">
        <f t="shared" si="827"/>
        <v>0.31995925606130454</v>
      </c>
      <c r="L7421">
        <f t="shared" si="828"/>
        <v>0.15997962803065227</v>
      </c>
      <c r="M7421">
        <f t="shared" si="829"/>
        <v>0</v>
      </c>
      <c r="N7421" s="45">
        <f t="shared" si="830"/>
        <v>45234.791666648751</v>
      </c>
    </row>
    <row r="7422" spans="2:14" x14ac:dyDescent="0.25">
      <c r="B7422">
        <f t="shared" si="824"/>
        <v>6</v>
      </c>
      <c r="C7422" s="16">
        <v>7388</v>
      </c>
      <c r="D7422" cm="1">
        <f t="array" ref="D7422">IFERROR(INDEX(Jesper!AH$2:AH$366,ROUNDDOWN($C7422/24,0)+1,1)*INDEX($D$3:$AA$30,INDEX(Jesper!$R$2:$R$366,ROW(INDEX(Jesper!AH$2:AH$366,ROUNDDOWN($C7422/24,0)+1,1))-1)+IF('Standard Profiles'!$G$18=$B$10,7,0)+IF('Standard Profiles'!$G$18=$B$17,14,0)+IF('Standard Profiles'!$G$18=$B$24,21,0),MOD($C7422,24)+1)/SUM(INDEX($D$3:$AA$30,INDEX(Jesper!$R$2:$R$366,ROW(INDEX(Jesper!AH$2:AH$366,ROUNDDOWN($C7422/24,0)+1,1))-1)+IF('Standard Profiles'!$G$18=$B$10,7,0)+IF('Standard Profiles'!$G$18=$B$17,14,0)+IF('Standard Profiles'!$G$18=$B$24,21,0),0)),0)</f>
        <v>0</v>
      </c>
      <c r="E7422" cm="1">
        <f t="array" ref="E7422">IFERROR(INDEX(Jesper!AI$2:AI$366,ROUNDDOWN($C7422/24,0)+1,1)*INDEX($D$3:$AA$30,INDEX(Jesper!$R$2:$R$366,ROW(INDEX(Jesper!AI$2:AI$366,ROUNDDOWN($C7422/24,0)+1,1))-1)+IF('Standard Profiles'!$G$19=$B$10,7,0)+IF('Standard Profiles'!$G$19=$B$17,14,0)+IF('Standard Profiles'!$G$19=$B$24,21,0),MOD($C7422,24)+1)/SUM(INDEX($D$3:$AA$30,INDEX(Jesper!$R$2:$R$366,ROW(INDEX(Jesper!AI$2:AI$366,ROUNDDOWN($C7422/24,0)+1,1))-1)+IF('Standard Profiles'!$G$19=$B$10,7,0)+IF('Standard Profiles'!$G$19=$B$17,14,0)+IF('Standard Profiles'!$G$19=$B$24,21,0),0)),0)</f>
        <v>3.9994907007663065</v>
      </c>
      <c r="F7422" cm="1">
        <f t="array" ref="F7422">IFERROR(INDEX(Jesper!AJ$2:AJ$366,ROUNDDOWN($C7422/24,0)+1,1)*INDEX($D$3:$AA$30,INDEX(Jesper!$R$2:$R$366,ROW(INDEX(Jesper!AJ$2:AJ$366,ROUNDDOWN($C7422/24,0)+1,1))-1)+IF('Standard Profiles'!$G$20=$B$10,7,0)+IF('Standard Profiles'!$G$20=$B$17,14,0)+IF('Standard Profiles'!$G$20=$B$24,21,0),MOD($C7422,24)+1)/SUM(INDEX($D$3:$AA$30,INDEX(Jesper!$R$2:$R$366,ROW(INDEX(Jesper!AJ$2:AJ$366,ROUNDDOWN($C7422/24,0)+1,1))-1)+IF('Standard Profiles'!$G$20=$B$10,7,0)+IF('Standard Profiles'!$G$20=$B$17,14,0)+IF('Standard Profiles'!$G$20=$B$24,21,0),0)),0)</f>
        <v>2.965956224885598</v>
      </c>
      <c r="G7422" cm="1">
        <f t="array" ref="G7422">IFERROR(INDEX(Jesper!AK$2:AK$366,ROUNDDOWN($C7422/24,0)+1,1)*INDEX($D$3:$AA$30,INDEX(Jesper!$R$2:$R$366,ROW(INDEX(Jesper!AK$2:AK$366,ROUNDDOWN($C7422/24,0)+1,1))-1)+IF('Standard Profiles'!$G$21=$B$10,7,0)+IF('Standard Profiles'!$G$21=$B$17,14,0)+IF('Standard Profiles'!$G$21=$B$24,21,0),MOD($C7422,24)+1)/SUM(INDEX($D$3:$AA$30,INDEX(Jesper!$R$2:$R$366,ROW(INDEX(Jesper!AK$2:AK$366,ROUNDDOWN($C7422/24,0)+1,1))-1)+IF('Standard Profiles'!$G$21=$B$10,7,0)+IF('Standard Profiles'!$G$21=$B$17,14,0)+IF('Standard Profiles'!$G$21=$B$24,21,0),0)),0)</f>
        <v>3.9987922547369057</v>
      </c>
      <c r="H7422" cm="1">
        <f t="array" ref="H7422">IFERROR(INDEX(Jesper!AL$2:AL$366,ROUNDDOWN($C7422/24,0)+1,1)*INDEX($D$3:$AA$30,INDEX(Jesper!$R$2:$R$366,ROW(INDEX(Jesper!AL$2:AL$366,ROUNDDOWN($C7422/24,0)+1,1))-1)+IF('Standard Profiles'!$G$22=$B$10,7,0)+IF('Standard Profiles'!$G$22=$B$17,14,0)+IF('Standard Profiles'!$G$22=$B$24,21,0),MOD($C7422,24)+1)/SUM(INDEX($D$3:$AA$30,INDEX(Jesper!$R$2:$R$366,ROW(INDEX(Jesper!AL$2:AL$366,ROUNDDOWN($C7422/24,0)+1,1))-1)+IF('Standard Profiles'!$G$22=$B$10,7,0)+IF('Standard Profiles'!$G$22=$B$17,14,0)+IF('Standard Profiles'!$G$22=$B$24,21,0),0)),0)</f>
        <v>1.5293905944561481</v>
      </c>
      <c r="I7422">
        <f t="shared" si="825"/>
        <v>1.4682149706779031</v>
      </c>
      <c r="J7422">
        <f t="shared" si="826"/>
        <v>10.545475920075098</v>
      </c>
      <c r="K7422">
        <f t="shared" si="827"/>
        <v>0.31995925606130454</v>
      </c>
      <c r="L7422">
        <f t="shared" si="828"/>
        <v>0.15997962803065227</v>
      </c>
      <c r="M7422">
        <f t="shared" si="829"/>
        <v>0</v>
      </c>
      <c r="N7422" s="45">
        <f t="shared" si="830"/>
        <v>45234.833333315415</v>
      </c>
    </row>
    <row r="7423" spans="2:14" x14ac:dyDescent="0.25">
      <c r="B7423">
        <f t="shared" si="824"/>
        <v>6</v>
      </c>
      <c r="C7423" s="16">
        <v>7389</v>
      </c>
      <c r="D7423" cm="1">
        <f t="array" ref="D7423">IFERROR(INDEX(Jesper!AH$2:AH$366,ROUNDDOWN($C7423/24,0)+1,1)*INDEX($D$3:$AA$30,INDEX(Jesper!$R$2:$R$366,ROW(INDEX(Jesper!AH$2:AH$366,ROUNDDOWN($C7423/24,0)+1,1))-1)+IF('Standard Profiles'!$G$18=$B$10,7,0)+IF('Standard Profiles'!$G$18=$B$17,14,0)+IF('Standard Profiles'!$G$18=$B$24,21,0),MOD($C7423,24)+1)/SUM(INDEX($D$3:$AA$30,INDEX(Jesper!$R$2:$R$366,ROW(INDEX(Jesper!AH$2:AH$366,ROUNDDOWN($C7423/24,0)+1,1))-1)+IF('Standard Profiles'!$G$18=$B$10,7,0)+IF('Standard Profiles'!$G$18=$B$17,14,0)+IF('Standard Profiles'!$G$18=$B$24,21,0),0)),0)</f>
        <v>0</v>
      </c>
      <c r="E7423" cm="1">
        <f t="array" ref="E7423">IFERROR(INDEX(Jesper!AI$2:AI$366,ROUNDDOWN($C7423/24,0)+1,1)*INDEX($D$3:$AA$30,INDEX(Jesper!$R$2:$R$366,ROW(INDEX(Jesper!AI$2:AI$366,ROUNDDOWN($C7423/24,0)+1,1))-1)+IF('Standard Profiles'!$G$19=$B$10,7,0)+IF('Standard Profiles'!$G$19=$B$17,14,0)+IF('Standard Profiles'!$G$19=$B$24,21,0),MOD($C7423,24)+1)/SUM(INDEX($D$3:$AA$30,INDEX(Jesper!$R$2:$R$366,ROW(INDEX(Jesper!AI$2:AI$366,ROUNDDOWN($C7423/24,0)+1,1))-1)+IF('Standard Profiles'!$G$19=$B$10,7,0)+IF('Standard Profiles'!$G$19=$B$17,14,0)+IF('Standard Profiles'!$G$19=$B$24,21,0),0)),0)</f>
        <v>3.9994907007663065</v>
      </c>
      <c r="F7423" cm="1">
        <f t="array" ref="F7423">IFERROR(INDEX(Jesper!AJ$2:AJ$366,ROUNDDOWN($C7423/24,0)+1,1)*INDEX($D$3:$AA$30,INDEX(Jesper!$R$2:$R$366,ROW(INDEX(Jesper!AJ$2:AJ$366,ROUNDDOWN($C7423/24,0)+1,1))-1)+IF('Standard Profiles'!$G$20=$B$10,7,0)+IF('Standard Profiles'!$G$20=$B$17,14,0)+IF('Standard Profiles'!$G$20=$B$24,21,0),MOD($C7423,24)+1)/SUM(INDEX($D$3:$AA$30,INDEX(Jesper!$R$2:$R$366,ROW(INDEX(Jesper!AJ$2:AJ$366,ROUNDDOWN($C7423/24,0)+1,1))-1)+IF('Standard Profiles'!$G$20=$B$10,7,0)+IF('Standard Profiles'!$G$20=$B$17,14,0)+IF('Standard Profiles'!$G$20=$B$24,21,0),0)),0)</f>
        <v>2.965956224885598</v>
      </c>
      <c r="G7423" cm="1">
        <f t="array" ref="G7423">IFERROR(INDEX(Jesper!AK$2:AK$366,ROUNDDOWN($C7423/24,0)+1,1)*INDEX($D$3:$AA$30,INDEX(Jesper!$R$2:$R$366,ROW(INDEX(Jesper!AK$2:AK$366,ROUNDDOWN($C7423/24,0)+1,1))-1)+IF('Standard Profiles'!$G$21=$B$10,7,0)+IF('Standard Profiles'!$G$21=$B$17,14,0)+IF('Standard Profiles'!$G$21=$B$24,21,0),MOD($C7423,24)+1)/SUM(INDEX($D$3:$AA$30,INDEX(Jesper!$R$2:$R$366,ROW(INDEX(Jesper!AK$2:AK$366,ROUNDDOWN($C7423/24,0)+1,1))-1)+IF('Standard Profiles'!$G$21=$B$10,7,0)+IF('Standard Profiles'!$G$21=$B$17,14,0)+IF('Standard Profiles'!$G$21=$B$24,21,0),0)),0)</f>
        <v>3.9987922547369057</v>
      </c>
      <c r="H7423" cm="1">
        <f t="array" ref="H7423">IFERROR(INDEX(Jesper!AL$2:AL$366,ROUNDDOWN($C7423/24,0)+1,1)*INDEX($D$3:$AA$30,INDEX(Jesper!$R$2:$R$366,ROW(INDEX(Jesper!AL$2:AL$366,ROUNDDOWN($C7423/24,0)+1,1))-1)+IF('Standard Profiles'!$G$22=$B$10,7,0)+IF('Standard Profiles'!$G$22=$B$17,14,0)+IF('Standard Profiles'!$G$22=$B$24,21,0),MOD($C7423,24)+1)/SUM(INDEX($D$3:$AA$30,INDEX(Jesper!$R$2:$R$366,ROW(INDEX(Jesper!AL$2:AL$366,ROUNDDOWN($C7423/24,0)+1,1))-1)+IF('Standard Profiles'!$G$22=$B$10,7,0)+IF('Standard Profiles'!$G$22=$B$17,14,0)+IF('Standard Profiles'!$G$22=$B$24,21,0),0)),0)</f>
        <v>1.5293905944561481</v>
      </c>
      <c r="I7423">
        <f t="shared" si="825"/>
        <v>1.4682149706779031</v>
      </c>
      <c r="J7423">
        <f t="shared" si="826"/>
        <v>10.545475920075098</v>
      </c>
      <c r="K7423">
        <f t="shared" si="827"/>
        <v>0.31995925606130454</v>
      </c>
      <c r="L7423">
        <f t="shared" si="828"/>
        <v>0.15997962803065227</v>
      </c>
      <c r="M7423">
        <f t="shared" si="829"/>
        <v>0</v>
      </c>
      <c r="N7423" s="45">
        <f t="shared" si="830"/>
        <v>45234.874999982079</v>
      </c>
    </row>
    <row r="7424" spans="2:14" x14ac:dyDescent="0.25">
      <c r="B7424">
        <f t="shared" si="824"/>
        <v>6</v>
      </c>
      <c r="C7424" s="16">
        <v>7390</v>
      </c>
      <c r="D7424" cm="1">
        <f t="array" ref="D7424">IFERROR(INDEX(Jesper!AH$2:AH$366,ROUNDDOWN($C7424/24,0)+1,1)*INDEX($D$3:$AA$30,INDEX(Jesper!$R$2:$R$366,ROW(INDEX(Jesper!AH$2:AH$366,ROUNDDOWN($C7424/24,0)+1,1))-1)+IF('Standard Profiles'!$G$18=$B$10,7,0)+IF('Standard Profiles'!$G$18=$B$17,14,0)+IF('Standard Profiles'!$G$18=$B$24,21,0),MOD($C7424,24)+1)/SUM(INDEX($D$3:$AA$30,INDEX(Jesper!$R$2:$R$366,ROW(INDEX(Jesper!AH$2:AH$366,ROUNDDOWN($C7424/24,0)+1,1))-1)+IF('Standard Profiles'!$G$18=$B$10,7,0)+IF('Standard Profiles'!$G$18=$B$17,14,0)+IF('Standard Profiles'!$G$18=$B$24,21,0),0)),0)</f>
        <v>0</v>
      </c>
      <c r="E7424" cm="1">
        <f t="array" ref="E7424">IFERROR(INDEX(Jesper!AI$2:AI$366,ROUNDDOWN($C7424/24,0)+1,1)*INDEX($D$3:$AA$30,INDEX(Jesper!$R$2:$R$366,ROW(INDEX(Jesper!AI$2:AI$366,ROUNDDOWN($C7424/24,0)+1,1))-1)+IF('Standard Profiles'!$G$19=$B$10,7,0)+IF('Standard Profiles'!$G$19=$B$17,14,0)+IF('Standard Profiles'!$G$19=$B$24,21,0),MOD($C7424,24)+1)/SUM(INDEX($D$3:$AA$30,INDEX(Jesper!$R$2:$R$366,ROW(INDEX(Jesper!AI$2:AI$366,ROUNDDOWN($C7424/24,0)+1,1))-1)+IF('Standard Profiles'!$G$19=$B$10,7,0)+IF('Standard Profiles'!$G$19=$B$17,14,0)+IF('Standard Profiles'!$G$19=$B$24,21,0),0)),0)</f>
        <v>3.9994907007663065</v>
      </c>
      <c r="F7424" cm="1">
        <f t="array" ref="F7424">IFERROR(INDEX(Jesper!AJ$2:AJ$366,ROUNDDOWN($C7424/24,0)+1,1)*INDEX($D$3:$AA$30,INDEX(Jesper!$R$2:$R$366,ROW(INDEX(Jesper!AJ$2:AJ$366,ROUNDDOWN($C7424/24,0)+1,1))-1)+IF('Standard Profiles'!$G$20=$B$10,7,0)+IF('Standard Profiles'!$G$20=$B$17,14,0)+IF('Standard Profiles'!$G$20=$B$24,21,0),MOD($C7424,24)+1)/SUM(INDEX($D$3:$AA$30,INDEX(Jesper!$R$2:$R$366,ROW(INDEX(Jesper!AJ$2:AJ$366,ROUNDDOWN($C7424/24,0)+1,1))-1)+IF('Standard Profiles'!$G$20=$B$10,7,0)+IF('Standard Profiles'!$G$20=$B$17,14,0)+IF('Standard Profiles'!$G$20=$B$24,21,0),0)),0)</f>
        <v>2.965956224885598</v>
      </c>
      <c r="G7424" cm="1">
        <f t="array" ref="G7424">IFERROR(INDEX(Jesper!AK$2:AK$366,ROUNDDOWN($C7424/24,0)+1,1)*INDEX($D$3:$AA$30,INDEX(Jesper!$R$2:$R$366,ROW(INDEX(Jesper!AK$2:AK$366,ROUNDDOWN($C7424/24,0)+1,1))-1)+IF('Standard Profiles'!$G$21=$B$10,7,0)+IF('Standard Profiles'!$G$21=$B$17,14,0)+IF('Standard Profiles'!$G$21=$B$24,21,0),MOD($C7424,24)+1)/SUM(INDEX($D$3:$AA$30,INDEX(Jesper!$R$2:$R$366,ROW(INDEX(Jesper!AK$2:AK$366,ROUNDDOWN($C7424/24,0)+1,1))-1)+IF('Standard Profiles'!$G$21=$B$10,7,0)+IF('Standard Profiles'!$G$21=$B$17,14,0)+IF('Standard Profiles'!$G$21=$B$24,21,0),0)),0)</f>
        <v>3.9987922547369057</v>
      </c>
      <c r="H7424" cm="1">
        <f t="array" ref="H7424">IFERROR(INDEX(Jesper!AL$2:AL$366,ROUNDDOWN($C7424/24,0)+1,1)*INDEX($D$3:$AA$30,INDEX(Jesper!$R$2:$R$366,ROW(INDEX(Jesper!AL$2:AL$366,ROUNDDOWN($C7424/24,0)+1,1))-1)+IF('Standard Profiles'!$G$22=$B$10,7,0)+IF('Standard Profiles'!$G$22=$B$17,14,0)+IF('Standard Profiles'!$G$22=$B$24,21,0),MOD($C7424,24)+1)/SUM(INDEX($D$3:$AA$30,INDEX(Jesper!$R$2:$R$366,ROW(INDEX(Jesper!AL$2:AL$366,ROUNDDOWN($C7424/24,0)+1,1))-1)+IF('Standard Profiles'!$G$22=$B$10,7,0)+IF('Standard Profiles'!$G$22=$B$17,14,0)+IF('Standard Profiles'!$G$22=$B$24,21,0),0)),0)</f>
        <v>1.5293905944561481</v>
      </c>
      <c r="I7424">
        <f t="shared" si="825"/>
        <v>1.4682149706779031</v>
      </c>
      <c r="J7424">
        <f t="shared" si="826"/>
        <v>10.545475920075098</v>
      </c>
      <c r="K7424">
        <f t="shared" si="827"/>
        <v>0.31995925606130454</v>
      </c>
      <c r="L7424">
        <f t="shared" si="828"/>
        <v>0.15997962803065227</v>
      </c>
      <c r="M7424">
        <f t="shared" si="829"/>
        <v>0</v>
      </c>
      <c r="N7424" s="45">
        <f t="shared" si="830"/>
        <v>45234.916666648744</v>
      </c>
    </row>
    <row r="7425" spans="2:14" x14ac:dyDescent="0.25">
      <c r="B7425">
        <f t="shared" si="824"/>
        <v>6</v>
      </c>
      <c r="C7425" s="16">
        <v>7391</v>
      </c>
      <c r="D7425" cm="1">
        <f t="array" ref="D7425">IFERROR(INDEX(Jesper!AH$2:AH$366,ROUNDDOWN($C7425/24,0)+1,1)*INDEX($D$3:$AA$30,INDEX(Jesper!$R$2:$R$366,ROW(INDEX(Jesper!AH$2:AH$366,ROUNDDOWN($C7425/24,0)+1,1))-1)+IF('Standard Profiles'!$G$18=$B$10,7,0)+IF('Standard Profiles'!$G$18=$B$17,14,0)+IF('Standard Profiles'!$G$18=$B$24,21,0),MOD($C7425,24)+1)/SUM(INDEX($D$3:$AA$30,INDEX(Jesper!$R$2:$R$366,ROW(INDEX(Jesper!AH$2:AH$366,ROUNDDOWN($C7425/24,0)+1,1))-1)+IF('Standard Profiles'!$G$18=$B$10,7,0)+IF('Standard Profiles'!$G$18=$B$17,14,0)+IF('Standard Profiles'!$G$18=$B$24,21,0),0)),0)</f>
        <v>0</v>
      </c>
      <c r="E7425" cm="1">
        <f t="array" ref="E7425">IFERROR(INDEX(Jesper!AI$2:AI$366,ROUNDDOWN($C7425/24,0)+1,1)*INDEX($D$3:$AA$30,INDEX(Jesper!$R$2:$R$366,ROW(INDEX(Jesper!AI$2:AI$366,ROUNDDOWN($C7425/24,0)+1,1))-1)+IF('Standard Profiles'!$G$19=$B$10,7,0)+IF('Standard Profiles'!$G$19=$B$17,14,0)+IF('Standard Profiles'!$G$19=$B$24,21,0),MOD($C7425,24)+1)/SUM(INDEX($D$3:$AA$30,INDEX(Jesper!$R$2:$R$366,ROW(INDEX(Jesper!AI$2:AI$366,ROUNDDOWN($C7425/24,0)+1,1))-1)+IF('Standard Profiles'!$G$19=$B$10,7,0)+IF('Standard Profiles'!$G$19=$B$17,14,0)+IF('Standard Profiles'!$G$19=$B$24,21,0),0)),0)</f>
        <v>3.9994907007663065</v>
      </c>
      <c r="F7425" cm="1">
        <f t="array" ref="F7425">IFERROR(INDEX(Jesper!AJ$2:AJ$366,ROUNDDOWN($C7425/24,0)+1,1)*INDEX($D$3:$AA$30,INDEX(Jesper!$R$2:$R$366,ROW(INDEX(Jesper!AJ$2:AJ$366,ROUNDDOWN($C7425/24,0)+1,1))-1)+IF('Standard Profiles'!$G$20=$B$10,7,0)+IF('Standard Profiles'!$G$20=$B$17,14,0)+IF('Standard Profiles'!$G$20=$B$24,21,0),MOD($C7425,24)+1)/SUM(INDEX($D$3:$AA$30,INDEX(Jesper!$R$2:$R$366,ROW(INDEX(Jesper!AJ$2:AJ$366,ROUNDDOWN($C7425/24,0)+1,1))-1)+IF('Standard Profiles'!$G$20=$B$10,7,0)+IF('Standard Profiles'!$G$20=$B$17,14,0)+IF('Standard Profiles'!$G$20=$B$24,21,0),0)),0)</f>
        <v>2.965956224885598</v>
      </c>
      <c r="G7425" cm="1">
        <f t="array" ref="G7425">IFERROR(INDEX(Jesper!AK$2:AK$366,ROUNDDOWN($C7425/24,0)+1,1)*INDEX($D$3:$AA$30,INDEX(Jesper!$R$2:$R$366,ROW(INDEX(Jesper!AK$2:AK$366,ROUNDDOWN($C7425/24,0)+1,1))-1)+IF('Standard Profiles'!$G$21=$B$10,7,0)+IF('Standard Profiles'!$G$21=$B$17,14,0)+IF('Standard Profiles'!$G$21=$B$24,21,0),MOD($C7425,24)+1)/SUM(INDEX($D$3:$AA$30,INDEX(Jesper!$R$2:$R$366,ROW(INDEX(Jesper!AK$2:AK$366,ROUNDDOWN($C7425/24,0)+1,1))-1)+IF('Standard Profiles'!$G$21=$B$10,7,0)+IF('Standard Profiles'!$G$21=$B$17,14,0)+IF('Standard Profiles'!$G$21=$B$24,21,0),0)),0)</f>
        <v>3.9987922547369057</v>
      </c>
      <c r="H7425" cm="1">
        <f t="array" ref="H7425">IFERROR(INDEX(Jesper!AL$2:AL$366,ROUNDDOWN($C7425/24,0)+1,1)*INDEX($D$3:$AA$30,INDEX(Jesper!$R$2:$R$366,ROW(INDEX(Jesper!AL$2:AL$366,ROUNDDOWN($C7425/24,0)+1,1))-1)+IF('Standard Profiles'!$G$22=$B$10,7,0)+IF('Standard Profiles'!$G$22=$B$17,14,0)+IF('Standard Profiles'!$G$22=$B$24,21,0),MOD($C7425,24)+1)/SUM(INDEX($D$3:$AA$30,INDEX(Jesper!$R$2:$R$366,ROW(INDEX(Jesper!AL$2:AL$366,ROUNDDOWN($C7425/24,0)+1,1))-1)+IF('Standard Profiles'!$G$22=$B$10,7,0)+IF('Standard Profiles'!$G$22=$B$17,14,0)+IF('Standard Profiles'!$G$22=$B$24,21,0),0)),0)</f>
        <v>1.5293905944561481</v>
      </c>
      <c r="I7425">
        <f t="shared" si="825"/>
        <v>1.4682149706779031</v>
      </c>
      <c r="J7425">
        <f t="shared" si="826"/>
        <v>10.545475920075098</v>
      </c>
      <c r="K7425">
        <f t="shared" si="827"/>
        <v>0.31995925606130454</v>
      </c>
      <c r="L7425">
        <f t="shared" si="828"/>
        <v>0.15997962803065227</v>
      </c>
      <c r="M7425">
        <f t="shared" si="829"/>
        <v>0</v>
      </c>
      <c r="N7425" s="45">
        <f t="shared" si="830"/>
        <v>45234.958333315408</v>
      </c>
    </row>
    <row r="7426" spans="2:14" x14ac:dyDescent="0.25">
      <c r="B7426">
        <f t="shared" si="824"/>
        <v>7</v>
      </c>
      <c r="C7426" s="16">
        <v>7392</v>
      </c>
      <c r="D7426" cm="1">
        <f t="array" ref="D7426">IFERROR(INDEX(Jesper!AH$2:AH$366,ROUNDDOWN($C7426/24,0)+1,1)*INDEX($D$3:$AA$30,INDEX(Jesper!$R$2:$R$366,ROW(INDEX(Jesper!AH$2:AH$366,ROUNDDOWN($C7426/24,0)+1,1))-1)+IF('Standard Profiles'!$G$18=$B$10,7,0)+IF('Standard Profiles'!$G$18=$B$17,14,0)+IF('Standard Profiles'!$G$18=$B$24,21,0),MOD($C7426,24)+1)/SUM(INDEX($D$3:$AA$30,INDEX(Jesper!$R$2:$R$366,ROW(INDEX(Jesper!AH$2:AH$366,ROUNDDOWN($C7426/24,0)+1,1))-1)+IF('Standard Profiles'!$G$18=$B$10,7,0)+IF('Standard Profiles'!$G$18=$B$17,14,0)+IF('Standard Profiles'!$G$18=$B$24,21,0),0)),0)</f>
        <v>0</v>
      </c>
      <c r="E7426" cm="1">
        <f t="array" ref="E7426">IFERROR(INDEX(Jesper!AI$2:AI$366,ROUNDDOWN($C7426/24,0)+1,1)*INDEX($D$3:$AA$30,INDEX(Jesper!$R$2:$R$366,ROW(INDEX(Jesper!AI$2:AI$366,ROUNDDOWN($C7426/24,0)+1,1))-1)+IF('Standard Profiles'!$G$19=$B$10,7,0)+IF('Standard Profiles'!$G$19=$B$17,14,0)+IF('Standard Profiles'!$G$19=$B$24,21,0),MOD($C7426,24)+1)/SUM(INDEX($D$3:$AA$30,INDEX(Jesper!$R$2:$R$366,ROW(INDEX(Jesper!AI$2:AI$366,ROUNDDOWN($C7426/24,0)+1,1))-1)+IF('Standard Profiles'!$G$19=$B$10,7,0)+IF('Standard Profiles'!$G$19=$B$17,14,0)+IF('Standard Profiles'!$G$19=$B$24,21,0),0)),0)</f>
        <v>3.7414854863564528</v>
      </c>
      <c r="F7426" cm="1">
        <f t="array" ref="F7426">IFERROR(INDEX(Jesper!AJ$2:AJ$366,ROUNDDOWN($C7426/24,0)+1,1)*INDEX($D$3:$AA$30,INDEX(Jesper!$R$2:$R$366,ROW(INDEX(Jesper!AJ$2:AJ$366,ROUNDDOWN($C7426/24,0)+1,1))-1)+IF('Standard Profiles'!$G$20=$B$10,7,0)+IF('Standard Profiles'!$G$20=$B$17,14,0)+IF('Standard Profiles'!$G$20=$B$24,21,0),MOD($C7426,24)+1)/SUM(INDEX($D$3:$AA$30,INDEX(Jesper!$R$2:$R$366,ROW(INDEX(Jesper!AJ$2:AJ$366,ROUNDDOWN($C7426/24,0)+1,1))-1)+IF('Standard Profiles'!$G$20=$B$10,7,0)+IF('Standard Profiles'!$G$20=$B$17,14,0)+IF('Standard Profiles'!$G$20=$B$24,21,0),0)),0)</f>
        <v>2.634096907251259</v>
      </c>
      <c r="G7426" cm="1">
        <f t="array" ref="G7426">IFERROR(INDEX(Jesper!AK$2:AK$366,ROUNDDOWN($C7426/24,0)+1,1)*INDEX($D$3:$AA$30,INDEX(Jesper!$R$2:$R$366,ROW(INDEX(Jesper!AK$2:AK$366,ROUNDDOWN($C7426/24,0)+1,1))-1)+IF('Standard Profiles'!$G$21=$B$10,7,0)+IF('Standard Profiles'!$G$21=$B$17,14,0)+IF('Standard Profiles'!$G$21=$B$24,21,0),MOD($C7426,24)+1)/SUM(INDEX($D$3:$AA$30,INDEX(Jesper!$R$2:$R$366,ROW(INDEX(Jesper!AK$2:AK$366,ROUNDDOWN($C7426/24,0)+1,1))-1)+IF('Standard Profiles'!$G$21=$B$10,7,0)+IF('Standard Profiles'!$G$21=$B$17,14,0)+IF('Standard Profiles'!$G$21=$B$24,21,0),0)),0)</f>
        <v>3.2115350410820156</v>
      </c>
      <c r="H7426" cm="1">
        <f t="array" ref="H7426">IFERROR(INDEX(Jesper!AL$2:AL$366,ROUNDDOWN($C7426/24,0)+1,1)*INDEX($D$3:$AA$30,INDEX(Jesper!$R$2:$R$366,ROW(INDEX(Jesper!AL$2:AL$366,ROUNDDOWN($C7426/24,0)+1,1))-1)+IF('Standard Profiles'!$G$22=$B$10,7,0)+IF('Standard Profiles'!$G$22=$B$17,14,0)+IF('Standard Profiles'!$G$22=$B$24,21,0),MOD($C7426,24)+1)/SUM(INDEX($D$3:$AA$30,INDEX(Jesper!$R$2:$R$366,ROW(INDEX(Jesper!AL$2:AL$366,ROUNDDOWN($C7426/24,0)+1,1))-1)+IF('Standard Profiles'!$G$22=$B$10,7,0)+IF('Standard Profiles'!$G$22=$B$17,14,0)+IF('Standard Profiles'!$G$22=$B$24,21,0),0)),0)</f>
        <v>1.3242952320060362</v>
      </c>
      <c r="I7426">
        <f t="shared" si="825"/>
        <v>1.2713234227257955</v>
      </c>
      <c r="J7426">
        <f t="shared" si="826"/>
        <v>9.1911109856071942</v>
      </c>
      <c r="K7426">
        <f t="shared" si="827"/>
        <v>0.29931883890851624</v>
      </c>
      <c r="L7426">
        <f t="shared" si="828"/>
        <v>0.14965941945425812</v>
      </c>
      <c r="M7426">
        <f t="shared" si="829"/>
        <v>0</v>
      </c>
      <c r="N7426" s="45">
        <f t="shared" si="830"/>
        <v>45234.999999982072</v>
      </c>
    </row>
    <row r="7427" spans="2:14" x14ac:dyDescent="0.25">
      <c r="B7427">
        <f t="shared" si="824"/>
        <v>7</v>
      </c>
      <c r="C7427" s="16">
        <v>7393</v>
      </c>
      <c r="D7427" cm="1">
        <f t="array" ref="D7427">IFERROR(INDEX(Jesper!AH$2:AH$366,ROUNDDOWN($C7427/24,0)+1,1)*INDEX($D$3:$AA$30,INDEX(Jesper!$R$2:$R$366,ROW(INDEX(Jesper!AH$2:AH$366,ROUNDDOWN($C7427/24,0)+1,1))-1)+IF('Standard Profiles'!$G$18=$B$10,7,0)+IF('Standard Profiles'!$G$18=$B$17,14,0)+IF('Standard Profiles'!$G$18=$B$24,21,0),MOD($C7427,24)+1)/SUM(INDEX($D$3:$AA$30,INDEX(Jesper!$R$2:$R$366,ROW(INDEX(Jesper!AH$2:AH$366,ROUNDDOWN($C7427/24,0)+1,1))-1)+IF('Standard Profiles'!$G$18=$B$10,7,0)+IF('Standard Profiles'!$G$18=$B$17,14,0)+IF('Standard Profiles'!$G$18=$B$24,21,0),0)),0)</f>
        <v>0</v>
      </c>
      <c r="E7427" cm="1">
        <f t="array" ref="E7427">IFERROR(INDEX(Jesper!AI$2:AI$366,ROUNDDOWN($C7427/24,0)+1,1)*INDEX($D$3:$AA$30,INDEX(Jesper!$R$2:$R$366,ROW(INDEX(Jesper!AI$2:AI$366,ROUNDDOWN($C7427/24,0)+1,1))-1)+IF('Standard Profiles'!$G$19=$B$10,7,0)+IF('Standard Profiles'!$G$19=$B$17,14,0)+IF('Standard Profiles'!$G$19=$B$24,21,0),MOD($C7427,24)+1)/SUM(INDEX($D$3:$AA$30,INDEX(Jesper!$R$2:$R$366,ROW(INDEX(Jesper!AI$2:AI$366,ROUNDDOWN($C7427/24,0)+1,1))-1)+IF('Standard Profiles'!$G$19=$B$10,7,0)+IF('Standard Profiles'!$G$19=$B$17,14,0)+IF('Standard Profiles'!$G$19=$B$24,21,0),0)),0)</f>
        <v>3.7414854863564528</v>
      </c>
      <c r="F7427" cm="1">
        <f t="array" ref="F7427">IFERROR(INDEX(Jesper!AJ$2:AJ$366,ROUNDDOWN($C7427/24,0)+1,1)*INDEX($D$3:$AA$30,INDEX(Jesper!$R$2:$R$366,ROW(INDEX(Jesper!AJ$2:AJ$366,ROUNDDOWN($C7427/24,0)+1,1))-1)+IF('Standard Profiles'!$G$20=$B$10,7,0)+IF('Standard Profiles'!$G$20=$B$17,14,0)+IF('Standard Profiles'!$G$20=$B$24,21,0),MOD($C7427,24)+1)/SUM(INDEX($D$3:$AA$30,INDEX(Jesper!$R$2:$R$366,ROW(INDEX(Jesper!AJ$2:AJ$366,ROUNDDOWN($C7427/24,0)+1,1))-1)+IF('Standard Profiles'!$G$20=$B$10,7,0)+IF('Standard Profiles'!$G$20=$B$17,14,0)+IF('Standard Profiles'!$G$20=$B$24,21,0),0)),0)</f>
        <v>2.634096907251259</v>
      </c>
      <c r="G7427" cm="1">
        <f t="array" ref="G7427">IFERROR(INDEX(Jesper!AK$2:AK$366,ROUNDDOWN($C7427/24,0)+1,1)*INDEX($D$3:$AA$30,INDEX(Jesper!$R$2:$R$366,ROW(INDEX(Jesper!AK$2:AK$366,ROUNDDOWN($C7427/24,0)+1,1))-1)+IF('Standard Profiles'!$G$21=$B$10,7,0)+IF('Standard Profiles'!$G$21=$B$17,14,0)+IF('Standard Profiles'!$G$21=$B$24,21,0),MOD($C7427,24)+1)/SUM(INDEX($D$3:$AA$30,INDEX(Jesper!$R$2:$R$366,ROW(INDEX(Jesper!AK$2:AK$366,ROUNDDOWN($C7427/24,0)+1,1))-1)+IF('Standard Profiles'!$G$21=$B$10,7,0)+IF('Standard Profiles'!$G$21=$B$17,14,0)+IF('Standard Profiles'!$G$21=$B$24,21,0),0)),0)</f>
        <v>3.2115350410820156</v>
      </c>
      <c r="H7427" cm="1">
        <f t="array" ref="H7427">IFERROR(INDEX(Jesper!AL$2:AL$366,ROUNDDOWN($C7427/24,0)+1,1)*INDEX($D$3:$AA$30,INDEX(Jesper!$R$2:$R$366,ROW(INDEX(Jesper!AL$2:AL$366,ROUNDDOWN($C7427/24,0)+1,1))-1)+IF('Standard Profiles'!$G$22=$B$10,7,0)+IF('Standard Profiles'!$G$22=$B$17,14,0)+IF('Standard Profiles'!$G$22=$B$24,21,0),MOD($C7427,24)+1)/SUM(INDEX($D$3:$AA$30,INDEX(Jesper!$R$2:$R$366,ROW(INDEX(Jesper!AL$2:AL$366,ROUNDDOWN($C7427/24,0)+1,1))-1)+IF('Standard Profiles'!$G$22=$B$10,7,0)+IF('Standard Profiles'!$G$22=$B$17,14,0)+IF('Standard Profiles'!$G$22=$B$24,21,0),0)),0)</f>
        <v>1.5378912371683</v>
      </c>
      <c r="I7427">
        <f t="shared" si="825"/>
        <v>1.4763755876815687</v>
      </c>
      <c r="J7427">
        <f t="shared" si="826"/>
        <v>9.1996548258136848</v>
      </c>
      <c r="K7427">
        <f t="shared" si="827"/>
        <v>0.29931883890851624</v>
      </c>
      <c r="L7427">
        <f t="shared" si="828"/>
        <v>0.14965941945425812</v>
      </c>
      <c r="M7427">
        <f t="shared" si="829"/>
        <v>0</v>
      </c>
      <c r="N7427" s="45">
        <f t="shared" si="830"/>
        <v>45235.041666648736</v>
      </c>
    </row>
    <row r="7428" spans="2:14" x14ac:dyDescent="0.25">
      <c r="B7428">
        <f t="shared" si="824"/>
        <v>7</v>
      </c>
      <c r="C7428" s="16">
        <v>7394</v>
      </c>
      <c r="D7428" cm="1">
        <f t="array" ref="D7428">IFERROR(INDEX(Jesper!AH$2:AH$366,ROUNDDOWN($C7428/24,0)+1,1)*INDEX($D$3:$AA$30,INDEX(Jesper!$R$2:$R$366,ROW(INDEX(Jesper!AH$2:AH$366,ROUNDDOWN($C7428/24,0)+1,1))-1)+IF('Standard Profiles'!$G$18=$B$10,7,0)+IF('Standard Profiles'!$G$18=$B$17,14,0)+IF('Standard Profiles'!$G$18=$B$24,21,0),MOD($C7428,24)+1)/SUM(INDEX($D$3:$AA$30,INDEX(Jesper!$R$2:$R$366,ROW(INDEX(Jesper!AH$2:AH$366,ROUNDDOWN($C7428/24,0)+1,1))-1)+IF('Standard Profiles'!$G$18=$B$10,7,0)+IF('Standard Profiles'!$G$18=$B$17,14,0)+IF('Standard Profiles'!$G$18=$B$24,21,0),0)),0)</f>
        <v>0</v>
      </c>
      <c r="E7428" cm="1">
        <f t="array" ref="E7428">IFERROR(INDEX(Jesper!AI$2:AI$366,ROUNDDOWN($C7428/24,0)+1,1)*INDEX($D$3:$AA$30,INDEX(Jesper!$R$2:$R$366,ROW(INDEX(Jesper!AI$2:AI$366,ROUNDDOWN($C7428/24,0)+1,1))-1)+IF('Standard Profiles'!$G$19=$B$10,7,0)+IF('Standard Profiles'!$G$19=$B$17,14,0)+IF('Standard Profiles'!$G$19=$B$24,21,0),MOD($C7428,24)+1)/SUM(INDEX($D$3:$AA$30,INDEX(Jesper!$R$2:$R$366,ROW(INDEX(Jesper!AI$2:AI$366,ROUNDDOWN($C7428/24,0)+1,1))-1)+IF('Standard Profiles'!$G$19=$B$10,7,0)+IF('Standard Profiles'!$G$19=$B$17,14,0)+IF('Standard Profiles'!$G$19=$B$24,21,0),0)),0)</f>
        <v>3.7414854863564528</v>
      </c>
      <c r="F7428" cm="1">
        <f t="array" ref="F7428">IFERROR(INDEX(Jesper!AJ$2:AJ$366,ROUNDDOWN($C7428/24,0)+1,1)*INDEX($D$3:$AA$30,INDEX(Jesper!$R$2:$R$366,ROW(INDEX(Jesper!AJ$2:AJ$366,ROUNDDOWN($C7428/24,0)+1,1))-1)+IF('Standard Profiles'!$G$20=$B$10,7,0)+IF('Standard Profiles'!$G$20=$B$17,14,0)+IF('Standard Profiles'!$G$20=$B$24,21,0),MOD($C7428,24)+1)/SUM(INDEX($D$3:$AA$30,INDEX(Jesper!$R$2:$R$366,ROW(INDEX(Jesper!AJ$2:AJ$366,ROUNDDOWN($C7428/24,0)+1,1))-1)+IF('Standard Profiles'!$G$20=$B$10,7,0)+IF('Standard Profiles'!$G$20=$B$17,14,0)+IF('Standard Profiles'!$G$20=$B$24,21,0),0)),0)</f>
        <v>2.634096907251259</v>
      </c>
      <c r="G7428" cm="1">
        <f t="array" ref="G7428">IFERROR(INDEX(Jesper!AK$2:AK$366,ROUNDDOWN($C7428/24,0)+1,1)*INDEX($D$3:$AA$30,INDEX(Jesper!$R$2:$R$366,ROW(INDEX(Jesper!AK$2:AK$366,ROUNDDOWN($C7428/24,0)+1,1))-1)+IF('Standard Profiles'!$G$21=$B$10,7,0)+IF('Standard Profiles'!$G$21=$B$17,14,0)+IF('Standard Profiles'!$G$21=$B$24,21,0),MOD($C7428,24)+1)/SUM(INDEX($D$3:$AA$30,INDEX(Jesper!$R$2:$R$366,ROW(INDEX(Jesper!AK$2:AK$366,ROUNDDOWN($C7428/24,0)+1,1))-1)+IF('Standard Profiles'!$G$21=$B$10,7,0)+IF('Standard Profiles'!$G$21=$B$17,14,0)+IF('Standard Profiles'!$G$21=$B$24,21,0),0)),0)</f>
        <v>3.2115350410820156</v>
      </c>
      <c r="H7428" cm="1">
        <f t="array" ref="H7428">IFERROR(INDEX(Jesper!AL$2:AL$366,ROUNDDOWN($C7428/24,0)+1,1)*INDEX($D$3:$AA$30,INDEX(Jesper!$R$2:$R$366,ROW(INDEX(Jesper!AL$2:AL$366,ROUNDDOWN($C7428/24,0)+1,1))-1)+IF('Standard Profiles'!$G$22=$B$10,7,0)+IF('Standard Profiles'!$G$22=$B$17,14,0)+IF('Standard Profiles'!$G$22=$B$24,21,0),MOD($C7428,24)+1)/SUM(INDEX($D$3:$AA$30,INDEX(Jesper!$R$2:$R$366,ROW(INDEX(Jesper!AL$2:AL$366,ROUNDDOWN($C7428/24,0)+1,1))-1)+IF('Standard Profiles'!$G$22=$B$10,7,0)+IF('Standard Profiles'!$G$22=$B$17,14,0)+IF('Standard Profiles'!$G$22=$B$24,21,0),0)),0)</f>
        <v>1.5378912371683</v>
      </c>
      <c r="I7428">
        <f t="shared" si="825"/>
        <v>1.4763755876815687</v>
      </c>
      <c r="J7428">
        <f t="shared" si="826"/>
        <v>9.1996548258136848</v>
      </c>
      <c r="K7428">
        <f t="shared" si="827"/>
        <v>0.29931883890851624</v>
      </c>
      <c r="L7428">
        <f t="shared" si="828"/>
        <v>0.14965941945425812</v>
      </c>
      <c r="M7428">
        <f t="shared" si="829"/>
        <v>0</v>
      </c>
      <c r="N7428" s="45">
        <f t="shared" si="830"/>
        <v>45235.083333315401</v>
      </c>
    </row>
    <row r="7429" spans="2:14" x14ac:dyDescent="0.25">
      <c r="B7429">
        <f t="shared" si="824"/>
        <v>7</v>
      </c>
      <c r="C7429" s="16">
        <v>7395</v>
      </c>
      <c r="D7429" cm="1">
        <f t="array" ref="D7429">IFERROR(INDEX(Jesper!AH$2:AH$366,ROUNDDOWN($C7429/24,0)+1,1)*INDEX($D$3:$AA$30,INDEX(Jesper!$R$2:$R$366,ROW(INDEX(Jesper!AH$2:AH$366,ROUNDDOWN($C7429/24,0)+1,1))-1)+IF('Standard Profiles'!$G$18=$B$10,7,0)+IF('Standard Profiles'!$G$18=$B$17,14,0)+IF('Standard Profiles'!$G$18=$B$24,21,0),MOD($C7429,24)+1)/SUM(INDEX($D$3:$AA$30,INDEX(Jesper!$R$2:$R$366,ROW(INDEX(Jesper!AH$2:AH$366,ROUNDDOWN($C7429/24,0)+1,1))-1)+IF('Standard Profiles'!$G$18=$B$10,7,0)+IF('Standard Profiles'!$G$18=$B$17,14,0)+IF('Standard Profiles'!$G$18=$B$24,21,0),0)),0)</f>
        <v>0</v>
      </c>
      <c r="E7429" cm="1">
        <f t="array" ref="E7429">IFERROR(INDEX(Jesper!AI$2:AI$366,ROUNDDOWN($C7429/24,0)+1,1)*INDEX($D$3:$AA$30,INDEX(Jesper!$R$2:$R$366,ROW(INDEX(Jesper!AI$2:AI$366,ROUNDDOWN($C7429/24,0)+1,1))-1)+IF('Standard Profiles'!$G$19=$B$10,7,0)+IF('Standard Profiles'!$G$19=$B$17,14,0)+IF('Standard Profiles'!$G$19=$B$24,21,0),MOD($C7429,24)+1)/SUM(INDEX($D$3:$AA$30,INDEX(Jesper!$R$2:$R$366,ROW(INDEX(Jesper!AI$2:AI$366,ROUNDDOWN($C7429/24,0)+1,1))-1)+IF('Standard Profiles'!$G$19=$B$10,7,0)+IF('Standard Profiles'!$G$19=$B$17,14,0)+IF('Standard Profiles'!$G$19=$B$24,21,0),0)),0)</f>
        <v>3.7414854863564528</v>
      </c>
      <c r="F7429" cm="1">
        <f t="array" ref="F7429">IFERROR(INDEX(Jesper!AJ$2:AJ$366,ROUNDDOWN($C7429/24,0)+1,1)*INDEX($D$3:$AA$30,INDEX(Jesper!$R$2:$R$366,ROW(INDEX(Jesper!AJ$2:AJ$366,ROUNDDOWN($C7429/24,0)+1,1))-1)+IF('Standard Profiles'!$G$20=$B$10,7,0)+IF('Standard Profiles'!$G$20=$B$17,14,0)+IF('Standard Profiles'!$G$20=$B$24,21,0),MOD($C7429,24)+1)/SUM(INDEX($D$3:$AA$30,INDEX(Jesper!$R$2:$R$366,ROW(INDEX(Jesper!AJ$2:AJ$366,ROUNDDOWN($C7429/24,0)+1,1))-1)+IF('Standard Profiles'!$G$20=$B$10,7,0)+IF('Standard Profiles'!$G$20=$B$17,14,0)+IF('Standard Profiles'!$G$20=$B$24,21,0),0)),0)</f>
        <v>2.634096907251259</v>
      </c>
      <c r="G7429" cm="1">
        <f t="array" ref="G7429">IFERROR(INDEX(Jesper!AK$2:AK$366,ROUNDDOWN($C7429/24,0)+1,1)*INDEX($D$3:$AA$30,INDEX(Jesper!$R$2:$R$366,ROW(INDEX(Jesper!AK$2:AK$366,ROUNDDOWN($C7429/24,0)+1,1))-1)+IF('Standard Profiles'!$G$21=$B$10,7,0)+IF('Standard Profiles'!$G$21=$B$17,14,0)+IF('Standard Profiles'!$G$21=$B$24,21,0),MOD($C7429,24)+1)/SUM(INDEX($D$3:$AA$30,INDEX(Jesper!$R$2:$R$366,ROW(INDEX(Jesper!AK$2:AK$366,ROUNDDOWN($C7429/24,0)+1,1))-1)+IF('Standard Profiles'!$G$21=$B$10,7,0)+IF('Standard Profiles'!$G$21=$B$17,14,0)+IF('Standard Profiles'!$G$21=$B$24,21,0),0)),0)</f>
        <v>3.2115350410820156</v>
      </c>
      <c r="H7429" cm="1">
        <f t="array" ref="H7429">IFERROR(INDEX(Jesper!AL$2:AL$366,ROUNDDOWN($C7429/24,0)+1,1)*INDEX($D$3:$AA$30,INDEX(Jesper!$R$2:$R$366,ROW(INDEX(Jesper!AL$2:AL$366,ROUNDDOWN($C7429/24,0)+1,1))-1)+IF('Standard Profiles'!$G$22=$B$10,7,0)+IF('Standard Profiles'!$G$22=$B$17,14,0)+IF('Standard Profiles'!$G$22=$B$24,21,0),MOD($C7429,24)+1)/SUM(INDEX($D$3:$AA$30,INDEX(Jesper!$R$2:$R$366,ROW(INDEX(Jesper!AL$2:AL$366,ROUNDDOWN($C7429/24,0)+1,1))-1)+IF('Standard Profiles'!$G$22=$B$10,7,0)+IF('Standard Profiles'!$G$22=$B$17,14,0)+IF('Standard Profiles'!$G$22=$B$24,21,0),0)),0)</f>
        <v>1.5378912371683</v>
      </c>
      <c r="I7429">
        <f t="shared" si="825"/>
        <v>1.4763755876815687</v>
      </c>
      <c r="J7429">
        <f t="shared" si="826"/>
        <v>9.1996548258136848</v>
      </c>
      <c r="K7429">
        <f t="shared" si="827"/>
        <v>0.29931883890851624</v>
      </c>
      <c r="L7429">
        <f t="shared" si="828"/>
        <v>0.14965941945425812</v>
      </c>
      <c r="M7429">
        <f t="shared" si="829"/>
        <v>0</v>
      </c>
      <c r="N7429" s="45">
        <f t="shared" si="830"/>
        <v>45235.124999982065</v>
      </c>
    </row>
    <row r="7430" spans="2:14" x14ac:dyDescent="0.25">
      <c r="B7430">
        <f t="shared" si="824"/>
        <v>7</v>
      </c>
      <c r="C7430" s="16">
        <v>7396</v>
      </c>
      <c r="D7430" cm="1">
        <f t="array" ref="D7430">IFERROR(INDEX(Jesper!AH$2:AH$366,ROUNDDOWN($C7430/24,0)+1,1)*INDEX($D$3:$AA$30,INDEX(Jesper!$R$2:$R$366,ROW(INDEX(Jesper!AH$2:AH$366,ROUNDDOWN($C7430/24,0)+1,1))-1)+IF('Standard Profiles'!$G$18=$B$10,7,0)+IF('Standard Profiles'!$G$18=$B$17,14,0)+IF('Standard Profiles'!$G$18=$B$24,21,0),MOD($C7430,24)+1)/SUM(INDEX($D$3:$AA$30,INDEX(Jesper!$R$2:$R$366,ROW(INDEX(Jesper!AH$2:AH$366,ROUNDDOWN($C7430/24,0)+1,1))-1)+IF('Standard Profiles'!$G$18=$B$10,7,0)+IF('Standard Profiles'!$G$18=$B$17,14,0)+IF('Standard Profiles'!$G$18=$B$24,21,0),0)),0)</f>
        <v>0</v>
      </c>
      <c r="E7430" cm="1">
        <f t="array" ref="E7430">IFERROR(INDEX(Jesper!AI$2:AI$366,ROUNDDOWN($C7430/24,0)+1,1)*INDEX($D$3:$AA$30,INDEX(Jesper!$R$2:$R$366,ROW(INDEX(Jesper!AI$2:AI$366,ROUNDDOWN($C7430/24,0)+1,1))-1)+IF('Standard Profiles'!$G$19=$B$10,7,0)+IF('Standard Profiles'!$G$19=$B$17,14,0)+IF('Standard Profiles'!$G$19=$B$24,21,0),MOD($C7430,24)+1)/SUM(INDEX($D$3:$AA$30,INDEX(Jesper!$R$2:$R$366,ROW(INDEX(Jesper!AI$2:AI$366,ROUNDDOWN($C7430/24,0)+1,1))-1)+IF('Standard Profiles'!$G$19=$B$10,7,0)+IF('Standard Profiles'!$G$19=$B$17,14,0)+IF('Standard Profiles'!$G$19=$B$24,21,0),0)),0)</f>
        <v>3.7414854863564528</v>
      </c>
      <c r="F7430" cm="1">
        <f t="array" ref="F7430">IFERROR(INDEX(Jesper!AJ$2:AJ$366,ROUNDDOWN($C7430/24,0)+1,1)*INDEX($D$3:$AA$30,INDEX(Jesper!$R$2:$R$366,ROW(INDEX(Jesper!AJ$2:AJ$366,ROUNDDOWN($C7430/24,0)+1,1))-1)+IF('Standard Profiles'!$G$20=$B$10,7,0)+IF('Standard Profiles'!$G$20=$B$17,14,0)+IF('Standard Profiles'!$G$20=$B$24,21,0),MOD($C7430,24)+1)/SUM(INDEX($D$3:$AA$30,INDEX(Jesper!$R$2:$R$366,ROW(INDEX(Jesper!AJ$2:AJ$366,ROUNDDOWN($C7430/24,0)+1,1))-1)+IF('Standard Profiles'!$G$20=$B$10,7,0)+IF('Standard Profiles'!$G$20=$B$17,14,0)+IF('Standard Profiles'!$G$20=$B$24,21,0),0)),0)</f>
        <v>2.634096907251259</v>
      </c>
      <c r="G7430" cm="1">
        <f t="array" ref="G7430">IFERROR(INDEX(Jesper!AK$2:AK$366,ROUNDDOWN($C7430/24,0)+1,1)*INDEX($D$3:$AA$30,INDEX(Jesper!$R$2:$R$366,ROW(INDEX(Jesper!AK$2:AK$366,ROUNDDOWN($C7430/24,0)+1,1))-1)+IF('Standard Profiles'!$G$21=$B$10,7,0)+IF('Standard Profiles'!$G$21=$B$17,14,0)+IF('Standard Profiles'!$G$21=$B$24,21,0),MOD($C7430,24)+1)/SUM(INDEX($D$3:$AA$30,INDEX(Jesper!$R$2:$R$366,ROW(INDEX(Jesper!AK$2:AK$366,ROUNDDOWN($C7430/24,0)+1,1))-1)+IF('Standard Profiles'!$G$21=$B$10,7,0)+IF('Standard Profiles'!$G$21=$B$17,14,0)+IF('Standard Profiles'!$G$21=$B$24,21,0),0)),0)</f>
        <v>3.2115350410820156</v>
      </c>
      <c r="H7430" cm="1">
        <f t="array" ref="H7430">IFERROR(INDEX(Jesper!AL$2:AL$366,ROUNDDOWN($C7430/24,0)+1,1)*INDEX($D$3:$AA$30,INDEX(Jesper!$R$2:$R$366,ROW(INDEX(Jesper!AL$2:AL$366,ROUNDDOWN($C7430/24,0)+1,1))-1)+IF('Standard Profiles'!$G$22=$B$10,7,0)+IF('Standard Profiles'!$G$22=$B$17,14,0)+IF('Standard Profiles'!$G$22=$B$24,21,0),MOD($C7430,24)+1)/SUM(INDEX($D$3:$AA$30,INDEX(Jesper!$R$2:$R$366,ROW(INDEX(Jesper!AL$2:AL$366,ROUNDDOWN($C7430/24,0)+1,1))-1)+IF('Standard Profiles'!$G$22=$B$10,7,0)+IF('Standard Profiles'!$G$22=$B$17,14,0)+IF('Standard Profiles'!$G$22=$B$24,21,0),0)),0)</f>
        <v>1.5378912371683</v>
      </c>
      <c r="I7430">
        <f t="shared" si="825"/>
        <v>1.4763755876815687</v>
      </c>
      <c r="J7430">
        <f t="shared" si="826"/>
        <v>9.1996548258136848</v>
      </c>
      <c r="K7430">
        <f t="shared" si="827"/>
        <v>0.29931883890851624</v>
      </c>
      <c r="L7430">
        <f t="shared" si="828"/>
        <v>0.14965941945425812</v>
      </c>
      <c r="M7430">
        <f t="shared" si="829"/>
        <v>0</v>
      </c>
      <c r="N7430" s="45">
        <f t="shared" si="830"/>
        <v>45235.166666648729</v>
      </c>
    </row>
    <row r="7431" spans="2:14" x14ac:dyDescent="0.25">
      <c r="B7431">
        <f t="shared" si="824"/>
        <v>7</v>
      </c>
      <c r="C7431" s="16">
        <v>7397</v>
      </c>
      <c r="D7431" cm="1">
        <f t="array" ref="D7431">IFERROR(INDEX(Jesper!AH$2:AH$366,ROUNDDOWN($C7431/24,0)+1,1)*INDEX($D$3:$AA$30,INDEX(Jesper!$R$2:$R$366,ROW(INDEX(Jesper!AH$2:AH$366,ROUNDDOWN($C7431/24,0)+1,1))-1)+IF('Standard Profiles'!$G$18=$B$10,7,0)+IF('Standard Profiles'!$G$18=$B$17,14,0)+IF('Standard Profiles'!$G$18=$B$24,21,0),MOD($C7431,24)+1)/SUM(INDEX($D$3:$AA$30,INDEX(Jesper!$R$2:$R$366,ROW(INDEX(Jesper!AH$2:AH$366,ROUNDDOWN($C7431/24,0)+1,1))-1)+IF('Standard Profiles'!$G$18=$B$10,7,0)+IF('Standard Profiles'!$G$18=$B$17,14,0)+IF('Standard Profiles'!$G$18=$B$24,21,0),0)),0)</f>
        <v>0</v>
      </c>
      <c r="E7431" cm="1">
        <f t="array" ref="E7431">IFERROR(INDEX(Jesper!AI$2:AI$366,ROUNDDOWN($C7431/24,0)+1,1)*INDEX($D$3:$AA$30,INDEX(Jesper!$R$2:$R$366,ROW(INDEX(Jesper!AI$2:AI$366,ROUNDDOWN($C7431/24,0)+1,1))-1)+IF('Standard Profiles'!$G$19=$B$10,7,0)+IF('Standard Profiles'!$G$19=$B$17,14,0)+IF('Standard Profiles'!$G$19=$B$24,21,0),MOD($C7431,24)+1)/SUM(INDEX($D$3:$AA$30,INDEX(Jesper!$R$2:$R$366,ROW(INDEX(Jesper!AI$2:AI$366,ROUNDDOWN($C7431/24,0)+1,1))-1)+IF('Standard Profiles'!$G$19=$B$10,7,0)+IF('Standard Profiles'!$G$19=$B$17,14,0)+IF('Standard Profiles'!$G$19=$B$24,21,0),0)),0)</f>
        <v>3.7414854863564528</v>
      </c>
      <c r="F7431" cm="1">
        <f t="array" ref="F7431">IFERROR(INDEX(Jesper!AJ$2:AJ$366,ROUNDDOWN($C7431/24,0)+1,1)*INDEX($D$3:$AA$30,INDEX(Jesper!$R$2:$R$366,ROW(INDEX(Jesper!AJ$2:AJ$366,ROUNDDOWN($C7431/24,0)+1,1))-1)+IF('Standard Profiles'!$G$20=$B$10,7,0)+IF('Standard Profiles'!$G$20=$B$17,14,0)+IF('Standard Profiles'!$G$20=$B$24,21,0),MOD($C7431,24)+1)/SUM(INDEX($D$3:$AA$30,INDEX(Jesper!$R$2:$R$366,ROW(INDEX(Jesper!AJ$2:AJ$366,ROUNDDOWN($C7431/24,0)+1,1))-1)+IF('Standard Profiles'!$G$20=$B$10,7,0)+IF('Standard Profiles'!$G$20=$B$17,14,0)+IF('Standard Profiles'!$G$20=$B$24,21,0),0)),0)</f>
        <v>2.634096907251259</v>
      </c>
      <c r="G7431" cm="1">
        <f t="array" ref="G7431">IFERROR(INDEX(Jesper!AK$2:AK$366,ROUNDDOWN($C7431/24,0)+1,1)*INDEX($D$3:$AA$30,INDEX(Jesper!$R$2:$R$366,ROW(INDEX(Jesper!AK$2:AK$366,ROUNDDOWN($C7431/24,0)+1,1))-1)+IF('Standard Profiles'!$G$21=$B$10,7,0)+IF('Standard Profiles'!$G$21=$B$17,14,0)+IF('Standard Profiles'!$G$21=$B$24,21,0),MOD($C7431,24)+1)/SUM(INDEX($D$3:$AA$30,INDEX(Jesper!$R$2:$R$366,ROW(INDEX(Jesper!AK$2:AK$366,ROUNDDOWN($C7431/24,0)+1,1))-1)+IF('Standard Profiles'!$G$21=$B$10,7,0)+IF('Standard Profiles'!$G$21=$B$17,14,0)+IF('Standard Profiles'!$G$21=$B$24,21,0),0)),0)</f>
        <v>3.2115350410820156</v>
      </c>
      <c r="H7431" cm="1">
        <f t="array" ref="H7431">IFERROR(INDEX(Jesper!AL$2:AL$366,ROUNDDOWN($C7431/24,0)+1,1)*INDEX($D$3:$AA$30,INDEX(Jesper!$R$2:$R$366,ROW(INDEX(Jesper!AL$2:AL$366,ROUNDDOWN($C7431/24,0)+1,1))-1)+IF('Standard Profiles'!$G$22=$B$10,7,0)+IF('Standard Profiles'!$G$22=$B$17,14,0)+IF('Standard Profiles'!$G$22=$B$24,21,0),MOD($C7431,24)+1)/SUM(INDEX($D$3:$AA$30,INDEX(Jesper!$R$2:$R$366,ROW(INDEX(Jesper!AL$2:AL$366,ROUNDDOWN($C7431/24,0)+1,1))-1)+IF('Standard Profiles'!$G$22=$B$10,7,0)+IF('Standard Profiles'!$G$22=$B$17,14,0)+IF('Standard Profiles'!$G$22=$B$24,21,0),0)),0)</f>
        <v>1.9223640464603751</v>
      </c>
      <c r="I7431">
        <f t="shared" si="825"/>
        <v>1.845469484601961</v>
      </c>
      <c r="J7431">
        <f t="shared" si="826"/>
        <v>9.2150337381853671</v>
      </c>
      <c r="K7431">
        <f t="shared" si="827"/>
        <v>0.29931883890851624</v>
      </c>
      <c r="L7431">
        <f t="shared" si="828"/>
        <v>0.14965941945425812</v>
      </c>
      <c r="M7431">
        <f t="shared" si="829"/>
        <v>0</v>
      </c>
      <c r="N7431" s="45">
        <f t="shared" si="830"/>
        <v>45235.208333315393</v>
      </c>
    </row>
    <row r="7432" spans="2:14" x14ac:dyDescent="0.25">
      <c r="B7432">
        <f t="shared" si="824"/>
        <v>7</v>
      </c>
      <c r="C7432" s="16">
        <v>7398</v>
      </c>
      <c r="D7432" cm="1">
        <f t="array" ref="D7432">IFERROR(INDEX(Jesper!AH$2:AH$366,ROUNDDOWN($C7432/24,0)+1,1)*INDEX($D$3:$AA$30,INDEX(Jesper!$R$2:$R$366,ROW(INDEX(Jesper!AH$2:AH$366,ROUNDDOWN($C7432/24,0)+1,1))-1)+IF('Standard Profiles'!$G$18=$B$10,7,0)+IF('Standard Profiles'!$G$18=$B$17,14,0)+IF('Standard Profiles'!$G$18=$B$24,21,0),MOD($C7432,24)+1)/SUM(INDEX($D$3:$AA$30,INDEX(Jesper!$R$2:$R$366,ROW(INDEX(Jesper!AH$2:AH$366,ROUNDDOWN($C7432/24,0)+1,1))-1)+IF('Standard Profiles'!$G$18=$B$10,7,0)+IF('Standard Profiles'!$G$18=$B$17,14,0)+IF('Standard Profiles'!$G$18=$B$24,21,0),0)),0)</f>
        <v>0</v>
      </c>
      <c r="E7432" cm="1">
        <f t="array" ref="E7432">IFERROR(INDEX(Jesper!AI$2:AI$366,ROUNDDOWN($C7432/24,0)+1,1)*INDEX($D$3:$AA$30,INDEX(Jesper!$R$2:$R$366,ROW(INDEX(Jesper!AI$2:AI$366,ROUNDDOWN($C7432/24,0)+1,1))-1)+IF('Standard Profiles'!$G$19=$B$10,7,0)+IF('Standard Profiles'!$G$19=$B$17,14,0)+IF('Standard Profiles'!$G$19=$B$24,21,0),MOD($C7432,24)+1)/SUM(INDEX($D$3:$AA$30,INDEX(Jesper!$R$2:$R$366,ROW(INDEX(Jesper!AI$2:AI$366,ROUNDDOWN($C7432/24,0)+1,1))-1)+IF('Standard Profiles'!$G$19=$B$10,7,0)+IF('Standard Profiles'!$G$19=$B$17,14,0)+IF('Standard Profiles'!$G$19=$B$24,21,0),0)),0)</f>
        <v>3.7414854863564528</v>
      </c>
      <c r="F7432" cm="1">
        <f t="array" ref="F7432">IFERROR(INDEX(Jesper!AJ$2:AJ$366,ROUNDDOWN($C7432/24,0)+1,1)*INDEX($D$3:$AA$30,INDEX(Jesper!$R$2:$R$366,ROW(INDEX(Jesper!AJ$2:AJ$366,ROUNDDOWN($C7432/24,0)+1,1))-1)+IF('Standard Profiles'!$G$20=$B$10,7,0)+IF('Standard Profiles'!$G$20=$B$17,14,0)+IF('Standard Profiles'!$G$20=$B$24,21,0),MOD($C7432,24)+1)/SUM(INDEX($D$3:$AA$30,INDEX(Jesper!$R$2:$R$366,ROW(INDEX(Jesper!AJ$2:AJ$366,ROUNDDOWN($C7432/24,0)+1,1))-1)+IF('Standard Profiles'!$G$20=$B$10,7,0)+IF('Standard Profiles'!$G$20=$B$17,14,0)+IF('Standard Profiles'!$G$20=$B$24,21,0),0)),0)</f>
        <v>2.634096907251259</v>
      </c>
      <c r="G7432" cm="1">
        <f t="array" ref="G7432">IFERROR(INDEX(Jesper!AK$2:AK$366,ROUNDDOWN($C7432/24,0)+1,1)*INDEX($D$3:$AA$30,INDEX(Jesper!$R$2:$R$366,ROW(INDEX(Jesper!AK$2:AK$366,ROUNDDOWN($C7432/24,0)+1,1))-1)+IF('Standard Profiles'!$G$21=$B$10,7,0)+IF('Standard Profiles'!$G$21=$B$17,14,0)+IF('Standard Profiles'!$G$21=$B$24,21,0),MOD($C7432,24)+1)/SUM(INDEX($D$3:$AA$30,INDEX(Jesper!$R$2:$R$366,ROW(INDEX(Jesper!AK$2:AK$366,ROUNDDOWN($C7432/24,0)+1,1))-1)+IF('Standard Profiles'!$G$21=$B$10,7,0)+IF('Standard Profiles'!$G$21=$B$17,14,0)+IF('Standard Profiles'!$G$21=$B$24,21,0),0)),0)</f>
        <v>3.2115350410820156</v>
      </c>
      <c r="H7432" cm="1">
        <f t="array" ref="H7432">IFERROR(INDEX(Jesper!AL$2:AL$366,ROUNDDOWN($C7432/24,0)+1,1)*INDEX($D$3:$AA$30,INDEX(Jesper!$R$2:$R$366,ROW(INDEX(Jesper!AL$2:AL$366,ROUNDDOWN($C7432/24,0)+1,1))-1)+IF('Standard Profiles'!$G$22=$B$10,7,0)+IF('Standard Profiles'!$G$22=$B$17,14,0)+IF('Standard Profiles'!$G$22=$B$24,21,0),MOD($C7432,24)+1)/SUM(INDEX($D$3:$AA$30,INDEX(Jesper!$R$2:$R$366,ROW(INDEX(Jesper!AL$2:AL$366,ROUNDDOWN($C7432/24,0)+1,1))-1)+IF('Standard Profiles'!$G$22=$B$10,7,0)+IF('Standard Profiles'!$G$22=$B$17,14,0)+IF('Standard Profiles'!$G$22=$B$24,21,0),0)),0)</f>
        <v>2.264117654719997</v>
      </c>
      <c r="I7432">
        <f t="shared" si="825"/>
        <v>2.1735529485311984</v>
      </c>
      <c r="J7432">
        <f t="shared" si="826"/>
        <v>9.2287038825157524</v>
      </c>
      <c r="K7432">
        <f t="shared" si="827"/>
        <v>0.29931883890851624</v>
      </c>
      <c r="L7432">
        <f t="shared" si="828"/>
        <v>0.14965941945425812</v>
      </c>
      <c r="M7432">
        <f t="shared" si="829"/>
        <v>0</v>
      </c>
      <c r="N7432" s="45">
        <f t="shared" si="830"/>
        <v>45235.249999982057</v>
      </c>
    </row>
    <row r="7433" spans="2:14" x14ac:dyDescent="0.25">
      <c r="B7433">
        <f t="shared" si="824"/>
        <v>7</v>
      </c>
      <c r="C7433" s="16">
        <v>7399</v>
      </c>
      <c r="D7433" cm="1">
        <f t="array" ref="D7433">IFERROR(INDEX(Jesper!AH$2:AH$366,ROUNDDOWN($C7433/24,0)+1,1)*INDEX($D$3:$AA$30,INDEX(Jesper!$R$2:$R$366,ROW(INDEX(Jesper!AH$2:AH$366,ROUNDDOWN($C7433/24,0)+1,1))-1)+IF('Standard Profiles'!$G$18=$B$10,7,0)+IF('Standard Profiles'!$G$18=$B$17,14,0)+IF('Standard Profiles'!$G$18=$B$24,21,0),MOD($C7433,24)+1)/SUM(INDEX($D$3:$AA$30,INDEX(Jesper!$R$2:$R$366,ROW(INDEX(Jesper!AH$2:AH$366,ROUNDDOWN($C7433/24,0)+1,1))-1)+IF('Standard Profiles'!$G$18=$B$10,7,0)+IF('Standard Profiles'!$G$18=$B$17,14,0)+IF('Standard Profiles'!$G$18=$B$24,21,0),0)),0)</f>
        <v>0</v>
      </c>
      <c r="E7433" cm="1">
        <f t="array" ref="E7433">IFERROR(INDEX(Jesper!AI$2:AI$366,ROUNDDOWN($C7433/24,0)+1,1)*INDEX($D$3:$AA$30,INDEX(Jesper!$R$2:$R$366,ROW(INDEX(Jesper!AI$2:AI$366,ROUNDDOWN($C7433/24,0)+1,1))-1)+IF('Standard Profiles'!$G$19=$B$10,7,0)+IF('Standard Profiles'!$G$19=$B$17,14,0)+IF('Standard Profiles'!$G$19=$B$24,21,0),MOD($C7433,24)+1)/SUM(INDEX($D$3:$AA$30,INDEX(Jesper!$R$2:$R$366,ROW(INDEX(Jesper!AI$2:AI$366,ROUNDDOWN($C7433/24,0)+1,1))-1)+IF('Standard Profiles'!$G$19=$B$10,7,0)+IF('Standard Profiles'!$G$19=$B$17,14,0)+IF('Standard Profiles'!$G$19=$B$24,21,0),0)),0)</f>
        <v>3.7414854863564528</v>
      </c>
      <c r="F7433" cm="1">
        <f t="array" ref="F7433">IFERROR(INDEX(Jesper!AJ$2:AJ$366,ROUNDDOWN($C7433/24,0)+1,1)*INDEX($D$3:$AA$30,INDEX(Jesper!$R$2:$R$366,ROW(INDEX(Jesper!AJ$2:AJ$366,ROUNDDOWN($C7433/24,0)+1,1))-1)+IF('Standard Profiles'!$G$20=$B$10,7,0)+IF('Standard Profiles'!$G$20=$B$17,14,0)+IF('Standard Profiles'!$G$20=$B$24,21,0),MOD($C7433,24)+1)/SUM(INDEX($D$3:$AA$30,INDEX(Jesper!$R$2:$R$366,ROW(INDEX(Jesper!AJ$2:AJ$366,ROUNDDOWN($C7433/24,0)+1,1))-1)+IF('Standard Profiles'!$G$20=$B$10,7,0)+IF('Standard Profiles'!$G$20=$B$17,14,0)+IF('Standard Profiles'!$G$20=$B$24,21,0),0)),0)</f>
        <v>2.634096907251259</v>
      </c>
      <c r="G7433" cm="1">
        <f t="array" ref="G7433">IFERROR(INDEX(Jesper!AK$2:AK$366,ROUNDDOWN($C7433/24,0)+1,1)*INDEX($D$3:$AA$30,INDEX(Jesper!$R$2:$R$366,ROW(INDEX(Jesper!AK$2:AK$366,ROUNDDOWN($C7433/24,0)+1,1))-1)+IF('Standard Profiles'!$G$21=$B$10,7,0)+IF('Standard Profiles'!$G$21=$B$17,14,0)+IF('Standard Profiles'!$G$21=$B$24,21,0),MOD($C7433,24)+1)/SUM(INDEX($D$3:$AA$30,INDEX(Jesper!$R$2:$R$366,ROW(INDEX(Jesper!AK$2:AK$366,ROUNDDOWN($C7433/24,0)+1,1))-1)+IF('Standard Profiles'!$G$21=$B$10,7,0)+IF('Standard Profiles'!$G$21=$B$17,14,0)+IF('Standard Profiles'!$G$21=$B$24,21,0),0)),0)</f>
        <v>3.2115350410820156</v>
      </c>
      <c r="H7433" cm="1">
        <f t="array" ref="H7433">IFERROR(INDEX(Jesper!AL$2:AL$366,ROUNDDOWN($C7433/24,0)+1,1)*INDEX($D$3:$AA$30,INDEX(Jesper!$R$2:$R$366,ROW(INDEX(Jesper!AL$2:AL$366,ROUNDDOWN($C7433/24,0)+1,1))-1)+IF('Standard Profiles'!$G$22=$B$10,7,0)+IF('Standard Profiles'!$G$22=$B$17,14,0)+IF('Standard Profiles'!$G$22=$B$24,21,0),MOD($C7433,24)+1)/SUM(INDEX($D$3:$AA$30,INDEX(Jesper!$R$2:$R$366,ROW(INDEX(Jesper!AL$2:AL$366,ROUNDDOWN($C7433/24,0)+1,1))-1)+IF('Standard Profiles'!$G$22=$B$10,7,0)+IF('Standard Profiles'!$G$22=$B$17,14,0)+IF('Standard Profiles'!$G$22=$B$24,21,0),0)),0)</f>
        <v>2.6913096650445256</v>
      </c>
      <c r="I7433">
        <f t="shared" si="825"/>
        <v>2.5836572784427458</v>
      </c>
      <c r="J7433">
        <f t="shared" si="826"/>
        <v>9.2457915629287335</v>
      </c>
      <c r="K7433">
        <f t="shared" si="827"/>
        <v>0.29931883890851624</v>
      </c>
      <c r="L7433">
        <f t="shared" si="828"/>
        <v>0.14965941945425812</v>
      </c>
      <c r="M7433">
        <f t="shared" si="829"/>
        <v>0</v>
      </c>
      <c r="N7433" s="45">
        <f t="shared" si="830"/>
        <v>45235.291666648722</v>
      </c>
    </row>
    <row r="7434" spans="2:14" x14ac:dyDescent="0.25">
      <c r="B7434">
        <f t="shared" si="824"/>
        <v>7</v>
      </c>
      <c r="C7434" s="16">
        <v>7400</v>
      </c>
      <c r="D7434" cm="1">
        <f t="array" ref="D7434">IFERROR(INDEX(Jesper!AH$2:AH$366,ROUNDDOWN($C7434/24,0)+1,1)*INDEX($D$3:$AA$30,INDEX(Jesper!$R$2:$R$366,ROW(INDEX(Jesper!AH$2:AH$366,ROUNDDOWN($C7434/24,0)+1,1))-1)+IF('Standard Profiles'!$G$18=$B$10,7,0)+IF('Standard Profiles'!$G$18=$B$17,14,0)+IF('Standard Profiles'!$G$18=$B$24,21,0),MOD($C7434,24)+1)/SUM(INDEX($D$3:$AA$30,INDEX(Jesper!$R$2:$R$366,ROW(INDEX(Jesper!AH$2:AH$366,ROUNDDOWN($C7434/24,0)+1,1))-1)+IF('Standard Profiles'!$G$18=$B$10,7,0)+IF('Standard Profiles'!$G$18=$B$17,14,0)+IF('Standard Profiles'!$G$18=$B$24,21,0),0)),0)</f>
        <v>0</v>
      </c>
      <c r="E7434" cm="1">
        <f t="array" ref="E7434">IFERROR(INDEX(Jesper!AI$2:AI$366,ROUNDDOWN($C7434/24,0)+1,1)*INDEX($D$3:$AA$30,INDEX(Jesper!$R$2:$R$366,ROW(INDEX(Jesper!AI$2:AI$366,ROUNDDOWN($C7434/24,0)+1,1))-1)+IF('Standard Profiles'!$G$19=$B$10,7,0)+IF('Standard Profiles'!$G$19=$B$17,14,0)+IF('Standard Profiles'!$G$19=$B$24,21,0),MOD($C7434,24)+1)/SUM(INDEX($D$3:$AA$30,INDEX(Jesper!$R$2:$R$366,ROW(INDEX(Jesper!AI$2:AI$366,ROUNDDOWN($C7434/24,0)+1,1))-1)+IF('Standard Profiles'!$G$19=$B$10,7,0)+IF('Standard Profiles'!$G$19=$B$17,14,0)+IF('Standard Profiles'!$G$19=$B$24,21,0),0)),0)</f>
        <v>3.7414854863564528</v>
      </c>
      <c r="F7434" cm="1">
        <f t="array" ref="F7434">IFERROR(INDEX(Jesper!AJ$2:AJ$366,ROUNDDOWN($C7434/24,0)+1,1)*INDEX($D$3:$AA$30,INDEX(Jesper!$R$2:$R$366,ROW(INDEX(Jesper!AJ$2:AJ$366,ROUNDDOWN($C7434/24,0)+1,1))-1)+IF('Standard Profiles'!$G$20=$B$10,7,0)+IF('Standard Profiles'!$G$20=$B$17,14,0)+IF('Standard Profiles'!$G$20=$B$24,21,0),MOD($C7434,24)+1)/SUM(INDEX($D$3:$AA$30,INDEX(Jesper!$R$2:$R$366,ROW(INDEX(Jesper!AJ$2:AJ$366,ROUNDDOWN($C7434/24,0)+1,1))-1)+IF('Standard Profiles'!$G$20=$B$10,7,0)+IF('Standard Profiles'!$G$20=$B$17,14,0)+IF('Standard Profiles'!$G$20=$B$24,21,0),0)),0)</f>
        <v>2.634096907251259</v>
      </c>
      <c r="G7434" cm="1">
        <f t="array" ref="G7434">IFERROR(INDEX(Jesper!AK$2:AK$366,ROUNDDOWN($C7434/24,0)+1,1)*INDEX($D$3:$AA$30,INDEX(Jesper!$R$2:$R$366,ROW(INDEX(Jesper!AK$2:AK$366,ROUNDDOWN($C7434/24,0)+1,1))-1)+IF('Standard Profiles'!$G$21=$B$10,7,0)+IF('Standard Profiles'!$G$21=$B$17,14,0)+IF('Standard Profiles'!$G$21=$B$24,21,0),MOD($C7434,24)+1)/SUM(INDEX($D$3:$AA$30,INDEX(Jesper!$R$2:$R$366,ROW(INDEX(Jesper!AK$2:AK$366,ROUNDDOWN($C7434/24,0)+1,1))-1)+IF('Standard Profiles'!$G$21=$B$10,7,0)+IF('Standard Profiles'!$G$21=$B$17,14,0)+IF('Standard Profiles'!$G$21=$B$24,21,0),0)),0)</f>
        <v>3.2115350410820156</v>
      </c>
      <c r="H7434" cm="1">
        <f t="array" ref="H7434">IFERROR(INDEX(Jesper!AL$2:AL$366,ROUNDDOWN($C7434/24,0)+1,1)*INDEX($D$3:$AA$30,INDEX(Jesper!$R$2:$R$366,ROW(INDEX(Jesper!AL$2:AL$366,ROUNDDOWN($C7434/24,0)+1,1))-1)+IF('Standard Profiles'!$G$22=$B$10,7,0)+IF('Standard Profiles'!$G$22=$B$17,14,0)+IF('Standard Profiles'!$G$22=$B$24,21,0),MOD($C7434,24)+1)/SUM(INDEX($D$3:$AA$30,INDEX(Jesper!$R$2:$R$366,ROW(INDEX(Jesper!AL$2:AL$366,ROUNDDOWN($C7434/24,0)+1,1))-1)+IF('Standard Profiles'!$G$22=$B$10,7,0)+IF('Standard Profiles'!$G$22=$B$17,14,0)+IF('Standard Profiles'!$G$22=$B$24,21,0),0)),0)</f>
        <v>2.6913096650445256</v>
      </c>
      <c r="I7434">
        <f t="shared" si="825"/>
        <v>2.5836572784427458</v>
      </c>
      <c r="J7434">
        <f t="shared" si="826"/>
        <v>9.2457915629287335</v>
      </c>
      <c r="K7434">
        <f t="shared" si="827"/>
        <v>0.29931883890851624</v>
      </c>
      <c r="L7434">
        <f t="shared" si="828"/>
        <v>0.14965941945425812</v>
      </c>
      <c r="M7434">
        <f t="shared" si="829"/>
        <v>0</v>
      </c>
      <c r="N7434" s="45">
        <f t="shared" si="830"/>
        <v>45235.333333315386</v>
      </c>
    </row>
    <row r="7435" spans="2:14" x14ac:dyDescent="0.25">
      <c r="B7435">
        <f t="shared" si="824"/>
        <v>7</v>
      </c>
      <c r="C7435" s="16">
        <v>7401</v>
      </c>
      <c r="D7435" cm="1">
        <f t="array" ref="D7435">IFERROR(INDEX(Jesper!AH$2:AH$366,ROUNDDOWN($C7435/24,0)+1,1)*INDEX($D$3:$AA$30,INDEX(Jesper!$R$2:$R$366,ROW(INDEX(Jesper!AH$2:AH$366,ROUNDDOWN($C7435/24,0)+1,1))-1)+IF('Standard Profiles'!$G$18=$B$10,7,0)+IF('Standard Profiles'!$G$18=$B$17,14,0)+IF('Standard Profiles'!$G$18=$B$24,21,0),MOD($C7435,24)+1)/SUM(INDEX($D$3:$AA$30,INDEX(Jesper!$R$2:$R$366,ROW(INDEX(Jesper!AH$2:AH$366,ROUNDDOWN($C7435/24,0)+1,1))-1)+IF('Standard Profiles'!$G$18=$B$10,7,0)+IF('Standard Profiles'!$G$18=$B$17,14,0)+IF('Standard Profiles'!$G$18=$B$24,21,0),0)),0)</f>
        <v>0</v>
      </c>
      <c r="E7435" cm="1">
        <f t="array" ref="E7435">IFERROR(INDEX(Jesper!AI$2:AI$366,ROUNDDOWN($C7435/24,0)+1,1)*INDEX($D$3:$AA$30,INDEX(Jesper!$R$2:$R$366,ROW(INDEX(Jesper!AI$2:AI$366,ROUNDDOWN($C7435/24,0)+1,1))-1)+IF('Standard Profiles'!$G$19=$B$10,7,0)+IF('Standard Profiles'!$G$19=$B$17,14,0)+IF('Standard Profiles'!$G$19=$B$24,21,0),MOD($C7435,24)+1)/SUM(INDEX($D$3:$AA$30,INDEX(Jesper!$R$2:$R$366,ROW(INDEX(Jesper!AI$2:AI$366,ROUNDDOWN($C7435/24,0)+1,1))-1)+IF('Standard Profiles'!$G$19=$B$10,7,0)+IF('Standard Profiles'!$G$19=$B$17,14,0)+IF('Standard Profiles'!$G$19=$B$24,21,0),0)),0)</f>
        <v>3.7414854863564528</v>
      </c>
      <c r="F7435" cm="1">
        <f t="array" ref="F7435">IFERROR(INDEX(Jesper!AJ$2:AJ$366,ROUNDDOWN($C7435/24,0)+1,1)*INDEX($D$3:$AA$30,INDEX(Jesper!$R$2:$R$366,ROW(INDEX(Jesper!AJ$2:AJ$366,ROUNDDOWN($C7435/24,0)+1,1))-1)+IF('Standard Profiles'!$G$20=$B$10,7,0)+IF('Standard Profiles'!$G$20=$B$17,14,0)+IF('Standard Profiles'!$G$20=$B$24,21,0),MOD($C7435,24)+1)/SUM(INDEX($D$3:$AA$30,INDEX(Jesper!$R$2:$R$366,ROW(INDEX(Jesper!AJ$2:AJ$366,ROUNDDOWN($C7435/24,0)+1,1))-1)+IF('Standard Profiles'!$G$20=$B$10,7,0)+IF('Standard Profiles'!$G$20=$B$17,14,0)+IF('Standard Profiles'!$G$20=$B$24,21,0),0)),0)</f>
        <v>2.634096907251259</v>
      </c>
      <c r="G7435" cm="1">
        <f t="array" ref="G7435">IFERROR(INDEX(Jesper!AK$2:AK$366,ROUNDDOWN($C7435/24,0)+1,1)*INDEX($D$3:$AA$30,INDEX(Jesper!$R$2:$R$366,ROW(INDEX(Jesper!AK$2:AK$366,ROUNDDOWN($C7435/24,0)+1,1))-1)+IF('Standard Profiles'!$G$21=$B$10,7,0)+IF('Standard Profiles'!$G$21=$B$17,14,0)+IF('Standard Profiles'!$G$21=$B$24,21,0),MOD($C7435,24)+1)/SUM(INDEX($D$3:$AA$30,INDEX(Jesper!$R$2:$R$366,ROW(INDEX(Jesper!AK$2:AK$366,ROUNDDOWN($C7435/24,0)+1,1))-1)+IF('Standard Profiles'!$G$21=$B$10,7,0)+IF('Standard Profiles'!$G$21=$B$17,14,0)+IF('Standard Profiles'!$G$21=$B$24,21,0),0)),0)</f>
        <v>3.2115350410820156</v>
      </c>
      <c r="H7435" cm="1">
        <f t="array" ref="H7435">IFERROR(INDEX(Jesper!AL$2:AL$366,ROUNDDOWN($C7435/24,0)+1,1)*INDEX($D$3:$AA$30,INDEX(Jesper!$R$2:$R$366,ROW(INDEX(Jesper!AL$2:AL$366,ROUNDDOWN($C7435/24,0)+1,1))-1)+IF('Standard Profiles'!$G$22=$B$10,7,0)+IF('Standard Profiles'!$G$22=$B$17,14,0)+IF('Standard Profiles'!$G$22=$B$24,21,0),MOD($C7435,24)+1)/SUM(INDEX($D$3:$AA$30,INDEX(Jesper!$R$2:$R$366,ROW(INDEX(Jesper!AL$2:AL$366,ROUNDDOWN($C7435/24,0)+1,1))-1)+IF('Standard Profiles'!$G$22=$B$10,7,0)+IF('Standard Profiles'!$G$22=$B$17,14,0)+IF('Standard Profiles'!$G$22=$B$24,21,0),0)),0)</f>
        <v>2.6913096650445256</v>
      </c>
      <c r="I7435">
        <f t="shared" si="825"/>
        <v>2.5836572784427458</v>
      </c>
      <c r="J7435">
        <f t="shared" si="826"/>
        <v>9.2457915629287335</v>
      </c>
      <c r="K7435">
        <f t="shared" si="827"/>
        <v>0.29931883890851624</v>
      </c>
      <c r="L7435">
        <f t="shared" si="828"/>
        <v>0.14965941945425812</v>
      </c>
      <c r="M7435">
        <f t="shared" si="829"/>
        <v>0</v>
      </c>
      <c r="N7435" s="45">
        <f t="shared" si="830"/>
        <v>45235.37499998205</v>
      </c>
    </row>
    <row r="7436" spans="2:14" x14ac:dyDescent="0.25">
      <c r="B7436">
        <f t="shared" si="824"/>
        <v>7</v>
      </c>
      <c r="C7436" s="16">
        <v>7402</v>
      </c>
      <c r="D7436" cm="1">
        <f t="array" ref="D7436">IFERROR(INDEX(Jesper!AH$2:AH$366,ROUNDDOWN($C7436/24,0)+1,1)*INDEX($D$3:$AA$30,INDEX(Jesper!$R$2:$R$366,ROW(INDEX(Jesper!AH$2:AH$366,ROUNDDOWN($C7436/24,0)+1,1))-1)+IF('Standard Profiles'!$G$18=$B$10,7,0)+IF('Standard Profiles'!$G$18=$B$17,14,0)+IF('Standard Profiles'!$G$18=$B$24,21,0),MOD($C7436,24)+1)/SUM(INDEX($D$3:$AA$30,INDEX(Jesper!$R$2:$R$366,ROW(INDEX(Jesper!AH$2:AH$366,ROUNDDOWN($C7436/24,0)+1,1))-1)+IF('Standard Profiles'!$G$18=$B$10,7,0)+IF('Standard Profiles'!$G$18=$B$17,14,0)+IF('Standard Profiles'!$G$18=$B$24,21,0),0)),0)</f>
        <v>0</v>
      </c>
      <c r="E7436" cm="1">
        <f t="array" ref="E7436">IFERROR(INDEX(Jesper!AI$2:AI$366,ROUNDDOWN($C7436/24,0)+1,1)*INDEX($D$3:$AA$30,INDEX(Jesper!$R$2:$R$366,ROW(INDEX(Jesper!AI$2:AI$366,ROUNDDOWN($C7436/24,0)+1,1))-1)+IF('Standard Profiles'!$G$19=$B$10,7,0)+IF('Standard Profiles'!$G$19=$B$17,14,0)+IF('Standard Profiles'!$G$19=$B$24,21,0),MOD($C7436,24)+1)/SUM(INDEX($D$3:$AA$30,INDEX(Jesper!$R$2:$R$366,ROW(INDEX(Jesper!AI$2:AI$366,ROUNDDOWN($C7436/24,0)+1,1))-1)+IF('Standard Profiles'!$G$19=$B$10,7,0)+IF('Standard Profiles'!$G$19=$B$17,14,0)+IF('Standard Profiles'!$G$19=$B$24,21,0),0)),0)</f>
        <v>3.7414854863564528</v>
      </c>
      <c r="F7436" cm="1">
        <f t="array" ref="F7436">IFERROR(INDEX(Jesper!AJ$2:AJ$366,ROUNDDOWN($C7436/24,0)+1,1)*INDEX($D$3:$AA$30,INDEX(Jesper!$R$2:$R$366,ROW(INDEX(Jesper!AJ$2:AJ$366,ROUNDDOWN($C7436/24,0)+1,1))-1)+IF('Standard Profiles'!$G$20=$B$10,7,0)+IF('Standard Profiles'!$G$20=$B$17,14,0)+IF('Standard Profiles'!$G$20=$B$24,21,0),MOD($C7436,24)+1)/SUM(INDEX($D$3:$AA$30,INDEX(Jesper!$R$2:$R$366,ROW(INDEX(Jesper!AJ$2:AJ$366,ROUNDDOWN($C7436/24,0)+1,1))-1)+IF('Standard Profiles'!$G$20=$B$10,7,0)+IF('Standard Profiles'!$G$20=$B$17,14,0)+IF('Standard Profiles'!$G$20=$B$24,21,0),0)),0)</f>
        <v>2.634096907251259</v>
      </c>
      <c r="G7436" cm="1">
        <f t="array" ref="G7436">IFERROR(INDEX(Jesper!AK$2:AK$366,ROUNDDOWN($C7436/24,0)+1,1)*INDEX($D$3:$AA$30,INDEX(Jesper!$R$2:$R$366,ROW(INDEX(Jesper!AK$2:AK$366,ROUNDDOWN($C7436/24,0)+1,1))-1)+IF('Standard Profiles'!$G$21=$B$10,7,0)+IF('Standard Profiles'!$G$21=$B$17,14,0)+IF('Standard Profiles'!$G$21=$B$24,21,0),MOD($C7436,24)+1)/SUM(INDEX($D$3:$AA$30,INDEX(Jesper!$R$2:$R$366,ROW(INDEX(Jesper!AK$2:AK$366,ROUNDDOWN($C7436/24,0)+1,1))-1)+IF('Standard Profiles'!$G$21=$B$10,7,0)+IF('Standard Profiles'!$G$21=$B$17,14,0)+IF('Standard Profiles'!$G$21=$B$24,21,0),0)),0)</f>
        <v>3.2115350410820156</v>
      </c>
      <c r="H7436" cm="1">
        <f t="array" ref="H7436">IFERROR(INDEX(Jesper!AL$2:AL$366,ROUNDDOWN($C7436/24,0)+1,1)*INDEX($D$3:$AA$30,INDEX(Jesper!$R$2:$R$366,ROW(INDEX(Jesper!AL$2:AL$366,ROUNDDOWN($C7436/24,0)+1,1))-1)+IF('Standard Profiles'!$G$22=$B$10,7,0)+IF('Standard Profiles'!$G$22=$B$17,14,0)+IF('Standard Profiles'!$G$22=$B$24,21,0),MOD($C7436,24)+1)/SUM(INDEX($D$3:$AA$30,INDEX(Jesper!$R$2:$R$366,ROW(INDEX(Jesper!AL$2:AL$366,ROUNDDOWN($C7436/24,0)+1,1))-1)+IF('Standard Profiles'!$G$22=$B$10,7,0)+IF('Standard Profiles'!$G$22=$B$17,14,0)+IF('Standard Profiles'!$G$22=$B$24,21,0),0)),0)</f>
        <v>2.6913096650445256</v>
      </c>
      <c r="I7436">
        <f t="shared" si="825"/>
        <v>2.5836572784427458</v>
      </c>
      <c r="J7436">
        <f t="shared" si="826"/>
        <v>9.2457915629287335</v>
      </c>
      <c r="K7436">
        <f t="shared" si="827"/>
        <v>0.29931883890851624</v>
      </c>
      <c r="L7436">
        <f t="shared" si="828"/>
        <v>0.14965941945425812</v>
      </c>
      <c r="M7436">
        <f t="shared" si="829"/>
        <v>0</v>
      </c>
      <c r="N7436" s="45">
        <f t="shared" si="830"/>
        <v>45235.416666648714</v>
      </c>
    </row>
    <row r="7437" spans="2:14" x14ac:dyDescent="0.25">
      <c r="B7437">
        <f t="shared" si="824"/>
        <v>7</v>
      </c>
      <c r="C7437" s="16">
        <v>7403</v>
      </c>
      <c r="D7437" cm="1">
        <f t="array" ref="D7437">IFERROR(INDEX(Jesper!AH$2:AH$366,ROUNDDOWN($C7437/24,0)+1,1)*INDEX($D$3:$AA$30,INDEX(Jesper!$R$2:$R$366,ROW(INDEX(Jesper!AH$2:AH$366,ROUNDDOWN($C7437/24,0)+1,1))-1)+IF('Standard Profiles'!$G$18=$B$10,7,0)+IF('Standard Profiles'!$G$18=$B$17,14,0)+IF('Standard Profiles'!$G$18=$B$24,21,0),MOD($C7437,24)+1)/SUM(INDEX($D$3:$AA$30,INDEX(Jesper!$R$2:$R$366,ROW(INDEX(Jesper!AH$2:AH$366,ROUNDDOWN($C7437/24,0)+1,1))-1)+IF('Standard Profiles'!$G$18=$B$10,7,0)+IF('Standard Profiles'!$G$18=$B$17,14,0)+IF('Standard Profiles'!$G$18=$B$24,21,0),0)),0)</f>
        <v>0</v>
      </c>
      <c r="E7437" cm="1">
        <f t="array" ref="E7437">IFERROR(INDEX(Jesper!AI$2:AI$366,ROUNDDOWN($C7437/24,0)+1,1)*INDEX($D$3:$AA$30,INDEX(Jesper!$R$2:$R$366,ROW(INDEX(Jesper!AI$2:AI$366,ROUNDDOWN($C7437/24,0)+1,1))-1)+IF('Standard Profiles'!$G$19=$B$10,7,0)+IF('Standard Profiles'!$G$19=$B$17,14,0)+IF('Standard Profiles'!$G$19=$B$24,21,0),MOD($C7437,24)+1)/SUM(INDEX($D$3:$AA$30,INDEX(Jesper!$R$2:$R$366,ROW(INDEX(Jesper!AI$2:AI$366,ROUNDDOWN($C7437/24,0)+1,1))-1)+IF('Standard Profiles'!$G$19=$B$10,7,0)+IF('Standard Profiles'!$G$19=$B$17,14,0)+IF('Standard Profiles'!$G$19=$B$24,21,0),0)),0)</f>
        <v>3.7414854863564528</v>
      </c>
      <c r="F7437" cm="1">
        <f t="array" ref="F7437">IFERROR(INDEX(Jesper!AJ$2:AJ$366,ROUNDDOWN($C7437/24,0)+1,1)*INDEX($D$3:$AA$30,INDEX(Jesper!$R$2:$R$366,ROW(INDEX(Jesper!AJ$2:AJ$366,ROUNDDOWN($C7437/24,0)+1,1))-1)+IF('Standard Profiles'!$G$20=$B$10,7,0)+IF('Standard Profiles'!$G$20=$B$17,14,0)+IF('Standard Profiles'!$G$20=$B$24,21,0),MOD($C7437,24)+1)/SUM(INDEX($D$3:$AA$30,INDEX(Jesper!$R$2:$R$366,ROW(INDEX(Jesper!AJ$2:AJ$366,ROUNDDOWN($C7437/24,0)+1,1))-1)+IF('Standard Profiles'!$G$20=$B$10,7,0)+IF('Standard Profiles'!$G$20=$B$17,14,0)+IF('Standard Profiles'!$G$20=$B$24,21,0),0)),0)</f>
        <v>2.634096907251259</v>
      </c>
      <c r="G7437" cm="1">
        <f t="array" ref="G7437">IFERROR(INDEX(Jesper!AK$2:AK$366,ROUNDDOWN($C7437/24,0)+1,1)*INDEX($D$3:$AA$30,INDEX(Jesper!$R$2:$R$366,ROW(INDEX(Jesper!AK$2:AK$366,ROUNDDOWN($C7437/24,0)+1,1))-1)+IF('Standard Profiles'!$G$21=$B$10,7,0)+IF('Standard Profiles'!$G$21=$B$17,14,0)+IF('Standard Profiles'!$G$21=$B$24,21,0),MOD($C7437,24)+1)/SUM(INDEX($D$3:$AA$30,INDEX(Jesper!$R$2:$R$366,ROW(INDEX(Jesper!AK$2:AK$366,ROUNDDOWN($C7437/24,0)+1,1))-1)+IF('Standard Profiles'!$G$21=$B$10,7,0)+IF('Standard Profiles'!$G$21=$B$17,14,0)+IF('Standard Profiles'!$G$21=$B$24,21,0),0)),0)</f>
        <v>3.2115350410820156</v>
      </c>
      <c r="H7437" cm="1">
        <f t="array" ref="H7437">IFERROR(INDEX(Jesper!AL$2:AL$366,ROUNDDOWN($C7437/24,0)+1,1)*INDEX($D$3:$AA$30,INDEX(Jesper!$R$2:$R$366,ROW(INDEX(Jesper!AL$2:AL$366,ROUNDDOWN($C7437/24,0)+1,1))-1)+IF('Standard Profiles'!$G$22=$B$10,7,0)+IF('Standard Profiles'!$G$22=$B$17,14,0)+IF('Standard Profiles'!$G$22=$B$24,21,0),MOD($C7437,24)+1)/SUM(INDEX($D$3:$AA$30,INDEX(Jesper!$R$2:$R$366,ROW(INDEX(Jesper!AL$2:AL$366,ROUNDDOWN($C7437/24,0)+1,1))-1)+IF('Standard Profiles'!$G$22=$B$10,7,0)+IF('Standard Profiles'!$G$22=$B$17,14,0)+IF('Standard Profiles'!$G$22=$B$24,21,0),0)),0)</f>
        <v>2.6913096650445256</v>
      </c>
      <c r="I7437">
        <f t="shared" si="825"/>
        <v>2.5836572784427458</v>
      </c>
      <c r="J7437">
        <f t="shared" si="826"/>
        <v>9.2457915629287335</v>
      </c>
      <c r="K7437">
        <f t="shared" si="827"/>
        <v>0.29931883890851624</v>
      </c>
      <c r="L7437">
        <f t="shared" si="828"/>
        <v>0.14965941945425812</v>
      </c>
      <c r="M7437">
        <f t="shared" si="829"/>
        <v>0</v>
      </c>
      <c r="N7437" s="45">
        <f t="shared" si="830"/>
        <v>45235.458333315379</v>
      </c>
    </row>
    <row r="7438" spans="2:14" x14ac:dyDescent="0.25">
      <c r="B7438">
        <f t="shared" si="824"/>
        <v>7</v>
      </c>
      <c r="C7438" s="16">
        <v>7404</v>
      </c>
      <c r="D7438" cm="1">
        <f t="array" ref="D7438">IFERROR(INDEX(Jesper!AH$2:AH$366,ROUNDDOWN($C7438/24,0)+1,1)*INDEX($D$3:$AA$30,INDEX(Jesper!$R$2:$R$366,ROW(INDEX(Jesper!AH$2:AH$366,ROUNDDOWN($C7438/24,0)+1,1))-1)+IF('Standard Profiles'!$G$18=$B$10,7,0)+IF('Standard Profiles'!$G$18=$B$17,14,0)+IF('Standard Profiles'!$G$18=$B$24,21,0),MOD($C7438,24)+1)/SUM(INDEX($D$3:$AA$30,INDEX(Jesper!$R$2:$R$366,ROW(INDEX(Jesper!AH$2:AH$366,ROUNDDOWN($C7438/24,0)+1,1))-1)+IF('Standard Profiles'!$G$18=$B$10,7,0)+IF('Standard Profiles'!$G$18=$B$17,14,0)+IF('Standard Profiles'!$G$18=$B$24,21,0),0)),0)</f>
        <v>0</v>
      </c>
      <c r="E7438" cm="1">
        <f t="array" ref="E7438">IFERROR(INDEX(Jesper!AI$2:AI$366,ROUNDDOWN($C7438/24,0)+1,1)*INDEX($D$3:$AA$30,INDEX(Jesper!$R$2:$R$366,ROW(INDEX(Jesper!AI$2:AI$366,ROUNDDOWN($C7438/24,0)+1,1))-1)+IF('Standard Profiles'!$G$19=$B$10,7,0)+IF('Standard Profiles'!$G$19=$B$17,14,0)+IF('Standard Profiles'!$G$19=$B$24,21,0),MOD($C7438,24)+1)/SUM(INDEX($D$3:$AA$30,INDEX(Jesper!$R$2:$R$366,ROW(INDEX(Jesper!AI$2:AI$366,ROUNDDOWN($C7438/24,0)+1,1))-1)+IF('Standard Profiles'!$G$19=$B$10,7,0)+IF('Standard Profiles'!$G$19=$B$17,14,0)+IF('Standard Profiles'!$G$19=$B$24,21,0),0)),0)</f>
        <v>3.7414854863564528</v>
      </c>
      <c r="F7438" cm="1">
        <f t="array" ref="F7438">IFERROR(INDEX(Jesper!AJ$2:AJ$366,ROUNDDOWN($C7438/24,0)+1,1)*INDEX($D$3:$AA$30,INDEX(Jesper!$R$2:$R$366,ROW(INDEX(Jesper!AJ$2:AJ$366,ROUNDDOWN($C7438/24,0)+1,1))-1)+IF('Standard Profiles'!$G$20=$B$10,7,0)+IF('Standard Profiles'!$G$20=$B$17,14,0)+IF('Standard Profiles'!$G$20=$B$24,21,0),MOD($C7438,24)+1)/SUM(INDEX($D$3:$AA$30,INDEX(Jesper!$R$2:$R$366,ROW(INDEX(Jesper!AJ$2:AJ$366,ROUNDDOWN($C7438/24,0)+1,1))-1)+IF('Standard Profiles'!$G$20=$B$10,7,0)+IF('Standard Profiles'!$G$20=$B$17,14,0)+IF('Standard Profiles'!$G$20=$B$24,21,0),0)),0)</f>
        <v>2.634096907251259</v>
      </c>
      <c r="G7438" cm="1">
        <f t="array" ref="G7438">IFERROR(INDEX(Jesper!AK$2:AK$366,ROUNDDOWN($C7438/24,0)+1,1)*INDEX($D$3:$AA$30,INDEX(Jesper!$R$2:$R$366,ROW(INDEX(Jesper!AK$2:AK$366,ROUNDDOWN($C7438/24,0)+1,1))-1)+IF('Standard Profiles'!$G$21=$B$10,7,0)+IF('Standard Profiles'!$G$21=$B$17,14,0)+IF('Standard Profiles'!$G$21=$B$24,21,0),MOD($C7438,24)+1)/SUM(INDEX($D$3:$AA$30,INDEX(Jesper!$R$2:$R$366,ROW(INDEX(Jesper!AK$2:AK$366,ROUNDDOWN($C7438/24,0)+1,1))-1)+IF('Standard Profiles'!$G$21=$B$10,7,0)+IF('Standard Profiles'!$G$21=$B$17,14,0)+IF('Standard Profiles'!$G$21=$B$24,21,0),0)),0)</f>
        <v>3.2115350410820156</v>
      </c>
      <c r="H7438" cm="1">
        <f t="array" ref="H7438">IFERROR(INDEX(Jesper!AL$2:AL$366,ROUNDDOWN($C7438/24,0)+1,1)*INDEX($D$3:$AA$30,INDEX(Jesper!$R$2:$R$366,ROW(INDEX(Jesper!AL$2:AL$366,ROUNDDOWN($C7438/24,0)+1,1))-1)+IF('Standard Profiles'!$G$22=$B$10,7,0)+IF('Standard Profiles'!$G$22=$B$17,14,0)+IF('Standard Profiles'!$G$22=$B$24,21,0),MOD($C7438,24)+1)/SUM(INDEX($D$3:$AA$30,INDEX(Jesper!$R$2:$R$366,ROW(INDEX(Jesper!AL$2:AL$366,ROUNDDOWN($C7438/24,0)+1,1))-1)+IF('Standard Profiles'!$G$22=$B$10,7,0)+IF('Standard Profiles'!$G$22=$B$17,14,0)+IF('Standard Profiles'!$G$22=$B$24,21,0),0)),0)</f>
        <v>2.6913096650445256</v>
      </c>
      <c r="I7438">
        <f t="shared" si="825"/>
        <v>2.5836572784427458</v>
      </c>
      <c r="J7438">
        <f t="shared" si="826"/>
        <v>9.2457915629287335</v>
      </c>
      <c r="K7438">
        <f t="shared" si="827"/>
        <v>0.29931883890851624</v>
      </c>
      <c r="L7438">
        <f t="shared" si="828"/>
        <v>0.14965941945425812</v>
      </c>
      <c r="M7438">
        <f t="shared" si="829"/>
        <v>0</v>
      </c>
      <c r="N7438" s="45">
        <f t="shared" si="830"/>
        <v>45235.499999982043</v>
      </c>
    </row>
    <row r="7439" spans="2:14" x14ac:dyDescent="0.25">
      <c r="B7439">
        <f t="shared" si="824"/>
        <v>7</v>
      </c>
      <c r="C7439" s="16">
        <v>7405</v>
      </c>
      <c r="D7439" cm="1">
        <f t="array" ref="D7439">IFERROR(INDEX(Jesper!AH$2:AH$366,ROUNDDOWN($C7439/24,0)+1,1)*INDEX($D$3:$AA$30,INDEX(Jesper!$R$2:$R$366,ROW(INDEX(Jesper!AH$2:AH$366,ROUNDDOWN($C7439/24,0)+1,1))-1)+IF('Standard Profiles'!$G$18=$B$10,7,0)+IF('Standard Profiles'!$G$18=$B$17,14,0)+IF('Standard Profiles'!$G$18=$B$24,21,0),MOD($C7439,24)+1)/SUM(INDEX($D$3:$AA$30,INDEX(Jesper!$R$2:$R$366,ROW(INDEX(Jesper!AH$2:AH$366,ROUNDDOWN($C7439/24,0)+1,1))-1)+IF('Standard Profiles'!$G$18=$B$10,7,0)+IF('Standard Profiles'!$G$18=$B$17,14,0)+IF('Standard Profiles'!$G$18=$B$24,21,0),0)),0)</f>
        <v>0</v>
      </c>
      <c r="E7439" cm="1">
        <f t="array" ref="E7439">IFERROR(INDEX(Jesper!AI$2:AI$366,ROUNDDOWN($C7439/24,0)+1,1)*INDEX($D$3:$AA$30,INDEX(Jesper!$R$2:$R$366,ROW(INDEX(Jesper!AI$2:AI$366,ROUNDDOWN($C7439/24,0)+1,1))-1)+IF('Standard Profiles'!$G$19=$B$10,7,0)+IF('Standard Profiles'!$G$19=$B$17,14,0)+IF('Standard Profiles'!$G$19=$B$24,21,0),MOD($C7439,24)+1)/SUM(INDEX($D$3:$AA$30,INDEX(Jesper!$R$2:$R$366,ROW(INDEX(Jesper!AI$2:AI$366,ROUNDDOWN($C7439/24,0)+1,1))-1)+IF('Standard Profiles'!$G$19=$B$10,7,0)+IF('Standard Profiles'!$G$19=$B$17,14,0)+IF('Standard Profiles'!$G$19=$B$24,21,0),0)),0)</f>
        <v>3.7414854863564528</v>
      </c>
      <c r="F7439" cm="1">
        <f t="array" ref="F7439">IFERROR(INDEX(Jesper!AJ$2:AJ$366,ROUNDDOWN($C7439/24,0)+1,1)*INDEX($D$3:$AA$30,INDEX(Jesper!$R$2:$R$366,ROW(INDEX(Jesper!AJ$2:AJ$366,ROUNDDOWN($C7439/24,0)+1,1))-1)+IF('Standard Profiles'!$G$20=$B$10,7,0)+IF('Standard Profiles'!$G$20=$B$17,14,0)+IF('Standard Profiles'!$G$20=$B$24,21,0),MOD($C7439,24)+1)/SUM(INDEX($D$3:$AA$30,INDEX(Jesper!$R$2:$R$366,ROW(INDEX(Jesper!AJ$2:AJ$366,ROUNDDOWN($C7439/24,0)+1,1))-1)+IF('Standard Profiles'!$G$20=$B$10,7,0)+IF('Standard Profiles'!$G$20=$B$17,14,0)+IF('Standard Profiles'!$G$20=$B$24,21,0),0)),0)</f>
        <v>2.634096907251259</v>
      </c>
      <c r="G7439" cm="1">
        <f t="array" ref="G7439">IFERROR(INDEX(Jesper!AK$2:AK$366,ROUNDDOWN($C7439/24,0)+1,1)*INDEX($D$3:$AA$30,INDEX(Jesper!$R$2:$R$366,ROW(INDEX(Jesper!AK$2:AK$366,ROUNDDOWN($C7439/24,0)+1,1))-1)+IF('Standard Profiles'!$G$21=$B$10,7,0)+IF('Standard Profiles'!$G$21=$B$17,14,0)+IF('Standard Profiles'!$G$21=$B$24,21,0),MOD($C7439,24)+1)/SUM(INDEX($D$3:$AA$30,INDEX(Jesper!$R$2:$R$366,ROW(INDEX(Jesper!AK$2:AK$366,ROUNDDOWN($C7439/24,0)+1,1))-1)+IF('Standard Profiles'!$G$21=$B$10,7,0)+IF('Standard Profiles'!$G$21=$B$17,14,0)+IF('Standard Profiles'!$G$21=$B$24,21,0),0)),0)</f>
        <v>3.2115350410820156</v>
      </c>
      <c r="H7439" cm="1">
        <f t="array" ref="H7439">IFERROR(INDEX(Jesper!AL$2:AL$366,ROUNDDOWN($C7439/24,0)+1,1)*INDEX($D$3:$AA$30,INDEX(Jesper!$R$2:$R$366,ROW(INDEX(Jesper!AL$2:AL$366,ROUNDDOWN($C7439/24,0)+1,1))-1)+IF('Standard Profiles'!$G$22=$B$10,7,0)+IF('Standard Profiles'!$G$22=$B$17,14,0)+IF('Standard Profiles'!$G$22=$B$24,21,0),MOD($C7439,24)+1)/SUM(INDEX($D$3:$AA$30,INDEX(Jesper!$R$2:$R$366,ROW(INDEX(Jesper!AL$2:AL$366,ROUNDDOWN($C7439/24,0)+1,1))-1)+IF('Standard Profiles'!$G$22=$B$10,7,0)+IF('Standard Profiles'!$G$22=$B$17,14,0)+IF('Standard Profiles'!$G$22=$B$24,21,0),0)),0)</f>
        <v>2.6913096650445256</v>
      </c>
      <c r="I7439">
        <f t="shared" si="825"/>
        <v>2.5836572784427458</v>
      </c>
      <c r="J7439">
        <f t="shared" si="826"/>
        <v>9.2457915629287335</v>
      </c>
      <c r="K7439">
        <f t="shared" si="827"/>
        <v>0.29931883890851624</v>
      </c>
      <c r="L7439">
        <f t="shared" si="828"/>
        <v>0.14965941945425812</v>
      </c>
      <c r="M7439">
        <f t="shared" si="829"/>
        <v>0</v>
      </c>
      <c r="N7439" s="45">
        <f t="shared" si="830"/>
        <v>45235.541666648707</v>
      </c>
    </row>
    <row r="7440" spans="2:14" x14ac:dyDescent="0.25">
      <c r="B7440">
        <f t="shared" si="824"/>
        <v>7</v>
      </c>
      <c r="C7440" s="16">
        <v>7406</v>
      </c>
      <c r="D7440" cm="1">
        <f t="array" ref="D7440">IFERROR(INDEX(Jesper!AH$2:AH$366,ROUNDDOWN($C7440/24,0)+1,1)*INDEX($D$3:$AA$30,INDEX(Jesper!$R$2:$R$366,ROW(INDEX(Jesper!AH$2:AH$366,ROUNDDOWN($C7440/24,0)+1,1))-1)+IF('Standard Profiles'!$G$18=$B$10,7,0)+IF('Standard Profiles'!$G$18=$B$17,14,0)+IF('Standard Profiles'!$G$18=$B$24,21,0),MOD($C7440,24)+1)/SUM(INDEX($D$3:$AA$30,INDEX(Jesper!$R$2:$R$366,ROW(INDEX(Jesper!AH$2:AH$366,ROUNDDOWN($C7440/24,0)+1,1))-1)+IF('Standard Profiles'!$G$18=$B$10,7,0)+IF('Standard Profiles'!$G$18=$B$17,14,0)+IF('Standard Profiles'!$G$18=$B$24,21,0),0)),0)</f>
        <v>0</v>
      </c>
      <c r="E7440" cm="1">
        <f t="array" ref="E7440">IFERROR(INDEX(Jesper!AI$2:AI$366,ROUNDDOWN($C7440/24,0)+1,1)*INDEX($D$3:$AA$30,INDEX(Jesper!$R$2:$R$366,ROW(INDEX(Jesper!AI$2:AI$366,ROUNDDOWN($C7440/24,0)+1,1))-1)+IF('Standard Profiles'!$G$19=$B$10,7,0)+IF('Standard Profiles'!$G$19=$B$17,14,0)+IF('Standard Profiles'!$G$19=$B$24,21,0),MOD($C7440,24)+1)/SUM(INDEX($D$3:$AA$30,INDEX(Jesper!$R$2:$R$366,ROW(INDEX(Jesper!AI$2:AI$366,ROUNDDOWN($C7440/24,0)+1,1))-1)+IF('Standard Profiles'!$G$19=$B$10,7,0)+IF('Standard Profiles'!$G$19=$B$17,14,0)+IF('Standard Profiles'!$G$19=$B$24,21,0),0)),0)</f>
        <v>3.7414854863564528</v>
      </c>
      <c r="F7440" cm="1">
        <f t="array" ref="F7440">IFERROR(INDEX(Jesper!AJ$2:AJ$366,ROUNDDOWN($C7440/24,0)+1,1)*INDEX($D$3:$AA$30,INDEX(Jesper!$R$2:$R$366,ROW(INDEX(Jesper!AJ$2:AJ$366,ROUNDDOWN($C7440/24,0)+1,1))-1)+IF('Standard Profiles'!$G$20=$B$10,7,0)+IF('Standard Profiles'!$G$20=$B$17,14,0)+IF('Standard Profiles'!$G$20=$B$24,21,0),MOD($C7440,24)+1)/SUM(INDEX($D$3:$AA$30,INDEX(Jesper!$R$2:$R$366,ROW(INDEX(Jesper!AJ$2:AJ$366,ROUNDDOWN($C7440/24,0)+1,1))-1)+IF('Standard Profiles'!$G$20=$B$10,7,0)+IF('Standard Profiles'!$G$20=$B$17,14,0)+IF('Standard Profiles'!$G$20=$B$24,21,0),0)),0)</f>
        <v>2.634096907251259</v>
      </c>
      <c r="G7440" cm="1">
        <f t="array" ref="G7440">IFERROR(INDEX(Jesper!AK$2:AK$366,ROUNDDOWN($C7440/24,0)+1,1)*INDEX($D$3:$AA$30,INDEX(Jesper!$R$2:$R$366,ROW(INDEX(Jesper!AK$2:AK$366,ROUNDDOWN($C7440/24,0)+1,1))-1)+IF('Standard Profiles'!$G$21=$B$10,7,0)+IF('Standard Profiles'!$G$21=$B$17,14,0)+IF('Standard Profiles'!$G$21=$B$24,21,0),MOD($C7440,24)+1)/SUM(INDEX($D$3:$AA$30,INDEX(Jesper!$R$2:$R$366,ROW(INDEX(Jesper!AK$2:AK$366,ROUNDDOWN($C7440/24,0)+1,1))-1)+IF('Standard Profiles'!$G$21=$B$10,7,0)+IF('Standard Profiles'!$G$21=$B$17,14,0)+IF('Standard Profiles'!$G$21=$B$24,21,0),0)),0)</f>
        <v>3.2115350410820156</v>
      </c>
      <c r="H7440" cm="1">
        <f t="array" ref="H7440">IFERROR(INDEX(Jesper!AL$2:AL$366,ROUNDDOWN($C7440/24,0)+1,1)*INDEX($D$3:$AA$30,INDEX(Jesper!$R$2:$R$366,ROW(INDEX(Jesper!AL$2:AL$366,ROUNDDOWN($C7440/24,0)+1,1))-1)+IF('Standard Profiles'!$G$22=$B$10,7,0)+IF('Standard Profiles'!$G$22=$B$17,14,0)+IF('Standard Profiles'!$G$22=$B$24,21,0),MOD($C7440,24)+1)/SUM(INDEX($D$3:$AA$30,INDEX(Jesper!$R$2:$R$366,ROW(INDEX(Jesper!AL$2:AL$366,ROUNDDOWN($C7440/24,0)+1,1))-1)+IF('Standard Profiles'!$G$22=$B$10,7,0)+IF('Standard Profiles'!$G$22=$B$17,14,0)+IF('Standard Profiles'!$G$22=$B$24,21,0),0)),0)</f>
        <v>2.6913096650445256</v>
      </c>
      <c r="I7440">
        <f t="shared" si="825"/>
        <v>2.5836572784427458</v>
      </c>
      <c r="J7440">
        <f t="shared" si="826"/>
        <v>9.2457915629287335</v>
      </c>
      <c r="K7440">
        <f t="shared" si="827"/>
        <v>0.29931883890851624</v>
      </c>
      <c r="L7440">
        <f t="shared" si="828"/>
        <v>0.14965941945425812</v>
      </c>
      <c r="M7440">
        <f t="shared" si="829"/>
        <v>0</v>
      </c>
      <c r="N7440" s="45">
        <f t="shared" si="830"/>
        <v>45235.583333315371</v>
      </c>
    </row>
    <row r="7441" spans="2:14" x14ac:dyDescent="0.25">
      <c r="B7441">
        <f t="shared" si="824"/>
        <v>7</v>
      </c>
      <c r="C7441" s="16">
        <v>7407</v>
      </c>
      <c r="D7441" cm="1">
        <f t="array" ref="D7441">IFERROR(INDEX(Jesper!AH$2:AH$366,ROUNDDOWN($C7441/24,0)+1,1)*INDEX($D$3:$AA$30,INDEX(Jesper!$R$2:$R$366,ROW(INDEX(Jesper!AH$2:AH$366,ROUNDDOWN($C7441/24,0)+1,1))-1)+IF('Standard Profiles'!$G$18=$B$10,7,0)+IF('Standard Profiles'!$G$18=$B$17,14,0)+IF('Standard Profiles'!$G$18=$B$24,21,0),MOD($C7441,24)+1)/SUM(INDEX($D$3:$AA$30,INDEX(Jesper!$R$2:$R$366,ROW(INDEX(Jesper!AH$2:AH$366,ROUNDDOWN($C7441/24,0)+1,1))-1)+IF('Standard Profiles'!$G$18=$B$10,7,0)+IF('Standard Profiles'!$G$18=$B$17,14,0)+IF('Standard Profiles'!$G$18=$B$24,21,0),0)),0)</f>
        <v>0</v>
      </c>
      <c r="E7441" cm="1">
        <f t="array" ref="E7441">IFERROR(INDEX(Jesper!AI$2:AI$366,ROUNDDOWN($C7441/24,0)+1,1)*INDEX($D$3:$AA$30,INDEX(Jesper!$R$2:$R$366,ROW(INDEX(Jesper!AI$2:AI$366,ROUNDDOWN($C7441/24,0)+1,1))-1)+IF('Standard Profiles'!$G$19=$B$10,7,0)+IF('Standard Profiles'!$G$19=$B$17,14,0)+IF('Standard Profiles'!$G$19=$B$24,21,0),MOD($C7441,24)+1)/SUM(INDEX($D$3:$AA$30,INDEX(Jesper!$R$2:$R$366,ROW(INDEX(Jesper!AI$2:AI$366,ROUNDDOWN($C7441/24,0)+1,1))-1)+IF('Standard Profiles'!$G$19=$B$10,7,0)+IF('Standard Profiles'!$G$19=$B$17,14,0)+IF('Standard Profiles'!$G$19=$B$24,21,0),0)),0)</f>
        <v>3.7414854863564528</v>
      </c>
      <c r="F7441" cm="1">
        <f t="array" ref="F7441">IFERROR(INDEX(Jesper!AJ$2:AJ$366,ROUNDDOWN($C7441/24,0)+1,1)*INDEX($D$3:$AA$30,INDEX(Jesper!$R$2:$R$366,ROW(INDEX(Jesper!AJ$2:AJ$366,ROUNDDOWN($C7441/24,0)+1,1))-1)+IF('Standard Profiles'!$G$20=$B$10,7,0)+IF('Standard Profiles'!$G$20=$B$17,14,0)+IF('Standard Profiles'!$G$20=$B$24,21,0),MOD($C7441,24)+1)/SUM(INDEX($D$3:$AA$30,INDEX(Jesper!$R$2:$R$366,ROW(INDEX(Jesper!AJ$2:AJ$366,ROUNDDOWN($C7441/24,0)+1,1))-1)+IF('Standard Profiles'!$G$20=$B$10,7,0)+IF('Standard Profiles'!$G$20=$B$17,14,0)+IF('Standard Profiles'!$G$20=$B$24,21,0),0)),0)</f>
        <v>2.634096907251259</v>
      </c>
      <c r="G7441" cm="1">
        <f t="array" ref="G7441">IFERROR(INDEX(Jesper!AK$2:AK$366,ROUNDDOWN($C7441/24,0)+1,1)*INDEX($D$3:$AA$30,INDEX(Jesper!$R$2:$R$366,ROW(INDEX(Jesper!AK$2:AK$366,ROUNDDOWN($C7441/24,0)+1,1))-1)+IF('Standard Profiles'!$G$21=$B$10,7,0)+IF('Standard Profiles'!$G$21=$B$17,14,0)+IF('Standard Profiles'!$G$21=$B$24,21,0),MOD($C7441,24)+1)/SUM(INDEX($D$3:$AA$30,INDEX(Jesper!$R$2:$R$366,ROW(INDEX(Jesper!AK$2:AK$366,ROUNDDOWN($C7441/24,0)+1,1))-1)+IF('Standard Profiles'!$G$21=$B$10,7,0)+IF('Standard Profiles'!$G$21=$B$17,14,0)+IF('Standard Profiles'!$G$21=$B$24,21,0),0)),0)</f>
        <v>3.2115350410820156</v>
      </c>
      <c r="H7441" cm="1">
        <f t="array" ref="H7441">IFERROR(INDEX(Jesper!AL$2:AL$366,ROUNDDOWN($C7441/24,0)+1,1)*INDEX($D$3:$AA$30,INDEX(Jesper!$R$2:$R$366,ROW(INDEX(Jesper!AL$2:AL$366,ROUNDDOWN($C7441/24,0)+1,1))-1)+IF('Standard Profiles'!$G$22=$B$10,7,0)+IF('Standard Profiles'!$G$22=$B$17,14,0)+IF('Standard Profiles'!$G$22=$B$24,21,0),MOD($C7441,24)+1)/SUM(INDEX($D$3:$AA$30,INDEX(Jesper!$R$2:$R$366,ROW(INDEX(Jesper!AL$2:AL$366,ROUNDDOWN($C7441/24,0)+1,1))-1)+IF('Standard Profiles'!$G$22=$B$10,7,0)+IF('Standard Profiles'!$G$22=$B$17,14,0)+IF('Standard Profiles'!$G$22=$B$24,21,0),0)),0)</f>
        <v>2.3922752578173561</v>
      </c>
      <c r="I7441">
        <f t="shared" si="825"/>
        <v>2.2965842475046632</v>
      </c>
      <c r="J7441">
        <f t="shared" si="826"/>
        <v>9.2338301866396471</v>
      </c>
      <c r="K7441">
        <f t="shared" si="827"/>
        <v>0.29931883890851624</v>
      </c>
      <c r="L7441">
        <f t="shared" si="828"/>
        <v>0.14965941945425812</v>
      </c>
      <c r="M7441">
        <f t="shared" si="829"/>
        <v>0</v>
      </c>
      <c r="N7441" s="45">
        <f t="shared" si="830"/>
        <v>45235.624999982036</v>
      </c>
    </row>
    <row r="7442" spans="2:14" x14ac:dyDescent="0.25">
      <c r="B7442">
        <f t="shared" si="824"/>
        <v>7</v>
      </c>
      <c r="C7442" s="16">
        <v>7408</v>
      </c>
      <c r="D7442" cm="1">
        <f t="array" ref="D7442">IFERROR(INDEX(Jesper!AH$2:AH$366,ROUNDDOWN($C7442/24,0)+1,1)*INDEX($D$3:$AA$30,INDEX(Jesper!$R$2:$R$366,ROW(INDEX(Jesper!AH$2:AH$366,ROUNDDOWN($C7442/24,0)+1,1))-1)+IF('Standard Profiles'!$G$18=$B$10,7,0)+IF('Standard Profiles'!$G$18=$B$17,14,0)+IF('Standard Profiles'!$G$18=$B$24,21,0),MOD($C7442,24)+1)/SUM(INDEX($D$3:$AA$30,INDEX(Jesper!$R$2:$R$366,ROW(INDEX(Jesper!AH$2:AH$366,ROUNDDOWN($C7442/24,0)+1,1))-1)+IF('Standard Profiles'!$G$18=$B$10,7,0)+IF('Standard Profiles'!$G$18=$B$17,14,0)+IF('Standard Profiles'!$G$18=$B$24,21,0),0)),0)</f>
        <v>0</v>
      </c>
      <c r="E7442" cm="1">
        <f t="array" ref="E7442">IFERROR(INDEX(Jesper!AI$2:AI$366,ROUNDDOWN($C7442/24,0)+1,1)*INDEX($D$3:$AA$30,INDEX(Jesper!$R$2:$R$366,ROW(INDEX(Jesper!AI$2:AI$366,ROUNDDOWN($C7442/24,0)+1,1))-1)+IF('Standard Profiles'!$G$19=$B$10,7,0)+IF('Standard Profiles'!$G$19=$B$17,14,0)+IF('Standard Profiles'!$G$19=$B$24,21,0),MOD($C7442,24)+1)/SUM(INDEX($D$3:$AA$30,INDEX(Jesper!$R$2:$R$366,ROW(INDEX(Jesper!AI$2:AI$366,ROUNDDOWN($C7442/24,0)+1,1))-1)+IF('Standard Profiles'!$G$19=$B$10,7,0)+IF('Standard Profiles'!$G$19=$B$17,14,0)+IF('Standard Profiles'!$G$19=$B$24,21,0),0)),0)</f>
        <v>3.7414854863564528</v>
      </c>
      <c r="F7442" cm="1">
        <f t="array" ref="F7442">IFERROR(INDEX(Jesper!AJ$2:AJ$366,ROUNDDOWN($C7442/24,0)+1,1)*INDEX($D$3:$AA$30,INDEX(Jesper!$R$2:$R$366,ROW(INDEX(Jesper!AJ$2:AJ$366,ROUNDDOWN($C7442/24,0)+1,1))-1)+IF('Standard Profiles'!$G$20=$B$10,7,0)+IF('Standard Profiles'!$G$20=$B$17,14,0)+IF('Standard Profiles'!$G$20=$B$24,21,0),MOD($C7442,24)+1)/SUM(INDEX($D$3:$AA$30,INDEX(Jesper!$R$2:$R$366,ROW(INDEX(Jesper!AJ$2:AJ$366,ROUNDDOWN($C7442/24,0)+1,1))-1)+IF('Standard Profiles'!$G$20=$B$10,7,0)+IF('Standard Profiles'!$G$20=$B$17,14,0)+IF('Standard Profiles'!$G$20=$B$24,21,0),0)),0)</f>
        <v>2.634096907251259</v>
      </c>
      <c r="G7442" cm="1">
        <f t="array" ref="G7442">IFERROR(INDEX(Jesper!AK$2:AK$366,ROUNDDOWN($C7442/24,0)+1,1)*INDEX($D$3:$AA$30,INDEX(Jesper!$R$2:$R$366,ROW(INDEX(Jesper!AK$2:AK$366,ROUNDDOWN($C7442/24,0)+1,1))-1)+IF('Standard Profiles'!$G$21=$B$10,7,0)+IF('Standard Profiles'!$G$21=$B$17,14,0)+IF('Standard Profiles'!$G$21=$B$24,21,0),MOD($C7442,24)+1)/SUM(INDEX($D$3:$AA$30,INDEX(Jesper!$R$2:$R$366,ROW(INDEX(Jesper!AK$2:AK$366,ROUNDDOWN($C7442/24,0)+1,1))-1)+IF('Standard Profiles'!$G$21=$B$10,7,0)+IF('Standard Profiles'!$G$21=$B$17,14,0)+IF('Standard Profiles'!$G$21=$B$24,21,0),0)),0)</f>
        <v>3.2115350410820156</v>
      </c>
      <c r="H7442" cm="1">
        <f t="array" ref="H7442">IFERROR(INDEX(Jesper!AL$2:AL$366,ROUNDDOWN($C7442/24,0)+1,1)*INDEX($D$3:$AA$30,INDEX(Jesper!$R$2:$R$366,ROW(INDEX(Jesper!AL$2:AL$366,ROUNDDOWN($C7442/24,0)+1,1))-1)+IF('Standard Profiles'!$G$22=$B$10,7,0)+IF('Standard Profiles'!$G$22=$B$17,14,0)+IF('Standard Profiles'!$G$22=$B$24,21,0),MOD($C7442,24)+1)/SUM(INDEX($D$3:$AA$30,INDEX(Jesper!$R$2:$R$366,ROW(INDEX(Jesper!AL$2:AL$366,ROUNDDOWN($C7442/24,0)+1,1))-1)+IF('Standard Profiles'!$G$22=$B$10,7,0)+IF('Standard Profiles'!$G$22=$B$17,14,0)+IF('Standard Profiles'!$G$22=$B$24,21,0),0)),0)</f>
        <v>2.3495560567849028</v>
      </c>
      <c r="I7442">
        <f t="shared" si="825"/>
        <v>2.2555738145135078</v>
      </c>
      <c r="J7442">
        <f t="shared" si="826"/>
        <v>9.2321214185983482</v>
      </c>
      <c r="K7442">
        <f t="shared" si="827"/>
        <v>0.29931883890851624</v>
      </c>
      <c r="L7442">
        <f t="shared" si="828"/>
        <v>0.14965941945425812</v>
      </c>
      <c r="M7442">
        <f t="shared" si="829"/>
        <v>0</v>
      </c>
      <c r="N7442" s="45">
        <f t="shared" si="830"/>
        <v>45235.6666666487</v>
      </c>
    </row>
    <row r="7443" spans="2:14" x14ac:dyDescent="0.25">
      <c r="B7443">
        <f t="shared" si="824"/>
        <v>7</v>
      </c>
      <c r="C7443" s="16">
        <v>7409</v>
      </c>
      <c r="D7443" cm="1">
        <f t="array" ref="D7443">IFERROR(INDEX(Jesper!AH$2:AH$366,ROUNDDOWN($C7443/24,0)+1,1)*INDEX($D$3:$AA$30,INDEX(Jesper!$R$2:$R$366,ROW(INDEX(Jesper!AH$2:AH$366,ROUNDDOWN($C7443/24,0)+1,1))-1)+IF('Standard Profiles'!$G$18=$B$10,7,0)+IF('Standard Profiles'!$G$18=$B$17,14,0)+IF('Standard Profiles'!$G$18=$B$24,21,0),MOD($C7443,24)+1)/SUM(INDEX($D$3:$AA$30,INDEX(Jesper!$R$2:$R$366,ROW(INDEX(Jesper!AH$2:AH$366,ROUNDDOWN($C7443/24,0)+1,1))-1)+IF('Standard Profiles'!$G$18=$B$10,7,0)+IF('Standard Profiles'!$G$18=$B$17,14,0)+IF('Standard Profiles'!$G$18=$B$24,21,0),0)),0)</f>
        <v>0</v>
      </c>
      <c r="E7443" cm="1">
        <f t="array" ref="E7443">IFERROR(INDEX(Jesper!AI$2:AI$366,ROUNDDOWN($C7443/24,0)+1,1)*INDEX($D$3:$AA$30,INDEX(Jesper!$R$2:$R$366,ROW(INDEX(Jesper!AI$2:AI$366,ROUNDDOWN($C7443/24,0)+1,1))-1)+IF('Standard Profiles'!$G$19=$B$10,7,0)+IF('Standard Profiles'!$G$19=$B$17,14,0)+IF('Standard Profiles'!$G$19=$B$24,21,0),MOD($C7443,24)+1)/SUM(INDEX($D$3:$AA$30,INDEX(Jesper!$R$2:$R$366,ROW(INDEX(Jesper!AI$2:AI$366,ROUNDDOWN($C7443/24,0)+1,1))-1)+IF('Standard Profiles'!$G$19=$B$10,7,0)+IF('Standard Profiles'!$G$19=$B$17,14,0)+IF('Standard Profiles'!$G$19=$B$24,21,0),0)),0)</f>
        <v>3.7414854863564528</v>
      </c>
      <c r="F7443" cm="1">
        <f t="array" ref="F7443">IFERROR(INDEX(Jesper!AJ$2:AJ$366,ROUNDDOWN($C7443/24,0)+1,1)*INDEX($D$3:$AA$30,INDEX(Jesper!$R$2:$R$366,ROW(INDEX(Jesper!AJ$2:AJ$366,ROUNDDOWN($C7443/24,0)+1,1))-1)+IF('Standard Profiles'!$G$20=$B$10,7,0)+IF('Standard Profiles'!$G$20=$B$17,14,0)+IF('Standard Profiles'!$G$20=$B$24,21,0),MOD($C7443,24)+1)/SUM(INDEX($D$3:$AA$30,INDEX(Jesper!$R$2:$R$366,ROW(INDEX(Jesper!AJ$2:AJ$366,ROUNDDOWN($C7443/24,0)+1,1))-1)+IF('Standard Profiles'!$G$20=$B$10,7,0)+IF('Standard Profiles'!$G$20=$B$17,14,0)+IF('Standard Profiles'!$G$20=$B$24,21,0),0)),0)</f>
        <v>2.634096907251259</v>
      </c>
      <c r="G7443" cm="1">
        <f t="array" ref="G7443">IFERROR(INDEX(Jesper!AK$2:AK$366,ROUNDDOWN($C7443/24,0)+1,1)*INDEX($D$3:$AA$30,INDEX(Jesper!$R$2:$R$366,ROW(INDEX(Jesper!AK$2:AK$366,ROUNDDOWN($C7443/24,0)+1,1))-1)+IF('Standard Profiles'!$G$21=$B$10,7,0)+IF('Standard Profiles'!$G$21=$B$17,14,0)+IF('Standard Profiles'!$G$21=$B$24,21,0),MOD($C7443,24)+1)/SUM(INDEX($D$3:$AA$30,INDEX(Jesper!$R$2:$R$366,ROW(INDEX(Jesper!AK$2:AK$366,ROUNDDOWN($C7443/24,0)+1,1))-1)+IF('Standard Profiles'!$G$21=$B$10,7,0)+IF('Standard Profiles'!$G$21=$B$17,14,0)+IF('Standard Profiles'!$G$21=$B$24,21,0),0)),0)</f>
        <v>3.2115350410820156</v>
      </c>
      <c r="H7443" cm="1">
        <f t="array" ref="H7443">IFERROR(INDEX(Jesper!AL$2:AL$366,ROUNDDOWN($C7443/24,0)+1,1)*INDEX($D$3:$AA$30,INDEX(Jesper!$R$2:$R$366,ROW(INDEX(Jesper!AL$2:AL$366,ROUNDDOWN($C7443/24,0)+1,1))-1)+IF('Standard Profiles'!$G$22=$B$10,7,0)+IF('Standard Profiles'!$G$22=$B$17,14,0)+IF('Standard Profiles'!$G$22=$B$24,21,0),MOD($C7443,24)+1)/SUM(INDEX($D$3:$AA$30,INDEX(Jesper!$R$2:$R$366,ROW(INDEX(Jesper!AL$2:AL$366,ROUNDDOWN($C7443/24,0)+1,1))-1)+IF('Standard Profiles'!$G$22=$B$10,7,0)+IF('Standard Profiles'!$G$22=$B$17,14,0)+IF('Standard Profiles'!$G$22=$B$24,21,0),0)),0)</f>
        <v>2.0078024485252808</v>
      </c>
      <c r="I7443">
        <f t="shared" si="825"/>
        <v>1.9274903505842707</v>
      </c>
      <c r="J7443">
        <f t="shared" si="826"/>
        <v>9.218451274267963</v>
      </c>
      <c r="K7443">
        <f t="shared" si="827"/>
        <v>0.29931883890851624</v>
      </c>
      <c r="L7443">
        <f t="shared" si="828"/>
        <v>0.14965941945425812</v>
      </c>
      <c r="M7443">
        <f t="shared" si="829"/>
        <v>0</v>
      </c>
      <c r="N7443" s="45">
        <f t="shared" si="830"/>
        <v>45235.708333315364</v>
      </c>
    </row>
    <row r="7444" spans="2:14" x14ac:dyDescent="0.25">
      <c r="B7444">
        <f t="shared" si="824"/>
        <v>7</v>
      </c>
      <c r="C7444" s="16">
        <v>7410</v>
      </c>
      <c r="D7444" cm="1">
        <f t="array" ref="D7444">IFERROR(INDEX(Jesper!AH$2:AH$366,ROUNDDOWN($C7444/24,0)+1,1)*INDEX($D$3:$AA$30,INDEX(Jesper!$R$2:$R$366,ROW(INDEX(Jesper!AH$2:AH$366,ROUNDDOWN($C7444/24,0)+1,1))-1)+IF('Standard Profiles'!$G$18=$B$10,7,0)+IF('Standard Profiles'!$G$18=$B$17,14,0)+IF('Standard Profiles'!$G$18=$B$24,21,0),MOD($C7444,24)+1)/SUM(INDEX($D$3:$AA$30,INDEX(Jesper!$R$2:$R$366,ROW(INDEX(Jesper!AH$2:AH$366,ROUNDDOWN($C7444/24,0)+1,1))-1)+IF('Standard Profiles'!$G$18=$B$10,7,0)+IF('Standard Profiles'!$G$18=$B$17,14,0)+IF('Standard Profiles'!$G$18=$B$24,21,0),0)),0)</f>
        <v>0</v>
      </c>
      <c r="E7444" cm="1">
        <f t="array" ref="E7444">IFERROR(INDEX(Jesper!AI$2:AI$366,ROUNDDOWN($C7444/24,0)+1,1)*INDEX($D$3:$AA$30,INDEX(Jesper!$R$2:$R$366,ROW(INDEX(Jesper!AI$2:AI$366,ROUNDDOWN($C7444/24,0)+1,1))-1)+IF('Standard Profiles'!$G$19=$B$10,7,0)+IF('Standard Profiles'!$G$19=$B$17,14,0)+IF('Standard Profiles'!$G$19=$B$24,21,0),MOD($C7444,24)+1)/SUM(INDEX($D$3:$AA$30,INDEX(Jesper!$R$2:$R$366,ROW(INDEX(Jesper!AI$2:AI$366,ROUNDDOWN($C7444/24,0)+1,1))-1)+IF('Standard Profiles'!$G$19=$B$10,7,0)+IF('Standard Profiles'!$G$19=$B$17,14,0)+IF('Standard Profiles'!$G$19=$B$24,21,0),0)),0)</f>
        <v>3.7414854863564528</v>
      </c>
      <c r="F7444" cm="1">
        <f t="array" ref="F7444">IFERROR(INDEX(Jesper!AJ$2:AJ$366,ROUNDDOWN($C7444/24,0)+1,1)*INDEX($D$3:$AA$30,INDEX(Jesper!$R$2:$R$366,ROW(INDEX(Jesper!AJ$2:AJ$366,ROUNDDOWN($C7444/24,0)+1,1))-1)+IF('Standard Profiles'!$G$20=$B$10,7,0)+IF('Standard Profiles'!$G$20=$B$17,14,0)+IF('Standard Profiles'!$G$20=$B$24,21,0),MOD($C7444,24)+1)/SUM(INDEX($D$3:$AA$30,INDEX(Jesper!$R$2:$R$366,ROW(INDEX(Jesper!AJ$2:AJ$366,ROUNDDOWN($C7444/24,0)+1,1))-1)+IF('Standard Profiles'!$G$20=$B$10,7,0)+IF('Standard Profiles'!$G$20=$B$17,14,0)+IF('Standard Profiles'!$G$20=$B$24,21,0),0)),0)</f>
        <v>2.634096907251259</v>
      </c>
      <c r="G7444" cm="1">
        <f t="array" ref="G7444">IFERROR(INDEX(Jesper!AK$2:AK$366,ROUNDDOWN($C7444/24,0)+1,1)*INDEX($D$3:$AA$30,INDEX(Jesper!$R$2:$R$366,ROW(INDEX(Jesper!AK$2:AK$366,ROUNDDOWN($C7444/24,0)+1,1))-1)+IF('Standard Profiles'!$G$21=$B$10,7,0)+IF('Standard Profiles'!$G$21=$B$17,14,0)+IF('Standard Profiles'!$G$21=$B$24,21,0),MOD($C7444,24)+1)/SUM(INDEX($D$3:$AA$30,INDEX(Jesper!$R$2:$R$366,ROW(INDEX(Jesper!AK$2:AK$366,ROUNDDOWN($C7444/24,0)+1,1))-1)+IF('Standard Profiles'!$G$21=$B$10,7,0)+IF('Standard Profiles'!$G$21=$B$17,14,0)+IF('Standard Profiles'!$G$21=$B$24,21,0),0)),0)</f>
        <v>3.2115350410820156</v>
      </c>
      <c r="H7444" cm="1">
        <f t="array" ref="H7444">IFERROR(INDEX(Jesper!AL$2:AL$366,ROUNDDOWN($C7444/24,0)+1,1)*INDEX($D$3:$AA$30,INDEX(Jesper!$R$2:$R$366,ROW(INDEX(Jesper!AL$2:AL$366,ROUNDDOWN($C7444/24,0)+1,1))-1)+IF('Standard Profiles'!$G$22=$B$10,7,0)+IF('Standard Profiles'!$G$22=$B$17,14,0)+IF('Standard Profiles'!$G$22=$B$24,21,0),MOD($C7444,24)+1)/SUM(INDEX($D$3:$AA$30,INDEX(Jesper!$R$2:$R$366,ROW(INDEX(Jesper!AL$2:AL$366,ROUNDDOWN($C7444/24,0)+1,1))-1)+IF('Standard Profiles'!$G$22=$B$10,7,0)+IF('Standard Profiles'!$G$22=$B$17,14,0)+IF('Standard Profiles'!$G$22=$B$24,21,0),0)),0)</f>
        <v>1.8796448454279224</v>
      </c>
      <c r="I7444">
        <f t="shared" si="825"/>
        <v>1.8044590516108066</v>
      </c>
      <c r="J7444">
        <f t="shared" si="826"/>
        <v>9.21332497014407</v>
      </c>
      <c r="K7444">
        <f t="shared" si="827"/>
        <v>0.29931883890851624</v>
      </c>
      <c r="L7444">
        <f t="shared" si="828"/>
        <v>0.14965941945425812</v>
      </c>
      <c r="M7444">
        <f t="shared" si="829"/>
        <v>0</v>
      </c>
      <c r="N7444" s="45">
        <f t="shared" si="830"/>
        <v>45235.749999982028</v>
      </c>
    </row>
    <row r="7445" spans="2:14" x14ac:dyDescent="0.25">
      <c r="B7445">
        <f t="shared" si="824"/>
        <v>7</v>
      </c>
      <c r="C7445" s="16">
        <v>7411</v>
      </c>
      <c r="D7445" cm="1">
        <f t="array" ref="D7445">IFERROR(INDEX(Jesper!AH$2:AH$366,ROUNDDOWN($C7445/24,0)+1,1)*INDEX($D$3:$AA$30,INDEX(Jesper!$R$2:$R$366,ROW(INDEX(Jesper!AH$2:AH$366,ROUNDDOWN($C7445/24,0)+1,1))-1)+IF('Standard Profiles'!$G$18=$B$10,7,0)+IF('Standard Profiles'!$G$18=$B$17,14,0)+IF('Standard Profiles'!$G$18=$B$24,21,0),MOD($C7445,24)+1)/SUM(INDEX($D$3:$AA$30,INDEX(Jesper!$R$2:$R$366,ROW(INDEX(Jesper!AH$2:AH$366,ROUNDDOWN($C7445/24,0)+1,1))-1)+IF('Standard Profiles'!$G$18=$B$10,7,0)+IF('Standard Profiles'!$G$18=$B$17,14,0)+IF('Standard Profiles'!$G$18=$B$24,21,0),0)),0)</f>
        <v>0</v>
      </c>
      <c r="E7445" cm="1">
        <f t="array" ref="E7445">IFERROR(INDEX(Jesper!AI$2:AI$366,ROUNDDOWN($C7445/24,0)+1,1)*INDEX($D$3:$AA$30,INDEX(Jesper!$R$2:$R$366,ROW(INDEX(Jesper!AI$2:AI$366,ROUNDDOWN($C7445/24,0)+1,1))-1)+IF('Standard Profiles'!$G$19=$B$10,7,0)+IF('Standard Profiles'!$G$19=$B$17,14,0)+IF('Standard Profiles'!$G$19=$B$24,21,0),MOD($C7445,24)+1)/SUM(INDEX($D$3:$AA$30,INDEX(Jesper!$R$2:$R$366,ROW(INDEX(Jesper!AI$2:AI$366,ROUNDDOWN($C7445/24,0)+1,1))-1)+IF('Standard Profiles'!$G$19=$B$10,7,0)+IF('Standard Profiles'!$G$19=$B$17,14,0)+IF('Standard Profiles'!$G$19=$B$24,21,0),0)),0)</f>
        <v>3.7414854863564528</v>
      </c>
      <c r="F7445" cm="1">
        <f t="array" ref="F7445">IFERROR(INDEX(Jesper!AJ$2:AJ$366,ROUNDDOWN($C7445/24,0)+1,1)*INDEX($D$3:$AA$30,INDEX(Jesper!$R$2:$R$366,ROW(INDEX(Jesper!AJ$2:AJ$366,ROUNDDOWN($C7445/24,0)+1,1))-1)+IF('Standard Profiles'!$G$20=$B$10,7,0)+IF('Standard Profiles'!$G$20=$B$17,14,0)+IF('Standard Profiles'!$G$20=$B$24,21,0),MOD($C7445,24)+1)/SUM(INDEX($D$3:$AA$30,INDEX(Jesper!$R$2:$R$366,ROW(INDEX(Jesper!AJ$2:AJ$366,ROUNDDOWN($C7445/24,0)+1,1))-1)+IF('Standard Profiles'!$G$20=$B$10,7,0)+IF('Standard Profiles'!$G$20=$B$17,14,0)+IF('Standard Profiles'!$G$20=$B$24,21,0),0)),0)</f>
        <v>2.634096907251259</v>
      </c>
      <c r="G7445" cm="1">
        <f t="array" ref="G7445">IFERROR(INDEX(Jesper!AK$2:AK$366,ROUNDDOWN($C7445/24,0)+1,1)*INDEX($D$3:$AA$30,INDEX(Jesper!$R$2:$R$366,ROW(INDEX(Jesper!AK$2:AK$366,ROUNDDOWN($C7445/24,0)+1,1))-1)+IF('Standard Profiles'!$G$21=$B$10,7,0)+IF('Standard Profiles'!$G$21=$B$17,14,0)+IF('Standard Profiles'!$G$21=$B$24,21,0),MOD($C7445,24)+1)/SUM(INDEX($D$3:$AA$30,INDEX(Jesper!$R$2:$R$366,ROW(INDEX(Jesper!AK$2:AK$366,ROUNDDOWN($C7445/24,0)+1,1))-1)+IF('Standard Profiles'!$G$21=$B$10,7,0)+IF('Standard Profiles'!$G$21=$B$17,14,0)+IF('Standard Profiles'!$G$21=$B$24,21,0),0)),0)</f>
        <v>3.2115350410820156</v>
      </c>
      <c r="H7445" cm="1">
        <f t="array" ref="H7445">IFERROR(INDEX(Jesper!AL$2:AL$366,ROUNDDOWN($C7445/24,0)+1,1)*INDEX($D$3:$AA$30,INDEX(Jesper!$R$2:$R$366,ROW(INDEX(Jesper!AL$2:AL$366,ROUNDDOWN($C7445/24,0)+1,1))-1)+IF('Standard Profiles'!$G$22=$B$10,7,0)+IF('Standard Profiles'!$G$22=$B$17,14,0)+IF('Standard Profiles'!$G$22=$B$24,21,0),MOD($C7445,24)+1)/SUM(INDEX($D$3:$AA$30,INDEX(Jesper!$R$2:$R$366,ROW(INDEX(Jesper!AL$2:AL$366,ROUNDDOWN($C7445/24,0)+1,1))-1)+IF('Standard Profiles'!$G$22=$B$10,7,0)+IF('Standard Profiles'!$G$22=$B$17,14,0)+IF('Standard Profiles'!$G$22=$B$24,21,0),0)),0)</f>
        <v>1.5806104382007529</v>
      </c>
      <c r="I7445">
        <f t="shared" si="825"/>
        <v>1.5173860206727237</v>
      </c>
      <c r="J7445">
        <f t="shared" si="826"/>
        <v>9.2013635938549836</v>
      </c>
      <c r="K7445">
        <f t="shared" si="827"/>
        <v>0.29931883890851624</v>
      </c>
      <c r="L7445">
        <f t="shared" si="828"/>
        <v>0.14965941945425812</v>
      </c>
      <c r="M7445">
        <f t="shared" si="829"/>
        <v>0</v>
      </c>
      <c r="N7445" s="45">
        <f t="shared" si="830"/>
        <v>45235.791666648693</v>
      </c>
    </row>
    <row r="7446" spans="2:14" x14ac:dyDescent="0.25">
      <c r="B7446">
        <f t="shared" si="824"/>
        <v>7</v>
      </c>
      <c r="C7446" s="16">
        <v>7412</v>
      </c>
      <c r="D7446" cm="1">
        <f t="array" ref="D7446">IFERROR(INDEX(Jesper!AH$2:AH$366,ROUNDDOWN($C7446/24,0)+1,1)*INDEX($D$3:$AA$30,INDEX(Jesper!$R$2:$R$366,ROW(INDEX(Jesper!AH$2:AH$366,ROUNDDOWN($C7446/24,0)+1,1))-1)+IF('Standard Profiles'!$G$18=$B$10,7,0)+IF('Standard Profiles'!$G$18=$B$17,14,0)+IF('Standard Profiles'!$G$18=$B$24,21,0),MOD($C7446,24)+1)/SUM(INDEX($D$3:$AA$30,INDEX(Jesper!$R$2:$R$366,ROW(INDEX(Jesper!AH$2:AH$366,ROUNDDOWN($C7446/24,0)+1,1))-1)+IF('Standard Profiles'!$G$18=$B$10,7,0)+IF('Standard Profiles'!$G$18=$B$17,14,0)+IF('Standard Profiles'!$G$18=$B$24,21,0),0)),0)</f>
        <v>0</v>
      </c>
      <c r="E7446" cm="1">
        <f t="array" ref="E7446">IFERROR(INDEX(Jesper!AI$2:AI$366,ROUNDDOWN($C7446/24,0)+1,1)*INDEX($D$3:$AA$30,INDEX(Jesper!$R$2:$R$366,ROW(INDEX(Jesper!AI$2:AI$366,ROUNDDOWN($C7446/24,0)+1,1))-1)+IF('Standard Profiles'!$G$19=$B$10,7,0)+IF('Standard Profiles'!$G$19=$B$17,14,0)+IF('Standard Profiles'!$G$19=$B$24,21,0),MOD($C7446,24)+1)/SUM(INDEX($D$3:$AA$30,INDEX(Jesper!$R$2:$R$366,ROW(INDEX(Jesper!AI$2:AI$366,ROUNDDOWN($C7446/24,0)+1,1))-1)+IF('Standard Profiles'!$G$19=$B$10,7,0)+IF('Standard Profiles'!$G$19=$B$17,14,0)+IF('Standard Profiles'!$G$19=$B$24,21,0),0)),0)</f>
        <v>3.7414854863564528</v>
      </c>
      <c r="F7446" cm="1">
        <f t="array" ref="F7446">IFERROR(INDEX(Jesper!AJ$2:AJ$366,ROUNDDOWN($C7446/24,0)+1,1)*INDEX($D$3:$AA$30,INDEX(Jesper!$R$2:$R$366,ROW(INDEX(Jesper!AJ$2:AJ$366,ROUNDDOWN($C7446/24,0)+1,1))-1)+IF('Standard Profiles'!$G$20=$B$10,7,0)+IF('Standard Profiles'!$G$20=$B$17,14,0)+IF('Standard Profiles'!$G$20=$B$24,21,0),MOD($C7446,24)+1)/SUM(INDEX($D$3:$AA$30,INDEX(Jesper!$R$2:$R$366,ROW(INDEX(Jesper!AJ$2:AJ$366,ROUNDDOWN($C7446/24,0)+1,1))-1)+IF('Standard Profiles'!$G$20=$B$10,7,0)+IF('Standard Profiles'!$G$20=$B$17,14,0)+IF('Standard Profiles'!$G$20=$B$24,21,0),0)),0)</f>
        <v>2.634096907251259</v>
      </c>
      <c r="G7446" cm="1">
        <f t="array" ref="G7446">IFERROR(INDEX(Jesper!AK$2:AK$366,ROUNDDOWN($C7446/24,0)+1,1)*INDEX($D$3:$AA$30,INDEX(Jesper!$R$2:$R$366,ROW(INDEX(Jesper!AK$2:AK$366,ROUNDDOWN($C7446/24,0)+1,1))-1)+IF('Standard Profiles'!$G$21=$B$10,7,0)+IF('Standard Profiles'!$G$21=$B$17,14,0)+IF('Standard Profiles'!$G$21=$B$24,21,0),MOD($C7446,24)+1)/SUM(INDEX($D$3:$AA$30,INDEX(Jesper!$R$2:$R$366,ROW(INDEX(Jesper!AK$2:AK$366,ROUNDDOWN($C7446/24,0)+1,1))-1)+IF('Standard Profiles'!$G$21=$B$10,7,0)+IF('Standard Profiles'!$G$21=$B$17,14,0)+IF('Standard Profiles'!$G$21=$B$24,21,0),0)),0)</f>
        <v>3.2115350410820156</v>
      </c>
      <c r="H7446" cm="1">
        <f t="array" ref="H7446">IFERROR(INDEX(Jesper!AL$2:AL$366,ROUNDDOWN($C7446/24,0)+1,1)*INDEX($D$3:$AA$30,INDEX(Jesper!$R$2:$R$366,ROW(INDEX(Jesper!AL$2:AL$366,ROUNDDOWN($C7446/24,0)+1,1))-1)+IF('Standard Profiles'!$G$22=$B$10,7,0)+IF('Standard Profiles'!$G$22=$B$17,14,0)+IF('Standard Profiles'!$G$22=$B$24,21,0),MOD($C7446,24)+1)/SUM(INDEX($D$3:$AA$30,INDEX(Jesper!$R$2:$R$366,ROW(INDEX(Jesper!AL$2:AL$366,ROUNDDOWN($C7446/24,0)+1,1))-1)+IF('Standard Profiles'!$G$22=$B$10,7,0)+IF('Standard Profiles'!$G$22=$B$17,14,0)+IF('Standard Profiles'!$G$22=$B$24,21,0),0)),0)</f>
        <v>1.3242952320060362</v>
      </c>
      <c r="I7446">
        <f t="shared" si="825"/>
        <v>1.2713234227257955</v>
      </c>
      <c r="J7446">
        <f t="shared" si="826"/>
        <v>9.1911109856071942</v>
      </c>
      <c r="K7446">
        <f t="shared" si="827"/>
        <v>0.29931883890851624</v>
      </c>
      <c r="L7446">
        <f t="shared" si="828"/>
        <v>0.14965941945425812</v>
      </c>
      <c r="M7446">
        <f t="shared" si="829"/>
        <v>0</v>
      </c>
      <c r="N7446" s="45">
        <f t="shared" si="830"/>
        <v>45235.833333315357</v>
      </c>
    </row>
    <row r="7447" spans="2:14" x14ac:dyDescent="0.25">
      <c r="B7447">
        <f t="shared" si="824"/>
        <v>7</v>
      </c>
      <c r="C7447" s="16">
        <v>7413</v>
      </c>
      <c r="D7447" cm="1">
        <f t="array" ref="D7447">IFERROR(INDEX(Jesper!AH$2:AH$366,ROUNDDOWN($C7447/24,0)+1,1)*INDEX($D$3:$AA$30,INDEX(Jesper!$R$2:$R$366,ROW(INDEX(Jesper!AH$2:AH$366,ROUNDDOWN($C7447/24,0)+1,1))-1)+IF('Standard Profiles'!$G$18=$B$10,7,0)+IF('Standard Profiles'!$G$18=$B$17,14,0)+IF('Standard Profiles'!$G$18=$B$24,21,0),MOD($C7447,24)+1)/SUM(INDEX($D$3:$AA$30,INDEX(Jesper!$R$2:$R$366,ROW(INDEX(Jesper!AH$2:AH$366,ROUNDDOWN($C7447/24,0)+1,1))-1)+IF('Standard Profiles'!$G$18=$B$10,7,0)+IF('Standard Profiles'!$G$18=$B$17,14,0)+IF('Standard Profiles'!$G$18=$B$24,21,0),0)),0)</f>
        <v>0</v>
      </c>
      <c r="E7447" cm="1">
        <f t="array" ref="E7447">IFERROR(INDEX(Jesper!AI$2:AI$366,ROUNDDOWN($C7447/24,0)+1,1)*INDEX($D$3:$AA$30,INDEX(Jesper!$R$2:$R$366,ROW(INDEX(Jesper!AI$2:AI$366,ROUNDDOWN($C7447/24,0)+1,1))-1)+IF('Standard Profiles'!$G$19=$B$10,7,0)+IF('Standard Profiles'!$G$19=$B$17,14,0)+IF('Standard Profiles'!$G$19=$B$24,21,0),MOD($C7447,24)+1)/SUM(INDEX($D$3:$AA$30,INDEX(Jesper!$R$2:$R$366,ROW(INDEX(Jesper!AI$2:AI$366,ROUNDDOWN($C7447/24,0)+1,1))-1)+IF('Standard Profiles'!$G$19=$B$10,7,0)+IF('Standard Profiles'!$G$19=$B$17,14,0)+IF('Standard Profiles'!$G$19=$B$24,21,0),0)),0)</f>
        <v>3.7414854863564528</v>
      </c>
      <c r="F7447" cm="1">
        <f t="array" ref="F7447">IFERROR(INDEX(Jesper!AJ$2:AJ$366,ROUNDDOWN($C7447/24,0)+1,1)*INDEX($D$3:$AA$30,INDEX(Jesper!$R$2:$R$366,ROW(INDEX(Jesper!AJ$2:AJ$366,ROUNDDOWN($C7447/24,0)+1,1))-1)+IF('Standard Profiles'!$G$20=$B$10,7,0)+IF('Standard Profiles'!$G$20=$B$17,14,0)+IF('Standard Profiles'!$G$20=$B$24,21,0),MOD($C7447,24)+1)/SUM(INDEX($D$3:$AA$30,INDEX(Jesper!$R$2:$R$366,ROW(INDEX(Jesper!AJ$2:AJ$366,ROUNDDOWN($C7447/24,0)+1,1))-1)+IF('Standard Profiles'!$G$20=$B$10,7,0)+IF('Standard Profiles'!$G$20=$B$17,14,0)+IF('Standard Profiles'!$G$20=$B$24,21,0),0)),0)</f>
        <v>2.634096907251259</v>
      </c>
      <c r="G7447" cm="1">
        <f t="array" ref="G7447">IFERROR(INDEX(Jesper!AK$2:AK$366,ROUNDDOWN($C7447/24,0)+1,1)*INDEX($D$3:$AA$30,INDEX(Jesper!$R$2:$R$366,ROW(INDEX(Jesper!AK$2:AK$366,ROUNDDOWN($C7447/24,0)+1,1))-1)+IF('Standard Profiles'!$G$21=$B$10,7,0)+IF('Standard Profiles'!$G$21=$B$17,14,0)+IF('Standard Profiles'!$G$21=$B$24,21,0),MOD($C7447,24)+1)/SUM(INDEX($D$3:$AA$30,INDEX(Jesper!$R$2:$R$366,ROW(INDEX(Jesper!AK$2:AK$366,ROUNDDOWN($C7447/24,0)+1,1))-1)+IF('Standard Profiles'!$G$21=$B$10,7,0)+IF('Standard Profiles'!$G$21=$B$17,14,0)+IF('Standard Profiles'!$G$21=$B$24,21,0),0)),0)</f>
        <v>3.2115350410820156</v>
      </c>
      <c r="H7447" cm="1">
        <f t="array" ref="H7447">IFERROR(INDEX(Jesper!AL$2:AL$366,ROUNDDOWN($C7447/24,0)+1,1)*INDEX($D$3:$AA$30,INDEX(Jesper!$R$2:$R$366,ROW(INDEX(Jesper!AL$2:AL$366,ROUNDDOWN($C7447/24,0)+1,1))-1)+IF('Standard Profiles'!$G$22=$B$10,7,0)+IF('Standard Profiles'!$G$22=$B$17,14,0)+IF('Standard Profiles'!$G$22=$B$24,21,0),MOD($C7447,24)+1)/SUM(INDEX($D$3:$AA$30,INDEX(Jesper!$R$2:$R$366,ROW(INDEX(Jesper!AL$2:AL$366,ROUNDDOWN($C7447/24,0)+1,1))-1)+IF('Standard Profiles'!$G$22=$B$10,7,0)+IF('Standard Profiles'!$G$22=$B$17,14,0)+IF('Standard Profiles'!$G$22=$B$24,21,0),0)),0)</f>
        <v>1.1534184278762252</v>
      </c>
      <c r="I7447">
        <f t="shared" si="825"/>
        <v>1.1072816907611767</v>
      </c>
      <c r="J7447">
        <f t="shared" si="826"/>
        <v>9.1842759134420024</v>
      </c>
      <c r="K7447">
        <f t="shared" si="827"/>
        <v>0.29931883890851624</v>
      </c>
      <c r="L7447">
        <f t="shared" si="828"/>
        <v>0.14965941945425812</v>
      </c>
      <c r="M7447">
        <f t="shared" si="829"/>
        <v>0</v>
      </c>
      <c r="N7447" s="45">
        <f t="shared" si="830"/>
        <v>45235.874999982021</v>
      </c>
    </row>
    <row r="7448" spans="2:14" x14ac:dyDescent="0.25">
      <c r="B7448">
        <f t="shared" si="824"/>
        <v>7</v>
      </c>
      <c r="C7448" s="16">
        <v>7414</v>
      </c>
      <c r="D7448" cm="1">
        <f t="array" ref="D7448">IFERROR(INDEX(Jesper!AH$2:AH$366,ROUNDDOWN($C7448/24,0)+1,1)*INDEX($D$3:$AA$30,INDEX(Jesper!$R$2:$R$366,ROW(INDEX(Jesper!AH$2:AH$366,ROUNDDOWN($C7448/24,0)+1,1))-1)+IF('Standard Profiles'!$G$18=$B$10,7,0)+IF('Standard Profiles'!$G$18=$B$17,14,0)+IF('Standard Profiles'!$G$18=$B$24,21,0),MOD($C7448,24)+1)/SUM(INDEX($D$3:$AA$30,INDEX(Jesper!$R$2:$R$366,ROW(INDEX(Jesper!AH$2:AH$366,ROUNDDOWN($C7448/24,0)+1,1))-1)+IF('Standard Profiles'!$G$18=$B$10,7,0)+IF('Standard Profiles'!$G$18=$B$17,14,0)+IF('Standard Profiles'!$G$18=$B$24,21,0),0)),0)</f>
        <v>0</v>
      </c>
      <c r="E7448" cm="1">
        <f t="array" ref="E7448">IFERROR(INDEX(Jesper!AI$2:AI$366,ROUNDDOWN($C7448/24,0)+1,1)*INDEX($D$3:$AA$30,INDEX(Jesper!$R$2:$R$366,ROW(INDEX(Jesper!AI$2:AI$366,ROUNDDOWN($C7448/24,0)+1,1))-1)+IF('Standard Profiles'!$G$19=$B$10,7,0)+IF('Standard Profiles'!$G$19=$B$17,14,0)+IF('Standard Profiles'!$G$19=$B$24,21,0),MOD($C7448,24)+1)/SUM(INDEX($D$3:$AA$30,INDEX(Jesper!$R$2:$R$366,ROW(INDEX(Jesper!AI$2:AI$366,ROUNDDOWN($C7448/24,0)+1,1))-1)+IF('Standard Profiles'!$G$19=$B$10,7,0)+IF('Standard Profiles'!$G$19=$B$17,14,0)+IF('Standard Profiles'!$G$19=$B$24,21,0),0)),0)</f>
        <v>3.7414854863564528</v>
      </c>
      <c r="F7448" cm="1">
        <f t="array" ref="F7448">IFERROR(INDEX(Jesper!AJ$2:AJ$366,ROUNDDOWN($C7448/24,0)+1,1)*INDEX($D$3:$AA$30,INDEX(Jesper!$R$2:$R$366,ROW(INDEX(Jesper!AJ$2:AJ$366,ROUNDDOWN($C7448/24,0)+1,1))-1)+IF('Standard Profiles'!$G$20=$B$10,7,0)+IF('Standard Profiles'!$G$20=$B$17,14,0)+IF('Standard Profiles'!$G$20=$B$24,21,0),MOD($C7448,24)+1)/SUM(INDEX($D$3:$AA$30,INDEX(Jesper!$R$2:$R$366,ROW(INDEX(Jesper!AJ$2:AJ$366,ROUNDDOWN($C7448/24,0)+1,1))-1)+IF('Standard Profiles'!$G$20=$B$10,7,0)+IF('Standard Profiles'!$G$20=$B$17,14,0)+IF('Standard Profiles'!$G$20=$B$24,21,0),0)),0)</f>
        <v>2.634096907251259</v>
      </c>
      <c r="G7448" cm="1">
        <f t="array" ref="G7448">IFERROR(INDEX(Jesper!AK$2:AK$366,ROUNDDOWN($C7448/24,0)+1,1)*INDEX($D$3:$AA$30,INDEX(Jesper!$R$2:$R$366,ROW(INDEX(Jesper!AK$2:AK$366,ROUNDDOWN($C7448/24,0)+1,1))-1)+IF('Standard Profiles'!$G$21=$B$10,7,0)+IF('Standard Profiles'!$G$21=$B$17,14,0)+IF('Standard Profiles'!$G$21=$B$24,21,0),MOD($C7448,24)+1)/SUM(INDEX($D$3:$AA$30,INDEX(Jesper!$R$2:$R$366,ROW(INDEX(Jesper!AK$2:AK$366,ROUNDDOWN($C7448/24,0)+1,1))-1)+IF('Standard Profiles'!$G$21=$B$10,7,0)+IF('Standard Profiles'!$G$21=$B$17,14,0)+IF('Standard Profiles'!$G$21=$B$24,21,0),0)),0)</f>
        <v>3.2115350410820156</v>
      </c>
      <c r="H7448" cm="1">
        <f t="array" ref="H7448">IFERROR(INDEX(Jesper!AL$2:AL$366,ROUNDDOWN($C7448/24,0)+1,1)*INDEX($D$3:$AA$30,INDEX(Jesper!$R$2:$R$366,ROW(INDEX(Jesper!AL$2:AL$366,ROUNDDOWN($C7448/24,0)+1,1))-1)+IF('Standard Profiles'!$G$22=$B$10,7,0)+IF('Standard Profiles'!$G$22=$B$17,14,0)+IF('Standard Profiles'!$G$22=$B$24,21,0),MOD($C7448,24)+1)/SUM(INDEX($D$3:$AA$30,INDEX(Jesper!$R$2:$R$366,ROW(INDEX(Jesper!AL$2:AL$366,ROUNDDOWN($C7448/24,0)+1,1))-1)+IF('Standard Profiles'!$G$22=$B$10,7,0)+IF('Standard Profiles'!$G$22=$B$17,14,0)+IF('Standard Profiles'!$G$22=$B$24,21,0),0)),0)</f>
        <v>1.1534184278762252</v>
      </c>
      <c r="I7448">
        <f t="shared" si="825"/>
        <v>1.1072816907611767</v>
      </c>
      <c r="J7448">
        <f t="shared" si="826"/>
        <v>9.1842759134420024</v>
      </c>
      <c r="K7448">
        <f t="shared" si="827"/>
        <v>0.29931883890851624</v>
      </c>
      <c r="L7448">
        <f t="shared" si="828"/>
        <v>0.14965941945425812</v>
      </c>
      <c r="M7448">
        <f t="shared" si="829"/>
        <v>0</v>
      </c>
      <c r="N7448" s="45">
        <f t="shared" si="830"/>
        <v>45235.916666648685</v>
      </c>
    </row>
    <row r="7449" spans="2:14" x14ac:dyDescent="0.25">
      <c r="B7449">
        <f t="shared" si="824"/>
        <v>7</v>
      </c>
      <c r="C7449" s="16">
        <v>7415</v>
      </c>
      <c r="D7449" cm="1">
        <f t="array" ref="D7449">IFERROR(INDEX(Jesper!AH$2:AH$366,ROUNDDOWN($C7449/24,0)+1,1)*INDEX($D$3:$AA$30,INDEX(Jesper!$R$2:$R$366,ROW(INDEX(Jesper!AH$2:AH$366,ROUNDDOWN($C7449/24,0)+1,1))-1)+IF('Standard Profiles'!$G$18=$B$10,7,0)+IF('Standard Profiles'!$G$18=$B$17,14,0)+IF('Standard Profiles'!$G$18=$B$24,21,0),MOD($C7449,24)+1)/SUM(INDEX($D$3:$AA$30,INDEX(Jesper!$R$2:$R$366,ROW(INDEX(Jesper!AH$2:AH$366,ROUNDDOWN($C7449/24,0)+1,1))-1)+IF('Standard Profiles'!$G$18=$B$10,7,0)+IF('Standard Profiles'!$G$18=$B$17,14,0)+IF('Standard Profiles'!$G$18=$B$24,21,0),0)),0)</f>
        <v>0</v>
      </c>
      <c r="E7449" cm="1">
        <f t="array" ref="E7449">IFERROR(INDEX(Jesper!AI$2:AI$366,ROUNDDOWN($C7449/24,0)+1,1)*INDEX($D$3:$AA$30,INDEX(Jesper!$R$2:$R$366,ROW(INDEX(Jesper!AI$2:AI$366,ROUNDDOWN($C7449/24,0)+1,1))-1)+IF('Standard Profiles'!$G$19=$B$10,7,0)+IF('Standard Profiles'!$G$19=$B$17,14,0)+IF('Standard Profiles'!$G$19=$B$24,21,0),MOD($C7449,24)+1)/SUM(INDEX($D$3:$AA$30,INDEX(Jesper!$R$2:$R$366,ROW(INDEX(Jesper!AI$2:AI$366,ROUNDDOWN($C7449/24,0)+1,1))-1)+IF('Standard Profiles'!$G$19=$B$10,7,0)+IF('Standard Profiles'!$G$19=$B$17,14,0)+IF('Standard Profiles'!$G$19=$B$24,21,0),0)),0)</f>
        <v>3.7414854863564528</v>
      </c>
      <c r="F7449" cm="1">
        <f t="array" ref="F7449">IFERROR(INDEX(Jesper!AJ$2:AJ$366,ROUNDDOWN($C7449/24,0)+1,1)*INDEX($D$3:$AA$30,INDEX(Jesper!$R$2:$R$366,ROW(INDEX(Jesper!AJ$2:AJ$366,ROUNDDOWN($C7449/24,0)+1,1))-1)+IF('Standard Profiles'!$G$20=$B$10,7,0)+IF('Standard Profiles'!$G$20=$B$17,14,0)+IF('Standard Profiles'!$G$20=$B$24,21,0),MOD($C7449,24)+1)/SUM(INDEX($D$3:$AA$30,INDEX(Jesper!$R$2:$R$366,ROW(INDEX(Jesper!AJ$2:AJ$366,ROUNDDOWN($C7449/24,0)+1,1))-1)+IF('Standard Profiles'!$G$20=$B$10,7,0)+IF('Standard Profiles'!$G$20=$B$17,14,0)+IF('Standard Profiles'!$G$20=$B$24,21,0),0)),0)</f>
        <v>2.634096907251259</v>
      </c>
      <c r="G7449" cm="1">
        <f t="array" ref="G7449">IFERROR(INDEX(Jesper!AK$2:AK$366,ROUNDDOWN($C7449/24,0)+1,1)*INDEX($D$3:$AA$30,INDEX(Jesper!$R$2:$R$366,ROW(INDEX(Jesper!AK$2:AK$366,ROUNDDOWN($C7449/24,0)+1,1))-1)+IF('Standard Profiles'!$G$21=$B$10,7,0)+IF('Standard Profiles'!$G$21=$B$17,14,0)+IF('Standard Profiles'!$G$21=$B$24,21,0),MOD($C7449,24)+1)/SUM(INDEX($D$3:$AA$30,INDEX(Jesper!$R$2:$R$366,ROW(INDEX(Jesper!AK$2:AK$366,ROUNDDOWN($C7449/24,0)+1,1))-1)+IF('Standard Profiles'!$G$21=$B$10,7,0)+IF('Standard Profiles'!$G$21=$B$17,14,0)+IF('Standard Profiles'!$G$21=$B$24,21,0),0)),0)</f>
        <v>3.2115350410820156</v>
      </c>
      <c r="H7449" cm="1">
        <f t="array" ref="H7449">IFERROR(INDEX(Jesper!AL$2:AL$366,ROUNDDOWN($C7449/24,0)+1,1)*INDEX($D$3:$AA$30,INDEX(Jesper!$R$2:$R$366,ROW(INDEX(Jesper!AL$2:AL$366,ROUNDDOWN($C7449/24,0)+1,1))-1)+IF('Standard Profiles'!$G$22=$B$10,7,0)+IF('Standard Profiles'!$G$22=$B$17,14,0)+IF('Standard Profiles'!$G$22=$B$24,21,0),MOD($C7449,24)+1)/SUM(INDEX($D$3:$AA$30,INDEX(Jesper!$R$2:$R$366,ROW(INDEX(Jesper!AL$2:AL$366,ROUNDDOWN($C7449/24,0)+1,1))-1)+IF('Standard Profiles'!$G$22=$B$10,7,0)+IF('Standard Profiles'!$G$22=$B$17,14,0)+IF('Standard Profiles'!$G$22=$B$24,21,0),0)),0)</f>
        <v>1.1534184278762252</v>
      </c>
      <c r="I7449">
        <f t="shared" si="825"/>
        <v>1.1072816907611767</v>
      </c>
      <c r="J7449">
        <f t="shared" si="826"/>
        <v>9.1842759134420024</v>
      </c>
      <c r="K7449">
        <f t="shared" si="827"/>
        <v>0.29931883890851624</v>
      </c>
      <c r="L7449">
        <f t="shared" si="828"/>
        <v>0.14965941945425812</v>
      </c>
      <c r="M7449">
        <f t="shared" si="829"/>
        <v>0</v>
      </c>
      <c r="N7449" s="45">
        <f t="shared" si="830"/>
        <v>45235.95833331535</v>
      </c>
    </row>
    <row r="7450" spans="2:14" x14ac:dyDescent="0.25">
      <c r="B7450">
        <f t="shared" si="824"/>
        <v>1</v>
      </c>
      <c r="C7450" s="16">
        <v>7416</v>
      </c>
      <c r="D7450" cm="1">
        <f t="array" ref="D7450">IFERROR(INDEX(Jesper!AH$2:AH$366,ROUNDDOWN($C7450/24,0)+1,1)*INDEX($D$3:$AA$30,INDEX(Jesper!$R$2:$R$366,ROW(INDEX(Jesper!AH$2:AH$366,ROUNDDOWN($C7450/24,0)+1,1))-1)+IF('Standard Profiles'!$G$18=$B$10,7,0)+IF('Standard Profiles'!$G$18=$B$17,14,0)+IF('Standard Profiles'!$G$18=$B$24,21,0),MOD($C7450,24)+1)/SUM(INDEX($D$3:$AA$30,INDEX(Jesper!$R$2:$R$366,ROW(INDEX(Jesper!AH$2:AH$366,ROUNDDOWN($C7450/24,0)+1,1))-1)+IF('Standard Profiles'!$G$18=$B$10,7,0)+IF('Standard Profiles'!$G$18=$B$17,14,0)+IF('Standard Profiles'!$G$18=$B$24,21,0),0)),0)</f>
        <v>5.4453658627761445</v>
      </c>
      <c r="E7450" cm="1">
        <f t="array" ref="E7450">IFERROR(INDEX(Jesper!AI$2:AI$366,ROUNDDOWN($C7450/24,0)+1,1)*INDEX($D$3:$AA$30,INDEX(Jesper!$R$2:$R$366,ROW(INDEX(Jesper!AI$2:AI$366,ROUNDDOWN($C7450/24,0)+1,1))-1)+IF('Standard Profiles'!$G$19=$B$10,7,0)+IF('Standard Profiles'!$G$19=$B$17,14,0)+IF('Standard Profiles'!$G$19=$B$24,21,0),MOD($C7450,24)+1)/SUM(INDEX($D$3:$AA$30,INDEX(Jesper!$R$2:$R$366,ROW(INDEX(Jesper!AI$2:AI$366,ROUNDDOWN($C7450/24,0)+1,1))-1)+IF('Standard Profiles'!$G$19=$B$10,7,0)+IF('Standard Profiles'!$G$19=$B$17,14,0)+IF('Standard Profiles'!$G$19=$B$24,21,0),0)),0)</f>
        <v>3.5404722777211433</v>
      </c>
      <c r="F7450" cm="1">
        <f t="array" ref="F7450">IFERROR(INDEX(Jesper!AJ$2:AJ$366,ROUNDDOWN($C7450/24,0)+1,1)*INDEX($D$3:$AA$30,INDEX(Jesper!$R$2:$R$366,ROW(INDEX(Jesper!AJ$2:AJ$366,ROUNDDOWN($C7450/24,0)+1,1))-1)+IF('Standard Profiles'!$G$20=$B$10,7,0)+IF('Standard Profiles'!$G$20=$B$17,14,0)+IF('Standard Profiles'!$G$20=$B$24,21,0),MOD($C7450,24)+1)/SUM(INDEX($D$3:$AA$30,INDEX(Jesper!$R$2:$R$366,ROW(INDEX(Jesper!AJ$2:AJ$366,ROUNDDOWN($C7450/24,0)+1,1))-1)+IF('Standard Profiles'!$G$20=$B$10,7,0)+IF('Standard Profiles'!$G$20=$B$17,14,0)+IF('Standard Profiles'!$G$20=$B$24,21,0),0)),0)</f>
        <v>0</v>
      </c>
      <c r="G7450" cm="1">
        <f t="array" ref="G7450">IFERROR(INDEX(Jesper!AK$2:AK$366,ROUNDDOWN($C7450/24,0)+1,1)*INDEX($D$3:$AA$30,INDEX(Jesper!$R$2:$R$366,ROW(INDEX(Jesper!AK$2:AK$366,ROUNDDOWN($C7450/24,0)+1,1))-1)+IF('Standard Profiles'!$G$21=$B$10,7,0)+IF('Standard Profiles'!$G$21=$B$17,14,0)+IF('Standard Profiles'!$G$21=$B$24,21,0),MOD($C7450,24)+1)/SUM(INDEX($D$3:$AA$30,INDEX(Jesper!$R$2:$R$366,ROW(INDEX(Jesper!AK$2:AK$366,ROUNDDOWN($C7450/24,0)+1,1))-1)+IF('Standard Profiles'!$G$21=$B$10,7,0)+IF('Standard Profiles'!$G$21=$B$17,14,0)+IF('Standard Profiles'!$G$21=$B$24,21,0),0)),0)</f>
        <v>0.70633678284828394</v>
      </c>
      <c r="H7450" cm="1">
        <f t="array" ref="H7450">IFERROR(INDEX(Jesper!AL$2:AL$366,ROUNDDOWN($C7450/24,0)+1,1)*INDEX($D$3:$AA$30,INDEX(Jesper!$R$2:$R$366,ROW(INDEX(Jesper!AL$2:AL$366,ROUNDDOWN($C7450/24,0)+1,1))-1)+IF('Standard Profiles'!$G$22=$B$10,7,0)+IF('Standard Profiles'!$G$22=$B$17,14,0)+IF('Standard Profiles'!$G$22=$B$24,21,0),MOD($C7450,24)+1)/SUM(INDEX($D$3:$AA$30,INDEX(Jesper!$R$2:$R$366,ROW(INDEX(Jesper!AL$2:AL$366,ROUNDDOWN($C7450/24,0)+1,1))-1)+IF('Standard Profiles'!$G$22=$B$10,7,0)+IF('Standard Profiles'!$G$22=$B$17,14,0)+IF('Standard Profiles'!$G$22=$B$24,21,0),0)),0)</f>
        <v>0</v>
      </c>
      <c r="I7450">
        <f t="shared" si="825"/>
        <v>0.3390416557671761</v>
      </c>
      <c r="J7450">
        <f t="shared" si="826"/>
        <v>8.4818747295342138</v>
      </c>
      <c r="K7450">
        <f t="shared" si="827"/>
        <v>0.58083902536278875</v>
      </c>
      <c r="L7450">
        <f t="shared" si="828"/>
        <v>0.29041951268139438</v>
      </c>
      <c r="M7450">
        <f t="shared" si="829"/>
        <v>0</v>
      </c>
      <c r="N7450" s="45">
        <f t="shared" si="830"/>
        <v>45235.999999982014</v>
      </c>
    </row>
    <row r="7451" spans="2:14" x14ac:dyDescent="0.25">
      <c r="B7451">
        <f t="shared" si="824"/>
        <v>1</v>
      </c>
      <c r="C7451" s="16">
        <v>7417</v>
      </c>
      <c r="D7451" cm="1">
        <f t="array" ref="D7451">IFERROR(INDEX(Jesper!AH$2:AH$366,ROUNDDOWN($C7451/24,0)+1,1)*INDEX($D$3:$AA$30,INDEX(Jesper!$R$2:$R$366,ROW(INDEX(Jesper!AH$2:AH$366,ROUNDDOWN($C7451/24,0)+1,1))-1)+IF('Standard Profiles'!$G$18=$B$10,7,0)+IF('Standard Profiles'!$G$18=$B$17,14,0)+IF('Standard Profiles'!$G$18=$B$24,21,0),MOD($C7451,24)+1)/SUM(INDEX($D$3:$AA$30,INDEX(Jesper!$R$2:$R$366,ROW(INDEX(Jesper!AH$2:AH$366,ROUNDDOWN($C7451/24,0)+1,1))-1)+IF('Standard Profiles'!$G$18=$B$10,7,0)+IF('Standard Profiles'!$G$18=$B$17,14,0)+IF('Standard Profiles'!$G$18=$B$24,21,0),0)),0)</f>
        <v>5.4453658627761445</v>
      </c>
      <c r="E7451" cm="1">
        <f t="array" ref="E7451">IFERROR(INDEX(Jesper!AI$2:AI$366,ROUNDDOWN($C7451/24,0)+1,1)*INDEX($D$3:$AA$30,INDEX(Jesper!$R$2:$R$366,ROW(INDEX(Jesper!AI$2:AI$366,ROUNDDOWN($C7451/24,0)+1,1))-1)+IF('Standard Profiles'!$G$19=$B$10,7,0)+IF('Standard Profiles'!$G$19=$B$17,14,0)+IF('Standard Profiles'!$G$19=$B$24,21,0),MOD($C7451,24)+1)/SUM(INDEX($D$3:$AA$30,INDEX(Jesper!$R$2:$R$366,ROW(INDEX(Jesper!AI$2:AI$366,ROUNDDOWN($C7451/24,0)+1,1))-1)+IF('Standard Profiles'!$G$19=$B$10,7,0)+IF('Standard Profiles'!$G$19=$B$17,14,0)+IF('Standard Profiles'!$G$19=$B$24,21,0),0)),0)</f>
        <v>3.5404722777211433</v>
      </c>
      <c r="F7451" cm="1">
        <f t="array" ref="F7451">IFERROR(INDEX(Jesper!AJ$2:AJ$366,ROUNDDOWN($C7451/24,0)+1,1)*INDEX($D$3:$AA$30,INDEX(Jesper!$R$2:$R$366,ROW(INDEX(Jesper!AJ$2:AJ$366,ROUNDDOWN($C7451/24,0)+1,1))-1)+IF('Standard Profiles'!$G$20=$B$10,7,0)+IF('Standard Profiles'!$G$20=$B$17,14,0)+IF('Standard Profiles'!$G$20=$B$24,21,0),MOD($C7451,24)+1)/SUM(INDEX($D$3:$AA$30,INDEX(Jesper!$R$2:$R$366,ROW(INDEX(Jesper!AJ$2:AJ$366,ROUNDDOWN($C7451/24,0)+1,1))-1)+IF('Standard Profiles'!$G$20=$B$10,7,0)+IF('Standard Profiles'!$G$20=$B$17,14,0)+IF('Standard Profiles'!$G$20=$B$24,21,0),0)),0)</f>
        <v>0</v>
      </c>
      <c r="G7451" cm="1">
        <f t="array" ref="G7451">IFERROR(INDEX(Jesper!AK$2:AK$366,ROUNDDOWN($C7451/24,0)+1,1)*INDEX($D$3:$AA$30,INDEX(Jesper!$R$2:$R$366,ROW(INDEX(Jesper!AK$2:AK$366,ROUNDDOWN($C7451/24,0)+1,1))-1)+IF('Standard Profiles'!$G$21=$B$10,7,0)+IF('Standard Profiles'!$G$21=$B$17,14,0)+IF('Standard Profiles'!$G$21=$B$24,21,0),MOD($C7451,24)+1)/SUM(INDEX($D$3:$AA$30,INDEX(Jesper!$R$2:$R$366,ROW(INDEX(Jesper!AK$2:AK$366,ROUNDDOWN($C7451/24,0)+1,1))-1)+IF('Standard Profiles'!$G$21=$B$10,7,0)+IF('Standard Profiles'!$G$21=$B$17,14,0)+IF('Standard Profiles'!$G$21=$B$24,21,0),0)),0)</f>
        <v>0.70633678284828394</v>
      </c>
      <c r="H7451" cm="1">
        <f t="array" ref="H7451">IFERROR(INDEX(Jesper!AL$2:AL$366,ROUNDDOWN($C7451/24,0)+1,1)*INDEX($D$3:$AA$30,INDEX(Jesper!$R$2:$R$366,ROW(INDEX(Jesper!AL$2:AL$366,ROUNDDOWN($C7451/24,0)+1,1))-1)+IF('Standard Profiles'!$G$22=$B$10,7,0)+IF('Standard Profiles'!$G$22=$B$17,14,0)+IF('Standard Profiles'!$G$22=$B$24,21,0),MOD($C7451,24)+1)/SUM(INDEX($D$3:$AA$30,INDEX(Jesper!$R$2:$R$366,ROW(INDEX(Jesper!AL$2:AL$366,ROUNDDOWN($C7451/24,0)+1,1))-1)+IF('Standard Profiles'!$G$22=$B$10,7,0)+IF('Standard Profiles'!$G$22=$B$17,14,0)+IF('Standard Profiles'!$G$22=$B$24,21,0),0)),0)</f>
        <v>0</v>
      </c>
      <c r="I7451">
        <f t="shared" si="825"/>
        <v>0.3390416557671761</v>
      </c>
      <c r="J7451">
        <f t="shared" si="826"/>
        <v>8.4818747295342138</v>
      </c>
      <c r="K7451">
        <f t="shared" si="827"/>
        <v>0.58083902536278875</v>
      </c>
      <c r="L7451">
        <f t="shared" si="828"/>
        <v>0.29041951268139438</v>
      </c>
      <c r="M7451">
        <f t="shared" si="829"/>
        <v>0</v>
      </c>
      <c r="N7451" s="45">
        <f t="shared" si="830"/>
        <v>45236.041666648678</v>
      </c>
    </row>
    <row r="7452" spans="2:14" x14ac:dyDescent="0.25">
      <c r="B7452">
        <f t="shared" si="824"/>
        <v>1</v>
      </c>
      <c r="C7452" s="16">
        <v>7418</v>
      </c>
      <c r="D7452" cm="1">
        <f t="array" ref="D7452">IFERROR(INDEX(Jesper!AH$2:AH$366,ROUNDDOWN($C7452/24,0)+1,1)*INDEX($D$3:$AA$30,INDEX(Jesper!$R$2:$R$366,ROW(INDEX(Jesper!AH$2:AH$366,ROUNDDOWN($C7452/24,0)+1,1))-1)+IF('Standard Profiles'!$G$18=$B$10,7,0)+IF('Standard Profiles'!$G$18=$B$17,14,0)+IF('Standard Profiles'!$G$18=$B$24,21,0),MOD($C7452,24)+1)/SUM(INDEX($D$3:$AA$30,INDEX(Jesper!$R$2:$R$366,ROW(INDEX(Jesper!AH$2:AH$366,ROUNDDOWN($C7452/24,0)+1,1))-1)+IF('Standard Profiles'!$G$18=$B$10,7,0)+IF('Standard Profiles'!$G$18=$B$17,14,0)+IF('Standard Profiles'!$G$18=$B$24,21,0),0)),0)</f>
        <v>5.4453658627761445</v>
      </c>
      <c r="E7452" cm="1">
        <f t="array" ref="E7452">IFERROR(INDEX(Jesper!AI$2:AI$366,ROUNDDOWN($C7452/24,0)+1,1)*INDEX($D$3:$AA$30,INDEX(Jesper!$R$2:$R$366,ROW(INDEX(Jesper!AI$2:AI$366,ROUNDDOWN($C7452/24,0)+1,1))-1)+IF('Standard Profiles'!$G$19=$B$10,7,0)+IF('Standard Profiles'!$G$19=$B$17,14,0)+IF('Standard Profiles'!$G$19=$B$24,21,0),MOD($C7452,24)+1)/SUM(INDEX($D$3:$AA$30,INDEX(Jesper!$R$2:$R$366,ROW(INDEX(Jesper!AI$2:AI$366,ROUNDDOWN($C7452/24,0)+1,1))-1)+IF('Standard Profiles'!$G$19=$B$10,7,0)+IF('Standard Profiles'!$G$19=$B$17,14,0)+IF('Standard Profiles'!$G$19=$B$24,21,0),0)),0)</f>
        <v>3.5404722777211433</v>
      </c>
      <c r="F7452" cm="1">
        <f t="array" ref="F7452">IFERROR(INDEX(Jesper!AJ$2:AJ$366,ROUNDDOWN($C7452/24,0)+1,1)*INDEX($D$3:$AA$30,INDEX(Jesper!$R$2:$R$366,ROW(INDEX(Jesper!AJ$2:AJ$366,ROUNDDOWN($C7452/24,0)+1,1))-1)+IF('Standard Profiles'!$G$20=$B$10,7,0)+IF('Standard Profiles'!$G$20=$B$17,14,0)+IF('Standard Profiles'!$G$20=$B$24,21,0),MOD($C7452,24)+1)/SUM(INDEX($D$3:$AA$30,INDEX(Jesper!$R$2:$R$366,ROW(INDEX(Jesper!AJ$2:AJ$366,ROUNDDOWN($C7452/24,0)+1,1))-1)+IF('Standard Profiles'!$G$20=$B$10,7,0)+IF('Standard Profiles'!$G$20=$B$17,14,0)+IF('Standard Profiles'!$G$20=$B$24,21,0),0)),0)</f>
        <v>0</v>
      </c>
      <c r="G7452" cm="1">
        <f t="array" ref="G7452">IFERROR(INDEX(Jesper!AK$2:AK$366,ROUNDDOWN($C7452/24,0)+1,1)*INDEX($D$3:$AA$30,INDEX(Jesper!$R$2:$R$366,ROW(INDEX(Jesper!AK$2:AK$366,ROUNDDOWN($C7452/24,0)+1,1))-1)+IF('Standard Profiles'!$G$21=$B$10,7,0)+IF('Standard Profiles'!$G$21=$B$17,14,0)+IF('Standard Profiles'!$G$21=$B$24,21,0),MOD($C7452,24)+1)/SUM(INDEX($D$3:$AA$30,INDEX(Jesper!$R$2:$R$366,ROW(INDEX(Jesper!AK$2:AK$366,ROUNDDOWN($C7452/24,0)+1,1))-1)+IF('Standard Profiles'!$G$21=$B$10,7,0)+IF('Standard Profiles'!$G$21=$B$17,14,0)+IF('Standard Profiles'!$G$21=$B$24,21,0),0)),0)</f>
        <v>0.70633678284828394</v>
      </c>
      <c r="H7452" cm="1">
        <f t="array" ref="H7452">IFERROR(INDEX(Jesper!AL$2:AL$366,ROUNDDOWN($C7452/24,0)+1,1)*INDEX($D$3:$AA$30,INDEX(Jesper!$R$2:$R$366,ROW(INDEX(Jesper!AL$2:AL$366,ROUNDDOWN($C7452/24,0)+1,1))-1)+IF('Standard Profiles'!$G$22=$B$10,7,0)+IF('Standard Profiles'!$G$22=$B$17,14,0)+IF('Standard Profiles'!$G$22=$B$24,21,0),MOD($C7452,24)+1)/SUM(INDEX($D$3:$AA$30,INDEX(Jesper!$R$2:$R$366,ROW(INDEX(Jesper!AL$2:AL$366,ROUNDDOWN($C7452/24,0)+1,1))-1)+IF('Standard Profiles'!$G$22=$B$10,7,0)+IF('Standard Profiles'!$G$22=$B$17,14,0)+IF('Standard Profiles'!$G$22=$B$24,21,0),0)),0)</f>
        <v>0</v>
      </c>
      <c r="I7452">
        <f t="shared" si="825"/>
        <v>0.3390416557671761</v>
      </c>
      <c r="J7452">
        <f t="shared" si="826"/>
        <v>8.4818747295342138</v>
      </c>
      <c r="K7452">
        <f t="shared" si="827"/>
        <v>0.58083902536278875</v>
      </c>
      <c r="L7452">
        <f t="shared" si="828"/>
        <v>0.29041951268139438</v>
      </c>
      <c r="M7452">
        <f t="shared" si="829"/>
        <v>0</v>
      </c>
      <c r="N7452" s="45">
        <f t="shared" si="830"/>
        <v>45236.083333315342</v>
      </c>
    </row>
    <row r="7453" spans="2:14" x14ac:dyDescent="0.25">
      <c r="B7453">
        <f t="shared" si="824"/>
        <v>1</v>
      </c>
      <c r="C7453" s="16">
        <v>7419</v>
      </c>
      <c r="D7453" cm="1">
        <f t="array" ref="D7453">IFERROR(INDEX(Jesper!AH$2:AH$366,ROUNDDOWN($C7453/24,0)+1,1)*INDEX($D$3:$AA$30,INDEX(Jesper!$R$2:$R$366,ROW(INDEX(Jesper!AH$2:AH$366,ROUNDDOWN($C7453/24,0)+1,1))-1)+IF('Standard Profiles'!$G$18=$B$10,7,0)+IF('Standard Profiles'!$G$18=$B$17,14,0)+IF('Standard Profiles'!$G$18=$B$24,21,0),MOD($C7453,24)+1)/SUM(INDEX($D$3:$AA$30,INDEX(Jesper!$R$2:$R$366,ROW(INDEX(Jesper!AH$2:AH$366,ROUNDDOWN($C7453/24,0)+1,1))-1)+IF('Standard Profiles'!$G$18=$B$10,7,0)+IF('Standard Profiles'!$G$18=$B$17,14,0)+IF('Standard Profiles'!$G$18=$B$24,21,0),0)),0)</f>
        <v>5.4453658627761445</v>
      </c>
      <c r="E7453" cm="1">
        <f t="array" ref="E7453">IFERROR(INDEX(Jesper!AI$2:AI$366,ROUNDDOWN($C7453/24,0)+1,1)*INDEX($D$3:$AA$30,INDEX(Jesper!$R$2:$R$366,ROW(INDEX(Jesper!AI$2:AI$366,ROUNDDOWN($C7453/24,0)+1,1))-1)+IF('Standard Profiles'!$G$19=$B$10,7,0)+IF('Standard Profiles'!$G$19=$B$17,14,0)+IF('Standard Profiles'!$G$19=$B$24,21,0),MOD($C7453,24)+1)/SUM(INDEX($D$3:$AA$30,INDEX(Jesper!$R$2:$R$366,ROW(INDEX(Jesper!AI$2:AI$366,ROUNDDOWN($C7453/24,0)+1,1))-1)+IF('Standard Profiles'!$G$19=$B$10,7,0)+IF('Standard Profiles'!$G$19=$B$17,14,0)+IF('Standard Profiles'!$G$19=$B$24,21,0),0)),0)</f>
        <v>3.5404722777211433</v>
      </c>
      <c r="F7453" cm="1">
        <f t="array" ref="F7453">IFERROR(INDEX(Jesper!AJ$2:AJ$366,ROUNDDOWN($C7453/24,0)+1,1)*INDEX($D$3:$AA$30,INDEX(Jesper!$R$2:$R$366,ROW(INDEX(Jesper!AJ$2:AJ$366,ROUNDDOWN($C7453/24,0)+1,1))-1)+IF('Standard Profiles'!$G$20=$B$10,7,0)+IF('Standard Profiles'!$G$20=$B$17,14,0)+IF('Standard Profiles'!$G$20=$B$24,21,0),MOD($C7453,24)+1)/SUM(INDEX($D$3:$AA$30,INDEX(Jesper!$R$2:$R$366,ROW(INDEX(Jesper!AJ$2:AJ$366,ROUNDDOWN($C7453/24,0)+1,1))-1)+IF('Standard Profiles'!$G$20=$B$10,7,0)+IF('Standard Profiles'!$G$20=$B$17,14,0)+IF('Standard Profiles'!$G$20=$B$24,21,0),0)),0)</f>
        <v>0</v>
      </c>
      <c r="G7453" cm="1">
        <f t="array" ref="G7453">IFERROR(INDEX(Jesper!AK$2:AK$366,ROUNDDOWN($C7453/24,0)+1,1)*INDEX($D$3:$AA$30,INDEX(Jesper!$R$2:$R$366,ROW(INDEX(Jesper!AK$2:AK$366,ROUNDDOWN($C7453/24,0)+1,1))-1)+IF('Standard Profiles'!$G$21=$B$10,7,0)+IF('Standard Profiles'!$G$21=$B$17,14,0)+IF('Standard Profiles'!$G$21=$B$24,21,0),MOD($C7453,24)+1)/SUM(INDEX($D$3:$AA$30,INDEX(Jesper!$R$2:$R$366,ROW(INDEX(Jesper!AK$2:AK$366,ROUNDDOWN($C7453/24,0)+1,1))-1)+IF('Standard Profiles'!$G$21=$B$10,7,0)+IF('Standard Profiles'!$G$21=$B$17,14,0)+IF('Standard Profiles'!$G$21=$B$24,21,0),0)),0)</f>
        <v>0.70633678284828394</v>
      </c>
      <c r="H7453" cm="1">
        <f t="array" ref="H7453">IFERROR(INDEX(Jesper!AL$2:AL$366,ROUNDDOWN($C7453/24,0)+1,1)*INDEX($D$3:$AA$30,INDEX(Jesper!$R$2:$R$366,ROW(INDEX(Jesper!AL$2:AL$366,ROUNDDOWN($C7453/24,0)+1,1))-1)+IF('Standard Profiles'!$G$22=$B$10,7,0)+IF('Standard Profiles'!$G$22=$B$17,14,0)+IF('Standard Profiles'!$G$22=$B$24,21,0),MOD($C7453,24)+1)/SUM(INDEX($D$3:$AA$30,INDEX(Jesper!$R$2:$R$366,ROW(INDEX(Jesper!AL$2:AL$366,ROUNDDOWN($C7453/24,0)+1,1))-1)+IF('Standard Profiles'!$G$22=$B$10,7,0)+IF('Standard Profiles'!$G$22=$B$17,14,0)+IF('Standard Profiles'!$G$22=$B$24,21,0),0)),0)</f>
        <v>0</v>
      </c>
      <c r="I7453">
        <f t="shared" si="825"/>
        <v>0.3390416557671761</v>
      </c>
      <c r="J7453">
        <f t="shared" si="826"/>
        <v>8.4818747295342138</v>
      </c>
      <c r="K7453">
        <f t="shared" si="827"/>
        <v>0.58083902536278875</v>
      </c>
      <c r="L7453">
        <f t="shared" si="828"/>
        <v>0.29041951268139438</v>
      </c>
      <c r="M7453">
        <f t="shared" si="829"/>
        <v>0</v>
      </c>
      <c r="N7453" s="45">
        <f t="shared" si="830"/>
        <v>45236.124999982007</v>
      </c>
    </row>
    <row r="7454" spans="2:14" x14ac:dyDescent="0.25">
      <c r="B7454">
        <f t="shared" si="824"/>
        <v>1</v>
      </c>
      <c r="C7454" s="16">
        <v>7420</v>
      </c>
      <c r="D7454" cm="1">
        <f t="array" ref="D7454">IFERROR(INDEX(Jesper!AH$2:AH$366,ROUNDDOWN($C7454/24,0)+1,1)*INDEX($D$3:$AA$30,INDEX(Jesper!$R$2:$R$366,ROW(INDEX(Jesper!AH$2:AH$366,ROUNDDOWN($C7454/24,0)+1,1))-1)+IF('Standard Profiles'!$G$18=$B$10,7,0)+IF('Standard Profiles'!$G$18=$B$17,14,0)+IF('Standard Profiles'!$G$18=$B$24,21,0),MOD($C7454,24)+1)/SUM(INDEX($D$3:$AA$30,INDEX(Jesper!$R$2:$R$366,ROW(INDEX(Jesper!AH$2:AH$366,ROUNDDOWN($C7454/24,0)+1,1))-1)+IF('Standard Profiles'!$G$18=$B$10,7,0)+IF('Standard Profiles'!$G$18=$B$17,14,0)+IF('Standard Profiles'!$G$18=$B$24,21,0),0)),0)</f>
        <v>5.4453658627761445</v>
      </c>
      <c r="E7454" cm="1">
        <f t="array" ref="E7454">IFERROR(INDEX(Jesper!AI$2:AI$366,ROUNDDOWN($C7454/24,0)+1,1)*INDEX($D$3:$AA$30,INDEX(Jesper!$R$2:$R$366,ROW(INDEX(Jesper!AI$2:AI$366,ROUNDDOWN($C7454/24,0)+1,1))-1)+IF('Standard Profiles'!$G$19=$B$10,7,0)+IF('Standard Profiles'!$G$19=$B$17,14,0)+IF('Standard Profiles'!$G$19=$B$24,21,0),MOD($C7454,24)+1)/SUM(INDEX($D$3:$AA$30,INDEX(Jesper!$R$2:$R$366,ROW(INDEX(Jesper!AI$2:AI$366,ROUNDDOWN($C7454/24,0)+1,1))-1)+IF('Standard Profiles'!$G$19=$B$10,7,0)+IF('Standard Profiles'!$G$19=$B$17,14,0)+IF('Standard Profiles'!$G$19=$B$24,21,0),0)),0)</f>
        <v>3.5404722777211433</v>
      </c>
      <c r="F7454" cm="1">
        <f t="array" ref="F7454">IFERROR(INDEX(Jesper!AJ$2:AJ$366,ROUNDDOWN($C7454/24,0)+1,1)*INDEX($D$3:$AA$30,INDEX(Jesper!$R$2:$R$366,ROW(INDEX(Jesper!AJ$2:AJ$366,ROUNDDOWN($C7454/24,0)+1,1))-1)+IF('Standard Profiles'!$G$20=$B$10,7,0)+IF('Standard Profiles'!$G$20=$B$17,14,0)+IF('Standard Profiles'!$G$20=$B$24,21,0),MOD($C7454,24)+1)/SUM(INDEX($D$3:$AA$30,INDEX(Jesper!$R$2:$R$366,ROW(INDEX(Jesper!AJ$2:AJ$366,ROUNDDOWN($C7454/24,0)+1,1))-1)+IF('Standard Profiles'!$G$20=$B$10,7,0)+IF('Standard Profiles'!$G$20=$B$17,14,0)+IF('Standard Profiles'!$G$20=$B$24,21,0),0)),0)</f>
        <v>0</v>
      </c>
      <c r="G7454" cm="1">
        <f t="array" ref="G7454">IFERROR(INDEX(Jesper!AK$2:AK$366,ROUNDDOWN($C7454/24,0)+1,1)*INDEX($D$3:$AA$30,INDEX(Jesper!$R$2:$R$366,ROW(INDEX(Jesper!AK$2:AK$366,ROUNDDOWN($C7454/24,0)+1,1))-1)+IF('Standard Profiles'!$G$21=$B$10,7,0)+IF('Standard Profiles'!$G$21=$B$17,14,0)+IF('Standard Profiles'!$G$21=$B$24,21,0),MOD($C7454,24)+1)/SUM(INDEX($D$3:$AA$30,INDEX(Jesper!$R$2:$R$366,ROW(INDEX(Jesper!AK$2:AK$366,ROUNDDOWN($C7454/24,0)+1,1))-1)+IF('Standard Profiles'!$G$21=$B$10,7,0)+IF('Standard Profiles'!$G$21=$B$17,14,0)+IF('Standard Profiles'!$G$21=$B$24,21,0),0)),0)</f>
        <v>0.70633678284828394</v>
      </c>
      <c r="H7454" cm="1">
        <f t="array" ref="H7454">IFERROR(INDEX(Jesper!AL$2:AL$366,ROUNDDOWN($C7454/24,0)+1,1)*INDEX($D$3:$AA$30,INDEX(Jesper!$R$2:$R$366,ROW(INDEX(Jesper!AL$2:AL$366,ROUNDDOWN($C7454/24,0)+1,1))-1)+IF('Standard Profiles'!$G$22=$B$10,7,0)+IF('Standard Profiles'!$G$22=$B$17,14,0)+IF('Standard Profiles'!$G$22=$B$24,21,0),MOD($C7454,24)+1)/SUM(INDEX($D$3:$AA$30,INDEX(Jesper!$R$2:$R$366,ROW(INDEX(Jesper!AL$2:AL$366,ROUNDDOWN($C7454/24,0)+1,1))-1)+IF('Standard Profiles'!$G$22=$B$10,7,0)+IF('Standard Profiles'!$G$22=$B$17,14,0)+IF('Standard Profiles'!$G$22=$B$24,21,0),0)),0)</f>
        <v>0</v>
      </c>
      <c r="I7454">
        <f t="shared" si="825"/>
        <v>0.3390416557671761</v>
      </c>
      <c r="J7454">
        <f t="shared" si="826"/>
        <v>8.4818747295342138</v>
      </c>
      <c r="K7454">
        <f t="shared" si="827"/>
        <v>0.58083902536278875</v>
      </c>
      <c r="L7454">
        <f t="shared" si="828"/>
        <v>0.29041951268139438</v>
      </c>
      <c r="M7454">
        <f t="shared" si="829"/>
        <v>0</v>
      </c>
      <c r="N7454" s="45">
        <f t="shared" si="830"/>
        <v>45236.166666648671</v>
      </c>
    </row>
    <row r="7455" spans="2:14" x14ac:dyDescent="0.25">
      <c r="B7455">
        <f t="shared" si="824"/>
        <v>1</v>
      </c>
      <c r="C7455" s="16">
        <v>7421</v>
      </c>
      <c r="D7455" cm="1">
        <f t="array" ref="D7455">IFERROR(INDEX(Jesper!AH$2:AH$366,ROUNDDOWN($C7455/24,0)+1,1)*INDEX($D$3:$AA$30,INDEX(Jesper!$R$2:$R$366,ROW(INDEX(Jesper!AH$2:AH$366,ROUNDDOWN($C7455/24,0)+1,1))-1)+IF('Standard Profiles'!$G$18=$B$10,7,0)+IF('Standard Profiles'!$G$18=$B$17,14,0)+IF('Standard Profiles'!$G$18=$B$24,21,0),MOD($C7455,24)+1)/SUM(INDEX($D$3:$AA$30,INDEX(Jesper!$R$2:$R$366,ROW(INDEX(Jesper!AH$2:AH$366,ROUNDDOWN($C7455/24,0)+1,1))-1)+IF('Standard Profiles'!$G$18=$B$10,7,0)+IF('Standard Profiles'!$G$18=$B$17,14,0)+IF('Standard Profiles'!$G$18=$B$24,21,0),0)),0)</f>
        <v>5.4453658627761445</v>
      </c>
      <c r="E7455" cm="1">
        <f t="array" ref="E7455">IFERROR(INDEX(Jesper!AI$2:AI$366,ROUNDDOWN($C7455/24,0)+1,1)*INDEX($D$3:$AA$30,INDEX(Jesper!$R$2:$R$366,ROW(INDEX(Jesper!AI$2:AI$366,ROUNDDOWN($C7455/24,0)+1,1))-1)+IF('Standard Profiles'!$G$19=$B$10,7,0)+IF('Standard Profiles'!$G$19=$B$17,14,0)+IF('Standard Profiles'!$G$19=$B$24,21,0),MOD($C7455,24)+1)/SUM(INDEX($D$3:$AA$30,INDEX(Jesper!$R$2:$R$366,ROW(INDEX(Jesper!AI$2:AI$366,ROUNDDOWN($C7455/24,0)+1,1))-1)+IF('Standard Profiles'!$G$19=$B$10,7,0)+IF('Standard Profiles'!$G$19=$B$17,14,0)+IF('Standard Profiles'!$G$19=$B$24,21,0),0)),0)</f>
        <v>3.5404722777211433</v>
      </c>
      <c r="F7455" cm="1">
        <f t="array" ref="F7455">IFERROR(INDEX(Jesper!AJ$2:AJ$366,ROUNDDOWN($C7455/24,0)+1,1)*INDEX($D$3:$AA$30,INDEX(Jesper!$R$2:$R$366,ROW(INDEX(Jesper!AJ$2:AJ$366,ROUNDDOWN($C7455/24,0)+1,1))-1)+IF('Standard Profiles'!$G$20=$B$10,7,0)+IF('Standard Profiles'!$G$20=$B$17,14,0)+IF('Standard Profiles'!$G$20=$B$24,21,0),MOD($C7455,24)+1)/SUM(INDEX($D$3:$AA$30,INDEX(Jesper!$R$2:$R$366,ROW(INDEX(Jesper!AJ$2:AJ$366,ROUNDDOWN($C7455/24,0)+1,1))-1)+IF('Standard Profiles'!$G$20=$B$10,7,0)+IF('Standard Profiles'!$G$20=$B$17,14,0)+IF('Standard Profiles'!$G$20=$B$24,21,0),0)),0)</f>
        <v>0</v>
      </c>
      <c r="G7455" cm="1">
        <f t="array" ref="G7455">IFERROR(INDEX(Jesper!AK$2:AK$366,ROUNDDOWN($C7455/24,0)+1,1)*INDEX($D$3:$AA$30,INDEX(Jesper!$R$2:$R$366,ROW(INDEX(Jesper!AK$2:AK$366,ROUNDDOWN($C7455/24,0)+1,1))-1)+IF('Standard Profiles'!$G$21=$B$10,7,0)+IF('Standard Profiles'!$G$21=$B$17,14,0)+IF('Standard Profiles'!$G$21=$B$24,21,0),MOD($C7455,24)+1)/SUM(INDEX($D$3:$AA$30,INDEX(Jesper!$R$2:$R$366,ROW(INDEX(Jesper!AK$2:AK$366,ROUNDDOWN($C7455/24,0)+1,1))-1)+IF('Standard Profiles'!$G$21=$B$10,7,0)+IF('Standard Profiles'!$G$21=$B$17,14,0)+IF('Standard Profiles'!$G$21=$B$24,21,0),0)),0)</f>
        <v>0.70633678284828394</v>
      </c>
      <c r="H7455" cm="1">
        <f t="array" ref="H7455">IFERROR(INDEX(Jesper!AL$2:AL$366,ROUNDDOWN($C7455/24,0)+1,1)*INDEX($D$3:$AA$30,INDEX(Jesper!$R$2:$R$366,ROW(INDEX(Jesper!AL$2:AL$366,ROUNDDOWN($C7455/24,0)+1,1))-1)+IF('Standard Profiles'!$G$22=$B$10,7,0)+IF('Standard Profiles'!$G$22=$B$17,14,0)+IF('Standard Profiles'!$G$22=$B$24,21,0),MOD($C7455,24)+1)/SUM(INDEX($D$3:$AA$30,INDEX(Jesper!$R$2:$R$366,ROW(INDEX(Jesper!AL$2:AL$366,ROUNDDOWN($C7455/24,0)+1,1))-1)+IF('Standard Profiles'!$G$22=$B$10,7,0)+IF('Standard Profiles'!$G$22=$B$17,14,0)+IF('Standard Profiles'!$G$22=$B$24,21,0),0)),0)</f>
        <v>0</v>
      </c>
      <c r="I7455">
        <f t="shared" si="825"/>
        <v>0.3390416557671761</v>
      </c>
      <c r="J7455">
        <f t="shared" si="826"/>
        <v>8.4818747295342138</v>
      </c>
      <c r="K7455">
        <f t="shared" si="827"/>
        <v>0.58083902536278875</v>
      </c>
      <c r="L7455">
        <f t="shared" si="828"/>
        <v>0.29041951268139438</v>
      </c>
      <c r="M7455">
        <f t="shared" si="829"/>
        <v>0</v>
      </c>
      <c r="N7455" s="45">
        <f t="shared" si="830"/>
        <v>45236.208333315335</v>
      </c>
    </row>
    <row r="7456" spans="2:14" x14ac:dyDescent="0.25">
      <c r="B7456">
        <f t="shared" si="824"/>
        <v>1</v>
      </c>
      <c r="C7456" s="16">
        <v>7422</v>
      </c>
      <c r="D7456" cm="1">
        <f t="array" ref="D7456">IFERROR(INDEX(Jesper!AH$2:AH$366,ROUNDDOWN($C7456/24,0)+1,1)*INDEX($D$3:$AA$30,INDEX(Jesper!$R$2:$R$366,ROW(INDEX(Jesper!AH$2:AH$366,ROUNDDOWN($C7456/24,0)+1,1))-1)+IF('Standard Profiles'!$G$18=$B$10,7,0)+IF('Standard Profiles'!$G$18=$B$17,14,0)+IF('Standard Profiles'!$G$18=$B$24,21,0),MOD($C7456,24)+1)/SUM(INDEX($D$3:$AA$30,INDEX(Jesper!$R$2:$R$366,ROW(INDEX(Jesper!AH$2:AH$366,ROUNDDOWN($C7456/24,0)+1,1))-1)+IF('Standard Profiles'!$G$18=$B$10,7,0)+IF('Standard Profiles'!$G$18=$B$17,14,0)+IF('Standard Profiles'!$G$18=$B$24,21,0),0)),0)</f>
        <v>5.4453658627761445</v>
      </c>
      <c r="E7456" cm="1">
        <f t="array" ref="E7456">IFERROR(INDEX(Jesper!AI$2:AI$366,ROUNDDOWN($C7456/24,0)+1,1)*INDEX($D$3:$AA$30,INDEX(Jesper!$R$2:$R$366,ROW(INDEX(Jesper!AI$2:AI$366,ROUNDDOWN($C7456/24,0)+1,1))-1)+IF('Standard Profiles'!$G$19=$B$10,7,0)+IF('Standard Profiles'!$G$19=$B$17,14,0)+IF('Standard Profiles'!$G$19=$B$24,21,0),MOD($C7456,24)+1)/SUM(INDEX($D$3:$AA$30,INDEX(Jesper!$R$2:$R$366,ROW(INDEX(Jesper!AI$2:AI$366,ROUNDDOWN($C7456/24,0)+1,1))-1)+IF('Standard Profiles'!$G$19=$B$10,7,0)+IF('Standard Profiles'!$G$19=$B$17,14,0)+IF('Standard Profiles'!$G$19=$B$24,21,0),0)),0)</f>
        <v>3.5404722777211433</v>
      </c>
      <c r="F7456" cm="1">
        <f t="array" ref="F7456">IFERROR(INDEX(Jesper!AJ$2:AJ$366,ROUNDDOWN($C7456/24,0)+1,1)*INDEX($D$3:$AA$30,INDEX(Jesper!$R$2:$R$366,ROW(INDEX(Jesper!AJ$2:AJ$366,ROUNDDOWN($C7456/24,0)+1,1))-1)+IF('Standard Profiles'!$G$20=$B$10,7,0)+IF('Standard Profiles'!$G$20=$B$17,14,0)+IF('Standard Profiles'!$G$20=$B$24,21,0),MOD($C7456,24)+1)/SUM(INDEX($D$3:$AA$30,INDEX(Jesper!$R$2:$R$366,ROW(INDEX(Jesper!AJ$2:AJ$366,ROUNDDOWN($C7456/24,0)+1,1))-1)+IF('Standard Profiles'!$G$20=$B$10,7,0)+IF('Standard Profiles'!$G$20=$B$17,14,0)+IF('Standard Profiles'!$G$20=$B$24,21,0),0)),0)</f>
        <v>0</v>
      </c>
      <c r="G7456" cm="1">
        <f t="array" ref="G7456">IFERROR(INDEX(Jesper!AK$2:AK$366,ROUNDDOWN($C7456/24,0)+1,1)*INDEX($D$3:$AA$30,INDEX(Jesper!$R$2:$R$366,ROW(INDEX(Jesper!AK$2:AK$366,ROUNDDOWN($C7456/24,0)+1,1))-1)+IF('Standard Profiles'!$G$21=$B$10,7,0)+IF('Standard Profiles'!$G$21=$B$17,14,0)+IF('Standard Profiles'!$G$21=$B$24,21,0),MOD($C7456,24)+1)/SUM(INDEX($D$3:$AA$30,INDEX(Jesper!$R$2:$R$366,ROW(INDEX(Jesper!AK$2:AK$366,ROUNDDOWN($C7456/24,0)+1,1))-1)+IF('Standard Profiles'!$G$21=$B$10,7,0)+IF('Standard Profiles'!$G$21=$B$17,14,0)+IF('Standard Profiles'!$G$21=$B$24,21,0),0)),0)</f>
        <v>0.70633678284828394</v>
      </c>
      <c r="H7456" cm="1">
        <f t="array" ref="H7456">IFERROR(INDEX(Jesper!AL$2:AL$366,ROUNDDOWN($C7456/24,0)+1,1)*INDEX($D$3:$AA$30,INDEX(Jesper!$R$2:$R$366,ROW(INDEX(Jesper!AL$2:AL$366,ROUNDDOWN($C7456/24,0)+1,1))-1)+IF('Standard Profiles'!$G$22=$B$10,7,0)+IF('Standard Profiles'!$G$22=$B$17,14,0)+IF('Standard Profiles'!$G$22=$B$24,21,0),MOD($C7456,24)+1)/SUM(INDEX($D$3:$AA$30,INDEX(Jesper!$R$2:$R$366,ROW(INDEX(Jesper!AL$2:AL$366,ROUNDDOWN($C7456/24,0)+1,1))-1)+IF('Standard Profiles'!$G$22=$B$10,7,0)+IF('Standard Profiles'!$G$22=$B$17,14,0)+IF('Standard Profiles'!$G$22=$B$24,21,0),0)),0)</f>
        <v>0</v>
      </c>
      <c r="I7456">
        <f t="shared" si="825"/>
        <v>0.3390416557671761</v>
      </c>
      <c r="J7456">
        <f t="shared" si="826"/>
        <v>8.4818747295342138</v>
      </c>
      <c r="K7456">
        <f t="shared" si="827"/>
        <v>0.58083902536278875</v>
      </c>
      <c r="L7456">
        <f t="shared" si="828"/>
        <v>0.29041951268139438</v>
      </c>
      <c r="M7456">
        <f t="shared" si="829"/>
        <v>0</v>
      </c>
      <c r="N7456" s="45">
        <f t="shared" si="830"/>
        <v>45236.249999981999</v>
      </c>
    </row>
    <row r="7457" spans="2:14" x14ac:dyDescent="0.25">
      <c r="B7457">
        <f t="shared" si="824"/>
        <v>1</v>
      </c>
      <c r="C7457" s="16">
        <v>7423</v>
      </c>
      <c r="D7457" cm="1">
        <f t="array" ref="D7457">IFERROR(INDEX(Jesper!AH$2:AH$366,ROUNDDOWN($C7457/24,0)+1,1)*INDEX($D$3:$AA$30,INDEX(Jesper!$R$2:$R$366,ROW(INDEX(Jesper!AH$2:AH$366,ROUNDDOWN($C7457/24,0)+1,1))-1)+IF('Standard Profiles'!$G$18=$B$10,7,0)+IF('Standard Profiles'!$G$18=$B$17,14,0)+IF('Standard Profiles'!$G$18=$B$24,21,0),MOD($C7457,24)+1)/SUM(INDEX($D$3:$AA$30,INDEX(Jesper!$R$2:$R$366,ROW(INDEX(Jesper!AH$2:AH$366,ROUNDDOWN($C7457/24,0)+1,1))-1)+IF('Standard Profiles'!$G$18=$B$10,7,0)+IF('Standard Profiles'!$G$18=$B$17,14,0)+IF('Standard Profiles'!$G$18=$B$24,21,0),0)),0)</f>
        <v>23.197258575426371</v>
      </c>
      <c r="E7457" cm="1">
        <f t="array" ref="E7457">IFERROR(INDEX(Jesper!AI$2:AI$366,ROUNDDOWN($C7457/24,0)+1,1)*INDEX($D$3:$AA$30,INDEX(Jesper!$R$2:$R$366,ROW(INDEX(Jesper!AI$2:AI$366,ROUNDDOWN($C7457/24,0)+1,1))-1)+IF('Standard Profiles'!$G$19=$B$10,7,0)+IF('Standard Profiles'!$G$19=$B$17,14,0)+IF('Standard Profiles'!$G$19=$B$24,21,0),MOD($C7457,24)+1)/SUM(INDEX($D$3:$AA$30,INDEX(Jesper!$R$2:$R$366,ROW(INDEX(Jesper!AI$2:AI$366,ROUNDDOWN($C7457/24,0)+1,1))-1)+IF('Standard Profiles'!$G$19=$B$10,7,0)+IF('Standard Profiles'!$G$19=$B$17,14,0)+IF('Standard Profiles'!$G$19=$B$24,21,0),0)),0)</f>
        <v>15.082411903092073</v>
      </c>
      <c r="F7457" cm="1">
        <f t="array" ref="F7457">IFERROR(INDEX(Jesper!AJ$2:AJ$366,ROUNDDOWN($C7457/24,0)+1,1)*INDEX($D$3:$AA$30,INDEX(Jesper!$R$2:$R$366,ROW(INDEX(Jesper!AJ$2:AJ$366,ROUNDDOWN($C7457/24,0)+1,1))-1)+IF('Standard Profiles'!$G$20=$B$10,7,0)+IF('Standard Profiles'!$G$20=$B$17,14,0)+IF('Standard Profiles'!$G$20=$B$24,21,0),MOD($C7457,24)+1)/SUM(INDEX($D$3:$AA$30,INDEX(Jesper!$R$2:$R$366,ROW(INDEX(Jesper!AJ$2:AJ$366,ROUNDDOWN($C7457/24,0)+1,1))-1)+IF('Standard Profiles'!$G$20=$B$10,7,0)+IF('Standard Profiles'!$G$20=$B$17,14,0)+IF('Standard Profiles'!$G$20=$B$24,21,0),0)),0)</f>
        <v>0</v>
      </c>
      <c r="G7457" cm="1">
        <f t="array" ref="G7457">IFERROR(INDEX(Jesper!AK$2:AK$366,ROUNDDOWN($C7457/24,0)+1,1)*INDEX($D$3:$AA$30,INDEX(Jesper!$R$2:$R$366,ROW(INDEX(Jesper!AK$2:AK$366,ROUNDDOWN($C7457/24,0)+1,1))-1)+IF('Standard Profiles'!$G$21=$B$10,7,0)+IF('Standard Profiles'!$G$21=$B$17,14,0)+IF('Standard Profiles'!$G$21=$B$24,21,0),MOD($C7457,24)+1)/SUM(INDEX($D$3:$AA$30,INDEX(Jesper!$R$2:$R$366,ROW(INDEX(Jesper!AK$2:AK$366,ROUNDDOWN($C7457/24,0)+1,1))-1)+IF('Standard Profiles'!$G$21=$B$10,7,0)+IF('Standard Profiles'!$G$21=$B$17,14,0)+IF('Standard Profiles'!$G$21=$B$24,21,0),0)),0)</f>
        <v>3.0725650053900351</v>
      </c>
      <c r="H7457" cm="1">
        <f t="array" ref="H7457">IFERROR(INDEX(Jesper!AL$2:AL$366,ROUNDDOWN($C7457/24,0)+1,1)*INDEX($D$3:$AA$30,INDEX(Jesper!$R$2:$R$366,ROW(INDEX(Jesper!AL$2:AL$366,ROUNDDOWN($C7457/24,0)+1,1))-1)+IF('Standard Profiles'!$G$22=$B$10,7,0)+IF('Standard Profiles'!$G$22=$B$17,14,0)+IF('Standard Profiles'!$G$22=$B$24,21,0),MOD($C7457,24)+1)/SUM(INDEX($D$3:$AA$30,INDEX(Jesper!$R$2:$R$366,ROW(INDEX(Jesper!AL$2:AL$366,ROUNDDOWN($C7457/24,0)+1,1))-1)+IF('Standard Profiles'!$G$22=$B$10,7,0)+IF('Standard Profiles'!$G$22=$B$17,14,0)+IF('Standard Profiles'!$G$22=$B$24,21,0),0)),0)</f>
        <v>0</v>
      </c>
      <c r="I7457">
        <f t="shared" si="825"/>
        <v>1.4748312025872161</v>
      </c>
      <c r="J7457">
        <f t="shared" si="826"/>
        <v>36.165842909253044</v>
      </c>
      <c r="K7457">
        <f t="shared" si="827"/>
        <v>2.4743742480454798</v>
      </c>
      <c r="L7457">
        <f t="shared" si="828"/>
        <v>1.2371871240227399</v>
      </c>
      <c r="M7457">
        <f t="shared" si="829"/>
        <v>0</v>
      </c>
      <c r="N7457" s="45">
        <f t="shared" si="830"/>
        <v>45236.291666648664</v>
      </c>
    </row>
    <row r="7458" spans="2:14" x14ac:dyDescent="0.25">
      <c r="B7458">
        <f t="shared" si="824"/>
        <v>1</v>
      </c>
      <c r="C7458" s="16">
        <v>7424</v>
      </c>
      <c r="D7458" cm="1">
        <f t="array" ref="D7458">IFERROR(INDEX(Jesper!AH$2:AH$366,ROUNDDOWN($C7458/24,0)+1,1)*INDEX($D$3:$AA$30,INDEX(Jesper!$R$2:$R$366,ROW(INDEX(Jesper!AH$2:AH$366,ROUNDDOWN($C7458/24,0)+1,1))-1)+IF('Standard Profiles'!$G$18=$B$10,7,0)+IF('Standard Profiles'!$G$18=$B$17,14,0)+IF('Standard Profiles'!$G$18=$B$24,21,0),MOD($C7458,24)+1)/SUM(INDEX($D$3:$AA$30,INDEX(Jesper!$R$2:$R$366,ROW(INDEX(Jesper!AH$2:AH$366,ROUNDDOWN($C7458/24,0)+1,1))-1)+IF('Standard Profiles'!$G$18=$B$10,7,0)+IF('Standard Profiles'!$G$18=$B$17,14,0)+IF('Standard Profiles'!$G$18=$B$24,21,0),0)),0)</f>
        <v>26.096915897354673</v>
      </c>
      <c r="E7458" cm="1">
        <f t="array" ref="E7458">IFERROR(INDEX(Jesper!AI$2:AI$366,ROUNDDOWN($C7458/24,0)+1,1)*INDEX($D$3:$AA$30,INDEX(Jesper!$R$2:$R$366,ROW(INDEX(Jesper!AI$2:AI$366,ROUNDDOWN($C7458/24,0)+1,1))-1)+IF('Standard Profiles'!$G$19=$B$10,7,0)+IF('Standard Profiles'!$G$19=$B$17,14,0)+IF('Standard Profiles'!$G$19=$B$24,21,0),MOD($C7458,24)+1)/SUM(INDEX($D$3:$AA$30,INDEX(Jesper!$R$2:$R$366,ROW(INDEX(Jesper!AI$2:AI$366,ROUNDDOWN($C7458/24,0)+1,1))-1)+IF('Standard Profiles'!$G$19=$B$10,7,0)+IF('Standard Profiles'!$G$19=$B$17,14,0)+IF('Standard Profiles'!$G$19=$B$24,21,0),0)),0)</f>
        <v>16.967713390978581</v>
      </c>
      <c r="F7458" cm="1">
        <f t="array" ref="F7458">IFERROR(INDEX(Jesper!AJ$2:AJ$366,ROUNDDOWN($C7458/24,0)+1,1)*INDEX($D$3:$AA$30,INDEX(Jesper!$R$2:$R$366,ROW(INDEX(Jesper!AJ$2:AJ$366,ROUNDDOWN($C7458/24,0)+1,1))-1)+IF('Standard Profiles'!$G$20=$B$10,7,0)+IF('Standard Profiles'!$G$20=$B$17,14,0)+IF('Standard Profiles'!$G$20=$B$24,21,0),MOD($C7458,24)+1)/SUM(INDEX($D$3:$AA$30,INDEX(Jesper!$R$2:$R$366,ROW(INDEX(Jesper!AJ$2:AJ$366,ROUNDDOWN($C7458/24,0)+1,1))-1)+IF('Standard Profiles'!$G$20=$B$10,7,0)+IF('Standard Profiles'!$G$20=$B$17,14,0)+IF('Standard Profiles'!$G$20=$B$24,21,0),0)),0)</f>
        <v>0</v>
      </c>
      <c r="G7458" cm="1">
        <f t="array" ref="G7458">IFERROR(INDEX(Jesper!AK$2:AK$366,ROUNDDOWN($C7458/24,0)+1,1)*INDEX($D$3:$AA$30,INDEX(Jesper!$R$2:$R$366,ROW(INDEX(Jesper!AK$2:AK$366,ROUNDDOWN($C7458/24,0)+1,1))-1)+IF('Standard Profiles'!$G$21=$B$10,7,0)+IF('Standard Profiles'!$G$21=$B$17,14,0)+IF('Standard Profiles'!$G$21=$B$24,21,0),MOD($C7458,24)+1)/SUM(INDEX($D$3:$AA$30,INDEX(Jesper!$R$2:$R$366,ROW(INDEX(Jesper!AK$2:AK$366,ROUNDDOWN($C7458/24,0)+1,1))-1)+IF('Standard Profiles'!$G$21=$B$10,7,0)+IF('Standard Profiles'!$G$21=$B$17,14,0)+IF('Standard Profiles'!$G$21=$B$24,21,0),0)),0)</f>
        <v>3.4566356310637896</v>
      </c>
      <c r="H7458" cm="1">
        <f t="array" ref="H7458">IFERROR(INDEX(Jesper!AL$2:AL$366,ROUNDDOWN($C7458/24,0)+1,1)*INDEX($D$3:$AA$30,INDEX(Jesper!$R$2:$R$366,ROW(INDEX(Jesper!AL$2:AL$366,ROUNDDOWN($C7458/24,0)+1,1))-1)+IF('Standard Profiles'!$G$22=$B$10,7,0)+IF('Standard Profiles'!$G$22=$B$17,14,0)+IF('Standard Profiles'!$G$22=$B$24,21,0),MOD($C7458,24)+1)/SUM(INDEX($D$3:$AA$30,INDEX(Jesper!$R$2:$R$366,ROW(INDEX(Jesper!AL$2:AL$366,ROUNDDOWN($C7458/24,0)+1,1))-1)+IF('Standard Profiles'!$G$22=$B$10,7,0)+IF('Standard Profiles'!$G$22=$B$17,14,0)+IF('Standard Profiles'!$G$22=$B$24,21,0),0)),0)</f>
        <v>0</v>
      </c>
      <c r="I7458">
        <f t="shared" si="825"/>
        <v>1.6591851029106182</v>
      </c>
      <c r="J7458">
        <f t="shared" si="826"/>
        <v>40.686573272909676</v>
      </c>
      <c r="K7458">
        <f t="shared" si="827"/>
        <v>2.7836710290511655</v>
      </c>
      <c r="L7458">
        <f t="shared" si="828"/>
        <v>1.3918355145255827</v>
      </c>
      <c r="M7458">
        <f t="shared" si="829"/>
        <v>0</v>
      </c>
      <c r="N7458" s="45">
        <f t="shared" si="830"/>
        <v>45236.333333315328</v>
      </c>
    </row>
    <row r="7459" spans="2:14" x14ac:dyDescent="0.25">
      <c r="B7459">
        <f t="shared" ref="B7459:B7522" si="831">WEEKDAY(N7459,2)</f>
        <v>1</v>
      </c>
      <c r="C7459" s="16">
        <v>7425</v>
      </c>
      <c r="D7459" cm="1">
        <f t="array" ref="D7459">IFERROR(INDEX(Jesper!AH$2:AH$366,ROUNDDOWN($C7459/24,0)+1,1)*INDEX($D$3:$AA$30,INDEX(Jesper!$R$2:$R$366,ROW(INDEX(Jesper!AH$2:AH$366,ROUNDDOWN($C7459/24,0)+1,1))-1)+IF('Standard Profiles'!$G$18=$B$10,7,0)+IF('Standard Profiles'!$G$18=$B$17,14,0)+IF('Standard Profiles'!$G$18=$B$24,21,0),MOD($C7459,24)+1)/SUM(INDEX($D$3:$AA$30,INDEX(Jesper!$R$2:$R$366,ROW(INDEX(Jesper!AH$2:AH$366,ROUNDDOWN($C7459/24,0)+1,1))-1)+IF('Standard Profiles'!$G$18=$B$10,7,0)+IF('Standard Profiles'!$G$18=$B$17,14,0)+IF('Standard Profiles'!$G$18=$B$24,21,0),0)),0)</f>
        <v>28.996573219282968</v>
      </c>
      <c r="E7459" cm="1">
        <f t="array" ref="E7459">IFERROR(INDEX(Jesper!AI$2:AI$366,ROUNDDOWN($C7459/24,0)+1,1)*INDEX($D$3:$AA$30,INDEX(Jesper!$R$2:$R$366,ROW(INDEX(Jesper!AI$2:AI$366,ROUNDDOWN($C7459/24,0)+1,1))-1)+IF('Standard Profiles'!$G$19=$B$10,7,0)+IF('Standard Profiles'!$G$19=$B$17,14,0)+IF('Standard Profiles'!$G$19=$B$24,21,0),MOD($C7459,24)+1)/SUM(INDEX($D$3:$AA$30,INDEX(Jesper!$R$2:$R$366,ROW(INDEX(Jesper!AI$2:AI$366,ROUNDDOWN($C7459/24,0)+1,1))-1)+IF('Standard Profiles'!$G$19=$B$10,7,0)+IF('Standard Profiles'!$G$19=$B$17,14,0)+IF('Standard Profiles'!$G$19=$B$24,21,0),0)),0)</f>
        <v>18.853014878865089</v>
      </c>
      <c r="F7459" cm="1">
        <f t="array" ref="F7459">IFERROR(INDEX(Jesper!AJ$2:AJ$366,ROUNDDOWN($C7459/24,0)+1,1)*INDEX($D$3:$AA$30,INDEX(Jesper!$R$2:$R$366,ROW(INDEX(Jesper!AJ$2:AJ$366,ROUNDDOWN($C7459/24,0)+1,1))-1)+IF('Standard Profiles'!$G$20=$B$10,7,0)+IF('Standard Profiles'!$G$20=$B$17,14,0)+IF('Standard Profiles'!$G$20=$B$24,21,0),MOD($C7459,24)+1)/SUM(INDEX($D$3:$AA$30,INDEX(Jesper!$R$2:$R$366,ROW(INDEX(Jesper!AJ$2:AJ$366,ROUNDDOWN($C7459/24,0)+1,1))-1)+IF('Standard Profiles'!$G$20=$B$10,7,0)+IF('Standard Profiles'!$G$20=$B$17,14,0)+IF('Standard Profiles'!$G$20=$B$24,21,0),0)),0)</f>
        <v>0</v>
      </c>
      <c r="G7459" cm="1">
        <f t="array" ref="G7459">IFERROR(INDEX(Jesper!AK$2:AK$366,ROUNDDOWN($C7459/24,0)+1,1)*INDEX($D$3:$AA$30,INDEX(Jesper!$R$2:$R$366,ROW(INDEX(Jesper!AK$2:AK$366,ROUNDDOWN($C7459/24,0)+1,1))-1)+IF('Standard Profiles'!$G$21=$B$10,7,0)+IF('Standard Profiles'!$G$21=$B$17,14,0)+IF('Standard Profiles'!$G$21=$B$24,21,0),MOD($C7459,24)+1)/SUM(INDEX($D$3:$AA$30,INDEX(Jesper!$R$2:$R$366,ROW(INDEX(Jesper!AK$2:AK$366,ROUNDDOWN($C7459/24,0)+1,1))-1)+IF('Standard Profiles'!$G$21=$B$10,7,0)+IF('Standard Profiles'!$G$21=$B$17,14,0)+IF('Standard Profiles'!$G$21=$B$24,21,0),0)),0)</f>
        <v>3.8407062567375436</v>
      </c>
      <c r="H7459" cm="1">
        <f t="array" ref="H7459">IFERROR(INDEX(Jesper!AL$2:AL$366,ROUNDDOWN($C7459/24,0)+1,1)*INDEX($D$3:$AA$30,INDEX(Jesper!$R$2:$R$366,ROW(INDEX(Jesper!AL$2:AL$366,ROUNDDOWN($C7459/24,0)+1,1))-1)+IF('Standard Profiles'!$G$22=$B$10,7,0)+IF('Standard Profiles'!$G$22=$B$17,14,0)+IF('Standard Profiles'!$G$22=$B$24,21,0),MOD($C7459,24)+1)/SUM(INDEX($D$3:$AA$30,INDEX(Jesper!$R$2:$R$366,ROW(INDEX(Jesper!AL$2:AL$366,ROUNDDOWN($C7459/24,0)+1,1))-1)+IF('Standard Profiles'!$G$22=$B$10,7,0)+IF('Standard Profiles'!$G$22=$B$17,14,0)+IF('Standard Profiles'!$G$22=$B$24,21,0),0)),0)</f>
        <v>0</v>
      </c>
      <c r="I7459">
        <f t="shared" ref="I7459:I7522" si="832">IF($B7459&lt;6,AC$37*$D7459+AC$38*$E7459+AC$39*$F7459+AC$40*$G7459,AC$46*$D7459+AC$47*$E7459+AC$48*$F7459+AC$49*$G7459+AC$50*$H7459)</f>
        <v>1.84353900323402</v>
      </c>
      <c r="J7459">
        <f t="shared" ref="J7459:J7522" si="833">IF($B7459&lt;6,AD$37*$D7459+AD$38*$E7459+AD$39*$F7459+AD$40*$G7459,AD$46*$D7459+AD$47*$E7459+AD$48*$F7459+AD$49*$G7459+AD$50*$H7459)</f>
        <v>45.207303636566309</v>
      </c>
      <c r="K7459">
        <f t="shared" ref="K7459:K7522" si="834">IF($B7459&lt;6,AE$37*$D7459+AE$38*$E7459+AE$39*$F7459+AE$40*$G7459,AE$46*$D7459+AE$47*$E7459+AE$48*$F7459+AE$49*$G7459+AE$50*$H7459)</f>
        <v>3.0929678100568503</v>
      </c>
      <c r="L7459">
        <f t="shared" ref="L7459:L7522" si="835">IF($B7459&lt;6,AF$37*$D7459+AF$38*$E7459+AF$39*$F7459+AF$40*$G7459,AF$46*$D7459+AF$47*$E7459+AF$48*$F7459+AF$49*$G7459+AF$50*$H7459)</f>
        <v>1.5464839050284251</v>
      </c>
      <c r="M7459">
        <f t="shared" ref="M7459:M7522" si="836">IF($B7459&lt;6,AG$37*$D7459+AG$38*$E7459+AG$39*$F7459+AG$40*$G7459,AG$46*$D7459+AG$47*$E7459+AG$48*$F7459+AG$49*$G7459+AG$50*$H7459)</f>
        <v>0</v>
      </c>
      <c r="N7459" s="45">
        <f t="shared" si="830"/>
        <v>45236.374999981992</v>
      </c>
    </row>
    <row r="7460" spans="2:14" x14ac:dyDescent="0.25">
      <c r="B7460">
        <f t="shared" si="831"/>
        <v>1</v>
      </c>
      <c r="C7460" s="16">
        <v>7426</v>
      </c>
      <c r="D7460" cm="1">
        <f t="array" ref="D7460">IFERROR(INDEX(Jesper!AH$2:AH$366,ROUNDDOWN($C7460/24,0)+1,1)*INDEX($D$3:$AA$30,INDEX(Jesper!$R$2:$R$366,ROW(INDEX(Jesper!AH$2:AH$366,ROUNDDOWN($C7460/24,0)+1,1))-1)+IF('Standard Profiles'!$G$18=$B$10,7,0)+IF('Standard Profiles'!$G$18=$B$17,14,0)+IF('Standard Profiles'!$G$18=$B$24,21,0),MOD($C7460,24)+1)/SUM(INDEX($D$3:$AA$30,INDEX(Jesper!$R$2:$R$366,ROW(INDEX(Jesper!AH$2:AH$366,ROUNDDOWN($C7460/24,0)+1,1))-1)+IF('Standard Profiles'!$G$18=$B$10,7,0)+IF('Standard Profiles'!$G$18=$B$17,14,0)+IF('Standard Profiles'!$G$18=$B$24,21,0),0)),0)</f>
        <v>28.996573219282968</v>
      </c>
      <c r="E7460" cm="1">
        <f t="array" ref="E7460">IFERROR(INDEX(Jesper!AI$2:AI$366,ROUNDDOWN($C7460/24,0)+1,1)*INDEX($D$3:$AA$30,INDEX(Jesper!$R$2:$R$366,ROW(INDEX(Jesper!AI$2:AI$366,ROUNDDOWN($C7460/24,0)+1,1))-1)+IF('Standard Profiles'!$G$19=$B$10,7,0)+IF('Standard Profiles'!$G$19=$B$17,14,0)+IF('Standard Profiles'!$G$19=$B$24,21,0),MOD($C7460,24)+1)/SUM(INDEX($D$3:$AA$30,INDEX(Jesper!$R$2:$R$366,ROW(INDEX(Jesper!AI$2:AI$366,ROUNDDOWN($C7460/24,0)+1,1))-1)+IF('Standard Profiles'!$G$19=$B$10,7,0)+IF('Standard Profiles'!$G$19=$B$17,14,0)+IF('Standard Profiles'!$G$19=$B$24,21,0),0)),0)</f>
        <v>18.853014878865089</v>
      </c>
      <c r="F7460" cm="1">
        <f t="array" ref="F7460">IFERROR(INDEX(Jesper!AJ$2:AJ$366,ROUNDDOWN($C7460/24,0)+1,1)*INDEX($D$3:$AA$30,INDEX(Jesper!$R$2:$R$366,ROW(INDEX(Jesper!AJ$2:AJ$366,ROUNDDOWN($C7460/24,0)+1,1))-1)+IF('Standard Profiles'!$G$20=$B$10,7,0)+IF('Standard Profiles'!$G$20=$B$17,14,0)+IF('Standard Profiles'!$G$20=$B$24,21,0),MOD($C7460,24)+1)/SUM(INDEX($D$3:$AA$30,INDEX(Jesper!$R$2:$R$366,ROW(INDEX(Jesper!AJ$2:AJ$366,ROUNDDOWN($C7460/24,0)+1,1))-1)+IF('Standard Profiles'!$G$20=$B$10,7,0)+IF('Standard Profiles'!$G$20=$B$17,14,0)+IF('Standard Profiles'!$G$20=$B$24,21,0),0)),0)</f>
        <v>0</v>
      </c>
      <c r="G7460" cm="1">
        <f t="array" ref="G7460">IFERROR(INDEX(Jesper!AK$2:AK$366,ROUNDDOWN($C7460/24,0)+1,1)*INDEX($D$3:$AA$30,INDEX(Jesper!$R$2:$R$366,ROW(INDEX(Jesper!AK$2:AK$366,ROUNDDOWN($C7460/24,0)+1,1))-1)+IF('Standard Profiles'!$G$21=$B$10,7,0)+IF('Standard Profiles'!$G$21=$B$17,14,0)+IF('Standard Profiles'!$G$21=$B$24,21,0),MOD($C7460,24)+1)/SUM(INDEX($D$3:$AA$30,INDEX(Jesper!$R$2:$R$366,ROW(INDEX(Jesper!AK$2:AK$366,ROUNDDOWN($C7460/24,0)+1,1))-1)+IF('Standard Profiles'!$G$21=$B$10,7,0)+IF('Standard Profiles'!$G$21=$B$17,14,0)+IF('Standard Profiles'!$G$21=$B$24,21,0),0)),0)</f>
        <v>3.8407062567375436</v>
      </c>
      <c r="H7460" cm="1">
        <f t="array" ref="H7460">IFERROR(INDEX(Jesper!AL$2:AL$366,ROUNDDOWN($C7460/24,0)+1,1)*INDEX($D$3:$AA$30,INDEX(Jesper!$R$2:$R$366,ROW(INDEX(Jesper!AL$2:AL$366,ROUNDDOWN($C7460/24,0)+1,1))-1)+IF('Standard Profiles'!$G$22=$B$10,7,0)+IF('Standard Profiles'!$G$22=$B$17,14,0)+IF('Standard Profiles'!$G$22=$B$24,21,0),MOD($C7460,24)+1)/SUM(INDEX($D$3:$AA$30,INDEX(Jesper!$R$2:$R$366,ROW(INDEX(Jesper!AL$2:AL$366,ROUNDDOWN($C7460/24,0)+1,1))-1)+IF('Standard Profiles'!$G$22=$B$10,7,0)+IF('Standard Profiles'!$G$22=$B$17,14,0)+IF('Standard Profiles'!$G$22=$B$24,21,0),0)),0)</f>
        <v>0</v>
      </c>
      <c r="I7460">
        <f t="shared" si="832"/>
        <v>1.84353900323402</v>
      </c>
      <c r="J7460">
        <f t="shared" si="833"/>
        <v>45.207303636566309</v>
      </c>
      <c r="K7460">
        <f t="shared" si="834"/>
        <v>3.0929678100568503</v>
      </c>
      <c r="L7460">
        <f t="shared" si="835"/>
        <v>1.5464839050284251</v>
      </c>
      <c r="M7460">
        <f t="shared" si="836"/>
        <v>0</v>
      </c>
      <c r="N7460" s="45">
        <f t="shared" ref="N7460:N7523" si="837">N7459+1/24</f>
        <v>45236.416666648656</v>
      </c>
    </row>
    <row r="7461" spans="2:14" x14ac:dyDescent="0.25">
      <c r="B7461">
        <f t="shared" si="831"/>
        <v>1</v>
      </c>
      <c r="C7461" s="16">
        <v>7427</v>
      </c>
      <c r="D7461" cm="1">
        <f t="array" ref="D7461">IFERROR(INDEX(Jesper!AH$2:AH$366,ROUNDDOWN($C7461/24,0)+1,1)*INDEX($D$3:$AA$30,INDEX(Jesper!$R$2:$R$366,ROW(INDEX(Jesper!AH$2:AH$366,ROUNDDOWN($C7461/24,0)+1,1))-1)+IF('Standard Profiles'!$G$18=$B$10,7,0)+IF('Standard Profiles'!$G$18=$B$17,14,0)+IF('Standard Profiles'!$G$18=$B$24,21,0),MOD($C7461,24)+1)/SUM(INDEX($D$3:$AA$30,INDEX(Jesper!$R$2:$R$366,ROW(INDEX(Jesper!AH$2:AH$366,ROUNDDOWN($C7461/24,0)+1,1))-1)+IF('Standard Profiles'!$G$18=$B$10,7,0)+IF('Standard Profiles'!$G$18=$B$17,14,0)+IF('Standard Profiles'!$G$18=$B$24,21,0),0)),0)</f>
        <v>34.795887863139555</v>
      </c>
      <c r="E7461" cm="1">
        <f t="array" ref="E7461">IFERROR(INDEX(Jesper!AI$2:AI$366,ROUNDDOWN($C7461/24,0)+1,1)*INDEX($D$3:$AA$30,INDEX(Jesper!$R$2:$R$366,ROW(INDEX(Jesper!AI$2:AI$366,ROUNDDOWN($C7461/24,0)+1,1))-1)+IF('Standard Profiles'!$G$19=$B$10,7,0)+IF('Standard Profiles'!$G$19=$B$17,14,0)+IF('Standard Profiles'!$G$19=$B$24,21,0),MOD($C7461,24)+1)/SUM(INDEX($D$3:$AA$30,INDEX(Jesper!$R$2:$R$366,ROW(INDEX(Jesper!AI$2:AI$366,ROUNDDOWN($C7461/24,0)+1,1))-1)+IF('Standard Profiles'!$G$19=$B$10,7,0)+IF('Standard Profiles'!$G$19=$B$17,14,0)+IF('Standard Profiles'!$G$19=$B$24,21,0),0)),0)</f>
        <v>22.623617854638105</v>
      </c>
      <c r="F7461" cm="1">
        <f t="array" ref="F7461">IFERROR(INDEX(Jesper!AJ$2:AJ$366,ROUNDDOWN($C7461/24,0)+1,1)*INDEX($D$3:$AA$30,INDEX(Jesper!$R$2:$R$366,ROW(INDEX(Jesper!AJ$2:AJ$366,ROUNDDOWN($C7461/24,0)+1,1))-1)+IF('Standard Profiles'!$G$20=$B$10,7,0)+IF('Standard Profiles'!$G$20=$B$17,14,0)+IF('Standard Profiles'!$G$20=$B$24,21,0),MOD($C7461,24)+1)/SUM(INDEX($D$3:$AA$30,INDEX(Jesper!$R$2:$R$366,ROW(INDEX(Jesper!AJ$2:AJ$366,ROUNDDOWN($C7461/24,0)+1,1))-1)+IF('Standard Profiles'!$G$20=$B$10,7,0)+IF('Standard Profiles'!$G$20=$B$17,14,0)+IF('Standard Profiles'!$G$20=$B$24,21,0),0)),0)</f>
        <v>0</v>
      </c>
      <c r="G7461" cm="1">
        <f t="array" ref="G7461">IFERROR(INDEX(Jesper!AK$2:AK$366,ROUNDDOWN($C7461/24,0)+1,1)*INDEX($D$3:$AA$30,INDEX(Jesper!$R$2:$R$366,ROW(INDEX(Jesper!AK$2:AK$366,ROUNDDOWN($C7461/24,0)+1,1))-1)+IF('Standard Profiles'!$G$21=$B$10,7,0)+IF('Standard Profiles'!$G$21=$B$17,14,0)+IF('Standard Profiles'!$G$21=$B$24,21,0),MOD($C7461,24)+1)/SUM(INDEX($D$3:$AA$30,INDEX(Jesper!$R$2:$R$366,ROW(INDEX(Jesper!AK$2:AK$366,ROUNDDOWN($C7461/24,0)+1,1))-1)+IF('Standard Profiles'!$G$21=$B$10,7,0)+IF('Standard Profiles'!$G$21=$B$17,14,0)+IF('Standard Profiles'!$G$21=$B$24,21,0),0)),0)</f>
        <v>4.6088475080850522</v>
      </c>
      <c r="H7461" cm="1">
        <f t="array" ref="H7461">IFERROR(INDEX(Jesper!AL$2:AL$366,ROUNDDOWN($C7461/24,0)+1,1)*INDEX($D$3:$AA$30,INDEX(Jesper!$R$2:$R$366,ROW(INDEX(Jesper!AL$2:AL$366,ROUNDDOWN($C7461/24,0)+1,1))-1)+IF('Standard Profiles'!$G$22=$B$10,7,0)+IF('Standard Profiles'!$G$22=$B$17,14,0)+IF('Standard Profiles'!$G$22=$B$24,21,0),MOD($C7461,24)+1)/SUM(INDEX($D$3:$AA$30,INDEX(Jesper!$R$2:$R$366,ROW(INDEX(Jesper!AL$2:AL$366,ROUNDDOWN($C7461/24,0)+1,1))-1)+IF('Standard Profiles'!$G$22=$B$10,7,0)+IF('Standard Profiles'!$G$22=$B$17,14,0)+IF('Standard Profiles'!$G$22=$B$24,21,0),0)),0)</f>
        <v>0</v>
      </c>
      <c r="I7461">
        <f t="shared" si="832"/>
        <v>2.2122468038808241</v>
      </c>
      <c r="J7461">
        <f t="shared" si="833"/>
        <v>54.248764363879552</v>
      </c>
      <c r="K7461">
        <f t="shared" si="834"/>
        <v>3.7115613720682195</v>
      </c>
      <c r="L7461">
        <f t="shared" si="835"/>
        <v>1.8557806860341097</v>
      </c>
      <c r="M7461">
        <f t="shared" si="836"/>
        <v>0</v>
      </c>
      <c r="N7461" s="45">
        <f t="shared" si="837"/>
        <v>45236.45833331532</v>
      </c>
    </row>
    <row r="7462" spans="2:14" x14ac:dyDescent="0.25">
      <c r="B7462">
        <f t="shared" si="831"/>
        <v>1</v>
      </c>
      <c r="C7462" s="16">
        <v>7428</v>
      </c>
      <c r="D7462" cm="1">
        <f t="array" ref="D7462">IFERROR(INDEX(Jesper!AH$2:AH$366,ROUNDDOWN($C7462/24,0)+1,1)*INDEX($D$3:$AA$30,INDEX(Jesper!$R$2:$R$366,ROW(INDEX(Jesper!AH$2:AH$366,ROUNDDOWN($C7462/24,0)+1,1))-1)+IF('Standard Profiles'!$G$18=$B$10,7,0)+IF('Standard Profiles'!$G$18=$B$17,14,0)+IF('Standard Profiles'!$G$18=$B$24,21,0),MOD($C7462,24)+1)/SUM(INDEX($D$3:$AA$30,INDEX(Jesper!$R$2:$R$366,ROW(INDEX(Jesper!AH$2:AH$366,ROUNDDOWN($C7462/24,0)+1,1))-1)+IF('Standard Profiles'!$G$18=$B$10,7,0)+IF('Standard Profiles'!$G$18=$B$17,14,0)+IF('Standard Profiles'!$G$18=$B$24,21,0),0)),0)</f>
        <v>34.795887863139555</v>
      </c>
      <c r="E7462" cm="1">
        <f t="array" ref="E7462">IFERROR(INDEX(Jesper!AI$2:AI$366,ROUNDDOWN($C7462/24,0)+1,1)*INDEX($D$3:$AA$30,INDEX(Jesper!$R$2:$R$366,ROW(INDEX(Jesper!AI$2:AI$366,ROUNDDOWN($C7462/24,0)+1,1))-1)+IF('Standard Profiles'!$G$19=$B$10,7,0)+IF('Standard Profiles'!$G$19=$B$17,14,0)+IF('Standard Profiles'!$G$19=$B$24,21,0),MOD($C7462,24)+1)/SUM(INDEX($D$3:$AA$30,INDEX(Jesper!$R$2:$R$366,ROW(INDEX(Jesper!AI$2:AI$366,ROUNDDOWN($C7462/24,0)+1,1))-1)+IF('Standard Profiles'!$G$19=$B$10,7,0)+IF('Standard Profiles'!$G$19=$B$17,14,0)+IF('Standard Profiles'!$G$19=$B$24,21,0),0)),0)</f>
        <v>22.623617854638105</v>
      </c>
      <c r="F7462" cm="1">
        <f t="array" ref="F7462">IFERROR(INDEX(Jesper!AJ$2:AJ$366,ROUNDDOWN($C7462/24,0)+1,1)*INDEX($D$3:$AA$30,INDEX(Jesper!$R$2:$R$366,ROW(INDEX(Jesper!AJ$2:AJ$366,ROUNDDOWN($C7462/24,0)+1,1))-1)+IF('Standard Profiles'!$G$20=$B$10,7,0)+IF('Standard Profiles'!$G$20=$B$17,14,0)+IF('Standard Profiles'!$G$20=$B$24,21,0),MOD($C7462,24)+1)/SUM(INDEX($D$3:$AA$30,INDEX(Jesper!$R$2:$R$366,ROW(INDEX(Jesper!AJ$2:AJ$366,ROUNDDOWN($C7462/24,0)+1,1))-1)+IF('Standard Profiles'!$G$20=$B$10,7,0)+IF('Standard Profiles'!$G$20=$B$17,14,0)+IF('Standard Profiles'!$G$20=$B$24,21,0),0)),0)</f>
        <v>0</v>
      </c>
      <c r="G7462" cm="1">
        <f t="array" ref="G7462">IFERROR(INDEX(Jesper!AK$2:AK$366,ROUNDDOWN($C7462/24,0)+1,1)*INDEX($D$3:$AA$30,INDEX(Jesper!$R$2:$R$366,ROW(INDEX(Jesper!AK$2:AK$366,ROUNDDOWN($C7462/24,0)+1,1))-1)+IF('Standard Profiles'!$G$21=$B$10,7,0)+IF('Standard Profiles'!$G$21=$B$17,14,0)+IF('Standard Profiles'!$G$21=$B$24,21,0),MOD($C7462,24)+1)/SUM(INDEX($D$3:$AA$30,INDEX(Jesper!$R$2:$R$366,ROW(INDEX(Jesper!AK$2:AK$366,ROUNDDOWN($C7462/24,0)+1,1))-1)+IF('Standard Profiles'!$G$21=$B$10,7,0)+IF('Standard Profiles'!$G$21=$B$17,14,0)+IF('Standard Profiles'!$G$21=$B$24,21,0),0)),0)</f>
        <v>4.6088475080850522</v>
      </c>
      <c r="H7462" cm="1">
        <f t="array" ref="H7462">IFERROR(INDEX(Jesper!AL$2:AL$366,ROUNDDOWN($C7462/24,0)+1,1)*INDEX($D$3:$AA$30,INDEX(Jesper!$R$2:$R$366,ROW(INDEX(Jesper!AL$2:AL$366,ROUNDDOWN($C7462/24,0)+1,1))-1)+IF('Standard Profiles'!$G$22=$B$10,7,0)+IF('Standard Profiles'!$G$22=$B$17,14,0)+IF('Standard Profiles'!$G$22=$B$24,21,0),MOD($C7462,24)+1)/SUM(INDEX($D$3:$AA$30,INDEX(Jesper!$R$2:$R$366,ROW(INDEX(Jesper!AL$2:AL$366,ROUNDDOWN($C7462/24,0)+1,1))-1)+IF('Standard Profiles'!$G$22=$B$10,7,0)+IF('Standard Profiles'!$G$22=$B$17,14,0)+IF('Standard Profiles'!$G$22=$B$24,21,0),0)),0)</f>
        <v>0</v>
      </c>
      <c r="I7462">
        <f t="shared" si="832"/>
        <v>2.2122468038808241</v>
      </c>
      <c r="J7462">
        <f t="shared" si="833"/>
        <v>54.248764363879552</v>
      </c>
      <c r="K7462">
        <f t="shared" si="834"/>
        <v>3.7115613720682195</v>
      </c>
      <c r="L7462">
        <f t="shared" si="835"/>
        <v>1.8557806860341097</v>
      </c>
      <c r="M7462">
        <f t="shared" si="836"/>
        <v>0</v>
      </c>
      <c r="N7462" s="45">
        <f t="shared" si="837"/>
        <v>45236.499999981985</v>
      </c>
    </row>
    <row r="7463" spans="2:14" x14ac:dyDescent="0.25">
      <c r="B7463">
        <f t="shared" si="831"/>
        <v>1</v>
      </c>
      <c r="C7463" s="16">
        <v>7429</v>
      </c>
      <c r="D7463" cm="1">
        <f t="array" ref="D7463">IFERROR(INDEX(Jesper!AH$2:AH$366,ROUNDDOWN($C7463/24,0)+1,1)*INDEX($D$3:$AA$30,INDEX(Jesper!$R$2:$R$366,ROW(INDEX(Jesper!AH$2:AH$366,ROUNDDOWN($C7463/24,0)+1,1))-1)+IF('Standard Profiles'!$G$18=$B$10,7,0)+IF('Standard Profiles'!$G$18=$B$17,14,0)+IF('Standard Profiles'!$G$18=$B$24,21,0),MOD($C7463,24)+1)/SUM(INDEX($D$3:$AA$30,INDEX(Jesper!$R$2:$R$366,ROW(INDEX(Jesper!AH$2:AH$366,ROUNDDOWN($C7463/24,0)+1,1))-1)+IF('Standard Profiles'!$G$18=$B$10,7,0)+IF('Standard Profiles'!$G$18=$B$17,14,0)+IF('Standard Profiles'!$G$18=$B$24,21,0),0)),0)</f>
        <v>23.197258575426371</v>
      </c>
      <c r="E7463" cm="1">
        <f t="array" ref="E7463">IFERROR(INDEX(Jesper!AI$2:AI$366,ROUNDDOWN($C7463/24,0)+1,1)*INDEX($D$3:$AA$30,INDEX(Jesper!$R$2:$R$366,ROW(INDEX(Jesper!AI$2:AI$366,ROUNDDOWN($C7463/24,0)+1,1))-1)+IF('Standard Profiles'!$G$19=$B$10,7,0)+IF('Standard Profiles'!$G$19=$B$17,14,0)+IF('Standard Profiles'!$G$19=$B$24,21,0),MOD($C7463,24)+1)/SUM(INDEX($D$3:$AA$30,INDEX(Jesper!$R$2:$R$366,ROW(INDEX(Jesper!AI$2:AI$366,ROUNDDOWN($C7463/24,0)+1,1))-1)+IF('Standard Profiles'!$G$19=$B$10,7,0)+IF('Standard Profiles'!$G$19=$B$17,14,0)+IF('Standard Profiles'!$G$19=$B$24,21,0),0)),0)</f>
        <v>15.082411903092073</v>
      </c>
      <c r="F7463" cm="1">
        <f t="array" ref="F7463">IFERROR(INDEX(Jesper!AJ$2:AJ$366,ROUNDDOWN($C7463/24,0)+1,1)*INDEX($D$3:$AA$30,INDEX(Jesper!$R$2:$R$366,ROW(INDEX(Jesper!AJ$2:AJ$366,ROUNDDOWN($C7463/24,0)+1,1))-1)+IF('Standard Profiles'!$G$20=$B$10,7,0)+IF('Standard Profiles'!$G$20=$B$17,14,0)+IF('Standard Profiles'!$G$20=$B$24,21,0),MOD($C7463,24)+1)/SUM(INDEX($D$3:$AA$30,INDEX(Jesper!$R$2:$R$366,ROW(INDEX(Jesper!AJ$2:AJ$366,ROUNDDOWN($C7463/24,0)+1,1))-1)+IF('Standard Profiles'!$G$20=$B$10,7,0)+IF('Standard Profiles'!$G$20=$B$17,14,0)+IF('Standard Profiles'!$G$20=$B$24,21,0),0)),0)</f>
        <v>0</v>
      </c>
      <c r="G7463" cm="1">
        <f t="array" ref="G7463">IFERROR(INDEX(Jesper!AK$2:AK$366,ROUNDDOWN($C7463/24,0)+1,1)*INDEX($D$3:$AA$30,INDEX(Jesper!$R$2:$R$366,ROW(INDEX(Jesper!AK$2:AK$366,ROUNDDOWN($C7463/24,0)+1,1))-1)+IF('Standard Profiles'!$G$21=$B$10,7,0)+IF('Standard Profiles'!$G$21=$B$17,14,0)+IF('Standard Profiles'!$G$21=$B$24,21,0),MOD($C7463,24)+1)/SUM(INDEX($D$3:$AA$30,INDEX(Jesper!$R$2:$R$366,ROW(INDEX(Jesper!AK$2:AK$366,ROUNDDOWN($C7463/24,0)+1,1))-1)+IF('Standard Profiles'!$G$21=$B$10,7,0)+IF('Standard Profiles'!$G$21=$B$17,14,0)+IF('Standard Profiles'!$G$21=$B$24,21,0),0)),0)</f>
        <v>3.0725650053900351</v>
      </c>
      <c r="H7463" cm="1">
        <f t="array" ref="H7463">IFERROR(INDEX(Jesper!AL$2:AL$366,ROUNDDOWN($C7463/24,0)+1,1)*INDEX($D$3:$AA$30,INDEX(Jesper!$R$2:$R$366,ROW(INDEX(Jesper!AL$2:AL$366,ROUNDDOWN($C7463/24,0)+1,1))-1)+IF('Standard Profiles'!$G$22=$B$10,7,0)+IF('Standard Profiles'!$G$22=$B$17,14,0)+IF('Standard Profiles'!$G$22=$B$24,21,0),MOD($C7463,24)+1)/SUM(INDEX($D$3:$AA$30,INDEX(Jesper!$R$2:$R$366,ROW(INDEX(Jesper!AL$2:AL$366,ROUNDDOWN($C7463/24,0)+1,1))-1)+IF('Standard Profiles'!$G$22=$B$10,7,0)+IF('Standard Profiles'!$G$22=$B$17,14,0)+IF('Standard Profiles'!$G$22=$B$24,21,0),0)),0)</f>
        <v>0</v>
      </c>
      <c r="I7463">
        <f t="shared" si="832"/>
        <v>1.4748312025872161</v>
      </c>
      <c r="J7463">
        <f t="shared" si="833"/>
        <v>36.165842909253044</v>
      </c>
      <c r="K7463">
        <f t="shared" si="834"/>
        <v>2.4743742480454798</v>
      </c>
      <c r="L7463">
        <f t="shared" si="835"/>
        <v>1.2371871240227399</v>
      </c>
      <c r="M7463">
        <f t="shared" si="836"/>
        <v>0</v>
      </c>
      <c r="N7463" s="45">
        <f t="shared" si="837"/>
        <v>45236.541666648649</v>
      </c>
    </row>
    <row r="7464" spans="2:14" x14ac:dyDescent="0.25">
      <c r="B7464">
        <f t="shared" si="831"/>
        <v>1</v>
      </c>
      <c r="C7464" s="16">
        <v>7430</v>
      </c>
      <c r="D7464" cm="1">
        <f t="array" ref="D7464">IFERROR(INDEX(Jesper!AH$2:AH$366,ROUNDDOWN($C7464/24,0)+1,1)*INDEX($D$3:$AA$30,INDEX(Jesper!$R$2:$R$366,ROW(INDEX(Jesper!AH$2:AH$366,ROUNDDOWN($C7464/24,0)+1,1))-1)+IF('Standard Profiles'!$G$18=$B$10,7,0)+IF('Standard Profiles'!$G$18=$B$17,14,0)+IF('Standard Profiles'!$G$18=$B$24,21,0),MOD($C7464,24)+1)/SUM(INDEX($D$3:$AA$30,INDEX(Jesper!$R$2:$R$366,ROW(INDEX(Jesper!AH$2:AH$366,ROUNDDOWN($C7464/24,0)+1,1))-1)+IF('Standard Profiles'!$G$18=$B$10,7,0)+IF('Standard Profiles'!$G$18=$B$17,14,0)+IF('Standard Profiles'!$G$18=$B$24,21,0),0)),0)</f>
        <v>34.795887863139555</v>
      </c>
      <c r="E7464" cm="1">
        <f t="array" ref="E7464">IFERROR(INDEX(Jesper!AI$2:AI$366,ROUNDDOWN($C7464/24,0)+1,1)*INDEX($D$3:$AA$30,INDEX(Jesper!$R$2:$R$366,ROW(INDEX(Jesper!AI$2:AI$366,ROUNDDOWN($C7464/24,0)+1,1))-1)+IF('Standard Profiles'!$G$19=$B$10,7,0)+IF('Standard Profiles'!$G$19=$B$17,14,0)+IF('Standard Profiles'!$G$19=$B$24,21,0),MOD($C7464,24)+1)/SUM(INDEX($D$3:$AA$30,INDEX(Jesper!$R$2:$R$366,ROW(INDEX(Jesper!AI$2:AI$366,ROUNDDOWN($C7464/24,0)+1,1))-1)+IF('Standard Profiles'!$G$19=$B$10,7,0)+IF('Standard Profiles'!$G$19=$B$17,14,0)+IF('Standard Profiles'!$G$19=$B$24,21,0),0)),0)</f>
        <v>22.623617854638105</v>
      </c>
      <c r="F7464" cm="1">
        <f t="array" ref="F7464">IFERROR(INDEX(Jesper!AJ$2:AJ$366,ROUNDDOWN($C7464/24,0)+1,1)*INDEX($D$3:$AA$30,INDEX(Jesper!$R$2:$R$366,ROW(INDEX(Jesper!AJ$2:AJ$366,ROUNDDOWN($C7464/24,0)+1,1))-1)+IF('Standard Profiles'!$G$20=$B$10,7,0)+IF('Standard Profiles'!$G$20=$B$17,14,0)+IF('Standard Profiles'!$G$20=$B$24,21,0),MOD($C7464,24)+1)/SUM(INDEX($D$3:$AA$30,INDEX(Jesper!$R$2:$R$366,ROW(INDEX(Jesper!AJ$2:AJ$366,ROUNDDOWN($C7464/24,0)+1,1))-1)+IF('Standard Profiles'!$G$20=$B$10,7,0)+IF('Standard Profiles'!$G$20=$B$17,14,0)+IF('Standard Profiles'!$G$20=$B$24,21,0),0)),0)</f>
        <v>0</v>
      </c>
      <c r="G7464" cm="1">
        <f t="array" ref="G7464">IFERROR(INDEX(Jesper!AK$2:AK$366,ROUNDDOWN($C7464/24,0)+1,1)*INDEX($D$3:$AA$30,INDEX(Jesper!$R$2:$R$366,ROW(INDEX(Jesper!AK$2:AK$366,ROUNDDOWN($C7464/24,0)+1,1))-1)+IF('Standard Profiles'!$G$21=$B$10,7,0)+IF('Standard Profiles'!$G$21=$B$17,14,0)+IF('Standard Profiles'!$G$21=$B$24,21,0),MOD($C7464,24)+1)/SUM(INDEX($D$3:$AA$30,INDEX(Jesper!$R$2:$R$366,ROW(INDEX(Jesper!AK$2:AK$366,ROUNDDOWN($C7464/24,0)+1,1))-1)+IF('Standard Profiles'!$G$21=$B$10,7,0)+IF('Standard Profiles'!$G$21=$B$17,14,0)+IF('Standard Profiles'!$G$21=$B$24,21,0),0)),0)</f>
        <v>4.6088475080850522</v>
      </c>
      <c r="H7464" cm="1">
        <f t="array" ref="H7464">IFERROR(INDEX(Jesper!AL$2:AL$366,ROUNDDOWN($C7464/24,0)+1,1)*INDEX($D$3:$AA$30,INDEX(Jesper!$R$2:$R$366,ROW(INDEX(Jesper!AL$2:AL$366,ROUNDDOWN($C7464/24,0)+1,1))-1)+IF('Standard Profiles'!$G$22=$B$10,7,0)+IF('Standard Profiles'!$G$22=$B$17,14,0)+IF('Standard Profiles'!$G$22=$B$24,21,0),MOD($C7464,24)+1)/SUM(INDEX($D$3:$AA$30,INDEX(Jesper!$R$2:$R$366,ROW(INDEX(Jesper!AL$2:AL$366,ROUNDDOWN($C7464/24,0)+1,1))-1)+IF('Standard Profiles'!$G$22=$B$10,7,0)+IF('Standard Profiles'!$G$22=$B$17,14,0)+IF('Standard Profiles'!$G$22=$B$24,21,0),0)),0)</f>
        <v>0</v>
      </c>
      <c r="I7464">
        <f t="shared" si="832"/>
        <v>2.2122468038808241</v>
      </c>
      <c r="J7464">
        <f t="shared" si="833"/>
        <v>54.248764363879552</v>
      </c>
      <c r="K7464">
        <f t="shared" si="834"/>
        <v>3.7115613720682195</v>
      </c>
      <c r="L7464">
        <f t="shared" si="835"/>
        <v>1.8557806860341097</v>
      </c>
      <c r="M7464">
        <f t="shared" si="836"/>
        <v>0</v>
      </c>
      <c r="N7464" s="45">
        <f t="shared" si="837"/>
        <v>45236.583333315313</v>
      </c>
    </row>
    <row r="7465" spans="2:14" x14ac:dyDescent="0.25">
      <c r="B7465">
        <f t="shared" si="831"/>
        <v>1</v>
      </c>
      <c r="C7465" s="16">
        <v>7431</v>
      </c>
      <c r="D7465" cm="1">
        <f t="array" ref="D7465">IFERROR(INDEX(Jesper!AH$2:AH$366,ROUNDDOWN($C7465/24,0)+1,1)*INDEX($D$3:$AA$30,INDEX(Jesper!$R$2:$R$366,ROW(INDEX(Jesper!AH$2:AH$366,ROUNDDOWN($C7465/24,0)+1,1))-1)+IF('Standard Profiles'!$G$18=$B$10,7,0)+IF('Standard Profiles'!$G$18=$B$17,14,0)+IF('Standard Profiles'!$G$18=$B$24,21,0),MOD($C7465,24)+1)/SUM(INDEX($D$3:$AA$30,INDEX(Jesper!$R$2:$R$366,ROW(INDEX(Jesper!AH$2:AH$366,ROUNDDOWN($C7465/24,0)+1,1))-1)+IF('Standard Profiles'!$G$18=$B$10,7,0)+IF('Standard Profiles'!$G$18=$B$17,14,0)+IF('Standard Profiles'!$G$18=$B$24,21,0),0)),0)</f>
        <v>34.795887863139555</v>
      </c>
      <c r="E7465" cm="1">
        <f t="array" ref="E7465">IFERROR(INDEX(Jesper!AI$2:AI$366,ROUNDDOWN($C7465/24,0)+1,1)*INDEX($D$3:$AA$30,INDEX(Jesper!$R$2:$R$366,ROW(INDEX(Jesper!AI$2:AI$366,ROUNDDOWN($C7465/24,0)+1,1))-1)+IF('Standard Profiles'!$G$19=$B$10,7,0)+IF('Standard Profiles'!$G$19=$B$17,14,0)+IF('Standard Profiles'!$G$19=$B$24,21,0),MOD($C7465,24)+1)/SUM(INDEX($D$3:$AA$30,INDEX(Jesper!$R$2:$R$366,ROW(INDEX(Jesper!AI$2:AI$366,ROUNDDOWN($C7465/24,0)+1,1))-1)+IF('Standard Profiles'!$G$19=$B$10,7,0)+IF('Standard Profiles'!$G$19=$B$17,14,0)+IF('Standard Profiles'!$G$19=$B$24,21,0),0)),0)</f>
        <v>22.623617854638105</v>
      </c>
      <c r="F7465" cm="1">
        <f t="array" ref="F7465">IFERROR(INDEX(Jesper!AJ$2:AJ$366,ROUNDDOWN($C7465/24,0)+1,1)*INDEX($D$3:$AA$30,INDEX(Jesper!$R$2:$R$366,ROW(INDEX(Jesper!AJ$2:AJ$366,ROUNDDOWN($C7465/24,0)+1,1))-1)+IF('Standard Profiles'!$G$20=$B$10,7,0)+IF('Standard Profiles'!$G$20=$B$17,14,0)+IF('Standard Profiles'!$G$20=$B$24,21,0),MOD($C7465,24)+1)/SUM(INDEX($D$3:$AA$30,INDEX(Jesper!$R$2:$R$366,ROW(INDEX(Jesper!AJ$2:AJ$366,ROUNDDOWN($C7465/24,0)+1,1))-1)+IF('Standard Profiles'!$G$20=$B$10,7,0)+IF('Standard Profiles'!$G$20=$B$17,14,0)+IF('Standard Profiles'!$G$20=$B$24,21,0),0)),0)</f>
        <v>0</v>
      </c>
      <c r="G7465" cm="1">
        <f t="array" ref="G7465">IFERROR(INDEX(Jesper!AK$2:AK$366,ROUNDDOWN($C7465/24,0)+1,1)*INDEX($D$3:$AA$30,INDEX(Jesper!$R$2:$R$366,ROW(INDEX(Jesper!AK$2:AK$366,ROUNDDOWN($C7465/24,0)+1,1))-1)+IF('Standard Profiles'!$G$21=$B$10,7,0)+IF('Standard Profiles'!$G$21=$B$17,14,0)+IF('Standard Profiles'!$G$21=$B$24,21,0),MOD($C7465,24)+1)/SUM(INDEX($D$3:$AA$30,INDEX(Jesper!$R$2:$R$366,ROW(INDEX(Jesper!AK$2:AK$366,ROUNDDOWN($C7465/24,0)+1,1))-1)+IF('Standard Profiles'!$G$21=$B$10,7,0)+IF('Standard Profiles'!$G$21=$B$17,14,0)+IF('Standard Profiles'!$G$21=$B$24,21,0),0)),0)</f>
        <v>4.6088475080850522</v>
      </c>
      <c r="H7465" cm="1">
        <f t="array" ref="H7465">IFERROR(INDEX(Jesper!AL$2:AL$366,ROUNDDOWN($C7465/24,0)+1,1)*INDEX($D$3:$AA$30,INDEX(Jesper!$R$2:$R$366,ROW(INDEX(Jesper!AL$2:AL$366,ROUNDDOWN($C7465/24,0)+1,1))-1)+IF('Standard Profiles'!$G$22=$B$10,7,0)+IF('Standard Profiles'!$G$22=$B$17,14,0)+IF('Standard Profiles'!$G$22=$B$24,21,0),MOD($C7465,24)+1)/SUM(INDEX($D$3:$AA$30,INDEX(Jesper!$R$2:$R$366,ROW(INDEX(Jesper!AL$2:AL$366,ROUNDDOWN($C7465/24,0)+1,1))-1)+IF('Standard Profiles'!$G$22=$B$10,7,0)+IF('Standard Profiles'!$G$22=$B$17,14,0)+IF('Standard Profiles'!$G$22=$B$24,21,0),0)),0)</f>
        <v>0</v>
      </c>
      <c r="I7465">
        <f t="shared" si="832"/>
        <v>2.2122468038808241</v>
      </c>
      <c r="J7465">
        <f t="shared" si="833"/>
        <v>54.248764363879552</v>
      </c>
      <c r="K7465">
        <f t="shared" si="834"/>
        <v>3.7115613720682195</v>
      </c>
      <c r="L7465">
        <f t="shared" si="835"/>
        <v>1.8557806860341097</v>
      </c>
      <c r="M7465">
        <f t="shared" si="836"/>
        <v>0</v>
      </c>
      <c r="N7465" s="45">
        <f t="shared" si="837"/>
        <v>45236.624999981977</v>
      </c>
    </row>
    <row r="7466" spans="2:14" x14ac:dyDescent="0.25">
      <c r="B7466">
        <f t="shared" si="831"/>
        <v>1</v>
      </c>
      <c r="C7466" s="16">
        <v>7432</v>
      </c>
      <c r="D7466" cm="1">
        <f t="array" ref="D7466">IFERROR(INDEX(Jesper!AH$2:AH$366,ROUNDDOWN($C7466/24,0)+1,1)*INDEX($D$3:$AA$30,INDEX(Jesper!$R$2:$R$366,ROW(INDEX(Jesper!AH$2:AH$366,ROUNDDOWN($C7466/24,0)+1,1))-1)+IF('Standard Profiles'!$G$18=$B$10,7,0)+IF('Standard Profiles'!$G$18=$B$17,14,0)+IF('Standard Profiles'!$G$18=$B$24,21,0),MOD($C7466,24)+1)/SUM(INDEX($D$3:$AA$30,INDEX(Jesper!$R$2:$R$366,ROW(INDEX(Jesper!AH$2:AH$366,ROUNDDOWN($C7466/24,0)+1,1))-1)+IF('Standard Profiles'!$G$18=$B$10,7,0)+IF('Standard Profiles'!$G$18=$B$17,14,0)+IF('Standard Profiles'!$G$18=$B$24,21,0),0)),0)</f>
        <v>20.297601253498073</v>
      </c>
      <c r="E7466" cm="1">
        <f t="array" ref="E7466">IFERROR(INDEX(Jesper!AI$2:AI$366,ROUNDDOWN($C7466/24,0)+1,1)*INDEX($D$3:$AA$30,INDEX(Jesper!$R$2:$R$366,ROW(INDEX(Jesper!AI$2:AI$366,ROUNDDOWN($C7466/24,0)+1,1))-1)+IF('Standard Profiles'!$G$19=$B$10,7,0)+IF('Standard Profiles'!$G$19=$B$17,14,0)+IF('Standard Profiles'!$G$19=$B$24,21,0),MOD($C7466,24)+1)/SUM(INDEX($D$3:$AA$30,INDEX(Jesper!$R$2:$R$366,ROW(INDEX(Jesper!AI$2:AI$366,ROUNDDOWN($C7466/24,0)+1,1))-1)+IF('Standard Profiles'!$G$19=$B$10,7,0)+IF('Standard Profiles'!$G$19=$B$17,14,0)+IF('Standard Profiles'!$G$19=$B$24,21,0),0)),0)</f>
        <v>13.197110415205561</v>
      </c>
      <c r="F7466" cm="1">
        <f t="array" ref="F7466">IFERROR(INDEX(Jesper!AJ$2:AJ$366,ROUNDDOWN($C7466/24,0)+1,1)*INDEX($D$3:$AA$30,INDEX(Jesper!$R$2:$R$366,ROW(INDEX(Jesper!AJ$2:AJ$366,ROUNDDOWN($C7466/24,0)+1,1))-1)+IF('Standard Profiles'!$G$20=$B$10,7,0)+IF('Standard Profiles'!$G$20=$B$17,14,0)+IF('Standard Profiles'!$G$20=$B$24,21,0),MOD($C7466,24)+1)/SUM(INDEX($D$3:$AA$30,INDEX(Jesper!$R$2:$R$366,ROW(INDEX(Jesper!AJ$2:AJ$366,ROUNDDOWN($C7466/24,0)+1,1))-1)+IF('Standard Profiles'!$G$20=$B$10,7,0)+IF('Standard Profiles'!$G$20=$B$17,14,0)+IF('Standard Profiles'!$G$20=$B$24,21,0),0)),0)</f>
        <v>0</v>
      </c>
      <c r="G7466" cm="1">
        <f t="array" ref="G7466">IFERROR(INDEX(Jesper!AK$2:AK$366,ROUNDDOWN($C7466/24,0)+1,1)*INDEX($D$3:$AA$30,INDEX(Jesper!$R$2:$R$366,ROW(INDEX(Jesper!AK$2:AK$366,ROUNDDOWN($C7466/24,0)+1,1))-1)+IF('Standard Profiles'!$G$21=$B$10,7,0)+IF('Standard Profiles'!$G$21=$B$17,14,0)+IF('Standard Profiles'!$G$21=$B$24,21,0),MOD($C7466,24)+1)/SUM(INDEX($D$3:$AA$30,INDEX(Jesper!$R$2:$R$366,ROW(INDEX(Jesper!AK$2:AK$366,ROUNDDOWN($C7466/24,0)+1,1))-1)+IF('Standard Profiles'!$G$21=$B$10,7,0)+IF('Standard Profiles'!$G$21=$B$17,14,0)+IF('Standard Profiles'!$G$21=$B$24,21,0),0)),0)</f>
        <v>3.8407062567375436</v>
      </c>
      <c r="H7466" cm="1">
        <f t="array" ref="H7466">IFERROR(INDEX(Jesper!AL$2:AL$366,ROUNDDOWN($C7466/24,0)+1,1)*INDEX($D$3:$AA$30,INDEX(Jesper!$R$2:$R$366,ROW(INDEX(Jesper!AL$2:AL$366,ROUNDDOWN($C7466/24,0)+1,1))-1)+IF('Standard Profiles'!$G$22=$B$10,7,0)+IF('Standard Profiles'!$G$22=$B$17,14,0)+IF('Standard Profiles'!$G$22=$B$24,21,0),MOD($C7466,24)+1)/SUM(INDEX($D$3:$AA$30,INDEX(Jesper!$R$2:$R$366,ROW(INDEX(Jesper!AL$2:AL$366,ROUNDDOWN($C7466/24,0)+1,1))-1)+IF('Standard Profiles'!$G$22=$B$10,7,0)+IF('Standard Profiles'!$G$22=$B$17,14,0)+IF('Standard Profiles'!$G$22=$B$24,21,0),0)),0)</f>
        <v>0</v>
      </c>
      <c r="I7466">
        <f t="shared" si="832"/>
        <v>1.84353900323402</v>
      </c>
      <c r="J7466">
        <f t="shared" si="833"/>
        <v>32.244262721647466</v>
      </c>
      <c r="K7466">
        <f t="shared" si="834"/>
        <v>2.1650774670397945</v>
      </c>
      <c r="L7466">
        <f t="shared" si="835"/>
        <v>1.0825387335198973</v>
      </c>
      <c r="M7466">
        <f t="shared" si="836"/>
        <v>0</v>
      </c>
      <c r="N7466" s="45">
        <f t="shared" si="837"/>
        <v>45236.666666648642</v>
      </c>
    </row>
    <row r="7467" spans="2:14" x14ac:dyDescent="0.25">
      <c r="B7467">
        <f t="shared" si="831"/>
        <v>1</v>
      </c>
      <c r="C7467" s="16">
        <v>7433</v>
      </c>
      <c r="D7467" cm="1">
        <f t="array" ref="D7467">IFERROR(INDEX(Jesper!AH$2:AH$366,ROUNDDOWN($C7467/24,0)+1,1)*INDEX($D$3:$AA$30,INDEX(Jesper!$R$2:$R$366,ROW(INDEX(Jesper!AH$2:AH$366,ROUNDDOWN($C7467/24,0)+1,1))-1)+IF('Standard Profiles'!$G$18=$B$10,7,0)+IF('Standard Profiles'!$G$18=$B$17,14,0)+IF('Standard Profiles'!$G$18=$B$24,21,0),MOD($C7467,24)+1)/SUM(INDEX($D$3:$AA$30,INDEX(Jesper!$R$2:$R$366,ROW(INDEX(Jesper!AH$2:AH$366,ROUNDDOWN($C7467/24,0)+1,1))-1)+IF('Standard Profiles'!$G$18=$B$10,7,0)+IF('Standard Profiles'!$G$18=$B$17,14,0)+IF('Standard Profiles'!$G$18=$B$24,21,0),0)),0)</f>
        <v>5.7993146438565928</v>
      </c>
      <c r="E7467" cm="1">
        <f t="array" ref="E7467">IFERROR(INDEX(Jesper!AI$2:AI$366,ROUNDDOWN($C7467/24,0)+1,1)*INDEX($D$3:$AA$30,INDEX(Jesper!$R$2:$R$366,ROW(INDEX(Jesper!AI$2:AI$366,ROUNDDOWN($C7467/24,0)+1,1))-1)+IF('Standard Profiles'!$G$19=$B$10,7,0)+IF('Standard Profiles'!$G$19=$B$17,14,0)+IF('Standard Profiles'!$G$19=$B$24,21,0),MOD($C7467,24)+1)/SUM(INDEX($D$3:$AA$30,INDEX(Jesper!$R$2:$R$366,ROW(INDEX(Jesper!AI$2:AI$366,ROUNDDOWN($C7467/24,0)+1,1))-1)+IF('Standard Profiles'!$G$19=$B$10,7,0)+IF('Standard Profiles'!$G$19=$B$17,14,0)+IF('Standard Profiles'!$G$19=$B$24,21,0),0)),0)</f>
        <v>3.7706029757730182</v>
      </c>
      <c r="F7467" cm="1">
        <f t="array" ref="F7467">IFERROR(INDEX(Jesper!AJ$2:AJ$366,ROUNDDOWN($C7467/24,0)+1,1)*INDEX($D$3:$AA$30,INDEX(Jesper!$R$2:$R$366,ROW(INDEX(Jesper!AJ$2:AJ$366,ROUNDDOWN($C7467/24,0)+1,1))-1)+IF('Standard Profiles'!$G$20=$B$10,7,0)+IF('Standard Profiles'!$G$20=$B$17,14,0)+IF('Standard Profiles'!$G$20=$B$24,21,0),MOD($C7467,24)+1)/SUM(INDEX($D$3:$AA$30,INDEX(Jesper!$R$2:$R$366,ROW(INDEX(Jesper!AJ$2:AJ$366,ROUNDDOWN($C7467/24,0)+1,1))-1)+IF('Standard Profiles'!$G$20=$B$10,7,0)+IF('Standard Profiles'!$G$20=$B$17,14,0)+IF('Standard Profiles'!$G$20=$B$24,21,0),0)),0)</f>
        <v>0</v>
      </c>
      <c r="G7467" cm="1">
        <f t="array" ref="G7467">IFERROR(INDEX(Jesper!AK$2:AK$366,ROUNDDOWN($C7467/24,0)+1,1)*INDEX($D$3:$AA$30,INDEX(Jesper!$R$2:$R$366,ROW(INDEX(Jesper!AK$2:AK$366,ROUNDDOWN($C7467/24,0)+1,1))-1)+IF('Standard Profiles'!$G$21=$B$10,7,0)+IF('Standard Profiles'!$G$21=$B$17,14,0)+IF('Standard Profiles'!$G$21=$B$24,21,0),MOD($C7467,24)+1)/SUM(INDEX($D$3:$AA$30,INDEX(Jesper!$R$2:$R$366,ROW(INDEX(Jesper!AK$2:AK$366,ROUNDDOWN($C7467/24,0)+1,1))-1)+IF('Standard Profiles'!$G$21=$B$10,7,0)+IF('Standard Profiles'!$G$21=$B$17,14,0)+IF('Standard Profiles'!$G$21=$B$24,21,0),0)),0)</f>
        <v>3.0902234249612421</v>
      </c>
      <c r="H7467" cm="1">
        <f t="array" ref="H7467">IFERROR(INDEX(Jesper!AL$2:AL$366,ROUNDDOWN($C7467/24,0)+1,1)*INDEX($D$3:$AA$30,INDEX(Jesper!$R$2:$R$366,ROW(INDEX(Jesper!AL$2:AL$366,ROUNDDOWN($C7467/24,0)+1,1))-1)+IF('Standard Profiles'!$G$22=$B$10,7,0)+IF('Standard Profiles'!$G$22=$B$17,14,0)+IF('Standard Profiles'!$G$22=$B$24,21,0),MOD($C7467,24)+1)/SUM(INDEX($D$3:$AA$30,INDEX(Jesper!$R$2:$R$366,ROW(INDEX(Jesper!AL$2:AL$366,ROUNDDOWN($C7467/24,0)+1,1))-1)+IF('Standard Profiles'!$G$22=$B$10,7,0)+IF('Standard Profiles'!$G$22=$B$17,14,0)+IF('Standard Profiles'!$G$22=$B$24,21,0),0)),0)</f>
        <v>0</v>
      </c>
      <c r="I7467">
        <f t="shared" si="832"/>
        <v>1.4833072439813955</v>
      </c>
      <c r="J7467">
        <f t="shared" si="833"/>
        <v>10.248943457592402</v>
      </c>
      <c r="K7467">
        <f t="shared" si="834"/>
        <v>0.61859356201136995</v>
      </c>
      <c r="L7467">
        <f t="shared" si="835"/>
        <v>0.30929678100568497</v>
      </c>
      <c r="M7467">
        <f t="shared" si="836"/>
        <v>0</v>
      </c>
      <c r="N7467" s="45">
        <f t="shared" si="837"/>
        <v>45236.708333315306</v>
      </c>
    </row>
    <row r="7468" spans="2:14" x14ac:dyDescent="0.25">
      <c r="B7468">
        <f t="shared" si="831"/>
        <v>1</v>
      </c>
      <c r="C7468" s="16">
        <v>7434</v>
      </c>
      <c r="D7468" cm="1">
        <f t="array" ref="D7468">IFERROR(INDEX(Jesper!AH$2:AH$366,ROUNDDOWN($C7468/24,0)+1,1)*INDEX($D$3:$AA$30,INDEX(Jesper!$R$2:$R$366,ROW(INDEX(Jesper!AH$2:AH$366,ROUNDDOWN($C7468/24,0)+1,1))-1)+IF('Standard Profiles'!$G$18=$B$10,7,0)+IF('Standard Profiles'!$G$18=$B$17,14,0)+IF('Standard Profiles'!$G$18=$B$24,21,0),MOD($C7468,24)+1)/SUM(INDEX($D$3:$AA$30,INDEX(Jesper!$R$2:$R$366,ROW(INDEX(Jesper!AH$2:AH$366,ROUNDDOWN($C7468/24,0)+1,1))-1)+IF('Standard Profiles'!$G$18=$B$10,7,0)+IF('Standard Profiles'!$G$18=$B$17,14,0)+IF('Standard Profiles'!$G$18=$B$24,21,0),0)),0)</f>
        <v>5.7176341559149506</v>
      </c>
      <c r="E7468" cm="1">
        <f t="array" ref="E7468">IFERROR(INDEX(Jesper!AI$2:AI$366,ROUNDDOWN($C7468/24,0)+1,1)*INDEX($D$3:$AA$30,INDEX(Jesper!$R$2:$R$366,ROW(INDEX(Jesper!AI$2:AI$366,ROUNDDOWN($C7468/24,0)+1,1))-1)+IF('Standard Profiles'!$G$19=$B$10,7,0)+IF('Standard Profiles'!$G$19=$B$17,14,0)+IF('Standard Profiles'!$G$19=$B$24,21,0),MOD($C7468,24)+1)/SUM(INDEX($D$3:$AA$30,INDEX(Jesper!$R$2:$R$366,ROW(INDEX(Jesper!AI$2:AI$366,ROUNDDOWN($C7468/24,0)+1,1))-1)+IF('Standard Profiles'!$G$19=$B$10,7,0)+IF('Standard Profiles'!$G$19=$B$17,14,0)+IF('Standard Profiles'!$G$19=$B$24,21,0),0)),0)</f>
        <v>3.7174958916072005</v>
      </c>
      <c r="F7468" cm="1">
        <f t="array" ref="F7468">IFERROR(INDEX(Jesper!AJ$2:AJ$366,ROUNDDOWN($C7468/24,0)+1,1)*INDEX($D$3:$AA$30,INDEX(Jesper!$R$2:$R$366,ROW(INDEX(Jesper!AJ$2:AJ$366,ROUNDDOWN($C7468/24,0)+1,1))-1)+IF('Standard Profiles'!$G$20=$B$10,7,0)+IF('Standard Profiles'!$G$20=$B$17,14,0)+IF('Standard Profiles'!$G$20=$B$24,21,0),MOD($C7468,24)+1)/SUM(INDEX($D$3:$AA$30,INDEX(Jesper!$R$2:$R$366,ROW(INDEX(Jesper!AJ$2:AJ$366,ROUNDDOWN($C7468/24,0)+1,1))-1)+IF('Standard Profiles'!$G$20=$B$10,7,0)+IF('Standard Profiles'!$G$20=$B$17,14,0)+IF('Standard Profiles'!$G$20=$B$24,21,0),0)),0)</f>
        <v>0</v>
      </c>
      <c r="G7468" cm="1">
        <f t="array" ref="G7468">IFERROR(INDEX(Jesper!AK$2:AK$366,ROUNDDOWN($C7468/24,0)+1,1)*INDEX($D$3:$AA$30,INDEX(Jesper!$R$2:$R$366,ROW(INDEX(Jesper!AK$2:AK$366,ROUNDDOWN($C7468/24,0)+1,1))-1)+IF('Standard Profiles'!$G$21=$B$10,7,0)+IF('Standard Profiles'!$G$21=$B$17,14,0)+IF('Standard Profiles'!$G$21=$B$24,21,0),MOD($C7468,24)+1)/SUM(INDEX($D$3:$AA$30,INDEX(Jesper!$R$2:$R$366,ROW(INDEX(Jesper!AK$2:AK$366,ROUNDDOWN($C7468/24,0)+1,1))-1)+IF('Standard Profiles'!$G$21=$B$10,7,0)+IF('Standard Profiles'!$G$21=$B$17,14,0)+IF('Standard Profiles'!$G$21=$B$24,21,0),0)),0)</f>
        <v>1.1036512232004436</v>
      </c>
      <c r="H7468" cm="1">
        <f t="array" ref="H7468">IFERROR(INDEX(Jesper!AL$2:AL$366,ROUNDDOWN($C7468/24,0)+1,1)*INDEX($D$3:$AA$30,INDEX(Jesper!$R$2:$R$366,ROW(INDEX(Jesper!AL$2:AL$366,ROUNDDOWN($C7468/24,0)+1,1))-1)+IF('Standard Profiles'!$G$22=$B$10,7,0)+IF('Standard Profiles'!$G$22=$B$17,14,0)+IF('Standard Profiles'!$G$22=$B$24,21,0),MOD($C7468,24)+1)/SUM(INDEX($D$3:$AA$30,INDEX(Jesper!$R$2:$R$366,ROW(INDEX(Jesper!AL$2:AL$366,ROUNDDOWN($C7468/24,0)+1,1))-1)+IF('Standard Profiles'!$G$22=$B$10,7,0)+IF('Standard Profiles'!$G$22=$B$17,14,0)+IF('Standard Profiles'!$G$22=$B$24,21,0),0)),0)</f>
        <v>0</v>
      </c>
      <c r="I7468">
        <f t="shared" si="832"/>
        <v>0.52975258713621265</v>
      </c>
      <c r="J7468">
        <f t="shared" si="833"/>
        <v>9.0942072186399887</v>
      </c>
      <c r="K7468">
        <f t="shared" si="834"/>
        <v>0.60988097663092811</v>
      </c>
      <c r="L7468">
        <f t="shared" si="835"/>
        <v>0.30494048831546405</v>
      </c>
      <c r="M7468">
        <f t="shared" si="836"/>
        <v>0</v>
      </c>
      <c r="N7468" s="45">
        <f t="shared" si="837"/>
        <v>45236.74999998197</v>
      </c>
    </row>
    <row r="7469" spans="2:14" x14ac:dyDescent="0.25">
      <c r="B7469">
        <f t="shared" si="831"/>
        <v>1</v>
      </c>
      <c r="C7469" s="16">
        <v>7435</v>
      </c>
      <c r="D7469" cm="1">
        <f t="array" ref="D7469">IFERROR(INDEX(Jesper!AH$2:AH$366,ROUNDDOWN($C7469/24,0)+1,1)*INDEX($D$3:$AA$30,INDEX(Jesper!$R$2:$R$366,ROW(INDEX(Jesper!AH$2:AH$366,ROUNDDOWN($C7469/24,0)+1,1))-1)+IF('Standard Profiles'!$G$18=$B$10,7,0)+IF('Standard Profiles'!$G$18=$B$17,14,0)+IF('Standard Profiles'!$G$18=$B$24,21,0),MOD($C7469,24)+1)/SUM(INDEX($D$3:$AA$30,INDEX(Jesper!$R$2:$R$366,ROW(INDEX(Jesper!AH$2:AH$366,ROUNDDOWN($C7469/24,0)+1,1))-1)+IF('Standard Profiles'!$G$18=$B$10,7,0)+IF('Standard Profiles'!$G$18=$B$17,14,0)+IF('Standard Profiles'!$G$18=$B$24,21,0),0)),0)</f>
        <v>5.7176341559149506</v>
      </c>
      <c r="E7469" cm="1">
        <f t="array" ref="E7469">IFERROR(INDEX(Jesper!AI$2:AI$366,ROUNDDOWN($C7469/24,0)+1,1)*INDEX($D$3:$AA$30,INDEX(Jesper!$R$2:$R$366,ROW(INDEX(Jesper!AI$2:AI$366,ROUNDDOWN($C7469/24,0)+1,1))-1)+IF('Standard Profiles'!$G$19=$B$10,7,0)+IF('Standard Profiles'!$G$19=$B$17,14,0)+IF('Standard Profiles'!$G$19=$B$24,21,0),MOD($C7469,24)+1)/SUM(INDEX($D$3:$AA$30,INDEX(Jesper!$R$2:$R$366,ROW(INDEX(Jesper!AI$2:AI$366,ROUNDDOWN($C7469/24,0)+1,1))-1)+IF('Standard Profiles'!$G$19=$B$10,7,0)+IF('Standard Profiles'!$G$19=$B$17,14,0)+IF('Standard Profiles'!$G$19=$B$24,21,0),0)),0)</f>
        <v>3.7174958916072005</v>
      </c>
      <c r="F7469" cm="1">
        <f t="array" ref="F7469">IFERROR(INDEX(Jesper!AJ$2:AJ$366,ROUNDDOWN($C7469/24,0)+1,1)*INDEX($D$3:$AA$30,INDEX(Jesper!$R$2:$R$366,ROW(INDEX(Jesper!AJ$2:AJ$366,ROUNDDOWN($C7469/24,0)+1,1))-1)+IF('Standard Profiles'!$G$20=$B$10,7,0)+IF('Standard Profiles'!$G$20=$B$17,14,0)+IF('Standard Profiles'!$G$20=$B$24,21,0),MOD($C7469,24)+1)/SUM(INDEX($D$3:$AA$30,INDEX(Jesper!$R$2:$R$366,ROW(INDEX(Jesper!AJ$2:AJ$366,ROUNDDOWN($C7469/24,0)+1,1))-1)+IF('Standard Profiles'!$G$20=$B$10,7,0)+IF('Standard Profiles'!$G$20=$B$17,14,0)+IF('Standard Profiles'!$G$20=$B$24,21,0),0)),0)</f>
        <v>0</v>
      </c>
      <c r="G7469" cm="1">
        <f t="array" ref="G7469">IFERROR(INDEX(Jesper!AK$2:AK$366,ROUNDDOWN($C7469/24,0)+1,1)*INDEX($D$3:$AA$30,INDEX(Jesper!$R$2:$R$366,ROW(INDEX(Jesper!AK$2:AK$366,ROUNDDOWN($C7469/24,0)+1,1))-1)+IF('Standard Profiles'!$G$21=$B$10,7,0)+IF('Standard Profiles'!$G$21=$B$17,14,0)+IF('Standard Profiles'!$G$21=$B$24,21,0),MOD($C7469,24)+1)/SUM(INDEX($D$3:$AA$30,INDEX(Jesper!$R$2:$R$366,ROW(INDEX(Jesper!AK$2:AK$366,ROUNDDOWN($C7469/24,0)+1,1))-1)+IF('Standard Profiles'!$G$21=$B$10,7,0)+IF('Standard Profiles'!$G$21=$B$17,14,0)+IF('Standard Profiles'!$G$21=$B$24,21,0),0)),0)</f>
        <v>1.1036512232004436</v>
      </c>
      <c r="H7469" cm="1">
        <f t="array" ref="H7469">IFERROR(INDEX(Jesper!AL$2:AL$366,ROUNDDOWN($C7469/24,0)+1,1)*INDEX($D$3:$AA$30,INDEX(Jesper!$R$2:$R$366,ROW(INDEX(Jesper!AL$2:AL$366,ROUNDDOWN($C7469/24,0)+1,1))-1)+IF('Standard Profiles'!$G$22=$B$10,7,0)+IF('Standard Profiles'!$G$22=$B$17,14,0)+IF('Standard Profiles'!$G$22=$B$24,21,0),MOD($C7469,24)+1)/SUM(INDEX($D$3:$AA$30,INDEX(Jesper!$R$2:$R$366,ROW(INDEX(Jesper!AL$2:AL$366,ROUNDDOWN($C7469/24,0)+1,1))-1)+IF('Standard Profiles'!$G$22=$B$10,7,0)+IF('Standard Profiles'!$G$22=$B$17,14,0)+IF('Standard Profiles'!$G$22=$B$24,21,0),0)),0)</f>
        <v>0</v>
      </c>
      <c r="I7469">
        <f t="shared" si="832"/>
        <v>0.52975258713621265</v>
      </c>
      <c r="J7469">
        <f t="shared" si="833"/>
        <v>9.0942072186399887</v>
      </c>
      <c r="K7469">
        <f t="shared" si="834"/>
        <v>0.60988097663092811</v>
      </c>
      <c r="L7469">
        <f t="shared" si="835"/>
        <v>0.30494048831546405</v>
      </c>
      <c r="M7469">
        <f t="shared" si="836"/>
        <v>0</v>
      </c>
      <c r="N7469" s="45">
        <f t="shared" si="837"/>
        <v>45236.791666648634</v>
      </c>
    </row>
    <row r="7470" spans="2:14" x14ac:dyDescent="0.25">
      <c r="B7470">
        <f t="shared" si="831"/>
        <v>1</v>
      </c>
      <c r="C7470" s="16">
        <v>7436</v>
      </c>
      <c r="D7470" cm="1">
        <f t="array" ref="D7470">IFERROR(INDEX(Jesper!AH$2:AH$366,ROUNDDOWN($C7470/24,0)+1,1)*INDEX($D$3:$AA$30,INDEX(Jesper!$R$2:$R$366,ROW(INDEX(Jesper!AH$2:AH$366,ROUNDDOWN($C7470/24,0)+1,1))-1)+IF('Standard Profiles'!$G$18=$B$10,7,0)+IF('Standard Profiles'!$G$18=$B$17,14,0)+IF('Standard Profiles'!$G$18=$B$24,21,0),MOD($C7470,24)+1)/SUM(INDEX($D$3:$AA$30,INDEX(Jesper!$R$2:$R$366,ROW(INDEX(Jesper!AH$2:AH$366,ROUNDDOWN($C7470/24,0)+1,1))-1)+IF('Standard Profiles'!$G$18=$B$10,7,0)+IF('Standard Profiles'!$G$18=$B$17,14,0)+IF('Standard Profiles'!$G$18=$B$24,21,0),0)),0)</f>
        <v>5.7176341559149506</v>
      </c>
      <c r="E7470" cm="1">
        <f t="array" ref="E7470">IFERROR(INDEX(Jesper!AI$2:AI$366,ROUNDDOWN($C7470/24,0)+1,1)*INDEX($D$3:$AA$30,INDEX(Jesper!$R$2:$R$366,ROW(INDEX(Jesper!AI$2:AI$366,ROUNDDOWN($C7470/24,0)+1,1))-1)+IF('Standard Profiles'!$G$19=$B$10,7,0)+IF('Standard Profiles'!$G$19=$B$17,14,0)+IF('Standard Profiles'!$G$19=$B$24,21,0),MOD($C7470,24)+1)/SUM(INDEX($D$3:$AA$30,INDEX(Jesper!$R$2:$R$366,ROW(INDEX(Jesper!AI$2:AI$366,ROUNDDOWN($C7470/24,0)+1,1))-1)+IF('Standard Profiles'!$G$19=$B$10,7,0)+IF('Standard Profiles'!$G$19=$B$17,14,0)+IF('Standard Profiles'!$G$19=$B$24,21,0),0)),0)</f>
        <v>3.7174958916072005</v>
      </c>
      <c r="F7470" cm="1">
        <f t="array" ref="F7470">IFERROR(INDEX(Jesper!AJ$2:AJ$366,ROUNDDOWN($C7470/24,0)+1,1)*INDEX($D$3:$AA$30,INDEX(Jesper!$R$2:$R$366,ROW(INDEX(Jesper!AJ$2:AJ$366,ROUNDDOWN($C7470/24,0)+1,1))-1)+IF('Standard Profiles'!$G$20=$B$10,7,0)+IF('Standard Profiles'!$G$20=$B$17,14,0)+IF('Standard Profiles'!$G$20=$B$24,21,0),MOD($C7470,24)+1)/SUM(INDEX($D$3:$AA$30,INDEX(Jesper!$R$2:$R$366,ROW(INDEX(Jesper!AJ$2:AJ$366,ROUNDDOWN($C7470/24,0)+1,1))-1)+IF('Standard Profiles'!$G$20=$B$10,7,0)+IF('Standard Profiles'!$G$20=$B$17,14,0)+IF('Standard Profiles'!$G$20=$B$24,21,0),0)),0)</f>
        <v>0</v>
      </c>
      <c r="G7470" cm="1">
        <f t="array" ref="G7470">IFERROR(INDEX(Jesper!AK$2:AK$366,ROUNDDOWN($C7470/24,0)+1,1)*INDEX($D$3:$AA$30,INDEX(Jesper!$R$2:$R$366,ROW(INDEX(Jesper!AK$2:AK$366,ROUNDDOWN($C7470/24,0)+1,1))-1)+IF('Standard Profiles'!$G$21=$B$10,7,0)+IF('Standard Profiles'!$G$21=$B$17,14,0)+IF('Standard Profiles'!$G$21=$B$24,21,0),MOD($C7470,24)+1)/SUM(INDEX($D$3:$AA$30,INDEX(Jesper!$R$2:$R$366,ROW(INDEX(Jesper!AK$2:AK$366,ROUNDDOWN($C7470/24,0)+1,1))-1)+IF('Standard Profiles'!$G$21=$B$10,7,0)+IF('Standard Profiles'!$G$21=$B$17,14,0)+IF('Standard Profiles'!$G$21=$B$24,21,0),0)),0)</f>
        <v>1.1036512232004436</v>
      </c>
      <c r="H7470" cm="1">
        <f t="array" ref="H7470">IFERROR(INDEX(Jesper!AL$2:AL$366,ROUNDDOWN($C7470/24,0)+1,1)*INDEX($D$3:$AA$30,INDEX(Jesper!$R$2:$R$366,ROW(INDEX(Jesper!AL$2:AL$366,ROUNDDOWN($C7470/24,0)+1,1))-1)+IF('Standard Profiles'!$G$22=$B$10,7,0)+IF('Standard Profiles'!$G$22=$B$17,14,0)+IF('Standard Profiles'!$G$22=$B$24,21,0),MOD($C7470,24)+1)/SUM(INDEX($D$3:$AA$30,INDEX(Jesper!$R$2:$R$366,ROW(INDEX(Jesper!AL$2:AL$366,ROUNDDOWN($C7470/24,0)+1,1))-1)+IF('Standard Profiles'!$G$22=$B$10,7,0)+IF('Standard Profiles'!$G$22=$B$17,14,0)+IF('Standard Profiles'!$G$22=$B$24,21,0),0)),0)</f>
        <v>0</v>
      </c>
      <c r="I7470">
        <f t="shared" si="832"/>
        <v>0.52975258713621265</v>
      </c>
      <c r="J7470">
        <f t="shared" si="833"/>
        <v>9.0942072186399887</v>
      </c>
      <c r="K7470">
        <f t="shared" si="834"/>
        <v>0.60988097663092811</v>
      </c>
      <c r="L7470">
        <f t="shared" si="835"/>
        <v>0.30494048831546405</v>
      </c>
      <c r="M7470">
        <f t="shared" si="836"/>
        <v>0</v>
      </c>
      <c r="N7470" s="45">
        <f t="shared" si="837"/>
        <v>45236.833333315299</v>
      </c>
    </row>
    <row r="7471" spans="2:14" x14ac:dyDescent="0.25">
      <c r="B7471">
        <f t="shared" si="831"/>
        <v>1</v>
      </c>
      <c r="C7471" s="16">
        <v>7437</v>
      </c>
      <c r="D7471" cm="1">
        <f t="array" ref="D7471">IFERROR(INDEX(Jesper!AH$2:AH$366,ROUNDDOWN($C7471/24,0)+1,1)*INDEX($D$3:$AA$30,INDEX(Jesper!$R$2:$R$366,ROW(INDEX(Jesper!AH$2:AH$366,ROUNDDOWN($C7471/24,0)+1,1))-1)+IF('Standard Profiles'!$G$18=$B$10,7,0)+IF('Standard Profiles'!$G$18=$B$17,14,0)+IF('Standard Profiles'!$G$18=$B$24,21,0),MOD($C7471,24)+1)/SUM(INDEX($D$3:$AA$30,INDEX(Jesper!$R$2:$R$366,ROW(INDEX(Jesper!AH$2:AH$366,ROUNDDOWN($C7471/24,0)+1,1))-1)+IF('Standard Profiles'!$G$18=$B$10,7,0)+IF('Standard Profiles'!$G$18=$B$17,14,0)+IF('Standard Profiles'!$G$18=$B$24,21,0),0)),0)</f>
        <v>5.7176341559149506</v>
      </c>
      <c r="E7471" cm="1">
        <f t="array" ref="E7471">IFERROR(INDEX(Jesper!AI$2:AI$366,ROUNDDOWN($C7471/24,0)+1,1)*INDEX($D$3:$AA$30,INDEX(Jesper!$R$2:$R$366,ROW(INDEX(Jesper!AI$2:AI$366,ROUNDDOWN($C7471/24,0)+1,1))-1)+IF('Standard Profiles'!$G$19=$B$10,7,0)+IF('Standard Profiles'!$G$19=$B$17,14,0)+IF('Standard Profiles'!$G$19=$B$24,21,0),MOD($C7471,24)+1)/SUM(INDEX($D$3:$AA$30,INDEX(Jesper!$R$2:$R$366,ROW(INDEX(Jesper!AI$2:AI$366,ROUNDDOWN($C7471/24,0)+1,1))-1)+IF('Standard Profiles'!$G$19=$B$10,7,0)+IF('Standard Profiles'!$G$19=$B$17,14,0)+IF('Standard Profiles'!$G$19=$B$24,21,0),0)),0)</f>
        <v>3.7174958916072005</v>
      </c>
      <c r="F7471" cm="1">
        <f t="array" ref="F7471">IFERROR(INDEX(Jesper!AJ$2:AJ$366,ROUNDDOWN($C7471/24,0)+1,1)*INDEX($D$3:$AA$30,INDEX(Jesper!$R$2:$R$366,ROW(INDEX(Jesper!AJ$2:AJ$366,ROUNDDOWN($C7471/24,0)+1,1))-1)+IF('Standard Profiles'!$G$20=$B$10,7,0)+IF('Standard Profiles'!$G$20=$B$17,14,0)+IF('Standard Profiles'!$G$20=$B$24,21,0),MOD($C7471,24)+1)/SUM(INDEX($D$3:$AA$30,INDEX(Jesper!$R$2:$R$366,ROW(INDEX(Jesper!AJ$2:AJ$366,ROUNDDOWN($C7471/24,0)+1,1))-1)+IF('Standard Profiles'!$G$20=$B$10,7,0)+IF('Standard Profiles'!$G$20=$B$17,14,0)+IF('Standard Profiles'!$G$20=$B$24,21,0),0)),0)</f>
        <v>0</v>
      </c>
      <c r="G7471" cm="1">
        <f t="array" ref="G7471">IFERROR(INDEX(Jesper!AK$2:AK$366,ROUNDDOWN($C7471/24,0)+1,1)*INDEX($D$3:$AA$30,INDEX(Jesper!$R$2:$R$366,ROW(INDEX(Jesper!AK$2:AK$366,ROUNDDOWN($C7471/24,0)+1,1))-1)+IF('Standard Profiles'!$G$21=$B$10,7,0)+IF('Standard Profiles'!$G$21=$B$17,14,0)+IF('Standard Profiles'!$G$21=$B$24,21,0),MOD($C7471,24)+1)/SUM(INDEX($D$3:$AA$30,INDEX(Jesper!$R$2:$R$366,ROW(INDEX(Jesper!AK$2:AK$366,ROUNDDOWN($C7471/24,0)+1,1))-1)+IF('Standard Profiles'!$G$21=$B$10,7,0)+IF('Standard Profiles'!$G$21=$B$17,14,0)+IF('Standard Profiles'!$G$21=$B$24,21,0),0)),0)</f>
        <v>1.1036512232004436</v>
      </c>
      <c r="H7471" cm="1">
        <f t="array" ref="H7471">IFERROR(INDEX(Jesper!AL$2:AL$366,ROUNDDOWN($C7471/24,0)+1,1)*INDEX($D$3:$AA$30,INDEX(Jesper!$R$2:$R$366,ROW(INDEX(Jesper!AL$2:AL$366,ROUNDDOWN($C7471/24,0)+1,1))-1)+IF('Standard Profiles'!$G$22=$B$10,7,0)+IF('Standard Profiles'!$G$22=$B$17,14,0)+IF('Standard Profiles'!$G$22=$B$24,21,0),MOD($C7471,24)+1)/SUM(INDEX($D$3:$AA$30,INDEX(Jesper!$R$2:$R$366,ROW(INDEX(Jesper!AL$2:AL$366,ROUNDDOWN($C7471/24,0)+1,1))-1)+IF('Standard Profiles'!$G$22=$B$10,7,0)+IF('Standard Profiles'!$G$22=$B$17,14,0)+IF('Standard Profiles'!$G$22=$B$24,21,0),0)),0)</f>
        <v>0</v>
      </c>
      <c r="I7471">
        <f t="shared" si="832"/>
        <v>0.52975258713621265</v>
      </c>
      <c r="J7471">
        <f t="shared" si="833"/>
        <v>9.0942072186399887</v>
      </c>
      <c r="K7471">
        <f t="shared" si="834"/>
        <v>0.60988097663092811</v>
      </c>
      <c r="L7471">
        <f t="shared" si="835"/>
        <v>0.30494048831546405</v>
      </c>
      <c r="M7471">
        <f t="shared" si="836"/>
        <v>0</v>
      </c>
      <c r="N7471" s="45">
        <f t="shared" si="837"/>
        <v>45236.874999981963</v>
      </c>
    </row>
    <row r="7472" spans="2:14" x14ac:dyDescent="0.25">
      <c r="B7472">
        <f t="shared" si="831"/>
        <v>1</v>
      </c>
      <c r="C7472" s="16">
        <v>7438</v>
      </c>
      <c r="D7472" cm="1">
        <f t="array" ref="D7472">IFERROR(INDEX(Jesper!AH$2:AH$366,ROUNDDOWN($C7472/24,0)+1,1)*INDEX($D$3:$AA$30,INDEX(Jesper!$R$2:$R$366,ROW(INDEX(Jesper!AH$2:AH$366,ROUNDDOWN($C7472/24,0)+1,1))-1)+IF('Standard Profiles'!$G$18=$B$10,7,0)+IF('Standard Profiles'!$G$18=$B$17,14,0)+IF('Standard Profiles'!$G$18=$B$24,21,0),MOD($C7472,24)+1)/SUM(INDEX($D$3:$AA$30,INDEX(Jesper!$R$2:$R$366,ROW(INDEX(Jesper!AH$2:AH$366,ROUNDDOWN($C7472/24,0)+1,1))-1)+IF('Standard Profiles'!$G$18=$B$10,7,0)+IF('Standard Profiles'!$G$18=$B$17,14,0)+IF('Standard Profiles'!$G$18=$B$24,21,0),0)),0)</f>
        <v>5.7176341559149506</v>
      </c>
      <c r="E7472" cm="1">
        <f t="array" ref="E7472">IFERROR(INDEX(Jesper!AI$2:AI$366,ROUNDDOWN($C7472/24,0)+1,1)*INDEX($D$3:$AA$30,INDEX(Jesper!$R$2:$R$366,ROW(INDEX(Jesper!AI$2:AI$366,ROUNDDOWN($C7472/24,0)+1,1))-1)+IF('Standard Profiles'!$G$19=$B$10,7,0)+IF('Standard Profiles'!$G$19=$B$17,14,0)+IF('Standard Profiles'!$G$19=$B$24,21,0),MOD($C7472,24)+1)/SUM(INDEX($D$3:$AA$30,INDEX(Jesper!$R$2:$R$366,ROW(INDEX(Jesper!AI$2:AI$366,ROUNDDOWN($C7472/24,0)+1,1))-1)+IF('Standard Profiles'!$G$19=$B$10,7,0)+IF('Standard Profiles'!$G$19=$B$17,14,0)+IF('Standard Profiles'!$G$19=$B$24,21,0),0)),0)</f>
        <v>3.7174958916072005</v>
      </c>
      <c r="F7472" cm="1">
        <f t="array" ref="F7472">IFERROR(INDEX(Jesper!AJ$2:AJ$366,ROUNDDOWN($C7472/24,0)+1,1)*INDEX($D$3:$AA$30,INDEX(Jesper!$R$2:$R$366,ROW(INDEX(Jesper!AJ$2:AJ$366,ROUNDDOWN($C7472/24,0)+1,1))-1)+IF('Standard Profiles'!$G$20=$B$10,7,0)+IF('Standard Profiles'!$G$20=$B$17,14,0)+IF('Standard Profiles'!$G$20=$B$24,21,0),MOD($C7472,24)+1)/SUM(INDEX($D$3:$AA$30,INDEX(Jesper!$R$2:$R$366,ROW(INDEX(Jesper!AJ$2:AJ$366,ROUNDDOWN($C7472/24,0)+1,1))-1)+IF('Standard Profiles'!$G$20=$B$10,7,0)+IF('Standard Profiles'!$G$20=$B$17,14,0)+IF('Standard Profiles'!$G$20=$B$24,21,0),0)),0)</f>
        <v>0</v>
      </c>
      <c r="G7472" cm="1">
        <f t="array" ref="G7472">IFERROR(INDEX(Jesper!AK$2:AK$366,ROUNDDOWN($C7472/24,0)+1,1)*INDEX($D$3:$AA$30,INDEX(Jesper!$R$2:$R$366,ROW(INDEX(Jesper!AK$2:AK$366,ROUNDDOWN($C7472/24,0)+1,1))-1)+IF('Standard Profiles'!$G$21=$B$10,7,0)+IF('Standard Profiles'!$G$21=$B$17,14,0)+IF('Standard Profiles'!$G$21=$B$24,21,0),MOD($C7472,24)+1)/SUM(INDEX($D$3:$AA$30,INDEX(Jesper!$R$2:$R$366,ROW(INDEX(Jesper!AK$2:AK$366,ROUNDDOWN($C7472/24,0)+1,1))-1)+IF('Standard Profiles'!$G$21=$B$10,7,0)+IF('Standard Profiles'!$G$21=$B$17,14,0)+IF('Standard Profiles'!$G$21=$B$24,21,0),0)),0)</f>
        <v>1.1036512232004436</v>
      </c>
      <c r="H7472" cm="1">
        <f t="array" ref="H7472">IFERROR(INDEX(Jesper!AL$2:AL$366,ROUNDDOWN($C7472/24,0)+1,1)*INDEX($D$3:$AA$30,INDEX(Jesper!$R$2:$R$366,ROW(INDEX(Jesper!AL$2:AL$366,ROUNDDOWN($C7472/24,0)+1,1))-1)+IF('Standard Profiles'!$G$22=$B$10,7,0)+IF('Standard Profiles'!$G$22=$B$17,14,0)+IF('Standard Profiles'!$G$22=$B$24,21,0),MOD($C7472,24)+1)/SUM(INDEX($D$3:$AA$30,INDEX(Jesper!$R$2:$R$366,ROW(INDEX(Jesper!AL$2:AL$366,ROUNDDOWN($C7472/24,0)+1,1))-1)+IF('Standard Profiles'!$G$22=$B$10,7,0)+IF('Standard Profiles'!$G$22=$B$17,14,0)+IF('Standard Profiles'!$G$22=$B$24,21,0),0)),0)</f>
        <v>0</v>
      </c>
      <c r="I7472">
        <f t="shared" si="832"/>
        <v>0.52975258713621265</v>
      </c>
      <c r="J7472">
        <f t="shared" si="833"/>
        <v>9.0942072186399887</v>
      </c>
      <c r="K7472">
        <f t="shared" si="834"/>
        <v>0.60988097663092811</v>
      </c>
      <c r="L7472">
        <f t="shared" si="835"/>
        <v>0.30494048831546405</v>
      </c>
      <c r="M7472">
        <f t="shared" si="836"/>
        <v>0</v>
      </c>
      <c r="N7472" s="45">
        <f t="shared" si="837"/>
        <v>45236.916666648627</v>
      </c>
    </row>
    <row r="7473" spans="2:14" x14ac:dyDescent="0.25">
      <c r="B7473">
        <f t="shared" si="831"/>
        <v>1</v>
      </c>
      <c r="C7473" s="16">
        <v>7439</v>
      </c>
      <c r="D7473" cm="1">
        <f t="array" ref="D7473">IFERROR(INDEX(Jesper!AH$2:AH$366,ROUNDDOWN($C7473/24,0)+1,1)*INDEX($D$3:$AA$30,INDEX(Jesper!$R$2:$R$366,ROW(INDEX(Jesper!AH$2:AH$366,ROUNDDOWN($C7473/24,0)+1,1))-1)+IF('Standard Profiles'!$G$18=$B$10,7,0)+IF('Standard Profiles'!$G$18=$B$17,14,0)+IF('Standard Profiles'!$G$18=$B$24,21,0),MOD($C7473,24)+1)/SUM(INDEX($D$3:$AA$30,INDEX(Jesper!$R$2:$R$366,ROW(INDEX(Jesper!AH$2:AH$366,ROUNDDOWN($C7473/24,0)+1,1))-1)+IF('Standard Profiles'!$G$18=$B$10,7,0)+IF('Standard Profiles'!$G$18=$B$17,14,0)+IF('Standard Profiles'!$G$18=$B$24,21,0),0)),0)</f>
        <v>5.7176341559149506</v>
      </c>
      <c r="E7473" cm="1">
        <f t="array" ref="E7473">IFERROR(INDEX(Jesper!AI$2:AI$366,ROUNDDOWN($C7473/24,0)+1,1)*INDEX($D$3:$AA$30,INDEX(Jesper!$R$2:$R$366,ROW(INDEX(Jesper!AI$2:AI$366,ROUNDDOWN($C7473/24,0)+1,1))-1)+IF('Standard Profiles'!$G$19=$B$10,7,0)+IF('Standard Profiles'!$G$19=$B$17,14,0)+IF('Standard Profiles'!$G$19=$B$24,21,0),MOD($C7473,24)+1)/SUM(INDEX($D$3:$AA$30,INDEX(Jesper!$R$2:$R$366,ROW(INDEX(Jesper!AI$2:AI$366,ROUNDDOWN($C7473/24,0)+1,1))-1)+IF('Standard Profiles'!$G$19=$B$10,7,0)+IF('Standard Profiles'!$G$19=$B$17,14,0)+IF('Standard Profiles'!$G$19=$B$24,21,0),0)),0)</f>
        <v>3.7174958916072005</v>
      </c>
      <c r="F7473" cm="1">
        <f t="array" ref="F7473">IFERROR(INDEX(Jesper!AJ$2:AJ$366,ROUNDDOWN($C7473/24,0)+1,1)*INDEX($D$3:$AA$30,INDEX(Jesper!$R$2:$R$366,ROW(INDEX(Jesper!AJ$2:AJ$366,ROUNDDOWN($C7473/24,0)+1,1))-1)+IF('Standard Profiles'!$G$20=$B$10,7,0)+IF('Standard Profiles'!$G$20=$B$17,14,0)+IF('Standard Profiles'!$G$20=$B$24,21,0),MOD($C7473,24)+1)/SUM(INDEX($D$3:$AA$30,INDEX(Jesper!$R$2:$R$366,ROW(INDEX(Jesper!AJ$2:AJ$366,ROUNDDOWN($C7473/24,0)+1,1))-1)+IF('Standard Profiles'!$G$20=$B$10,7,0)+IF('Standard Profiles'!$G$20=$B$17,14,0)+IF('Standard Profiles'!$G$20=$B$24,21,0),0)),0)</f>
        <v>0</v>
      </c>
      <c r="G7473" cm="1">
        <f t="array" ref="G7473">IFERROR(INDEX(Jesper!AK$2:AK$366,ROUNDDOWN($C7473/24,0)+1,1)*INDEX($D$3:$AA$30,INDEX(Jesper!$R$2:$R$366,ROW(INDEX(Jesper!AK$2:AK$366,ROUNDDOWN($C7473/24,0)+1,1))-1)+IF('Standard Profiles'!$G$21=$B$10,7,0)+IF('Standard Profiles'!$G$21=$B$17,14,0)+IF('Standard Profiles'!$G$21=$B$24,21,0),MOD($C7473,24)+1)/SUM(INDEX($D$3:$AA$30,INDEX(Jesper!$R$2:$R$366,ROW(INDEX(Jesper!AK$2:AK$366,ROUNDDOWN($C7473/24,0)+1,1))-1)+IF('Standard Profiles'!$G$21=$B$10,7,0)+IF('Standard Profiles'!$G$21=$B$17,14,0)+IF('Standard Profiles'!$G$21=$B$24,21,0),0)),0)</f>
        <v>1.1036512232004436</v>
      </c>
      <c r="H7473" cm="1">
        <f t="array" ref="H7473">IFERROR(INDEX(Jesper!AL$2:AL$366,ROUNDDOWN($C7473/24,0)+1,1)*INDEX($D$3:$AA$30,INDEX(Jesper!$R$2:$R$366,ROW(INDEX(Jesper!AL$2:AL$366,ROUNDDOWN($C7473/24,0)+1,1))-1)+IF('Standard Profiles'!$G$22=$B$10,7,0)+IF('Standard Profiles'!$G$22=$B$17,14,0)+IF('Standard Profiles'!$G$22=$B$24,21,0),MOD($C7473,24)+1)/SUM(INDEX($D$3:$AA$30,INDEX(Jesper!$R$2:$R$366,ROW(INDEX(Jesper!AL$2:AL$366,ROUNDDOWN($C7473/24,0)+1,1))-1)+IF('Standard Profiles'!$G$22=$B$10,7,0)+IF('Standard Profiles'!$G$22=$B$17,14,0)+IF('Standard Profiles'!$G$22=$B$24,21,0),0)),0)</f>
        <v>0</v>
      </c>
      <c r="I7473">
        <f t="shared" si="832"/>
        <v>0.52975258713621265</v>
      </c>
      <c r="J7473">
        <f t="shared" si="833"/>
        <v>9.0942072186399887</v>
      </c>
      <c r="K7473">
        <f t="shared" si="834"/>
        <v>0.60988097663092811</v>
      </c>
      <c r="L7473">
        <f t="shared" si="835"/>
        <v>0.30494048831546405</v>
      </c>
      <c r="M7473">
        <f t="shared" si="836"/>
        <v>0</v>
      </c>
      <c r="N7473" s="45">
        <f t="shared" si="837"/>
        <v>45236.958333315291</v>
      </c>
    </row>
    <row r="7474" spans="2:14" x14ac:dyDescent="0.25">
      <c r="B7474">
        <f t="shared" si="831"/>
        <v>2</v>
      </c>
      <c r="C7474" s="16">
        <v>7440</v>
      </c>
      <c r="D7474" cm="1">
        <f t="array" ref="D7474">IFERROR(INDEX(Jesper!AH$2:AH$366,ROUNDDOWN($C7474/24,0)+1,1)*INDEX($D$3:$AA$30,INDEX(Jesper!$R$2:$R$366,ROW(INDEX(Jesper!AH$2:AH$366,ROUNDDOWN($C7474/24,0)+1,1))-1)+IF('Standard Profiles'!$G$18=$B$10,7,0)+IF('Standard Profiles'!$G$18=$B$17,14,0)+IF('Standard Profiles'!$G$18=$B$24,21,0),MOD($C7474,24)+1)/SUM(INDEX($D$3:$AA$30,INDEX(Jesper!$R$2:$R$366,ROW(INDEX(Jesper!AH$2:AH$366,ROUNDDOWN($C7474/24,0)+1,1))-1)+IF('Standard Profiles'!$G$18=$B$10,7,0)+IF('Standard Profiles'!$G$18=$B$17,14,0)+IF('Standard Profiles'!$G$18=$B$24,21,0),0)),0)</f>
        <v>3.7388261733290555</v>
      </c>
      <c r="E7474" cm="1">
        <f t="array" ref="E7474">IFERROR(INDEX(Jesper!AI$2:AI$366,ROUNDDOWN($C7474/24,0)+1,1)*INDEX($D$3:$AA$30,INDEX(Jesper!$R$2:$R$366,ROW(INDEX(Jesper!AI$2:AI$366,ROUNDDOWN($C7474/24,0)+1,1))-1)+IF('Standard Profiles'!$G$19=$B$10,7,0)+IF('Standard Profiles'!$G$19=$B$17,14,0)+IF('Standard Profiles'!$G$19=$B$24,21,0),MOD($C7474,24)+1)/SUM(INDEX($D$3:$AA$30,INDEX(Jesper!$R$2:$R$366,ROW(INDEX(Jesper!AI$2:AI$366,ROUNDDOWN($C7474/24,0)+1,1))-1)+IF('Standard Profiles'!$G$19=$B$10,7,0)+IF('Standard Profiles'!$G$19=$B$17,14,0)+IF('Standard Profiles'!$G$19=$B$24,21,0),0)),0)</f>
        <v>3.1712877567972075</v>
      </c>
      <c r="F7474" cm="1">
        <f t="array" ref="F7474">IFERROR(INDEX(Jesper!AJ$2:AJ$366,ROUNDDOWN($C7474/24,0)+1,1)*INDEX($D$3:$AA$30,INDEX(Jesper!$R$2:$R$366,ROW(INDEX(Jesper!AJ$2:AJ$366,ROUNDDOWN($C7474/24,0)+1,1))-1)+IF('Standard Profiles'!$G$20=$B$10,7,0)+IF('Standard Profiles'!$G$20=$B$17,14,0)+IF('Standard Profiles'!$G$20=$B$24,21,0),MOD($C7474,24)+1)/SUM(INDEX($D$3:$AA$30,INDEX(Jesper!$R$2:$R$366,ROW(INDEX(Jesper!AJ$2:AJ$366,ROUNDDOWN($C7474/24,0)+1,1))-1)+IF('Standard Profiles'!$G$20=$B$10,7,0)+IF('Standard Profiles'!$G$20=$B$17,14,0)+IF('Standard Profiles'!$G$20=$B$24,21,0),0)),0)</f>
        <v>0</v>
      </c>
      <c r="G7474" cm="1">
        <f t="array" ref="G7474">IFERROR(INDEX(Jesper!AK$2:AK$366,ROUNDDOWN($C7474/24,0)+1,1)*INDEX($D$3:$AA$30,INDEX(Jesper!$R$2:$R$366,ROW(INDEX(Jesper!AK$2:AK$366,ROUNDDOWN($C7474/24,0)+1,1))-1)+IF('Standard Profiles'!$G$21=$B$10,7,0)+IF('Standard Profiles'!$G$21=$B$17,14,0)+IF('Standard Profiles'!$G$21=$B$24,21,0),MOD($C7474,24)+1)/SUM(INDEX($D$3:$AA$30,INDEX(Jesper!$R$2:$R$366,ROW(INDEX(Jesper!AK$2:AK$366,ROUNDDOWN($C7474/24,0)+1,1))-1)+IF('Standard Profiles'!$G$21=$B$10,7,0)+IF('Standard Profiles'!$G$21=$B$17,14,0)+IF('Standard Profiles'!$G$21=$B$24,21,0),0)),0)</f>
        <v>3.0208051339214337</v>
      </c>
      <c r="H7474" cm="1">
        <f t="array" ref="H7474">IFERROR(INDEX(Jesper!AL$2:AL$366,ROUNDDOWN($C7474/24,0)+1,1)*INDEX($D$3:$AA$30,INDEX(Jesper!$R$2:$R$366,ROW(INDEX(Jesper!AL$2:AL$366,ROUNDDOWN($C7474/24,0)+1,1))-1)+IF('Standard Profiles'!$G$22=$B$10,7,0)+IF('Standard Profiles'!$G$22=$B$17,14,0)+IF('Standard Profiles'!$G$22=$B$24,21,0),MOD($C7474,24)+1)/SUM(INDEX($D$3:$AA$30,INDEX(Jesper!$R$2:$R$366,ROW(INDEX(Jesper!AL$2:AL$366,ROUNDDOWN($C7474/24,0)+1,1))-1)+IF('Standard Profiles'!$G$22=$B$10,7,0)+IF('Standard Profiles'!$G$22=$B$17,14,0)+IF('Standard Profiles'!$G$22=$B$24,21,0),0)),0)</f>
        <v>0</v>
      </c>
      <c r="I7474">
        <f t="shared" si="832"/>
        <v>1.4499864642822875</v>
      </c>
      <c r="J7474">
        <f t="shared" si="833"/>
        <v>7.8827204120327599</v>
      </c>
      <c r="K7474">
        <f t="shared" si="834"/>
        <v>0.39880812515509928</v>
      </c>
      <c r="L7474">
        <f t="shared" si="835"/>
        <v>0.19940406257754964</v>
      </c>
      <c r="M7474">
        <f t="shared" si="836"/>
        <v>0</v>
      </c>
      <c r="N7474" s="45">
        <f t="shared" si="837"/>
        <v>45236.999999981956</v>
      </c>
    </row>
    <row r="7475" spans="2:14" x14ac:dyDescent="0.25">
      <c r="B7475">
        <f t="shared" si="831"/>
        <v>2</v>
      </c>
      <c r="C7475" s="16">
        <v>7441</v>
      </c>
      <c r="D7475" cm="1">
        <f t="array" ref="D7475">IFERROR(INDEX(Jesper!AH$2:AH$366,ROUNDDOWN($C7475/24,0)+1,1)*INDEX($D$3:$AA$30,INDEX(Jesper!$R$2:$R$366,ROW(INDEX(Jesper!AH$2:AH$366,ROUNDDOWN($C7475/24,0)+1,1))-1)+IF('Standard Profiles'!$G$18=$B$10,7,0)+IF('Standard Profiles'!$G$18=$B$17,14,0)+IF('Standard Profiles'!$G$18=$B$24,21,0),MOD($C7475,24)+1)/SUM(INDEX($D$3:$AA$30,INDEX(Jesper!$R$2:$R$366,ROW(INDEX(Jesper!AH$2:AH$366,ROUNDDOWN($C7475/24,0)+1,1))-1)+IF('Standard Profiles'!$G$18=$B$10,7,0)+IF('Standard Profiles'!$G$18=$B$17,14,0)+IF('Standard Profiles'!$G$18=$B$24,21,0),0)),0)</f>
        <v>5.6972589307871324</v>
      </c>
      <c r="E7475" cm="1">
        <f t="array" ref="E7475">IFERROR(INDEX(Jesper!AI$2:AI$366,ROUNDDOWN($C7475/24,0)+1,1)*INDEX($D$3:$AA$30,INDEX(Jesper!$R$2:$R$366,ROW(INDEX(Jesper!AI$2:AI$366,ROUNDDOWN($C7475/24,0)+1,1))-1)+IF('Standard Profiles'!$G$19=$B$10,7,0)+IF('Standard Profiles'!$G$19=$B$17,14,0)+IF('Standard Profiles'!$G$19=$B$24,21,0),MOD($C7475,24)+1)/SUM(INDEX($D$3:$AA$30,INDEX(Jesper!$R$2:$R$366,ROW(INDEX(Jesper!AI$2:AI$366,ROUNDDOWN($C7475/24,0)+1,1))-1)+IF('Standard Profiles'!$G$19=$B$10,7,0)+IF('Standard Profiles'!$G$19=$B$17,14,0)+IF('Standard Profiles'!$G$19=$B$24,21,0),0)),0)</f>
        <v>4.832438486548126</v>
      </c>
      <c r="F7475" cm="1">
        <f t="array" ref="F7475">IFERROR(INDEX(Jesper!AJ$2:AJ$366,ROUNDDOWN($C7475/24,0)+1,1)*INDEX($D$3:$AA$30,INDEX(Jesper!$R$2:$R$366,ROW(INDEX(Jesper!AJ$2:AJ$366,ROUNDDOWN($C7475/24,0)+1,1))-1)+IF('Standard Profiles'!$G$20=$B$10,7,0)+IF('Standard Profiles'!$G$20=$B$17,14,0)+IF('Standard Profiles'!$G$20=$B$24,21,0),MOD($C7475,24)+1)/SUM(INDEX($D$3:$AA$30,INDEX(Jesper!$R$2:$R$366,ROW(INDEX(Jesper!AJ$2:AJ$366,ROUNDDOWN($C7475/24,0)+1,1))-1)+IF('Standard Profiles'!$G$20=$B$10,7,0)+IF('Standard Profiles'!$G$20=$B$17,14,0)+IF('Standard Profiles'!$G$20=$B$24,21,0),0)),0)</f>
        <v>0</v>
      </c>
      <c r="G7475" cm="1">
        <f t="array" ref="G7475">IFERROR(INDEX(Jesper!AK$2:AK$366,ROUNDDOWN($C7475/24,0)+1,1)*INDEX($D$3:$AA$30,INDEX(Jesper!$R$2:$R$366,ROW(INDEX(Jesper!AK$2:AK$366,ROUNDDOWN($C7475/24,0)+1,1))-1)+IF('Standard Profiles'!$G$21=$B$10,7,0)+IF('Standard Profiles'!$G$21=$B$17,14,0)+IF('Standard Profiles'!$G$21=$B$24,21,0),MOD($C7475,24)+1)/SUM(INDEX($D$3:$AA$30,INDEX(Jesper!$R$2:$R$366,ROW(INDEX(Jesper!AK$2:AK$366,ROUNDDOWN($C7475/24,0)+1,1))-1)+IF('Standard Profiles'!$G$21=$B$10,7,0)+IF('Standard Profiles'!$G$21=$B$17,14,0)+IF('Standard Profiles'!$G$21=$B$24,21,0),0)),0)</f>
        <v>3.0208051339214337</v>
      </c>
      <c r="H7475" cm="1">
        <f t="array" ref="H7475">IFERROR(INDEX(Jesper!AL$2:AL$366,ROUNDDOWN($C7475/24,0)+1,1)*INDEX($D$3:$AA$30,INDEX(Jesper!$R$2:$R$366,ROW(INDEX(Jesper!AL$2:AL$366,ROUNDDOWN($C7475/24,0)+1,1))-1)+IF('Standard Profiles'!$G$22=$B$10,7,0)+IF('Standard Profiles'!$G$22=$B$17,14,0)+IF('Standard Profiles'!$G$22=$B$24,21,0),MOD($C7475,24)+1)/SUM(INDEX($D$3:$AA$30,INDEX(Jesper!$R$2:$R$366,ROW(INDEX(Jesper!AL$2:AL$366,ROUNDDOWN($C7475/24,0)+1,1))-1)+IF('Standard Profiles'!$G$22=$B$10,7,0)+IF('Standard Profiles'!$G$22=$B$17,14,0)+IF('Standard Profiles'!$G$22=$B$24,21,0),0)),0)</f>
        <v>0</v>
      </c>
      <c r="I7475">
        <f t="shared" si="832"/>
        <v>1.4499864642822875</v>
      </c>
      <c r="J7475">
        <f t="shared" si="833"/>
        <v>11.188954658048464</v>
      </c>
      <c r="K7475">
        <f t="shared" si="834"/>
        <v>0.60770761928396078</v>
      </c>
      <c r="L7475">
        <f t="shared" si="835"/>
        <v>0.30385380964198039</v>
      </c>
      <c r="M7475">
        <f t="shared" si="836"/>
        <v>0</v>
      </c>
      <c r="N7475" s="45">
        <f t="shared" si="837"/>
        <v>45237.04166664862</v>
      </c>
    </row>
    <row r="7476" spans="2:14" x14ac:dyDescent="0.25">
      <c r="B7476">
        <f t="shared" si="831"/>
        <v>2</v>
      </c>
      <c r="C7476" s="16">
        <v>7442</v>
      </c>
      <c r="D7476" cm="1">
        <f t="array" ref="D7476">IFERROR(INDEX(Jesper!AH$2:AH$366,ROUNDDOWN($C7476/24,0)+1,1)*INDEX($D$3:$AA$30,INDEX(Jesper!$R$2:$R$366,ROW(INDEX(Jesper!AH$2:AH$366,ROUNDDOWN($C7476/24,0)+1,1))-1)+IF('Standard Profiles'!$G$18=$B$10,7,0)+IF('Standard Profiles'!$G$18=$B$17,14,0)+IF('Standard Profiles'!$G$18=$B$24,21,0),MOD($C7476,24)+1)/SUM(INDEX($D$3:$AA$30,INDEX(Jesper!$R$2:$R$366,ROW(INDEX(Jesper!AH$2:AH$366,ROUNDDOWN($C7476/24,0)+1,1))-1)+IF('Standard Profiles'!$G$18=$B$10,7,0)+IF('Standard Profiles'!$G$18=$B$17,14,0)+IF('Standard Profiles'!$G$18=$B$24,21,0),0)),0)</f>
        <v>5.6972589307871324</v>
      </c>
      <c r="E7476" cm="1">
        <f t="array" ref="E7476">IFERROR(INDEX(Jesper!AI$2:AI$366,ROUNDDOWN($C7476/24,0)+1,1)*INDEX($D$3:$AA$30,INDEX(Jesper!$R$2:$R$366,ROW(INDEX(Jesper!AI$2:AI$366,ROUNDDOWN($C7476/24,0)+1,1))-1)+IF('Standard Profiles'!$G$19=$B$10,7,0)+IF('Standard Profiles'!$G$19=$B$17,14,0)+IF('Standard Profiles'!$G$19=$B$24,21,0),MOD($C7476,24)+1)/SUM(INDEX($D$3:$AA$30,INDEX(Jesper!$R$2:$R$366,ROW(INDEX(Jesper!AI$2:AI$366,ROUNDDOWN($C7476/24,0)+1,1))-1)+IF('Standard Profiles'!$G$19=$B$10,7,0)+IF('Standard Profiles'!$G$19=$B$17,14,0)+IF('Standard Profiles'!$G$19=$B$24,21,0),0)),0)</f>
        <v>4.832438486548126</v>
      </c>
      <c r="F7476" cm="1">
        <f t="array" ref="F7476">IFERROR(INDEX(Jesper!AJ$2:AJ$366,ROUNDDOWN($C7476/24,0)+1,1)*INDEX($D$3:$AA$30,INDEX(Jesper!$R$2:$R$366,ROW(INDEX(Jesper!AJ$2:AJ$366,ROUNDDOWN($C7476/24,0)+1,1))-1)+IF('Standard Profiles'!$G$20=$B$10,7,0)+IF('Standard Profiles'!$G$20=$B$17,14,0)+IF('Standard Profiles'!$G$20=$B$24,21,0),MOD($C7476,24)+1)/SUM(INDEX($D$3:$AA$30,INDEX(Jesper!$R$2:$R$366,ROW(INDEX(Jesper!AJ$2:AJ$366,ROUNDDOWN($C7476/24,0)+1,1))-1)+IF('Standard Profiles'!$G$20=$B$10,7,0)+IF('Standard Profiles'!$G$20=$B$17,14,0)+IF('Standard Profiles'!$G$20=$B$24,21,0),0)),0)</f>
        <v>0</v>
      </c>
      <c r="G7476" cm="1">
        <f t="array" ref="G7476">IFERROR(INDEX(Jesper!AK$2:AK$366,ROUNDDOWN($C7476/24,0)+1,1)*INDEX($D$3:$AA$30,INDEX(Jesper!$R$2:$R$366,ROW(INDEX(Jesper!AK$2:AK$366,ROUNDDOWN($C7476/24,0)+1,1))-1)+IF('Standard Profiles'!$G$21=$B$10,7,0)+IF('Standard Profiles'!$G$21=$B$17,14,0)+IF('Standard Profiles'!$G$21=$B$24,21,0),MOD($C7476,24)+1)/SUM(INDEX($D$3:$AA$30,INDEX(Jesper!$R$2:$R$366,ROW(INDEX(Jesper!AK$2:AK$366,ROUNDDOWN($C7476/24,0)+1,1))-1)+IF('Standard Profiles'!$G$21=$B$10,7,0)+IF('Standard Profiles'!$G$21=$B$17,14,0)+IF('Standard Profiles'!$G$21=$B$24,21,0),0)),0)</f>
        <v>3.0208051339214337</v>
      </c>
      <c r="H7476" cm="1">
        <f t="array" ref="H7476">IFERROR(INDEX(Jesper!AL$2:AL$366,ROUNDDOWN($C7476/24,0)+1,1)*INDEX($D$3:$AA$30,INDEX(Jesper!$R$2:$R$366,ROW(INDEX(Jesper!AL$2:AL$366,ROUNDDOWN($C7476/24,0)+1,1))-1)+IF('Standard Profiles'!$G$22=$B$10,7,0)+IF('Standard Profiles'!$G$22=$B$17,14,0)+IF('Standard Profiles'!$G$22=$B$24,21,0),MOD($C7476,24)+1)/SUM(INDEX($D$3:$AA$30,INDEX(Jesper!$R$2:$R$366,ROW(INDEX(Jesper!AL$2:AL$366,ROUNDDOWN($C7476/24,0)+1,1))-1)+IF('Standard Profiles'!$G$22=$B$10,7,0)+IF('Standard Profiles'!$G$22=$B$17,14,0)+IF('Standard Profiles'!$G$22=$B$24,21,0),0)),0)</f>
        <v>0</v>
      </c>
      <c r="I7476">
        <f t="shared" si="832"/>
        <v>1.4499864642822875</v>
      </c>
      <c r="J7476">
        <f t="shared" si="833"/>
        <v>11.188954658048464</v>
      </c>
      <c r="K7476">
        <f t="shared" si="834"/>
        <v>0.60770761928396078</v>
      </c>
      <c r="L7476">
        <f t="shared" si="835"/>
        <v>0.30385380964198039</v>
      </c>
      <c r="M7476">
        <f t="shared" si="836"/>
        <v>0</v>
      </c>
      <c r="N7476" s="45">
        <f t="shared" si="837"/>
        <v>45237.083333315284</v>
      </c>
    </row>
    <row r="7477" spans="2:14" x14ac:dyDescent="0.25">
      <c r="B7477">
        <f t="shared" si="831"/>
        <v>2</v>
      </c>
      <c r="C7477" s="16">
        <v>7443</v>
      </c>
      <c r="D7477" cm="1">
        <f t="array" ref="D7477">IFERROR(INDEX(Jesper!AH$2:AH$366,ROUNDDOWN($C7477/24,0)+1,1)*INDEX($D$3:$AA$30,INDEX(Jesper!$R$2:$R$366,ROW(INDEX(Jesper!AH$2:AH$366,ROUNDDOWN($C7477/24,0)+1,1))-1)+IF('Standard Profiles'!$G$18=$B$10,7,0)+IF('Standard Profiles'!$G$18=$B$17,14,0)+IF('Standard Profiles'!$G$18=$B$24,21,0),MOD($C7477,24)+1)/SUM(INDEX($D$3:$AA$30,INDEX(Jesper!$R$2:$R$366,ROW(INDEX(Jesper!AH$2:AH$366,ROUNDDOWN($C7477/24,0)+1,1))-1)+IF('Standard Profiles'!$G$18=$B$10,7,0)+IF('Standard Profiles'!$G$18=$B$17,14,0)+IF('Standard Profiles'!$G$18=$B$24,21,0),0)),0)</f>
        <v>5.6972589307871324</v>
      </c>
      <c r="E7477" cm="1">
        <f t="array" ref="E7477">IFERROR(INDEX(Jesper!AI$2:AI$366,ROUNDDOWN($C7477/24,0)+1,1)*INDEX($D$3:$AA$30,INDEX(Jesper!$R$2:$R$366,ROW(INDEX(Jesper!AI$2:AI$366,ROUNDDOWN($C7477/24,0)+1,1))-1)+IF('Standard Profiles'!$G$19=$B$10,7,0)+IF('Standard Profiles'!$G$19=$B$17,14,0)+IF('Standard Profiles'!$G$19=$B$24,21,0),MOD($C7477,24)+1)/SUM(INDEX($D$3:$AA$30,INDEX(Jesper!$R$2:$R$366,ROW(INDEX(Jesper!AI$2:AI$366,ROUNDDOWN($C7477/24,0)+1,1))-1)+IF('Standard Profiles'!$G$19=$B$10,7,0)+IF('Standard Profiles'!$G$19=$B$17,14,0)+IF('Standard Profiles'!$G$19=$B$24,21,0),0)),0)</f>
        <v>4.832438486548126</v>
      </c>
      <c r="F7477" cm="1">
        <f t="array" ref="F7477">IFERROR(INDEX(Jesper!AJ$2:AJ$366,ROUNDDOWN($C7477/24,0)+1,1)*INDEX($D$3:$AA$30,INDEX(Jesper!$R$2:$R$366,ROW(INDEX(Jesper!AJ$2:AJ$366,ROUNDDOWN($C7477/24,0)+1,1))-1)+IF('Standard Profiles'!$G$20=$B$10,7,0)+IF('Standard Profiles'!$G$20=$B$17,14,0)+IF('Standard Profiles'!$G$20=$B$24,21,0),MOD($C7477,24)+1)/SUM(INDEX($D$3:$AA$30,INDEX(Jesper!$R$2:$R$366,ROW(INDEX(Jesper!AJ$2:AJ$366,ROUNDDOWN($C7477/24,0)+1,1))-1)+IF('Standard Profiles'!$G$20=$B$10,7,0)+IF('Standard Profiles'!$G$20=$B$17,14,0)+IF('Standard Profiles'!$G$20=$B$24,21,0),0)),0)</f>
        <v>0</v>
      </c>
      <c r="G7477" cm="1">
        <f t="array" ref="G7477">IFERROR(INDEX(Jesper!AK$2:AK$366,ROUNDDOWN($C7477/24,0)+1,1)*INDEX($D$3:$AA$30,INDEX(Jesper!$R$2:$R$366,ROW(INDEX(Jesper!AK$2:AK$366,ROUNDDOWN($C7477/24,0)+1,1))-1)+IF('Standard Profiles'!$G$21=$B$10,7,0)+IF('Standard Profiles'!$G$21=$B$17,14,0)+IF('Standard Profiles'!$G$21=$B$24,21,0),MOD($C7477,24)+1)/SUM(INDEX($D$3:$AA$30,INDEX(Jesper!$R$2:$R$366,ROW(INDEX(Jesper!AK$2:AK$366,ROUNDDOWN($C7477/24,0)+1,1))-1)+IF('Standard Profiles'!$G$21=$B$10,7,0)+IF('Standard Profiles'!$G$21=$B$17,14,0)+IF('Standard Profiles'!$G$21=$B$24,21,0),0)),0)</f>
        <v>3.0208051339214337</v>
      </c>
      <c r="H7477" cm="1">
        <f t="array" ref="H7477">IFERROR(INDEX(Jesper!AL$2:AL$366,ROUNDDOWN($C7477/24,0)+1,1)*INDEX($D$3:$AA$30,INDEX(Jesper!$R$2:$R$366,ROW(INDEX(Jesper!AL$2:AL$366,ROUNDDOWN($C7477/24,0)+1,1))-1)+IF('Standard Profiles'!$G$22=$B$10,7,0)+IF('Standard Profiles'!$G$22=$B$17,14,0)+IF('Standard Profiles'!$G$22=$B$24,21,0),MOD($C7477,24)+1)/SUM(INDEX($D$3:$AA$30,INDEX(Jesper!$R$2:$R$366,ROW(INDEX(Jesper!AL$2:AL$366,ROUNDDOWN($C7477/24,0)+1,1))-1)+IF('Standard Profiles'!$G$22=$B$10,7,0)+IF('Standard Profiles'!$G$22=$B$17,14,0)+IF('Standard Profiles'!$G$22=$B$24,21,0),0)),0)</f>
        <v>0</v>
      </c>
      <c r="I7477">
        <f t="shared" si="832"/>
        <v>1.4499864642822875</v>
      </c>
      <c r="J7477">
        <f t="shared" si="833"/>
        <v>11.188954658048464</v>
      </c>
      <c r="K7477">
        <f t="shared" si="834"/>
        <v>0.60770761928396078</v>
      </c>
      <c r="L7477">
        <f t="shared" si="835"/>
        <v>0.30385380964198039</v>
      </c>
      <c r="M7477">
        <f t="shared" si="836"/>
        <v>0</v>
      </c>
      <c r="N7477" s="45">
        <f t="shared" si="837"/>
        <v>45237.124999981948</v>
      </c>
    </row>
    <row r="7478" spans="2:14" x14ac:dyDescent="0.25">
      <c r="B7478">
        <f t="shared" si="831"/>
        <v>2</v>
      </c>
      <c r="C7478" s="16">
        <v>7444</v>
      </c>
      <c r="D7478" cm="1">
        <f t="array" ref="D7478">IFERROR(INDEX(Jesper!AH$2:AH$366,ROUNDDOWN($C7478/24,0)+1,1)*INDEX($D$3:$AA$30,INDEX(Jesper!$R$2:$R$366,ROW(INDEX(Jesper!AH$2:AH$366,ROUNDDOWN($C7478/24,0)+1,1))-1)+IF('Standard Profiles'!$G$18=$B$10,7,0)+IF('Standard Profiles'!$G$18=$B$17,14,0)+IF('Standard Profiles'!$G$18=$B$24,21,0),MOD($C7478,24)+1)/SUM(INDEX($D$3:$AA$30,INDEX(Jesper!$R$2:$R$366,ROW(INDEX(Jesper!AH$2:AH$366,ROUNDDOWN($C7478/24,0)+1,1))-1)+IF('Standard Profiles'!$G$18=$B$10,7,0)+IF('Standard Profiles'!$G$18=$B$17,14,0)+IF('Standard Profiles'!$G$18=$B$24,21,0),0)),0)</f>
        <v>5.6972589307871324</v>
      </c>
      <c r="E7478" cm="1">
        <f t="array" ref="E7478">IFERROR(INDEX(Jesper!AI$2:AI$366,ROUNDDOWN($C7478/24,0)+1,1)*INDEX($D$3:$AA$30,INDEX(Jesper!$R$2:$R$366,ROW(INDEX(Jesper!AI$2:AI$366,ROUNDDOWN($C7478/24,0)+1,1))-1)+IF('Standard Profiles'!$G$19=$B$10,7,0)+IF('Standard Profiles'!$G$19=$B$17,14,0)+IF('Standard Profiles'!$G$19=$B$24,21,0),MOD($C7478,24)+1)/SUM(INDEX($D$3:$AA$30,INDEX(Jesper!$R$2:$R$366,ROW(INDEX(Jesper!AI$2:AI$366,ROUNDDOWN($C7478/24,0)+1,1))-1)+IF('Standard Profiles'!$G$19=$B$10,7,0)+IF('Standard Profiles'!$G$19=$B$17,14,0)+IF('Standard Profiles'!$G$19=$B$24,21,0),0)),0)</f>
        <v>4.832438486548126</v>
      </c>
      <c r="F7478" cm="1">
        <f t="array" ref="F7478">IFERROR(INDEX(Jesper!AJ$2:AJ$366,ROUNDDOWN($C7478/24,0)+1,1)*INDEX($D$3:$AA$30,INDEX(Jesper!$R$2:$R$366,ROW(INDEX(Jesper!AJ$2:AJ$366,ROUNDDOWN($C7478/24,0)+1,1))-1)+IF('Standard Profiles'!$G$20=$B$10,7,0)+IF('Standard Profiles'!$G$20=$B$17,14,0)+IF('Standard Profiles'!$G$20=$B$24,21,0),MOD($C7478,24)+1)/SUM(INDEX($D$3:$AA$30,INDEX(Jesper!$R$2:$R$366,ROW(INDEX(Jesper!AJ$2:AJ$366,ROUNDDOWN($C7478/24,0)+1,1))-1)+IF('Standard Profiles'!$G$20=$B$10,7,0)+IF('Standard Profiles'!$G$20=$B$17,14,0)+IF('Standard Profiles'!$G$20=$B$24,21,0),0)),0)</f>
        <v>0</v>
      </c>
      <c r="G7478" cm="1">
        <f t="array" ref="G7478">IFERROR(INDEX(Jesper!AK$2:AK$366,ROUNDDOWN($C7478/24,0)+1,1)*INDEX($D$3:$AA$30,INDEX(Jesper!$R$2:$R$366,ROW(INDEX(Jesper!AK$2:AK$366,ROUNDDOWN($C7478/24,0)+1,1))-1)+IF('Standard Profiles'!$G$21=$B$10,7,0)+IF('Standard Profiles'!$G$21=$B$17,14,0)+IF('Standard Profiles'!$G$21=$B$24,21,0),MOD($C7478,24)+1)/SUM(INDEX($D$3:$AA$30,INDEX(Jesper!$R$2:$R$366,ROW(INDEX(Jesper!AK$2:AK$366,ROUNDDOWN($C7478/24,0)+1,1))-1)+IF('Standard Profiles'!$G$21=$B$10,7,0)+IF('Standard Profiles'!$G$21=$B$17,14,0)+IF('Standard Profiles'!$G$21=$B$24,21,0),0)),0)</f>
        <v>3.0208051339214337</v>
      </c>
      <c r="H7478" cm="1">
        <f t="array" ref="H7478">IFERROR(INDEX(Jesper!AL$2:AL$366,ROUNDDOWN($C7478/24,0)+1,1)*INDEX($D$3:$AA$30,INDEX(Jesper!$R$2:$R$366,ROW(INDEX(Jesper!AL$2:AL$366,ROUNDDOWN($C7478/24,0)+1,1))-1)+IF('Standard Profiles'!$G$22=$B$10,7,0)+IF('Standard Profiles'!$G$22=$B$17,14,0)+IF('Standard Profiles'!$G$22=$B$24,21,0),MOD($C7478,24)+1)/SUM(INDEX($D$3:$AA$30,INDEX(Jesper!$R$2:$R$366,ROW(INDEX(Jesper!AL$2:AL$366,ROUNDDOWN($C7478/24,0)+1,1))-1)+IF('Standard Profiles'!$G$22=$B$10,7,0)+IF('Standard Profiles'!$G$22=$B$17,14,0)+IF('Standard Profiles'!$G$22=$B$24,21,0),0)),0)</f>
        <v>0</v>
      </c>
      <c r="I7478">
        <f t="shared" si="832"/>
        <v>1.4499864642822875</v>
      </c>
      <c r="J7478">
        <f t="shared" si="833"/>
        <v>11.188954658048464</v>
      </c>
      <c r="K7478">
        <f t="shared" si="834"/>
        <v>0.60770761928396078</v>
      </c>
      <c r="L7478">
        <f t="shared" si="835"/>
        <v>0.30385380964198039</v>
      </c>
      <c r="M7478">
        <f t="shared" si="836"/>
        <v>0</v>
      </c>
      <c r="N7478" s="45">
        <f t="shared" si="837"/>
        <v>45237.166666648613</v>
      </c>
    </row>
    <row r="7479" spans="2:14" x14ac:dyDescent="0.25">
      <c r="B7479">
        <f t="shared" si="831"/>
        <v>2</v>
      </c>
      <c r="C7479" s="16">
        <v>7445</v>
      </c>
      <c r="D7479" cm="1">
        <f t="array" ref="D7479">IFERROR(INDEX(Jesper!AH$2:AH$366,ROUNDDOWN($C7479/24,0)+1,1)*INDEX($D$3:$AA$30,INDEX(Jesper!$R$2:$R$366,ROW(INDEX(Jesper!AH$2:AH$366,ROUNDDOWN($C7479/24,0)+1,1))-1)+IF('Standard Profiles'!$G$18=$B$10,7,0)+IF('Standard Profiles'!$G$18=$B$17,14,0)+IF('Standard Profiles'!$G$18=$B$24,21,0),MOD($C7479,24)+1)/SUM(INDEX($D$3:$AA$30,INDEX(Jesper!$R$2:$R$366,ROW(INDEX(Jesper!AH$2:AH$366,ROUNDDOWN($C7479/24,0)+1,1))-1)+IF('Standard Profiles'!$G$18=$B$10,7,0)+IF('Standard Profiles'!$G$18=$B$17,14,0)+IF('Standard Profiles'!$G$18=$B$24,21,0),0)),0)</f>
        <v>5.6972589307871324</v>
      </c>
      <c r="E7479" cm="1">
        <f t="array" ref="E7479">IFERROR(INDEX(Jesper!AI$2:AI$366,ROUNDDOWN($C7479/24,0)+1,1)*INDEX($D$3:$AA$30,INDEX(Jesper!$R$2:$R$366,ROW(INDEX(Jesper!AI$2:AI$366,ROUNDDOWN($C7479/24,0)+1,1))-1)+IF('Standard Profiles'!$G$19=$B$10,7,0)+IF('Standard Profiles'!$G$19=$B$17,14,0)+IF('Standard Profiles'!$G$19=$B$24,21,0),MOD($C7479,24)+1)/SUM(INDEX($D$3:$AA$30,INDEX(Jesper!$R$2:$R$366,ROW(INDEX(Jesper!AI$2:AI$366,ROUNDDOWN($C7479/24,0)+1,1))-1)+IF('Standard Profiles'!$G$19=$B$10,7,0)+IF('Standard Profiles'!$G$19=$B$17,14,0)+IF('Standard Profiles'!$G$19=$B$24,21,0),0)),0)</f>
        <v>4.832438486548126</v>
      </c>
      <c r="F7479" cm="1">
        <f t="array" ref="F7479">IFERROR(INDEX(Jesper!AJ$2:AJ$366,ROUNDDOWN($C7479/24,0)+1,1)*INDEX($D$3:$AA$30,INDEX(Jesper!$R$2:$R$366,ROW(INDEX(Jesper!AJ$2:AJ$366,ROUNDDOWN($C7479/24,0)+1,1))-1)+IF('Standard Profiles'!$G$20=$B$10,7,0)+IF('Standard Profiles'!$G$20=$B$17,14,0)+IF('Standard Profiles'!$G$20=$B$24,21,0),MOD($C7479,24)+1)/SUM(INDEX($D$3:$AA$30,INDEX(Jesper!$R$2:$R$366,ROW(INDEX(Jesper!AJ$2:AJ$366,ROUNDDOWN($C7479/24,0)+1,1))-1)+IF('Standard Profiles'!$G$20=$B$10,7,0)+IF('Standard Profiles'!$G$20=$B$17,14,0)+IF('Standard Profiles'!$G$20=$B$24,21,0),0)),0)</f>
        <v>0</v>
      </c>
      <c r="G7479" cm="1">
        <f t="array" ref="G7479">IFERROR(INDEX(Jesper!AK$2:AK$366,ROUNDDOWN($C7479/24,0)+1,1)*INDEX($D$3:$AA$30,INDEX(Jesper!$R$2:$R$366,ROW(INDEX(Jesper!AK$2:AK$366,ROUNDDOWN($C7479/24,0)+1,1))-1)+IF('Standard Profiles'!$G$21=$B$10,7,0)+IF('Standard Profiles'!$G$21=$B$17,14,0)+IF('Standard Profiles'!$G$21=$B$24,21,0),MOD($C7479,24)+1)/SUM(INDEX($D$3:$AA$30,INDEX(Jesper!$R$2:$R$366,ROW(INDEX(Jesper!AK$2:AK$366,ROUNDDOWN($C7479/24,0)+1,1))-1)+IF('Standard Profiles'!$G$21=$B$10,7,0)+IF('Standard Profiles'!$G$21=$B$17,14,0)+IF('Standard Profiles'!$G$21=$B$24,21,0),0)),0)</f>
        <v>3.0208051339214337</v>
      </c>
      <c r="H7479" cm="1">
        <f t="array" ref="H7479">IFERROR(INDEX(Jesper!AL$2:AL$366,ROUNDDOWN($C7479/24,0)+1,1)*INDEX($D$3:$AA$30,INDEX(Jesper!$R$2:$R$366,ROW(INDEX(Jesper!AL$2:AL$366,ROUNDDOWN($C7479/24,0)+1,1))-1)+IF('Standard Profiles'!$G$22=$B$10,7,0)+IF('Standard Profiles'!$G$22=$B$17,14,0)+IF('Standard Profiles'!$G$22=$B$24,21,0),MOD($C7479,24)+1)/SUM(INDEX($D$3:$AA$30,INDEX(Jesper!$R$2:$R$366,ROW(INDEX(Jesper!AL$2:AL$366,ROUNDDOWN($C7479/24,0)+1,1))-1)+IF('Standard Profiles'!$G$22=$B$10,7,0)+IF('Standard Profiles'!$G$22=$B$17,14,0)+IF('Standard Profiles'!$G$22=$B$24,21,0),0)),0)</f>
        <v>0</v>
      </c>
      <c r="I7479">
        <f t="shared" si="832"/>
        <v>1.4499864642822875</v>
      </c>
      <c r="J7479">
        <f t="shared" si="833"/>
        <v>11.188954658048464</v>
      </c>
      <c r="K7479">
        <f t="shared" si="834"/>
        <v>0.60770761928396078</v>
      </c>
      <c r="L7479">
        <f t="shared" si="835"/>
        <v>0.30385380964198039</v>
      </c>
      <c r="M7479">
        <f t="shared" si="836"/>
        <v>0</v>
      </c>
      <c r="N7479" s="45">
        <f t="shared" si="837"/>
        <v>45237.208333315277</v>
      </c>
    </row>
    <row r="7480" spans="2:14" x14ac:dyDescent="0.25">
      <c r="B7480">
        <f t="shared" si="831"/>
        <v>2</v>
      </c>
      <c r="C7480" s="16">
        <v>7446</v>
      </c>
      <c r="D7480" cm="1">
        <f t="array" ref="D7480">IFERROR(INDEX(Jesper!AH$2:AH$366,ROUNDDOWN($C7480/24,0)+1,1)*INDEX($D$3:$AA$30,INDEX(Jesper!$R$2:$R$366,ROW(INDEX(Jesper!AH$2:AH$366,ROUNDDOWN($C7480/24,0)+1,1))-1)+IF('Standard Profiles'!$G$18=$B$10,7,0)+IF('Standard Profiles'!$G$18=$B$17,14,0)+IF('Standard Profiles'!$G$18=$B$24,21,0),MOD($C7480,24)+1)/SUM(INDEX($D$3:$AA$30,INDEX(Jesper!$R$2:$R$366,ROW(INDEX(Jesper!AH$2:AH$366,ROUNDDOWN($C7480/24,0)+1,1))-1)+IF('Standard Profiles'!$G$18=$B$10,7,0)+IF('Standard Profiles'!$G$18=$B$17,14,0)+IF('Standard Profiles'!$G$18=$B$24,21,0),0)),0)</f>
        <v>5.6972589307871324</v>
      </c>
      <c r="E7480" cm="1">
        <f t="array" ref="E7480">IFERROR(INDEX(Jesper!AI$2:AI$366,ROUNDDOWN($C7480/24,0)+1,1)*INDEX($D$3:$AA$30,INDEX(Jesper!$R$2:$R$366,ROW(INDEX(Jesper!AI$2:AI$366,ROUNDDOWN($C7480/24,0)+1,1))-1)+IF('Standard Profiles'!$G$19=$B$10,7,0)+IF('Standard Profiles'!$G$19=$B$17,14,0)+IF('Standard Profiles'!$G$19=$B$24,21,0),MOD($C7480,24)+1)/SUM(INDEX($D$3:$AA$30,INDEX(Jesper!$R$2:$R$366,ROW(INDEX(Jesper!AI$2:AI$366,ROUNDDOWN($C7480/24,0)+1,1))-1)+IF('Standard Profiles'!$G$19=$B$10,7,0)+IF('Standard Profiles'!$G$19=$B$17,14,0)+IF('Standard Profiles'!$G$19=$B$24,21,0),0)),0)</f>
        <v>4.832438486548126</v>
      </c>
      <c r="F7480" cm="1">
        <f t="array" ref="F7480">IFERROR(INDEX(Jesper!AJ$2:AJ$366,ROUNDDOWN($C7480/24,0)+1,1)*INDEX($D$3:$AA$30,INDEX(Jesper!$R$2:$R$366,ROW(INDEX(Jesper!AJ$2:AJ$366,ROUNDDOWN($C7480/24,0)+1,1))-1)+IF('Standard Profiles'!$G$20=$B$10,7,0)+IF('Standard Profiles'!$G$20=$B$17,14,0)+IF('Standard Profiles'!$G$20=$B$24,21,0),MOD($C7480,24)+1)/SUM(INDEX($D$3:$AA$30,INDEX(Jesper!$R$2:$R$366,ROW(INDEX(Jesper!AJ$2:AJ$366,ROUNDDOWN($C7480/24,0)+1,1))-1)+IF('Standard Profiles'!$G$20=$B$10,7,0)+IF('Standard Profiles'!$G$20=$B$17,14,0)+IF('Standard Profiles'!$G$20=$B$24,21,0),0)),0)</f>
        <v>0</v>
      </c>
      <c r="G7480" cm="1">
        <f t="array" ref="G7480">IFERROR(INDEX(Jesper!AK$2:AK$366,ROUNDDOWN($C7480/24,0)+1,1)*INDEX($D$3:$AA$30,INDEX(Jesper!$R$2:$R$366,ROW(INDEX(Jesper!AK$2:AK$366,ROUNDDOWN($C7480/24,0)+1,1))-1)+IF('Standard Profiles'!$G$21=$B$10,7,0)+IF('Standard Profiles'!$G$21=$B$17,14,0)+IF('Standard Profiles'!$G$21=$B$24,21,0),MOD($C7480,24)+1)/SUM(INDEX($D$3:$AA$30,INDEX(Jesper!$R$2:$R$366,ROW(INDEX(Jesper!AK$2:AK$366,ROUNDDOWN($C7480/24,0)+1,1))-1)+IF('Standard Profiles'!$G$21=$B$10,7,0)+IF('Standard Profiles'!$G$21=$B$17,14,0)+IF('Standard Profiles'!$G$21=$B$24,21,0),0)),0)</f>
        <v>3.0208051339214337</v>
      </c>
      <c r="H7480" cm="1">
        <f t="array" ref="H7480">IFERROR(INDEX(Jesper!AL$2:AL$366,ROUNDDOWN($C7480/24,0)+1,1)*INDEX($D$3:$AA$30,INDEX(Jesper!$R$2:$R$366,ROW(INDEX(Jesper!AL$2:AL$366,ROUNDDOWN($C7480/24,0)+1,1))-1)+IF('Standard Profiles'!$G$22=$B$10,7,0)+IF('Standard Profiles'!$G$22=$B$17,14,0)+IF('Standard Profiles'!$G$22=$B$24,21,0),MOD($C7480,24)+1)/SUM(INDEX($D$3:$AA$30,INDEX(Jesper!$R$2:$R$366,ROW(INDEX(Jesper!AL$2:AL$366,ROUNDDOWN($C7480/24,0)+1,1))-1)+IF('Standard Profiles'!$G$22=$B$10,7,0)+IF('Standard Profiles'!$G$22=$B$17,14,0)+IF('Standard Profiles'!$G$22=$B$24,21,0),0)),0)</f>
        <v>0</v>
      </c>
      <c r="I7480">
        <f t="shared" si="832"/>
        <v>1.4499864642822875</v>
      </c>
      <c r="J7480">
        <f t="shared" si="833"/>
        <v>11.188954658048464</v>
      </c>
      <c r="K7480">
        <f t="shared" si="834"/>
        <v>0.60770761928396078</v>
      </c>
      <c r="L7480">
        <f t="shared" si="835"/>
        <v>0.30385380964198039</v>
      </c>
      <c r="M7480">
        <f t="shared" si="836"/>
        <v>0</v>
      </c>
      <c r="N7480" s="45">
        <f t="shared" si="837"/>
        <v>45237.249999981941</v>
      </c>
    </row>
    <row r="7481" spans="2:14" x14ac:dyDescent="0.25">
      <c r="B7481">
        <f t="shared" si="831"/>
        <v>2</v>
      </c>
      <c r="C7481" s="16">
        <v>7447</v>
      </c>
      <c r="D7481" cm="1">
        <f t="array" ref="D7481">IFERROR(INDEX(Jesper!AH$2:AH$366,ROUNDDOWN($C7481/24,0)+1,1)*INDEX($D$3:$AA$30,INDEX(Jesper!$R$2:$R$366,ROW(INDEX(Jesper!AH$2:AH$366,ROUNDDOWN($C7481/24,0)+1,1))-1)+IF('Standard Profiles'!$G$18=$B$10,7,0)+IF('Standard Profiles'!$G$18=$B$17,14,0)+IF('Standard Profiles'!$G$18=$B$24,21,0),MOD($C7481,24)+1)/SUM(INDEX($D$3:$AA$30,INDEX(Jesper!$R$2:$R$366,ROW(INDEX(Jesper!AH$2:AH$366,ROUNDDOWN($C7481/24,0)+1,1))-1)+IF('Standard Profiles'!$G$18=$B$10,7,0)+IF('Standard Profiles'!$G$18=$B$17,14,0)+IF('Standard Profiles'!$G$18=$B$24,21,0),0)),0)</f>
        <v>24.017507180099503</v>
      </c>
      <c r="E7481" cm="1">
        <f t="array" ref="E7481">IFERROR(INDEX(Jesper!AI$2:AI$366,ROUNDDOWN($C7481/24,0)+1,1)*INDEX($D$3:$AA$30,INDEX(Jesper!$R$2:$R$366,ROW(INDEX(Jesper!AI$2:AI$366,ROUNDDOWN($C7481/24,0)+1,1))-1)+IF('Standard Profiles'!$G$19=$B$10,7,0)+IF('Standard Profiles'!$G$19=$B$17,14,0)+IF('Standard Profiles'!$G$19=$B$24,21,0),MOD($C7481,24)+1)/SUM(INDEX($D$3:$AA$30,INDEX(Jesper!$R$2:$R$366,ROW(INDEX(Jesper!AI$2:AI$366,ROUNDDOWN($C7481/24,0)+1,1))-1)+IF('Standard Profiles'!$G$19=$B$10,7,0)+IF('Standard Profiles'!$G$19=$B$17,14,0)+IF('Standard Profiles'!$G$19=$B$24,21,0),0)),0)</f>
        <v>20.371748494854444</v>
      </c>
      <c r="F7481" cm="1">
        <f t="array" ref="F7481">IFERROR(INDEX(Jesper!AJ$2:AJ$366,ROUNDDOWN($C7481/24,0)+1,1)*INDEX($D$3:$AA$30,INDEX(Jesper!$R$2:$R$366,ROW(INDEX(Jesper!AJ$2:AJ$366,ROUNDDOWN($C7481/24,0)+1,1))-1)+IF('Standard Profiles'!$G$20=$B$10,7,0)+IF('Standard Profiles'!$G$20=$B$17,14,0)+IF('Standard Profiles'!$G$20=$B$24,21,0),MOD($C7481,24)+1)/SUM(INDEX($D$3:$AA$30,INDEX(Jesper!$R$2:$R$366,ROW(INDEX(Jesper!AJ$2:AJ$366,ROUNDDOWN($C7481/24,0)+1,1))-1)+IF('Standard Profiles'!$G$20=$B$10,7,0)+IF('Standard Profiles'!$G$20=$B$17,14,0)+IF('Standard Profiles'!$G$20=$B$24,21,0),0)),0)</f>
        <v>0</v>
      </c>
      <c r="G7481" cm="1">
        <f t="array" ref="G7481">IFERROR(INDEX(Jesper!AK$2:AK$366,ROUNDDOWN($C7481/24,0)+1,1)*INDEX($D$3:$AA$30,INDEX(Jesper!$R$2:$R$366,ROW(INDEX(Jesper!AK$2:AK$366,ROUNDDOWN($C7481/24,0)+1,1))-1)+IF('Standard Profiles'!$G$21=$B$10,7,0)+IF('Standard Profiles'!$G$21=$B$17,14,0)+IF('Standard Profiles'!$G$21=$B$24,21,0),MOD($C7481,24)+1)/SUM(INDEX($D$3:$AA$30,INDEX(Jesper!$R$2:$R$366,ROW(INDEX(Jesper!AK$2:AK$366,ROUNDDOWN($C7481/24,0)+1,1))-1)+IF('Standard Profiles'!$G$21=$B$10,7,0)+IF('Standard Profiles'!$G$21=$B$17,14,0)+IF('Standard Profiles'!$G$21=$B$24,21,0),0)),0)</f>
        <v>8.7018676922317422</v>
      </c>
      <c r="H7481" cm="1">
        <f t="array" ref="H7481">IFERROR(INDEX(Jesper!AL$2:AL$366,ROUNDDOWN($C7481/24,0)+1,1)*INDEX($D$3:$AA$30,INDEX(Jesper!$R$2:$R$366,ROW(INDEX(Jesper!AL$2:AL$366,ROUNDDOWN($C7481/24,0)+1,1))-1)+IF('Standard Profiles'!$G$22=$B$10,7,0)+IF('Standard Profiles'!$G$22=$B$17,14,0)+IF('Standard Profiles'!$G$22=$B$24,21,0),MOD($C7481,24)+1)/SUM(INDEX($D$3:$AA$30,INDEX(Jesper!$R$2:$R$366,ROW(INDEX(Jesper!AL$2:AL$366,ROUNDDOWN($C7481/24,0)+1,1))-1)+IF('Standard Profiles'!$G$22=$B$10,7,0)+IF('Standard Profiles'!$G$22=$B$17,14,0)+IF('Standard Profiles'!$G$22=$B$24,21,0),0)),0)</f>
        <v>0</v>
      </c>
      <c r="I7481">
        <f t="shared" si="832"/>
        <v>4.1768964922712337</v>
      </c>
      <c r="J7481">
        <f t="shared" si="833"/>
        <v>45.071425726098532</v>
      </c>
      <c r="K7481">
        <f t="shared" si="834"/>
        <v>2.5618674325439472</v>
      </c>
      <c r="L7481">
        <f t="shared" si="835"/>
        <v>1.2809337162719736</v>
      </c>
      <c r="M7481">
        <f t="shared" si="836"/>
        <v>0</v>
      </c>
      <c r="N7481" s="45">
        <f t="shared" si="837"/>
        <v>45237.291666648605</v>
      </c>
    </row>
    <row r="7482" spans="2:14" x14ac:dyDescent="0.25">
      <c r="B7482">
        <f t="shared" si="831"/>
        <v>2</v>
      </c>
      <c r="C7482" s="16">
        <v>7448</v>
      </c>
      <c r="D7482" cm="1">
        <f t="array" ref="D7482">IFERROR(INDEX(Jesper!AH$2:AH$366,ROUNDDOWN($C7482/24,0)+1,1)*INDEX($D$3:$AA$30,INDEX(Jesper!$R$2:$R$366,ROW(INDEX(Jesper!AH$2:AH$366,ROUNDDOWN($C7482/24,0)+1,1))-1)+IF('Standard Profiles'!$G$18=$B$10,7,0)+IF('Standard Profiles'!$G$18=$B$17,14,0)+IF('Standard Profiles'!$G$18=$B$24,21,0),MOD($C7482,24)+1)/SUM(INDEX($D$3:$AA$30,INDEX(Jesper!$R$2:$R$366,ROW(INDEX(Jesper!AH$2:AH$366,ROUNDDOWN($C7482/24,0)+1,1))-1)+IF('Standard Profiles'!$G$18=$B$10,7,0)+IF('Standard Profiles'!$G$18=$B$17,14,0)+IF('Standard Profiles'!$G$18=$B$24,21,0),0)),0)</f>
        <v>26.798481695689976</v>
      </c>
      <c r="E7482" cm="1">
        <f t="array" ref="E7482">IFERROR(INDEX(Jesper!AI$2:AI$366,ROUNDDOWN($C7482/24,0)+1,1)*INDEX($D$3:$AA$30,INDEX(Jesper!$R$2:$R$366,ROW(INDEX(Jesper!AI$2:AI$366,ROUNDDOWN($C7482/24,0)+1,1))-1)+IF('Standard Profiles'!$G$19=$B$10,7,0)+IF('Standard Profiles'!$G$19=$B$17,14,0)+IF('Standard Profiles'!$G$19=$B$24,21,0),MOD($C7482,24)+1)/SUM(INDEX($D$3:$AA$30,INDEX(Jesper!$R$2:$R$366,ROW(INDEX(Jesper!AI$2:AI$366,ROUNDDOWN($C7482/24,0)+1,1))-1)+IF('Standard Profiles'!$G$19=$B$10,7,0)+IF('Standard Profiles'!$G$19=$B$17,14,0)+IF('Standard Profiles'!$G$19=$B$24,21,0),0)),0)</f>
        <v>22.730582531100747</v>
      </c>
      <c r="F7482" cm="1">
        <f t="array" ref="F7482">IFERROR(INDEX(Jesper!AJ$2:AJ$366,ROUNDDOWN($C7482/24,0)+1,1)*INDEX($D$3:$AA$30,INDEX(Jesper!$R$2:$R$366,ROW(INDEX(Jesper!AJ$2:AJ$366,ROUNDDOWN($C7482/24,0)+1,1))-1)+IF('Standard Profiles'!$G$20=$B$10,7,0)+IF('Standard Profiles'!$G$20=$B$17,14,0)+IF('Standard Profiles'!$G$20=$B$24,21,0),MOD($C7482,24)+1)/SUM(INDEX($D$3:$AA$30,INDEX(Jesper!$R$2:$R$366,ROW(INDEX(Jesper!AJ$2:AJ$366,ROUNDDOWN($C7482/24,0)+1,1))-1)+IF('Standard Profiles'!$G$20=$B$10,7,0)+IF('Standard Profiles'!$G$20=$B$17,14,0)+IF('Standard Profiles'!$G$20=$B$24,21,0),0)),0)</f>
        <v>0</v>
      </c>
      <c r="G7482" cm="1">
        <f t="array" ref="G7482">IFERROR(INDEX(Jesper!AK$2:AK$366,ROUNDDOWN($C7482/24,0)+1,1)*INDEX($D$3:$AA$30,INDEX(Jesper!$R$2:$R$366,ROW(INDEX(Jesper!AK$2:AK$366,ROUNDDOWN($C7482/24,0)+1,1))-1)+IF('Standard Profiles'!$G$21=$B$10,7,0)+IF('Standard Profiles'!$G$21=$B$17,14,0)+IF('Standard Profiles'!$G$21=$B$24,21,0),MOD($C7482,24)+1)/SUM(INDEX($D$3:$AA$30,INDEX(Jesper!$R$2:$R$366,ROW(INDEX(Jesper!AK$2:AK$366,ROUNDDOWN($C7482/24,0)+1,1))-1)+IF('Standard Profiles'!$G$21=$B$10,7,0)+IF('Standard Profiles'!$G$21=$B$17,14,0)+IF('Standard Profiles'!$G$21=$B$24,21,0),0)),0)</f>
        <v>9.7094523723848916</v>
      </c>
      <c r="H7482" cm="1">
        <f t="array" ref="H7482">IFERROR(INDEX(Jesper!AL$2:AL$366,ROUNDDOWN($C7482/24,0)+1,1)*INDEX($D$3:$AA$30,INDEX(Jesper!$R$2:$R$366,ROW(INDEX(Jesper!AL$2:AL$366,ROUNDDOWN($C7482/24,0)+1,1))-1)+IF('Standard Profiles'!$G$22=$B$10,7,0)+IF('Standard Profiles'!$G$22=$B$17,14,0)+IF('Standard Profiles'!$G$22=$B$24,21,0),MOD($C7482,24)+1)/SUM(INDEX($D$3:$AA$30,INDEX(Jesper!$R$2:$R$366,ROW(INDEX(Jesper!AL$2:AL$366,ROUNDDOWN($C7482/24,0)+1,1))-1)+IF('Standard Profiles'!$G$22=$B$10,7,0)+IF('Standard Profiles'!$G$22=$B$17,14,0)+IF('Standard Profiles'!$G$22=$B$24,21,0),0)),0)</f>
        <v>0</v>
      </c>
      <c r="I7482">
        <f t="shared" si="832"/>
        <v>4.6605371387447452</v>
      </c>
      <c r="J7482">
        <f t="shared" si="833"/>
        <v>50.290222389120473</v>
      </c>
      <c r="K7482">
        <f t="shared" si="834"/>
        <v>2.8585047142069309</v>
      </c>
      <c r="L7482">
        <f t="shared" si="835"/>
        <v>1.4292523571034654</v>
      </c>
      <c r="M7482">
        <f t="shared" si="836"/>
        <v>0</v>
      </c>
      <c r="N7482" s="45">
        <f t="shared" si="837"/>
        <v>45237.33333331527</v>
      </c>
    </row>
    <row r="7483" spans="2:14" x14ac:dyDescent="0.25">
      <c r="B7483">
        <f t="shared" si="831"/>
        <v>2</v>
      </c>
      <c r="C7483" s="16">
        <v>7449</v>
      </c>
      <c r="D7483" cm="1">
        <f t="array" ref="D7483">IFERROR(INDEX(Jesper!AH$2:AH$366,ROUNDDOWN($C7483/24,0)+1,1)*INDEX($D$3:$AA$30,INDEX(Jesper!$R$2:$R$366,ROW(INDEX(Jesper!AH$2:AH$366,ROUNDDOWN($C7483/24,0)+1,1))-1)+IF('Standard Profiles'!$G$18=$B$10,7,0)+IF('Standard Profiles'!$G$18=$B$17,14,0)+IF('Standard Profiles'!$G$18=$B$24,21,0),MOD($C7483,24)+1)/SUM(INDEX($D$3:$AA$30,INDEX(Jesper!$R$2:$R$366,ROW(INDEX(Jesper!AH$2:AH$366,ROUNDDOWN($C7483/24,0)+1,1))-1)+IF('Standard Profiles'!$G$18=$B$10,7,0)+IF('Standard Profiles'!$G$18=$B$17,14,0)+IF('Standard Profiles'!$G$18=$B$24,21,0),0)),0)</f>
        <v>29.579456211280444</v>
      </c>
      <c r="E7483" cm="1">
        <f t="array" ref="E7483">IFERROR(INDEX(Jesper!AI$2:AI$366,ROUNDDOWN($C7483/24,0)+1,1)*INDEX($D$3:$AA$30,INDEX(Jesper!$R$2:$R$366,ROW(INDEX(Jesper!AI$2:AI$366,ROUNDDOWN($C7483/24,0)+1,1))-1)+IF('Standard Profiles'!$G$19=$B$10,7,0)+IF('Standard Profiles'!$G$19=$B$17,14,0)+IF('Standard Profiles'!$G$19=$B$24,21,0),MOD($C7483,24)+1)/SUM(INDEX($D$3:$AA$30,INDEX(Jesper!$R$2:$R$366,ROW(INDEX(Jesper!AI$2:AI$366,ROUNDDOWN($C7483/24,0)+1,1))-1)+IF('Standard Profiles'!$G$19=$B$10,7,0)+IF('Standard Profiles'!$G$19=$B$17,14,0)+IF('Standard Profiles'!$G$19=$B$24,21,0),0)),0)</f>
        <v>25.089416567347051</v>
      </c>
      <c r="F7483" cm="1">
        <f t="array" ref="F7483">IFERROR(INDEX(Jesper!AJ$2:AJ$366,ROUNDDOWN($C7483/24,0)+1,1)*INDEX($D$3:$AA$30,INDEX(Jesper!$R$2:$R$366,ROW(INDEX(Jesper!AJ$2:AJ$366,ROUNDDOWN($C7483/24,0)+1,1))-1)+IF('Standard Profiles'!$G$20=$B$10,7,0)+IF('Standard Profiles'!$G$20=$B$17,14,0)+IF('Standard Profiles'!$G$20=$B$24,21,0),MOD($C7483,24)+1)/SUM(INDEX($D$3:$AA$30,INDEX(Jesper!$R$2:$R$366,ROW(INDEX(Jesper!AJ$2:AJ$366,ROUNDDOWN($C7483/24,0)+1,1))-1)+IF('Standard Profiles'!$G$20=$B$10,7,0)+IF('Standard Profiles'!$G$20=$B$17,14,0)+IF('Standard Profiles'!$G$20=$B$24,21,0),0)),0)</f>
        <v>0</v>
      </c>
      <c r="G7483" cm="1">
        <f t="array" ref="G7483">IFERROR(INDEX(Jesper!AK$2:AK$366,ROUNDDOWN($C7483/24,0)+1,1)*INDEX($D$3:$AA$30,INDEX(Jesper!$R$2:$R$366,ROW(INDEX(Jesper!AK$2:AK$366,ROUNDDOWN($C7483/24,0)+1,1))-1)+IF('Standard Profiles'!$G$21=$B$10,7,0)+IF('Standard Profiles'!$G$21=$B$17,14,0)+IF('Standard Profiles'!$G$21=$B$24,21,0),MOD($C7483,24)+1)/SUM(INDEX($D$3:$AA$30,INDEX(Jesper!$R$2:$R$366,ROW(INDEX(Jesper!AK$2:AK$366,ROUNDDOWN($C7483/24,0)+1,1))-1)+IF('Standard Profiles'!$G$21=$B$10,7,0)+IF('Standard Profiles'!$G$21=$B$17,14,0)+IF('Standard Profiles'!$G$21=$B$24,21,0),0)),0)</f>
        <v>10.717037052538041</v>
      </c>
      <c r="H7483" cm="1">
        <f t="array" ref="H7483">IFERROR(INDEX(Jesper!AL$2:AL$366,ROUNDDOWN($C7483/24,0)+1,1)*INDEX($D$3:$AA$30,INDEX(Jesper!$R$2:$R$366,ROW(INDEX(Jesper!AL$2:AL$366,ROUNDDOWN($C7483/24,0)+1,1))-1)+IF('Standard Profiles'!$G$22=$B$10,7,0)+IF('Standard Profiles'!$G$22=$B$17,14,0)+IF('Standard Profiles'!$G$22=$B$24,21,0),MOD($C7483,24)+1)/SUM(INDEX($D$3:$AA$30,INDEX(Jesper!$R$2:$R$366,ROW(INDEX(Jesper!AL$2:AL$366,ROUNDDOWN($C7483/24,0)+1,1))-1)+IF('Standard Profiles'!$G$22=$B$10,7,0)+IF('Standard Profiles'!$G$22=$B$17,14,0)+IF('Standard Profiles'!$G$22=$B$24,21,0),0)),0)</f>
        <v>0</v>
      </c>
      <c r="I7483">
        <f t="shared" si="832"/>
        <v>5.1441777852182575</v>
      </c>
      <c r="J7483">
        <f t="shared" si="833"/>
        <v>55.509019052142406</v>
      </c>
      <c r="K7483">
        <f t="shared" si="834"/>
        <v>3.1551419958699141</v>
      </c>
      <c r="L7483">
        <f t="shared" si="835"/>
        <v>1.577570997934957</v>
      </c>
      <c r="M7483">
        <f t="shared" si="836"/>
        <v>0</v>
      </c>
      <c r="N7483" s="45">
        <f t="shared" si="837"/>
        <v>45237.374999981934</v>
      </c>
    </row>
    <row r="7484" spans="2:14" x14ac:dyDescent="0.25">
      <c r="B7484">
        <f t="shared" si="831"/>
        <v>2</v>
      </c>
      <c r="C7484" s="16">
        <v>7450</v>
      </c>
      <c r="D7484" cm="1">
        <f t="array" ref="D7484">IFERROR(INDEX(Jesper!AH$2:AH$366,ROUNDDOWN($C7484/24,0)+1,1)*INDEX($D$3:$AA$30,INDEX(Jesper!$R$2:$R$366,ROW(INDEX(Jesper!AH$2:AH$366,ROUNDDOWN($C7484/24,0)+1,1))-1)+IF('Standard Profiles'!$G$18=$B$10,7,0)+IF('Standard Profiles'!$G$18=$B$17,14,0)+IF('Standard Profiles'!$G$18=$B$24,21,0),MOD($C7484,24)+1)/SUM(INDEX($D$3:$AA$30,INDEX(Jesper!$R$2:$R$366,ROW(INDEX(Jesper!AH$2:AH$366,ROUNDDOWN($C7484/24,0)+1,1))-1)+IF('Standard Profiles'!$G$18=$B$10,7,0)+IF('Standard Profiles'!$G$18=$B$17,14,0)+IF('Standard Profiles'!$G$18=$B$24,21,0),0)),0)</f>
        <v>29.579456211280444</v>
      </c>
      <c r="E7484" cm="1">
        <f t="array" ref="E7484">IFERROR(INDEX(Jesper!AI$2:AI$366,ROUNDDOWN($C7484/24,0)+1,1)*INDEX($D$3:$AA$30,INDEX(Jesper!$R$2:$R$366,ROW(INDEX(Jesper!AI$2:AI$366,ROUNDDOWN($C7484/24,0)+1,1))-1)+IF('Standard Profiles'!$G$19=$B$10,7,0)+IF('Standard Profiles'!$G$19=$B$17,14,0)+IF('Standard Profiles'!$G$19=$B$24,21,0),MOD($C7484,24)+1)/SUM(INDEX($D$3:$AA$30,INDEX(Jesper!$R$2:$R$366,ROW(INDEX(Jesper!AI$2:AI$366,ROUNDDOWN($C7484/24,0)+1,1))-1)+IF('Standard Profiles'!$G$19=$B$10,7,0)+IF('Standard Profiles'!$G$19=$B$17,14,0)+IF('Standard Profiles'!$G$19=$B$24,21,0),0)),0)</f>
        <v>25.089416567347051</v>
      </c>
      <c r="F7484" cm="1">
        <f t="array" ref="F7484">IFERROR(INDEX(Jesper!AJ$2:AJ$366,ROUNDDOWN($C7484/24,0)+1,1)*INDEX($D$3:$AA$30,INDEX(Jesper!$R$2:$R$366,ROW(INDEX(Jesper!AJ$2:AJ$366,ROUNDDOWN($C7484/24,0)+1,1))-1)+IF('Standard Profiles'!$G$20=$B$10,7,0)+IF('Standard Profiles'!$G$20=$B$17,14,0)+IF('Standard Profiles'!$G$20=$B$24,21,0),MOD($C7484,24)+1)/SUM(INDEX($D$3:$AA$30,INDEX(Jesper!$R$2:$R$366,ROW(INDEX(Jesper!AJ$2:AJ$366,ROUNDDOWN($C7484/24,0)+1,1))-1)+IF('Standard Profiles'!$G$20=$B$10,7,0)+IF('Standard Profiles'!$G$20=$B$17,14,0)+IF('Standard Profiles'!$G$20=$B$24,21,0),0)),0)</f>
        <v>0</v>
      </c>
      <c r="G7484" cm="1">
        <f t="array" ref="G7484">IFERROR(INDEX(Jesper!AK$2:AK$366,ROUNDDOWN($C7484/24,0)+1,1)*INDEX($D$3:$AA$30,INDEX(Jesper!$R$2:$R$366,ROW(INDEX(Jesper!AK$2:AK$366,ROUNDDOWN($C7484/24,0)+1,1))-1)+IF('Standard Profiles'!$G$21=$B$10,7,0)+IF('Standard Profiles'!$G$21=$B$17,14,0)+IF('Standard Profiles'!$G$21=$B$24,21,0),MOD($C7484,24)+1)/SUM(INDEX($D$3:$AA$30,INDEX(Jesper!$R$2:$R$366,ROW(INDEX(Jesper!AK$2:AK$366,ROUNDDOWN($C7484/24,0)+1,1))-1)+IF('Standard Profiles'!$G$21=$B$10,7,0)+IF('Standard Profiles'!$G$21=$B$17,14,0)+IF('Standard Profiles'!$G$21=$B$24,21,0),0)),0)</f>
        <v>10.717037052538041</v>
      </c>
      <c r="H7484" cm="1">
        <f t="array" ref="H7484">IFERROR(INDEX(Jesper!AL$2:AL$366,ROUNDDOWN($C7484/24,0)+1,1)*INDEX($D$3:$AA$30,INDEX(Jesper!$R$2:$R$366,ROW(INDEX(Jesper!AL$2:AL$366,ROUNDDOWN($C7484/24,0)+1,1))-1)+IF('Standard Profiles'!$G$22=$B$10,7,0)+IF('Standard Profiles'!$G$22=$B$17,14,0)+IF('Standard Profiles'!$G$22=$B$24,21,0),MOD($C7484,24)+1)/SUM(INDEX($D$3:$AA$30,INDEX(Jesper!$R$2:$R$366,ROW(INDEX(Jesper!AL$2:AL$366,ROUNDDOWN($C7484/24,0)+1,1))-1)+IF('Standard Profiles'!$G$22=$B$10,7,0)+IF('Standard Profiles'!$G$22=$B$17,14,0)+IF('Standard Profiles'!$G$22=$B$24,21,0),0)),0)</f>
        <v>0</v>
      </c>
      <c r="I7484">
        <f t="shared" si="832"/>
        <v>5.1441777852182575</v>
      </c>
      <c r="J7484">
        <f t="shared" si="833"/>
        <v>55.509019052142406</v>
      </c>
      <c r="K7484">
        <f t="shared" si="834"/>
        <v>3.1551419958699141</v>
      </c>
      <c r="L7484">
        <f t="shared" si="835"/>
        <v>1.577570997934957</v>
      </c>
      <c r="M7484">
        <f t="shared" si="836"/>
        <v>0</v>
      </c>
      <c r="N7484" s="45">
        <f t="shared" si="837"/>
        <v>45237.416666648598</v>
      </c>
    </row>
    <row r="7485" spans="2:14" x14ac:dyDescent="0.25">
      <c r="B7485">
        <f t="shared" si="831"/>
        <v>2</v>
      </c>
      <c r="C7485" s="16">
        <v>7451</v>
      </c>
      <c r="D7485" cm="1">
        <f t="array" ref="D7485">IFERROR(INDEX(Jesper!AH$2:AH$366,ROUNDDOWN($C7485/24,0)+1,1)*INDEX($D$3:$AA$30,INDEX(Jesper!$R$2:$R$366,ROW(INDEX(Jesper!AH$2:AH$366,ROUNDDOWN($C7485/24,0)+1,1))-1)+IF('Standard Profiles'!$G$18=$B$10,7,0)+IF('Standard Profiles'!$G$18=$B$17,14,0)+IF('Standard Profiles'!$G$18=$B$24,21,0),MOD($C7485,24)+1)/SUM(INDEX($D$3:$AA$30,INDEX(Jesper!$R$2:$R$366,ROW(INDEX(Jesper!AH$2:AH$366,ROUNDDOWN($C7485/24,0)+1,1))-1)+IF('Standard Profiles'!$G$18=$B$10,7,0)+IF('Standard Profiles'!$G$18=$B$17,14,0)+IF('Standard Profiles'!$G$18=$B$24,21,0),0)),0)</f>
        <v>35.394221107515058</v>
      </c>
      <c r="E7485" cm="1">
        <f t="array" ref="E7485">IFERROR(INDEX(Jesper!AI$2:AI$366,ROUNDDOWN($C7485/24,0)+1,1)*INDEX($D$3:$AA$30,INDEX(Jesper!$R$2:$R$366,ROW(INDEX(Jesper!AI$2:AI$366,ROUNDDOWN($C7485/24,0)+1,1))-1)+IF('Standard Profiles'!$G$19=$B$10,7,0)+IF('Standard Profiles'!$G$19=$B$17,14,0)+IF('Standard Profiles'!$G$19=$B$24,21,0),MOD($C7485,24)+1)/SUM(INDEX($D$3:$AA$30,INDEX(Jesper!$R$2:$R$366,ROW(INDEX(Jesper!AI$2:AI$366,ROUNDDOWN($C7485/24,0)+1,1))-1)+IF('Standard Profiles'!$G$19=$B$10,7,0)+IF('Standard Profiles'!$G$19=$B$17,14,0)+IF('Standard Profiles'!$G$19=$B$24,21,0),0)),0)</f>
        <v>30.021524097680231</v>
      </c>
      <c r="F7485" cm="1">
        <f t="array" ref="F7485">IFERROR(INDEX(Jesper!AJ$2:AJ$366,ROUNDDOWN($C7485/24,0)+1,1)*INDEX($D$3:$AA$30,INDEX(Jesper!$R$2:$R$366,ROW(INDEX(Jesper!AJ$2:AJ$366,ROUNDDOWN($C7485/24,0)+1,1))-1)+IF('Standard Profiles'!$G$20=$B$10,7,0)+IF('Standard Profiles'!$G$20=$B$17,14,0)+IF('Standard Profiles'!$G$20=$B$24,21,0),MOD($C7485,24)+1)/SUM(INDEX($D$3:$AA$30,INDEX(Jesper!$R$2:$R$366,ROW(INDEX(Jesper!AJ$2:AJ$366,ROUNDDOWN($C7485/24,0)+1,1))-1)+IF('Standard Profiles'!$G$20=$B$10,7,0)+IF('Standard Profiles'!$G$20=$B$17,14,0)+IF('Standard Profiles'!$G$20=$B$24,21,0),0)),0)</f>
        <v>0</v>
      </c>
      <c r="G7485" cm="1">
        <f t="array" ref="G7485">IFERROR(INDEX(Jesper!AK$2:AK$366,ROUNDDOWN($C7485/24,0)+1,1)*INDEX($D$3:$AA$30,INDEX(Jesper!$R$2:$R$366,ROW(INDEX(Jesper!AK$2:AK$366,ROUNDDOWN($C7485/24,0)+1,1))-1)+IF('Standard Profiles'!$G$21=$B$10,7,0)+IF('Standard Profiles'!$G$21=$B$17,14,0)+IF('Standard Profiles'!$G$21=$B$24,21,0),MOD($C7485,24)+1)/SUM(INDEX($D$3:$AA$30,INDEX(Jesper!$R$2:$R$366,ROW(INDEX(Jesper!AK$2:AK$366,ROUNDDOWN($C7485/24,0)+1,1))-1)+IF('Standard Profiles'!$G$21=$B$10,7,0)+IF('Standard Profiles'!$G$21=$B$17,14,0)+IF('Standard Profiles'!$G$21=$B$24,21,0),0)),0)</f>
        <v>12.823805020130989</v>
      </c>
      <c r="H7485" cm="1">
        <f t="array" ref="H7485">IFERROR(INDEX(Jesper!AL$2:AL$366,ROUNDDOWN($C7485/24,0)+1,1)*INDEX($D$3:$AA$30,INDEX(Jesper!$R$2:$R$366,ROW(INDEX(Jesper!AL$2:AL$366,ROUNDDOWN($C7485/24,0)+1,1))-1)+IF('Standard Profiles'!$G$22=$B$10,7,0)+IF('Standard Profiles'!$G$22=$B$17,14,0)+IF('Standard Profiles'!$G$22=$B$24,21,0),MOD($C7485,24)+1)/SUM(INDEX($D$3:$AA$30,INDEX(Jesper!$R$2:$R$366,ROW(INDEX(Jesper!AL$2:AL$366,ROUNDDOWN($C7485/24,0)+1,1))-1)+IF('Standard Profiles'!$G$22=$B$10,7,0)+IF('Standard Profiles'!$G$22=$B$17,14,0)+IF('Standard Profiles'!$G$22=$B$24,21,0),0)),0)</f>
        <v>0</v>
      </c>
      <c r="I7485">
        <f t="shared" si="832"/>
        <v>6.155426409662871</v>
      </c>
      <c r="J7485">
        <f t="shared" si="833"/>
        <v>66.421048438460986</v>
      </c>
      <c r="K7485">
        <f t="shared" si="834"/>
        <v>3.7753835848016064</v>
      </c>
      <c r="L7485">
        <f t="shared" si="835"/>
        <v>1.8876917924008032</v>
      </c>
      <c r="M7485">
        <f t="shared" si="836"/>
        <v>0</v>
      </c>
      <c r="N7485" s="45">
        <f t="shared" si="837"/>
        <v>45237.458333315262</v>
      </c>
    </row>
    <row r="7486" spans="2:14" x14ac:dyDescent="0.25">
      <c r="B7486">
        <f t="shared" si="831"/>
        <v>2</v>
      </c>
      <c r="C7486" s="16">
        <v>7452</v>
      </c>
      <c r="D7486" cm="1">
        <f t="array" ref="D7486">IFERROR(INDEX(Jesper!AH$2:AH$366,ROUNDDOWN($C7486/24,0)+1,1)*INDEX($D$3:$AA$30,INDEX(Jesper!$R$2:$R$366,ROW(INDEX(Jesper!AH$2:AH$366,ROUNDDOWN($C7486/24,0)+1,1))-1)+IF('Standard Profiles'!$G$18=$B$10,7,0)+IF('Standard Profiles'!$G$18=$B$17,14,0)+IF('Standard Profiles'!$G$18=$B$24,21,0),MOD($C7486,24)+1)/SUM(INDEX($D$3:$AA$30,INDEX(Jesper!$R$2:$R$366,ROW(INDEX(Jesper!AH$2:AH$366,ROUNDDOWN($C7486/24,0)+1,1))-1)+IF('Standard Profiles'!$G$18=$B$10,7,0)+IF('Standard Profiles'!$G$18=$B$17,14,0)+IF('Standard Profiles'!$G$18=$B$24,21,0),0)),0)</f>
        <v>35.394221107515058</v>
      </c>
      <c r="E7486" cm="1">
        <f t="array" ref="E7486">IFERROR(INDEX(Jesper!AI$2:AI$366,ROUNDDOWN($C7486/24,0)+1,1)*INDEX($D$3:$AA$30,INDEX(Jesper!$R$2:$R$366,ROW(INDEX(Jesper!AI$2:AI$366,ROUNDDOWN($C7486/24,0)+1,1))-1)+IF('Standard Profiles'!$G$19=$B$10,7,0)+IF('Standard Profiles'!$G$19=$B$17,14,0)+IF('Standard Profiles'!$G$19=$B$24,21,0),MOD($C7486,24)+1)/SUM(INDEX($D$3:$AA$30,INDEX(Jesper!$R$2:$R$366,ROW(INDEX(Jesper!AI$2:AI$366,ROUNDDOWN($C7486/24,0)+1,1))-1)+IF('Standard Profiles'!$G$19=$B$10,7,0)+IF('Standard Profiles'!$G$19=$B$17,14,0)+IF('Standard Profiles'!$G$19=$B$24,21,0),0)),0)</f>
        <v>30.021524097680231</v>
      </c>
      <c r="F7486" cm="1">
        <f t="array" ref="F7486">IFERROR(INDEX(Jesper!AJ$2:AJ$366,ROUNDDOWN($C7486/24,0)+1,1)*INDEX($D$3:$AA$30,INDEX(Jesper!$R$2:$R$366,ROW(INDEX(Jesper!AJ$2:AJ$366,ROUNDDOWN($C7486/24,0)+1,1))-1)+IF('Standard Profiles'!$G$20=$B$10,7,0)+IF('Standard Profiles'!$G$20=$B$17,14,0)+IF('Standard Profiles'!$G$20=$B$24,21,0),MOD($C7486,24)+1)/SUM(INDEX($D$3:$AA$30,INDEX(Jesper!$R$2:$R$366,ROW(INDEX(Jesper!AJ$2:AJ$366,ROUNDDOWN($C7486/24,0)+1,1))-1)+IF('Standard Profiles'!$G$20=$B$10,7,0)+IF('Standard Profiles'!$G$20=$B$17,14,0)+IF('Standard Profiles'!$G$20=$B$24,21,0),0)),0)</f>
        <v>0</v>
      </c>
      <c r="G7486" cm="1">
        <f t="array" ref="G7486">IFERROR(INDEX(Jesper!AK$2:AK$366,ROUNDDOWN($C7486/24,0)+1,1)*INDEX($D$3:$AA$30,INDEX(Jesper!$R$2:$R$366,ROW(INDEX(Jesper!AK$2:AK$366,ROUNDDOWN($C7486/24,0)+1,1))-1)+IF('Standard Profiles'!$G$21=$B$10,7,0)+IF('Standard Profiles'!$G$21=$B$17,14,0)+IF('Standard Profiles'!$G$21=$B$24,21,0),MOD($C7486,24)+1)/SUM(INDEX($D$3:$AA$30,INDEX(Jesper!$R$2:$R$366,ROW(INDEX(Jesper!AK$2:AK$366,ROUNDDOWN($C7486/24,0)+1,1))-1)+IF('Standard Profiles'!$G$21=$B$10,7,0)+IF('Standard Profiles'!$G$21=$B$17,14,0)+IF('Standard Profiles'!$G$21=$B$24,21,0),0)),0)</f>
        <v>12.823805020130989</v>
      </c>
      <c r="H7486" cm="1">
        <f t="array" ref="H7486">IFERROR(INDEX(Jesper!AL$2:AL$366,ROUNDDOWN($C7486/24,0)+1,1)*INDEX($D$3:$AA$30,INDEX(Jesper!$R$2:$R$366,ROW(INDEX(Jesper!AL$2:AL$366,ROUNDDOWN($C7486/24,0)+1,1))-1)+IF('Standard Profiles'!$G$22=$B$10,7,0)+IF('Standard Profiles'!$G$22=$B$17,14,0)+IF('Standard Profiles'!$G$22=$B$24,21,0),MOD($C7486,24)+1)/SUM(INDEX($D$3:$AA$30,INDEX(Jesper!$R$2:$R$366,ROW(INDEX(Jesper!AL$2:AL$366,ROUNDDOWN($C7486/24,0)+1,1))-1)+IF('Standard Profiles'!$G$22=$B$10,7,0)+IF('Standard Profiles'!$G$22=$B$17,14,0)+IF('Standard Profiles'!$G$22=$B$24,21,0),0)),0)</f>
        <v>0</v>
      </c>
      <c r="I7486">
        <f t="shared" si="832"/>
        <v>6.155426409662871</v>
      </c>
      <c r="J7486">
        <f t="shared" si="833"/>
        <v>66.421048438460986</v>
      </c>
      <c r="K7486">
        <f t="shared" si="834"/>
        <v>3.7753835848016064</v>
      </c>
      <c r="L7486">
        <f t="shared" si="835"/>
        <v>1.8876917924008032</v>
      </c>
      <c r="M7486">
        <f t="shared" si="836"/>
        <v>0</v>
      </c>
      <c r="N7486" s="45">
        <f t="shared" si="837"/>
        <v>45237.499999981927</v>
      </c>
    </row>
    <row r="7487" spans="2:14" x14ac:dyDescent="0.25">
      <c r="B7487">
        <f t="shared" si="831"/>
        <v>2</v>
      </c>
      <c r="C7487" s="16">
        <v>7453</v>
      </c>
      <c r="D7487" cm="1">
        <f t="array" ref="D7487">IFERROR(INDEX(Jesper!AH$2:AH$366,ROUNDDOWN($C7487/24,0)+1,1)*INDEX($D$3:$AA$30,INDEX(Jesper!$R$2:$R$366,ROW(INDEX(Jesper!AH$2:AH$366,ROUNDDOWN($C7487/24,0)+1,1))-1)+IF('Standard Profiles'!$G$18=$B$10,7,0)+IF('Standard Profiles'!$G$18=$B$17,14,0)+IF('Standard Profiles'!$G$18=$B$24,21,0),MOD($C7487,24)+1)/SUM(INDEX($D$3:$AA$30,INDEX(Jesper!$R$2:$R$366,ROW(INDEX(Jesper!AH$2:AH$366,ROUNDDOWN($C7487/24,0)+1,1))-1)+IF('Standard Profiles'!$G$18=$B$10,7,0)+IF('Standard Profiles'!$G$18=$B$17,14,0)+IF('Standard Profiles'!$G$18=$B$24,21,0),0)),0)</f>
        <v>23.511875449992147</v>
      </c>
      <c r="E7487" cm="1">
        <f t="array" ref="E7487">IFERROR(INDEX(Jesper!AI$2:AI$366,ROUNDDOWN($C7487/24,0)+1,1)*INDEX($D$3:$AA$30,INDEX(Jesper!$R$2:$R$366,ROW(INDEX(Jesper!AI$2:AI$366,ROUNDDOWN($C7487/24,0)+1,1))-1)+IF('Standard Profiles'!$G$19=$B$10,7,0)+IF('Standard Profiles'!$G$19=$B$17,14,0)+IF('Standard Profiles'!$G$19=$B$24,21,0),MOD($C7487,24)+1)/SUM(INDEX($D$3:$AA$30,INDEX(Jesper!$R$2:$R$366,ROW(INDEX(Jesper!AI$2:AI$366,ROUNDDOWN($C7487/24,0)+1,1))-1)+IF('Standard Profiles'!$G$19=$B$10,7,0)+IF('Standard Profiles'!$G$19=$B$17,14,0)+IF('Standard Profiles'!$G$19=$B$24,21,0),0)),0)</f>
        <v>19.942869579173294</v>
      </c>
      <c r="F7487" cm="1">
        <f t="array" ref="F7487">IFERROR(INDEX(Jesper!AJ$2:AJ$366,ROUNDDOWN($C7487/24,0)+1,1)*INDEX($D$3:$AA$30,INDEX(Jesper!$R$2:$R$366,ROW(INDEX(Jesper!AJ$2:AJ$366,ROUNDDOWN($C7487/24,0)+1,1))-1)+IF('Standard Profiles'!$G$20=$B$10,7,0)+IF('Standard Profiles'!$G$20=$B$17,14,0)+IF('Standard Profiles'!$G$20=$B$24,21,0),MOD($C7487,24)+1)/SUM(INDEX($D$3:$AA$30,INDEX(Jesper!$R$2:$R$366,ROW(INDEX(Jesper!AJ$2:AJ$366,ROUNDDOWN($C7487/24,0)+1,1))-1)+IF('Standard Profiles'!$G$20=$B$10,7,0)+IF('Standard Profiles'!$G$20=$B$17,14,0)+IF('Standard Profiles'!$G$20=$B$24,21,0),0)),0)</f>
        <v>0</v>
      </c>
      <c r="G7487" cm="1">
        <f t="array" ref="G7487">IFERROR(INDEX(Jesper!AK$2:AK$366,ROUNDDOWN($C7487/24,0)+1,1)*INDEX($D$3:$AA$30,INDEX(Jesper!$R$2:$R$366,ROW(INDEX(Jesper!AK$2:AK$366,ROUNDDOWN($C7487/24,0)+1,1))-1)+IF('Standard Profiles'!$G$21=$B$10,7,0)+IF('Standard Profiles'!$G$21=$B$17,14,0)+IF('Standard Profiles'!$G$21=$B$24,21,0),MOD($C7487,24)+1)/SUM(INDEX($D$3:$AA$30,INDEX(Jesper!$R$2:$R$366,ROW(INDEX(Jesper!AK$2:AK$366,ROUNDDOWN($C7487/24,0)+1,1))-1)+IF('Standard Profiles'!$G$21=$B$10,7,0)+IF('Standard Profiles'!$G$21=$B$17,14,0)+IF('Standard Profiles'!$G$21=$B$24,21,0),0)),0)</f>
        <v>8.518670477658441</v>
      </c>
      <c r="H7487" cm="1">
        <f t="array" ref="H7487">IFERROR(INDEX(Jesper!AL$2:AL$366,ROUNDDOWN($C7487/24,0)+1,1)*INDEX($D$3:$AA$30,INDEX(Jesper!$R$2:$R$366,ROW(INDEX(Jesper!AL$2:AL$366,ROUNDDOWN($C7487/24,0)+1,1))-1)+IF('Standard Profiles'!$G$22=$B$10,7,0)+IF('Standard Profiles'!$G$22=$B$17,14,0)+IF('Standard Profiles'!$G$22=$B$24,21,0),MOD($C7487,24)+1)/SUM(INDEX($D$3:$AA$30,INDEX(Jesper!$R$2:$R$366,ROW(INDEX(Jesper!AL$2:AL$366,ROUNDDOWN($C7487/24,0)+1,1))-1)+IF('Standard Profiles'!$G$22=$B$10,7,0)+IF('Standard Profiles'!$G$22=$B$17,14,0)+IF('Standard Profiles'!$G$22=$B$24,21,0),0)),0)</f>
        <v>0</v>
      </c>
      <c r="I7487">
        <f t="shared" si="832"/>
        <v>4.0889618292760499</v>
      </c>
      <c r="J7487">
        <f t="shared" si="833"/>
        <v>44.122553605549086</v>
      </c>
      <c r="K7487">
        <f t="shared" si="834"/>
        <v>2.5079333813324958</v>
      </c>
      <c r="L7487">
        <f t="shared" si="835"/>
        <v>1.2539666906662479</v>
      </c>
      <c r="M7487">
        <f t="shared" si="836"/>
        <v>0</v>
      </c>
      <c r="N7487" s="45">
        <f t="shared" si="837"/>
        <v>45237.541666648591</v>
      </c>
    </row>
    <row r="7488" spans="2:14" x14ac:dyDescent="0.25">
      <c r="B7488">
        <f t="shared" si="831"/>
        <v>2</v>
      </c>
      <c r="C7488" s="16">
        <v>7454</v>
      </c>
      <c r="D7488" cm="1">
        <f t="array" ref="D7488">IFERROR(INDEX(Jesper!AH$2:AH$366,ROUNDDOWN($C7488/24,0)+1,1)*INDEX($D$3:$AA$30,INDEX(Jesper!$R$2:$R$366,ROW(INDEX(Jesper!AH$2:AH$366,ROUNDDOWN($C7488/24,0)+1,1))-1)+IF('Standard Profiles'!$G$18=$B$10,7,0)+IF('Standard Profiles'!$G$18=$B$17,14,0)+IF('Standard Profiles'!$G$18=$B$24,21,0),MOD($C7488,24)+1)/SUM(INDEX($D$3:$AA$30,INDEX(Jesper!$R$2:$R$366,ROW(INDEX(Jesper!AH$2:AH$366,ROUNDDOWN($C7488/24,0)+1,1))-1)+IF('Standard Profiles'!$G$18=$B$10,7,0)+IF('Standard Profiles'!$G$18=$B$17,14,0)+IF('Standard Profiles'!$G$18=$B$24,21,0),0)),0)</f>
        <v>35.394221107515058</v>
      </c>
      <c r="E7488" cm="1">
        <f t="array" ref="E7488">IFERROR(INDEX(Jesper!AI$2:AI$366,ROUNDDOWN($C7488/24,0)+1,1)*INDEX($D$3:$AA$30,INDEX(Jesper!$R$2:$R$366,ROW(INDEX(Jesper!AI$2:AI$366,ROUNDDOWN($C7488/24,0)+1,1))-1)+IF('Standard Profiles'!$G$19=$B$10,7,0)+IF('Standard Profiles'!$G$19=$B$17,14,0)+IF('Standard Profiles'!$G$19=$B$24,21,0),MOD($C7488,24)+1)/SUM(INDEX($D$3:$AA$30,INDEX(Jesper!$R$2:$R$366,ROW(INDEX(Jesper!AI$2:AI$366,ROUNDDOWN($C7488/24,0)+1,1))-1)+IF('Standard Profiles'!$G$19=$B$10,7,0)+IF('Standard Profiles'!$G$19=$B$17,14,0)+IF('Standard Profiles'!$G$19=$B$24,21,0),0)),0)</f>
        <v>30.021524097680231</v>
      </c>
      <c r="F7488" cm="1">
        <f t="array" ref="F7488">IFERROR(INDEX(Jesper!AJ$2:AJ$366,ROUNDDOWN($C7488/24,0)+1,1)*INDEX($D$3:$AA$30,INDEX(Jesper!$R$2:$R$366,ROW(INDEX(Jesper!AJ$2:AJ$366,ROUNDDOWN($C7488/24,0)+1,1))-1)+IF('Standard Profiles'!$G$20=$B$10,7,0)+IF('Standard Profiles'!$G$20=$B$17,14,0)+IF('Standard Profiles'!$G$20=$B$24,21,0),MOD($C7488,24)+1)/SUM(INDEX($D$3:$AA$30,INDEX(Jesper!$R$2:$R$366,ROW(INDEX(Jesper!AJ$2:AJ$366,ROUNDDOWN($C7488/24,0)+1,1))-1)+IF('Standard Profiles'!$G$20=$B$10,7,0)+IF('Standard Profiles'!$G$20=$B$17,14,0)+IF('Standard Profiles'!$G$20=$B$24,21,0),0)),0)</f>
        <v>0</v>
      </c>
      <c r="G7488" cm="1">
        <f t="array" ref="G7488">IFERROR(INDEX(Jesper!AK$2:AK$366,ROUNDDOWN($C7488/24,0)+1,1)*INDEX($D$3:$AA$30,INDEX(Jesper!$R$2:$R$366,ROW(INDEX(Jesper!AK$2:AK$366,ROUNDDOWN($C7488/24,0)+1,1))-1)+IF('Standard Profiles'!$G$21=$B$10,7,0)+IF('Standard Profiles'!$G$21=$B$17,14,0)+IF('Standard Profiles'!$G$21=$B$24,21,0),MOD($C7488,24)+1)/SUM(INDEX($D$3:$AA$30,INDEX(Jesper!$R$2:$R$366,ROW(INDEX(Jesper!AK$2:AK$366,ROUNDDOWN($C7488/24,0)+1,1))-1)+IF('Standard Profiles'!$G$21=$B$10,7,0)+IF('Standard Profiles'!$G$21=$B$17,14,0)+IF('Standard Profiles'!$G$21=$B$24,21,0),0)),0)</f>
        <v>12.823805020130989</v>
      </c>
      <c r="H7488" cm="1">
        <f t="array" ref="H7488">IFERROR(INDEX(Jesper!AL$2:AL$366,ROUNDDOWN($C7488/24,0)+1,1)*INDEX($D$3:$AA$30,INDEX(Jesper!$R$2:$R$366,ROW(INDEX(Jesper!AL$2:AL$366,ROUNDDOWN($C7488/24,0)+1,1))-1)+IF('Standard Profiles'!$G$22=$B$10,7,0)+IF('Standard Profiles'!$G$22=$B$17,14,0)+IF('Standard Profiles'!$G$22=$B$24,21,0),MOD($C7488,24)+1)/SUM(INDEX($D$3:$AA$30,INDEX(Jesper!$R$2:$R$366,ROW(INDEX(Jesper!AL$2:AL$366,ROUNDDOWN($C7488/24,0)+1,1))-1)+IF('Standard Profiles'!$G$22=$B$10,7,0)+IF('Standard Profiles'!$G$22=$B$17,14,0)+IF('Standard Profiles'!$G$22=$B$24,21,0),0)),0)</f>
        <v>0</v>
      </c>
      <c r="I7488">
        <f t="shared" si="832"/>
        <v>6.155426409662871</v>
      </c>
      <c r="J7488">
        <f t="shared" si="833"/>
        <v>66.421048438460986</v>
      </c>
      <c r="K7488">
        <f t="shared" si="834"/>
        <v>3.7753835848016064</v>
      </c>
      <c r="L7488">
        <f t="shared" si="835"/>
        <v>1.8876917924008032</v>
      </c>
      <c r="M7488">
        <f t="shared" si="836"/>
        <v>0</v>
      </c>
      <c r="N7488" s="45">
        <f t="shared" si="837"/>
        <v>45237.583333315255</v>
      </c>
    </row>
    <row r="7489" spans="2:14" x14ac:dyDescent="0.25">
      <c r="B7489">
        <f t="shared" si="831"/>
        <v>2</v>
      </c>
      <c r="C7489" s="16">
        <v>7455</v>
      </c>
      <c r="D7489" cm="1">
        <f t="array" ref="D7489">IFERROR(INDEX(Jesper!AH$2:AH$366,ROUNDDOWN($C7489/24,0)+1,1)*INDEX($D$3:$AA$30,INDEX(Jesper!$R$2:$R$366,ROW(INDEX(Jesper!AH$2:AH$366,ROUNDDOWN($C7489/24,0)+1,1))-1)+IF('Standard Profiles'!$G$18=$B$10,7,0)+IF('Standard Profiles'!$G$18=$B$17,14,0)+IF('Standard Profiles'!$G$18=$B$24,21,0),MOD($C7489,24)+1)/SUM(INDEX($D$3:$AA$30,INDEX(Jesper!$R$2:$R$366,ROW(INDEX(Jesper!AH$2:AH$366,ROUNDDOWN($C7489/24,0)+1,1))-1)+IF('Standard Profiles'!$G$18=$B$10,7,0)+IF('Standard Profiles'!$G$18=$B$17,14,0)+IF('Standard Profiles'!$G$18=$B$24,21,0),0)),0)</f>
        <v>35.394221107515058</v>
      </c>
      <c r="E7489" cm="1">
        <f t="array" ref="E7489">IFERROR(INDEX(Jesper!AI$2:AI$366,ROUNDDOWN($C7489/24,0)+1,1)*INDEX($D$3:$AA$30,INDEX(Jesper!$R$2:$R$366,ROW(INDEX(Jesper!AI$2:AI$366,ROUNDDOWN($C7489/24,0)+1,1))-1)+IF('Standard Profiles'!$G$19=$B$10,7,0)+IF('Standard Profiles'!$G$19=$B$17,14,0)+IF('Standard Profiles'!$G$19=$B$24,21,0),MOD($C7489,24)+1)/SUM(INDEX($D$3:$AA$30,INDEX(Jesper!$R$2:$R$366,ROW(INDEX(Jesper!AI$2:AI$366,ROUNDDOWN($C7489/24,0)+1,1))-1)+IF('Standard Profiles'!$G$19=$B$10,7,0)+IF('Standard Profiles'!$G$19=$B$17,14,0)+IF('Standard Profiles'!$G$19=$B$24,21,0),0)),0)</f>
        <v>30.021524097680231</v>
      </c>
      <c r="F7489" cm="1">
        <f t="array" ref="F7489">IFERROR(INDEX(Jesper!AJ$2:AJ$366,ROUNDDOWN($C7489/24,0)+1,1)*INDEX($D$3:$AA$30,INDEX(Jesper!$R$2:$R$366,ROW(INDEX(Jesper!AJ$2:AJ$366,ROUNDDOWN($C7489/24,0)+1,1))-1)+IF('Standard Profiles'!$G$20=$B$10,7,0)+IF('Standard Profiles'!$G$20=$B$17,14,0)+IF('Standard Profiles'!$G$20=$B$24,21,0),MOD($C7489,24)+1)/SUM(INDEX($D$3:$AA$30,INDEX(Jesper!$R$2:$R$366,ROW(INDEX(Jesper!AJ$2:AJ$366,ROUNDDOWN($C7489/24,0)+1,1))-1)+IF('Standard Profiles'!$G$20=$B$10,7,0)+IF('Standard Profiles'!$G$20=$B$17,14,0)+IF('Standard Profiles'!$G$20=$B$24,21,0),0)),0)</f>
        <v>0</v>
      </c>
      <c r="G7489" cm="1">
        <f t="array" ref="G7489">IFERROR(INDEX(Jesper!AK$2:AK$366,ROUNDDOWN($C7489/24,0)+1,1)*INDEX($D$3:$AA$30,INDEX(Jesper!$R$2:$R$366,ROW(INDEX(Jesper!AK$2:AK$366,ROUNDDOWN($C7489/24,0)+1,1))-1)+IF('Standard Profiles'!$G$21=$B$10,7,0)+IF('Standard Profiles'!$G$21=$B$17,14,0)+IF('Standard Profiles'!$G$21=$B$24,21,0),MOD($C7489,24)+1)/SUM(INDEX($D$3:$AA$30,INDEX(Jesper!$R$2:$R$366,ROW(INDEX(Jesper!AK$2:AK$366,ROUNDDOWN($C7489/24,0)+1,1))-1)+IF('Standard Profiles'!$G$21=$B$10,7,0)+IF('Standard Profiles'!$G$21=$B$17,14,0)+IF('Standard Profiles'!$G$21=$B$24,21,0),0)),0)</f>
        <v>12.823805020130989</v>
      </c>
      <c r="H7489" cm="1">
        <f t="array" ref="H7489">IFERROR(INDEX(Jesper!AL$2:AL$366,ROUNDDOWN($C7489/24,0)+1,1)*INDEX($D$3:$AA$30,INDEX(Jesper!$R$2:$R$366,ROW(INDEX(Jesper!AL$2:AL$366,ROUNDDOWN($C7489/24,0)+1,1))-1)+IF('Standard Profiles'!$G$22=$B$10,7,0)+IF('Standard Profiles'!$G$22=$B$17,14,0)+IF('Standard Profiles'!$G$22=$B$24,21,0),MOD($C7489,24)+1)/SUM(INDEX($D$3:$AA$30,INDEX(Jesper!$R$2:$R$366,ROW(INDEX(Jesper!AL$2:AL$366,ROUNDDOWN($C7489/24,0)+1,1))-1)+IF('Standard Profiles'!$G$22=$B$10,7,0)+IF('Standard Profiles'!$G$22=$B$17,14,0)+IF('Standard Profiles'!$G$22=$B$24,21,0),0)),0)</f>
        <v>0</v>
      </c>
      <c r="I7489">
        <f t="shared" si="832"/>
        <v>6.155426409662871</v>
      </c>
      <c r="J7489">
        <f t="shared" si="833"/>
        <v>66.421048438460986</v>
      </c>
      <c r="K7489">
        <f t="shared" si="834"/>
        <v>3.7753835848016064</v>
      </c>
      <c r="L7489">
        <f t="shared" si="835"/>
        <v>1.8876917924008032</v>
      </c>
      <c r="M7489">
        <f t="shared" si="836"/>
        <v>0</v>
      </c>
      <c r="N7489" s="45">
        <f t="shared" si="837"/>
        <v>45237.624999981919</v>
      </c>
    </row>
    <row r="7490" spans="2:14" x14ac:dyDescent="0.25">
      <c r="B7490">
        <f t="shared" si="831"/>
        <v>2</v>
      </c>
      <c r="C7490" s="16">
        <v>7456</v>
      </c>
      <c r="D7490" cm="1">
        <f t="array" ref="D7490">IFERROR(INDEX(Jesper!AH$2:AH$366,ROUNDDOWN($C7490/24,0)+1,1)*INDEX($D$3:$AA$30,INDEX(Jesper!$R$2:$R$366,ROW(INDEX(Jesper!AH$2:AH$366,ROUNDDOWN($C7490/24,0)+1,1))-1)+IF('Standard Profiles'!$G$18=$B$10,7,0)+IF('Standard Profiles'!$G$18=$B$17,14,0)+IF('Standard Profiles'!$G$18=$B$24,21,0),MOD($C7490,24)+1)/SUM(INDEX($D$3:$AA$30,INDEX(Jesper!$R$2:$R$366,ROW(INDEX(Jesper!AH$2:AH$366,ROUNDDOWN($C7490/24,0)+1,1))-1)+IF('Standard Profiles'!$G$18=$B$10,7,0)+IF('Standard Profiles'!$G$18=$B$17,14,0)+IF('Standard Profiles'!$G$18=$B$24,21,0),0)),0)</f>
        <v>20.857308866928516</v>
      </c>
      <c r="E7490" cm="1">
        <f t="array" ref="E7490">IFERROR(INDEX(Jesper!AI$2:AI$366,ROUNDDOWN($C7490/24,0)+1,1)*INDEX($D$3:$AA$30,INDEX(Jesper!$R$2:$R$366,ROW(INDEX(Jesper!AI$2:AI$366,ROUNDDOWN($C7490/24,0)+1,1))-1)+IF('Standard Profiles'!$G$19=$B$10,7,0)+IF('Standard Profiles'!$G$19=$B$17,14,0)+IF('Standard Profiles'!$G$19=$B$24,21,0),MOD($C7490,24)+1)/SUM(INDEX($D$3:$AA$30,INDEX(Jesper!$R$2:$R$366,ROW(INDEX(Jesper!AI$2:AI$366,ROUNDDOWN($C7490/24,0)+1,1))-1)+IF('Standard Profiles'!$G$19=$B$10,7,0)+IF('Standard Profiles'!$G$19=$B$17,14,0)+IF('Standard Profiles'!$G$19=$B$24,21,0),0)),0)</f>
        <v>17.691255271847279</v>
      </c>
      <c r="F7490" cm="1">
        <f t="array" ref="F7490">IFERROR(INDEX(Jesper!AJ$2:AJ$366,ROUNDDOWN($C7490/24,0)+1,1)*INDEX($D$3:$AA$30,INDEX(Jesper!$R$2:$R$366,ROW(INDEX(Jesper!AJ$2:AJ$366,ROUNDDOWN($C7490/24,0)+1,1))-1)+IF('Standard Profiles'!$G$20=$B$10,7,0)+IF('Standard Profiles'!$G$20=$B$17,14,0)+IF('Standard Profiles'!$G$20=$B$24,21,0),MOD($C7490,24)+1)/SUM(INDEX($D$3:$AA$30,INDEX(Jesper!$R$2:$R$366,ROW(INDEX(Jesper!AJ$2:AJ$366,ROUNDDOWN($C7490/24,0)+1,1))-1)+IF('Standard Profiles'!$G$20=$B$10,7,0)+IF('Standard Profiles'!$G$20=$B$17,14,0)+IF('Standard Profiles'!$G$20=$B$24,21,0),0)),0)</f>
        <v>0</v>
      </c>
      <c r="G7490" cm="1">
        <f t="array" ref="G7490">IFERROR(INDEX(Jesper!AK$2:AK$366,ROUNDDOWN($C7490/24,0)+1,1)*INDEX($D$3:$AA$30,INDEX(Jesper!$R$2:$R$366,ROW(INDEX(Jesper!AK$2:AK$366,ROUNDDOWN($C7490/24,0)+1,1))-1)+IF('Standard Profiles'!$G$21=$B$10,7,0)+IF('Standard Profiles'!$G$21=$B$17,14,0)+IF('Standard Profiles'!$G$21=$B$24,21,0),MOD($C7490,24)+1)/SUM(INDEX($D$3:$AA$30,INDEX(Jesper!$R$2:$R$366,ROW(INDEX(Jesper!AK$2:AK$366,ROUNDDOWN($C7490/24,0)+1,1))-1)+IF('Standard Profiles'!$G$21=$B$10,7,0)+IF('Standard Profiles'!$G$21=$B$17,14,0)+IF('Standard Profiles'!$G$21=$B$24,21,0),0)),0)</f>
        <v>10.718985959076054</v>
      </c>
      <c r="H7490" cm="1">
        <f t="array" ref="H7490">IFERROR(INDEX(Jesper!AL$2:AL$366,ROUNDDOWN($C7490/24,0)+1,1)*INDEX($D$3:$AA$30,INDEX(Jesper!$R$2:$R$366,ROW(INDEX(Jesper!AL$2:AL$366,ROUNDDOWN($C7490/24,0)+1,1))-1)+IF('Standard Profiles'!$G$22=$B$10,7,0)+IF('Standard Profiles'!$G$22=$B$17,14,0)+IF('Standard Profiles'!$G$22=$B$24,21,0),MOD($C7490,24)+1)/SUM(INDEX($D$3:$AA$30,INDEX(Jesper!$R$2:$R$366,ROW(INDEX(Jesper!AL$2:AL$366,ROUNDDOWN($C7490/24,0)+1,1))-1)+IF('Standard Profiles'!$G$22=$B$10,7,0)+IF('Standard Profiles'!$G$22=$B$17,14,0)+IF('Standard Profiles'!$G$22=$B$24,21,0),0)),0)</f>
        <v>0</v>
      </c>
      <c r="I7490">
        <f t="shared" si="832"/>
        <v>5.1451132603565037</v>
      </c>
      <c r="J7490">
        <f t="shared" si="833"/>
        <v>40.785267418786781</v>
      </c>
      <c r="K7490">
        <f t="shared" si="834"/>
        <v>2.2247796124723753</v>
      </c>
      <c r="L7490">
        <f t="shared" si="835"/>
        <v>1.1123898062361877</v>
      </c>
      <c r="M7490">
        <f t="shared" si="836"/>
        <v>0</v>
      </c>
      <c r="N7490" s="45">
        <f t="shared" si="837"/>
        <v>45237.666666648583</v>
      </c>
    </row>
    <row r="7491" spans="2:14" x14ac:dyDescent="0.25">
      <c r="B7491">
        <f t="shared" si="831"/>
        <v>2</v>
      </c>
      <c r="C7491" s="16">
        <v>7457</v>
      </c>
      <c r="D7491" cm="1">
        <f t="array" ref="D7491">IFERROR(INDEX(Jesper!AH$2:AH$366,ROUNDDOWN($C7491/24,0)+1,1)*INDEX($D$3:$AA$30,INDEX(Jesper!$R$2:$R$366,ROW(INDEX(Jesper!AH$2:AH$366,ROUNDDOWN($C7491/24,0)+1,1))-1)+IF('Standard Profiles'!$G$18=$B$10,7,0)+IF('Standard Profiles'!$G$18=$B$17,14,0)+IF('Standard Profiles'!$G$18=$B$24,21,0),MOD($C7491,24)+1)/SUM(INDEX($D$3:$AA$30,INDEX(Jesper!$R$2:$R$366,ROW(INDEX(Jesper!AH$2:AH$366,ROUNDDOWN($C7491/24,0)+1,1))-1)+IF('Standard Profiles'!$G$18=$B$10,7,0)+IF('Standard Profiles'!$G$18=$B$17,14,0)+IF('Standard Profiles'!$G$18=$B$24,21,0),0)),0)</f>
        <v>8.9019670793548951</v>
      </c>
      <c r="E7491" cm="1">
        <f t="array" ref="E7491">IFERROR(INDEX(Jesper!AI$2:AI$366,ROUNDDOWN($C7491/24,0)+1,1)*INDEX($D$3:$AA$30,INDEX(Jesper!$R$2:$R$366,ROW(INDEX(Jesper!AI$2:AI$366,ROUNDDOWN($C7491/24,0)+1,1))-1)+IF('Standard Profiles'!$G$19=$B$10,7,0)+IF('Standard Profiles'!$G$19=$B$17,14,0)+IF('Standard Profiles'!$G$19=$B$24,21,0),MOD($C7491,24)+1)/SUM(INDEX($D$3:$AA$30,INDEX(Jesper!$R$2:$R$366,ROW(INDEX(Jesper!AI$2:AI$366,ROUNDDOWN($C7491/24,0)+1,1))-1)+IF('Standard Profiles'!$G$19=$B$10,7,0)+IF('Standard Profiles'!$G$19=$B$17,14,0)+IF('Standard Profiles'!$G$19=$B$24,21,0),0)),0)</f>
        <v>7.550685135231447</v>
      </c>
      <c r="F7491" cm="1">
        <f t="array" ref="F7491">IFERROR(INDEX(Jesper!AJ$2:AJ$366,ROUNDDOWN($C7491/24,0)+1,1)*INDEX($D$3:$AA$30,INDEX(Jesper!$R$2:$R$366,ROW(INDEX(Jesper!AJ$2:AJ$366,ROUNDDOWN($C7491/24,0)+1,1))-1)+IF('Standard Profiles'!$G$20=$B$10,7,0)+IF('Standard Profiles'!$G$20=$B$17,14,0)+IF('Standard Profiles'!$G$20=$B$24,21,0),MOD($C7491,24)+1)/SUM(INDEX($D$3:$AA$30,INDEX(Jesper!$R$2:$R$366,ROW(INDEX(Jesper!AJ$2:AJ$366,ROUNDDOWN($C7491/24,0)+1,1))-1)+IF('Standard Profiles'!$G$20=$B$10,7,0)+IF('Standard Profiles'!$G$20=$B$17,14,0)+IF('Standard Profiles'!$G$20=$B$24,21,0),0)),0)</f>
        <v>0</v>
      </c>
      <c r="G7491" cm="1">
        <f t="array" ref="G7491">IFERROR(INDEX(Jesper!AK$2:AK$366,ROUNDDOWN($C7491/24,0)+1,1)*INDEX($D$3:$AA$30,INDEX(Jesper!$R$2:$R$366,ROW(INDEX(Jesper!AK$2:AK$366,ROUNDDOWN($C7491/24,0)+1,1))-1)+IF('Standard Profiles'!$G$21=$B$10,7,0)+IF('Standard Profiles'!$G$21=$B$17,14,0)+IF('Standard Profiles'!$G$21=$B$24,21,0),MOD($C7491,24)+1)/SUM(INDEX($D$3:$AA$30,INDEX(Jesper!$R$2:$R$366,ROW(INDEX(Jesper!AK$2:AK$366,ROUNDDOWN($C7491/24,0)+1,1))-1)+IF('Standard Profiles'!$G$21=$B$10,7,0)+IF('Standard Profiles'!$G$21=$B$17,14,0)+IF('Standard Profiles'!$G$21=$B$24,21,0),0)),0)</f>
        <v>8.5167215711204296</v>
      </c>
      <c r="H7491" cm="1">
        <f t="array" ref="H7491">IFERROR(INDEX(Jesper!AL$2:AL$366,ROUNDDOWN($C7491/24,0)+1,1)*INDEX($D$3:$AA$30,INDEX(Jesper!$R$2:$R$366,ROW(INDEX(Jesper!AL$2:AL$366,ROUNDDOWN($C7491/24,0)+1,1))-1)+IF('Standard Profiles'!$G$22=$B$10,7,0)+IF('Standard Profiles'!$G$22=$B$17,14,0)+IF('Standard Profiles'!$G$22=$B$24,21,0),MOD($C7491,24)+1)/SUM(INDEX($D$3:$AA$30,INDEX(Jesper!$R$2:$R$366,ROW(INDEX(Jesper!AL$2:AL$366,ROUNDDOWN($C7491/24,0)+1,1))-1)+IF('Standard Profiles'!$G$22=$B$10,7,0)+IF('Standard Profiles'!$G$22=$B$17,14,0)+IF('Standard Profiles'!$G$22=$B$24,21,0),0)),0)</f>
        <v>0</v>
      </c>
      <c r="I7491">
        <f t="shared" si="832"/>
        <v>4.0880263541378046</v>
      </c>
      <c r="J7491">
        <f t="shared" si="833"/>
        <v>19.457032698872183</v>
      </c>
      <c r="K7491">
        <f t="shared" si="834"/>
        <v>0.94954315513118892</v>
      </c>
      <c r="L7491">
        <f t="shared" si="835"/>
        <v>0.47477157756559446</v>
      </c>
      <c r="M7491">
        <f t="shared" si="836"/>
        <v>0</v>
      </c>
      <c r="N7491" s="45">
        <f t="shared" si="837"/>
        <v>45237.708333315248</v>
      </c>
    </row>
    <row r="7492" spans="2:14" x14ac:dyDescent="0.25">
      <c r="B7492">
        <f t="shared" si="831"/>
        <v>2</v>
      </c>
      <c r="C7492" s="16">
        <v>7458</v>
      </c>
      <c r="D7492" cm="1">
        <f t="array" ref="D7492">IFERROR(INDEX(Jesper!AH$2:AH$366,ROUNDDOWN($C7492/24,0)+1,1)*INDEX($D$3:$AA$30,INDEX(Jesper!$R$2:$R$366,ROW(INDEX(Jesper!AH$2:AH$366,ROUNDDOWN($C7492/24,0)+1,1))-1)+IF('Standard Profiles'!$G$18=$B$10,7,0)+IF('Standard Profiles'!$G$18=$B$17,14,0)+IF('Standard Profiles'!$G$18=$B$24,21,0),MOD($C7492,24)+1)/SUM(INDEX($D$3:$AA$30,INDEX(Jesper!$R$2:$R$366,ROW(INDEX(Jesper!AH$2:AH$366,ROUNDDOWN($C7492/24,0)+1,1))-1)+IF('Standard Profiles'!$G$18=$B$10,7,0)+IF('Standard Profiles'!$G$18=$B$17,14,0)+IF('Standard Profiles'!$G$18=$B$24,21,0),0)),0)</f>
        <v>5.8752982723742306</v>
      </c>
      <c r="E7492" cm="1">
        <f t="array" ref="E7492">IFERROR(INDEX(Jesper!AI$2:AI$366,ROUNDDOWN($C7492/24,0)+1,1)*INDEX($D$3:$AA$30,INDEX(Jesper!$R$2:$R$366,ROW(INDEX(Jesper!AI$2:AI$366,ROUNDDOWN($C7492/24,0)+1,1))-1)+IF('Standard Profiles'!$G$19=$B$10,7,0)+IF('Standard Profiles'!$G$19=$B$17,14,0)+IF('Standard Profiles'!$G$19=$B$24,21,0),MOD($C7492,24)+1)/SUM(INDEX($D$3:$AA$30,INDEX(Jesper!$R$2:$R$366,ROW(INDEX(Jesper!AI$2:AI$366,ROUNDDOWN($C7492/24,0)+1,1))-1)+IF('Standard Profiles'!$G$19=$B$10,7,0)+IF('Standard Profiles'!$G$19=$B$17,14,0)+IF('Standard Profiles'!$G$19=$B$24,21,0),0)),0)</f>
        <v>4.9834521892527555</v>
      </c>
      <c r="F7492" cm="1">
        <f t="array" ref="F7492">IFERROR(INDEX(Jesper!AJ$2:AJ$366,ROUNDDOWN($C7492/24,0)+1,1)*INDEX($D$3:$AA$30,INDEX(Jesper!$R$2:$R$366,ROW(INDEX(Jesper!AJ$2:AJ$366,ROUNDDOWN($C7492/24,0)+1,1))-1)+IF('Standard Profiles'!$G$20=$B$10,7,0)+IF('Standard Profiles'!$G$20=$B$17,14,0)+IF('Standard Profiles'!$G$20=$B$24,21,0),MOD($C7492,24)+1)/SUM(INDEX($D$3:$AA$30,INDEX(Jesper!$R$2:$R$366,ROW(INDEX(Jesper!AJ$2:AJ$366,ROUNDDOWN($C7492/24,0)+1,1))-1)+IF('Standard Profiles'!$G$20=$B$10,7,0)+IF('Standard Profiles'!$G$20=$B$17,14,0)+IF('Standard Profiles'!$G$20=$B$24,21,0),0)),0)</f>
        <v>0</v>
      </c>
      <c r="G7492" cm="1">
        <f t="array" ref="G7492">IFERROR(INDEX(Jesper!AK$2:AK$366,ROUNDDOWN($C7492/24,0)+1,1)*INDEX($D$3:$AA$30,INDEX(Jesper!$R$2:$R$366,ROW(INDEX(Jesper!AK$2:AK$366,ROUNDDOWN($C7492/24,0)+1,1))-1)+IF('Standard Profiles'!$G$21=$B$10,7,0)+IF('Standard Profiles'!$G$21=$B$17,14,0)+IF('Standard Profiles'!$G$21=$B$24,21,0),MOD($C7492,24)+1)/SUM(INDEX($D$3:$AA$30,INDEX(Jesper!$R$2:$R$366,ROW(INDEX(Jesper!AK$2:AK$366,ROUNDDOWN($C7492/24,0)+1,1))-1)+IF('Standard Profiles'!$G$21=$B$10,7,0)+IF('Standard Profiles'!$G$21=$B$17,14,0)+IF('Standard Profiles'!$G$21=$B$24,21,0),0)),0)</f>
        <v>3.0208051339214337</v>
      </c>
      <c r="H7492" cm="1">
        <f t="array" ref="H7492">IFERROR(INDEX(Jesper!AL$2:AL$366,ROUNDDOWN($C7492/24,0)+1,1)*INDEX($D$3:$AA$30,INDEX(Jesper!$R$2:$R$366,ROW(INDEX(Jesper!AL$2:AL$366,ROUNDDOWN($C7492/24,0)+1,1))-1)+IF('Standard Profiles'!$G$22=$B$10,7,0)+IF('Standard Profiles'!$G$22=$B$17,14,0)+IF('Standard Profiles'!$G$22=$B$24,21,0),MOD($C7492,24)+1)/SUM(INDEX($D$3:$AA$30,INDEX(Jesper!$R$2:$R$366,ROW(INDEX(Jesper!AL$2:AL$366,ROUNDDOWN($C7492/24,0)+1,1))-1)+IF('Standard Profiles'!$G$22=$B$10,7,0)+IF('Standard Profiles'!$G$22=$B$17,14,0)+IF('Standard Profiles'!$G$22=$B$24,21,0),0)),0)</f>
        <v>0</v>
      </c>
      <c r="I7492">
        <f t="shared" si="832"/>
        <v>1.4499864642822875</v>
      </c>
      <c r="J7492">
        <f t="shared" si="833"/>
        <v>11.489521407686256</v>
      </c>
      <c r="K7492">
        <f t="shared" si="834"/>
        <v>0.62669848238658465</v>
      </c>
      <c r="L7492">
        <f t="shared" si="835"/>
        <v>0.31334924119329233</v>
      </c>
      <c r="M7492">
        <f t="shared" si="836"/>
        <v>0</v>
      </c>
      <c r="N7492" s="45">
        <f t="shared" si="837"/>
        <v>45237.749999981912</v>
      </c>
    </row>
    <row r="7493" spans="2:14" x14ac:dyDescent="0.25">
      <c r="B7493">
        <f t="shared" si="831"/>
        <v>2</v>
      </c>
      <c r="C7493" s="16">
        <v>7459</v>
      </c>
      <c r="D7493" cm="1">
        <f t="array" ref="D7493">IFERROR(INDEX(Jesper!AH$2:AH$366,ROUNDDOWN($C7493/24,0)+1,1)*INDEX($D$3:$AA$30,INDEX(Jesper!$R$2:$R$366,ROW(INDEX(Jesper!AH$2:AH$366,ROUNDDOWN($C7493/24,0)+1,1))-1)+IF('Standard Profiles'!$G$18=$B$10,7,0)+IF('Standard Profiles'!$G$18=$B$17,14,0)+IF('Standard Profiles'!$G$18=$B$24,21,0),MOD($C7493,24)+1)/SUM(INDEX($D$3:$AA$30,INDEX(Jesper!$R$2:$R$366,ROW(INDEX(Jesper!AH$2:AH$366,ROUNDDOWN($C7493/24,0)+1,1))-1)+IF('Standard Profiles'!$G$18=$B$10,7,0)+IF('Standard Profiles'!$G$18=$B$17,14,0)+IF('Standard Profiles'!$G$18=$B$24,21,0),0)),0)</f>
        <v>5.8752982723742306</v>
      </c>
      <c r="E7493" cm="1">
        <f t="array" ref="E7493">IFERROR(INDEX(Jesper!AI$2:AI$366,ROUNDDOWN($C7493/24,0)+1,1)*INDEX($D$3:$AA$30,INDEX(Jesper!$R$2:$R$366,ROW(INDEX(Jesper!AI$2:AI$366,ROUNDDOWN($C7493/24,0)+1,1))-1)+IF('Standard Profiles'!$G$19=$B$10,7,0)+IF('Standard Profiles'!$G$19=$B$17,14,0)+IF('Standard Profiles'!$G$19=$B$24,21,0),MOD($C7493,24)+1)/SUM(INDEX($D$3:$AA$30,INDEX(Jesper!$R$2:$R$366,ROW(INDEX(Jesper!AI$2:AI$366,ROUNDDOWN($C7493/24,0)+1,1))-1)+IF('Standard Profiles'!$G$19=$B$10,7,0)+IF('Standard Profiles'!$G$19=$B$17,14,0)+IF('Standard Profiles'!$G$19=$B$24,21,0),0)),0)</f>
        <v>4.9834521892527555</v>
      </c>
      <c r="F7493" cm="1">
        <f t="array" ref="F7493">IFERROR(INDEX(Jesper!AJ$2:AJ$366,ROUNDDOWN($C7493/24,0)+1,1)*INDEX($D$3:$AA$30,INDEX(Jesper!$R$2:$R$366,ROW(INDEX(Jesper!AJ$2:AJ$366,ROUNDDOWN($C7493/24,0)+1,1))-1)+IF('Standard Profiles'!$G$20=$B$10,7,0)+IF('Standard Profiles'!$G$20=$B$17,14,0)+IF('Standard Profiles'!$G$20=$B$24,21,0),MOD($C7493,24)+1)/SUM(INDEX($D$3:$AA$30,INDEX(Jesper!$R$2:$R$366,ROW(INDEX(Jesper!AJ$2:AJ$366,ROUNDDOWN($C7493/24,0)+1,1))-1)+IF('Standard Profiles'!$G$20=$B$10,7,0)+IF('Standard Profiles'!$G$20=$B$17,14,0)+IF('Standard Profiles'!$G$20=$B$24,21,0),0)),0)</f>
        <v>0</v>
      </c>
      <c r="G7493" cm="1">
        <f t="array" ref="G7493">IFERROR(INDEX(Jesper!AK$2:AK$366,ROUNDDOWN($C7493/24,0)+1,1)*INDEX($D$3:$AA$30,INDEX(Jesper!$R$2:$R$366,ROW(INDEX(Jesper!AK$2:AK$366,ROUNDDOWN($C7493/24,0)+1,1))-1)+IF('Standard Profiles'!$G$21=$B$10,7,0)+IF('Standard Profiles'!$G$21=$B$17,14,0)+IF('Standard Profiles'!$G$21=$B$24,21,0),MOD($C7493,24)+1)/SUM(INDEX($D$3:$AA$30,INDEX(Jesper!$R$2:$R$366,ROW(INDEX(Jesper!AK$2:AK$366,ROUNDDOWN($C7493/24,0)+1,1))-1)+IF('Standard Profiles'!$G$21=$B$10,7,0)+IF('Standard Profiles'!$G$21=$B$17,14,0)+IF('Standard Profiles'!$G$21=$B$24,21,0),0)),0)</f>
        <v>3.0208051339214337</v>
      </c>
      <c r="H7493" cm="1">
        <f t="array" ref="H7493">IFERROR(INDEX(Jesper!AL$2:AL$366,ROUNDDOWN($C7493/24,0)+1,1)*INDEX($D$3:$AA$30,INDEX(Jesper!$R$2:$R$366,ROW(INDEX(Jesper!AL$2:AL$366,ROUNDDOWN($C7493/24,0)+1,1))-1)+IF('Standard Profiles'!$G$22=$B$10,7,0)+IF('Standard Profiles'!$G$22=$B$17,14,0)+IF('Standard Profiles'!$G$22=$B$24,21,0),MOD($C7493,24)+1)/SUM(INDEX($D$3:$AA$30,INDEX(Jesper!$R$2:$R$366,ROW(INDEX(Jesper!AL$2:AL$366,ROUNDDOWN($C7493/24,0)+1,1))-1)+IF('Standard Profiles'!$G$22=$B$10,7,0)+IF('Standard Profiles'!$G$22=$B$17,14,0)+IF('Standard Profiles'!$G$22=$B$24,21,0),0)),0)</f>
        <v>0</v>
      </c>
      <c r="I7493">
        <f t="shared" si="832"/>
        <v>1.4499864642822875</v>
      </c>
      <c r="J7493">
        <f t="shared" si="833"/>
        <v>11.489521407686256</v>
      </c>
      <c r="K7493">
        <f t="shared" si="834"/>
        <v>0.62669848238658465</v>
      </c>
      <c r="L7493">
        <f t="shared" si="835"/>
        <v>0.31334924119329233</v>
      </c>
      <c r="M7493">
        <f t="shared" si="836"/>
        <v>0</v>
      </c>
      <c r="N7493" s="45">
        <f t="shared" si="837"/>
        <v>45237.791666648576</v>
      </c>
    </row>
    <row r="7494" spans="2:14" x14ac:dyDescent="0.25">
      <c r="B7494">
        <f t="shared" si="831"/>
        <v>2</v>
      </c>
      <c r="C7494" s="16">
        <v>7460</v>
      </c>
      <c r="D7494" cm="1">
        <f t="array" ref="D7494">IFERROR(INDEX(Jesper!AH$2:AH$366,ROUNDDOWN($C7494/24,0)+1,1)*INDEX($D$3:$AA$30,INDEX(Jesper!$R$2:$R$366,ROW(INDEX(Jesper!AH$2:AH$366,ROUNDDOWN($C7494/24,0)+1,1))-1)+IF('Standard Profiles'!$G$18=$B$10,7,0)+IF('Standard Profiles'!$G$18=$B$17,14,0)+IF('Standard Profiles'!$G$18=$B$24,21,0),MOD($C7494,24)+1)/SUM(INDEX($D$3:$AA$30,INDEX(Jesper!$R$2:$R$366,ROW(INDEX(Jesper!AH$2:AH$366,ROUNDDOWN($C7494/24,0)+1,1))-1)+IF('Standard Profiles'!$G$18=$B$10,7,0)+IF('Standard Profiles'!$G$18=$B$17,14,0)+IF('Standard Profiles'!$G$18=$B$24,21,0),0)),0)</f>
        <v>5.8752982723742306</v>
      </c>
      <c r="E7494" cm="1">
        <f t="array" ref="E7494">IFERROR(INDEX(Jesper!AI$2:AI$366,ROUNDDOWN($C7494/24,0)+1,1)*INDEX($D$3:$AA$30,INDEX(Jesper!$R$2:$R$366,ROW(INDEX(Jesper!AI$2:AI$366,ROUNDDOWN($C7494/24,0)+1,1))-1)+IF('Standard Profiles'!$G$19=$B$10,7,0)+IF('Standard Profiles'!$G$19=$B$17,14,0)+IF('Standard Profiles'!$G$19=$B$24,21,0),MOD($C7494,24)+1)/SUM(INDEX($D$3:$AA$30,INDEX(Jesper!$R$2:$R$366,ROW(INDEX(Jesper!AI$2:AI$366,ROUNDDOWN($C7494/24,0)+1,1))-1)+IF('Standard Profiles'!$G$19=$B$10,7,0)+IF('Standard Profiles'!$G$19=$B$17,14,0)+IF('Standard Profiles'!$G$19=$B$24,21,0),0)),0)</f>
        <v>4.9834521892527555</v>
      </c>
      <c r="F7494" cm="1">
        <f t="array" ref="F7494">IFERROR(INDEX(Jesper!AJ$2:AJ$366,ROUNDDOWN($C7494/24,0)+1,1)*INDEX($D$3:$AA$30,INDEX(Jesper!$R$2:$R$366,ROW(INDEX(Jesper!AJ$2:AJ$366,ROUNDDOWN($C7494/24,0)+1,1))-1)+IF('Standard Profiles'!$G$20=$B$10,7,0)+IF('Standard Profiles'!$G$20=$B$17,14,0)+IF('Standard Profiles'!$G$20=$B$24,21,0),MOD($C7494,24)+1)/SUM(INDEX($D$3:$AA$30,INDEX(Jesper!$R$2:$R$366,ROW(INDEX(Jesper!AJ$2:AJ$366,ROUNDDOWN($C7494/24,0)+1,1))-1)+IF('Standard Profiles'!$G$20=$B$10,7,0)+IF('Standard Profiles'!$G$20=$B$17,14,0)+IF('Standard Profiles'!$G$20=$B$24,21,0),0)),0)</f>
        <v>0</v>
      </c>
      <c r="G7494" cm="1">
        <f t="array" ref="G7494">IFERROR(INDEX(Jesper!AK$2:AK$366,ROUNDDOWN($C7494/24,0)+1,1)*INDEX($D$3:$AA$30,INDEX(Jesper!$R$2:$R$366,ROW(INDEX(Jesper!AK$2:AK$366,ROUNDDOWN($C7494/24,0)+1,1))-1)+IF('Standard Profiles'!$G$21=$B$10,7,0)+IF('Standard Profiles'!$G$21=$B$17,14,0)+IF('Standard Profiles'!$G$21=$B$24,21,0),MOD($C7494,24)+1)/SUM(INDEX($D$3:$AA$30,INDEX(Jesper!$R$2:$R$366,ROW(INDEX(Jesper!AK$2:AK$366,ROUNDDOWN($C7494/24,0)+1,1))-1)+IF('Standard Profiles'!$G$21=$B$10,7,0)+IF('Standard Profiles'!$G$21=$B$17,14,0)+IF('Standard Profiles'!$G$21=$B$24,21,0),0)),0)</f>
        <v>3.0208051339214337</v>
      </c>
      <c r="H7494" cm="1">
        <f t="array" ref="H7494">IFERROR(INDEX(Jesper!AL$2:AL$366,ROUNDDOWN($C7494/24,0)+1,1)*INDEX($D$3:$AA$30,INDEX(Jesper!$R$2:$R$366,ROW(INDEX(Jesper!AL$2:AL$366,ROUNDDOWN($C7494/24,0)+1,1))-1)+IF('Standard Profiles'!$G$22=$B$10,7,0)+IF('Standard Profiles'!$G$22=$B$17,14,0)+IF('Standard Profiles'!$G$22=$B$24,21,0),MOD($C7494,24)+1)/SUM(INDEX($D$3:$AA$30,INDEX(Jesper!$R$2:$R$366,ROW(INDEX(Jesper!AL$2:AL$366,ROUNDDOWN($C7494/24,0)+1,1))-1)+IF('Standard Profiles'!$G$22=$B$10,7,0)+IF('Standard Profiles'!$G$22=$B$17,14,0)+IF('Standard Profiles'!$G$22=$B$24,21,0),0)),0)</f>
        <v>0</v>
      </c>
      <c r="I7494">
        <f t="shared" si="832"/>
        <v>1.4499864642822875</v>
      </c>
      <c r="J7494">
        <f t="shared" si="833"/>
        <v>11.489521407686256</v>
      </c>
      <c r="K7494">
        <f t="shared" si="834"/>
        <v>0.62669848238658465</v>
      </c>
      <c r="L7494">
        <f t="shared" si="835"/>
        <v>0.31334924119329233</v>
      </c>
      <c r="M7494">
        <f t="shared" si="836"/>
        <v>0</v>
      </c>
      <c r="N7494" s="45">
        <f t="shared" si="837"/>
        <v>45237.83333331524</v>
      </c>
    </row>
    <row r="7495" spans="2:14" x14ac:dyDescent="0.25">
      <c r="B7495">
        <f t="shared" si="831"/>
        <v>2</v>
      </c>
      <c r="C7495" s="16">
        <v>7461</v>
      </c>
      <c r="D7495" cm="1">
        <f t="array" ref="D7495">IFERROR(INDEX(Jesper!AH$2:AH$366,ROUNDDOWN($C7495/24,0)+1,1)*INDEX($D$3:$AA$30,INDEX(Jesper!$R$2:$R$366,ROW(INDEX(Jesper!AH$2:AH$366,ROUNDDOWN($C7495/24,0)+1,1))-1)+IF('Standard Profiles'!$G$18=$B$10,7,0)+IF('Standard Profiles'!$G$18=$B$17,14,0)+IF('Standard Profiles'!$G$18=$B$24,21,0),MOD($C7495,24)+1)/SUM(INDEX($D$3:$AA$30,INDEX(Jesper!$R$2:$R$366,ROW(INDEX(Jesper!AH$2:AH$366,ROUNDDOWN($C7495/24,0)+1,1))-1)+IF('Standard Profiles'!$G$18=$B$10,7,0)+IF('Standard Profiles'!$G$18=$B$17,14,0)+IF('Standard Profiles'!$G$18=$B$24,21,0),0)),0)</f>
        <v>5.8752982723742306</v>
      </c>
      <c r="E7495" cm="1">
        <f t="array" ref="E7495">IFERROR(INDEX(Jesper!AI$2:AI$366,ROUNDDOWN($C7495/24,0)+1,1)*INDEX($D$3:$AA$30,INDEX(Jesper!$R$2:$R$366,ROW(INDEX(Jesper!AI$2:AI$366,ROUNDDOWN($C7495/24,0)+1,1))-1)+IF('Standard Profiles'!$G$19=$B$10,7,0)+IF('Standard Profiles'!$G$19=$B$17,14,0)+IF('Standard Profiles'!$G$19=$B$24,21,0),MOD($C7495,24)+1)/SUM(INDEX($D$3:$AA$30,INDEX(Jesper!$R$2:$R$366,ROW(INDEX(Jesper!AI$2:AI$366,ROUNDDOWN($C7495/24,0)+1,1))-1)+IF('Standard Profiles'!$G$19=$B$10,7,0)+IF('Standard Profiles'!$G$19=$B$17,14,0)+IF('Standard Profiles'!$G$19=$B$24,21,0),0)),0)</f>
        <v>4.9834521892527555</v>
      </c>
      <c r="F7495" cm="1">
        <f t="array" ref="F7495">IFERROR(INDEX(Jesper!AJ$2:AJ$366,ROUNDDOWN($C7495/24,0)+1,1)*INDEX($D$3:$AA$30,INDEX(Jesper!$R$2:$R$366,ROW(INDEX(Jesper!AJ$2:AJ$366,ROUNDDOWN($C7495/24,0)+1,1))-1)+IF('Standard Profiles'!$G$20=$B$10,7,0)+IF('Standard Profiles'!$G$20=$B$17,14,0)+IF('Standard Profiles'!$G$20=$B$24,21,0),MOD($C7495,24)+1)/SUM(INDEX($D$3:$AA$30,INDEX(Jesper!$R$2:$R$366,ROW(INDEX(Jesper!AJ$2:AJ$366,ROUNDDOWN($C7495/24,0)+1,1))-1)+IF('Standard Profiles'!$G$20=$B$10,7,0)+IF('Standard Profiles'!$G$20=$B$17,14,0)+IF('Standard Profiles'!$G$20=$B$24,21,0),0)),0)</f>
        <v>0</v>
      </c>
      <c r="G7495" cm="1">
        <f t="array" ref="G7495">IFERROR(INDEX(Jesper!AK$2:AK$366,ROUNDDOWN($C7495/24,0)+1,1)*INDEX($D$3:$AA$30,INDEX(Jesper!$R$2:$R$366,ROW(INDEX(Jesper!AK$2:AK$366,ROUNDDOWN($C7495/24,0)+1,1))-1)+IF('Standard Profiles'!$G$21=$B$10,7,0)+IF('Standard Profiles'!$G$21=$B$17,14,0)+IF('Standard Profiles'!$G$21=$B$24,21,0),MOD($C7495,24)+1)/SUM(INDEX($D$3:$AA$30,INDEX(Jesper!$R$2:$R$366,ROW(INDEX(Jesper!AK$2:AK$366,ROUNDDOWN($C7495/24,0)+1,1))-1)+IF('Standard Profiles'!$G$21=$B$10,7,0)+IF('Standard Profiles'!$G$21=$B$17,14,0)+IF('Standard Profiles'!$G$21=$B$24,21,0),0)),0)</f>
        <v>3.0208051339214337</v>
      </c>
      <c r="H7495" cm="1">
        <f t="array" ref="H7495">IFERROR(INDEX(Jesper!AL$2:AL$366,ROUNDDOWN($C7495/24,0)+1,1)*INDEX($D$3:$AA$30,INDEX(Jesper!$R$2:$R$366,ROW(INDEX(Jesper!AL$2:AL$366,ROUNDDOWN($C7495/24,0)+1,1))-1)+IF('Standard Profiles'!$G$22=$B$10,7,0)+IF('Standard Profiles'!$G$22=$B$17,14,0)+IF('Standard Profiles'!$G$22=$B$24,21,0),MOD($C7495,24)+1)/SUM(INDEX($D$3:$AA$30,INDEX(Jesper!$R$2:$R$366,ROW(INDEX(Jesper!AL$2:AL$366,ROUNDDOWN($C7495/24,0)+1,1))-1)+IF('Standard Profiles'!$G$22=$B$10,7,0)+IF('Standard Profiles'!$G$22=$B$17,14,0)+IF('Standard Profiles'!$G$22=$B$24,21,0),0)),0)</f>
        <v>0</v>
      </c>
      <c r="I7495">
        <f t="shared" si="832"/>
        <v>1.4499864642822875</v>
      </c>
      <c r="J7495">
        <f t="shared" si="833"/>
        <v>11.489521407686256</v>
      </c>
      <c r="K7495">
        <f t="shared" si="834"/>
        <v>0.62669848238658465</v>
      </c>
      <c r="L7495">
        <f t="shared" si="835"/>
        <v>0.31334924119329233</v>
      </c>
      <c r="M7495">
        <f t="shared" si="836"/>
        <v>0</v>
      </c>
      <c r="N7495" s="45">
        <f t="shared" si="837"/>
        <v>45237.874999981905</v>
      </c>
    </row>
    <row r="7496" spans="2:14" x14ac:dyDescent="0.25">
      <c r="B7496">
        <f t="shared" si="831"/>
        <v>2</v>
      </c>
      <c r="C7496" s="16">
        <v>7462</v>
      </c>
      <c r="D7496" cm="1">
        <f t="array" ref="D7496">IFERROR(INDEX(Jesper!AH$2:AH$366,ROUNDDOWN($C7496/24,0)+1,1)*INDEX($D$3:$AA$30,INDEX(Jesper!$R$2:$R$366,ROW(INDEX(Jesper!AH$2:AH$366,ROUNDDOWN($C7496/24,0)+1,1))-1)+IF('Standard Profiles'!$G$18=$B$10,7,0)+IF('Standard Profiles'!$G$18=$B$17,14,0)+IF('Standard Profiles'!$G$18=$B$24,21,0),MOD($C7496,24)+1)/SUM(INDEX($D$3:$AA$30,INDEX(Jesper!$R$2:$R$366,ROW(INDEX(Jesper!AH$2:AH$366,ROUNDDOWN($C7496/24,0)+1,1))-1)+IF('Standard Profiles'!$G$18=$B$10,7,0)+IF('Standard Profiles'!$G$18=$B$17,14,0)+IF('Standard Profiles'!$G$18=$B$24,21,0),0)),0)</f>
        <v>5.8752982723742306</v>
      </c>
      <c r="E7496" cm="1">
        <f t="array" ref="E7496">IFERROR(INDEX(Jesper!AI$2:AI$366,ROUNDDOWN($C7496/24,0)+1,1)*INDEX($D$3:$AA$30,INDEX(Jesper!$R$2:$R$366,ROW(INDEX(Jesper!AI$2:AI$366,ROUNDDOWN($C7496/24,0)+1,1))-1)+IF('Standard Profiles'!$G$19=$B$10,7,0)+IF('Standard Profiles'!$G$19=$B$17,14,0)+IF('Standard Profiles'!$G$19=$B$24,21,0),MOD($C7496,24)+1)/SUM(INDEX($D$3:$AA$30,INDEX(Jesper!$R$2:$R$366,ROW(INDEX(Jesper!AI$2:AI$366,ROUNDDOWN($C7496/24,0)+1,1))-1)+IF('Standard Profiles'!$G$19=$B$10,7,0)+IF('Standard Profiles'!$G$19=$B$17,14,0)+IF('Standard Profiles'!$G$19=$B$24,21,0),0)),0)</f>
        <v>4.9834521892527555</v>
      </c>
      <c r="F7496" cm="1">
        <f t="array" ref="F7496">IFERROR(INDEX(Jesper!AJ$2:AJ$366,ROUNDDOWN($C7496/24,0)+1,1)*INDEX($D$3:$AA$30,INDEX(Jesper!$R$2:$R$366,ROW(INDEX(Jesper!AJ$2:AJ$366,ROUNDDOWN($C7496/24,0)+1,1))-1)+IF('Standard Profiles'!$G$20=$B$10,7,0)+IF('Standard Profiles'!$G$20=$B$17,14,0)+IF('Standard Profiles'!$G$20=$B$24,21,0),MOD($C7496,24)+1)/SUM(INDEX($D$3:$AA$30,INDEX(Jesper!$R$2:$R$366,ROW(INDEX(Jesper!AJ$2:AJ$366,ROUNDDOWN($C7496/24,0)+1,1))-1)+IF('Standard Profiles'!$G$20=$B$10,7,0)+IF('Standard Profiles'!$G$20=$B$17,14,0)+IF('Standard Profiles'!$G$20=$B$24,21,0),0)),0)</f>
        <v>0</v>
      </c>
      <c r="G7496" cm="1">
        <f t="array" ref="G7496">IFERROR(INDEX(Jesper!AK$2:AK$366,ROUNDDOWN($C7496/24,0)+1,1)*INDEX($D$3:$AA$30,INDEX(Jesper!$R$2:$R$366,ROW(INDEX(Jesper!AK$2:AK$366,ROUNDDOWN($C7496/24,0)+1,1))-1)+IF('Standard Profiles'!$G$21=$B$10,7,0)+IF('Standard Profiles'!$G$21=$B$17,14,0)+IF('Standard Profiles'!$G$21=$B$24,21,0),MOD($C7496,24)+1)/SUM(INDEX($D$3:$AA$30,INDEX(Jesper!$R$2:$R$366,ROW(INDEX(Jesper!AK$2:AK$366,ROUNDDOWN($C7496/24,0)+1,1))-1)+IF('Standard Profiles'!$G$21=$B$10,7,0)+IF('Standard Profiles'!$G$21=$B$17,14,0)+IF('Standard Profiles'!$G$21=$B$24,21,0),0)),0)</f>
        <v>3.0208051339214337</v>
      </c>
      <c r="H7496" cm="1">
        <f t="array" ref="H7496">IFERROR(INDEX(Jesper!AL$2:AL$366,ROUNDDOWN($C7496/24,0)+1,1)*INDEX($D$3:$AA$30,INDEX(Jesper!$R$2:$R$366,ROW(INDEX(Jesper!AL$2:AL$366,ROUNDDOWN($C7496/24,0)+1,1))-1)+IF('Standard Profiles'!$G$22=$B$10,7,0)+IF('Standard Profiles'!$G$22=$B$17,14,0)+IF('Standard Profiles'!$G$22=$B$24,21,0),MOD($C7496,24)+1)/SUM(INDEX($D$3:$AA$30,INDEX(Jesper!$R$2:$R$366,ROW(INDEX(Jesper!AL$2:AL$366,ROUNDDOWN($C7496/24,0)+1,1))-1)+IF('Standard Profiles'!$G$22=$B$10,7,0)+IF('Standard Profiles'!$G$22=$B$17,14,0)+IF('Standard Profiles'!$G$22=$B$24,21,0),0)),0)</f>
        <v>0</v>
      </c>
      <c r="I7496">
        <f t="shared" si="832"/>
        <v>1.4499864642822875</v>
      </c>
      <c r="J7496">
        <f t="shared" si="833"/>
        <v>11.489521407686256</v>
      </c>
      <c r="K7496">
        <f t="shared" si="834"/>
        <v>0.62669848238658465</v>
      </c>
      <c r="L7496">
        <f t="shared" si="835"/>
        <v>0.31334924119329233</v>
      </c>
      <c r="M7496">
        <f t="shared" si="836"/>
        <v>0</v>
      </c>
      <c r="N7496" s="45">
        <f t="shared" si="837"/>
        <v>45237.916666648569</v>
      </c>
    </row>
    <row r="7497" spans="2:14" x14ac:dyDescent="0.25">
      <c r="B7497">
        <f t="shared" si="831"/>
        <v>2</v>
      </c>
      <c r="C7497" s="16">
        <v>7463</v>
      </c>
      <c r="D7497" cm="1">
        <f t="array" ref="D7497">IFERROR(INDEX(Jesper!AH$2:AH$366,ROUNDDOWN($C7497/24,0)+1,1)*INDEX($D$3:$AA$30,INDEX(Jesper!$R$2:$R$366,ROW(INDEX(Jesper!AH$2:AH$366,ROUNDDOWN($C7497/24,0)+1,1))-1)+IF('Standard Profiles'!$G$18=$B$10,7,0)+IF('Standard Profiles'!$G$18=$B$17,14,0)+IF('Standard Profiles'!$G$18=$B$24,21,0),MOD($C7497,24)+1)/SUM(INDEX($D$3:$AA$30,INDEX(Jesper!$R$2:$R$366,ROW(INDEX(Jesper!AH$2:AH$366,ROUNDDOWN($C7497/24,0)+1,1))-1)+IF('Standard Profiles'!$G$18=$B$10,7,0)+IF('Standard Profiles'!$G$18=$B$17,14,0)+IF('Standard Profiles'!$G$18=$B$24,21,0),0)),0)</f>
        <v>5.8752982723742306</v>
      </c>
      <c r="E7497" cm="1">
        <f t="array" ref="E7497">IFERROR(INDEX(Jesper!AI$2:AI$366,ROUNDDOWN($C7497/24,0)+1,1)*INDEX($D$3:$AA$30,INDEX(Jesper!$R$2:$R$366,ROW(INDEX(Jesper!AI$2:AI$366,ROUNDDOWN($C7497/24,0)+1,1))-1)+IF('Standard Profiles'!$G$19=$B$10,7,0)+IF('Standard Profiles'!$G$19=$B$17,14,0)+IF('Standard Profiles'!$G$19=$B$24,21,0),MOD($C7497,24)+1)/SUM(INDEX($D$3:$AA$30,INDEX(Jesper!$R$2:$R$366,ROW(INDEX(Jesper!AI$2:AI$366,ROUNDDOWN($C7497/24,0)+1,1))-1)+IF('Standard Profiles'!$G$19=$B$10,7,0)+IF('Standard Profiles'!$G$19=$B$17,14,0)+IF('Standard Profiles'!$G$19=$B$24,21,0),0)),0)</f>
        <v>4.9834521892527555</v>
      </c>
      <c r="F7497" cm="1">
        <f t="array" ref="F7497">IFERROR(INDEX(Jesper!AJ$2:AJ$366,ROUNDDOWN($C7497/24,0)+1,1)*INDEX($D$3:$AA$30,INDEX(Jesper!$R$2:$R$366,ROW(INDEX(Jesper!AJ$2:AJ$366,ROUNDDOWN($C7497/24,0)+1,1))-1)+IF('Standard Profiles'!$G$20=$B$10,7,0)+IF('Standard Profiles'!$G$20=$B$17,14,0)+IF('Standard Profiles'!$G$20=$B$24,21,0),MOD($C7497,24)+1)/SUM(INDEX($D$3:$AA$30,INDEX(Jesper!$R$2:$R$366,ROW(INDEX(Jesper!AJ$2:AJ$366,ROUNDDOWN($C7497/24,0)+1,1))-1)+IF('Standard Profiles'!$G$20=$B$10,7,0)+IF('Standard Profiles'!$G$20=$B$17,14,0)+IF('Standard Profiles'!$G$20=$B$24,21,0),0)),0)</f>
        <v>0</v>
      </c>
      <c r="G7497" cm="1">
        <f t="array" ref="G7497">IFERROR(INDEX(Jesper!AK$2:AK$366,ROUNDDOWN($C7497/24,0)+1,1)*INDEX($D$3:$AA$30,INDEX(Jesper!$R$2:$R$366,ROW(INDEX(Jesper!AK$2:AK$366,ROUNDDOWN($C7497/24,0)+1,1))-1)+IF('Standard Profiles'!$G$21=$B$10,7,0)+IF('Standard Profiles'!$G$21=$B$17,14,0)+IF('Standard Profiles'!$G$21=$B$24,21,0),MOD($C7497,24)+1)/SUM(INDEX($D$3:$AA$30,INDEX(Jesper!$R$2:$R$366,ROW(INDEX(Jesper!AK$2:AK$366,ROUNDDOWN($C7497/24,0)+1,1))-1)+IF('Standard Profiles'!$G$21=$B$10,7,0)+IF('Standard Profiles'!$G$21=$B$17,14,0)+IF('Standard Profiles'!$G$21=$B$24,21,0),0)),0)</f>
        <v>3.0208051339214337</v>
      </c>
      <c r="H7497" cm="1">
        <f t="array" ref="H7497">IFERROR(INDEX(Jesper!AL$2:AL$366,ROUNDDOWN($C7497/24,0)+1,1)*INDEX($D$3:$AA$30,INDEX(Jesper!$R$2:$R$366,ROW(INDEX(Jesper!AL$2:AL$366,ROUNDDOWN($C7497/24,0)+1,1))-1)+IF('Standard Profiles'!$G$22=$B$10,7,0)+IF('Standard Profiles'!$G$22=$B$17,14,0)+IF('Standard Profiles'!$G$22=$B$24,21,0),MOD($C7497,24)+1)/SUM(INDEX($D$3:$AA$30,INDEX(Jesper!$R$2:$R$366,ROW(INDEX(Jesper!AL$2:AL$366,ROUNDDOWN($C7497/24,0)+1,1))-1)+IF('Standard Profiles'!$G$22=$B$10,7,0)+IF('Standard Profiles'!$G$22=$B$17,14,0)+IF('Standard Profiles'!$G$22=$B$24,21,0),0)),0)</f>
        <v>0</v>
      </c>
      <c r="I7497">
        <f t="shared" si="832"/>
        <v>1.4499864642822875</v>
      </c>
      <c r="J7497">
        <f t="shared" si="833"/>
        <v>11.489521407686256</v>
      </c>
      <c r="K7497">
        <f t="shared" si="834"/>
        <v>0.62669848238658465</v>
      </c>
      <c r="L7497">
        <f t="shared" si="835"/>
        <v>0.31334924119329233</v>
      </c>
      <c r="M7497">
        <f t="shared" si="836"/>
        <v>0</v>
      </c>
      <c r="N7497" s="45">
        <f t="shared" si="837"/>
        <v>45237.958333315233</v>
      </c>
    </row>
    <row r="7498" spans="2:14" x14ac:dyDescent="0.25">
      <c r="B7498">
        <f t="shared" si="831"/>
        <v>3</v>
      </c>
      <c r="C7498" s="16">
        <v>7464</v>
      </c>
      <c r="D7498" cm="1">
        <f t="array" ref="D7498">IFERROR(INDEX(Jesper!AH$2:AH$366,ROUNDDOWN($C7498/24,0)+1,1)*INDEX($D$3:$AA$30,INDEX(Jesper!$R$2:$R$366,ROW(INDEX(Jesper!AH$2:AH$366,ROUNDDOWN($C7498/24,0)+1,1))-1)+IF('Standard Profiles'!$G$18=$B$10,7,0)+IF('Standard Profiles'!$G$18=$B$17,14,0)+IF('Standard Profiles'!$G$18=$B$24,21,0),MOD($C7498,24)+1)/SUM(INDEX($D$3:$AA$30,INDEX(Jesper!$R$2:$R$366,ROW(INDEX(Jesper!AH$2:AH$366,ROUNDDOWN($C7498/24,0)+1,1))-1)+IF('Standard Profiles'!$G$18=$B$10,7,0)+IF('Standard Profiles'!$G$18=$B$17,14,0)+IF('Standard Profiles'!$G$18=$B$24,21,0),0)),0)</f>
        <v>5.809108034994658</v>
      </c>
      <c r="E7498" cm="1">
        <f t="array" ref="E7498">IFERROR(INDEX(Jesper!AI$2:AI$366,ROUNDDOWN($C7498/24,0)+1,1)*INDEX($D$3:$AA$30,INDEX(Jesper!$R$2:$R$366,ROW(INDEX(Jesper!AI$2:AI$366,ROUNDDOWN($C7498/24,0)+1,1))-1)+IF('Standard Profiles'!$G$19=$B$10,7,0)+IF('Standard Profiles'!$G$19=$B$17,14,0)+IF('Standard Profiles'!$G$19=$B$24,21,0),MOD($C7498,24)+1)/SUM(INDEX($D$3:$AA$30,INDEX(Jesper!$R$2:$R$366,ROW(INDEX(Jesper!AI$2:AI$366,ROUNDDOWN($C7498/24,0)+1,1))-1)+IF('Standard Profiles'!$G$19=$B$10,7,0)+IF('Standard Profiles'!$G$19=$B$17,14,0)+IF('Standard Profiles'!$G$19=$B$24,21,0),0)),0)</f>
        <v>4.8024506245780696</v>
      </c>
      <c r="F7498" cm="1">
        <f t="array" ref="F7498">IFERROR(INDEX(Jesper!AJ$2:AJ$366,ROUNDDOWN($C7498/24,0)+1,1)*INDEX($D$3:$AA$30,INDEX(Jesper!$R$2:$R$366,ROW(INDEX(Jesper!AJ$2:AJ$366,ROUNDDOWN($C7498/24,0)+1,1))-1)+IF('Standard Profiles'!$G$20=$B$10,7,0)+IF('Standard Profiles'!$G$20=$B$17,14,0)+IF('Standard Profiles'!$G$20=$B$24,21,0),MOD($C7498,24)+1)/SUM(INDEX($D$3:$AA$30,INDEX(Jesper!$R$2:$R$366,ROW(INDEX(Jesper!AJ$2:AJ$366,ROUNDDOWN($C7498/24,0)+1,1))-1)+IF('Standard Profiles'!$G$20=$B$10,7,0)+IF('Standard Profiles'!$G$20=$B$17,14,0)+IF('Standard Profiles'!$G$20=$B$24,21,0),0)),0)</f>
        <v>0</v>
      </c>
      <c r="G7498" cm="1">
        <f t="array" ref="G7498">IFERROR(INDEX(Jesper!AK$2:AK$366,ROUNDDOWN($C7498/24,0)+1,1)*INDEX($D$3:$AA$30,INDEX(Jesper!$R$2:$R$366,ROW(INDEX(Jesper!AK$2:AK$366,ROUNDDOWN($C7498/24,0)+1,1))-1)+IF('Standard Profiles'!$G$21=$B$10,7,0)+IF('Standard Profiles'!$G$21=$B$17,14,0)+IF('Standard Profiles'!$G$21=$B$24,21,0),MOD($C7498,24)+1)/SUM(INDEX($D$3:$AA$30,INDEX(Jesper!$R$2:$R$366,ROW(INDEX(Jesper!AK$2:AK$366,ROUNDDOWN($C7498/24,0)+1,1))-1)+IF('Standard Profiles'!$G$21=$B$10,7,0)+IF('Standard Profiles'!$G$21=$B$17,14,0)+IF('Standard Profiles'!$G$21=$B$24,21,0),0)),0)</f>
        <v>2.7632477795801171</v>
      </c>
      <c r="H7498" cm="1">
        <f t="array" ref="H7498">IFERROR(INDEX(Jesper!AL$2:AL$366,ROUNDDOWN($C7498/24,0)+1,1)*INDEX($D$3:$AA$30,INDEX(Jesper!$R$2:$R$366,ROW(INDEX(Jesper!AL$2:AL$366,ROUNDDOWN($C7498/24,0)+1,1))-1)+IF('Standard Profiles'!$G$22=$B$10,7,0)+IF('Standard Profiles'!$G$22=$B$17,14,0)+IF('Standard Profiles'!$G$22=$B$24,21,0),MOD($C7498,24)+1)/SUM(INDEX($D$3:$AA$30,INDEX(Jesper!$R$2:$R$366,ROW(INDEX(Jesper!AL$2:AL$366,ROUNDDOWN($C7498/24,0)+1,1))-1)+IF('Standard Profiles'!$G$22=$B$10,7,0)+IF('Standard Profiles'!$G$22=$B$17,14,0)+IF('Standard Profiles'!$G$22=$B$24,21,0),0)),0)</f>
        <v>0</v>
      </c>
      <c r="I7498">
        <f t="shared" si="832"/>
        <v>1.3263589341984556</v>
      </c>
      <c r="J7498">
        <f t="shared" si="833"/>
        <v>11.118990219355243</v>
      </c>
      <c r="K7498">
        <f t="shared" si="834"/>
        <v>0.61963819039943024</v>
      </c>
      <c r="L7498">
        <f t="shared" si="835"/>
        <v>0.30981909519971512</v>
      </c>
      <c r="M7498">
        <f t="shared" si="836"/>
        <v>0</v>
      </c>
      <c r="N7498" s="45">
        <f t="shared" si="837"/>
        <v>45237.999999981897</v>
      </c>
    </row>
    <row r="7499" spans="2:14" x14ac:dyDescent="0.25">
      <c r="B7499">
        <f t="shared" si="831"/>
        <v>3</v>
      </c>
      <c r="C7499" s="16">
        <v>7465</v>
      </c>
      <c r="D7499" cm="1">
        <f t="array" ref="D7499">IFERROR(INDEX(Jesper!AH$2:AH$366,ROUNDDOWN($C7499/24,0)+1,1)*INDEX($D$3:$AA$30,INDEX(Jesper!$R$2:$R$366,ROW(INDEX(Jesper!AH$2:AH$366,ROUNDDOWN($C7499/24,0)+1,1))-1)+IF('Standard Profiles'!$G$18=$B$10,7,0)+IF('Standard Profiles'!$G$18=$B$17,14,0)+IF('Standard Profiles'!$G$18=$B$24,21,0),MOD($C7499,24)+1)/SUM(INDEX($D$3:$AA$30,INDEX(Jesper!$R$2:$R$366,ROW(INDEX(Jesper!AH$2:AH$366,ROUNDDOWN($C7499/24,0)+1,1))-1)+IF('Standard Profiles'!$G$18=$B$10,7,0)+IF('Standard Profiles'!$G$18=$B$17,14,0)+IF('Standard Profiles'!$G$18=$B$24,21,0),0)),0)</f>
        <v>5.809108034994658</v>
      </c>
      <c r="E7499" cm="1">
        <f t="array" ref="E7499">IFERROR(INDEX(Jesper!AI$2:AI$366,ROUNDDOWN($C7499/24,0)+1,1)*INDEX($D$3:$AA$30,INDEX(Jesper!$R$2:$R$366,ROW(INDEX(Jesper!AI$2:AI$366,ROUNDDOWN($C7499/24,0)+1,1))-1)+IF('Standard Profiles'!$G$19=$B$10,7,0)+IF('Standard Profiles'!$G$19=$B$17,14,0)+IF('Standard Profiles'!$G$19=$B$24,21,0),MOD($C7499,24)+1)/SUM(INDEX($D$3:$AA$30,INDEX(Jesper!$R$2:$R$366,ROW(INDEX(Jesper!AI$2:AI$366,ROUNDDOWN($C7499/24,0)+1,1))-1)+IF('Standard Profiles'!$G$19=$B$10,7,0)+IF('Standard Profiles'!$G$19=$B$17,14,0)+IF('Standard Profiles'!$G$19=$B$24,21,0),0)),0)</f>
        <v>4.8024506245780696</v>
      </c>
      <c r="F7499" cm="1">
        <f t="array" ref="F7499">IFERROR(INDEX(Jesper!AJ$2:AJ$366,ROUNDDOWN($C7499/24,0)+1,1)*INDEX($D$3:$AA$30,INDEX(Jesper!$R$2:$R$366,ROW(INDEX(Jesper!AJ$2:AJ$366,ROUNDDOWN($C7499/24,0)+1,1))-1)+IF('Standard Profiles'!$G$20=$B$10,7,0)+IF('Standard Profiles'!$G$20=$B$17,14,0)+IF('Standard Profiles'!$G$20=$B$24,21,0),MOD($C7499,24)+1)/SUM(INDEX($D$3:$AA$30,INDEX(Jesper!$R$2:$R$366,ROW(INDEX(Jesper!AJ$2:AJ$366,ROUNDDOWN($C7499/24,0)+1,1))-1)+IF('Standard Profiles'!$G$20=$B$10,7,0)+IF('Standard Profiles'!$G$20=$B$17,14,0)+IF('Standard Profiles'!$G$20=$B$24,21,0),0)),0)</f>
        <v>0</v>
      </c>
      <c r="G7499" cm="1">
        <f t="array" ref="G7499">IFERROR(INDEX(Jesper!AK$2:AK$366,ROUNDDOWN($C7499/24,0)+1,1)*INDEX($D$3:$AA$30,INDEX(Jesper!$R$2:$R$366,ROW(INDEX(Jesper!AK$2:AK$366,ROUNDDOWN($C7499/24,0)+1,1))-1)+IF('Standard Profiles'!$G$21=$B$10,7,0)+IF('Standard Profiles'!$G$21=$B$17,14,0)+IF('Standard Profiles'!$G$21=$B$24,21,0),MOD($C7499,24)+1)/SUM(INDEX($D$3:$AA$30,INDEX(Jesper!$R$2:$R$366,ROW(INDEX(Jesper!AK$2:AK$366,ROUNDDOWN($C7499/24,0)+1,1))-1)+IF('Standard Profiles'!$G$21=$B$10,7,0)+IF('Standard Profiles'!$G$21=$B$17,14,0)+IF('Standard Profiles'!$G$21=$B$24,21,0),0)),0)</f>
        <v>2.7632477795801171</v>
      </c>
      <c r="H7499" cm="1">
        <f t="array" ref="H7499">IFERROR(INDEX(Jesper!AL$2:AL$366,ROUNDDOWN($C7499/24,0)+1,1)*INDEX($D$3:$AA$30,INDEX(Jesper!$R$2:$R$366,ROW(INDEX(Jesper!AL$2:AL$366,ROUNDDOWN($C7499/24,0)+1,1))-1)+IF('Standard Profiles'!$G$22=$B$10,7,0)+IF('Standard Profiles'!$G$22=$B$17,14,0)+IF('Standard Profiles'!$G$22=$B$24,21,0),MOD($C7499,24)+1)/SUM(INDEX($D$3:$AA$30,INDEX(Jesper!$R$2:$R$366,ROW(INDEX(Jesper!AL$2:AL$366,ROUNDDOWN($C7499/24,0)+1,1))-1)+IF('Standard Profiles'!$G$22=$B$10,7,0)+IF('Standard Profiles'!$G$22=$B$17,14,0)+IF('Standard Profiles'!$G$22=$B$24,21,0),0)),0)</f>
        <v>0</v>
      </c>
      <c r="I7499">
        <f t="shared" si="832"/>
        <v>1.3263589341984556</v>
      </c>
      <c r="J7499">
        <f t="shared" si="833"/>
        <v>11.118990219355243</v>
      </c>
      <c r="K7499">
        <f t="shared" si="834"/>
        <v>0.61963819039943024</v>
      </c>
      <c r="L7499">
        <f t="shared" si="835"/>
        <v>0.30981909519971512</v>
      </c>
      <c r="M7499">
        <f t="shared" si="836"/>
        <v>0</v>
      </c>
      <c r="N7499" s="45">
        <f t="shared" si="837"/>
        <v>45238.041666648562</v>
      </c>
    </row>
    <row r="7500" spans="2:14" x14ac:dyDescent="0.25">
      <c r="B7500">
        <f t="shared" si="831"/>
        <v>3</v>
      </c>
      <c r="C7500" s="16">
        <v>7466</v>
      </c>
      <c r="D7500" cm="1">
        <f t="array" ref="D7500">IFERROR(INDEX(Jesper!AH$2:AH$366,ROUNDDOWN($C7500/24,0)+1,1)*INDEX($D$3:$AA$30,INDEX(Jesper!$R$2:$R$366,ROW(INDEX(Jesper!AH$2:AH$366,ROUNDDOWN($C7500/24,0)+1,1))-1)+IF('Standard Profiles'!$G$18=$B$10,7,0)+IF('Standard Profiles'!$G$18=$B$17,14,0)+IF('Standard Profiles'!$G$18=$B$24,21,0),MOD($C7500,24)+1)/SUM(INDEX($D$3:$AA$30,INDEX(Jesper!$R$2:$R$366,ROW(INDEX(Jesper!AH$2:AH$366,ROUNDDOWN($C7500/24,0)+1,1))-1)+IF('Standard Profiles'!$G$18=$B$10,7,0)+IF('Standard Profiles'!$G$18=$B$17,14,0)+IF('Standard Profiles'!$G$18=$B$24,21,0),0)),0)</f>
        <v>5.809108034994658</v>
      </c>
      <c r="E7500" cm="1">
        <f t="array" ref="E7500">IFERROR(INDEX(Jesper!AI$2:AI$366,ROUNDDOWN($C7500/24,0)+1,1)*INDEX($D$3:$AA$30,INDEX(Jesper!$R$2:$R$366,ROW(INDEX(Jesper!AI$2:AI$366,ROUNDDOWN($C7500/24,0)+1,1))-1)+IF('Standard Profiles'!$G$19=$B$10,7,0)+IF('Standard Profiles'!$G$19=$B$17,14,0)+IF('Standard Profiles'!$G$19=$B$24,21,0),MOD($C7500,24)+1)/SUM(INDEX($D$3:$AA$30,INDEX(Jesper!$R$2:$R$366,ROW(INDEX(Jesper!AI$2:AI$366,ROUNDDOWN($C7500/24,0)+1,1))-1)+IF('Standard Profiles'!$G$19=$B$10,7,0)+IF('Standard Profiles'!$G$19=$B$17,14,0)+IF('Standard Profiles'!$G$19=$B$24,21,0),0)),0)</f>
        <v>4.8024506245780696</v>
      </c>
      <c r="F7500" cm="1">
        <f t="array" ref="F7500">IFERROR(INDEX(Jesper!AJ$2:AJ$366,ROUNDDOWN($C7500/24,0)+1,1)*INDEX($D$3:$AA$30,INDEX(Jesper!$R$2:$R$366,ROW(INDEX(Jesper!AJ$2:AJ$366,ROUNDDOWN($C7500/24,0)+1,1))-1)+IF('Standard Profiles'!$G$20=$B$10,7,0)+IF('Standard Profiles'!$G$20=$B$17,14,0)+IF('Standard Profiles'!$G$20=$B$24,21,0),MOD($C7500,24)+1)/SUM(INDEX($D$3:$AA$30,INDEX(Jesper!$R$2:$R$366,ROW(INDEX(Jesper!AJ$2:AJ$366,ROUNDDOWN($C7500/24,0)+1,1))-1)+IF('Standard Profiles'!$G$20=$B$10,7,0)+IF('Standard Profiles'!$G$20=$B$17,14,0)+IF('Standard Profiles'!$G$20=$B$24,21,0),0)),0)</f>
        <v>0</v>
      </c>
      <c r="G7500" cm="1">
        <f t="array" ref="G7500">IFERROR(INDEX(Jesper!AK$2:AK$366,ROUNDDOWN($C7500/24,0)+1,1)*INDEX($D$3:$AA$30,INDEX(Jesper!$R$2:$R$366,ROW(INDEX(Jesper!AK$2:AK$366,ROUNDDOWN($C7500/24,0)+1,1))-1)+IF('Standard Profiles'!$G$21=$B$10,7,0)+IF('Standard Profiles'!$G$21=$B$17,14,0)+IF('Standard Profiles'!$G$21=$B$24,21,0),MOD($C7500,24)+1)/SUM(INDEX($D$3:$AA$30,INDEX(Jesper!$R$2:$R$366,ROW(INDEX(Jesper!AK$2:AK$366,ROUNDDOWN($C7500/24,0)+1,1))-1)+IF('Standard Profiles'!$G$21=$B$10,7,0)+IF('Standard Profiles'!$G$21=$B$17,14,0)+IF('Standard Profiles'!$G$21=$B$24,21,0),0)),0)</f>
        <v>2.7632477795801171</v>
      </c>
      <c r="H7500" cm="1">
        <f t="array" ref="H7500">IFERROR(INDEX(Jesper!AL$2:AL$366,ROUNDDOWN($C7500/24,0)+1,1)*INDEX($D$3:$AA$30,INDEX(Jesper!$R$2:$R$366,ROW(INDEX(Jesper!AL$2:AL$366,ROUNDDOWN($C7500/24,0)+1,1))-1)+IF('Standard Profiles'!$G$22=$B$10,7,0)+IF('Standard Profiles'!$G$22=$B$17,14,0)+IF('Standard Profiles'!$G$22=$B$24,21,0),MOD($C7500,24)+1)/SUM(INDEX($D$3:$AA$30,INDEX(Jesper!$R$2:$R$366,ROW(INDEX(Jesper!AL$2:AL$366,ROUNDDOWN($C7500/24,0)+1,1))-1)+IF('Standard Profiles'!$G$22=$B$10,7,0)+IF('Standard Profiles'!$G$22=$B$17,14,0)+IF('Standard Profiles'!$G$22=$B$24,21,0),0)),0)</f>
        <v>0</v>
      </c>
      <c r="I7500">
        <f t="shared" si="832"/>
        <v>1.3263589341984556</v>
      </c>
      <c r="J7500">
        <f t="shared" si="833"/>
        <v>11.118990219355243</v>
      </c>
      <c r="K7500">
        <f t="shared" si="834"/>
        <v>0.61963819039943024</v>
      </c>
      <c r="L7500">
        <f t="shared" si="835"/>
        <v>0.30981909519971512</v>
      </c>
      <c r="M7500">
        <f t="shared" si="836"/>
        <v>0</v>
      </c>
      <c r="N7500" s="45">
        <f t="shared" si="837"/>
        <v>45238.083333315226</v>
      </c>
    </row>
    <row r="7501" spans="2:14" x14ac:dyDescent="0.25">
      <c r="B7501">
        <f t="shared" si="831"/>
        <v>3</v>
      </c>
      <c r="C7501" s="16">
        <v>7467</v>
      </c>
      <c r="D7501" cm="1">
        <f t="array" ref="D7501">IFERROR(INDEX(Jesper!AH$2:AH$366,ROUNDDOWN($C7501/24,0)+1,1)*INDEX($D$3:$AA$30,INDEX(Jesper!$R$2:$R$366,ROW(INDEX(Jesper!AH$2:AH$366,ROUNDDOWN($C7501/24,0)+1,1))-1)+IF('Standard Profiles'!$G$18=$B$10,7,0)+IF('Standard Profiles'!$G$18=$B$17,14,0)+IF('Standard Profiles'!$G$18=$B$24,21,0),MOD($C7501,24)+1)/SUM(INDEX($D$3:$AA$30,INDEX(Jesper!$R$2:$R$366,ROW(INDEX(Jesper!AH$2:AH$366,ROUNDDOWN($C7501/24,0)+1,1))-1)+IF('Standard Profiles'!$G$18=$B$10,7,0)+IF('Standard Profiles'!$G$18=$B$17,14,0)+IF('Standard Profiles'!$G$18=$B$24,21,0),0)),0)</f>
        <v>5.809108034994658</v>
      </c>
      <c r="E7501" cm="1">
        <f t="array" ref="E7501">IFERROR(INDEX(Jesper!AI$2:AI$366,ROUNDDOWN($C7501/24,0)+1,1)*INDEX($D$3:$AA$30,INDEX(Jesper!$R$2:$R$366,ROW(INDEX(Jesper!AI$2:AI$366,ROUNDDOWN($C7501/24,0)+1,1))-1)+IF('Standard Profiles'!$G$19=$B$10,7,0)+IF('Standard Profiles'!$G$19=$B$17,14,0)+IF('Standard Profiles'!$G$19=$B$24,21,0),MOD($C7501,24)+1)/SUM(INDEX($D$3:$AA$30,INDEX(Jesper!$R$2:$R$366,ROW(INDEX(Jesper!AI$2:AI$366,ROUNDDOWN($C7501/24,0)+1,1))-1)+IF('Standard Profiles'!$G$19=$B$10,7,0)+IF('Standard Profiles'!$G$19=$B$17,14,0)+IF('Standard Profiles'!$G$19=$B$24,21,0),0)),0)</f>
        <v>4.8024506245780696</v>
      </c>
      <c r="F7501" cm="1">
        <f t="array" ref="F7501">IFERROR(INDEX(Jesper!AJ$2:AJ$366,ROUNDDOWN($C7501/24,0)+1,1)*INDEX($D$3:$AA$30,INDEX(Jesper!$R$2:$R$366,ROW(INDEX(Jesper!AJ$2:AJ$366,ROUNDDOWN($C7501/24,0)+1,1))-1)+IF('Standard Profiles'!$G$20=$B$10,7,0)+IF('Standard Profiles'!$G$20=$B$17,14,0)+IF('Standard Profiles'!$G$20=$B$24,21,0),MOD($C7501,24)+1)/SUM(INDEX($D$3:$AA$30,INDEX(Jesper!$R$2:$R$366,ROW(INDEX(Jesper!AJ$2:AJ$366,ROUNDDOWN($C7501/24,0)+1,1))-1)+IF('Standard Profiles'!$G$20=$B$10,7,0)+IF('Standard Profiles'!$G$20=$B$17,14,0)+IF('Standard Profiles'!$G$20=$B$24,21,0),0)),0)</f>
        <v>0</v>
      </c>
      <c r="G7501" cm="1">
        <f t="array" ref="G7501">IFERROR(INDEX(Jesper!AK$2:AK$366,ROUNDDOWN($C7501/24,0)+1,1)*INDEX($D$3:$AA$30,INDEX(Jesper!$R$2:$R$366,ROW(INDEX(Jesper!AK$2:AK$366,ROUNDDOWN($C7501/24,0)+1,1))-1)+IF('Standard Profiles'!$G$21=$B$10,7,0)+IF('Standard Profiles'!$G$21=$B$17,14,0)+IF('Standard Profiles'!$G$21=$B$24,21,0),MOD($C7501,24)+1)/SUM(INDEX($D$3:$AA$30,INDEX(Jesper!$R$2:$R$366,ROW(INDEX(Jesper!AK$2:AK$366,ROUNDDOWN($C7501/24,0)+1,1))-1)+IF('Standard Profiles'!$G$21=$B$10,7,0)+IF('Standard Profiles'!$G$21=$B$17,14,0)+IF('Standard Profiles'!$G$21=$B$24,21,0),0)),0)</f>
        <v>2.7632477795801171</v>
      </c>
      <c r="H7501" cm="1">
        <f t="array" ref="H7501">IFERROR(INDEX(Jesper!AL$2:AL$366,ROUNDDOWN($C7501/24,0)+1,1)*INDEX($D$3:$AA$30,INDEX(Jesper!$R$2:$R$366,ROW(INDEX(Jesper!AL$2:AL$366,ROUNDDOWN($C7501/24,0)+1,1))-1)+IF('Standard Profiles'!$G$22=$B$10,7,0)+IF('Standard Profiles'!$G$22=$B$17,14,0)+IF('Standard Profiles'!$G$22=$B$24,21,0),MOD($C7501,24)+1)/SUM(INDEX($D$3:$AA$30,INDEX(Jesper!$R$2:$R$366,ROW(INDEX(Jesper!AL$2:AL$366,ROUNDDOWN($C7501/24,0)+1,1))-1)+IF('Standard Profiles'!$G$22=$B$10,7,0)+IF('Standard Profiles'!$G$22=$B$17,14,0)+IF('Standard Profiles'!$G$22=$B$24,21,0),0)),0)</f>
        <v>0</v>
      </c>
      <c r="I7501">
        <f t="shared" si="832"/>
        <v>1.3263589341984556</v>
      </c>
      <c r="J7501">
        <f t="shared" si="833"/>
        <v>11.118990219355243</v>
      </c>
      <c r="K7501">
        <f t="shared" si="834"/>
        <v>0.61963819039943024</v>
      </c>
      <c r="L7501">
        <f t="shared" si="835"/>
        <v>0.30981909519971512</v>
      </c>
      <c r="M7501">
        <f t="shared" si="836"/>
        <v>0</v>
      </c>
      <c r="N7501" s="45">
        <f t="shared" si="837"/>
        <v>45238.12499998189</v>
      </c>
    </row>
    <row r="7502" spans="2:14" x14ac:dyDescent="0.25">
      <c r="B7502">
        <f t="shared" si="831"/>
        <v>3</v>
      </c>
      <c r="C7502" s="16">
        <v>7468</v>
      </c>
      <c r="D7502" cm="1">
        <f t="array" ref="D7502">IFERROR(INDEX(Jesper!AH$2:AH$366,ROUNDDOWN($C7502/24,0)+1,1)*INDEX($D$3:$AA$30,INDEX(Jesper!$R$2:$R$366,ROW(INDEX(Jesper!AH$2:AH$366,ROUNDDOWN($C7502/24,0)+1,1))-1)+IF('Standard Profiles'!$G$18=$B$10,7,0)+IF('Standard Profiles'!$G$18=$B$17,14,0)+IF('Standard Profiles'!$G$18=$B$24,21,0),MOD($C7502,24)+1)/SUM(INDEX($D$3:$AA$30,INDEX(Jesper!$R$2:$R$366,ROW(INDEX(Jesper!AH$2:AH$366,ROUNDDOWN($C7502/24,0)+1,1))-1)+IF('Standard Profiles'!$G$18=$B$10,7,0)+IF('Standard Profiles'!$G$18=$B$17,14,0)+IF('Standard Profiles'!$G$18=$B$24,21,0),0)),0)</f>
        <v>5.809108034994658</v>
      </c>
      <c r="E7502" cm="1">
        <f t="array" ref="E7502">IFERROR(INDEX(Jesper!AI$2:AI$366,ROUNDDOWN($C7502/24,0)+1,1)*INDEX($D$3:$AA$30,INDEX(Jesper!$R$2:$R$366,ROW(INDEX(Jesper!AI$2:AI$366,ROUNDDOWN($C7502/24,0)+1,1))-1)+IF('Standard Profiles'!$G$19=$B$10,7,0)+IF('Standard Profiles'!$G$19=$B$17,14,0)+IF('Standard Profiles'!$G$19=$B$24,21,0),MOD($C7502,24)+1)/SUM(INDEX($D$3:$AA$30,INDEX(Jesper!$R$2:$R$366,ROW(INDEX(Jesper!AI$2:AI$366,ROUNDDOWN($C7502/24,0)+1,1))-1)+IF('Standard Profiles'!$G$19=$B$10,7,0)+IF('Standard Profiles'!$G$19=$B$17,14,0)+IF('Standard Profiles'!$G$19=$B$24,21,0),0)),0)</f>
        <v>4.8024506245780696</v>
      </c>
      <c r="F7502" cm="1">
        <f t="array" ref="F7502">IFERROR(INDEX(Jesper!AJ$2:AJ$366,ROUNDDOWN($C7502/24,0)+1,1)*INDEX($D$3:$AA$30,INDEX(Jesper!$R$2:$R$366,ROW(INDEX(Jesper!AJ$2:AJ$366,ROUNDDOWN($C7502/24,0)+1,1))-1)+IF('Standard Profiles'!$G$20=$B$10,7,0)+IF('Standard Profiles'!$G$20=$B$17,14,0)+IF('Standard Profiles'!$G$20=$B$24,21,0),MOD($C7502,24)+1)/SUM(INDEX($D$3:$AA$30,INDEX(Jesper!$R$2:$R$366,ROW(INDEX(Jesper!AJ$2:AJ$366,ROUNDDOWN($C7502/24,0)+1,1))-1)+IF('Standard Profiles'!$G$20=$B$10,7,0)+IF('Standard Profiles'!$G$20=$B$17,14,0)+IF('Standard Profiles'!$G$20=$B$24,21,0),0)),0)</f>
        <v>0</v>
      </c>
      <c r="G7502" cm="1">
        <f t="array" ref="G7502">IFERROR(INDEX(Jesper!AK$2:AK$366,ROUNDDOWN($C7502/24,0)+1,1)*INDEX($D$3:$AA$30,INDEX(Jesper!$R$2:$R$366,ROW(INDEX(Jesper!AK$2:AK$366,ROUNDDOWN($C7502/24,0)+1,1))-1)+IF('Standard Profiles'!$G$21=$B$10,7,0)+IF('Standard Profiles'!$G$21=$B$17,14,0)+IF('Standard Profiles'!$G$21=$B$24,21,0),MOD($C7502,24)+1)/SUM(INDEX($D$3:$AA$30,INDEX(Jesper!$R$2:$R$366,ROW(INDEX(Jesper!AK$2:AK$366,ROUNDDOWN($C7502/24,0)+1,1))-1)+IF('Standard Profiles'!$G$21=$B$10,7,0)+IF('Standard Profiles'!$G$21=$B$17,14,0)+IF('Standard Profiles'!$G$21=$B$24,21,0),0)),0)</f>
        <v>2.7632477795801171</v>
      </c>
      <c r="H7502" cm="1">
        <f t="array" ref="H7502">IFERROR(INDEX(Jesper!AL$2:AL$366,ROUNDDOWN($C7502/24,0)+1,1)*INDEX($D$3:$AA$30,INDEX(Jesper!$R$2:$R$366,ROW(INDEX(Jesper!AL$2:AL$366,ROUNDDOWN($C7502/24,0)+1,1))-1)+IF('Standard Profiles'!$G$22=$B$10,7,0)+IF('Standard Profiles'!$G$22=$B$17,14,0)+IF('Standard Profiles'!$G$22=$B$24,21,0),MOD($C7502,24)+1)/SUM(INDEX($D$3:$AA$30,INDEX(Jesper!$R$2:$R$366,ROW(INDEX(Jesper!AL$2:AL$366,ROUNDDOWN($C7502/24,0)+1,1))-1)+IF('Standard Profiles'!$G$22=$B$10,7,0)+IF('Standard Profiles'!$G$22=$B$17,14,0)+IF('Standard Profiles'!$G$22=$B$24,21,0),0)),0)</f>
        <v>0</v>
      </c>
      <c r="I7502">
        <f t="shared" si="832"/>
        <v>1.3263589341984556</v>
      </c>
      <c r="J7502">
        <f t="shared" si="833"/>
        <v>11.118990219355243</v>
      </c>
      <c r="K7502">
        <f t="shared" si="834"/>
        <v>0.61963819039943024</v>
      </c>
      <c r="L7502">
        <f t="shared" si="835"/>
        <v>0.30981909519971512</v>
      </c>
      <c r="M7502">
        <f t="shared" si="836"/>
        <v>0</v>
      </c>
      <c r="N7502" s="45">
        <f t="shared" si="837"/>
        <v>45238.166666648554</v>
      </c>
    </row>
    <row r="7503" spans="2:14" x14ac:dyDescent="0.25">
      <c r="B7503">
        <f t="shared" si="831"/>
        <v>3</v>
      </c>
      <c r="C7503" s="16">
        <v>7469</v>
      </c>
      <c r="D7503" cm="1">
        <f t="array" ref="D7503">IFERROR(INDEX(Jesper!AH$2:AH$366,ROUNDDOWN($C7503/24,0)+1,1)*INDEX($D$3:$AA$30,INDEX(Jesper!$R$2:$R$366,ROW(INDEX(Jesper!AH$2:AH$366,ROUNDDOWN($C7503/24,0)+1,1))-1)+IF('Standard Profiles'!$G$18=$B$10,7,0)+IF('Standard Profiles'!$G$18=$B$17,14,0)+IF('Standard Profiles'!$G$18=$B$24,21,0),MOD($C7503,24)+1)/SUM(INDEX($D$3:$AA$30,INDEX(Jesper!$R$2:$R$366,ROW(INDEX(Jesper!AH$2:AH$366,ROUNDDOWN($C7503/24,0)+1,1))-1)+IF('Standard Profiles'!$G$18=$B$10,7,0)+IF('Standard Profiles'!$G$18=$B$17,14,0)+IF('Standard Profiles'!$G$18=$B$24,21,0),0)),0)</f>
        <v>5.809108034994658</v>
      </c>
      <c r="E7503" cm="1">
        <f t="array" ref="E7503">IFERROR(INDEX(Jesper!AI$2:AI$366,ROUNDDOWN($C7503/24,0)+1,1)*INDEX($D$3:$AA$30,INDEX(Jesper!$R$2:$R$366,ROW(INDEX(Jesper!AI$2:AI$366,ROUNDDOWN($C7503/24,0)+1,1))-1)+IF('Standard Profiles'!$G$19=$B$10,7,0)+IF('Standard Profiles'!$G$19=$B$17,14,0)+IF('Standard Profiles'!$G$19=$B$24,21,0),MOD($C7503,24)+1)/SUM(INDEX($D$3:$AA$30,INDEX(Jesper!$R$2:$R$366,ROW(INDEX(Jesper!AI$2:AI$366,ROUNDDOWN($C7503/24,0)+1,1))-1)+IF('Standard Profiles'!$G$19=$B$10,7,0)+IF('Standard Profiles'!$G$19=$B$17,14,0)+IF('Standard Profiles'!$G$19=$B$24,21,0),0)),0)</f>
        <v>4.8024506245780696</v>
      </c>
      <c r="F7503" cm="1">
        <f t="array" ref="F7503">IFERROR(INDEX(Jesper!AJ$2:AJ$366,ROUNDDOWN($C7503/24,0)+1,1)*INDEX($D$3:$AA$30,INDEX(Jesper!$R$2:$R$366,ROW(INDEX(Jesper!AJ$2:AJ$366,ROUNDDOWN($C7503/24,0)+1,1))-1)+IF('Standard Profiles'!$G$20=$B$10,7,0)+IF('Standard Profiles'!$G$20=$B$17,14,0)+IF('Standard Profiles'!$G$20=$B$24,21,0),MOD($C7503,24)+1)/SUM(INDEX($D$3:$AA$30,INDEX(Jesper!$R$2:$R$366,ROW(INDEX(Jesper!AJ$2:AJ$366,ROUNDDOWN($C7503/24,0)+1,1))-1)+IF('Standard Profiles'!$G$20=$B$10,7,0)+IF('Standard Profiles'!$G$20=$B$17,14,0)+IF('Standard Profiles'!$G$20=$B$24,21,0),0)),0)</f>
        <v>0</v>
      </c>
      <c r="G7503" cm="1">
        <f t="array" ref="G7503">IFERROR(INDEX(Jesper!AK$2:AK$366,ROUNDDOWN($C7503/24,0)+1,1)*INDEX($D$3:$AA$30,INDEX(Jesper!$R$2:$R$366,ROW(INDEX(Jesper!AK$2:AK$366,ROUNDDOWN($C7503/24,0)+1,1))-1)+IF('Standard Profiles'!$G$21=$B$10,7,0)+IF('Standard Profiles'!$G$21=$B$17,14,0)+IF('Standard Profiles'!$G$21=$B$24,21,0),MOD($C7503,24)+1)/SUM(INDEX($D$3:$AA$30,INDEX(Jesper!$R$2:$R$366,ROW(INDEX(Jesper!AK$2:AK$366,ROUNDDOWN($C7503/24,0)+1,1))-1)+IF('Standard Profiles'!$G$21=$B$10,7,0)+IF('Standard Profiles'!$G$21=$B$17,14,0)+IF('Standard Profiles'!$G$21=$B$24,21,0),0)),0)</f>
        <v>2.7632477795801171</v>
      </c>
      <c r="H7503" cm="1">
        <f t="array" ref="H7503">IFERROR(INDEX(Jesper!AL$2:AL$366,ROUNDDOWN($C7503/24,0)+1,1)*INDEX($D$3:$AA$30,INDEX(Jesper!$R$2:$R$366,ROW(INDEX(Jesper!AL$2:AL$366,ROUNDDOWN($C7503/24,0)+1,1))-1)+IF('Standard Profiles'!$G$22=$B$10,7,0)+IF('Standard Profiles'!$G$22=$B$17,14,0)+IF('Standard Profiles'!$G$22=$B$24,21,0),MOD($C7503,24)+1)/SUM(INDEX($D$3:$AA$30,INDEX(Jesper!$R$2:$R$366,ROW(INDEX(Jesper!AL$2:AL$366,ROUNDDOWN($C7503/24,0)+1,1))-1)+IF('Standard Profiles'!$G$22=$B$10,7,0)+IF('Standard Profiles'!$G$22=$B$17,14,0)+IF('Standard Profiles'!$G$22=$B$24,21,0),0)),0)</f>
        <v>0</v>
      </c>
      <c r="I7503">
        <f t="shared" si="832"/>
        <v>1.3263589341984556</v>
      </c>
      <c r="J7503">
        <f t="shared" si="833"/>
        <v>11.118990219355243</v>
      </c>
      <c r="K7503">
        <f t="shared" si="834"/>
        <v>0.61963819039943024</v>
      </c>
      <c r="L7503">
        <f t="shared" si="835"/>
        <v>0.30981909519971512</v>
      </c>
      <c r="M7503">
        <f t="shared" si="836"/>
        <v>0</v>
      </c>
      <c r="N7503" s="45">
        <f t="shared" si="837"/>
        <v>45238.208333315219</v>
      </c>
    </row>
    <row r="7504" spans="2:14" x14ac:dyDescent="0.25">
      <c r="B7504">
        <f t="shared" si="831"/>
        <v>3</v>
      </c>
      <c r="C7504" s="16">
        <v>7470</v>
      </c>
      <c r="D7504" cm="1">
        <f t="array" ref="D7504">IFERROR(INDEX(Jesper!AH$2:AH$366,ROUNDDOWN($C7504/24,0)+1,1)*INDEX($D$3:$AA$30,INDEX(Jesper!$R$2:$R$366,ROW(INDEX(Jesper!AH$2:AH$366,ROUNDDOWN($C7504/24,0)+1,1))-1)+IF('Standard Profiles'!$G$18=$B$10,7,0)+IF('Standard Profiles'!$G$18=$B$17,14,0)+IF('Standard Profiles'!$G$18=$B$24,21,0),MOD($C7504,24)+1)/SUM(INDEX($D$3:$AA$30,INDEX(Jesper!$R$2:$R$366,ROW(INDEX(Jesper!AH$2:AH$366,ROUNDDOWN($C7504/24,0)+1,1))-1)+IF('Standard Profiles'!$G$18=$B$10,7,0)+IF('Standard Profiles'!$G$18=$B$17,14,0)+IF('Standard Profiles'!$G$18=$B$24,21,0),0)),0)</f>
        <v>5.809108034994658</v>
      </c>
      <c r="E7504" cm="1">
        <f t="array" ref="E7504">IFERROR(INDEX(Jesper!AI$2:AI$366,ROUNDDOWN($C7504/24,0)+1,1)*INDEX($D$3:$AA$30,INDEX(Jesper!$R$2:$R$366,ROW(INDEX(Jesper!AI$2:AI$366,ROUNDDOWN($C7504/24,0)+1,1))-1)+IF('Standard Profiles'!$G$19=$B$10,7,0)+IF('Standard Profiles'!$G$19=$B$17,14,0)+IF('Standard Profiles'!$G$19=$B$24,21,0),MOD($C7504,24)+1)/SUM(INDEX($D$3:$AA$30,INDEX(Jesper!$R$2:$R$366,ROW(INDEX(Jesper!AI$2:AI$366,ROUNDDOWN($C7504/24,0)+1,1))-1)+IF('Standard Profiles'!$G$19=$B$10,7,0)+IF('Standard Profiles'!$G$19=$B$17,14,0)+IF('Standard Profiles'!$G$19=$B$24,21,0),0)),0)</f>
        <v>4.8024506245780696</v>
      </c>
      <c r="F7504" cm="1">
        <f t="array" ref="F7504">IFERROR(INDEX(Jesper!AJ$2:AJ$366,ROUNDDOWN($C7504/24,0)+1,1)*INDEX($D$3:$AA$30,INDEX(Jesper!$R$2:$R$366,ROW(INDEX(Jesper!AJ$2:AJ$366,ROUNDDOWN($C7504/24,0)+1,1))-1)+IF('Standard Profiles'!$G$20=$B$10,7,0)+IF('Standard Profiles'!$G$20=$B$17,14,0)+IF('Standard Profiles'!$G$20=$B$24,21,0),MOD($C7504,24)+1)/SUM(INDEX($D$3:$AA$30,INDEX(Jesper!$R$2:$R$366,ROW(INDEX(Jesper!AJ$2:AJ$366,ROUNDDOWN($C7504/24,0)+1,1))-1)+IF('Standard Profiles'!$G$20=$B$10,7,0)+IF('Standard Profiles'!$G$20=$B$17,14,0)+IF('Standard Profiles'!$G$20=$B$24,21,0),0)),0)</f>
        <v>0</v>
      </c>
      <c r="G7504" cm="1">
        <f t="array" ref="G7504">IFERROR(INDEX(Jesper!AK$2:AK$366,ROUNDDOWN($C7504/24,0)+1,1)*INDEX($D$3:$AA$30,INDEX(Jesper!$R$2:$R$366,ROW(INDEX(Jesper!AK$2:AK$366,ROUNDDOWN($C7504/24,0)+1,1))-1)+IF('Standard Profiles'!$G$21=$B$10,7,0)+IF('Standard Profiles'!$G$21=$B$17,14,0)+IF('Standard Profiles'!$G$21=$B$24,21,0),MOD($C7504,24)+1)/SUM(INDEX($D$3:$AA$30,INDEX(Jesper!$R$2:$R$366,ROW(INDEX(Jesper!AK$2:AK$366,ROUNDDOWN($C7504/24,0)+1,1))-1)+IF('Standard Profiles'!$G$21=$B$10,7,0)+IF('Standard Profiles'!$G$21=$B$17,14,0)+IF('Standard Profiles'!$G$21=$B$24,21,0),0)),0)</f>
        <v>2.7632477795801171</v>
      </c>
      <c r="H7504" cm="1">
        <f t="array" ref="H7504">IFERROR(INDEX(Jesper!AL$2:AL$366,ROUNDDOWN($C7504/24,0)+1,1)*INDEX($D$3:$AA$30,INDEX(Jesper!$R$2:$R$366,ROW(INDEX(Jesper!AL$2:AL$366,ROUNDDOWN($C7504/24,0)+1,1))-1)+IF('Standard Profiles'!$G$22=$B$10,7,0)+IF('Standard Profiles'!$G$22=$B$17,14,0)+IF('Standard Profiles'!$G$22=$B$24,21,0),MOD($C7504,24)+1)/SUM(INDEX($D$3:$AA$30,INDEX(Jesper!$R$2:$R$366,ROW(INDEX(Jesper!AL$2:AL$366,ROUNDDOWN($C7504/24,0)+1,1))-1)+IF('Standard Profiles'!$G$22=$B$10,7,0)+IF('Standard Profiles'!$G$22=$B$17,14,0)+IF('Standard Profiles'!$G$22=$B$24,21,0),0)),0)</f>
        <v>0</v>
      </c>
      <c r="I7504">
        <f t="shared" si="832"/>
        <v>1.3263589341984556</v>
      </c>
      <c r="J7504">
        <f t="shared" si="833"/>
        <v>11.118990219355243</v>
      </c>
      <c r="K7504">
        <f t="shared" si="834"/>
        <v>0.61963819039943024</v>
      </c>
      <c r="L7504">
        <f t="shared" si="835"/>
        <v>0.30981909519971512</v>
      </c>
      <c r="M7504">
        <f t="shared" si="836"/>
        <v>0</v>
      </c>
      <c r="N7504" s="45">
        <f t="shared" si="837"/>
        <v>45238.249999981883</v>
      </c>
    </row>
    <row r="7505" spans="2:14" x14ac:dyDescent="0.25">
      <c r="B7505">
        <f t="shared" si="831"/>
        <v>3</v>
      </c>
      <c r="C7505" s="16">
        <v>7471</v>
      </c>
      <c r="D7505" cm="1">
        <f t="array" ref="D7505">IFERROR(INDEX(Jesper!AH$2:AH$366,ROUNDDOWN($C7505/24,0)+1,1)*INDEX($D$3:$AA$30,INDEX(Jesper!$R$2:$R$366,ROW(INDEX(Jesper!AH$2:AH$366,ROUNDDOWN($C7505/24,0)+1,1))-1)+IF('Standard Profiles'!$G$18=$B$10,7,0)+IF('Standard Profiles'!$G$18=$B$17,14,0)+IF('Standard Profiles'!$G$18=$B$24,21,0),MOD($C7505,24)+1)/SUM(INDEX($D$3:$AA$30,INDEX(Jesper!$R$2:$R$366,ROW(INDEX(Jesper!AH$2:AH$366,ROUNDDOWN($C7505/24,0)+1,1))-1)+IF('Standard Profiles'!$G$18=$B$10,7,0)+IF('Standard Profiles'!$G$18=$B$17,14,0)+IF('Standard Profiles'!$G$18=$B$24,21,0),0)),0)</f>
        <v>23.746929512750889</v>
      </c>
      <c r="E7505" cm="1">
        <f t="array" ref="E7505">IFERROR(INDEX(Jesper!AI$2:AI$366,ROUNDDOWN($C7505/24,0)+1,1)*INDEX($D$3:$AA$30,INDEX(Jesper!$R$2:$R$366,ROW(INDEX(Jesper!AI$2:AI$366,ROUNDDOWN($C7505/24,0)+1,1))-1)+IF('Standard Profiles'!$G$19=$B$10,7,0)+IF('Standard Profiles'!$G$19=$B$17,14,0)+IF('Standard Profiles'!$G$19=$B$24,21,0),MOD($C7505,24)+1)/SUM(INDEX($D$3:$AA$30,INDEX(Jesper!$R$2:$R$366,ROW(INDEX(Jesper!AI$2:AI$366,ROUNDDOWN($C7505/24,0)+1,1))-1)+IF('Standard Profiles'!$G$19=$B$10,7,0)+IF('Standard Profiles'!$G$19=$B$17,14,0)+IF('Standard Profiles'!$G$19=$B$24,21,0),0)),0)</f>
        <v>19.631836038047926</v>
      </c>
      <c r="F7505" cm="1">
        <f t="array" ref="F7505">IFERROR(INDEX(Jesper!AJ$2:AJ$366,ROUNDDOWN($C7505/24,0)+1,1)*INDEX($D$3:$AA$30,INDEX(Jesper!$R$2:$R$366,ROW(INDEX(Jesper!AJ$2:AJ$366,ROUNDDOWN($C7505/24,0)+1,1))-1)+IF('Standard Profiles'!$G$20=$B$10,7,0)+IF('Standard Profiles'!$G$20=$B$17,14,0)+IF('Standard Profiles'!$G$20=$B$24,21,0),MOD($C7505,24)+1)/SUM(INDEX($D$3:$AA$30,INDEX(Jesper!$R$2:$R$366,ROW(INDEX(Jesper!AJ$2:AJ$366,ROUNDDOWN($C7505/24,0)+1,1))-1)+IF('Standard Profiles'!$G$20=$B$10,7,0)+IF('Standard Profiles'!$G$20=$B$17,14,0)+IF('Standard Profiles'!$G$20=$B$24,21,0),0)),0)</f>
        <v>0</v>
      </c>
      <c r="G7505" cm="1">
        <f t="array" ref="G7505">IFERROR(INDEX(Jesper!AK$2:AK$366,ROUNDDOWN($C7505/24,0)+1,1)*INDEX($D$3:$AA$30,INDEX(Jesper!$R$2:$R$366,ROW(INDEX(Jesper!AK$2:AK$366,ROUNDDOWN($C7505/24,0)+1,1))-1)+IF('Standard Profiles'!$G$21=$B$10,7,0)+IF('Standard Profiles'!$G$21=$B$17,14,0)+IF('Standard Profiles'!$G$21=$B$24,21,0),MOD($C7505,24)+1)/SUM(INDEX($D$3:$AA$30,INDEX(Jesper!$R$2:$R$366,ROW(INDEX(Jesper!AK$2:AK$366,ROUNDDOWN($C7505/24,0)+1,1))-1)+IF('Standard Profiles'!$G$21=$B$10,7,0)+IF('Standard Profiles'!$G$21=$B$17,14,0)+IF('Standard Profiles'!$G$21=$B$24,21,0),0)),0)</f>
        <v>7.612747632743222</v>
      </c>
      <c r="H7505" cm="1">
        <f t="array" ref="H7505">IFERROR(INDEX(Jesper!AL$2:AL$366,ROUNDDOWN($C7505/24,0)+1,1)*INDEX($D$3:$AA$30,INDEX(Jesper!$R$2:$R$366,ROW(INDEX(Jesper!AL$2:AL$366,ROUNDDOWN($C7505/24,0)+1,1))-1)+IF('Standard Profiles'!$G$22=$B$10,7,0)+IF('Standard Profiles'!$G$22=$B$17,14,0)+IF('Standard Profiles'!$G$22=$B$24,21,0),MOD($C7505,24)+1)/SUM(INDEX($D$3:$AA$30,INDEX(Jesper!$R$2:$R$366,ROW(INDEX(Jesper!AL$2:AL$366,ROUNDDOWN($C7505/24,0)+1,1))-1)+IF('Standard Profiles'!$G$22=$B$10,7,0)+IF('Standard Profiles'!$G$22=$B$17,14,0)+IF('Standard Profiles'!$G$22=$B$24,21,0),0)),0)</f>
        <v>0</v>
      </c>
      <c r="I7505">
        <f t="shared" si="832"/>
        <v>3.6541188637167448</v>
      </c>
      <c r="J7505">
        <f t="shared" si="833"/>
        <v>43.537885597785149</v>
      </c>
      <c r="K7505">
        <f t="shared" si="834"/>
        <v>2.5330058146934284</v>
      </c>
      <c r="L7505">
        <f t="shared" si="835"/>
        <v>1.2665029073467142</v>
      </c>
      <c r="M7505">
        <f t="shared" si="836"/>
        <v>0</v>
      </c>
      <c r="N7505" s="45">
        <f t="shared" si="837"/>
        <v>45238.291666648547</v>
      </c>
    </row>
    <row r="7506" spans="2:14" x14ac:dyDescent="0.25">
      <c r="B7506">
        <f t="shared" si="831"/>
        <v>3</v>
      </c>
      <c r="C7506" s="16">
        <v>7472</v>
      </c>
      <c r="D7506" cm="1">
        <f t="array" ref="D7506">IFERROR(INDEX(Jesper!AH$2:AH$366,ROUNDDOWN($C7506/24,0)+1,1)*INDEX($D$3:$AA$30,INDEX(Jesper!$R$2:$R$366,ROW(INDEX(Jesper!AH$2:AH$366,ROUNDDOWN($C7506/24,0)+1,1))-1)+IF('Standard Profiles'!$G$18=$B$10,7,0)+IF('Standard Profiles'!$G$18=$B$17,14,0)+IF('Standard Profiles'!$G$18=$B$24,21,0),MOD($C7506,24)+1)/SUM(INDEX($D$3:$AA$30,INDEX(Jesper!$R$2:$R$366,ROW(INDEX(Jesper!AH$2:AH$366,ROUNDDOWN($C7506/24,0)+1,1))-1)+IF('Standard Profiles'!$G$18=$B$10,7,0)+IF('Standard Profiles'!$G$18=$B$17,14,0)+IF('Standard Profiles'!$G$18=$B$24,21,0),0)),0)</f>
        <v>26.496573982648364</v>
      </c>
      <c r="E7506" cm="1">
        <f t="array" ref="E7506">IFERROR(INDEX(Jesper!AI$2:AI$366,ROUNDDOWN($C7506/24,0)+1,1)*INDEX($D$3:$AA$30,INDEX(Jesper!$R$2:$R$366,ROW(INDEX(Jesper!AI$2:AI$366,ROUNDDOWN($C7506/24,0)+1,1))-1)+IF('Standard Profiles'!$G$19=$B$10,7,0)+IF('Standard Profiles'!$G$19=$B$17,14,0)+IF('Standard Profiles'!$G$19=$B$24,21,0),MOD($C7506,24)+1)/SUM(INDEX($D$3:$AA$30,INDEX(Jesper!$R$2:$R$366,ROW(INDEX(Jesper!AI$2:AI$366,ROUNDDOWN($C7506/24,0)+1,1))-1)+IF('Standard Profiles'!$G$19=$B$10,7,0)+IF('Standard Profiles'!$G$19=$B$17,14,0)+IF('Standard Profiles'!$G$19=$B$24,21,0),0)),0)</f>
        <v>21.904996000348213</v>
      </c>
      <c r="F7506" cm="1">
        <f t="array" ref="F7506">IFERROR(INDEX(Jesper!AJ$2:AJ$366,ROUNDDOWN($C7506/24,0)+1,1)*INDEX($D$3:$AA$30,INDEX(Jesper!$R$2:$R$366,ROW(INDEX(Jesper!AJ$2:AJ$366,ROUNDDOWN($C7506/24,0)+1,1))-1)+IF('Standard Profiles'!$G$20=$B$10,7,0)+IF('Standard Profiles'!$G$20=$B$17,14,0)+IF('Standard Profiles'!$G$20=$B$24,21,0),MOD($C7506,24)+1)/SUM(INDEX($D$3:$AA$30,INDEX(Jesper!$R$2:$R$366,ROW(INDEX(Jesper!AJ$2:AJ$366,ROUNDDOWN($C7506/24,0)+1,1))-1)+IF('Standard Profiles'!$G$20=$B$10,7,0)+IF('Standard Profiles'!$G$20=$B$17,14,0)+IF('Standard Profiles'!$G$20=$B$24,21,0),0)),0)</f>
        <v>0</v>
      </c>
      <c r="G7506" cm="1">
        <f t="array" ref="G7506">IFERROR(INDEX(Jesper!AK$2:AK$366,ROUNDDOWN($C7506/24,0)+1,1)*INDEX($D$3:$AA$30,INDEX(Jesper!$R$2:$R$366,ROW(INDEX(Jesper!AK$2:AK$366,ROUNDDOWN($C7506/24,0)+1,1))-1)+IF('Standard Profiles'!$G$21=$B$10,7,0)+IF('Standard Profiles'!$G$21=$B$17,14,0)+IF('Standard Profiles'!$G$21=$B$24,21,0),MOD($C7506,24)+1)/SUM(INDEX($D$3:$AA$30,INDEX(Jesper!$R$2:$R$366,ROW(INDEX(Jesper!AK$2:AK$366,ROUNDDOWN($C7506/24,0)+1,1))-1)+IF('Standard Profiles'!$G$21=$B$10,7,0)+IF('Standard Profiles'!$G$21=$B$17,14,0)+IF('Standard Profiles'!$G$21=$B$24,21,0),0)),0)</f>
        <v>8.4942236744292803</v>
      </c>
      <c r="H7506" cm="1">
        <f t="array" ref="H7506">IFERROR(INDEX(Jesper!AL$2:AL$366,ROUNDDOWN($C7506/24,0)+1,1)*INDEX($D$3:$AA$30,INDEX(Jesper!$R$2:$R$366,ROW(INDEX(Jesper!AL$2:AL$366,ROUNDDOWN($C7506/24,0)+1,1))-1)+IF('Standard Profiles'!$G$22=$B$10,7,0)+IF('Standard Profiles'!$G$22=$B$17,14,0)+IF('Standard Profiles'!$G$22=$B$24,21,0),MOD($C7506,24)+1)/SUM(INDEX($D$3:$AA$30,INDEX(Jesper!$R$2:$R$366,ROW(INDEX(Jesper!AL$2:AL$366,ROUNDDOWN($C7506/24,0)+1,1))-1)+IF('Standard Profiles'!$G$22=$B$10,7,0)+IF('Standard Profiles'!$G$22=$B$17,14,0)+IF('Standard Profiles'!$G$22=$B$24,21,0),0)),0)</f>
        <v>0</v>
      </c>
      <c r="I7506">
        <f t="shared" si="832"/>
        <v>4.0772273637260525</v>
      </c>
      <c r="J7506">
        <f t="shared" si="833"/>
        <v>48.579114456476063</v>
      </c>
      <c r="K7506">
        <f t="shared" si="834"/>
        <v>2.8263012248158259</v>
      </c>
      <c r="L7506">
        <f t="shared" si="835"/>
        <v>1.413150612407913</v>
      </c>
      <c r="M7506">
        <f t="shared" si="836"/>
        <v>0</v>
      </c>
      <c r="N7506" s="45">
        <f t="shared" si="837"/>
        <v>45238.333333315211</v>
      </c>
    </row>
    <row r="7507" spans="2:14" x14ac:dyDescent="0.25">
      <c r="B7507">
        <f t="shared" si="831"/>
        <v>3</v>
      </c>
      <c r="C7507" s="16">
        <v>7473</v>
      </c>
      <c r="D7507" cm="1">
        <f t="array" ref="D7507">IFERROR(INDEX(Jesper!AH$2:AH$366,ROUNDDOWN($C7507/24,0)+1,1)*INDEX($D$3:$AA$30,INDEX(Jesper!$R$2:$R$366,ROW(INDEX(Jesper!AH$2:AH$366,ROUNDDOWN($C7507/24,0)+1,1))-1)+IF('Standard Profiles'!$G$18=$B$10,7,0)+IF('Standard Profiles'!$G$18=$B$17,14,0)+IF('Standard Profiles'!$G$18=$B$24,21,0),MOD($C7507,24)+1)/SUM(INDEX($D$3:$AA$30,INDEX(Jesper!$R$2:$R$366,ROW(INDEX(Jesper!AH$2:AH$366,ROUNDDOWN($C7507/24,0)+1,1))-1)+IF('Standard Profiles'!$G$18=$B$10,7,0)+IF('Standard Profiles'!$G$18=$B$17,14,0)+IF('Standard Profiles'!$G$18=$B$24,21,0),0)),0)</f>
        <v>29.246218452545836</v>
      </c>
      <c r="E7507" cm="1">
        <f t="array" ref="E7507">IFERROR(INDEX(Jesper!AI$2:AI$366,ROUNDDOWN($C7507/24,0)+1,1)*INDEX($D$3:$AA$30,INDEX(Jesper!$R$2:$R$366,ROW(INDEX(Jesper!AI$2:AI$366,ROUNDDOWN($C7507/24,0)+1,1))-1)+IF('Standard Profiles'!$G$19=$B$10,7,0)+IF('Standard Profiles'!$G$19=$B$17,14,0)+IF('Standard Profiles'!$G$19=$B$24,21,0),MOD($C7507,24)+1)/SUM(INDEX($D$3:$AA$30,INDEX(Jesper!$R$2:$R$366,ROW(INDEX(Jesper!AI$2:AI$366,ROUNDDOWN($C7507/24,0)+1,1))-1)+IF('Standard Profiles'!$G$19=$B$10,7,0)+IF('Standard Profiles'!$G$19=$B$17,14,0)+IF('Standard Profiles'!$G$19=$B$24,21,0),0)),0)</f>
        <v>24.1781559626485</v>
      </c>
      <c r="F7507" cm="1">
        <f t="array" ref="F7507">IFERROR(INDEX(Jesper!AJ$2:AJ$366,ROUNDDOWN($C7507/24,0)+1,1)*INDEX($D$3:$AA$30,INDEX(Jesper!$R$2:$R$366,ROW(INDEX(Jesper!AJ$2:AJ$366,ROUNDDOWN($C7507/24,0)+1,1))-1)+IF('Standard Profiles'!$G$20=$B$10,7,0)+IF('Standard Profiles'!$G$20=$B$17,14,0)+IF('Standard Profiles'!$G$20=$B$24,21,0),MOD($C7507,24)+1)/SUM(INDEX($D$3:$AA$30,INDEX(Jesper!$R$2:$R$366,ROW(INDEX(Jesper!AJ$2:AJ$366,ROUNDDOWN($C7507/24,0)+1,1))-1)+IF('Standard Profiles'!$G$20=$B$10,7,0)+IF('Standard Profiles'!$G$20=$B$17,14,0)+IF('Standard Profiles'!$G$20=$B$24,21,0),0)),0)</f>
        <v>0</v>
      </c>
      <c r="G7507" cm="1">
        <f t="array" ref="G7507">IFERROR(INDEX(Jesper!AK$2:AK$366,ROUNDDOWN($C7507/24,0)+1,1)*INDEX($D$3:$AA$30,INDEX(Jesper!$R$2:$R$366,ROW(INDEX(Jesper!AK$2:AK$366,ROUNDDOWN($C7507/24,0)+1,1))-1)+IF('Standard Profiles'!$G$21=$B$10,7,0)+IF('Standard Profiles'!$G$21=$B$17,14,0)+IF('Standard Profiles'!$G$21=$B$24,21,0),MOD($C7507,24)+1)/SUM(INDEX($D$3:$AA$30,INDEX(Jesper!$R$2:$R$366,ROW(INDEX(Jesper!AK$2:AK$366,ROUNDDOWN($C7507/24,0)+1,1))-1)+IF('Standard Profiles'!$G$21=$B$10,7,0)+IF('Standard Profiles'!$G$21=$B$17,14,0)+IF('Standard Profiles'!$G$21=$B$24,21,0),0)),0)</f>
        <v>9.3756997161153368</v>
      </c>
      <c r="H7507" cm="1">
        <f t="array" ref="H7507">IFERROR(INDEX(Jesper!AL$2:AL$366,ROUNDDOWN($C7507/24,0)+1,1)*INDEX($D$3:$AA$30,INDEX(Jesper!$R$2:$R$366,ROW(INDEX(Jesper!AL$2:AL$366,ROUNDDOWN($C7507/24,0)+1,1))-1)+IF('Standard Profiles'!$G$22=$B$10,7,0)+IF('Standard Profiles'!$G$22=$B$17,14,0)+IF('Standard Profiles'!$G$22=$B$24,21,0),MOD($C7507,24)+1)/SUM(INDEX($D$3:$AA$30,INDEX(Jesper!$R$2:$R$366,ROW(INDEX(Jesper!AL$2:AL$366,ROUNDDOWN($C7507/24,0)+1,1))-1)+IF('Standard Profiles'!$G$22=$B$10,7,0)+IF('Standard Profiles'!$G$22=$B$17,14,0)+IF('Standard Profiles'!$G$22=$B$24,21,0),0)),0)</f>
        <v>0</v>
      </c>
      <c r="I7507">
        <f t="shared" si="832"/>
        <v>4.5003358637353594</v>
      </c>
      <c r="J7507">
        <f t="shared" si="833"/>
        <v>53.620343315166977</v>
      </c>
      <c r="K7507">
        <f t="shared" si="834"/>
        <v>3.1195966349382229</v>
      </c>
      <c r="L7507">
        <f t="shared" si="835"/>
        <v>1.5597983174691115</v>
      </c>
      <c r="M7507">
        <f t="shared" si="836"/>
        <v>0</v>
      </c>
      <c r="N7507" s="45">
        <f t="shared" si="837"/>
        <v>45238.374999981876</v>
      </c>
    </row>
    <row r="7508" spans="2:14" x14ac:dyDescent="0.25">
      <c r="B7508">
        <f t="shared" si="831"/>
        <v>3</v>
      </c>
      <c r="C7508" s="16">
        <v>7474</v>
      </c>
      <c r="D7508" cm="1">
        <f t="array" ref="D7508">IFERROR(INDEX(Jesper!AH$2:AH$366,ROUNDDOWN($C7508/24,0)+1,1)*INDEX($D$3:$AA$30,INDEX(Jesper!$R$2:$R$366,ROW(INDEX(Jesper!AH$2:AH$366,ROUNDDOWN($C7508/24,0)+1,1))-1)+IF('Standard Profiles'!$G$18=$B$10,7,0)+IF('Standard Profiles'!$G$18=$B$17,14,0)+IF('Standard Profiles'!$G$18=$B$24,21,0),MOD($C7508,24)+1)/SUM(INDEX($D$3:$AA$30,INDEX(Jesper!$R$2:$R$366,ROW(INDEX(Jesper!AH$2:AH$366,ROUNDDOWN($C7508/24,0)+1,1))-1)+IF('Standard Profiles'!$G$18=$B$10,7,0)+IF('Standard Profiles'!$G$18=$B$17,14,0)+IF('Standard Profiles'!$G$18=$B$24,21,0),0)),0)</f>
        <v>29.246218452545836</v>
      </c>
      <c r="E7508" cm="1">
        <f t="array" ref="E7508">IFERROR(INDEX(Jesper!AI$2:AI$366,ROUNDDOWN($C7508/24,0)+1,1)*INDEX($D$3:$AA$30,INDEX(Jesper!$R$2:$R$366,ROW(INDEX(Jesper!AI$2:AI$366,ROUNDDOWN($C7508/24,0)+1,1))-1)+IF('Standard Profiles'!$G$19=$B$10,7,0)+IF('Standard Profiles'!$G$19=$B$17,14,0)+IF('Standard Profiles'!$G$19=$B$24,21,0),MOD($C7508,24)+1)/SUM(INDEX($D$3:$AA$30,INDEX(Jesper!$R$2:$R$366,ROW(INDEX(Jesper!AI$2:AI$366,ROUNDDOWN($C7508/24,0)+1,1))-1)+IF('Standard Profiles'!$G$19=$B$10,7,0)+IF('Standard Profiles'!$G$19=$B$17,14,0)+IF('Standard Profiles'!$G$19=$B$24,21,0),0)),0)</f>
        <v>24.1781559626485</v>
      </c>
      <c r="F7508" cm="1">
        <f t="array" ref="F7508">IFERROR(INDEX(Jesper!AJ$2:AJ$366,ROUNDDOWN($C7508/24,0)+1,1)*INDEX($D$3:$AA$30,INDEX(Jesper!$R$2:$R$366,ROW(INDEX(Jesper!AJ$2:AJ$366,ROUNDDOWN($C7508/24,0)+1,1))-1)+IF('Standard Profiles'!$G$20=$B$10,7,0)+IF('Standard Profiles'!$G$20=$B$17,14,0)+IF('Standard Profiles'!$G$20=$B$24,21,0),MOD($C7508,24)+1)/SUM(INDEX($D$3:$AA$30,INDEX(Jesper!$R$2:$R$366,ROW(INDEX(Jesper!AJ$2:AJ$366,ROUNDDOWN($C7508/24,0)+1,1))-1)+IF('Standard Profiles'!$G$20=$B$10,7,0)+IF('Standard Profiles'!$G$20=$B$17,14,0)+IF('Standard Profiles'!$G$20=$B$24,21,0),0)),0)</f>
        <v>0</v>
      </c>
      <c r="G7508" cm="1">
        <f t="array" ref="G7508">IFERROR(INDEX(Jesper!AK$2:AK$366,ROUNDDOWN($C7508/24,0)+1,1)*INDEX($D$3:$AA$30,INDEX(Jesper!$R$2:$R$366,ROW(INDEX(Jesper!AK$2:AK$366,ROUNDDOWN($C7508/24,0)+1,1))-1)+IF('Standard Profiles'!$G$21=$B$10,7,0)+IF('Standard Profiles'!$G$21=$B$17,14,0)+IF('Standard Profiles'!$G$21=$B$24,21,0),MOD($C7508,24)+1)/SUM(INDEX($D$3:$AA$30,INDEX(Jesper!$R$2:$R$366,ROW(INDEX(Jesper!AK$2:AK$366,ROUNDDOWN($C7508/24,0)+1,1))-1)+IF('Standard Profiles'!$G$21=$B$10,7,0)+IF('Standard Profiles'!$G$21=$B$17,14,0)+IF('Standard Profiles'!$G$21=$B$24,21,0),0)),0)</f>
        <v>9.3756997161153368</v>
      </c>
      <c r="H7508" cm="1">
        <f t="array" ref="H7508">IFERROR(INDEX(Jesper!AL$2:AL$366,ROUNDDOWN($C7508/24,0)+1,1)*INDEX($D$3:$AA$30,INDEX(Jesper!$R$2:$R$366,ROW(INDEX(Jesper!AL$2:AL$366,ROUNDDOWN($C7508/24,0)+1,1))-1)+IF('Standard Profiles'!$G$22=$B$10,7,0)+IF('Standard Profiles'!$G$22=$B$17,14,0)+IF('Standard Profiles'!$G$22=$B$24,21,0),MOD($C7508,24)+1)/SUM(INDEX($D$3:$AA$30,INDEX(Jesper!$R$2:$R$366,ROW(INDEX(Jesper!AL$2:AL$366,ROUNDDOWN($C7508/24,0)+1,1))-1)+IF('Standard Profiles'!$G$22=$B$10,7,0)+IF('Standard Profiles'!$G$22=$B$17,14,0)+IF('Standard Profiles'!$G$22=$B$24,21,0),0)),0)</f>
        <v>0</v>
      </c>
      <c r="I7508">
        <f t="shared" si="832"/>
        <v>4.5003358637353594</v>
      </c>
      <c r="J7508">
        <f t="shared" si="833"/>
        <v>53.620343315166977</v>
      </c>
      <c r="K7508">
        <f t="shared" si="834"/>
        <v>3.1195966349382229</v>
      </c>
      <c r="L7508">
        <f t="shared" si="835"/>
        <v>1.5597983174691115</v>
      </c>
      <c r="M7508">
        <f t="shared" si="836"/>
        <v>0</v>
      </c>
      <c r="N7508" s="45">
        <f t="shared" si="837"/>
        <v>45238.41666664854</v>
      </c>
    </row>
    <row r="7509" spans="2:14" x14ac:dyDescent="0.25">
      <c r="B7509">
        <f t="shared" si="831"/>
        <v>3</v>
      </c>
      <c r="C7509" s="16">
        <v>7475</v>
      </c>
      <c r="D7509" cm="1">
        <f t="array" ref="D7509">IFERROR(INDEX(Jesper!AH$2:AH$366,ROUNDDOWN($C7509/24,0)+1,1)*INDEX($D$3:$AA$30,INDEX(Jesper!$R$2:$R$366,ROW(INDEX(Jesper!AH$2:AH$366,ROUNDDOWN($C7509/24,0)+1,1))-1)+IF('Standard Profiles'!$G$18=$B$10,7,0)+IF('Standard Profiles'!$G$18=$B$17,14,0)+IF('Standard Profiles'!$G$18=$B$24,21,0),MOD($C7509,24)+1)/SUM(INDEX($D$3:$AA$30,INDEX(Jesper!$R$2:$R$366,ROW(INDEX(Jesper!AH$2:AH$366,ROUNDDOWN($C7509/24,0)+1,1))-1)+IF('Standard Profiles'!$G$18=$B$10,7,0)+IF('Standard Profiles'!$G$18=$B$17,14,0)+IF('Standard Profiles'!$G$18=$B$24,21,0),0)),0)</f>
        <v>34.995475071422362</v>
      </c>
      <c r="E7509" cm="1">
        <f t="array" ref="E7509">IFERROR(INDEX(Jesper!AI$2:AI$366,ROUNDDOWN($C7509/24,0)+1,1)*INDEX($D$3:$AA$30,INDEX(Jesper!$R$2:$R$366,ROW(INDEX(Jesper!AI$2:AI$366,ROUNDDOWN($C7509/24,0)+1,1))-1)+IF('Standard Profiles'!$G$19=$B$10,7,0)+IF('Standard Profiles'!$G$19=$B$17,14,0)+IF('Standard Profiles'!$G$19=$B$24,21,0),MOD($C7509,24)+1)/SUM(INDEX($D$3:$AA$30,INDEX(Jesper!$R$2:$R$366,ROW(INDEX(Jesper!AI$2:AI$366,ROUNDDOWN($C7509/24,0)+1,1))-1)+IF('Standard Profiles'!$G$19=$B$10,7,0)+IF('Standard Profiles'!$G$19=$B$17,14,0)+IF('Standard Profiles'!$G$19=$B$24,21,0),0)),0)</f>
        <v>28.931126792912732</v>
      </c>
      <c r="F7509" cm="1">
        <f t="array" ref="F7509">IFERROR(INDEX(Jesper!AJ$2:AJ$366,ROUNDDOWN($C7509/24,0)+1,1)*INDEX($D$3:$AA$30,INDEX(Jesper!$R$2:$R$366,ROW(INDEX(Jesper!AJ$2:AJ$366,ROUNDDOWN($C7509/24,0)+1,1))-1)+IF('Standard Profiles'!$G$20=$B$10,7,0)+IF('Standard Profiles'!$G$20=$B$17,14,0)+IF('Standard Profiles'!$G$20=$B$24,21,0),MOD($C7509,24)+1)/SUM(INDEX($D$3:$AA$30,INDEX(Jesper!$R$2:$R$366,ROW(INDEX(Jesper!AJ$2:AJ$366,ROUNDDOWN($C7509/24,0)+1,1))-1)+IF('Standard Profiles'!$G$20=$B$10,7,0)+IF('Standard Profiles'!$G$20=$B$17,14,0)+IF('Standard Profiles'!$G$20=$B$24,21,0),0)),0)</f>
        <v>0</v>
      </c>
      <c r="G7509" cm="1">
        <f t="array" ref="G7509">IFERROR(INDEX(Jesper!AK$2:AK$366,ROUNDDOWN($C7509/24,0)+1,1)*INDEX($D$3:$AA$30,INDEX(Jesper!$R$2:$R$366,ROW(INDEX(Jesper!AK$2:AK$366,ROUNDDOWN($C7509/24,0)+1,1))-1)+IF('Standard Profiles'!$G$21=$B$10,7,0)+IF('Standard Profiles'!$G$21=$B$17,14,0)+IF('Standard Profiles'!$G$21=$B$24,21,0),MOD($C7509,24)+1)/SUM(INDEX($D$3:$AA$30,INDEX(Jesper!$R$2:$R$366,ROW(INDEX(Jesper!AK$2:AK$366,ROUNDDOWN($C7509/24,0)+1,1))-1)+IF('Standard Profiles'!$G$21=$B$10,7,0)+IF('Standard Profiles'!$G$21=$B$17,14,0)+IF('Standard Profiles'!$G$21=$B$24,21,0),0)),0)</f>
        <v>11.218785985095273</v>
      </c>
      <c r="H7509" cm="1">
        <f t="array" ref="H7509">IFERROR(INDEX(Jesper!AL$2:AL$366,ROUNDDOWN($C7509/24,0)+1,1)*INDEX($D$3:$AA$30,INDEX(Jesper!$R$2:$R$366,ROW(INDEX(Jesper!AL$2:AL$366,ROUNDDOWN($C7509/24,0)+1,1))-1)+IF('Standard Profiles'!$G$22=$B$10,7,0)+IF('Standard Profiles'!$G$22=$B$17,14,0)+IF('Standard Profiles'!$G$22=$B$24,21,0),MOD($C7509,24)+1)/SUM(INDEX($D$3:$AA$30,INDEX(Jesper!$R$2:$R$366,ROW(INDEX(Jesper!AL$2:AL$366,ROUNDDOWN($C7509/24,0)+1,1))-1)+IF('Standard Profiles'!$G$22=$B$10,7,0)+IF('Standard Profiles'!$G$22=$B$17,14,0)+IF('Standard Profiles'!$G$22=$B$24,21,0),0)),0)</f>
        <v>0</v>
      </c>
      <c r="I7509">
        <f t="shared" si="832"/>
        <v>5.3850172728457286</v>
      </c>
      <c r="J7509">
        <f t="shared" si="833"/>
        <v>64.161094565157057</v>
      </c>
      <c r="K7509">
        <f t="shared" si="834"/>
        <v>3.7328506742850522</v>
      </c>
      <c r="L7509">
        <f t="shared" si="835"/>
        <v>1.8664253371425261</v>
      </c>
      <c r="M7509">
        <f t="shared" si="836"/>
        <v>0</v>
      </c>
      <c r="N7509" s="45">
        <f t="shared" si="837"/>
        <v>45238.458333315204</v>
      </c>
    </row>
    <row r="7510" spans="2:14" x14ac:dyDescent="0.25">
      <c r="B7510">
        <f t="shared" si="831"/>
        <v>3</v>
      </c>
      <c r="C7510" s="16">
        <v>7476</v>
      </c>
      <c r="D7510" cm="1">
        <f t="array" ref="D7510">IFERROR(INDEX(Jesper!AH$2:AH$366,ROUNDDOWN($C7510/24,0)+1,1)*INDEX($D$3:$AA$30,INDEX(Jesper!$R$2:$R$366,ROW(INDEX(Jesper!AH$2:AH$366,ROUNDDOWN($C7510/24,0)+1,1))-1)+IF('Standard Profiles'!$G$18=$B$10,7,0)+IF('Standard Profiles'!$G$18=$B$17,14,0)+IF('Standard Profiles'!$G$18=$B$24,21,0),MOD($C7510,24)+1)/SUM(INDEX($D$3:$AA$30,INDEX(Jesper!$R$2:$R$366,ROW(INDEX(Jesper!AH$2:AH$366,ROUNDDOWN($C7510/24,0)+1,1))-1)+IF('Standard Profiles'!$G$18=$B$10,7,0)+IF('Standard Profiles'!$G$18=$B$17,14,0)+IF('Standard Profiles'!$G$18=$B$24,21,0),0)),0)</f>
        <v>34.995475071422362</v>
      </c>
      <c r="E7510" cm="1">
        <f t="array" ref="E7510">IFERROR(INDEX(Jesper!AI$2:AI$366,ROUNDDOWN($C7510/24,0)+1,1)*INDEX($D$3:$AA$30,INDEX(Jesper!$R$2:$R$366,ROW(INDEX(Jesper!AI$2:AI$366,ROUNDDOWN($C7510/24,0)+1,1))-1)+IF('Standard Profiles'!$G$19=$B$10,7,0)+IF('Standard Profiles'!$G$19=$B$17,14,0)+IF('Standard Profiles'!$G$19=$B$24,21,0),MOD($C7510,24)+1)/SUM(INDEX($D$3:$AA$30,INDEX(Jesper!$R$2:$R$366,ROW(INDEX(Jesper!AI$2:AI$366,ROUNDDOWN($C7510/24,0)+1,1))-1)+IF('Standard Profiles'!$G$19=$B$10,7,0)+IF('Standard Profiles'!$G$19=$B$17,14,0)+IF('Standard Profiles'!$G$19=$B$24,21,0),0)),0)</f>
        <v>28.931126792912732</v>
      </c>
      <c r="F7510" cm="1">
        <f t="array" ref="F7510">IFERROR(INDEX(Jesper!AJ$2:AJ$366,ROUNDDOWN($C7510/24,0)+1,1)*INDEX($D$3:$AA$30,INDEX(Jesper!$R$2:$R$366,ROW(INDEX(Jesper!AJ$2:AJ$366,ROUNDDOWN($C7510/24,0)+1,1))-1)+IF('Standard Profiles'!$G$20=$B$10,7,0)+IF('Standard Profiles'!$G$20=$B$17,14,0)+IF('Standard Profiles'!$G$20=$B$24,21,0),MOD($C7510,24)+1)/SUM(INDEX($D$3:$AA$30,INDEX(Jesper!$R$2:$R$366,ROW(INDEX(Jesper!AJ$2:AJ$366,ROUNDDOWN($C7510/24,0)+1,1))-1)+IF('Standard Profiles'!$G$20=$B$10,7,0)+IF('Standard Profiles'!$G$20=$B$17,14,0)+IF('Standard Profiles'!$G$20=$B$24,21,0),0)),0)</f>
        <v>0</v>
      </c>
      <c r="G7510" cm="1">
        <f t="array" ref="G7510">IFERROR(INDEX(Jesper!AK$2:AK$366,ROUNDDOWN($C7510/24,0)+1,1)*INDEX($D$3:$AA$30,INDEX(Jesper!$R$2:$R$366,ROW(INDEX(Jesper!AK$2:AK$366,ROUNDDOWN($C7510/24,0)+1,1))-1)+IF('Standard Profiles'!$G$21=$B$10,7,0)+IF('Standard Profiles'!$G$21=$B$17,14,0)+IF('Standard Profiles'!$G$21=$B$24,21,0),MOD($C7510,24)+1)/SUM(INDEX($D$3:$AA$30,INDEX(Jesper!$R$2:$R$366,ROW(INDEX(Jesper!AK$2:AK$366,ROUNDDOWN($C7510/24,0)+1,1))-1)+IF('Standard Profiles'!$G$21=$B$10,7,0)+IF('Standard Profiles'!$G$21=$B$17,14,0)+IF('Standard Profiles'!$G$21=$B$24,21,0),0)),0)</f>
        <v>11.218785985095273</v>
      </c>
      <c r="H7510" cm="1">
        <f t="array" ref="H7510">IFERROR(INDEX(Jesper!AL$2:AL$366,ROUNDDOWN($C7510/24,0)+1,1)*INDEX($D$3:$AA$30,INDEX(Jesper!$R$2:$R$366,ROW(INDEX(Jesper!AL$2:AL$366,ROUNDDOWN($C7510/24,0)+1,1))-1)+IF('Standard Profiles'!$G$22=$B$10,7,0)+IF('Standard Profiles'!$G$22=$B$17,14,0)+IF('Standard Profiles'!$G$22=$B$24,21,0),MOD($C7510,24)+1)/SUM(INDEX($D$3:$AA$30,INDEX(Jesper!$R$2:$R$366,ROW(INDEX(Jesper!AL$2:AL$366,ROUNDDOWN($C7510/24,0)+1,1))-1)+IF('Standard Profiles'!$G$22=$B$10,7,0)+IF('Standard Profiles'!$G$22=$B$17,14,0)+IF('Standard Profiles'!$G$22=$B$24,21,0),0)),0)</f>
        <v>0</v>
      </c>
      <c r="I7510">
        <f t="shared" si="832"/>
        <v>5.3850172728457286</v>
      </c>
      <c r="J7510">
        <f t="shared" si="833"/>
        <v>64.161094565157057</v>
      </c>
      <c r="K7510">
        <f t="shared" si="834"/>
        <v>3.7328506742850522</v>
      </c>
      <c r="L7510">
        <f t="shared" si="835"/>
        <v>1.8664253371425261</v>
      </c>
      <c r="M7510">
        <f t="shared" si="836"/>
        <v>0</v>
      </c>
      <c r="N7510" s="45">
        <f t="shared" si="837"/>
        <v>45238.499999981868</v>
      </c>
    </row>
    <row r="7511" spans="2:14" x14ac:dyDescent="0.25">
      <c r="B7511">
        <f t="shared" si="831"/>
        <v>3</v>
      </c>
      <c r="C7511" s="16">
        <v>7477</v>
      </c>
      <c r="D7511" cm="1">
        <f t="array" ref="D7511">IFERROR(INDEX(Jesper!AH$2:AH$366,ROUNDDOWN($C7511/24,0)+1,1)*INDEX($D$3:$AA$30,INDEX(Jesper!$R$2:$R$366,ROW(INDEX(Jesper!AH$2:AH$366,ROUNDDOWN($C7511/24,0)+1,1))-1)+IF('Standard Profiles'!$G$18=$B$10,7,0)+IF('Standard Profiles'!$G$18=$B$17,14,0)+IF('Standard Profiles'!$G$18=$B$24,21,0),MOD($C7511,24)+1)/SUM(INDEX($D$3:$AA$30,INDEX(Jesper!$R$2:$R$366,ROW(INDEX(Jesper!AH$2:AH$366,ROUNDDOWN($C7511/24,0)+1,1))-1)+IF('Standard Profiles'!$G$18=$B$10,7,0)+IF('Standard Profiles'!$G$18=$B$17,14,0)+IF('Standard Profiles'!$G$18=$B$24,21,0),0)),0)</f>
        <v>23.246994154587714</v>
      </c>
      <c r="E7511" cm="1">
        <f t="array" ref="E7511">IFERROR(INDEX(Jesper!AI$2:AI$366,ROUNDDOWN($C7511/24,0)+1,1)*INDEX($D$3:$AA$30,INDEX(Jesper!$R$2:$R$366,ROW(INDEX(Jesper!AI$2:AI$366,ROUNDDOWN($C7511/24,0)+1,1))-1)+IF('Standard Profiles'!$G$19=$B$10,7,0)+IF('Standard Profiles'!$G$19=$B$17,14,0)+IF('Standard Profiles'!$G$19=$B$24,21,0),MOD($C7511,24)+1)/SUM(INDEX($D$3:$AA$30,INDEX(Jesper!$R$2:$R$366,ROW(INDEX(Jesper!AI$2:AI$366,ROUNDDOWN($C7511/24,0)+1,1))-1)+IF('Standard Profiles'!$G$19=$B$10,7,0)+IF('Standard Profiles'!$G$19=$B$17,14,0)+IF('Standard Profiles'!$G$19=$B$24,21,0),0)),0)</f>
        <v>19.2185342267206</v>
      </c>
      <c r="F7511" cm="1">
        <f t="array" ref="F7511">IFERROR(INDEX(Jesper!AJ$2:AJ$366,ROUNDDOWN($C7511/24,0)+1,1)*INDEX($D$3:$AA$30,INDEX(Jesper!$R$2:$R$366,ROW(INDEX(Jesper!AJ$2:AJ$366,ROUNDDOWN($C7511/24,0)+1,1))-1)+IF('Standard Profiles'!$G$20=$B$10,7,0)+IF('Standard Profiles'!$G$20=$B$17,14,0)+IF('Standard Profiles'!$G$20=$B$24,21,0),MOD($C7511,24)+1)/SUM(INDEX($D$3:$AA$30,INDEX(Jesper!$R$2:$R$366,ROW(INDEX(Jesper!AJ$2:AJ$366,ROUNDDOWN($C7511/24,0)+1,1))-1)+IF('Standard Profiles'!$G$20=$B$10,7,0)+IF('Standard Profiles'!$G$20=$B$17,14,0)+IF('Standard Profiles'!$G$20=$B$24,21,0),0)),0)</f>
        <v>0</v>
      </c>
      <c r="G7511" cm="1">
        <f t="array" ref="G7511">IFERROR(INDEX(Jesper!AK$2:AK$366,ROUNDDOWN($C7511/24,0)+1,1)*INDEX($D$3:$AA$30,INDEX(Jesper!$R$2:$R$366,ROW(INDEX(Jesper!AK$2:AK$366,ROUNDDOWN($C7511/24,0)+1,1))-1)+IF('Standard Profiles'!$G$21=$B$10,7,0)+IF('Standard Profiles'!$G$21=$B$17,14,0)+IF('Standard Profiles'!$G$21=$B$24,21,0),MOD($C7511,24)+1)/SUM(INDEX($D$3:$AA$30,INDEX(Jesper!$R$2:$R$366,ROW(INDEX(Jesper!AK$2:AK$366,ROUNDDOWN($C7511/24,0)+1,1))-1)+IF('Standard Profiles'!$G$21=$B$10,7,0)+IF('Standard Profiles'!$G$21=$B$17,14,0)+IF('Standard Profiles'!$G$21=$B$24,21,0),0)),0)</f>
        <v>7.452479261527575</v>
      </c>
      <c r="H7511" cm="1">
        <f t="array" ref="H7511">IFERROR(INDEX(Jesper!AL$2:AL$366,ROUNDDOWN($C7511/24,0)+1,1)*INDEX($D$3:$AA$30,INDEX(Jesper!$R$2:$R$366,ROW(INDEX(Jesper!AL$2:AL$366,ROUNDDOWN($C7511/24,0)+1,1))-1)+IF('Standard Profiles'!$G$22=$B$10,7,0)+IF('Standard Profiles'!$G$22=$B$17,14,0)+IF('Standard Profiles'!$G$22=$B$24,21,0),MOD($C7511,24)+1)/SUM(INDEX($D$3:$AA$30,INDEX(Jesper!$R$2:$R$366,ROW(INDEX(Jesper!AL$2:AL$366,ROUNDDOWN($C7511/24,0)+1,1))-1)+IF('Standard Profiles'!$G$22=$B$10,7,0)+IF('Standard Profiles'!$G$22=$B$17,14,0)+IF('Standard Profiles'!$G$22=$B$24,21,0),0)),0)</f>
        <v>0</v>
      </c>
      <c r="I7511">
        <f t="shared" si="832"/>
        <v>3.5771900455332344</v>
      </c>
      <c r="J7511">
        <f t="shared" si="833"/>
        <v>42.621298532568623</v>
      </c>
      <c r="K7511">
        <f t="shared" si="834"/>
        <v>2.4796793764893565</v>
      </c>
      <c r="L7511">
        <f t="shared" si="835"/>
        <v>1.2398396882446783</v>
      </c>
      <c r="M7511">
        <f t="shared" si="836"/>
        <v>0</v>
      </c>
      <c r="N7511" s="45">
        <f t="shared" si="837"/>
        <v>45238.541666648533</v>
      </c>
    </row>
    <row r="7512" spans="2:14" x14ac:dyDescent="0.25">
      <c r="B7512">
        <f t="shared" si="831"/>
        <v>3</v>
      </c>
      <c r="C7512" s="16">
        <v>7478</v>
      </c>
      <c r="D7512" cm="1">
        <f t="array" ref="D7512">IFERROR(INDEX(Jesper!AH$2:AH$366,ROUNDDOWN($C7512/24,0)+1,1)*INDEX($D$3:$AA$30,INDEX(Jesper!$R$2:$R$366,ROW(INDEX(Jesper!AH$2:AH$366,ROUNDDOWN($C7512/24,0)+1,1))-1)+IF('Standard Profiles'!$G$18=$B$10,7,0)+IF('Standard Profiles'!$G$18=$B$17,14,0)+IF('Standard Profiles'!$G$18=$B$24,21,0),MOD($C7512,24)+1)/SUM(INDEX($D$3:$AA$30,INDEX(Jesper!$R$2:$R$366,ROW(INDEX(Jesper!AH$2:AH$366,ROUNDDOWN($C7512/24,0)+1,1))-1)+IF('Standard Profiles'!$G$18=$B$10,7,0)+IF('Standard Profiles'!$G$18=$B$17,14,0)+IF('Standard Profiles'!$G$18=$B$24,21,0),0)),0)</f>
        <v>34.995475071422362</v>
      </c>
      <c r="E7512" cm="1">
        <f t="array" ref="E7512">IFERROR(INDEX(Jesper!AI$2:AI$366,ROUNDDOWN($C7512/24,0)+1,1)*INDEX($D$3:$AA$30,INDEX(Jesper!$R$2:$R$366,ROW(INDEX(Jesper!AI$2:AI$366,ROUNDDOWN($C7512/24,0)+1,1))-1)+IF('Standard Profiles'!$G$19=$B$10,7,0)+IF('Standard Profiles'!$G$19=$B$17,14,0)+IF('Standard Profiles'!$G$19=$B$24,21,0),MOD($C7512,24)+1)/SUM(INDEX($D$3:$AA$30,INDEX(Jesper!$R$2:$R$366,ROW(INDEX(Jesper!AI$2:AI$366,ROUNDDOWN($C7512/24,0)+1,1))-1)+IF('Standard Profiles'!$G$19=$B$10,7,0)+IF('Standard Profiles'!$G$19=$B$17,14,0)+IF('Standard Profiles'!$G$19=$B$24,21,0),0)),0)</f>
        <v>28.931126792912732</v>
      </c>
      <c r="F7512" cm="1">
        <f t="array" ref="F7512">IFERROR(INDEX(Jesper!AJ$2:AJ$366,ROUNDDOWN($C7512/24,0)+1,1)*INDEX($D$3:$AA$30,INDEX(Jesper!$R$2:$R$366,ROW(INDEX(Jesper!AJ$2:AJ$366,ROUNDDOWN($C7512/24,0)+1,1))-1)+IF('Standard Profiles'!$G$20=$B$10,7,0)+IF('Standard Profiles'!$G$20=$B$17,14,0)+IF('Standard Profiles'!$G$20=$B$24,21,0),MOD($C7512,24)+1)/SUM(INDEX($D$3:$AA$30,INDEX(Jesper!$R$2:$R$366,ROW(INDEX(Jesper!AJ$2:AJ$366,ROUNDDOWN($C7512/24,0)+1,1))-1)+IF('Standard Profiles'!$G$20=$B$10,7,0)+IF('Standard Profiles'!$G$20=$B$17,14,0)+IF('Standard Profiles'!$G$20=$B$24,21,0),0)),0)</f>
        <v>0</v>
      </c>
      <c r="G7512" cm="1">
        <f t="array" ref="G7512">IFERROR(INDEX(Jesper!AK$2:AK$366,ROUNDDOWN($C7512/24,0)+1,1)*INDEX($D$3:$AA$30,INDEX(Jesper!$R$2:$R$366,ROW(INDEX(Jesper!AK$2:AK$366,ROUNDDOWN($C7512/24,0)+1,1))-1)+IF('Standard Profiles'!$G$21=$B$10,7,0)+IF('Standard Profiles'!$G$21=$B$17,14,0)+IF('Standard Profiles'!$G$21=$B$24,21,0),MOD($C7512,24)+1)/SUM(INDEX($D$3:$AA$30,INDEX(Jesper!$R$2:$R$366,ROW(INDEX(Jesper!AK$2:AK$366,ROUNDDOWN($C7512/24,0)+1,1))-1)+IF('Standard Profiles'!$G$21=$B$10,7,0)+IF('Standard Profiles'!$G$21=$B$17,14,0)+IF('Standard Profiles'!$G$21=$B$24,21,0),0)),0)</f>
        <v>11.218785985095273</v>
      </c>
      <c r="H7512" cm="1">
        <f t="array" ref="H7512">IFERROR(INDEX(Jesper!AL$2:AL$366,ROUNDDOWN($C7512/24,0)+1,1)*INDEX($D$3:$AA$30,INDEX(Jesper!$R$2:$R$366,ROW(INDEX(Jesper!AL$2:AL$366,ROUNDDOWN($C7512/24,0)+1,1))-1)+IF('Standard Profiles'!$G$22=$B$10,7,0)+IF('Standard Profiles'!$G$22=$B$17,14,0)+IF('Standard Profiles'!$G$22=$B$24,21,0),MOD($C7512,24)+1)/SUM(INDEX($D$3:$AA$30,INDEX(Jesper!$R$2:$R$366,ROW(INDEX(Jesper!AL$2:AL$366,ROUNDDOWN($C7512/24,0)+1,1))-1)+IF('Standard Profiles'!$G$22=$B$10,7,0)+IF('Standard Profiles'!$G$22=$B$17,14,0)+IF('Standard Profiles'!$G$22=$B$24,21,0),0)),0)</f>
        <v>0</v>
      </c>
      <c r="I7512">
        <f t="shared" si="832"/>
        <v>5.3850172728457286</v>
      </c>
      <c r="J7512">
        <f t="shared" si="833"/>
        <v>64.161094565157057</v>
      </c>
      <c r="K7512">
        <f t="shared" si="834"/>
        <v>3.7328506742850522</v>
      </c>
      <c r="L7512">
        <f t="shared" si="835"/>
        <v>1.8664253371425261</v>
      </c>
      <c r="M7512">
        <f t="shared" si="836"/>
        <v>0</v>
      </c>
      <c r="N7512" s="45">
        <f t="shared" si="837"/>
        <v>45238.583333315197</v>
      </c>
    </row>
    <row r="7513" spans="2:14" x14ac:dyDescent="0.25">
      <c r="B7513">
        <f t="shared" si="831"/>
        <v>3</v>
      </c>
      <c r="C7513" s="16">
        <v>7479</v>
      </c>
      <c r="D7513" cm="1">
        <f t="array" ref="D7513">IFERROR(INDEX(Jesper!AH$2:AH$366,ROUNDDOWN($C7513/24,0)+1,1)*INDEX($D$3:$AA$30,INDEX(Jesper!$R$2:$R$366,ROW(INDEX(Jesper!AH$2:AH$366,ROUNDDOWN($C7513/24,0)+1,1))-1)+IF('Standard Profiles'!$G$18=$B$10,7,0)+IF('Standard Profiles'!$G$18=$B$17,14,0)+IF('Standard Profiles'!$G$18=$B$24,21,0),MOD($C7513,24)+1)/SUM(INDEX($D$3:$AA$30,INDEX(Jesper!$R$2:$R$366,ROW(INDEX(Jesper!AH$2:AH$366,ROUNDDOWN($C7513/24,0)+1,1))-1)+IF('Standard Profiles'!$G$18=$B$10,7,0)+IF('Standard Profiles'!$G$18=$B$17,14,0)+IF('Standard Profiles'!$G$18=$B$24,21,0),0)),0)</f>
        <v>34.995475071422362</v>
      </c>
      <c r="E7513" cm="1">
        <f t="array" ref="E7513">IFERROR(INDEX(Jesper!AI$2:AI$366,ROUNDDOWN($C7513/24,0)+1,1)*INDEX($D$3:$AA$30,INDEX(Jesper!$R$2:$R$366,ROW(INDEX(Jesper!AI$2:AI$366,ROUNDDOWN($C7513/24,0)+1,1))-1)+IF('Standard Profiles'!$G$19=$B$10,7,0)+IF('Standard Profiles'!$G$19=$B$17,14,0)+IF('Standard Profiles'!$G$19=$B$24,21,0),MOD($C7513,24)+1)/SUM(INDEX($D$3:$AA$30,INDEX(Jesper!$R$2:$R$366,ROW(INDEX(Jesper!AI$2:AI$366,ROUNDDOWN($C7513/24,0)+1,1))-1)+IF('Standard Profiles'!$G$19=$B$10,7,0)+IF('Standard Profiles'!$G$19=$B$17,14,0)+IF('Standard Profiles'!$G$19=$B$24,21,0),0)),0)</f>
        <v>28.931126792912732</v>
      </c>
      <c r="F7513" cm="1">
        <f t="array" ref="F7513">IFERROR(INDEX(Jesper!AJ$2:AJ$366,ROUNDDOWN($C7513/24,0)+1,1)*INDEX($D$3:$AA$30,INDEX(Jesper!$R$2:$R$366,ROW(INDEX(Jesper!AJ$2:AJ$366,ROUNDDOWN($C7513/24,0)+1,1))-1)+IF('Standard Profiles'!$G$20=$B$10,7,0)+IF('Standard Profiles'!$G$20=$B$17,14,0)+IF('Standard Profiles'!$G$20=$B$24,21,0),MOD($C7513,24)+1)/SUM(INDEX($D$3:$AA$30,INDEX(Jesper!$R$2:$R$366,ROW(INDEX(Jesper!AJ$2:AJ$366,ROUNDDOWN($C7513/24,0)+1,1))-1)+IF('Standard Profiles'!$G$20=$B$10,7,0)+IF('Standard Profiles'!$G$20=$B$17,14,0)+IF('Standard Profiles'!$G$20=$B$24,21,0),0)),0)</f>
        <v>0</v>
      </c>
      <c r="G7513" cm="1">
        <f t="array" ref="G7513">IFERROR(INDEX(Jesper!AK$2:AK$366,ROUNDDOWN($C7513/24,0)+1,1)*INDEX($D$3:$AA$30,INDEX(Jesper!$R$2:$R$366,ROW(INDEX(Jesper!AK$2:AK$366,ROUNDDOWN($C7513/24,0)+1,1))-1)+IF('Standard Profiles'!$G$21=$B$10,7,0)+IF('Standard Profiles'!$G$21=$B$17,14,0)+IF('Standard Profiles'!$G$21=$B$24,21,0),MOD($C7513,24)+1)/SUM(INDEX($D$3:$AA$30,INDEX(Jesper!$R$2:$R$366,ROW(INDEX(Jesper!AK$2:AK$366,ROUNDDOWN($C7513/24,0)+1,1))-1)+IF('Standard Profiles'!$G$21=$B$10,7,0)+IF('Standard Profiles'!$G$21=$B$17,14,0)+IF('Standard Profiles'!$G$21=$B$24,21,0),0)),0)</f>
        <v>11.218785985095273</v>
      </c>
      <c r="H7513" cm="1">
        <f t="array" ref="H7513">IFERROR(INDEX(Jesper!AL$2:AL$366,ROUNDDOWN($C7513/24,0)+1,1)*INDEX($D$3:$AA$30,INDEX(Jesper!$R$2:$R$366,ROW(INDEX(Jesper!AL$2:AL$366,ROUNDDOWN($C7513/24,0)+1,1))-1)+IF('Standard Profiles'!$G$22=$B$10,7,0)+IF('Standard Profiles'!$G$22=$B$17,14,0)+IF('Standard Profiles'!$G$22=$B$24,21,0),MOD($C7513,24)+1)/SUM(INDEX($D$3:$AA$30,INDEX(Jesper!$R$2:$R$366,ROW(INDEX(Jesper!AL$2:AL$366,ROUNDDOWN($C7513/24,0)+1,1))-1)+IF('Standard Profiles'!$G$22=$B$10,7,0)+IF('Standard Profiles'!$G$22=$B$17,14,0)+IF('Standard Profiles'!$G$22=$B$24,21,0),0)),0)</f>
        <v>0</v>
      </c>
      <c r="I7513">
        <f t="shared" si="832"/>
        <v>5.3850172728457286</v>
      </c>
      <c r="J7513">
        <f t="shared" si="833"/>
        <v>64.161094565157057</v>
      </c>
      <c r="K7513">
        <f t="shared" si="834"/>
        <v>3.7328506742850522</v>
      </c>
      <c r="L7513">
        <f t="shared" si="835"/>
        <v>1.8664253371425261</v>
      </c>
      <c r="M7513">
        <f t="shared" si="836"/>
        <v>0</v>
      </c>
      <c r="N7513" s="45">
        <f t="shared" si="837"/>
        <v>45238.624999981861</v>
      </c>
    </row>
    <row r="7514" spans="2:14" x14ac:dyDescent="0.25">
      <c r="B7514">
        <f t="shared" si="831"/>
        <v>3</v>
      </c>
      <c r="C7514" s="16">
        <v>7480</v>
      </c>
      <c r="D7514" cm="1">
        <f t="array" ref="D7514">IFERROR(INDEX(Jesper!AH$2:AH$366,ROUNDDOWN($C7514/24,0)+1,1)*INDEX($D$3:$AA$30,INDEX(Jesper!$R$2:$R$366,ROW(INDEX(Jesper!AH$2:AH$366,ROUNDDOWN($C7514/24,0)+1,1))-1)+IF('Standard Profiles'!$G$18=$B$10,7,0)+IF('Standard Profiles'!$G$18=$B$17,14,0)+IF('Standard Profiles'!$G$18=$B$24,21,0),MOD($C7514,24)+1)/SUM(INDEX($D$3:$AA$30,INDEX(Jesper!$R$2:$R$366,ROW(INDEX(Jesper!AH$2:AH$366,ROUNDDOWN($C7514/24,0)+1,1))-1)+IF('Standard Profiles'!$G$18=$B$10,7,0)+IF('Standard Profiles'!$G$18=$B$17,14,0)+IF('Standard Profiles'!$G$18=$B$24,21,0),0)),0)</f>
        <v>20.622333524231035</v>
      </c>
      <c r="E7514" cm="1">
        <f t="array" ref="E7514">IFERROR(INDEX(Jesper!AI$2:AI$366,ROUNDDOWN($C7514/24,0)+1,1)*INDEX($D$3:$AA$30,INDEX(Jesper!$R$2:$R$366,ROW(INDEX(Jesper!AI$2:AI$366,ROUNDDOWN($C7514/24,0)+1,1))-1)+IF('Standard Profiles'!$G$19=$B$10,7,0)+IF('Standard Profiles'!$G$19=$B$17,14,0)+IF('Standard Profiles'!$G$19=$B$24,21,0),MOD($C7514,24)+1)/SUM(INDEX($D$3:$AA$30,INDEX(Jesper!$R$2:$R$366,ROW(INDEX(Jesper!AI$2:AI$366,ROUNDDOWN($C7514/24,0)+1,1))-1)+IF('Standard Profiles'!$G$19=$B$10,7,0)+IF('Standard Profiles'!$G$19=$B$17,14,0)+IF('Standard Profiles'!$G$19=$B$24,21,0),0)),0)</f>
        <v>17.048699717252145</v>
      </c>
      <c r="F7514" cm="1">
        <f t="array" ref="F7514">IFERROR(INDEX(Jesper!AJ$2:AJ$366,ROUNDDOWN($C7514/24,0)+1,1)*INDEX($D$3:$AA$30,INDEX(Jesper!$R$2:$R$366,ROW(INDEX(Jesper!AJ$2:AJ$366,ROUNDDOWN($C7514/24,0)+1,1))-1)+IF('Standard Profiles'!$G$20=$B$10,7,0)+IF('Standard Profiles'!$G$20=$B$17,14,0)+IF('Standard Profiles'!$G$20=$B$24,21,0),MOD($C7514,24)+1)/SUM(INDEX($D$3:$AA$30,INDEX(Jesper!$R$2:$R$366,ROW(INDEX(Jesper!AJ$2:AJ$366,ROUNDDOWN($C7514/24,0)+1,1))-1)+IF('Standard Profiles'!$G$20=$B$10,7,0)+IF('Standard Profiles'!$G$20=$B$17,14,0)+IF('Standard Profiles'!$G$20=$B$24,21,0),0)),0)</f>
        <v>0</v>
      </c>
      <c r="G7514" cm="1">
        <f t="array" ref="G7514">IFERROR(INDEX(Jesper!AK$2:AK$366,ROUNDDOWN($C7514/24,0)+1,1)*INDEX($D$3:$AA$30,INDEX(Jesper!$R$2:$R$366,ROW(INDEX(Jesper!AK$2:AK$366,ROUNDDOWN($C7514/24,0)+1,1))-1)+IF('Standard Profiles'!$G$21=$B$10,7,0)+IF('Standard Profiles'!$G$21=$B$17,14,0)+IF('Standard Profiles'!$G$21=$B$24,21,0),MOD($C7514,24)+1)/SUM(INDEX($D$3:$AA$30,INDEX(Jesper!$R$2:$R$366,ROW(INDEX(Jesper!AK$2:AK$366,ROUNDDOWN($C7514/24,0)+1,1))-1)+IF('Standard Profiles'!$G$21=$B$10,7,0)+IF('Standard Profiles'!$G$21=$B$17,14,0)+IF('Standard Profiles'!$G$21=$B$24,21,0),0)),0)</f>
        <v>9.3743180922255487</v>
      </c>
      <c r="H7514" cm="1">
        <f t="array" ref="H7514">IFERROR(INDEX(Jesper!AL$2:AL$366,ROUNDDOWN($C7514/24,0)+1,1)*INDEX($D$3:$AA$30,INDEX(Jesper!$R$2:$R$366,ROW(INDEX(Jesper!AL$2:AL$366,ROUNDDOWN($C7514/24,0)+1,1))-1)+IF('Standard Profiles'!$G$22=$B$10,7,0)+IF('Standard Profiles'!$G$22=$B$17,14,0)+IF('Standard Profiles'!$G$22=$B$24,21,0),MOD($C7514,24)+1)/SUM(INDEX($D$3:$AA$30,INDEX(Jesper!$R$2:$R$366,ROW(INDEX(Jesper!AL$2:AL$366,ROUNDDOWN($C7514/24,0)+1,1))-1)+IF('Standard Profiles'!$G$22=$B$10,7,0)+IF('Standard Profiles'!$G$22=$B$17,14,0)+IF('Standard Profiles'!$G$22=$B$24,21,0),0)),0)</f>
        <v>0</v>
      </c>
      <c r="I7514">
        <f t="shared" si="832"/>
        <v>4.4996726842682611</v>
      </c>
      <c r="J7514">
        <f t="shared" si="833"/>
        <v>39.246105285563502</v>
      </c>
      <c r="K7514">
        <f t="shared" si="834"/>
        <v>2.1997155759179772</v>
      </c>
      <c r="L7514">
        <f t="shared" si="835"/>
        <v>1.0998577879589886</v>
      </c>
      <c r="M7514">
        <f t="shared" si="836"/>
        <v>0</v>
      </c>
      <c r="N7514" s="45">
        <f t="shared" si="837"/>
        <v>45238.666666648525</v>
      </c>
    </row>
    <row r="7515" spans="2:14" x14ac:dyDescent="0.25">
      <c r="B7515">
        <f t="shared" si="831"/>
        <v>3</v>
      </c>
      <c r="C7515" s="16">
        <v>7481</v>
      </c>
      <c r="D7515" cm="1">
        <f t="array" ref="D7515">IFERROR(INDEX(Jesper!AH$2:AH$366,ROUNDDOWN($C7515/24,0)+1,1)*INDEX($D$3:$AA$30,INDEX(Jesper!$R$2:$R$366,ROW(INDEX(Jesper!AH$2:AH$366,ROUNDDOWN($C7515/24,0)+1,1))-1)+IF('Standard Profiles'!$G$18=$B$10,7,0)+IF('Standard Profiles'!$G$18=$B$17,14,0)+IF('Standard Profiles'!$G$18=$B$24,21,0),MOD($C7515,24)+1)/SUM(INDEX($D$3:$AA$30,INDEX(Jesper!$R$2:$R$366,ROW(INDEX(Jesper!AH$2:AH$366,ROUNDDOWN($C7515/24,0)+1,1))-1)+IF('Standard Profiles'!$G$18=$B$10,7,0)+IF('Standard Profiles'!$G$18=$B$17,14,0)+IF('Standard Profiles'!$G$18=$B$24,21,0),0)),0)</f>
        <v>8.8016788409009976</v>
      </c>
      <c r="E7515" cm="1">
        <f t="array" ref="E7515">IFERROR(INDEX(Jesper!AI$2:AI$366,ROUNDDOWN($C7515/24,0)+1,1)*INDEX($D$3:$AA$30,INDEX(Jesper!$R$2:$R$366,ROW(INDEX(Jesper!AI$2:AI$366,ROUNDDOWN($C7515/24,0)+1,1))-1)+IF('Standard Profiles'!$G$19=$B$10,7,0)+IF('Standard Profiles'!$G$19=$B$17,14,0)+IF('Standard Profiles'!$G$19=$B$24,21,0),MOD($C7515,24)+1)/SUM(INDEX($D$3:$AA$30,INDEX(Jesper!$R$2:$R$366,ROW(INDEX(Jesper!AI$2:AI$366,ROUNDDOWN($C7515/24,0)+1,1))-1)+IF('Standard Profiles'!$G$19=$B$10,7,0)+IF('Standard Profiles'!$G$19=$B$17,14,0)+IF('Standard Profiles'!$G$19=$B$24,21,0),0)),0)</f>
        <v>7.2764403402698026</v>
      </c>
      <c r="F7515" cm="1">
        <f t="array" ref="F7515">IFERROR(INDEX(Jesper!AJ$2:AJ$366,ROUNDDOWN($C7515/24,0)+1,1)*INDEX($D$3:$AA$30,INDEX(Jesper!$R$2:$R$366,ROW(INDEX(Jesper!AJ$2:AJ$366,ROUNDDOWN($C7515/24,0)+1,1))-1)+IF('Standard Profiles'!$G$20=$B$10,7,0)+IF('Standard Profiles'!$G$20=$B$17,14,0)+IF('Standard Profiles'!$G$20=$B$24,21,0),MOD($C7515,24)+1)/SUM(INDEX($D$3:$AA$30,INDEX(Jesper!$R$2:$R$366,ROW(INDEX(Jesper!AJ$2:AJ$366,ROUNDDOWN($C7515/24,0)+1,1))-1)+IF('Standard Profiles'!$G$20=$B$10,7,0)+IF('Standard Profiles'!$G$20=$B$17,14,0)+IF('Standard Profiles'!$G$20=$B$24,21,0),0)),0)</f>
        <v>0</v>
      </c>
      <c r="G7515" cm="1">
        <f t="array" ref="G7515">IFERROR(INDEX(Jesper!AK$2:AK$366,ROUNDDOWN($C7515/24,0)+1,1)*INDEX($D$3:$AA$30,INDEX(Jesper!$R$2:$R$366,ROW(INDEX(Jesper!AK$2:AK$366,ROUNDDOWN($C7515/24,0)+1,1))-1)+IF('Standard Profiles'!$G$21=$B$10,7,0)+IF('Standard Profiles'!$G$21=$B$17,14,0)+IF('Standard Profiles'!$G$21=$B$24,21,0),MOD($C7515,24)+1)/SUM(INDEX($D$3:$AA$30,INDEX(Jesper!$R$2:$R$366,ROW(INDEX(Jesper!AK$2:AK$366,ROUNDDOWN($C7515/24,0)+1,1))-1)+IF('Standard Profiles'!$G$21=$B$10,7,0)+IF('Standard Profiles'!$G$21=$B$17,14,0)+IF('Standard Profiles'!$G$21=$B$24,21,0),0)),0)</f>
        <v>7.4538608854173658</v>
      </c>
      <c r="H7515" cm="1">
        <f t="array" ref="H7515">IFERROR(INDEX(Jesper!AL$2:AL$366,ROUNDDOWN($C7515/24,0)+1,1)*INDEX($D$3:$AA$30,INDEX(Jesper!$R$2:$R$366,ROW(INDEX(Jesper!AL$2:AL$366,ROUNDDOWN($C7515/24,0)+1,1))-1)+IF('Standard Profiles'!$G$22=$B$10,7,0)+IF('Standard Profiles'!$G$22=$B$17,14,0)+IF('Standard Profiles'!$G$22=$B$24,21,0),MOD($C7515,24)+1)/SUM(INDEX($D$3:$AA$30,INDEX(Jesper!$R$2:$R$366,ROW(INDEX(Jesper!AL$2:AL$366,ROUNDDOWN($C7515/24,0)+1,1))-1)+IF('Standard Profiles'!$G$22=$B$10,7,0)+IF('Standard Profiles'!$G$22=$B$17,14,0)+IF('Standard Profiles'!$G$22=$B$24,21,0),0)),0)</f>
        <v>0</v>
      </c>
      <c r="I7515">
        <f t="shared" si="832"/>
        <v>3.5778532250003336</v>
      </c>
      <c r="J7515">
        <f t="shared" si="833"/>
        <v>18.54585822704367</v>
      </c>
      <c r="K7515">
        <f t="shared" si="834"/>
        <v>0.93884574302943979</v>
      </c>
      <c r="L7515">
        <f t="shared" si="835"/>
        <v>0.4694228715147199</v>
      </c>
      <c r="M7515">
        <f t="shared" si="836"/>
        <v>0</v>
      </c>
      <c r="N7515" s="45">
        <f t="shared" si="837"/>
        <v>45238.70833331519</v>
      </c>
    </row>
    <row r="7516" spans="2:14" x14ac:dyDescent="0.25">
      <c r="B7516">
        <f t="shared" si="831"/>
        <v>3</v>
      </c>
      <c r="C7516" s="16">
        <v>7482</v>
      </c>
      <c r="D7516" cm="1">
        <f t="array" ref="D7516">IFERROR(INDEX(Jesper!AH$2:AH$366,ROUNDDOWN($C7516/24,0)+1,1)*INDEX($D$3:$AA$30,INDEX(Jesper!$R$2:$R$366,ROW(INDEX(Jesper!AH$2:AH$366,ROUNDDOWN($C7516/24,0)+1,1))-1)+IF('Standard Profiles'!$G$18=$B$10,7,0)+IF('Standard Profiles'!$G$18=$B$17,14,0)+IF('Standard Profiles'!$G$18=$B$24,21,0),MOD($C7516,24)+1)/SUM(INDEX($D$3:$AA$30,INDEX(Jesper!$R$2:$R$366,ROW(INDEX(Jesper!AH$2:AH$366,ROUNDDOWN($C7516/24,0)+1,1))-1)+IF('Standard Profiles'!$G$18=$B$10,7,0)+IF('Standard Profiles'!$G$18=$B$17,14,0)+IF('Standard Profiles'!$G$18=$B$24,21,0),0)),0)</f>
        <v>5.809108034994658</v>
      </c>
      <c r="E7516" cm="1">
        <f t="array" ref="E7516">IFERROR(INDEX(Jesper!AI$2:AI$366,ROUNDDOWN($C7516/24,0)+1,1)*INDEX($D$3:$AA$30,INDEX(Jesper!$R$2:$R$366,ROW(INDEX(Jesper!AI$2:AI$366,ROUNDDOWN($C7516/24,0)+1,1))-1)+IF('Standard Profiles'!$G$19=$B$10,7,0)+IF('Standard Profiles'!$G$19=$B$17,14,0)+IF('Standard Profiles'!$G$19=$B$24,21,0),MOD($C7516,24)+1)/SUM(INDEX($D$3:$AA$30,INDEX(Jesper!$R$2:$R$366,ROW(INDEX(Jesper!AI$2:AI$366,ROUNDDOWN($C7516/24,0)+1,1))-1)+IF('Standard Profiles'!$G$19=$B$10,7,0)+IF('Standard Profiles'!$G$19=$B$17,14,0)+IF('Standard Profiles'!$G$19=$B$24,21,0),0)),0)</f>
        <v>4.8024506245780696</v>
      </c>
      <c r="F7516" cm="1">
        <f t="array" ref="F7516">IFERROR(INDEX(Jesper!AJ$2:AJ$366,ROUNDDOWN($C7516/24,0)+1,1)*INDEX($D$3:$AA$30,INDEX(Jesper!$R$2:$R$366,ROW(INDEX(Jesper!AJ$2:AJ$366,ROUNDDOWN($C7516/24,0)+1,1))-1)+IF('Standard Profiles'!$G$20=$B$10,7,0)+IF('Standard Profiles'!$G$20=$B$17,14,0)+IF('Standard Profiles'!$G$20=$B$24,21,0),MOD($C7516,24)+1)/SUM(INDEX($D$3:$AA$30,INDEX(Jesper!$R$2:$R$366,ROW(INDEX(Jesper!AJ$2:AJ$366,ROUNDDOWN($C7516/24,0)+1,1))-1)+IF('Standard Profiles'!$G$20=$B$10,7,0)+IF('Standard Profiles'!$G$20=$B$17,14,0)+IF('Standard Profiles'!$G$20=$B$24,21,0),0)),0)</f>
        <v>0</v>
      </c>
      <c r="G7516" cm="1">
        <f t="array" ref="G7516">IFERROR(INDEX(Jesper!AK$2:AK$366,ROUNDDOWN($C7516/24,0)+1,1)*INDEX($D$3:$AA$30,INDEX(Jesper!$R$2:$R$366,ROW(INDEX(Jesper!AK$2:AK$366,ROUNDDOWN($C7516/24,0)+1,1))-1)+IF('Standard Profiles'!$G$21=$B$10,7,0)+IF('Standard Profiles'!$G$21=$B$17,14,0)+IF('Standard Profiles'!$G$21=$B$24,21,0),MOD($C7516,24)+1)/SUM(INDEX($D$3:$AA$30,INDEX(Jesper!$R$2:$R$366,ROW(INDEX(Jesper!AK$2:AK$366,ROUNDDOWN($C7516/24,0)+1,1))-1)+IF('Standard Profiles'!$G$21=$B$10,7,0)+IF('Standard Profiles'!$G$21=$B$17,14,0)+IF('Standard Profiles'!$G$21=$B$24,21,0),0)),0)</f>
        <v>2.7632477795801171</v>
      </c>
      <c r="H7516" cm="1">
        <f t="array" ref="H7516">IFERROR(INDEX(Jesper!AL$2:AL$366,ROUNDDOWN($C7516/24,0)+1,1)*INDEX($D$3:$AA$30,INDEX(Jesper!$R$2:$R$366,ROW(INDEX(Jesper!AL$2:AL$366,ROUNDDOWN($C7516/24,0)+1,1))-1)+IF('Standard Profiles'!$G$22=$B$10,7,0)+IF('Standard Profiles'!$G$22=$B$17,14,0)+IF('Standard Profiles'!$G$22=$B$24,21,0),MOD($C7516,24)+1)/SUM(INDEX($D$3:$AA$30,INDEX(Jesper!$R$2:$R$366,ROW(INDEX(Jesper!AL$2:AL$366,ROUNDDOWN($C7516/24,0)+1,1))-1)+IF('Standard Profiles'!$G$22=$B$10,7,0)+IF('Standard Profiles'!$G$22=$B$17,14,0)+IF('Standard Profiles'!$G$22=$B$24,21,0),0)),0)</f>
        <v>0</v>
      </c>
      <c r="I7516">
        <f t="shared" si="832"/>
        <v>1.3263589341984556</v>
      </c>
      <c r="J7516">
        <f t="shared" si="833"/>
        <v>11.118990219355243</v>
      </c>
      <c r="K7516">
        <f t="shared" si="834"/>
        <v>0.61963819039943024</v>
      </c>
      <c r="L7516">
        <f t="shared" si="835"/>
        <v>0.30981909519971512</v>
      </c>
      <c r="M7516">
        <f t="shared" si="836"/>
        <v>0</v>
      </c>
      <c r="N7516" s="45">
        <f t="shared" si="837"/>
        <v>45238.749999981854</v>
      </c>
    </row>
    <row r="7517" spans="2:14" x14ac:dyDescent="0.25">
      <c r="B7517">
        <f t="shared" si="831"/>
        <v>3</v>
      </c>
      <c r="C7517" s="16">
        <v>7483</v>
      </c>
      <c r="D7517" cm="1">
        <f t="array" ref="D7517">IFERROR(INDEX(Jesper!AH$2:AH$366,ROUNDDOWN($C7517/24,0)+1,1)*INDEX($D$3:$AA$30,INDEX(Jesper!$R$2:$R$366,ROW(INDEX(Jesper!AH$2:AH$366,ROUNDDOWN($C7517/24,0)+1,1))-1)+IF('Standard Profiles'!$G$18=$B$10,7,0)+IF('Standard Profiles'!$G$18=$B$17,14,0)+IF('Standard Profiles'!$G$18=$B$24,21,0),MOD($C7517,24)+1)/SUM(INDEX($D$3:$AA$30,INDEX(Jesper!$R$2:$R$366,ROW(INDEX(Jesper!AH$2:AH$366,ROUNDDOWN($C7517/24,0)+1,1))-1)+IF('Standard Profiles'!$G$18=$B$10,7,0)+IF('Standard Profiles'!$G$18=$B$17,14,0)+IF('Standard Profiles'!$G$18=$B$24,21,0),0)),0)</f>
        <v>5.809108034994658</v>
      </c>
      <c r="E7517" cm="1">
        <f t="array" ref="E7517">IFERROR(INDEX(Jesper!AI$2:AI$366,ROUNDDOWN($C7517/24,0)+1,1)*INDEX($D$3:$AA$30,INDEX(Jesper!$R$2:$R$366,ROW(INDEX(Jesper!AI$2:AI$366,ROUNDDOWN($C7517/24,0)+1,1))-1)+IF('Standard Profiles'!$G$19=$B$10,7,0)+IF('Standard Profiles'!$G$19=$B$17,14,0)+IF('Standard Profiles'!$G$19=$B$24,21,0),MOD($C7517,24)+1)/SUM(INDEX($D$3:$AA$30,INDEX(Jesper!$R$2:$R$366,ROW(INDEX(Jesper!AI$2:AI$366,ROUNDDOWN($C7517/24,0)+1,1))-1)+IF('Standard Profiles'!$G$19=$B$10,7,0)+IF('Standard Profiles'!$G$19=$B$17,14,0)+IF('Standard Profiles'!$G$19=$B$24,21,0),0)),0)</f>
        <v>4.8024506245780696</v>
      </c>
      <c r="F7517" cm="1">
        <f t="array" ref="F7517">IFERROR(INDEX(Jesper!AJ$2:AJ$366,ROUNDDOWN($C7517/24,0)+1,1)*INDEX($D$3:$AA$30,INDEX(Jesper!$R$2:$R$366,ROW(INDEX(Jesper!AJ$2:AJ$366,ROUNDDOWN($C7517/24,0)+1,1))-1)+IF('Standard Profiles'!$G$20=$B$10,7,0)+IF('Standard Profiles'!$G$20=$B$17,14,0)+IF('Standard Profiles'!$G$20=$B$24,21,0),MOD($C7517,24)+1)/SUM(INDEX($D$3:$AA$30,INDEX(Jesper!$R$2:$R$366,ROW(INDEX(Jesper!AJ$2:AJ$366,ROUNDDOWN($C7517/24,0)+1,1))-1)+IF('Standard Profiles'!$G$20=$B$10,7,0)+IF('Standard Profiles'!$G$20=$B$17,14,0)+IF('Standard Profiles'!$G$20=$B$24,21,0),0)),0)</f>
        <v>0</v>
      </c>
      <c r="G7517" cm="1">
        <f t="array" ref="G7517">IFERROR(INDEX(Jesper!AK$2:AK$366,ROUNDDOWN($C7517/24,0)+1,1)*INDEX($D$3:$AA$30,INDEX(Jesper!$R$2:$R$366,ROW(INDEX(Jesper!AK$2:AK$366,ROUNDDOWN($C7517/24,0)+1,1))-1)+IF('Standard Profiles'!$G$21=$B$10,7,0)+IF('Standard Profiles'!$G$21=$B$17,14,0)+IF('Standard Profiles'!$G$21=$B$24,21,0),MOD($C7517,24)+1)/SUM(INDEX($D$3:$AA$30,INDEX(Jesper!$R$2:$R$366,ROW(INDEX(Jesper!AK$2:AK$366,ROUNDDOWN($C7517/24,0)+1,1))-1)+IF('Standard Profiles'!$G$21=$B$10,7,0)+IF('Standard Profiles'!$G$21=$B$17,14,0)+IF('Standard Profiles'!$G$21=$B$24,21,0),0)),0)</f>
        <v>2.7632477795801171</v>
      </c>
      <c r="H7517" cm="1">
        <f t="array" ref="H7517">IFERROR(INDEX(Jesper!AL$2:AL$366,ROUNDDOWN($C7517/24,0)+1,1)*INDEX($D$3:$AA$30,INDEX(Jesper!$R$2:$R$366,ROW(INDEX(Jesper!AL$2:AL$366,ROUNDDOWN($C7517/24,0)+1,1))-1)+IF('Standard Profiles'!$G$22=$B$10,7,0)+IF('Standard Profiles'!$G$22=$B$17,14,0)+IF('Standard Profiles'!$G$22=$B$24,21,0),MOD($C7517,24)+1)/SUM(INDEX($D$3:$AA$30,INDEX(Jesper!$R$2:$R$366,ROW(INDEX(Jesper!AL$2:AL$366,ROUNDDOWN($C7517/24,0)+1,1))-1)+IF('Standard Profiles'!$G$22=$B$10,7,0)+IF('Standard Profiles'!$G$22=$B$17,14,0)+IF('Standard Profiles'!$G$22=$B$24,21,0),0)),0)</f>
        <v>0</v>
      </c>
      <c r="I7517">
        <f t="shared" si="832"/>
        <v>1.3263589341984556</v>
      </c>
      <c r="J7517">
        <f t="shared" si="833"/>
        <v>11.118990219355243</v>
      </c>
      <c r="K7517">
        <f t="shared" si="834"/>
        <v>0.61963819039943024</v>
      </c>
      <c r="L7517">
        <f t="shared" si="835"/>
        <v>0.30981909519971512</v>
      </c>
      <c r="M7517">
        <f t="shared" si="836"/>
        <v>0</v>
      </c>
      <c r="N7517" s="45">
        <f t="shared" si="837"/>
        <v>45238.791666648518</v>
      </c>
    </row>
    <row r="7518" spans="2:14" x14ac:dyDescent="0.25">
      <c r="B7518">
        <f t="shared" si="831"/>
        <v>3</v>
      </c>
      <c r="C7518" s="16">
        <v>7484</v>
      </c>
      <c r="D7518" cm="1">
        <f t="array" ref="D7518">IFERROR(INDEX(Jesper!AH$2:AH$366,ROUNDDOWN($C7518/24,0)+1,1)*INDEX($D$3:$AA$30,INDEX(Jesper!$R$2:$R$366,ROW(INDEX(Jesper!AH$2:AH$366,ROUNDDOWN($C7518/24,0)+1,1))-1)+IF('Standard Profiles'!$G$18=$B$10,7,0)+IF('Standard Profiles'!$G$18=$B$17,14,0)+IF('Standard Profiles'!$G$18=$B$24,21,0),MOD($C7518,24)+1)/SUM(INDEX($D$3:$AA$30,INDEX(Jesper!$R$2:$R$366,ROW(INDEX(Jesper!AH$2:AH$366,ROUNDDOWN($C7518/24,0)+1,1))-1)+IF('Standard Profiles'!$G$18=$B$10,7,0)+IF('Standard Profiles'!$G$18=$B$17,14,0)+IF('Standard Profiles'!$G$18=$B$24,21,0),0)),0)</f>
        <v>5.809108034994658</v>
      </c>
      <c r="E7518" cm="1">
        <f t="array" ref="E7518">IFERROR(INDEX(Jesper!AI$2:AI$366,ROUNDDOWN($C7518/24,0)+1,1)*INDEX($D$3:$AA$30,INDEX(Jesper!$R$2:$R$366,ROW(INDEX(Jesper!AI$2:AI$366,ROUNDDOWN($C7518/24,0)+1,1))-1)+IF('Standard Profiles'!$G$19=$B$10,7,0)+IF('Standard Profiles'!$G$19=$B$17,14,0)+IF('Standard Profiles'!$G$19=$B$24,21,0),MOD($C7518,24)+1)/SUM(INDEX($D$3:$AA$30,INDEX(Jesper!$R$2:$R$366,ROW(INDEX(Jesper!AI$2:AI$366,ROUNDDOWN($C7518/24,0)+1,1))-1)+IF('Standard Profiles'!$G$19=$B$10,7,0)+IF('Standard Profiles'!$G$19=$B$17,14,0)+IF('Standard Profiles'!$G$19=$B$24,21,0),0)),0)</f>
        <v>4.8024506245780696</v>
      </c>
      <c r="F7518" cm="1">
        <f t="array" ref="F7518">IFERROR(INDEX(Jesper!AJ$2:AJ$366,ROUNDDOWN($C7518/24,0)+1,1)*INDEX($D$3:$AA$30,INDEX(Jesper!$R$2:$R$366,ROW(INDEX(Jesper!AJ$2:AJ$366,ROUNDDOWN($C7518/24,0)+1,1))-1)+IF('Standard Profiles'!$G$20=$B$10,7,0)+IF('Standard Profiles'!$G$20=$B$17,14,0)+IF('Standard Profiles'!$G$20=$B$24,21,0),MOD($C7518,24)+1)/SUM(INDEX($D$3:$AA$30,INDEX(Jesper!$R$2:$R$366,ROW(INDEX(Jesper!AJ$2:AJ$366,ROUNDDOWN($C7518/24,0)+1,1))-1)+IF('Standard Profiles'!$G$20=$B$10,7,0)+IF('Standard Profiles'!$G$20=$B$17,14,0)+IF('Standard Profiles'!$G$20=$B$24,21,0),0)),0)</f>
        <v>0</v>
      </c>
      <c r="G7518" cm="1">
        <f t="array" ref="G7518">IFERROR(INDEX(Jesper!AK$2:AK$366,ROUNDDOWN($C7518/24,0)+1,1)*INDEX($D$3:$AA$30,INDEX(Jesper!$R$2:$R$366,ROW(INDEX(Jesper!AK$2:AK$366,ROUNDDOWN($C7518/24,0)+1,1))-1)+IF('Standard Profiles'!$G$21=$B$10,7,0)+IF('Standard Profiles'!$G$21=$B$17,14,0)+IF('Standard Profiles'!$G$21=$B$24,21,0),MOD($C7518,24)+1)/SUM(INDEX($D$3:$AA$30,INDEX(Jesper!$R$2:$R$366,ROW(INDEX(Jesper!AK$2:AK$366,ROUNDDOWN($C7518/24,0)+1,1))-1)+IF('Standard Profiles'!$G$21=$B$10,7,0)+IF('Standard Profiles'!$G$21=$B$17,14,0)+IF('Standard Profiles'!$G$21=$B$24,21,0),0)),0)</f>
        <v>2.7632477795801171</v>
      </c>
      <c r="H7518" cm="1">
        <f t="array" ref="H7518">IFERROR(INDEX(Jesper!AL$2:AL$366,ROUNDDOWN($C7518/24,0)+1,1)*INDEX($D$3:$AA$30,INDEX(Jesper!$R$2:$R$366,ROW(INDEX(Jesper!AL$2:AL$366,ROUNDDOWN($C7518/24,0)+1,1))-1)+IF('Standard Profiles'!$G$22=$B$10,7,0)+IF('Standard Profiles'!$G$22=$B$17,14,0)+IF('Standard Profiles'!$G$22=$B$24,21,0),MOD($C7518,24)+1)/SUM(INDEX($D$3:$AA$30,INDEX(Jesper!$R$2:$R$366,ROW(INDEX(Jesper!AL$2:AL$366,ROUNDDOWN($C7518/24,0)+1,1))-1)+IF('Standard Profiles'!$G$22=$B$10,7,0)+IF('Standard Profiles'!$G$22=$B$17,14,0)+IF('Standard Profiles'!$G$22=$B$24,21,0),0)),0)</f>
        <v>0</v>
      </c>
      <c r="I7518">
        <f t="shared" si="832"/>
        <v>1.3263589341984556</v>
      </c>
      <c r="J7518">
        <f t="shared" si="833"/>
        <v>11.118990219355243</v>
      </c>
      <c r="K7518">
        <f t="shared" si="834"/>
        <v>0.61963819039943024</v>
      </c>
      <c r="L7518">
        <f t="shared" si="835"/>
        <v>0.30981909519971512</v>
      </c>
      <c r="M7518">
        <f t="shared" si="836"/>
        <v>0</v>
      </c>
      <c r="N7518" s="45">
        <f t="shared" si="837"/>
        <v>45238.833333315182</v>
      </c>
    </row>
    <row r="7519" spans="2:14" x14ac:dyDescent="0.25">
      <c r="B7519">
        <f t="shared" si="831"/>
        <v>3</v>
      </c>
      <c r="C7519" s="16">
        <v>7485</v>
      </c>
      <c r="D7519" cm="1">
        <f t="array" ref="D7519">IFERROR(INDEX(Jesper!AH$2:AH$366,ROUNDDOWN($C7519/24,0)+1,1)*INDEX($D$3:$AA$30,INDEX(Jesper!$R$2:$R$366,ROW(INDEX(Jesper!AH$2:AH$366,ROUNDDOWN($C7519/24,0)+1,1))-1)+IF('Standard Profiles'!$G$18=$B$10,7,0)+IF('Standard Profiles'!$G$18=$B$17,14,0)+IF('Standard Profiles'!$G$18=$B$24,21,0),MOD($C7519,24)+1)/SUM(INDEX($D$3:$AA$30,INDEX(Jesper!$R$2:$R$366,ROW(INDEX(Jesper!AH$2:AH$366,ROUNDDOWN($C7519/24,0)+1,1))-1)+IF('Standard Profiles'!$G$18=$B$10,7,0)+IF('Standard Profiles'!$G$18=$B$17,14,0)+IF('Standard Profiles'!$G$18=$B$24,21,0),0)),0)</f>
        <v>5.809108034994658</v>
      </c>
      <c r="E7519" cm="1">
        <f t="array" ref="E7519">IFERROR(INDEX(Jesper!AI$2:AI$366,ROUNDDOWN($C7519/24,0)+1,1)*INDEX($D$3:$AA$30,INDEX(Jesper!$R$2:$R$366,ROW(INDEX(Jesper!AI$2:AI$366,ROUNDDOWN($C7519/24,0)+1,1))-1)+IF('Standard Profiles'!$G$19=$B$10,7,0)+IF('Standard Profiles'!$G$19=$B$17,14,0)+IF('Standard Profiles'!$G$19=$B$24,21,0),MOD($C7519,24)+1)/SUM(INDEX($D$3:$AA$30,INDEX(Jesper!$R$2:$R$366,ROW(INDEX(Jesper!AI$2:AI$366,ROUNDDOWN($C7519/24,0)+1,1))-1)+IF('Standard Profiles'!$G$19=$B$10,7,0)+IF('Standard Profiles'!$G$19=$B$17,14,0)+IF('Standard Profiles'!$G$19=$B$24,21,0),0)),0)</f>
        <v>4.8024506245780696</v>
      </c>
      <c r="F7519" cm="1">
        <f t="array" ref="F7519">IFERROR(INDEX(Jesper!AJ$2:AJ$366,ROUNDDOWN($C7519/24,0)+1,1)*INDEX($D$3:$AA$30,INDEX(Jesper!$R$2:$R$366,ROW(INDEX(Jesper!AJ$2:AJ$366,ROUNDDOWN($C7519/24,0)+1,1))-1)+IF('Standard Profiles'!$G$20=$B$10,7,0)+IF('Standard Profiles'!$G$20=$B$17,14,0)+IF('Standard Profiles'!$G$20=$B$24,21,0),MOD($C7519,24)+1)/SUM(INDEX($D$3:$AA$30,INDEX(Jesper!$R$2:$R$366,ROW(INDEX(Jesper!AJ$2:AJ$366,ROUNDDOWN($C7519/24,0)+1,1))-1)+IF('Standard Profiles'!$G$20=$B$10,7,0)+IF('Standard Profiles'!$G$20=$B$17,14,0)+IF('Standard Profiles'!$G$20=$B$24,21,0),0)),0)</f>
        <v>0</v>
      </c>
      <c r="G7519" cm="1">
        <f t="array" ref="G7519">IFERROR(INDEX(Jesper!AK$2:AK$366,ROUNDDOWN($C7519/24,0)+1,1)*INDEX($D$3:$AA$30,INDEX(Jesper!$R$2:$R$366,ROW(INDEX(Jesper!AK$2:AK$366,ROUNDDOWN($C7519/24,0)+1,1))-1)+IF('Standard Profiles'!$G$21=$B$10,7,0)+IF('Standard Profiles'!$G$21=$B$17,14,0)+IF('Standard Profiles'!$G$21=$B$24,21,0),MOD($C7519,24)+1)/SUM(INDEX($D$3:$AA$30,INDEX(Jesper!$R$2:$R$366,ROW(INDEX(Jesper!AK$2:AK$366,ROUNDDOWN($C7519/24,0)+1,1))-1)+IF('Standard Profiles'!$G$21=$B$10,7,0)+IF('Standard Profiles'!$G$21=$B$17,14,0)+IF('Standard Profiles'!$G$21=$B$24,21,0),0)),0)</f>
        <v>2.7632477795801171</v>
      </c>
      <c r="H7519" cm="1">
        <f t="array" ref="H7519">IFERROR(INDEX(Jesper!AL$2:AL$366,ROUNDDOWN($C7519/24,0)+1,1)*INDEX($D$3:$AA$30,INDEX(Jesper!$R$2:$R$366,ROW(INDEX(Jesper!AL$2:AL$366,ROUNDDOWN($C7519/24,0)+1,1))-1)+IF('Standard Profiles'!$G$22=$B$10,7,0)+IF('Standard Profiles'!$G$22=$B$17,14,0)+IF('Standard Profiles'!$G$22=$B$24,21,0),MOD($C7519,24)+1)/SUM(INDEX($D$3:$AA$30,INDEX(Jesper!$R$2:$R$366,ROW(INDEX(Jesper!AL$2:AL$366,ROUNDDOWN($C7519/24,0)+1,1))-1)+IF('Standard Profiles'!$G$22=$B$10,7,0)+IF('Standard Profiles'!$G$22=$B$17,14,0)+IF('Standard Profiles'!$G$22=$B$24,21,0),0)),0)</f>
        <v>0</v>
      </c>
      <c r="I7519">
        <f t="shared" si="832"/>
        <v>1.3263589341984556</v>
      </c>
      <c r="J7519">
        <f t="shared" si="833"/>
        <v>11.118990219355243</v>
      </c>
      <c r="K7519">
        <f t="shared" si="834"/>
        <v>0.61963819039943024</v>
      </c>
      <c r="L7519">
        <f t="shared" si="835"/>
        <v>0.30981909519971512</v>
      </c>
      <c r="M7519">
        <f t="shared" si="836"/>
        <v>0</v>
      </c>
      <c r="N7519" s="45">
        <f t="shared" si="837"/>
        <v>45238.874999981846</v>
      </c>
    </row>
    <row r="7520" spans="2:14" x14ac:dyDescent="0.25">
      <c r="B7520">
        <f t="shared" si="831"/>
        <v>3</v>
      </c>
      <c r="C7520" s="16">
        <v>7486</v>
      </c>
      <c r="D7520" cm="1">
        <f t="array" ref="D7520">IFERROR(INDEX(Jesper!AH$2:AH$366,ROUNDDOWN($C7520/24,0)+1,1)*INDEX($D$3:$AA$30,INDEX(Jesper!$R$2:$R$366,ROW(INDEX(Jesper!AH$2:AH$366,ROUNDDOWN($C7520/24,0)+1,1))-1)+IF('Standard Profiles'!$G$18=$B$10,7,0)+IF('Standard Profiles'!$G$18=$B$17,14,0)+IF('Standard Profiles'!$G$18=$B$24,21,0),MOD($C7520,24)+1)/SUM(INDEX($D$3:$AA$30,INDEX(Jesper!$R$2:$R$366,ROW(INDEX(Jesper!AH$2:AH$366,ROUNDDOWN($C7520/24,0)+1,1))-1)+IF('Standard Profiles'!$G$18=$B$10,7,0)+IF('Standard Profiles'!$G$18=$B$17,14,0)+IF('Standard Profiles'!$G$18=$B$24,21,0),0)),0)</f>
        <v>5.809108034994658</v>
      </c>
      <c r="E7520" cm="1">
        <f t="array" ref="E7520">IFERROR(INDEX(Jesper!AI$2:AI$366,ROUNDDOWN($C7520/24,0)+1,1)*INDEX($D$3:$AA$30,INDEX(Jesper!$R$2:$R$366,ROW(INDEX(Jesper!AI$2:AI$366,ROUNDDOWN($C7520/24,0)+1,1))-1)+IF('Standard Profiles'!$G$19=$B$10,7,0)+IF('Standard Profiles'!$G$19=$B$17,14,0)+IF('Standard Profiles'!$G$19=$B$24,21,0),MOD($C7520,24)+1)/SUM(INDEX($D$3:$AA$30,INDEX(Jesper!$R$2:$R$366,ROW(INDEX(Jesper!AI$2:AI$366,ROUNDDOWN($C7520/24,0)+1,1))-1)+IF('Standard Profiles'!$G$19=$B$10,7,0)+IF('Standard Profiles'!$G$19=$B$17,14,0)+IF('Standard Profiles'!$G$19=$B$24,21,0),0)),0)</f>
        <v>4.8024506245780696</v>
      </c>
      <c r="F7520" cm="1">
        <f t="array" ref="F7520">IFERROR(INDEX(Jesper!AJ$2:AJ$366,ROUNDDOWN($C7520/24,0)+1,1)*INDEX($D$3:$AA$30,INDEX(Jesper!$R$2:$R$366,ROW(INDEX(Jesper!AJ$2:AJ$366,ROUNDDOWN($C7520/24,0)+1,1))-1)+IF('Standard Profiles'!$G$20=$B$10,7,0)+IF('Standard Profiles'!$G$20=$B$17,14,0)+IF('Standard Profiles'!$G$20=$B$24,21,0),MOD($C7520,24)+1)/SUM(INDEX($D$3:$AA$30,INDEX(Jesper!$R$2:$R$366,ROW(INDEX(Jesper!AJ$2:AJ$366,ROUNDDOWN($C7520/24,0)+1,1))-1)+IF('Standard Profiles'!$G$20=$B$10,7,0)+IF('Standard Profiles'!$G$20=$B$17,14,0)+IF('Standard Profiles'!$G$20=$B$24,21,0),0)),0)</f>
        <v>0</v>
      </c>
      <c r="G7520" cm="1">
        <f t="array" ref="G7520">IFERROR(INDEX(Jesper!AK$2:AK$366,ROUNDDOWN($C7520/24,0)+1,1)*INDEX($D$3:$AA$30,INDEX(Jesper!$R$2:$R$366,ROW(INDEX(Jesper!AK$2:AK$366,ROUNDDOWN($C7520/24,0)+1,1))-1)+IF('Standard Profiles'!$G$21=$B$10,7,0)+IF('Standard Profiles'!$G$21=$B$17,14,0)+IF('Standard Profiles'!$G$21=$B$24,21,0),MOD($C7520,24)+1)/SUM(INDEX($D$3:$AA$30,INDEX(Jesper!$R$2:$R$366,ROW(INDEX(Jesper!AK$2:AK$366,ROUNDDOWN($C7520/24,0)+1,1))-1)+IF('Standard Profiles'!$G$21=$B$10,7,0)+IF('Standard Profiles'!$G$21=$B$17,14,0)+IF('Standard Profiles'!$G$21=$B$24,21,0),0)),0)</f>
        <v>2.7632477795801171</v>
      </c>
      <c r="H7520" cm="1">
        <f t="array" ref="H7520">IFERROR(INDEX(Jesper!AL$2:AL$366,ROUNDDOWN($C7520/24,0)+1,1)*INDEX($D$3:$AA$30,INDEX(Jesper!$R$2:$R$366,ROW(INDEX(Jesper!AL$2:AL$366,ROUNDDOWN($C7520/24,0)+1,1))-1)+IF('Standard Profiles'!$G$22=$B$10,7,0)+IF('Standard Profiles'!$G$22=$B$17,14,0)+IF('Standard Profiles'!$G$22=$B$24,21,0),MOD($C7520,24)+1)/SUM(INDEX($D$3:$AA$30,INDEX(Jesper!$R$2:$R$366,ROW(INDEX(Jesper!AL$2:AL$366,ROUNDDOWN($C7520/24,0)+1,1))-1)+IF('Standard Profiles'!$G$22=$B$10,7,0)+IF('Standard Profiles'!$G$22=$B$17,14,0)+IF('Standard Profiles'!$G$22=$B$24,21,0),0)),0)</f>
        <v>0</v>
      </c>
      <c r="I7520">
        <f t="shared" si="832"/>
        <v>1.3263589341984556</v>
      </c>
      <c r="J7520">
        <f t="shared" si="833"/>
        <v>11.118990219355243</v>
      </c>
      <c r="K7520">
        <f t="shared" si="834"/>
        <v>0.61963819039943024</v>
      </c>
      <c r="L7520">
        <f t="shared" si="835"/>
        <v>0.30981909519971512</v>
      </c>
      <c r="M7520">
        <f t="shared" si="836"/>
        <v>0</v>
      </c>
      <c r="N7520" s="45">
        <f t="shared" si="837"/>
        <v>45238.916666648511</v>
      </c>
    </row>
    <row r="7521" spans="2:14" x14ac:dyDescent="0.25">
      <c r="B7521">
        <f t="shared" si="831"/>
        <v>3</v>
      </c>
      <c r="C7521" s="16">
        <v>7487</v>
      </c>
      <c r="D7521" cm="1">
        <f t="array" ref="D7521">IFERROR(INDEX(Jesper!AH$2:AH$366,ROUNDDOWN($C7521/24,0)+1,1)*INDEX($D$3:$AA$30,INDEX(Jesper!$R$2:$R$366,ROW(INDEX(Jesper!AH$2:AH$366,ROUNDDOWN($C7521/24,0)+1,1))-1)+IF('Standard Profiles'!$G$18=$B$10,7,0)+IF('Standard Profiles'!$G$18=$B$17,14,0)+IF('Standard Profiles'!$G$18=$B$24,21,0),MOD($C7521,24)+1)/SUM(INDEX($D$3:$AA$30,INDEX(Jesper!$R$2:$R$366,ROW(INDEX(Jesper!AH$2:AH$366,ROUNDDOWN($C7521/24,0)+1,1))-1)+IF('Standard Profiles'!$G$18=$B$10,7,0)+IF('Standard Profiles'!$G$18=$B$17,14,0)+IF('Standard Profiles'!$G$18=$B$24,21,0),0)),0)</f>
        <v>5.809108034994658</v>
      </c>
      <c r="E7521" cm="1">
        <f t="array" ref="E7521">IFERROR(INDEX(Jesper!AI$2:AI$366,ROUNDDOWN($C7521/24,0)+1,1)*INDEX($D$3:$AA$30,INDEX(Jesper!$R$2:$R$366,ROW(INDEX(Jesper!AI$2:AI$366,ROUNDDOWN($C7521/24,0)+1,1))-1)+IF('Standard Profiles'!$G$19=$B$10,7,0)+IF('Standard Profiles'!$G$19=$B$17,14,0)+IF('Standard Profiles'!$G$19=$B$24,21,0),MOD($C7521,24)+1)/SUM(INDEX($D$3:$AA$30,INDEX(Jesper!$R$2:$R$366,ROW(INDEX(Jesper!AI$2:AI$366,ROUNDDOWN($C7521/24,0)+1,1))-1)+IF('Standard Profiles'!$G$19=$B$10,7,0)+IF('Standard Profiles'!$G$19=$B$17,14,0)+IF('Standard Profiles'!$G$19=$B$24,21,0),0)),0)</f>
        <v>4.8024506245780696</v>
      </c>
      <c r="F7521" cm="1">
        <f t="array" ref="F7521">IFERROR(INDEX(Jesper!AJ$2:AJ$366,ROUNDDOWN($C7521/24,0)+1,1)*INDEX($D$3:$AA$30,INDEX(Jesper!$R$2:$R$366,ROW(INDEX(Jesper!AJ$2:AJ$366,ROUNDDOWN($C7521/24,0)+1,1))-1)+IF('Standard Profiles'!$G$20=$B$10,7,0)+IF('Standard Profiles'!$G$20=$B$17,14,0)+IF('Standard Profiles'!$G$20=$B$24,21,0),MOD($C7521,24)+1)/SUM(INDEX($D$3:$AA$30,INDEX(Jesper!$R$2:$R$366,ROW(INDEX(Jesper!AJ$2:AJ$366,ROUNDDOWN($C7521/24,0)+1,1))-1)+IF('Standard Profiles'!$G$20=$B$10,7,0)+IF('Standard Profiles'!$G$20=$B$17,14,0)+IF('Standard Profiles'!$G$20=$B$24,21,0),0)),0)</f>
        <v>0</v>
      </c>
      <c r="G7521" cm="1">
        <f t="array" ref="G7521">IFERROR(INDEX(Jesper!AK$2:AK$366,ROUNDDOWN($C7521/24,0)+1,1)*INDEX($D$3:$AA$30,INDEX(Jesper!$R$2:$R$366,ROW(INDEX(Jesper!AK$2:AK$366,ROUNDDOWN($C7521/24,0)+1,1))-1)+IF('Standard Profiles'!$G$21=$B$10,7,0)+IF('Standard Profiles'!$G$21=$B$17,14,0)+IF('Standard Profiles'!$G$21=$B$24,21,0),MOD($C7521,24)+1)/SUM(INDEX($D$3:$AA$30,INDEX(Jesper!$R$2:$R$366,ROW(INDEX(Jesper!AK$2:AK$366,ROUNDDOWN($C7521/24,0)+1,1))-1)+IF('Standard Profiles'!$G$21=$B$10,7,0)+IF('Standard Profiles'!$G$21=$B$17,14,0)+IF('Standard Profiles'!$G$21=$B$24,21,0),0)),0)</f>
        <v>2.7632477795801171</v>
      </c>
      <c r="H7521" cm="1">
        <f t="array" ref="H7521">IFERROR(INDEX(Jesper!AL$2:AL$366,ROUNDDOWN($C7521/24,0)+1,1)*INDEX($D$3:$AA$30,INDEX(Jesper!$R$2:$R$366,ROW(INDEX(Jesper!AL$2:AL$366,ROUNDDOWN($C7521/24,0)+1,1))-1)+IF('Standard Profiles'!$G$22=$B$10,7,0)+IF('Standard Profiles'!$G$22=$B$17,14,0)+IF('Standard Profiles'!$G$22=$B$24,21,0),MOD($C7521,24)+1)/SUM(INDEX($D$3:$AA$30,INDEX(Jesper!$R$2:$R$366,ROW(INDEX(Jesper!AL$2:AL$366,ROUNDDOWN($C7521/24,0)+1,1))-1)+IF('Standard Profiles'!$G$22=$B$10,7,0)+IF('Standard Profiles'!$G$22=$B$17,14,0)+IF('Standard Profiles'!$G$22=$B$24,21,0),0)),0)</f>
        <v>0</v>
      </c>
      <c r="I7521">
        <f t="shared" si="832"/>
        <v>1.3263589341984556</v>
      </c>
      <c r="J7521">
        <f t="shared" si="833"/>
        <v>11.118990219355243</v>
      </c>
      <c r="K7521">
        <f t="shared" si="834"/>
        <v>0.61963819039943024</v>
      </c>
      <c r="L7521">
        <f t="shared" si="835"/>
        <v>0.30981909519971512</v>
      </c>
      <c r="M7521">
        <f t="shared" si="836"/>
        <v>0</v>
      </c>
      <c r="N7521" s="45">
        <f t="shared" si="837"/>
        <v>45238.958333315175</v>
      </c>
    </row>
    <row r="7522" spans="2:14" x14ac:dyDescent="0.25">
      <c r="B7522">
        <f t="shared" si="831"/>
        <v>4</v>
      </c>
      <c r="C7522" s="16">
        <v>7488</v>
      </c>
      <c r="D7522" cm="1">
        <f t="array" ref="D7522">IFERROR(INDEX(Jesper!AH$2:AH$366,ROUNDDOWN($C7522/24,0)+1,1)*INDEX($D$3:$AA$30,INDEX(Jesper!$R$2:$R$366,ROW(INDEX(Jesper!AH$2:AH$366,ROUNDDOWN($C7522/24,0)+1,1))-1)+IF('Standard Profiles'!$G$18=$B$10,7,0)+IF('Standard Profiles'!$G$18=$B$17,14,0)+IF('Standard Profiles'!$G$18=$B$24,21,0),MOD($C7522,24)+1)/SUM(INDEX($D$3:$AA$30,INDEX(Jesper!$R$2:$R$366,ROW(INDEX(Jesper!AH$2:AH$366,ROUNDDOWN($C7522/24,0)+1,1))-1)+IF('Standard Profiles'!$G$18=$B$10,7,0)+IF('Standard Profiles'!$G$18=$B$17,14,0)+IF('Standard Profiles'!$G$18=$B$24,21,0),0)),0)</f>
        <v>5.9518864476641804</v>
      </c>
      <c r="E7522" cm="1">
        <f t="array" ref="E7522">IFERROR(INDEX(Jesper!AI$2:AI$366,ROUNDDOWN($C7522/24,0)+1,1)*INDEX($D$3:$AA$30,INDEX(Jesper!$R$2:$R$366,ROW(INDEX(Jesper!AI$2:AI$366,ROUNDDOWN($C7522/24,0)+1,1))-1)+IF('Standard Profiles'!$G$19=$B$10,7,0)+IF('Standard Profiles'!$G$19=$B$17,14,0)+IF('Standard Profiles'!$G$19=$B$24,21,0),MOD($C7522,24)+1)/SUM(INDEX($D$3:$AA$30,INDEX(Jesper!$R$2:$R$366,ROW(INDEX(Jesper!AI$2:AI$366,ROUNDDOWN($C7522/24,0)+1,1))-1)+IF('Standard Profiles'!$G$19=$B$10,7,0)+IF('Standard Profiles'!$G$19=$B$17,14,0)+IF('Standard Profiles'!$G$19=$B$24,21,0),0)),0)</f>
        <v>5.9848550905978373</v>
      </c>
      <c r="F7522" cm="1">
        <f t="array" ref="F7522">IFERROR(INDEX(Jesper!AJ$2:AJ$366,ROUNDDOWN($C7522/24,0)+1,1)*INDEX($D$3:$AA$30,INDEX(Jesper!$R$2:$R$366,ROW(INDEX(Jesper!AJ$2:AJ$366,ROUNDDOWN($C7522/24,0)+1,1))-1)+IF('Standard Profiles'!$G$20=$B$10,7,0)+IF('Standard Profiles'!$G$20=$B$17,14,0)+IF('Standard Profiles'!$G$20=$B$24,21,0),MOD($C7522,24)+1)/SUM(INDEX($D$3:$AA$30,INDEX(Jesper!$R$2:$R$366,ROW(INDEX(Jesper!AJ$2:AJ$366,ROUNDDOWN($C7522/24,0)+1,1))-1)+IF('Standard Profiles'!$G$20=$B$10,7,0)+IF('Standard Profiles'!$G$20=$B$17,14,0)+IF('Standard Profiles'!$G$20=$B$24,21,0),0)),0)</f>
        <v>0</v>
      </c>
      <c r="G7522" cm="1">
        <f t="array" ref="G7522">IFERROR(INDEX(Jesper!AK$2:AK$366,ROUNDDOWN($C7522/24,0)+1,1)*INDEX($D$3:$AA$30,INDEX(Jesper!$R$2:$R$366,ROW(INDEX(Jesper!AK$2:AK$366,ROUNDDOWN($C7522/24,0)+1,1))-1)+IF('Standard Profiles'!$G$21=$B$10,7,0)+IF('Standard Profiles'!$G$21=$B$17,14,0)+IF('Standard Profiles'!$G$21=$B$24,21,0),MOD($C7522,24)+1)/SUM(INDEX($D$3:$AA$30,INDEX(Jesper!$R$2:$R$366,ROW(INDEX(Jesper!AK$2:AK$366,ROUNDDOWN($C7522/24,0)+1,1))-1)+IF('Standard Profiles'!$G$21=$B$10,7,0)+IF('Standard Profiles'!$G$21=$B$17,14,0)+IF('Standard Profiles'!$G$21=$B$24,21,0),0)),0)</f>
        <v>5.8229028492299868</v>
      </c>
      <c r="H7522" cm="1">
        <f t="array" ref="H7522">IFERROR(INDEX(Jesper!AL$2:AL$366,ROUNDDOWN($C7522/24,0)+1,1)*INDEX($D$3:$AA$30,INDEX(Jesper!$R$2:$R$366,ROW(INDEX(Jesper!AL$2:AL$366,ROUNDDOWN($C7522/24,0)+1,1))-1)+IF('Standard Profiles'!$G$22=$B$10,7,0)+IF('Standard Profiles'!$G$22=$B$17,14,0)+IF('Standard Profiles'!$G$22=$B$24,21,0),MOD($C7522,24)+1)/SUM(INDEX($D$3:$AA$30,INDEX(Jesper!$R$2:$R$366,ROW(INDEX(Jesper!AL$2:AL$366,ROUNDDOWN($C7522/24,0)+1,1))-1)+IF('Standard Profiles'!$G$22=$B$10,7,0)+IF('Standard Profiles'!$G$22=$B$17,14,0)+IF('Standard Profiles'!$G$22=$B$24,21,0),0)),0)</f>
        <v>0</v>
      </c>
      <c r="I7522">
        <f t="shared" si="832"/>
        <v>2.7949933676303922</v>
      </c>
      <c r="J7522">
        <f t="shared" si="833"/>
        <v>14.012349188235342</v>
      </c>
      <c r="K7522">
        <f t="shared" si="834"/>
        <v>0.63486788775084591</v>
      </c>
      <c r="L7522">
        <f t="shared" si="835"/>
        <v>0.31743394387542295</v>
      </c>
      <c r="M7522">
        <f t="shared" si="836"/>
        <v>0</v>
      </c>
      <c r="N7522" s="45">
        <f t="shared" si="837"/>
        <v>45238.999999981839</v>
      </c>
    </row>
    <row r="7523" spans="2:14" x14ac:dyDescent="0.25">
      <c r="B7523">
        <f t="shared" ref="B7523:B7586" si="838">WEEKDAY(N7523,2)</f>
        <v>4</v>
      </c>
      <c r="C7523" s="16">
        <v>7489</v>
      </c>
      <c r="D7523" cm="1">
        <f t="array" ref="D7523">IFERROR(INDEX(Jesper!AH$2:AH$366,ROUNDDOWN($C7523/24,0)+1,1)*INDEX($D$3:$AA$30,INDEX(Jesper!$R$2:$R$366,ROW(INDEX(Jesper!AH$2:AH$366,ROUNDDOWN($C7523/24,0)+1,1))-1)+IF('Standard Profiles'!$G$18=$B$10,7,0)+IF('Standard Profiles'!$G$18=$B$17,14,0)+IF('Standard Profiles'!$G$18=$B$24,21,0),MOD($C7523,24)+1)/SUM(INDEX($D$3:$AA$30,INDEX(Jesper!$R$2:$R$366,ROW(INDEX(Jesper!AH$2:AH$366,ROUNDDOWN($C7523/24,0)+1,1))-1)+IF('Standard Profiles'!$G$18=$B$10,7,0)+IF('Standard Profiles'!$G$18=$B$17,14,0)+IF('Standard Profiles'!$G$18=$B$24,21,0),0)),0)</f>
        <v>5.9518864476641804</v>
      </c>
      <c r="E7523" cm="1">
        <f t="array" ref="E7523">IFERROR(INDEX(Jesper!AI$2:AI$366,ROUNDDOWN($C7523/24,0)+1,1)*INDEX($D$3:$AA$30,INDEX(Jesper!$R$2:$R$366,ROW(INDEX(Jesper!AI$2:AI$366,ROUNDDOWN($C7523/24,0)+1,1))-1)+IF('Standard Profiles'!$G$19=$B$10,7,0)+IF('Standard Profiles'!$G$19=$B$17,14,0)+IF('Standard Profiles'!$G$19=$B$24,21,0),MOD($C7523,24)+1)/SUM(INDEX($D$3:$AA$30,INDEX(Jesper!$R$2:$R$366,ROW(INDEX(Jesper!AI$2:AI$366,ROUNDDOWN($C7523/24,0)+1,1))-1)+IF('Standard Profiles'!$G$19=$B$10,7,0)+IF('Standard Profiles'!$G$19=$B$17,14,0)+IF('Standard Profiles'!$G$19=$B$24,21,0),0)),0)</f>
        <v>5.9848550905978373</v>
      </c>
      <c r="F7523" cm="1">
        <f t="array" ref="F7523">IFERROR(INDEX(Jesper!AJ$2:AJ$366,ROUNDDOWN($C7523/24,0)+1,1)*INDEX($D$3:$AA$30,INDEX(Jesper!$R$2:$R$366,ROW(INDEX(Jesper!AJ$2:AJ$366,ROUNDDOWN($C7523/24,0)+1,1))-1)+IF('Standard Profiles'!$G$20=$B$10,7,0)+IF('Standard Profiles'!$G$20=$B$17,14,0)+IF('Standard Profiles'!$G$20=$B$24,21,0),MOD($C7523,24)+1)/SUM(INDEX($D$3:$AA$30,INDEX(Jesper!$R$2:$R$366,ROW(INDEX(Jesper!AJ$2:AJ$366,ROUNDDOWN($C7523/24,0)+1,1))-1)+IF('Standard Profiles'!$G$20=$B$10,7,0)+IF('Standard Profiles'!$G$20=$B$17,14,0)+IF('Standard Profiles'!$G$20=$B$24,21,0),0)),0)</f>
        <v>0</v>
      </c>
      <c r="G7523" cm="1">
        <f t="array" ref="G7523">IFERROR(INDEX(Jesper!AK$2:AK$366,ROUNDDOWN($C7523/24,0)+1,1)*INDEX($D$3:$AA$30,INDEX(Jesper!$R$2:$R$366,ROW(INDEX(Jesper!AK$2:AK$366,ROUNDDOWN($C7523/24,0)+1,1))-1)+IF('Standard Profiles'!$G$21=$B$10,7,0)+IF('Standard Profiles'!$G$21=$B$17,14,0)+IF('Standard Profiles'!$G$21=$B$24,21,0),MOD($C7523,24)+1)/SUM(INDEX($D$3:$AA$30,INDEX(Jesper!$R$2:$R$366,ROW(INDEX(Jesper!AK$2:AK$366,ROUNDDOWN($C7523/24,0)+1,1))-1)+IF('Standard Profiles'!$G$21=$B$10,7,0)+IF('Standard Profiles'!$G$21=$B$17,14,0)+IF('Standard Profiles'!$G$21=$B$24,21,0),0)),0)</f>
        <v>5.8229028492299868</v>
      </c>
      <c r="H7523" cm="1">
        <f t="array" ref="H7523">IFERROR(INDEX(Jesper!AL$2:AL$366,ROUNDDOWN($C7523/24,0)+1,1)*INDEX($D$3:$AA$30,INDEX(Jesper!$R$2:$R$366,ROW(INDEX(Jesper!AL$2:AL$366,ROUNDDOWN($C7523/24,0)+1,1))-1)+IF('Standard Profiles'!$G$22=$B$10,7,0)+IF('Standard Profiles'!$G$22=$B$17,14,0)+IF('Standard Profiles'!$G$22=$B$24,21,0),MOD($C7523,24)+1)/SUM(INDEX($D$3:$AA$30,INDEX(Jesper!$R$2:$R$366,ROW(INDEX(Jesper!AL$2:AL$366,ROUNDDOWN($C7523/24,0)+1,1))-1)+IF('Standard Profiles'!$G$22=$B$10,7,0)+IF('Standard Profiles'!$G$22=$B$17,14,0)+IF('Standard Profiles'!$G$22=$B$24,21,0),0)),0)</f>
        <v>0</v>
      </c>
      <c r="I7523">
        <f t="shared" ref="I7523:I7586" si="839">IF($B7523&lt;6,AC$37*$D7523+AC$38*$E7523+AC$39*$F7523+AC$40*$G7523,AC$46*$D7523+AC$47*$E7523+AC$48*$F7523+AC$49*$G7523+AC$50*$H7523)</f>
        <v>2.7949933676303922</v>
      </c>
      <c r="J7523">
        <f t="shared" ref="J7523:J7586" si="840">IF($B7523&lt;6,AD$37*$D7523+AD$38*$E7523+AD$39*$F7523+AD$40*$G7523,AD$46*$D7523+AD$47*$E7523+AD$48*$F7523+AD$49*$G7523+AD$50*$H7523)</f>
        <v>14.012349188235342</v>
      </c>
      <c r="K7523">
        <f t="shared" ref="K7523:K7586" si="841">IF($B7523&lt;6,AE$37*$D7523+AE$38*$E7523+AE$39*$F7523+AE$40*$G7523,AE$46*$D7523+AE$47*$E7523+AE$48*$F7523+AE$49*$G7523+AE$50*$H7523)</f>
        <v>0.63486788775084591</v>
      </c>
      <c r="L7523">
        <f t="shared" ref="L7523:L7586" si="842">IF($B7523&lt;6,AF$37*$D7523+AF$38*$E7523+AF$39*$F7523+AF$40*$G7523,AF$46*$D7523+AF$47*$E7523+AF$48*$F7523+AF$49*$G7523+AF$50*$H7523)</f>
        <v>0.31743394387542295</v>
      </c>
      <c r="M7523">
        <f t="shared" ref="M7523:M7586" si="843">IF($B7523&lt;6,AG$37*$D7523+AG$38*$E7523+AG$39*$F7523+AG$40*$G7523,AG$46*$D7523+AG$47*$E7523+AG$48*$F7523+AG$49*$G7523+AG$50*$H7523)</f>
        <v>0</v>
      </c>
      <c r="N7523" s="45">
        <f t="shared" si="837"/>
        <v>45239.041666648503</v>
      </c>
    </row>
    <row r="7524" spans="2:14" x14ac:dyDescent="0.25">
      <c r="B7524">
        <f t="shared" si="838"/>
        <v>4</v>
      </c>
      <c r="C7524" s="16">
        <v>7490</v>
      </c>
      <c r="D7524" cm="1">
        <f t="array" ref="D7524">IFERROR(INDEX(Jesper!AH$2:AH$366,ROUNDDOWN($C7524/24,0)+1,1)*INDEX($D$3:$AA$30,INDEX(Jesper!$R$2:$R$366,ROW(INDEX(Jesper!AH$2:AH$366,ROUNDDOWN($C7524/24,0)+1,1))-1)+IF('Standard Profiles'!$G$18=$B$10,7,0)+IF('Standard Profiles'!$G$18=$B$17,14,0)+IF('Standard Profiles'!$G$18=$B$24,21,0),MOD($C7524,24)+1)/SUM(INDEX($D$3:$AA$30,INDEX(Jesper!$R$2:$R$366,ROW(INDEX(Jesper!AH$2:AH$366,ROUNDDOWN($C7524/24,0)+1,1))-1)+IF('Standard Profiles'!$G$18=$B$10,7,0)+IF('Standard Profiles'!$G$18=$B$17,14,0)+IF('Standard Profiles'!$G$18=$B$24,21,0),0)),0)</f>
        <v>5.9518864476641804</v>
      </c>
      <c r="E7524" cm="1">
        <f t="array" ref="E7524">IFERROR(INDEX(Jesper!AI$2:AI$366,ROUNDDOWN($C7524/24,0)+1,1)*INDEX($D$3:$AA$30,INDEX(Jesper!$R$2:$R$366,ROW(INDEX(Jesper!AI$2:AI$366,ROUNDDOWN($C7524/24,0)+1,1))-1)+IF('Standard Profiles'!$G$19=$B$10,7,0)+IF('Standard Profiles'!$G$19=$B$17,14,0)+IF('Standard Profiles'!$G$19=$B$24,21,0),MOD($C7524,24)+1)/SUM(INDEX($D$3:$AA$30,INDEX(Jesper!$R$2:$R$366,ROW(INDEX(Jesper!AI$2:AI$366,ROUNDDOWN($C7524/24,0)+1,1))-1)+IF('Standard Profiles'!$G$19=$B$10,7,0)+IF('Standard Profiles'!$G$19=$B$17,14,0)+IF('Standard Profiles'!$G$19=$B$24,21,0),0)),0)</f>
        <v>5.9848550905978373</v>
      </c>
      <c r="F7524" cm="1">
        <f t="array" ref="F7524">IFERROR(INDEX(Jesper!AJ$2:AJ$366,ROUNDDOWN($C7524/24,0)+1,1)*INDEX($D$3:$AA$30,INDEX(Jesper!$R$2:$R$366,ROW(INDEX(Jesper!AJ$2:AJ$366,ROUNDDOWN($C7524/24,0)+1,1))-1)+IF('Standard Profiles'!$G$20=$B$10,7,0)+IF('Standard Profiles'!$G$20=$B$17,14,0)+IF('Standard Profiles'!$G$20=$B$24,21,0),MOD($C7524,24)+1)/SUM(INDEX($D$3:$AA$30,INDEX(Jesper!$R$2:$R$366,ROW(INDEX(Jesper!AJ$2:AJ$366,ROUNDDOWN($C7524/24,0)+1,1))-1)+IF('Standard Profiles'!$G$20=$B$10,7,0)+IF('Standard Profiles'!$G$20=$B$17,14,0)+IF('Standard Profiles'!$G$20=$B$24,21,0),0)),0)</f>
        <v>0</v>
      </c>
      <c r="G7524" cm="1">
        <f t="array" ref="G7524">IFERROR(INDEX(Jesper!AK$2:AK$366,ROUNDDOWN($C7524/24,0)+1,1)*INDEX($D$3:$AA$30,INDEX(Jesper!$R$2:$R$366,ROW(INDEX(Jesper!AK$2:AK$366,ROUNDDOWN($C7524/24,0)+1,1))-1)+IF('Standard Profiles'!$G$21=$B$10,7,0)+IF('Standard Profiles'!$G$21=$B$17,14,0)+IF('Standard Profiles'!$G$21=$B$24,21,0),MOD($C7524,24)+1)/SUM(INDEX($D$3:$AA$30,INDEX(Jesper!$R$2:$R$366,ROW(INDEX(Jesper!AK$2:AK$366,ROUNDDOWN($C7524/24,0)+1,1))-1)+IF('Standard Profiles'!$G$21=$B$10,7,0)+IF('Standard Profiles'!$G$21=$B$17,14,0)+IF('Standard Profiles'!$G$21=$B$24,21,0),0)),0)</f>
        <v>5.8229028492299868</v>
      </c>
      <c r="H7524" cm="1">
        <f t="array" ref="H7524">IFERROR(INDEX(Jesper!AL$2:AL$366,ROUNDDOWN($C7524/24,0)+1,1)*INDEX($D$3:$AA$30,INDEX(Jesper!$R$2:$R$366,ROW(INDEX(Jesper!AL$2:AL$366,ROUNDDOWN($C7524/24,0)+1,1))-1)+IF('Standard Profiles'!$G$22=$B$10,7,0)+IF('Standard Profiles'!$G$22=$B$17,14,0)+IF('Standard Profiles'!$G$22=$B$24,21,0),MOD($C7524,24)+1)/SUM(INDEX($D$3:$AA$30,INDEX(Jesper!$R$2:$R$366,ROW(INDEX(Jesper!AL$2:AL$366,ROUNDDOWN($C7524/24,0)+1,1))-1)+IF('Standard Profiles'!$G$22=$B$10,7,0)+IF('Standard Profiles'!$G$22=$B$17,14,0)+IF('Standard Profiles'!$G$22=$B$24,21,0),0)),0)</f>
        <v>0</v>
      </c>
      <c r="I7524">
        <f t="shared" si="839"/>
        <v>2.7949933676303922</v>
      </c>
      <c r="J7524">
        <f t="shared" si="840"/>
        <v>14.012349188235342</v>
      </c>
      <c r="K7524">
        <f t="shared" si="841"/>
        <v>0.63486788775084591</v>
      </c>
      <c r="L7524">
        <f t="shared" si="842"/>
        <v>0.31743394387542295</v>
      </c>
      <c r="M7524">
        <f t="shared" si="843"/>
        <v>0</v>
      </c>
      <c r="N7524" s="45">
        <f t="shared" ref="N7524:N7587" si="844">N7523+1/24</f>
        <v>45239.083333315168</v>
      </c>
    </row>
    <row r="7525" spans="2:14" x14ac:dyDescent="0.25">
      <c r="B7525">
        <f t="shared" si="838"/>
        <v>4</v>
      </c>
      <c r="C7525" s="16">
        <v>7491</v>
      </c>
      <c r="D7525" cm="1">
        <f t="array" ref="D7525">IFERROR(INDEX(Jesper!AH$2:AH$366,ROUNDDOWN($C7525/24,0)+1,1)*INDEX($D$3:$AA$30,INDEX(Jesper!$R$2:$R$366,ROW(INDEX(Jesper!AH$2:AH$366,ROUNDDOWN($C7525/24,0)+1,1))-1)+IF('Standard Profiles'!$G$18=$B$10,7,0)+IF('Standard Profiles'!$G$18=$B$17,14,0)+IF('Standard Profiles'!$G$18=$B$24,21,0),MOD($C7525,24)+1)/SUM(INDEX($D$3:$AA$30,INDEX(Jesper!$R$2:$R$366,ROW(INDEX(Jesper!AH$2:AH$366,ROUNDDOWN($C7525/24,0)+1,1))-1)+IF('Standard Profiles'!$G$18=$B$10,7,0)+IF('Standard Profiles'!$G$18=$B$17,14,0)+IF('Standard Profiles'!$G$18=$B$24,21,0),0)),0)</f>
        <v>5.9518864476641804</v>
      </c>
      <c r="E7525" cm="1">
        <f t="array" ref="E7525">IFERROR(INDEX(Jesper!AI$2:AI$366,ROUNDDOWN($C7525/24,0)+1,1)*INDEX($D$3:$AA$30,INDEX(Jesper!$R$2:$R$366,ROW(INDEX(Jesper!AI$2:AI$366,ROUNDDOWN($C7525/24,0)+1,1))-1)+IF('Standard Profiles'!$G$19=$B$10,7,0)+IF('Standard Profiles'!$G$19=$B$17,14,0)+IF('Standard Profiles'!$G$19=$B$24,21,0),MOD($C7525,24)+1)/SUM(INDEX($D$3:$AA$30,INDEX(Jesper!$R$2:$R$366,ROW(INDEX(Jesper!AI$2:AI$366,ROUNDDOWN($C7525/24,0)+1,1))-1)+IF('Standard Profiles'!$G$19=$B$10,7,0)+IF('Standard Profiles'!$G$19=$B$17,14,0)+IF('Standard Profiles'!$G$19=$B$24,21,0),0)),0)</f>
        <v>5.9848550905978373</v>
      </c>
      <c r="F7525" cm="1">
        <f t="array" ref="F7525">IFERROR(INDEX(Jesper!AJ$2:AJ$366,ROUNDDOWN($C7525/24,0)+1,1)*INDEX($D$3:$AA$30,INDEX(Jesper!$R$2:$R$366,ROW(INDEX(Jesper!AJ$2:AJ$366,ROUNDDOWN($C7525/24,0)+1,1))-1)+IF('Standard Profiles'!$G$20=$B$10,7,0)+IF('Standard Profiles'!$G$20=$B$17,14,0)+IF('Standard Profiles'!$G$20=$B$24,21,0),MOD($C7525,24)+1)/SUM(INDEX($D$3:$AA$30,INDEX(Jesper!$R$2:$R$366,ROW(INDEX(Jesper!AJ$2:AJ$366,ROUNDDOWN($C7525/24,0)+1,1))-1)+IF('Standard Profiles'!$G$20=$B$10,7,0)+IF('Standard Profiles'!$G$20=$B$17,14,0)+IF('Standard Profiles'!$G$20=$B$24,21,0),0)),0)</f>
        <v>0</v>
      </c>
      <c r="G7525" cm="1">
        <f t="array" ref="G7525">IFERROR(INDEX(Jesper!AK$2:AK$366,ROUNDDOWN($C7525/24,0)+1,1)*INDEX($D$3:$AA$30,INDEX(Jesper!$R$2:$R$366,ROW(INDEX(Jesper!AK$2:AK$366,ROUNDDOWN($C7525/24,0)+1,1))-1)+IF('Standard Profiles'!$G$21=$B$10,7,0)+IF('Standard Profiles'!$G$21=$B$17,14,0)+IF('Standard Profiles'!$G$21=$B$24,21,0),MOD($C7525,24)+1)/SUM(INDEX($D$3:$AA$30,INDEX(Jesper!$R$2:$R$366,ROW(INDEX(Jesper!AK$2:AK$366,ROUNDDOWN($C7525/24,0)+1,1))-1)+IF('Standard Profiles'!$G$21=$B$10,7,0)+IF('Standard Profiles'!$G$21=$B$17,14,0)+IF('Standard Profiles'!$G$21=$B$24,21,0),0)),0)</f>
        <v>5.8229028492299868</v>
      </c>
      <c r="H7525" cm="1">
        <f t="array" ref="H7525">IFERROR(INDEX(Jesper!AL$2:AL$366,ROUNDDOWN($C7525/24,0)+1,1)*INDEX($D$3:$AA$30,INDEX(Jesper!$R$2:$R$366,ROW(INDEX(Jesper!AL$2:AL$366,ROUNDDOWN($C7525/24,0)+1,1))-1)+IF('Standard Profiles'!$G$22=$B$10,7,0)+IF('Standard Profiles'!$G$22=$B$17,14,0)+IF('Standard Profiles'!$G$22=$B$24,21,0),MOD($C7525,24)+1)/SUM(INDEX($D$3:$AA$30,INDEX(Jesper!$R$2:$R$366,ROW(INDEX(Jesper!AL$2:AL$366,ROUNDDOWN($C7525/24,0)+1,1))-1)+IF('Standard Profiles'!$G$22=$B$10,7,0)+IF('Standard Profiles'!$G$22=$B$17,14,0)+IF('Standard Profiles'!$G$22=$B$24,21,0),0)),0)</f>
        <v>0</v>
      </c>
      <c r="I7525">
        <f t="shared" si="839"/>
        <v>2.7949933676303922</v>
      </c>
      <c r="J7525">
        <f t="shared" si="840"/>
        <v>14.012349188235342</v>
      </c>
      <c r="K7525">
        <f t="shared" si="841"/>
        <v>0.63486788775084591</v>
      </c>
      <c r="L7525">
        <f t="shared" si="842"/>
        <v>0.31743394387542295</v>
      </c>
      <c r="M7525">
        <f t="shared" si="843"/>
        <v>0</v>
      </c>
      <c r="N7525" s="45">
        <f t="shared" si="844"/>
        <v>45239.124999981832</v>
      </c>
    </row>
    <row r="7526" spans="2:14" x14ac:dyDescent="0.25">
      <c r="B7526">
        <f t="shared" si="838"/>
        <v>4</v>
      </c>
      <c r="C7526" s="16">
        <v>7492</v>
      </c>
      <c r="D7526" cm="1">
        <f t="array" ref="D7526">IFERROR(INDEX(Jesper!AH$2:AH$366,ROUNDDOWN($C7526/24,0)+1,1)*INDEX($D$3:$AA$30,INDEX(Jesper!$R$2:$R$366,ROW(INDEX(Jesper!AH$2:AH$366,ROUNDDOWN($C7526/24,0)+1,1))-1)+IF('Standard Profiles'!$G$18=$B$10,7,0)+IF('Standard Profiles'!$G$18=$B$17,14,0)+IF('Standard Profiles'!$G$18=$B$24,21,0),MOD($C7526,24)+1)/SUM(INDEX($D$3:$AA$30,INDEX(Jesper!$R$2:$R$366,ROW(INDEX(Jesper!AH$2:AH$366,ROUNDDOWN($C7526/24,0)+1,1))-1)+IF('Standard Profiles'!$G$18=$B$10,7,0)+IF('Standard Profiles'!$G$18=$B$17,14,0)+IF('Standard Profiles'!$G$18=$B$24,21,0),0)),0)</f>
        <v>5.9518864476641804</v>
      </c>
      <c r="E7526" cm="1">
        <f t="array" ref="E7526">IFERROR(INDEX(Jesper!AI$2:AI$366,ROUNDDOWN($C7526/24,0)+1,1)*INDEX($D$3:$AA$30,INDEX(Jesper!$R$2:$R$366,ROW(INDEX(Jesper!AI$2:AI$366,ROUNDDOWN($C7526/24,0)+1,1))-1)+IF('Standard Profiles'!$G$19=$B$10,7,0)+IF('Standard Profiles'!$G$19=$B$17,14,0)+IF('Standard Profiles'!$G$19=$B$24,21,0),MOD($C7526,24)+1)/SUM(INDEX($D$3:$AA$30,INDEX(Jesper!$R$2:$R$366,ROW(INDEX(Jesper!AI$2:AI$366,ROUNDDOWN($C7526/24,0)+1,1))-1)+IF('Standard Profiles'!$G$19=$B$10,7,0)+IF('Standard Profiles'!$G$19=$B$17,14,0)+IF('Standard Profiles'!$G$19=$B$24,21,0),0)),0)</f>
        <v>5.9848550905978373</v>
      </c>
      <c r="F7526" cm="1">
        <f t="array" ref="F7526">IFERROR(INDEX(Jesper!AJ$2:AJ$366,ROUNDDOWN($C7526/24,0)+1,1)*INDEX($D$3:$AA$30,INDEX(Jesper!$R$2:$R$366,ROW(INDEX(Jesper!AJ$2:AJ$366,ROUNDDOWN($C7526/24,0)+1,1))-1)+IF('Standard Profiles'!$G$20=$B$10,7,0)+IF('Standard Profiles'!$G$20=$B$17,14,0)+IF('Standard Profiles'!$G$20=$B$24,21,0),MOD($C7526,24)+1)/SUM(INDEX($D$3:$AA$30,INDEX(Jesper!$R$2:$R$366,ROW(INDEX(Jesper!AJ$2:AJ$366,ROUNDDOWN($C7526/24,0)+1,1))-1)+IF('Standard Profiles'!$G$20=$B$10,7,0)+IF('Standard Profiles'!$G$20=$B$17,14,0)+IF('Standard Profiles'!$G$20=$B$24,21,0),0)),0)</f>
        <v>0</v>
      </c>
      <c r="G7526" cm="1">
        <f t="array" ref="G7526">IFERROR(INDEX(Jesper!AK$2:AK$366,ROUNDDOWN($C7526/24,0)+1,1)*INDEX($D$3:$AA$30,INDEX(Jesper!$R$2:$R$366,ROW(INDEX(Jesper!AK$2:AK$366,ROUNDDOWN($C7526/24,0)+1,1))-1)+IF('Standard Profiles'!$G$21=$B$10,7,0)+IF('Standard Profiles'!$G$21=$B$17,14,0)+IF('Standard Profiles'!$G$21=$B$24,21,0),MOD($C7526,24)+1)/SUM(INDEX($D$3:$AA$30,INDEX(Jesper!$R$2:$R$366,ROW(INDEX(Jesper!AK$2:AK$366,ROUNDDOWN($C7526/24,0)+1,1))-1)+IF('Standard Profiles'!$G$21=$B$10,7,0)+IF('Standard Profiles'!$G$21=$B$17,14,0)+IF('Standard Profiles'!$G$21=$B$24,21,0),0)),0)</f>
        <v>5.8229028492299868</v>
      </c>
      <c r="H7526" cm="1">
        <f t="array" ref="H7526">IFERROR(INDEX(Jesper!AL$2:AL$366,ROUNDDOWN($C7526/24,0)+1,1)*INDEX($D$3:$AA$30,INDEX(Jesper!$R$2:$R$366,ROW(INDEX(Jesper!AL$2:AL$366,ROUNDDOWN($C7526/24,0)+1,1))-1)+IF('Standard Profiles'!$G$22=$B$10,7,0)+IF('Standard Profiles'!$G$22=$B$17,14,0)+IF('Standard Profiles'!$G$22=$B$24,21,0),MOD($C7526,24)+1)/SUM(INDEX($D$3:$AA$30,INDEX(Jesper!$R$2:$R$366,ROW(INDEX(Jesper!AL$2:AL$366,ROUNDDOWN($C7526/24,0)+1,1))-1)+IF('Standard Profiles'!$G$22=$B$10,7,0)+IF('Standard Profiles'!$G$22=$B$17,14,0)+IF('Standard Profiles'!$G$22=$B$24,21,0),0)),0)</f>
        <v>0</v>
      </c>
      <c r="I7526">
        <f t="shared" si="839"/>
        <v>2.7949933676303922</v>
      </c>
      <c r="J7526">
        <f t="shared" si="840"/>
        <v>14.012349188235342</v>
      </c>
      <c r="K7526">
        <f t="shared" si="841"/>
        <v>0.63486788775084591</v>
      </c>
      <c r="L7526">
        <f t="shared" si="842"/>
        <v>0.31743394387542295</v>
      </c>
      <c r="M7526">
        <f t="shared" si="843"/>
        <v>0</v>
      </c>
      <c r="N7526" s="45">
        <f t="shared" si="844"/>
        <v>45239.166666648496</v>
      </c>
    </row>
    <row r="7527" spans="2:14" x14ac:dyDescent="0.25">
      <c r="B7527">
        <f t="shared" si="838"/>
        <v>4</v>
      </c>
      <c r="C7527" s="16">
        <v>7493</v>
      </c>
      <c r="D7527" cm="1">
        <f t="array" ref="D7527">IFERROR(INDEX(Jesper!AH$2:AH$366,ROUNDDOWN($C7527/24,0)+1,1)*INDEX($D$3:$AA$30,INDEX(Jesper!$R$2:$R$366,ROW(INDEX(Jesper!AH$2:AH$366,ROUNDDOWN($C7527/24,0)+1,1))-1)+IF('Standard Profiles'!$G$18=$B$10,7,0)+IF('Standard Profiles'!$G$18=$B$17,14,0)+IF('Standard Profiles'!$G$18=$B$24,21,0),MOD($C7527,24)+1)/SUM(INDEX($D$3:$AA$30,INDEX(Jesper!$R$2:$R$366,ROW(INDEX(Jesper!AH$2:AH$366,ROUNDDOWN($C7527/24,0)+1,1))-1)+IF('Standard Profiles'!$G$18=$B$10,7,0)+IF('Standard Profiles'!$G$18=$B$17,14,0)+IF('Standard Profiles'!$G$18=$B$24,21,0),0)),0)</f>
        <v>5.9518864476641804</v>
      </c>
      <c r="E7527" cm="1">
        <f t="array" ref="E7527">IFERROR(INDEX(Jesper!AI$2:AI$366,ROUNDDOWN($C7527/24,0)+1,1)*INDEX($D$3:$AA$30,INDEX(Jesper!$R$2:$R$366,ROW(INDEX(Jesper!AI$2:AI$366,ROUNDDOWN($C7527/24,0)+1,1))-1)+IF('Standard Profiles'!$G$19=$B$10,7,0)+IF('Standard Profiles'!$G$19=$B$17,14,0)+IF('Standard Profiles'!$G$19=$B$24,21,0),MOD($C7527,24)+1)/SUM(INDEX($D$3:$AA$30,INDEX(Jesper!$R$2:$R$366,ROW(INDEX(Jesper!AI$2:AI$366,ROUNDDOWN($C7527/24,0)+1,1))-1)+IF('Standard Profiles'!$G$19=$B$10,7,0)+IF('Standard Profiles'!$G$19=$B$17,14,0)+IF('Standard Profiles'!$G$19=$B$24,21,0),0)),0)</f>
        <v>5.9848550905978373</v>
      </c>
      <c r="F7527" cm="1">
        <f t="array" ref="F7527">IFERROR(INDEX(Jesper!AJ$2:AJ$366,ROUNDDOWN($C7527/24,0)+1,1)*INDEX($D$3:$AA$30,INDEX(Jesper!$R$2:$R$366,ROW(INDEX(Jesper!AJ$2:AJ$366,ROUNDDOWN($C7527/24,0)+1,1))-1)+IF('Standard Profiles'!$G$20=$B$10,7,0)+IF('Standard Profiles'!$G$20=$B$17,14,0)+IF('Standard Profiles'!$G$20=$B$24,21,0),MOD($C7527,24)+1)/SUM(INDEX($D$3:$AA$30,INDEX(Jesper!$R$2:$R$366,ROW(INDEX(Jesper!AJ$2:AJ$366,ROUNDDOWN($C7527/24,0)+1,1))-1)+IF('Standard Profiles'!$G$20=$B$10,7,0)+IF('Standard Profiles'!$G$20=$B$17,14,0)+IF('Standard Profiles'!$G$20=$B$24,21,0),0)),0)</f>
        <v>0</v>
      </c>
      <c r="G7527" cm="1">
        <f t="array" ref="G7527">IFERROR(INDEX(Jesper!AK$2:AK$366,ROUNDDOWN($C7527/24,0)+1,1)*INDEX($D$3:$AA$30,INDEX(Jesper!$R$2:$R$366,ROW(INDEX(Jesper!AK$2:AK$366,ROUNDDOWN($C7527/24,0)+1,1))-1)+IF('Standard Profiles'!$G$21=$B$10,7,0)+IF('Standard Profiles'!$G$21=$B$17,14,0)+IF('Standard Profiles'!$G$21=$B$24,21,0),MOD($C7527,24)+1)/SUM(INDEX($D$3:$AA$30,INDEX(Jesper!$R$2:$R$366,ROW(INDEX(Jesper!AK$2:AK$366,ROUNDDOWN($C7527/24,0)+1,1))-1)+IF('Standard Profiles'!$G$21=$B$10,7,0)+IF('Standard Profiles'!$G$21=$B$17,14,0)+IF('Standard Profiles'!$G$21=$B$24,21,0),0)),0)</f>
        <v>5.8229028492299868</v>
      </c>
      <c r="H7527" cm="1">
        <f t="array" ref="H7527">IFERROR(INDEX(Jesper!AL$2:AL$366,ROUNDDOWN($C7527/24,0)+1,1)*INDEX($D$3:$AA$30,INDEX(Jesper!$R$2:$R$366,ROW(INDEX(Jesper!AL$2:AL$366,ROUNDDOWN($C7527/24,0)+1,1))-1)+IF('Standard Profiles'!$G$22=$B$10,7,0)+IF('Standard Profiles'!$G$22=$B$17,14,0)+IF('Standard Profiles'!$G$22=$B$24,21,0),MOD($C7527,24)+1)/SUM(INDEX($D$3:$AA$30,INDEX(Jesper!$R$2:$R$366,ROW(INDEX(Jesper!AL$2:AL$366,ROUNDDOWN($C7527/24,0)+1,1))-1)+IF('Standard Profiles'!$G$22=$B$10,7,0)+IF('Standard Profiles'!$G$22=$B$17,14,0)+IF('Standard Profiles'!$G$22=$B$24,21,0),0)),0)</f>
        <v>0</v>
      </c>
      <c r="I7527">
        <f t="shared" si="839"/>
        <v>2.7949933676303922</v>
      </c>
      <c r="J7527">
        <f t="shared" si="840"/>
        <v>14.012349188235342</v>
      </c>
      <c r="K7527">
        <f t="shared" si="841"/>
        <v>0.63486788775084591</v>
      </c>
      <c r="L7527">
        <f t="shared" si="842"/>
        <v>0.31743394387542295</v>
      </c>
      <c r="M7527">
        <f t="shared" si="843"/>
        <v>0</v>
      </c>
      <c r="N7527" s="45">
        <f t="shared" si="844"/>
        <v>45239.20833331516</v>
      </c>
    </row>
    <row r="7528" spans="2:14" x14ac:dyDescent="0.25">
      <c r="B7528">
        <f t="shared" si="838"/>
        <v>4</v>
      </c>
      <c r="C7528" s="16">
        <v>7494</v>
      </c>
      <c r="D7528" cm="1">
        <f t="array" ref="D7528">IFERROR(INDEX(Jesper!AH$2:AH$366,ROUNDDOWN($C7528/24,0)+1,1)*INDEX($D$3:$AA$30,INDEX(Jesper!$R$2:$R$366,ROW(INDEX(Jesper!AH$2:AH$366,ROUNDDOWN($C7528/24,0)+1,1))-1)+IF('Standard Profiles'!$G$18=$B$10,7,0)+IF('Standard Profiles'!$G$18=$B$17,14,0)+IF('Standard Profiles'!$G$18=$B$24,21,0),MOD($C7528,24)+1)/SUM(INDEX($D$3:$AA$30,INDEX(Jesper!$R$2:$R$366,ROW(INDEX(Jesper!AH$2:AH$366,ROUNDDOWN($C7528/24,0)+1,1))-1)+IF('Standard Profiles'!$G$18=$B$10,7,0)+IF('Standard Profiles'!$G$18=$B$17,14,0)+IF('Standard Profiles'!$G$18=$B$24,21,0),0)),0)</f>
        <v>5.9518864476641804</v>
      </c>
      <c r="E7528" cm="1">
        <f t="array" ref="E7528">IFERROR(INDEX(Jesper!AI$2:AI$366,ROUNDDOWN($C7528/24,0)+1,1)*INDEX($D$3:$AA$30,INDEX(Jesper!$R$2:$R$366,ROW(INDEX(Jesper!AI$2:AI$366,ROUNDDOWN($C7528/24,0)+1,1))-1)+IF('Standard Profiles'!$G$19=$B$10,7,0)+IF('Standard Profiles'!$G$19=$B$17,14,0)+IF('Standard Profiles'!$G$19=$B$24,21,0),MOD($C7528,24)+1)/SUM(INDEX($D$3:$AA$30,INDEX(Jesper!$R$2:$R$366,ROW(INDEX(Jesper!AI$2:AI$366,ROUNDDOWN($C7528/24,0)+1,1))-1)+IF('Standard Profiles'!$G$19=$B$10,7,0)+IF('Standard Profiles'!$G$19=$B$17,14,0)+IF('Standard Profiles'!$G$19=$B$24,21,0),0)),0)</f>
        <v>5.9848550905978373</v>
      </c>
      <c r="F7528" cm="1">
        <f t="array" ref="F7528">IFERROR(INDEX(Jesper!AJ$2:AJ$366,ROUNDDOWN($C7528/24,0)+1,1)*INDEX($D$3:$AA$30,INDEX(Jesper!$R$2:$R$366,ROW(INDEX(Jesper!AJ$2:AJ$366,ROUNDDOWN($C7528/24,0)+1,1))-1)+IF('Standard Profiles'!$G$20=$B$10,7,0)+IF('Standard Profiles'!$G$20=$B$17,14,0)+IF('Standard Profiles'!$G$20=$B$24,21,0),MOD($C7528,24)+1)/SUM(INDEX($D$3:$AA$30,INDEX(Jesper!$R$2:$R$366,ROW(INDEX(Jesper!AJ$2:AJ$366,ROUNDDOWN($C7528/24,0)+1,1))-1)+IF('Standard Profiles'!$G$20=$B$10,7,0)+IF('Standard Profiles'!$G$20=$B$17,14,0)+IF('Standard Profiles'!$G$20=$B$24,21,0),0)),0)</f>
        <v>0</v>
      </c>
      <c r="G7528" cm="1">
        <f t="array" ref="G7528">IFERROR(INDEX(Jesper!AK$2:AK$366,ROUNDDOWN($C7528/24,0)+1,1)*INDEX($D$3:$AA$30,INDEX(Jesper!$R$2:$R$366,ROW(INDEX(Jesper!AK$2:AK$366,ROUNDDOWN($C7528/24,0)+1,1))-1)+IF('Standard Profiles'!$G$21=$B$10,7,0)+IF('Standard Profiles'!$G$21=$B$17,14,0)+IF('Standard Profiles'!$G$21=$B$24,21,0),MOD($C7528,24)+1)/SUM(INDEX($D$3:$AA$30,INDEX(Jesper!$R$2:$R$366,ROW(INDEX(Jesper!AK$2:AK$366,ROUNDDOWN($C7528/24,0)+1,1))-1)+IF('Standard Profiles'!$G$21=$B$10,7,0)+IF('Standard Profiles'!$G$21=$B$17,14,0)+IF('Standard Profiles'!$G$21=$B$24,21,0),0)),0)</f>
        <v>5.8229028492299868</v>
      </c>
      <c r="H7528" cm="1">
        <f t="array" ref="H7528">IFERROR(INDEX(Jesper!AL$2:AL$366,ROUNDDOWN($C7528/24,0)+1,1)*INDEX($D$3:$AA$30,INDEX(Jesper!$R$2:$R$366,ROW(INDEX(Jesper!AL$2:AL$366,ROUNDDOWN($C7528/24,0)+1,1))-1)+IF('Standard Profiles'!$G$22=$B$10,7,0)+IF('Standard Profiles'!$G$22=$B$17,14,0)+IF('Standard Profiles'!$G$22=$B$24,21,0),MOD($C7528,24)+1)/SUM(INDEX($D$3:$AA$30,INDEX(Jesper!$R$2:$R$366,ROW(INDEX(Jesper!AL$2:AL$366,ROUNDDOWN($C7528/24,0)+1,1))-1)+IF('Standard Profiles'!$G$22=$B$10,7,0)+IF('Standard Profiles'!$G$22=$B$17,14,0)+IF('Standard Profiles'!$G$22=$B$24,21,0),0)),0)</f>
        <v>0</v>
      </c>
      <c r="I7528">
        <f t="shared" si="839"/>
        <v>2.7949933676303922</v>
      </c>
      <c r="J7528">
        <f t="shared" si="840"/>
        <v>14.012349188235342</v>
      </c>
      <c r="K7528">
        <f t="shared" si="841"/>
        <v>0.63486788775084591</v>
      </c>
      <c r="L7528">
        <f t="shared" si="842"/>
        <v>0.31743394387542295</v>
      </c>
      <c r="M7528">
        <f t="shared" si="843"/>
        <v>0</v>
      </c>
      <c r="N7528" s="45">
        <f t="shared" si="844"/>
        <v>45239.249999981825</v>
      </c>
    </row>
    <row r="7529" spans="2:14" x14ac:dyDescent="0.25">
      <c r="B7529">
        <f t="shared" si="838"/>
        <v>4</v>
      </c>
      <c r="C7529" s="16">
        <v>7495</v>
      </c>
      <c r="D7529" cm="1">
        <f t="array" ref="D7529">IFERROR(INDEX(Jesper!AH$2:AH$366,ROUNDDOWN($C7529/24,0)+1,1)*INDEX($D$3:$AA$30,INDEX(Jesper!$R$2:$R$366,ROW(INDEX(Jesper!AH$2:AH$366,ROUNDDOWN($C7529/24,0)+1,1))-1)+IF('Standard Profiles'!$G$18=$B$10,7,0)+IF('Standard Profiles'!$G$18=$B$17,14,0)+IF('Standard Profiles'!$G$18=$B$24,21,0),MOD($C7529,24)+1)/SUM(INDEX($D$3:$AA$30,INDEX(Jesper!$R$2:$R$366,ROW(INDEX(Jesper!AH$2:AH$366,ROUNDDOWN($C7529/24,0)+1,1))-1)+IF('Standard Profiles'!$G$18=$B$10,7,0)+IF('Standard Profiles'!$G$18=$B$17,14,0)+IF('Standard Profiles'!$G$18=$B$24,21,0),0)),0)</f>
        <v>24.330590357269632</v>
      </c>
      <c r="E7529" cm="1">
        <f t="array" ref="E7529">IFERROR(INDEX(Jesper!AI$2:AI$366,ROUNDDOWN($C7529/24,0)+1,1)*INDEX($D$3:$AA$30,INDEX(Jesper!$R$2:$R$366,ROW(INDEX(Jesper!AI$2:AI$366,ROUNDDOWN($C7529/24,0)+1,1))-1)+IF('Standard Profiles'!$G$19=$B$10,7,0)+IF('Standard Profiles'!$G$19=$B$17,14,0)+IF('Standard Profiles'!$G$19=$B$24,21,0),MOD($C7529,24)+1)/SUM(INDEX($D$3:$AA$30,INDEX(Jesper!$R$2:$R$366,ROW(INDEX(Jesper!AI$2:AI$366,ROUNDDOWN($C7529/24,0)+1,1))-1)+IF('Standard Profiles'!$G$19=$B$10,7,0)+IF('Standard Profiles'!$G$19=$B$17,14,0)+IF('Standard Profiles'!$G$19=$B$24,21,0),0)),0)</f>
        <v>24.46536217338328</v>
      </c>
      <c r="F7529" cm="1">
        <f t="array" ref="F7529">IFERROR(INDEX(Jesper!AJ$2:AJ$366,ROUNDDOWN($C7529/24,0)+1,1)*INDEX($D$3:$AA$30,INDEX(Jesper!$R$2:$R$366,ROW(INDEX(Jesper!AJ$2:AJ$366,ROUNDDOWN($C7529/24,0)+1,1))-1)+IF('Standard Profiles'!$G$20=$B$10,7,0)+IF('Standard Profiles'!$G$20=$B$17,14,0)+IF('Standard Profiles'!$G$20=$B$24,21,0),MOD($C7529,24)+1)/SUM(INDEX($D$3:$AA$30,INDEX(Jesper!$R$2:$R$366,ROW(INDEX(Jesper!AJ$2:AJ$366,ROUNDDOWN($C7529/24,0)+1,1))-1)+IF('Standard Profiles'!$G$20=$B$10,7,0)+IF('Standard Profiles'!$G$20=$B$17,14,0)+IF('Standard Profiles'!$G$20=$B$24,21,0),0)),0)</f>
        <v>0</v>
      </c>
      <c r="G7529" cm="1">
        <f t="array" ref="G7529">IFERROR(INDEX(Jesper!AK$2:AK$366,ROUNDDOWN($C7529/24,0)+1,1)*INDEX($D$3:$AA$30,INDEX(Jesper!$R$2:$R$366,ROW(INDEX(Jesper!AK$2:AK$366,ROUNDDOWN($C7529/24,0)+1,1))-1)+IF('Standard Profiles'!$G$21=$B$10,7,0)+IF('Standard Profiles'!$G$21=$B$17,14,0)+IF('Standard Profiles'!$G$21=$B$24,21,0),MOD($C7529,24)+1)/SUM(INDEX($D$3:$AA$30,INDEX(Jesper!$R$2:$R$366,ROW(INDEX(Jesper!AK$2:AK$366,ROUNDDOWN($C7529/24,0)+1,1))-1)+IF('Standard Profiles'!$G$21=$B$10,7,0)+IF('Standard Profiles'!$G$21=$B$17,14,0)+IF('Standard Profiles'!$G$21=$B$24,21,0),0)),0)</f>
        <v>16.042097349628612</v>
      </c>
      <c r="H7529" cm="1">
        <f t="array" ref="H7529">IFERROR(INDEX(Jesper!AL$2:AL$366,ROUNDDOWN($C7529/24,0)+1,1)*INDEX($D$3:$AA$30,INDEX(Jesper!$R$2:$R$366,ROW(INDEX(Jesper!AL$2:AL$366,ROUNDDOWN($C7529/24,0)+1,1))-1)+IF('Standard Profiles'!$G$22=$B$10,7,0)+IF('Standard Profiles'!$G$22=$B$17,14,0)+IF('Standard Profiles'!$G$22=$B$24,21,0),MOD($C7529,24)+1)/SUM(INDEX($D$3:$AA$30,INDEX(Jesper!$R$2:$R$366,ROW(INDEX(Jesper!AL$2:AL$366,ROUNDDOWN($C7529/24,0)+1,1))-1)+IF('Standard Profiles'!$G$22=$B$10,7,0)+IF('Standard Profiles'!$G$22=$B$17,14,0)+IF('Standard Profiles'!$G$22=$B$24,21,0),0)),0)</f>
        <v>0</v>
      </c>
      <c r="I7529">
        <f t="shared" si="839"/>
        <v>7.7002067278217297</v>
      </c>
      <c r="J7529">
        <f t="shared" si="840"/>
        <v>53.244948695296657</v>
      </c>
      <c r="K7529">
        <f t="shared" si="841"/>
        <v>2.5952629714420943</v>
      </c>
      <c r="L7529">
        <f t="shared" si="842"/>
        <v>1.2976314857210471</v>
      </c>
      <c r="M7529">
        <f t="shared" si="843"/>
        <v>0</v>
      </c>
      <c r="N7529" s="45">
        <f t="shared" si="844"/>
        <v>45239.291666648489</v>
      </c>
    </row>
    <row r="7530" spans="2:14" x14ac:dyDescent="0.25">
      <c r="B7530">
        <f t="shared" si="838"/>
        <v>4</v>
      </c>
      <c r="C7530" s="16">
        <v>7496</v>
      </c>
      <c r="D7530" cm="1">
        <f t="array" ref="D7530">IFERROR(INDEX(Jesper!AH$2:AH$366,ROUNDDOWN($C7530/24,0)+1,1)*INDEX($D$3:$AA$30,INDEX(Jesper!$R$2:$R$366,ROW(INDEX(Jesper!AH$2:AH$366,ROUNDDOWN($C7530/24,0)+1,1))-1)+IF('Standard Profiles'!$G$18=$B$10,7,0)+IF('Standard Profiles'!$G$18=$B$17,14,0)+IF('Standard Profiles'!$G$18=$B$24,21,0),MOD($C7530,24)+1)/SUM(INDEX($D$3:$AA$30,INDEX(Jesper!$R$2:$R$366,ROW(INDEX(Jesper!AH$2:AH$366,ROUNDDOWN($C7530/24,0)+1,1))-1)+IF('Standard Profiles'!$G$18=$B$10,7,0)+IF('Standard Profiles'!$G$18=$B$17,14,0)+IF('Standard Profiles'!$G$18=$B$24,21,0),0)),0)</f>
        <v>27.147816609164014</v>
      </c>
      <c r="E7530" cm="1">
        <f t="array" ref="E7530">IFERROR(INDEX(Jesper!AI$2:AI$366,ROUNDDOWN($C7530/24,0)+1,1)*INDEX($D$3:$AA$30,INDEX(Jesper!$R$2:$R$366,ROW(INDEX(Jesper!AI$2:AI$366,ROUNDDOWN($C7530/24,0)+1,1))-1)+IF('Standard Profiles'!$G$19=$B$10,7,0)+IF('Standard Profiles'!$G$19=$B$17,14,0)+IF('Standard Profiles'!$G$19=$B$24,21,0),MOD($C7530,24)+1)/SUM(INDEX($D$3:$AA$30,INDEX(Jesper!$R$2:$R$366,ROW(INDEX(Jesper!AI$2:AI$366,ROUNDDOWN($C7530/24,0)+1,1))-1)+IF('Standard Profiles'!$G$19=$B$10,7,0)+IF('Standard Profiles'!$G$19=$B$17,14,0)+IF('Standard Profiles'!$G$19=$B$24,21,0),0)),0)</f>
        <v>27.298193582932921</v>
      </c>
      <c r="F7530" cm="1">
        <f t="array" ref="F7530">IFERROR(INDEX(Jesper!AJ$2:AJ$366,ROUNDDOWN($C7530/24,0)+1,1)*INDEX($D$3:$AA$30,INDEX(Jesper!$R$2:$R$366,ROW(INDEX(Jesper!AJ$2:AJ$366,ROUNDDOWN($C7530/24,0)+1,1))-1)+IF('Standard Profiles'!$G$20=$B$10,7,0)+IF('Standard Profiles'!$G$20=$B$17,14,0)+IF('Standard Profiles'!$G$20=$B$24,21,0),MOD($C7530,24)+1)/SUM(INDEX($D$3:$AA$30,INDEX(Jesper!$R$2:$R$366,ROW(INDEX(Jesper!AJ$2:AJ$366,ROUNDDOWN($C7530/24,0)+1,1))-1)+IF('Standard Profiles'!$G$20=$B$10,7,0)+IF('Standard Profiles'!$G$20=$B$17,14,0)+IF('Standard Profiles'!$G$20=$B$24,21,0),0)),0)</f>
        <v>0</v>
      </c>
      <c r="G7530" cm="1">
        <f t="array" ref="G7530">IFERROR(INDEX(Jesper!AK$2:AK$366,ROUNDDOWN($C7530/24,0)+1,1)*INDEX($D$3:$AA$30,INDEX(Jesper!$R$2:$R$366,ROW(INDEX(Jesper!AK$2:AK$366,ROUNDDOWN($C7530/24,0)+1,1))-1)+IF('Standard Profiles'!$G$21=$B$10,7,0)+IF('Standard Profiles'!$G$21=$B$17,14,0)+IF('Standard Profiles'!$G$21=$B$24,21,0),MOD($C7530,24)+1)/SUM(INDEX($D$3:$AA$30,INDEX(Jesper!$R$2:$R$366,ROW(INDEX(Jesper!AK$2:AK$366,ROUNDDOWN($C7530/24,0)+1,1))-1)+IF('Standard Profiles'!$G$21=$B$10,7,0)+IF('Standard Profiles'!$G$21=$B$17,14,0)+IF('Standard Profiles'!$G$21=$B$24,21,0),0)),0)</f>
        <v>17.899603358532978</v>
      </c>
      <c r="H7530" cm="1">
        <f t="array" ref="H7530">IFERROR(INDEX(Jesper!AL$2:AL$366,ROUNDDOWN($C7530/24,0)+1,1)*INDEX($D$3:$AA$30,INDEX(Jesper!$R$2:$R$366,ROW(INDEX(Jesper!AL$2:AL$366,ROUNDDOWN($C7530/24,0)+1,1))-1)+IF('Standard Profiles'!$G$22=$B$10,7,0)+IF('Standard Profiles'!$G$22=$B$17,14,0)+IF('Standard Profiles'!$G$22=$B$24,21,0),MOD($C7530,24)+1)/SUM(INDEX($D$3:$AA$30,INDEX(Jesper!$R$2:$R$366,ROW(INDEX(Jesper!AL$2:AL$366,ROUNDDOWN($C7530/24,0)+1,1))-1)+IF('Standard Profiles'!$G$22=$B$10,7,0)+IF('Standard Profiles'!$G$22=$B$17,14,0)+IF('Standard Profiles'!$G$22=$B$24,21,0),0)),0)</f>
        <v>0</v>
      </c>
      <c r="I7530">
        <f t="shared" si="839"/>
        <v>8.5918096120958261</v>
      </c>
      <c r="J7530">
        <f t="shared" si="840"/>
        <v>59.410153281067849</v>
      </c>
      <c r="K7530">
        <f t="shared" si="841"/>
        <v>2.8957671049774949</v>
      </c>
      <c r="L7530">
        <f t="shared" si="842"/>
        <v>1.4478835524887474</v>
      </c>
      <c r="M7530">
        <f t="shared" si="843"/>
        <v>0</v>
      </c>
      <c r="N7530" s="45">
        <f t="shared" si="844"/>
        <v>45239.333333315153</v>
      </c>
    </row>
    <row r="7531" spans="2:14" x14ac:dyDescent="0.25">
      <c r="B7531">
        <f t="shared" si="838"/>
        <v>4</v>
      </c>
      <c r="C7531" s="16">
        <v>7497</v>
      </c>
      <c r="D7531" cm="1">
        <f t="array" ref="D7531">IFERROR(INDEX(Jesper!AH$2:AH$366,ROUNDDOWN($C7531/24,0)+1,1)*INDEX($D$3:$AA$30,INDEX(Jesper!$R$2:$R$366,ROW(INDEX(Jesper!AH$2:AH$366,ROUNDDOWN($C7531/24,0)+1,1))-1)+IF('Standard Profiles'!$G$18=$B$10,7,0)+IF('Standard Profiles'!$G$18=$B$17,14,0)+IF('Standard Profiles'!$G$18=$B$24,21,0),MOD($C7531,24)+1)/SUM(INDEX($D$3:$AA$30,INDEX(Jesper!$R$2:$R$366,ROW(INDEX(Jesper!AH$2:AH$366,ROUNDDOWN($C7531/24,0)+1,1))-1)+IF('Standard Profiles'!$G$18=$B$10,7,0)+IF('Standard Profiles'!$G$18=$B$17,14,0)+IF('Standard Profiles'!$G$18=$B$24,21,0),0)),0)</f>
        <v>29.965042861058393</v>
      </c>
      <c r="E7531" cm="1">
        <f t="array" ref="E7531">IFERROR(INDEX(Jesper!AI$2:AI$366,ROUNDDOWN($C7531/24,0)+1,1)*INDEX($D$3:$AA$30,INDEX(Jesper!$R$2:$R$366,ROW(INDEX(Jesper!AI$2:AI$366,ROUNDDOWN($C7531/24,0)+1,1))-1)+IF('Standard Profiles'!$G$19=$B$10,7,0)+IF('Standard Profiles'!$G$19=$B$17,14,0)+IF('Standard Profiles'!$G$19=$B$24,21,0),MOD($C7531,24)+1)/SUM(INDEX($D$3:$AA$30,INDEX(Jesper!$R$2:$R$366,ROW(INDEX(Jesper!AI$2:AI$366,ROUNDDOWN($C7531/24,0)+1,1))-1)+IF('Standard Profiles'!$G$19=$B$10,7,0)+IF('Standard Profiles'!$G$19=$B$17,14,0)+IF('Standard Profiles'!$G$19=$B$24,21,0),0)),0)</f>
        <v>30.131024992482565</v>
      </c>
      <c r="F7531" cm="1">
        <f t="array" ref="F7531">IFERROR(INDEX(Jesper!AJ$2:AJ$366,ROUNDDOWN($C7531/24,0)+1,1)*INDEX($D$3:$AA$30,INDEX(Jesper!$R$2:$R$366,ROW(INDEX(Jesper!AJ$2:AJ$366,ROUNDDOWN($C7531/24,0)+1,1))-1)+IF('Standard Profiles'!$G$20=$B$10,7,0)+IF('Standard Profiles'!$G$20=$B$17,14,0)+IF('Standard Profiles'!$G$20=$B$24,21,0),MOD($C7531,24)+1)/SUM(INDEX($D$3:$AA$30,INDEX(Jesper!$R$2:$R$366,ROW(INDEX(Jesper!AJ$2:AJ$366,ROUNDDOWN($C7531/24,0)+1,1))-1)+IF('Standard Profiles'!$G$20=$B$10,7,0)+IF('Standard Profiles'!$G$20=$B$17,14,0)+IF('Standard Profiles'!$G$20=$B$24,21,0),0)),0)</f>
        <v>0</v>
      </c>
      <c r="G7531" cm="1">
        <f t="array" ref="G7531">IFERROR(INDEX(Jesper!AK$2:AK$366,ROUNDDOWN($C7531/24,0)+1,1)*INDEX($D$3:$AA$30,INDEX(Jesper!$R$2:$R$366,ROW(INDEX(Jesper!AK$2:AK$366,ROUNDDOWN($C7531/24,0)+1,1))-1)+IF('Standard Profiles'!$G$21=$B$10,7,0)+IF('Standard Profiles'!$G$21=$B$17,14,0)+IF('Standard Profiles'!$G$21=$B$24,21,0),MOD($C7531,24)+1)/SUM(INDEX($D$3:$AA$30,INDEX(Jesper!$R$2:$R$366,ROW(INDEX(Jesper!AK$2:AK$366,ROUNDDOWN($C7531/24,0)+1,1))-1)+IF('Standard Profiles'!$G$21=$B$10,7,0)+IF('Standard Profiles'!$G$21=$B$17,14,0)+IF('Standard Profiles'!$G$21=$B$24,21,0),0)),0)</f>
        <v>19.757109367437341</v>
      </c>
      <c r="H7531" cm="1">
        <f t="array" ref="H7531">IFERROR(INDEX(Jesper!AL$2:AL$366,ROUNDDOWN($C7531/24,0)+1,1)*INDEX($D$3:$AA$30,INDEX(Jesper!$R$2:$R$366,ROW(INDEX(Jesper!AL$2:AL$366,ROUNDDOWN($C7531/24,0)+1,1))-1)+IF('Standard Profiles'!$G$22=$B$10,7,0)+IF('Standard Profiles'!$G$22=$B$17,14,0)+IF('Standard Profiles'!$G$22=$B$24,21,0),MOD($C7531,24)+1)/SUM(INDEX($D$3:$AA$30,INDEX(Jesper!$R$2:$R$366,ROW(INDEX(Jesper!AL$2:AL$366,ROUNDDOWN($C7531/24,0)+1,1))-1)+IF('Standard Profiles'!$G$22=$B$10,7,0)+IF('Standard Profiles'!$G$22=$B$17,14,0)+IF('Standard Profiles'!$G$22=$B$24,21,0),0)),0)</f>
        <v>0</v>
      </c>
      <c r="I7531">
        <f t="shared" si="839"/>
        <v>9.4834124963699189</v>
      </c>
      <c r="J7531">
        <f t="shared" si="840"/>
        <v>65.575357866839028</v>
      </c>
      <c r="K7531">
        <f t="shared" si="841"/>
        <v>3.1962712385128955</v>
      </c>
      <c r="L7531">
        <f t="shared" si="842"/>
        <v>1.5981356192564478</v>
      </c>
      <c r="M7531">
        <f t="shared" si="843"/>
        <v>0</v>
      </c>
      <c r="N7531" s="45">
        <f t="shared" si="844"/>
        <v>45239.374999981817</v>
      </c>
    </row>
    <row r="7532" spans="2:14" x14ac:dyDescent="0.25">
      <c r="B7532">
        <f t="shared" si="838"/>
        <v>4</v>
      </c>
      <c r="C7532" s="16">
        <v>7498</v>
      </c>
      <c r="D7532" cm="1">
        <f t="array" ref="D7532">IFERROR(INDEX(Jesper!AH$2:AH$366,ROUNDDOWN($C7532/24,0)+1,1)*INDEX($D$3:$AA$30,INDEX(Jesper!$R$2:$R$366,ROW(INDEX(Jesper!AH$2:AH$366,ROUNDDOWN($C7532/24,0)+1,1))-1)+IF('Standard Profiles'!$G$18=$B$10,7,0)+IF('Standard Profiles'!$G$18=$B$17,14,0)+IF('Standard Profiles'!$G$18=$B$24,21,0),MOD($C7532,24)+1)/SUM(INDEX($D$3:$AA$30,INDEX(Jesper!$R$2:$R$366,ROW(INDEX(Jesper!AH$2:AH$366,ROUNDDOWN($C7532/24,0)+1,1))-1)+IF('Standard Profiles'!$G$18=$B$10,7,0)+IF('Standard Profiles'!$G$18=$B$17,14,0)+IF('Standard Profiles'!$G$18=$B$24,21,0),0)),0)</f>
        <v>29.965042861058393</v>
      </c>
      <c r="E7532" cm="1">
        <f t="array" ref="E7532">IFERROR(INDEX(Jesper!AI$2:AI$366,ROUNDDOWN($C7532/24,0)+1,1)*INDEX($D$3:$AA$30,INDEX(Jesper!$R$2:$R$366,ROW(INDEX(Jesper!AI$2:AI$366,ROUNDDOWN($C7532/24,0)+1,1))-1)+IF('Standard Profiles'!$G$19=$B$10,7,0)+IF('Standard Profiles'!$G$19=$B$17,14,0)+IF('Standard Profiles'!$G$19=$B$24,21,0),MOD($C7532,24)+1)/SUM(INDEX($D$3:$AA$30,INDEX(Jesper!$R$2:$R$366,ROW(INDEX(Jesper!AI$2:AI$366,ROUNDDOWN($C7532/24,0)+1,1))-1)+IF('Standard Profiles'!$G$19=$B$10,7,0)+IF('Standard Profiles'!$G$19=$B$17,14,0)+IF('Standard Profiles'!$G$19=$B$24,21,0),0)),0)</f>
        <v>30.131024992482565</v>
      </c>
      <c r="F7532" cm="1">
        <f t="array" ref="F7532">IFERROR(INDEX(Jesper!AJ$2:AJ$366,ROUNDDOWN($C7532/24,0)+1,1)*INDEX($D$3:$AA$30,INDEX(Jesper!$R$2:$R$366,ROW(INDEX(Jesper!AJ$2:AJ$366,ROUNDDOWN($C7532/24,0)+1,1))-1)+IF('Standard Profiles'!$G$20=$B$10,7,0)+IF('Standard Profiles'!$G$20=$B$17,14,0)+IF('Standard Profiles'!$G$20=$B$24,21,0),MOD($C7532,24)+1)/SUM(INDEX($D$3:$AA$30,INDEX(Jesper!$R$2:$R$366,ROW(INDEX(Jesper!AJ$2:AJ$366,ROUNDDOWN($C7532/24,0)+1,1))-1)+IF('Standard Profiles'!$G$20=$B$10,7,0)+IF('Standard Profiles'!$G$20=$B$17,14,0)+IF('Standard Profiles'!$G$20=$B$24,21,0),0)),0)</f>
        <v>0</v>
      </c>
      <c r="G7532" cm="1">
        <f t="array" ref="G7532">IFERROR(INDEX(Jesper!AK$2:AK$366,ROUNDDOWN($C7532/24,0)+1,1)*INDEX($D$3:$AA$30,INDEX(Jesper!$R$2:$R$366,ROW(INDEX(Jesper!AK$2:AK$366,ROUNDDOWN($C7532/24,0)+1,1))-1)+IF('Standard Profiles'!$G$21=$B$10,7,0)+IF('Standard Profiles'!$G$21=$B$17,14,0)+IF('Standard Profiles'!$G$21=$B$24,21,0),MOD($C7532,24)+1)/SUM(INDEX($D$3:$AA$30,INDEX(Jesper!$R$2:$R$366,ROW(INDEX(Jesper!AK$2:AK$366,ROUNDDOWN($C7532/24,0)+1,1))-1)+IF('Standard Profiles'!$G$21=$B$10,7,0)+IF('Standard Profiles'!$G$21=$B$17,14,0)+IF('Standard Profiles'!$G$21=$B$24,21,0),0)),0)</f>
        <v>19.757109367437341</v>
      </c>
      <c r="H7532" cm="1">
        <f t="array" ref="H7532">IFERROR(INDEX(Jesper!AL$2:AL$366,ROUNDDOWN($C7532/24,0)+1,1)*INDEX($D$3:$AA$30,INDEX(Jesper!$R$2:$R$366,ROW(INDEX(Jesper!AL$2:AL$366,ROUNDDOWN($C7532/24,0)+1,1))-1)+IF('Standard Profiles'!$G$22=$B$10,7,0)+IF('Standard Profiles'!$G$22=$B$17,14,0)+IF('Standard Profiles'!$G$22=$B$24,21,0),MOD($C7532,24)+1)/SUM(INDEX($D$3:$AA$30,INDEX(Jesper!$R$2:$R$366,ROW(INDEX(Jesper!AL$2:AL$366,ROUNDDOWN($C7532/24,0)+1,1))-1)+IF('Standard Profiles'!$G$22=$B$10,7,0)+IF('Standard Profiles'!$G$22=$B$17,14,0)+IF('Standard Profiles'!$G$22=$B$24,21,0),0)),0)</f>
        <v>0</v>
      </c>
      <c r="I7532">
        <f t="shared" si="839"/>
        <v>9.4834124963699189</v>
      </c>
      <c r="J7532">
        <f t="shared" si="840"/>
        <v>65.575357866839028</v>
      </c>
      <c r="K7532">
        <f t="shared" si="841"/>
        <v>3.1962712385128955</v>
      </c>
      <c r="L7532">
        <f t="shared" si="842"/>
        <v>1.5981356192564478</v>
      </c>
      <c r="M7532">
        <f t="shared" si="843"/>
        <v>0</v>
      </c>
      <c r="N7532" s="45">
        <f t="shared" si="844"/>
        <v>45239.416666648482</v>
      </c>
    </row>
    <row r="7533" spans="2:14" x14ac:dyDescent="0.25">
      <c r="B7533">
        <f t="shared" si="838"/>
        <v>4</v>
      </c>
      <c r="C7533" s="16">
        <v>7499</v>
      </c>
      <c r="D7533" cm="1">
        <f t="array" ref="D7533">IFERROR(INDEX(Jesper!AH$2:AH$366,ROUNDDOWN($C7533/24,0)+1,1)*INDEX($D$3:$AA$30,INDEX(Jesper!$R$2:$R$366,ROW(INDEX(Jesper!AH$2:AH$366,ROUNDDOWN($C7533/24,0)+1,1))-1)+IF('Standard Profiles'!$G$18=$B$10,7,0)+IF('Standard Profiles'!$G$18=$B$17,14,0)+IF('Standard Profiles'!$G$18=$B$24,21,0),MOD($C7533,24)+1)/SUM(INDEX($D$3:$AA$30,INDEX(Jesper!$R$2:$R$366,ROW(INDEX(Jesper!AH$2:AH$366,ROUNDDOWN($C7533/24,0)+1,1))-1)+IF('Standard Profiles'!$G$18=$B$10,7,0)+IF('Standard Profiles'!$G$18=$B$17,14,0)+IF('Standard Profiles'!$G$18=$B$24,21,0),0)),0)</f>
        <v>35.85560684229209</v>
      </c>
      <c r="E7533" cm="1">
        <f t="array" ref="E7533">IFERROR(INDEX(Jesper!AI$2:AI$366,ROUNDDOWN($C7533/24,0)+1,1)*INDEX($D$3:$AA$30,INDEX(Jesper!$R$2:$R$366,ROW(INDEX(Jesper!AI$2:AI$366,ROUNDDOWN($C7533/24,0)+1,1))-1)+IF('Standard Profiles'!$G$19=$B$10,7,0)+IF('Standard Profiles'!$G$19=$B$17,14,0)+IF('Standard Profiles'!$G$19=$B$24,21,0),MOD($C7533,24)+1)/SUM(INDEX($D$3:$AA$30,INDEX(Jesper!$R$2:$R$366,ROW(INDEX(Jesper!AI$2:AI$366,ROUNDDOWN($C7533/24,0)+1,1))-1)+IF('Standard Profiles'!$G$19=$B$10,7,0)+IF('Standard Profiles'!$G$19=$B$17,14,0)+IF('Standard Profiles'!$G$19=$B$24,21,0),0)),0)</f>
        <v>36.054217939722726</v>
      </c>
      <c r="F7533" cm="1">
        <f t="array" ref="F7533">IFERROR(INDEX(Jesper!AJ$2:AJ$366,ROUNDDOWN($C7533/24,0)+1,1)*INDEX($D$3:$AA$30,INDEX(Jesper!$R$2:$R$366,ROW(INDEX(Jesper!AJ$2:AJ$366,ROUNDDOWN($C7533/24,0)+1,1))-1)+IF('Standard Profiles'!$G$20=$B$10,7,0)+IF('Standard Profiles'!$G$20=$B$17,14,0)+IF('Standard Profiles'!$G$20=$B$24,21,0),MOD($C7533,24)+1)/SUM(INDEX($D$3:$AA$30,INDEX(Jesper!$R$2:$R$366,ROW(INDEX(Jesper!AJ$2:AJ$366,ROUNDDOWN($C7533/24,0)+1,1))-1)+IF('Standard Profiles'!$G$20=$B$10,7,0)+IF('Standard Profiles'!$G$20=$B$17,14,0)+IF('Standard Profiles'!$G$20=$B$24,21,0),0)),0)</f>
        <v>0</v>
      </c>
      <c r="G7533" cm="1">
        <f t="array" ref="G7533">IFERROR(INDEX(Jesper!AK$2:AK$366,ROUNDDOWN($C7533/24,0)+1,1)*INDEX($D$3:$AA$30,INDEX(Jesper!$R$2:$R$366,ROW(INDEX(Jesper!AK$2:AK$366,ROUNDDOWN($C7533/24,0)+1,1))-1)+IF('Standard Profiles'!$G$21=$B$10,7,0)+IF('Standard Profiles'!$G$21=$B$17,14,0)+IF('Standard Profiles'!$G$21=$B$24,21,0),MOD($C7533,24)+1)/SUM(INDEX($D$3:$AA$30,INDEX(Jesper!$R$2:$R$366,ROW(INDEX(Jesper!AK$2:AK$366,ROUNDDOWN($C7533/24,0)+1,1))-1)+IF('Standard Profiles'!$G$21=$B$10,7,0)+IF('Standard Profiles'!$G$21=$B$17,14,0)+IF('Standard Profiles'!$G$21=$B$24,21,0),0)),0)</f>
        <v>23.640985567873745</v>
      </c>
      <c r="H7533" cm="1">
        <f t="array" ref="H7533">IFERROR(INDEX(Jesper!AL$2:AL$366,ROUNDDOWN($C7533/24,0)+1,1)*INDEX($D$3:$AA$30,INDEX(Jesper!$R$2:$R$366,ROW(INDEX(Jesper!AL$2:AL$366,ROUNDDOWN($C7533/24,0)+1,1))-1)+IF('Standard Profiles'!$G$22=$B$10,7,0)+IF('Standard Profiles'!$G$22=$B$17,14,0)+IF('Standard Profiles'!$G$22=$B$24,21,0),MOD($C7533,24)+1)/SUM(INDEX($D$3:$AA$30,INDEX(Jesper!$R$2:$R$366,ROW(INDEX(Jesper!AL$2:AL$366,ROUNDDOWN($C7533/24,0)+1,1))-1)+IF('Standard Profiles'!$G$22=$B$10,7,0)+IF('Standard Profiles'!$G$22=$B$17,14,0)+IF('Standard Profiles'!$G$22=$B$24,21,0),0)),0)</f>
        <v>0</v>
      </c>
      <c r="I7533">
        <f t="shared" si="839"/>
        <v>11.347673072579392</v>
      </c>
      <c r="J7533">
        <f t="shared" si="840"/>
        <v>78.466240182542435</v>
      </c>
      <c r="K7533">
        <f t="shared" si="841"/>
        <v>3.8245980631778234</v>
      </c>
      <c r="L7533">
        <f t="shared" si="842"/>
        <v>1.9122990315889117</v>
      </c>
      <c r="M7533">
        <f t="shared" si="843"/>
        <v>0</v>
      </c>
      <c r="N7533" s="45">
        <f t="shared" si="844"/>
        <v>45239.458333315146</v>
      </c>
    </row>
    <row r="7534" spans="2:14" x14ac:dyDescent="0.25">
      <c r="B7534">
        <f t="shared" si="838"/>
        <v>4</v>
      </c>
      <c r="C7534" s="16">
        <v>7500</v>
      </c>
      <c r="D7534" cm="1">
        <f t="array" ref="D7534">IFERROR(INDEX(Jesper!AH$2:AH$366,ROUNDDOWN($C7534/24,0)+1,1)*INDEX($D$3:$AA$30,INDEX(Jesper!$R$2:$R$366,ROW(INDEX(Jesper!AH$2:AH$366,ROUNDDOWN($C7534/24,0)+1,1))-1)+IF('Standard Profiles'!$G$18=$B$10,7,0)+IF('Standard Profiles'!$G$18=$B$17,14,0)+IF('Standard Profiles'!$G$18=$B$24,21,0),MOD($C7534,24)+1)/SUM(INDEX($D$3:$AA$30,INDEX(Jesper!$R$2:$R$366,ROW(INDEX(Jesper!AH$2:AH$366,ROUNDDOWN($C7534/24,0)+1,1))-1)+IF('Standard Profiles'!$G$18=$B$10,7,0)+IF('Standard Profiles'!$G$18=$B$17,14,0)+IF('Standard Profiles'!$G$18=$B$24,21,0),0)),0)</f>
        <v>35.85560684229209</v>
      </c>
      <c r="E7534" cm="1">
        <f t="array" ref="E7534">IFERROR(INDEX(Jesper!AI$2:AI$366,ROUNDDOWN($C7534/24,0)+1,1)*INDEX($D$3:$AA$30,INDEX(Jesper!$R$2:$R$366,ROW(INDEX(Jesper!AI$2:AI$366,ROUNDDOWN($C7534/24,0)+1,1))-1)+IF('Standard Profiles'!$G$19=$B$10,7,0)+IF('Standard Profiles'!$G$19=$B$17,14,0)+IF('Standard Profiles'!$G$19=$B$24,21,0),MOD($C7534,24)+1)/SUM(INDEX($D$3:$AA$30,INDEX(Jesper!$R$2:$R$366,ROW(INDEX(Jesper!AI$2:AI$366,ROUNDDOWN($C7534/24,0)+1,1))-1)+IF('Standard Profiles'!$G$19=$B$10,7,0)+IF('Standard Profiles'!$G$19=$B$17,14,0)+IF('Standard Profiles'!$G$19=$B$24,21,0),0)),0)</f>
        <v>36.054217939722726</v>
      </c>
      <c r="F7534" cm="1">
        <f t="array" ref="F7534">IFERROR(INDEX(Jesper!AJ$2:AJ$366,ROUNDDOWN($C7534/24,0)+1,1)*INDEX($D$3:$AA$30,INDEX(Jesper!$R$2:$R$366,ROW(INDEX(Jesper!AJ$2:AJ$366,ROUNDDOWN($C7534/24,0)+1,1))-1)+IF('Standard Profiles'!$G$20=$B$10,7,0)+IF('Standard Profiles'!$G$20=$B$17,14,0)+IF('Standard Profiles'!$G$20=$B$24,21,0),MOD($C7534,24)+1)/SUM(INDEX($D$3:$AA$30,INDEX(Jesper!$R$2:$R$366,ROW(INDEX(Jesper!AJ$2:AJ$366,ROUNDDOWN($C7534/24,0)+1,1))-1)+IF('Standard Profiles'!$G$20=$B$10,7,0)+IF('Standard Profiles'!$G$20=$B$17,14,0)+IF('Standard Profiles'!$G$20=$B$24,21,0),0)),0)</f>
        <v>0</v>
      </c>
      <c r="G7534" cm="1">
        <f t="array" ref="G7534">IFERROR(INDEX(Jesper!AK$2:AK$366,ROUNDDOWN($C7534/24,0)+1,1)*INDEX($D$3:$AA$30,INDEX(Jesper!$R$2:$R$366,ROW(INDEX(Jesper!AK$2:AK$366,ROUNDDOWN($C7534/24,0)+1,1))-1)+IF('Standard Profiles'!$G$21=$B$10,7,0)+IF('Standard Profiles'!$G$21=$B$17,14,0)+IF('Standard Profiles'!$G$21=$B$24,21,0),MOD($C7534,24)+1)/SUM(INDEX($D$3:$AA$30,INDEX(Jesper!$R$2:$R$366,ROW(INDEX(Jesper!AK$2:AK$366,ROUNDDOWN($C7534/24,0)+1,1))-1)+IF('Standard Profiles'!$G$21=$B$10,7,0)+IF('Standard Profiles'!$G$21=$B$17,14,0)+IF('Standard Profiles'!$G$21=$B$24,21,0),0)),0)</f>
        <v>23.640985567873745</v>
      </c>
      <c r="H7534" cm="1">
        <f t="array" ref="H7534">IFERROR(INDEX(Jesper!AL$2:AL$366,ROUNDDOWN($C7534/24,0)+1,1)*INDEX($D$3:$AA$30,INDEX(Jesper!$R$2:$R$366,ROW(INDEX(Jesper!AL$2:AL$366,ROUNDDOWN($C7534/24,0)+1,1))-1)+IF('Standard Profiles'!$G$22=$B$10,7,0)+IF('Standard Profiles'!$G$22=$B$17,14,0)+IF('Standard Profiles'!$G$22=$B$24,21,0),MOD($C7534,24)+1)/SUM(INDEX($D$3:$AA$30,INDEX(Jesper!$R$2:$R$366,ROW(INDEX(Jesper!AL$2:AL$366,ROUNDDOWN($C7534/24,0)+1,1))-1)+IF('Standard Profiles'!$G$22=$B$10,7,0)+IF('Standard Profiles'!$G$22=$B$17,14,0)+IF('Standard Profiles'!$G$22=$B$24,21,0),0)),0)</f>
        <v>0</v>
      </c>
      <c r="I7534">
        <f t="shared" si="839"/>
        <v>11.347673072579392</v>
      </c>
      <c r="J7534">
        <f t="shared" si="840"/>
        <v>78.466240182542435</v>
      </c>
      <c r="K7534">
        <f t="shared" si="841"/>
        <v>3.8245980631778234</v>
      </c>
      <c r="L7534">
        <f t="shared" si="842"/>
        <v>1.9122990315889117</v>
      </c>
      <c r="M7534">
        <f t="shared" si="843"/>
        <v>0</v>
      </c>
      <c r="N7534" s="45">
        <f t="shared" si="844"/>
        <v>45239.49999998181</v>
      </c>
    </row>
    <row r="7535" spans="2:14" x14ac:dyDescent="0.25">
      <c r="B7535">
        <f t="shared" si="838"/>
        <v>4</v>
      </c>
      <c r="C7535" s="16">
        <v>7501</v>
      </c>
      <c r="D7535" cm="1">
        <f t="array" ref="D7535">IFERROR(INDEX(Jesper!AH$2:AH$366,ROUNDDOWN($C7535/24,0)+1,1)*INDEX($D$3:$AA$30,INDEX(Jesper!$R$2:$R$366,ROW(INDEX(Jesper!AH$2:AH$366,ROUNDDOWN($C7535/24,0)+1,1))-1)+IF('Standard Profiles'!$G$18=$B$10,7,0)+IF('Standard Profiles'!$G$18=$B$17,14,0)+IF('Standard Profiles'!$G$18=$B$24,21,0),MOD($C7535,24)+1)/SUM(INDEX($D$3:$AA$30,INDEX(Jesper!$R$2:$R$366,ROW(INDEX(Jesper!AH$2:AH$366,ROUNDDOWN($C7535/24,0)+1,1))-1)+IF('Standard Profiles'!$G$18=$B$10,7,0)+IF('Standard Profiles'!$G$18=$B$17,14,0)+IF('Standard Profiles'!$G$18=$B$24,21,0),0)),0)</f>
        <v>23.818367402379749</v>
      </c>
      <c r="E7535" cm="1">
        <f t="array" ref="E7535">IFERROR(INDEX(Jesper!AI$2:AI$366,ROUNDDOWN($C7535/24,0)+1,1)*INDEX($D$3:$AA$30,INDEX(Jesper!$R$2:$R$366,ROW(INDEX(Jesper!AI$2:AI$366,ROUNDDOWN($C7535/24,0)+1,1))-1)+IF('Standard Profiles'!$G$19=$B$10,7,0)+IF('Standard Profiles'!$G$19=$B$17,14,0)+IF('Standard Profiles'!$G$19=$B$24,21,0),MOD($C7535,24)+1)/SUM(INDEX($D$3:$AA$30,INDEX(Jesper!$R$2:$R$366,ROW(INDEX(Jesper!AI$2:AI$366,ROUNDDOWN($C7535/24,0)+1,1))-1)+IF('Standard Profiles'!$G$19=$B$10,7,0)+IF('Standard Profiles'!$G$19=$B$17,14,0)+IF('Standard Profiles'!$G$19=$B$24,21,0),0)),0)</f>
        <v>23.950301917101527</v>
      </c>
      <c r="F7535" cm="1">
        <f t="array" ref="F7535">IFERROR(INDEX(Jesper!AJ$2:AJ$366,ROUNDDOWN($C7535/24,0)+1,1)*INDEX($D$3:$AA$30,INDEX(Jesper!$R$2:$R$366,ROW(INDEX(Jesper!AJ$2:AJ$366,ROUNDDOWN($C7535/24,0)+1,1))-1)+IF('Standard Profiles'!$G$20=$B$10,7,0)+IF('Standard Profiles'!$G$20=$B$17,14,0)+IF('Standard Profiles'!$G$20=$B$24,21,0),MOD($C7535,24)+1)/SUM(INDEX($D$3:$AA$30,INDEX(Jesper!$R$2:$R$366,ROW(INDEX(Jesper!AJ$2:AJ$366,ROUNDDOWN($C7535/24,0)+1,1))-1)+IF('Standard Profiles'!$G$20=$B$10,7,0)+IF('Standard Profiles'!$G$20=$B$17,14,0)+IF('Standard Profiles'!$G$20=$B$24,21,0),0)),0)</f>
        <v>0</v>
      </c>
      <c r="G7535" cm="1">
        <f t="array" ref="G7535">IFERROR(INDEX(Jesper!AK$2:AK$366,ROUNDDOWN($C7535/24,0)+1,1)*INDEX($D$3:$AA$30,INDEX(Jesper!$R$2:$R$366,ROW(INDEX(Jesper!AK$2:AK$366,ROUNDDOWN($C7535/24,0)+1,1))-1)+IF('Standard Profiles'!$G$21=$B$10,7,0)+IF('Standard Profiles'!$G$21=$B$17,14,0)+IF('Standard Profiles'!$G$21=$B$24,21,0),MOD($C7535,24)+1)/SUM(INDEX($D$3:$AA$30,INDEX(Jesper!$R$2:$R$366,ROW(INDEX(Jesper!AK$2:AK$366,ROUNDDOWN($C7535/24,0)+1,1))-1)+IF('Standard Profiles'!$G$21=$B$10,7,0)+IF('Standard Profiles'!$G$21=$B$17,14,0)+IF('Standard Profiles'!$G$21=$B$24,21,0),0)),0)</f>
        <v>15.704368984373273</v>
      </c>
      <c r="H7535" cm="1">
        <f t="array" ref="H7535">IFERROR(INDEX(Jesper!AL$2:AL$366,ROUNDDOWN($C7535/24,0)+1,1)*INDEX($D$3:$AA$30,INDEX(Jesper!$R$2:$R$366,ROW(INDEX(Jesper!AL$2:AL$366,ROUNDDOWN($C7535/24,0)+1,1))-1)+IF('Standard Profiles'!$G$22=$B$10,7,0)+IF('Standard Profiles'!$G$22=$B$17,14,0)+IF('Standard Profiles'!$G$22=$B$24,21,0),MOD($C7535,24)+1)/SUM(INDEX($D$3:$AA$30,INDEX(Jesper!$R$2:$R$366,ROW(INDEX(Jesper!AL$2:AL$366,ROUNDDOWN($C7535/24,0)+1,1))-1)+IF('Standard Profiles'!$G$22=$B$10,7,0)+IF('Standard Profiles'!$G$22=$B$17,14,0)+IF('Standard Profiles'!$G$22=$B$24,21,0),0)),0)</f>
        <v>0</v>
      </c>
      <c r="I7535">
        <f t="shared" si="839"/>
        <v>7.5380971124991678</v>
      </c>
      <c r="J7535">
        <f t="shared" si="840"/>
        <v>52.124002406974626</v>
      </c>
      <c r="K7535">
        <f t="shared" si="841"/>
        <v>2.5406258562538402</v>
      </c>
      <c r="L7535">
        <f t="shared" si="842"/>
        <v>1.2703129281269201</v>
      </c>
      <c r="M7535">
        <f t="shared" si="843"/>
        <v>0</v>
      </c>
      <c r="N7535" s="45">
        <f t="shared" si="844"/>
        <v>45239.541666648474</v>
      </c>
    </row>
    <row r="7536" spans="2:14" x14ac:dyDescent="0.25">
      <c r="B7536">
        <f t="shared" si="838"/>
        <v>4</v>
      </c>
      <c r="C7536" s="16">
        <v>7502</v>
      </c>
      <c r="D7536" cm="1">
        <f t="array" ref="D7536">IFERROR(INDEX(Jesper!AH$2:AH$366,ROUNDDOWN($C7536/24,0)+1,1)*INDEX($D$3:$AA$30,INDEX(Jesper!$R$2:$R$366,ROW(INDEX(Jesper!AH$2:AH$366,ROUNDDOWN($C7536/24,0)+1,1))-1)+IF('Standard Profiles'!$G$18=$B$10,7,0)+IF('Standard Profiles'!$G$18=$B$17,14,0)+IF('Standard Profiles'!$G$18=$B$24,21,0),MOD($C7536,24)+1)/SUM(INDEX($D$3:$AA$30,INDEX(Jesper!$R$2:$R$366,ROW(INDEX(Jesper!AH$2:AH$366,ROUNDDOWN($C7536/24,0)+1,1))-1)+IF('Standard Profiles'!$G$18=$B$10,7,0)+IF('Standard Profiles'!$G$18=$B$17,14,0)+IF('Standard Profiles'!$G$18=$B$24,21,0),0)),0)</f>
        <v>35.85560684229209</v>
      </c>
      <c r="E7536" cm="1">
        <f t="array" ref="E7536">IFERROR(INDEX(Jesper!AI$2:AI$366,ROUNDDOWN($C7536/24,0)+1,1)*INDEX($D$3:$AA$30,INDEX(Jesper!$R$2:$R$366,ROW(INDEX(Jesper!AI$2:AI$366,ROUNDDOWN($C7536/24,0)+1,1))-1)+IF('Standard Profiles'!$G$19=$B$10,7,0)+IF('Standard Profiles'!$G$19=$B$17,14,0)+IF('Standard Profiles'!$G$19=$B$24,21,0),MOD($C7536,24)+1)/SUM(INDEX($D$3:$AA$30,INDEX(Jesper!$R$2:$R$366,ROW(INDEX(Jesper!AI$2:AI$366,ROUNDDOWN($C7536/24,0)+1,1))-1)+IF('Standard Profiles'!$G$19=$B$10,7,0)+IF('Standard Profiles'!$G$19=$B$17,14,0)+IF('Standard Profiles'!$G$19=$B$24,21,0),0)),0)</f>
        <v>36.054217939722726</v>
      </c>
      <c r="F7536" cm="1">
        <f t="array" ref="F7536">IFERROR(INDEX(Jesper!AJ$2:AJ$366,ROUNDDOWN($C7536/24,0)+1,1)*INDEX($D$3:$AA$30,INDEX(Jesper!$R$2:$R$366,ROW(INDEX(Jesper!AJ$2:AJ$366,ROUNDDOWN($C7536/24,0)+1,1))-1)+IF('Standard Profiles'!$G$20=$B$10,7,0)+IF('Standard Profiles'!$G$20=$B$17,14,0)+IF('Standard Profiles'!$G$20=$B$24,21,0),MOD($C7536,24)+1)/SUM(INDEX($D$3:$AA$30,INDEX(Jesper!$R$2:$R$366,ROW(INDEX(Jesper!AJ$2:AJ$366,ROUNDDOWN($C7536/24,0)+1,1))-1)+IF('Standard Profiles'!$G$20=$B$10,7,0)+IF('Standard Profiles'!$G$20=$B$17,14,0)+IF('Standard Profiles'!$G$20=$B$24,21,0),0)),0)</f>
        <v>0</v>
      </c>
      <c r="G7536" cm="1">
        <f t="array" ref="G7536">IFERROR(INDEX(Jesper!AK$2:AK$366,ROUNDDOWN($C7536/24,0)+1,1)*INDEX($D$3:$AA$30,INDEX(Jesper!$R$2:$R$366,ROW(INDEX(Jesper!AK$2:AK$366,ROUNDDOWN($C7536/24,0)+1,1))-1)+IF('Standard Profiles'!$G$21=$B$10,7,0)+IF('Standard Profiles'!$G$21=$B$17,14,0)+IF('Standard Profiles'!$G$21=$B$24,21,0),MOD($C7536,24)+1)/SUM(INDEX($D$3:$AA$30,INDEX(Jesper!$R$2:$R$366,ROW(INDEX(Jesper!AK$2:AK$366,ROUNDDOWN($C7536/24,0)+1,1))-1)+IF('Standard Profiles'!$G$21=$B$10,7,0)+IF('Standard Profiles'!$G$21=$B$17,14,0)+IF('Standard Profiles'!$G$21=$B$24,21,0),0)),0)</f>
        <v>23.640985567873745</v>
      </c>
      <c r="H7536" cm="1">
        <f t="array" ref="H7536">IFERROR(INDEX(Jesper!AL$2:AL$366,ROUNDDOWN($C7536/24,0)+1,1)*INDEX($D$3:$AA$30,INDEX(Jesper!$R$2:$R$366,ROW(INDEX(Jesper!AL$2:AL$366,ROUNDDOWN($C7536/24,0)+1,1))-1)+IF('Standard Profiles'!$G$22=$B$10,7,0)+IF('Standard Profiles'!$G$22=$B$17,14,0)+IF('Standard Profiles'!$G$22=$B$24,21,0),MOD($C7536,24)+1)/SUM(INDEX($D$3:$AA$30,INDEX(Jesper!$R$2:$R$366,ROW(INDEX(Jesper!AL$2:AL$366,ROUNDDOWN($C7536/24,0)+1,1))-1)+IF('Standard Profiles'!$G$22=$B$10,7,0)+IF('Standard Profiles'!$G$22=$B$17,14,0)+IF('Standard Profiles'!$G$22=$B$24,21,0),0)),0)</f>
        <v>0</v>
      </c>
      <c r="I7536">
        <f t="shared" si="839"/>
        <v>11.347673072579392</v>
      </c>
      <c r="J7536">
        <f t="shared" si="840"/>
        <v>78.466240182542435</v>
      </c>
      <c r="K7536">
        <f t="shared" si="841"/>
        <v>3.8245980631778234</v>
      </c>
      <c r="L7536">
        <f t="shared" si="842"/>
        <v>1.9122990315889117</v>
      </c>
      <c r="M7536">
        <f t="shared" si="843"/>
        <v>0</v>
      </c>
      <c r="N7536" s="45">
        <f t="shared" si="844"/>
        <v>45239.583333315139</v>
      </c>
    </row>
    <row r="7537" spans="2:14" x14ac:dyDescent="0.25">
      <c r="B7537">
        <f t="shared" si="838"/>
        <v>4</v>
      </c>
      <c r="C7537" s="16">
        <v>7503</v>
      </c>
      <c r="D7537" cm="1">
        <f t="array" ref="D7537">IFERROR(INDEX(Jesper!AH$2:AH$366,ROUNDDOWN($C7537/24,0)+1,1)*INDEX($D$3:$AA$30,INDEX(Jesper!$R$2:$R$366,ROW(INDEX(Jesper!AH$2:AH$366,ROUNDDOWN($C7537/24,0)+1,1))-1)+IF('Standard Profiles'!$G$18=$B$10,7,0)+IF('Standard Profiles'!$G$18=$B$17,14,0)+IF('Standard Profiles'!$G$18=$B$24,21,0),MOD($C7537,24)+1)/SUM(INDEX($D$3:$AA$30,INDEX(Jesper!$R$2:$R$366,ROW(INDEX(Jesper!AH$2:AH$366,ROUNDDOWN($C7537/24,0)+1,1))-1)+IF('Standard Profiles'!$G$18=$B$10,7,0)+IF('Standard Profiles'!$G$18=$B$17,14,0)+IF('Standard Profiles'!$G$18=$B$24,21,0),0)),0)</f>
        <v>35.85560684229209</v>
      </c>
      <c r="E7537" cm="1">
        <f t="array" ref="E7537">IFERROR(INDEX(Jesper!AI$2:AI$366,ROUNDDOWN($C7537/24,0)+1,1)*INDEX($D$3:$AA$30,INDEX(Jesper!$R$2:$R$366,ROW(INDEX(Jesper!AI$2:AI$366,ROUNDDOWN($C7537/24,0)+1,1))-1)+IF('Standard Profiles'!$G$19=$B$10,7,0)+IF('Standard Profiles'!$G$19=$B$17,14,0)+IF('Standard Profiles'!$G$19=$B$24,21,0),MOD($C7537,24)+1)/SUM(INDEX($D$3:$AA$30,INDEX(Jesper!$R$2:$R$366,ROW(INDEX(Jesper!AI$2:AI$366,ROUNDDOWN($C7537/24,0)+1,1))-1)+IF('Standard Profiles'!$G$19=$B$10,7,0)+IF('Standard Profiles'!$G$19=$B$17,14,0)+IF('Standard Profiles'!$G$19=$B$24,21,0),0)),0)</f>
        <v>36.054217939722726</v>
      </c>
      <c r="F7537" cm="1">
        <f t="array" ref="F7537">IFERROR(INDEX(Jesper!AJ$2:AJ$366,ROUNDDOWN($C7537/24,0)+1,1)*INDEX($D$3:$AA$30,INDEX(Jesper!$R$2:$R$366,ROW(INDEX(Jesper!AJ$2:AJ$366,ROUNDDOWN($C7537/24,0)+1,1))-1)+IF('Standard Profiles'!$G$20=$B$10,7,0)+IF('Standard Profiles'!$G$20=$B$17,14,0)+IF('Standard Profiles'!$G$20=$B$24,21,0),MOD($C7537,24)+1)/SUM(INDEX($D$3:$AA$30,INDEX(Jesper!$R$2:$R$366,ROW(INDEX(Jesper!AJ$2:AJ$366,ROUNDDOWN($C7537/24,0)+1,1))-1)+IF('Standard Profiles'!$G$20=$B$10,7,0)+IF('Standard Profiles'!$G$20=$B$17,14,0)+IF('Standard Profiles'!$G$20=$B$24,21,0),0)),0)</f>
        <v>0</v>
      </c>
      <c r="G7537" cm="1">
        <f t="array" ref="G7537">IFERROR(INDEX(Jesper!AK$2:AK$366,ROUNDDOWN($C7537/24,0)+1,1)*INDEX($D$3:$AA$30,INDEX(Jesper!$R$2:$R$366,ROW(INDEX(Jesper!AK$2:AK$366,ROUNDDOWN($C7537/24,0)+1,1))-1)+IF('Standard Profiles'!$G$21=$B$10,7,0)+IF('Standard Profiles'!$G$21=$B$17,14,0)+IF('Standard Profiles'!$G$21=$B$24,21,0),MOD($C7537,24)+1)/SUM(INDEX($D$3:$AA$30,INDEX(Jesper!$R$2:$R$366,ROW(INDEX(Jesper!AK$2:AK$366,ROUNDDOWN($C7537/24,0)+1,1))-1)+IF('Standard Profiles'!$G$21=$B$10,7,0)+IF('Standard Profiles'!$G$21=$B$17,14,0)+IF('Standard Profiles'!$G$21=$B$24,21,0),0)),0)</f>
        <v>23.640985567873745</v>
      </c>
      <c r="H7537" cm="1">
        <f t="array" ref="H7537">IFERROR(INDEX(Jesper!AL$2:AL$366,ROUNDDOWN($C7537/24,0)+1,1)*INDEX($D$3:$AA$30,INDEX(Jesper!$R$2:$R$366,ROW(INDEX(Jesper!AL$2:AL$366,ROUNDDOWN($C7537/24,0)+1,1))-1)+IF('Standard Profiles'!$G$22=$B$10,7,0)+IF('Standard Profiles'!$G$22=$B$17,14,0)+IF('Standard Profiles'!$G$22=$B$24,21,0),MOD($C7537,24)+1)/SUM(INDEX($D$3:$AA$30,INDEX(Jesper!$R$2:$R$366,ROW(INDEX(Jesper!AL$2:AL$366,ROUNDDOWN($C7537/24,0)+1,1))-1)+IF('Standard Profiles'!$G$22=$B$10,7,0)+IF('Standard Profiles'!$G$22=$B$17,14,0)+IF('Standard Profiles'!$G$22=$B$24,21,0),0)),0)</f>
        <v>0</v>
      </c>
      <c r="I7537">
        <f t="shared" si="839"/>
        <v>11.347673072579392</v>
      </c>
      <c r="J7537">
        <f t="shared" si="840"/>
        <v>78.466240182542435</v>
      </c>
      <c r="K7537">
        <f t="shared" si="841"/>
        <v>3.8245980631778234</v>
      </c>
      <c r="L7537">
        <f t="shared" si="842"/>
        <v>1.9122990315889117</v>
      </c>
      <c r="M7537">
        <f t="shared" si="843"/>
        <v>0</v>
      </c>
      <c r="N7537" s="45">
        <f t="shared" si="844"/>
        <v>45239.624999981803</v>
      </c>
    </row>
    <row r="7538" spans="2:14" x14ac:dyDescent="0.25">
      <c r="B7538">
        <f t="shared" si="838"/>
        <v>4</v>
      </c>
      <c r="C7538" s="16">
        <v>7504</v>
      </c>
      <c r="D7538" cm="1">
        <f t="array" ref="D7538">IFERROR(INDEX(Jesper!AH$2:AH$366,ROUNDDOWN($C7538/24,0)+1,1)*INDEX($D$3:$AA$30,INDEX(Jesper!$R$2:$R$366,ROW(INDEX(Jesper!AH$2:AH$366,ROUNDDOWN($C7538/24,0)+1,1))-1)+IF('Standard Profiles'!$G$18=$B$10,7,0)+IF('Standard Profiles'!$G$18=$B$17,14,0)+IF('Standard Profiles'!$G$18=$B$24,21,0),MOD($C7538,24)+1)/SUM(INDEX($D$3:$AA$30,INDEX(Jesper!$R$2:$R$366,ROW(INDEX(Jesper!AH$2:AH$366,ROUNDDOWN($C7538/24,0)+1,1))-1)+IF('Standard Profiles'!$G$18=$B$10,7,0)+IF('Standard Profiles'!$G$18=$B$17,14,0)+IF('Standard Profiles'!$G$18=$B$24,21,0),0)),0)</f>
        <v>21.12919688920784</v>
      </c>
      <c r="E7538" cm="1">
        <f t="array" ref="E7538">IFERROR(INDEX(Jesper!AI$2:AI$366,ROUNDDOWN($C7538/24,0)+1,1)*INDEX($D$3:$AA$30,INDEX(Jesper!$R$2:$R$366,ROW(INDEX(Jesper!AI$2:AI$366,ROUNDDOWN($C7538/24,0)+1,1))-1)+IF('Standard Profiles'!$G$19=$B$10,7,0)+IF('Standard Profiles'!$G$19=$B$17,14,0)+IF('Standard Profiles'!$G$19=$B$24,21,0),MOD($C7538,24)+1)/SUM(INDEX($D$3:$AA$30,INDEX(Jesper!$R$2:$R$366,ROW(INDEX(Jesper!AI$2:AI$366,ROUNDDOWN($C7538/24,0)+1,1))-1)+IF('Standard Profiles'!$G$19=$B$10,7,0)+IF('Standard Profiles'!$G$19=$B$17,14,0)+IF('Standard Profiles'!$G$19=$B$24,21,0),0)),0)</f>
        <v>21.246235571622321</v>
      </c>
      <c r="F7538" cm="1">
        <f t="array" ref="F7538">IFERROR(INDEX(Jesper!AJ$2:AJ$366,ROUNDDOWN($C7538/24,0)+1,1)*INDEX($D$3:$AA$30,INDEX(Jesper!$R$2:$R$366,ROW(INDEX(Jesper!AJ$2:AJ$366,ROUNDDOWN($C7538/24,0)+1,1))-1)+IF('Standard Profiles'!$G$20=$B$10,7,0)+IF('Standard Profiles'!$G$20=$B$17,14,0)+IF('Standard Profiles'!$G$20=$B$24,21,0),MOD($C7538,24)+1)/SUM(INDEX($D$3:$AA$30,INDEX(Jesper!$R$2:$R$366,ROW(INDEX(Jesper!AJ$2:AJ$366,ROUNDDOWN($C7538/24,0)+1,1))-1)+IF('Standard Profiles'!$G$20=$B$10,7,0)+IF('Standard Profiles'!$G$20=$B$17,14,0)+IF('Standard Profiles'!$G$20=$B$24,21,0),0)),0)</f>
        <v>0</v>
      </c>
      <c r="G7538" cm="1">
        <f t="array" ref="G7538">IFERROR(INDEX(Jesper!AK$2:AK$366,ROUNDDOWN($C7538/24,0)+1,1)*INDEX($D$3:$AA$30,INDEX(Jesper!$R$2:$R$366,ROW(INDEX(Jesper!AK$2:AK$366,ROUNDDOWN($C7538/24,0)+1,1))-1)+IF('Standard Profiles'!$G$21=$B$10,7,0)+IF('Standard Profiles'!$G$21=$B$17,14,0)+IF('Standard Profiles'!$G$21=$B$24,21,0),MOD($C7538,24)+1)/SUM(INDEX($D$3:$AA$30,INDEX(Jesper!$R$2:$R$366,ROW(INDEX(Jesper!AK$2:AK$366,ROUNDDOWN($C7538/24,0)+1,1))-1)+IF('Standard Profiles'!$G$21=$B$10,7,0)+IF('Standard Profiles'!$G$21=$B$17,14,0)+IF('Standard Profiles'!$G$21=$B$24,21,0),0)),0)</f>
        <v>19.754197916012732</v>
      </c>
      <c r="H7538" cm="1">
        <f t="array" ref="H7538">IFERROR(INDEX(Jesper!AL$2:AL$366,ROUNDDOWN($C7538/24,0)+1,1)*INDEX($D$3:$AA$30,INDEX(Jesper!$R$2:$R$366,ROW(INDEX(Jesper!AL$2:AL$366,ROUNDDOWN($C7538/24,0)+1,1))-1)+IF('Standard Profiles'!$G$22=$B$10,7,0)+IF('Standard Profiles'!$G$22=$B$17,14,0)+IF('Standard Profiles'!$G$22=$B$24,21,0),MOD($C7538,24)+1)/SUM(INDEX($D$3:$AA$30,INDEX(Jesper!$R$2:$R$366,ROW(INDEX(Jesper!AL$2:AL$366,ROUNDDOWN($C7538/24,0)+1,1))-1)+IF('Standard Profiles'!$G$22=$B$10,7,0)+IF('Standard Profiles'!$G$22=$B$17,14,0)+IF('Standard Profiles'!$G$22=$B$24,21,0),0)),0)</f>
        <v>0</v>
      </c>
      <c r="I7538">
        <f t="shared" si="839"/>
        <v>9.4820149996861058</v>
      </c>
      <c r="J7538">
        <f t="shared" si="840"/>
        <v>49.266943874883538</v>
      </c>
      <c r="K7538">
        <f t="shared" si="841"/>
        <v>2.2537810015155029</v>
      </c>
      <c r="L7538">
        <f t="shared" si="842"/>
        <v>1.1268905007577514</v>
      </c>
      <c r="M7538">
        <f t="shared" si="843"/>
        <v>0</v>
      </c>
      <c r="N7538" s="45">
        <f t="shared" si="844"/>
        <v>45239.666666648467</v>
      </c>
    </row>
    <row r="7539" spans="2:14" x14ac:dyDescent="0.25">
      <c r="B7539">
        <f t="shared" si="838"/>
        <v>4</v>
      </c>
      <c r="C7539" s="16">
        <v>7505</v>
      </c>
      <c r="D7539" cm="1">
        <f t="array" ref="D7539">IFERROR(INDEX(Jesper!AH$2:AH$366,ROUNDDOWN($C7539/24,0)+1,1)*INDEX($D$3:$AA$30,INDEX(Jesper!$R$2:$R$366,ROW(INDEX(Jesper!AH$2:AH$366,ROUNDDOWN($C7539/24,0)+1,1))-1)+IF('Standard Profiles'!$G$18=$B$10,7,0)+IF('Standard Profiles'!$G$18=$B$17,14,0)+IF('Standard Profiles'!$G$18=$B$24,21,0),MOD($C7539,24)+1)/SUM(INDEX($D$3:$AA$30,INDEX(Jesper!$R$2:$R$366,ROW(INDEX(Jesper!AH$2:AH$366,ROUNDDOWN($C7539/24,0)+1,1))-1)+IF('Standard Profiles'!$G$18=$B$10,7,0)+IF('Standard Profiles'!$G$18=$B$17,14,0)+IF('Standard Profiles'!$G$18=$B$24,21,0),0)),0)</f>
        <v>9.0180097691881524</v>
      </c>
      <c r="E7539" cm="1">
        <f t="array" ref="E7539">IFERROR(INDEX(Jesper!AI$2:AI$366,ROUNDDOWN($C7539/24,0)+1,1)*INDEX($D$3:$AA$30,INDEX(Jesper!$R$2:$R$366,ROW(INDEX(Jesper!AI$2:AI$366,ROUNDDOWN($C7539/24,0)+1,1))-1)+IF('Standard Profiles'!$G$19=$B$10,7,0)+IF('Standard Profiles'!$G$19=$B$17,14,0)+IF('Standard Profiles'!$G$19=$B$24,21,0),MOD($C7539,24)+1)/SUM(INDEX($D$3:$AA$30,INDEX(Jesper!$R$2:$R$366,ROW(INDEX(Jesper!AI$2:AI$366,ROUNDDOWN($C7539/24,0)+1,1))-1)+IF('Standard Profiles'!$G$19=$B$10,7,0)+IF('Standard Profiles'!$G$19=$B$17,14,0)+IF('Standard Profiles'!$G$19=$B$24,21,0),0)),0)</f>
        <v>9.0679622584815718</v>
      </c>
      <c r="F7539" cm="1">
        <f t="array" ref="F7539">IFERROR(INDEX(Jesper!AJ$2:AJ$366,ROUNDDOWN($C7539/24,0)+1,1)*INDEX($D$3:$AA$30,INDEX(Jesper!$R$2:$R$366,ROW(INDEX(Jesper!AJ$2:AJ$366,ROUNDDOWN($C7539/24,0)+1,1))-1)+IF('Standard Profiles'!$G$20=$B$10,7,0)+IF('Standard Profiles'!$G$20=$B$17,14,0)+IF('Standard Profiles'!$G$20=$B$24,21,0),MOD($C7539,24)+1)/SUM(INDEX($D$3:$AA$30,INDEX(Jesper!$R$2:$R$366,ROW(INDEX(Jesper!AJ$2:AJ$366,ROUNDDOWN($C7539/24,0)+1,1))-1)+IF('Standard Profiles'!$G$20=$B$10,7,0)+IF('Standard Profiles'!$G$20=$B$17,14,0)+IF('Standard Profiles'!$G$20=$B$24,21,0),0)),0)</f>
        <v>0</v>
      </c>
      <c r="G7539" cm="1">
        <f t="array" ref="G7539">IFERROR(INDEX(Jesper!AK$2:AK$366,ROUNDDOWN($C7539/24,0)+1,1)*INDEX($D$3:$AA$30,INDEX(Jesper!$R$2:$R$366,ROW(INDEX(Jesper!AK$2:AK$366,ROUNDDOWN($C7539/24,0)+1,1))-1)+IF('Standard Profiles'!$G$21=$B$10,7,0)+IF('Standard Profiles'!$G$21=$B$17,14,0)+IF('Standard Profiles'!$G$21=$B$24,21,0),MOD($C7539,24)+1)/SUM(INDEX($D$3:$AA$30,INDEX(Jesper!$R$2:$R$366,ROW(INDEX(Jesper!AK$2:AK$366,ROUNDDOWN($C7539/24,0)+1,1))-1)+IF('Standard Profiles'!$G$21=$B$10,7,0)+IF('Standard Profiles'!$G$21=$B$17,14,0)+IF('Standard Profiles'!$G$21=$B$24,21,0),0)),0)</f>
        <v>15.707280435797889</v>
      </c>
      <c r="H7539" cm="1">
        <f t="array" ref="H7539">IFERROR(INDEX(Jesper!AL$2:AL$366,ROUNDDOWN($C7539/24,0)+1,1)*INDEX($D$3:$AA$30,INDEX(Jesper!$R$2:$R$366,ROW(INDEX(Jesper!AL$2:AL$366,ROUNDDOWN($C7539/24,0)+1,1))-1)+IF('Standard Profiles'!$G$22=$B$10,7,0)+IF('Standard Profiles'!$G$22=$B$17,14,0)+IF('Standard Profiles'!$G$22=$B$24,21,0),MOD($C7539,24)+1)/SUM(INDEX($D$3:$AA$30,INDEX(Jesper!$R$2:$R$366,ROW(INDEX(Jesper!AL$2:AL$366,ROUNDDOWN($C7539/24,0)+1,1))-1)+IF('Standard Profiles'!$G$22=$B$10,7,0)+IF('Standard Profiles'!$G$22=$B$17,14,0)+IF('Standard Profiles'!$G$22=$B$24,21,0),0)),0)</f>
        <v>0</v>
      </c>
      <c r="I7539">
        <f t="shared" si="839"/>
        <v>7.5394946091829826</v>
      </c>
      <c r="J7539">
        <f t="shared" si="840"/>
        <v>24.810876291214527</v>
      </c>
      <c r="K7539">
        <f t="shared" si="841"/>
        <v>0.96192104204673634</v>
      </c>
      <c r="L7539">
        <f t="shared" si="842"/>
        <v>0.48096052102336817</v>
      </c>
      <c r="M7539">
        <f t="shared" si="843"/>
        <v>0</v>
      </c>
      <c r="N7539" s="45">
        <f t="shared" si="844"/>
        <v>45239.708333315131</v>
      </c>
    </row>
    <row r="7540" spans="2:14" x14ac:dyDescent="0.25">
      <c r="B7540">
        <f t="shared" si="838"/>
        <v>4</v>
      </c>
      <c r="C7540" s="16">
        <v>7506</v>
      </c>
      <c r="D7540" cm="1">
        <f t="array" ref="D7540">IFERROR(INDEX(Jesper!AH$2:AH$366,ROUNDDOWN($C7540/24,0)+1,1)*INDEX($D$3:$AA$30,INDEX(Jesper!$R$2:$R$366,ROW(INDEX(Jesper!AH$2:AH$366,ROUNDDOWN($C7540/24,0)+1,1))-1)+IF('Standard Profiles'!$G$18=$B$10,7,0)+IF('Standard Profiles'!$G$18=$B$17,14,0)+IF('Standard Profiles'!$G$18=$B$24,21,0),MOD($C7540,24)+1)/SUM(INDEX($D$3:$AA$30,INDEX(Jesper!$R$2:$R$366,ROW(INDEX(Jesper!AH$2:AH$366,ROUNDDOWN($C7540/24,0)+1,1))-1)+IF('Standard Profiles'!$G$18=$B$10,7,0)+IF('Standard Profiles'!$G$18=$B$17,14,0)+IF('Standard Profiles'!$G$18=$B$24,21,0),0)),0)</f>
        <v>5.9518864476641804</v>
      </c>
      <c r="E7540" cm="1">
        <f t="array" ref="E7540">IFERROR(INDEX(Jesper!AI$2:AI$366,ROUNDDOWN($C7540/24,0)+1,1)*INDEX($D$3:$AA$30,INDEX(Jesper!$R$2:$R$366,ROW(INDEX(Jesper!AI$2:AI$366,ROUNDDOWN($C7540/24,0)+1,1))-1)+IF('Standard Profiles'!$G$19=$B$10,7,0)+IF('Standard Profiles'!$G$19=$B$17,14,0)+IF('Standard Profiles'!$G$19=$B$24,21,0),MOD($C7540,24)+1)/SUM(INDEX($D$3:$AA$30,INDEX(Jesper!$R$2:$R$366,ROW(INDEX(Jesper!AI$2:AI$366,ROUNDDOWN($C7540/24,0)+1,1))-1)+IF('Standard Profiles'!$G$19=$B$10,7,0)+IF('Standard Profiles'!$G$19=$B$17,14,0)+IF('Standard Profiles'!$G$19=$B$24,21,0),0)),0)</f>
        <v>5.9848550905978373</v>
      </c>
      <c r="F7540" cm="1">
        <f t="array" ref="F7540">IFERROR(INDEX(Jesper!AJ$2:AJ$366,ROUNDDOWN($C7540/24,0)+1,1)*INDEX($D$3:$AA$30,INDEX(Jesper!$R$2:$R$366,ROW(INDEX(Jesper!AJ$2:AJ$366,ROUNDDOWN($C7540/24,0)+1,1))-1)+IF('Standard Profiles'!$G$20=$B$10,7,0)+IF('Standard Profiles'!$G$20=$B$17,14,0)+IF('Standard Profiles'!$G$20=$B$24,21,0),MOD($C7540,24)+1)/SUM(INDEX($D$3:$AA$30,INDEX(Jesper!$R$2:$R$366,ROW(INDEX(Jesper!AJ$2:AJ$366,ROUNDDOWN($C7540/24,0)+1,1))-1)+IF('Standard Profiles'!$G$20=$B$10,7,0)+IF('Standard Profiles'!$G$20=$B$17,14,0)+IF('Standard Profiles'!$G$20=$B$24,21,0),0)),0)</f>
        <v>0</v>
      </c>
      <c r="G7540" cm="1">
        <f t="array" ref="G7540">IFERROR(INDEX(Jesper!AK$2:AK$366,ROUNDDOWN($C7540/24,0)+1,1)*INDEX($D$3:$AA$30,INDEX(Jesper!$R$2:$R$366,ROW(INDEX(Jesper!AK$2:AK$366,ROUNDDOWN($C7540/24,0)+1,1))-1)+IF('Standard Profiles'!$G$21=$B$10,7,0)+IF('Standard Profiles'!$G$21=$B$17,14,0)+IF('Standard Profiles'!$G$21=$B$24,21,0),MOD($C7540,24)+1)/SUM(INDEX($D$3:$AA$30,INDEX(Jesper!$R$2:$R$366,ROW(INDEX(Jesper!AK$2:AK$366,ROUNDDOWN($C7540/24,0)+1,1))-1)+IF('Standard Profiles'!$G$21=$B$10,7,0)+IF('Standard Profiles'!$G$21=$B$17,14,0)+IF('Standard Profiles'!$G$21=$B$24,21,0),0)),0)</f>
        <v>5.8229028492299868</v>
      </c>
      <c r="H7540" cm="1">
        <f t="array" ref="H7540">IFERROR(INDEX(Jesper!AL$2:AL$366,ROUNDDOWN($C7540/24,0)+1,1)*INDEX($D$3:$AA$30,INDEX(Jesper!$R$2:$R$366,ROW(INDEX(Jesper!AL$2:AL$366,ROUNDDOWN($C7540/24,0)+1,1))-1)+IF('Standard Profiles'!$G$22=$B$10,7,0)+IF('Standard Profiles'!$G$22=$B$17,14,0)+IF('Standard Profiles'!$G$22=$B$24,21,0),MOD($C7540,24)+1)/SUM(INDEX($D$3:$AA$30,INDEX(Jesper!$R$2:$R$366,ROW(INDEX(Jesper!AL$2:AL$366,ROUNDDOWN($C7540/24,0)+1,1))-1)+IF('Standard Profiles'!$G$22=$B$10,7,0)+IF('Standard Profiles'!$G$22=$B$17,14,0)+IF('Standard Profiles'!$G$22=$B$24,21,0),0)),0)</f>
        <v>0</v>
      </c>
      <c r="I7540">
        <f t="shared" si="839"/>
        <v>2.7949933676303922</v>
      </c>
      <c r="J7540">
        <f t="shared" si="840"/>
        <v>14.012349188235342</v>
      </c>
      <c r="K7540">
        <f t="shared" si="841"/>
        <v>0.63486788775084591</v>
      </c>
      <c r="L7540">
        <f t="shared" si="842"/>
        <v>0.31743394387542295</v>
      </c>
      <c r="M7540">
        <f t="shared" si="843"/>
        <v>0</v>
      </c>
      <c r="N7540" s="45">
        <f t="shared" si="844"/>
        <v>45239.749999981796</v>
      </c>
    </row>
    <row r="7541" spans="2:14" x14ac:dyDescent="0.25">
      <c r="B7541">
        <f t="shared" si="838"/>
        <v>4</v>
      </c>
      <c r="C7541" s="16">
        <v>7507</v>
      </c>
      <c r="D7541" cm="1">
        <f t="array" ref="D7541">IFERROR(INDEX(Jesper!AH$2:AH$366,ROUNDDOWN($C7541/24,0)+1,1)*INDEX($D$3:$AA$30,INDEX(Jesper!$R$2:$R$366,ROW(INDEX(Jesper!AH$2:AH$366,ROUNDDOWN($C7541/24,0)+1,1))-1)+IF('Standard Profiles'!$G$18=$B$10,7,0)+IF('Standard Profiles'!$G$18=$B$17,14,0)+IF('Standard Profiles'!$G$18=$B$24,21,0),MOD($C7541,24)+1)/SUM(INDEX($D$3:$AA$30,INDEX(Jesper!$R$2:$R$366,ROW(INDEX(Jesper!AH$2:AH$366,ROUNDDOWN($C7541/24,0)+1,1))-1)+IF('Standard Profiles'!$G$18=$B$10,7,0)+IF('Standard Profiles'!$G$18=$B$17,14,0)+IF('Standard Profiles'!$G$18=$B$24,21,0),0)),0)</f>
        <v>5.9518864476641804</v>
      </c>
      <c r="E7541" cm="1">
        <f t="array" ref="E7541">IFERROR(INDEX(Jesper!AI$2:AI$366,ROUNDDOWN($C7541/24,0)+1,1)*INDEX($D$3:$AA$30,INDEX(Jesper!$R$2:$R$366,ROW(INDEX(Jesper!AI$2:AI$366,ROUNDDOWN($C7541/24,0)+1,1))-1)+IF('Standard Profiles'!$G$19=$B$10,7,0)+IF('Standard Profiles'!$G$19=$B$17,14,0)+IF('Standard Profiles'!$G$19=$B$24,21,0),MOD($C7541,24)+1)/SUM(INDEX($D$3:$AA$30,INDEX(Jesper!$R$2:$R$366,ROW(INDEX(Jesper!AI$2:AI$366,ROUNDDOWN($C7541/24,0)+1,1))-1)+IF('Standard Profiles'!$G$19=$B$10,7,0)+IF('Standard Profiles'!$G$19=$B$17,14,0)+IF('Standard Profiles'!$G$19=$B$24,21,0),0)),0)</f>
        <v>5.9848550905978373</v>
      </c>
      <c r="F7541" cm="1">
        <f t="array" ref="F7541">IFERROR(INDEX(Jesper!AJ$2:AJ$366,ROUNDDOWN($C7541/24,0)+1,1)*INDEX($D$3:$AA$30,INDEX(Jesper!$R$2:$R$366,ROW(INDEX(Jesper!AJ$2:AJ$366,ROUNDDOWN($C7541/24,0)+1,1))-1)+IF('Standard Profiles'!$G$20=$B$10,7,0)+IF('Standard Profiles'!$G$20=$B$17,14,0)+IF('Standard Profiles'!$G$20=$B$24,21,0),MOD($C7541,24)+1)/SUM(INDEX($D$3:$AA$30,INDEX(Jesper!$R$2:$R$366,ROW(INDEX(Jesper!AJ$2:AJ$366,ROUNDDOWN($C7541/24,0)+1,1))-1)+IF('Standard Profiles'!$G$20=$B$10,7,0)+IF('Standard Profiles'!$G$20=$B$17,14,0)+IF('Standard Profiles'!$G$20=$B$24,21,0),0)),0)</f>
        <v>0</v>
      </c>
      <c r="G7541" cm="1">
        <f t="array" ref="G7541">IFERROR(INDEX(Jesper!AK$2:AK$366,ROUNDDOWN($C7541/24,0)+1,1)*INDEX($D$3:$AA$30,INDEX(Jesper!$R$2:$R$366,ROW(INDEX(Jesper!AK$2:AK$366,ROUNDDOWN($C7541/24,0)+1,1))-1)+IF('Standard Profiles'!$G$21=$B$10,7,0)+IF('Standard Profiles'!$G$21=$B$17,14,0)+IF('Standard Profiles'!$G$21=$B$24,21,0),MOD($C7541,24)+1)/SUM(INDEX($D$3:$AA$30,INDEX(Jesper!$R$2:$R$366,ROW(INDEX(Jesper!AK$2:AK$366,ROUNDDOWN($C7541/24,0)+1,1))-1)+IF('Standard Profiles'!$G$21=$B$10,7,0)+IF('Standard Profiles'!$G$21=$B$17,14,0)+IF('Standard Profiles'!$G$21=$B$24,21,0),0)),0)</f>
        <v>5.8229028492299868</v>
      </c>
      <c r="H7541" cm="1">
        <f t="array" ref="H7541">IFERROR(INDEX(Jesper!AL$2:AL$366,ROUNDDOWN($C7541/24,0)+1,1)*INDEX($D$3:$AA$30,INDEX(Jesper!$R$2:$R$366,ROW(INDEX(Jesper!AL$2:AL$366,ROUNDDOWN($C7541/24,0)+1,1))-1)+IF('Standard Profiles'!$G$22=$B$10,7,0)+IF('Standard Profiles'!$G$22=$B$17,14,0)+IF('Standard Profiles'!$G$22=$B$24,21,0),MOD($C7541,24)+1)/SUM(INDEX($D$3:$AA$30,INDEX(Jesper!$R$2:$R$366,ROW(INDEX(Jesper!AL$2:AL$366,ROUNDDOWN($C7541/24,0)+1,1))-1)+IF('Standard Profiles'!$G$22=$B$10,7,0)+IF('Standard Profiles'!$G$22=$B$17,14,0)+IF('Standard Profiles'!$G$22=$B$24,21,0),0)),0)</f>
        <v>0</v>
      </c>
      <c r="I7541">
        <f t="shared" si="839"/>
        <v>2.7949933676303922</v>
      </c>
      <c r="J7541">
        <f t="shared" si="840"/>
        <v>14.012349188235342</v>
      </c>
      <c r="K7541">
        <f t="shared" si="841"/>
        <v>0.63486788775084591</v>
      </c>
      <c r="L7541">
        <f t="shared" si="842"/>
        <v>0.31743394387542295</v>
      </c>
      <c r="M7541">
        <f t="shared" si="843"/>
        <v>0</v>
      </c>
      <c r="N7541" s="45">
        <f t="shared" si="844"/>
        <v>45239.79166664846</v>
      </c>
    </row>
    <row r="7542" spans="2:14" x14ac:dyDescent="0.25">
      <c r="B7542">
        <f t="shared" si="838"/>
        <v>4</v>
      </c>
      <c r="C7542" s="16">
        <v>7508</v>
      </c>
      <c r="D7542" cm="1">
        <f t="array" ref="D7542">IFERROR(INDEX(Jesper!AH$2:AH$366,ROUNDDOWN($C7542/24,0)+1,1)*INDEX($D$3:$AA$30,INDEX(Jesper!$R$2:$R$366,ROW(INDEX(Jesper!AH$2:AH$366,ROUNDDOWN($C7542/24,0)+1,1))-1)+IF('Standard Profiles'!$G$18=$B$10,7,0)+IF('Standard Profiles'!$G$18=$B$17,14,0)+IF('Standard Profiles'!$G$18=$B$24,21,0),MOD($C7542,24)+1)/SUM(INDEX($D$3:$AA$30,INDEX(Jesper!$R$2:$R$366,ROW(INDEX(Jesper!AH$2:AH$366,ROUNDDOWN($C7542/24,0)+1,1))-1)+IF('Standard Profiles'!$G$18=$B$10,7,0)+IF('Standard Profiles'!$G$18=$B$17,14,0)+IF('Standard Profiles'!$G$18=$B$24,21,0),0)),0)</f>
        <v>5.9518864476641804</v>
      </c>
      <c r="E7542" cm="1">
        <f t="array" ref="E7542">IFERROR(INDEX(Jesper!AI$2:AI$366,ROUNDDOWN($C7542/24,0)+1,1)*INDEX($D$3:$AA$30,INDEX(Jesper!$R$2:$R$366,ROW(INDEX(Jesper!AI$2:AI$366,ROUNDDOWN($C7542/24,0)+1,1))-1)+IF('Standard Profiles'!$G$19=$B$10,7,0)+IF('Standard Profiles'!$G$19=$B$17,14,0)+IF('Standard Profiles'!$G$19=$B$24,21,0),MOD($C7542,24)+1)/SUM(INDEX($D$3:$AA$30,INDEX(Jesper!$R$2:$R$366,ROW(INDEX(Jesper!AI$2:AI$366,ROUNDDOWN($C7542/24,0)+1,1))-1)+IF('Standard Profiles'!$G$19=$B$10,7,0)+IF('Standard Profiles'!$G$19=$B$17,14,0)+IF('Standard Profiles'!$G$19=$B$24,21,0),0)),0)</f>
        <v>5.9848550905978373</v>
      </c>
      <c r="F7542" cm="1">
        <f t="array" ref="F7542">IFERROR(INDEX(Jesper!AJ$2:AJ$366,ROUNDDOWN($C7542/24,0)+1,1)*INDEX($D$3:$AA$30,INDEX(Jesper!$R$2:$R$366,ROW(INDEX(Jesper!AJ$2:AJ$366,ROUNDDOWN($C7542/24,0)+1,1))-1)+IF('Standard Profiles'!$G$20=$B$10,7,0)+IF('Standard Profiles'!$G$20=$B$17,14,0)+IF('Standard Profiles'!$G$20=$B$24,21,0),MOD($C7542,24)+1)/SUM(INDEX($D$3:$AA$30,INDEX(Jesper!$R$2:$R$366,ROW(INDEX(Jesper!AJ$2:AJ$366,ROUNDDOWN($C7542/24,0)+1,1))-1)+IF('Standard Profiles'!$G$20=$B$10,7,0)+IF('Standard Profiles'!$G$20=$B$17,14,0)+IF('Standard Profiles'!$G$20=$B$24,21,0),0)),0)</f>
        <v>0</v>
      </c>
      <c r="G7542" cm="1">
        <f t="array" ref="G7542">IFERROR(INDEX(Jesper!AK$2:AK$366,ROUNDDOWN($C7542/24,0)+1,1)*INDEX($D$3:$AA$30,INDEX(Jesper!$R$2:$R$366,ROW(INDEX(Jesper!AK$2:AK$366,ROUNDDOWN($C7542/24,0)+1,1))-1)+IF('Standard Profiles'!$G$21=$B$10,7,0)+IF('Standard Profiles'!$G$21=$B$17,14,0)+IF('Standard Profiles'!$G$21=$B$24,21,0),MOD($C7542,24)+1)/SUM(INDEX($D$3:$AA$30,INDEX(Jesper!$R$2:$R$366,ROW(INDEX(Jesper!AK$2:AK$366,ROUNDDOWN($C7542/24,0)+1,1))-1)+IF('Standard Profiles'!$G$21=$B$10,7,0)+IF('Standard Profiles'!$G$21=$B$17,14,0)+IF('Standard Profiles'!$G$21=$B$24,21,0),0)),0)</f>
        <v>5.8229028492299868</v>
      </c>
      <c r="H7542" cm="1">
        <f t="array" ref="H7542">IFERROR(INDEX(Jesper!AL$2:AL$366,ROUNDDOWN($C7542/24,0)+1,1)*INDEX($D$3:$AA$30,INDEX(Jesper!$R$2:$R$366,ROW(INDEX(Jesper!AL$2:AL$366,ROUNDDOWN($C7542/24,0)+1,1))-1)+IF('Standard Profiles'!$G$22=$B$10,7,0)+IF('Standard Profiles'!$G$22=$B$17,14,0)+IF('Standard Profiles'!$G$22=$B$24,21,0),MOD($C7542,24)+1)/SUM(INDEX($D$3:$AA$30,INDEX(Jesper!$R$2:$R$366,ROW(INDEX(Jesper!AL$2:AL$366,ROUNDDOWN($C7542/24,0)+1,1))-1)+IF('Standard Profiles'!$G$22=$B$10,7,0)+IF('Standard Profiles'!$G$22=$B$17,14,0)+IF('Standard Profiles'!$G$22=$B$24,21,0),0)),0)</f>
        <v>0</v>
      </c>
      <c r="I7542">
        <f t="shared" si="839"/>
        <v>2.7949933676303922</v>
      </c>
      <c r="J7542">
        <f t="shared" si="840"/>
        <v>14.012349188235342</v>
      </c>
      <c r="K7542">
        <f t="shared" si="841"/>
        <v>0.63486788775084591</v>
      </c>
      <c r="L7542">
        <f t="shared" si="842"/>
        <v>0.31743394387542295</v>
      </c>
      <c r="M7542">
        <f t="shared" si="843"/>
        <v>0</v>
      </c>
      <c r="N7542" s="45">
        <f t="shared" si="844"/>
        <v>45239.833333315124</v>
      </c>
    </row>
    <row r="7543" spans="2:14" x14ac:dyDescent="0.25">
      <c r="B7543">
        <f t="shared" si="838"/>
        <v>4</v>
      </c>
      <c r="C7543" s="16">
        <v>7509</v>
      </c>
      <c r="D7543" cm="1">
        <f t="array" ref="D7543">IFERROR(INDEX(Jesper!AH$2:AH$366,ROUNDDOWN($C7543/24,0)+1,1)*INDEX($D$3:$AA$30,INDEX(Jesper!$R$2:$R$366,ROW(INDEX(Jesper!AH$2:AH$366,ROUNDDOWN($C7543/24,0)+1,1))-1)+IF('Standard Profiles'!$G$18=$B$10,7,0)+IF('Standard Profiles'!$G$18=$B$17,14,0)+IF('Standard Profiles'!$G$18=$B$24,21,0),MOD($C7543,24)+1)/SUM(INDEX($D$3:$AA$30,INDEX(Jesper!$R$2:$R$366,ROW(INDEX(Jesper!AH$2:AH$366,ROUNDDOWN($C7543/24,0)+1,1))-1)+IF('Standard Profiles'!$G$18=$B$10,7,0)+IF('Standard Profiles'!$G$18=$B$17,14,0)+IF('Standard Profiles'!$G$18=$B$24,21,0),0)),0)</f>
        <v>5.9518864476641804</v>
      </c>
      <c r="E7543" cm="1">
        <f t="array" ref="E7543">IFERROR(INDEX(Jesper!AI$2:AI$366,ROUNDDOWN($C7543/24,0)+1,1)*INDEX($D$3:$AA$30,INDEX(Jesper!$R$2:$R$366,ROW(INDEX(Jesper!AI$2:AI$366,ROUNDDOWN($C7543/24,0)+1,1))-1)+IF('Standard Profiles'!$G$19=$B$10,7,0)+IF('Standard Profiles'!$G$19=$B$17,14,0)+IF('Standard Profiles'!$G$19=$B$24,21,0),MOD($C7543,24)+1)/SUM(INDEX($D$3:$AA$30,INDEX(Jesper!$R$2:$R$366,ROW(INDEX(Jesper!AI$2:AI$366,ROUNDDOWN($C7543/24,0)+1,1))-1)+IF('Standard Profiles'!$G$19=$B$10,7,0)+IF('Standard Profiles'!$G$19=$B$17,14,0)+IF('Standard Profiles'!$G$19=$B$24,21,0),0)),0)</f>
        <v>5.9848550905978373</v>
      </c>
      <c r="F7543" cm="1">
        <f t="array" ref="F7543">IFERROR(INDEX(Jesper!AJ$2:AJ$366,ROUNDDOWN($C7543/24,0)+1,1)*INDEX($D$3:$AA$30,INDEX(Jesper!$R$2:$R$366,ROW(INDEX(Jesper!AJ$2:AJ$366,ROUNDDOWN($C7543/24,0)+1,1))-1)+IF('Standard Profiles'!$G$20=$B$10,7,0)+IF('Standard Profiles'!$G$20=$B$17,14,0)+IF('Standard Profiles'!$G$20=$B$24,21,0),MOD($C7543,24)+1)/SUM(INDEX($D$3:$AA$30,INDEX(Jesper!$R$2:$R$366,ROW(INDEX(Jesper!AJ$2:AJ$366,ROUNDDOWN($C7543/24,0)+1,1))-1)+IF('Standard Profiles'!$G$20=$B$10,7,0)+IF('Standard Profiles'!$G$20=$B$17,14,0)+IF('Standard Profiles'!$G$20=$B$24,21,0),0)),0)</f>
        <v>0</v>
      </c>
      <c r="G7543" cm="1">
        <f t="array" ref="G7543">IFERROR(INDEX(Jesper!AK$2:AK$366,ROUNDDOWN($C7543/24,0)+1,1)*INDEX($D$3:$AA$30,INDEX(Jesper!$R$2:$R$366,ROW(INDEX(Jesper!AK$2:AK$366,ROUNDDOWN($C7543/24,0)+1,1))-1)+IF('Standard Profiles'!$G$21=$B$10,7,0)+IF('Standard Profiles'!$G$21=$B$17,14,0)+IF('Standard Profiles'!$G$21=$B$24,21,0),MOD($C7543,24)+1)/SUM(INDEX($D$3:$AA$30,INDEX(Jesper!$R$2:$R$366,ROW(INDEX(Jesper!AK$2:AK$366,ROUNDDOWN($C7543/24,0)+1,1))-1)+IF('Standard Profiles'!$G$21=$B$10,7,0)+IF('Standard Profiles'!$G$21=$B$17,14,0)+IF('Standard Profiles'!$G$21=$B$24,21,0),0)),0)</f>
        <v>5.8229028492299868</v>
      </c>
      <c r="H7543" cm="1">
        <f t="array" ref="H7543">IFERROR(INDEX(Jesper!AL$2:AL$366,ROUNDDOWN($C7543/24,0)+1,1)*INDEX($D$3:$AA$30,INDEX(Jesper!$R$2:$R$366,ROW(INDEX(Jesper!AL$2:AL$366,ROUNDDOWN($C7543/24,0)+1,1))-1)+IF('Standard Profiles'!$G$22=$B$10,7,0)+IF('Standard Profiles'!$G$22=$B$17,14,0)+IF('Standard Profiles'!$G$22=$B$24,21,0),MOD($C7543,24)+1)/SUM(INDEX($D$3:$AA$30,INDEX(Jesper!$R$2:$R$366,ROW(INDEX(Jesper!AL$2:AL$366,ROUNDDOWN($C7543/24,0)+1,1))-1)+IF('Standard Profiles'!$G$22=$B$10,7,0)+IF('Standard Profiles'!$G$22=$B$17,14,0)+IF('Standard Profiles'!$G$22=$B$24,21,0),0)),0)</f>
        <v>0</v>
      </c>
      <c r="I7543">
        <f t="shared" si="839"/>
        <v>2.7949933676303922</v>
      </c>
      <c r="J7543">
        <f t="shared" si="840"/>
        <v>14.012349188235342</v>
      </c>
      <c r="K7543">
        <f t="shared" si="841"/>
        <v>0.63486788775084591</v>
      </c>
      <c r="L7543">
        <f t="shared" si="842"/>
        <v>0.31743394387542295</v>
      </c>
      <c r="M7543">
        <f t="shared" si="843"/>
        <v>0</v>
      </c>
      <c r="N7543" s="45">
        <f t="shared" si="844"/>
        <v>45239.874999981788</v>
      </c>
    </row>
    <row r="7544" spans="2:14" x14ac:dyDescent="0.25">
      <c r="B7544">
        <f t="shared" si="838"/>
        <v>4</v>
      </c>
      <c r="C7544" s="16">
        <v>7510</v>
      </c>
      <c r="D7544" cm="1">
        <f t="array" ref="D7544">IFERROR(INDEX(Jesper!AH$2:AH$366,ROUNDDOWN($C7544/24,0)+1,1)*INDEX($D$3:$AA$30,INDEX(Jesper!$R$2:$R$366,ROW(INDEX(Jesper!AH$2:AH$366,ROUNDDOWN($C7544/24,0)+1,1))-1)+IF('Standard Profiles'!$G$18=$B$10,7,0)+IF('Standard Profiles'!$G$18=$B$17,14,0)+IF('Standard Profiles'!$G$18=$B$24,21,0),MOD($C7544,24)+1)/SUM(INDEX($D$3:$AA$30,INDEX(Jesper!$R$2:$R$366,ROW(INDEX(Jesper!AH$2:AH$366,ROUNDDOWN($C7544/24,0)+1,1))-1)+IF('Standard Profiles'!$G$18=$B$10,7,0)+IF('Standard Profiles'!$G$18=$B$17,14,0)+IF('Standard Profiles'!$G$18=$B$24,21,0),0)),0)</f>
        <v>5.9518864476641804</v>
      </c>
      <c r="E7544" cm="1">
        <f t="array" ref="E7544">IFERROR(INDEX(Jesper!AI$2:AI$366,ROUNDDOWN($C7544/24,0)+1,1)*INDEX($D$3:$AA$30,INDEX(Jesper!$R$2:$R$366,ROW(INDEX(Jesper!AI$2:AI$366,ROUNDDOWN($C7544/24,0)+1,1))-1)+IF('Standard Profiles'!$G$19=$B$10,7,0)+IF('Standard Profiles'!$G$19=$B$17,14,0)+IF('Standard Profiles'!$G$19=$B$24,21,0),MOD($C7544,24)+1)/SUM(INDEX($D$3:$AA$30,INDEX(Jesper!$R$2:$R$366,ROW(INDEX(Jesper!AI$2:AI$366,ROUNDDOWN($C7544/24,0)+1,1))-1)+IF('Standard Profiles'!$G$19=$B$10,7,0)+IF('Standard Profiles'!$G$19=$B$17,14,0)+IF('Standard Profiles'!$G$19=$B$24,21,0),0)),0)</f>
        <v>5.9848550905978373</v>
      </c>
      <c r="F7544" cm="1">
        <f t="array" ref="F7544">IFERROR(INDEX(Jesper!AJ$2:AJ$366,ROUNDDOWN($C7544/24,0)+1,1)*INDEX($D$3:$AA$30,INDEX(Jesper!$R$2:$R$366,ROW(INDEX(Jesper!AJ$2:AJ$366,ROUNDDOWN($C7544/24,0)+1,1))-1)+IF('Standard Profiles'!$G$20=$B$10,7,0)+IF('Standard Profiles'!$G$20=$B$17,14,0)+IF('Standard Profiles'!$G$20=$B$24,21,0),MOD($C7544,24)+1)/SUM(INDEX($D$3:$AA$30,INDEX(Jesper!$R$2:$R$366,ROW(INDEX(Jesper!AJ$2:AJ$366,ROUNDDOWN($C7544/24,0)+1,1))-1)+IF('Standard Profiles'!$G$20=$B$10,7,0)+IF('Standard Profiles'!$G$20=$B$17,14,0)+IF('Standard Profiles'!$G$20=$B$24,21,0),0)),0)</f>
        <v>0</v>
      </c>
      <c r="G7544" cm="1">
        <f t="array" ref="G7544">IFERROR(INDEX(Jesper!AK$2:AK$366,ROUNDDOWN($C7544/24,0)+1,1)*INDEX($D$3:$AA$30,INDEX(Jesper!$R$2:$R$366,ROW(INDEX(Jesper!AK$2:AK$366,ROUNDDOWN($C7544/24,0)+1,1))-1)+IF('Standard Profiles'!$G$21=$B$10,7,0)+IF('Standard Profiles'!$G$21=$B$17,14,0)+IF('Standard Profiles'!$G$21=$B$24,21,0),MOD($C7544,24)+1)/SUM(INDEX($D$3:$AA$30,INDEX(Jesper!$R$2:$R$366,ROW(INDEX(Jesper!AK$2:AK$366,ROUNDDOWN($C7544/24,0)+1,1))-1)+IF('Standard Profiles'!$G$21=$B$10,7,0)+IF('Standard Profiles'!$G$21=$B$17,14,0)+IF('Standard Profiles'!$G$21=$B$24,21,0),0)),0)</f>
        <v>5.8229028492299868</v>
      </c>
      <c r="H7544" cm="1">
        <f t="array" ref="H7544">IFERROR(INDEX(Jesper!AL$2:AL$366,ROUNDDOWN($C7544/24,0)+1,1)*INDEX($D$3:$AA$30,INDEX(Jesper!$R$2:$R$366,ROW(INDEX(Jesper!AL$2:AL$366,ROUNDDOWN($C7544/24,0)+1,1))-1)+IF('Standard Profiles'!$G$22=$B$10,7,0)+IF('Standard Profiles'!$G$22=$B$17,14,0)+IF('Standard Profiles'!$G$22=$B$24,21,0),MOD($C7544,24)+1)/SUM(INDEX($D$3:$AA$30,INDEX(Jesper!$R$2:$R$366,ROW(INDEX(Jesper!AL$2:AL$366,ROUNDDOWN($C7544/24,0)+1,1))-1)+IF('Standard Profiles'!$G$22=$B$10,7,0)+IF('Standard Profiles'!$G$22=$B$17,14,0)+IF('Standard Profiles'!$G$22=$B$24,21,0),0)),0)</f>
        <v>0</v>
      </c>
      <c r="I7544">
        <f t="shared" si="839"/>
        <v>2.7949933676303922</v>
      </c>
      <c r="J7544">
        <f t="shared" si="840"/>
        <v>14.012349188235342</v>
      </c>
      <c r="K7544">
        <f t="shared" si="841"/>
        <v>0.63486788775084591</v>
      </c>
      <c r="L7544">
        <f t="shared" si="842"/>
        <v>0.31743394387542295</v>
      </c>
      <c r="M7544">
        <f t="shared" si="843"/>
        <v>0</v>
      </c>
      <c r="N7544" s="45">
        <f t="shared" si="844"/>
        <v>45239.916666648453</v>
      </c>
    </row>
    <row r="7545" spans="2:14" x14ac:dyDescent="0.25">
      <c r="B7545">
        <f t="shared" si="838"/>
        <v>4</v>
      </c>
      <c r="C7545" s="16">
        <v>7511</v>
      </c>
      <c r="D7545" cm="1">
        <f t="array" ref="D7545">IFERROR(INDEX(Jesper!AH$2:AH$366,ROUNDDOWN($C7545/24,0)+1,1)*INDEX($D$3:$AA$30,INDEX(Jesper!$R$2:$R$366,ROW(INDEX(Jesper!AH$2:AH$366,ROUNDDOWN($C7545/24,0)+1,1))-1)+IF('Standard Profiles'!$G$18=$B$10,7,0)+IF('Standard Profiles'!$G$18=$B$17,14,0)+IF('Standard Profiles'!$G$18=$B$24,21,0),MOD($C7545,24)+1)/SUM(INDEX($D$3:$AA$30,INDEX(Jesper!$R$2:$R$366,ROW(INDEX(Jesper!AH$2:AH$366,ROUNDDOWN($C7545/24,0)+1,1))-1)+IF('Standard Profiles'!$G$18=$B$10,7,0)+IF('Standard Profiles'!$G$18=$B$17,14,0)+IF('Standard Profiles'!$G$18=$B$24,21,0),0)),0)</f>
        <v>5.9518864476641804</v>
      </c>
      <c r="E7545" cm="1">
        <f t="array" ref="E7545">IFERROR(INDEX(Jesper!AI$2:AI$366,ROUNDDOWN($C7545/24,0)+1,1)*INDEX($D$3:$AA$30,INDEX(Jesper!$R$2:$R$366,ROW(INDEX(Jesper!AI$2:AI$366,ROUNDDOWN($C7545/24,0)+1,1))-1)+IF('Standard Profiles'!$G$19=$B$10,7,0)+IF('Standard Profiles'!$G$19=$B$17,14,0)+IF('Standard Profiles'!$G$19=$B$24,21,0),MOD($C7545,24)+1)/SUM(INDEX($D$3:$AA$30,INDEX(Jesper!$R$2:$R$366,ROW(INDEX(Jesper!AI$2:AI$366,ROUNDDOWN($C7545/24,0)+1,1))-1)+IF('Standard Profiles'!$G$19=$B$10,7,0)+IF('Standard Profiles'!$G$19=$B$17,14,0)+IF('Standard Profiles'!$G$19=$B$24,21,0),0)),0)</f>
        <v>5.9848550905978373</v>
      </c>
      <c r="F7545" cm="1">
        <f t="array" ref="F7545">IFERROR(INDEX(Jesper!AJ$2:AJ$366,ROUNDDOWN($C7545/24,0)+1,1)*INDEX($D$3:$AA$30,INDEX(Jesper!$R$2:$R$366,ROW(INDEX(Jesper!AJ$2:AJ$366,ROUNDDOWN($C7545/24,0)+1,1))-1)+IF('Standard Profiles'!$G$20=$B$10,7,0)+IF('Standard Profiles'!$G$20=$B$17,14,0)+IF('Standard Profiles'!$G$20=$B$24,21,0),MOD($C7545,24)+1)/SUM(INDEX($D$3:$AA$30,INDEX(Jesper!$R$2:$R$366,ROW(INDEX(Jesper!AJ$2:AJ$366,ROUNDDOWN($C7545/24,0)+1,1))-1)+IF('Standard Profiles'!$G$20=$B$10,7,0)+IF('Standard Profiles'!$G$20=$B$17,14,0)+IF('Standard Profiles'!$G$20=$B$24,21,0),0)),0)</f>
        <v>0</v>
      </c>
      <c r="G7545" cm="1">
        <f t="array" ref="G7545">IFERROR(INDEX(Jesper!AK$2:AK$366,ROUNDDOWN($C7545/24,0)+1,1)*INDEX($D$3:$AA$30,INDEX(Jesper!$R$2:$R$366,ROW(INDEX(Jesper!AK$2:AK$366,ROUNDDOWN($C7545/24,0)+1,1))-1)+IF('Standard Profiles'!$G$21=$B$10,7,0)+IF('Standard Profiles'!$G$21=$B$17,14,0)+IF('Standard Profiles'!$G$21=$B$24,21,0),MOD($C7545,24)+1)/SUM(INDEX($D$3:$AA$30,INDEX(Jesper!$R$2:$R$366,ROW(INDEX(Jesper!AK$2:AK$366,ROUNDDOWN($C7545/24,0)+1,1))-1)+IF('Standard Profiles'!$G$21=$B$10,7,0)+IF('Standard Profiles'!$G$21=$B$17,14,0)+IF('Standard Profiles'!$G$21=$B$24,21,0),0)),0)</f>
        <v>5.8229028492299868</v>
      </c>
      <c r="H7545" cm="1">
        <f t="array" ref="H7545">IFERROR(INDEX(Jesper!AL$2:AL$366,ROUNDDOWN($C7545/24,0)+1,1)*INDEX($D$3:$AA$30,INDEX(Jesper!$R$2:$R$366,ROW(INDEX(Jesper!AL$2:AL$366,ROUNDDOWN($C7545/24,0)+1,1))-1)+IF('Standard Profiles'!$G$22=$B$10,7,0)+IF('Standard Profiles'!$G$22=$B$17,14,0)+IF('Standard Profiles'!$G$22=$B$24,21,0),MOD($C7545,24)+1)/SUM(INDEX($D$3:$AA$30,INDEX(Jesper!$R$2:$R$366,ROW(INDEX(Jesper!AL$2:AL$366,ROUNDDOWN($C7545/24,0)+1,1))-1)+IF('Standard Profiles'!$G$22=$B$10,7,0)+IF('Standard Profiles'!$G$22=$B$17,14,0)+IF('Standard Profiles'!$G$22=$B$24,21,0),0)),0)</f>
        <v>0</v>
      </c>
      <c r="I7545">
        <f t="shared" si="839"/>
        <v>2.7949933676303922</v>
      </c>
      <c r="J7545">
        <f t="shared" si="840"/>
        <v>14.012349188235342</v>
      </c>
      <c r="K7545">
        <f t="shared" si="841"/>
        <v>0.63486788775084591</v>
      </c>
      <c r="L7545">
        <f t="shared" si="842"/>
        <v>0.31743394387542295</v>
      </c>
      <c r="M7545">
        <f t="shared" si="843"/>
        <v>0</v>
      </c>
      <c r="N7545" s="45">
        <f t="shared" si="844"/>
        <v>45239.958333315117</v>
      </c>
    </row>
    <row r="7546" spans="2:14" x14ac:dyDescent="0.25">
      <c r="B7546">
        <f t="shared" si="838"/>
        <v>5</v>
      </c>
      <c r="C7546" s="16">
        <v>7512</v>
      </c>
      <c r="D7546" cm="1">
        <f t="array" ref="D7546">IFERROR(INDEX(Jesper!AH$2:AH$366,ROUNDDOWN($C7546/24,0)+1,1)*INDEX($D$3:$AA$30,INDEX(Jesper!$R$2:$R$366,ROW(INDEX(Jesper!AH$2:AH$366,ROUNDDOWN($C7546/24,0)+1,1))-1)+IF('Standard Profiles'!$G$18=$B$10,7,0)+IF('Standard Profiles'!$G$18=$B$17,14,0)+IF('Standard Profiles'!$G$18=$B$24,21,0),MOD($C7546,24)+1)/SUM(INDEX($D$3:$AA$30,INDEX(Jesper!$R$2:$R$366,ROW(INDEX(Jesper!AH$2:AH$366,ROUNDDOWN($C7546/24,0)+1,1))-1)+IF('Standard Profiles'!$G$18=$B$10,7,0)+IF('Standard Profiles'!$G$18=$B$17,14,0)+IF('Standard Profiles'!$G$18=$B$24,21,0),0)),0)</f>
        <v>9.0402811943234926</v>
      </c>
      <c r="E7546" cm="1">
        <f t="array" ref="E7546">IFERROR(INDEX(Jesper!AI$2:AI$366,ROUNDDOWN($C7546/24,0)+1,1)*INDEX($D$3:$AA$30,INDEX(Jesper!$R$2:$R$366,ROW(INDEX(Jesper!AI$2:AI$366,ROUNDDOWN($C7546/24,0)+1,1))-1)+IF('Standard Profiles'!$G$19=$B$10,7,0)+IF('Standard Profiles'!$G$19=$B$17,14,0)+IF('Standard Profiles'!$G$19=$B$24,21,0),MOD($C7546,24)+1)/SUM(INDEX($D$3:$AA$30,INDEX(Jesper!$R$2:$R$366,ROW(INDEX(Jesper!AI$2:AI$366,ROUNDDOWN($C7546/24,0)+1,1))-1)+IF('Standard Profiles'!$G$19=$B$10,7,0)+IF('Standard Profiles'!$G$19=$B$17,14,0)+IF('Standard Profiles'!$G$19=$B$24,21,0),0)),0)</f>
        <v>8.6700137869481555</v>
      </c>
      <c r="F7546" cm="1">
        <f t="array" ref="F7546">IFERROR(INDEX(Jesper!AJ$2:AJ$366,ROUNDDOWN($C7546/24,0)+1,1)*INDEX($D$3:$AA$30,INDEX(Jesper!$R$2:$R$366,ROW(INDEX(Jesper!AJ$2:AJ$366,ROUNDDOWN($C7546/24,0)+1,1))-1)+IF('Standard Profiles'!$G$20=$B$10,7,0)+IF('Standard Profiles'!$G$20=$B$17,14,0)+IF('Standard Profiles'!$G$20=$B$24,21,0),MOD($C7546,24)+1)/SUM(INDEX($D$3:$AA$30,INDEX(Jesper!$R$2:$R$366,ROW(INDEX(Jesper!AJ$2:AJ$366,ROUNDDOWN($C7546/24,0)+1,1))-1)+IF('Standard Profiles'!$G$20=$B$10,7,0)+IF('Standard Profiles'!$G$20=$B$17,14,0)+IF('Standard Profiles'!$G$20=$B$24,21,0),0)),0)</f>
        <v>0</v>
      </c>
      <c r="G7546" cm="1">
        <f t="array" ref="G7546">IFERROR(INDEX(Jesper!AK$2:AK$366,ROUNDDOWN($C7546/24,0)+1,1)*INDEX($D$3:$AA$30,INDEX(Jesper!$R$2:$R$366,ROW(INDEX(Jesper!AK$2:AK$366,ROUNDDOWN($C7546/24,0)+1,1))-1)+IF('Standard Profiles'!$G$21=$B$10,7,0)+IF('Standard Profiles'!$G$21=$B$17,14,0)+IF('Standard Profiles'!$G$21=$B$24,21,0),MOD($C7546,24)+1)/SUM(INDEX($D$3:$AA$30,INDEX(Jesper!$R$2:$R$366,ROW(INDEX(Jesper!AK$2:AK$366,ROUNDDOWN($C7546/24,0)+1,1))-1)+IF('Standard Profiles'!$G$21=$B$10,7,0)+IF('Standard Profiles'!$G$21=$B$17,14,0)+IF('Standard Profiles'!$G$21=$B$24,21,0),0)),0)</f>
        <v>4.8385549024650905</v>
      </c>
      <c r="H7546" cm="1">
        <f t="array" ref="H7546">IFERROR(INDEX(Jesper!AL$2:AL$366,ROUNDDOWN($C7546/24,0)+1,1)*INDEX($D$3:$AA$30,INDEX(Jesper!$R$2:$R$366,ROW(INDEX(Jesper!AL$2:AL$366,ROUNDDOWN($C7546/24,0)+1,1))-1)+IF('Standard Profiles'!$G$22=$B$10,7,0)+IF('Standard Profiles'!$G$22=$B$17,14,0)+IF('Standard Profiles'!$G$22=$B$24,21,0),MOD($C7546,24)+1)/SUM(INDEX($D$3:$AA$30,INDEX(Jesper!$R$2:$R$366,ROW(INDEX(Jesper!AL$2:AL$366,ROUNDDOWN($C7546/24,0)+1,1))-1)+IF('Standard Profiles'!$G$22=$B$10,7,0)+IF('Standard Profiles'!$G$22=$B$17,14,0)+IF('Standard Profiles'!$G$22=$B$24,21,0),0)),0)</f>
        <v>0</v>
      </c>
      <c r="I7546">
        <f t="shared" si="839"/>
        <v>2.3225063531832424</v>
      </c>
      <c r="J7546">
        <f t="shared" si="840"/>
        <v>18.779898539461737</v>
      </c>
      <c r="K7546">
        <f t="shared" si="841"/>
        <v>0.96429666072783926</v>
      </c>
      <c r="L7546">
        <f t="shared" si="842"/>
        <v>0.48214833036391963</v>
      </c>
      <c r="M7546">
        <f t="shared" si="843"/>
        <v>0</v>
      </c>
      <c r="N7546" s="45">
        <f t="shared" si="844"/>
        <v>45239.999999981781</v>
      </c>
    </row>
    <row r="7547" spans="2:14" x14ac:dyDescent="0.25">
      <c r="B7547">
        <f t="shared" si="838"/>
        <v>5</v>
      </c>
      <c r="C7547" s="16">
        <v>7513</v>
      </c>
      <c r="D7547" cm="1">
        <f t="array" ref="D7547">IFERROR(INDEX(Jesper!AH$2:AH$366,ROUNDDOWN($C7547/24,0)+1,1)*INDEX($D$3:$AA$30,INDEX(Jesper!$R$2:$R$366,ROW(INDEX(Jesper!AH$2:AH$366,ROUNDDOWN($C7547/24,0)+1,1))-1)+IF('Standard Profiles'!$G$18=$B$10,7,0)+IF('Standard Profiles'!$G$18=$B$17,14,0)+IF('Standard Profiles'!$G$18=$B$24,21,0),MOD($C7547,24)+1)/SUM(INDEX($D$3:$AA$30,INDEX(Jesper!$R$2:$R$366,ROW(INDEX(Jesper!AH$2:AH$366,ROUNDDOWN($C7547/24,0)+1,1))-1)+IF('Standard Profiles'!$G$18=$B$10,7,0)+IF('Standard Profiles'!$G$18=$B$17,14,0)+IF('Standard Profiles'!$G$18=$B$24,21,0),0)),0)</f>
        <v>5.4789582995899959</v>
      </c>
      <c r="E7547" cm="1">
        <f t="array" ref="E7547">IFERROR(INDEX(Jesper!AI$2:AI$366,ROUNDDOWN($C7547/24,0)+1,1)*INDEX($D$3:$AA$30,INDEX(Jesper!$R$2:$R$366,ROW(INDEX(Jesper!AI$2:AI$366,ROUNDDOWN($C7547/24,0)+1,1))-1)+IF('Standard Profiles'!$G$19=$B$10,7,0)+IF('Standard Profiles'!$G$19=$B$17,14,0)+IF('Standard Profiles'!$G$19=$B$24,21,0),MOD($C7547,24)+1)/SUM(INDEX($D$3:$AA$30,INDEX(Jesper!$R$2:$R$366,ROW(INDEX(Jesper!AI$2:AI$366,ROUNDDOWN($C7547/24,0)+1,1))-1)+IF('Standard Profiles'!$G$19=$B$10,7,0)+IF('Standard Profiles'!$G$19=$B$17,14,0)+IF('Standard Profiles'!$G$19=$B$24,21,0),0)),0)</f>
        <v>5.2545538102716094</v>
      </c>
      <c r="F7547" cm="1">
        <f t="array" ref="F7547">IFERROR(INDEX(Jesper!AJ$2:AJ$366,ROUNDDOWN($C7547/24,0)+1,1)*INDEX($D$3:$AA$30,INDEX(Jesper!$R$2:$R$366,ROW(INDEX(Jesper!AJ$2:AJ$366,ROUNDDOWN($C7547/24,0)+1,1))-1)+IF('Standard Profiles'!$G$20=$B$10,7,0)+IF('Standard Profiles'!$G$20=$B$17,14,0)+IF('Standard Profiles'!$G$20=$B$24,21,0),MOD($C7547,24)+1)/SUM(INDEX($D$3:$AA$30,INDEX(Jesper!$R$2:$R$366,ROW(INDEX(Jesper!AJ$2:AJ$366,ROUNDDOWN($C7547/24,0)+1,1))-1)+IF('Standard Profiles'!$G$20=$B$10,7,0)+IF('Standard Profiles'!$G$20=$B$17,14,0)+IF('Standard Profiles'!$G$20=$B$24,21,0),0)),0)</f>
        <v>0</v>
      </c>
      <c r="G7547" cm="1">
        <f t="array" ref="G7547">IFERROR(INDEX(Jesper!AK$2:AK$366,ROUNDDOWN($C7547/24,0)+1,1)*INDEX($D$3:$AA$30,INDEX(Jesper!$R$2:$R$366,ROW(INDEX(Jesper!AK$2:AK$366,ROUNDDOWN($C7547/24,0)+1,1))-1)+IF('Standard Profiles'!$G$21=$B$10,7,0)+IF('Standard Profiles'!$G$21=$B$17,14,0)+IF('Standard Profiles'!$G$21=$B$24,21,0),MOD($C7547,24)+1)/SUM(INDEX($D$3:$AA$30,INDEX(Jesper!$R$2:$R$366,ROW(INDEX(Jesper!AK$2:AK$366,ROUNDDOWN($C7547/24,0)+1,1))-1)+IF('Standard Profiles'!$G$21=$B$10,7,0)+IF('Standard Profiles'!$G$21=$B$17,14,0)+IF('Standard Profiles'!$G$21=$B$24,21,0),0)),0)</f>
        <v>4.8385549024650905</v>
      </c>
      <c r="H7547" cm="1">
        <f t="array" ref="H7547">IFERROR(INDEX(Jesper!AL$2:AL$366,ROUNDDOWN($C7547/24,0)+1,1)*INDEX($D$3:$AA$30,INDEX(Jesper!$R$2:$R$366,ROW(INDEX(Jesper!AL$2:AL$366,ROUNDDOWN($C7547/24,0)+1,1))-1)+IF('Standard Profiles'!$G$22=$B$10,7,0)+IF('Standard Profiles'!$G$22=$B$17,14,0)+IF('Standard Profiles'!$G$22=$B$24,21,0),MOD($C7547,24)+1)/SUM(INDEX($D$3:$AA$30,INDEX(Jesper!$R$2:$R$366,ROW(INDEX(Jesper!AL$2:AL$366,ROUNDDOWN($C7547/24,0)+1,1))-1)+IF('Standard Profiles'!$G$22=$B$10,7,0)+IF('Standard Profiles'!$G$22=$B$17,14,0)+IF('Standard Profiles'!$G$22=$B$24,21,0),0)),0)</f>
        <v>0</v>
      </c>
      <c r="I7547">
        <f t="shared" si="839"/>
        <v>2.3225063531832424</v>
      </c>
      <c r="J7547">
        <f t="shared" si="840"/>
        <v>12.372927331209054</v>
      </c>
      <c r="K7547">
        <f t="shared" si="841"/>
        <v>0.58442221862293298</v>
      </c>
      <c r="L7547">
        <f t="shared" si="842"/>
        <v>0.29221110931146649</v>
      </c>
      <c r="M7547">
        <f t="shared" si="843"/>
        <v>0</v>
      </c>
      <c r="N7547" s="45">
        <f t="shared" si="844"/>
        <v>45240.041666648445</v>
      </c>
    </row>
    <row r="7548" spans="2:14" x14ac:dyDescent="0.25">
      <c r="B7548">
        <f t="shared" si="838"/>
        <v>5</v>
      </c>
      <c r="C7548" s="16">
        <v>7514</v>
      </c>
      <c r="D7548" cm="1">
        <f t="array" ref="D7548">IFERROR(INDEX(Jesper!AH$2:AH$366,ROUNDDOWN($C7548/24,0)+1,1)*INDEX($D$3:$AA$30,INDEX(Jesper!$R$2:$R$366,ROW(INDEX(Jesper!AH$2:AH$366,ROUNDDOWN($C7548/24,0)+1,1))-1)+IF('Standard Profiles'!$G$18=$B$10,7,0)+IF('Standard Profiles'!$G$18=$B$17,14,0)+IF('Standard Profiles'!$G$18=$B$24,21,0),MOD($C7548,24)+1)/SUM(INDEX($D$3:$AA$30,INDEX(Jesper!$R$2:$R$366,ROW(INDEX(Jesper!AH$2:AH$366,ROUNDDOWN($C7548/24,0)+1,1))-1)+IF('Standard Profiles'!$G$18=$B$10,7,0)+IF('Standard Profiles'!$G$18=$B$17,14,0)+IF('Standard Profiles'!$G$18=$B$24,21,0),0)),0)</f>
        <v>5.4789582995899959</v>
      </c>
      <c r="E7548" cm="1">
        <f t="array" ref="E7548">IFERROR(INDEX(Jesper!AI$2:AI$366,ROUNDDOWN($C7548/24,0)+1,1)*INDEX($D$3:$AA$30,INDEX(Jesper!$R$2:$R$366,ROW(INDEX(Jesper!AI$2:AI$366,ROUNDDOWN($C7548/24,0)+1,1))-1)+IF('Standard Profiles'!$G$19=$B$10,7,0)+IF('Standard Profiles'!$G$19=$B$17,14,0)+IF('Standard Profiles'!$G$19=$B$24,21,0),MOD($C7548,24)+1)/SUM(INDEX($D$3:$AA$30,INDEX(Jesper!$R$2:$R$366,ROW(INDEX(Jesper!AI$2:AI$366,ROUNDDOWN($C7548/24,0)+1,1))-1)+IF('Standard Profiles'!$G$19=$B$10,7,0)+IF('Standard Profiles'!$G$19=$B$17,14,0)+IF('Standard Profiles'!$G$19=$B$24,21,0),0)),0)</f>
        <v>5.2545538102716094</v>
      </c>
      <c r="F7548" cm="1">
        <f t="array" ref="F7548">IFERROR(INDEX(Jesper!AJ$2:AJ$366,ROUNDDOWN($C7548/24,0)+1,1)*INDEX($D$3:$AA$30,INDEX(Jesper!$R$2:$R$366,ROW(INDEX(Jesper!AJ$2:AJ$366,ROUNDDOWN($C7548/24,0)+1,1))-1)+IF('Standard Profiles'!$G$20=$B$10,7,0)+IF('Standard Profiles'!$G$20=$B$17,14,0)+IF('Standard Profiles'!$G$20=$B$24,21,0),MOD($C7548,24)+1)/SUM(INDEX($D$3:$AA$30,INDEX(Jesper!$R$2:$R$366,ROW(INDEX(Jesper!AJ$2:AJ$366,ROUNDDOWN($C7548/24,0)+1,1))-1)+IF('Standard Profiles'!$G$20=$B$10,7,0)+IF('Standard Profiles'!$G$20=$B$17,14,0)+IF('Standard Profiles'!$G$20=$B$24,21,0),0)),0)</f>
        <v>0</v>
      </c>
      <c r="G7548" cm="1">
        <f t="array" ref="G7548">IFERROR(INDEX(Jesper!AK$2:AK$366,ROUNDDOWN($C7548/24,0)+1,1)*INDEX($D$3:$AA$30,INDEX(Jesper!$R$2:$R$366,ROW(INDEX(Jesper!AK$2:AK$366,ROUNDDOWN($C7548/24,0)+1,1))-1)+IF('Standard Profiles'!$G$21=$B$10,7,0)+IF('Standard Profiles'!$G$21=$B$17,14,0)+IF('Standard Profiles'!$G$21=$B$24,21,0),MOD($C7548,24)+1)/SUM(INDEX($D$3:$AA$30,INDEX(Jesper!$R$2:$R$366,ROW(INDEX(Jesper!AK$2:AK$366,ROUNDDOWN($C7548/24,0)+1,1))-1)+IF('Standard Profiles'!$G$21=$B$10,7,0)+IF('Standard Profiles'!$G$21=$B$17,14,0)+IF('Standard Profiles'!$G$21=$B$24,21,0),0)),0)</f>
        <v>4.8385549024650905</v>
      </c>
      <c r="H7548" cm="1">
        <f t="array" ref="H7548">IFERROR(INDEX(Jesper!AL$2:AL$366,ROUNDDOWN($C7548/24,0)+1,1)*INDEX($D$3:$AA$30,INDEX(Jesper!$R$2:$R$366,ROW(INDEX(Jesper!AL$2:AL$366,ROUNDDOWN($C7548/24,0)+1,1))-1)+IF('Standard Profiles'!$G$22=$B$10,7,0)+IF('Standard Profiles'!$G$22=$B$17,14,0)+IF('Standard Profiles'!$G$22=$B$24,21,0),MOD($C7548,24)+1)/SUM(INDEX($D$3:$AA$30,INDEX(Jesper!$R$2:$R$366,ROW(INDEX(Jesper!AL$2:AL$366,ROUNDDOWN($C7548/24,0)+1,1))-1)+IF('Standard Profiles'!$G$22=$B$10,7,0)+IF('Standard Profiles'!$G$22=$B$17,14,0)+IF('Standard Profiles'!$G$22=$B$24,21,0),0)),0)</f>
        <v>0</v>
      </c>
      <c r="I7548">
        <f t="shared" si="839"/>
        <v>2.3225063531832424</v>
      </c>
      <c r="J7548">
        <f t="shared" si="840"/>
        <v>12.372927331209054</v>
      </c>
      <c r="K7548">
        <f t="shared" si="841"/>
        <v>0.58442221862293298</v>
      </c>
      <c r="L7548">
        <f t="shared" si="842"/>
        <v>0.29221110931146649</v>
      </c>
      <c r="M7548">
        <f t="shared" si="843"/>
        <v>0</v>
      </c>
      <c r="N7548" s="45">
        <f t="shared" si="844"/>
        <v>45240.083333315109</v>
      </c>
    </row>
    <row r="7549" spans="2:14" x14ac:dyDescent="0.25">
      <c r="B7549">
        <f t="shared" si="838"/>
        <v>5</v>
      </c>
      <c r="C7549" s="16">
        <v>7515</v>
      </c>
      <c r="D7549" cm="1">
        <f t="array" ref="D7549">IFERROR(INDEX(Jesper!AH$2:AH$366,ROUNDDOWN($C7549/24,0)+1,1)*INDEX($D$3:$AA$30,INDEX(Jesper!$R$2:$R$366,ROW(INDEX(Jesper!AH$2:AH$366,ROUNDDOWN($C7549/24,0)+1,1))-1)+IF('Standard Profiles'!$G$18=$B$10,7,0)+IF('Standard Profiles'!$G$18=$B$17,14,0)+IF('Standard Profiles'!$G$18=$B$24,21,0),MOD($C7549,24)+1)/SUM(INDEX($D$3:$AA$30,INDEX(Jesper!$R$2:$R$366,ROW(INDEX(Jesper!AH$2:AH$366,ROUNDDOWN($C7549/24,0)+1,1))-1)+IF('Standard Profiles'!$G$18=$B$10,7,0)+IF('Standard Profiles'!$G$18=$B$17,14,0)+IF('Standard Profiles'!$G$18=$B$24,21,0),0)),0)</f>
        <v>5.4789582995899959</v>
      </c>
      <c r="E7549" cm="1">
        <f t="array" ref="E7549">IFERROR(INDEX(Jesper!AI$2:AI$366,ROUNDDOWN($C7549/24,0)+1,1)*INDEX($D$3:$AA$30,INDEX(Jesper!$R$2:$R$366,ROW(INDEX(Jesper!AI$2:AI$366,ROUNDDOWN($C7549/24,0)+1,1))-1)+IF('Standard Profiles'!$G$19=$B$10,7,0)+IF('Standard Profiles'!$G$19=$B$17,14,0)+IF('Standard Profiles'!$G$19=$B$24,21,0),MOD($C7549,24)+1)/SUM(INDEX($D$3:$AA$30,INDEX(Jesper!$R$2:$R$366,ROW(INDEX(Jesper!AI$2:AI$366,ROUNDDOWN($C7549/24,0)+1,1))-1)+IF('Standard Profiles'!$G$19=$B$10,7,0)+IF('Standard Profiles'!$G$19=$B$17,14,0)+IF('Standard Profiles'!$G$19=$B$24,21,0),0)),0)</f>
        <v>5.2545538102716094</v>
      </c>
      <c r="F7549" cm="1">
        <f t="array" ref="F7549">IFERROR(INDEX(Jesper!AJ$2:AJ$366,ROUNDDOWN($C7549/24,0)+1,1)*INDEX($D$3:$AA$30,INDEX(Jesper!$R$2:$R$366,ROW(INDEX(Jesper!AJ$2:AJ$366,ROUNDDOWN($C7549/24,0)+1,1))-1)+IF('Standard Profiles'!$G$20=$B$10,7,0)+IF('Standard Profiles'!$G$20=$B$17,14,0)+IF('Standard Profiles'!$G$20=$B$24,21,0),MOD($C7549,24)+1)/SUM(INDEX($D$3:$AA$30,INDEX(Jesper!$R$2:$R$366,ROW(INDEX(Jesper!AJ$2:AJ$366,ROUNDDOWN($C7549/24,0)+1,1))-1)+IF('Standard Profiles'!$G$20=$B$10,7,0)+IF('Standard Profiles'!$G$20=$B$17,14,0)+IF('Standard Profiles'!$G$20=$B$24,21,0),0)),0)</f>
        <v>0</v>
      </c>
      <c r="G7549" cm="1">
        <f t="array" ref="G7549">IFERROR(INDEX(Jesper!AK$2:AK$366,ROUNDDOWN($C7549/24,0)+1,1)*INDEX($D$3:$AA$30,INDEX(Jesper!$R$2:$R$366,ROW(INDEX(Jesper!AK$2:AK$366,ROUNDDOWN($C7549/24,0)+1,1))-1)+IF('Standard Profiles'!$G$21=$B$10,7,0)+IF('Standard Profiles'!$G$21=$B$17,14,0)+IF('Standard Profiles'!$G$21=$B$24,21,0),MOD($C7549,24)+1)/SUM(INDEX($D$3:$AA$30,INDEX(Jesper!$R$2:$R$366,ROW(INDEX(Jesper!AK$2:AK$366,ROUNDDOWN($C7549/24,0)+1,1))-1)+IF('Standard Profiles'!$G$21=$B$10,7,0)+IF('Standard Profiles'!$G$21=$B$17,14,0)+IF('Standard Profiles'!$G$21=$B$24,21,0),0)),0)</f>
        <v>4.8385549024650905</v>
      </c>
      <c r="H7549" cm="1">
        <f t="array" ref="H7549">IFERROR(INDEX(Jesper!AL$2:AL$366,ROUNDDOWN($C7549/24,0)+1,1)*INDEX($D$3:$AA$30,INDEX(Jesper!$R$2:$R$366,ROW(INDEX(Jesper!AL$2:AL$366,ROUNDDOWN($C7549/24,0)+1,1))-1)+IF('Standard Profiles'!$G$22=$B$10,7,0)+IF('Standard Profiles'!$G$22=$B$17,14,0)+IF('Standard Profiles'!$G$22=$B$24,21,0),MOD($C7549,24)+1)/SUM(INDEX($D$3:$AA$30,INDEX(Jesper!$R$2:$R$366,ROW(INDEX(Jesper!AL$2:AL$366,ROUNDDOWN($C7549/24,0)+1,1))-1)+IF('Standard Profiles'!$G$22=$B$10,7,0)+IF('Standard Profiles'!$G$22=$B$17,14,0)+IF('Standard Profiles'!$G$22=$B$24,21,0),0)),0)</f>
        <v>0</v>
      </c>
      <c r="I7549">
        <f t="shared" si="839"/>
        <v>2.3225063531832424</v>
      </c>
      <c r="J7549">
        <f t="shared" si="840"/>
        <v>12.372927331209054</v>
      </c>
      <c r="K7549">
        <f t="shared" si="841"/>
        <v>0.58442221862293298</v>
      </c>
      <c r="L7549">
        <f t="shared" si="842"/>
        <v>0.29221110931146649</v>
      </c>
      <c r="M7549">
        <f t="shared" si="843"/>
        <v>0</v>
      </c>
      <c r="N7549" s="45">
        <f t="shared" si="844"/>
        <v>45240.124999981774</v>
      </c>
    </row>
    <row r="7550" spans="2:14" x14ac:dyDescent="0.25">
      <c r="B7550">
        <f t="shared" si="838"/>
        <v>5</v>
      </c>
      <c r="C7550" s="16">
        <v>7516</v>
      </c>
      <c r="D7550" cm="1">
        <f t="array" ref="D7550">IFERROR(INDEX(Jesper!AH$2:AH$366,ROUNDDOWN($C7550/24,0)+1,1)*INDEX($D$3:$AA$30,INDEX(Jesper!$R$2:$R$366,ROW(INDEX(Jesper!AH$2:AH$366,ROUNDDOWN($C7550/24,0)+1,1))-1)+IF('Standard Profiles'!$G$18=$B$10,7,0)+IF('Standard Profiles'!$G$18=$B$17,14,0)+IF('Standard Profiles'!$G$18=$B$24,21,0),MOD($C7550,24)+1)/SUM(INDEX($D$3:$AA$30,INDEX(Jesper!$R$2:$R$366,ROW(INDEX(Jesper!AH$2:AH$366,ROUNDDOWN($C7550/24,0)+1,1))-1)+IF('Standard Profiles'!$G$18=$B$10,7,0)+IF('Standard Profiles'!$G$18=$B$17,14,0)+IF('Standard Profiles'!$G$18=$B$24,21,0),0)),0)</f>
        <v>5.4789582995899959</v>
      </c>
      <c r="E7550" cm="1">
        <f t="array" ref="E7550">IFERROR(INDEX(Jesper!AI$2:AI$366,ROUNDDOWN($C7550/24,0)+1,1)*INDEX($D$3:$AA$30,INDEX(Jesper!$R$2:$R$366,ROW(INDEX(Jesper!AI$2:AI$366,ROUNDDOWN($C7550/24,0)+1,1))-1)+IF('Standard Profiles'!$G$19=$B$10,7,0)+IF('Standard Profiles'!$G$19=$B$17,14,0)+IF('Standard Profiles'!$G$19=$B$24,21,0),MOD($C7550,24)+1)/SUM(INDEX($D$3:$AA$30,INDEX(Jesper!$R$2:$R$366,ROW(INDEX(Jesper!AI$2:AI$366,ROUNDDOWN($C7550/24,0)+1,1))-1)+IF('Standard Profiles'!$G$19=$B$10,7,0)+IF('Standard Profiles'!$G$19=$B$17,14,0)+IF('Standard Profiles'!$G$19=$B$24,21,0),0)),0)</f>
        <v>5.2545538102716094</v>
      </c>
      <c r="F7550" cm="1">
        <f t="array" ref="F7550">IFERROR(INDEX(Jesper!AJ$2:AJ$366,ROUNDDOWN($C7550/24,0)+1,1)*INDEX($D$3:$AA$30,INDEX(Jesper!$R$2:$R$366,ROW(INDEX(Jesper!AJ$2:AJ$366,ROUNDDOWN($C7550/24,0)+1,1))-1)+IF('Standard Profiles'!$G$20=$B$10,7,0)+IF('Standard Profiles'!$G$20=$B$17,14,0)+IF('Standard Profiles'!$G$20=$B$24,21,0),MOD($C7550,24)+1)/SUM(INDEX($D$3:$AA$30,INDEX(Jesper!$R$2:$R$366,ROW(INDEX(Jesper!AJ$2:AJ$366,ROUNDDOWN($C7550/24,0)+1,1))-1)+IF('Standard Profiles'!$G$20=$B$10,7,0)+IF('Standard Profiles'!$G$20=$B$17,14,0)+IF('Standard Profiles'!$G$20=$B$24,21,0),0)),0)</f>
        <v>0</v>
      </c>
      <c r="G7550" cm="1">
        <f t="array" ref="G7550">IFERROR(INDEX(Jesper!AK$2:AK$366,ROUNDDOWN($C7550/24,0)+1,1)*INDEX($D$3:$AA$30,INDEX(Jesper!$R$2:$R$366,ROW(INDEX(Jesper!AK$2:AK$366,ROUNDDOWN($C7550/24,0)+1,1))-1)+IF('Standard Profiles'!$G$21=$B$10,7,0)+IF('Standard Profiles'!$G$21=$B$17,14,0)+IF('Standard Profiles'!$G$21=$B$24,21,0),MOD($C7550,24)+1)/SUM(INDEX($D$3:$AA$30,INDEX(Jesper!$R$2:$R$366,ROW(INDEX(Jesper!AK$2:AK$366,ROUNDDOWN($C7550/24,0)+1,1))-1)+IF('Standard Profiles'!$G$21=$B$10,7,0)+IF('Standard Profiles'!$G$21=$B$17,14,0)+IF('Standard Profiles'!$G$21=$B$24,21,0),0)),0)</f>
        <v>4.8385549024650905</v>
      </c>
      <c r="H7550" cm="1">
        <f t="array" ref="H7550">IFERROR(INDEX(Jesper!AL$2:AL$366,ROUNDDOWN($C7550/24,0)+1,1)*INDEX($D$3:$AA$30,INDEX(Jesper!$R$2:$R$366,ROW(INDEX(Jesper!AL$2:AL$366,ROUNDDOWN($C7550/24,0)+1,1))-1)+IF('Standard Profiles'!$G$22=$B$10,7,0)+IF('Standard Profiles'!$G$22=$B$17,14,0)+IF('Standard Profiles'!$G$22=$B$24,21,0),MOD($C7550,24)+1)/SUM(INDEX($D$3:$AA$30,INDEX(Jesper!$R$2:$R$366,ROW(INDEX(Jesper!AL$2:AL$366,ROUNDDOWN($C7550/24,0)+1,1))-1)+IF('Standard Profiles'!$G$22=$B$10,7,0)+IF('Standard Profiles'!$G$22=$B$17,14,0)+IF('Standard Profiles'!$G$22=$B$24,21,0),0)),0)</f>
        <v>0</v>
      </c>
      <c r="I7550">
        <f t="shared" si="839"/>
        <v>2.3225063531832424</v>
      </c>
      <c r="J7550">
        <f t="shared" si="840"/>
        <v>12.372927331209054</v>
      </c>
      <c r="K7550">
        <f t="shared" si="841"/>
        <v>0.58442221862293298</v>
      </c>
      <c r="L7550">
        <f t="shared" si="842"/>
        <v>0.29221110931146649</v>
      </c>
      <c r="M7550">
        <f t="shared" si="843"/>
        <v>0</v>
      </c>
      <c r="N7550" s="45">
        <f t="shared" si="844"/>
        <v>45240.166666648438</v>
      </c>
    </row>
    <row r="7551" spans="2:14" x14ac:dyDescent="0.25">
      <c r="B7551">
        <f t="shared" si="838"/>
        <v>5</v>
      </c>
      <c r="C7551" s="16">
        <v>7517</v>
      </c>
      <c r="D7551" cm="1">
        <f t="array" ref="D7551">IFERROR(INDEX(Jesper!AH$2:AH$366,ROUNDDOWN($C7551/24,0)+1,1)*INDEX($D$3:$AA$30,INDEX(Jesper!$R$2:$R$366,ROW(INDEX(Jesper!AH$2:AH$366,ROUNDDOWN($C7551/24,0)+1,1))-1)+IF('Standard Profiles'!$G$18=$B$10,7,0)+IF('Standard Profiles'!$G$18=$B$17,14,0)+IF('Standard Profiles'!$G$18=$B$24,21,0),MOD($C7551,24)+1)/SUM(INDEX($D$3:$AA$30,INDEX(Jesper!$R$2:$R$366,ROW(INDEX(Jesper!AH$2:AH$366,ROUNDDOWN($C7551/24,0)+1,1))-1)+IF('Standard Profiles'!$G$18=$B$10,7,0)+IF('Standard Profiles'!$G$18=$B$17,14,0)+IF('Standard Profiles'!$G$18=$B$24,21,0),0)),0)</f>
        <v>5.4789582995899959</v>
      </c>
      <c r="E7551" cm="1">
        <f t="array" ref="E7551">IFERROR(INDEX(Jesper!AI$2:AI$366,ROUNDDOWN($C7551/24,0)+1,1)*INDEX($D$3:$AA$30,INDEX(Jesper!$R$2:$R$366,ROW(INDEX(Jesper!AI$2:AI$366,ROUNDDOWN($C7551/24,0)+1,1))-1)+IF('Standard Profiles'!$G$19=$B$10,7,0)+IF('Standard Profiles'!$G$19=$B$17,14,0)+IF('Standard Profiles'!$G$19=$B$24,21,0),MOD($C7551,24)+1)/SUM(INDEX($D$3:$AA$30,INDEX(Jesper!$R$2:$R$366,ROW(INDEX(Jesper!AI$2:AI$366,ROUNDDOWN($C7551/24,0)+1,1))-1)+IF('Standard Profiles'!$G$19=$B$10,7,0)+IF('Standard Profiles'!$G$19=$B$17,14,0)+IF('Standard Profiles'!$G$19=$B$24,21,0),0)),0)</f>
        <v>5.2545538102716094</v>
      </c>
      <c r="F7551" cm="1">
        <f t="array" ref="F7551">IFERROR(INDEX(Jesper!AJ$2:AJ$366,ROUNDDOWN($C7551/24,0)+1,1)*INDEX($D$3:$AA$30,INDEX(Jesper!$R$2:$R$366,ROW(INDEX(Jesper!AJ$2:AJ$366,ROUNDDOWN($C7551/24,0)+1,1))-1)+IF('Standard Profiles'!$G$20=$B$10,7,0)+IF('Standard Profiles'!$G$20=$B$17,14,0)+IF('Standard Profiles'!$G$20=$B$24,21,0),MOD($C7551,24)+1)/SUM(INDEX($D$3:$AA$30,INDEX(Jesper!$R$2:$R$366,ROW(INDEX(Jesper!AJ$2:AJ$366,ROUNDDOWN($C7551/24,0)+1,1))-1)+IF('Standard Profiles'!$G$20=$B$10,7,0)+IF('Standard Profiles'!$G$20=$B$17,14,0)+IF('Standard Profiles'!$G$20=$B$24,21,0),0)),0)</f>
        <v>0</v>
      </c>
      <c r="G7551" cm="1">
        <f t="array" ref="G7551">IFERROR(INDEX(Jesper!AK$2:AK$366,ROUNDDOWN($C7551/24,0)+1,1)*INDEX($D$3:$AA$30,INDEX(Jesper!$R$2:$R$366,ROW(INDEX(Jesper!AK$2:AK$366,ROUNDDOWN($C7551/24,0)+1,1))-1)+IF('Standard Profiles'!$G$21=$B$10,7,0)+IF('Standard Profiles'!$G$21=$B$17,14,0)+IF('Standard Profiles'!$G$21=$B$24,21,0),MOD($C7551,24)+1)/SUM(INDEX($D$3:$AA$30,INDEX(Jesper!$R$2:$R$366,ROW(INDEX(Jesper!AK$2:AK$366,ROUNDDOWN($C7551/24,0)+1,1))-1)+IF('Standard Profiles'!$G$21=$B$10,7,0)+IF('Standard Profiles'!$G$21=$B$17,14,0)+IF('Standard Profiles'!$G$21=$B$24,21,0),0)),0)</f>
        <v>4.8385549024650905</v>
      </c>
      <c r="H7551" cm="1">
        <f t="array" ref="H7551">IFERROR(INDEX(Jesper!AL$2:AL$366,ROUNDDOWN($C7551/24,0)+1,1)*INDEX($D$3:$AA$30,INDEX(Jesper!$R$2:$R$366,ROW(INDEX(Jesper!AL$2:AL$366,ROUNDDOWN($C7551/24,0)+1,1))-1)+IF('Standard Profiles'!$G$22=$B$10,7,0)+IF('Standard Profiles'!$G$22=$B$17,14,0)+IF('Standard Profiles'!$G$22=$B$24,21,0),MOD($C7551,24)+1)/SUM(INDEX($D$3:$AA$30,INDEX(Jesper!$R$2:$R$366,ROW(INDEX(Jesper!AL$2:AL$366,ROUNDDOWN($C7551/24,0)+1,1))-1)+IF('Standard Profiles'!$G$22=$B$10,7,0)+IF('Standard Profiles'!$G$22=$B$17,14,0)+IF('Standard Profiles'!$G$22=$B$24,21,0),0)),0)</f>
        <v>0</v>
      </c>
      <c r="I7551">
        <f t="shared" si="839"/>
        <v>2.3225063531832424</v>
      </c>
      <c r="J7551">
        <f t="shared" si="840"/>
        <v>12.372927331209054</v>
      </c>
      <c r="K7551">
        <f t="shared" si="841"/>
        <v>0.58442221862293298</v>
      </c>
      <c r="L7551">
        <f t="shared" si="842"/>
        <v>0.29221110931146649</v>
      </c>
      <c r="M7551">
        <f t="shared" si="843"/>
        <v>0</v>
      </c>
      <c r="N7551" s="45">
        <f t="shared" si="844"/>
        <v>45240.208333315102</v>
      </c>
    </row>
    <row r="7552" spans="2:14" x14ac:dyDescent="0.25">
      <c r="B7552">
        <f t="shared" si="838"/>
        <v>5</v>
      </c>
      <c r="C7552" s="16">
        <v>7518</v>
      </c>
      <c r="D7552" cm="1">
        <f t="array" ref="D7552">IFERROR(INDEX(Jesper!AH$2:AH$366,ROUNDDOWN($C7552/24,0)+1,1)*INDEX($D$3:$AA$30,INDEX(Jesper!$R$2:$R$366,ROW(INDEX(Jesper!AH$2:AH$366,ROUNDDOWN($C7552/24,0)+1,1))-1)+IF('Standard Profiles'!$G$18=$B$10,7,0)+IF('Standard Profiles'!$G$18=$B$17,14,0)+IF('Standard Profiles'!$G$18=$B$24,21,0),MOD($C7552,24)+1)/SUM(INDEX($D$3:$AA$30,INDEX(Jesper!$R$2:$R$366,ROW(INDEX(Jesper!AH$2:AH$366,ROUNDDOWN($C7552/24,0)+1,1))-1)+IF('Standard Profiles'!$G$18=$B$10,7,0)+IF('Standard Profiles'!$G$18=$B$17,14,0)+IF('Standard Profiles'!$G$18=$B$24,21,0),0)),0)</f>
        <v>5.4789582995899959</v>
      </c>
      <c r="E7552" cm="1">
        <f t="array" ref="E7552">IFERROR(INDEX(Jesper!AI$2:AI$366,ROUNDDOWN($C7552/24,0)+1,1)*INDEX($D$3:$AA$30,INDEX(Jesper!$R$2:$R$366,ROW(INDEX(Jesper!AI$2:AI$366,ROUNDDOWN($C7552/24,0)+1,1))-1)+IF('Standard Profiles'!$G$19=$B$10,7,0)+IF('Standard Profiles'!$G$19=$B$17,14,0)+IF('Standard Profiles'!$G$19=$B$24,21,0),MOD($C7552,24)+1)/SUM(INDEX($D$3:$AA$30,INDEX(Jesper!$R$2:$R$366,ROW(INDEX(Jesper!AI$2:AI$366,ROUNDDOWN($C7552/24,0)+1,1))-1)+IF('Standard Profiles'!$G$19=$B$10,7,0)+IF('Standard Profiles'!$G$19=$B$17,14,0)+IF('Standard Profiles'!$G$19=$B$24,21,0),0)),0)</f>
        <v>5.2545538102716094</v>
      </c>
      <c r="F7552" cm="1">
        <f t="array" ref="F7552">IFERROR(INDEX(Jesper!AJ$2:AJ$366,ROUNDDOWN($C7552/24,0)+1,1)*INDEX($D$3:$AA$30,INDEX(Jesper!$R$2:$R$366,ROW(INDEX(Jesper!AJ$2:AJ$366,ROUNDDOWN($C7552/24,0)+1,1))-1)+IF('Standard Profiles'!$G$20=$B$10,7,0)+IF('Standard Profiles'!$G$20=$B$17,14,0)+IF('Standard Profiles'!$G$20=$B$24,21,0),MOD($C7552,24)+1)/SUM(INDEX($D$3:$AA$30,INDEX(Jesper!$R$2:$R$366,ROW(INDEX(Jesper!AJ$2:AJ$366,ROUNDDOWN($C7552/24,0)+1,1))-1)+IF('Standard Profiles'!$G$20=$B$10,7,0)+IF('Standard Profiles'!$G$20=$B$17,14,0)+IF('Standard Profiles'!$G$20=$B$24,21,0),0)),0)</f>
        <v>0</v>
      </c>
      <c r="G7552" cm="1">
        <f t="array" ref="G7552">IFERROR(INDEX(Jesper!AK$2:AK$366,ROUNDDOWN($C7552/24,0)+1,1)*INDEX($D$3:$AA$30,INDEX(Jesper!$R$2:$R$366,ROW(INDEX(Jesper!AK$2:AK$366,ROUNDDOWN($C7552/24,0)+1,1))-1)+IF('Standard Profiles'!$G$21=$B$10,7,0)+IF('Standard Profiles'!$G$21=$B$17,14,0)+IF('Standard Profiles'!$G$21=$B$24,21,0),MOD($C7552,24)+1)/SUM(INDEX($D$3:$AA$30,INDEX(Jesper!$R$2:$R$366,ROW(INDEX(Jesper!AK$2:AK$366,ROUNDDOWN($C7552/24,0)+1,1))-1)+IF('Standard Profiles'!$G$21=$B$10,7,0)+IF('Standard Profiles'!$G$21=$B$17,14,0)+IF('Standard Profiles'!$G$21=$B$24,21,0),0)),0)</f>
        <v>4.8385549024650905</v>
      </c>
      <c r="H7552" cm="1">
        <f t="array" ref="H7552">IFERROR(INDEX(Jesper!AL$2:AL$366,ROUNDDOWN($C7552/24,0)+1,1)*INDEX($D$3:$AA$30,INDEX(Jesper!$R$2:$R$366,ROW(INDEX(Jesper!AL$2:AL$366,ROUNDDOWN($C7552/24,0)+1,1))-1)+IF('Standard Profiles'!$G$22=$B$10,7,0)+IF('Standard Profiles'!$G$22=$B$17,14,0)+IF('Standard Profiles'!$G$22=$B$24,21,0),MOD($C7552,24)+1)/SUM(INDEX($D$3:$AA$30,INDEX(Jesper!$R$2:$R$366,ROW(INDEX(Jesper!AL$2:AL$366,ROUNDDOWN($C7552/24,0)+1,1))-1)+IF('Standard Profiles'!$G$22=$B$10,7,0)+IF('Standard Profiles'!$G$22=$B$17,14,0)+IF('Standard Profiles'!$G$22=$B$24,21,0),0)),0)</f>
        <v>0</v>
      </c>
      <c r="I7552">
        <f t="shared" si="839"/>
        <v>2.3225063531832424</v>
      </c>
      <c r="J7552">
        <f t="shared" si="840"/>
        <v>12.372927331209054</v>
      </c>
      <c r="K7552">
        <f t="shared" si="841"/>
        <v>0.58442221862293298</v>
      </c>
      <c r="L7552">
        <f t="shared" si="842"/>
        <v>0.29221110931146649</v>
      </c>
      <c r="M7552">
        <f t="shared" si="843"/>
        <v>0</v>
      </c>
      <c r="N7552" s="45">
        <f t="shared" si="844"/>
        <v>45240.249999981766</v>
      </c>
    </row>
    <row r="7553" spans="2:14" x14ac:dyDescent="0.25">
      <c r="B7553">
        <f t="shared" si="838"/>
        <v>5</v>
      </c>
      <c r="C7553" s="16">
        <v>7519</v>
      </c>
      <c r="D7553" cm="1">
        <f t="array" ref="D7553">IFERROR(INDEX(Jesper!AH$2:AH$366,ROUNDDOWN($C7553/24,0)+1,1)*INDEX($D$3:$AA$30,INDEX(Jesper!$R$2:$R$366,ROW(INDEX(Jesper!AH$2:AH$366,ROUNDDOWN($C7553/24,0)+1,1))-1)+IF('Standard Profiles'!$G$18=$B$10,7,0)+IF('Standard Profiles'!$G$18=$B$17,14,0)+IF('Standard Profiles'!$G$18=$B$24,21,0),MOD($C7553,24)+1)/SUM(INDEX($D$3:$AA$30,INDEX(Jesper!$R$2:$R$366,ROW(INDEX(Jesper!AH$2:AH$366,ROUNDDOWN($C7553/24,0)+1,1))-1)+IF('Standard Profiles'!$G$18=$B$10,7,0)+IF('Standard Profiles'!$G$18=$B$17,14,0)+IF('Standard Profiles'!$G$18=$B$24,21,0),0)),0)</f>
        <v>23.34036235625338</v>
      </c>
      <c r="E7553" cm="1">
        <f t="array" ref="E7553">IFERROR(INDEX(Jesper!AI$2:AI$366,ROUNDDOWN($C7553/24,0)+1,1)*INDEX($D$3:$AA$30,INDEX(Jesper!$R$2:$R$366,ROW(INDEX(Jesper!AI$2:AI$366,ROUNDDOWN($C7553/24,0)+1,1))-1)+IF('Standard Profiles'!$G$19=$B$10,7,0)+IF('Standard Profiles'!$G$19=$B$17,14,0)+IF('Standard Profiles'!$G$19=$B$24,21,0),MOD($C7553,24)+1)/SUM(INDEX($D$3:$AA$30,INDEX(Jesper!$R$2:$R$366,ROW(INDEX(Jesper!AI$2:AI$366,ROUNDDOWN($C7553/24,0)+1,1))-1)+IF('Standard Profiles'!$G$19=$B$10,7,0)+IF('Standard Profiles'!$G$19=$B$17,14,0)+IF('Standard Profiles'!$G$19=$B$24,21,0),0)),0)</f>
        <v>22.384399231757051</v>
      </c>
      <c r="F7553" cm="1">
        <f t="array" ref="F7553">IFERROR(INDEX(Jesper!AJ$2:AJ$366,ROUNDDOWN($C7553/24,0)+1,1)*INDEX($D$3:$AA$30,INDEX(Jesper!$R$2:$R$366,ROW(INDEX(Jesper!AJ$2:AJ$366,ROUNDDOWN($C7553/24,0)+1,1))-1)+IF('Standard Profiles'!$G$20=$B$10,7,0)+IF('Standard Profiles'!$G$20=$B$17,14,0)+IF('Standard Profiles'!$G$20=$B$24,21,0),MOD($C7553,24)+1)/SUM(INDEX($D$3:$AA$30,INDEX(Jesper!$R$2:$R$366,ROW(INDEX(Jesper!AJ$2:AJ$366,ROUNDDOWN($C7553/24,0)+1,1))-1)+IF('Standard Profiles'!$G$20=$B$10,7,0)+IF('Standard Profiles'!$G$20=$B$17,14,0)+IF('Standard Profiles'!$G$20=$B$24,21,0),0)),0)</f>
        <v>0</v>
      </c>
      <c r="G7553" cm="1">
        <f t="array" ref="G7553">IFERROR(INDEX(Jesper!AK$2:AK$366,ROUNDDOWN($C7553/24,0)+1,1)*INDEX($D$3:$AA$30,INDEX(Jesper!$R$2:$R$366,ROW(INDEX(Jesper!AK$2:AK$366,ROUNDDOWN($C7553/24,0)+1,1))-1)+IF('Standard Profiles'!$G$21=$B$10,7,0)+IF('Standard Profiles'!$G$21=$B$17,14,0)+IF('Standard Profiles'!$G$21=$B$24,21,0),MOD($C7553,24)+1)/SUM(INDEX($D$3:$AA$30,INDEX(Jesper!$R$2:$R$366,ROW(INDEX(Jesper!AK$2:AK$366,ROUNDDOWN($C7553/24,0)+1,1))-1)+IF('Standard Profiles'!$G$21=$B$10,7,0)+IF('Standard Profiles'!$G$21=$B$17,14,0)+IF('Standard Profiles'!$G$21=$B$24,21,0),0)),0)</f>
        <v>13.110922961518311</v>
      </c>
      <c r="H7553" cm="1">
        <f t="array" ref="H7553">IFERROR(INDEX(Jesper!AL$2:AL$366,ROUNDDOWN($C7553/24,0)+1,1)*INDEX($D$3:$AA$30,INDEX(Jesper!$R$2:$R$366,ROW(INDEX(Jesper!AL$2:AL$366,ROUNDDOWN($C7553/24,0)+1,1))-1)+IF('Standard Profiles'!$G$22=$B$10,7,0)+IF('Standard Profiles'!$G$22=$B$17,14,0)+IF('Standard Profiles'!$G$22=$B$24,21,0),MOD($C7553,24)+1)/SUM(INDEX($D$3:$AA$30,INDEX(Jesper!$R$2:$R$366,ROW(INDEX(Jesper!AL$2:AL$366,ROUNDDOWN($C7553/24,0)+1,1))-1)+IF('Standard Profiles'!$G$22=$B$10,7,0)+IF('Standard Profiles'!$G$22=$B$17,14,0)+IF('Standard Profiles'!$G$22=$B$24,21,0),0)),0)</f>
        <v>0</v>
      </c>
      <c r="I7553">
        <f t="shared" si="839"/>
        <v>6.2932430215287862</v>
      </c>
      <c r="J7553">
        <f t="shared" si="840"/>
        <v>48.807983550999417</v>
      </c>
      <c r="K7553">
        <f t="shared" si="841"/>
        <v>2.4896386513336939</v>
      </c>
      <c r="L7553">
        <f t="shared" si="842"/>
        <v>1.2448193256668469</v>
      </c>
      <c r="M7553">
        <f t="shared" si="843"/>
        <v>0</v>
      </c>
      <c r="N7553" s="45">
        <f t="shared" si="844"/>
        <v>45240.291666648431</v>
      </c>
    </row>
    <row r="7554" spans="2:14" x14ac:dyDescent="0.25">
      <c r="B7554">
        <f t="shared" si="838"/>
        <v>5</v>
      </c>
      <c r="C7554" s="16">
        <v>7520</v>
      </c>
      <c r="D7554" cm="1">
        <f t="array" ref="D7554">IFERROR(INDEX(Jesper!AH$2:AH$366,ROUNDDOWN($C7554/24,0)+1,1)*INDEX($D$3:$AA$30,INDEX(Jesper!$R$2:$R$366,ROW(INDEX(Jesper!AH$2:AH$366,ROUNDDOWN($C7554/24,0)+1,1))-1)+IF('Standard Profiles'!$G$18=$B$10,7,0)+IF('Standard Profiles'!$G$18=$B$17,14,0)+IF('Standard Profiles'!$G$18=$B$24,21,0),MOD($C7554,24)+1)/SUM(INDEX($D$3:$AA$30,INDEX(Jesper!$R$2:$R$366,ROW(INDEX(Jesper!AH$2:AH$366,ROUNDDOWN($C7554/24,0)+1,1))-1)+IF('Standard Profiles'!$G$18=$B$10,7,0)+IF('Standard Profiles'!$G$18=$B$17,14,0)+IF('Standard Profiles'!$G$18=$B$24,21,0),0)),0)</f>
        <v>29.175452945316724</v>
      </c>
      <c r="E7554" cm="1">
        <f t="array" ref="E7554">IFERROR(INDEX(Jesper!AI$2:AI$366,ROUNDDOWN($C7554/24,0)+1,1)*INDEX($D$3:$AA$30,INDEX(Jesper!$R$2:$R$366,ROW(INDEX(Jesper!AI$2:AI$366,ROUNDDOWN($C7554/24,0)+1,1))-1)+IF('Standard Profiles'!$G$19=$B$10,7,0)+IF('Standard Profiles'!$G$19=$B$17,14,0)+IF('Standard Profiles'!$G$19=$B$24,21,0),MOD($C7554,24)+1)/SUM(INDEX($D$3:$AA$30,INDEX(Jesper!$R$2:$R$366,ROW(INDEX(Jesper!AI$2:AI$366,ROUNDDOWN($C7554/24,0)+1,1))-1)+IF('Standard Profiles'!$G$19=$B$10,7,0)+IF('Standard Profiles'!$G$19=$B$17,14,0)+IF('Standard Profiles'!$G$19=$B$24,21,0),0)),0)</f>
        <v>27.980499039696316</v>
      </c>
      <c r="F7554" cm="1">
        <f t="array" ref="F7554">IFERROR(INDEX(Jesper!AJ$2:AJ$366,ROUNDDOWN($C7554/24,0)+1,1)*INDEX($D$3:$AA$30,INDEX(Jesper!$R$2:$R$366,ROW(INDEX(Jesper!AJ$2:AJ$366,ROUNDDOWN($C7554/24,0)+1,1))-1)+IF('Standard Profiles'!$G$20=$B$10,7,0)+IF('Standard Profiles'!$G$20=$B$17,14,0)+IF('Standard Profiles'!$G$20=$B$24,21,0),MOD($C7554,24)+1)/SUM(INDEX($D$3:$AA$30,INDEX(Jesper!$R$2:$R$366,ROW(INDEX(Jesper!AJ$2:AJ$366,ROUNDDOWN($C7554/24,0)+1,1))-1)+IF('Standard Profiles'!$G$20=$B$10,7,0)+IF('Standard Profiles'!$G$20=$B$17,14,0)+IF('Standard Profiles'!$G$20=$B$24,21,0),0)),0)</f>
        <v>0</v>
      </c>
      <c r="G7554" cm="1">
        <f t="array" ref="G7554">IFERROR(INDEX(Jesper!AK$2:AK$366,ROUNDDOWN($C7554/24,0)+1,1)*INDEX($D$3:$AA$30,INDEX(Jesper!$R$2:$R$366,ROW(INDEX(Jesper!AK$2:AK$366,ROUNDDOWN($C7554/24,0)+1,1))-1)+IF('Standard Profiles'!$G$21=$B$10,7,0)+IF('Standard Profiles'!$G$21=$B$17,14,0)+IF('Standard Profiles'!$G$21=$B$24,21,0),MOD($C7554,24)+1)/SUM(INDEX($D$3:$AA$30,INDEX(Jesper!$R$2:$R$366,ROW(INDEX(Jesper!AK$2:AK$366,ROUNDDOWN($C7554/24,0)+1,1))-1)+IF('Standard Profiles'!$G$21=$B$10,7,0)+IF('Standard Profiles'!$G$21=$B$17,14,0)+IF('Standard Profiles'!$G$21=$B$24,21,0),0)),0)</f>
        <v>16.388653701897887</v>
      </c>
      <c r="H7554" cm="1">
        <f t="array" ref="H7554">IFERROR(INDEX(Jesper!AL$2:AL$366,ROUNDDOWN($C7554/24,0)+1,1)*INDEX($D$3:$AA$30,INDEX(Jesper!$R$2:$R$366,ROW(INDEX(Jesper!AL$2:AL$366,ROUNDDOWN($C7554/24,0)+1,1))-1)+IF('Standard Profiles'!$G$22=$B$10,7,0)+IF('Standard Profiles'!$G$22=$B$17,14,0)+IF('Standard Profiles'!$G$22=$B$24,21,0),MOD($C7554,24)+1)/SUM(INDEX($D$3:$AA$30,INDEX(Jesper!$R$2:$R$366,ROW(INDEX(Jesper!AL$2:AL$366,ROUNDDOWN($C7554/24,0)+1,1))-1)+IF('Standard Profiles'!$G$22=$B$10,7,0)+IF('Standard Profiles'!$G$22=$B$17,14,0)+IF('Standard Profiles'!$G$22=$B$24,21,0),0)),0)</f>
        <v>0</v>
      </c>
      <c r="I7554">
        <f t="shared" si="839"/>
        <v>7.8665537769109815</v>
      </c>
      <c r="J7554">
        <f t="shared" si="840"/>
        <v>61.009979438749269</v>
      </c>
      <c r="K7554">
        <f t="shared" si="841"/>
        <v>3.1120483141671174</v>
      </c>
      <c r="L7554">
        <f t="shared" si="842"/>
        <v>1.5560241570835587</v>
      </c>
      <c r="M7554">
        <f t="shared" si="843"/>
        <v>0</v>
      </c>
      <c r="N7554" s="45">
        <f t="shared" si="844"/>
        <v>45240.333333315095</v>
      </c>
    </row>
    <row r="7555" spans="2:14" x14ac:dyDescent="0.25">
      <c r="B7555">
        <f t="shared" si="838"/>
        <v>5</v>
      </c>
      <c r="C7555" s="16">
        <v>7521</v>
      </c>
      <c r="D7555" cm="1">
        <f t="array" ref="D7555">IFERROR(INDEX(Jesper!AH$2:AH$366,ROUNDDOWN($C7555/24,0)+1,1)*INDEX($D$3:$AA$30,INDEX(Jesper!$R$2:$R$366,ROW(INDEX(Jesper!AH$2:AH$366,ROUNDDOWN($C7555/24,0)+1,1))-1)+IF('Standard Profiles'!$G$18=$B$10,7,0)+IF('Standard Profiles'!$G$18=$B$17,14,0)+IF('Standard Profiles'!$G$18=$B$24,21,0),MOD($C7555,24)+1)/SUM(INDEX($D$3:$AA$30,INDEX(Jesper!$R$2:$R$366,ROW(INDEX(Jesper!AH$2:AH$366,ROUNDDOWN($C7555/24,0)+1,1))-1)+IF('Standard Profiles'!$G$18=$B$10,7,0)+IF('Standard Profiles'!$G$18=$B$17,14,0)+IF('Standard Profiles'!$G$18=$B$24,21,0),0)),0)</f>
        <v>32.092998239848399</v>
      </c>
      <c r="E7555" cm="1">
        <f t="array" ref="E7555">IFERROR(INDEX(Jesper!AI$2:AI$366,ROUNDDOWN($C7555/24,0)+1,1)*INDEX($D$3:$AA$30,INDEX(Jesper!$R$2:$R$366,ROW(INDEX(Jesper!AI$2:AI$366,ROUNDDOWN($C7555/24,0)+1,1))-1)+IF('Standard Profiles'!$G$19=$B$10,7,0)+IF('Standard Profiles'!$G$19=$B$17,14,0)+IF('Standard Profiles'!$G$19=$B$24,21,0),MOD($C7555,24)+1)/SUM(INDEX($D$3:$AA$30,INDEX(Jesper!$R$2:$R$366,ROW(INDEX(Jesper!AI$2:AI$366,ROUNDDOWN($C7555/24,0)+1,1))-1)+IF('Standard Profiles'!$G$19=$B$10,7,0)+IF('Standard Profiles'!$G$19=$B$17,14,0)+IF('Standard Profiles'!$G$19=$B$24,21,0),0)),0)</f>
        <v>30.778548943665946</v>
      </c>
      <c r="F7555" cm="1">
        <f t="array" ref="F7555">IFERROR(INDEX(Jesper!AJ$2:AJ$366,ROUNDDOWN($C7555/24,0)+1,1)*INDEX($D$3:$AA$30,INDEX(Jesper!$R$2:$R$366,ROW(INDEX(Jesper!AJ$2:AJ$366,ROUNDDOWN($C7555/24,0)+1,1))-1)+IF('Standard Profiles'!$G$20=$B$10,7,0)+IF('Standard Profiles'!$G$20=$B$17,14,0)+IF('Standard Profiles'!$G$20=$B$24,21,0),MOD($C7555,24)+1)/SUM(INDEX($D$3:$AA$30,INDEX(Jesper!$R$2:$R$366,ROW(INDEX(Jesper!AJ$2:AJ$366,ROUNDDOWN($C7555/24,0)+1,1))-1)+IF('Standard Profiles'!$G$20=$B$10,7,0)+IF('Standard Profiles'!$G$20=$B$17,14,0)+IF('Standard Profiles'!$G$20=$B$24,21,0),0)),0)</f>
        <v>0</v>
      </c>
      <c r="G7555" cm="1">
        <f t="array" ref="G7555">IFERROR(INDEX(Jesper!AK$2:AK$366,ROUNDDOWN($C7555/24,0)+1,1)*INDEX($D$3:$AA$30,INDEX(Jesper!$R$2:$R$366,ROW(INDEX(Jesper!AK$2:AK$366,ROUNDDOWN($C7555/24,0)+1,1))-1)+IF('Standard Profiles'!$G$21=$B$10,7,0)+IF('Standard Profiles'!$G$21=$B$17,14,0)+IF('Standard Profiles'!$G$21=$B$24,21,0),MOD($C7555,24)+1)/SUM(INDEX($D$3:$AA$30,INDEX(Jesper!$R$2:$R$366,ROW(INDEX(Jesper!AK$2:AK$366,ROUNDDOWN($C7555/24,0)+1,1))-1)+IF('Standard Profiles'!$G$21=$B$10,7,0)+IF('Standard Profiles'!$G$21=$B$17,14,0)+IF('Standard Profiles'!$G$21=$B$24,21,0),0)),0)</f>
        <v>18.027519072087674</v>
      </c>
      <c r="H7555" cm="1">
        <f t="array" ref="H7555">IFERROR(INDEX(Jesper!AL$2:AL$366,ROUNDDOWN($C7555/24,0)+1,1)*INDEX($D$3:$AA$30,INDEX(Jesper!$R$2:$R$366,ROW(INDEX(Jesper!AL$2:AL$366,ROUNDDOWN($C7555/24,0)+1,1))-1)+IF('Standard Profiles'!$G$22=$B$10,7,0)+IF('Standard Profiles'!$G$22=$B$17,14,0)+IF('Standard Profiles'!$G$22=$B$24,21,0),MOD($C7555,24)+1)/SUM(INDEX($D$3:$AA$30,INDEX(Jesper!$R$2:$R$366,ROW(INDEX(Jesper!AL$2:AL$366,ROUNDDOWN($C7555/24,0)+1,1))-1)+IF('Standard Profiles'!$G$22=$B$10,7,0)+IF('Standard Profiles'!$G$22=$B$17,14,0)+IF('Standard Profiles'!$G$22=$B$24,21,0),0)),0)</f>
        <v>0</v>
      </c>
      <c r="I7555">
        <f t="shared" si="839"/>
        <v>8.6532091546020791</v>
      </c>
      <c r="J7555">
        <f t="shared" si="840"/>
        <v>67.110977382624185</v>
      </c>
      <c r="K7555">
        <f t="shared" si="841"/>
        <v>3.4232531455838293</v>
      </c>
      <c r="L7555">
        <f t="shared" si="842"/>
        <v>1.7116265727919147</v>
      </c>
      <c r="M7555">
        <f t="shared" si="843"/>
        <v>0</v>
      </c>
      <c r="N7555" s="45">
        <f t="shared" si="844"/>
        <v>45240.374999981759</v>
      </c>
    </row>
    <row r="7556" spans="2:14" x14ac:dyDescent="0.25">
      <c r="B7556">
        <f t="shared" si="838"/>
        <v>5</v>
      </c>
      <c r="C7556" s="16">
        <v>7522</v>
      </c>
      <c r="D7556" cm="1">
        <f t="array" ref="D7556">IFERROR(INDEX(Jesper!AH$2:AH$366,ROUNDDOWN($C7556/24,0)+1,1)*INDEX($D$3:$AA$30,INDEX(Jesper!$R$2:$R$366,ROW(INDEX(Jesper!AH$2:AH$366,ROUNDDOWN($C7556/24,0)+1,1))-1)+IF('Standard Profiles'!$G$18=$B$10,7,0)+IF('Standard Profiles'!$G$18=$B$17,14,0)+IF('Standard Profiles'!$G$18=$B$24,21,0),MOD($C7556,24)+1)/SUM(INDEX($D$3:$AA$30,INDEX(Jesper!$R$2:$R$366,ROW(INDEX(Jesper!AH$2:AH$366,ROUNDDOWN($C7556/24,0)+1,1))-1)+IF('Standard Profiles'!$G$18=$B$10,7,0)+IF('Standard Profiles'!$G$18=$B$17,14,0)+IF('Standard Profiles'!$G$18=$B$24,21,0),0)),0)</f>
        <v>32.092998239848399</v>
      </c>
      <c r="E7556" cm="1">
        <f t="array" ref="E7556">IFERROR(INDEX(Jesper!AI$2:AI$366,ROUNDDOWN($C7556/24,0)+1,1)*INDEX($D$3:$AA$30,INDEX(Jesper!$R$2:$R$366,ROW(INDEX(Jesper!AI$2:AI$366,ROUNDDOWN($C7556/24,0)+1,1))-1)+IF('Standard Profiles'!$G$19=$B$10,7,0)+IF('Standard Profiles'!$G$19=$B$17,14,0)+IF('Standard Profiles'!$G$19=$B$24,21,0),MOD($C7556,24)+1)/SUM(INDEX($D$3:$AA$30,INDEX(Jesper!$R$2:$R$366,ROW(INDEX(Jesper!AI$2:AI$366,ROUNDDOWN($C7556/24,0)+1,1))-1)+IF('Standard Profiles'!$G$19=$B$10,7,0)+IF('Standard Profiles'!$G$19=$B$17,14,0)+IF('Standard Profiles'!$G$19=$B$24,21,0),0)),0)</f>
        <v>30.778548943665946</v>
      </c>
      <c r="F7556" cm="1">
        <f t="array" ref="F7556">IFERROR(INDEX(Jesper!AJ$2:AJ$366,ROUNDDOWN($C7556/24,0)+1,1)*INDEX($D$3:$AA$30,INDEX(Jesper!$R$2:$R$366,ROW(INDEX(Jesper!AJ$2:AJ$366,ROUNDDOWN($C7556/24,0)+1,1))-1)+IF('Standard Profiles'!$G$20=$B$10,7,0)+IF('Standard Profiles'!$G$20=$B$17,14,0)+IF('Standard Profiles'!$G$20=$B$24,21,0),MOD($C7556,24)+1)/SUM(INDEX($D$3:$AA$30,INDEX(Jesper!$R$2:$R$366,ROW(INDEX(Jesper!AJ$2:AJ$366,ROUNDDOWN($C7556/24,0)+1,1))-1)+IF('Standard Profiles'!$G$20=$B$10,7,0)+IF('Standard Profiles'!$G$20=$B$17,14,0)+IF('Standard Profiles'!$G$20=$B$24,21,0),0)),0)</f>
        <v>0</v>
      </c>
      <c r="G7556" cm="1">
        <f t="array" ref="G7556">IFERROR(INDEX(Jesper!AK$2:AK$366,ROUNDDOWN($C7556/24,0)+1,1)*INDEX($D$3:$AA$30,INDEX(Jesper!$R$2:$R$366,ROW(INDEX(Jesper!AK$2:AK$366,ROUNDDOWN($C7556/24,0)+1,1))-1)+IF('Standard Profiles'!$G$21=$B$10,7,0)+IF('Standard Profiles'!$G$21=$B$17,14,0)+IF('Standard Profiles'!$G$21=$B$24,21,0),MOD($C7556,24)+1)/SUM(INDEX($D$3:$AA$30,INDEX(Jesper!$R$2:$R$366,ROW(INDEX(Jesper!AK$2:AK$366,ROUNDDOWN($C7556/24,0)+1,1))-1)+IF('Standard Profiles'!$G$21=$B$10,7,0)+IF('Standard Profiles'!$G$21=$B$17,14,0)+IF('Standard Profiles'!$G$21=$B$24,21,0),0)),0)</f>
        <v>18.027519072087674</v>
      </c>
      <c r="H7556" cm="1">
        <f t="array" ref="H7556">IFERROR(INDEX(Jesper!AL$2:AL$366,ROUNDDOWN($C7556/24,0)+1,1)*INDEX($D$3:$AA$30,INDEX(Jesper!$R$2:$R$366,ROW(INDEX(Jesper!AL$2:AL$366,ROUNDDOWN($C7556/24,0)+1,1))-1)+IF('Standard Profiles'!$G$22=$B$10,7,0)+IF('Standard Profiles'!$G$22=$B$17,14,0)+IF('Standard Profiles'!$G$22=$B$24,21,0),MOD($C7556,24)+1)/SUM(INDEX($D$3:$AA$30,INDEX(Jesper!$R$2:$R$366,ROW(INDEX(Jesper!AL$2:AL$366,ROUNDDOWN($C7556/24,0)+1,1))-1)+IF('Standard Profiles'!$G$22=$B$10,7,0)+IF('Standard Profiles'!$G$22=$B$17,14,0)+IF('Standard Profiles'!$G$22=$B$24,21,0),0)),0)</f>
        <v>0</v>
      </c>
      <c r="I7556">
        <f t="shared" si="839"/>
        <v>8.6532091546020791</v>
      </c>
      <c r="J7556">
        <f t="shared" si="840"/>
        <v>67.110977382624185</v>
      </c>
      <c r="K7556">
        <f t="shared" si="841"/>
        <v>3.4232531455838293</v>
      </c>
      <c r="L7556">
        <f t="shared" si="842"/>
        <v>1.7116265727919147</v>
      </c>
      <c r="M7556">
        <f t="shared" si="843"/>
        <v>0</v>
      </c>
      <c r="N7556" s="45">
        <f t="shared" si="844"/>
        <v>45240.416666648423</v>
      </c>
    </row>
    <row r="7557" spans="2:14" x14ac:dyDescent="0.25">
      <c r="B7557">
        <f t="shared" si="838"/>
        <v>5</v>
      </c>
      <c r="C7557" s="16">
        <v>7523</v>
      </c>
      <c r="D7557" cm="1">
        <f t="array" ref="D7557">IFERROR(INDEX(Jesper!AH$2:AH$366,ROUNDDOWN($C7557/24,0)+1,1)*INDEX($D$3:$AA$30,INDEX(Jesper!$R$2:$R$366,ROW(INDEX(Jesper!AH$2:AH$366,ROUNDDOWN($C7557/24,0)+1,1))-1)+IF('Standard Profiles'!$G$18=$B$10,7,0)+IF('Standard Profiles'!$G$18=$B$17,14,0)+IF('Standard Profiles'!$G$18=$B$24,21,0),MOD($C7557,24)+1)/SUM(INDEX($D$3:$AA$30,INDEX(Jesper!$R$2:$R$366,ROW(INDEX(Jesper!AH$2:AH$366,ROUNDDOWN($C7557/24,0)+1,1))-1)+IF('Standard Profiles'!$G$18=$B$10,7,0)+IF('Standard Profiles'!$G$18=$B$17,14,0)+IF('Standard Profiles'!$G$18=$B$24,21,0),0)),0)</f>
        <v>37.92808882891174</v>
      </c>
      <c r="E7557" cm="1">
        <f t="array" ref="E7557">IFERROR(INDEX(Jesper!AI$2:AI$366,ROUNDDOWN($C7557/24,0)+1,1)*INDEX($D$3:$AA$30,INDEX(Jesper!$R$2:$R$366,ROW(INDEX(Jesper!AI$2:AI$366,ROUNDDOWN($C7557/24,0)+1,1))-1)+IF('Standard Profiles'!$G$19=$B$10,7,0)+IF('Standard Profiles'!$G$19=$B$17,14,0)+IF('Standard Profiles'!$G$19=$B$24,21,0),MOD($C7557,24)+1)/SUM(INDEX($D$3:$AA$30,INDEX(Jesper!$R$2:$R$366,ROW(INDEX(Jesper!AI$2:AI$366,ROUNDDOWN($C7557/24,0)+1,1))-1)+IF('Standard Profiles'!$G$19=$B$10,7,0)+IF('Standard Profiles'!$G$19=$B$17,14,0)+IF('Standard Profiles'!$G$19=$B$24,21,0),0)),0)</f>
        <v>36.374648751605207</v>
      </c>
      <c r="F7557" cm="1">
        <f t="array" ref="F7557">IFERROR(INDEX(Jesper!AJ$2:AJ$366,ROUNDDOWN($C7557/24,0)+1,1)*INDEX($D$3:$AA$30,INDEX(Jesper!$R$2:$R$366,ROW(INDEX(Jesper!AJ$2:AJ$366,ROUNDDOWN($C7557/24,0)+1,1))-1)+IF('Standard Profiles'!$G$20=$B$10,7,0)+IF('Standard Profiles'!$G$20=$B$17,14,0)+IF('Standard Profiles'!$G$20=$B$24,21,0),MOD($C7557,24)+1)/SUM(INDEX($D$3:$AA$30,INDEX(Jesper!$R$2:$R$366,ROW(INDEX(Jesper!AJ$2:AJ$366,ROUNDDOWN($C7557/24,0)+1,1))-1)+IF('Standard Profiles'!$G$20=$B$10,7,0)+IF('Standard Profiles'!$G$20=$B$17,14,0)+IF('Standard Profiles'!$G$20=$B$24,21,0),0)),0)</f>
        <v>0</v>
      </c>
      <c r="G7557" cm="1">
        <f t="array" ref="G7557">IFERROR(INDEX(Jesper!AK$2:AK$366,ROUNDDOWN($C7557/24,0)+1,1)*INDEX($D$3:$AA$30,INDEX(Jesper!$R$2:$R$366,ROW(INDEX(Jesper!AK$2:AK$366,ROUNDDOWN($C7557/24,0)+1,1))-1)+IF('Standard Profiles'!$G$21=$B$10,7,0)+IF('Standard Profiles'!$G$21=$B$17,14,0)+IF('Standard Profiles'!$G$21=$B$24,21,0),MOD($C7557,24)+1)/SUM(INDEX($D$3:$AA$30,INDEX(Jesper!$R$2:$R$366,ROW(INDEX(Jesper!AK$2:AK$366,ROUNDDOWN($C7557/24,0)+1,1))-1)+IF('Standard Profiles'!$G$21=$B$10,7,0)+IF('Standard Profiles'!$G$21=$B$17,14,0)+IF('Standard Profiles'!$G$21=$B$24,21,0),0)),0)</f>
        <v>21.305249812467249</v>
      </c>
      <c r="H7557" cm="1">
        <f t="array" ref="H7557">IFERROR(INDEX(Jesper!AL$2:AL$366,ROUNDDOWN($C7557/24,0)+1,1)*INDEX($D$3:$AA$30,INDEX(Jesper!$R$2:$R$366,ROW(INDEX(Jesper!AL$2:AL$366,ROUNDDOWN($C7557/24,0)+1,1))-1)+IF('Standard Profiles'!$G$22=$B$10,7,0)+IF('Standard Profiles'!$G$22=$B$17,14,0)+IF('Standard Profiles'!$G$22=$B$24,21,0),MOD($C7557,24)+1)/SUM(INDEX($D$3:$AA$30,INDEX(Jesper!$R$2:$R$366,ROW(INDEX(Jesper!AL$2:AL$366,ROUNDDOWN($C7557/24,0)+1,1))-1)+IF('Standard Profiles'!$G$22=$B$10,7,0)+IF('Standard Profiles'!$G$22=$B$17,14,0)+IF('Standard Profiles'!$G$22=$B$24,21,0),0)),0)</f>
        <v>0</v>
      </c>
      <c r="I7557">
        <f t="shared" si="839"/>
        <v>10.226519909984274</v>
      </c>
      <c r="J7557">
        <f t="shared" si="840"/>
        <v>79.312973270374044</v>
      </c>
      <c r="K7557">
        <f t="shared" si="841"/>
        <v>4.0456628084172523</v>
      </c>
      <c r="L7557">
        <f t="shared" si="842"/>
        <v>2.0228314042086262</v>
      </c>
      <c r="M7557">
        <f t="shared" si="843"/>
        <v>0</v>
      </c>
      <c r="N7557" s="45">
        <f t="shared" si="844"/>
        <v>45240.458333315088</v>
      </c>
    </row>
    <row r="7558" spans="2:14" x14ac:dyDescent="0.25">
      <c r="B7558">
        <f t="shared" si="838"/>
        <v>5</v>
      </c>
      <c r="C7558" s="16">
        <v>7524</v>
      </c>
      <c r="D7558" cm="1">
        <f t="array" ref="D7558">IFERROR(INDEX(Jesper!AH$2:AH$366,ROUNDDOWN($C7558/24,0)+1,1)*INDEX($D$3:$AA$30,INDEX(Jesper!$R$2:$R$366,ROW(INDEX(Jesper!AH$2:AH$366,ROUNDDOWN($C7558/24,0)+1,1))-1)+IF('Standard Profiles'!$G$18=$B$10,7,0)+IF('Standard Profiles'!$G$18=$B$17,14,0)+IF('Standard Profiles'!$G$18=$B$24,21,0),MOD($C7558,24)+1)/SUM(INDEX($D$3:$AA$30,INDEX(Jesper!$R$2:$R$366,ROW(INDEX(Jesper!AH$2:AH$366,ROUNDDOWN($C7558/24,0)+1,1))-1)+IF('Standard Profiles'!$G$18=$B$10,7,0)+IF('Standard Profiles'!$G$18=$B$17,14,0)+IF('Standard Profiles'!$G$18=$B$24,21,0),0)),0)</f>
        <v>37.92808882891174</v>
      </c>
      <c r="E7558" cm="1">
        <f t="array" ref="E7558">IFERROR(INDEX(Jesper!AI$2:AI$366,ROUNDDOWN($C7558/24,0)+1,1)*INDEX($D$3:$AA$30,INDEX(Jesper!$R$2:$R$366,ROW(INDEX(Jesper!AI$2:AI$366,ROUNDDOWN($C7558/24,0)+1,1))-1)+IF('Standard Profiles'!$G$19=$B$10,7,0)+IF('Standard Profiles'!$G$19=$B$17,14,0)+IF('Standard Profiles'!$G$19=$B$24,21,0),MOD($C7558,24)+1)/SUM(INDEX($D$3:$AA$30,INDEX(Jesper!$R$2:$R$366,ROW(INDEX(Jesper!AI$2:AI$366,ROUNDDOWN($C7558/24,0)+1,1))-1)+IF('Standard Profiles'!$G$19=$B$10,7,0)+IF('Standard Profiles'!$G$19=$B$17,14,0)+IF('Standard Profiles'!$G$19=$B$24,21,0),0)),0)</f>
        <v>36.374648751605207</v>
      </c>
      <c r="F7558" cm="1">
        <f t="array" ref="F7558">IFERROR(INDEX(Jesper!AJ$2:AJ$366,ROUNDDOWN($C7558/24,0)+1,1)*INDEX($D$3:$AA$30,INDEX(Jesper!$R$2:$R$366,ROW(INDEX(Jesper!AJ$2:AJ$366,ROUNDDOWN($C7558/24,0)+1,1))-1)+IF('Standard Profiles'!$G$20=$B$10,7,0)+IF('Standard Profiles'!$G$20=$B$17,14,0)+IF('Standard Profiles'!$G$20=$B$24,21,0),MOD($C7558,24)+1)/SUM(INDEX($D$3:$AA$30,INDEX(Jesper!$R$2:$R$366,ROW(INDEX(Jesper!AJ$2:AJ$366,ROUNDDOWN($C7558/24,0)+1,1))-1)+IF('Standard Profiles'!$G$20=$B$10,7,0)+IF('Standard Profiles'!$G$20=$B$17,14,0)+IF('Standard Profiles'!$G$20=$B$24,21,0),0)),0)</f>
        <v>0</v>
      </c>
      <c r="G7558" cm="1">
        <f t="array" ref="G7558">IFERROR(INDEX(Jesper!AK$2:AK$366,ROUNDDOWN($C7558/24,0)+1,1)*INDEX($D$3:$AA$30,INDEX(Jesper!$R$2:$R$366,ROW(INDEX(Jesper!AK$2:AK$366,ROUNDDOWN($C7558/24,0)+1,1))-1)+IF('Standard Profiles'!$G$21=$B$10,7,0)+IF('Standard Profiles'!$G$21=$B$17,14,0)+IF('Standard Profiles'!$G$21=$B$24,21,0),MOD($C7558,24)+1)/SUM(INDEX($D$3:$AA$30,INDEX(Jesper!$R$2:$R$366,ROW(INDEX(Jesper!AK$2:AK$366,ROUNDDOWN($C7558/24,0)+1,1))-1)+IF('Standard Profiles'!$G$21=$B$10,7,0)+IF('Standard Profiles'!$G$21=$B$17,14,0)+IF('Standard Profiles'!$G$21=$B$24,21,0),0)),0)</f>
        <v>21.305249812467249</v>
      </c>
      <c r="H7558" cm="1">
        <f t="array" ref="H7558">IFERROR(INDEX(Jesper!AL$2:AL$366,ROUNDDOWN($C7558/24,0)+1,1)*INDEX($D$3:$AA$30,INDEX(Jesper!$R$2:$R$366,ROW(INDEX(Jesper!AL$2:AL$366,ROUNDDOWN($C7558/24,0)+1,1))-1)+IF('Standard Profiles'!$G$22=$B$10,7,0)+IF('Standard Profiles'!$G$22=$B$17,14,0)+IF('Standard Profiles'!$G$22=$B$24,21,0),MOD($C7558,24)+1)/SUM(INDEX($D$3:$AA$30,INDEX(Jesper!$R$2:$R$366,ROW(INDEX(Jesper!AL$2:AL$366,ROUNDDOWN($C7558/24,0)+1,1))-1)+IF('Standard Profiles'!$G$22=$B$10,7,0)+IF('Standard Profiles'!$G$22=$B$17,14,0)+IF('Standard Profiles'!$G$22=$B$24,21,0),0)),0)</f>
        <v>0</v>
      </c>
      <c r="I7558">
        <f t="shared" si="839"/>
        <v>10.226519909984274</v>
      </c>
      <c r="J7558">
        <f t="shared" si="840"/>
        <v>79.312973270374044</v>
      </c>
      <c r="K7558">
        <f t="shared" si="841"/>
        <v>4.0456628084172523</v>
      </c>
      <c r="L7558">
        <f t="shared" si="842"/>
        <v>2.0228314042086262</v>
      </c>
      <c r="M7558">
        <f t="shared" si="843"/>
        <v>0</v>
      </c>
      <c r="N7558" s="45">
        <f t="shared" si="844"/>
        <v>45240.499999981752</v>
      </c>
    </row>
    <row r="7559" spans="2:14" x14ac:dyDescent="0.25">
      <c r="B7559">
        <f t="shared" si="838"/>
        <v>5</v>
      </c>
      <c r="C7559" s="16">
        <v>7525</v>
      </c>
      <c r="D7559" cm="1">
        <f t="array" ref="D7559">IFERROR(INDEX(Jesper!AH$2:AH$366,ROUNDDOWN($C7559/24,0)+1,1)*INDEX($D$3:$AA$30,INDEX(Jesper!$R$2:$R$366,ROW(INDEX(Jesper!AH$2:AH$366,ROUNDDOWN($C7559/24,0)+1,1))-1)+IF('Standard Profiles'!$G$18=$B$10,7,0)+IF('Standard Profiles'!$G$18=$B$17,14,0)+IF('Standard Profiles'!$G$18=$B$24,21,0),MOD($C7559,24)+1)/SUM(INDEX($D$3:$AA$30,INDEX(Jesper!$R$2:$R$366,ROW(INDEX(Jesper!AH$2:AH$366,ROUNDDOWN($C7559/24,0)+1,1))-1)+IF('Standard Profiles'!$G$18=$B$10,7,0)+IF('Standard Profiles'!$G$18=$B$17,14,0)+IF('Standard Profiles'!$G$18=$B$24,21,0),0)),0)</f>
        <v>26.25790765078505</v>
      </c>
      <c r="E7559" cm="1">
        <f t="array" ref="E7559">IFERROR(INDEX(Jesper!AI$2:AI$366,ROUNDDOWN($C7559/24,0)+1,1)*INDEX($D$3:$AA$30,INDEX(Jesper!$R$2:$R$366,ROW(INDEX(Jesper!AI$2:AI$366,ROUNDDOWN($C7559/24,0)+1,1))-1)+IF('Standard Profiles'!$G$19=$B$10,7,0)+IF('Standard Profiles'!$G$19=$B$17,14,0)+IF('Standard Profiles'!$G$19=$B$24,21,0),MOD($C7559,24)+1)/SUM(INDEX($D$3:$AA$30,INDEX(Jesper!$R$2:$R$366,ROW(INDEX(Jesper!AI$2:AI$366,ROUNDDOWN($C7559/24,0)+1,1))-1)+IF('Standard Profiles'!$G$19=$B$10,7,0)+IF('Standard Profiles'!$G$19=$B$17,14,0)+IF('Standard Profiles'!$G$19=$B$24,21,0),0)),0)</f>
        <v>25.182449135726685</v>
      </c>
      <c r="F7559" cm="1">
        <f t="array" ref="F7559">IFERROR(INDEX(Jesper!AJ$2:AJ$366,ROUNDDOWN($C7559/24,0)+1,1)*INDEX($D$3:$AA$30,INDEX(Jesper!$R$2:$R$366,ROW(INDEX(Jesper!AJ$2:AJ$366,ROUNDDOWN($C7559/24,0)+1,1))-1)+IF('Standard Profiles'!$G$20=$B$10,7,0)+IF('Standard Profiles'!$G$20=$B$17,14,0)+IF('Standard Profiles'!$G$20=$B$24,21,0),MOD($C7559,24)+1)/SUM(INDEX($D$3:$AA$30,INDEX(Jesper!$R$2:$R$366,ROW(INDEX(Jesper!AJ$2:AJ$366,ROUNDDOWN($C7559/24,0)+1,1))-1)+IF('Standard Profiles'!$G$20=$B$10,7,0)+IF('Standard Profiles'!$G$20=$B$17,14,0)+IF('Standard Profiles'!$G$20=$B$24,21,0),0)),0)</f>
        <v>0</v>
      </c>
      <c r="G7559" cm="1">
        <f t="array" ref="G7559">IFERROR(INDEX(Jesper!AK$2:AK$366,ROUNDDOWN($C7559/24,0)+1,1)*INDEX($D$3:$AA$30,INDEX(Jesper!$R$2:$R$366,ROW(INDEX(Jesper!AK$2:AK$366,ROUNDDOWN($C7559/24,0)+1,1))-1)+IF('Standard Profiles'!$G$21=$B$10,7,0)+IF('Standard Profiles'!$G$21=$B$17,14,0)+IF('Standard Profiles'!$G$21=$B$24,21,0),MOD($C7559,24)+1)/SUM(INDEX($D$3:$AA$30,INDEX(Jesper!$R$2:$R$366,ROW(INDEX(Jesper!AK$2:AK$366,ROUNDDOWN($C7559/24,0)+1,1))-1)+IF('Standard Profiles'!$G$21=$B$10,7,0)+IF('Standard Profiles'!$G$21=$B$17,14,0)+IF('Standard Profiles'!$G$21=$B$24,21,0),0)),0)</f>
        <v>14.7497883317081</v>
      </c>
      <c r="H7559" cm="1">
        <f t="array" ref="H7559">IFERROR(INDEX(Jesper!AL$2:AL$366,ROUNDDOWN($C7559/24,0)+1,1)*INDEX($D$3:$AA$30,INDEX(Jesper!$R$2:$R$366,ROW(INDEX(Jesper!AL$2:AL$366,ROUNDDOWN($C7559/24,0)+1,1))-1)+IF('Standard Profiles'!$G$22=$B$10,7,0)+IF('Standard Profiles'!$G$22=$B$17,14,0)+IF('Standard Profiles'!$G$22=$B$24,21,0),MOD($C7559,24)+1)/SUM(INDEX($D$3:$AA$30,INDEX(Jesper!$R$2:$R$366,ROW(INDEX(Jesper!AL$2:AL$366,ROUNDDOWN($C7559/24,0)+1,1))-1)+IF('Standard Profiles'!$G$22=$B$10,7,0)+IF('Standard Profiles'!$G$22=$B$17,14,0)+IF('Standard Profiles'!$G$22=$B$24,21,0),0)),0)</f>
        <v>0</v>
      </c>
      <c r="I7559">
        <f t="shared" si="839"/>
        <v>7.0798983992198847</v>
      </c>
      <c r="J7559">
        <f t="shared" si="840"/>
        <v>54.90898149487434</v>
      </c>
      <c r="K7559">
        <f t="shared" si="841"/>
        <v>2.8008434827504054</v>
      </c>
      <c r="L7559">
        <f t="shared" si="842"/>
        <v>1.4004217413752027</v>
      </c>
      <c r="M7559">
        <f t="shared" si="843"/>
        <v>0</v>
      </c>
      <c r="N7559" s="45">
        <f t="shared" si="844"/>
        <v>45240.541666648416</v>
      </c>
    </row>
    <row r="7560" spans="2:14" x14ac:dyDescent="0.25">
      <c r="B7560">
        <f t="shared" si="838"/>
        <v>5</v>
      </c>
      <c r="C7560" s="16">
        <v>7526</v>
      </c>
      <c r="D7560" cm="1">
        <f t="array" ref="D7560">IFERROR(INDEX(Jesper!AH$2:AH$366,ROUNDDOWN($C7560/24,0)+1,1)*INDEX($D$3:$AA$30,INDEX(Jesper!$R$2:$R$366,ROW(INDEX(Jesper!AH$2:AH$366,ROUNDDOWN($C7560/24,0)+1,1))-1)+IF('Standard Profiles'!$G$18=$B$10,7,0)+IF('Standard Profiles'!$G$18=$B$17,14,0)+IF('Standard Profiles'!$G$18=$B$24,21,0),MOD($C7560,24)+1)/SUM(INDEX($D$3:$AA$30,INDEX(Jesper!$R$2:$R$366,ROW(INDEX(Jesper!AH$2:AH$366,ROUNDDOWN($C7560/24,0)+1,1))-1)+IF('Standard Profiles'!$G$18=$B$10,7,0)+IF('Standard Profiles'!$G$18=$B$17,14,0)+IF('Standard Profiles'!$G$18=$B$24,21,0),0)),0)</f>
        <v>37.92808882891174</v>
      </c>
      <c r="E7560" cm="1">
        <f t="array" ref="E7560">IFERROR(INDEX(Jesper!AI$2:AI$366,ROUNDDOWN($C7560/24,0)+1,1)*INDEX($D$3:$AA$30,INDEX(Jesper!$R$2:$R$366,ROW(INDEX(Jesper!AI$2:AI$366,ROUNDDOWN($C7560/24,0)+1,1))-1)+IF('Standard Profiles'!$G$19=$B$10,7,0)+IF('Standard Profiles'!$G$19=$B$17,14,0)+IF('Standard Profiles'!$G$19=$B$24,21,0),MOD($C7560,24)+1)/SUM(INDEX($D$3:$AA$30,INDEX(Jesper!$R$2:$R$366,ROW(INDEX(Jesper!AI$2:AI$366,ROUNDDOWN($C7560/24,0)+1,1))-1)+IF('Standard Profiles'!$G$19=$B$10,7,0)+IF('Standard Profiles'!$G$19=$B$17,14,0)+IF('Standard Profiles'!$G$19=$B$24,21,0),0)),0)</f>
        <v>36.374648751605207</v>
      </c>
      <c r="F7560" cm="1">
        <f t="array" ref="F7560">IFERROR(INDEX(Jesper!AJ$2:AJ$366,ROUNDDOWN($C7560/24,0)+1,1)*INDEX($D$3:$AA$30,INDEX(Jesper!$R$2:$R$366,ROW(INDEX(Jesper!AJ$2:AJ$366,ROUNDDOWN($C7560/24,0)+1,1))-1)+IF('Standard Profiles'!$G$20=$B$10,7,0)+IF('Standard Profiles'!$G$20=$B$17,14,0)+IF('Standard Profiles'!$G$20=$B$24,21,0),MOD($C7560,24)+1)/SUM(INDEX($D$3:$AA$30,INDEX(Jesper!$R$2:$R$366,ROW(INDEX(Jesper!AJ$2:AJ$366,ROUNDDOWN($C7560/24,0)+1,1))-1)+IF('Standard Profiles'!$G$20=$B$10,7,0)+IF('Standard Profiles'!$G$20=$B$17,14,0)+IF('Standard Profiles'!$G$20=$B$24,21,0),0)),0)</f>
        <v>0</v>
      </c>
      <c r="G7560" cm="1">
        <f t="array" ref="G7560">IFERROR(INDEX(Jesper!AK$2:AK$366,ROUNDDOWN($C7560/24,0)+1,1)*INDEX($D$3:$AA$30,INDEX(Jesper!$R$2:$R$366,ROW(INDEX(Jesper!AK$2:AK$366,ROUNDDOWN($C7560/24,0)+1,1))-1)+IF('Standard Profiles'!$G$21=$B$10,7,0)+IF('Standard Profiles'!$G$21=$B$17,14,0)+IF('Standard Profiles'!$G$21=$B$24,21,0),MOD($C7560,24)+1)/SUM(INDEX($D$3:$AA$30,INDEX(Jesper!$R$2:$R$366,ROW(INDEX(Jesper!AK$2:AK$366,ROUNDDOWN($C7560/24,0)+1,1))-1)+IF('Standard Profiles'!$G$21=$B$10,7,0)+IF('Standard Profiles'!$G$21=$B$17,14,0)+IF('Standard Profiles'!$G$21=$B$24,21,0),0)),0)</f>
        <v>21.305249812467249</v>
      </c>
      <c r="H7560" cm="1">
        <f t="array" ref="H7560">IFERROR(INDEX(Jesper!AL$2:AL$366,ROUNDDOWN($C7560/24,0)+1,1)*INDEX($D$3:$AA$30,INDEX(Jesper!$R$2:$R$366,ROW(INDEX(Jesper!AL$2:AL$366,ROUNDDOWN($C7560/24,0)+1,1))-1)+IF('Standard Profiles'!$G$22=$B$10,7,0)+IF('Standard Profiles'!$G$22=$B$17,14,0)+IF('Standard Profiles'!$G$22=$B$24,21,0),MOD($C7560,24)+1)/SUM(INDEX($D$3:$AA$30,INDEX(Jesper!$R$2:$R$366,ROW(INDEX(Jesper!AL$2:AL$366,ROUNDDOWN($C7560/24,0)+1,1))-1)+IF('Standard Profiles'!$G$22=$B$10,7,0)+IF('Standard Profiles'!$G$22=$B$17,14,0)+IF('Standard Profiles'!$G$22=$B$24,21,0),0)),0)</f>
        <v>0</v>
      </c>
      <c r="I7560">
        <f t="shared" si="839"/>
        <v>10.226519909984274</v>
      </c>
      <c r="J7560">
        <f t="shared" si="840"/>
        <v>79.312973270374044</v>
      </c>
      <c r="K7560">
        <f t="shared" si="841"/>
        <v>4.0456628084172523</v>
      </c>
      <c r="L7560">
        <f t="shared" si="842"/>
        <v>2.0228314042086262</v>
      </c>
      <c r="M7560">
        <f t="shared" si="843"/>
        <v>0</v>
      </c>
      <c r="N7560" s="45">
        <f t="shared" si="844"/>
        <v>45240.58333331508</v>
      </c>
    </row>
    <row r="7561" spans="2:14" x14ac:dyDescent="0.25">
      <c r="B7561">
        <f t="shared" si="838"/>
        <v>5</v>
      </c>
      <c r="C7561" s="16">
        <v>7527</v>
      </c>
      <c r="D7561" cm="1">
        <f t="array" ref="D7561">IFERROR(INDEX(Jesper!AH$2:AH$366,ROUNDDOWN($C7561/24,0)+1,1)*INDEX($D$3:$AA$30,INDEX(Jesper!$R$2:$R$366,ROW(INDEX(Jesper!AH$2:AH$366,ROUNDDOWN($C7561/24,0)+1,1))-1)+IF('Standard Profiles'!$G$18=$B$10,7,0)+IF('Standard Profiles'!$G$18=$B$17,14,0)+IF('Standard Profiles'!$G$18=$B$24,21,0),MOD($C7561,24)+1)/SUM(INDEX($D$3:$AA$30,INDEX(Jesper!$R$2:$R$366,ROW(INDEX(Jesper!AH$2:AH$366,ROUNDDOWN($C7561/24,0)+1,1))-1)+IF('Standard Profiles'!$G$18=$B$10,7,0)+IF('Standard Profiles'!$G$18=$B$17,14,0)+IF('Standard Profiles'!$G$18=$B$24,21,0),0)),0)</f>
        <v>29.175452945316724</v>
      </c>
      <c r="E7561" cm="1">
        <f t="array" ref="E7561">IFERROR(INDEX(Jesper!AI$2:AI$366,ROUNDDOWN($C7561/24,0)+1,1)*INDEX($D$3:$AA$30,INDEX(Jesper!$R$2:$R$366,ROW(INDEX(Jesper!AI$2:AI$366,ROUNDDOWN($C7561/24,0)+1,1))-1)+IF('Standard Profiles'!$G$19=$B$10,7,0)+IF('Standard Profiles'!$G$19=$B$17,14,0)+IF('Standard Profiles'!$G$19=$B$24,21,0),MOD($C7561,24)+1)/SUM(INDEX($D$3:$AA$30,INDEX(Jesper!$R$2:$R$366,ROW(INDEX(Jesper!AI$2:AI$366,ROUNDDOWN($C7561/24,0)+1,1))-1)+IF('Standard Profiles'!$G$19=$B$10,7,0)+IF('Standard Profiles'!$G$19=$B$17,14,0)+IF('Standard Profiles'!$G$19=$B$24,21,0),0)),0)</f>
        <v>27.980499039696316</v>
      </c>
      <c r="F7561" cm="1">
        <f t="array" ref="F7561">IFERROR(INDEX(Jesper!AJ$2:AJ$366,ROUNDDOWN($C7561/24,0)+1,1)*INDEX($D$3:$AA$30,INDEX(Jesper!$R$2:$R$366,ROW(INDEX(Jesper!AJ$2:AJ$366,ROUNDDOWN($C7561/24,0)+1,1))-1)+IF('Standard Profiles'!$G$20=$B$10,7,0)+IF('Standard Profiles'!$G$20=$B$17,14,0)+IF('Standard Profiles'!$G$20=$B$24,21,0),MOD($C7561,24)+1)/SUM(INDEX($D$3:$AA$30,INDEX(Jesper!$R$2:$R$366,ROW(INDEX(Jesper!AJ$2:AJ$366,ROUNDDOWN($C7561/24,0)+1,1))-1)+IF('Standard Profiles'!$G$20=$B$10,7,0)+IF('Standard Profiles'!$G$20=$B$17,14,0)+IF('Standard Profiles'!$G$20=$B$24,21,0),0)),0)</f>
        <v>0</v>
      </c>
      <c r="G7561" cm="1">
        <f t="array" ref="G7561">IFERROR(INDEX(Jesper!AK$2:AK$366,ROUNDDOWN($C7561/24,0)+1,1)*INDEX($D$3:$AA$30,INDEX(Jesper!$R$2:$R$366,ROW(INDEX(Jesper!AK$2:AK$366,ROUNDDOWN($C7561/24,0)+1,1))-1)+IF('Standard Profiles'!$G$21=$B$10,7,0)+IF('Standard Profiles'!$G$21=$B$17,14,0)+IF('Standard Profiles'!$G$21=$B$24,21,0),MOD($C7561,24)+1)/SUM(INDEX($D$3:$AA$30,INDEX(Jesper!$R$2:$R$366,ROW(INDEX(Jesper!AK$2:AK$366,ROUNDDOWN($C7561/24,0)+1,1))-1)+IF('Standard Profiles'!$G$21=$B$10,7,0)+IF('Standard Profiles'!$G$21=$B$17,14,0)+IF('Standard Profiles'!$G$21=$B$24,21,0),0)),0)</f>
        <v>18.027519072087674</v>
      </c>
      <c r="H7561" cm="1">
        <f t="array" ref="H7561">IFERROR(INDEX(Jesper!AL$2:AL$366,ROUNDDOWN($C7561/24,0)+1,1)*INDEX($D$3:$AA$30,INDEX(Jesper!$R$2:$R$366,ROW(INDEX(Jesper!AL$2:AL$366,ROUNDDOWN($C7561/24,0)+1,1))-1)+IF('Standard Profiles'!$G$22=$B$10,7,0)+IF('Standard Profiles'!$G$22=$B$17,14,0)+IF('Standard Profiles'!$G$22=$B$24,21,0),MOD($C7561,24)+1)/SUM(INDEX($D$3:$AA$30,INDEX(Jesper!$R$2:$R$366,ROW(INDEX(Jesper!AL$2:AL$366,ROUNDDOWN($C7561/24,0)+1,1))-1)+IF('Standard Profiles'!$G$22=$B$10,7,0)+IF('Standard Profiles'!$G$22=$B$17,14,0)+IF('Standard Profiles'!$G$22=$B$24,21,0),0)),0)</f>
        <v>0</v>
      </c>
      <c r="I7561">
        <f t="shared" si="839"/>
        <v>8.6532091546020791</v>
      </c>
      <c r="J7561">
        <f t="shared" si="840"/>
        <v>61.862189431247963</v>
      </c>
      <c r="K7561">
        <f t="shared" si="841"/>
        <v>3.1120483141671174</v>
      </c>
      <c r="L7561">
        <f t="shared" si="842"/>
        <v>1.5560241570835587</v>
      </c>
      <c r="M7561">
        <f t="shared" si="843"/>
        <v>0</v>
      </c>
      <c r="N7561" s="45">
        <f t="shared" si="844"/>
        <v>45240.624999981745</v>
      </c>
    </row>
    <row r="7562" spans="2:14" x14ac:dyDescent="0.25">
      <c r="B7562">
        <f t="shared" si="838"/>
        <v>5</v>
      </c>
      <c r="C7562" s="16">
        <v>7528</v>
      </c>
      <c r="D7562" cm="1">
        <f t="array" ref="D7562">IFERROR(INDEX(Jesper!AH$2:AH$366,ROUNDDOWN($C7562/24,0)+1,1)*INDEX($D$3:$AA$30,INDEX(Jesper!$R$2:$R$366,ROW(INDEX(Jesper!AH$2:AH$366,ROUNDDOWN($C7562/24,0)+1,1))-1)+IF('Standard Profiles'!$G$18=$B$10,7,0)+IF('Standard Profiles'!$G$18=$B$17,14,0)+IF('Standard Profiles'!$G$18=$B$24,21,0),MOD($C7562,24)+1)/SUM(INDEX($D$3:$AA$30,INDEX(Jesper!$R$2:$R$366,ROW(INDEX(Jesper!AH$2:AH$366,ROUNDDOWN($C7562/24,0)+1,1))-1)+IF('Standard Profiles'!$G$18=$B$10,7,0)+IF('Standard Profiles'!$G$18=$B$17,14,0)+IF('Standard Profiles'!$G$18=$B$24,21,0),0)),0)</f>
        <v>13.697395748974989</v>
      </c>
      <c r="E7562" cm="1">
        <f t="array" ref="E7562">IFERROR(INDEX(Jesper!AI$2:AI$366,ROUNDDOWN($C7562/24,0)+1,1)*INDEX($D$3:$AA$30,INDEX(Jesper!$R$2:$R$366,ROW(INDEX(Jesper!AI$2:AI$366,ROUNDDOWN($C7562/24,0)+1,1))-1)+IF('Standard Profiles'!$G$19=$B$10,7,0)+IF('Standard Profiles'!$G$19=$B$17,14,0)+IF('Standard Profiles'!$G$19=$B$24,21,0),MOD($C7562,24)+1)/SUM(INDEX($D$3:$AA$30,INDEX(Jesper!$R$2:$R$366,ROW(INDEX(Jesper!AI$2:AI$366,ROUNDDOWN($C7562/24,0)+1,1))-1)+IF('Standard Profiles'!$G$19=$B$10,7,0)+IF('Standard Profiles'!$G$19=$B$17,14,0)+IF('Standard Profiles'!$G$19=$B$24,21,0),0)),0)</f>
        <v>13.136384525679022</v>
      </c>
      <c r="F7562" cm="1">
        <f t="array" ref="F7562">IFERROR(INDEX(Jesper!AJ$2:AJ$366,ROUNDDOWN($C7562/24,0)+1,1)*INDEX($D$3:$AA$30,INDEX(Jesper!$R$2:$R$366,ROW(INDEX(Jesper!AJ$2:AJ$366,ROUNDDOWN($C7562/24,0)+1,1))-1)+IF('Standard Profiles'!$G$20=$B$10,7,0)+IF('Standard Profiles'!$G$20=$B$17,14,0)+IF('Standard Profiles'!$G$20=$B$24,21,0),MOD($C7562,24)+1)/SUM(INDEX($D$3:$AA$30,INDEX(Jesper!$R$2:$R$366,ROW(INDEX(Jesper!AJ$2:AJ$366,ROUNDDOWN($C7562/24,0)+1,1))-1)+IF('Standard Profiles'!$G$20=$B$10,7,0)+IF('Standard Profiles'!$G$20=$B$17,14,0)+IF('Standard Profiles'!$G$20=$B$24,21,0),0)),0)</f>
        <v>0</v>
      </c>
      <c r="G7562" cm="1">
        <f t="array" ref="G7562">IFERROR(INDEX(Jesper!AK$2:AK$366,ROUNDDOWN($C7562/24,0)+1,1)*INDEX($D$3:$AA$30,INDEX(Jesper!$R$2:$R$366,ROW(INDEX(Jesper!AK$2:AK$366,ROUNDDOWN($C7562/24,0)+1,1))-1)+IF('Standard Profiles'!$G$21=$B$10,7,0)+IF('Standard Profiles'!$G$21=$B$17,14,0)+IF('Standard Profiles'!$G$21=$B$24,21,0),MOD($C7562,24)+1)/SUM(INDEX($D$3:$AA$30,INDEX(Jesper!$R$2:$R$366,ROW(INDEX(Jesper!AK$2:AK$366,ROUNDDOWN($C7562/24,0)+1,1))-1)+IF('Standard Profiles'!$G$21=$B$10,7,0)+IF('Standard Profiles'!$G$21=$B$17,14,0)+IF('Standard Profiles'!$G$21=$B$24,21,0),0)),0)</f>
        <v>15.608241620855129</v>
      </c>
      <c r="H7562" cm="1">
        <f t="array" ref="H7562">IFERROR(INDEX(Jesper!AL$2:AL$366,ROUNDDOWN($C7562/24,0)+1,1)*INDEX($D$3:$AA$30,INDEX(Jesper!$R$2:$R$366,ROW(INDEX(Jesper!AL$2:AL$366,ROUNDDOWN($C7562/24,0)+1,1))-1)+IF('Standard Profiles'!$G$22=$B$10,7,0)+IF('Standard Profiles'!$G$22=$B$17,14,0)+IF('Standard Profiles'!$G$22=$B$24,21,0),MOD($C7562,24)+1)/SUM(INDEX($D$3:$AA$30,INDEX(Jesper!$R$2:$R$366,ROW(INDEX(Jesper!AL$2:AL$366,ROUNDDOWN($C7562/24,0)+1,1))-1)+IF('Standard Profiles'!$G$22=$B$10,7,0)+IF('Standard Profiles'!$G$22=$B$17,14,0)+IF('Standard Profiles'!$G$22=$B$24,21,0),0)),0)</f>
        <v>0</v>
      </c>
      <c r="I7562">
        <f t="shared" si="839"/>
        <v>7.4919559780104583</v>
      </c>
      <c r="J7562">
        <f t="shared" si="840"/>
        <v>32.758482597662685</v>
      </c>
      <c r="K7562">
        <f t="shared" si="841"/>
        <v>1.4610555465573323</v>
      </c>
      <c r="L7562">
        <f t="shared" si="842"/>
        <v>0.73052777327866614</v>
      </c>
      <c r="M7562">
        <f t="shared" si="843"/>
        <v>0</v>
      </c>
      <c r="N7562" s="45">
        <f t="shared" si="844"/>
        <v>45240.666666648409</v>
      </c>
    </row>
    <row r="7563" spans="2:14" x14ac:dyDescent="0.25">
      <c r="B7563">
        <f t="shared" si="838"/>
        <v>5</v>
      </c>
      <c r="C7563" s="16">
        <v>7529</v>
      </c>
      <c r="D7563" cm="1">
        <f t="array" ref="D7563">IFERROR(INDEX(Jesper!AH$2:AH$366,ROUNDDOWN($C7563/24,0)+1,1)*INDEX($D$3:$AA$30,INDEX(Jesper!$R$2:$R$366,ROW(INDEX(Jesper!AH$2:AH$366,ROUNDDOWN($C7563/24,0)+1,1))-1)+IF('Standard Profiles'!$G$18=$B$10,7,0)+IF('Standard Profiles'!$G$18=$B$17,14,0)+IF('Standard Profiles'!$G$18=$B$24,21,0),MOD($C7563,24)+1)/SUM(INDEX($D$3:$AA$30,INDEX(Jesper!$R$2:$R$366,ROW(INDEX(Jesper!AH$2:AH$366,ROUNDDOWN($C7563/24,0)+1,1))-1)+IF('Standard Profiles'!$G$18=$B$10,7,0)+IF('Standard Profiles'!$G$18=$B$17,14,0)+IF('Standard Profiles'!$G$18=$B$24,21,0),0)),0)</f>
        <v>9.0402811943234926</v>
      </c>
      <c r="E7563" cm="1">
        <f t="array" ref="E7563">IFERROR(INDEX(Jesper!AI$2:AI$366,ROUNDDOWN($C7563/24,0)+1,1)*INDEX($D$3:$AA$30,INDEX(Jesper!$R$2:$R$366,ROW(INDEX(Jesper!AI$2:AI$366,ROUNDDOWN($C7563/24,0)+1,1))-1)+IF('Standard Profiles'!$G$19=$B$10,7,0)+IF('Standard Profiles'!$G$19=$B$17,14,0)+IF('Standard Profiles'!$G$19=$B$24,21,0),MOD($C7563,24)+1)/SUM(INDEX($D$3:$AA$30,INDEX(Jesper!$R$2:$R$366,ROW(INDEX(Jesper!AI$2:AI$366,ROUNDDOWN($C7563/24,0)+1,1))-1)+IF('Standard Profiles'!$G$19=$B$10,7,0)+IF('Standard Profiles'!$G$19=$B$17,14,0)+IF('Standard Profiles'!$G$19=$B$24,21,0),0)),0)</f>
        <v>8.6700137869481555</v>
      </c>
      <c r="F7563" cm="1">
        <f t="array" ref="F7563">IFERROR(INDEX(Jesper!AJ$2:AJ$366,ROUNDDOWN($C7563/24,0)+1,1)*INDEX($D$3:$AA$30,INDEX(Jesper!$R$2:$R$366,ROW(INDEX(Jesper!AJ$2:AJ$366,ROUNDDOWN($C7563/24,0)+1,1))-1)+IF('Standard Profiles'!$G$20=$B$10,7,0)+IF('Standard Profiles'!$G$20=$B$17,14,0)+IF('Standard Profiles'!$G$20=$B$24,21,0),MOD($C7563,24)+1)/SUM(INDEX($D$3:$AA$30,INDEX(Jesper!$R$2:$R$366,ROW(INDEX(Jesper!AJ$2:AJ$366,ROUNDDOWN($C7563/24,0)+1,1))-1)+IF('Standard Profiles'!$G$20=$B$10,7,0)+IF('Standard Profiles'!$G$20=$B$17,14,0)+IF('Standard Profiles'!$G$20=$B$24,21,0),0)),0)</f>
        <v>0</v>
      </c>
      <c r="G7563" cm="1">
        <f t="array" ref="G7563">IFERROR(INDEX(Jesper!AK$2:AK$366,ROUNDDOWN($C7563/24,0)+1,1)*INDEX($D$3:$AA$30,INDEX(Jesper!$R$2:$R$366,ROW(INDEX(Jesper!AK$2:AK$366,ROUNDDOWN($C7563/24,0)+1,1))-1)+IF('Standard Profiles'!$G$21=$B$10,7,0)+IF('Standard Profiles'!$G$21=$B$17,14,0)+IF('Standard Profiles'!$G$21=$B$24,21,0),MOD($C7563,24)+1)/SUM(INDEX($D$3:$AA$30,INDEX(Jesper!$R$2:$R$366,ROW(INDEX(Jesper!AK$2:AK$366,ROUNDDOWN($C7563/24,0)+1,1))-1)+IF('Standard Profiles'!$G$21=$B$10,7,0)+IF('Standard Profiles'!$G$21=$B$17,14,0)+IF('Standard Profiles'!$G$21=$B$24,21,0),0)),0)</f>
        <v>13.110922961518311</v>
      </c>
      <c r="H7563" cm="1">
        <f t="array" ref="H7563">IFERROR(INDEX(Jesper!AL$2:AL$366,ROUNDDOWN($C7563/24,0)+1,1)*INDEX($D$3:$AA$30,INDEX(Jesper!$R$2:$R$366,ROW(INDEX(Jesper!AL$2:AL$366,ROUNDDOWN($C7563/24,0)+1,1))-1)+IF('Standard Profiles'!$G$22=$B$10,7,0)+IF('Standard Profiles'!$G$22=$B$17,14,0)+IF('Standard Profiles'!$G$22=$B$24,21,0),MOD($C7563,24)+1)/SUM(INDEX($D$3:$AA$30,INDEX(Jesper!$R$2:$R$366,ROW(INDEX(Jesper!AL$2:AL$366,ROUNDDOWN($C7563/24,0)+1,1))-1)+IF('Standard Profiles'!$G$22=$B$10,7,0)+IF('Standard Profiles'!$G$22=$B$17,14,0)+IF('Standard Profiles'!$G$22=$B$24,21,0),0)),0)</f>
        <v>0</v>
      </c>
      <c r="I7563">
        <f t="shared" si="839"/>
        <v>6.2932430215287862</v>
      </c>
      <c r="J7563">
        <f t="shared" si="840"/>
        <v>23.081529930169413</v>
      </c>
      <c r="K7563">
        <f t="shared" si="841"/>
        <v>0.96429666072783926</v>
      </c>
      <c r="L7563">
        <f t="shared" si="842"/>
        <v>0.48214833036391963</v>
      </c>
      <c r="M7563">
        <f t="shared" si="843"/>
        <v>0</v>
      </c>
      <c r="N7563" s="45">
        <f t="shared" si="844"/>
        <v>45240.708333315073</v>
      </c>
    </row>
    <row r="7564" spans="2:14" x14ac:dyDescent="0.25">
      <c r="B7564">
        <f t="shared" si="838"/>
        <v>5</v>
      </c>
      <c r="C7564" s="16">
        <v>7530</v>
      </c>
      <c r="D7564" cm="1">
        <f t="array" ref="D7564">IFERROR(INDEX(Jesper!AH$2:AH$366,ROUNDDOWN($C7564/24,0)+1,1)*INDEX($D$3:$AA$30,INDEX(Jesper!$R$2:$R$366,ROW(INDEX(Jesper!AH$2:AH$366,ROUNDDOWN($C7564/24,0)+1,1))-1)+IF('Standard Profiles'!$G$18=$B$10,7,0)+IF('Standard Profiles'!$G$18=$B$17,14,0)+IF('Standard Profiles'!$G$18=$B$24,21,0),MOD($C7564,24)+1)/SUM(INDEX($D$3:$AA$30,INDEX(Jesper!$R$2:$R$366,ROW(INDEX(Jesper!AH$2:AH$366,ROUNDDOWN($C7564/24,0)+1,1))-1)+IF('Standard Profiles'!$G$18=$B$10,7,0)+IF('Standard Profiles'!$G$18=$B$17,14,0)+IF('Standard Profiles'!$G$18=$B$24,21,0),0)),0)</f>
        <v>5.7529062145694949</v>
      </c>
      <c r="E7564" cm="1">
        <f t="array" ref="E7564">IFERROR(INDEX(Jesper!AI$2:AI$366,ROUNDDOWN($C7564/24,0)+1,1)*INDEX($D$3:$AA$30,INDEX(Jesper!$R$2:$R$366,ROW(INDEX(Jesper!AI$2:AI$366,ROUNDDOWN($C7564/24,0)+1,1))-1)+IF('Standard Profiles'!$G$19=$B$10,7,0)+IF('Standard Profiles'!$G$19=$B$17,14,0)+IF('Standard Profiles'!$G$19=$B$24,21,0),MOD($C7564,24)+1)/SUM(INDEX($D$3:$AA$30,INDEX(Jesper!$R$2:$R$366,ROW(INDEX(Jesper!AI$2:AI$366,ROUNDDOWN($C7564/24,0)+1,1))-1)+IF('Standard Profiles'!$G$19=$B$10,7,0)+IF('Standard Profiles'!$G$19=$B$17,14,0)+IF('Standard Profiles'!$G$19=$B$24,21,0),0)),0)</f>
        <v>5.517281500785189</v>
      </c>
      <c r="F7564" cm="1">
        <f t="array" ref="F7564">IFERROR(INDEX(Jesper!AJ$2:AJ$366,ROUNDDOWN($C7564/24,0)+1,1)*INDEX($D$3:$AA$30,INDEX(Jesper!$R$2:$R$366,ROW(INDEX(Jesper!AJ$2:AJ$366,ROUNDDOWN($C7564/24,0)+1,1))-1)+IF('Standard Profiles'!$G$20=$B$10,7,0)+IF('Standard Profiles'!$G$20=$B$17,14,0)+IF('Standard Profiles'!$G$20=$B$24,21,0),MOD($C7564,24)+1)/SUM(INDEX($D$3:$AA$30,INDEX(Jesper!$R$2:$R$366,ROW(INDEX(Jesper!AJ$2:AJ$366,ROUNDDOWN($C7564/24,0)+1,1))-1)+IF('Standard Profiles'!$G$20=$B$10,7,0)+IF('Standard Profiles'!$G$20=$B$17,14,0)+IF('Standard Profiles'!$G$20=$B$24,21,0),0)),0)</f>
        <v>0</v>
      </c>
      <c r="G7564" cm="1">
        <f t="array" ref="G7564">IFERROR(INDEX(Jesper!AK$2:AK$366,ROUNDDOWN($C7564/24,0)+1,1)*INDEX($D$3:$AA$30,INDEX(Jesper!$R$2:$R$366,ROW(INDEX(Jesper!AK$2:AK$366,ROUNDDOWN($C7564/24,0)+1,1))-1)+IF('Standard Profiles'!$G$21=$B$10,7,0)+IF('Standard Profiles'!$G$21=$B$17,14,0)+IF('Standard Profiles'!$G$21=$B$24,21,0),MOD($C7564,24)+1)/SUM(INDEX($D$3:$AA$30,INDEX(Jesper!$R$2:$R$366,ROW(INDEX(Jesper!AK$2:AK$366,ROUNDDOWN($C7564/24,0)+1,1))-1)+IF('Standard Profiles'!$G$21=$B$10,7,0)+IF('Standard Profiles'!$G$21=$B$17,14,0)+IF('Standard Profiles'!$G$21=$B$24,21,0),0)),0)</f>
        <v>4.8385549024650905</v>
      </c>
      <c r="H7564" cm="1">
        <f t="array" ref="H7564">IFERROR(INDEX(Jesper!AL$2:AL$366,ROUNDDOWN($C7564/24,0)+1,1)*INDEX($D$3:$AA$30,INDEX(Jesper!$R$2:$R$366,ROW(INDEX(Jesper!AL$2:AL$366,ROUNDDOWN($C7564/24,0)+1,1))-1)+IF('Standard Profiles'!$G$22=$B$10,7,0)+IF('Standard Profiles'!$G$22=$B$17,14,0)+IF('Standard Profiles'!$G$22=$B$24,21,0),MOD($C7564,24)+1)/SUM(INDEX($D$3:$AA$30,INDEX(Jesper!$R$2:$R$366,ROW(INDEX(Jesper!AL$2:AL$366,ROUNDDOWN($C7564/24,0)+1,1))-1)+IF('Standard Profiles'!$G$22=$B$10,7,0)+IF('Standard Profiles'!$G$22=$B$17,14,0)+IF('Standard Profiles'!$G$22=$B$24,21,0),0)),0)</f>
        <v>0</v>
      </c>
      <c r="I7564">
        <f t="shared" si="839"/>
        <v>2.3225063531832424</v>
      </c>
      <c r="J7564">
        <f t="shared" si="840"/>
        <v>12.865771270305412</v>
      </c>
      <c r="K7564">
        <f t="shared" si="841"/>
        <v>0.61364332955407952</v>
      </c>
      <c r="L7564">
        <f t="shared" si="842"/>
        <v>0.30682166477703976</v>
      </c>
      <c r="M7564">
        <f t="shared" si="843"/>
        <v>0</v>
      </c>
      <c r="N7564" s="45">
        <f t="shared" si="844"/>
        <v>45240.749999981737</v>
      </c>
    </row>
    <row r="7565" spans="2:14" x14ac:dyDescent="0.25">
      <c r="B7565">
        <f t="shared" si="838"/>
        <v>5</v>
      </c>
      <c r="C7565" s="16">
        <v>7531</v>
      </c>
      <c r="D7565" cm="1">
        <f t="array" ref="D7565">IFERROR(INDEX(Jesper!AH$2:AH$366,ROUNDDOWN($C7565/24,0)+1,1)*INDEX($D$3:$AA$30,INDEX(Jesper!$R$2:$R$366,ROW(INDEX(Jesper!AH$2:AH$366,ROUNDDOWN($C7565/24,0)+1,1))-1)+IF('Standard Profiles'!$G$18=$B$10,7,0)+IF('Standard Profiles'!$G$18=$B$17,14,0)+IF('Standard Profiles'!$G$18=$B$24,21,0),MOD($C7565,24)+1)/SUM(INDEX($D$3:$AA$30,INDEX(Jesper!$R$2:$R$366,ROW(INDEX(Jesper!AH$2:AH$366,ROUNDDOWN($C7565/24,0)+1,1))-1)+IF('Standard Profiles'!$G$18=$B$10,7,0)+IF('Standard Profiles'!$G$18=$B$17,14,0)+IF('Standard Profiles'!$G$18=$B$24,21,0),0)),0)</f>
        <v>5.4789582995899959</v>
      </c>
      <c r="E7565" cm="1">
        <f t="array" ref="E7565">IFERROR(INDEX(Jesper!AI$2:AI$366,ROUNDDOWN($C7565/24,0)+1,1)*INDEX($D$3:$AA$30,INDEX(Jesper!$R$2:$R$366,ROW(INDEX(Jesper!AI$2:AI$366,ROUNDDOWN($C7565/24,0)+1,1))-1)+IF('Standard Profiles'!$G$19=$B$10,7,0)+IF('Standard Profiles'!$G$19=$B$17,14,0)+IF('Standard Profiles'!$G$19=$B$24,21,0),MOD($C7565,24)+1)/SUM(INDEX($D$3:$AA$30,INDEX(Jesper!$R$2:$R$366,ROW(INDEX(Jesper!AI$2:AI$366,ROUNDDOWN($C7565/24,0)+1,1))-1)+IF('Standard Profiles'!$G$19=$B$10,7,0)+IF('Standard Profiles'!$G$19=$B$17,14,0)+IF('Standard Profiles'!$G$19=$B$24,21,0),0)),0)</f>
        <v>5.2545538102716094</v>
      </c>
      <c r="F7565" cm="1">
        <f t="array" ref="F7565">IFERROR(INDEX(Jesper!AJ$2:AJ$366,ROUNDDOWN($C7565/24,0)+1,1)*INDEX($D$3:$AA$30,INDEX(Jesper!$R$2:$R$366,ROW(INDEX(Jesper!AJ$2:AJ$366,ROUNDDOWN($C7565/24,0)+1,1))-1)+IF('Standard Profiles'!$G$20=$B$10,7,0)+IF('Standard Profiles'!$G$20=$B$17,14,0)+IF('Standard Profiles'!$G$20=$B$24,21,0),MOD($C7565,24)+1)/SUM(INDEX($D$3:$AA$30,INDEX(Jesper!$R$2:$R$366,ROW(INDEX(Jesper!AJ$2:AJ$366,ROUNDDOWN($C7565/24,0)+1,1))-1)+IF('Standard Profiles'!$G$20=$B$10,7,0)+IF('Standard Profiles'!$G$20=$B$17,14,0)+IF('Standard Profiles'!$G$20=$B$24,21,0),0)),0)</f>
        <v>0</v>
      </c>
      <c r="G7565" cm="1">
        <f t="array" ref="G7565">IFERROR(INDEX(Jesper!AK$2:AK$366,ROUNDDOWN($C7565/24,0)+1,1)*INDEX($D$3:$AA$30,INDEX(Jesper!$R$2:$R$366,ROW(INDEX(Jesper!AK$2:AK$366,ROUNDDOWN($C7565/24,0)+1,1))-1)+IF('Standard Profiles'!$G$21=$B$10,7,0)+IF('Standard Profiles'!$G$21=$B$17,14,0)+IF('Standard Profiles'!$G$21=$B$24,21,0),MOD($C7565,24)+1)/SUM(INDEX($D$3:$AA$30,INDEX(Jesper!$R$2:$R$366,ROW(INDEX(Jesper!AK$2:AK$366,ROUNDDOWN($C7565/24,0)+1,1))-1)+IF('Standard Profiles'!$G$21=$B$10,7,0)+IF('Standard Profiles'!$G$21=$B$17,14,0)+IF('Standard Profiles'!$G$21=$B$24,21,0),0)),0)</f>
        <v>4.8385549024650905</v>
      </c>
      <c r="H7565" cm="1">
        <f t="array" ref="H7565">IFERROR(INDEX(Jesper!AL$2:AL$366,ROUNDDOWN($C7565/24,0)+1,1)*INDEX($D$3:$AA$30,INDEX(Jesper!$R$2:$R$366,ROW(INDEX(Jesper!AL$2:AL$366,ROUNDDOWN($C7565/24,0)+1,1))-1)+IF('Standard Profiles'!$G$22=$B$10,7,0)+IF('Standard Profiles'!$G$22=$B$17,14,0)+IF('Standard Profiles'!$G$22=$B$24,21,0),MOD($C7565,24)+1)/SUM(INDEX($D$3:$AA$30,INDEX(Jesper!$R$2:$R$366,ROW(INDEX(Jesper!AL$2:AL$366,ROUNDDOWN($C7565/24,0)+1,1))-1)+IF('Standard Profiles'!$G$22=$B$10,7,0)+IF('Standard Profiles'!$G$22=$B$17,14,0)+IF('Standard Profiles'!$G$22=$B$24,21,0),0)),0)</f>
        <v>0</v>
      </c>
      <c r="I7565">
        <f t="shared" si="839"/>
        <v>2.3225063531832424</v>
      </c>
      <c r="J7565">
        <f t="shared" si="840"/>
        <v>12.372927331209054</v>
      </c>
      <c r="K7565">
        <f t="shared" si="841"/>
        <v>0.58442221862293298</v>
      </c>
      <c r="L7565">
        <f t="shared" si="842"/>
        <v>0.29221110931146649</v>
      </c>
      <c r="M7565">
        <f t="shared" si="843"/>
        <v>0</v>
      </c>
      <c r="N7565" s="45">
        <f t="shared" si="844"/>
        <v>45240.791666648402</v>
      </c>
    </row>
    <row r="7566" spans="2:14" x14ac:dyDescent="0.25">
      <c r="B7566">
        <f t="shared" si="838"/>
        <v>5</v>
      </c>
      <c r="C7566" s="16">
        <v>7532</v>
      </c>
      <c r="D7566" cm="1">
        <f t="array" ref="D7566">IFERROR(INDEX(Jesper!AH$2:AH$366,ROUNDDOWN($C7566/24,0)+1,1)*INDEX($D$3:$AA$30,INDEX(Jesper!$R$2:$R$366,ROW(INDEX(Jesper!AH$2:AH$366,ROUNDDOWN($C7566/24,0)+1,1))-1)+IF('Standard Profiles'!$G$18=$B$10,7,0)+IF('Standard Profiles'!$G$18=$B$17,14,0)+IF('Standard Profiles'!$G$18=$B$24,21,0),MOD($C7566,24)+1)/SUM(INDEX($D$3:$AA$30,INDEX(Jesper!$R$2:$R$366,ROW(INDEX(Jesper!AH$2:AH$366,ROUNDDOWN($C7566/24,0)+1,1))-1)+IF('Standard Profiles'!$G$18=$B$10,7,0)+IF('Standard Profiles'!$G$18=$B$17,14,0)+IF('Standard Profiles'!$G$18=$B$24,21,0),0)),0)</f>
        <v>5.4789582995899959</v>
      </c>
      <c r="E7566" cm="1">
        <f t="array" ref="E7566">IFERROR(INDEX(Jesper!AI$2:AI$366,ROUNDDOWN($C7566/24,0)+1,1)*INDEX($D$3:$AA$30,INDEX(Jesper!$R$2:$R$366,ROW(INDEX(Jesper!AI$2:AI$366,ROUNDDOWN($C7566/24,0)+1,1))-1)+IF('Standard Profiles'!$G$19=$B$10,7,0)+IF('Standard Profiles'!$G$19=$B$17,14,0)+IF('Standard Profiles'!$G$19=$B$24,21,0),MOD($C7566,24)+1)/SUM(INDEX($D$3:$AA$30,INDEX(Jesper!$R$2:$R$366,ROW(INDEX(Jesper!AI$2:AI$366,ROUNDDOWN($C7566/24,0)+1,1))-1)+IF('Standard Profiles'!$G$19=$B$10,7,0)+IF('Standard Profiles'!$G$19=$B$17,14,0)+IF('Standard Profiles'!$G$19=$B$24,21,0),0)),0)</f>
        <v>5.2545538102716094</v>
      </c>
      <c r="F7566" cm="1">
        <f t="array" ref="F7566">IFERROR(INDEX(Jesper!AJ$2:AJ$366,ROUNDDOWN($C7566/24,0)+1,1)*INDEX($D$3:$AA$30,INDEX(Jesper!$R$2:$R$366,ROW(INDEX(Jesper!AJ$2:AJ$366,ROUNDDOWN($C7566/24,0)+1,1))-1)+IF('Standard Profiles'!$G$20=$B$10,7,0)+IF('Standard Profiles'!$G$20=$B$17,14,0)+IF('Standard Profiles'!$G$20=$B$24,21,0),MOD($C7566,24)+1)/SUM(INDEX($D$3:$AA$30,INDEX(Jesper!$R$2:$R$366,ROW(INDEX(Jesper!AJ$2:AJ$366,ROUNDDOWN($C7566/24,0)+1,1))-1)+IF('Standard Profiles'!$G$20=$B$10,7,0)+IF('Standard Profiles'!$G$20=$B$17,14,0)+IF('Standard Profiles'!$G$20=$B$24,21,0),0)),0)</f>
        <v>0</v>
      </c>
      <c r="G7566" cm="1">
        <f t="array" ref="G7566">IFERROR(INDEX(Jesper!AK$2:AK$366,ROUNDDOWN($C7566/24,0)+1,1)*INDEX($D$3:$AA$30,INDEX(Jesper!$R$2:$R$366,ROW(INDEX(Jesper!AK$2:AK$366,ROUNDDOWN($C7566/24,0)+1,1))-1)+IF('Standard Profiles'!$G$21=$B$10,7,0)+IF('Standard Profiles'!$G$21=$B$17,14,0)+IF('Standard Profiles'!$G$21=$B$24,21,0),MOD($C7566,24)+1)/SUM(INDEX($D$3:$AA$30,INDEX(Jesper!$R$2:$R$366,ROW(INDEX(Jesper!AK$2:AK$366,ROUNDDOWN($C7566/24,0)+1,1))-1)+IF('Standard Profiles'!$G$21=$B$10,7,0)+IF('Standard Profiles'!$G$21=$B$17,14,0)+IF('Standard Profiles'!$G$21=$B$24,21,0),0)),0)</f>
        <v>4.8385549024650905</v>
      </c>
      <c r="H7566" cm="1">
        <f t="array" ref="H7566">IFERROR(INDEX(Jesper!AL$2:AL$366,ROUNDDOWN($C7566/24,0)+1,1)*INDEX($D$3:$AA$30,INDEX(Jesper!$R$2:$R$366,ROW(INDEX(Jesper!AL$2:AL$366,ROUNDDOWN($C7566/24,0)+1,1))-1)+IF('Standard Profiles'!$G$22=$B$10,7,0)+IF('Standard Profiles'!$G$22=$B$17,14,0)+IF('Standard Profiles'!$G$22=$B$24,21,0),MOD($C7566,24)+1)/SUM(INDEX($D$3:$AA$30,INDEX(Jesper!$R$2:$R$366,ROW(INDEX(Jesper!AL$2:AL$366,ROUNDDOWN($C7566/24,0)+1,1))-1)+IF('Standard Profiles'!$G$22=$B$10,7,0)+IF('Standard Profiles'!$G$22=$B$17,14,0)+IF('Standard Profiles'!$G$22=$B$24,21,0),0)),0)</f>
        <v>0</v>
      </c>
      <c r="I7566">
        <f t="shared" si="839"/>
        <v>2.3225063531832424</v>
      </c>
      <c r="J7566">
        <f t="shared" si="840"/>
        <v>12.372927331209054</v>
      </c>
      <c r="K7566">
        <f t="shared" si="841"/>
        <v>0.58442221862293298</v>
      </c>
      <c r="L7566">
        <f t="shared" si="842"/>
        <v>0.29221110931146649</v>
      </c>
      <c r="M7566">
        <f t="shared" si="843"/>
        <v>0</v>
      </c>
      <c r="N7566" s="45">
        <f t="shared" si="844"/>
        <v>45240.833333315066</v>
      </c>
    </row>
    <row r="7567" spans="2:14" x14ac:dyDescent="0.25">
      <c r="B7567">
        <f t="shared" si="838"/>
        <v>5</v>
      </c>
      <c r="C7567" s="16">
        <v>7533</v>
      </c>
      <c r="D7567" cm="1">
        <f t="array" ref="D7567">IFERROR(INDEX(Jesper!AH$2:AH$366,ROUNDDOWN($C7567/24,0)+1,1)*INDEX($D$3:$AA$30,INDEX(Jesper!$R$2:$R$366,ROW(INDEX(Jesper!AH$2:AH$366,ROUNDDOWN($C7567/24,0)+1,1))-1)+IF('Standard Profiles'!$G$18=$B$10,7,0)+IF('Standard Profiles'!$G$18=$B$17,14,0)+IF('Standard Profiles'!$G$18=$B$24,21,0),MOD($C7567,24)+1)/SUM(INDEX($D$3:$AA$30,INDEX(Jesper!$R$2:$R$366,ROW(INDEX(Jesper!AH$2:AH$366,ROUNDDOWN($C7567/24,0)+1,1))-1)+IF('Standard Profiles'!$G$18=$B$10,7,0)+IF('Standard Profiles'!$G$18=$B$17,14,0)+IF('Standard Profiles'!$G$18=$B$24,21,0),0)),0)</f>
        <v>5.4789582995899959</v>
      </c>
      <c r="E7567" cm="1">
        <f t="array" ref="E7567">IFERROR(INDEX(Jesper!AI$2:AI$366,ROUNDDOWN($C7567/24,0)+1,1)*INDEX($D$3:$AA$30,INDEX(Jesper!$R$2:$R$366,ROW(INDEX(Jesper!AI$2:AI$366,ROUNDDOWN($C7567/24,0)+1,1))-1)+IF('Standard Profiles'!$G$19=$B$10,7,0)+IF('Standard Profiles'!$G$19=$B$17,14,0)+IF('Standard Profiles'!$G$19=$B$24,21,0),MOD($C7567,24)+1)/SUM(INDEX($D$3:$AA$30,INDEX(Jesper!$R$2:$R$366,ROW(INDEX(Jesper!AI$2:AI$366,ROUNDDOWN($C7567/24,0)+1,1))-1)+IF('Standard Profiles'!$G$19=$B$10,7,0)+IF('Standard Profiles'!$G$19=$B$17,14,0)+IF('Standard Profiles'!$G$19=$B$24,21,0),0)),0)</f>
        <v>5.2545538102716094</v>
      </c>
      <c r="F7567" cm="1">
        <f t="array" ref="F7567">IFERROR(INDEX(Jesper!AJ$2:AJ$366,ROUNDDOWN($C7567/24,0)+1,1)*INDEX($D$3:$AA$30,INDEX(Jesper!$R$2:$R$366,ROW(INDEX(Jesper!AJ$2:AJ$366,ROUNDDOWN($C7567/24,0)+1,1))-1)+IF('Standard Profiles'!$G$20=$B$10,7,0)+IF('Standard Profiles'!$G$20=$B$17,14,0)+IF('Standard Profiles'!$G$20=$B$24,21,0),MOD($C7567,24)+1)/SUM(INDEX($D$3:$AA$30,INDEX(Jesper!$R$2:$R$366,ROW(INDEX(Jesper!AJ$2:AJ$366,ROUNDDOWN($C7567/24,0)+1,1))-1)+IF('Standard Profiles'!$G$20=$B$10,7,0)+IF('Standard Profiles'!$G$20=$B$17,14,0)+IF('Standard Profiles'!$G$20=$B$24,21,0),0)),0)</f>
        <v>0</v>
      </c>
      <c r="G7567" cm="1">
        <f t="array" ref="G7567">IFERROR(INDEX(Jesper!AK$2:AK$366,ROUNDDOWN($C7567/24,0)+1,1)*INDEX($D$3:$AA$30,INDEX(Jesper!$R$2:$R$366,ROW(INDEX(Jesper!AK$2:AK$366,ROUNDDOWN($C7567/24,0)+1,1))-1)+IF('Standard Profiles'!$G$21=$B$10,7,0)+IF('Standard Profiles'!$G$21=$B$17,14,0)+IF('Standard Profiles'!$G$21=$B$24,21,0),MOD($C7567,24)+1)/SUM(INDEX($D$3:$AA$30,INDEX(Jesper!$R$2:$R$366,ROW(INDEX(Jesper!AK$2:AK$366,ROUNDDOWN($C7567/24,0)+1,1))-1)+IF('Standard Profiles'!$G$21=$B$10,7,0)+IF('Standard Profiles'!$G$21=$B$17,14,0)+IF('Standard Profiles'!$G$21=$B$24,21,0),0)),0)</f>
        <v>4.8385549024650905</v>
      </c>
      <c r="H7567" cm="1">
        <f t="array" ref="H7567">IFERROR(INDEX(Jesper!AL$2:AL$366,ROUNDDOWN($C7567/24,0)+1,1)*INDEX($D$3:$AA$30,INDEX(Jesper!$R$2:$R$366,ROW(INDEX(Jesper!AL$2:AL$366,ROUNDDOWN($C7567/24,0)+1,1))-1)+IF('Standard Profiles'!$G$22=$B$10,7,0)+IF('Standard Profiles'!$G$22=$B$17,14,0)+IF('Standard Profiles'!$G$22=$B$24,21,0),MOD($C7567,24)+1)/SUM(INDEX($D$3:$AA$30,INDEX(Jesper!$R$2:$R$366,ROW(INDEX(Jesper!AL$2:AL$366,ROUNDDOWN($C7567/24,0)+1,1))-1)+IF('Standard Profiles'!$G$22=$B$10,7,0)+IF('Standard Profiles'!$G$22=$B$17,14,0)+IF('Standard Profiles'!$G$22=$B$24,21,0),0)),0)</f>
        <v>0</v>
      </c>
      <c r="I7567">
        <f t="shared" si="839"/>
        <v>2.3225063531832424</v>
      </c>
      <c r="J7567">
        <f t="shared" si="840"/>
        <v>12.372927331209054</v>
      </c>
      <c r="K7567">
        <f t="shared" si="841"/>
        <v>0.58442221862293298</v>
      </c>
      <c r="L7567">
        <f t="shared" si="842"/>
        <v>0.29221110931146649</v>
      </c>
      <c r="M7567">
        <f t="shared" si="843"/>
        <v>0</v>
      </c>
      <c r="N7567" s="45">
        <f t="shared" si="844"/>
        <v>45240.87499998173</v>
      </c>
    </row>
    <row r="7568" spans="2:14" x14ac:dyDescent="0.25">
      <c r="B7568">
        <f t="shared" si="838"/>
        <v>5</v>
      </c>
      <c r="C7568" s="16">
        <v>7534</v>
      </c>
      <c r="D7568" cm="1">
        <f t="array" ref="D7568">IFERROR(INDEX(Jesper!AH$2:AH$366,ROUNDDOWN($C7568/24,0)+1,1)*INDEX($D$3:$AA$30,INDEX(Jesper!$R$2:$R$366,ROW(INDEX(Jesper!AH$2:AH$366,ROUNDDOWN($C7568/24,0)+1,1))-1)+IF('Standard Profiles'!$G$18=$B$10,7,0)+IF('Standard Profiles'!$G$18=$B$17,14,0)+IF('Standard Profiles'!$G$18=$B$24,21,0),MOD($C7568,24)+1)/SUM(INDEX($D$3:$AA$30,INDEX(Jesper!$R$2:$R$366,ROW(INDEX(Jesper!AH$2:AH$366,ROUNDDOWN($C7568/24,0)+1,1))-1)+IF('Standard Profiles'!$G$18=$B$10,7,0)+IF('Standard Profiles'!$G$18=$B$17,14,0)+IF('Standard Profiles'!$G$18=$B$24,21,0),0)),0)</f>
        <v>5.4789582995899959</v>
      </c>
      <c r="E7568" cm="1">
        <f t="array" ref="E7568">IFERROR(INDEX(Jesper!AI$2:AI$366,ROUNDDOWN($C7568/24,0)+1,1)*INDEX($D$3:$AA$30,INDEX(Jesper!$R$2:$R$366,ROW(INDEX(Jesper!AI$2:AI$366,ROUNDDOWN($C7568/24,0)+1,1))-1)+IF('Standard Profiles'!$G$19=$B$10,7,0)+IF('Standard Profiles'!$G$19=$B$17,14,0)+IF('Standard Profiles'!$G$19=$B$24,21,0),MOD($C7568,24)+1)/SUM(INDEX($D$3:$AA$30,INDEX(Jesper!$R$2:$R$366,ROW(INDEX(Jesper!AI$2:AI$366,ROUNDDOWN($C7568/24,0)+1,1))-1)+IF('Standard Profiles'!$G$19=$B$10,7,0)+IF('Standard Profiles'!$G$19=$B$17,14,0)+IF('Standard Profiles'!$G$19=$B$24,21,0),0)),0)</f>
        <v>5.2545538102716094</v>
      </c>
      <c r="F7568" cm="1">
        <f t="array" ref="F7568">IFERROR(INDEX(Jesper!AJ$2:AJ$366,ROUNDDOWN($C7568/24,0)+1,1)*INDEX($D$3:$AA$30,INDEX(Jesper!$R$2:$R$366,ROW(INDEX(Jesper!AJ$2:AJ$366,ROUNDDOWN($C7568/24,0)+1,1))-1)+IF('Standard Profiles'!$G$20=$B$10,7,0)+IF('Standard Profiles'!$G$20=$B$17,14,0)+IF('Standard Profiles'!$G$20=$B$24,21,0),MOD($C7568,24)+1)/SUM(INDEX($D$3:$AA$30,INDEX(Jesper!$R$2:$R$366,ROW(INDEX(Jesper!AJ$2:AJ$366,ROUNDDOWN($C7568/24,0)+1,1))-1)+IF('Standard Profiles'!$G$20=$B$10,7,0)+IF('Standard Profiles'!$G$20=$B$17,14,0)+IF('Standard Profiles'!$G$20=$B$24,21,0),0)),0)</f>
        <v>0</v>
      </c>
      <c r="G7568" cm="1">
        <f t="array" ref="G7568">IFERROR(INDEX(Jesper!AK$2:AK$366,ROUNDDOWN($C7568/24,0)+1,1)*INDEX($D$3:$AA$30,INDEX(Jesper!$R$2:$R$366,ROW(INDEX(Jesper!AK$2:AK$366,ROUNDDOWN($C7568/24,0)+1,1))-1)+IF('Standard Profiles'!$G$21=$B$10,7,0)+IF('Standard Profiles'!$G$21=$B$17,14,0)+IF('Standard Profiles'!$G$21=$B$24,21,0),MOD($C7568,24)+1)/SUM(INDEX($D$3:$AA$30,INDEX(Jesper!$R$2:$R$366,ROW(INDEX(Jesper!AK$2:AK$366,ROUNDDOWN($C7568/24,0)+1,1))-1)+IF('Standard Profiles'!$G$21=$B$10,7,0)+IF('Standard Profiles'!$G$21=$B$17,14,0)+IF('Standard Profiles'!$G$21=$B$24,21,0),0)),0)</f>
        <v>4.8385549024650905</v>
      </c>
      <c r="H7568" cm="1">
        <f t="array" ref="H7568">IFERROR(INDEX(Jesper!AL$2:AL$366,ROUNDDOWN($C7568/24,0)+1,1)*INDEX($D$3:$AA$30,INDEX(Jesper!$R$2:$R$366,ROW(INDEX(Jesper!AL$2:AL$366,ROUNDDOWN($C7568/24,0)+1,1))-1)+IF('Standard Profiles'!$G$22=$B$10,7,0)+IF('Standard Profiles'!$G$22=$B$17,14,0)+IF('Standard Profiles'!$G$22=$B$24,21,0),MOD($C7568,24)+1)/SUM(INDEX($D$3:$AA$30,INDEX(Jesper!$R$2:$R$366,ROW(INDEX(Jesper!AL$2:AL$366,ROUNDDOWN($C7568/24,0)+1,1))-1)+IF('Standard Profiles'!$G$22=$B$10,7,0)+IF('Standard Profiles'!$G$22=$B$17,14,0)+IF('Standard Profiles'!$G$22=$B$24,21,0),0)),0)</f>
        <v>0</v>
      </c>
      <c r="I7568">
        <f t="shared" si="839"/>
        <v>2.3225063531832424</v>
      </c>
      <c r="J7568">
        <f t="shared" si="840"/>
        <v>12.372927331209054</v>
      </c>
      <c r="K7568">
        <f t="shared" si="841"/>
        <v>0.58442221862293298</v>
      </c>
      <c r="L7568">
        <f t="shared" si="842"/>
        <v>0.29221110931146649</v>
      </c>
      <c r="M7568">
        <f t="shared" si="843"/>
        <v>0</v>
      </c>
      <c r="N7568" s="45">
        <f t="shared" si="844"/>
        <v>45240.916666648394</v>
      </c>
    </row>
    <row r="7569" spans="2:14" x14ac:dyDescent="0.25">
      <c r="B7569">
        <f t="shared" si="838"/>
        <v>5</v>
      </c>
      <c r="C7569" s="16">
        <v>7535</v>
      </c>
      <c r="D7569" cm="1">
        <f t="array" ref="D7569">IFERROR(INDEX(Jesper!AH$2:AH$366,ROUNDDOWN($C7569/24,0)+1,1)*INDEX($D$3:$AA$30,INDEX(Jesper!$R$2:$R$366,ROW(INDEX(Jesper!AH$2:AH$366,ROUNDDOWN($C7569/24,0)+1,1))-1)+IF('Standard Profiles'!$G$18=$B$10,7,0)+IF('Standard Profiles'!$G$18=$B$17,14,0)+IF('Standard Profiles'!$G$18=$B$24,21,0),MOD($C7569,24)+1)/SUM(INDEX($D$3:$AA$30,INDEX(Jesper!$R$2:$R$366,ROW(INDEX(Jesper!AH$2:AH$366,ROUNDDOWN($C7569/24,0)+1,1))-1)+IF('Standard Profiles'!$G$18=$B$10,7,0)+IF('Standard Profiles'!$G$18=$B$17,14,0)+IF('Standard Profiles'!$G$18=$B$24,21,0),0)),0)</f>
        <v>5.4789582995899959</v>
      </c>
      <c r="E7569" cm="1">
        <f t="array" ref="E7569">IFERROR(INDEX(Jesper!AI$2:AI$366,ROUNDDOWN($C7569/24,0)+1,1)*INDEX($D$3:$AA$30,INDEX(Jesper!$R$2:$R$366,ROW(INDEX(Jesper!AI$2:AI$366,ROUNDDOWN($C7569/24,0)+1,1))-1)+IF('Standard Profiles'!$G$19=$B$10,7,0)+IF('Standard Profiles'!$G$19=$B$17,14,0)+IF('Standard Profiles'!$G$19=$B$24,21,0),MOD($C7569,24)+1)/SUM(INDEX($D$3:$AA$30,INDEX(Jesper!$R$2:$R$366,ROW(INDEX(Jesper!AI$2:AI$366,ROUNDDOWN($C7569/24,0)+1,1))-1)+IF('Standard Profiles'!$G$19=$B$10,7,0)+IF('Standard Profiles'!$G$19=$B$17,14,0)+IF('Standard Profiles'!$G$19=$B$24,21,0),0)),0)</f>
        <v>5.2545538102716094</v>
      </c>
      <c r="F7569" cm="1">
        <f t="array" ref="F7569">IFERROR(INDEX(Jesper!AJ$2:AJ$366,ROUNDDOWN($C7569/24,0)+1,1)*INDEX($D$3:$AA$30,INDEX(Jesper!$R$2:$R$366,ROW(INDEX(Jesper!AJ$2:AJ$366,ROUNDDOWN($C7569/24,0)+1,1))-1)+IF('Standard Profiles'!$G$20=$B$10,7,0)+IF('Standard Profiles'!$G$20=$B$17,14,0)+IF('Standard Profiles'!$G$20=$B$24,21,0),MOD($C7569,24)+1)/SUM(INDEX($D$3:$AA$30,INDEX(Jesper!$R$2:$R$366,ROW(INDEX(Jesper!AJ$2:AJ$366,ROUNDDOWN($C7569/24,0)+1,1))-1)+IF('Standard Profiles'!$G$20=$B$10,7,0)+IF('Standard Profiles'!$G$20=$B$17,14,0)+IF('Standard Profiles'!$G$20=$B$24,21,0),0)),0)</f>
        <v>0</v>
      </c>
      <c r="G7569" cm="1">
        <f t="array" ref="G7569">IFERROR(INDEX(Jesper!AK$2:AK$366,ROUNDDOWN($C7569/24,0)+1,1)*INDEX($D$3:$AA$30,INDEX(Jesper!$R$2:$R$366,ROW(INDEX(Jesper!AK$2:AK$366,ROUNDDOWN($C7569/24,0)+1,1))-1)+IF('Standard Profiles'!$G$21=$B$10,7,0)+IF('Standard Profiles'!$G$21=$B$17,14,0)+IF('Standard Profiles'!$G$21=$B$24,21,0),MOD($C7569,24)+1)/SUM(INDEX($D$3:$AA$30,INDEX(Jesper!$R$2:$R$366,ROW(INDEX(Jesper!AK$2:AK$366,ROUNDDOWN($C7569/24,0)+1,1))-1)+IF('Standard Profiles'!$G$21=$B$10,7,0)+IF('Standard Profiles'!$G$21=$B$17,14,0)+IF('Standard Profiles'!$G$21=$B$24,21,0),0)),0)</f>
        <v>4.8385549024650905</v>
      </c>
      <c r="H7569" cm="1">
        <f t="array" ref="H7569">IFERROR(INDEX(Jesper!AL$2:AL$366,ROUNDDOWN($C7569/24,0)+1,1)*INDEX($D$3:$AA$30,INDEX(Jesper!$R$2:$R$366,ROW(INDEX(Jesper!AL$2:AL$366,ROUNDDOWN($C7569/24,0)+1,1))-1)+IF('Standard Profiles'!$G$22=$B$10,7,0)+IF('Standard Profiles'!$G$22=$B$17,14,0)+IF('Standard Profiles'!$G$22=$B$24,21,0),MOD($C7569,24)+1)/SUM(INDEX($D$3:$AA$30,INDEX(Jesper!$R$2:$R$366,ROW(INDEX(Jesper!AL$2:AL$366,ROUNDDOWN($C7569/24,0)+1,1))-1)+IF('Standard Profiles'!$G$22=$B$10,7,0)+IF('Standard Profiles'!$G$22=$B$17,14,0)+IF('Standard Profiles'!$G$22=$B$24,21,0),0)),0)</f>
        <v>0</v>
      </c>
      <c r="I7569">
        <f t="shared" si="839"/>
        <v>2.3225063531832424</v>
      </c>
      <c r="J7569">
        <f t="shared" si="840"/>
        <v>12.372927331209054</v>
      </c>
      <c r="K7569">
        <f t="shared" si="841"/>
        <v>0.58442221862293298</v>
      </c>
      <c r="L7569">
        <f t="shared" si="842"/>
        <v>0.29221110931146649</v>
      </c>
      <c r="M7569">
        <f t="shared" si="843"/>
        <v>0</v>
      </c>
      <c r="N7569" s="45">
        <f t="shared" si="844"/>
        <v>45240.958333315059</v>
      </c>
    </row>
    <row r="7570" spans="2:14" x14ac:dyDescent="0.25">
      <c r="B7570">
        <f t="shared" si="838"/>
        <v>6</v>
      </c>
      <c r="C7570" s="16">
        <v>7536</v>
      </c>
      <c r="D7570" cm="1">
        <f t="array" ref="D7570">IFERROR(INDEX(Jesper!AH$2:AH$366,ROUNDDOWN($C7570/24,0)+1,1)*INDEX($D$3:$AA$30,INDEX(Jesper!$R$2:$R$366,ROW(INDEX(Jesper!AH$2:AH$366,ROUNDDOWN($C7570/24,0)+1,1))-1)+IF('Standard Profiles'!$G$18=$B$10,7,0)+IF('Standard Profiles'!$G$18=$B$17,14,0)+IF('Standard Profiles'!$G$18=$B$24,21,0),MOD($C7570,24)+1)/SUM(INDEX($D$3:$AA$30,INDEX(Jesper!$R$2:$R$366,ROW(INDEX(Jesper!AH$2:AH$366,ROUNDDOWN($C7570/24,0)+1,1))-1)+IF('Standard Profiles'!$G$18=$B$10,7,0)+IF('Standard Profiles'!$G$18=$B$17,14,0)+IF('Standard Profiles'!$G$18=$B$24,21,0),0)),0)</f>
        <v>0</v>
      </c>
      <c r="E7570" cm="1">
        <f t="array" ref="E7570">IFERROR(INDEX(Jesper!AI$2:AI$366,ROUNDDOWN($C7570/24,0)+1,1)*INDEX($D$3:$AA$30,INDEX(Jesper!$R$2:$R$366,ROW(INDEX(Jesper!AI$2:AI$366,ROUNDDOWN($C7570/24,0)+1,1))-1)+IF('Standard Profiles'!$G$19=$B$10,7,0)+IF('Standard Profiles'!$G$19=$B$17,14,0)+IF('Standard Profiles'!$G$19=$B$24,21,0),MOD($C7570,24)+1)/SUM(INDEX($D$3:$AA$30,INDEX(Jesper!$R$2:$R$366,ROW(INDEX(Jesper!AI$2:AI$366,ROUNDDOWN($C7570/24,0)+1,1))-1)+IF('Standard Profiles'!$G$19=$B$10,7,0)+IF('Standard Profiles'!$G$19=$B$17,14,0)+IF('Standard Profiles'!$G$19=$B$24,21,0),0)),0)</f>
        <v>4.6623286222884159</v>
      </c>
      <c r="F7570" cm="1">
        <f t="array" ref="F7570">IFERROR(INDEX(Jesper!AJ$2:AJ$366,ROUNDDOWN($C7570/24,0)+1,1)*INDEX($D$3:$AA$30,INDEX(Jesper!$R$2:$R$366,ROW(INDEX(Jesper!AJ$2:AJ$366,ROUNDDOWN($C7570/24,0)+1,1))-1)+IF('Standard Profiles'!$G$20=$B$10,7,0)+IF('Standard Profiles'!$G$20=$B$17,14,0)+IF('Standard Profiles'!$G$20=$B$24,21,0),MOD($C7570,24)+1)/SUM(INDEX($D$3:$AA$30,INDEX(Jesper!$R$2:$R$366,ROW(INDEX(Jesper!AJ$2:AJ$366,ROUNDDOWN($C7570/24,0)+1,1))-1)+IF('Standard Profiles'!$G$20=$B$10,7,0)+IF('Standard Profiles'!$G$20=$B$17,14,0)+IF('Standard Profiles'!$G$20=$B$24,21,0),0)),0)</f>
        <v>3.5685212126184904</v>
      </c>
      <c r="G7570" cm="1">
        <f t="array" ref="G7570">IFERROR(INDEX(Jesper!AK$2:AK$366,ROUNDDOWN($C7570/24,0)+1,1)*INDEX($D$3:$AA$30,INDEX(Jesper!$R$2:$R$366,ROW(INDEX(Jesper!AK$2:AK$366,ROUNDDOWN($C7570/24,0)+1,1))-1)+IF('Standard Profiles'!$G$21=$B$10,7,0)+IF('Standard Profiles'!$G$21=$B$17,14,0)+IF('Standard Profiles'!$G$21=$B$24,21,0),MOD($C7570,24)+1)/SUM(INDEX($D$3:$AA$30,INDEX(Jesper!$R$2:$R$366,ROW(INDEX(Jesper!AK$2:AK$366,ROUNDDOWN($C7570/24,0)+1,1))-1)+IF('Standard Profiles'!$G$21=$B$10,7,0)+IF('Standard Profiles'!$G$21=$B$17,14,0)+IF('Standard Profiles'!$G$21=$B$24,21,0),0)),0)</f>
        <v>4.56111883591897</v>
      </c>
      <c r="H7570" cm="1">
        <f t="array" ref="H7570">IFERROR(INDEX(Jesper!AL$2:AL$366,ROUNDDOWN($C7570/24,0)+1,1)*INDEX($D$3:$AA$30,INDEX(Jesper!$R$2:$R$366,ROW(INDEX(Jesper!AL$2:AL$366,ROUNDDOWN($C7570/24,0)+1,1))-1)+IF('Standard Profiles'!$G$22=$B$10,7,0)+IF('Standard Profiles'!$G$22=$B$17,14,0)+IF('Standard Profiles'!$G$22=$B$24,21,0),MOD($C7570,24)+1)/SUM(INDEX($D$3:$AA$30,INDEX(Jesper!$R$2:$R$366,ROW(INDEX(Jesper!AL$2:AL$366,ROUNDDOWN($C7570/24,0)+1,1))-1)+IF('Standard Profiles'!$G$22=$B$10,7,0)+IF('Standard Profiles'!$G$22=$B$17,14,0)+IF('Standard Profiles'!$G$22=$B$24,21,0),0)),0)</f>
        <v>1.212253016702683</v>
      </c>
      <c r="I7570">
        <f t="shared" si="839"/>
        <v>1.1637628960345763</v>
      </c>
      <c r="J7570">
        <f t="shared" si="840"/>
        <v>12.280979356819373</v>
      </c>
      <c r="K7570">
        <f t="shared" si="841"/>
        <v>0.3729862897830733</v>
      </c>
      <c r="L7570">
        <f t="shared" si="842"/>
        <v>0.18649314489153665</v>
      </c>
      <c r="M7570">
        <f t="shared" si="843"/>
        <v>0</v>
      </c>
      <c r="N7570" s="45">
        <f t="shared" si="844"/>
        <v>45240.999999981723</v>
      </c>
    </row>
    <row r="7571" spans="2:14" x14ac:dyDescent="0.25">
      <c r="B7571">
        <f t="shared" si="838"/>
        <v>6</v>
      </c>
      <c r="C7571" s="16">
        <v>7537</v>
      </c>
      <c r="D7571" cm="1">
        <f t="array" ref="D7571">IFERROR(INDEX(Jesper!AH$2:AH$366,ROUNDDOWN($C7571/24,0)+1,1)*INDEX($D$3:$AA$30,INDEX(Jesper!$R$2:$R$366,ROW(INDEX(Jesper!AH$2:AH$366,ROUNDDOWN($C7571/24,0)+1,1))-1)+IF('Standard Profiles'!$G$18=$B$10,7,0)+IF('Standard Profiles'!$G$18=$B$17,14,0)+IF('Standard Profiles'!$G$18=$B$24,21,0),MOD($C7571,24)+1)/SUM(INDEX($D$3:$AA$30,INDEX(Jesper!$R$2:$R$366,ROW(INDEX(Jesper!AH$2:AH$366,ROUNDDOWN($C7571/24,0)+1,1))-1)+IF('Standard Profiles'!$G$18=$B$10,7,0)+IF('Standard Profiles'!$G$18=$B$17,14,0)+IF('Standard Profiles'!$G$18=$B$24,21,0),0)),0)</f>
        <v>0</v>
      </c>
      <c r="E7571" cm="1">
        <f t="array" ref="E7571">IFERROR(INDEX(Jesper!AI$2:AI$366,ROUNDDOWN($C7571/24,0)+1,1)*INDEX($D$3:$AA$30,INDEX(Jesper!$R$2:$R$366,ROW(INDEX(Jesper!AI$2:AI$366,ROUNDDOWN($C7571/24,0)+1,1))-1)+IF('Standard Profiles'!$G$19=$B$10,7,0)+IF('Standard Profiles'!$G$19=$B$17,14,0)+IF('Standard Profiles'!$G$19=$B$24,21,0),MOD($C7571,24)+1)/SUM(INDEX($D$3:$AA$30,INDEX(Jesper!$R$2:$R$366,ROW(INDEX(Jesper!AI$2:AI$366,ROUNDDOWN($C7571/24,0)+1,1))-1)+IF('Standard Profiles'!$G$19=$B$10,7,0)+IF('Standard Profiles'!$G$19=$B$17,14,0)+IF('Standard Profiles'!$G$19=$B$24,21,0),0)),0)</f>
        <v>4.1960957600595741</v>
      </c>
      <c r="F7571" cm="1">
        <f t="array" ref="F7571">IFERROR(INDEX(Jesper!AJ$2:AJ$366,ROUNDDOWN($C7571/24,0)+1,1)*INDEX($D$3:$AA$30,INDEX(Jesper!$R$2:$R$366,ROW(INDEX(Jesper!AJ$2:AJ$366,ROUNDDOWN($C7571/24,0)+1,1))-1)+IF('Standard Profiles'!$G$20=$B$10,7,0)+IF('Standard Profiles'!$G$20=$B$17,14,0)+IF('Standard Profiles'!$G$20=$B$24,21,0),MOD($C7571,24)+1)/SUM(INDEX($D$3:$AA$30,INDEX(Jesper!$R$2:$R$366,ROW(INDEX(Jesper!AJ$2:AJ$366,ROUNDDOWN($C7571/24,0)+1,1))-1)+IF('Standard Profiles'!$G$20=$B$10,7,0)+IF('Standard Profiles'!$G$20=$B$17,14,0)+IF('Standard Profiles'!$G$20=$B$24,21,0),0)),0)</f>
        <v>3.2116690913566415</v>
      </c>
      <c r="G7571" cm="1">
        <f t="array" ref="G7571">IFERROR(INDEX(Jesper!AK$2:AK$366,ROUNDDOWN($C7571/24,0)+1,1)*INDEX($D$3:$AA$30,INDEX(Jesper!$R$2:$R$366,ROW(INDEX(Jesper!AK$2:AK$366,ROUNDDOWN($C7571/24,0)+1,1))-1)+IF('Standard Profiles'!$G$21=$B$10,7,0)+IF('Standard Profiles'!$G$21=$B$17,14,0)+IF('Standard Profiles'!$G$21=$B$24,21,0),MOD($C7571,24)+1)/SUM(INDEX($D$3:$AA$30,INDEX(Jesper!$R$2:$R$366,ROW(INDEX(Jesper!AK$2:AK$366,ROUNDDOWN($C7571/24,0)+1,1))-1)+IF('Standard Profiles'!$G$21=$B$10,7,0)+IF('Standard Profiles'!$G$21=$B$17,14,0)+IF('Standard Profiles'!$G$21=$B$24,21,0),0)),0)</f>
        <v>4.56111883591897</v>
      </c>
      <c r="H7571" cm="1">
        <f t="array" ref="H7571">IFERROR(INDEX(Jesper!AL$2:AL$366,ROUNDDOWN($C7571/24,0)+1,1)*INDEX($D$3:$AA$30,INDEX(Jesper!$R$2:$R$366,ROW(INDEX(Jesper!AL$2:AL$366,ROUNDDOWN($C7571/24,0)+1,1))-1)+IF('Standard Profiles'!$G$22=$B$10,7,0)+IF('Standard Profiles'!$G$22=$B$17,14,0)+IF('Standard Profiles'!$G$22=$B$24,21,0),MOD($C7571,24)+1)/SUM(INDEX($D$3:$AA$30,INDEX(Jesper!$R$2:$R$366,ROW(INDEX(Jesper!AL$2:AL$366,ROUNDDOWN($C7571/24,0)+1,1))-1)+IF('Standard Profiles'!$G$22=$B$10,7,0)+IF('Standard Profiles'!$G$22=$B$17,14,0)+IF('Standard Profiles'!$G$22=$B$24,21,0),0)),0)</f>
        <v>2.3667796992766674</v>
      </c>
      <c r="I7571">
        <f t="shared" si="839"/>
        <v>2.2721085113056021</v>
      </c>
      <c r="J7571">
        <f t="shared" si="840"/>
        <v>11.560023384099104</v>
      </c>
      <c r="K7571">
        <f t="shared" si="841"/>
        <v>0.33568766080476592</v>
      </c>
      <c r="L7571">
        <f t="shared" si="842"/>
        <v>0.16784383040238296</v>
      </c>
      <c r="M7571">
        <f t="shared" si="843"/>
        <v>0</v>
      </c>
      <c r="N7571" s="45">
        <f t="shared" si="844"/>
        <v>45241.041666648387</v>
      </c>
    </row>
    <row r="7572" spans="2:14" x14ac:dyDescent="0.25">
      <c r="B7572">
        <f t="shared" si="838"/>
        <v>6</v>
      </c>
      <c r="C7572" s="16">
        <v>7538</v>
      </c>
      <c r="D7572" cm="1">
        <f t="array" ref="D7572">IFERROR(INDEX(Jesper!AH$2:AH$366,ROUNDDOWN($C7572/24,0)+1,1)*INDEX($D$3:$AA$30,INDEX(Jesper!$R$2:$R$366,ROW(INDEX(Jesper!AH$2:AH$366,ROUNDDOWN($C7572/24,0)+1,1))-1)+IF('Standard Profiles'!$G$18=$B$10,7,0)+IF('Standard Profiles'!$G$18=$B$17,14,0)+IF('Standard Profiles'!$G$18=$B$24,21,0),MOD($C7572,24)+1)/SUM(INDEX($D$3:$AA$30,INDEX(Jesper!$R$2:$R$366,ROW(INDEX(Jesper!AH$2:AH$366,ROUNDDOWN($C7572/24,0)+1,1))-1)+IF('Standard Profiles'!$G$18=$B$10,7,0)+IF('Standard Profiles'!$G$18=$B$17,14,0)+IF('Standard Profiles'!$G$18=$B$24,21,0),0)),0)</f>
        <v>0</v>
      </c>
      <c r="E7572" cm="1">
        <f t="array" ref="E7572">IFERROR(INDEX(Jesper!AI$2:AI$366,ROUNDDOWN($C7572/24,0)+1,1)*INDEX($D$3:$AA$30,INDEX(Jesper!$R$2:$R$366,ROW(INDEX(Jesper!AI$2:AI$366,ROUNDDOWN($C7572/24,0)+1,1))-1)+IF('Standard Profiles'!$G$19=$B$10,7,0)+IF('Standard Profiles'!$G$19=$B$17,14,0)+IF('Standard Profiles'!$G$19=$B$24,21,0),MOD($C7572,24)+1)/SUM(INDEX($D$3:$AA$30,INDEX(Jesper!$R$2:$R$366,ROW(INDEX(Jesper!AI$2:AI$366,ROUNDDOWN($C7572/24,0)+1,1))-1)+IF('Standard Profiles'!$G$19=$B$10,7,0)+IF('Standard Profiles'!$G$19=$B$17,14,0)+IF('Standard Profiles'!$G$19=$B$24,21,0),0)),0)</f>
        <v>4.1960957600595741</v>
      </c>
      <c r="F7572" cm="1">
        <f t="array" ref="F7572">IFERROR(INDEX(Jesper!AJ$2:AJ$366,ROUNDDOWN($C7572/24,0)+1,1)*INDEX($D$3:$AA$30,INDEX(Jesper!$R$2:$R$366,ROW(INDEX(Jesper!AJ$2:AJ$366,ROUNDDOWN($C7572/24,0)+1,1))-1)+IF('Standard Profiles'!$G$20=$B$10,7,0)+IF('Standard Profiles'!$G$20=$B$17,14,0)+IF('Standard Profiles'!$G$20=$B$24,21,0),MOD($C7572,24)+1)/SUM(INDEX($D$3:$AA$30,INDEX(Jesper!$R$2:$R$366,ROW(INDEX(Jesper!AJ$2:AJ$366,ROUNDDOWN($C7572/24,0)+1,1))-1)+IF('Standard Profiles'!$G$20=$B$10,7,0)+IF('Standard Profiles'!$G$20=$B$17,14,0)+IF('Standard Profiles'!$G$20=$B$24,21,0),0)),0)</f>
        <v>3.2116690913566415</v>
      </c>
      <c r="G7572" cm="1">
        <f t="array" ref="G7572">IFERROR(INDEX(Jesper!AK$2:AK$366,ROUNDDOWN($C7572/24,0)+1,1)*INDEX($D$3:$AA$30,INDEX(Jesper!$R$2:$R$366,ROW(INDEX(Jesper!AK$2:AK$366,ROUNDDOWN($C7572/24,0)+1,1))-1)+IF('Standard Profiles'!$G$21=$B$10,7,0)+IF('Standard Profiles'!$G$21=$B$17,14,0)+IF('Standard Profiles'!$G$21=$B$24,21,0),MOD($C7572,24)+1)/SUM(INDEX($D$3:$AA$30,INDEX(Jesper!$R$2:$R$366,ROW(INDEX(Jesper!AK$2:AK$366,ROUNDDOWN($C7572/24,0)+1,1))-1)+IF('Standard Profiles'!$G$21=$B$10,7,0)+IF('Standard Profiles'!$G$21=$B$17,14,0)+IF('Standard Profiles'!$G$21=$B$24,21,0),0)),0)</f>
        <v>4.56111883591897</v>
      </c>
      <c r="H7572" cm="1">
        <f t="array" ref="H7572">IFERROR(INDEX(Jesper!AL$2:AL$366,ROUNDDOWN($C7572/24,0)+1,1)*INDEX($D$3:$AA$30,INDEX(Jesper!$R$2:$R$366,ROW(INDEX(Jesper!AL$2:AL$366,ROUNDDOWN($C7572/24,0)+1,1))-1)+IF('Standard Profiles'!$G$22=$B$10,7,0)+IF('Standard Profiles'!$G$22=$B$17,14,0)+IF('Standard Profiles'!$G$22=$B$24,21,0),MOD($C7572,24)+1)/SUM(INDEX($D$3:$AA$30,INDEX(Jesper!$R$2:$R$366,ROW(INDEX(Jesper!AL$2:AL$366,ROUNDDOWN($C7572/24,0)+1,1))-1)+IF('Standard Profiles'!$G$22=$B$10,7,0)+IF('Standard Profiles'!$G$22=$B$17,14,0)+IF('Standard Profiles'!$G$22=$B$24,21,0),0)),0)</f>
        <v>2.3667796992766674</v>
      </c>
      <c r="I7572">
        <f t="shared" si="839"/>
        <v>2.2721085113056021</v>
      </c>
      <c r="J7572">
        <f t="shared" si="840"/>
        <v>11.560023384099104</v>
      </c>
      <c r="K7572">
        <f t="shared" si="841"/>
        <v>0.33568766080476592</v>
      </c>
      <c r="L7572">
        <f t="shared" si="842"/>
        <v>0.16784383040238296</v>
      </c>
      <c r="M7572">
        <f t="shared" si="843"/>
        <v>0</v>
      </c>
      <c r="N7572" s="45">
        <f t="shared" si="844"/>
        <v>45241.083333315051</v>
      </c>
    </row>
    <row r="7573" spans="2:14" x14ac:dyDescent="0.25">
      <c r="B7573">
        <f t="shared" si="838"/>
        <v>6</v>
      </c>
      <c r="C7573" s="16">
        <v>7539</v>
      </c>
      <c r="D7573" cm="1">
        <f t="array" ref="D7573">IFERROR(INDEX(Jesper!AH$2:AH$366,ROUNDDOWN($C7573/24,0)+1,1)*INDEX($D$3:$AA$30,INDEX(Jesper!$R$2:$R$366,ROW(INDEX(Jesper!AH$2:AH$366,ROUNDDOWN($C7573/24,0)+1,1))-1)+IF('Standard Profiles'!$G$18=$B$10,7,0)+IF('Standard Profiles'!$G$18=$B$17,14,0)+IF('Standard Profiles'!$G$18=$B$24,21,0),MOD($C7573,24)+1)/SUM(INDEX($D$3:$AA$30,INDEX(Jesper!$R$2:$R$366,ROW(INDEX(Jesper!AH$2:AH$366,ROUNDDOWN($C7573/24,0)+1,1))-1)+IF('Standard Profiles'!$G$18=$B$10,7,0)+IF('Standard Profiles'!$G$18=$B$17,14,0)+IF('Standard Profiles'!$G$18=$B$24,21,0),0)),0)</f>
        <v>0</v>
      </c>
      <c r="E7573" cm="1">
        <f t="array" ref="E7573">IFERROR(INDEX(Jesper!AI$2:AI$366,ROUNDDOWN($C7573/24,0)+1,1)*INDEX($D$3:$AA$30,INDEX(Jesper!$R$2:$R$366,ROW(INDEX(Jesper!AI$2:AI$366,ROUNDDOWN($C7573/24,0)+1,1))-1)+IF('Standard Profiles'!$G$19=$B$10,7,0)+IF('Standard Profiles'!$G$19=$B$17,14,0)+IF('Standard Profiles'!$G$19=$B$24,21,0),MOD($C7573,24)+1)/SUM(INDEX($D$3:$AA$30,INDEX(Jesper!$R$2:$R$366,ROW(INDEX(Jesper!AI$2:AI$366,ROUNDDOWN($C7573/24,0)+1,1))-1)+IF('Standard Profiles'!$G$19=$B$10,7,0)+IF('Standard Profiles'!$G$19=$B$17,14,0)+IF('Standard Profiles'!$G$19=$B$24,21,0),0)),0)</f>
        <v>4.1960957600595741</v>
      </c>
      <c r="F7573" cm="1">
        <f t="array" ref="F7573">IFERROR(INDEX(Jesper!AJ$2:AJ$366,ROUNDDOWN($C7573/24,0)+1,1)*INDEX($D$3:$AA$30,INDEX(Jesper!$R$2:$R$366,ROW(INDEX(Jesper!AJ$2:AJ$366,ROUNDDOWN($C7573/24,0)+1,1))-1)+IF('Standard Profiles'!$G$20=$B$10,7,0)+IF('Standard Profiles'!$G$20=$B$17,14,0)+IF('Standard Profiles'!$G$20=$B$24,21,0),MOD($C7573,24)+1)/SUM(INDEX($D$3:$AA$30,INDEX(Jesper!$R$2:$R$366,ROW(INDEX(Jesper!AJ$2:AJ$366,ROUNDDOWN($C7573/24,0)+1,1))-1)+IF('Standard Profiles'!$G$20=$B$10,7,0)+IF('Standard Profiles'!$G$20=$B$17,14,0)+IF('Standard Profiles'!$G$20=$B$24,21,0),0)),0)</f>
        <v>3.2116690913566415</v>
      </c>
      <c r="G7573" cm="1">
        <f t="array" ref="G7573">IFERROR(INDEX(Jesper!AK$2:AK$366,ROUNDDOWN($C7573/24,0)+1,1)*INDEX($D$3:$AA$30,INDEX(Jesper!$R$2:$R$366,ROW(INDEX(Jesper!AK$2:AK$366,ROUNDDOWN($C7573/24,0)+1,1))-1)+IF('Standard Profiles'!$G$21=$B$10,7,0)+IF('Standard Profiles'!$G$21=$B$17,14,0)+IF('Standard Profiles'!$G$21=$B$24,21,0),MOD($C7573,24)+1)/SUM(INDEX($D$3:$AA$30,INDEX(Jesper!$R$2:$R$366,ROW(INDEX(Jesper!AK$2:AK$366,ROUNDDOWN($C7573/24,0)+1,1))-1)+IF('Standard Profiles'!$G$21=$B$10,7,0)+IF('Standard Profiles'!$G$21=$B$17,14,0)+IF('Standard Profiles'!$G$21=$B$24,21,0),0)),0)</f>
        <v>4.56111883591897</v>
      </c>
      <c r="H7573" cm="1">
        <f t="array" ref="H7573">IFERROR(INDEX(Jesper!AL$2:AL$366,ROUNDDOWN($C7573/24,0)+1,1)*INDEX($D$3:$AA$30,INDEX(Jesper!$R$2:$R$366,ROW(INDEX(Jesper!AL$2:AL$366,ROUNDDOWN($C7573/24,0)+1,1))-1)+IF('Standard Profiles'!$G$22=$B$10,7,0)+IF('Standard Profiles'!$G$22=$B$17,14,0)+IF('Standard Profiles'!$G$22=$B$24,21,0),MOD($C7573,24)+1)/SUM(INDEX($D$3:$AA$30,INDEX(Jesper!$R$2:$R$366,ROW(INDEX(Jesper!AL$2:AL$366,ROUNDDOWN($C7573/24,0)+1,1))-1)+IF('Standard Profiles'!$G$22=$B$10,7,0)+IF('Standard Profiles'!$G$22=$B$17,14,0)+IF('Standard Profiles'!$G$22=$B$24,21,0),0)),0)</f>
        <v>2.3667796992766674</v>
      </c>
      <c r="I7573">
        <f t="shared" si="839"/>
        <v>2.2721085113056021</v>
      </c>
      <c r="J7573">
        <f t="shared" si="840"/>
        <v>11.560023384099104</v>
      </c>
      <c r="K7573">
        <f t="shared" si="841"/>
        <v>0.33568766080476592</v>
      </c>
      <c r="L7573">
        <f t="shared" si="842"/>
        <v>0.16784383040238296</v>
      </c>
      <c r="M7573">
        <f t="shared" si="843"/>
        <v>0</v>
      </c>
      <c r="N7573" s="45">
        <f t="shared" si="844"/>
        <v>45241.124999981716</v>
      </c>
    </row>
    <row r="7574" spans="2:14" x14ac:dyDescent="0.25">
      <c r="B7574">
        <f t="shared" si="838"/>
        <v>6</v>
      </c>
      <c r="C7574" s="16">
        <v>7540</v>
      </c>
      <c r="D7574" cm="1">
        <f t="array" ref="D7574">IFERROR(INDEX(Jesper!AH$2:AH$366,ROUNDDOWN($C7574/24,0)+1,1)*INDEX($D$3:$AA$30,INDEX(Jesper!$R$2:$R$366,ROW(INDEX(Jesper!AH$2:AH$366,ROUNDDOWN($C7574/24,0)+1,1))-1)+IF('Standard Profiles'!$G$18=$B$10,7,0)+IF('Standard Profiles'!$G$18=$B$17,14,0)+IF('Standard Profiles'!$G$18=$B$24,21,0),MOD($C7574,24)+1)/SUM(INDEX($D$3:$AA$30,INDEX(Jesper!$R$2:$R$366,ROW(INDEX(Jesper!AH$2:AH$366,ROUNDDOWN($C7574/24,0)+1,1))-1)+IF('Standard Profiles'!$G$18=$B$10,7,0)+IF('Standard Profiles'!$G$18=$B$17,14,0)+IF('Standard Profiles'!$G$18=$B$24,21,0),0)),0)</f>
        <v>0</v>
      </c>
      <c r="E7574" cm="1">
        <f t="array" ref="E7574">IFERROR(INDEX(Jesper!AI$2:AI$366,ROUNDDOWN($C7574/24,0)+1,1)*INDEX($D$3:$AA$30,INDEX(Jesper!$R$2:$R$366,ROW(INDEX(Jesper!AI$2:AI$366,ROUNDDOWN($C7574/24,0)+1,1))-1)+IF('Standard Profiles'!$G$19=$B$10,7,0)+IF('Standard Profiles'!$G$19=$B$17,14,0)+IF('Standard Profiles'!$G$19=$B$24,21,0),MOD($C7574,24)+1)/SUM(INDEX($D$3:$AA$30,INDEX(Jesper!$R$2:$R$366,ROW(INDEX(Jesper!AI$2:AI$366,ROUNDDOWN($C7574/24,0)+1,1))-1)+IF('Standard Profiles'!$G$19=$B$10,7,0)+IF('Standard Profiles'!$G$19=$B$17,14,0)+IF('Standard Profiles'!$G$19=$B$24,21,0),0)),0)</f>
        <v>4.1960957600595741</v>
      </c>
      <c r="F7574" cm="1">
        <f t="array" ref="F7574">IFERROR(INDEX(Jesper!AJ$2:AJ$366,ROUNDDOWN($C7574/24,0)+1,1)*INDEX($D$3:$AA$30,INDEX(Jesper!$R$2:$R$366,ROW(INDEX(Jesper!AJ$2:AJ$366,ROUNDDOWN($C7574/24,0)+1,1))-1)+IF('Standard Profiles'!$G$20=$B$10,7,0)+IF('Standard Profiles'!$G$20=$B$17,14,0)+IF('Standard Profiles'!$G$20=$B$24,21,0),MOD($C7574,24)+1)/SUM(INDEX($D$3:$AA$30,INDEX(Jesper!$R$2:$R$366,ROW(INDEX(Jesper!AJ$2:AJ$366,ROUNDDOWN($C7574/24,0)+1,1))-1)+IF('Standard Profiles'!$G$20=$B$10,7,0)+IF('Standard Profiles'!$G$20=$B$17,14,0)+IF('Standard Profiles'!$G$20=$B$24,21,0),0)),0)</f>
        <v>3.2116690913566415</v>
      </c>
      <c r="G7574" cm="1">
        <f t="array" ref="G7574">IFERROR(INDEX(Jesper!AK$2:AK$366,ROUNDDOWN($C7574/24,0)+1,1)*INDEX($D$3:$AA$30,INDEX(Jesper!$R$2:$R$366,ROW(INDEX(Jesper!AK$2:AK$366,ROUNDDOWN($C7574/24,0)+1,1))-1)+IF('Standard Profiles'!$G$21=$B$10,7,0)+IF('Standard Profiles'!$G$21=$B$17,14,0)+IF('Standard Profiles'!$G$21=$B$24,21,0),MOD($C7574,24)+1)/SUM(INDEX($D$3:$AA$30,INDEX(Jesper!$R$2:$R$366,ROW(INDEX(Jesper!AK$2:AK$366,ROUNDDOWN($C7574/24,0)+1,1))-1)+IF('Standard Profiles'!$G$21=$B$10,7,0)+IF('Standard Profiles'!$G$21=$B$17,14,0)+IF('Standard Profiles'!$G$21=$B$24,21,0),0)),0)</f>
        <v>4.56111883591897</v>
      </c>
      <c r="H7574" cm="1">
        <f t="array" ref="H7574">IFERROR(INDEX(Jesper!AL$2:AL$366,ROUNDDOWN($C7574/24,0)+1,1)*INDEX($D$3:$AA$30,INDEX(Jesper!$R$2:$R$366,ROW(INDEX(Jesper!AL$2:AL$366,ROUNDDOWN($C7574/24,0)+1,1))-1)+IF('Standard Profiles'!$G$22=$B$10,7,0)+IF('Standard Profiles'!$G$22=$B$17,14,0)+IF('Standard Profiles'!$G$22=$B$24,21,0),MOD($C7574,24)+1)/SUM(INDEX($D$3:$AA$30,INDEX(Jesper!$R$2:$R$366,ROW(INDEX(Jesper!AL$2:AL$366,ROUNDDOWN($C7574/24,0)+1,1))-1)+IF('Standard Profiles'!$G$22=$B$10,7,0)+IF('Standard Profiles'!$G$22=$B$17,14,0)+IF('Standard Profiles'!$G$22=$B$24,21,0),0)),0)</f>
        <v>2.3667796992766674</v>
      </c>
      <c r="I7574">
        <f t="shared" si="839"/>
        <v>2.2721085113056021</v>
      </c>
      <c r="J7574">
        <f t="shared" si="840"/>
        <v>11.560023384099104</v>
      </c>
      <c r="K7574">
        <f t="shared" si="841"/>
        <v>0.33568766080476592</v>
      </c>
      <c r="L7574">
        <f t="shared" si="842"/>
        <v>0.16784383040238296</v>
      </c>
      <c r="M7574">
        <f t="shared" si="843"/>
        <v>0</v>
      </c>
      <c r="N7574" s="45">
        <f t="shared" si="844"/>
        <v>45241.16666664838</v>
      </c>
    </row>
    <row r="7575" spans="2:14" x14ac:dyDescent="0.25">
      <c r="B7575">
        <f t="shared" si="838"/>
        <v>6</v>
      </c>
      <c r="C7575" s="16">
        <v>7541</v>
      </c>
      <c r="D7575" cm="1">
        <f t="array" ref="D7575">IFERROR(INDEX(Jesper!AH$2:AH$366,ROUNDDOWN($C7575/24,0)+1,1)*INDEX($D$3:$AA$30,INDEX(Jesper!$R$2:$R$366,ROW(INDEX(Jesper!AH$2:AH$366,ROUNDDOWN($C7575/24,0)+1,1))-1)+IF('Standard Profiles'!$G$18=$B$10,7,0)+IF('Standard Profiles'!$G$18=$B$17,14,0)+IF('Standard Profiles'!$G$18=$B$24,21,0),MOD($C7575,24)+1)/SUM(INDEX($D$3:$AA$30,INDEX(Jesper!$R$2:$R$366,ROW(INDEX(Jesper!AH$2:AH$366,ROUNDDOWN($C7575/24,0)+1,1))-1)+IF('Standard Profiles'!$G$18=$B$10,7,0)+IF('Standard Profiles'!$G$18=$B$17,14,0)+IF('Standard Profiles'!$G$18=$B$24,21,0),0)),0)</f>
        <v>0</v>
      </c>
      <c r="E7575" cm="1">
        <f t="array" ref="E7575">IFERROR(INDEX(Jesper!AI$2:AI$366,ROUNDDOWN($C7575/24,0)+1,1)*INDEX($D$3:$AA$30,INDEX(Jesper!$R$2:$R$366,ROW(INDEX(Jesper!AI$2:AI$366,ROUNDDOWN($C7575/24,0)+1,1))-1)+IF('Standard Profiles'!$G$19=$B$10,7,0)+IF('Standard Profiles'!$G$19=$B$17,14,0)+IF('Standard Profiles'!$G$19=$B$24,21,0),MOD($C7575,24)+1)/SUM(INDEX($D$3:$AA$30,INDEX(Jesper!$R$2:$R$366,ROW(INDEX(Jesper!AI$2:AI$366,ROUNDDOWN($C7575/24,0)+1,1))-1)+IF('Standard Profiles'!$G$19=$B$10,7,0)+IF('Standard Profiles'!$G$19=$B$17,14,0)+IF('Standard Profiles'!$G$19=$B$24,21,0),0)),0)</f>
        <v>4.1960957600595741</v>
      </c>
      <c r="F7575" cm="1">
        <f t="array" ref="F7575">IFERROR(INDEX(Jesper!AJ$2:AJ$366,ROUNDDOWN($C7575/24,0)+1,1)*INDEX($D$3:$AA$30,INDEX(Jesper!$R$2:$R$366,ROW(INDEX(Jesper!AJ$2:AJ$366,ROUNDDOWN($C7575/24,0)+1,1))-1)+IF('Standard Profiles'!$G$20=$B$10,7,0)+IF('Standard Profiles'!$G$20=$B$17,14,0)+IF('Standard Profiles'!$G$20=$B$24,21,0),MOD($C7575,24)+1)/SUM(INDEX($D$3:$AA$30,INDEX(Jesper!$R$2:$R$366,ROW(INDEX(Jesper!AJ$2:AJ$366,ROUNDDOWN($C7575/24,0)+1,1))-1)+IF('Standard Profiles'!$G$20=$B$10,7,0)+IF('Standard Profiles'!$G$20=$B$17,14,0)+IF('Standard Profiles'!$G$20=$B$24,21,0),0)),0)</f>
        <v>3.2116690913566415</v>
      </c>
      <c r="G7575" cm="1">
        <f t="array" ref="G7575">IFERROR(INDEX(Jesper!AK$2:AK$366,ROUNDDOWN($C7575/24,0)+1,1)*INDEX($D$3:$AA$30,INDEX(Jesper!$R$2:$R$366,ROW(INDEX(Jesper!AK$2:AK$366,ROUNDDOWN($C7575/24,0)+1,1))-1)+IF('Standard Profiles'!$G$21=$B$10,7,0)+IF('Standard Profiles'!$G$21=$B$17,14,0)+IF('Standard Profiles'!$G$21=$B$24,21,0),MOD($C7575,24)+1)/SUM(INDEX($D$3:$AA$30,INDEX(Jesper!$R$2:$R$366,ROW(INDEX(Jesper!AK$2:AK$366,ROUNDDOWN($C7575/24,0)+1,1))-1)+IF('Standard Profiles'!$G$21=$B$10,7,0)+IF('Standard Profiles'!$G$21=$B$17,14,0)+IF('Standard Profiles'!$G$21=$B$24,21,0),0)),0)</f>
        <v>4.56111883591897</v>
      </c>
      <c r="H7575" cm="1">
        <f t="array" ref="H7575">IFERROR(INDEX(Jesper!AL$2:AL$366,ROUNDDOWN($C7575/24,0)+1,1)*INDEX($D$3:$AA$30,INDEX(Jesper!$R$2:$R$366,ROW(INDEX(Jesper!AL$2:AL$366,ROUNDDOWN($C7575/24,0)+1,1))-1)+IF('Standard Profiles'!$G$22=$B$10,7,0)+IF('Standard Profiles'!$G$22=$B$17,14,0)+IF('Standard Profiles'!$G$22=$B$24,21,0),MOD($C7575,24)+1)/SUM(INDEX($D$3:$AA$30,INDEX(Jesper!$R$2:$R$366,ROW(INDEX(Jesper!AL$2:AL$366,ROUNDDOWN($C7575/24,0)+1,1))-1)+IF('Standard Profiles'!$G$22=$B$10,7,0)+IF('Standard Profiles'!$G$22=$B$17,14,0)+IF('Standard Profiles'!$G$22=$B$24,21,0),0)),0)</f>
        <v>2.9440430405636593</v>
      </c>
      <c r="I7575">
        <f t="shared" si="839"/>
        <v>2.8262813189411142</v>
      </c>
      <c r="J7575">
        <f t="shared" si="840"/>
        <v>11.583113917750582</v>
      </c>
      <c r="K7575">
        <f t="shared" si="841"/>
        <v>0.33568766080476592</v>
      </c>
      <c r="L7575">
        <f t="shared" si="842"/>
        <v>0.16784383040238296</v>
      </c>
      <c r="M7575">
        <f t="shared" si="843"/>
        <v>0</v>
      </c>
      <c r="N7575" s="45">
        <f t="shared" si="844"/>
        <v>45241.208333315044</v>
      </c>
    </row>
    <row r="7576" spans="2:14" x14ac:dyDescent="0.25">
      <c r="B7576">
        <f t="shared" si="838"/>
        <v>6</v>
      </c>
      <c r="C7576" s="16">
        <v>7542</v>
      </c>
      <c r="D7576" cm="1">
        <f t="array" ref="D7576">IFERROR(INDEX(Jesper!AH$2:AH$366,ROUNDDOWN($C7576/24,0)+1,1)*INDEX($D$3:$AA$30,INDEX(Jesper!$R$2:$R$366,ROW(INDEX(Jesper!AH$2:AH$366,ROUNDDOWN($C7576/24,0)+1,1))-1)+IF('Standard Profiles'!$G$18=$B$10,7,0)+IF('Standard Profiles'!$G$18=$B$17,14,0)+IF('Standard Profiles'!$G$18=$B$24,21,0),MOD($C7576,24)+1)/SUM(INDEX($D$3:$AA$30,INDEX(Jesper!$R$2:$R$366,ROW(INDEX(Jesper!AH$2:AH$366,ROUNDDOWN($C7576/24,0)+1,1))-1)+IF('Standard Profiles'!$G$18=$B$10,7,0)+IF('Standard Profiles'!$G$18=$B$17,14,0)+IF('Standard Profiles'!$G$18=$B$24,21,0),0)),0)</f>
        <v>0</v>
      </c>
      <c r="E7576" cm="1">
        <f t="array" ref="E7576">IFERROR(INDEX(Jesper!AI$2:AI$366,ROUNDDOWN($C7576/24,0)+1,1)*INDEX($D$3:$AA$30,INDEX(Jesper!$R$2:$R$366,ROW(INDEX(Jesper!AI$2:AI$366,ROUNDDOWN($C7576/24,0)+1,1))-1)+IF('Standard Profiles'!$G$19=$B$10,7,0)+IF('Standard Profiles'!$G$19=$B$17,14,0)+IF('Standard Profiles'!$G$19=$B$24,21,0),MOD($C7576,24)+1)/SUM(INDEX($D$3:$AA$30,INDEX(Jesper!$R$2:$R$366,ROW(INDEX(Jesper!AI$2:AI$366,ROUNDDOWN($C7576/24,0)+1,1))-1)+IF('Standard Profiles'!$G$19=$B$10,7,0)+IF('Standard Profiles'!$G$19=$B$17,14,0)+IF('Standard Profiles'!$G$19=$B$24,21,0),0)),0)</f>
        <v>4.1960957600595741</v>
      </c>
      <c r="F7576" cm="1">
        <f t="array" ref="F7576">IFERROR(INDEX(Jesper!AJ$2:AJ$366,ROUNDDOWN($C7576/24,0)+1,1)*INDEX($D$3:$AA$30,INDEX(Jesper!$R$2:$R$366,ROW(INDEX(Jesper!AJ$2:AJ$366,ROUNDDOWN($C7576/24,0)+1,1))-1)+IF('Standard Profiles'!$G$20=$B$10,7,0)+IF('Standard Profiles'!$G$20=$B$17,14,0)+IF('Standard Profiles'!$G$20=$B$24,21,0),MOD($C7576,24)+1)/SUM(INDEX($D$3:$AA$30,INDEX(Jesper!$R$2:$R$366,ROW(INDEX(Jesper!AJ$2:AJ$366,ROUNDDOWN($C7576/24,0)+1,1))-1)+IF('Standard Profiles'!$G$20=$B$10,7,0)+IF('Standard Profiles'!$G$20=$B$17,14,0)+IF('Standard Profiles'!$G$20=$B$24,21,0),0)),0)</f>
        <v>3.2116690913566415</v>
      </c>
      <c r="G7576" cm="1">
        <f t="array" ref="G7576">IFERROR(INDEX(Jesper!AK$2:AK$366,ROUNDDOWN($C7576/24,0)+1,1)*INDEX($D$3:$AA$30,INDEX(Jesper!$R$2:$R$366,ROW(INDEX(Jesper!AK$2:AK$366,ROUNDDOWN($C7576/24,0)+1,1))-1)+IF('Standard Profiles'!$G$21=$B$10,7,0)+IF('Standard Profiles'!$G$21=$B$17,14,0)+IF('Standard Profiles'!$G$21=$B$24,21,0),MOD($C7576,24)+1)/SUM(INDEX($D$3:$AA$30,INDEX(Jesper!$R$2:$R$366,ROW(INDEX(Jesper!AK$2:AK$366,ROUNDDOWN($C7576/24,0)+1,1))-1)+IF('Standard Profiles'!$G$21=$B$10,7,0)+IF('Standard Profiles'!$G$21=$B$17,14,0)+IF('Standard Profiles'!$G$21=$B$24,21,0),0)),0)</f>
        <v>4.56111883591897</v>
      </c>
      <c r="H7576" cm="1">
        <f t="array" ref="H7576">IFERROR(INDEX(Jesper!AL$2:AL$366,ROUNDDOWN($C7576/24,0)+1,1)*INDEX($D$3:$AA$30,INDEX(Jesper!$R$2:$R$366,ROW(INDEX(Jesper!AL$2:AL$366,ROUNDDOWN($C7576/24,0)+1,1))-1)+IF('Standard Profiles'!$G$22=$B$10,7,0)+IF('Standard Profiles'!$G$22=$B$17,14,0)+IF('Standard Profiles'!$G$22=$B$24,21,0),MOD($C7576,24)+1)/SUM(INDEX($D$3:$AA$30,INDEX(Jesper!$R$2:$R$366,ROW(INDEX(Jesper!AL$2:AL$366,ROUNDDOWN($C7576/24,0)+1,1))-1)+IF('Standard Profiles'!$G$22=$B$10,7,0)+IF('Standard Profiles'!$G$22=$B$17,14,0)+IF('Standard Profiles'!$G$22=$B$24,21,0),0)),0)</f>
        <v>3.6944853842367489</v>
      </c>
      <c r="I7576">
        <f t="shared" si="839"/>
        <v>3.5467059688672808</v>
      </c>
      <c r="J7576">
        <f t="shared" si="840"/>
        <v>11.613131611497506</v>
      </c>
      <c r="K7576">
        <f t="shared" si="841"/>
        <v>0.33568766080476592</v>
      </c>
      <c r="L7576">
        <f t="shared" si="842"/>
        <v>0.16784383040238296</v>
      </c>
      <c r="M7576">
        <f t="shared" si="843"/>
        <v>0</v>
      </c>
      <c r="N7576" s="45">
        <f t="shared" si="844"/>
        <v>45241.249999981708</v>
      </c>
    </row>
    <row r="7577" spans="2:14" x14ac:dyDescent="0.25">
      <c r="B7577">
        <f t="shared" si="838"/>
        <v>6</v>
      </c>
      <c r="C7577" s="16">
        <v>7543</v>
      </c>
      <c r="D7577" cm="1">
        <f t="array" ref="D7577">IFERROR(INDEX(Jesper!AH$2:AH$366,ROUNDDOWN($C7577/24,0)+1,1)*INDEX($D$3:$AA$30,INDEX(Jesper!$R$2:$R$366,ROW(INDEX(Jesper!AH$2:AH$366,ROUNDDOWN($C7577/24,0)+1,1))-1)+IF('Standard Profiles'!$G$18=$B$10,7,0)+IF('Standard Profiles'!$G$18=$B$17,14,0)+IF('Standard Profiles'!$G$18=$B$24,21,0),MOD($C7577,24)+1)/SUM(INDEX($D$3:$AA$30,INDEX(Jesper!$R$2:$R$366,ROW(INDEX(Jesper!AH$2:AH$366,ROUNDDOWN($C7577/24,0)+1,1))-1)+IF('Standard Profiles'!$G$18=$B$10,7,0)+IF('Standard Profiles'!$G$18=$B$17,14,0)+IF('Standard Profiles'!$G$18=$B$24,21,0),0)),0)</f>
        <v>0</v>
      </c>
      <c r="E7577" cm="1">
        <f t="array" ref="E7577">IFERROR(INDEX(Jesper!AI$2:AI$366,ROUNDDOWN($C7577/24,0)+1,1)*INDEX($D$3:$AA$30,INDEX(Jesper!$R$2:$R$366,ROW(INDEX(Jesper!AI$2:AI$366,ROUNDDOWN($C7577/24,0)+1,1))-1)+IF('Standard Profiles'!$G$19=$B$10,7,0)+IF('Standard Profiles'!$G$19=$B$17,14,0)+IF('Standard Profiles'!$G$19=$B$24,21,0),MOD($C7577,24)+1)/SUM(INDEX($D$3:$AA$30,INDEX(Jesper!$R$2:$R$366,ROW(INDEX(Jesper!AI$2:AI$366,ROUNDDOWN($C7577/24,0)+1,1))-1)+IF('Standard Profiles'!$G$19=$B$10,7,0)+IF('Standard Profiles'!$G$19=$B$17,14,0)+IF('Standard Profiles'!$G$19=$B$24,21,0),0)),0)</f>
        <v>4.1960957600595741</v>
      </c>
      <c r="F7577" cm="1">
        <f t="array" ref="F7577">IFERROR(INDEX(Jesper!AJ$2:AJ$366,ROUNDDOWN($C7577/24,0)+1,1)*INDEX($D$3:$AA$30,INDEX(Jesper!$R$2:$R$366,ROW(INDEX(Jesper!AJ$2:AJ$366,ROUNDDOWN($C7577/24,0)+1,1))-1)+IF('Standard Profiles'!$G$20=$B$10,7,0)+IF('Standard Profiles'!$G$20=$B$17,14,0)+IF('Standard Profiles'!$G$20=$B$24,21,0),MOD($C7577,24)+1)/SUM(INDEX($D$3:$AA$30,INDEX(Jesper!$R$2:$R$366,ROW(INDEX(Jesper!AJ$2:AJ$366,ROUNDDOWN($C7577/24,0)+1,1))-1)+IF('Standard Profiles'!$G$20=$B$10,7,0)+IF('Standard Profiles'!$G$20=$B$17,14,0)+IF('Standard Profiles'!$G$20=$B$24,21,0),0)),0)</f>
        <v>3.2116690913566415</v>
      </c>
      <c r="G7577" cm="1">
        <f t="array" ref="G7577">IFERROR(INDEX(Jesper!AK$2:AK$366,ROUNDDOWN($C7577/24,0)+1,1)*INDEX($D$3:$AA$30,INDEX(Jesper!$R$2:$R$366,ROW(INDEX(Jesper!AK$2:AK$366,ROUNDDOWN($C7577/24,0)+1,1))-1)+IF('Standard Profiles'!$G$21=$B$10,7,0)+IF('Standard Profiles'!$G$21=$B$17,14,0)+IF('Standard Profiles'!$G$21=$B$24,21,0),MOD($C7577,24)+1)/SUM(INDEX($D$3:$AA$30,INDEX(Jesper!$R$2:$R$366,ROW(INDEX(Jesper!AK$2:AK$366,ROUNDDOWN($C7577/24,0)+1,1))-1)+IF('Standard Profiles'!$G$21=$B$10,7,0)+IF('Standard Profiles'!$G$21=$B$17,14,0)+IF('Standard Profiles'!$G$21=$B$24,21,0),0)),0)</f>
        <v>4.56111883591897</v>
      </c>
      <c r="H7577" cm="1">
        <f t="array" ref="H7577">IFERROR(INDEX(Jesper!AL$2:AL$366,ROUNDDOWN($C7577/24,0)+1,1)*INDEX($D$3:$AA$30,INDEX(Jesper!$R$2:$R$366,ROW(INDEX(Jesper!AL$2:AL$366,ROUNDDOWN($C7577/24,0)+1,1))-1)+IF('Standard Profiles'!$G$22=$B$10,7,0)+IF('Standard Profiles'!$G$22=$B$17,14,0)+IF('Standard Profiles'!$G$22=$B$24,21,0),MOD($C7577,24)+1)/SUM(INDEX($D$3:$AA$30,INDEX(Jesper!$R$2:$R$366,ROW(INDEX(Jesper!AL$2:AL$366,ROUNDDOWN($C7577/24,0)+1,1))-1)+IF('Standard Profiles'!$G$22=$B$10,7,0)+IF('Standard Profiles'!$G$22=$B$17,14,0)+IF('Standard Profiles'!$G$22=$B$24,21,0),0)),0)</f>
        <v>4.2140223913950416</v>
      </c>
      <c r="I7577">
        <f t="shared" si="839"/>
        <v>4.0454614957392421</v>
      </c>
      <c r="J7577">
        <f t="shared" si="840"/>
        <v>11.633913091783837</v>
      </c>
      <c r="K7577">
        <f t="shared" si="841"/>
        <v>0.33568766080476592</v>
      </c>
      <c r="L7577">
        <f t="shared" si="842"/>
        <v>0.16784383040238296</v>
      </c>
      <c r="M7577">
        <f t="shared" si="843"/>
        <v>0</v>
      </c>
      <c r="N7577" s="45">
        <f t="shared" si="844"/>
        <v>45241.291666648372</v>
      </c>
    </row>
    <row r="7578" spans="2:14" x14ac:dyDescent="0.25">
      <c r="B7578">
        <f t="shared" si="838"/>
        <v>6</v>
      </c>
      <c r="C7578" s="16">
        <v>7544</v>
      </c>
      <c r="D7578" cm="1">
        <f t="array" ref="D7578">IFERROR(INDEX(Jesper!AH$2:AH$366,ROUNDDOWN($C7578/24,0)+1,1)*INDEX($D$3:$AA$30,INDEX(Jesper!$R$2:$R$366,ROW(INDEX(Jesper!AH$2:AH$366,ROUNDDOWN($C7578/24,0)+1,1))-1)+IF('Standard Profiles'!$G$18=$B$10,7,0)+IF('Standard Profiles'!$G$18=$B$17,14,0)+IF('Standard Profiles'!$G$18=$B$24,21,0),MOD($C7578,24)+1)/SUM(INDEX($D$3:$AA$30,INDEX(Jesper!$R$2:$R$366,ROW(INDEX(Jesper!AH$2:AH$366,ROUNDDOWN($C7578/24,0)+1,1))-1)+IF('Standard Profiles'!$G$18=$B$10,7,0)+IF('Standard Profiles'!$G$18=$B$17,14,0)+IF('Standard Profiles'!$G$18=$B$24,21,0),0)),0)</f>
        <v>0</v>
      </c>
      <c r="E7578" cm="1">
        <f t="array" ref="E7578">IFERROR(INDEX(Jesper!AI$2:AI$366,ROUNDDOWN($C7578/24,0)+1,1)*INDEX($D$3:$AA$30,INDEX(Jesper!$R$2:$R$366,ROW(INDEX(Jesper!AI$2:AI$366,ROUNDDOWN($C7578/24,0)+1,1))-1)+IF('Standard Profiles'!$G$19=$B$10,7,0)+IF('Standard Profiles'!$G$19=$B$17,14,0)+IF('Standard Profiles'!$G$19=$B$24,21,0),MOD($C7578,24)+1)/SUM(INDEX($D$3:$AA$30,INDEX(Jesper!$R$2:$R$366,ROW(INDEX(Jesper!AI$2:AI$366,ROUNDDOWN($C7578/24,0)+1,1))-1)+IF('Standard Profiles'!$G$19=$B$10,7,0)+IF('Standard Profiles'!$G$19=$B$17,14,0)+IF('Standard Profiles'!$G$19=$B$24,21,0),0)),0)</f>
        <v>4.1960957600595741</v>
      </c>
      <c r="F7578" cm="1">
        <f t="array" ref="F7578">IFERROR(INDEX(Jesper!AJ$2:AJ$366,ROUNDDOWN($C7578/24,0)+1,1)*INDEX($D$3:$AA$30,INDEX(Jesper!$R$2:$R$366,ROW(INDEX(Jesper!AJ$2:AJ$366,ROUNDDOWN($C7578/24,0)+1,1))-1)+IF('Standard Profiles'!$G$20=$B$10,7,0)+IF('Standard Profiles'!$G$20=$B$17,14,0)+IF('Standard Profiles'!$G$20=$B$24,21,0),MOD($C7578,24)+1)/SUM(INDEX($D$3:$AA$30,INDEX(Jesper!$R$2:$R$366,ROW(INDEX(Jesper!AJ$2:AJ$366,ROUNDDOWN($C7578/24,0)+1,1))-1)+IF('Standard Profiles'!$G$20=$B$10,7,0)+IF('Standard Profiles'!$G$20=$B$17,14,0)+IF('Standard Profiles'!$G$20=$B$24,21,0),0)),0)</f>
        <v>3.2116690913566415</v>
      </c>
      <c r="G7578" cm="1">
        <f t="array" ref="G7578">IFERROR(INDEX(Jesper!AK$2:AK$366,ROUNDDOWN($C7578/24,0)+1,1)*INDEX($D$3:$AA$30,INDEX(Jesper!$R$2:$R$366,ROW(INDEX(Jesper!AK$2:AK$366,ROUNDDOWN($C7578/24,0)+1,1))-1)+IF('Standard Profiles'!$G$21=$B$10,7,0)+IF('Standard Profiles'!$G$21=$B$17,14,0)+IF('Standard Profiles'!$G$21=$B$24,21,0),MOD($C7578,24)+1)/SUM(INDEX($D$3:$AA$30,INDEX(Jesper!$R$2:$R$366,ROW(INDEX(Jesper!AK$2:AK$366,ROUNDDOWN($C7578/24,0)+1,1))-1)+IF('Standard Profiles'!$G$21=$B$10,7,0)+IF('Standard Profiles'!$G$21=$B$17,14,0)+IF('Standard Profiles'!$G$21=$B$24,21,0),0)),0)</f>
        <v>4.56111883591897</v>
      </c>
      <c r="H7578" cm="1">
        <f t="array" ref="H7578">IFERROR(INDEX(Jesper!AL$2:AL$366,ROUNDDOWN($C7578/24,0)+1,1)*INDEX($D$3:$AA$30,INDEX(Jesper!$R$2:$R$366,ROW(INDEX(Jesper!AL$2:AL$366,ROUNDDOWN($C7578/24,0)+1,1))-1)+IF('Standard Profiles'!$G$22=$B$10,7,0)+IF('Standard Profiles'!$G$22=$B$17,14,0)+IF('Standard Profiles'!$G$22=$B$24,21,0),MOD($C7578,24)+1)/SUM(INDEX($D$3:$AA$30,INDEX(Jesper!$R$2:$R$366,ROW(INDEX(Jesper!AL$2:AL$366,ROUNDDOWN($C7578/24,0)+1,1))-1)+IF('Standard Profiles'!$G$22=$B$10,7,0)+IF('Standard Profiles'!$G$22=$B$17,14,0)+IF('Standard Profiles'!$G$22=$B$24,21,0),0)),0)</f>
        <v>4.2140223913950416</v>
      </c>
      <c r="I7578">
        <f t="shared" si="839"/>
        <v>4.0454614957392421</v>
      </c>
      <c r="J7578">
        <f t="shared" si="840"/>
        <v>11.633913091783837</v>
      </c>
      <c r="K7578">
        <f t="shared" si="841"/>
        <v>0.33568766080476592</v>
      </c>
      <c r="L7578">
        <f t="shared" si="842"/>
        <v>0.16784383040238296</v>
      </c>
      <c r="M7578">
        <f t="shared" si="843"/>
        <v>0</v>
      </c>
      <c r="N7578" s="45">
        <f t="shared" si="844"/>
        <v>45241.333333315037</v>
      </c>
    </row>
    <row r="7579" spans="2:14" x14ac:dyDescent="0.25">
      <c r="B7579">
        <f t="shared" si="838"/>
        <v>6</v>
      </c>
      <c r="C7579" s="16">
        <v>7545</v>
      </c>
      <c r="D7579" cm="1">
        <f t="array" ref="D7579">IFERROR(INDEX(Jesper!AH$2:AH$366,ROUNDDOWN($C7579/24,0)+1,1)*INDEX($D$3:$AA$30,INDEX(Jesper!$R$2:$R$366,ROW(INDEX(Jesper!AH$2:AH$366,ROUNDDOWN($C7579/24,0)+1,1))-1)+IF('Standard Profiles'!$G$18=$B$10,7,0)+IF('Standard Profiles'!$G$18=$B$17,14,0)+IF('Standard Profiles'!$G$18=$B$24,21,0),MOD($C7579,24)+1)/SUM(INDEX($D$3:$AA$30,INDEX(Jesper!$R$2:$R$366,ROW(INDEX(Jesper!AH$2:AH$366,ROUNDDOWN($C7579/24,0)+1,1))-1)+IF('Standard Profiles'!$G$18=$B$10,7,0)+IF('Standard Profiles'!$G$18=$B$17,14,0)+IF('Standard Profiles'!$G$18=$B$24,21,0),0)),0)</f>
        <v>0</v>
      </c>
      <c r="E7579" cm="1">
        <f t="array" ref="E7579">IFERROR(INDEX(Jesper!AI$2:AI$366,ROUNDDOWN($C7579/24,0)+1,1)*INDEX($D$3:$AA$30,INDEX(Jesper!$R$2:$R$366,ROW(INDEX(Jesper!AI$2:AI$366,ROUNDDOWN($C7579/24,0)+1,1))-1)+IF('Standard Profiles'!$G$19=$B$10,7,0)+IF('Standard Profiles'!$G$19=$B$17,14,0)+IF('Standard Profiles'!$G$19=$B$24,21,0),MOD($C7579,24)+1)/SUM(INDEX($D$3:$AA$30,INDEX(Jesper!$R$2:$R$366,ROW(INDEX(Jesper!AI$2:AI$366,ROUNDDOWN($C7579/24,0)+1,1))-1)+IF('Standard Profiles'!$G$19=$B$10,7,0)+IF('Standard Profiles'!$G$19=$B$17,14,0)+IF('Standard Profiles'!$G$19=$B$24,21,0),0)),0)</f>
        <v>4.1960957600595741</v>
      </c>
      <c r="F7579" cm="1">
        <f t="array" ref="F7579">IFERROR(INDEX(Jesper!AJ$2:AJ$366,ROUNDDOWN($C7579/24,0)+1,1)*INDEX($D$3:$AA$30,INDEX(Jesper!$R$2:$R$366,ROW(INDEX(Jesper!AJ$2:AJ$366,ROUNDDOWN($C7579/24,0)+1,1))-1)+IF('Standard Profiles'!$G$20=$B$10,7,0)+IF('Standard Profiles'!$G$20=$B$17,14,0)+IF('Standard Profiles'!$G$20=$B$24,21,0),MOD($C7579,24)+1)/SUM(INDEX($D$3:$AA$30,INDEX(Jesper!$R$2:$R$366,ROW(INDEX(Jesper!AJ$2:AJ$366,ROUNDDOWN($C7579/24,0)+1,1))-1)+IF('Standard Profiles'!$G$20=$B$10,7,0)+IF('Standard Profiles'!$G$20=$B$17,14,0)+IF('Standard Profiles'!$G$20=$B$24,21,0),0)),0)</f>
        <v>3.2116690913566415</v>
      </c>
      <c r="G7579" cm="1">
        <f t="array" ref="G7579">IFERROR(INDEX(Jesper!AK$2:AK$366,ROUNDDOWN($C7579/24,0)+1,1)*INDEX($D$3:$AA$30,INDEX(Jesper!$R$2:$R$366,ROW(INDEX(Jesper!AK$2:AK$366,ROUNDDOWN($C7579/24,0)+1,1))-1)+IF('Standard Profiles'!$G$21=$B$10,7,0)+IF('Standard Profiles'!$G$21=$B$17,14,0)+IF('Standard Profiles'!$G$21=$B$24,21,0),MOD($C7579,24)+1)/SUM(INDEX($D$3:$AA$30,INDEX(Jesper!$R$2:$R$366,ROW(INDEX(Jesper!AK$2:AK$366,ROUNDDOWN($C7579/24,0)+1,1))-1)+IF('Standard Profiles'!$G$21=$B$10,7,0)+IF('Standard Profiles'!$G$21=$B$17,14,0)+IF('Standard Profiles'!$G$21=$B$24,21,0),0)),0)</f>
        <v>4.56111883591897</v>
      </c>
      <c r="H7579" cm="1">
        <f t="array" ref="H7579">IFERROR(INDEX(Jesper!AL$2:AL$366,ROUNDDOWN($C7579/24,0)+1,1)*INDEX($D$3:$AA$30,INDEX(Jesper!$R$2:$R$366,ROW(INDEX(Jesper!AL$2:AL$366,ROUNDDOWN($C7579/24,0)+1,1))-1)+IF('Standard Profiles'!$G$22=$B$10,7,0)+IF('Standard Profiles'!$G$22=$B$17,14,0)+IF('Standard Profiles'!$G$22=$B$24,21,0),MOD($C7579,24)+1)/SUM(INDEX($D$3:$AA$30,INDEX(Jesper!$R$2:$R$366,ROW(INDEX(Jesper!AL$2:AL$366,ROUNDDOWN($C7579/24,0)+1,1))-1)+IF('Standard Profiles'!$G$22=$B$10,7,0)+IF('Standard Profiles'!$G$22=$B$17,14,0)+IF('Standard Profiles'!$G$22=$B$24,21,0),0)),0)</f>
        <v>4.2140223913950416</v>
      </c>
      <c r="I7579">
        <f t="shared" si="839"/>
        <v>4.0454614957392421</v>
      </c>
      <c r="J7579">
        <f t="shared" si="840"/>
        <v>11.633913091783837</v>
      </c>
      <c r="K7579">
        <f t="shared" si="841"/>
        <v>0.33568766080476592</v>
      </c>
      <c r="L7579">
        <f t="shared" si="842"/>
        <v>0.16784383040238296</v>
      </c>
      <c r="M7579">
        <f t="shared" si="843"/>
        <v>0</v>
      </c>
      <c r="N7579" s="45">
        <f t="shared" si="844"/>
        <v>45241.374999981701</v>
      </c>
    </row>
    <row r="7580" spans="2:14" x14ac:dyDescent="0.25">
      <c r="B7580">
        <f t="shared" si="838"/>
        <v>6</v>
      </c>
      <c r="C7580" s="16">
        <v>7546</v>
      </c>
      <c r="D7580" cm="1">
        <f t="array" ref="D7580">IFERROR(INDEX(Jesper!AH$2:AH$366,ROUNDDOWN($C7580/24,0)+1,1)*INDEX($D$3:$AA$30,INDEX(Jesper!$R$2:$R$366,ROW(INDEX(Jesper!AH$2:AH$366,ROUNDDOWN($C7580/24,0)+1,1))-1)+IF('Standard Profiles'!$G$18=$B$10,7,0)+IF('Standard Profiles'!$G$18=$B$17,14,0)+IF('Standard Profiles'!$G$18=$B$24,21,0),MOD($C7580,24)+1)/SUM(INDEX($D$3:$AA$30,INDEX(Jesper!$R$2:$R$366,ROW(INDEX(Jesper!AH$2:AH$366,ROUNDDOWN($C7580/24,0)+1,1))-1)+IF('Standard Profiles'!$G$18=$B$10,7,0)+IF('Standard Profiles'!$G$18=$B$17,14,0)+IF('Standard Profiles'!$G$18=$B$24,21,0),0)),0)</f>
        <v>0</v>
      </c>
      <c r="E7580" cm="1">
        <f t="array" ref="E7580">IFERROR(INDEX(Jesper!AI$2:AI$366,ROUNDDOWN($C7580/24,0)+1,1)*INDEX($D$3:$AA$30,INDEX(Jesper!$R$2:$R$366,ROW(INDEX(Jesper!AI$2:AI$366,ROUNDDOWN($C7580/24,0)+1,1))-1)+IF('Standard Profiles'!$G$19=$B$10,7,0)+IF('Standard Profiles'!$G$19=$B$17,14,0)+IF('Standard Profiles'!$G$19=$B$24,21,0),MOD($C7580,24)+1)/SUM(INDEX($D$3:$AA$30,INDEX(Jesper!$R$2:$R$366,ROW(INDEX(Jesper!AI$2:AI$366,ROUNDDOWN($C7580/24,0)+1,1))-1)+IF('Standard Profiles'!$G$19=$B$10,7,0)+IF('Standard Profiles'!$G$19=$B$17,14,0)+IF('Standard Profiles'!$G$19=$B$24,21,0),0)),0)</f>
        <v>4.1960957600595741</v>
      </c>
      <c r="F7580" cm="1">
        <f t="array" ref="F7580">IFERROR(INDEX(Jesper!AJ$2:AJ$366,ROUNDDOWN($C7580/24,0)+1,1)*INDEX($D$3:$AA$30,INDEX(Jesper!$R$2:$R$366,ROW(INDEX(Jesper!AJ$2:AJ$366,ROUNDDOWN($C7580/24,0)+1,1))-1)+IF('Standard Profiles'!$G$20=$B$10,7,0)+IF('Standard Profiles'!$G$20=$B$17,14,0)+IF('Standard Profiles'!$G$20=$B$24,21,0),MOD($C7580,24)+1)/SUM(INDEX($D$3:$AA$30,INDEX(Jesper!$R$2:$R$366,ROW(INDEX(Jesper!AJ$2:AJ$366,ROUNDDOWN($C7580/24,0)+1,1))-1)+IF('Standard Profiles'!$G$20=$B$10,7,0)+IF('Standard Profiles'!$G$20=$B$17,14,0)+IF('Standard Profiles'!$G$20=$B$24,21,0),0)),0)</f>
        <v>3.2116690913566415</v>
      </c>
      <c r="G7580" cm="1">
        <f t="array" ref="G7580">IFERROR(INDEX(Jesper!AK$2:AK$366,ROUNDDOWN($C7580/24,0)+1,1)*INDEX($D$3:$AA$30,INDEX(Jesper!$R$2:$R$366,ROW(INDEX(Jesper!AK$2:AK$366,ROUNDDOWN($C7580/24,0)+1,1))-1)+IF('Standard Profiles'!$G$21=$B$10,7,0)+IF('Standard Profiles'!$G$21=$B$17,14,0)+IF('Standard Profiles'!$G$21=$B$24,21,0),MOD($C7580,24)+1)/SUM(INDEX($D$3:$AA$30,INDEX(Jesper!$R$2:$R$366,ROW(INDEX(Jesper!AK$2:AK$366,ROUNDDOWN($C7580/24,0)+1,1))-1)+IF('Standard Profiles'!$G$21=$B$10,7,0)+IF('Standard Profiles'!$G$21=$B$17,14,0)+IF('Standard Profiles'!$G$21=$B$24,21,0),0)),0)</f>
        <v>4.56111883591897</v>
      </c>
      <c r="H7580" cm="1">
        <f t="array" ref="H7580">IFERROR(INDEX(Jesper!AL$2:AL$366,ROUNDDOWN($C7580/24,0)+1,1)*INDEX($D$3:$AA$30,INDEX(Jesper!$R$2:$R$366,ROW(INDEX(Jesper!AL$2:AL$366,ROUNDDOWN($C7580/24,0)+1,1))-1)+IF('Standard Profiles'!$G$22=$B$10,7,0)+IF('Standard Profiles'!$G$22=$B$17,14,0)+IF('Standard Profiles'!$G$22=$B$24,21,0),MOD($C7580,24)+1)/SUM(INDEX($D$3:$AA$30,INDEX(Jesper!$R$2:$R$366,ROW(INDEX(Jesper!AL$2:AL$366,ROUNDDOWN($C7580/24,0)+1,1))-1)+IF('Standard Profiles'!$G$22=$B$10,7,0)+IF('Standard Profiles'!$G$22=$B$17,14,0)+IF('Standard Profiles'!$G$22=$B$24,21,0),0)),0)</f>
        <v>4.2140223913950416</v>
      </c>
      <c r="I7580">
        <f t="shared" si="839"/>
        <v>4.0454614957392421</v>
      </c>
      <c r="J7580">
        <f t="shared" si="840"/>
        <v>11.633913091783837</v>
      </c>
      <c r="K7580">
        <f t="shared" si="841"/>
        <v>0.33568766080476592</v>
      </c>
      <c r="L7580">
        <f t="shared" si="842"/>
        <v>0.16784383040238296</v>
      </c>
      <c r="M7580">
        <f t="shared" si="843"/>
        <v>0</v>
      </c>
      <c r="N7580" s="45">
        <f t="shared" si="844"/>
        <v>45241.416666648365</v>
      </c>
    </row>
    <row r="7581" spans="2:14" x14ac:dyDescent="0.25">
      <c r="B7581">
        <f t="shared" si="838"/>
        <v>6</v>
      </c>
      <c r="C7581" s="16">
        <v>7547</v>
      </c>
      <c r="D7581" cm="1">
        <f t="array" ref="D7581">IFERROR(INDEX(Jesper!AH$2:AH$366,ROUNDDOWN($C7581/24,0)+1,1)*INDEX($D$3:$AA$30,INDEX(Jesper!$R$2:$R$366,ROW(INDEX(Jesper!AH$2:AH$366,ROUNDDOWN($C7581/24,0)+1,1))-1)+IF('Standard Profiles'!$G$18=$B$10,7,0)+IF('Standard Profiles'!$G$18=$B$17,14,0)+IF('Standard Profiles'!$G$18=$B$24,21,0),MOD($C7581,24)+1)/SUM(INDEX($D$3:$AA$30,INDEX(Jesper!$R$2:$R$366,ROW(INDEX(Jesper!AH$2:AH$366,ROUNDDOWN($C7581/24,0)+1,1))-1)+IF('Standard Profiles'!$G$18=$B$10,7,0)+IF('Standard Profiles'!$G$18=$B$17,14,0)+IF('Standard Profiles'!$G$18=$B$24,21,0),0)),0)</f>
        <v>0</v>
      </c>
      <c r="E7581" cm="1">
        <f t="array" ref="E7581">IFERROR(INDEX(Jesper!AI$2:AI$366,ROUNDDOWN($C7581/24,0)+1,1)*INDEX($D$3:$AA$30,INDEX(Jesper!$R$2:$R$366,ROW(INDEX(Jesper!AI$2:AI$366,ROUNDDOWN($C7581/24,0)+1,1))-1)+IF('Standard Profiles'!$G$19=$B$10,7,0)+IF('Standard Profiles'!$G$19=$B$17,14,0)+IF('Standard Profiles'!$G$19=$B$24,21,0),MOD($C7581,24)+1)/SUM(INDEX($D$3:$AA$30,INDEX(Jesper!$R$2:$R$366,ROW(INDEX(Jesper!AI$2:AI$366,ROUNDDOWN($C7581/24,0)+1,1))-1)+IF('Standard Profiles'!$G$19=$B$10,7,0)+IF('Standard Profiles'!$G$19=$B$17,14,0)+IF('Standard Profiles'!$G$19=$B$24,21,0),0)),0)</f>
        <v>4.1960957600595741</v>
      </c>
      <c r="F7581" cm="1">
        <f t="array" ref="F7581">IFERROR(INDEX(Jesper!AJ$2:AJ$366,ROUNDDOWN($C7581/24,0)+1,1)*INDEX($D$3:$AA$30,INDEX(Jesper!$R$2:$R$366,ROW(INDEX(Jesper!AJ$2:AJ$366,ROUNDDOWN($C7581/24,0)+1,1))-1)+IF('Standard Profiles'!$G$20=$B$10,7,0)+IF('Standard Profiles'!$G$20=$B$17,14,0)+IF('Standard Profiles'!$G$20=$B$24,21,0),MOD($C7581,24)+1)/SUM(INDEX($D$3:$AA$30,INDEX(Jesper!$R$2:$R$366,ROW(INDEX(Jesper!AJ$2:AJ$366,ROUNDDOWN($C7581/24,0)+1,1))-1)+IF('Standard Profiles'!$G$20=$B$10,7,0)+IF('Standard Profiles'!$G$20=$B$17,14,0)+IF('Standard Profiles'!$G$20=$B$24,21,0),0)),0)</f>
        <v>3.2116690913566415</v>
      </c>
      <c r="G7581" cm="1">
        <f t="array" ref="G7581">IFERROR(INDEX(Jesper!AK$2:AK$366,ROUNDDOWN($C7581/24,0)+1,1)*INDEX($D$3:$AA$30,INDEX(Jesper!$R$2:$R$366,ROW(INDEX(Jesper!AK$2:AK$366,ROUNDDOWN($C7581/24,0)+1,1))-1)+IF('Standard Profiles'!$G$21=$B$10,7,0)+IF('Standard Profiles'!$G$21=$B$17,14,0)+IF('Standard Profiles'!$G$21=$B$24,21,0),MOD($C7581,24)+1)/SUM(INDEX($D$3:$AA$30,INDEX(Jesper!$R$2:$R$366,ROW(INDEX(Jesper!AK$2:AK$366,ROUNDDOWN($C7581/24,0)+1,1))-1)+IF('Standard Profiles'!$G$21=$B$10,7,0)+IF('Standard Profiles'!$G$21=$B$17,14,0)+IF('Standard Profiles'!$G$21=$B$24,21,0),0)),0)</f>
        <v>4.56111883591897</v>
      </c>
      <c r="H7581" cm="1">
        <f t="array" ref="H7581">IFERROR(INDEX(Jesper!AL$2:AL$366,ROUNDDOWN($C7581/24,0)+1,1)*INDEX($D$3:$AA$30,INDEX(Jesper!$R$2:$R$366,ROW(INDEX(Jesper!AL$2:AL$366,ROUNDDOWN($C7581/24,0)+1,1))-1)+IF('Standard Profiles'!$G$22=$B$10,7,0)+IF('Standard Profiles'!$G$22=$B$17,14,0)+IF('Standard Profiles'!$G$22=$B$24,21,0),MOD($C7581,24)+1)/SUM(INDEX($D$3:$AA$30,INDEX(Jesper!$R$2:$R$366,ROW(INDEX(Jesper!AL$2:AL$366,ROUNDDOWN($C7581/24,0)+1,1))-1)+IF('Standard Profiles'!$G$22=$B$10,7,0)+IF('Standard Profiles'!$G$22=$B$17,14,0)+IF('Standard Profiles'!$G$22=$B$24,21,0),0)),0)</f>
        <v>4.2140223913950416</v>
      </c>
      <c r="I7581">
        <f t="shared" si="839"/>
        <v>4.0454614957392421</v>
      </c>
      <c r="J7581">
        <f t="shared" si="840"/>
        <v>11.633913091783837</v>
      </c>
      <c r="K7581">
        <f t="shared" si="841"/>
        <v>0.33568766080476592</v>
      </c>
      <c r="L7581">
        <f t="shared" si="842"/>
        <v>0.16784383040238296</v>
      </c>
      <c r="M7581">
        <f t="shared" si="843"/>
        <v>0</v>
      </c>
      <c r="N7581" s="45">
        <f t="shared" si="844"/>
        <v>45241.458333315029</v>
      </c>
    </row>
    <row r="7582" spans="2:14" x14ac:dyDescent="0.25">
      <c r="B7582">
        <f t="shared" si="838"/>
        <v>6</v>
      </c>
      <c r="C7582" s="16">
        <v>7548</v>
      </c>
      <c r="D7582" cm="1">
        <f t="array" ref="D7582">IFERROR(INDEX(Jesper!AH$2:AH$366,ROUNDDOWN($C7582/24,0)+1,1)*INDEX($D$3:$AA$30,INDEX(Jesper!$R$2:$R$366,ROW(INDEX(Jesper!AH$2:AH$366,ROUNDDOWN($C7582/24,0)+1,1))-1)+IF('Standard Profiles'!$G$18=$B$10,7,0)+IF('Standard Profiles'!$G$18=$B$17,14,0)+IF('Standard Profiles'!$G$18=$B$24,21,0),MOD($C7582,24)+1)/SUM(INDEX($D$3:$AA$30,INDEX(Jesper!$R$2:$R$366,ROW(INDEX(Jesper!AH$2:AH$366,ROUNDDOWN($C7582/24,0)+1,1))-1)+IF('Standard Profiles'!$G$18=$B$10,7,0)+IF('Standard Profiles'!$G$18=$B$17,14,0)+IF('Standard Profiles'!$G$18=$B$24,21,0),0)),0)</f>
        <v>0</v>
      </c>
      <c r="E7582" cm="1">
        <f t="array" ref="E7582">IFERROR(INDEX(Jesper!AI$2:AI$366,ROUNDDOWN($C7582/24,0)+1,1)*INDEX($D$3:$AA$30,INDEX(Jesper!$R$2:$R$366,ROW(INDEX(Jesper!AI$2:AI$366,ROUNDDOWN($C7582/24,0)+1,1))-1)+IF('Standard Profiles'!$G$19=$B$10,7,0)+IF('Standard Profiles'!$G$19=$B$17,14,0)+IF('Standard Profiles'!$G$19=$B$24,21,0),MOD($C7582,24)+1)/SUM(INDEX($D$3:$AA$30,INDEX(Jesper!$R$2:$R$366,ROW(INDEX(Jesper!AI$2:AI$366,ROUNDDOWN($C7582/24,0)+1,1))-1)+IF('Standard Profiles'!$G$19=$B$10,7,0)+IF('Standard Profiles'!$G$19=$B$17,14,0)+IF('Standard Profiles'!$G$19=$B$24,21,0),0)),0)</f>
        <v>4.1960957600595741</v>
      </c>
      <c r="F7582" cm="1">
        <f t="array" ref="F7582">IFERROR(INDEX(Jesper!AJ$2:AJ$366,ROUNDDOWN($C7582/24,0)+1,1)*INDEX($D$3:$AA$30,INDEX(Jesper!$R$2:$R$366,ROW(INDEX(Jesper!AJ$2:AJ$366,ROUNDDOWN($C7582/24,0)+1,1))-1)+IF('Standard Profiles'!$G$20=$B$10,7,0)+IF('Standard Profiles'!$G$20=$B$17,14,0)+IF('Standard Profiles'!$G$20=$B$24,21,0),MOD($C7582,24)+1)/SUM(INDEX($D$3:$AA$30,INDEX(Jesper!$R$2:$R$366,ROW(INDEX(Jesper!AJ$2:AJ$366,ROUNDDOWN($C7582/24,0)+1,1))-1)+IF('Standard Profiles'!$G$20=$B$10,7,0)+IF('Standard Profiles'!$G$20=$B$17,14,0)+IF('Standard Profiles'!$G$20=$B$24,21,0),0)),0)</f>
        <v>3.2116690913566415</v>
      </c>
      <c r="G7582" cm="1">
        <f t="array" ref="G7582">IFERROR(INDEX(Jesper!AK$2:AK$366,ROUNDDOWN($C7582/24,0)+1,1)*INDEX($D$3:$AA$30,INDEX(Jesper!$R$2:$R$366,ROW(INDEX(Jesper!AK$2:AK$366,ROUNDDOWN($C7582/24,0)+1,1))-1)+IF('Standard Profiles'!$G$21=$B$10,7,0)+IF('Standard Profiles'!$G$21=$B$17,14,0)+IF('Standard Profiles'!$G$21=$B$24,21,0),MOD($C7582,24)+1)/SUM(INDEX($D$3:$AA$30,INDEX(Jesper!$R$2:$R$366,ROW(INDEX(Jesper!AK$2:AK$366,ROUNDDOWN($C7582/24,0)+1,1))-1)+IF('Standard Profiles'!$G$21=$B$10,7,0)+IF('Standard Profiles'!$G$21=$B$17,14,0)+IF('Standard Profiles'!$G$21=$B$24,21,0),0)),0)</f>
        <v>4.56111883591897</v>
      </c>
      <c r="H7582" cm="1">
        <f t="array" ref="H7582">IFERROR(INDEX(Jesper!AL$2:AL$366,ROUNDDOWN($C7582/24,0)+1,1)*INDEX($D$3:$AA$30,INDEX(Jesper!$R$2:$R$366,ROW(INDEX(Jesper!AL$2:AL$366,ROUNDDOWN($C7582/24,0)+1,1))-1)+IF('Standard Profiles'!$G$22=$B$10,7,0)+IF('Standard Profiles'!$G$22=$B$17,14,0)+IF('Standard Profiles'!$G$22=$B$24,21,0),MOD($C7582,24)+1)/SUM(INDEX($D$3:$AA$30,INDEX(Jesper!$R$2:$R$366,ROW(INDEX(Jesper!AL$2:AL$366,ROUNDDOWN($C7582/24,0)+1,1))-1)+IF('Standard Profiles'!$G$22=$B$10,7,0)+IF('Standard Profiles'!$G$22=$B$17,14,0)+IF('Standard Profiles'!$G$22=$B$24,21,0),0)),0)</f>
        <v>4.2140223913950416</v>
      </c>
      <c r="I7582">
        <f t="shared" si="839"/>
        <v>4.0454614957392421</v>
      </c>
      <c r="J7582">
        <f t="shared" si="840"/>
        <v>11.633913091783837</v>
      </c>
      <c r="K7582">
        <f t="shared" si="841"/>
        <v>0.33568766080476592</v>
      </c>
      <c r="L7582">
        <f t="shared" si="842"/>
        <v>0.16784383040238296</v>
      </c>
      <c r="M7582">
        <f t="shared" si="843"/>
        <v>0</v>
      </c>
      <c r="N7582" s="45">
        <f t="shared" si="844"/>
        <v>45241.499999981694</v>
      </c>
    </row>
    <row r="7583" spans="2:14" x14ac:dyDescent="0.25">
      <c r="B7583">
        <f t="shared" si="838"/>
        <v>6</v>
      </c>
      <c r="C7583" s="16">
        <v>7549</v>
      </c>
      <c r="D7583" cm="1">
        <f t="array" ref="D7583">IFERROR(INDEX(Jesper!AH$2:AH$366,ROUNDDOWN($C7583/24,0)+1,1)*INDEX($D$3:$AA$30,INDEX(Jesper!$R$2:$R$366,ROW(INDEX(Jesper!AH$2:AH$366,ROUNDDOWN($C7583/24,0)+1,1))-1)+IF('Standard Profiles'!$G$18=$B$10,7,0)+IF('Standard Profiles'!$G$18=$B$17,14,0)+IF('Standard Profiles'!$G$18=$B$24,21,0),MOD($C7583,24)+1)/SUM(INDEX($D$3:$AA$30,INDEX(Jesper!$R$2:$R$366,ROW(INDEX(Jesper!AH$2:AH$366,ROUNDDOWN($C7583/24,0)+1,1))-1)+IF('Standard Profiles'!$G$18=$B$10,7,0)+IF('Standard Profiles'!$G$18=$B$17,14,0)+IF('Standard Profiles'!$G$18=$B$24,21,0),0)),0)</f>
        <v>0</v>
      </c>
      <c r="E7583" cm="1">
        <f t="array" ref="E7583">IFERROR(INDEX(Jesper!AI$2:AI$366,ROUNDDOWN($C7583/24,0)+1,1)*INDEX($D$3:$AA$30,INDEX(Jesper!$R$2:$R$366,ROW(INDEX(Jesper!AI$2:AI$366,ROUNDDOWN($C7583/24,0)+1,1))-1)+IF('Standard Profiles'!$G$19=$B$10,7,0)+IF('Standard Profiles'!$G$19=$B$17,14,0)+IF('Standard Profiles'!$G$19=$B$24,21,0),MOD($C7583,24)+1)/SUM(INDEX($D$3:$AA$30,INDEX(Jesper!$R$2:$R$366,ROW(INDEX(Jesper!AI$2:AI$366,ROUNDDOWN($C7583/24,0)+1,1))-1)+IF('Standard Profiles'!$G$19=$B$10,7,0)+IF('Standard Profiles'!$G$19=$B$17,14,0)+IF('Standard Profiles'!$G$19=$B$24,21,0),0)),0)</f>
        <v>4.1960957600595741</v>
      </c>
      <c r="F7583" cm="1">
        <f t="array" ref="F7583">IFERROR(INDEX(Jesper!AJ$2:AJ$366,ROUNDDOWN($C7583/24,0)+1,1)*INDEX($D$3:$AA$30,INDEX(Jesper!$R$2:$R$366,ROW(INDEX(Jesper!AJ$2:AJ$366,ROUNDDOWN($C7583/24,0)+1,1))-1)+IF('Standard Profiles'!$G$20=$B$10,7,0)+IF('Standard Profiles'!$G$20=$B$17,14,0)+IF('Standard Profiles'!$G$20=$B$24,21,0),MOD($C7583,24)+1)/SUM(INDEX($D$3:$AA$30,INDEX(Jesper!$R$2:$R$366,ROW(INDEX(Jesper!AJ$2:AJ$366,ROUNDDOWN($C7583/24,0)+1,1))-1)+IF('Standard Profiles'!$G$20=$B$10,7,0)+IF('Standard Profiles'!$G$20=$B$17,14,0)+IF('Standard Profiles'!$G$20=$B$24,21,0),0)),0)</f>
        <v>3.2116690913566415</v>
      </c>
      <c r="G7583" cm="1">
        <f t="array" ref="G7583">IFERROR(INDEX(Jesper!AK$2:AK$366,ROUNDDOWN($C7583/24,0)+1,1)*INDEX($D$3:$AA$30,INDEX(Jesper!$R$2:$R$366,ROW(INDEX(Jesper!AK$2:AK$366,ROUNDDOWN($C7583/24,0)+1,1))-1)+IF('Standard Profiles'!$G$21=$B$10,7,0)+IF('Standard Profiles'!$G$21=$B$17,14,0)+IF('Standard Profiles'!$G$21=$B$24,21,0),MOD($C7583,24)+1)/SUM(INDEX($D$3:$AA$30,INDEX(Jesper!$R$2:$R$366,ROW(INDEX(Jesper!AK$2:AK$366,ROUNDDOWN($C7583/24,0)+1,1))-1)+IF('Standard Profiles'!$G$21=$B$10,7,0)+IF('Standard Profiles'!$G$21=$B$17,14,0)+IF('Standard Profiles'!$G$21=$B$24,21,0),0)),0)</f>
        <v>4.56111883591897</v>
      </c>
      <c r="H7583" cm="1">
        <f t="array" ref="H7583">IFERROR(INDEX(Jesper!AL$2:AL$366,ROUNDDOWN($C7583/24,0)+1,1)*INDEX($D$3:$AA$30,INDEX(Jesper!$R$2:$R$366,ROW(INDEX(Jesper!AL$2:AL$366,ROUNDDOWN($C7583/24,0)+1,1))-1)+IF('Standard Profiles'!$G$22=$B$10,7,0)+IF('Standard Profiles'!$G$22=$B$17,14,0)+IF('Standard Profiles'!$G$22=$B$24,21,0),MOD($C7583,24)+1)/SUM(INDEX($D$3:$AA$30,INDEX(Jesper!$R$2:$R$366,ROW(INDEX(Jesper!AL$2:AL$366,ROUNDDOWN($C7583/24,0)+1,1))-1)+IF('Standard Profiles'!$G$22=$B$10,7,0)+IF('Standard Profiles'!$G$22=$B$17,14,0)+IF('Standard Profiles'!$G$22=$B$24,21,0),0)),0)</f>
        <v>4.2140223913950416</v>
      </c>
      <c r="I7583">
        <f t="shared" si="839"/>
        <v>4.0454614957392421</v>
      </c>
      <c r="J7583">
        <f t="shared" si="840"/>
        <v>11.633913091783837</v>
      </c>
      <c r="K7583">
        <f t="shared" si="841"/>
        <v>0.33568766080476592</v>
      </c>
      <c r="L7583">
        <f t="shared" si="842"/>
        <v>0.16784383040238296</v>
      </c>
      <c r="M7583">
        <f t="shared" si="843"/>
        <v>0</v>
      </c>
      <c r="N7583" s="45">
        <f t="shared" si="844"/>
        <v>45241.541666648358</v>
      </c>
    </row>
    <row r="7584" spans="2:14" x14ac:dyDescent="0.25">
      <c r="B7584">
        <f t="shared" si="838"/>
        <v>6</v>
      </c>
      <c r="C7584" s="16">
        <v>7550</v>
      </c>
      <c r="D7584" cm="1">
        <f t="array" ref="D7584">IFERROR(INDEX(Jesper!AH$2:AH$366,ROUNDDOWN($C7584/24,0)+1,1)*INDEX($D$3:$AA$30,INDEX(Jesper!$R$2:$R$366,ROW(INDEX(Jesper!AH$2:AH$366,ROUNDDOWN($C7584/24,0)+1,1))-1)+IF('Standard Profiles'!$G$18=$B$10,7,0)+IF('Standard Profiles'!$G$18=$B$17,14,0)+IF('Standard Profiles'!$G$18=$B$24,21,0),MOD($C7584,24)+1)/SUM(INDEX($D$3:$AA$30,INDEX(Jesper!$R$2:$R$366,ROW(INDEX(Jesper!AH$2:AH$366,ROUNDDOWN($C7584/24,0)+1,1))-1)+IF('Standard Profiles'!$G$18=$B$10,7,0)+IF('Standard Profiles'!$G$18=$B$17,14,0)+IF('Standard Profiles'!$G$18=$B$24,21,0),0)),0)</f>
        <v>0</v>
      </c>
      <c r="E7584" cm="1">
        <f t="array" ref="E7584">IFERROR(INDEX(Jesper!AI$2:AI$366,ROUNDDOWN($C7584/24,0)+1,1)*INDEX($D$3:$AA$30,INDEX(Jesper!$R$2:$R$366,ROW(INDEX(Jesper!AI$2:AI$366,ROUNDDOWN($C7584/24,0)+1,1))-1)+IF('Standard Profiles'!$G$19=$B$10,7,0)+IF('Standard Profiles'!$G$19=$B$17,14,0)+IF('Standard Profiles'!$G$19=$B$24,21,0),MOD($C7584,24)+1)/SUM(INDEX($D$3:$AA$30,INDEX(Jesper!$R$2:$R$366,ROW(INDEX(Jesper!AI$2:AI$366,ROUNDDOWN($C7584/24,0)+1,1))-1)+IF('Standard Profiles'!$G$19=$B$10,7,0)+IF('Standard Profiles'!$G$19=$B$17,14,0)+IF('Standard Profiles'!$G$19=$B$24,21,0),0)),0)</f>
        <v>4.1960957600595741</v>
      </c>
      <c r="F7584" cm="1">
        <f t="array" ref="F7584">IFERROR(INDEX(Jesper!AJ$2:AJ$366,ROUNDDOWN($C7584/24,0)+1,1)*INDEX($D$3:$AA$30,INDEX(Jesper!$R$2:$R$366,ROW(INDEX(Jesper!AJ$2:AJ$366,ROUNDDOWN($C7584/24,0)+1,1))-1)+IF('Standard Profiles'!$G$20=$B$10,7,0)+IF('Standard Profiles'!$G$20=$B$17,14,0)+IF('Standard Profiles'!$G$20=$B$24,21,0),MOD($C7584,24)+1)/SUM(INDEX($D$3:$AA$30,INDEX(Jesper!$R$2:$R$366,ROW(INDEX(Jesper!AJ$2:AJ$366,ROUNDDOWN($C7584/24,0)+1,1))-1)+IF('Standard Profiles'!$G$20=$B$10,7,0)+IF('Standard Profiles'!$G$20=$B$17,14,0)+IF('Standard Profiles'!$G$20=$B$24,21,0),0)),0)</f>
        <v>3.2116690913566415</v>
      </c>
      <c r="G7584" cm="1">
        <f t="array" ref="G7584">IFERROR(INDEX(Jesper!AK$2:AK$366,ROUNDDOWN($C7584/24,0)+1,1)*INDEX($D$3:$AA$30,INDEX(Jesper!$R$2:$R$366,ROW(INDEX(Jesper!AK$2:AK$366,ROUNDDOWN($C7584/24,0)+1,1))-1)+IF('Standard Profiles'!$G$21=$B$10,7,0)+IF('Standard Profiles'!$G$21=$B$17,14,0)+IF('Standard Profiles'!$G$21=$B$24,21,0),MOD($C7584,24)+1)/SUM(INDEX($D$3:$AA$30,INDEX(Jesper!$R$2:$R$366,ROW(INDEX(Jesper!AK$2:AK$366,ROUNDDOWN($C7584/24,0)+1,1))-1)+IF('Standard Profiles'!$G$21=$B$10,7,0)+IF('Standard Profiles'!$G$21=$B$17,14,0)+IF('Standard Profiles'!$G$21=$B$24,21,0),0)),0)</f>
        <v>4.56111883591897</v>
      </c>
      <c r="H7584" cm="1">
        <f t="array" ref="H7584">IFERROR(INDEX(Jesper!AL$2:AL$366,ROUNDDOWN($C7584/24,0)+1,1)*INDEX($D$3:$AA$30,INDEX(Jesper!$R$2:$R$366,ROW(INDEX(Jesper!AL$2:AL$366,ROUNDDOWN($C7584/24,0)+1,1))-1)+IF('Standard Profiles'!$G$22=$B$10,7,0)+IF('Standard Profiles'!$G$22=$B$17,14,0)+IF('Standard Profiles'!$G$22=$B$24,21,0),MOD($C7584,24)+1)/SUM(INDEX($D$3:$AA$30,INDEX(Jesper!$R$2:$R$366,ROW(INDEX(Jesper!AL$2:AL$366,ROUNDDOWN($C7584/24,0)+1,1))-1)+IF('Standard Profiles'!$G$22=$B$10,7,0)+IF('Standard Profiles'!$G$22=$B$17,14,0)+IF('Standard Profiles'!$G$22=$B$24,21,0),0)),0)</f>
        <v>4.2140223913950416</v>
      </c>
      <c r="I7584">
        <f t="shared" si="839"/>
        <v>4.0454614957392421</v>
      </c>
      <c r="J7584">
        <f t="shared" si="840"/>
        <v>11.633913091783837</v>
      </c>
      <c r="K7584">
        <f t="shared" si="841"/>
        <v>0.33568766080476592</v>
      </c>
      <c r="L7584">
        <f t="shared" si="842"/>
        <v>0.16784383040238296</v>
      </c>
      <c r="M7584">
        <f t="shared" si="843"/>
        <v>0</v>
      </c>
      <c r="N7584" s="45">
        <f t="shared" si="844"/>
        <v>45241.583333315022</v>
      </c>
    </row>
    <row r="7585" spans="2:14" x14ac:dyDescent="0.25">
      <c r="B7585">
        <f t="shared" si="838"/>
        <v>6</v>
      </c>
      <c r="C7585" s="16">
        <v>7551</v>
      </c>
      <c r="D7585" cm="1">
        <f t="array" ref="D7585">IFERROR(INDEX(Jesper!AH$2:AH$366,ROUNDDOWN($C7585/24,0)+1,1)*INDEX($D$3:$AA$30,INDEX(Jesper!$R$2:$R$366,ROW(INDEX(Jesper!AH$2:AH$366,ROUNDDOWN($C7585/24,0)+1,1))-1)+IF('Standard Profiles'!$G$18=$B$10,7,0)+IF('Standard Profiles'!$G$18=$B$17,14,0)+IF('Standard Profiles'!$G$18=$B$24,21,0),MOD($C7585,24)+1)/SUM(INDEX($D$3:$AA$30,INDEX(Jesper!$R$2:$R$366,ROW(INDEX(Jesper!AH$2:AH$366,ROUNDDOWN($C7585/24,0)+1,1))-1)+IF('Standard Profiles'!$G$18=$B$10,7,0)+IF('Standard Profiles'!$G$18=$B$17,14,0)+IF('Standard Profiles'!$G$18=$B$24,21,0),0)),0)</f>
        <v>0</v>
      </c>
      <c r="E7585" cm="1">
        <f t="array" ref="E7585">IFERROR(INDEX(Jesper!AI$2:AI$366,ROUNDDOWN($C7585/24,0)+1,1)*INDEX($D$3:$AA$30,INDEX(Jesper!$R$2:$R$366,ROW(INDEX(Jesper!AI$2:AI$366,ROUNDDOWN($C7585/24,0)+1,1))-1)+IF('Standard Profiles'!$G$19=$B$10,7,0)+IF('Standard Profiles'!$G$19=$B$17,14,0)+IF('Standard Profiles'!$G$19=$B$24,21,0),MOD($C7585,24)+1)/SUM(INDEX($D$3:$AA$30,INDEX(Jesper!$R$2:$R$366,ROW(INDEX(Jesper!AI$2:AI$366,ROUNDDOWN($C7585/24,0)+1,1))-1)+IF('Standard Profiles'!$G$19=$B$10,7,0)+IF('Standard Profiles'!$G$19=$B$17,14,0)+IF('Standard Profiles'!$G$19=$B$24,21,0),0)),0)</f>
        <v>4.1960957600595741</v>
      </c>
      <c r="F7585" cm="1">
        <f t="array" ref="F7585">IFERROR(INDEX(Jesper!AJ$2:AJ$366,ROUNDDOWN($C7585/24,0)+1,1)*INDEX($D$3:$AA$30,INDEX(Jesper!$R$2:$R$366,ROW(INDEX(Jesper!AJ$2:AJ$366,ROUNDDOWN($C7585/24,0)+1,1))-1)+IF('Standard Profiles'!$G$20=$B$10,7,0)+IF('Standard Profiles'!$G$20=$B$17,14,0)+IF('Standard Profiles'!$G$20=$B$24,21,0),MOD($C7585,24)+1)/SUM(INDEX($D$3:$AA$30,INDEX(Jesper!$R$2:$R$366,ROW(INDEX(Jesper!AJ$2:AJ$366,ROUNDDOWN($C7585/24,0)+1,1))-1)+IF('Standard Profiles'!$G$20=$B$10,7,0)+IF('Standard Profiles'!$G$20=$B$17,14,0)+IF('Standard Profiles'!$G$20=$B$24,21,0),0)),0)</f>
        <v>3.2116690913566415</v>
      </c>
      <c r="G7585" cm="1">
        <f t="array" ref="G7585">IFERROR(INDEX(Jesper!AK$2:AK$366,ROUNDDOWN($C7585/24,0)+1,1)*INDEX($D$3:$AA$30,INDEX(Jesper!$R$2:$R$366,ROW(INDEX(Jesper!AK$2:AK$366,ROUNDDOWN($C7585/24,0)+1,1))-1)+IF('Standard Profiles'!$G$21=$B$10,7,0)+IF('Standard Profiles'!$G$21=$B$17,14,0)+IF('Standard Profiles'!$G$21=$B$24,21,0),MOD($C7585,24)+1)/SUM(INDEX($D$3:$AA$30,INDEX(Jesper!$R$2:$R$366,ROW(INDEX(Jesper!AK$2:AK$366,ROUNDDOWN($C7585/24,0)+1,1))-1)+IF('Standard Profiles'!$G$21=$B$10,7,0)+IF('Standard Profiles'!$G$21=$B$17,14,0)+IF('Standard Profiles'!$G$21=$B$24,21,0),0)),0)</f>
        <v>4.56111883591897</v>
      </c>
      <c r="H7585" cm="1">
        <f t="array" ref="H7585">IFERROR(INDEX(Jesper!AL$2:AL$366,ROUNDDOWN($C7585/24,0)+1,1)*INDEX($D$3:$AA$30,INDEX(Jesper!$R$2:$R$366,ROW(INDEX(Jesper!AL$2:AL$366,ROUNDDOWN($C7585/24,0)+1,1))-1)+IF('Standard Profiles'!$G$22=$B$10,7,0)+IF('Standard Profiles'!$G$22=$B$17,14,0)+IF('Standard Profiles'!$G$22=$B$24,21,0),MOD($C7585,24)+1)/SUM(INDEX($D$3:$AA$30,INDEX(Jesper!$R$2:$R$366,ROW(INDEX(Jesper!AL$2:AL$366,ROUNDDOWN($C7585/24,0)+1,1))-1)+IF('Standard Profiles'!$G$22=$B$10,7,0)+IF('Standard Profiles'!$G$22=$B$17,14,0)+IF('Standard Profiles'!$G$22=$B$24,21,0),0)),0)</f>
        <v>3.8099380524941471</v>
      </c>
      <c r="I7585">
        <f t="shared" si="839"/>
        <v>3.6575405303943831</v>
      </c>
      <c r="J7585">
        <f t="shared" si="840"/>
        <v>11.617749718227801</v>
      </c>
      <c r="K7585">
        <f t="shared" si="841"/>
        <v>0.33568766080476592</v>
      </c>
      <c r="L7585">
        <f t="shared" si="842"/>
        <v>0.16784383040238296</v>
      </c>
      <c r="M7585">
        <f t="shared" si="843"/>
        <v>0</v>
      </c>
      <c r="N7585" s="45">
        <f t="shared" si="844"/>
        <v>45241.624999981686</v>
      </c>
    </row>
    <row r="7586" spans="2:14" x14ac:dyDescent="0.25">
      <c r="B7586">
        <f t="shared" si="838"/>
        <v>6</v>
      </c>
      <c r="C7586" s="16">
        <v>7552</v>
      </c>
      <c r="D7586" cm="1">
        <f t="array" ref="D7586">IFERROR(INDEX(Jesper!AH$2:AH$366,ROUNDDOWN($C7586/24,0)+1,1)*INDEX($D$3:$AA$30,INDEX(Jesper!$R$2:$R$366,ROW(INDEX(Jesper!AH$2:AH$366,ROUNDDOWN($C7586/24,0)+1,1))-1)+IF('Standard Profiles'!$G$18=$B$10,7,0)+IF('Standard Profiles'!$G$18=$B$17,14,0)+IF('Standard Profiles'!$G$18=$B$24,21,0),MOD($C7586,24)+1)/SUM(INDEX($D$3:$AA$30,INDEX(Jesper!$R$2:$R$366,ROW(INDEX(Jesper!AH$2:AH$366,ROUNDDOWN($C7586/24,0)+1,1))-1)+IF('Standard Profiles'!$G$18=$B$10,7,0)+IF('Standard Profiles'!$G$18=$B$17,14,0)+IF('Standard Profiles'!$G$18=$B$24,21,0),0)),0)</f>
        <v>0</v>
      </c>
      <c r="E7586" cm="1">
        <f t="array" ref="E7586">IFERROR(INDEX(Jesper!AI$2:AI$366,ROUNDDOWN($C7586/24,0)+1,1)*INDEX($D$3:$AA$30,INDEX(Jesper!$R$2:$R$366,ROW(INDEX(Jesper!AI$2:AI$366,ROUNDDOWN($C7586/24,0)+1,1))-1)+IF('Standard Profiles'!$G$19=$B$10,7,0)+IF('Standard Profiles'!$G$19=$B$17,14,0)+IF('Standard Profiles'!$G$19=$B$24,21,0),MOD($C7586,24)+1)/SUM(INDEX($D$3:$AA$30,INDEX(Jesper!$R$2:$R$366,ROW(INDEX(Jesper!AI$2:AI$366,ROUNDDOWN($C7586/24,0)+1,1))-1)+IF('Standard Profiles'!$G$19=$B$10,7,0)+IF('Standard Profiles'!$G$19=$B$17,14,0)+IF('Standard Profiles'!$G$19=$B$24,21,0),0)),0)</f>
        <v>4.1960957600595741</v>
      </c>
      <c r="F7586" cm="1">
        <f t="array" ref="F7586">IFERROR(INDEX(Jesper!AJ$2:AJ$366,ROUNDDOWN($C7586/24,0)+1,1)*INDEX($D$3:$AA$30,INDEX(Jesper!$R$2:$R$366,ROW(INDEX(Jesper!AJ$2:AJ$366,ROUNDDOWN($C7586/24,0)+1,1))-1)+IF('Standard Profiles'!$G$20=$B$10,7,0)+IF('Standard Profiles'!$G$20=$B$17,14,0)+IF('Standard Profiles'!$G$20=$B$24,21,0),MOD($C7586,24)+1)/SUM(INDEX($D$3:$AA$30,INDEX(Jesper!$R$2:$R$366,ROW(INDEX(Jesper!AJ$2:AJ$366,ROUNDDOWN($C7586/24,0)+1,1))-1)+IF('Standard Profiles'!$G$20=$B$10,7,0)+IF('Standard Profiles'!$G$20=$B$17,14,0)+IF('Standard Profiles'!$G$20=$B$24,21,0),0)),0)</f>
        <v>3.2116690913566415</v>
      </c>
      <c r="G7586" cm="1">
        <f t="array" ref="G7586">IFERROR(INDEX(Jesper!AK$2:AK$366,ROUNDDOWN($C7586/24,0)+1,1)*INDEX($D$3:$AA$30,INDEX(Jesper!$R$2:$R$366,ROW(INDEX(Jesper!AK$2:AK$366,ROUNDDOWN($C7586/24,0)+1,1))-1)+IF('Standard Profiles'!$G$21=$B$10,7,0)+IF('Standard Profiles'!$G$21=$B$17,14,0)+IF('Standard Profiles'!$G$21=$B$24,21,0),MOD($C7586,24)+1)/SUM(INDEX($D$3:$AA$30,INDEX(Jesper!$R$2:$R$366,ROW(INDEX(Jesper!AK$2:AK$366,ROUNDDOWN($C7586/24,0)+1,1))-1)+IF('Standard Profiles'!$G$21=$B$10,7,0)+IF('Standard Profiles'!$G$21=$B$17,14,0)+IF('Standard Profiles'!$G$21=$B$24,21,0),0)),0)</f>
        <v>4.56111883591897</v>
      </c>
      <c r="H7586" cm="1">
        <f t="array" ref="H7586">IFERROR(INDEX(Jesper!AL$2:AL$366,ROUNDDOWN($C7586/24,0)+1,1)*INDEX($D$3:$AA$30,INDEX(Jesper!$R$2:$R$366,ROW(INDEX(Jesper!AL$2:AL$366,ROUNDDOWN($C7586/24,0)+1,1))-1)+IF('Standard Profiles'!$G$22=$B$10,7,0)+IF('Standard Profiles'!$G$22=$B$17,14,0)+IF('Standard Profiles'!$G$22=$B$24,21,0),MOD($C7586,24)+1)/SUM(INDEX($D$3:$AA$30,INDEX(Jesper!$R$2:$R$366,ROW(INDEX(Jesper!AL$2:AL$366,ROUNDDOWN($C7586/24,0)+1,1))-1)+IF('Standard Profiles'!$G$22=$B$10,7,0)+IF('Standard Profiles'!$G$22=$B$17,14,0)+IF('Standard Profiles'!$G$22=$B$24,21,0),0)),0)</f>
        <v>3.463580047721952</v>
      </c>
      <c r="I7586">
        <f t="shared" si="839"/>
        <v>3.3250368458130759</v>
      </c>
      <c r="J7586">
        <f t="shared" si="840"/>
        <v>11.603895398036913</v>
      </c>
      <c r="K7586">
        <f t="shared" si="841"/>
        <v>0.33568766080476592</v>
      </c>
      <c r="L7586">
        <f t="shared" si="842"/>
        <v>0.16784383040238296</v>
      </c>
      <c r="M7586">
        <f t="shared" si="843"/>
        <v>0</v>
      </c>
      <c r="N7586" s="45">
        <f t="shared" si="844"/>
        <v>45241.666666648351</v>
      </c>
    </row>
    <row r="7587" spans="2:14" x14ac:dyDescent="0.25">
      <c r="B7587">
        <f t="shared" ref="B7587:B7650" si="845">WEEKDAY(N7587,2)</f>
        <v>6</v>
      </c>
      <c r="C7587" s="16">
        <v>7553</v>
      </c>
      <c r="D7587" cm="1">
        <f t="array" ref="D7587">IFERROR(INDEX(Jesper!AH$2:AH$366,ROUNDDOWN($C7587/24,0)+1,1)*INDEX($D$3:$AA$30,INDEX(Jesper!$R$2:$R$366,ROW(INDEX(Jesper!AH$2:AH$366,ROUNDDOWN($C7587/24,0)+1,1))-1)+IF('Standard Profiles'!$G$18=$B$10,7,0)+IF('Standard Profiles'!$G$18=$B$17,14,0)+IF('Standard Profiles'!$G$18=$B$24,21,0),MOD($C7587,24)+1)/SUM(INDEX($D$3:$AA$30,INDEX(Jesper!$R$2:$R$366,ROW(INDEX(Jesper!AH$2:AH$366,ROUNDDOWN($C7587/24,0)+1,1))-1)+IF('Standard Profiles'!$G$18=$B$10,7,0)+IF('Standard Profiles'!$G$18=$B$17,14,0)+IF('Standard Profiles'!$G$18=$B$24,21,0),0)),0)</f>
        <v>0</v>
      </c>
      <c r="E7587" cm="1">
        <f t="array" ref="E7587">IFERROR(INDEX(Jesper!AI$2:AI$366,ROUNDDOWN($C7587/24,0)+1,1)*INDEX($D$3:$AA$30,INDEX(Jesper!$R$2:$R$366,ROW(INDEX(Jesper!AI$2:AI$366,ROUNDDOWN($C7587/24,0)+1,1))-1)+IF('Standard Profiles'!$G$19=$B$10,7,0)+IF('Standard Profiles'!$G$19=$B$17,14,0)+IF('Standard Profiles'!$G$19=$B$24,21,0),MOD($C7587,24)+1)/SUM(INDEX($D$3:$AA$30,INDEX(Jesper!$R$2:$R$366,ROW(INDEX(Jesper!AI$2:AI$366,ROUNDDOWN($C7587/24,0)+1,1))-1)+IF('Standard Profiles'!$G$19=$B$10,7,0)+IF('Standard Profiles'!$G$19=$B$17,14,0)+IF('Standard Profiles'!$G$19=$B$24,21,0),0)),0)</f>
        <v>4.1960957600595741</v>
      </c>
      <c r="F7587" cm="1">
        <f t="array" ref="F7587">IFERROR(INDEX(Jesper!AJ$2:AJ$366,ROUNDDOWN($C7587/24,0)+1,1)*INDEX($D$3:$AA$30,INDEX(Jesper!$R$2:$R$366,ROW(INDEX(Jesper!AJ$2:AJ$366,ROUNDDOWN($C7587/24,0)+1,1))-1)+IF('Standard Profiles'!$G$20=$B$10,7,0)+IF('Standard Profiles'!$G$20=$B$17,14,0)+IF('Standard Profiles'!$G$20=$B$24,21,0),MOD($C7587,24)+1)/SUM(INDEX($D$3:$AA$30,INDEX(Jesper!$R$2:$R$366,ROW(INDEX(Jesper!AJ$2:AJ$366,ROUNDDOWN($C7587/24,0)+1,1))-1)+IF('Standard Profiles'!$G$20=$B$10,7,0)+IF('Standard Profiles'!$G$20=$B$17,14,0)+IF('Standard Profiles'!$G$20=$B$24,21,0),0)),0)</f>
        <v>3.2116690913566415</v>
      </c>
      <c r="G7587" cm="1">
        <f t="array" ref="G7587">IFERROR(INDEX(Jesper!AK$2:AK$366,ROUNDDOWN($C7587/24,0)+1,1)*INDEX($D$3:$AA$30,INDEX(Jesper!$R$2:$R$366,ROW(INDEX(Jesper!AK$2:AK$366,ROUNDDOWN($C7587/24,0)+1,1))-1)+IF('Standard Profiles'!$G$21=$B$10,7,0)+IF('Standard Profiles'!$G$21=$B$17,14,0)+IF('Standard Profiles'!$G$21=$B$24,21,0),MOD($C7587,24)+1)/SUM(INDEX($D$3:$AA$30,INDEX(Jesper!$R$2:$R$366,ROW(INDEX(Jesper!AK$2:AK$366,ROUNDDOWN($C7587/24,0)+1,1))-1)+IF('Standard Profiles'!$G$21=$B$10,7,0)+IF('Standard Profiles'!$G$21=$B$17,14,0)+IF('Standard Profiles'!$G$21=$B$24,21,0),0)),0)</f>
        <v>4.56111883591897</v>
      </c>
      <c r="H7587" cm="1">
        <f t="array" ref="H7587">IFERROR(INDEX(Jesper!AL$2:AL$366,ROUNDDOWN($C7587/24,0)+1,1)*INDEX($D$3:$AA$30,INDEX(Jesper!$R$2:$R$366,ROW(INDEX(Jesper!AL$2:AL$366,ROUNDDOWN($C7587/24,0)+1,1))-1)+IF('Standard Profiles'!$G$22=$B$10,7,0)+IF('Standard Profiles'!$G$22=$B$17,14,0)+IF('Standard Profiles'!$G$22=$B$24,21,0),MOD($C7587,24)+1)/SUM(INDEX($D$3:$AA$30,INDEX(Jesper!$R$2:$R$366,ROW(INDEX(Jesper!AL$2:AL$366,ROUNDDOWN($C7587/24,0)+1,1))-1)+IF('Standard Profiles'!$G$22=$B$10,7,0)+IF('Standard Profiles'!$G$22=$B$17,14,0)+IF('Standard Profiles'!$G$22=$B$24,21,0),0)),0)</f>
        <v>3.1172220429497566</v>
      </c>
      <c r="I7587">
        <f t="shared" ref="I7587:I7650" si="846">IF($B7587&lt;6,AC$37*$D7587+AC$38*$E7587+AC$39*$F7587+AC$40*$G7587,AC$46*$D7587+AC$47*$E7587+AC$48*$F7587+AC$49*$G7587+AC$50*$H7587)</f>
        <v>2.9925331612317678</v>
      </c>
      <c r="J7587">
        <f t="shared" ref="J7587:J7650" si="847">IF($B7587&lt;6,AD$37*$D7587+AD$38*$E7587+AD$39*$F7587+AD$40*$G7587,AD$46*$D7587+AD$47*$E7587+AD$48*$F7587+AD$49*$G7587+AD$50*$H7587)</f>
        <v>11.590041077846026</v>
      </c>
      <c r="K7587">
        <f t="shared" ref="K7587:K7650" si="848">IF($B7587&lt;6,AE$37*$D7587+AE$38*$E7587+AE$39*$F7587+AE$40*$G7587,AE$46*$D7587+AE$47*$E7587+AE$48*$F7587+AE$49*$G7587+AE$50*$H7587)</f>
        <v>0.33568766080476592</v>
      </c>
      <c r="L7587">
        <f t="shared" ref="L7587:L7650" si="849">IF($B7587&lt;6,AF$37*$D7587+AF$38*$E7587+AF$39*$F7587+AF$40*$G7587,AF$46*$D7587+AF$47*$E7587+AF$48*$F7587+AF$49*$G7587+AF$50*$H7587)</f>
        <v>0.16784383040238296</v>
      </c>
      <c r="M7587">
        <f t="shared" ref="M7587:M7650" si="850">IF($B7587&lt;6,AG$37*$D7587+AG$38*$E7587+AG$39*$F7587+AG$40*$G7587,AG$46*$D7587+AG$47*$E7587+AG$48*$F7587+AG$49*$G7587+AG$50*$H7587)</f>
        <v>0</v>
      </c>
      <c r="N7587" s="45">
        <f t="shared" si="844"/>
        <v>45241.708333315015</v>
      </c>
    </row>
    <row r="7588" spans="2:14" x14ac:dyDescent="0.25">
      <c r="B7588">
        <f t="shared" si="845"/>
        <v>6</v>
      </c>
      <c r="C7588" s="16">
        <v>7554</v>
      </c>
      <c r="D7588" cm="1">
        <f t="array" ref="D7588">IFERROR(INDEX(Jesper!AH$2:AH$366,ROUNDDOWN($C7588/24,0)+1,1)*INDEX($D$3:$AA$30,INDEX(Jesper!$R$2:$R$366,ROW(INDEX(Jesper!AH$2:AH$366,ROUNDDOWN($C7588/24,0)+1,1))-1)+IF('Standard Profiles'!$G$18=$B$10,7,0)+IF('Standard Profiles'!$G$18=$B$17,14,0)+IF('Standard Profiles'!$G$18=$B$24,21,0),MOD($C7588,24)+1)/SUM(INDEX($D$3:$AA$30,INDEX(Jesper!$R$2:$R$366,ROW(INDEX(Jesper!AH$2:AH$366,ROUNDDOWN($C7588/24,0)+1,1))-1)+IF('Standard Profiles'!$G$18=$B$10,7,0)+IF('Standard Profiles'!$G$18=$B$17,14,0)+IF('Standard Profiles'!$G$18=$B$24,21,0),0)),0)</f>
        <v>0</v>
      </c>
      <c r="E7588" cm="1">
        <f t="array" ref="E7588">IFERROR(INDEX(Jesper!AI$2:AI$366,ROUNDDOWN($C7588/24,0)+1,1)*INDEX($D$3:$AA$30,INDEX(Jesper!$R$2:$R$366,ROW(INDEX(Jesper!AI$2:AI$366,ROUNDDOWN($C7588/24,0)+1,1))-1)+IF('Standard Profiles'!$G$19=$B$10,7,0)+IF('Standard Profiles'!$G$19=$B$17,14,0)+IF('Standard Profiles'!$G$19=$B$24,21,0),MOD($C7588,24)+1)/SUM(INDEX($D$3:$AA$30,INDEX(Jesper!$R$2:$R$366,ROW(INDEX(Jesper!AI$2:AI$366,ROUNDDOWN($C7588/24,0)+1,1))-1)+IF('Standard Profiles'!$G$19=$B$10,7,0)+IF('Standard Profiles'!$G$19=$B$17,14,0)+IF('Standard Profiles'!$G$19=$B$24,21,0),0)),0)</f>
        <v>4.1960957600595741</v>
      </c>
      <c r="F7588" cm="1">
        <f t="array" ref="F7588">IFERROR(INDEX(Jesper!AJ$2:AJ$366,ROUNDDOWN($C7588/24,0)+1,1)*INDEX($D$3:$AA$30,INDEX(Jesper!$R$2:$R$366,ROW(INDEX(Jesper!AJ$2:AJ$366,ROUNDDOWN($C7588/24,0)+1,1))-1)+IF('Standard Profiles'!$G$20=$B$10,7,0)+IF('Standard Profiles'!$G$20=$B$17,14,0)+IF('Standard Profiles'!$G$20=$B$24,21,0),MOD($C7588,24)+1)/SUM(INDEX($D$3:$AA$30,INDEX(Jesper!$R$2:$R$366,ROW(INDEX(Jesper!AJ$2:AJ$366,ROUNDDOWN($C7588/24,0)+1,1))-1)+IF('Standard Profiles'!$G$20=$B$10,7,0)+IF('Standard Profiles'!$G$20=$B$17,14,0)+IF('Standard Profiles'!$G$20=$B$24,21,0),0)),0)</f>
        <v>3.2116690913566415</v>
      </c>
      <c r="G7588" cm="1">
        <f t="array" ref="G7588">IFERROR(INDEX(Jesper!AK$2:AK$366,ROUNDDOWN($C7588/24,0)+1,1)*INDEX($D$3:$AA$30,INDEX(Jesper!$R$2:$R$366,ROW(INDEX(Jesper!AK$2:AK$366,ROUNDDOWN($C7588/24,0)+1,1))-1)+IF('Standard Profiles'!$G$21=$B$10,7,0)+IF('Standard Profiles'!$G$21=$B$17,14,0)+IF('Standard Profiles'!$G$21=$B$24,21,0),MOD($C7588,24)+1)/SUM(INDEX($D$3:$AA$30,INDEX(Jesper!$R$2:$R$366,ROW(INDEX(Jesper!AK$2:AK$366,ROUNDDOWN($C7588/24,0)+1,1))-1)+IF('Standard Profiles'!$G$21=$B$10,7,0)+IF('Standard Profiles'!$G$21=$B$17,14,0)+IF('Standard Profiles'!$G$21=$B$24,21,0),0)),0)</f>
        <v>4.56111883591897</v>
      </c>
      <c r="H7588" cm="1">
        <f t="array" ref="H7588">IFERROR(INDEX(Jesper!AL$2:AL$366,ROUNDDOWN($C7588/24,0)+1,1)*INDEX($D$3:$AA$30,INDEX(Jesper!$R$2:$R$366,ROW(INDEX(Jesper!AL$2:AL$366,ROUNDDOWN($C7588/24,0)+1,1))-1)+IF('Standard Profiles'!$G$22=$B$10,7,0)+IF('Standard Profiles'!$G$22=$B$17,14,0)+IF('Standard Profiles'!$G$22=$B$24,21,0),MOD($C7588,24)+1)/SUM(INDEX($D$3:$AA$30,INDEX(Jesper!$R$2:$R$366,ROW(INDEX(Jesper!AL$2:AL$366,ROUNDDOWN($C7588/24,0)+1,1))-1)+IF('Standard Profiles'!$G$22=$B$10,7,0)+IF('Standard Profiles'!$G$22=$B$17,14,0)+IF('Standard Profiles'!$G$22=$B$24,21,0),0)),0)</f>
        <v>3.0017693746923579</v>
      </c>
      <c r="I7588">
        <f t="shared" si="846"/>
        <v>2.8816985997046651</v>
      </c>
      <c r="J7588">
        <f t="shared" si="847"/>
        <v>11.585422971115729</v>
      </c>
      <c r="K7588">
        <f t="shared" si="848"/>
        <v>0.33568766080476592</v>
      </c>
      <c r="L7588">
        <f t="shared" si="849"/>
        <v>0.16784383040238296</v>
      </c>
      <c r="M7588">
        <f t="shared" si="850"/>
        <v>0</v>
      </c>
      <c r="N7588" s="45">
        <f t="shared" ref="N7588:N7651" si="851">N7587+1/24</f>
        <v>45241.749999981679</v>
      </c>
    </row>
    <row r="7589" spans="2:14" x14ac:dyDescent="0.25">
      <c r="B7589">
        <f t="shared" si="845"/>
        <v>6</v>
      </c>
      <c r="C7589" s="16">
        <v>7555</v>
      </c>
      <c r="D7589" cm="1">
        <f t="array" ref="D7589">IFERROR(INDEX(Jesper!AH$2:AH$366,ROUNDDOWN($C7589/24,0)+1,1)*INDEX($D$3:$AA$30,INDEX(Jesper!$R$2:$R$366,ROW(INDEX(Jesper!AH$2:AH$366,ROUNDDOWN($C7589/24,0)+1,1))-1)+IF('Standard Profiles'!$G$18=$B$10,7,0)+IF('Standard Profiles'!$G$18=$B$17,14,0)+IF('Standard Profiles'!$G$18=$B$24,21,0),MOD($C7589,24)+1)/SUM(INDEX($D$3:$AA$30,INDEX(Jesper!$R$2:$R$366,ROW(INDEX(Jesper!AH$2:AH$366,ROUNDDOWN($C7589/24,0)+1,1))-1)+IF('Standard Profiles'!$G$18=$B$10,7,0)+IF('Standard Profiles'!$G$18=$B$17,14,0)+IF('Standard Profiles'!$G$18=$B$24,21,0),0)),0)</f>
        <v>0</v>
      </c>
      <c r="E7589" cm="1">
        <f t="array" ref="E7589">IFERROR(INDEX(Jesper!AI$2:AI$366,ROUNDDOWN($C7589/24,0)+1,1)*INDEX($D$3:$AA$30,INDEX(Jesper!$R$2:$R$366,ROW(INDEX(Jesper!AI$2:AI$366,ROUNDDOWN($C7589/24,0)+1,1))-1)+IF('Standard Profiles'!$G$19=$B$10,7,0)+IF('Standard Profiles'!$G$19=$B$17,14,0)+IF('Standard Profiles'!$G$19=$B$24,21,0),MOD($C7589,24)+1)/SUM(INDEX($D$3:$AA$30,INDEX(Jesper!$R$2:$R$366,ROW(INDEX(Jesper!AI$2:AI$366,ROUNDDOWN($C7589/24,0)+1,1))-1)+IF('Standard Profiles'!$G$19=$B$10,7,0)+IF('Standard Profiles'!$G$19=$B$17,14,0)+IF('Standard Profiles'!$G$19=$B$24,21,0),0)),0)</f>
        <v>4.1960957600595741</v>
      </c>
      <c r="F7589" cm="1">
        <f t="array" ref="F7589">IFERROR(INDEX(Jesper!AJ$2:AJ$366,ROUNDDOWN($C7589/24,0)+1,1)*INDEX($D$3:$AA$30,INDEX(Jesper!$R$2:$R$366,ROW(INDEX(Jesper!AJ$2:AJ$366,ROUNDDOWN($C7589/24,0)+1,1))-1)+IF('Standard Profiles'!$G$20=$B$10,7,0)+IF('Standard Profiles'!$G$20=$B$17,14,0)+IF('Standard Profiles'!$G$20=$B$24,21,0),MOD($C7589,24)+1)/SUM(INDEX($D$3:$AA$30,INDEX(Jesper!$R$2:$R$366,ROW(INDEX(Jesper!AJ$2:AJ$366,ROUNDDOWN($C7589/24,0)+1,1))-1)+IF('Standard Profiles'!$G$20=$B$10,7,0)+IF('Standard Profiles'!$G$20=$B$17,14,0)+IF('Standard Profiles'!$G$20=$B$24,21,0),0)),0)</f>
        <v>3.2116690913566415</v>
      </c>
      <c r="G7589" cm="1">
        <f t="array" ref="G7589">IFERROR(INDEX(Jesper!AK$2:AK$366,ROUNDDOWN($C7589/24,0)+1,1)*INDEX($D$3:$AA$30,INDEX(Jesper!$R$2:$R$366,ROW(INDEX(Jesper!AK$2:AK$366,ROUNDDOWN($C7589/24,0)+1,1))-1)+IF('Standard Profiles'!$G$21=$B$10,7,0)+IF('Standard Profiles'!$G$21=$B$17,14,0)+IF('Standard Profiles'!$G$21=$B$24,21,0),MOD($C7589,24)+1)/SUM(INDEX($D$3:$AA$30,INDEX(Jesper!$R$2:$R$366,ROW(INDEX(Jesper!AK$2:AK$366,ROUNDDOWN($C7589/24,0)+1,1))-1)+IF('Standard Profiles'!$G$21=$B$10,7,0)+IF('Standard Profiles'!$G$21=$B$17,14,0)+IF('Standard Profiles'!$G$21=$B$24,21,0),0)),0)</f>
        <v>4.56111883591897</v>
      </c>
      <c r="H7589" cm="1">
        <f t="array" ref="H7589">IFERROR(INDEX(Jesper!AL$2:AL$366,ROUNDDOWN($C7589/24,0)+1,1)*INDEX($D$3:$AA$30,INDEX(Jesper!$R$2:$R$366,ROW(INDEX(Jesper!AL$2:AL$366,ROUNDDOWN($C7589/24,0)+1,1))-1)+IF('Standard Profiles'!$G$22=$B$10,7,0)+IF('Standard Profiles'!$G$22=$B$17,14,0)+IF('Standard Profiles'!$G$22=$B$24,21,0),MOD($C7589,24)+1)/SUM(INDEX($D$3:$AA$30,INDEX(Jesper!$R$2:$R$366,ROW(INDEX(Jesper!AL$2:AL$366,ROUNDDOWN($C7589/24,0)+1,1))-1)+IF('Standard Profiles'!$G$22=$B$10,7,0)+IF('Standard Profiles'!$G$22=$B$17,14,0)+IF('Standard Profiles'!$G$22=$B$24,21,0),0)),0)</f>
        <v>2.4245060334053661</v>
      </c>
      <c r="I7589">
        <f t="shared" si="846"/>
        <v>2.3275257920691526</v>
      </c>
      <c r="J7589">
        <f t="shared" si="847"/>
        <v>11.562332437464251</v>
      </c>
      <c r="K7589">
        <f t="shared" si="848"/>
        <v>0.33568766080476592</v>
      </c>
      <c r="L7589">
        <f t="shared" si="849"/>
        <v>0.16784383040238296</v>
      </c>
      <c r="M7589">
        <f t="shared" si="850"/>
        <v>0</v>
      </c>
      <c r="N7589" s="45">
        <f t="shared" si="851"/>
        <v>45241.791666648343</v>
      </c>
    </row>
    <row r="7590" spans="2:14" x14ac:dyDescent="0.25">
      <c r="B7590">
        <f t="shared" si="845"/>
        <v>6</v>
      </c>
      <c r="C7590" s="16">
        <v>7556</v>
      </c>
      <c r="D7590" cm="1">
        <f t="array" ref="D7590">IFERROR(INDEX(Jesper!AH$2:AH$366,ROUNDDOWN($C7590/24,0)+1,1)*INDEX($D$3:$AA$30,INDEX(Jesper!$R$2:$R$366,ROW(INDEX(Jesper!AH$2:AH$366,ROUNDDOWN($C7590/24,0)+1,1))-1)+IF('Standard Profiles'!$G$18=$B$10,7,0)+IF('Standard Profiles'!$G$18=$B$17,14,0)+IF('Standard Profiles'!$G$18=$B$24,21,0),MOD($C7590,24)+1)/SUM(INDEX($D$3:$AA$30,INDEX(Jesper!$R$2:$R$366,ROW(INDEX(Jesper!AH$2:AH$366,ROUNDDOWN($C7590/24,0)+1,1))-1)+IF('Standard Profiles'!$G$18=$B$10,7,0)+IF('Standard Profiles'!$G$18=$B$17,14,0)+IF('Standard Profiles'!$G$18=$B$24,21,0),0)),0)</f>
        <v>0</v>
      </c>
      <c r="E7590" cm="1">
        <f t="array" ref="E7590">IFERROR(INDEX(Jesper!AI$2:AI$366,ROUNDDOWN($C7590/24,0)+1,1)*INDEX($D$3:$AA$30,INDEX(Jesper!$R$2:$R$366,ROW(INDEX(Jesper!AI$2:AI$366,ROUNDDOWN($C7590/24,0)+1,1))-1)+IF('Standard Profiles'!$G$19=$B$10,7,0)+IF('Standard Profiles'!$G$19=$B$17,14,0)+IF('Standard Profiles'!$G$19=$B$24,21,0),MOD($C7590,24)+1)/SUM(INDEX($D$3:$AA$30,INDEX(Jesper!$R$2:$R$366,ROW(INDEX(Jesper!AI$2:AI$366,ROUNDDOWN($C7590/24,0)+1,1))-1)+IF('Standard Profiles'!$G$19=$B$10,7,0)+IF('Standard Profiles'!$G$19=$B$17,14,0)+IF('Standard Profiles'!$G$19=$B$24,21,0),0)),0)</f>
        <v>4.1960957600595741</v>
      </c>
      <c r="F7590" cm="1">
        <f t="array" ref="F7590">IFERROR(INDEX(Jesper!AJ$2:AJ$366,ROUNDDOWN($C7590/24,0)+1,1)*INDEX($D$3:$AA$30,INDEX(Jesper!$R$2:$R$366,ROW(INDEX(Jesper!AJ$2:AJ$366,ROUNDDOWN($C7590/24,0)+1,1))-1)+IF('Standard Profiles'!$G$20=$B$10,7,0)+IF('Standard Profiles'!$G$20=$B$17,14,0)+IF('Standard Profiles'!$G$20=$B$24,21,0),MOD($C7590,24)+1)/SUM(INDEX($D$3:$AA$30,INDEX(Jesper!$R$2:$R$366,ROW(INDEX(Jesper!AJ$2:AJ$366,ROUNDDOWN($C7590/24,0)+1,1))-1)+IF('Standard Profiles'!$G$20=$B$10,7,0)+IF('Standard Profiles'!$G$20=$B$17,14,0)+IF('Standard Profiles'!$G$20=$B$24,21,0),0)),0)</f>
        <v>3.2116690913566415</v>
      </c>
      <c r="G7590" cm="1">
        <f t="array" ref="G7590">IFERROR(INDEX(Jesper!AK$2:AK$366,ROUNDDOWN($C7590/24,0)+1,1)*INDEX($D$3:$AA$30,INDEX(Jesper!$R$2:$R$366,ROW(INDEX(Jesper!AK$2:AK$366,ROUNDDOWN($C7590/24,0)+1,1))-1)+IF('Standard Profiles'!$G$21=$B$10,7,0)+IF('Standard Profiles'!$G$21=$B$17,14,0)+IF('Standard Profiles'!$G$21=$B$24,21,0),MOD($C7590,24)+1)/SUM(INDEX($D$3:$AA$30,INDEX(Jesper!$R$2:$R$366,ROW(INDEX(Jesper!AK$2:AK$366,ROUNDDOWN($C7590/24,0)+1,1))-1)+IF('Standard Profiles'!$G$21=$B$10,7,0)+IF('Standard Profiles'!$G$21=$B$17,14,0)+IF('Standard Profiles'!$G$21=$B$24,21,0),0)),0)</f>
        <v>4.56111883591897</v>
      </c>
      <c r="H7590" cm="1">
        <f t="array" ref="H7590">IFERROR(INDEX(Jesper!AL$2:AL$366,ROUNDDOWN($C7590/24,0)+1,1)*INDEX($D$3:$AA$30,INDEX(Jesper!$R$2:$R$366,ROW(INDEX(Jesper!AL$2:AL$366,ROUNDDOWN($C7590/24,0)+1,1))-1)+IF('Standard Profiles'!$G$22=$B$10,7,0)+IF('Standard Profiles'!$G$22=$B$17,14,0)+IF('Standard Profiles'!$G$22=$B$24,21,0),MOD($C7590,24)+1)/SUM(INDEX($D$3:$AA$30,INDEX(Jesper!$R$2:$R$366,ROW(INDEX(Jesper!AL$2:AL$366,ROUNDDOWN($C7590/24,0)+1,1))-1)+IF('Standard Profiles'!$G$22=$B$10,7,0)+IF('Standard Profiles'!$G$22=$B$17,14,0)+IF('Standard Profiles'!$G$22=$B$24,21,0),0)),0)</f>
        <v>1.7895163579896749</v>
      </c>
      <c r="I7590">
        <f t="shared" si="846"/>
        <v>1.7179357036700889</v>
      </c>
      <c r="J7590">
        <f t="shared" si="847"/>
        <v>11.536932850447624</v>
      </c>
      <c r="K7590">
        <f t="shared" si="848"/>
        <v>0.33568766080476592</v>
      </c>
      <c r="L7590">
        <f t="shared" si="849"/>
        <v>0.16784383040238296</v>
      </c>
      <c r="M7590">
        <f t="shared" si="850"/>
        <v>0</v>
      </c>
      <c r="N7590" s="45">
        <f t="shared" si="851"/>
        <v>45241.833333315008</v>
      </c>
    </row>
    <row r="7591" spans="2:14" x14ac:dyDescent="0.25">
      <c r="B7591">
        <f t="shared" si="845"/>
        <v>6</v>
      </c>
      <c r="C7591" s="16">
        <v>7557</v>
      </c>
      <c r="D7591" cm="1">
        <f t="array" ref="D7591">IFERROR(INDEX(Jesper!AH$2:AH$366,ROUNDDOWN($C7591/24,0)+1,1)*INDEX($D$3:$AA$30,INDEX(Jesper!$R$2:$R$366,ROW(INDEX(Jesper!AH$2:AH$366,ROUNDDOWN($C7591/24,0)+1,1))-1)+IF('Standard Profiles'!$G$18=$B$10,7,0)+IF('Standard Profiles'!$G$18=$B$17,14,0)+IF('Standard Profiles'!$G$18=$B$24,21,0),MOD($C7591,24)+1)/SUM(INDEX($D$3:$AA$30,INDEX(Jesper!$R$2:$R$366,ROW(INDEX(Jesper!AH$2:AH$366,ROUNDDOWN($C7591/24,0)+1,1))-1)+IF('Standard Profiles'!$G$18=$B$10,7,0)+IF('Standard Profiles'!$G$18=$B$17,14,0)+IF('Standard Profiles'!$G$18=$B$24,21,0),0)),0)</f>
        <v>0</v>
      </c>
      <c r="E7591" cm="1">
        <f t="array" ref="E7591">IFERROR(INDEX(Jesper!AI$2:AI$366,ROUNDDOWN($C7591/24,0)+1,1)*INDEX($D$3:$AA$30,INDEX(Jesper!$R$2:$R$366,ROW(INDEX(Jesper!AI$2:AI$366,ROUNDDOWN($C7591/24,0)+1,1))-1)+IF('Standard Profiles'!$G$19=$B$10,7,0)+IF('Standard Profiles'!$G$19=$B$17,14,0)+IF('Standard Profiles'!$G$19=$B$24,21,0),MOD($C7591,24)+1)/SUM(INDEX($D$3:$AA$30,INDEX(Jesper!$R$2:$R$366,ROW(INDEX(Jesper!AI$2:AI$366,ROUNDDOWN($C7591/24,0)+1,1))-1)+IF('Standard Profiles'!$G$19=$B$10,7,0)+IF('Standard Profiles'!$G$19=$B$17,14,0)+IF('Standard Profiles'!$G$19=$B$24,21,0),0)),0)</f>
        <v>4.1960957600595741</v>
      </c>
      <c r="F7591" cm="1">
        <f t="array" ref="F7591">IFERROR(INDEX(Jesper!AJ$2:AJ$366,ROUNDDOWN($C7591/24,0)+1,1)*INDEX($D$3:$AA$30,INDEX(Jesper!$R$2:$R$366,ROW(INDEX(Jesper!AJ$2:AJ$366,ROUNDDOWN($C7591/24,0)+1,1))-1)+IF('Standard Profiles'!$G$20=$B$10,7,0)+IF('Standard Profiles'!$G$20=$B$17,14,0)+IF('Standard Profiles'!$G$20=$B$24,21,0),MOD($C7591,24)+1)/SUM(INDEX($D$3:$AA$30,INDEX(Jesper!$R$2:$R$366,ROW(INDEX(Jesper!AJ$2:AJ$366,ROUNDDOWN($C7591/24,0)+1,1))-1)+IF('Standard Profiles'!$G$20=$B$10,7,0)+IF('Standard Profiles'!$G$20=$B$17,14,0)+IF('Standard Profiles'!$G$20=$B$24,21,0),0)),0)</f>
        <v>3.2116690913566415</v>
      </c>
      <c r="G7591" cm="1">
        <f t="array" ref="G7591">IFERROR(INDEX(Jesper!AK$2:AK$366,ROUNDDOWN($C7591/24,0)+1,1)*INDEX($D$3:$AA$30,INDEX(Jesper!$R$2:$R$366,ROW(INDEX(Jesper!AK$2:AK$366,ROUNDDOWN($C7591/24,0)+1,1))-1)+IF('Standard Profiles'!$G$21=$B$10,7,0)+IF('Standard Profiles'!$G$21=$B$17,14,0)+IF('Standard Profiles'!$G$21=$B$24,21,0),MOD($C7591,24)+1)/SUM(INDEX($D$3:$AA$30,INDEX(Jesper!$R$2:$R$366,ROW(INDEX(Jesper!AK$2:AK$366,ROUNDDOWN($C7591/24,0)+1,1))-1)+IF('Standard Profiles'!$G$21=$B$10,7,0)+IF('Standard Profiles'!$G$21=$B$17,14,0)+IF('Standard Profiles'!$G$21=$B$24,21,0),0)),0)</f>
        <v>4.56111883591897</v>
      </c>
      <c r="H7591" cm="1">
        <f t="array" ref="H7591">IFERROR(INDEX(Jesper!AL$2:AL$366,ROUNDDOWN($C7591/24,0)+1,1)*INDEX($D$3:$AA$30,INDEX(Jesper!$R$2:$R$366,ROW(INDEX(Jesper!AL$2:AL$366,ROUNDDOWN($C7591/24,0)+1,1))-1)+IF('Standard Profiles'!$G$22=$B$10,7,0)+IF('Standard Profiles'!$G$22=$B$17,14,0)+IF('Standard Profiles'!$G$22=$B$24,21,0),MOD($C7591,24)+1)/SUM(INDEX($D$3:$AA$30,INDEX(Jesper!$R$2:$R$366,ROW(INDEX(Jesper!AL$2:AL$366,ROUNDDOWN($C7591/24,0)+1,1))-1)+IF('Standard Profiles'!$G$22=$B$10,7,0)+IF('Standard Profiles'!$G$22=$B$17,14,0)+IF('Standard Profiles'!$G$22=$B$24,21,0),0)),0)</f>
        <v>1.7895163579896749</v>
      </c>
      <c r="I7591">
        <f t="shared" si="846"/>
        <v>1.7179357036700889</v>
      </c>
      <c r="J7591">
        <f t="shared" si="847"/>
        <v>11.536932850447624</v>
      </c>
      <c r="K7591">
        <f t="shared" si="848"/>
        <v>0.33568766080476592</v>
      </c>
      <c r="L7591">
        <f t="shared" si="849"/>
        <v>0.16784383040238296</v>
      </c>
      <c r="M7591">
        <f t="shared" si="850"/>
        <v>0</v>
      </c>
      <c r="N7591" s="45">
        <f t="shared" si="851"/>
        <v>45241.874999981672</v>
      </c>
    </row>
    <row r="7592" spans="2:14" x14ac:dyDescent="0.25">
      <c r="B7592">
        <f t="shared" si="845"/>
        <v>6</v>
      </c>
      <c r="C7592" s="16">
        <v>7558</v>
      </c>
      <c r="D7592" cm="1">
        <f t="array" ref="D7592">IFERROR(INDEX(Jesper!AH$2:AH$366,ROUNDDOWN($C7592/24,0)+1,1)*INDEX($D$3:$AA$30,INDEX(Jesper!$R$2:$R$366,ROW(INDEX(Jesper!AH$2:AH$366,ROUNDDOWN($C7592/24,0)+1,1))-1)+IF('Standard Profiles'!$G$18=$B$10,7,0)+IF('Standard Profiles'!$G$18=$B$17,14,0)+IF('Standard Profiles'!$G$18=$B$24,21,0),MOD($C7592,24)+1)/SUM(INDEX($D$3:$AA$30,INDEX(Jesper!$R$2:$R$366,ROW(INDEX(Jesper!AH$2:AH$366,ROUNDDOWN($C7592/24,0)+1,1))-1)+IF('Standard Profiles'!$G$18=$B$10,7,0)+IF('Standard Profiles'!$G$18=$B$17,14,0)+IF('Standard Profiles'!$G$18=$B$24,21,0),0)),0)</f>
        <v>0</v>
      </c>
      <c r="E7592" cm="1">
        <f t="array" ref="E7592">IFERROR(INDEX(Jesper!AI$2:AI$366,ROUNDDOWN($C7592/24,0)+1,1)*INDEX($D$3:$AA$30,INDEX(Jesper!$R$2:$R$366,ROW(INDEX(Jesper!AI$2:AI$366,ROUNDDOWN($C7592/24,0)+1,1))-1)+IF('Standard Profiles'!$G$19=$B$10,7,0)+IF('Standard Profiles'!$G$19=$B$17,14,0)+IF('Standard Profiles'!$G$19=$B$24,21,0),MOD($C7592,24)+1)/SUM(INDEX($D$3:$AA$30,INDEX(Jesper!$R$2:$R$366,ROW(INDEX(Jesper!AI$2:AI$366,ROUNDDOWN($C7592/24,0)+1,1))-1)+IF('Standard Profiles'!$G$19=$B$10,7,0)+IF('Standard Profiles'!$G$19=$B$17,14,0)+IF('Standard Profiles'!$G$19=$B$24,21,0),0)),0)</f>
        <v>4.1960957600595741</v>
      </c>
      <c r="F7592" cm="1">
        <f t="array" ref="F7592">IFERROR(INDEX(Jesper!AJ$2:AJ$366,ROUNDDOWN($C7592/24,0)+1,1)*INDEX($D$3:$AA$30,INDEX(Jesper!$R$2:$R$366,ROW(INDEX(Jesper!AJ$2:AJ$366,ROUNDDOWN($C7592/24,0)+1,1))-1)+IF('Standard Profiles'!$G$20=$B$10,7,0)+IF('Standard Profiles'!$G$20=$B$17,14,0)+IF('Standard Profiles'!$G$20=$B$24,21,0),MOD($C7592,24)+1)/SUM(INDEX($D$3:$AA$30,INDEX(Jesper!$R$2:$R$366,ROW(INDEX(Jesper!AJ$2:AJ$366,ROUNDDOWN($C7592/24,0)+1,1))-1)+IF('Standard Profiles'!$G$20=$B$10,7,0)+IF('Standard Profiles'!$G$20=$B$17,14,0)+IF('Standard Profiles'!$G$20=$B$24,21,0),0)),0)</f>
        <v>3.2116690913566415</v>
      </c>
      <c r="G7592" cm="1">
        <f t="array" ref="G7592">IFERROR(INDEX(Jesper!AK$2:AK$366,ROUNDDOWN($C7592/24,0)+1,1)*INDEX($D$3:$AA$30,INDEX(Jesper!$R$2:$R$366,ROW(INDEX(Jesper!AK$2:AK$366,ROUNDDOWN($C7592/24,0)+1,1))-1)+IF('Standard Profiles'!$G$21=$B$10,7,0)+IF('Standard Profiles'!$G$21=$B$17,14,0)+IF('Standard Profiles'!$G$21=$B$24,21,0),MOD($C7592,24)+1)/SUM(INDEX($D$3:$AA$30,INDEX(Jesper!$R$2:$R$366,ROW(INDEX(Jesper!AK$2:AK$366,ROUNDDOWN($C7592/24,0)+1,1))-1)+IF('Standard Profiles'!$G$21=$B$10,7,0)+IF('Standard Profiles'!$G$21=$B$17,14,0)+IF('Standard Profiles'!$G$21=$B$24,21,0),0)),0)</f>
        <v>4.56111883591897</v>
      </c>
      <c r="H7592" cm="1">
        <f t="array" ref="H7592">IFERROR(INDEX(Jesper!AL$2:AL$366,ROUNDDOWN($C7592/24,0)+1,1)*INDEX($D$3:$AA$30,INDEX(Jesper!$R$2:$R$366,ROW(INDEX(Jesper!AL$2:AL$366,ROUNDDOWN($C7592/24,0)+1,1))-1)+IF('Standard Profiles'!$G$22=$B$10,7,0)+IF('Standard Profiles'!$G$22=$B$17,14,0)+IF('Standard Profiles'!$G$22=$B$24,21,0),MOD($C7592,24)+1)/SUM(INDEX($D$3:$AA$30,INDEX(Jesper!$R$2:$R$366,ROW(INDEX(Jesper!AL$2:AL$366,ROUNDDOWN($C7592/24,0)+1,1))-1)+IF('Standard Profiles'!$G$22=$B$10,7,0)+IF('Standard Profiles'!$G$22=$B$17,14,0)+IF('Standard Profiles'!$G$22=$B$24,21,0),0)),0)</f>
        <v>1.7895163579896749</v>
      </c>
      <c r="I7592">
        <f t="shared" si="846"/>
        <v>1.7179357036700889</v>
      </c>
      <c r="J7592">
        <f t="shared" si="847"/>
        <v>11.536932850447624</v>
      </c>
      <c r="K7592">
        <f t="shared" si="848"/>
        <v>0.33568766080476592</v>
      </c>
      <c r="L7592">
        <f t="shared" si="849"/>
        <v>0.16784383040238296</v>
      </c>
      <c r="M7592">
        <f t="shared" si="850"/>
        <v>0</v>
      </c>
      <c r="N7592" s="45">
        <f t="shared" si="851"/>
        <v>45241.916666648336</v>
      </c>
    </row>
    <row r="7593" spans="2:14" x14ac:dyDescent="0.25">
      <c r="B7593">
        <f t="shared" si="845"/>
        <v>6</v>
      </c>
      <c r="C7593" s="16">
        <v>7559</v>
      </c>
      <c r="D7593" cm="1">
        <f t="array" ref="D7593">IFERROR(INDEX(Jesper!AH$2:AH$366,ROUNDDOWN($C7593/24,0)+1,1)*INDEX($D$3:$AA$30,INDEX(Jesper!$R$2:$R$366,ROW(INDEX(Jesper!AH$2:AH$366,ROUNDDOWN($C7593/24,0)+1,1))-1)+IF('Standard Profiles'!$G$18=$B$10,7,0)+IF('Standard Profiles'!$G$18=$B$17,14,0)+IF('Standard Profiles'!$G$18=$B$24,21,0),MOD($C7593,24)+1)/SUM(INDEX($D$3:$AA$30,INDEX(Jesper!$R$2:$R$366,ROW(INDEX(Jesper!AH$2:AH$366,ROUNDDOWN($C7593/24,0)+1,1))-1)+IF('Standard Profiles'!$G$18=$B$10,7,0)+IF('Standard Profiles'!$G$18=$B$17,14,0)+IF('Standard Profiles'!$G$18=$B$24,21,0),0)),0)</f>
        <v>0</v>
      </c>
      <c r="E7593" cm="1">
        <f t="array" ref="E7593">IFERROR(INDEX(Jesper!AI$2:AI$366,ROUNDDOWN($C7593/24,0)+1,1)*INDEX($D$3:$AA$30,INDEX(Jesper!$R$2:$R$366,ROW(INDEX(Jesper!AI$2:AI$366,ROUNDDOWN($C7593/24,0)+1,1))-1)+IF('Standard Profiles'!$G$19=$B$10,7,0)+IF('Standard Profiles'!$G$19=$B$17,14,0)+IF('Standard Profiles'!$G$19=$B$24,21,0),MOD($C7593,24)+1)/SUM(INDEX($D$3:$AA$30,INDEX(Jesper!$R$2:$R$366,ROW(INDEX(Jesper!AI$2:AI$366,ROUNDDOWN($C7593/24,0)+1,1))-1)+IF('Standard Profiles'!$G$19=$B$10,7,0)+IF('Standard Profiles'!$G$19=$B$17,14,0)+IF('Standard Profiles'!$G$19=$B$24,21,0),0)),0)</f>
        <v>4.1960957600595741</v>
      </c>
      <c r="F7593" cm="1">
        <f t="array" ref="F7593">IFERROR(INDEX(Jesper!AJ$2:AJ$366,ROUNDDOWN($C7593/24,0)+1,1)*INDEX($D$3:$AA$30,INDEX(Jesper!$R$2:$R$366,ROW(INDEX(Jesper!AJ$2:AJ$366,ROUNDDOWN($C7593/24,0)+1,1))-1)+IF('Standard Profiles'!$G$20=$B$10,7,0)+IF('Standard Profiles'!$G$20=$B$17,14,0)+IF('Standard Profiles'!$G$20=$B$24,21,0),MOD($C7593,24)+1)/SUM(INDEX($D$3:$AA$30,INDEX(Jesper!$R$2:$R$366,ROW(INDEX(Jesper!AJ$2:AJ$366,ROUNDDOWN($C7593/24,0)+1,1))-1)+IF('Standard Profiles'!$G$20=$B$10,7,0)+IF('Standard Profiles'!$G$20=$B$17,14,0)+IF('Standard Profiles'!$G$20=$B$24,21,0),0)),0)</f>
        <v>3.2116690913566415</v>
      </c>
      <c r="G7593" cm="1">
        <f t="array" ref="G7593">IFERROR(INDEX(Jesper!AK$2:AK$366,ROUNDDOWN($C7593/24,0)+1,1)*INDEX($D$3:$AA$30,INDEX(Jesper!$R$2:$R$366,ROW(INDEX(Jesper!AK$2:AK$366,ROUNDDOWN($C7593/24,0)+1,1))-1)+IF('Standard Profiles'!$G$21=$B$10,7,0)+IF('Standard Profiles'!$G$21=$B$17,14,0)+IF('Standard Profiles'!$G$21=$B$24,21,0),MOD($C7593,24)+1)/SUM(INDEX($D$3:$AA$30,INDEX(Jesper!$R$2:$R$366,ROW(INDEX(Jesper!AK$2:AK$366,ROUNDDOWN($C7593/24,0)+1,1))-1)+IF('Standard Profiles'!$G$21=$B$10,7,0)+IF('Standard Profiles'!$G$21=$B$17,14,0)+IF('Standard Profiles'!$G$21=$B$24,21,0),0)),0)</f>
        <v>4.56111883591897</v>
      </c>
      <c r="H7593" cm="1">
        <f t="array" ref="H7593">IFERROR(INDEX(Jesper!AL$2:AL$366,ROUNDDOWN($C7593/24,0)+1,1)*INDEX($D$3:$AA$30,INDEX(Jesper!$R$2:$R$366,ROW(INDEX(Jesper!AL$2:AL$366,ROUNDDOWN($C7593/24,0)+1,1))-1)+IF('Standard Profiles'!$G$22=$B$10,7,0)+IF('Standard Profiles'!$G$22=$B$17,14,0)+IF('Standard Profiles'!$G$22=$B$24,21,0),MOD($C7593,24)+1)/SUM(INDEX($D$3:$AA$30,INDEX(Jesper!$R$2:$R$366,ROW(INDEX(Jesper!AL$2:AL$366,ROUNDDOWN($C7593/24,0)+1,1))-1)+IF('Standard Profiles'!$G$22=$B$10,7,0)+IF('Standard Profiles'!$G$22=$B$17,14,0)+IF('Standard Profiles'!$G$22=$B$24,21,0),0)),0)</f>
        <v>1.7895163579896749</v>
      </c>
      <c r="I7593">
        <f t="shared" si="846"/>
        <v>1.7179357036700889</v>
      </c>
      <c r="J7593">
        <f t="shared" si="847"/>
        <v>11.536932850447624</v>
      </c>
      <c r="K7593">
        <f t="shared" si="848"/>
        <v>0.33568766080476592</v>
      </c>
      <c r="L7593">
        <f t="shared" si="849"/>
        <v>0.16784383040238296</v>
      </c>
      <c r="M7593">
        <f t="shared" si="850"/>
        <v>0</v>
      </c>
      <c r="N7593" s="45">
        <f t="shared" si="851"/>
        <v>45241.958333315</v>
      </c>
    </row>
    <row r="7594" spans="2:14" x14ac:dyDescent="0.25">
      <c r="B7594">
        <f t="shared" si="845"/>
        <v>7</v>
      </c>
      <c r="C7594" s="16">
        <v>7560</v>
      </c>
      <c r="D7594" cm="1">
        <f t="array" ref="D7594">IFERROR(INDEX(Jesper!AH$2:AH$366,ROUNDDOWN($C7594/24,0)+1,1)*INDEX($D$3:$AA$30,INDEX(Jesper!$R$2:$R$366,ROW(INDEX(Jesper!AH$2:AH$366,ROUNDDOWN($C7594/24,0)+1,1))-1)+IF('Standard Profiles'!$G$18=$B$10,7,0)+IF('Standard Profiles'!$G$18=$B$17,14,0)+IF('Standard Profiles'!$G$18=$B$24,21,0),MOD($C7594,24)+1)/SUM(INDEX($D$3:$AA$30,INDEX(Jesper!$R$2:$R$366,ROW(INDEX(Jesper!AH$2:AH$366,ROUNDDOWN($C7594/24,0)+1,1))-1)+IF('Standard Profiles'!$G$18=$B$10,7,0)+IF('Standard Profiles'!$G$18=$B$17,14,0)+IF('Standard Profiles'!$G$18=$B$24,21,0),0)),0)</f>
        <v>0</v>
      </c>
      <c r="E7594" cm="1">
        <f t="array" ref="E7594">IFERROR(INDEX(Jesper!AI$2:AI$366,ROUNDDOWN($C7594/24,0)+1,1)*INDEX($D$3:$AA$30,INDEX(Jesper!$R$2:$R$366,ROW(INDEX(Jesper!AI$2:AI$366,ROUNDDOWN($C7594/24,0)+1,1))-1)+IF('Standard Profiles'!$G$19=$B$10,7,0)+IF('Standard Profiles'!$G$19=$B$17,14,0)+IF('Standard Profiles'!$G$19=$B$24,21,0),MOD($C7594,24)+1)/SUM(INDEX($D$3:$AA$30,INDEX(Jesper!$R$2:$R$366,ROW(INDEX(Jesper!AI$2:AI$366,ROUNDDOWN($C7594/24,0)+1,1))-1)+IF('Standard Profiles'!$G$19=$B$10,7,0)+IF('Standard Profiles'!$G$19=$B$17,14,0)+IF('Standard Profiles'!$G$19=$B$24,21,0),0)),0)</f>
        <v>4.3142797632696626</v>
      </c>
      <c r="F7594" cm="1">
        <f t="array" ref="F7594">IFERROR(INDEX(Jesper!AJ$2:AJ$366,ROUNDDOWN($C7594/24,0)+1,1)*INDEX($D$3:$AA$30,INDEX(Jesper!$R$2:$R$366,ROW(INDEX(Jesper!AJ$2:AJ$366,ROUNDDOWN($C7594/24,0)+1,1))-1)+IF('Standard Profiles'!$G$20=$B$10,7,0)+IF('Standard Profiles'!$G$20=$B$17,14,0)+IF('Standard Profiles'!$G$20=$B$24,21,0),MOD($C7594,24)+1)/SUM(INDEX($D$3:$AA$30,INDEX(Jesper!$R$2:$R$366,ROW(INDEX(Jesper!AJ$2:AJ$366,ROUNDDOWN($C7594/24,0)+1,1))-1)+IF('Standard Profiles'!$G$20=$B$10,7,0)+IF('Standard Profiles'!$G$20=$B$17,14,0)+IF('Standard Profiles'!$G$20=$B$24,21,0),0)),0)</f>
        <v>3.3499631427615708</v>
      </c>
      <c r="G7594" cm="1">
        <f t="array" ref="G7594">IFERROR(INDEX(Jesper!AK$2:AK$366,ROUNDDOWN($C7594/24,0)+1,1)*INDEX($D$3:$AA$30,INDEX(Jesper!$R$2:$R$366,ROW(INDEX(Jesper!AK$2:AK$366,ROUNDDOWN($C7594/24,0)+1,1))-1)+IF('Standard Profiles'!$G$21=$B$10,7,0)+IF('Standard Profiles'!$G$21=$B$17,14,0)+IF('Standard Profiles'!$G$21=$B$24,21,0),MOD($C7594,24)+1)/SUM(INDEX($D$3:$AA$30,INDEX(Jesper!$R$2:$R$366,ROW(INDEX(Jesper!AK$2:AK$366,ROUNDDOWN($C7594/24,0)+1,1))-1)+IF('Standard Profiles'!$G$21=$B$10,7,0)+IF('Standard Profiles'!$G$21=$B$17,14,0)+IF('Standard Profiles'!$G$21=$B$24,21,0),0)),0)</f>
        <v>4.8422821265100042</v>
      </c>
      <c r="H7594" cm="1">
        <f t="array" ref="H7594">IFERROR(INDEX(Jesper!AL$2:AL$366,ROUNDDOWN($C7594/24,0)+1,1)*INDEX($D$3:$AA$30,INDEX(Jesper!$R$2:$R$366,ROW(INDEX(Jesper!AL$2:AL$366,ROUNDDOWN($C7594/24,0)+1,1))-1)+IF('Standard Profiles'!$G$22=$B$10,7,0)+IF('Standard Profiles'!$G$22=$B$17,14,0)+IF('Standard Profiles'!$G$22=$B$24,21,0),MOD($C7594,24)+1)/SUM(INDEX($D$3:$AA$30,INDEX(Jesper!$R$2:$R$366,ROW(INDEX(Jesper!AL$2:AL$366,ROUNDDOWN($C7594/24,0)+1,1))-1)+IF('Standard Profiles'!$G$22=$B$10,7,0)+IF('Standard Profiles'!$G$22=$B$17,14,0)+IF('Standard Profiles'!$G$22=$B$24,21,0),0)),0)</f>
        <v>2.1816494551132584</v>
      </c>
      <c r="I7594">
        <f t="shared" si="846"/>
        <v>2.0943834769087291</v>
      </c>
      <c r="J7594">
        <f t="shared" si="847"/>
        <v>12.076077439153407</v>
      </c>
      <c r="K7594">
        <f t="shared" si="848"/>
        <v>0.34514238106157302</v>
      </c>
      <c r="L7594">
        <f t="shared" si="849"/>
        <v>0.17257119053078651</v>
      </c>
      <c r="M7594">
        <f t="shared" si="850"/>
        <v>0</v>
      </c>
      <c r="N7594" s="45">
        <f t="shared" si="851"/>
        <v>45241.999999981665</v>
      </c>
    </row>
    <row r="7595" spans="2:14" x14ac:dyDescent="0.25">
      <c r="B7595">
        <f t="shared" si="845"/>
        <v>7</v>
      </c>
      <c r="C7595" s="16">
        <v>7561</v>
      </c>
      <c r="D7595" cm="1">
        <f t="array" ref="D7595">IFERROR(INDEX(Jesper!AH$2:AH$366,ROUNDDOWN($C7595/24,0)+1,1)*INDEX($D$3:$AA$30,INDEX(Jesper!$R$2:$R$366,ROW(INDEX(Jesper!AH$2:AH$366,ROUNDDOWN($C7595/24,0)+1,1))-1)+IF('Standard Profiles'!$G$18=$B$10,7,0)+IF('Standard Profiles'!$G$18=$B$17,14,0)+IF('Standard Profiles'!$G$18=$B$24,21,0),MOD($C7595,24)+1)/SUM(INDEX($D$3:$AA$30,INDEX(Jesper!$R$2:$R$366,ROW(INDEX(Jesper!AH$2:AH$366,ROUNDDOWN($C7595/24,0)+1,1))-1)+IF('Standard Profiles'!$G$18=$B$10,7,0)+IF('Standard Profiles'!$G$18=$B$17,14,0)+IF('Standard Profiles'!$G$18=$B$24,21,0),0)),0)</f>
        <v>0</v>
      </c>
      <c r="E7595" cm="1">
        <f t="array" ref="E7595">IFERROR(INDEX(Jesper!AI$2:AI$366,ROUNDDOWN($C7595/24,0)+1,1)*INDEX($D$3:$AA$30,INDEX(Jesper!$R$2:$R$366,ROW(INDEX(Jesper!AI$2:AI$366,ROUNDDOWN($C7595/24,0)+1,1))-1)+IF('Standard Profiles'!$G$19=$B$10,7,0)+IF('Standard Profiles'!$G$19=$B$17,14,0)+IF('Standard Profiles'!$G$19=$B$24,21,0),MOD($C7595,24)+1)/SUM(INDEX($D$3:$AA$30,INDEX(Jesper!$R$2:$R$366,ROW(INDEX(Jesper!AI$2:AI$366,ROUNDDOWN($C7595/24,0)+1,1))-1)+IF('Standard Profiles'!$G$19=$B$10,7,0)+IF('Standard Profiles'!$G$19=$B$17,14,0)+IF('Standard Profiles'!$G$19=$B$24,21,0),0)),0)</f>
        <v>4.3142797632696626</v>
      </c>
      <c r="F7595" cm="1">
        <f t="array" ref="F7595">IFERROR(INDEX(Jesper!AJ$2:AJ$366,ROUNDDOWN($C7595/24,0)+1,1)*INDEX($D$3:$AA$30,INDEX(Jesper!$R$2:$R$366,ROW(INDEX(Jesper!AJ$2:AJ$366,ROUNDDOWN($C7595/24,0)+1,1))-1)+IF('Standard Profiles'!$G$20=$B$10,7,0)+IF('Standard Profiles'!$G$20=$B$17,14,0)+IF('Standard Profiles'!$G$20=$B$24,21,0),MOD($C7595,24)+1)/SUM(INDEX($D$3:$AA$30,INDEX(Jesper!$R$2:$R$366,ROW(INDEX(Jesper!AJ$2:AJ$366,ROUNDDOWN($C7595/24,0)+1,1))-1)+IF('Standard Profiles'!$G$20=$B$10,7,0)+IF('Standard Profiles'!$G$20=$B$17,14,0)+IF('Standard Profiles'!$G$20=$B$24,21,0),0)),0)</f>
        <v>3.3499631427615708</v>
      </c>
      <c r="G7595" cm="1">
        <f t="array" ref="G7595">IFERROR(INDEX(Jesper!AK$2:AK$366,ROUNDDOWN($C7595/24,0)+1,1)*INDEX($D$3:$AA$30,INDEX(Jesper!$R$2:$R$366,ROW(INDEX(Jesper!AK$2:AK$366,ROUNDDOWN($C7595/24,0)+1,1))-1)+IF('Standard Profiles'!$G$21=$B$10,7,0)+IF('Standard Profiles'!$G$21=$B$17,14,0)+IF('Standard Profiles'!$G$21=$B$24,21,0),MOD($C7595,24)+1)/SUM(INDEX($D$3:$AA$30,INDEX(Jesper!$R$2:$R$366,ROW(INDEX(Jesper!AK$2:AK$366,ROUNDDOWN($C7595/24,0)+1,1))-1)+IF('Standard Profiles'!$G$21=$B$10,7,0)+IF('Standard Profiles'!$G$21=$B$17,14,0)+IF('Standard Profiles'!$G$21=$B$24,21,0),0)),0)</f>
        <v>4.8422821265100042</v>
      </c>
      <c r="H7595" cm="1">
        <f t="array" ref="H7595">IFERROR(INDEX(Jesper!AL$2:AL$366,ROUNDDOWN($C7595/24,0)+1,1)*INDEX($D$3:$AA$30,INDEX(Jesper!$R$2:$R$366,ROW(INDEX(Jesper!AL$2:AL$366,ROUNDDOWN($C7595/24,0)+1,1))-1)+IF('Standard Profiles'!$G$22=$B$10,7,0)+IF('Standard Profiles'!$G$22=$B$17,14,0)+IF('Standard Profiles'!$G$22=$B$24,21,0),MOD($C7595,24)+1)/SUM(INDEX($D$3:$AA$30,INDEX(Jesper!$R$2:$R$366,ROW(INDEX(Jesper!AL$2:AL$366,ROUNDDOWN($C7595/24,0)+1,1))-1)+IF('Standard Profiles'!$G$22=$B$10,7,0)+IF('Standard Profiles'!$G$22=$B$17,14,0)+IF('Standard Profiles'!$G$22=$B$24,21,0),0)),0)</f>
        <v>2.5335283994863644</v>
      </c>
      <c r="I7595">
        <f t="shared" si="846"/>
        <v>2.4321872635069113</v>
      </c>
      <c r="J7595">
        <f t="shared" si="847"/>
        <v>12.090152596928331</v>
      </c>
      <c r="K7595">
        <f t="shared" si="848"/>
        <v>0.34514238106157302</v>
      </c>
      <c r="L7595">
        <f t="shared" si="849"/>
        <v>0.17257119053078651</v>
      </c>
      <c r="M7595">
        <f t="shared" si="850"/>
        <v>0</v>
      </c>
      <c r="N7595" s="45">
        <f t="shared" si="851"/>
        <v>45242.041666648329</v>
      </c>
    </row>
    <row r="7596" spans="2:14" x14ac:dyDescent="0.25">
      <c r="B7596">
        <f t="shared" si="845"/>
        <v>7</v>
      </c>
      <c r="C7596" s="16">
        <v>7562</v>
      </c>
      <c r="D7596" cm="1">
        <f t="array" ref="D7596">IFERROR(INDEX(Jesper!AH$2:AH$366,ROUNDDOWN($C7596/24,0)+1,1)*INDEX($D$3:$AA$30,INDEX(Jesper!$R$2:$R$366,ROW(INDEX(Jesper!AH$2:AH$366,ROUNDDOWN($C7596/24,0)+1,1))-1)+IF('Standard Profiles'!$G$18=$B$10,7,0)+IF('Standard Profiles'!$G$18=$B$17,14,0)+IF('Standard Profiles'!$G$18=$B$24,21,0),MOD($C7596,24)+1)/SUM(INDEX($D$3:$AA$30,INDEX(Jesper!$R$2:$R$366,ROW(INDEX(Jesper!AH$2:AH$366,ROUNDDOWN($C7596/24,0)+1,1))-1)+IF('Standard Profiles'!$G$18=$B$10,7,0)+IF('Standard Profiles'!$G$18=$B$17,14,0)+IF('Standard Profiles'!$G$18=$B$24,21,0),0)),0)</f>
        <v>0</v>
      </c>
      <c r="E7596" cm="1">
        <f t="array" ref="E7596">IFERROR(INDEX(Jesper!AI$2:AI$366,ROUNDDOWN($C7596/24,0)+1,1)*INDEX($D$3:$AA$30,INDEX(Jesper!$R$2:$R$366,ROW(INDEX(Jesper!AI$2:AI$366,ROUNDDOWN($C7596/24,0)+1,1))-1)+IF('Standard Profiles'!$G$19=$B$10,7,0)+IF('Standard Profiles'!$G$19=$B$17,14,0)+IF('Standard Profiles'!$G$19=$B$24,21,0),MOD($C7596,24)+1)/SUM(INDEX($D$3:$AA$30,INDEX(Jesper!$R$2:$R$366,ROW(INDEX(Jesper!AI$2:AI$366,ROUNDDOWN($C7596/24,0)+1,1))-1)+IF('Standard Profiles'!$G$19=$B$10,7,0)+IF('Standard Profiles'!$G$19=$B$17,14,0)+IF('Standard Profiles'!$G$19=$B$24,21,0),0)),0)</f>
        <v>4.3142797632696626</v>
      </c>
      <c r="F7596" cm="1">
        <f t="array" ref="F7596">IFERROR(INDEX(Jesper!AJ$2:AJ$366,ROUNDDOWN($C7596/24,0)+1,1)*INDEX($D$3:$AA$30,INDEX(Jesper!$R$2:$R$366,ROW(INDEX(Jesper!AJ$2:AJ$366,ROUNDDOWN($C7596/24,0)+1,1))-1)+IF('Standard Profiles'!$G$20=$B$10,7,0)+IF('Standard Profiles'!$G$20=$B$17,14,0)+IF('Standard Profiles'!$G$20=$B$24,21,0),MOD($C7596,24)+1)/SUM(INDEX($D$3:$AA$30,INDEX(Jesper!$R$2:$R$366,ROW(INDEX(Jesper!AJ$2:AJ$366,ROUNDDOWN($C7596/24,0)+1,1))-1)+IF('Standard Profiles'!$G$20=$B$10,7,0)+IF('Standard Profiles'!$G$20=$B$17,14,0)+IF('Standard Profiles'!$G$20=$B$24,21,0),0)),0)</f>
        <v>3.3499631427615708</v>
      </c>
      <c r="G7596" cm="1">
        <f t="array" ref="G7596">IFERROR(INDEX(Jesper!AK$2:AK$366,ROUNDDOWN($C7596/24,0)+1,1)*INDEX($D$3:$AA$30,INDEX(Jesper!$R$2:$R$366,ROW(INDEX(Jesper!AK$2:AK$366,ROUNDDOWN($C7596/24,0)+1,1))-1)+IF('Standard Profiles'!$G$21=$B$10,7,0)+IF('Standard Profiles'!$G$21=$B$17,14,0)+IF('Standard Profiles'!$G$21=$B$24,21,0),MOD($C7596,24)+1)/SUM(INDEX($D$3:$AA$30,INDEX(Jesper!$R$2:$R$366,ROW(INDEX(Jesper!AK$2:AK$366,ROUNDDOWN($C7596/24,0)+1,1))-1)+IF('Standard Profiles'!$G$21=$B$10,7,0)+IF('Standard Profiles'!$G$21=$B$17,14,0)+IF('Standard Profiles'!$G$21=$B$24,21,0),0)),0)</f>
        <v>4.8422821265100042</v>
      </c>
      <c r="H7596" cm="1">
        <f t="array" ref="H7596">IFERROR(INDEX(Jesper!AL$2:AL$366,ROUNDDOWN($C7596/24,0)+1,1)*INDEX($D$3:$AA$30,INDEX(Jesper!$R$2:$R$366,ROW(INDEX(Jesper!AL$2:AL$366,ROUNDDOWN($C7596/24,0)+1,1))-1)+IF('Standard Profiles'!$G$22=$B$10,7,0)+IF('Standard Profiles'!$G$22=$B$17,14,0)+IF('Standard Profiles'!$G$22=$B$24,21,0),MOD($C7596,24)+1)/SUM(INDEX($D$3:$AA$30,INDEX(Jesper!$R$2:$R$366,ROW(INDEX(Jesper!AL$2:AL$366,ROUNDDOWN($C7596/24,0)+1,1))-1)+IF('Standard Profiles'!$G$22=$B$10,7,0)+IF('Standard Profiles'!$G$22=$B$17,14,0)+IF('Standard Profiles'!$G$22=$B$24,21,0),0)),0)</f>
        <v>2.5335283994863644</v>
      </c>
      <c r="I7596">
        <f t="shared" si="846"/>
        <v>2.4321872635069113</v>
      </c>
      <c r="J7596">
        <f t="shared" si="847"/>
        <v>12.090152596928331</v>
      </c>
      <c r="K7596">
        <f t="shared" si="848"/>
        <v>0.34514238106157302</v>
      </c>
      <c r="L7596">
        <f t="shared" si="849"/>
        <v>0.17257119053078651</v>
      </c>
      <c r="M7596">
        <f t="shared" si="850"/>
        <v>0</v>
      </c>
      <c r="N7596" s="45">
        <f t="shared" si="851"/>
        <v>45242.083333314993</v>
      </c>
    </row>
    <row r="7597" spans="2:14" x14ac:dyDescent="0.25">
      <c r="B7597">
        <f t="shared" si="845"/>
        <v>7</v>
      </c>
      <c r="C7597" s="16">
        <v>7563</v>
      </c>
      <c r="D7597" cm="1">
        <f t="array" ref="D7597">IFERROR(INDEX(Jesper!AH$2:AH$366,ROUNDDOWN($C7597/24,0)+1,1)*INDEX($D$3:$AA$30,INDEX(Jesper!$R$2:$R$366,ROW(INDEX(Jesper!AH$2:AH$366,ROUNDDOWN($C7597/24,0)+1,1))-1)+IF('Standard Profiles'!$G$18=$B$10,7,0)+IF('Standard Profiles'!$G$18=$B$17,14,0)+IF('Standard Profiles'!$G$18=$B$24,21,0),MOD($C7597,24)+1)/SUM(INDEX($D$3:$AA$30,INDEX(Jesper!$R$2:$R$366,ROW(INDEX(Jesper!AH$2:AH$366,ROUNDDOWN($C7597/24,0)+1,1))-1)+IF('Standard Profiles'!$G$18=$B$10,7,0)+IF('Standard Profiles'!$G$18=$B$17,14,0)+IF('Standard Profiles'!$G$18=$B$24,21,0),0)),0)</f>
        <v>0</v>
      </c>
      <c r="E7597" cm="1">
        <f t="array" ref="E7597">IFERROR(INDEX(Jesper!AI$2:AI$366,ROUNDDOWN($C7597/24,0)+1,1)*INDEX($D$3:$AA$30,INDEX(Jesper!$R$2:$R$366,ROW(INDEX(Jesper!AI$2:AI$366,ROUNDDOWN($C7597/24,0)+1,1))-1)+IF('Standard Profiles'!$G$19=$B$10,7,0)+IF('Standard Profiles'!$G$19=$B$17,14,0)+IF('Standard Profiles'!$G$19=$B$24,21,0),MOD($C7597,24)+1)/SUM(INDEX($D$3:$AA$30,INDEX(Jesper!$R$2:$R$366,ROW(INDEX(Jesper!AI$2:AI$366,ROUNDDOWN($C7597/24,0)+1,1))-1)+IF('Standard Profiles'!$G$19=$B$10,7,0)+IF('Standard Profiles'!$G$19=$B$17,14,0)+IF('Standard Profiles'!$G$19=$B$24,21,0),0)),0)</f>
        <v>4.3142797632696626</v>
      </c>
      <c r="F7597" cm="1">
        <f t="array" ref="F7597">IFERROR(INDEX(Jesper!AJ$2:AJ$366,ROUNDDOWN($C7597/24,0)+1,1)*INDEX($D$3:$AA$30,INDEX(Jesper!$R$2:$R$366,ROW(INDEX(Jesper!AJ$2:AJ$366,ROUNDDOWN($C7597/24,0)+1,1))-1)+IF('Standard Profiles'!$G$20=$B$10,7,0)+IF('Standard Profiles'!$G$20=$B$17,14,0)+IF('Standard Profiles'!$G$20=$B$24,21,0),MOD($C7597,24)+1)/SUM(INDEX($D$3:$AA$30,INDEX(Jesper!$R$2:$R$366,ROW(INDEX(Jesper!AJ$2:AJ$366,ROUNDDOWN($C7597/24,0)+1,1))-1)+IF('Standard Profiles'!$G$20=$B$10,7,0)+IF('Standard Profiles'!$G$20=$B$17,14,0)+IF('Standard Profiles'!$G$20=$B$24,21,0),0)),0)</f>
        <v>3.3499631427615708</v>
      </c>
      <c r="G7597" cm="1">
        <f t="array" ref="G7597">IFERROR(INDEX(Jesper!AK$2:AK$366,ROUNDDOWN($C7597/24,0)+1,1)*INDEX($D$3:$AA$30,INDEX(Jesper!$R$2:$R$366,ROW(INDEX(Jesper!AK$2:AK$366,ROUNDDOWN($C7597/24,0)+1,1))-1)+IF('Standard Profiles'!$G$21=$B$10,7,0)+IF('Standard Profiles'!$G$21=$B$17,14,0)+IF('Standard Profiles'!$G$21=$B$24,21,0),MOD($C7597,24)+1)/SUM(INDEX($D$3:$AA$30,INDEX(Jesper!$R$2:$R$366,ROW(INDEX(Jesper!AK$2:AK$366,ROUNDDOWN($C7597/24,0)+1,1))-1)+IF('Standard Profiles'!$G$21=$B$10,7,0)+IF('Standard Profiles'!$G$21=$B$17,14,0)+IF('Standard Profiles'!$G$21=$B$24,21,0),0)),0)</f>
        <v>4.8422821265100042</v>
      </c>
      <c r="H7597" cm="1">
        <f t="array" ref="H7597">IFERROR(INDEX(Jesper!AL$2:AL$366,ROUNDDOWN($C7597/24,0)+1,1)*INDEX($D$3:$AA$30,INDEX(Jesper!$R$2:$R$366,ROW(INDEX(Jesper!AL$2:AL$366,ROUNDDOWN($C7597/24,0)+1,1))-1)+IF('Standard Profiles'!$G$22=$B$10,7,0)+IF('Standard Profiles'!$G$22=$B$17,14,0)+IF('Standard Profiles'!$G$22=$B$24,21,0),MOD($C7597,24)+1)/SUM(INDEX($D$3:$AA$30,INDEX(Jesper!$R$2:$R$366,ROW(INDEX(Jesper!AL$2:AL$366,ROUNDDOWN($C7597/24,0)+1,1))-1)+IF('Standard Profiles'!$G$22=$B$10,7,0)+IF('Standard Profiles'!$G$22=$B$17,14,0)+IF('Standard Profiles'!$G$22=$B$24,21,0),0)),0)</f>
        <v>2.5335283994863644</v>
      </c>
      <c r="I7597">
        <f t="shared" si="846"/>
        <v>2.4321872635069113</v>
      </c>
      <c r="J7597">
        <f t="shared" si="847"/>
        <v>12.090152596928331</v>
      </c>
      <c r="K7597">
        <f t="shared" si="848"/>
        <v>0.34514238106157302</v>
      </c>
      <c r="L7597">
        <f t="shared" si="849"/>
        <v>0.17257119053078651</v>
      </c>
      <c r="M7597">
        <f t="shared" si="850"/>
        <v>0</v>
      </c>
      <c r="N7597" s="45">
        <f t="shared" si="851"/>
        <v>45242.124999981657</v>
      </c>
    </row>
    <row r="7598" spans="2:14" x14ac:dyDescent="0.25">
      <c r="B7598">
        <f t="shared" si="845"/>
        <v>7</v>
      </c>
      <c r="C7598" s="16">
        <v>7564</v>
      </c>
      <c r="D7598" cm="1">
        <f t="array" ref="D7598">IFERROR(INDEX(Jesper!AH$2:AH$366,ROUNDDOWN($C7598/24,0)+1,1)*INDEX($D$3:$AA$30,INDEX(Jesper!$R$2:$R$366,ROW(INDEX(Jesper!AH$2:AH$366,ROUNDDOWN($C7598/24,0)+1,1))-1)+IF('Standard Profiles'!$G$18=$B$10,7,0)+IF('Standard Profiles'!$G$18=$B$17,14,0)+IF('Standard Profiles'!$G$18=$B$24,21,0),MOD($C7598,24)+1)/SUM(INDEX($D$3:$AA$30,INDEX(Jesper!$R$2:$R$366,ROW(INDEX(Jesper!AH$2:AH$366,ROUNDDOWN($C7598/24,0)+1,1))-1)+IF('Standard Profiles'!$G$18=$B$10,7,0)+IF('Standard Profiles'!$G$18=$B$17,14,0)+IF('Standard Profiles'!$G$18=$B$24,21,0),0)),0)</f>
        <v>0</v>
      </c>
      <c r="E7598" cm="1">
        <f t="array" ref="E7598">IFERROR(INDEX(Jesper!AI$2:AI$366,ROUNDDOWN($C7598/24,0)+1,1)*INDEX($D$3:$AA$30,INDEX(Jesper!$R$2:$R$366,ROW(INDEX(Jesper!AI$2:AI$366,ROUNDDOWN($C7598/24,0)+1,1))-1)+IF('Standard Profiles'!$G$19=$B$10,7,0)+IF('Standard Profiles'!$G$19=$B$17,14,0)+IF('Standard Profiles'!$G$19=$B$24,21,0),MOD($C7598,24)+1)/SUM(INDEX($D$3:$AA$30,INDEX(Jesper!$R$2:$R$366,ROW(INDEX(Jesper!AI$2:AI$366,ROUNDDOWN($C7598/24,0)+1,1))-1)+IF('Standard Profiles'!$G$19=$B$10,7,0)+IF('Standard Profiles'!$G$19=$B$17,14,0)+IF('Standard Profiles'!$G$19=$B$24,21,0),0)),0)</f>
        <v>4.3142797632696626</v>
      </c>
      <c r="F7598" cm="1">
        <f t="array" ref="F7598">IFERROR(INDEX(Jesper!AJ$2:AJ$366,ROUNDDOWN($C7598/24,0)+1,1)*INDEX($D$3:$AA$30,INDEX(Jesper!$R$2:$R$366,ROW(INDEX(Jesper!AJ$2:AJ$366,ROUNDDOWN($C7598/24,0)+1,1))-1)+IF('Standard Profiles'!$G$20=$B$10,7,0)+IF('Standard Profiles'!$G$20=$B$17,14,0)+IF('Standard Profiles'!$G$20=$B$24,21,0),MOD($C7598,24)+1)/SUM(INDEX($D$3:$AA$30,INDEX(Jesper!$R$2:$R$366,ROW(INDEX(Jesper!AJ$2:AJ$366,ROUNDDOWN($C7598/24,0)+1,1))-1)+IF('Standard Profiles'!$G$20=$B$10,7,0)+IF('Standard Profiles'!$G$20=$B$17,14,0)+IF('Standard Profiles'!$G$20=$B$24,21,0),0)),0)</f>
        <v>3.3499631427615708</v>
      </c>
      <c r="G7598" cm="1">
        <f t="array" ref="G7598">IFERROR(INDEX(Jesper!AK$2:AK$366,ROUNDDOWN($C7598/24,0)+1,1)*INDEX($D$3:$AA$30,INDEX(Jesper!$R$2:$R$366,ROW(INDEX(Jesper!AK$2:AK$366,ROUNDDOWN($C7598/24,0)+1,1))-1)+IF('Standard Profiles'!$G$21=$B$10,7,0)+IF('Standard Profiles'!$G$21=$B$17,14,0)+IF('Standard Profiles'!$G$21=$B$24,21,0),MOD($C7598,24)+1)/SUM(INDEX($D$3:$AA$30,INDEX(Jesper!$R$2:$R$366,ROW(INDEX(Jesper!AK$2:AK$366,ROUNDDOWN($C7598/24,0)+1,1))-1)+IF('Standard Profiles'!$G$21=$B$10,7,0)+IF('Standard Profiles'!$G$21=$B$17,14,0)+IF('Standard Profiles'!$G$21=$B$24,21,0),0)),0)</f>
        <v>4.8422821265100042</v>
      </c>
      <c r="H7598" cm="1">
        <f t="array" ref="H7598">IFERROR(INDEX(Jesper!AL$2:AL$366,ROUNDDOWN($C7598/24,0)+1,1)*INDEX($D$3:$AA$30,INDEX(Jesper!$R$2:$R$366,ROW(INDEX(Jesper!AL$2:AL$366,ROUNDDOWN($C7598/24,0)+1,1))-1)+IF('Standard Profiles'!$G$22=$B$10,7,0)+IF('Standard Profiles'!$G$22=$B$17,14,0)+IF('Standard Profiles'!$G$22=$B$24,21,0),MOD($C7598,24)+1)/SUM(INDEX($D$3:$AA$30,INDEX(Jesper!$R$2:$R$366,ROW(INDEX(Jesper!AL$2:AL$366,ROUNDDOWN($C7598/24,0)+1,1))-1)+IF('Standard Profiles'!$G$22=$B$10,7,0)+IF('Standard Profiles'!$G$22=$B$17,14,0)+IF('Standard Profiles'!$G$22=$B$24,21,0),0)),0)</f>
        <v>2.5335283994863644</v>
      </c>
      <c r="I7598">
        <f t="shared" si="846"/>
        <v>2.4321872635069113</v>
      </c>
      <c r="J7598">
        <f t="shared" si="847"/>
        <v>12.090152596928331</v>
      </c>
      <c r="K7598">
        <f t="shared" si="848"/>
        <v>0.34514238106157302</v>
      </c>
      <c r="L7598">
        <f t="shared" si="849"/>
        <v>0.17257119053078651</v>
      </c>
      <c r="M7598">
        <f t="shared" si="850"/>
        <v>0</v>
      </c>
      <c r="N7598" s="45">
        <f t="shared" si="851"/>
        <v>45242.166666648322</v>
      </c>
    </row>
    <row r="7599" spans="2:14" x14ac:dyDescent="0.25">
      <c r="B7599">
        <f t="shared" si="845"/>
        <v>7</v>
      </c>
      <c r="C7599" s="16">
        <v>7565</v>
      </c>
      <c r="D7599" cm="1">
        <f t="array" ref="D7599">IFERROR(INDEX(Jesper!AH$2:AH$366,ROUNDDOWN($C7599/24,0)+1,1)*INDEX($D$3:$AA$30,INDEX(Jesper!$R$2:$R$366,ROW(INDEX(Jesper!AH$2:AH$366,ROUNDDOWN($C7599/24,0)+1,1))-1)+IF('Standard Profiles'!$G$18=$B$10,7,0)+IF('Standard Profiles'!$G$18=$B$17,14,0)+IF('Standard Profiles'!$G$18=$B$24,21,0),MOD($C7599,24)+1)/SUM(INDEX($D$3:$AA$30,INDEX(Jesper!$R$2:$R$366,ROW(INDEX(Jesper!AH$2:AH$366,ROUNDDOWN($C7599/24,0)+1,1))-1)+IF('Standard Profiles'!$G$18=$B$10,7,0)+IF('Standard Profiles'!$G$18=$B$17,14,0)+IF('Standard Profiles'!$G$18=$B$24,21,0),0)),0)</f>
        <v>0</v>
      </c>
      <c r="E7599" cm="1">
        <f t="array" ref="E7599">IFERROR(INDEX(Jesper!AI$2:AI$366,ROUNDDOWN($C7599/24,0)+1,1)*INDEX($D$3:$AA$30,INDEX(Jesper!$R$2:$R$366,ROW(INDEX(Jesper!AI$2:AI$366,ROUNDDOWN($C7599/24,0)+1,1))-1)+IF('Standard Profiles'!$G$19=$B$10,7,0)+IF('Standard Profiles'!$G$19=$B$17,14,0)+IF('Standard Profiles'!$G$19=$B$24,21,0),MOD($C7599,24)+1)/SUM(INDEX($D$3:$AA$30,INDEX(Jesper!$R$2:$R$366,ROW(INDEX(Jesper!AI$2:AI$366,ROUNDDOWN($C7599/24,0)+1,1))-1)+IF('Standard Profiles'!$G$19=$B$10,7,0)+IF('Standard Profiles'!$G$19=$B$17,14,0)+IF('Standard Profiles'!$G$19=$B$24,21,0),0)),0)</f>
        <v>4.3142797632696626</v>
      </c>
      <c r="F7599" cm="1">
        <f t="array" ref="F7599">IFERROR(INDEX(Jesper!AJ$2:AJ$366,ROUNDDOWN($C7599/24,0)+1,1)*INDEX($D$3:$AA$30,INDEX(Jesper!$R$2:$R$366,ROW(INDEX(Jesper!AJ$2:AJ$366,ROUNDDOWN($C7599/24,0)+1,1))-1)+IF('Standard Profiles'!$G$20=$B$10,7,0)+IF('Standard Profiles'!$G$20=$B$17,14,0)+IF('Standard Profiles'!$G$20=$B$24,21,0),MOD($C7599,24)+1)/SUM(INDEX($D$3:$AA$30,INDEX(Jesper!$R$2:$R$366,ROW(INDEX(Jesper!AJ$2:AJ$366,ROUNDDOWN($C7599/24,0)+1,1))-1)+IF('Standard Profiles'!$G$20=$B$10,7,0)+IF('Standard Profiles'!$G$20=$B$17,14,0)+IF('Standard Profiles'!$G$20=$B$24,21,0),0)),0)</f>
        <v>3.3499631427615708</v>
      </c>
      <c r="G7599" cm="1">
        <f t="array" ref="G7599">IFERROR(INDEX(Jesper!AK$2:AK$366,ROUNDDOWN($C7599/24,0)+1,1)*INDEX($D$3:$AA$30,INDEX(Jesper!$R$2:$R$366,ROW(INDEX(Jesper!AK$2:AK$366,ROUNDDOWN($C7599/24,0)+1,1))-1)+IF('Standard Profiles'!$G$21=$B$10,7,0)+IF('Standard Profiles'!$G$21=$B$17,14,0)+IF('Standard Profiles'!$G$21=$B$24,21,0),MOD($C7599,24)+1)/SUM(INDEX($D$3:$AA$30,INDEX(Jesper!$R$2:$R$366,ROW(INDEX(Jesper!AK$2:AK$366,ROUNDDOWN($C7599/24,0)+1,1))-1)+IF('Standard Profiles'!$G$21=$B$10,7,0)+IF('Standard Profiles'!$G$21=$B$17,14,0)+IF('Standard Profiles'!$G$21=$B$24,21,0),0)),0)</f>
        <v>4.8422821265100042</v>
      </c>
      <c r="H7599" cm="1">
        <f t="array" ref="H7599">IFERROR(INDEX(Jesper!AL$2:AL$366,ROUNDDOWN($C7599/24,0)+1,1)*INDEX($D$3:$AA$30,INDEX(Jesper!$R$2:$R$366,ROW(INDEX(Jesper!AL$2:AL$366,ROUNDDOWN($C7599/24,0)+1,1))-1)+IF('Standard Profiles'!$G$22=$B$10,7,0)+IF('Standard Profiles'!$G$22=$B$17,14,0)+IF('Standard Profiles'!$G$22=$B$24,21,0),MOD($C7599,24)+1)/SUM(INDEX($D$3:$AA$30,INDEX(Jesper!$R$2:$R$366,ROW(INDEX(Jesper!AL$2:AL$366,ROUNDDOWN($C7599/24,0)+1,1))-1)+IF('Standard Profiles'!$G$22=$B$10,7,0)+IF('Standard Profiles'!$G$22=$B$17,14,0)+IF('Standard Profiles'!$G$22=$B$24,21,0),0)),0)</f>
        <v>3.1669104993579555</v>
      </c>
      <c r="I7599">
        <f t="shared" si="846"/>
        <v>3.0402340793836391</v>
      </c>
      <c r="J7599">
        <f t="shared" si="847"/>
        <v>12.115487880923194</v>
      </c>
      <c r="K7599">
        <f t="shared" si="848"/>
        <v>0.34514238106157302</v>
      </c>
      <c r="L7599">
        <f t="shared" si="849"/>
        <v>0.17257119053078651</v>
      </c>
      <c r="M7599">
        <f t="shared" si="850"/>
        <v>0</v>
      </c>
      <c r="N7599" s="45">
        <f t="shared" si="851"/>
        <v>45242.208333314986</v>
      </c>
    </row>
    <row r="7600" spans="2:14" x14ac:dyDescent="0.25">
      <c r="B7600">
        <f t="shared" si="845"/>
        <v>7</v>
      </c>
      <c r="C7600" s="16">
        <v>7566</v>
      </c>
      <c r="D7600" cm="1">
        <f t="array" ref="D7600">IFERROR(INDEX(Jesper!AH$2:AH$366,ROUNDDOWN($C7600/24,0)+1,1)*INDEX($D$3:$AA$30,INDEX(Jesper!$R$2:$R$366,ROW(INDEX(Jesper!AH$2:AH$366,ROUNDDOWN($C7600/24,0)+1,1))-1)+IF('Standard Profiles'!$G$18=$B$10,7,0)+IF('Standard Profiles'!$G$18=$B$17,14,0)+IF('Standard Profiles'!$G$18=$B$24,21,0),MOD($C7600,24)+1)/SUM(INDEX($D$3:$AA$30,INDEX(Jesper!$R$2:$R$366,ROW(INDEX(Jesper!AH$2:AH$366,ROUNDDOWN($C7600/24,0)+1,1))-1)+IF('Standard Profiles'!$G$18=$B$10,7,0)+IF('Standard Profiles'!$G$18=$B$17,14,0)+IF('Standard Profiles'!$G$18=$B$24,21,0),0)),0)</f>
        <v>0</v>
      </c>
      <c r="E7600" cm="1">
        <f t="array" ref="E7600">IFERROR(INDEX(Jesper!AI$2:AI$366,ROUNDDOWN($C7600/24,0)+1,1)*INDEX($D$3:$AA$30,INDEX(Jesper!$R$2:$R$366,ROW(INDEX(Jesper!AI$2:AI$366,ROUNDDOWN($C7600/24,0)+1,1))-1)+IF('Standard Profiles'!$G$19=$B$10,7,0)+IF('Standard Profiles'!$G$19=$B$17,14,0)+IF('Standard Profiles'!$G$19=$B$24,21,0),MOD($C7600,24)+1)/SUM(INDEX($D$3:$AA$30,INDEX(Jesper!$R$2:$R$366,ROW(INDEX(Jesper!AI$2:AI$366,ROUNDDOWN($C7600/24,0)+1,1))-1)+IF('Standard Profiles'!$G$19=$B$10,7,0)+IF('Standard Profiles'!$G$19=$B$17,14,0)+IF('Standard Profiles'!$G$19=$B$24,21,0),0)),0)</f>
        <v>4.3142797632696626</v>
      </c>
      <c r="F7600" cm="1">
        <f t="array" ref="F7600">IFERROR(INDEX(Jesper!AJ$2:AJ$366,ROUNDDOWN($C7600/24,0)+1,1)*INDEX($D$3:$AA$30,INDEX(Jesper!$R$2:$R$366,ROW(INDEX(Jesper!AJ$2:AJ$366,ROUNDDOWN($C7600/24,0)+1,1))-1)+IF('Standard Profiles'!$G$20=$B$10,7,0)+IF('Standard Profiles'!$G$20=$B$17,14,0)+IF('Standard Profiles'!$G$20=$B$24,21,0),MOD($C7600,24)+1)/SUM(INDEX($D$3:$AA$30,INDEX(Jesper!$R$2:$R$366,ROW(INDEX(Jesper!AJ$2:AJ$366,ROUNDDOWN($C7600/24,0)+1,1))-1)+IF('Standard Profiles'!$G$20=$B$10,7,0)+IF('Standard Profiles'!$G$20=$B$17,14,0)+IF('Standard Profiles'!$G$20=$B$24,21,0),0)),0)</f>
        <v>3.3499631427615708</v>
      </c>
      <c r="G7600" cm="1">
        <f t="array" ref="G7600">IFERROR(INDEX(Jesper!AK$2:AK$366,ROUNDDOWN($C7600/24,0)+1,1)*INDEX($D$3:$AA$30,INDEX(Jesper!$R$2:$R$366,ROW(INDEX(Jesper!AK$2:AK$366,ROUNDDOWN($C7600/24,0)+1,1))-1)+IF('Standard Profiles'!$G$21=$B$10,7,0)+IF('Standard Profiles'!$G$21=$B$17,14,0)+IF('Standard Profiles'!$G$21=$B$24,21,0),MOD($C7600,24)+1)/SUM(INDEX($D$3:$AA$30,INDEX(Jesper!$R$2:$R$366,ROW(INDEX(Jesper!AK$2:AK$366,ROUNDDOWN($C7600/24,0)+1,1))-1)+IF('Standard Profiles'!$G$21=$B$10,7,0)+IF('Standard Profiles'!$G$21=$B$17,14,0)+IF('Standard Profiles'!$G$21=$B$24,21,0),0)),0)</f>
        <v>4.8422821265100042</v>
      </c>
      <c r="H7600" cm="1">
        <f t="array" ref="H7600">IFERROR(INDEX(Jesper!AL$2:AL$366,ROUNDDOWN($C7600/24,0)+1,1)*INDEX($D$3:$AA$30,INDEX(Jesper!$R$2:$R$366,ROW(INDEX(Jesper!AL$2:AL$366,ROUNDDOWN($C7600/24,0)+1,1))-1)+IF('Standard Profiles'!$G$22=$B$10,7,0)+IF('Standard Profiles'!$G$22=$B$17,14,0)+IF('Standard Profiles'!$G$22=$B$24,21,0),MOD($C7600,24)+1)/SUM(INDEX($D$3:$AA$30,INDEX(Jesper!$R$2:$R$366,ROW(INDEX(Jesper!AL$2:AL$366,ROUNDDOWN($C7600/24,0)+1,1))-1)+IF('Standard Profiles'!$G$22=$B$10,7,0)+IF('Standard Profiles'!$G$22=$B$17,14,0)+IF('Standard Profiles'!$G$22=$B$24,21,0),0)),0)</f>
        <v>3.7299168103549256</v>
      </c>
      <c r="I7600">
        <f t="shared" si="846"/>
        <v>3.5807201379407307</v>
      </c>
      <c r="J7600">
        <f t="shared" si="847"/>
        <v>12.138008133363073</v>
      </c>
      <c r="K7600">
        <f t="shared" si="848"/>
        <v>0.34514238106157302</v>
      </c>
      <c r="L7600">
        <f t="shared" si="849"/>
        <v>0.17257119053078651</v>
      </c>
      <c r="M7600">
        <f t="shared" si="850"/>
        <v>0</v>
      </c>
      <c r="N7600" s="45">
        <f t="shared" si="851"/>
        <v>45242.24999998165</v>
      </c>
    </row>
    <row r="7601" spans="2:14" x14ac:dyDescent="0.25">
      <c r="B7601">
        <f t="shared" si="845"/>
        <v>7</v>
      </c>
      <c r="C7601" s="16">
        <v>7567</v>
      </c>
      <c r="D7601" cm="1">
        <f t="array" ref="D7601">IFERROR(INDEX(Jesper!AH$2:AH$366,ROUNDDOWN($C7601/24,0)+1,1)*INDEX($D$3:$AA$30,INDEX(Jesper!$R$2:$R$366,ROW(INDEX(Jesper!AH$2:AH$366,ROUNDDOWN($C7601/24,0)+1,1))-1)+IF('Standard Profiles'!$G$18=$B$10,7,0)+IF('Standard Profiles'!$G$18=$B$17,14,0)+IF('Standard Profiles'!$G$18=$B$24,21,0),MOD($C7601,24)+1)/SUM(INDEX($D$3:$AA$30,INDEX(Jesper!$R$2:$R$366,ROW(INDEX(Jesper!AH$2:AH$366,ROUNDDOWN($C7601/24,0)+1,1))-1)+IF('Standard Profiles'!$G$18=$B$10,7,0)+IF('Standard Profiles'!$G$18=$B$17,14,0)+IF('Standard Profiles'!$G$18=$B$24,21,0),0)),0)</f>
        <v>0</v>
      </c>
      <c r="E7601" cm="1">
        <f t="array" ref="E7601">IFERROR(INDEX(Jesper!AI$2:AI$366,ROUNDDOWN($C7601/24,0)+1,1)*INDEX($D$3:$AA$30,INDEX(Jesper!$R$2:$R$366,ROW(INDEX(Jesper!AI$2:AI$366,ROUNDDOWN($C7601/24,0)+1,1))-1)+IF('Standard Profiles'!$G$19=$B$10,7,0)+IF('Standard Profiles'!$G$19=$B$17,14,0)+IF('Standard Profiles'!$G$19=$B$24,21,0),MOD($C7601,24)+1)/SUM(INDEX($D$3:$AA$30,INDEX(Jesper!$R$2:$R$366,ROW(INDEX(Jesper!AI$2:AI$366,ROUNDDOWN($C7601/24,0)+1,1))-1)+IF('Standard Profiles'!$G$19=$B$10,7,0)+IF('Standard Profiles'!$G$19=$B$17,14,0)+IF('Standard Profiles'!$G$19=$B$24,21,0),0)),0)</f>
        <v>4.3142797632696626</v>
      </c>
      <c r="F7601" cm="1">
        <f t="array" ref="F7601">IFERROR(INDEX(Jesper!AJ$2:AJ$366,ROUNDDOWN($C7601/24,0)+1,1)*INDEX($D$3:$AA$30,INDEX(Jesper!$R$2:$R$366,ROW(INDEX(Jesper!AJ$2:AJ$366,ROUNDDOWN($C7601/24,0)+1,1))-1)+IF('Standard Profiles'!$G$20=$B$10,7,0)+IF('Standard Profiles'!$G$20=$B$17,14,0)+IF('Standard Profiles'!$G$20=$B$24,21,0),MOD($C7601,24)+1)/SUM(INDEX($D$3:$AA$30,INDEX(Jesper!$R$2:$R$366,ROW(INDEX(Jesper!AJ$2:AJ$366,ROUNDDOWN($C7601/24,0)+1,1))-1)+IF('Standard Profiles'!$G$20=$B$10,7,0)+IF('Standard Profiles'!$G$20=$B$17,14,0)+IF('Standard Profiles'!$G$20=$B$24,21,0),0)),0)</f>
        <v>3.3499631427615708</v>
      </c>
      <c r="G7601" cm="1">
        <f t="array" ref="G7601">IFERROR(INDEX(Jesper!AK$2:AK$366,ROUNDDOWN($C7601/24,0)+1,1)*INDEX($D$3:$AA$30,INDEX(Jesper!$R$2:$R$366,ROW(INDEX(Jesper!AK$2:AK$366,ROUNDDOWN($C7601/24,0)+1,1))-1)+IF('Standard Profiles'!$G$21=$B$10,7,0)+IF('Standard Profiles'!$G$21=$B$17,14,0)+IF('Standard Profiles'!$G$21=$B$24,21,0),MOD($C7601,24)+1)/SUM(INDEX($D$3:$AA$30,INDEX(Jesper!$R$2:$R$366,ROW(INDEX(Jesper!AK$2:AK$366,ROUNDDOWN($C7601/24,0)+1,1))-1)+IF('Standard Profiles'!$G$21=$B$10,7,0)+IF('Standard Profiles'!$G$21=$B$17,14,0)+IF('Standard Profiles'!$G$21=$B$24,21,0),0)),0)</f>
        <v>4.8422821265100042</v>
      </c>
      <c r="H7601" cm="1">
        <f t="array" ref="H7601">IFERROR(INDEX(Jesper!AL$2:AL$366,ROUNDDOWN($C7601/24,0)+1,1)*INDEX($D$3:$AA$30,INDEX(Jesper!$R$2:$R$366,ROW(INDEX(Jesper!AL$2:AL$366,ROUNDDOWN($C7601/24,0)+1,1))-1)+IF('Standard Profiles'!$G$22=$B$10,7,0)+IF('Standard Profiles'!$G$22=$B$17,14,0)+IF('Standard Profiles'!$G$22=$B$24,21,0),MOD($C7601,24)+1)/SUM(INDEX($D$3:$AA$30,INDEX(Jesper!$R$2:$R$366,ROW(INDEX(Jesper!AL$2:AL$366,ROUNDDOWN($C7601/24,0)+1,1))-1)+IF('Standard Profiles'!$G$22=$B$10,7,0)+IF('Standard Profiles'!$G$22=$B$17,14,0)+IF('Standard Profiles'!$G$22=$B$24,21,0),0)),0)</f>
        <v>4.4336746991011378</v>
      </c>
      <c r="I7601">
        <f t="shared" si="846"/>
        <v>4.2563277111370947</v>
      </c>
      <c r="J7601">
        <f t="shared" si="847"/>
        <v>12.16615844891292</v>
      </c>
      <c r="K7601">
        <f t="shared" si="848"/>
        <v>0.34514238106157302</v>
      </c>
      <c r="L7601">
        <f t="shared" si="849"/>
        <v>0.17257119053078651</v>
      </c>
      <c r="M7601">
        <f t="shared" si="850"/>
        <v>0</v>
      </c>
      <c r="N7601" s="45">
        <f t="shared" si="851"/>
        <v>45242.291666648314</v>
      </c>
    </row>
    <row r="7602" spans="2:14" x14ac:dyDescent="0.25">
      <c r="B7602">
        <f t="shared" si="845"/>
        <v>7</v>
      </c>
      <c r="C7602" s="16">
        <v>7568</v>
      </c>
      <c r="D7602" cm="1">
        <f t="array" ref="D7602">IFERROR(INDEX(Jesper!AH$2:AH$366,ROUNDDOWN($C7602/24,0)+1,1)*INDEX($D$3:$AA$30,INDEX(Jesper!$R$2:$R$366,ROW(INDEX(Jesper!AH$2:AH$366,ROUNDDOWN($C7602/24,0)+1,1))-1)+IF('Standard Profiles'!$G$18=$B$10,7,0)+IF('Standard Profiles'!$G$18=$B$17,14,0)+IF('Standard Profiles'!$G$18=$B$24,21,0),MOD($C7602,24)+1)/SUM(INDEX($D$3:$AA$30,INDEX(Jesper!$R$2:$R$366,ROW(INDEX(Jesper!AH$2:AH$366,ROUNDDOWN($C7602/24,0)+1,1))-1)+IF('Standard Profiles'!$G$18=$B$10,7,0)+IF('Standard Profiles'!$G$18=$B$17,14,0)+IF('Standard Profiles'!$G$18=$B$24,21,0),0)),0)</f>
        <v>0</v>
      </c>
      <c r="E7602" cm="1">
        <f t="array" ref="E7602">IFERROR(INDEX(Jesper!AI$2:AI$366,ROUNDDOWN($C7602/24,0)+1,1)*INDEX($D$3:$AA$30,INDEX(Jesper!$R$2:$R$366,ROW(INDEX(Jesper!AI$2:AI$366,ROUNDDOWN($C7602/24,0)+1,1))-1)+IF('Standard Profiles'!$G$19=$B$10,7,0)+IF('Standard Profiles'!$G$19=$B$17,14,0)+IF('Standard Profiles'!$G$19=$B$24,21,0),MOD($C7602,24)+1)/SUM(INDEX($D$3:$AA$30,INDEX(Jesper!$R$2:$R$366,ROW(INDEX(Jesper!AI$2:AI$366,ROUNDDOWN($C7602/24,0)+1,1))-1)+IF('Standard Profiles'!$G$19=$B$10,7,0)+IF('Standard Profiles'!$G$19=$B$17,14,0)+IF('Standard Profiles'!$G$19=$B$24,21,0),0)),0)</f>
        <v>4.3142797632696626</v>
      </c>
      <c r="F7602" cm="1">
        <f t="array" ref="F7602">IFERROR(INDEX(Jesper!AJ$2:AJ$366,ROUNDDOWN($C7602/24,0)+1,1)*INDEX($D$3:$AA$30,INDEX(Jesper!$R$2:$R$366,ROW(INDEX(Jesper!AJ$2:AJ$366,ROUNDDOWN($C7602/24,0)+1,1))-1)+IF('Standard Profiles'!$G$20=$B$10,7,0)+IF('Standard Profiles'!$G$20=$B$17,14,0)+IF('Standard Profiles'!$G$20=$B$24,21,0),MOD($C7602,24)+1)/SUM(INDEX($D$3:$AA$30,INDEX(Jesper!$R$2:$R$366,ROW(INDEX(Jesper!AJ$2:AJ$366,ROUNDDOWN($C7602/24,0)+1,1))-1)+IF('Standard Profiles'!$G$20=$B$10,7,0)+IF('Standard Profiles'!$G$20=$B$17,14,0)+IF('Standard Profiles'!$G$20=$B$24,21,0),0)),0)</f>
        <v>3.3499631427615708</v>
      </c>
      <c r="G7602" cm="1">
        <f t="array" ref="G7602">IFERROR(INDEX(Jesper!AK$2:AK$366,ROUNDDOWN($C7602/24,0)+1,1)*INDEX($D$3:$AA$30,INDEX(Jesper!$R$2:$R$366,ROW(INDEX(Jesper!AK$2:AK$366,ROUNDDOWN($C7602/24,0)+1,1))-1)+IF('Standard Profiles'!$G$21=$B$10,7,0)+IF('Standard Profiles'!$G$21=$B$17,14,0)+IF('Standard Profiles'!$G$21=$B$24,21,0),MOD($C7602,24)+1)/SUM(INDEX($D$3:$AA$30,INDEX(Jesper!$R$2:$R$366,ROW(INDEX(Jesper!AK$2:AK$366,ROUNDDOWN($C7602/24,0)+1,1))-1)+IF('Standard Profiles'!$G$21=$B$10,7,0)+IF('Standard Profiles'!$G$21=$B$17,14,0)+IF('Standard Profiles'!$G$21=$B$24,21,0),0)),0)</f>
        <v>4.8422821265100042</v>
      </c>
      <c r="H7602" cm="1">
        <f t="array" ref="H7602">IFERROR(INDEX(Jesper!AL$2:AL$366,ROUNDDOWN($C7602/24,0)+1,1)*INDEX($D$3:$AA$30,INDEX(Jesper!$R$2:$R$366,ROW(INDEX(Jesper!AL$2:AL$366,ROUNDDOWN($C7602/24,0)+1,1))-1)+IF('Standard Profiles'!$G$22=$B$10,7,0)+IF('Standard Profiles'!$G$22=$B$17,14,0)+IF('Standard Profiles'!$G$22=$B$24,21,0),MOD($C7602,24)+1)/SUM(INDEX($D$3:$AA$30,INDEX(Jesper!$R$2:$R$366,ROW(INDEX(Jesper!AL$2:AL$366,ROUNDDOWN($C7602/24,0)+1,1))-1)+IF('Standard Profiles'!$G$22=$B$10,7,0)+IF('Standard Profiles'!$G$22=$B$17,14,0)+IF('Standard Profiles'!$G$22=$B$24,21,0),0)),0)</f>
        <v>4.4336746991011378</v>
      </c>
      <c r="I7602">
        <f t="shared" si="846"/>
        <v>4.2563277111370947</v>
      </c>
      <c r="J7602">
        <f t="shared" si="847"/>
        <v>12.16615844891292</v>
      </c>
      <c r="K7602">
        <f t="shared" si="848"/>
        <v>0.34514238106157302</v>
      </c>
      <c r="L7602">
        <f t="shared" si="849"/>
        <v>0.17257119053078651</v>
      </c>
      <c r="M7602">
        <f t="shared" si="850"/>
        <v>0</v>
      </c>
      <c r="N7602" s="45">
        <f t="shared" si="851"/>
        <v>45242.333333314979</v>
      </c>
    </row>
    <row r="7603" spans="2:14" x14ac:dyDescent="0.25">
      <c r="B7603">
        <f t="shared" si="845"/>
        <v>7</v>
      </c>
      <c r="C7603" s="16">
        <v>7569</v>
      </c>
      <c r="D7603" cm="1">
        <f t="array" ref="D7603">IFERROR(INDEX(Jesper!AH$2:AH$366,ROUNDDOWN($C7603/24,0)+1,1)*INDEX($D$3:$AA$30,INDEX(Jesper!$R$2:$R$366,ROW(INDEX(Jesper!AH$2:AH$366,ROUNDDOWN($C7603/24,0)+1,1))-1)+IF('Standard Profiles'!$G$18=$B$10,7,0)+IF('Standard Profiles'!$G$18=$B$17,14,0)+IF('Standard Profiles'!$G$18=$B$24,21,0),MOD($C7603,24)+1)/SUM(INDEX($D$3:$AA$30,INDEX(Jesper!$R$2:$R$366,ROW(INDEX(Jesper!AH$2:AH$366,ROUNDDOWN($C7603/24,0)+1,1))-1)+IF('Standard Profiles'!$G$18=$B$10,7,0)+IF('Standard Profiles'!$G$18=$B$17,14,0)+IF('Standard Profiles'!$G$18=$B$24,21,0),0)),0)</f>
        <v>0</v>
      </c>
      <c r="E7603" cm="1">
        <f t="array" ref="E7603">IFERROR(INDEX(Jesper!AI$2:AI$366,ROUNDDOWN($C7603/24,0)+1,1)*INDEX($D$3:$AA$30,INDEX(Jesper!$R$2:$R$366,ROW(INDEX(Jesper!AI$2:AI$366,ROUNDDOWN($C7603/24,0)+1,1))-1)+IF('Standard Profiles'!$G$19=$B$10,7,0)+IF('Standard Profiles'!$G$19=$B$17,14,0)+IF('Standard Profiles'!$G$19=$B$24,21,0),MOD($C7603,24)+1)/SUM(INDEX($D$3:$AA$30,INDEX(Jesper!$R$2:$R$366,ROW(INDEX(Jesper!AI$2:AI$366,ROUNDDOWN($C7603/24,0)+1,1))-1)+IF('Standard Profiles'!$G$19=$B$10,7,0)+IF('Standard Profiles'!$G$19=$B$17,14,0)+IF('Standard Profiles'!$G$19=$B$24,21,0),0)),0)</f>
        <v>4.3142797632696626</v>
      </c>
      <c r="F7603" cm="1">
        <f t="array" ref="F7603">IFERROR(INDEX(Jesper!AJ$2:AJ$366,ROUNDDOWN($C7603/24,0)+1,1)*INDEX($D$3:$AA$30,INDEX(Jesper!$R$2:$R$366,ROW(INDEX(Jesper!AJ$2:AJ$366,ROUNDDOWN($C7603/24,0)+1,1))-1)+IF('Standard Profiles'!$G$20=$B$10,7,0)+IF('Standard Profiles'!$G$20=$B$17,14,0)+IF('Standard Profiles'!$G$20=$B$24,21,0),MOD($C7603,24)+1)/SUM(INDEX($D$3:$AA$30,INDEX(Jesper!$R$2:$R$366,ROW(INDEX(Jesper!AJ$2:AJ$366,ROUNDDOWN($C7603/24,0)+1,1))-1)+IF('Standard Profiles'!$G$20=$B$10,7,0)+IF('Standard Profiles'!$G$20=$B$17,14,0)+IF('Standard Profiles'!$G$20=$B$24,21,0),0)),0)</f>
        <v>3.3499631427615708</v>
      </c>
      <c r="G7603" cm="1">
        <f t="array" ref="G7603">IFERROR(INDEX(Jesper!AK$2:AK$366,ROUNDDOWN($C7603/24,0)+1,1)*INDEX($D$3:$AA$30,INDEX(Jesper!$R$2:$R$366,ROW(INDEX(Jesper!AK$2:AK$366,ROUNDDOWN($C7603/24,0)+1,1))-1)+IF('Standard Profiles'!$G$21=$B$10,7,0)+IF('Standard Profiles'!$G$21=$B$17,14,0)+IF('Standard Profiles'!$G$21=$B$24,21,0),MOD($C7603,24)+1)/SUM(INDEX($D$3:$AA$30,INDEX(Jesper!$R$2:$R$366,ROW(INDEX(Jesper!AK$2:AK$366,ROUNDDOWN($C7603/24,0)+1,1))-1)+IF('Standard Profiles'!$G$21=$B$10,7,0)+IF('Standard Profiles'!$G$21=$B$17,14,0)+IF('Standard Profiles'!$G$21=$B$24,21,0),0)),0)</f>
        <v>4.8422821265100042</v>
      </c>
      <c r="H7603" cm="1">
        <f t="array" ref="H7603">IFERROR(INDEX(Jesper!AL$2:AL$366,ROUNDDOWN($C7603/24,0)+1,1)*INDEX($D$3:$AA$30,INDEX(Jesper!$R$2:$R$366,ROW(INDEX(Jesper!AL$2:AL$366,ROUNDDOWN($C7603/24,0)+1,1))-1)+IF('Standard Profiles'!$G$22=$B$10,7,0)+IF('Standard Profiles'!$G$22=$B$17,14,0)+IF('Standard Profiles'!$G$22=$B$24,21,0),MOD($C7603,24)+1)/SUM(INDEX($D$3:$AA$30,INDEX(Jesper!$R$2:$R$366,ROW(INDEX(Jesper!AL$2:AL$366,ROUNDDOWN($C7603/24,0)+1,1))-1)+IF('Standard Profiles'!$G$22=$B$10,7,0)+IF('Standard Profiles'!$G$22=$B$17,14,0)+IF('Standard Profiles'!$G$22=$B$24,21,0),0)),0)</f>
        <v>4.4336746991011378</v>
      </c>
      <c r="I7603">
        <f t="shared" si="846"/>
        <v>4.2563277111370947</v>
      </c>
      <c r="J7603">
        <f t="shared" si="847"/>
        <v>12.16615844891292</v>
      </c>
      <c r="K7603">
        <f t="shared" si="848"/>
        <v>0.34514238106157302</v>
      </c>
      <c r="L7603">
        <f t="shared" si="849"/>
        <v>0.17257119053078651</v>
      </c>
      <c r="M7603">
        <f t="shared" si="850"/>
        <v>0</v>
      </c>
      <c r="N7603" s="45">
        <f t="shared" si="851"/>
        <v>45242.374999981643</v>
      </c>
    </row>
    <row r="7604" spans="2:14" x14ac:dyDescent="0.25">
      <c r="B7604">
        <f t="shared" si="845"/>
        <v>7</v>
      </c>
      <c r="C7604" s="16">
        <v>7570</v>
      </c>
      <c r="D7604" cm="1">
        <f t="array" ref="D7604">IFERROR(INDEX(Jesper!AH$2:AH$366,ROUNDDOWN($C7604/24,0)+1,1)*INDEX($D$3:$AA$30,INDEX(Jesper!$R$2:$R$366,ROW(INDEX(Jesper!AH$2:AH$366,ROUNDDOWN($C7604/24,0)+1,1))-1)+IF('Standard Profiles'!$G$18=$B$10,7,0)+IF('Standard Profiles'!$G$18=$B$17,14,0)+IF('Standard Profiles'!$G$18=$B$24,21,0),MOD($C7604,24)+1)/SUM(INDEX($D$3:$AA$30,INDEX(Jesper!$R$2:$R$366,ROW(INDEX(Jesper!AH$2:AH$366,ROUNDDOWN($C7604/24,0)+1,1))-1)+IF('Standard Profiles'!$G$18=$B$10,7,0)+IF('Standard Profiles'!$G$18=$B$17,14,0)+IF('Standard Profiles'!$G$18=$B$24,21,0),0)),0)</f>
        <v>0</v>
      </c>
      <c r="E7604" cm="1">
        <f t="array" ref="E7604">IFERROR(INDEX(Jesper!AI$2:AI$366,ROUNDDOWN($C7604/24,0)+1,1)*INDEX($D$3:$AA$30,INDEX(Jesper!$R$2:$R$366,ROW(INDEX(Jesper!AI$2:AI$366,ROUNDDOWN($C7604/24,0)+1,1))-1)+IF('Standard Profiles'!$G$19=$B$10,7,0)+IF('Standard Profiles'!$G$19=$B$17,14,0)+IF('Standard Profiles'!$G$19=$B$24,21,0),MOD($C7604,24)+1)/SUM(INDEX($D$3:$AA$30,INDEX(Jesper!$R$2:$R$366,ROW(INDEX(Jesper!AI$2:AI$366,ROUNDDOWN($C7604/24,0)+1,1))-1)+IF('Standard Profiles'!$G$19=$B$10,7,0)+IF('Standard Profiles'!$G$19=$B$17,14,0)+IF('Standard Profiles'!$G$19=$B$24,21,0),0)),0)</f>
        <v>4.3142797632696626</v>
      </c>
      <c r="F7604" cm="1">
        <f t="array" ref="F7604">IFERROR(INDEX(Jesper!AJ$2:AJ$366,ROUNDDOWN($C7604/24,0)+1,1)*INDEX($D$3:$AA$30,INDEX(Jesper!$R$2:$R$366,ROW(INDEX(Jesper!AJ$2:AJ$366,ROUNDDOWN($C7604/24,0)+1,1))-1)+IF('Standard Profiles'!$G$20=$B$10,7,0)+IF('Standard Profiles'!$G$20=$B$17,14,0)+IF('Standard Profiles'!$G$20=$B$24,21,0),MOD($C7604,24)+1)/SUM(INDEX($D$3:$AA$30,INDEX(Jesper!$R$2:$R$366,ROW(INDEX(Jesper!AJ$2:AJ$366,ROUNDDOWN($C7604/24,0)+1,1))-1)+IF('Standard Profiles'!$G$20=$B$10,7,0)+IF('Standard Profiles'!$G$20=$B$17,14,0)+IF('Standard Profiles'!$G$20=$B$24,21,0),0)),0)</f>
        <v>3.3499631427615708</v>
      </c>
      <c r="G7604" cm="1">
        <f t="array" ref="G7604">IFERROR(INDEX(Jesper!AK$2:AK$366,ROUNDDOWN($C7604/24,0)+1,1)*INDEX($D$3:$AA$30,INDEX(Jesper!$R$2:$R$366,ROW(INDEX(Jesper!AK$2:AK$366,ROUNDDOWN($C7604/24,0)+1,1))-1)+IF('Standard Profiles'!$G$21=$B$10,7,0)+IF('Standard Profiles'!$G$21=$B$17,14,0)+IF('Standard Profiles'!$G$21=$B$24,21,0),MOD($C7604,24)+1)/SUM(INDEX($D$3:$AA$30,INDEX(Jesper!$R$2:$R$366,ROW(INDEX(Jesper!AK$2:AK$366,ROUNDDOWN($C7604/24,0)+1,1))-1)+IF('Standard Profiles'!$G$21=$B$10,7,0)+IF('Standard Profiles'!$G$21=$B$17,14,0)+IF('Standard Profiles'!$G$21=$B$24,21,0),0)),0)</f>
        <v>4.8422821265100042</v>
      </c>
      <c r="H7604" cm="1">
        <f t="array" ref="H7604">IFERROR(INDEX(Jesper!AL$2:AL$366,ROUNDDOWN($C7604/24,0)+1,1)*INDEX($D$3:$AA$30,INDEX(Jesper!$R$2:$R$366,ROW(INDEX(Jesper!AL$2:AL$366,ROUNDDOWN($C7604/24,0)+1,1))-1)+IF('Standard Profiles'!$G$22=$B$10,7,0)+IF('Standard Profiles'!$G$22=$B$17,14,0)+IF('Standard Profiles'!$G$22=$B$24,21,0),MOD($C7604,24)+1)/SUM(INDEX($D$3:$AA$30,INDEX(Jesper!$R$2:$R$366,ROW(INDEX(Jesper!AL$2:AL$366,ROUNDDOWN($C7604/24,0)+1,1))-1)+IF('Standard Profiles'!$G$22=$B$10,7,0)+IF('Standard Profiles'!$G$22=$B$17,14,0)+IF('Standard Profiles'!$G$22=$B$24,21,0),0)),0)</f>
        <v>4.4336746991011378</v>
      </c>
      <c r="I7604">
        <f t="shared" si="846"/>
        <v>4.2563277111370947</v>
      </c>
      <c r="J7604">
        <f t="shared" si="847"/>
        <v>12.16615844891292</v>
      </c>
      <c r="K7604">
        <f t="shared" si="848"/>
        <v>0.34514238106157302</v>
      </c>
      <c r="L7604">
        <f t="shared" si="849"/>
        <v>0.17257119053078651</v>
      </c>
      <c r="M7604">
        <f t="shared" si="850"/>
        <v>0</v>
      </c>
      <c r="N7604" s="45">
        <f t="shared" si="851"/>
        <v>45242.416666648307</v>
      </c>
    </row>
    <row r="7605" spans="2:14" x14ac:dyDescent="0.25">
      <c r="B7605">
        <f t="shared" si="845"/>
        <v>7</v>
      </c>
      <c r="C7605" s="16">
        <v>7571</v>
      </c>
      <c r="D7605" cm="1">
        <f t="array" ref="D7605">IFERROR(INDEX(Jesper!AH$2:AH$366,ROUNDDOWN($C7605/24,0)+1,1)*INDEX($D$3:$AA$30,INDEX(Jesper!$R$2:$R$366,ROW(INDEX(Jesper!AH$2:AH$366,ROUNDDOWN($C7605/24,0)+1,1))-1)+IF('Standard Profiles'!$G$18=$B$10,7,0)+IF('Standard Profiles'!$G$18=$B$17,14,0)+IF('Standard Profiles'!$G$18=$B$24,21,0),MOD($C7605,24)+1)/SUM(INDEX($D$3:$AA$30,INDEX(Jesper!$R$2:$R$366,ROW(INDEX(Jesper!AH$2:AH$366,ROUNDDOWN($C7605/24,0)+1,1))-1)+IF('Standard Profiles'!$G$18=$B$10,7,0)+IF('Standard Profiles'!$G$18=$B$17,14,0)+IF('Standard Profiles'!$G$18=$B$24,21,0),0)),0)</f>
        <v>0</v>
      </c>
      <c r="E7605" cm="1">
        <f t="array" ref="E7605">IFERROR(INDEX(Jesper!AI$2:AI$366,ROUNDDOWN($C7605/24,0)+1,1)*INDEX($D$3:$AA$30,INDEX(Jesper!$R$2:$R$366,ROW(INDEX(Jesper!AI$2:AI$366,ROUNDDOWN($C7605/24,0)+1,1))-1)+IF('Standard Profiles'!$G$19=$B$10,7,0)+IF('Standard Profiles'!$G$19=$B$17,14,0)+IF('Standard Profiles'!$G$19=$B$24,21,0),MOD($C7605,24)+1)/SUM(INDEX($D$3:$AA$30,INDEX(Jesper!$R$2:$R$366,ROW(INDEX(Jesper!AI$2:AI$366,ROUNDDOWN($C7605/24,0)+1,1))-1)+IF('Standard Profiles'!$G$19=$B$10,7,0)+IF('Standard Profiles'!$G$19=$B$17,14,0)+IF('Standard Profiles'!$G$19=$B$24,21,0),0)),0)</f>
        <v>4.3142797632696626</v>
      </c>
      <c r="F7605" cm="1">
        <f t="array" ref="F7605">IFERROR(INDEX(Jesper!AJ$2:AJ$366,ROUNDDOWN($C7605/24,0)+1,1)*INDEX($D$3:$AA$30,INDEX(Jesper!$R$2:$R$366,ROW(INDEX(Jesper!AJ$2:AJ$366,ROUNDDOWN($C7605/24,0)+1,1))-1)+IF('Standard Profiles'!$G$20=$B$10,7,0)+IF('Standard Profiles'!$G$20=$B$17,14,0)+IF('Standard Profiles'!$G$20=$B$24,21,0),MOD($C7605,24)+1)/SUM(INDEX($D$3:$AA$30,INDEX(Jesper!$R$2:$R$366,ROW(INDEX(Jesper!AJ$2:AJ$366,ROUNDDOWN($C7605/24,0)+1,1))-1)+IF('Standard Profiles'!$G$20=$B$10,7,0)+IF('Standard Profiles'!$G$20=$B$17,14,0)+IF('Standard Profiles'!$G$20=$B$24,21,0),0)),0)</f>
        <v>3.3499631427615708</v>
      </c>
      <c r="G7605" cm="1">
        <f t="array" ref="G7605">IFERROR(INDEX(Jesper!AK$2:AK$366,ROUNDDOWN($C7605/24,0)+1,1)*INDEX($D$3:$AA$30,INDEX(Jesper!$R$2:$R$366,ROW(INDEX(Jesper!AK$2:AK$366,ROUNDDOWN($C7605/24,0)+1,1))-1)+IF('Standard Profiles'!$G$21=$B$10,7,0)+IF('Standard Profiles'!$G$21=$B$17,14,0)+IF('Standard Profiles'!$G$21=$B$24,21,0),MOD($C7605,24)+1)/SUM(INDEX($D$3:$AA$30,INDEX(Jesper!$R$2:$R$366,ROW(INDEX(Jesper!AK$2:AK$366,ROUNDDOWN($C7605/24,0)+1,1))-1)+IF('Standard Profiles'!$G$21=$B$10,7,0)+IF('Standard Profiles'!$G$21=$B$17,14,0)+IF('Standard Profiles'!$G$21=$B$24,21,0),0)),0)</f>
        <v>4.8422821265100042</v>
      </c>
      <c r="H7605" cm="1">
        <f t="array" ref="H7605">IFERROR(INDEX(Jesper!AL$2:AL$366,ROUNDDOWN($C7605/24,0)+1,1)*INDEX($D$3:$AA$30,INDEX(Jesper!$R$2:$R$366,ROW(INDEX(Jesper!AL$2:AL$366,ROUNDDOWN($C7605/24,0)+1,1))-1)+IF('Standard Profiles'!$G$22=$B$10,7,0)+IF('Standard Profiles'!$G$22=$B$17,14,0)+IF('Standard Profiles'!$G$22=$B$24,21,0),MOD($C7605,24)+1)/SUM(INDEX($D$3:$AA$30,INDEX(Jesper!$R$2:$R$366,ROW(INDEX(Jesper!AL$2:AL$366,ROUNDDOWN($C7605/24,0)+1,1))-1)+IF('Standard Profiles'!$G$22=$B$10,7,0)+IF('Standard Profiles'!$G$22=$B$17,14,0)+IF('Standard Profiles'!$G$22=$B$24,21,0),0)),0)</f>
        <v>4.4336746991011378</v>
      </c>
      <c r="I7605">
        <f t="shared" si="846"/>
        <v>4.2563277111370947</v>
      </c>
      <c r="J7605">
        <f t="shared" si="847"/>
        <v>12.16615844891292</v>
      </c>
      <c r="K7605">
        <f t="shared" si="848"/>
        <v>0.34514238106157302</v>
      </c>
      <c r="L7605">
        <f t="shared" si="849"/>
        <v>0.17257119053078651</v>
      </c>
      <c r="M7605">
        <f t="shared" si="850"/>
        <v>0</v>
      </c>
      <c r="N7605" s="45">
        <f t="shared" si="851"/>
        <v>45242.458333314971</v>
      </c>
    </row>
    <row r="7606" spans="2:14" x14ac:dyDescent="0.25">
      <c r="B7606">
        <f t="shared" si="845"/>
        <v>7</v>
      </c>
      <c r="C7606" s="16">
        <v>7572</v>
      </c>
      <c r="D7606" cm="1">
        <f t="array" ref="D7606">IFERROR(INDEX(Jesper!AH$2:AH$366,ROUNDDOWN($C7606/24,0)+1,1)*INDEX($D$3:$AA$30,INDEX(Jesper!$R$2:$R$366,ROW(INDEX(Jesper!AH$2:AH$366,ROUNDDOWN($C7606/24,0)+1,1))-1)+IF('Standard Profiles'!$G$18=$B$10,7,0)+IF('Standard Profiles'!$G$18=$B$17,14,0)+IF('Standard Profiles'!$G$18=$B$24,21,0),MOD($C7606,24)+1)/SUM(INDEX($D$3:$AA$30,INDEX(Jesper!$R$2:$R$366,ROW(INDEX(Jesper!AH$2:AH$366,ROUNDDOWN($C7606/24,0)+1,1))-1)+IF('Standard Profiles'!$G$18=$B$10,7,0)+IF('Standard Profiles'!$G$18=$B$17,14,0)+IF('Standard Profiles'!$G$18=$B$24,21,0),0)),0)</f>
        <v>0</v>
      </c>
      <c r="E7606" cm="1">
        <f t="array" ref="E7606">IFERROR(INDEX(Jesper!AI$2:AI$366,ROUNDDOWN($C7606/24,0)+1,1)*INDEX($D$3:$AA$30,INDEX(Jesper!$R$2:$R$366,ROW(INDEX(Jesper!AI$2:AI$366,ROUNDDOWN($C7606/24,0)+1,1))-1)+IF('Standard Profiles'!$G$19=$B$10,7,0)+IF('Standard Profiles'!$G$19=$B$17,14,0)+IF('Standard Profiles'!$G$19=$B$24,21,0),MOD($C7606,24)+1)/SUM(INDEX($D$3:$AA$30,INDEX(Jesper!$R$2:$R$366,ROW(INDEX(Jesper!AI$2:AI$366,ROUNDDOWN($C7606/24,0)+1,1))-1)+IF('Standard Profiles'!$G$19=$B$10,7,0)+IF('Standard Profiles'!$G$19=$B$17,14,0)+IF('Standard Profiles'!$G$19=$B$24,21,0),0)),0)</f>
        <v>4.3142797632696626</v>
      </c>
      <c r="F7606" cm="1">
        <f t="array" ref="F7606">IFERROR(INDEX(Jesper!AJ$2:AJ$366,ROUNDDOWN($C7606/24,0)+1,1)*INDEX($D$3:$AA$30,INDEX(Jesper!$R$2:$R$366,ROW(INDEX(Jesper!AJ$2:AJ$366,ROUNDDOWN($C7606/24,0)+1,1))-1)+IF('Standard Profiles'!$G$20=$B$10,7,0)+IF('Standard Profiles'!$G$20=$B$17,14,0)+IF('Standard Profiles'!$G$20=$B$24,21,0),MOD($C7606,24)+1)/SUM(INDEX($D$3:$AA$30,INDEX(Jesper!$R$2:$R$366,ROW(INDEX(Jesper!AJ$2:AJ$366,ROUNDDOWN($C7606/24,0)+1,1))-1)+IF('Standard Profiles'!$G$20=$B$10,7,0)+IF('Standard Profiles'!$G$20=$B$17,14,0)+IF('Standard Profiles'!$G$20=$B$24,21,0),0)),0)</f>
        <v>3.3499631427615708</v>
      </c>
      <c r="G7606" cm="1">
        <f t="array" ref="G7606">IFERROR(INDEX(Jesper!AK$2:AK$366,ROUNDDOWN($C7606/24,0)+1,1)*INDEX($D$3:$AA$30,INDEX(Jesper!$R$2:$R$366,ROW(INDEX(Jesper!AK$2:AK$366,ROUNDDOWN($C7606/24,0)+1,1))-1)+IF('Standard Profiles'!$G$21=$B$10,7,0)+IF('Standard Profiles'!$G$21=$B$17,14,0)+IF('Standard Profiles'!$G$21=$B$24,21,0),MOD($C7606,24)+1)/SUM(INDEX($D$3:$AA$30,INDEX(Jesper!$R$2:$R$366,ROW(INDEX(Jesper!AK$2:AK$366,ROUNDDOWN($C7606/24,0)+1,1))-1)+IF('Standard Profiles'!$G$21=$B$10,7,0)+IF('Standard Profiles'!$G$21=$B$17,14,0)+IF('Standard Profiles'!$G$21=$B$24,21,0),0)),0)</f>
        <v>4.8422821265100042</v>
      </c>
      <c r="H7606" cm="1">
        <f t="array" ref="H7606">IFERROR(INDEX(Jesper!AL$2:AL$366,ROUNDDOWN($C7606/24,0)+1,1)*INDEX($D$3:$AA$30,INDEX(Jesper!$R$2:$R$366,ROW(INDEX(Jesper!AL$2:AL$366,ROUNDDOWN($C7606/24,0)+1,1))-1)+IF('Standard Profiles'!$G$22=$B$10,7,0)+IF('Standard Profiles'!$G$22=$B$17,14,0)+IF('Standard Profiles'!$G$22=$B$24,21,0),MOD($C7606,24)+1)/SUM(INDEX($D$3:$AA$30,INDEX(Jesper!$R$2:$R$366,ROW(INDEX(Jesper!AL$2:AL$366,ROUNDDOWN($C7606/24,0)+1,1))-1)+IF('Standard Profiles'!$G$22=$B$10,7,0)+IF('Standard Profiles'!$G$22=$B$17,14,0)+IF('Standard Profiles'!$G$22=$B$24,21,0),0)),0)</f>
        <v>4.4336746991011378</v>
      </c>
      <c r="I7606">
        <f t="shared" si="846"/>
        <v>4.2563277111370947</v>
      </c>
      <c r="J7606">
        <f t="shared" si="847"/>
        <v>12.16615844891292</v>
      </c>
      <c r="K7606">
        <f t="shared" si="848"/>
        <v>0.34514238106157302</v>
      </c>
      <c r="L7606">
        <f t="shared" si="849"/>
        <v>0.17257119053078651</v>
      </c>
      <c r="M7606">
        <f t="shared" si="850"/>
        <v>0</v>
      </c>
      <c r="N7606" s="45">
        <f t="shared" si="851"/>
        <v>45242.499999981635</v>
      </c>
    </row>
    <row r="7607" spans="2:14" x14ac:dyDescent="0.25">
      <c r="B7607">
        <f t="shared" si="845"/>
        <v>7</v>
      </c>
      <c r="C7607" s="16">
        <v>7573</v>
      </c>
      <c r="D7607" cm="1">
        <f t="array" ref="D7607">IFERROR(INDEX(Jesper!AH$2:AH$366,ROUNDDOWN($C7607/24,0)+1,1)*INDEX($D$3:$AA$30,INDEX(Jesper!$R$2:$R$366,ROW(INDEX(Jesper!AH$2:AH$366,ROUNDDOWN($C7607/24,0)+1,1))-1)+IF('Standard Profiles'!$G$18=$B$10,7,0)+IF('Standard Profiles'!$G$18=$B$17,14,0)+IF('Standard Profiles'!$G$18=$B$24,21,0),MOD($C7607,24)+1)/SUM(INDEX($D$3:$AA$30,INDEX(Jesper!$R$2:$R$366,ROW(INDEX(Jesper!AH$2:AH$366,ROUNDDOWN($C7607/24,0)+1,1))-1)+IF('Standard Profiles'!$G$18=$B$10,7,0)+IF('Standard Profiles'!$G$18=$B$17,14,0)+IF('Standard Profiles'!$G$18=$B$24,21,0),0)),0)</f>
        <v>0</v>
      </c>
      <c r="E7607" cm="1">
        <f t="array" ref="E7607">IFERROR(INDEX(Jesper!AI$2:AI$366,ROUNDDOWN($C7607/24,0)+1,1)*INDEX($D$3:$AA$30,INDEX(Jesper!$R$2:$R$366,ROW(INDEX(Jesper!AI$2:AI$366,ROUNDDOWN($C7607/24,0)+1,1))-1)+IF('Standard Profiles'!$G$19=$B$10,7,0)+IF('Standard Profiles'!$G$19=$B$17,14,0)+IF('Standard Profiles'!$G$19=$B$24,21,0),MOD($C7607,24)+1)/SUM(INDEX($D$3:$AA$30,INDEX(Jesper!$R$2:$R$366,ROW(INDEX(Jesper!AI$2:AI$366,ROUNDDOWN($C7607/24,0)+1,1))-1)+IF('Standard Profiles'!$G$19=$B$10,7,0)+IF('Standard Profiles'!$G$19=$B$17,14,0)+IF('Standard Profiles'!$G$19=$B$24,21,0),0)),0)</f>
        <v>4.3142797632696626</v>
      </c>
      <c r="F7607" cm="1">
        <f t="array" ref="F7607">IFERROR(INDEX(Jesper!AJ$2:AJ$366,ROUNDDOWN($C7607/24,0)+1,1)*INDEX($D$3:$AA$30,INDEX(Jesper!$R$2:$R$366,ROW(INDEX(Jesper!AJ$2:AJ$366,ROUNDDOWN($C7607/24,0)+1,1))-1)+IF('Standard Profiles'!$G$20=$B$10,7,0)+IF('Standard Profiles'!$G$20=$B$17,14,0)+IF('Standard Profiles'!$G$20=$B$24,21,0),MOD($C7607,24)+1)/SUM(INDEX($D$3:$AA$30,INDEX(Jesper!$R$2:$R$366,ROW(INDEX(Jesper!AJ$2:AJ$366,ROUNDDOWN($C7607/24,0)+1,1))-1)+IF('Standard Profiles'!$G$20=$B$10,7,0)+IF('Standard Profiles'!$G$20=$B$17,14,0)+IF('Standard Profiles'!$G$20=$B$24,21,0),0)),0)</f>
        <v>3.3499631427615708</v>
      </c>
      <c r="G7607" cm="1">
        <f t="array" ref="G7607">IFERROR(INDEX(Jesper!AK$2:AK$366,ROUNDDOWN($C7607/24,0)+1,1)*INDEX($D$3:$AA$30,INDEX(Jesper!$R$2:$R$366,ROW(INDEX(Jesper!AK$2:AK$366,ROUNDDOWN($C7607/24,0)+1,1))-1)+IF('Standard Profiles'!$G$21=$B$10,7,0)+IF('Standard Profiles'!$G$21=$B$17,14,0)+IF('Standard Profiles'!$G$21=$B$24,21,0),MOD($C7607,24)+1)/SUM(INDEX($D$3:$AA$30,INDEX(Jesper!$R$2:$R$366,ROW(INDEX(Jesper!AK$2:AK$366,ROUNDDOWN($C7607/24,0)+1,1))-1)+IF('Standard Profiles'!$G$21=$B$10,7,0)+IF('Standard Profiles'!$G$21=$B$17,14,0)+IF('Standard Profiles'!$G$21=$B$24,21,0),0)),0)</f>
        <v>4.8422821265100042</v>
      </c>
      <c r="H7607" cm="1">
        <f t="array" ref="H7607">IFERROR(INDEX(Jesper!AL$2:AL$366,ROUNDDOWN($C7607/24,0)+1,1)*INDEX($D$3:$AA$30,INDEX(Jesper!$R$2:$R$366,ROW(INDEX(Jesper!AL$2:AL$366,ROUNDDOWN($C7607/24,0)+1,1))-1)+IF('Standard Profiles'!$G$22=$B$10,7,0)+IF('Standard Profiles'!$G$22=$B$17,14,0)+IF('Standard Profiles'!$G$22=$B$24,21,0),MOD($C7607,24)+1)/SUM(INDEX($D$3:$AA$30,INDEX(Jesper!$R$2:$R$366,ROW(INDEX(Jesper!AL$2:AL$366,ROUNDDOWN($C7607/24,0)+1,1))-1)+IF('Standard Profiles'!$G$22=$B$10,7,0)+IF('Standard Profiles'!$G$22=$B$17,14,0)+IF('Standard Profiles'!$G$22=$B$24,21,0),0)),0)</f>
        <v>4.4336746991011378</v>
      </c>
      <c r="I7607">
        <f t="shared" si="846"/>
        <v>4.2563277111370947</v>
      </c>
      <c r="J7607">
        <f t="shared" si="847"/>
        <v>12.16615844891292</v>
      </c>
      <c r="K7607">
        <f t="shared" si="848"/>
        <v>0.34514238106157302</v>
      </c>
      <c r="L7607">
        <f t="shared" si="849"/>
        <v>0.17257119053078651</v>
      </c>
      <c r="M7607">
        <f t="shared" si="850"/>
        <v>0</v>
      </c>
      <c r="N7607" s="45">
        <f t="shared" si="851"/>
        <v>45242.5416666483</v>
      </c>
    </row>
    <row r="7608" spans="2:14" x14ac:dyDescent="0.25">
      <c r="B7608">
        <f t="shared" si="845"/>
        <v>7</v>
      </c>
      <c r="C7608" s="16">
        <v>7574</v>
      </c>
      <c r="D7608" cm="1">
        <f t="array" ref="D7608">IFERROR(INDEX(Jesper!AH$2:AH$366,ROUNDDOWN($C7608/24,0)+1,1)*INDEX($D$3:$AA$30,INDEX(Jesper!$R$2:$R$366,ROW(INDEX(Jesper!AH$2:AH$366,ROUNDDOWN($C7608/24,0)+1,1))-1)+IF('Standard Profiles'!$G$18=$B$10,7,0)+IF('Standard Profiles'!$G$18=$B$17,14,0)+IF('Standard Profiles'!$G$18=$B$24,21,0),MOD($C7608,24)+1)/SUM(INDEX($D$3:$AA$30,INDEX(Jesper!$R$2:$R$366,ROW(INDEX(Jesper!AH$2:AH$366,ROUNDDOWN($C7608/24,0)+1,1))-1)+IF('Standard Profiles'!$G$18=$B$10,7,0)+IF('Standard Profiles'!$G$18=$B$17,14,0)+IF('Standard Profiles'!$G$18=$B$24,21,0),0)),0)</f>
        <v>0</v>
      </c>
      <c r="E7608" cm="1">
        <f t="array" ref="E7608">IFERROR(INDEX(Jesper!AI$2:AI$366,ROUNDDOWN($C7608/24,0)+1,1)*INDEX($D$3:$AA$30,INDEX(Jesper!$R$2:$R$366,ROW(INDEX(Jesper!AI$2:AI$366,ROUNDDOWN($C7608/24,0)+1,1))-1)+IF('Standard Profiles'!$G$19=$B$10,7,0)+IF('Standard Profiles'!$G$19=$B$17,14,0)+IF('Standard Profiles'!$G$19=$B$24,21,0),MOD($C7608,24)+1)/SUM(INDEX($D$3:$AA$30,INDEX(Jesper!$R$2:$R$366,ROW(INDEX(Jesper!AI$2:AI$366,ROUNDDOWN($C7608/24,0)+1,1))-1)+IF('Standard Profiles'!$G$19=$B$10,7,0)+IF('Standard Profiles'!$G$19=$B$17,14,0)+IF('Standard Profiles'!$G$19=$B$24,21,0),0)),0)</f>
        <v>4.3142797632696626</v>
      </c>
      <c r="F7608" cm="1">
        <f t="array" ref="F7608">IFERROR(INDEX(Jesper!AJ$2:AJ$366,ROUNDDOWN($C7608/24,0)+1,1)*INDEX($D$3:$AA$30,INDEX(Jesper!$R$2:$R$366,ROW(INDEX(Jesper!AJ$2:AJ$366,ROUNDDOWN($C7608/24,0)+1,1))-1)+IF('Standard Profiles'!$G$20=$B$10,7,0)+IF('Standard Profiles'!$G$20=$B$17,14,0)+IF('Standard Profiles'!$G$20=$B$24,21,0),MOD($C7608,24)+1)/SUM(INDEX($D$3:$AA$30,INDEX(Jesper!$R$2:$R$366,ROW(INDEX(Jesper!AJ$2:AJ$366,ROUNDDOWN($C7608/24,0)+1,1))-1)+IF('Standard Profiles'!$G$20=$B$10,7,0)+IF('Standard Profiles'!$G$20=$B$17,14,0)+IF('Standard Profiles'!$G$20=$B$24,21,0),0)),0)</f>
        <v>3.3499631427615708</v>
      </c>
      <c r="G7608" cm="1">
        <f t="array" ref="G7608">IFERROR(INDEX(Jesper!AK$2:AK$366,ROUNDDOWN($C7608/24,0)+1,1)*INDEX($D$3:$AA$30,INDEX(Jesper!$R$2:$R$366,ROW(INDEX(Jesper!AK$2:AK$366,ROUNDDOWN($C7608/24,0)+1,1))-1)+IF('Standard Profiles'!$G$21=$B$10,7,0)+IF('Standard Profiles'!$G$21=$B$17,14,0)+IF('Standard Profiles'!$G$21=$B$24,21,0),MOD($C7608,24)+1)/SUM(INDEX($D$3:$AA$30,INDEX(Jesper!$R$2:$R$366,ROW(INDEX(Jesper!AK$2:AK$366,ROUNDDOWN($C7608/24,0)+1,1))-1)+IF('Standard Profiles'!$G$21=$B$10,7,0)+IF('Standard Profiles'!$G$21=$B$17,14,0)+IF('Standard Profiles'!$G$21=$B$24,21,0),0)),0)</f>
        <v>4.8422821265100042</v>
      </c>
      <c r="H7608" cm="1">
        <f t="array" ref="H7608">IFERROR(INDEX(Jesper!AL$2:AL$366,ROUNDDOWN($C7608/24,0)+1,1)*INDEX($D$3:$AA$30,INDEX(Jesper!$R$2:$R$366,ROW(INDEX(Jesper!AL$2:AL$366,ROUNDDOWN($C7608/24,0)+1,1))-1)+IF('Standard Profiles'!$G$22=$B$10,7,0)+IF('Standard Profiles'!$G$22=$B$17,14,0)+IF('Standard Profiles'!$G$22=$B$24,21,0),MOD($C7608,24)+1)/SUM(INDEX($D$3:$AA$30,INDEX(Jesper!$R$2:$R$366,ROW(INDEX(Jesper!AL$2:AL$366,ROUNDDOWN($C7608/24,0)+1,1))-1)+IF('Standard Profiles'!$G$22=$B$10,7,0)+IF('Standard Profiles'!$G$22=$B$17,14,0)+IF('Standard Profiles'!$G$22=$B$24,21,0),0)),0)</f>
        <v>4.4336746991011378</v>
      </c>
      <c r="I7608">
        <f t="shared" si="846"/>
        <v>4.2563277111370947</v>
      </c>
      <c r="J7608">
        <f t="shared" si="847"/>
        <v>12.16615844891292</v>
      </c>
      <c r="K7608">
        <f t="shared" si="848"/>
        <v>0.34514238106157302</v>
      </c>
      <c r="L7608">
        <f t="shared" si="849"/>
        <v>0.17257119053078651</v>
      </c>
      <c r="M7608">
        <f t="shared" si="850"/>
        <v>0</v>
      </c>
      <c r="N7608" s="45">
        <f t="shared" si="851"/>
        <v>45242.583333314964</v>
      </c>
    </row>
    <row r="7609" spans="2:14" x14ac:dyDescent="0.25">
      <c r="B7609">
        <f t="shared" si="845"/>
        <v>7</v>
      </c>
      <c r="C7609" s="16">
        <v>7575</v>
      </c>
      <c r="D7609" cm="1">
        <f t="array" ref="D7609">IFERROR(INDEX(Jesper!AH$2:AH$366,ROUNDDOWN($C7609/24,0)+1,1)*INDEX($D$3:$AA$30,INDEX(Jesper!$R$2:$R$366,ROW(INDEX(Jesper!AH$2:AH$366,ROUNDDOWN($C7609/24,0)+1,1))-1)+IF('Standard Profiles'!$G$18=$B$10,7,0)+IF('Standard Profiles'!$G$18=$B$17,14,0)+IF('Standard Profiles'!$G$18=$B$24,21,0),MOD($C7609,24)+1)/SUM(INDEX($D$3:$AA$30,INDEX(Jesper!$R$2:$R$366,ROW(INDEX(Jesper!AH$2:AH$366,ROUNDDOWN($C7609/24,0)+1,1))-1)+IF('Standard Profiles'!$G$18=$B$10,7,0)+IF('Standard Profiles'!$G$18=$B$17,14,0)+IF('Standard Profiles'!$G$18=$B$24,21,0),0)),0)</f>
        <v>0</v>
      </c>
      <c r="E7609" cm="1">
        <f t="array" ref="E7609">IFERROR(INDEX(Jesper!AI$2:AI$366,ROUNDDOWN($C7609/24,0)+1,1)*INDEX($D$3:$AA$30,INDEX(Jesper!$R$2:$R$366,ROW(INDEX(Jesper!AI$2:AI$366,ROUNDDOWN($C7609/24,0)+1,1))-1)+IF('Standard Profiles'!$G$19=$B$10,7,0)+IF('Standard Profiles'!$G$19=$B$17,14,0)+IF('Standard Profiles'!$G$19=$B$24,21,0),MOD($C7609,24)+1)/SUM(INDEX($D$3:$AA$30,INDEX(Jesper!$R$2:$R$366,ROW(INDEX(Jesper!AI$2:AI$366,ROUNDDOWN($C7609/24,0)+1,1))-1)+IF('Standard Profiles'!$G$19=$B$10,7,0)+IF('Standard Profiles'!$G$19=$B$17,14,0)+IF('Standard Profiles'!$G$19=$B$24,21,0),0)),0)</f>
        <v>4.3142797632696626</v>
      </c>
      <c r="F7609" cm="1">
        <f t="array" ref="F7609">IFERROR(INDEX(Jesper!AJ$2:AJ$366,ROUNDDOWN($C7609/24,0)+1,1)*INDEX($D$3:$AA$30,INDEX(Jesper!$R$2:$R$366,ROW(INDEX(Jesper!AJ$2:AJ$366,ROUNDDOWN($C7609/24,0)+1,1))-1)+IF('Standard Profiles'!$G$20=$B$10,7,0)+IF('Standard Profiles'!$G$20=$B$17,14,0)+IF('Standard Profiles'!$G$20=$B$24,21,0),MOD($C7609,24)+1)/SUM(INDEX($D$3:$AA$30,INDEX(Jesper!$R$2:$R$366,ROW(INDEX(Jesper!AJ$2:AJ$366,ROUNDDOWN($C7609/24,0)+1,1))-1)+IF('Standard Profiles'!$G$20=$B$10,7,0)+IF('Standard Profiles'!$G$20=$B$17,14,0)+IF('Standard Profiles'!$G$20=$B$24,21,0),0)),0)</f>
        <v>3.3499631427615708</v>
      </c>
      <c r="G7609" cm="1">
        <f t="array" ref="G7609">IFERROR(INDEX(Jesper!AK$2:AK$366,ROUNDDOWN($C7609/24,0)+1,1)*INDEX($D$3:$AA$30,INDEX(Jesper!$R$2:$R$366,ROW(INDEX(Jesper!AK$2:AK$366,ROUNDDOWN($C7609/24,0)+1,1))-1)+IF('Standard Profiles'!$G$21=$B$10,7,0)+IF('Standard Profiles'!$G$21=$B$17,14,0)+IF('Standard Profiles'!$G$21=$B$24,21,0),MOD($C7609,24)+1)/SUM(INDEX($D$3:$AA$30,INDEX(Jesper!$R$2:$R$366,ROW(INDEX(Jesper!AK$2:AK$366,ROUNDDOWN($C7609/24,0)+1,1))-1)+IF('Standard Profiles'!$G$21=$B$10,7,0)+IF('Standard Profiles'!$G$21=$B$17,14,0)+IF('Standard Profiles'!$G$21=$B$24,21,0),0)),0)</f>
        <v>4.8422821265100042</v>
      </c>
      <c r="H7609" cm="1">
        <f t="array" ref="H7609">IFERROR(INDEX(Jesper!AL$2:AL$366,ROUNDDOWN($C7609/24,0)+1,1)*INDEX($D$3:$AA$30,INDEX(Jesper!$R$2:$R$366,ROW(INDEX(Jesper!AL$2:AL$366,ROUNDDOWN($C7609/24,0)+1,1))-1)+IF('Standard Profiles'!$G$22=$B$10,7,0)+IF('Standard Profiles'!$G$22=$B$17,14,0)+IF('Standard Profiles'!$G$22=$B$24,21,0),MOD($C7609,24)+1)/SUM(INDEX($D$3:$AA$30,INDEX(Jesper!$R$2:$R$366,ROW(INDEX(Jesper!AL$2:AL$366,ROUNDDOWN($C7609/24,0)+1,1))-1)+IF('Standard Profiles'!$G$22=$B$10,7,0)+IF('Standard Profiles'!$G$22=$B$17,14,0)+IF('Standard Profiles'!$G$22=$B$24,21,0),0)),0)</f>
        <v>3.9410441769787887</v>
      </c>
      <c r="I7609">
        <f t="shared" si="846"/>
        <v>3.7834024098996393</v>
      </c>
      <c r="J7609">
        <f t="shared" si="847"/>
        <v>12.146453228028026</v>
      </c>
      <c r="K7609">
        <f t="shared" si="848"/>
        <v>0.34514238106157302</v>
      </c>
      <c r="L7609">
        <f t="shared" si="849"/>
        <v>0.17257119053078651</v>
      </c>
      <c r="M7609">
        <f t="shared" si="850"/>
        <v>0</v>
      </c>
      <c r="N7609" s="45">
        <f t="shared" si="851"/>
        <v>45242.624999981628</v>
      </c>
    </row>
    <row r="7610" spans="2:14" x14ac:dyDescent="0.25">
      <c r="B7610">
        <f t="shared" si="845"/>
        <v>7</v>
      </c>
      <c r="C7610" s="16">
        <v>7576</v>
      </c>
      <c r="D7610" cm="1">
        <f t="array" ref="D7610">IFERROR(INDEX(Jesper!AH$2:AH$366,ROUNDDOWN($C7610/24,0)+1,1)*INDEX($D$3:$AA$30,INDEX(Jesper!$R$2:$R$366,ROW(INDEX(Jesper!AH$2:AH$366,ROUNDDOWN($C7610/24,0)+1,1))-1)+IF('Standard Profiles'!$G$18=$B$10,7,0)+IF('Standard Profiles'!$G$18=$B$17,14,0)+IF('Standard Profiles'!$G$18=$B$24,21,0),MOD($C7610,24)+1)/SUM(INDEX($D$3:$AA$30,INDEX(Jesper!$R$2:$R$366,ROW(INDEX(Jesper!AH$2:AH$366,ROUNDDOWN($C7610/24,0)+1,1))-1)+IF('Standard Profiles'!$G$18=$B$10,7,0)+IF('Standard Profiles'!$G$18=$B$17,14,0)+IF('Standard Profiles'!$G$18=$B$24,21,0),0)),0)</f>
        <v>0</v>
      </c>
      <c r="E7610" cm="1">
        <f t="array" ref="E7610">IFERROR(INDEX(Jesper!AI$2:AI$366,ROUNDDOWN($C7610/24,0)+1,1)*INDEX($D$3:$AA$30,INDEX(Jesper!$R$2:$R$366,ROW(INDEX(Jesper!AI$2:AI$366,ROUNDDOWN($C7610/24,0)+1,1))-1)+IF('Standard Profiles'!$G$19=$B$10,7,0)+IF('Standard Profiles'!$G$19=$B$17,14,0)+IF('Standard Profiles'!$G$19=$B$24,21,0),MOD($C7610,24)+1)/SUM(INDEX($D$3:$AA$30,INDEX(Jesper!$R$2:$R$366,ROW(INDEX(Jesper!AI$2:AI$366,ROUNDDOWN($C7610/24,0)+1,1))-1)+IF('Standard Profiles'!$G$19=$B$10,7,0)+IF('Standard Profiles'!$G$19=$B$17,14,0)+IF('Standard Profiles'!$G$19=$B$24,21,0),0)),0)</f>
        <v>4.3142797632696626</v>
      </c>
      <c r="F7610" cm="1">
        <f t="array" ref="F7610">IFERROR(INDEX(Jesper!AJ$2:AJ$366,ROUNDDOWN($C7610/24,0)+1,1)*INDEX($D$3:$AA$30,INDEX(Jesper!$R$2:$R$366,ROW(INDEX(Jesper!AJ$2:AJ$366,ROUNDDOWN($C7610/24,0)+1,1))-1)+IF('Standard Profiles'!$G$20=$B$10,7,0)+IF('Standard Profiles'!$G$20=$B$17,14,0)+IF('Standard Profiles'!$G$20=$B$24,21,0),MOD($C7610,24)+1)/SUM(INDEX($D$3:$AA$30,INDEX(Jesper!$R$2:$R$366,ROW(INDEX(Jesper!AJ$2:AJ$366,ROUNDDOWN($C7610/24,0)+1,1))-1)+IF('Standard Profiles'!$G$20=$B$10,7,0)+IF('Standard Profiles'!$G$20=$B$17,14,0)+IF('Standard Profiles'!$G$20=$B$24,21,0),0)),0)</f>
        <v>3.3499631427615708</v>
      </c>
      <c r="G7610" cm="1">
        <f t="array" ref="G7610">IFERROR(INDEX(Jesper!AK$2:AK$366,ROUNDDOWN($C7610/24,0)+1,1)*INDEX($D$3:$AA$30,INDEX(Jesper!$R$2:$R$366,ROW(INDEX(Jesper!AK$2:AK$366,ROUNDDOWN($C7610/24,0)+1,1))-1)+IF('Standard Profiles'!$G$21=$B$10,7,0)+IF('Standard Profiles'!$G$21=$B$17,14,0)+IF('Standard Profiles'!$G$21=$B$24,21,0),MOD($C7610,24)+1)/SUM(INDEX($D$3:$AA$30,INDEX(Jesper!$R$2:$R$366,ROW(INDEX(Jesper!AK$2:AK$366,ROUNDDOWN($C7610/24,0)+1,1))-1)+IF('Standard Profiles'!$G$21=$B$10,7,0)+IF('Standard Profiles'!$G$21=$B$17,14,0)+IF('Standard Profiles'!$G$21=$B$24,21,0),0)),0)</f>
        <v>4.8422821265100042</v>
      </c>
      <c r="H7610" cm="1">
        <f t="array" ref="H7610">IFERROR(INDEX(Jesper!AL$2:AL$366,ROUNDDOWN($C7610/24,0)+1,1)*INDEX($D$3:$AA$30,INDEX(Jesper!$R$2:$R$366,ROW(INDEX(Jesper!AL$2:AL$366,ROUNDDOWN($C7610/24,0)+1,1))-1)+IF('Standard Profiles'!$G$22=$B$10,7,0)+IF('Standard Profiles'!$G$22=$B$17,14,0)+IF('Standard Profiles'!$G$22=$B$24,21,0),MOD($C7610,24)+1)/SUM(INDEX($D$3:$AA$30,INDEX(Jesper!$R$2:$R$366,ROW(INDEX(Jesper!AL$2:AL$366,ROUNDDOWN($C7610/24,0)+1,1))-1)+IF('Standard Profiles'!$G$22=$B$10,7,0)+IF('Standard Profiles'!$G$22=$B$17,14,0)+IF('Standard Profiles'!$G$22=$B$24,21,0),0)),0)</f>
        <v>3.8706683881041677</v>
      </c>
      <c r="I7610">
        <f t="shared" si="846"/>
        <v>3.7158416525800031</v>
      </c>
      <c r="J7610">
        <f t="shared" si="847"/>
        <v>12.143638196473042</v>
      </c>
      <c r="K7610">
        <f t="shared" si="848"/>
        <v>0.34514238106157302</v>
      </c>
      <c r="L7610">
        <f t="shared" si="849"/>
        <v>0.17257119053078651</v>
      </c>
      <c r="M7610">
        <f t="shared" si="850"/>
        <v>0</v>
      </c>
      <c r="N7610" s="45">
        <f t="shared" si="851"/>
        <v>45242.666666648292</v>
      </c>
    </row>
    <row r="7611" spans="2:14" x14ac:dyDescent="0.25">
      <c r="B7611">
        <f t="shared" si="845"/>
        <v>7</v>
      </c>
      <c r="C7611" s="16">
        <v>7577</v>
      </c>
      <c r="D7611" cm="1">
        <f t="array" ref="D7611">IFERROR(INDEX(Jesper!AH$2:AH$366,ROUNDDOWN($C7611/24,0)+1,1)*INDEX($D$3:$AA$30,INDEX(Jesper!$R$2:$R$366,ROW(INDEX(Jesper!AH$2:AH$366,ROUNDDOWN($C7611/24,0)+1,1))-1)+IF('Standard Profiles'!$G$18=$B$10,7,0)+IF('Standard Profiles'!$G$18=$B$17,14,0)+IF('Standard Profiles'!$G$18=$B$24,21,0),MOD($C7611,24)+1)/SUM(INDEX($D$3:$AA$30,INDEX(Jesper!$R$2:$R$366,ROW(INDEX(Jesper!AH$2:AH$366,ROUNDDOWN($C7611/24,0)+1,1))-1)+IF('Standard Profiles'!$G$18=$B$10,7,0)+IF('Standard Profiles'!$G$18=$B$17,14,0)+IF('Standard Profiles'!$G$18=$B$24,21,0),0)),0)</f>
        <v>0</v>
      </c>
      <c r="E7611" cm="1">
        <f t="array" ref="E7611">IFERROR(INDEX(Jesper!AI$2:AI$366,ROUNDDOWN($C7611/24,0)+1,1)*INDEX($D$3:$AA$30,INDEX(Jesper!$R$2:$R$366,ROW(INDEX(Jesper!AI$2:AI$366,ROUNDDOWN($C7611/24,0)+1,1))-1)+IF('Standard Profiles'!$G$19=$B$10,7,0)+IF('Standard Profiles'!$G$19=$B$17,14,0)+IF('Standard Profiles'!$G$19=$B$24,21,0),MOD($C7611,24)+1)/SUM(INDEX($D$3:$AA$30,INDEX(Jesper!$R$2:$R$366,ROW(INDEX(Jesper!AI$2:AI$366,ROUNDDOWN($C7611/24,0)+1,1))-1)+IF('Standard Profiles'!$G$19=$B$10,7,0)+IF('Standard Profiles'!$G$19=$B$17,14,0)+IF('Standard Profiles'!$G$19=$B$24,21,0),0)),0)</f>
        <v>4.3142797632696626</v>
      </c>
      <c r="F7611" cm="1">
        <f t="array" ref="F7611">IFERROR(INDEX(Jesper!AJ$2:AJ$366,ROUNDDOWN($C7611/24,0)+1,1)*INDEX($D$3:$AA$30,INDEX(Jesper!$R$2:$R$366,ROW(INDEX(Jesper!AJ$2:AJ$366,ROUNDDOWN($C7611/24,0)+1,1))-1)+IF('Standard Profiles'!$G$20=$B$10,7,0)+IF('Standard Profiles'!$G$20=$B$17,14,0)+IF('Standard Profiles'!$G$20=$B$24,21,0),MOD($C7611,24)+1)/SUM(INDEX($D$3:$AA$30,INDEX(Jesper!$R$2:$R$366,ROW(INDEX(Jesper!AJ$2:AJ$366,ROUNDDOWN($C7611/24,0)+1,1))-1)+IF('Standard Profiles'!$G$20=$B$10,7,0)+IF('Standard Profiles'!$G$20=$B$17,14,0)+IF('Standard Profiles'!$G$20=$B$24,21,0),0)),0)</f>
        <v>3.3499631427615708</v>
      </c>
      <c r="G7611" cm="1">
        <f t="array" ref="G7611">IFERROR(INDEX(Jesper!AK$2:AK$366,ROUNDDOWN($C7611/24,0)+1,1)*INDEX($D$3:$AA$30,INDEX(Jesper!$R$2:$R$366,ROW(INDEX(Jesper!AK$2:AK$366,ROUNDDOWN($C7611/24,0)+1,1))-1)+IF('Standard Profiles'!$G$21=$B$10,7,0)+IF('Standard Profiles'!$G$21=$B$17,14,0)+IF('Standard Profiles'!$G$21=$B$24,21,0),MOD($C7611,24)+1)/SUM(INDEX($D$3:$AA$30,INDEX(Jesper!$R$2:$R$366,ROW(INDEX(Jesper!AK$2:AK$366,ROUNDDOWN($C7611/24,0)+1,1))-1)+IF('Standard Profiles'!$G$21=$B$10,7,0)+IF('Standard Profiles'!$G$21=$B$17,14,0)+IF('Standard Profiles'!$G$21=$B$24,21,0),0)),0)</f>
        <v>4.8422821265100042</v>
      </c>
      <c r="H7611" cm="1">
        <f t="array" ref="H7611">IFERROR(INDEX(Jesper!AL$2:AL$366,ROUNDDOWN($C7611/24,0)+1,1)*INDEX($D$3:$AA$30,INDEX(Jesper!$R$2:$R$366,ROW(INDEX(Jesper!AL$2:AL$366,ROUNDDOWN($C7611/24,0)+1,1))-1)+IF('Standard Profiles'!$G$22=$B$10,7,0)+IF('Standard Profiles'!$G$22=$B$17,14,0)+IF('Standard Profiles'!$G$22=$B$24,21,0),MOD($C7611,24)+1)/SUM(INDEX($D$3:$AA$30,INDEX(Jesper!$R$2:$R$366,ROW(INDEX(Jesper!AL$2:AL$366,ROUNDDOWN($C7611/24,0)+1,1))-1)+IF('Standard Profiles'!$G$22=$B$10,7,0)+IF('Standard Profiles'!$G$22=$B$17,14,0)+IF('Standard Profiles'!$G$22=$B$24,21,0),0)),0)</f>
        <v>3.3076620771071981</v>
      </c>
      <c r="I7611">
        <f t="shared" si="846"/>
        <v>3.1753555940229119</v>
      </c>
      <c r="J7611">
        <f t="shared" si="847"/>
        <v>12.121117944033163</v>
      </c>
      <c r="K7611">
        <f t="shared" si="848"/>
        <v>0.34514238106157302</v>
      </c>
      <c r="L7611">
        <f t="shared" si="849"/>
        <v>0.17257119053078651</v>
      </c>
      <c r="M7611">
        <f t="shared" si="850"/>
        <v>0</v>
      </c>
      <c r="N7611" s="45">
        <f t="shared" si="851"/>
        <v>45242.708333314957</v>
      </c>
    </row>
    <row r="7612" spans="2:14" x14ac:dyDescent="0.25">
      <c r="B7612">
        <f t="shared" si="845"/>
        <v>7</v>
      </c>
      <c r="C7612" s="16">
        <v>7578</v>
      </c>
      <c r="D7612" cm="1">
        <f t="array" ref="D7612">IFERROR(INDEX(Jesper!AH$2:AH$366,ROUNDDOWN($C7612/24,0)+1,1)*INDEX($D$3:$AA$30,INDEX(Jesper!$R$2:$R$366,ROW(INDEX(Jesper!AH$2:AH$366,ROUNDDOWN($C7612/24,0)+1,1))-1)+IF('Standard Profiles'!$G$18=$B$10,7,0)+IF('Standard Profiles'!$G$18=$B$17,14,0)+IF('Standard Profiles'!$G$18=$B$24,21,0),MOD($C7612,24)+1)/SUM(INDEX($D$3:$AA$30,INDEX(Jesper!$R$2:$R$366,ROW(INDEX(Jesper!AH$2:AH$366,ROUNDDOWN($C7612/24,0)+1,1))-1)+IF('Standard Profiles'!$G$18=$B$10,7,0)+IF('Standard Profiles'!$G$18=$B$17,14,0)+IF('Standard Profiles'!$G$18=$B$24,21,0),0)),0)</f>
        <v>0</v>
      </c>
      <c r="E7612" cm="1">
        <f t="array" ref="E7612">IFERROR(INDEX(Jesper!AI$2:AI$366,ROUNDDOWN($C7612/24,0)+1,1)*INDEX($D$3:$AA$30,INDEX(Jesper!$R$2:$R$366,ROW(INDEX(Jesper!AI$2:AI$366,ROUNDDOWN($C7612/24,0)+1,1))-1)+IF('Standard Profiles'!$G$19=$B$10,7,0)+IF('Standard Profiles'!$G$19=$B$17,14,0)+IF('Standard Profiles'!$G$19=$B$24,21,0),MOD($C7612,24)+1)/SUM(INDEX($D$3:$AA$30,INDEX(Jesper!$R$2:$R$366,ROW(INDEX(Jesper!AI$2:AI$366,ROUNDDOWN($C7612/24,0)+1,1))-1)+IF('Standard Profiles'!$G$19=$B$10,7,0)+IF('Standard Profiles'!$G$19=$B$17,14,0)+IF('Standard Profiles'!$G$19=$B$24,21,0),0)),0)</f>
        <v>4.3142797632696626</v>
      </c>
      <c r="F7612" cm="1">
        <f t="array" ref="F7612">IFERROR(INDEX(Jesper!AJ$2:AJ$366,ROUNDDOWN($C7612/24,0)+1,1)*INDEX($D$3:$AA$30,INDEX(Jesper!$R$2:$R$366,ROW(INDEX(Jesper!AJ$2:AJ$366,ROUNDDOWN($C7612/24,0)+1,1))-1)+IF('Standard Profiles'!$G$20=$B$10,7,0)+IF('Standard Profiles'!$G$20=$B$17,14,0)+IF('Standard Profiles'!$G$20=$B$24,21,0),MOD($C7612,24)+1)/SUM(INDEX($D$3:$AA$30,INDEX(Jesper!$R$2:$R$366,ROW(INDEX(Jesper!AJ$2:AJ$366,ROUNDDOWN($C7612/24,0)+1,1))-1)+IF('Standard Profiles'!$G$20=$B$10,7,0)+IF('Standard Profiles'!$G$20=$B$17,14,0)+IF('Standard Profiles'!$G$20=$B$24,21,0),0)),0)</f>
        <v>3.3499631427615708</v>
      </c>
      <c r="G7612" cm="1">
        <f t="array" ref="G7612">IFERROR(INDEX(Jesper!AK$2:AK$366,ROUNDDOWN($C7612/24,0)+1,1)*INDEX($D$3:$AA$30,INDEX(Jesper!$R$2:$R$366,ROW(INDEX(Jesper!AK$2:AK$366,ROUNDDOWN($C7612/24,0)+1,1))-1)+IF('Standard Profiles'!$G$21=$B$10,7,0)+IF('Standard Profiles'!$G$21=$B$17,14,0)+IF('Standard Profiles'!$G$21=$B$24,21,0),MOD($C7612,24)+1)/SUM(INDEX($D$3:$AA$30,INDEX(Jesper!$R$2:$R$366,ROW(INDEX(Jesper!AK$2:AK$366,ROUNDDOWN($C7612/24,0)+1,1))-1)+IF('Standard Profiles'!$G$21=$B$10,7,0)+IF('Standard Profiles'!$G$21=$B$17,14,0)+IF('Standard Profiles'!$G$21=$B$24,21,0),0)),0)</f>
        <v>4.8422821265100042</v>
      </c>
      <c r="H7612" cm="1">
        <f t="array" ref="H7612">IFERROR(INDEX(Jesper!AL$2:AL$366,ROUNDDOWN($C7612/24,0)+1,1)*INDEX($D$3:$AA$30,INDEX(Jesper!$R$2:$R$366,ROW(INDEX(Jesper!AL$2:AL$366,ROUNDDOWN($C7612/24,0)+1,1))-1)+IF('Standard Profiles'!$G$22=$B$10,7,0)+IF('Standard Profiles'!$G$22=$B$17,14,0)+IF('Standard Profiles'!$G$22=$B$24,21,0),MOD($C7612,24)+1)/SUM(INDEX($D$3:$AA$30,INDEX(Jesper!$R$2:$R$366,ROW(INDEX(Jesper!AL$2:AL$366,ROUNDDOWN($C7612/24,0)+1,1))-1)+IF('Standard Profiles'!$G$22=$B$10,7,0)+IF('Standard Profiles'!$G$22=$B$17,14,0)+IF('Standard Profiles'!$G$22=$B$24,21,0),0)),0)</f>
        <v>3.0965347104833345</v>
      </c>
      <c r="I7612">
        <f t="shared" si="846"/>
        <v>2.9726733220640029</v>
      </c>
      <c r="J7612">
        <f t="shared" si="847"/>
        <v>12.112672849368209</v>
      </c>
      <c r="K7612">
        <f t="shared" si="848"/>
        <v>0.34514238106157302</v>
      </c>
      <c r="L7612">
        <f t="shared" si="849"/>
        <v>0.17257119053078651</v>
      </c>
      <c r="M7612">
        <f t="shared" si="850"/>
        <v>0</v>
      </c>
      <c r="N7612" s="45">
        <f t="shared" si="851"/>
        <v>45242.749999981621</v>
      </c>
    </row>
    <row r="7613" spans="2:14" x14ac:dyDescent="0.25">
      <c r="B7613">
        <f t="shared" si="845"/>
        <v>7</v>
      </c>
      <c r="C7613" s="16">
        <v>7579</v>
      </c>
      <c r="D7613" cm="1">
        <f t="array" ref="D7613">IFERROR(INDEX(Jesper!AH$2:AH$366,ROUNDDOWN($C7613/24,0)+1,1)*INDEX($D$3:$AA$30,INDEX(Jesper!$R$2:$R$366,ROW(INDEX(Jesper!AH$2:AH$366,ROUNDDOWN($C7613/24,0)+1,1))-1)+IF('Standard Profiles'!$G$18=$B$10,7,0)+IF('Standard Profiles'!$G$18=$B$17,14,0)+IF('Standard Profiles'!$G$18=$B$24,21,0),MOD($C7613,24)+1)/SUM(INDEX($D$3:$AA$30,INDEX(Jesper!$R$2:$R$366,ROW(INDEX(Jesper!AH$2:AH$366,ROUNDDOWN($C7613/24,0)+1,1))-1)+IF('Standard Profiles'!$G$18=$B$10,7,0)+IF('Standard Profiles'!$G$18=$B$17,14,0)+IF('Standard Profiles'!$G$18=$B$24,21,0),0)),0)</f>
        <v>0</v>
      </c>
      <c r="E7613" cm="1">
        <f t="array" ref="E7613">IFERROR(INDEX(Jesper!AI$2:AI$366,ROUNDDOWN($C7613/24,0)+1,1)*INDEX($D$3:$AA$30,INDEX(Jesper!$R$2:$R$366,ROW(INDEX(Jesper!AI$2:AI$366,ROUNDDOWN($C7613/24,0)+1,1))-1)+IF('Standard Profiles'!$G$19=$B$10,7,0)+IF('Standard Profiles'!$G$19=$B$17,14,0)+IF('Standard Profiles'!$G$19=$B$24,21,0),MOD($C7613,24)+1)/SUM(INDEX($D$3:$AA$30,INDEX(Jesper!$R$2:$R$366,ROW(INDEX(Jesper!AI$2:AI$366,ROUNDDOWN($C7613/24,0)+1,1))-1)+IF('Standard Profiles'!$G$19=$B$10,7,0)+IF('Standard Profiles'!$G$19=$B$17,14,0)+IF('Standard Profiles'!$G$19=$B$24,21,0),0)),0)</f>
        <v>4.3142797632696626</v>
      </c>
      <c r="F7613" cm="1">
        <f t="array" ref="F7613">IFERROR(INDEX(Jesper!AJ$2:AJ$366,ROUNDDOWN($C7613/24,0)+1,1)*INDEX($D$3:$AA$30,INDEX(Jesper!$R$2:$R$366,ROW(INDEX(Jesper!AJ$2:AJ$366,ROUNDDOWN($C7613/24,0)+1,1))-1)+IF('Standard Profiles'!$G$20=$B$10,7,0)+IF('Standard Profiles'!$G$20=$B$17,14,0)+IF('Standard Profiles'!$G$20=$B$24,21,0),MOD($C7613,24)+1)/SUM(INDEX($D$3:$AA$30,INDEX(Jesper!$R$2:$R$366,ROW(INDEX(Jesper!AJ$2:AJ$366,ROUNDDOWN($C7613/24,0)+1,1))-1)+IF('Standard Profiles'!$G$20=$B$10,7,0)+IF('Standard Profiles'!$G$20=$B$17,14,0)+IF('Standard Profiles'!$G$20=$B$24,21,0),0)),0)</f>
        <v>3.3499631427615708</v>
      </c>
      <c r="G7613" cm="1">
        <f t="array" ref="G7613">IFERROR(INDEX(Jesper!AK$2:AK$366,ROUNDDOWN($C7613/24,0)+1,1)*INDEX($D$3:$AA$30,INDEX(Jesper!$R$2:$R$366,ROW(INDEX(Jesper!AK$2:AK$366,ROUNDDOWN($C7613/24,0)+1,1))-1)+IF('Standard Profiles'!$G$21=$B$10,7,0)+IF('Standard Profiles'!$G$21=$B$17,14,0)+IF('Standard Profiles'!$G$21=$B$24,21,0),MOD($C7613,24)+1)/SUM(INDEX($D$3:$AA$30,INDEX(Jesper!$R$2:$R$366,ROW(INDEX(Jesper!AK$2:AK$366,ROUNDDOWN($C7613/24,0)+1,1))-1)+IF('Standard Profiles'!$G$21=$B$10,7,0)+IF('Standard Profiles'!$G$21=$B$17,14,0)+IF('Standard Profiles'!$G$21=$B$24,21,0),0)),0)</f>
        <v>4.8422821265100042</v>
      </c>
      <c r="H7613" cm="1">
        <f t="array" ref="H7613">IFERROR(INDEX(Jesper!AL$2:AL$366,ROUNDDOWN($C7613/24,0)+1,1)*INDEX($D$3:$AA$30,INDEX(Jesper!$R$2:$R$366,ROW(INDEX(Jesper!AL$2:AL$366,ROUNDDOWN($C7613/24,0)+1,1))-1)+IF('Standard Profiles'!$G$22=$B$10,7,0)+IF('Standard Profiles'!$G$22=$B$17,14,0)+IF('Standard Profiles'!$G$22=$B$24,21,0),MOD($C7613,24)+1)/SUM(INDEX($D$3:$AA$30,INDEX(Jesper!$R$2:$R$366,ROW(INDEX(Jesper!AL$2:AL$366,ROUNDDOWN($C7613/24,0)+1,1))-1)+IF('Standard Profiles'!$G$22=$B$10,7,0)+IF('Standard Profiles'!$G$22=$B$17,14,0)+IF('Standard Profiles'!$G$22=$B$24,21,0),0)),0)</f>
        <v>2.6039041883609859</v>
      </c>
      <c r="I7613">
        <f t="shared" si="846"/>
        <v>2.4997480208265479</v>
      </c>
      <c r="J7613">
        <f t="shared" si="847"/>
        <v>12.092967628483315</v>
      </c>
      <c r="K7613">
        <f t="shared" si="848"/>
        <v>0.34514238106157302</v>
      </c>
      <c r="L7613">
        <f t="shared" si="849"/>
        <v>0.17257119053078651</v>
      </c>
      <c r="M7613">
        <f t="shared" si="850"/>
        <v>0</v>
      </c>
      <c r="N7613" s="45">
        <f t="shared" si="851"/>
        <v>45242.791666648285</v>
      </c>
    </row>
    <row r="7614" spans="2:14" x14ac:dyDescent="0.25">
      <c r="B7614">
        <f t="shared" si="845"/>
        <v>7</v>
      </c>
      <c r="C7614" s="16">
        <v>7580</v>
      </c>
      <c r="D7614" cm="1">
        <f t="array" ref="D7614">IFERROR(INDEX(Jesper!AH$2:AH$366,ROUNDDOWN($C7614/24,0)+1,1)*INDEX($D$3:$AA$30,INDEX(Jesper!$R$2:$R$366,ROW(INDEX(Jesper!AH$2:AH$366,ROUNDDOWN($C7614/24,0)+1,1))-1)+IF('Standard Profiles'!$G$18=$B$10,7,0)+IF('Standard Profiles'!$G$18=$B$17,14,0)+IF('Standard Profiles'!$G$18=$B$24,21,0),MOD($C7614,24)+1)/SUM(INDEX($D$3:$AA$30,INDEX(Jesper!$R$2:$R$366,ROW(INDEX(Jesper!AH$2:AH$366,ROUNDDOWN($C7614/24,0)+1,1))-1)+IF('Standard Profiles'!$G$18=$B$10,7,0)+IF('Standard Profiles'!$G$18=$B$17,14,0)+IF('Standard Profiles'!$G$18=$B$24,21,0),0)),0)</f>
        <v>0</v>
      </c>
      <c r="E7614" cm="1">
        <f t="array" ref="E7614">IFERROR(INDEX(Jesper!AI$2:AI$366,ROUNDDOWN($C7614/24,0)+1,1)*INDEX($D$3:$AA$30,INDEX(Jesper!$R$2:$R$366,ROW(INDEX(Jesper!AI$2:AI$366,ROUNDDOWN($C7614/24,0)+1,1))-1)+IF('Standard Profiles'!$G$19=$B$10,7,0)+IF('Standard Profiles'!$G$19=$B$17,14,0)+IF('Standard Profiles'!$G$19=$B$24,21,0),MOD($C7614,24)+1)/SUM(INDEX($D$3:$AA$30,INDEX(Jesper!$R$2:$R$366,ROW(INDEX(Jesper!AI$2:AI$366,ROUNDDOWN($C7614/24,0)+1,1))-1)+IF('Standard Profiles'!$G$19=$B$10,7,0)+IF('Standard Profiles'!$G$19=$B$17,14,0)+IF('Standard Profiles'!$G$19=$B$24,21,0),0)),0)</f>
        <v>4.3142797632696626</v>
      </c>
      <c r="F7614" cm="1">
        <f t="array" ref="F7614">IFERROR(INDEX(Jesper!AJ$2:AJ$366,ROUNDDOWN($C7614/24,0)+1,1)*INDEX($D$3:$AA$30,INDEX(Jesper!$R$2:$R$366,ROW(INDEX(Jesper!AJ$2:AJ$366,ROUNDDOWN($C7614/24,0)+1,1))-1)+IF('Standard Profiles'!$G$20=$B$10,7,0)+IF('Standard Profiles'!$G$20=$B$17,14,0)+IF('Standard Profiles'!$G$20=$B$24,21,0),MOD($C7614,24)+1)/SUM(INDEX($D$3:$AA$30,INDEX(Jesper!$R$2:$R$366,ROW(INDEX(Jesper!AJ$2:AJ$366,ROUNDDOWN($C7614/24,0)+1,1))-1)+IF('Standard Profiles'!$G$20=$B$10,7,0)+IF('Standard Profiles'!$G$20=$B$17,14,0)+IF('Standard Profiles'!$G$20=$B$24,21,0),0)),0)</f>
        <v>3.3499631427615708</v>
      </c>
      <c r="G7614" cm="1">
        <f t="array" ref="G7614">IFERROR(INDEX(Jesper!AK$2:AK$366,ROUNDDOWN($C7614/24,0)+1,1)*INDEX($D$3:$AA$30,INDEX(Jesper!$R$2:$R$366,ROW(INDEX(Jesper!AK$2:AK$366,ROUNDDOWN($C7614/24,0)+1,1))-1)+IF('Standard Profiles'!$G$21=$B$10,7,0)+IF('Standard Profiles'!$G$21=$B$17,14,0)+IF('Standard Profiles'!$G$21=$B$24,21,0),MOD($C7614,24)+1)/SUM(INDEX($D$3:$AA$30,INDEX(Jesper!$R$2:$R$366,ROW(INDEX(Jesper!AK$2:AK$366,ROUNDDOWN($C7614/24,0)+1,1))-1)+IF('Standard Profiles'!$G$21=$B$10,7,0)+IF('Standard Profiles'!$G$21=$B$17,14,0)+IF('Standard Profiles'!$G$21=$B$24,21,0),0)),0)</f>
        <v>4.8422821265100042</v>
      </c>
      <c r="H7614" cm="1">
        <f t="array" ref="H7614">IFERROR(INDEX(Jesper!AL$2:AL$366,ROUNDDOWN($C7614/24,0)+1,1)*INDEX($D$3:$AA$30,INDEX(Jesper!$R$2:$R$366,ROW(INDEX(Jesper!AL$2:AL$366,ROUNDDOWN($C7614/24,0)+1,1))-1)+IF('Standard Profiles'!$G$22=$B$10,7,0)+IF('Standard Profiles'!$G$22=$B$17,14,0)+IF('Standard Profiles'!$G$22=$B$24,21,0),MOD($C7614,24)+1)/SUM(INDEX($D$3:$AA$30,INDEX(Jesper!$R$2:$R$366,ROW(INDEX(Jesper!AL$2:AL$366,ROUNDDOWN($C7614/24,0)+1,1))-1)+IF('Standard Profiles'!$G$22=$B$10,7,0)+IF('Standard Profiles'!$G$22=$B$17,14,0)+IF('Standard Profiles'!$G$22=$B$24,21,0),0)),0)</f>
        <v>2.1816494551132584</v>
      </c>
      <c r="I7614">
        <f t="shared" si="846"/>
        <v>2.0943834769087291</v>
      </c>
      <c r="J7614">
        <f t="shared" si="847"/>
        <v>12.076077439153407</v>
      </c>
      <c r="K7614">
        <f t="shared" si="848"/>
        <v>0.34514238106157302</v>
      </c>
      <c r="L7614">
        <f t="shared" si="849"/>
        <v>0.17257119053078651</v>
      </c>
      <c r="M7614">
        <f t="shared" si="850"/>
        <v>0</v>
      </c>
      <c r="N7614" s="45">
        <f t="shared" si="851"/>
        <v>45242.833333314949</v>
      </c>
    </row>
    <row r="7615" spans="2:14" x14ac:dyDescent="0.25">
      <c r="B7615">
        <f t="shared" si="845"/>
        <v>7</v>
      </c>
      <c r="C7615" s="16">
        <v>7581</v>
      </c>
      <c r="D7615" cm="1">
        <f t="array" ref="D7615">IFERROR(INDEX(Jesper!AH$2:AH$366,ROUNDDOWN($C7615/24,0)+1,1)*INDEX($D$3:$AA$30,INDEX(Jesper!$R$2:$R$366,ROW(INDEX(Jesper!AH$2:AH$366,ROUNDDOWN($C7615/24,0)+1,1))-1)+IF('Standard Profiles'!$G$18=$B$10,7,0)+IF('Standard Profiles'!$G$18=$B$17,14,0)+IF('Standard Profiles'!$G$18=$B$24,21,0),MOD($C7615,24)+1)/SUM(INDEX($D$3:$AA$30,INDEX(Jesper!$R$2:$R$366,ROW(INDEX(Jesper!AH$2:AH$366,ROUNDDOWN($C7615/24,0)+1,1))-1)+IF('Standard Profiles'!$G$18=$B$10,7,0)+IF('Standard Profiles'!$G$18=$B$17,14,0)+IF('Standard Profiles'!$G$18=$B$24,21,0),0)),0)</f>
        <v>0</v>
      </c>
      <c r="E7615" cm="1">
        <f t="array" ref="E7615">IFERROR(INDEX(Jesper!AI$2:AI$366,ROUNDDOWN($C7615/24,0)+1,1)*INDEX($D$3:$AA$30,INDEX(Jesper!$R$2:$R$366,ROW(INDEX(Jesper!AI$2:AI$366,ROUNDDOWN($C7615/24,0)+1,1))-1)+IF('Standard Profiles'!$G$19=$B$10,7,0)+IF('Standard Profiles'!$G$19=$B$17,14,0)+IF('Standard Profiles'!$G$19=$B$24,21,0),MOD($C7615,24)+1)/SUM(INDEX($D$3:$AA$30,INDEX(Jesper!$R$2:$R$366,ROW(INDEX(Jesper!AI$2:AI$366,ROUNDDOWN($C7615/24,0)+1,1))-1)+IF('Standard Profiles'!$G$19=$B$10,7,0)+IF('Standard Profiles'!$G$19=$B$17,14,0)+IF('Standard Profiles'!$G$19=$B$24,21,0),0)),0)</f>
        <v>4.3142797632696626</v>
      </c>
      <c r="F7615" cm="1">
        <f t="array" ref="F7615">IFERROR(INDEX(Jesper!AJ$2:AJ$366,ROUNDDOWN($C7615/24,0)+1,1)*INDEX($D$3:$AA$30,INDEX(Jesper!$R$2:$R$366,ROW(INDEX(Jesper!AJ$2:AJ$366,ROUNDDOWN($C7615/24,0)+1,1))-1)+IF('Standard Profiles'!$G$20=$B$10,7,0)+IF('Standard Profiles'!$G$20=$B$17,14,0)+IF('Standard Profiles'!$G$20=$B$24,21,0),MOD($C7615,24)+1)/SUM(INDEX($D$3:$AA$30,INDEX(Jesper!$R$2:$R$366,ROW(INDEX(Jesper!AJ$2:AJ$366,ROUNDDOWN($C7615/24,0)+1,1))-1)+IF('Standard Profiles'!$G$20=$B$10,7,0)+IF('Standard Profiles'!$G$20=$B$17,14,0)+IF('Standard Profiles'!$G$20=$B$24,21,0),0)),0)</f>
        <v>3.3499631427615708</v>
      </c>
      <c r="G7615" cm="1">
        <f t="array" ref="G7615">IFERROR(INDEX(Jesper!AK$2:AK$366,ROUNDDOWN($C7615/24,0)+1,1)*INDEX($D$3:$AA$30,INDEX(Jesper!$R$2:$R$366,ROW(INDEX(Jesper!AK$2:AK$366,ROUNDDOWN($C7615/24,0)+1,1))-1)+IF('Standard Profiles'!$G$21=$B$10,7,0)+IF('Standard Profiles'!$G$21=$B$17,14,0)+IF('Standard Profiles'!$G$21=$B$24,21,0),MOD($C7615,24)+1)/SUM(INDEX($D$3:$AA$30,INDEX(Jesper!$R$2:$R$366,ROW(INDEX(Jesper!AK$2:AK$366,ROUNDDOWN($C7615/24,0)+1,1))-1)+IF('Standard Profiles'!$G$21=$B$10,7,0)+IF('Standard Profiles'!$G$21=$B$17,14,0)+IF('Standard Profiles'!$G$21=$B$24,21,0),0)),0)</f>
        <v>4.8422821265100042</v>
      </c>
      <c r="H7615" cm="1">
        <f t="array" ref="H7615">IFERROR(INDEX(Jesper!AL$2:AL$366,ROUNDDOWN($C7615/24,0)+1,1)*INDEX($D$3:$AA$30,INDEX(Jesper!$R$2:$R$366,ROW(INDEX(Jesper!AL$2:AL$366,ROUNDDOWN($C7615/24,0)+1,1))-1)+IF('Standard Profiles'!$G$22=$B$10,7,0)+IF('Standard Profiles'!$G$22=$B$17,14,0)+IF('Standard Profiles'!$G$22=$B$24,21,0),MOD($C7615,24)+1)/SUM(INDEX($D$3:$AA$30,INDEX(Jesper!$R$2:$R$366,ROW(INDEX(Jesper!AL$2:AL$366,ROUNDDOWN($C7615/24,0)+1,1))-1)+IF('Standard Profiles'!$G$22=$B$10,7,0)+IF('Standard Profiles'!$G$22=$B$17,14,0)+IF('Standard Profiles'!$G$22=$B$24,21,0),0)),0)</f>
        <v>1.9001462996147733</v>
      </c>
      <c r="I7615">
        <f t="shared" si="846"/>
        <v>1.8241404476301835</v>
      </c>
      <c r="J7615">
        <f t="shared" si="847"/>
        <v>12.064817312933467</v>
      </c>
      <c r="K7615">
        <f t="shared" si="848"/>
        <v>0.34514238106157302</v>
      </c>
      <c r="L7615">
        <f t="shared" si="849"/>
        <v>0.17257119053078651</v>
      </c>
      <c r="M7615">
        <f t="shared" si="850"/>
        <v>0</v>
      </c>
      <c r="N7615" s="45">
        <f t="shared" si="851"/>
        <v>45242.874999981614</v>
      </c>
    </row>
    <row r="7616" spans="2:14" x14ac:dyDescent="0.25">
      <c r="B7616">
        <f t="shared" si="845"/>
        <v>7</v>
      </c>
      <c r="C7616" s="16">
        <v>7582</v>
      </c>
      <c r="D7616" cm="1">
        <f t="array" ref="D7616">IFERROR(INDEX(Jesper!AH$2:AH$366,ROUNDDOWN($C7616/24,0)+1,1)*INDEX($D$3:$AA$30,INDEX(Jesper!$R$2:$R$366,ROW(INDEX(Jesper!AH$2:AH$366,ROUNDDOWN($C7616/24,0)+1,1))-1)+IF('Standard Profiles'!$G$18=$B$10,7,0)+IF('Standard Profiles'!$G$18=$B$17,14,0)+IF('Standard Profiles'!$G$18=$B$24,21,0),MOD($C7616,24)+1)/SUM(INDEX($D$3:$AA$30,INDEX(Jesper!$R$2:$R$366,ROW(INDEX(Jesper!AH$2:AH$366,ROUNDDOWN($C7616/24,0)+1,1))-1)+IF('Standard Profiles'!$G$18=$B$10,7,0)+IF('Standard Profiles'!$G$18=$B$17,14,0)+IF('Standard Profiles'!$G$18=$B$24,21,0),0)),0)</f>
        <v>0</v>
      </c>
      <c r="E7616" cm="1">
        <f t="array" ref="E7616">IFERROR(INDEX(Jesper!AI$2:AI$366,ROUNDDOWN($C7616/24,0)+1,1)*INDEX($D$3:$AA$30,INDEX(Jesper!$R$2:$R$366,ROW(INDEX(Jesper!AI$2:AI$366,ROUNDDOWN($C7616/24,0)+1,1))-1)+IF('Standard Profiles'!$G$19=$B$10,7,0)+IF('Standard Profiles'!$G$19=$B$17,14,0)+IF('Standard Profiles'!$G$19=$B$24,21,0),MOD($C7616,24)+1)/SUM(INDEX($D$3:$AA$30,INDEX(Jesper!$R$2:$R$366,ROW(INDEX(Jesper!AI$2:AI$366,ROUNDDOWN($C7616/24,0)+1,1))-1)+IF('Standard Profiles'!$G$19=$B$10,7,0)+IF('Standard Profiles'!$G$19=$B$17,14,0)+IF('Standard Profiles'!$G$19=$B$24,21,0),0)),0)</f>
        <v>4.3142797632696626</v>
      </c>
      <c r="F7616" cm="1">
        <f t="array" ref="F7616">IFERROR(INDEX(Jesper!AJ$2:AJ$366,ROUNDDOWN($C7616/24,0)+1,1)*INDEX($D$3:$AA$30,INDEX(Jesper!$R$2:$R$366,ROW(INDEX(Jesper!AJ$2:AJ$366,ROUNDDOWN($C7616/24,0)+1,1))-1)+IF('Standard Profiles'!$G$20=$B$10,7,0)+IF('Standard Profiles'!$G$20=$B$17,14,0)+IF('Standard Profiles'!$G$20=$B$24,21,0),MOD($C7616,24)+1)/SUM(INDEX($D$3:$AA$30,INDEX(Jesper!$R$2:$R$366,ROW(INDEX(Jesper!AJ$2:AJ$366,ROUNDDOWN($C7616/24,0)+1,1))-1)+IF('Standard Profiles'!$G$20=$B$10,7,0)+IF('Standard Profiles'!$G$20=$B$17,14,0)+IF('Standard Profiles'!$G$20=$B$24,21,0),0)),0)</f>
        <v>3.3499631427615708</v>
      </c>
      <c r="G7616" cm="1">
        <f t="array" ref="G7616">IFERROR(INDEX(Jesper!AK$2:AK$366,ROUNDDOWN($C7616/24,0)+1,1)*INDEX($D$3:$AA$30,INDEX(Jesper!$R$2:$R$366,ROW(INDEX(Jesper!AK$2:AK$366,ROUNDDOWN($C7616/24,0)+1,1))-1)+IF('Standard Profiles'!$G$21=$B$10,7,0)+IF('Standard Profiles'!$G$21=$B$17,14,0)+IF('Standard Profiles'!$G$21=$B$24,21,0),MOD($C7616,24)+1)/SUM(INDEX($D$3:$AA$30,INDEX(Jesper!$R$2:$R$366,ROW(INDEX(Jesper!AK$2:AK$366,ROUNDDOWN($C7616/24,0)+1,1))-1)+IF('Standard Profiles'!$G$21=$B$10,7,0)+IF('Standard Profiles'!$G$21=$B$17,14,0)+IF('Standard Profiles'!$G$21=$B$24,21,0),0)),0)</f>
        <v>4.8422821265100042</v>
      </c>
      <c r="H7616" cm="1">
        <f t="array" ref="H7616">IFERROR(INDEX(Jesper!AL$2:AL$366,ROUNDDOWN($C7616/24,0)+1,1)*INDEX($D$3:$AA$30,INDEX(Jesper!$R$2:$R$366,ROW(INDEX(Jesper!AL$2:AL$366,ROUNDDOWN($C7616/24,0)+1,1))-1)+IF('Standard Profiles'!$G$22=$B$10,7,0)+IF('Standard Profiles'!$G$22=$B$17,14,0)+IF('Standard Profiles'!$G$22=$B$24,21,0),MOD($C7616,24)+1)/SUM(INDEX($D$3:$AA$30,INDEX(Jesper!$R$2:$R$366,ROW(INDEX(Jesper!AL$2:AL$366,ROUNDDOWN($C7616/24,0)+1,1))-1)+IF('Standard Profiles'!$G$22=$B$10,7,0)+IF('Standard Profiles'!$G$22=$B$17,14,0)+IF('Standard Profiles'!$G$22=$B$24,21,0),0)),0)</f>
        <v>1.9001462996147733</v>
      </c>
      <c r="I7616">
        <f t="shared" si="846"/>
        <v>1.8241404476301835</v>
      </c>
      <c r="J7616">
        <f t="shared" si="847"/>
        <v>12.064817312933467</v>
      </c>
      <c r="K7616">
        <f t="shared" si="848"/>
        <v>0.34514238106157302</v>
      </c>
      <c r="L7616">
        <f t="shared" si="849"/>
        <v>0.17257119053078651</v>
      </c>
      <c r="M7616">
        <f t="shared" si="850"/>
        <v>0</v>
      </c>
      <c r="N7616" s="45">
        <f t="shared" si="851"/>
        <v>45242.916666648278</v>
      </c>
    </row>
    <row r="7617" spans="2:14" x14ac:dyDescent="0.25">
      <c r="B7617">
        <f t="shared" si="845"/>
        <v>7</v>
      </c>
      <c r="C7617" s="16">
        <v>7583</v>
      </c>
      <c r="D7617" cm="1">
        <f t="array" ref="D7617">IFERROR(INDEX(Jesper!AH$2:AH$366,ROUNDDOWN($C7617/24,0)+1,1)*INDEX($D$3:$AA$30,INDEX(Jesper!$R$2:$R$366,ROW(INDEX(Jesper!AH$2:AH$366,ROUNDDOWN($C7617/24,0)+1,1))-1)+IF('Standard Profiles'!$G$18=$B$10,7,0)+IF('Standard Profiles'!$G$18=$B$17,14,0)+IF('Standard Profiles'!$G$18=$B$24,21,0),MOD($C7617,24)+1)/SUM(INDEX($D$3:$AA$30,INDEX(Jesper!$R$2:$R$366,ROW(INDEX(Jesper!AH$2:AH$366,ROUNDDOWN($C7617/24,0)+1,1))-1)+IF('Standard Profiles'!$G$18=$B$10,7,0)+IF('Standard Profiles'!$G$18=$B$17,14,0)+IF('Standard Profiles'!$G$18=$B$24,21,0),0)),0)</f>
        <v>0</v>
      </c>
      <c r="E7617" cm="1">
        <f t="array" ref="E7617">IFERROR(INDEX(Jesper!AI$2:AI$366,ROUNDDOWN($C7617/24,0)+1,1)*INDEX($D$3:$AA$30,INDEX(Jesper!$R$2:$R$366,ROW(INDEX(Jesper!AI$2:AI$366,ROUNDDOWN($C7617/24,0)+1,1))-1)+IF('Standard Profiles'!$G$19=$B$10,7,0)+IF('Standard Profiles'!$G$19=$B$17,14,0)+IF('Standard Profiles'!$G$19=$B$24,21,0),MOD($C7617,24)+1)/SUM(INDEX($D$3:$AA$30,INDEX(Jesper!$R$2:$R$366,ROW(INDEX(Jesper!AI$2:AI$366,ROUNDDOWN($C7617/24,0)+1,1))-1)+IF('Standard Profiles'!$G$19=$B$10,7,0)+IF('Standard Profiles'!$G$19=$B$17,14,0)+IF('Standard Profiles'!$G$19=$B$24,21,0),0)),0)</f>
        <v>4.3142797632696626</v>
      </c>
      <c r="F7617" cm="1">
        <f t="array" ref="F7617">IFERROR(INDEX(Jesper!AJ$2:AJ$366,ROUNDDOWN($C7617/24,0)+1,1)*INDEX($D$3:$AA$30,INDEX(Jesper!$R$2:$R$366,ROW(INDEX(Jesper!AJ$2:AJ$366,ROUNDDOWN($C7617/24,0)+1,1))-1)+IF('Standard Profiles'!$G$20=$B$10,7,0)+IF('Standard Profiles'!$G$20=$B$17,14,0)+IF('Standard Profiles'!$G$20=$B$24,21,0),MOD($C7617,24)+1)/SUM(INDEX($D$3:$AA$30,INDEX(Jesper!$R$2:$R$366,ROW(INDEX(Jesper!AJ$2:AJ$366,ROUNDDOWN($C7617/24,0)+1,1))-1)+IF('Standard Profiles'!$G$20=$B$10,7,0)+IF('Standard Profiles'!$G$20=$B$17,14,0)+IF('Standard Profiles'!$G$20=$B$24,21,0),0)),0)</f>
        <v>3.3499631427615708</v>
      </c>
      <c r="G7617" cm="1">
        <f t="array" ref="G7617">IFERROR(INDEX(Jesper!AK$2:AK$366,ROUNDDOWN($C7617/24,0)+1,1)*INDEX($D$3:$AA$30,INDEX(Jesper!$R$2:$R$366,ROW(INDEX(Jesper!AK$2:AK$366,ROUNDDOWN($C7617/24,0)+1,1))-1)+IF('Standard Profiles'!$G$21=$B$10,7,0)+IF('Standard Profiles'!$G$21=$B$17,14,0)+IF('Standard Profiles'!$G$21=$B$24,21,0),MOD($C7617,24)+1)/SUM(INDEX($D$3:$AA$30,INDEX(Jesper!$R$2:$R$366,ROW(INDEX(Jesper!AK$2:AK$366,ROUNDDOWN($C7617/24,0)+1,1))-1)+IF('Standard Profiles'!$G$21=$B$10,7,0)+IF('Standard Profiles'!$G$21=$B$17,14,0)+IF('Standard Profiles'!$G$21=$B$24,21,0),0)),0)</f>
        <v>4.8422821265100042</v>
      </c>
      <c r="H7617" cm="1">
        <f t="array" ref="H7617">IFERROR(INDEX(Jesper!AL$2:AL$366,ROUNDDOWN($C7617/24,0)+1,1)*INDEX($D$3:$AA$30,INDEX(Jesper!$R$2:$R$366,ROW(INDEX(Jesper!AL$2:AL$366,ROUNDDOWN($C7617/24,0)+1,1))-1)+IF('Standard Profiles'!$G$22=$B$10,7,0)+IF('Standard Profiles'!$G$22=$B$17,14,0)+IF('Standard Profiles'!$G$22=$B$24,21,0),MOD($C7617,24)+1)/SUM(INDEX($D$3:$AA$30,INDEX(Jesper!$R$2:$R$366,ROW(INDEX(Jesper!AL$2:AL$366,ROUNDDOWN($C7617/24,0)+1,1))-1)+IF('Standard Profiles'!$G$22=$B$10,7,0)+IF('Standard Profiles'!$G$22=$B$17,14,0)+IF('Standard Profiles'!$G$22=$B$24,21,0),0)),0)</f>
        <v>1.9001462996147733</v>
      </c>
      <c r="I7617">
        <f t="shared" si="846"/>
        <v>1.8241404476301835</v>
      </c>
      <c r="J7617">
        <f t="shared" si="847"/>
        <v>12.064817312933467</v>
      </c>
      <c r="K7617">
        <f t="shared" si="848"/>
        <v>0.34514238106157302</v>
      </c>
      <c r="L7617">
        <f t="shared" si="849"/>
        <v>0.17257119053078651</v>
      </c>
      <c r="M7617">
        <f t="shared" si="850"/>
        <v>0</v>
      </c>
      <c r="N7617" s="45">
        <f t="shared" si="851"/>
        <v>45242.958333314942</v>
      </c>
    </row>
    <row r="7618" spans="2:14" x14ac:dyDescent="0.25">
      <c r="B7618">
        <f t="shared" si="845"/>
        <v>1</v>
      </c>
      <c r="C7618" s="16">
        <v>7584</v>
      </c>
      <c r="D7618" cm="1">
        <f t="array" ref="D7618">IFERROR(INDEX(Jesper!AH$2:AH$366,ROUNDDOWN($C7618/24,0)+1,1)*INDEX($D$3:$AA$30,INDEX(Jesper!$R$2:$R$366,ROW(INDEX(Jesper!AH$2:AH$366,ROUNDDOWN($C7618/24,0)+1,1))-1)+IF('Standard Profiles'!$G$18=$B$10,7,0)+IF('Standard Profiles'!$G$18=$B$17,14,0)+IF('Standard Profiles'!$G$18=$B$24,21,0),MOD($C7618,24)+1)/SUM(INDEX($D$3:$AA$30,INDEX(Jesper!$R$2:$R$366,ROW(INDEX(Jesper!AH$2:AH$366,ROUNDDOWN($C7618/24,0)+1,1))-1)+IF('Standard Profiles'!$G$18=$B$10,7,0)+IF('Standard Profiles'!$G$18=$B$17,14,0)+IF('Standard Profiles'!$G$18=$B$24,21,0),0)),0)</f>
        <v>5.7637069617780874</v>
      </c>
      <c r="E7618" cm="1">
        <f t="array" ref="E7618">IFERROR(INDEX(Jesper!AI$2:AI$366,ROUNDDOWN($C7618/24,0)+1,1)*INDEX($D$3:$AA$30,INDEX(Jesper!$R$2:$R$366,ROW(INDEX(Jesper!AI$2:AI$366,ROUNDDOWN($C7618/24,0)+1,1))-1)+IF('Standard Profiles'!$G$19=$B$10,7,0)+IF('Standard Profiles'!$G$19=$B$17,14,0)+IF('Standard Profiles'!$G$19=$B$24,21,0),MOD($C7618,24)+1)/SUM(INDEX($D$3:$AA$30,INDEX(Jesper!$R$2:$R$366,ROW(INDEX(Jesper!AI$2:AI$366,ROUNDDOWN($C7618/24,0)+1,1))-1)+IF('Standard Profiles'!$G$19=$B$10,7,0)+IF('Standard Profiles'!$G$19=$B$17,14,0)+IF('Standard Profiles'!$G$19=$B$24,21,0),0)),0)</f>
        <v>6.1767807373815025</v>
      </c>
      <c r="F7618" cm="1">
        <f t="array" ref="F7618">IFERROR(INDEX(Jesper!AJ$2:AJ$366,ROUNDDOWN($C7618/24,0)+1,1)*INDEX($D$3:$AA$30,INDEX(Jesper!$R$2:$R$366,ROW(INDEX(Jesper!AJ$2:AJ$366,ROUNDDOWN($C7618/24,0)+1,1))-1)+IF('Standard Profiles'!$G$20=$B$10,7,0)+IF('Standard Profiles'!$G$20=$B$17,14,0)+IF('Standard Profiles'!$G$20=$B$24,21,0),MOD($C7618,24)+1)/SUM(INDEX($D$3:$AA$30,INDEX(Jesper!$R$2:$R$366,ROW(INDEX(Jesper!AJ$2:AJ$366,ROUNDDOWN($C7618/24,0)+1,1))-1)+IF('Standard Profiles'!$G$20=$B$10,7,0)+IF('Standard Profiles'!$G$20=$B$17,14,0)+IF('Standard Profiles'!$G$20=$B$24,21,0),0)),0)</f>
        <v>0</v>
      </c>
      <c r="G7618" cm="1">
        <f t="array" ref="G7618">IFERROR(INDEX(Jesper!AK$2:AK$366,ROUNDDOWN($C7618/24,0)+1,1)*INDEX($D$3:$AA$30,INDEX(Jesper!$R$2:$R$366,ROW(INDEX(Jesper!AK$2:AK$366,ROUNDDOWN($C7618/24,0)+1,1))-1)+IF('Standard Profiles'!$G$21=$B$10,7,0)+IF('Standard Profiles'!$G$21=$B$17,14,0)+IF('Standard Profiles'!$G$21=$B$24,21,0),MOD($C7618,24)+1)/SUM(INDEX($D$3:$AA$30,INDEX(Jesper!$R$2:$R$366,ROW(INDEX(Jesper!AK$2:AK$366,ROUNDDOWN($C7618/24,0)+1,1))-1)+IF('Standard Profiles'!$G$21=$B$10,7,0)+IF('Standard Profiles'!$G$21=$B$17,14,0)+IF('Standard Profiles'!$G$21=$B$24,21,0),0)),0)</f>
        <v>4.6136686870939556</v>
      </c>
      <c r="H7618" cm="1">
        <f t="array" ref="H7618">IFERROR(INDEX(Jesper!AL$2:AL$366,ROUNDDOWN($C7618/24,0)+1,1)*INDEX($D$3:$AA$30,INDEX(Jesper!$R$2:$R$366,ROW(INDEX(Jesper!AL$2:AL$366,ROUNDDOWN($C7618/24,0)+1,1))-1)+IF('Standard Profiles'!$G$22=$B$10,7,0)+IF('Standard Profiles'!$G$22=$B$17,14,0)+IF('Standard Profiles'!$G$22=$B$24,21,0),MOD($C7618,24)+1)/SUM(INDEX($D$3:$AA$30,INDEX(Jesper!$R$2:$R$366,ROW(INDEX(Jesper!AL$2:AL$366,ROUNDDOWN($C7618/24,0)+1,1))-1)+IF('Standard Profiles'!$G$22=$B$10,7,0)+IF('Standard Profiles'!$G$22=$B$17,14,0)+IF('Standard Profiles'!$G$22=$B$24,21,0),0)),0)</f>
        <v>0</v>
      </c>
      <c r="I7618">
        <f t="shared" si="846"/>
        <v>2.2145609698050976</v>
      </c>
      <c r="J7618">
        <f t="shared" si="847"/>
        <v>13.417402302563955</v>
      </c>
      <c r="K7618">
        <f t="shared" si="848"/>
        <v>0.61479540925632936</v>
      </c>
      <c r="L7618">
        <f t="shared" si="849"/>
        <v>0.30739770462816468</v>
      </c>
      <c r="M7618">
        <f t="shared" si="850"/>
        <v>0</v>
      </c>
      <c r="N7618" s="45">
        <f t="shared" si="851"/>
        <v>45242.999999981606</v>
      </c>
    </row>
    <row r="7619" spans="2:14" x14ac:dyDescent="0.25">
      <c r="B7619">
        <f t="shared" si="845"/>
        <v>1</v>
      </c>
      <c r="C7619" s="16">
        <v>7585</v>
      </c>
      <c r="D7619" cm="1">
        <f t="array" ref="D7619">IFERROR(INDEX(Jesper!AH$2:AH$366,ROUNDDOWN($C7619/24,0)+1,1)*INDEX($D$3:$AA$30,INDEX(Jesper!$R$2:$R$366,ROW(INDEX(Jesper!AH$2:AH$366,ROUNDDOWN($C7619/24,0)+1,1))-1)+IF('Standard Profiles'!$G$18=$B$10,7,0)+IF('Standard Profiles'!$G$18=$B$17,14,0)+IF('Standard Profiles'!$G$18=$B$24,21,0),MOD($C7619,24)+1)/SUM(INDEX($D$3:$AA$30,INDEX(Jesper!$R$2:$R$366,ROW(INDEX(Jesper!AH$2:AH$366,ROUNDDOWN($C7619/24,0)+1,1))-1)+IF('Standard Profiles'!$G$18=$B$10,7,0)+IF('Standard Profiles'!$G$18=$B$17,14,0)+IF('Standard Profiles'!$G$18=$B$24,21,0),0)),0)</f>
        <v>5.7637069617780874</v>
      </c>
      <c r="E7619" cm="1">
        <f t="array" ref="E7619">IFERROR(INDEX(Jesper!AI$2:AI$366,ROUNDDOWN($C7619/24,0)+1,1)*INDEX($D$3:$AA$30,INDEX(Jesper!$R$2:$R$366,ROW(INDEX(Jesper!AI$2:AI$366,ROUNDDOWN($C7619/24,0)+1,1))-1)+IF('Standard Profiles'!$G$19=$B$10,7,0)+IF('Standard Profiles'!$G$19=$B$17,14,0)+IF('Standard Profiles'!$G$19=$B$24,21,0),MOD($C7619,24)+1)/SUM(INDEX($D$3:$AA$30,INDEX(Jesper!$R$2:$R$366,ROW(INDEX(Jesper!AI$2:AI$366,ROUNDDOWN($C7619/24,0)+1,1))-1)+IF('Standard Profiles'!$G$19=$B$10,7,0)+IF('Standard Profiles'!$G$19=$B$17,14,0)+IF('Standard Profiles'!$G$19=$B$24,21,0),0)),0)</f>
        <v>6.1767807373815025</v>
      </c>
      <c r="F7619" cm="1">
        <f t="array" ref="F7619">IFERROR(INDEX(Jesper!AJ$2:AJ$366,ROUNDDOWN($C7619/24,0)+1,1)*INDEX($D$3:$AA$30,INDEX(Jesper!$R$2:$R$366,ROW(INDEX(Jesper!AJ$2:AJ$366,ROUNDDOWN($C7619/24,0)+1,1))-1)+IF('Standard Profiles'!$G$20=$B$10,7,0)+IF('Standard Profiles'!$G$20=$B$17,14,0)+IF('Standard Profiles'!$G$20=$B$24,21,0),MOD($C7619,24)+1)/SUM(INDEX($D$3:$AA$30,INDEX(Jesper!$R$2:$R$366,ROW(INDEX(Jesper!AJ$2:AJ$366,ROUNDDOWN($C7619/24,0)+1,1))-1)+IF('Standard Profiles'!$G$20=$B$10,7,0)+IF('Standard Profiles'!$G$20=$B$17,14,0)+IF('Standard Profiles'!$G$20=$B$24,21,0),0)),0)</f>
        <v>0</v>
      </c>
      <c r="G7619" cm="1">
        <f t="array" ref="G7619">IFERROR(INDEX(Jesper!AK$2:AK$366,ROUNDDOWN($C7619/24,0)+1,1)*INDEX($D$3:$AA$30,INDEX(Jesper!$R$2:$R$366,ROW(INDEX(Jesper!AK$2:AK$366,ROUNDDOWN($C7619/24,0)+1,1))-1)+IF('Standard Profiles'!$G$21=$B$10,7,0)+IF('Standard Profiles'!$G$21=$B$17,14,0)+IF('Standard Profiles'!$G$21=$B$24,21,0),MOD($C7619,24)+1)/SUM(INDEX($D$3:$AA$30,INDEX(Jesper!$R$2:$R$366,ROW(INDEX(Jesper!AK$2:AK$366,ROUNDDOWN($C7619/24,0)+1,1))-1)+IF('Standard Profiles'!$G$21=$B$10,7,0)+IF('Standard Profiles'!$G$21=$B$17,14,0)+IF('Standard Profiles'!$G$21=$B$24,21,0),0)),0)</f>
        <v>4.6136686870939556</v>
      </c>
      <c r="H7619" cm="1">
        <f t="array" ref="H7619">IFERROR(INDEX(Jesper!AL$2:AL$366,ROUNDDOWN($C7619/24,0)+1,1)*INDEX($D$3:$AA$30,INDEX(Jesper!$R$2:$R$366,ROW(INDEX(Jesper!AL$2:AL$366,ROUNDDOWN($C7619/24,0)+1,1))-1)+IF('Standard Profiles'!$G$22=$B$10,7,0)+IF('Standard Profiles'!$G$22=$B$17,14,0)+IF('Standard Profiles'!$G$22=$B$24,21,0),MOD($C7619,24)+1)/SUM(INDEX($D$3:$AA$30,INDEX(Jesper!$R$2:$R$366,ROW(INDEX(Jesper!AL$2:AL$366,ROUNDDOWN($C7619/24,0)+1,1))-1)+IF('Standard Profiles'!$G$22=$B$10,7,0)+IF('Standard Profiles'!$G$22=$B$17,14,0)+IF('Standard Profiles'!$G$22=$B$24,21,0),0)),0)</f>
        <v>0</v>
      </c>
      <c r="I7619">
        <f t="shared" si="846"/>
        <v>2.2145609698050976</v>
      </c>
      <c r="J7619">
        <f t="shared" si="847"/>
        <v>13.417402302563955</v>
      </c>
      <c r="K7619">
        <f t="shared" si="848"/>
        <v>0.61479540925632936</v>
      </c>
      <c r="L7619">
        <f t="shared" si="849"/>
        <v>0.30739770462816468</v>
      </c>
      <c r="M7619">
        <f t="shared" si="850"/>
        <v>0</v>
      </c>
      <c r="N7619" s="45">
        <f t="shared" si="851"/>
        <v>45243.041666648271</v>
      </c>
    </row>
    <row r="7620" spans="2:14" x14ac:dyDescent="0.25">
      <c r="B7620">
        <f t="shared" si="845"/>
        <v>1</v>
      </c>
      <c r="C7620" s="16">
        <v>7586</v>
      </c>
      <c r="D7620" cm="1">
        <f t="array" ref="D7620">IFERROR(INDEX(Jesper!AH$2:AH$366,ROUNDDOWN($C7620/24,0)+1,1)*INDEX($D$3:$AA$30,INDEX(Jesper!$R$2:$R$366,ROW(INDEX(Jesper!AH$2:AH$366,ROUNDDOWN($C7620/24,0)+1,1))-1)+IF('Standard Profiles'!$G$18=$B$10,7,0)+IF('Standard Profiles'!$G$18=$B$17,14,0)+IF('Standard Profiles'!$G$18=$B$24,21,0),MOD($C7620,24)+1)/SUM(INDEX($D$3:$AA$30,INDEX(Jesper!$R$2:$R$366,ROW(INDEX(Jesper!AH$2:AH$366,ROUNDDOWN($C7620/24,0)+1,1))-1)+IF('Standard Profiles'!$G$18=$B$10,7,0)+IF('Standard Profiles'!$G$18=$B$17,14,0)+IF('Standard Profiles'!$G$18=$B$24,21,0),0)),0)</f>
        <v>5.7637069617780874</v>
      </c>
      <c r="E7620" cm="1">
        <f t="array" ref="E7620">IFERROR(INDEX(Jesper!AI$2:AI$366,ROUNDDOWN($C7620/24,0)+1,1)*INDEX($D$3:$AA$30,INDEX(Jesper!$R$2:$R$366,ROW(INDEX(Jesper!AI$2:AI$366,ROUNDDOWN($C7620/24,0)+1,1))-1)+IF('Standard Profiles'!$G$19=$B$10,7,0)+IF('Standard Profiles'!$G$19=$B$17,14,0)+IF('Standard Profiles'!$G$19=$B$24,21,0),MOD($C7620,24)+1)/SUM(INDEX($D$3:$AA$30,INDEX(Jesper!$R$2:$R$366,ROW(INDEX(Jesper!AI$2:AI$366,ROUNDDOWN($C7620/24,0)+1,1))-1)+IF('Standard Profiles'!$G$19=$B$10,7,0)+IF('Standard Profiles'!$G$19=$B$17,14,0)+IF('Standard Profiles'!$G$19=$B$24,21,0),0)),0)</f>
        <v>6.1767807373815025</v>
      </c>
      <c r="F7620" cm="1">
        <f t="array" ref="F7620">IFERROR(INDEX(Jesper!AJ$2:AJ$366,ROUNDDOWN($C7620/24,0)+1,1)*INDEX($D$3:$AA$30,INDEX(Jesper!$R$2:$R$366,ROW(INDEX(Jesper!AJ$2:AJ$366,ROUNDDOWN($C7620/24,0)+1,1))-1)+IF('Standard Profiles'!$G$20=$B$10,7,0)+IF('Standard Profiles'!$G$20=$B$17,14,0)+IF('Standard Profiles'!$G$20=$B$24,21,0),MOD($C7620,24)+1)/SUM(INDEX($D$3:$AA$30,INDEX(Jesper!$R$2:$R$366,ROW(INDEX(Jesper!AJ$2:AJ$366,ROUNDDOWN($C7620/24,0)+1,1))-1)+IF('Standard Profiles'!$G$20=$B$10,7,0)+IF('Standard Profiles'!$G$20=$B$17,14,0)+IF('Standard Profiles'!$G$20=$B$24,21,0),0)),0)</f>
        <v>0</v>
      </c>
      <c r="G7620" cm="1">
        <f t="array" ref="G7620">IFERROR(INDEX(Jesper!AK$2:AK$366,ROUNDDOWN($C7620/24,0)+1,1)*INDEX($D$3:$AA$30,INDEX(Jesper!$R$2:$R$366,ROW(INDEX(Jesper!AK$2:AK$366,ROUNDDOWN($C7620/24,0)+1,1))-1)+IF('Standard Profiles'!$G$21=$B$10,7,0)+IF('Standard Profiles'!$G$21=$B$17,14,0)+IF('Standard Profiles'!$G$21=$B$24,21,0),MOD($C7620,24)+1)/SUM(INDEX($D$3:$AA$30,INDEX(Jesper!$R$2:$R$366,ROW(INDEX(Jesper!AK$2:AK$366,ROUNDDOWN($C7620/24,0)+1,1))-1)+IF('Standard Profiles'!$G$21=$B$10,7,0)+IF('Standard Profiles'!$G$21=$B$17,14,0)+IF('Standard Profiles'!$G$21=$B$24,21,0),0)),0)</f>
        <v>4.6136686870939556</v>
      </c>
      <c r="H7620" cm="1">
        <f t="array" ref="H7620">IFERROR(INDEX(Jesper!AL$2:AL$366,ROUNDDOWN($C7620/24,0)+1,1)*INDEX($D$3:$AA$30,INDEX(Jesper!$R$2:$R$366,ROW(INDEX(Jesper!AL$2:AL$366,ROUNDDOWN($C7620/24,0)+1,1))-1)+IF('Standard Profiles'!$G$22=$B$10,7,0)+IF('Standard Profiles'!$G$22=$B$17,14,0)+IF('Standard Profiles'!$G$22=$B$24,21,0),MOD($C7620,24)+1)/SUM(INDEX($D$3:$AA$30,INDEX(Jesper!$R$2:$R$366,ROW(INDEX(Jesper!AL$2:AL$366,ROUNDDOWN($C7620/24,0)+1,1))-1)+IF('Standard Profiles'!$G$22=$B$10,7,0)+IF('Standard Profiles'!$G$22=$B$17,14,0)+IF('Standard Profiles'!$G$22=$B$24,21,0),0)),0)</f>
        <v>0</v>
      </c>
      <c r="I7620">
        <f t="shared" si="846"/>
        <v>2.2145609698050976</v>
      </c>
      <c r="J7620">
        <f t="shared" si="847"/>
        <v>13.417402302563955</v>
      </c>
      <c r="K7620">
        <f t="shared" si="848"/>
        <v>0.61479540925632936</v>
      </c>
      <c r="L7620">
        <f t="shared" si="849"/>
        <v>0.30739770462816468</v>
      </c>
      <c r="M7620">
        <f t="shared" si="850"/>
        <v>0</v>
      </c>
      <c r="N7620" s="45">
        <f t="shared" si="851"/>
        <v>45243.083333314935</v>
      </c>
    </row>
    <row r="7621" spans="2:14" x14ac:dyDescent="0.25">
      <c r="B7621">
        <f t="shared" si="845"/>
        <v>1</v>
      </c>
      <c r="C7621" s="16">
        <v>7587</v>
      </c>
      <c r="D7621" cm="1">
        <f t="array" ref="D7621">IFERROR(INDEX(Jesper!AH$2:AH$366,ROUNDDOWN($C7621/24,0)+1,1)*INDEX($D$3:$AA$30,INDEX(Jesper!$R$2:$R$366,ROW(INDEX(Jesper!AH$2:AH$366,ROUNDDOWN($C7621/24,0)+1,1))-1)+IF('Standard Profiles'!$G$18=$B$10,7,0)+IF('Standard Profiles'!$G$18=$B$17,14,0)+IF('Standard Profiles'!$G$18=$B$24,21,0),MOD($C7621,24)+1)/SUM(INDEX($D$3:$AA$30,INDEX(Jesper!$R$2:$R$366,ROW(INDEX(Jesper!AH$2:AH$366,ROUNDDOWN($C7621/24,0)+1,1))-1)+IF('Standard Profiles'!$G$18=$B$10,7,0)+IF('Standard Profiles'!$G$18=$B$17,14,0)+IF('Standard Profiles'!$G$18=$B$24,21,0),0)),0)</f>
        <v>5.7637069617780874</v>
      </c>
      <c r="E7621" cm="1">
        <f t="array" ref="E7621">IFERROR(INDEX(Jesper!AI$2:AI$366,ROUNDDOWN($C7621/24,0)+1,1)*INDEX($D$3:$AA$30,INDEX(Jesper!$R$2:$R$366,ROW(INDEX(Jesper!AI$2:AI$366,ROUNDDOWN($C7621/24,0)+1,1))-1)+IF('Standard Profiles'!$G$19=$B$10,7,0)+IF('Standard Profiles'!$G$19=$B$17,14,0)+IF('Standard Profiles'!$G$19=$B$24,21,0),MOD($C7621,24)+1)/SUM(INDEX($D$3:$AA$30,INDEX(Jesper!$R$2:$R$366,ROW(INDEX(Jesper!AI$2:AI$366,ROUNDDOWN($C7621/24,0)+1,1))-1)+IF('Standard Profiles'!$G$19=$B$10,7,0)+IF('Standard Profiles'!$G$19=$B$17,14,0)+IF('Standard Profiles'!$G$19=$B$24,21,0),0)),0)</f>
        <v>6.1767807373815025</v>
      </c>
      <c r="F7621" cm="1">
        <f t="array" ref="F7621">IFERROR(INDEX(Jesper!AJ$2:AJ$366,ROUNDDOWN($C7621/24,0)+1,1)*INDEX($D$3:$AA$30,INDEX(Jesper!$R$2:$R$366,ROW(INDEX(Jesper!AJ$2:AJ$366,ROUNDDOWN($C7621/24,0)+1,1))-1)+IF('Standard Profiles'!$G$20=$B$10,7,0)+IF('Standard Profiles'!$G$20=$B$17,14,0)+IF('Standard Profiles'!$G$20=$B$24,21,0),MOD($C7621,24)+1)/SUM(INDEX($D$3:$AA$30,INDEX(Jesper!$R$2:$R$366,ROW(INDEX(Jesper!AJ$2:AJ$366,ROUNDDOWN($C7621/24,0)+1,1))-1)+IF('Standard Profiles'!$G$20=$B$10,7,0)+IF('Standard Profiles'!$G$20=$B$17,14,0)+IF('Standard Profiles'!$G$20=$B$24,21,0),0)),0)</f>
        <v>0</v>
      </c>
      <c r="G7621" cm="1">
        <f t="array" ref="G7621">IFERROR(INDEX(Jesper!AK$2:AK$366,ROUNDDOWN($C7621/24,0)+1,1)*INDEX($D$3:$AA$30,INDEX(Jesper!$R$2:$R$366,ROW(INDEX(Jesper!AK$2:AK$366,ROUNDDOWN($C7621/24,0)+1,1))-1)+IF('Standard Profiles'!$G$21=$B$10,7,0)+IF('Standard Profiles'!$G$21=$B$17,14,0)+IF('Standard Profiles'!$G$21=$B$24,21,0),MOD($C7621,24)+1)/SUM(INDEX($D$3:$AA$30,INDEX(Jesper!$R$2:$R$366,ROW(INDEX(Jesper!AK$2:AK$366,ROUNDDOWN($C7621/24,0)+1,1))-1)+IF('Standard Profiles'!$G$21=$B$10,7,0)+IF('Standard Profiles'!$G$21=$B$17,14,0)+IF('Standard Profiles'!$G$21=$B$24,21,0),0)),0)</f>
        <v>4.6136686870939556</v>
      </c>
      <c r="H7621" cm="1">
        <f t="array" ref="H7621">IFERROR(INDEX(Jesper!AL$2:AL$366,ROUNDDOWN($C7621/24,0)+1,1)*INDEX($D$3:$AA$30,INDEX(Jesper!$R$2:$R$366,ROW(INDEX(Jesper!AL$2:AL$366,ROUNDDOWN($C7621/24,0)+1,1))-1)+IF('Standard Profiles'!$G$22=$B$10,7,0)+IF('Standard Profiles'!$G$22=$B$17,14,0)+IF('Standard Profiles'!$G$22=$B$24,21,0),MOD($C7621,24)+1)/SUM(INDEX($D$3:$AA$30,INDEX(Jesper!$R$2:$R$366,ROW(INDEX(Jesper!AL$2:AL$366,ROUNDDOWN($C7621/24,0)+1,1))-1)+IF('Standard Profiles'!$G$22=$B$10,7,0)+IF('Standard Profiles'!$G$22=$B$17,14,0)+IF('Standard Profiles'!$G$22=$B$24,21,0),0)),0)</f>
        <v>0</v>
      </c>
      <c r="I7621">
        <f t="shared" si="846"/>
        <v>2.2145609698050976</v>
      </c>
      <c r="J7621">
        <f t="shared" si="847"/>
        <v>13.417402302563955</v>
      </c>
      <c r="K7621">
        <f t="shared" si="848"/>
        <v>0.61479540925632936</v>
      </c>
      <c r="L7621">
        <f t="shared" si="849"/>
        <v>0.30739770462816468</v>
      </c>
      <c r="M7621">
        <f t="shared" si="850"/>
        <v>0</v>
      </c>
      <c r="N7621" s="45">
        <f t="shared" si="851"/>
        <v>45243.124999981599</v>
      </c>
    </row>
    <row r="7622" spans="2:14" x14ac:dyDescent="0.25">
      <c r="B7622">
        <f t="shared" si="845"/>
        <v>1</v>
      </c>
      <c r="C7622" s="16">
        <v>7588</v>
      </c>
      <c r="D7622" cm="1">
        <f t="array" ref="D7622">IFERROR(INDEX(Jesper!AH$2:AH$366,ROUNDDOWN($C7622/24,0)+1,1)*INDEX($D$3:$AA$30,INDEX(Jesper!$R$2:$R$366,ROW(INDEX(Jesper!AH$2:AH$366,ROUNDDOWN($C7622/24,0)+1,1))-1)+IF('Standard Profiles'!$G$18=$B$10,7,0)+IF('Standard Profiles'!$G$18=$B$17,14,0)+IF('Standard Profiles'!$G$18=$B$24,21,0),MOD($C7622,24)+1)/SUM(INDEX($D$3:$AA$30,INDEX(Jesper!$R$2:$R$366,ROW(INDEX(Jesper!AH$2:AH$366,ROUNDDOWN($C7622/24,0)+1,1))-1)+IF('Standard Profiles'!$G$18=$B$10,7,0)+IF('Standard Profiles'!$G$18=$B$17,14,0)+IF('Standard Profiles'!$G$18=$B$24,21,0),0)),0)</f>
        <v>5.7637069617780874</v>
      </c>
      <c r="E7622" cm="1">
        <f t="array" ref="E7622">IFERROR(INDEX(Jesper!AI$2:AI$366,ROUNDDOWN($C7622/24,0)+1,1)*INDEX($D$3:$AA$30,INDEX(Jesper!$R$2:$R$366,ROW(INDEX(Jesper!AI$2:AI$366,ROUNDDOWN($C7622/24,0)+1,1))-1)+IF('Standard Profiles'!$G$19=$B$10,7,0)+IF('Standard Profiles'!$G$19=$B$17,14,0)+IF('Standard Profiles'!$G$19=$B$24,21,0),MOD($C7622,24)+1)/SUM(INDEX($D$3:$AA$30,INDEX(Jesper!$R$2:$R$366,ROW(INDEX(Jesper!AI$2:AI$366,ROUNDDOWN($C7622/24,0)+1,1))-1)+IF('Standard Profiles'!$G$19=$B$10,7,0)+IF('Standard Profiles'!$G$19=$B$17,14,0)+IF('Standard Profiles'!$G$19=$B$24,21,0),0)),0)</f>
        <v>6.1767807373815025</v>
      </c>
      <c r="F7622" cm="1">
        <f t="array" ref="F7622">IFERROR(INDEX(Jesper!AJ$2:AJ$366,ROUNDDOWN($C7622/24,0)+1,1)*INDEX($D$3:$AA$30,INDEX(Jesper!$R$2:$R$366,ROW(INDEX(Jesper!AJ$2:AJ$366,ROUNDDOWN($C7622/24,0)+1,1))-1)+IF('Standard Profiles'!$G$20=$B$10,7,0)+IF('Standard Profiles'!$G$20=$B$17,14,0)+IF('Standard Profiles'!$G$20=$B$24,21,0),MOD($C7622,24)+1)/SUM(INDEX($D$3:$AA$30,INDEX(Jesper!$R$2:$R$366,ROW(INDEX(Jesper!AJ$2:AJ$366,ROUNDDOWN($C7622/24,0)+1,1))-1)+IF('Standard Profiles'!$G$20=$B$10,7,0)+IF('Standard Profiles'!$G$20=$B$17,14,0)+IF('Standard Profiles'!$G$20=$B$24,21,0),0)),0)</f>
        <v>0</v>
      </c>
      <c r="G7622" cm="1">
        <f t="array" ref="G7622">IFERROR(INDEX(Jesper!AK$2:AK$366,ROUNDDOWN($C7622/24,0)+1,1)*INDEX($D$3:$AA$30,INDEX(Jesper!$R$2:$R$366,ROW(INDEX(Jesper!AK$2:AK$366,ROUNDDOWN($C7622/24,0)+1,1))-1)+IF('Standard Profiles'!$G$21=$B$10,7,0)+IF('Standard Profiles'!$G$21=$B$17,14,0)+IF('Standard Profiles'!$G$21=$B$24,21,0),MOD($C7622,24)+1)/SUM(INDEX($D$3:$AA$30,INDEX(Jesper!$R$2:$R$366,ROW(INDEX(Jesper!AK$2:AK$366,ROUNDDOWN($C7622/24,0)+1,1))-1)+IF('Standard Profiles'!$G$21=$B$10,7,0)+IF('Standard Profiles'!$G$21=$B$17,14,0)+IF('Standard Profiles'!$G$21=$B$24,21,0),0)),0)</f>
        <v>4.6136686870939556</v>
      </c>
      <c r="H7622" cm="1">
        <f t="array" ref="H7622">IFERROR(INDEX(Jesper!AL$2:AL$366,ROUNDDOWN($C7622/24,0)+1,1)*INDEX($D$3:$AA$30,INDEX(Jesper!$R$2:$R$366,ROW(INDEX(Jesper!AL$2:AL$366,ROUNDDOWN($C7622/24,0)+1,1))-1)+IF('Standard Profiles'!$G$22=$B$10,7,0)+IF('Standard Profiles'!$G$22=$B$17,14,0)+IF('Standard Profiles'!$G$22=$B$24,21,0),MOD($C7622,24)+1)/SUM(INDEX($D$3:$AA$30,INDEX(Jesper!$R$2:$R$366,ROW(INDEX(Jesper!AL$2:AL$366,ROUNDDOWN($C7622/24,0)+1,1))-1)+IF('Standard Profiles'!$G$22=$B$10,7,0)+IF('Standard Profiles'!$G$22=$B$17,14,0)+IF('Standard Profiles'!$G$22=$B$24,21,0),0)),0)</f>
        <v>0</v>
      </c>
      <c r="I7622">
        <f t="shared" si="846"/>
        <v>2.2145609698050976</v>
      </c>
      <c r="J7622">
        <f t="shared" si="847"/>
        <v>13.417402302563955</v>
      </c>
      <c r="K7622">
        <f t="shared" si="848"/>
        <v>0.61479540925632936</v>
      </c>
      <c r="L7622">
        <f t="shared" si="849"/>
        <v>0.30739770462816468</v>
      </c>
      <c r="M7622">
        <f t="shared" si="850"/>
        <v>0</v>
      </c>
      <c r="N7622" s="45">
        <f t="shared" si="851"/>
        <v>45243.166666648263</v>
      </c>
    </row>
    <row r="7623" spans="2:14" x14ac:dyDescent="0.25">
      <c r="B7623">
        <f t="shared" si="845"/>
        <v>1</v>
      </c>
      <c r="C7623" s="16">
        <v>7589</v>
      </c>
      <c r="D7623" cm="1">
        <f t="array" ref="D7623">IFERROR(INDEX(Jesper!AH$2:AH$366,ROUNDDOWN($C7623/24,0)+1,1)*INDEX($D$3:$AA$30,INDEX(Jesper!$R$2:$R$366,ROW(INDEX(Jesper!AH$2:AH$366,ROUNDDOWN($C7623/24,0)+1,1))-1)+IF('Standard Profiles'!$G$18=$B$10,7,0)+IF('Standard Profiles'!$G$18=$B$17,14,0)+IF('Standard Profiles'!$G$18=$B$24,21,0),MOD($C7623,24)+1)/SUM(INDEX($D$3:$AA$30,INDEX(Jesper!$R$2:$R$366,ROW(INDEX(Jesper!AH$2:AH$366,ROUNDDOWN($C7623/24,0)+1,1))-1)+IF('Standard Profiles'!$G$18=$B$10,7,0)+IF('Standard Profiles'!$G$18=$B$17,14,0)+IF('Standard Profiles'!$G$18=$B$24,21,0),0)),0)</f>
        <v>5.7637069617780874</v>
      </c>
      <c r="E7623" cm="1">
        <f t="array" ref="E7623">IFERROR(INDEX(Jesper!AI$2:AI$366,ROUNDDOWN($C7623/24,0)+1,1)*INDEX($D$3:$AA$30,INDEX(Jesper!$R$2:$R$366,ROW(INDEX(Jesper!AI$2:AI$366,ROUNDDOWN($C7623/24,0)+1,1))-1)+IF('Standard Profiles'!$G$19=$B$10,7,0)+IF('Standard Profiles'!$G$19=$B$17,14,0)+IF('Standard Profiles'!$G$19=$B$24,21,0),MOD($C7623,24)+1)/SUM(INDEX($D$3:$AA$30,INDEX(Jesper!$R$2:$R$366,ROW(INDEX(Jesper!AI$2:AI$366,ROUNDDOWN($C7623/24,0)+1,1))-1)+IF('Standard Profiles'!$G$19=$B$10,7,0)+IF('Standard Profiles'!$G$19=$B$17,14,0)+IF('Standard Profiles'!$G$19=$B$24,21,0),0)),0)</f>
        <v>6.1767807373815025</v>
      </c>
      <c r="F7623" cm="1">
        <f t="array" ref="F7623">IFERROR(INDEX(Jesper!AJ$2:AJ$366,ROUNDDOWN($C7623/24,0)+1,1)*INDEX($D$3:$AA$30,INDEX(Jesper!$R$2:$R$366,ROW(INDEX(Jesper!AJ$2:AJ$366,ROUNDDOWN($C7623/24,0)+1,1))-1)+IF('Standard Profiles'!$G$20=$B$10,7,0)+IF('Standard Profiles'!$G$20=$B$17,14,0)+IF('Standard Profiles'!$G$20=$B$24,21,0),MOD($C7623,24)+1)/SUM(INDEX($D$3:$AA$30,INDEX(Jesper!$R$2:$R$366,ROW(INDEX(Jesper!AJ$2:AJ$366,ROUNDDOWN($C7623/24,0)+1,1))-1)+IF('Standard Profiles'!$G$20=$B$10,7,0)+IF('Standard Profiles'!$G$20=$B$17,14,0)+IF('Standard Profiles'!$G$20=$B$24,21,0),0)),0)</f>
        <v>0</v>
      </c>
      <c r="G7623" cm="1">
        <f t="array" ref="G7623">IFERROR(INDEX(Jesper!AK$2:AK$366,ROUNDDOWN($C7623/24,0)+1,1)*INDEX($D$3:$AA$30,INDEX(Jesper!$R$2:$R$366,ROW(INDEX(Jesper!AK$2:AK$366,ROUNDDOWN($C7623/24,0)+1,1))-1)+IF('Standard Profiles'!$G$21=$B$10,7,0)+IF('Standard Profiles'!$G$21=$B$17,14,0)+IF('Standard Profiles'!$G$21=$B$24,21,0),MOD($C7623,24)+1)/SUM(INDEX($D$3:$AA$30,INDEX(Jesper!$R$2:$R$366,ROW(INDEX(Jesper!AK$2:AK$366,ROUNDDOWN($C7623/24,0)+1,1))-1)+IF('Standard Profiles'!$G$21=$B$10,7,0)+IF('Standard Profiles'!$G$21=$B$17,14,0)+IF('Standard Profiles'!$G$21=$B$24,21,0),0)),0)</f>
        <v>4.6136686870939556</v>
      </c>
      <c r="H7623" cm="1">
        <f t="array" ref="H7623">IFERROR(INDEX(Jesper!AL$2:AL$366,ROUNDDOWN($C7623/24,0)+1,1)*INDEX($D$3:$AA$30,INDEX(Jesper!$R$2:$R$366,ROW(INDEX(Jesper!AL$2:AL$366,ROUNDDOWN($C7623/24,0)+1,1))-1)+IF('Standard Profiles'!$G$22=$B$10,7,0)+IF('Standard Profiles'!$G$22=$B$17,14,0)+IF('Standard Profiles'!$G$22=$B$24,21,0),MOD($C7623,24)+1)/SUM(INDEX($D$3:$AA$30,INDEX(Jesper!$R$2:$R$366,ROW(INDEX(Jesper!AL$2:AL$366,ROUNDDOWN($C7623/24,0)+1,1))-1)+IF('Standard Profiles'!$G$22=$B$10,7,0)+IF('Standard Profiles'!$G$22=$B$17,14,0)+IF('Standard Profiles'!$G$22=$B$24,21,0),0)),0)</f>
        <v>0</v>
      </c>
      <c r="I7623">
        <f t="shared" si="846"/>
        <v>2.2145609698050976</v>
      </c>
      <c r="J7623">
        <f t="shared" si="847"/>
        <v>13.417402302563955</v>
      </c>
      <c r="K7623">
        <f t="shared" si="848"/>
        <v>0.61479540925632936</v>
      </c>
      <c r="L7623">
        <f t="shared" si="849"/>
        <v>0.30739770462816468</v>
      </c>
      <c r="M7623">
        <f t="shared" si="850"/>
        <v>0</v>
      </c>
      <c r="N7623" s="45">
        <f t="shared" si="851"/>
        <v>45243.208333314928</v>
      </c>
    </row>
    <row r="7624" spans="2:14" x14ac:dyDescent="0.25">
      <c r="B7624">
        <f t="shared" si="845"/>
        <v>1</v>
      </c>
      <c r="C7624" s="16">
        <v>7590</v>
      </c>
      <c r="D7624" cm="1">
        <f t="array" ref="D7624">IFERROR(INDEX(Jesper!AH$2:AH$366,ROUNDDOWN($C7624/24,0)+1,1)*INDEX($D$3:$AA$30,INDEX(Jesper!$R$2:$R$366,ROW(INDEX(Jesper!AH$2:AH$366,ROUNDDOWN($C7624/24,0)+1,1))-1)+IF('Standard Profiles'!$G$18=$B$10,7,0)+IF('Standard Profiles'!$G$18=$B$17,14,0)+IF('Standard Profiles'!$G$18=$B$24,21,0),MOD($C7624,24)+1)/SUM(INDEX($D$3:$AA$30,INDEX(Jesper!$R$2:$R$366,ROW(INDEX(Jesper!AH$2:AH$366,ROUNDDOWN($C7624/24,0)+1,1))-1)+IF('Standard Profiles'!$G$18=$B$10,7,0)+IF('Standard Profiles'!$G$18=$B$17,14,0)+IF('Standard Profiles'!$G$18=$B$24,21,0),0)),0)</f>
        <v>5.7637069617780874</v>
      </c>
      <c r="E7624" cm="1">
        <f t="array" ref="E7624">IFERROR(INDEX(Jesper!AI$2:AI$366,ROUNDDOWN($C7624/24,0)+1,1)*INDEX($D$3:$AA$30,INDEX(Jesper!$R$2:$R$366,ROW(INDEX(Jesper!AI$2:AI$366,ROUNDDOWN($C7624/24,0)+1,1))-1)+IF('Standard Profiles'!$G$19=$B$10,7,0)+IF('Standard Profiles'!$G$19=$B$17,14,0)+IF('Standard Profiles'!$G$19=$B$24,21,0),MOD($C7624,24)+1)/SUM(INDEX($D$3:$AA$30,INDEX(Jesper!$R$2:$R$366,ROW(INDEX(Jesper!AI$2:AI$366,ROUNDDOWN($C7624/24,0)+1,1))-1)+IF('Standard Profiles'!$G$19=$B$10,7,0)+IF('Standard Profiles'!$G$19=$B$17,14,0)+IF('Standard Profiles'!$G$19=$B$24,21,0),0)),0)</f>
        <v>6.1767807373815025</v>
      </c>
      <c r="F7624" cm="1">
        <f t="array" ref="F7624">IFERROR(INDEX(Jesper!AJ$2:AJ$366,ROUNDDOWN($C7624/24,0)+1,1)*INDEX($D$3:$AA$30,INDEX(Jesper!$R$2:$R$366,ROW(INDEX(Jesper!AJ$2:AJ$366,ROUNDDOWN($C7624/24,0)+1,1))-1)+IF('Standard Profiles'!$G$20=$B$10,7,0)+IF('Standard Profiles'!$G$20=$B$17,14,0)+IF('Standard Profiles'!$G$20=$B$24,21,0),MOD($C7624,24)+1)/SUM(INDEX($D$3:$AA$30,INDEX(Jesper!$R$2:$R$366,ROW(INDEX(Jesper!AJ$2:AJ$366,ROUNDDOWN($C7624/24,0)+1,1))-1)+IF('Standard Profiles'!$G$20=$B$10,7,0)+IF('Standard Profiles'!$G$20=$B$17,14,0)+IF('Standard Profiles'!$G$20=$B$24,21,0),0)),0)</f>
        <v>0</v>
      </c>
      <c r="G7624" cm="1">
        <f t="array" ref="G7624">IFERROR(INDEX(Jesper!AK$2:AK$366,ROUNDDOWN($C7624/24,0)+1,1)*INDEX($D$3:$AA$30,INDEX(Jesper!$R$2:$R$366,ROW(INDEX(Jesper!AK$2:AK$366,ROUNDDOWN($C7624/24,0)+1,1))-1)+IF('Standard Profiles'!$G$21=$B$10,7,0)+IF('Standard Profiles'!$G$21=$B$17,14,0)+IF('Standard Profiles'!$G$21=$B$24,21,0),MOD($C7624,24)+1)/SUM(INDEX($D$3:$AA$30,INDEX(Jesper!$R$2:$R$366,ROW(INDEX(Jesper!AK$2:AK$366,ROUNDDOWN($C7624/24,0)+1,1))-1)+IF('Standard Profiles'!$G$21=$B$10,7,0)+IF('Standard Profiles'!$G$21=$B$17,14,0)+IF('Standard Profiles'!$G$21=$B$24,21,0),0)),0)</f>
        <v>4.6136686870939556</v>
      </c>
      <c r="H7624" cm="1">
        <f t="array" ref="H7624">IFERROR(INDEX(Jesper!AL$2:AL$366,ROUNDDOWN($C7624/24,0)+1,1)*INDEX($D$3:$AA$30,INDEX(Jesper!$R$2:$R$366,ROW(INDEX(Jesper!AL$2:AL$366,ROUNDDOWN($C7624/24,0)+1,1))-1)+IF('Standard Profiles'!$G$22=$B$10,7,0)+IF('Standard Profiles'!$G$22=$B$17,14,0)+IF('Standard Profiles'!$G$22=$B$24,21,0),MOD($C7624,24)+1)/SUM(INDEX($D$3:$AA$30,INDEX(Jesper!$R$2:$R$366,ROW(INDEX(Jesper!AL$2:AL$366,ROUNDDOWN($C7624/24,0)+1,1))-1)+IF('Standard Profiles'!$G$22=$B$10,7,0)+IF('Standard Profiles'!$G$22=$B$17,14,0)+IF('Standard Profiles'!$G$22=$B$24,21,0),0)),0)</f>
        <v>0</v>
      </c>
      <c r="I7624">
        <f t="shared" si="846"/>
        <v>2.2145609698050976</v>
      </c>
      <c r="J7624">
        <f t="shared" si="847"/>
        <v>13.417402302563955</v>
      </c>
      <c r="K7624">
        <f t="shared" si="848"/>
        <v>0.61479540925632936</v>
      </c>
      <c r="L7624">
        <f t="shared" si="849"/>
        <v>0.30739770462816468</v>
      </c>
      <c r="M7624">
        <f t="shared" si="850"/>
        <v>0</v>
      </c>
      <c r="N7624" s="45">
        <f t="shared" si="851"/>
        <v>45243.249999981592</v>
      </c>
    </row>
    <row r="7625" spans="2:14" x14ac:dyDescent="0.25">
      <c r="B7625">
        <f t="shared" si="845"/>
        <v>1</v>
      </c>
      <c r="C7625" s="16">
        <v>7591</v>
      </c>
      <c r="D7625" cm="1">
        <f t="array" ref="D7625">IFERROR(INDEX(Jesper!AH$2:AH$366,ROUNDDOWN($C7625/24,0)+1,1)*INDEX($D$3:$AA$30,INDEX(Jesper!$R$2:$R$366,ROW(INDEX(Jesper!AH$2:AH$366,ROUNDDOWN($C7625/24,0)+1,1))-1)+IF('Standard Profiles'!$G$18=$B$10,7,0)+IF('Standard Profiles'!$G$18=$B$17,14,0)+IF('Standard Profiles'!$G$18=$B$24,21,0),MOD($C7625,24)+1)/SUM(INDEX($D$3:$AA$30,INDEX(Jesper!$R$2:$R$366,ROW(INDEX(Jesper!AH$2:AH$366,ROUNDDOWN($C7625/24,0)+1,1))-1)+IF('Standard Profiles'!$G$18=$B$10,7,0)+IF('Standard Profiles'!$G$18=$B$17,14,0)+IF('Standard Profiles'!$G$18=$B$24,21,0),0)),0)</f>
        <v>24.55339165717465</v>
      </c>
      <c r="E7625" cm="1">
        <f t="array" ref="E7625">IFERROR(INDEX(Jesper!AI$2:AI$366,ROUNDDOWN($C7625/24,0)+1,1)*INDEX($D$3:$AA$30,INDEX(Jesper!$R$2:$R$366,ROW(INDEX(Jesper!AI$2:AI$366,ROUNDDOWN($C7625/24,0)+1,1))-1)+IF('Standard Profiles'!$G$19=$B$10,7,0)+IF('Standard Profiles'!$G$19=$B$17,14,0)+IF('Standard Profiles'!$G$19=$B$24,21,0),MOD($C7625,24)+1)/SUM(INDEX($D$3:$AA$30,INDEX(Jesper!$R$2:$R$366,ROW(INDEX(Jesper!AI$2:AI$366,ROUNDDOWN($C7625/24,0)+1,1))-1)+IF('Standard Profiles'!$G$19=$B$10,7,0)+IF('Standard Profiles'!$G$19=$B$17,14,0)+IF('Standard Profiles'!$G$19=$B$24,21,0),0)),0)</f>
        <v>26.313085941245198</v>
      </c>
      <c r="F7625" cm="1">
        <f t="array" ref="F7625">IFERROR(INDEX(Jesper!AJ$2:AJ$366,ROUNDDOWN($C7625/24,0)+1,1)*INDEX($D$3:$AA$30,INDEX(Jesper!$R$2:$R$366,ROW(INDEX(Jesper!AJ$2:AJ$366,ROUNDDOWN($C7625/24,0)+1,1))-1)+IF('Standard Profiles'!$G$20=$B$10,7,0)+IF('Standard Profiles'!$G$20=$B$17,14,0)+IF('Standard Profiles'!$G$20=$B$24,21,0),MOD($C7625,24)+1)/SUM(INDEX($D$3:$AA$30,INDEX(Jesper!$R$2:$R$366,ROW(INDEX(Jesper!AJ$2:AJ$366,ROUNDDOWN($C7625/24,0)+1,1))-1)+IF('Standard Profiles'!$G$20=$B$10,7,0)+IF('Standard Profiles'!$G$20=$B$17,14,0)+IF('Standard Profiles'!$G$20=$B$24,21,0),0)),0)</f>
        <v>0</v>
      </c>
      <c r="G7625" cm="1">
        <f t="array" ref="G7625">IFERROR(INDEX(Jesper!AK$2:AK$366,ROUNDDOWN($C7625/24,0)+1,1)*INDEX($D$3:$AA$30,INDEX(Jesper!$R$2:$R$366,ROW(INDEX(Jesper!AK$2:AK$366,ROUNDDOWN($C7625/24,0)+1,1))-1)+IF('Standard Profiles'!$G$21=$B$10,7,0)+IF('Standard Profiles'!$G$21=$B$17,14,0)+IF('Standard Profiles'!$G$21=$B$24,21,0),MOD($C7625,24)+1)/SUM(INDEX($D$3:$AA$30,INDEX(Jesper!$R$2:$R$366,ROW(INDEX(Jesper!AK$2:AK$366,ROUNDDOWN($C7625/24,0)+1,1))-1)+IF('Standard Profiles'!$G$21=$B$10,7,0)+IF('Standard Profiles'!$G$21=$B$17,14,0)+IF('Standard Profiles'!$G$21=$B$24,21,0),0)),0)</f>
        <v>20.069458788858707</v>
      </c>
      <c r="H7625" cm="1">
        <f t="array" ref="H7625">IFERROR(INDEX(Jesper!AL$2:AL$366,ROUNDDOWN($C7625/24,0)+1,1)*INDEX($D$3:$AA$30,INDEX(Jesper!$R$2:$R$366,ROW(INDEX(Jesper!AL$2:AL$366,ROUNDDOWN($C7625/24,0)+1,1))-1)+IF('Standard Profiles'!$G$22=$B$10,7,0)+IF('Standard Profiles'!$G$22=$B$17,14,0)+IF('Standard Profiles'!$G$22=$B$24,21,0),MOD($C7625,24)+1)/SUM(INDEX($D$3:$AA$30,INDEX(Jesper!$R$2:$R$366,ROW(INDEX(Jesper!AL$2:AL$366,ROUNDDOWN($C7625/24,0)+1,1))-1)+IF('Standard Profiles'!$G$22=$B$10,7,0)+IF('Standard Profiles'!$G$22=$B$17,14,0)+IF('Standard Profiles'!$G$22=$B$24,21,0),0)),0)</f>
        <v>0</v>
      </c>
      <c r="I7625">
        <f t="shared" si="846"/>
        <v>9.6333402186521742</v>
      </c>
      <c r="J7625">
        <f t="shared" si="847"/>
        <v>57.374053503478436</v>
      </c>
      <c r="K7625">
        <f t="shared" si="848"/>
        <v>2.6190284434319628</v>
      </c>
      <c r="L7625">
        <f t="shared" si="849"/>
        <v>1.3095142217159814</v>
      </c>
      <c r="M7625">
        <f t="shared" si="850"/>
        <v>0</v>
      </c>
      <c r="N7625" s="45">
        <f t="shared" si="851"/>
        <v>45243.291666648256</v>
      </c>
    </row>
    <row r="7626" spans="2:14" x14ac:dyDescent="0.25">
      <c r="B7626">
        <f t="shared" si="845"/>
        <v>1</v>
      </c>
      <c r="C7626" s="16">
        <v>7592</v>
      </c>
      <c r="D7626" cm="1">
        <f t="array" ref="D7626">IFERROR(INDEX(Jesper!AH$2:AH$366,ROUNDDOWN($C7626/24,0)+1,1)*INDEX($D$3:$AA$30,INDEX(Jesper!$R$2:$R$366,ROW(INDEX(Jesper!AH$2:AH$366,ROUNDDOWN($C7626/24,0)+1,1))-1)+IF('Standard Profiles'!$G$18=$B$10,7,0)+IF('Standard Profiles'!$G$18=$B$17,14,0)+IF('Standard Profiles'!$G$18=$B$24,21,0),MOD($C7626,24)+1)/SUM(INDEX($D$3:$AA$30,INDEX(Jesper!$R$2:$R$366,ROW(INDEX(Jesper!AH$2:AH$366,ROUNDDOWN($C7626/24,0)+1,1))-1)+IF('Standard Profiles'!$G$18=$B$10,7,0)+IF('Standard Profiles'!$G$18=$B$17,14,0)+IF('Standard Profiles'!$G$18=$B$24,21,0),0)),0)</f>
        <v>27.622565614321481</v>
      </c>
      <c r="E7626" cm="1">
        <f t="array" ref="E7626">IFERROR(INDEX(Jesper!AI$2:AI$366,ROUNDDOWN($C7626/24,0)+1,1)*INDEX($D$3:$AA$30,INDEX(Jesper!$R$2:$R$366,ROW(INDEX(Jesper!AI$2:AI$366,ROUNDDOWN($C7626/24,0)+1,1))-1)+IF('Standard Profiles'!$G$19=$B$10,7,0)+IF('Standard Profiles'!$G$19=$B$17,14,0)+IF('Standard Profiles'!$G$19=$B$24,21,0),MOD($C7626,24)+1)/SUM(INDEX($D$3:$AA$30,INDEX(Jesper!$R$2:$R$366,ROW(INDEX(Jesper!AI$2:AI$366,ROUNDDOWN($C7626/24,0)+1,1))-1)+IF('Standard Profiles'!$G$19=$B$10,7,0)+IF('Standard Profiles'!$G$19=$B$17,14,0)+IF('Standard Profiles'!$G$19=$B$24,21,0),0)),0)</f>
        <v>29.602221683900847</v>
      </c>
      <c r="F7626" cm="1">
        <f t="array" ref="F7626">IFERROR(INDEX(Jesper!AJ$2:AJ$366,ROUNDDOWN($C7626/24,0)+1,1)*INDEX($D$3:$AA$30,INDEX(Jesper!$R$2:$R$366,ROW(INDEX(Jesper!AJ$2:AJ$366,ROUNDDOWN($C7626/24,0)+1,1))-1)+IF('Standard Profiles'!$G$20=$B$10,7,0)+IF('Standard Profiles'!$G$20=$B$17,14,0)+IF('Standard Profiles'!$G$20=$B$24,21,0),MOD($C7626,24)+1)/SUM(INDEX($D$3:$AA$30,INDEX(Jesper!$R$2:$R$366,ROW(INDEX(Jesper!AJ$2:AJ$366,ROUNDDOWN($C7626/24,0)+1,1))-1)+IF('Standard Profiles'!$G$20=$B$10,7,0)+IF('Standard Profiles'!$G$20=$B$17,14,0)+IF('Standard Profiles'!$G$20=$B$24,21,0),0)),0)</f>
        <v>0</v>
      </c>
      <c r="G7626" cm="1">
        <f t="array" ref="G7626">IFERROR(INDEX(Jesper!AK$2:AK$366,ROUNDDOWN($C7626/24,0)+1,1)*INDEX($D$3:$AA$30,INDEX(Jesper!$R$2:$R$366,ROW(INDEX(Jesper!AK$2:AK$366,ROUNDDOWN($C7626/24,0)+1,1))-1)+IF('Standard Profiles'!$G$21=$B$10,7,0)+IF('Standard Profiles'!$G$21=$B$17,14,0)+IF('Standard Profiles'!$G$21=$B$24,21,0),MOD($C7626,24)+1)/SUM(INDEX($D$3:$AA$30,INDEX(Jesper!$R$2:$R$366,ROW(INDEX(Jesper!AK$2:AK$366,ROUNDDOWN($C7626/24,0)+1,1))-1)+IF('Standard Profiles'!$G$21=$B$10,7,0)+IF('Standard Profiles'!$G$21=$B$17,14,0)+IF('Standard Profiles'!$G$21=$B$24,21,0),0)),0)</f>
        <v>22.578141137466048</v>
      </c>
      <c r="H7626" cm="1">
        <f t="array" ref="H7626">IFERROR(INDEX(Jesper!AL$2:AL$366,ROUNDDOWN($C7626/24,0)+1,1)*INDEX($D$3:$AA$30,INDEX(Jesper!$R$2:$R$366,ROW(INDEX(Jesper!AL$2:AL$366,ROUNDDOWN($C7626/24,0)+1,1))-1)+IF('Standard Profiles'!$G$22=$B$10,7,0)+IF('Standard Profiles'!$G$22=$B$17,14,0)+IF('Standard Profiles'!$G$22=$B$24,21,0),MOD($C7626,24)+1)/SUM(INDEX($D$3:$AA$30,INDEX(Jesper!$R$2:$R$366,ROW(INDEX(Jesper!AL$2:AL$366,ROUNDDOWN($C7626/24,0)+1,1))-1)+IF('Standard Profiles'!$G$22=$B$10,7,0)+IF('Standard Profiles'!$G$22=$B$17,14,0)+IF('Standard Profiles'!$G$22=$B$24,21,0),0)),0)</f>
        <v>0</v>
      </c>
      <c r="I7626">
        <f t="shared" si="846"/>
        <v>10.837507745983698</v>
      </c>
      <c r="J7626">
        <f t="shared" si="847"/>
        <v>64.545810191413238</v>
      </c>
      <c r="K7626">
        <f t="shared" si="848"/>
        <v>2.946406998860958</v>
      </c>
      <c r="L7626">
        <f t="shared" si="849"/>
        <v>1.473203499430479</v>
      </c>
      <c r="M7626">
        <f t="shared" si="850"/>
        <v>0</v>
      </c>
      <c r="N7626" s="45">
        <f t="shared" si="851"/>
        <v>45243.33333331492</v>
      </c>
    </row>
    <row r="7627" spans="2:14" x14ac:dyDescent="0.25">
      <c r="B7627">
        <f t="shared" si="845"/>
        <v>1</v>
      </c>
      <c r="C7627" s="16">
        <v>7593</v>
      </c>
      <c r="D7627" cm="1">
        <f t="array" ref="D7627">IFERROR(INDEX(Jesper!AH$2:AH$366,ROUNDDOWN($C7627/24,0)+1,1)*INDEX($D$3:$AA$30,INDEX(Jesper!$R$2:$R$366,ROW(INDEX(Jesper!AH$2:AH$366,ROUNDDOWN($C7627/24,0)+1,1))-1)+IF('Standard Profiles'!$G$18=$B$10,7,0)+IF('Standard Profiles'!$G$18=$B$17,14,0)+IF('Standard Profiles'!$G$18=$B$24,21,0),MOD($C7627,24)+1)/SUM(INDEX($D$3:$AA$30,INDEX(Jesper!$R$2:$R$366,ROW(INDEX(Jesper!AH$2:AH$366,ROUNDDOWN($C7627/24,0)+1,1))-1)+IF('Standard Profiles'!$G$18=$B$10,7,0)+IF('Standard Profiles'!$G$18=$B$17,14,0)+IF('Standard Profiles'!$G$18=$B$24,21,0),0)),0)</f>
        <v>30.691739571468315</v>
      </c>
      <c r="E7627" cm="1">
        <f t="array" ref="E7627">IFERROR(INDEX(Jesper!AI$2:AI$366,ROUNDDOWN($C7627/24,0)+1,1)*INDEX($D$3:$AA$30,INDEX(Jesper!$R$2:$R$366,ROW(INDEX(Jesper!AI$2:AI$366,ROUNDDOWN($C7627/24,0)+1,1))-1)+IF('Standard Profiles'!$G$19=$B$10,7,0)+IF('Standard Profiles'!$G$19=$B$17,14,0)+IF('Standard Profiles'!$G$19=$B$24,21,0),MOD($C7627,24)+1)/SUM(INDEX($D$3:$AA$30,INDEX(Jesper!$R$2:$R$366,ROW(INDEX(Jesper!AI$2:AI$366,ROUNDDOWN($C7627/24,0)+1,1))-1)+IF('Standard Profiles'!$G$19=$B$10,7,0)+IF('Standard Profiles'!$G$19=$B$17,14,0)+IF('Standard Profiles'!$G$19=$B$24,21,0),0)),0)</f>
        <v>32.891357426556496</v>
      </c>
      <c r="F7627" cm="1">
        <f t="array" ref="F7627">IFERROR(INDEX(Jesper!AJ$2:AJ$366,ROUNDDOWN($C7627/24,0)+1,1)*INDEX($D$3:$AA$30,INDEX(Jesper!$R$2:$R$366,ROW(INDEX(Jesper!AJ$2:AJ$366,ROUNDDOWN($C7627/24,0)+1,1))-1)+IF('Standard Profiles'!$G$20=$B$10,7,0)+IF('Standard Profiles'!$G$20=$B$17,14,0)+IF('Standard Profiles'!$G$20=$B$24,21,0),MOD($C7627,24)+1)/SUM(INDEX($D$3:$AA$30,INDEX(Jesper!$R$2:$R$366,ROW(INDEX(Jesper!AJ$2:AJ$366,ROUNDDOWN($C7627/24,0)+1,1))-1)+IF('Standard Profiles'!$G$20=$B$10,7,0)+IF('Standard Profiles'!$G$20=$B$17,14,0)+IF('Standard Profiles'!$G$20=$B$24,21,0),0)),0)</f>
        <v>0</v>
      </c>
      <c r="G7627" cm="1">
        <f t="array" ref="G7627">IFERROR(INDEX(Jesper!AK$2:AK$366,ROUNDDOWN($C7627/24,0)+1,1)*INDEX($D$3:$AA$30,INDEX(Jesper!$R$2:$R$366,ROW(INDEX(Jesper!AK$2:AK$366,ROUNDDOWN($C7627/24,0)+1,1))-1)+IF('Standard Profiles'!$G$21=$B$10,7,0)+IF('Standard Profiles'!$G$21=$B$17,14,0)+IF('Standard Profiles'!$G$21=$B$24,21,0),MOD($C7627,24)+1)/SUM(INDEX($D$3:$AA$30,INDEX(Jesper!$R$2:$R$366,ROW(INDEX(Jesper!AK$2:AK$366,ROUNDDOWN($C7627/24,0)+1,1))-1)+IF('Standard Profiles'!$G$21=$B$10,7,0)+IF('Standard Profiles'!$G$21=$B$17,14,0)+IF('Standard Profiles'!$G$21=$B$24,21,0),0)),0)</f>
        <v>25.086823486073385</v>
      </c>
      <c r="H7627" cm="1">
        <f t="array" ref="H7627">IFERROR(INDEX(Jesper!AL$2:AL$366,ROUNDDOWN($C7627/24,0)+1,1)*INDEX($D$3:$AA$30,INDEX(Jesper!$R$2:$R$366,ROW(INDEX(Jesper!AL$2:AL$366,ROUNDDOWN($C7627/24,0)+1,1))-1)+IF('Standard Profiles'!$G$22=$B$10,7,0)+IF('Standard Profiles'!$G$22=$B$17,14,0)+IF('Standard Profiles'!$G$22=$B$24,21,0),MOD($C7627,24)+1)/SUM(INDEX($D$3:$AA$30,INDEX(Jesper!$R$2:$R$366,ROW(INDEX(Jesper!AL$2:AL$366,ROUNDDOWN($C7627/24,0)+1,1))-1)+IF('Standard Profiles'!$G$22=$B$10,7,0)+IF('Standard Profiles'!$G$22=$B$17,14,0)+IF('Standard Profiles'!$G$22=$B$24,21,0),0)),0)</f>
        <v>0</v>
      </c>
      <c r="I7627">
        <f t="shared" si="846"/>
        <v>12.041675273315219</v>
      </c>
      <c r="J7627">
        <f t="shared" si="847"/>
        <v>71.717566879348041</v>
      </c>
      <c r="K7627">
        <f t="shared" si="848"/>
        <v>3.2737855542899537</v>
      </c>
      <c r="L7627">
        <f t="shared" si="849"/>
        <v>1.6368927771449768</v>
      </c>
      <c r="M7627">
        <f t="shared" si="850"/>
        <v>0</v>
      </c>
      <c r="N7627" s="45">
        <f t="shared" si="851"/>
        <v>45243.374999981585</v>
      </c>
    </row>
    <row r="7628" spans="2:14" x14ac:dyDescent="0.25">
      <c r="B7628">
        <f t="shared" si="845"/>
        <v>1</v>
      </c>
      <c r="C7628" s="16">
        <v>7594</v>
      </c>
      <c r="D7628" cm="1">
        <f t="array" ref="D7628">IFERROR(INDEX(Jesper!AH$2:AH$366,ROUNDDOWN($C7628/24,0)+1,1)*INDEX($D$3:$AA$30,INDEX(Jesper!$R$2:$R$366,ROW(INDEX(Jesper!AH$2:AH$366,ROUNDDOWN($C7628/24,0)+1,1))-1)+IF('Standard Profiles'!$G$18=$B$10,7,0)+IF('Standard Profiles'!$G$18=$B$17,14,0)+IF('Standard Profiles'!$G$18=$B$24,21,0),MOD($C7628,24)+1)/SUM(INDEX($D$3:$AA$30,INDEX(Jesper!$R$2:$R$366,ROW(INDEX(Jesper!AH$2:AH$366,ROUNDDOWN($C7628/24,0)+1,1))-1)+IF('Standard Profiles'!$G$18=$B$10,7,0)+IF('Standard Profiles'!$G$18=$B$17,14,0)+IF('Standard Profiles'!$G$18=$B$24,21,0),0)),0)</f>
        <v>30.691739571468315</v>
      </c>
      <c r="E7628" cm="1">
        <f t="array" ref="E7628">IFERROR(INDEX(Jesper!AI$2:AI$366,ROUNDDOWN($C7628/24,0)+1,1)*INDEX($D$3:$AA$30,INDEX(Jesper!$R$2:$R$366,ROW(INDEX(Jesper!AI$2:AI$366,ROUNDDOWN($C7628/24,0)+1,1))-1)+IF('Standard Profiles'!$G$19=$B$10,7,0)+IF('Standard Profiles'!$G$19=$B$17,14,0)+IF('Standard Profiles'!$G$19=$B$24,21,0),MOD($C7628,24)+1)/SUM(INDEX($D$3:$AA$30,INDEX(Jesper!$R$2:$R$366,ROW(INDEX(Jesper!AI$2:AI$366,ROUNDDOWN($C7628/24,0)+1,1))-1)+IF('Standard Profiles'!$G$19=$B$10,7,0)+IF('Standard Profiles'!$G$19=$B$17,14,0)+IF('Standard Profiles'!$G$19=$B$24,21,0),0)),0)</f>
        <v>32.891357426556496</v>
      </c>
      <c r="F7628" cm="1">
        <f t="array" ref="F7628">IFERROR(INDEX(Jesper!AJ$2:AJ$366,ROUNDDOWN($C7628/24,0)+1,1)*INDEX($D$3:$AA$30,INDEX(Jesper!$R$2:$R$366,ROW(INDEX(Jesper!AJ$2:AJ$366,ROUNDDOWN($C7628/24,0)+1,1))-1)+IF('Standard Profiles'!$G$20=$B$10,7,0)+IF('Standard Profiles'!$G$20=$B$17,14,0)+IF('Standard Profiles'!$G$20=$B$24,21,0),MOD($C7628,24)+1)/SUM(INDEX($D$3:$AA$30,INDEX(Jesper!$R$2:$R$366,ROW(INDEX(Jesper!AJ$2:AJ$366,ROUNDDOWN($C7628/24,0)+1,1))-1)+IF('Standard Profiles'!$G$20=$B$10,7,0)+IF('Standard Profiles'!$G$20=$B$17,14,0)+IF('Standard Profiles'!$G$20=$B$24,21,0),0)),0)</f>
        <v>0</v>
      </c>
      <c r="G7628" cm="1">
        <f t="array" ref="G7628">IFERROR(INDEX(Jesper!AK$2:AK$366,ROUNDDOWN($C7628/24,0)+1,1)*INDEX($D$3:$AA$30,INDEX(Jesper!$R$2:$R$366,ROW(INDEX(Jesper!AK$2:AK$366,ROUNDDOWN($C7628/24,0)+1,1))-1)+IF('Standard Profiles'!$G$21=$B$10,7,0)+IF('Standard Profiles'!$G$21=$B$17,14,0)+IF('Standard Profiles'!$G$21=$B$24,21,0),MOD($C7628,24)+1)/SUM(INDEX($D$3:$AA$30,INDEX(Jesper!$R$2:$R$366,ROW(INDEX(Jesper!AK$2:AK$366,ROUNDDOWN($C7628/24,0)+1,1))-1)+IF('Standard Profiles'!$G$21=$B$10,7,0)+IF('Standard Profiles'!$G$21=$B$17,14,0)+IF('Standard Profiles'!$G$21=$B$24,21,0),0)),0)</f>
        <v>25.086823486073385</v>
      </c>
      <c r="H7628" cm="1">
        <f t="array" ref="H7628">IFERROR(INDEX(Jesper!AL$2:AL$366,ROUNDDOWN($C7628/24,0)+1,1)*INDEX($D$3:$AA$30,INDEX(Jesper!$R$2:$R$366,ROW(INDEX(Jesper!AL$2:AL$366,ROUNDDOWN($C7628/24,0)+1,1))-1)+IF('Standard Profiles'!$G$22=$B$10,7,0)+IF('Standard Profiles'!$G$22=$B$17,14,0)+IF('Standard Profiles'!$G$22=$B$24,21,0),MOD($C7628,24)+1)/SUM(INDEX($D$3:$AA$30,INDEX(Jesper!$R$2:$R$366,ROW(INDEX(Jesper!AL$2:AL$366,ROUNDDOWN($C7628/24,0)+1,1))-1)+IF('Standard Profiles'!$G$22=$B$10,7,0)+IF('Standard Profiles'!$G$22=$B$17,14,0)+IF('Standard Profiles'!$G$22=$B$24,21,0),0)),0)</f>
        <v>0</v>
      </c>
      <c r="I7628">
        <f t="shared" si="846"/>
        <v>12.041675273315219</v>
      </c>
      <c r="J7628">
        <f t="shared" si="847"/>
        <v>71.717566879348041</v>
      </c>
      <c r="K7628">
        <f t="shared" si="848"/>
        <v>3.2737855542899537</v>
      </c>
      <c r="L7628">
        <f t="shared" si="849"/>
        <v>1.6368927771449768</v>
      </c>
      <c r="M7628">
        <f t="shared" si="850"/>
        <v>0</v>
      </c>
      <c r="N7628" s="45">
        <f t="shared" si="851"/>
        <v>45243.416666648249</v>
      </c>
    </row>
    <row r="7629" spans="2:14" x14ac:dyDescent="0.25">
      <c r="B7629">
        <f t="shared" si="845"/>
        <v>1</v>
      </c>
      <c r="C7629" s="16">
        <v>7595</v>
      </c>
      <c r="D7629" cm="1">
        <f t="array" ref="D7629">IFERROR(INDEX(Jesper!AH$2:AH$366,ROUNDDOWN($C7629/24,0)+1,1)*INDEX($D$3:$AA$30,INDEX(Jesper!$R$2:$R$366,ROW(INDEX(Jesper!AH$2:AH$366,ROUNDDOWN($C7629/24,0)+1,1))-1)+IF('Standard Profiles'!$G$18=$B$10,7,0)+IF('Standard Profiles'!$G$18=$B$17,14,0)+IF('Standard Profiles'!$G$18=$B$24,21,0),MOD($C7629,24)+1)/SUM(INDEX($D$3:$AA$30,INDEX(Jesper!$R$2:$R$366,ROW(INDEX(Jesper!AH$2:AH$366,ROUNDDOWN($C7629/24,0)+1,1))-1)+IF('Standard Profiles'!$G$18=$B$10,7,0)+IF('Standard Profiles'!$G$18=$B$17,14,0)+IF('Standard Profiles'!$G$18=$B$24,21,0),0)),0)</f>
        <v>36.830087485761972</v>
      </c>
      <c r="E7629" cm="1">
        <f t="array" ref="E7629">IFERROR(INDEX(Jesper!AI$2:AI$366,ROUNDDOWN($C7629/24,0)+1,1)*INDEX($D$3:$AA$30,INDEX(Jesper!$R$2:$R$366,ROW(INDEX(Jesper!AI$2:AI$366,ROUNDDOWN($C7629/24,0)+1,1))-1)+IF('Standard Profiles'!$G$19=$B$10,7,0)+IF('Standard Profiles'!$G$19=$B$17,14,0)+IF('Standard Profiles'!$G$19=$B$24,21,0),MOD($C7629,24)+1)/SUM(INDEX($D$3:$AA$30,INDEX(Jesper!$R$2:$R$366,ROW(INDEX(Jesper!AI$2:AI$366,ROUNDDOWN($C7629/24,0)+1,1))-1)+IF('Standard Profiles'!$G$19=$B$10,7,0)+IF('Standard Profiles'!$G$19=$B$17,14,0)+IF('Standard Profiles'!$G$19=$B$24,21,0),0)),0)</f>
        <v>39.469628911867794</v>
      </c>
      <c r="F7629" cm="1">
        <f t="array" ref="F7629">IFERROR(INDEX(Jesper!AJ$2:AJ$366,ROUNDDOWN($C7629/24,0)+1,1)*INDEX($D$3:$AA$30,INDEX(Jesper!$R$2:$R$366,ROW(INDEX(Jesper!AJ$2:AJ$366,ROUNDDOWN($C7629/24,0)+1,1))-1)+IF('Standard Profiles'!$G$20=$B$10,7,0)+IF('Standard Profiles'!$G$20=$B$17,14,0)+IF('Standard Profiles'!$G$20=$B$24,21,0),MOD($C7629,24)+1)/SUM(INDEX($D$3:$AA$30,INDEX(Jesper!$R$2:$R$366,ROW(INDEX(Jesper!AJ$2:AJ$366,ROUNDDOWN($C7629/24,0)+1,1))-1)+IF('Standard Profiles'!$G$20=$B$10,7,0)+IF('Standard Profiles'!$G$20=$B$17,14,0)+IF('Standard Profiles'!$G$20=$B$24,21,0),0)),0)</f>
        <v>0</v>
      </c>
      <c r="G7629" cm="1">
        <f t="array" ref="G7629">IFERROR(INDEX(Jesper!AK$2:AK$366,ROUNDDOWN($C7629/24,0)+1,1)*INDEX($D$3:$AA$30,INDEX(Jesper!$R$2:$R$366,ROW(INDEX(Jesper!AK$2:AK$366,ROUNDDOWN($C7629/24,0)+1,1))-1)+IF('Standard Profiles'!$G$21=$B$10,7,0)+IF('Standard Profiles'!$G$21=$B$17,14,0)+IF('Standard Profiles'!$G$21=$B$24,21,0),MOD($C7629,24)+1)/SUM(INDEX($D$3:$AA$30,INDEX(Jesper!$R$2:$R$366,ROW(INDEX(Jesper!AK$2:AK$366,ROUNDDOWN($C7629/24,0)+1,1))-1)+IF('Standard Profiles'!$G$21=$B$10,7,0)+IF('Standard Profiles'!$G$21=$B$17,14,0)+IF('Standard Profiles'!$G$21=$B$24,21,0),0)),0)</f>
        <v>30.104188183288052</v>
      </c>
      <c r="H7629" cm="1">
        <f t="array" ref="H7629">IFERROR(INDEX(Jesper!AL$2:AL$366,ROUNDDOWN($C7629/24,0)+1,1)*INDEX($D$3:$AA$30,INDEX(Jesper!$R$2:$R$366,ROW(INDEX(Jesper!AL$2:AL$366,ROUNDDOWN($C7629/24,0)+1,1))-1)+IF('Standard Profiles'!$G$22=$B$10,7,0)+IF('Standard Profiles'!$G$22=$B$17,14,0)+IF('Standard Profiles'!$G$22=$B$24,21,0),MOD($C7629,24)+1)/SUM(INDEX($D$3:$AA$30,INDEX(Jesper!$R$2:$R$366,ROW(INDEX(Jesper!AL$2:AL$366,ROUNDDOWN($C7629/24,0)+1,1))-1)+IF('Standard Profiles'!$G$22=$B$10,7,0)+IF('Standard Profiles'!$G$22=$B$17,14,0)+IF('Standard Profiles'!$G$22=$B$24,21,0),0)),0)</f>
        <v>0</v>
      </c>
      <c r="I7629">
        <f t="shared" si="846"/>
        <v>14.450010327978259</v>
      </c>
      <c r="J7629">
        <f t="shared" si="847"/>
        <v>86.061080255217647</v>
      </c>
      <c r="K7629">
        <f t="shared" si="848"/>
        <v>3.928542665147944</v>
      </c>
      <c r="L7629">
        <f t="shared" si="849"/>
        <v>1.964271332573972</v>
      </c>
      <c r="M7629">
        <f t="shared" si="850"/>
        <v>0</v>
      </c>
      <c r="N7629" s="45">
        <f t="shared" si="851"/>
        <v>45243.458333314913</v>
      </c>
    </row>
    <row r="7630" spans="2:14" x14ac:dyDescent="0.25">
      <c r="B7630">
        <f t="shared" si="845"/>
        <v>1</v>
      </c>
      <c r="C7630" s="16">
        <v>7596</v>
      </c>
      <c r="D7630" cm="1">
        <f t="array" ref="D7630">IFERROR(INDEX(Jesper!AH$2:AH$366,ROUNDDOWN($C7630/24,0)+1,1)*INDEX($D$3:$AA$30,INDEX(Jesper!$R$2:$R$366,ROW(INDEX(Jesper!AH$2:AH$366,ROUNDDOWN($C7630/24,0)+1,1))-1)+IF('Standard Profiles'!$G$18=$B$10,7,0)+IF('Standard Profiles'!$G$18=$B$17,14,0)+IF('Standard Profiles'!$G$18=$B$24,21,0),MOD($C7630,24)+1)/SUM(INDEX($D$3:$AA$30,INDEX(Jesper!$R$2:$R$366,ROW(INDEX(Jesper!AH$2:AH$366,ROUNDDOWN($C7630/24,0)+1,1))-1)+IF('Standard Profiles'!$G$18=$B$10,7,0)+IF('Standard Profiles'!$G$18=$B$17,14,0)+IF('Standard Profiles'!$G$18=$B$24,21,0),0)),0)</f>
        <v>36.830087485761972</v>
      </c>
      <c r="E7630" cm="1">
        <f t="array" ref="E7630">IFERROR(INDEX(Jesper!AI$2:AI$366,ROUNDDOWN($C7630/24,0)+1,1)*INDEX($D$3:$AA$30,INDEX(Jesper!$R$2:$R$366,ROW(INDEX(Jesper!AI$2:AI$366,ROUNDDOWN($C7630/24,0)+1,1))-1)+IF('Standard Profiles'!$G$19=$B$10,7,0)+IF('Standard Profiles'!$G$19=$B$17,14,0)+IF('Standard Profiles'!$G$19=$B$24,21,0),MOD($C7630,24)+1)/SUM(INDEX($D$3:$AA$30,INDEX(Jesper!$R$2:$R$366,ROW(INDEX(Jesper!AI$2:AI$366,ROUNDDOWN($C7630/24,0)+1,1))-1)+IF('Standard Profiles'!$G$19=$B$10,7,0)+IF('Standard Profiles'!$G$19=$B$17,14,0)+IF('Standard Profiles'!$G$19=$B$24,21,0),0)),0)</f>
        <v>39.469628911867794</v>
      </c>
      <c r="F7630" cm="1">
        <f t="array" ref="F7630">IFERROR(INDEX(Jesper!AJ$2:AJ$366,ROUNDDOWN($C7630/24,0)+1,1)*INDEX($D$3:$AA$30,INDEX(Jesper!$R$2:$R$366,ROW(INDEX(Jesper!AJ$2:AJ$366,ROUNDDOWN($C7630/24,0)+1,1))-1)+IF('Standard Profiles'!$G$20=$B$10,7,0)+IF('Standard Profiles'!$G$20=$B$17,14,0)+IF('Standard Profiles'!$G$20=$B$24,21,0),MOD($C7630,24)+1)/SUM(INDEX($D$3:$AA$30,INDEX(Jesper!$R$2:$R$366,ROW(INDEX(Jesper!AJ$2:AJ$366,ROUNDDOWN($C7630/24,0)+1,1))-1)+IF('Standard Profiles'!$G$20=$B$10,7,0)+IF('Standard Profiles'!$G$20=$B$17,14,0)+IF('Standard Profiles'!$G$20=$B$24,21,0),0)),0)</f>
        <v>0</v>
      </c>
      <c r="G7630" cm="1">
        <f t="array" ref="G7630">IFERROR(INDEX(Jesper!AK$2:AK$366,ROUNDDOWN($C7630/24,0)+1,1)*INDEX($D$3:$AA$30,INDEX(Jesper!$R$2:$R$366,ROW(INDEX(Jesper!AK$2:AK$366,ROUNDDOWN($C7630/24,0)+1,1))-1)+IF('Standard Profiles'!$G$21=$B$10,7,0)+IF('Standard Profiles'!$G$21=$B$17,14,0)+IF('Standard Profiles'!$G$21=$B$24,21,0),MOD($C7630,24)+1)/SUM(INDEX($D$3:$AA$30,INDEX(Jesper!$R$2:$R$366,ROW(INDEX(Jesper!AK$2:AK$366,ROUNDDOWN($C7630/24,0)+1,1))-1)+IF('Standard Profiles'!$G$21=$B$10,7,0)+IF('Standard Profiles'!$G$21=$B$17,14,0)+IF('Standard Profiles'!$G$21=$B$24,21,0),0)),0)</f>
        <v>30.104188183288052</v>
      </c>
      <c r="H7630" cm="1">
        <f t="array" ref="H7630">IFERROR(INDEX(Jesper!AL$2:AL$366,ROUNDDOWN($C7630/24,0)+1,1)*INDEX($D$3:$AA$30,INDEX(Jesper!$R$2:$R$366,ROW(INDEX(Jesper!AL$2:AL$366,ROUNDDOWN($C7630/24,0)+1,1))-1)+IF('Standard Profiles'!$G$22=$B$10,7,0)+IF('Standard Profiles'!$G$22=$B$17,14,0)+IF('Standard Profiles'!$G$22=$B$24,21,0),MOD($C7630,24)+1)/SUM(INDEX($D$3:$AA$30,INDEX(Jesper!$R$2:$R$366,ROW(INDEX(Jesper!AL$2:AL$366,ROUNDDOWN($C7630/24,0)+1,1))-1)+IF('Standard Profiles'!$G$22=$B$10,7,0)+IF('Standard Profiles'!$G$22=$B$17,14,0)+IF('Standard Profiles'!$G$22=$B$24,21,0),0)),0)</f>
        <v>0</v>
      </c>
      <c r="I7630">
        <f t="shared" si="846"/>
        <v>14.450010327978259</v>
      </c>
      <c r="J7630">
        <f t="shared" si="847"/>
        <v>86.061080255217647</v>
      </c>
      <c r="K7630">
        <f t="shared" si="848"/>
        <v>3.928542665147944</v>
      </c>
      <c r="L7630">
        <f t="shared" si="849"/>
        <v>1.964271332573972</v>
      </c>
      <c r="M7630">
        <f t="shared" si="850"/>
        <v>0</v>
      </c>
      <c r="N7630" s="45">
        <f t="shared" si="851"/>
        <v>45243.499999981577</v>
      </c>
    </row>
    <row r="7631" spans="2:14" x14ac:dyDescent="0.25">
      <c r="B7631">
        <f t="shared" si="845"/>
        <v>1</v>
      </c>
      <c r="C7631" s="16">
        <v>7597</v>
      </c>
      <c r="D7631" cm="1">
        <f t="array" ref="D7631">IFERROR(INDEX(Jesper!AH$2:AH$366,ROUNDDOWN($C7631/24,0)+1,1)*INDEX($D$3:$AA$30,INDEX(Jesper!$R$2:$R$366,ROW(INDEX(Jesper!AH$2:AH$366,ROUNDDOWN($C7631/24,0)+1,1))-1)+IF('Standard Profiles'!$G$18=$B$10,7,0)+IF('Standard Profiles'!$G$18=$B$17,14,0)+IF('Standard Profiles'!$G$18=$B$24,21,0),MOD($C7631,24)+1)/SUM(INDEX($D$3:$AA$30,INDEX(Jesper!$R$2:$R$366,ROW(INDEX(Jesper!AH$2:AH$366,ROUNDDOWN($C7631/24,0)+1,1))-1)+IF('Standard Profiles'!$G$18=$B$10,7,0)+IF('Standard Profiles'!$G$18=$B$17,14,0)+IF('Standard Profiles'!$G$18=$B$24,21,0),0)),0)</f>
        <v>24.55339165717465</v>
      </c>
      <c r="E7631" cm="1">
        <f t="array" ref="E7631">IFERROR(INDEX(Jesper!AI$2:AI$366,ROUNDDOWN($C7631/24,0)+1,1)*INDEX($D$3:$AA$30,INDEX(Jesper!$R$2:$R$366,ROW(INDEX(Jesper!AI$2:AI$366,ROUNDDOWN($C7631/24,0)+1,1))-1)+IF('Standard Profiles'!$G$19=$B$10,7,0)+IF('Standard Profiles'!$G$19=$B$17,14,0)+IF('Standard Profiles'!$G$19=$B$24,21,0),MOD($C7631,24)+1)/SUM(INDEX($D$3:$AA$30,INDEX(Jesper!$R$2:$R$366,ROW(INDEX(Jesper!AI$2:AI$366,ROUNDDOWN($C7631/24,0)+1,1))-1)+IF('Standard Profiles'!$G$19=$B$10,7,0)+IF('Standard Profiles'!$G$19=$B$17,14,0)+IF('Standard Profiles'!$G$19=$B$24,21,0),0)),0)</f>
        <v>26.313085941245198</v>
      </c>
      <c r="F7631" cm="1">
        <f t="array" ref="F7631">IFERROR(INDEX(Jesper!AJ$2:AJ$366,ROUNDDOWN($C7631/24,0)+1,1)*INDEX($D$3:$AA$30,INDEX(Jesper!$R$2:$R$366,ROW(INDEX(Jesper!AJ$2:AJ$366,ROUNDDOWN($C7631/24,0)+1,1))-1)+IF('Standard Profiles'!$G$20=$B$10,7,0)+IF('Standard Profiles'!$G$20=$B$17,14,0)+IF('Standard Profiles'!$G$20=$B$24,21,0),MOD($C7631,24)+1)/SUM(INDEX($D$3:$AA$30,INDEX(Jesper!$R$2:$R$366,ROW(INDEX(Jesper!AJ$2:AJ$366,ROUNDDOWN($C7631/24,0)+1,1))-1)+IF('Standard Profiles'!$G$20=$B$10,7,0)+IF('Standard Profiles'!$G$20=$B$17,14,0)+IF('Standard Profiles'!$G$20=$B$24,21,0),0)),0)</f>
        <v>0</v>
      </c>
      <c r="G7631" cm="1">
        <f t="array" ref="G7631">IFERROR(INDEX(Jesper!AK$2:AK$366,ROUNDDOWN($C7631/24,0)+1,1)*INDEX($D$3:$AA$30,INDEX(Jesper!$R$2:$R$366,ROW(INDEX(Jesper!AK$2:AK$366,ROUNDDOWN($C7631/24,0)+1,1))-1)+IF('Standard Profiles'!$G$21=$B$10,7,0)+IF('Standard Profiles'!$G$21=$B$17,14,0)+IF('Standard Profiles'!$G$21=$B$24,21,0),MOD($C7631,24)+1)/SUM(INDEX($D$3:$AA$30,INDEX(Jesper!$R$2:$R$366,ROW(INDEX(Jesper!AK$2:AK$366,ROUNDDOWN($C7631/24,0)+1,1))-1)+IF('Standard Profiles'!$G$21=$B$10,7,0)+IF('Standard Profiles'!$G$21=$B$17,14,0)+IF('Standard Profiles'!$G$21=$B$24,21,0),0)),0)</f>
        <v>20.069458788858707</v>
      </c>
      <c r="H7631" cm="1">
        <f t="array" ref="H7631">IFERROR(INDEX(Jesper!AL$2:AL$366,ROUNDDOWN($C7631/24,0)+1,1)*INDEX($D$3:$AA$30,INDEX(Jesper!$R$2:$R$366,ROW(INDEX(Jesper!AL$2:AL$366,ROUNDDOWN($C7631/24,0)+1,1))-1)+IF('Standard Profiles'!$G$22=$B$10,7,0)+IF('Standard Profiles'!$G$22=$B$17,14,0)+IF('Standard Profiles'!$G$22=$B$24,21,0),MOD($C7631,24)+1)/SUM(INDEX($D$3:$AA$30,INDEX(Jesper!$R$2:$R$366,ROW(INDEX(Jesper!AL$2:AL$366,ROUNDDOWN($C7631/24,0)+1,1))-1)+IF('Standard Profiles'!$G$22=$B$10,7,0)+IF('Standard Profiles'!$G$22=$B$17,14,0)+IF('Standard Profiles'!$G$22=$B$24,21,0),0)),0)</f>
        <v>0</v>
      </c>
      <c r="I7631">
        <f t="shared" si="846"/>
        <v>9.6333402186521742</v>
      </c>
      <c r="J7631">
        <f t="shared" si="847"/>
        <v>57.374053503478436</v>
      </c>
      <c r="K7631">
        <f t="shared" si="848"/>
        <v>2.6190284434319628</v>
      </c>
      <c r="L7631">
        <f t="shared" si="849"/>
        <v>1.3095142217159814</v>
      </c>
      <c r="M7631">
        <f t="shared" si="850"/>
        <v>0</v>
      </c>
      <c r="N7631" s="45">
        <f t="shared" si="851"/>
        <v>45243.541666648242</v>
      </c>
    </row>
    <row r="7632" spans="2:14" x14ac:dyDescent="0.25">
      <c r="B7632">
        <f t="shared" si="845"/>
        <v>1</v>
      </c>
      <c r="C7632" s="16">
        <v>7598</v>
      </c>
      <c r="D7632" cm="1">
        <f t="array" ref="D7632">IFERROR(INDEX(Jesper!AH$2:AH$366,ROUNDDOWN($C7632/24,0)+1,1)*INDEX($D$3:$AA$30,INDEX(Jesper!$R$2:$R$366,ROW(INDEX(Jesper!AH$2:AH$366,ROUNDDOWN($C7632/24,0)+1,1))-1)+IF('Standard Profiles'!$G$18=$B$10,7,0)+IF('Standard Profiles'!$G$18=$B$17,14,0)+IF('Standard Profiles'!$G$18=$B$24,21,0),MOD($C7632,24)+1)/SUM(INDEX($D$3:$AA$30,INDEX(Jesper!$R$2:$R$366,ROW(INDEX(Jesper!AH$2:AH$366,ROUNDDOWN($C7632/24,0)+1,1))-1)+IF('Standard Profiles'!$G$18=$B$10,7,0)+IF('Standard Profiles'!$G$18=$B$17,14,0)+IF('Standard Profiles'!$G$18=$B$24,21,0),0)),0)</f>
        <v>36.830087485761972</v>
      </c>
      <c r="E7632" cm="1">
        <f t="array" ref="E7632">IFERROR(INDEX(Jesper!AI$2:AI$366,ROUNDDOWN($C7632/24,0)+1,1)*INDEX($D$3:$AA$30,INDEX(Jesper!$R$2:$R$366,ROW(INDEX(Jesper!AI$2:AI$366,ROUNDDOWN($C7632/24,0)+1,1))-1)+IF('Standard Profiles'!$G$19=$B$10,7,0)+IF('Standard Profiles'!$G$19=$B$17,14,0)+IF('Standard Profiles'!$G$19=$B$24,21,0),MOD($C7632,24)+1)/SUM(INDEX($D$3:$AA$30,INDEX(Jesper!$R$2:$R$366,ROW(INDEX(Jesper!AI$2:AI$366,ROUNDDOWN($C7632/24,0)+1,1))-1)+IF('Standard Profiles'!$G$19=$B$10,7,0)+IF('Standard Profiles'!$G$19=$B$17,14,0)+IF('Standard Profiles'!$G$19=$B$24,21,0),0)),0)</f>
        <v>39.469628911867794</v>
      </c>
      <c r="F7632" cm="1">
        <f t="array" ref="F7632">IFERROR(INDEX(Jesper!AJ$2:AJ$366,ROUNDDOWN($C7632/24,0)+1,1)*INDEX($D$3:$AA$30,INDEX(Jesper!$R$2:$R$366,ROW(INDEX(Jesper!AJ$2:AJ$366,ROUNDDOWN($C7632/24,0)+1,1))-1)+IF('Standard Profiles'!$G$20=$B$10,7,0)+IF('Standard Profiles'!$G$20=$B$17,14,0)+IF('Standard Profiles'!$G$20=$B$24,21,0),MOD($C7632,24)+1)/SUM(INDEX($D$3:$AA$30,INDEX(Jesper!$R$2:$R$366,ROW(INDEX(Jesper!AJ$2:AJ$366,ROUNDDOWN($C7632/24,0)+1,1))-1)+IF('Standard Profiles'!$G$20=$B$10,7,0)+IF('Standard Profiles'!$G$20=$B$17,14,0)+IF('Standard Profiles'!$G$20=$B$24,21,0),0)),0)</f>
        <v>0</v>
      </c>
      <c r="G7632" cm="1">
        <f t="array" ref="G7632">IFERROR(INDEX(Jesper!AK$2:AK$366,ROUNDDOWN($C7632/24,0)+1,1)*INDEX($D$3:$AA$30,INDEX(Jesper!$R$2:$R$366,ROW(INDEX(Jesper!AK$2:AK$366,ROUNDDOWN($C7632/24,0)+1,1))-1)+IF('Standard Profiles'!$G$21=$B$10,7,0)+IF('Standard Profiles'!$G$21=$B$17,14,0)+IF('Standard Profiles'!$G$21=$B$24,21,0),MOD($C7632,24)+1)/SUM(INDEX($D$3:$AA$30,INDEX(Jesper!$R$2:$R$366,ROW(INDEX(Jesper!AK$2:AK$366,ROUNDDOWN($C7632/24,0)+1,1))-1)+IF('Standard Profiles'!$G$21=$B$10,7,0)+IF('Standard Profiles'!$G$21=$B$17,14,0)+IF('Standard Profiles'!$G$21=$B$24,21,0),0)),0)</f>
        <v>30.104188183288052</v>
      </c>
      <c r="H7632" cm="1">
        <f t="array" ref="H7632">IFERROR(INDEX(Jesper!AL$2:AL$366,ROUNDDOWN($C7632/24,0)+1,1)*INDEX($D$3:$AA$30,INDEX(Jesper!$R$2:$R$366,ROW(INDEX(Jesper!AL$2:AL$366,ROUNDDOWN($C7632/24,0)+1,1))-1)+IF('Standard Profiles'!$G$22=$B$10,7,0)+IF('Standard Profiles'!$G$22=$B$17,14,0)+IF('Standard Profiles'!$G$22=$B$24,21,0),MOD($C7632,24)+1)/SUM(INDEX($D$3:$AA$30,INDEX(Jesper!$R$2:$R$366,ROW(INDEX(Jesper!AL$2:AL$366,ROUNDDOWN($C7632/24,0)+1,1))-1)+IF('Standard Profiles'!$G$22=$B$10,7,0)+IF('Standard Profiles'!$G$22=$B$17,14,0)+IF('Standard Profiles'!$G$22=$B$24,21,0),0)),0)</f>
        <v>0</v>
      </c>
      <c r="I7632">
        <f t="shared" si="846"/>
        <v>14.450010327978259</v>
      </c>
      <c r="J7632">
        <f t="shared" si="847"/>
        <v>86.061080255217647</v>
      </c>
      <c r="K7632">
        <f t="shared" si="848"/>
        <v>3.928542665147944</v>
      </c>
      <c r="L7632">
        <f t="shared" si="849"/>
        <v>1.964271332573972</v>
      </c>
      <c r="M7632">
        <f t="shared" si="850"/>
        <v>0</v>
      </c>
      <c r="N7632" s="45">
        <f t="shared" si="851"/>
        <v>45243.583333314906</v>
      </c>
    </row>
    <row r="7633" spans="2:14" x14ac:dyDescent="0.25">
      <c r="B7633">
        <f t="shared" si="845"/>
        <v>1</v>
      </c>
      <c r="C7633" s="16">
        <v>7599</v>
      </c>
      <c r="D7633" cm="1">
        <f t="array" ref="D7633">IFERROR(INDEX(Jesper!AH$2:AH$366,ROUNDDOWN($C7633/24,0)+1,1)*INDEX($D$3:$AA$30,INDEX(Jesper!$R$2:$R$366,ROW(INDEX(Jesper!AH$2:AH$366,ROUNDDOWN($C7633/24,0)+1,1))-1)+IF('Standard Profiles'!$G$18=$B$10,7,0)+IF('Standard Profiles'!$G$18=$B$17,14,0)+IF('Standard Profiles'!$G$18=$B$24,21,0),MOD($C7633,24)+1)/SUM(INDEX($D$3:$AA$30,INDEX(Jesper!$R$2:$R$366,ROW(INDEX(Jesper!AH$2:AH$366,ROUNDDOWN($C7633/24,0)+1,1))-1)+IF('Standard Profiles'!$G$18=$B$10,7,0)+IF('Standard Profiles'!$G$18=$B$17,14,0)+IF('Standard Profiles'!$G$18=$B$24,21,0),0)),0)</f>
        <v>36.830087485761972</v>
      </c>
      <c r="E7633" cm="1">
        <f t="array" ref="E7633">IFERROR(INDEX(Jesper!AI$2:AI$366,ROUNDDOWN($C7633/24,0)+1,1)*INDEX($D$3:$AA$30,INDEX(Jesper!$R$2:$R$366,ROW(INDEX(Jesper!AI$2:AI$366,ROUNDDOWN($C7633/24,0)+1,1))-1)+IF('Standard Profiles'!$G$19=$B$10,7,0)+IF('Standard Profiles'!$G$19=$B$17,14,0)+IF('Standard Profiles'!$G$19=$B$24,21,0),MOD($C7633,24)+1)/SUM(INDEX($D$3:$AA$30,INDEX(Jesper!$R$2:$R$366,ROW(INDEX(Jesper!AI$2:AI$366,ROUNDDOWN($C7633/24,0)+1,1))-1)+IF('Standard Profiles'!$G$19=$B$10,7,0)+IF('Standard Profiles'!$G$19=$B$17,14,0)+IF('Standard Profiles'!$G$19=$B$24,21,0),0)),0)</f>
        <v>39.469628911867794</v>
      </c>
      <c r="F7633" cm="1">
        <f t="array" ref="F7633">IFERROR(INDEX(Jesper!AJ$2:AJ$366,ROUNDDOWN($C7633/24,0)+1,1)*INDEX($D$3:$AA$30,INDEX(Jesper!$R$2:$R$366,ROW(INDEX(Jesper!AJ$2:AJ$366,ROUNDDOWN($C7633/24,0)+1,1))-1)+IF('Standard Profiles'!$G$20=$B$10,7,0)+IF('Standard Profiles'!$G$20=$B$17,14,0)+IF('Standard Profiles'!$G$20=$B$24,21,0),MOD($C7633,24)+1)/SUM(INDEX($D$3:$AA$30,INDEX(Jesper!$R$2:$R$366,ROW(INDEX(Jesper!AJ$2:AJ$366,ROUNDDOWN($C7633/24,0)+1,1))-1)+IF('Standard Profiles'!$G$20=$B$10,7,0)+IF('Standard Profiles'!$G$20=$B$17,14,0)+IF('Standard Profiles'!$G$20=$B$24,21,0),0)),0)</f>
        <v>0</v>
      </c>
      <c r="G7633" cm="1">
        <f t="array" ref="G7633">IFERROR(INDEX(Jesper!AK$2:AK$366,ROUNDDOWN($C7633/24,0)+1,1)*INDEX($D$3:$AA$30,INDEX(Jesper!$R$2:$R$366,ROW(INDEX(Jesper!AK$2:AK$366,ROUNDDOWN($C7633/24,0)+1,1))-1)+IF('Standard Profiles'!$G$21=$B$10,7,0)+IF('Standard Profiles'!$G$21=$B$17,14,0)+IF('Standard Profiles'!$G$21=$B$24,21,0),MOD($C7633,24)+1)/SUM(INDEX($D$3:$AA$30,INDEX(Jesper!$R$2:$R$366,ROW(INDEX(Jesper!AK$2:AK$366,ROUNDDOWN($C7633/24,0)+1,1))-1)+IF('Standard Profiles'!$G$21=$B$10,7,0)+IF('Standard Profiles'!$G$21=$B$17,14,0)+IF('Standard Profiles'!$G$21=$B$24,21,0),0)),0)</f>
        <v>30.104188183288052</v>
      </c>
      <c r="H7633" cm="1">
        <f t="array" ref="H7633">IFERROR(INDEX(Jesper!AL$2:AL$366,ROUNDDOWN($C7633/24,0)+1,1)*INDEX($D$3:$AA$30,INDEX(Jesper!$R$2:$R$366,ROW(INDEX(Jesper!AL$2:AL$366,ROUNDDOWN($C7633/24,0)+1,1))-1)+IF('Standard Profiles'!$G$22=$B$10,7,0)+IF('Standard Profiles'!$G$22=$B$17,14,0)+IF('Standard Profiles'!$G$22=$B$24,21,0),MOD($C7633,24)+1)/SUM(INDEX($D$3:$AA$30,INDEX(Jesper!$R$2:$R$366,ROW(INDEX(Jesper!AL$2:AL$366,ROUNDDOWN($C7633/24,0)+1,1))-1)+IF('Standard Profiles'!$G$22=$B$10,7,0)+IF('Standard Profiles'!$G$22=$B$17,14,0)+IF('Standard Profiles'!$G$22=$B$24,21,0),0)),0)</f>
        <v>0</v>
      </c>
      <c r="I7633">
        <f t="shared" si="846"/>
        <v>14.450010327978259</v>
      </c>
      <c r="J7633">
        <f t="shared" si="847"/>
        <v>86.061080255217647</v>
      </c>
      <c r="K7633">
        <f t="shared" si="848"/>
        <v>3.928542665147944</v>
      </c>
      <c r="L7633">
        <f t="shared" si="849"/>
        <v>1.964271332573972</v>
      </c>
      <c r="M7633">
        <f t="shared" si="850"/>
        <v>0</v>
      </c>
      <c r="N7633" s="45">
        <f t="shared" si="851"/>
        <v>45243.62499998157</v>
      </c>
    </row>
    <row r="7634" spans="2:14" x14ac:dyDescent="0.25">
      <c r="B7634">
        <f t="shared" si="845"/>
        <v>1</v>
      </c>
      <c r="C7634" s="16">
        <v>7600</v>
      </c>
      <c r="D7634" cm="1">
        <f t="array" ref="D7634">IFERROR(INDEX(Jesper!AH$2:AH$366,ROUNDDOWN($C7634/24,0)+1,1)*INDEX($D$3:$AA$30,INDEX(Jesper!$R$2:$R$366,ROW(INDEX(Jesper!AH$2:AH$366,ROUNDDOWN($C7634/24,0)+1,1))-1)+IF('Standard Profiles'!$G$18=$B$10,7,0)+IF('Standard Profiles'!$G$18=$B$17,14,0)+IF('Standard Profiles'!$G$18=$B$24,21,0),MOD($C7634,24)+1)/SUM(INDEX($D$3:$AA$30,INDEX(Jesper!$R$2:$R$366,ROW(INDEX(Jesper!AH$2:AH$366,ROUNDDOWN($C7634/24,0)+1,1))-1)+IF('Standard Profiles'!$G$18=$B$10,7,0)+IF('Standard Profiles'!$G$18=$B$17,14,0)+IF('Standard Profiles'!$G$18=$B$24,21,0),0)),0)</f>
        <v>21.484217700027816</v>
      </c>
      <c r="E7634" cm="1">
        <f t="array" ref="E7634">IFERROR(INDEX(Jesper!AI$2:AI$366,ROUNDDOWN($C7634/24,0)+1,1)*INDEX($D$3:$AA$30,INDEX(Jesper!$R$2:$R$366,ROW(INDEX(Jesper!AI$2:AI$366,ROUNDDOWN($C7634/24,0)+1,1))-1)+IF('Standard Profiles'!$G$19=$B$10,7,0)+IF('Standard Profiles'!$G$19=$B$17,14,0)+IF('Standard Profiles'!$G$19=$B$24,21,0),MOD($C7634,24)+1)/SUM(INDEX($D$3:$AA$30,INDEX(Jesper!$R$2:$R$366,ROW(INDEX(Jesper!AI$2:AI$366,ROUNDDOWN($C7634/24,0)+1,1))-1)+IF('Standard Profiles'!$G$19=$B$10,7,0)+IF('Standard Profiles'!$G$19=$B$17,14,0)+IF('Standard Profiles'!$G$19=$B$24,21,0),0)),0)</f>
        <v>23.023950198589546</v>
      </c>
      <c r="F7634" cm="1">
        <f t="array" ref="F7634">IFERROR(INDEX(Jesper!AJ$2:AJ$366,ROUNDDOWN($C7634/24,0)+1,1)*INDEX($D$3:$AA$30,INDEX(Jesper!$R$2:$R$366,ROW(INDEX(Jesper!AJ$2:AJ$366,ROUNDDOWN($C7634/24,0)+1,1))-1)+IF('Standard Profiles'!$G$20=$B$10,7,0)+IF('Standard Profiles'!$G$20=$B$17,14,0)+IF('Standard Profiles'!$G$20=$B$24,21,0),MOD($C7634,24)+1)/SUM(INDEX($D$3:$AA$30,INDEX(Jesper!$R$2:$R$366,ROW(INDEX(Jesper!AJ$2:AJ$366,ROUNDDOWN($C7634/24,0)+1,1))-1)+IF('Standard Profiles'!$G$20=$B$10,7,0)+IF('Standard Profiles'!$G$20=$B$17,14,0)+IF('Standard Profiles'!$G$20=$B$24,21,0),0)),0)</f>
        <v>0</v>
      </c>
      <c r="G7634" cm="1">
        <f t="array" ref="G7634">IFERROR(INDEX(Jesper!AK$2:AK$366,ROUNDDOWN($C7634/24,0)+1,1)*INDEX($D$3:$AA$30,INDEX(Jesper!$R$2:$R$366,ROW(INDEX(Jesper!AK$2:AK$366,ROUNDDOWN($C7634/24,0)+1,1))-1)+IF('Standard Profiles'!$G$21=$B$10,7,0)+IF('Standard Profiles'!$G$21=$B$17,14,0)+IF('Standard Profiles'!$G$21=$B$24,21,0),MOD($C7634,24)+1)/SUM(INDEX($D$3:$AA$30,INDEX(Jesper!$R$2:$R$366,ROW(INDEX(Jesper!AK$2:AK$366,ROUNDDOWN($C7634/24,0)+1,1))-1)+IF('Standard Profiles'!$G$21=$B$10,7,0)+IF('Standard Profiles'!$G$21=$B$17,14,0)+IF('Standard Profiles'!$G$21=$B$24,21,0),0)),0)</f>
        <v>25.086823486073385</v>
      </c>
      <c r="H7634" cm="1">
        <f t="array" ref="H7634">IFERROR(INDEX(Jesper!AL$2:AL$366,ROUNDDOWN($C7634/24,0)+1,1)*INDEX($D$3:$AA$30,INDEX(Jesper!$R$2:$R$366,ROW(INDEX(Jesper!AL$2:AL$366,ROUNDDOWN($C7634/24,0)+1,1))-1)+IF('Standard Profiles'!$G$22=$B$10,7,0)+IF('Standard Profiles'!$G$22=$B$17,14,0)+IF('Standard Profiles'!$G$22=$B$24,21,0),MOD($C7634,24)+1)/SUM(INDEX($D$3:$AA$30,INDEX(Jesper!$R$2:$R$366,ROW(INDEX(Jesper!AL$2:AL$366,ROUNDDOWN($C7634/24,0)+1,1))-1)+IF('Standard Profiles'!$G$22=$B$10,7,0)+IF('Standard Profiles'!$G$22=$B$17,14,0)+IF('Standard Profiles'!$G$22=$B$24,21,0),0)),0)</f>
        <v>0</v>
      </c>
      <c r="I7634">
        <f t="shared" si="846"/>
        <v>12.041675273315219</v>
      </c>
      <c r="J7634">
        <f t="shared" si="847"/>
        <v>54.115841279371075</v>
      </c>
      <c r="K7634">
        <f t="shared" si="848"/>
        <v>2.2916498880029672</v>
      </c>
      <c r="L7634">
        <f t="shared" si="849"/>
        <v>1.1458249440014836</v>
      </c>
      <c r="M7634">
        <f t="shared" si="850"/>
        <v>0</v>
      </c>
      <c r="N7634" s="45">
        <f t="shared" si="851"/>
        <v>45243.666666648234</v>
      </c>
    </row>
    <row r="7635" spans="2:14" x14ac:dyDescent="0.25">
      <c r="B7635">
        <f t="shared" si="845"/>
        <v>1</v>
      </c>
      <c r="C7635" s="16">
        <v>7601</v>
      </c>
      <c r="D7635" cm="1">
        <f t="array" ref="D7635">IFERROR(INDEX(Jesper!AH$2:AH$366,ROUNDDOWN($C7635/24,0)+1,1)*INDEX($D$3:$AA$30,INDEX(Jesper!$R$2:$R$366,ROW(INDEX(Jesper!AH$2:AH$366,ROUNDDOWN($C7635/24,0)+1,1))-1)+IF('Standard Profiles'!$G$18=$B$10,7,0)+IF('Standard Profiles'!$G$18=$B$17,14,0)+IF('Standard Profiles'!$G$18=$B$24,21,0),MOD($C7635,24)+1)/SUM(INDEX($D$3:$AA$30,INDEX(Jesper!$R$2:$R$366,ROW(INDEX(Jesper!AH$2:AH$366,ROUNDDOWN($C7635/24,0)+1,1))-1)+IF('Standard Profiles'!$G$18=$B$10,7,0)+IF('Standard Profiles'!$G$18=$B$17,14,0)+IF('Standard Profiles'!$G$18=$B$24,21,0),0)),0)</f>
        <v>6.1383479142936626</v>
      </c>
      <c r="E7635" cm="1">
        <f t="array" ref="E7635">IFERROR(INDEX(Jesper!AI$2:AI$366,ROUNDDOWN($C7635/24,0)+1,1)*INDEX($D$3:$AA$30,INDEX(Jesper!$R$2:$R$366,ROW(INDEX(Jesper!AI$2:AI$366,ROUNDDOWN($C7635/24,0)+1,1))-1)+IF('Standard Profiles'!$G$19=$B$10,7,0)+IF('Standard Profiles'!$G$19=$B$17,14,0)+IF('Standard Profiles'!$G$19=$B$24,21,0),MOD($C7635,24)+1)/SUM(INDEX($D$3:$AA$30,INDEX(Jesper!$R$2:$R$366,ROW(INDEX(Jesper!AI$2:AI$366,ROUNDDOWN($C7635/24,0)+1,1))-1)+IF('Standard Profiles'!$G$19=$B$10,7,0)+IF('Standard Profiles'!$G$19=$B$17,14,0)+IF('Standard Profiles'!$G$19=$B$24,21,0),0)),0)</f>
        <v>6.5782714853112996</v>
      </c>
      <c r="F7635" cm="1">
        <f t="array" ref="F7635">IFERROR(INDEX(Jesper!AJ$2:AJ$366,ROUNDDOWN($C7635/24,0)+1,1)*INDEX($D$3:$AA$30,INDEX(Jesper!$R$2:$R$366,ROW(INDEX(Jesper!AJ$2:AJ$366,ROUNDDOWN($C7635/24,0)+1,1))-1)+IF('Standard Profiles'!$G$20=$B$10,7,0)+IF('Standard Profiles'!$G$20=$B$17,14,0)+IF('Standard Profiles'!$G$20=$B$24,21,0),MOD($C7635,24)+1)/SUM(INDEX($D$3:$AA$30,INDEX(Jesper!$R$2:$R$366,ROW(INDEX(Jesper!AJ$2:AJ$366,ROUNDDOWN($C7635/24,0)+1,1))-1)+IF('Standard Profiles'!$G$20=$B$10,7,0)+IF('Standard Profiles'!$G$20=$B$17,14,0)+IF('Standard Profiles'!$G$20=$B$24,21,0),0)),0)</f>
        <v>0</v>
      </c>
      <c r="G7635" cm="1">
        <f t="array" ref="G7635">IFERROR(INDEX(Jesper!AK$2:AK$366,ROUNDDOWN($C7635/24,0)+1,1)*INDEX($D$3:$AA$30,INDEX(Jesper!$R$2:$R$366,ROW(INDEX(Jesper!AK$2:AK$366,ROUNDDOWN($C7635/24,0)+1,1))-1)+IF('Standard Profiles'!$G$21=$B$10,7,0)+IF('Standard Profiles'!$G$21=$B$17,14,0)+IF('Standard Profiles'!$G$21=$B$24,21,0),MOD($C7635,24)+1)/SUM(INDEX($D$3:$AA$30,INDEX(Jesper!$R$2:$R$366,ROW(INDEX(Jesper!AK$2:AK$366,ROUNDDOWN($C7635/24,0)+1,1))-1)+IF('Standard Profiles'!$G$21=$B$10,7,0)+IF('Standard Profiles'!$G$21=$B$17,14,0)+IF('Standard Profiles'!$G$21=$B$24,21,0),0)),0)</f>
        <v>20.184800506036058</v>
      </c>
      <c r="H7635" cm="1">
        <f t="array" ref="H7635">IFERROR(INDEX(Jesper!AL$2:AL$366,ROUNDDOWN($C7635/24,0)+1,1)*INDEX($D$3:$AA$30,INDEX(Jesper!$R$2:$R$366,ROW(INDEX(Jesper!AL$2:AL$366,ROUNDDOWN($C7635/24,0)+1,1))-1)+IF('Standard Profiles'!$G$22=$B$10,7,0)+IF('Standard Profiles'!$G$22=$B$17,14,0)+IF('Standard Profiles'!$G$22=$B$24,21,0),MOD($C7635,24)+1)/SUM(INDEX($D$3:$AA$30,INDEX(Jesper!$R$2:$R$366,ROW(INDEX(Jesper!AL$2:AL$366,ROUNDDOWN($C7635/24,0)+1,1))-1)+IF('Standard Profiles'!$G$22=$B$10,7,0)+IF('Standard Profiles'!$G$22=$B$17,14,0)+IF('Standard Profiles'!$G$22=$B$24,21,0),0)),0)</f>
        <v>0</v>
      </c>
      <c r="I7635">
        <f t="shared" si="846"/>
        <v>9.6887042428973036</v>
      </c>
      <c r="J7635">
        <f t="shared" si="847"/>
        <v>22.230579996456733</v>
      </c>
      <c r="K7635">
        <f t="shared" si="848"/>
        <v>0.65475711085799071</v>
      </c>
      <c r="L7635">
        <f t="shared" si="849"/>
        <v>0.32737855542899535</v>
      </c>
      <c r="M7635">
        <f t="shared" si="850"/>
        <v>0</v>
      </c>
      <c r="N7635" s="45">
        <f t="shared" si="851"/>
        <v>45243.708333314898</v>
      </c>
    </row>
    <row r="7636" spans="2:14" x14ac:dyDescent="0.25">
      <c r="B7636">
        <f t="shared" si="845"/>
        <v>1</v>
      </c>
      <c r="C7636" s="16">
        <v>7602</v>
      </c>
      <c r="D7636" cm="1">
        <f t="array" ref="D7636">IFERROR(INDEX(Jesper!AH$2:AH$366,ROUNDDOWN($C7636/24,0)+1,1)*INDEX($D$3:$AA$30,INDEX(Jesper!$R$2:$R$366,ROW(INDEX(Jesper!AH$2:AH$366,ROUNDDOWN($C7636/24,0)+1,1))-1)+IF('Standard Profiles'!$G$18=$B$10,7,0)+IF('Standard Profiles'!$G$18=$B$17,14,0)+IF('Standard Profiles'!$G$18=$B$24,21,0),MOD($C7636,24)+1)/SUM(INDEX($D$3:$AA$30,INDEX(Jesper!$R$2:$R$366,ROW(INDEX(Jesper!AH$2:AH$366,ROUNDDOWN($C7636/24,0)+1,1))-1)+IF('Standard Profiles'!$G$18=$B$10,7,0)+IF('Standard Profiles'!$G$18=$B$17,14,0)+IF('Standard Profiles'!$G$18=$B$24,21,0),0)),0)</f>
        <v>6.0518923098669912</v>
      </c>
      <c r="E7636" cm="1">
        <f t="array" ref="E7636">IFERROR(INDEX(Jesper!AI$2:AI$366,ROUNDDOWN($C7636/24,0)+1,1)*INDEX($D$3:$AA$30,INDEX(Jesper!$R$2:$R$366,ROW(INDEX(Jesper!AI$2:AI$366,ROUNDDOWN($C7636/24,0)+1,1))-1)+IF('Standard Profiles'!$G$19=$B$10,7,0)+IF('Standard Profiles'!$G$19=$B$17,14,0)+IF('Standard Profiles'!$G$19=$B$24,21,0),MOD($C7636,24)+1)/SUM(INDEX($D$3:$AA$30,INDEX(Jesper!$R$2:$R$366,ROW(INDEX(Jesper!AI$2:AI$366,ROUNDDOWN($C7636/24,0)+1,1))-1)+IF('Standard Profiles'!$G$19=$B$10,7,0)+IF('Standard Profiles'!$G$19=$B$17,14,0)+IF('Standard Profiles'!$G$19=$B$24,21,0),0)),0)</f>
        <v>6.4856197742505763</v>
      </c>
      <c r="F7636" cm="1">
        <f t="array" ref="F7636">IFERROR(INDEX(Jesper!AJ$2:AJ$366,ROUNDDOWN($C7636/24,0)+1,1)*INDEX($D$3:$AA$30,INDEX(Jesper!$R$2:$R$366,ROW(INDEX(Jesper!AJ$2:AJ$366,ROUNDDOWN($C7636/24,0)+1,1))-1)+IF('Standard Profiles'!$G$20=$B$10,7,0)+IF('Standard Profiles'!$G$20=$B$17,14,0)+IF('Standard Profiles'!$G$20=$B$24,21,0),MOD($C7636,24)+1)/SUM(INDEX($D$3:$AA$30,INDEX(Jesper!$R$2:$R$366,ROW(INDEX(Jesper!AJ$2:AJ$366,ROUNDDOWN($C7636/24,0)+1,1))-1)+IF('Standard Profiles'!$G$20=$B$10,7,0)+IF('Standard Profiles'!$G$20=$B$17,14,0)+IF('Standard Profiles'!$G$20=$B$24,21,0),0)),0)</f>
        <v>0</v>
      </c>
      <c r="G7636" cm="1">
        <f t="array" ref="G7636">IFERROR(INDEX(Jesper!AK$2:AK$366,ROUNDDOWN($C7636/24,0)+1,1)*INDEX($D$3:$AA$30,INDEX(Jesper!$R$2:$R$366,ROW(INDEX(Jesper!AK$2:AK$366,ROUNDDOWN($C7636/24,0)+1,1))-1)+IF('Standard Profiles'!$G$21=$B$10,7,0)+IF('Standard Profiles'!$G$21=$B$17,14,0)+IF('Standard Profiles'!$G$21=$B$24,21,0),MOD($C7636,24)+1)/SUM(INDEX($D$3:$AA$30,INDEX(Jesper!$R$2:$R$366,ROW(INDEX(Jesper!AK$2:AK$366,ROUNDDOWN($C7636/24,0)+1,1))-1)+IF('Standard Profiles'!$G$21=$B$10,7,0)+IF('Standard Profiles'!$G$21=$B$17,14,0)+IF('Standard Profiles'!$G$21=$B$24,21,0),0)),0)</f>
        <v>7.2088573235843061</v>
      </c>
      <c r="H7636" cm="1">
        <f t="array" ref="H7636">IFERROR(INDEX(Jesper!AL$2:AL$366,ROUNDDOWN($C7636/24,0)+1,1)*INDEX($D$3:$AA$30,INDEX(Jesper!$R$2:$R$366,ROW(INDEX(Jesper!AL$2:AL$366,ROUNDDOWN($C7636/24,0)+1,1))-1)+IF('Standard Profiles'!$G$22=$B$10,7,0)+IF('Standard Profiles'!$G$22=$B$17,14,0)+IF('Standard Profiles'!$G$22=$B$24,21,0),MOD($C7636,24)+1)/SUM(INDEX($D$3:$AA$30,INDEX(Jesper!$R$2:$R$366,ROW(INDEX(Jesper!AL$2:AL$366,ROUNDDOWN($C7636/24,0)+1,1))-1)+IF('Standard Profiles'!$G$22=$B$10,7,0)+IF('Standard Profiles'!$G$22=$B$17,14,0)+IF('Standard Profiles'!$G$22=$B$24,21,0),0)),0)</f>
        <v>0</v>
      </c>
      <c r="I7636">
        <f t="shared" si="846"/>
        <v>3.4602515153204654</v>
      </c>
      <c r="J7636">
        <f t="shared" si="847"/>
        <v>15.31781512280269</v>
      </c>
      <c r="K7636">
        <f t="shared" si="848"/>
        <v>0.64553517971914576</v>
      </c>
      <c r="L7636">
        <f t="shared" si="849"/>
        <v>0.32276758985957288</v>
      </c>
      <c r="M7636">
        <f t="shared" si="850"/>
        <v>0</v>
      </c>
      <c r="N7636" s="45">
        <f t="shared" si="851"/>
        <v>45243.749999981563</v>
      </c>
    </row>
    <row r="7637" spans="2:14" x14ac:dyDescent="0.25">
      <c r="B7637">
        <f t="shared" si="845"/>
        <v>1</v>
      </c>
      <c r="C7637" s="16">
        <v>7603</v>
      </c>
      <c r="D7637" cm="1">
        <f t="array" ref="D7637">IFERROR(INDEX(Jesper!AH$2:AH$366,ROUNDDOWN($C7637/24,0)+1,1)*INDEX($D$3:$AA$30,INDEX(Jesper!$R$2:$R$366,ROW(INDEX(Jesper!AH$2:AH$366,ROUNDDOWN($C7637/24,0)+1,1))-1)+IF('Standard Profiles'!$G$18=$B$10,7,0)+IF('Standard Profiles'!$G$18=$B$17,14,0)+IF('Standard Profiles'!$G$18=$B$24,21,0),MOD($C7637,24)+1)/SUM(INDEX($D$3:$AA$30,INDEX(Jesper!$R$2:$R$366,ROW(INDEX(Jesper!AH$2:AH$366,ROUNDDOWN($C7637/24,0)+1,1))-1)+IF('Standard Profiles'!$G$18=$B$10,7,0)+IF('Standard Profiles'!$G$18=$B$17,14,0)+IF('Standard Profiles'!$G$18=$B$24,21,0),0)),0)</f>
        <v>6.0518923098669912</v>
      </c>
      <c r="E7637" cm="1">
        <f t="array" ref="E7637">IFERROR(INDEX(Jesper!AI$2:AI$366,ROUNDDOWN($C7637/24,0)+1,1)*INDEX($D$3:$AA$30,INDEX(Jesper!$R$2:$R$366,ROW(INDEX(Jesper!AI$2:AI$366,ROUNDDOWN($C7637/24,0)+1,1))-1)+IF('Standard Profiles'!$G$19=$B$10,7,0)+IF('Standard Profiles'!$G$19=$B$17,14,0)+IF('Standard Profiles'!$G$19=$B$24,21,0),MOD($C7637,24)+1)/SUM(INDEX($D$3:$AA$30,INDEX(Jesper!$R$2:$R$366,ROW(INDEX(Jesper!AI$2:AI$366,ROUNDDOWN($C7637/24,0)+1,1))-1)+IF('Standard Profiles'!$G$19=$B$10,7,0)+IF('Standard Profiles'!$G$19=$B$17,14,0)+IF('Standard Profiles'!$G$19=$B$24,21,0),0)),0)</f>
        <v>6.4856197742505763</v>
      </c>
      <c r="F7637" cm="1">
        <f t="array" ref="F7637">IFERROR(INDEX(Jesper!AJ$2:AJ$366,ROUNDDOWN($C7637/24,0)+1,1)*INDEX($D$3:$AA$30,INDEX(Jesper!$R$2:$R$366,ROW(INDEX(Jesper!AJ$2:AJ$366,ROUNDDOWN($C7637/24,0)+1,1))-1)+IF('Standard Profiles'!$G$20=$B$10,7,0)+IF('Standard Profiles'!$G$20=$B$17,14,0)+IF('Standard Profiles'!$G$20=$B$24,21,0),MOD($C7637,24)+1)/SUM(INDEX($D$3:$AA$30,INDEX(Jesper!$R$2:$R$366,ROW(INDEX(Jesper!AJ$2:AJ$366,ROUNDDOWN($C7637/24,0)+1,1))-1)+IF('Standard Profiles'!$G$20=$B$10,7,0)+IF('Standard Profiles'!$G$20=$B$17,14,0)+IF('Standard Profiles'!$G$20=$B$24,21,0),0)),0)</f>
        <v>0</v>
      </c>
      <c r="G7637" cm="1">
        <f t="array" ref="G7637">IFERROR(INDEX(Jesper!AK$2:AK$366,ROUNDDOWN($C7637/24,0)+1,1)*INDEX($D$3:$AA$30,INDEX(Jesper!$R$2:$R$366,ROW(INDEX(Jesper!AK$2:AK$366,ROUNDDOWN($C7637/24,0)+1,1))-1)+IF('Standard Profiles'!$G$21=$B$10,7,0)+IF('Standard Profiles'!$G$21=$B$17,14,0)+IF('Standard Profiles'!$G$21=$B$24,21,0),MOD($C7637,24)+1)/SUM(INDEX($D$3:$AA$30,INDEX(Jesper!$R$2:$R$366,ROW(INDEX(Jesper!AK$2:AK$366,ROUNDDOWN($C7637/24,0)+1,1))-1)+IF('Standard Profiles'!$G$21=$B$10,7,0)+IF('Standard Profiles'!$G$21=$B$17,14,0)+IF('Standard Profiles'!$G$21=$B$24,21,0),0)),0)</f>
        <v>7.2088573235843061</v>
      </c>
      <c r="H7637" cm="1">
        <f t="array" ref="H7637">IFERROR(INDEX(Jesper!AL$2:AL$366,ROUNDDOWN($C7637/24,0)+1,1)*INDEX($D$3:$AA$30,INDEX(Jesper!$R$2:$R$366,ROW(INDEX(Jesper!AL$2:AL$366,ROUNDDOWN($C7637/24,0)+1,1))-1)+IF('Standard Profiles'!$G$22=$B$10,7,0)+IF('Standard Profiles'!$G$22=$B$17,14,0)+IF('Standard Profiles'!$G$22=$B$24,21,0),MOD($C7637,24)+1)/SUM(INDEX($D$3:$AA$30,INDEX(Jesper!$R$2:$R$366,ROW(INDEX(Jesper!AL$2:AL$366,ROUNDDOWN($C7637/24,0)+1,1))-1)+IF('Standard Profiles'!$G$22=$B$10,7,0)+IF('Standard Profiles'!$G$22=$B$17,14,0)+IF('Standard Profiles'!$G$22=$B$24,21,0),0)),0)</f>
        <v>0</v>
      </c>
      <c r="I7637">
        <f t="shared" si="846"/>
        <v>3.4602515153204654</v>
      </c>
      <c r="J7637">
        <f t="shared" si="847"/>
        <v>15.31781512280269</v>
      </c>
      <c r="K7637">
        <f t="shared" si="848"/>
        <v>0.64553517971914576</v>
      </c>
      <c r="L7637">
        <f t="shared" si="849"/>
        <v>0.32276758985957288</v>
      </c>
      <c r="M7637">
        <f t="shared" si="850"/>
        <v>0</v>
      </c>
      <c r="N7637" s="45">
        <f t="shared" si="851"/>
        <v>45243.791666648227</v>
      </c>
    </row>
    <row r="7638" spans="2:14" x14ac:dyDescent="0.25">
      <c r="B7638">
        <f t="shared" si="845"/>
        <v>1</v>
      </c>
      <c r="C7638" s="16">
        <v>7604</v>
      </c>
      <c r="D7638" cm="1">
        <f t="array" ref="D7638">IFERROR(INDEX(Jesper!AH$2:AH$366,ROUNDDOWN($C7638/24,0)+1,1)*INDEX($D$3:$AA$30,INDEX(Jesper!$R$2:$R$366,ROW(INDEX(Jesper!AH$2:AH$366,ROUNDDOWN($C7638/24,0)+1,1))-1)+IF('Standard Profiles'!$G$18=$B$10,7,0)+IF('Standard Profiles'!$G$18=$B$17,14,0)+IF('Standard Profiles'!$G$18=$B$24,21,0),MOD($C7638,24)+1)/SUM(INDEX($D$3:$AA$30,INDEX(Jesper!$R$2:$R$366,ROW(INDEX(Jesper!AH$2:AH$366,ROUNDDOWN($C7638/24,0)+1,1))-1)+IF('Standard Profiles'!$G$18=$B$10,7,0)+IF('Standard Profiles'!$G$18=$B$17,14,0)+IF('Standard Profiles'!$G$18=$B$24,21,0),0)),0)</f>
        <v>6.0518923098669912</v>
      </c>
      <c r="E7638" cm="1">
        <f t="array" ref="E7638">IFERROR(INDEX(Jesper!AI$2:AI$366,ROUNDDOWN($C7638/24,0)+1,1)*INDEX($D$3:$AA$30,INDEX(Jesper!$R$2:$R$366,ROW(INDEX(Jesper!AI$2:AI$366,ROUNDDOWN($C7638/24,0)+1,1))-1)+IF('Standard Profiles'!$G$19=$B$10,7,0)+IF('Standard Profiles'!$G$19=$B$17,14,0)+IF('Standard Profiles'!$G$19=$B$24,21,0),MOD($C7638,24)+1)/SUM(INDEX($D$3:$AA$30,INDEX(Jesper!$R$2:$R$366,ROW(INDEX(Jesper!AI$2:AI$366,ROUNDDOWN($C7638/24,0)+1,1))-1)+IF('Standard Profiles'!$G$19=$B$10,7,0)+IF('Standard Profiles'!$G$19=$B$17,14,0)+IF('Standard Profiles'!$G$19=$B$24,21,0),0)),0)</f>
        <v>6.4856197742505763</v>
      </c>
      <c r="F7638" cm="1">
        <f t="array" ref="F7638">IFERROR(INDEX(Jesper!AJ$2:AJ$366,ROUNDDOWN($C7638/24,0)+1,1)*INDEX($D$3:$AA$30,INDEX(Jesper!$R$2:$R$366,ROW(INDEX(Jesper!AJ$2:AJ$366,ROUNDDOWN($C7638/24,0)+1,1))-1)+IF('Standard Profiles'!$G$20=$B$10,7,0)+IF('Standard Profiles'!$G$20=$B$17,14,0)+IF('Standard Profiles'!$G$20=$B$24,21,0),MOD($C7638,24)+1)/SUM(INDEX($D$3:$AA$30,INDEX(Jesper!$R$2:$R$366,ROW(INDEX(Jesper!AJ$2:AJ$366,ROUNDDOWN($C7638/24,0)+1,1))-1)+IF('Standard Profiles'!$G$20=$B$10,7,0)+IF('Standard Profiles'!$G$20=$B$17,14,0)+IF('Standard Profiles'!$G$20=$B$24,21,0),0)),0)</f>
        <v>0</v>
      </c>
      <c r="G7638" cm="1">
        <f t="array" ref="G7638">IFERROR(INDEX(Jesper!AK$2:AK$366,ROUNDDOWN($C7638/24,0)+1,1)*INDEX($D$3:$AA$30,INDEX(Jesper!$R$2:$R$366,ROW(INDEX(Jesper!AK$2:AK$366,ROUNDDOWN($C7638/24,0)+1,1))-1)+IF('Standard Profiles'!$G$21=$B$10,7,0)+IF('Standard Profiles'!$G$21=$B$17,14,0)+IF('Standard Profiles'!$G$21=$B$24,21,0),MOD($C7638,24)+1)/SUM(INDEX($D$3:$AA$30,INDEX(Jesper!$R$2:$R$366,ROW(INDEX(Jesper!AK$2:AK$366,ROUNDDOWN($C7638/24,0)+1,1))-1)+IF('Standard Profiles'!$G$21=$B$10,7,0)+IF('Standard Profiles'!$G$21=$B$17,14,0)+IF('Standard Profiles'!$G$21=$B$24,21,0),0)),0)</f>
        <v>7.2088573235843061</v>
      </c>
      <c r="H7638" cm="1">
        <f t="array" ref="H7638">IFERROR(INDEX(Jesper!AL$2:AL$366,ROUNDDOWN($C7638/24,0)+1,1)*INDEX($D$3:$AA$30,INDEX(Jesper!$R$2:$R$366,ROW(INDEX(Jesper!AL$2:AL$366,ROUNDDOWN($C7638/24,0)+1,1))-1)+IF('Standard Profiles'!$G$22=$B$10,7,0)+IF('Standard Profiles'!$G$22=$B$17,14,0)+IF('Standard Profiles'!$G$22=$B$24,21,0),MOD($C7638,24)+1)/SUM(INDEX($D$3:$AA$30,INDEX(Jesper!$R$2:$R$366,ROW(INDEX(Jesper!AL$2:AL$366,ROUNDDOWN($C7638/24,0)+1,1))-1)+IF('Standard Profiles'!$G$22=$B$10,7,0)+IF('Standard Profiles'!$G$22=$B$17,14,0)+IF('Standard Profiles'!$G$22=$B$24,21,0),0)),0)</f>
        <v>0</v>
      </c>
      <c r="I7638">
        <f t="shared" si="846"/>
        <v>3.4602515153204654</v>
      </c>
      <c r="J7638">
        <f t="shared" si="847"/>
        <v>15.31781512280269</v>
      </c>
      <c r="K7638">
        <f t="shared" si="848"/>
        <v>0.64553517971914576</v>
      </c>
      <c r="L7638">
        <f t="shared" si="849"/>
        <v>0.32276758985957288</v>
      </c>
      <c r="M7638">
        <f t="shared" si="850"/>
        <v>0</v>
      </c>
      <c r="N7638" s="45">
        <f t="shared" si="851"/>
        <v>45243.833333314891</v>
      </c>
    </row>
    <row r="7639" spans="2:14" x14ac:dyDescent="0.25">
      <c r="B7639">
        <f t="shared" si="845"/>
        <v>1</v>
      </c>
      <c r="C7639" s="16">
        <v>7605</v>
      </c>
      <c r="D7639" cm="1">
        <f t="array" ref="D7639">IFERROR(INDEX(Jesper!AH$2:AH$366,ROUNDDOWN($C7639/24,0)+1,1)*INDEX($D$3:$AA$30,INDEX(Jesper!$R$2:$R$366,ROW(INDEX(Jesper!AH$2:AH$366,ROUNDDOWN($C7639/24,0)+1,1))-1)+IF('Standard Profiles'!$G$18=$B$10,7,0)+IF('Standard Profiles'!$G$18=$B$17,14,0)+IF('Standard Profiles'!$G$18=$B$24,21,0),MOD($C7639,24)+1)/SUM(INDEX($D$3:$AA$30,INDEX(Jesper!$R$2:$R$366,ROW(INDEX(Jesper!AH$2:AH$366,ROUNDDOWN($C7639/24,0)+1,1))-1)+IF('Standard Profiles'!$G$18=$B$10,7,0)+IF('Standard Profiles'!$G$18=$B$17,14,0)+IF('Standard Profiles'!$G$18=$B$24,21,0),0)),0)</f>
        <v>6.0518923098669912</v>
      </c>
      <c r="E7639" cm="1">
        <f t="array" ref="E7639">IFERROR(INDEX(Jesper!AI$2:AI$366,ROUNDDOWN($C7639/24,0)+1,1)*INDEX($D$3:$AA$30,INDEX(Jesper!$R$2:$R$366,ROW(INDEX(Jesper!AI$2:AI$366,ROUNDDOWN($C7639/24,0)+1,1))-1)+IF('Standard Profiles'!$G$19=$B$10,7,0)+IF('Standard Profiles'!$G$19=$B$17,14,0)+IF('Standard Profiles'!$G$19=$B$24,21,0),MOD($C7639,24)+1)/SUM(INDEX($D$3:$AA$30,INDEX(Jesper!$R$2:$R$366,ROW(INDEX(Jesper!AI$2:AI$366,ROUNDDOWN($C7639/24,0)+1,1))-1)+IF('Standard Profiles'!$G$19=$B$10,7,0)+IF('Standard Profiles'!$G$19=$B$17,14,0)+IF('Standard Profiles'!$G$19=$B$24,21,0),0)),0)</f>
        <v>6.4856197742505763</v>
      </c>
      <c r="F7639" cm="1">
        <f t="array" ref="F7639">IFERROR(INDEX(Jesper!AJ$2:AJ$366,ROUNDDOWN($C7639/24,0)+1,1)*INDEX($D$3:$AA$30,INDEX(Jesper!$R$2:$R$366,ROW(INDEX(Jesper!AJ$2:AJ$366,ROUNDDOWN($C7639/24,0)+1,1))-1)+IF('Standard Profiles'!$G$20=$B$10,7,0)+IF('Standard Profiles'!$G$20=$B$17,14,0)+IF('Standard Profiles'!$G$20=$B$24,21,0),MOD($C7639,24)+1)/SUM(INDEX($D$3:$AA$30,INDEX(Jesper!$R$2:$R$366,ROW(INDEX(Jesper!AJ$2:AJ$366,ROUNDDOWN($C7639/24,0)+1,1))-1)+IF('Standard Profiles'!$G$20=$B$10,7,0)+IF('Standard Profiles'!$G$20=$B$17,14,0)+IF('Standard Profiles'!$G$20=$B$24,21,0),0)),0)</f>
        <v>0</v>
      </c>
      <c r="G7639" cm="1">
        <f t="array" ref="G7639">IFERROR(INDEX(Jesper!AK$2:AK$366,ROUNDDOWN($C7639/24,0)+1,1)*INDEX($D$3:$AA$30,INDEX(Jesper!$R$2:$R$366,ROW(INDEX(Jesper!AK$2:AK$366,ROUNDDOWN($C7639/24,0)+1,1))-1)+IF('Standard Profiles'!$G$21=$B$10,7,0)+IF('Standard Profiles'!$G$21=$B$17,14,0)+IF('Standard Profiles'!$G$21=$B$24,21,0),MOD($C7639,24)+1)/SUM(INDEX($D$3:$AA$30,INDEX(Jesper!$R$2:$R$366,ROW(INDEX(Jesper!AK$2:AK$366,ROUNDDOWN($C7639/24,0)+1,1))-1)+IF('Standard Profiles'!$G$21=$B$10,7,0)+IF('Standard Profiles'!$G$21=$B$17,14,0)+IF('Standard Profiles'!$G$21=$B$24,21,0),0)),0)</f>
        <v>7.2088573235843061</v>
      </c>
      <c r="H7639" cm="1">
        <f t="array" ref="H7639">IFERROR(INDEX(Jesper!AL$2:AL$366,ROUNDDOWN($C7639/24,0)+1,1)*INDEX($D$3:$AA$30,INDEX(Jesper!$R$2:$R$366,ROW(INDEX(Jesper!AL$2:AL$366,ROUNDDOWN($C7639/24,0)+1,1))-1)+IF('Standard Profiles'!$G$22=$B$10,7,0)+IF('Standard Profiles'!$G$22=$B$17,14,0)+IF('Standard Profiles'!$G$22=$B$24,21,0),MOD($C7639,24)+1)/SUM(INDEX($D$3:$AA$30,INDEX(Jesper!$R$2:$R$366,ROW(INDEX(Jesper!AL$2:AL$366,ROUNDDOWN($C7639/24,0)+1,1))-1)+IF('Standard Profiles'!$G$22=$B$10,7,0)+IF('Standard Profiles'!$G$22=$B$17,14,0)+IF('Standard Profiles'!$G$22=$B$24,21,0),0)),0)</f>
        <v>0</v>
      </c>
      <c r="I7639">
        <f t="shared" si="846"/>
        <v>3.4602515153204654</v>
      </c>
      <c r="J7639">
        <f t="shared" si="847"/>
        <v>15.31781512280269</v>
      </c>
      <c r="K7639">
        <f t="shared" si="848"/>
        <v>0.64553517971914576</v>
      </c>
      <c r="L7639">
        <f t="shared" si="849"/>
        <v>0.32276758985957288</v>
      </c>
      <c r="M7639">
        <f t="shared" si="850"/>
        <v>0</v>
      </c>
      <c r="N7639" s="45">
        <f t="shared" si="851"/>
        <v>45243.874999981555</v>
      </c>
    </row>
    <row r="7640" spans="2:14" x14ac:dyDescent="0.25">
      <c r="B7640">
        <f t="shared" si="845"/>
        <v>1</v>
      </c>
      <c r="C7640" s="16">
        <v>7606</v>
      </c>
      <c r="D7640" cm="1">
        <f t="array" ref="D7640">IFERROR(INDEX(Jesper!AH$2:AH$366,ROUNDDOWN($C7640/24,0)+1,1)*INDEX($D$3:$AA$30,INDEX(Jesper!$R$2:$R$366,ROW(INDEX(Jesper!AH$2:AH$366,ROUNDDOWN($C7640/24,0)+1,1))-1)+IF('Standard Profiles'!$G$18=$B$10,7,0)+IF('Standard Profiles'!$G$18=$B$17,14,0)+IF('Standard Profiles'!$G$18=$B$24,21,0),MOD($C7640,24)+1)/SUM(INDEX($D$3:$AA$30,INDEX(Jesper!$R$2:$R$366,ROW(INDEX(Jesper!AH$2:AH$366,ROUNDDOWN($C7640/24,0)+1,1))-1)+IF('Standard Profiles'!$G$18=$B$10,7,0)+IF('Standard Profiles'!$G$18=$B$17,14,0)+IF('Standard Profiles'!$G$18=$B$24,21,0),0)),0)</f>
        <v>6.0518923098669912</v>
      </c>
      <c r="E7640" cm="1">
        <f t="array" ref="E7640">IFERROR(INDEX(Jesper!AI$2:AI$366,ROUNDDOWN($C7640/24,0)+1,1)*INDEX($D$3:$AA$30,INDEX(Jesper!$R$2:$R$366,ROW(INDEX(Jesper!AI$2:AI$366,ROUNDDOWN($C7640/24,0)+1,1))-1)+IF('Standard Profiles'!$G$19=$B$10,7,0)+IF('Standard Profiles'!$G$19=$B$17,14,0)+IF('Standard Profiles'!$G$19=$B$24,21,0),MOD($C7640,24)+1)/SUM(INDEX($D$3:$AA$30,INDEX(Jesper!$R$2:$R$366,ROW(INDEX(Jesper!AI$2:AI$366,ROUNDDOWN($C7640/24,0)+1,1))-1)+IF('Standard Profiles'!$G$19=$B$10,7,0)+IF('Standard Profiles'!$G$19=$B$17,14,0)+IF('Standard Profiles'!$G$19=$B$24,21,0),0)),0)</f>
        <v>6.4856197742505763</v>
      </c>
      <c r="F7640" cm="1">
        <f t="array" ref="F7640">IFERROR(INDEX(Jesper!AJ$2:AJ$366,ROUNDDOWN($C7640/24,0)+1,1)*INDEX($D$3:$AA$30,INDEX(Jesper!$R$2:$R$366,ROW(INDEX(Jesper!AJ$2:AJ$366,ROUNDDOWN($C7640/24,0)+1,1))-1)+IF('Standard Profiles'!$G$20=$B$10,7,0)+IF('Standard Profiles'!$G$20=$B$17,14,0)+IF('Standard Profiles'!$G$20=$B$24,21,0),MOD($C7640,24)+1)/SUM(INDEX($D$3:$AA$30,INDEX(Jesper!$R$2:$R$366,ROW(INDEX(Jesper!AJ$2:AJ$366,ROUNDDOWN($C7640/24,0)+1,1))-1)+IF('Standard Profiles'!$G$20=$B$10,7,0)+IF('Standard Profiles'!$G$20=$B$17,14,0)+IF('Standard Profiles'!$G$20=$B$24,21,0),0)),0)</f>
        <v>0</v>
      </c>
      <c r="G7640" cm="1">
        <f t="array" ref="G7640">IFERROR(INDEX(Jesper!AK$2:AK$366,ROUNDDOWN($C7640/24,0)+1,1)*INDEX($D$3:$AA$30,INDEX(Jesper!$R$2:$R$366,ROW(INDEX(Jesper!AK$2:AK$366,ROUNDDOWN($C7640/24,0)+1,1))-1)+IF('Standard Profiles'!$G$21=$B$10,7,0)+IF('Standard Profiles'!$G$21=$B$17,14,0)+IF('Standard Profiles'!$G$21=$B$24,21,0),MOD($C7640,24)+1)/SUM(INDEX($D$3:$AA$30,INDEX(Jesper!$R$2:$R$366,ROW(INDEX(Jesper!AK$2:AK$366,ROUNDDOWN($C7640/24,0)+1,1))-1)+IF('Standard Profiles'!$G$21=$B$10,7,0)+IF('Standard Profiles'!$G$21=$B$17,14,0)+IF('Standard Profiles'!$G$21=$B$24,21,0),0)),0)</f>
        <v>7.2088573235843061</v>
      </c>
      <c r="H7640" cm="1">
        <f t="array" ref="H7640">IFERROR(INDEX(Jesper!AL$2:AL$366,ROUNDDOWN($C7640/24,0)+1,1)*INDEX($D$3:$AA$30,INDEX(Jesper!$R$2:$R$366,ROW(INDEX(Jesper!AL$2:AL$366,ROUNDDOWN($C7640/24,0)+1,1))-1)+IF('Standard Profiles'!$G$22=$B$10,7,0)+IF('Standard Profiles'!$G$22=$B$17,14,0)+IF('Standard Profiles'!$G$22=$B$24,21,0),MOD($C7640,24)+1)/SUM(INDEX($D$3:$AA$30,INDEX(Jesper!$R$2:$R$366,ROW(INDEX(Jesper!AL$2:AL$366,ROUNDDOWN($C7640/24,0)+1,1))-1)+IF('Standard Profiles'!$G$22=$B$10,7,0)+IF('Standard Profiles'!$G$22=$B$17,14,0)+IF('Standard Profiles'!$G$22=$B$24,21,0),0)),0)</f>
        <v>0</v>
      </c>
      <c r="I7640">
        <f t="shared" si="846"/>
        <v>3.4602515153204654</v>
      </c>
      <c r="J7640">
        <f t="shared" si="847"/>
        <v>15.31781512280269</v>
      </c>
      <c r="K7640">
        <f t="shared" si="848"/>
        <v>0.64553517971914576</v>
      </c>
      <c r="L7640">
        <f t="shared" si="849"/>
        <v>0.32276758985957288</v>
      </c>
      <c r="M7640">
        <f t="shared" si="850"/>
        <v>0</v>
      </c>
      <c r="N7640" s="45">
        <f t="shared" si="851"/>
        <v>45243.91666664822</v>
      </c>
    </row>
    <row r="7641" spans="2:14" x14ac:dyDescent="0.25">
      <c r="B7641">
        <f t="shared" si="845"/>
        <v>1</v>
      </c>
      <c r="C7641" s="16">
        <v>7607</v>
      </c>
      <c r="D7641" cm="1">
        <f t="array" ref="D7641">IFERROR(INDEX(Jesper!AH$2:AH$366,ROUNDDOWN($C7641/24,0)+1,1)*INDEX($D$3:$AA$30,INDEX(Jesper!$R$2:$R$366,ROW(INDEX(Jesper!AH$2:AH$366,ROUNDDOWN($C7641/24,0)+1,1))-1)+IF('Standard Profiles'!$G$18=$B$10,7,0)+IF('Standard Profiles'!$G$18=$B$17,14,0)+IF('Standard Profiles'!$G$18=$B$24,21,0),MOD($C7641,24)+1)/SUM(INDEX($D$3:$AA$30,INDEX(Jesper!$R$2:$R$366,ROW(INDEX(Jesper!AH$2:AH$366,ROUNDDOWN($C7641/24,0)+1,1))-1)+IF('Standard Profiles'!$G$18=$B$10,7,0)+IF('Standard Profiles'!$G$18=$B$17,14,0)+IF('Standard Profiles'!$G$18=$B$24,21,0),0)),0)</f>
        <v>6.0518923098669912</v>
      </c>
      <c r="E7641" cm="1">
        <f t="array" ref="E7641">IFERROR(INDEX(Jesper!AI$2:AI$366,ROUNDDOWN($C7641/24,0)+1,1)*INDEX($D$3:$AA$30,INDEX(Jesper!$R$2:$R$366,ROW(INDEX(Jesper!AI$2:AI$366,ROUNDDOWN($C7641/24,0)+1,1))-1)+IF('Standard Profiles'!$G$19=$B$10,7,0)+IF('Standard Profiles'!$G$19=$B$17,14,0)+IF('Standard Profiles'!$G$19=$B$24,21,0),MOD($C7641,24)+1)/SUM(INDEX($D$3:$AA$30,INDEX(Jesper!$R$2:$R$366,ROW(INDEX(Jesper!AI$2:AI$366,ROUNDDOWN($C7641/24,0)+1,1))-1)+IF('Standard Profiles'!$G$19=$B$10,7,0)+IF('Standard Profiles'!$G$19=$B$17,14,0)+IF('Standard Profiles'!$G$19=$B$24,21,0),0)),0)</f>
        <v>6.4856197742505763</v>
      </c>
      <c r="F7641" cm="1">
        <f t="array" ref="F7641">IFERROR(INDEX(Jesper!AJ$2:AJ$366,ROUNDDOWN($C7641/24,0)+1,1)*INDEX($D$3:$AA$30,INDEX(Jesper!$R$2:$R$366,ROW(INDEX(Jesper!AJ$2:AJ$366,ROUNDDOWN($C7641/24,0)+1,1))-1)+IF('Standard Profiles'!$G$20=$B$10,7,0)+IF('Standard Profiles'!$G$20=$B$17,14,0)+IF('Standard Profiles'!$G$20=$B$24,21,0),MOD($C7641,24)+1)/SUM(INDEX($D$3:$AA$30,INDEX(Jesper!$R$2:$R$366,ROW(INDEX(Jesper!AJ$2:AJ$366,ROUNDDOWN($C7641/24,0)+1,1))-1)+IF('Standard Profiles'!$G$20=$B$10,7,0)+IF('Standard Profiles'!$G$20=$B$17,14,0)+IF('Standard Profiles'!$G$20=$B$24,21,0),0)),0)</f>
        <v>0</v>
      </c>
      <c r="G7641" cm="1">
        <f t="array" ref="G7641">IFERROR(INDEX(Jesper!AK$2:AK$366,ROUNDDOWN($C7641/24,0)+1,1)*INDEX($D$3:$AA$30,INDEX(Jesper!$R$2:$R$366,ROW(INDEX(Jesper!AK$2:AK$366,ROUNDDOWN($C7641/24,0)+1,1))-1)+IF('Standard Profiles'!$G$21=$B$10,7,0)+IF('Standard Profiles'!$G$21=$B$17,14,0)+IF('Standard Profiles'!$G$21=$B$24,21,0),MOD($C7641,24)+1)/SUM(INDEX($D$3:$AA$30,INDEX(Jesper!$R$2:$R$366,ROW(INDEX(Jesper!AK$2:AK$366,ROUNDDOWN($C7641/24,0)+1,1))-1)+IF('Standard Profiles'!$G$21=$B$10,7,0)+IF('Standard Profiles'!$G$21=$B$17,14,0)+IF('Standard Profiles'!$G$21=$B$24,21,0),0)),0)</f>
        <v>7.2088573235843061</v>
      </c>
      <c r="H7641" cm="1">
        <f t="array" ref="H7641">IFERROR(INDEX(Jesper!AL$2:AL$366,ROUNDDOWN($C7641/24,0)+1,1)*INDEX($D$3:$AA$30,INDEX(Jesper!$R$2:$R$366,ROW(INDEX(Jesper!AL$2:AL$366,ROUNDDOWN($C7641/24,0)+1,1))-1)+IF('Standard Profiles'!$G$22=$B$10,7,0)+IF('Standard Profiles'!$G$22=$B$17,14,0)+IF('Standard Profiles'!$G$22=$B$24,21,0),MOD($C7641,24)+1)/SUM(INDEX($D$3:$AA$30,INDEX(Jesper!$R$2:$R$366,ROW(INDEX(Jesper!AL$2:AL$366,ROUNDDOWN($C7641/24,0)+1,1))-1)+IF('Standard Profiles'!$G$22=$B$10,7,0)+IF('Standard Profiles'!$G$22=$B$17,14,0)+IF('Standard Profiles'!$G$22=$B$24,21,0),0)),0)</f>
        <v>0</v>
      </c>
      <c r="I7641">
        <f t="shared" si="846"/>
        <v>3.4602515153204654</v>
      </c>
      <c r="J7641">
        <f t="shared" si="847"/>
        <v>15.31781512280269</v>
      </c>
      <c r="K7641">
        <f t="shared" si="848"/>
        <v>0.64553517971914576</v>
      </c>
      <c r="L7641">
        <f t="shared" si="849"/>
        <v>0.32276758985957288</v>
      </c>
      <c r="M7641">
        <f t="shared" si="850"/>
        <v>0</v>
      </c>
      <c r="N7641" s="45">
        <f t="shared" si="851"/>
        <v>45243.958333314884</v>
      </c>
    </row>
    <row r="7642" spans="2:14" x14ac:dyDescent="0.25">
      <c r="B7642">
        <f t="shared" si="845"/>
        <v>2</v>
      </c>
      <c r="C7642" s="16">
        <v>7608</v>
      </c>
      <c r="D7642" cm="1">
        <f t="array" ref="D7642">IFERROR(INDEX(Jesper!AH$2:AH$366,ROUNDDOWN($C7642/24,0)+1,1)*INDEX($D$3:$AA$30,INDEX(Jesper!$R$2:$R$366,ROW(INDEX(Jesper!AH$2:AH$366,ROUNDDOWN($C7642/24,0)+1,1))-1)+IF('Standard Profiles'!$G$18=$B$10,7,0)+IF('Standard Profiles'!$G$18=$B$17,14,0)+IF('Standard Profiles'!$G$18=$B$24,21,0),MOD($C7642,24)+1)/SUM(INDEX($D$3:$AA$30,INDEX(Jesper!$R$2:$R$366,ROW(INDEX(Jesper!AH$2:AH$366,ROUNDDOWN($C7642/24,0)+1,1))-1)+IF('Standard Profiles'!$G$18=$B$10,7,0)+IF('Standard Profiles'!$G$18=$B$17,14,0)+IF('Standard Profiles'!$G$18=$B$24,21,0),0)),0)</f>
        <v>3.7118763780061483</v>
      </c>
      <c r="E7642" cm="1">
        <f t="array" ref="E7642">IFERROR(INDEX(Jesper!AI$2:AI$366,ROUNDDOWN($C7642/24,0)+1,1)*INDEX($D$3:$AA$30,INDEX(Jesper!$R$2:$R$366,ROW(INDEX(Jesper!AI$2:AI$366,ROUNDDOWN($C7642/24,0)+1,1))-1)+IF('Standard Profiles'!$G$19=$B$10,7,0)+IF('Standard Profiles'!$G$19=$B$17,14,0)+IF('Standard Profiles'!$G$19=$B$24,21,0),MOD($C7642,24)+1)/SUM(INDEX($D$3:$AA$30,INDEX(Jesper!$R$2:$R$366,ROW(INDEX(Jesper!AI$2:AI$366,ROUNDDOWN($C7642/24,0)+1,1))-1)+IF('Standard Profiles'!$G$19=$B$10,7,0)+IF('Standard Profiles'!$G$19=$B$17,14,0)+IF('Standard Profiles'!$G$19=$B$24,21,0),0)),0)</f>
        <v>2.9481058502867232</v>
      </c>
      <c r="F7642" cm="1">
        <f t="array" ref="F7642">IFERROR(INDEX(Jesper!AJ$2:AJ$366,ROUNDDOWN($C7642/24,0)+1,1)*INDEX($D$3:$AA$30,INDEX(Jesper!$R$2:$R$366,ROW(INDEX(Jesper!AJ$2:AJ$366,ROUNDDOWN($C7642/24,0)+1,1))-1)+IF('Standard Profiles'!$G$20=$B$10,7,0)+IF('Standard Profiles'!$G$20=$B$17,14,0)+IF('Standard Profiles'!$G$20=$B$24,21,0),MOD($C7642,24)+1)/SUM(INDEX($D$3:$AA$30,INDEX(Jesper!$R$2:$R$366,ROW(INDEX(Jesper!AJ$2:AJ$366,ROUNDDOWN($C7642/24,0)+1,1))-1)+IF('Standard Profiles'!$G$20=$B$10,7,0)+IF('Standard Profiles'!$G$20=$B$17,14,0)+IF('Standard Profiles'!$G$20=$B$24,21,0),0)),0)</f>
        <v>0</v>
      </c>
      <c r="G7642" cm="1">
        <f t="array" ref="G7642">IFERROR(INDEX(Jesper!AK$2:AK$366,ROUNDDOWN($C7642/24,0)+1,1)*INDEX($D$3:$AA$30,INDEX(Jesper!$R$2:$R$366,ROW(INDEX(Jesper!AK$2:AK$366,ROUNDDOWN($C7642/24,0)+1,1))-1)+IF('Standard Profiles'!$G$21=$B$10,7,0)+IF('Standard Profiles'!$G$21=$B$17,14,0)+IF('Standard Profiles'!$G$21=$B$24,21,0),MOD($C7642,24)+1)/SUM(INDEX($D$3:$AA$30,INDEX(Jesper!$R$2:$R$366,ROW(INDEX(Jesper!AK$2:AK$366,ROUNDDOWN($C7642/24,0)+1,1))-1)+IF('Standard Profiles'!$G$21=$B$10,7,0)+IF('Standard Profiles'!$G$21=$B$17,14,0)+IF('Standard Profiles'!$G$21=$B$24,21,0),0)),0)</f>
        <v>2.1504119816711795</v>
      </c>
      <c r="H7642" cm="1">
        <f t="array" ref="H7642">IFERROR(INDEX(Jesper!AL$2:AL$366,ROUNDDOWN($C7642/24,0)+1,1)*INDEX($D$3:$AA$30,INDEX(Jesper!$R$2:$R$366,ROW(INDEX(Jesper!AL$2:AL$366,ROUNDDOWN($C7642/24,0)+1,1))-1)+IF('Standard Profiles'!$G$22=$B$10,7,0)+IF('Standard Profiles'!$G$22=$B$17,14,0)+IF('Standard Profiles'!$G$22=$B$24,21,0),MOD($C7642,24)+1)/SUM(INDEX($D$3:$AA$30,INDEX(Jesper!$R$2:$R$366,ROW(INDEX(Jesper!AL$2:AL$366,ROUNDDOWN($C7642/24,0)+1,1))-1)+IF('Standard Profiles'!$G$22=$B$10,7,0)+IF('Standard Profiles'!$G$22=$B$17,14,0)+IF('Standard Profiles'!$G$22=$B$24,21,0),0)),0)</f>
        <v>0</v>
      </c>
      <c r="I7642">
        <f t="shared" si="846"/>
        <v>1.0321977512021656</v>
      </c>
      <c r="J7642">
        <f t="shared" si="847"/>
        <v>7.1842962382809015</v>
      </c>
      <c r="K7642">
        <f t="shared" si="848"/>
        <v>0.39593348032065584</v>
      </c>
      <c r="L7642">
        <f t="shared" si="849"/>
        <v>0.19796674016032792</v>
      </c>
      <c r="M7642">
        <f t="shared" si="850"/>
        <v>0</v>
      </c>
      <c r="N7642" s="45">
        <f t="shared" si="851"/>
        <v>45243.999999981548</v>
      </c>
    </row>
    <row r="7643" spans="2:14" x14ac:dyDescent="0.25">
      <c r="B7643">
        <f t="shared" si="845"/>
        <v>2</v>
      </c>
      <c r="C7643" s="16">
        <v>7609</v>
      </c>
      <c r="D7643" cm="1">
        <f t="array" ref="D7643">IFERROR(INDEX(Jesper!AH$2:AH$366,ROUNDDOWN($C7643/24,0)+1,1)*INDEX($D$3:$AA$30,INDEX(Jesper!$R$2:$R$366,ROW(INDEX(Jesper!AH$2:AH$366,ROUNDDOWN($C7643/24,0)+1,1))-1)+IF('Standard Profiles'!$G$18=$B$10,7,0)+IF('Standard Profiles'!$G$18=$B$17,14,0)+IF('Standard Profiles'!$G$18=$B$24,21,0),MOD($C7643,24)+1)/SUM(INDEX($D$3:$AA$30,INDEX(Jesper!$R$2:$R$366,ROW(INDEX(Jesper!AH$2:AH$366,ROUNDDOWN($C7643/24,0)+1,1))-1)+IF('Standard Profiles'!$G$18=$B$10,7,0)+IF('Standard Profiles'!$G$18=$B$17,14,0)+IF('Standard Profiles'!$G$18=$B$24,21,0),0)),0)</f>
        <v>5.6561925760093699</v>
      </c>
      <c r="E7643" cm="1">
        <f t="array" ref="E7643">IFERROR(INDEX(Jesper!AI$2:AI$366,ROUNDDOWN($C7643/24,0)+1,1)*INDEX($D$3:$AA$30,INDEX(Jesper!$R$2:$R$366,ROW(INDEX(Jesper!AI$2:AI$366,ROUNDDOWN($C7643/24,0)+1,1))-1)+IF('Standard Profiles'!$G$19=$B$10,7,0)+IF('Standard Profiles'!$G$19=$B$17,14,0)+IF('Standard Profiles'!$G$19=$B$24,21,0),MOD($C7643,24)+1)/SUM(INDEX($D$3:$AA$30,INDEX(Jesper!$R$2:$R$366,ROW(INDEX(Jesper!AI$2:AI$366,ROUNDDOWN($C7643/24,0)+1,1))-1)+IF('Standard Profiles'!$G$19=$B$10,7,0)+IF('Standard Profiles'!$G$19=$B$17,14,0)+IF('Standard Profiles'!$G$19=$B$24,21,0),0)),0)</f>
        <v>4.4923517718654837</v>
      </c>
      <c r="F7643" cm="1">
        <f t="array" ref="F7643">IFERROR(INDEX(Jesper!AJ$2:AJ$366,ROUNDDOWN($C7643/24,0)+1,1)*INDEX($D$3:$AA$30,INDEX(Jesper!$R$2:$R$366,ROW(INDEX(Jesper!AJ$2:AJ$366,ROUNDDOWN($C7643/24,0)+1,1))-1)+IF('Standard Profiles'!$G$20=$B$10,7,0)+IF('Standard Profiles'!$G$20=$B$17,14,0)+IF('Standard Profiles'!$G$20=$B$24,21,0),MOD($C7643,24)+1)/SUM(INDEX($D$3:$AA$30,INDEX(Jesper!$R$2:$R$366,ROW(INDEX(Jesper!AJ$2:AJ$366,ROUNDDOWN($C7643/24,0)+1,1))-1)+IF('Standard Profiles'!$G$20=$B$10,7,0)+IF('Standard Profiles'!$G$20=$B$17,14,0)+IF('Standard Profiles'!$G$20=$B$24,21,0),0)),0)</f>
        <v>0</v>
      </c>
      <c r="G7643" cm="1">
        <f t="array" ref="G7643">IFERROR(INDEX(Jesper!AK$2:AK$366,ROUNDDOWN($C7643/24,0)+1,1)*INDEX($D$3:$AA$30,INDEX(Jesper!$R$2:$R$366,ROW(INDEX(Jesper!AK$2:AK$366,ROUNDDOWN($C7643/24,0)+1,1))-1)+IF('Standard Profiles'!$G$21=$B$10,7,0)+IF('Standard Profiles'!$G$21=$B$17,14,0)+IF('Standard Profiles'!$G$21=$B$24,21,0),MOD($C7643,24)+1)/SUM(INDEX($D$3:$AA$30,INDEX(Jesper!$R$2:$R$366,ROW(INDEX(Jesper!AK$2:AK$366,ROUNDDOWN($C7643/24,0)+1,1))-1)+IF('Standard Profiles'!$G$21=$B$10,7,0)+IF('Standard Profiles'!$G$21=$B$17,14,0)+IF('Standard Profiles'!$G$21=$B$24,21,0),0)),0)</f>
        <v>2.1504119816711795</v>
      </c>
      <c r="H7643" cm="1">
        <f t="array" ref="H7643">IFERROR(INDEX(Jesper!AL$2:AL$366,ROUNDDOWN($C7643/24,0)+1,1)*INDEX($D$3:$AA$30,INDEX(Jesper!$R$2:$R$366,ROW(INDEX(Jesper!AL$2:AL$366,ROUNDDOWN($C7643/24,0)+1,1))-1)+IF('Standard Profiles'!$G$22=$B$10,7,0)+IF('Standard Profiles'!$G$22=$B$17,14,0)+IF('Standard Profiles'!$G$22=$B$24,21,0),MOD($C7643,24)+1)/SUM(INDEX($D$3:$AA$30,INDEX(Jesper!$R$2:$R$366,ROW(INDEX(Jesper!AL$2:AL$366,ROUNDDOWN($C7643/24,0)+1,1))-1)+IF('Standard Profiles'!$G$22=$B$10,7,0)+IF('Standard Profiles'!$G$22=$B$17,14,0)+IF('Standard Profiles'!$G$22=$B$24,21,0),0)),0)</f>
        <v>0</v>
      </c>
      <c r="I7643">
        <f t="shared" si="846"/>
        <v>1.0321977512021656</v>
      </c>
      <c r="J7643">
        <f t="shared" si="847"/>
        <v>10.361767766182368</v>
      </c>
      <c r="K7643">
        <f t="shared" si="848"/>
        <v>0.60332720810766616</v>
      </c>
      <c r="L7643">
        <f t="shared" si="849"/>
        <v>0.30166360405383308</v>
      </c>
      <c r="M7643">
        <f t="shared" si="850"/>
        <v>0</v>
      </c>
      <c r="N7643" s="45">
        <f t="shared" si="851"/>
        <v>45244.041666648212</v>
      </c>
    </row>
    <row r="7644" spans="2:14" x14ac:dyDescent="0.25">
      <c r="B7644">
        <f t="shared" si="845"/>
        <v>2</v>
      </c>
      <c r="C7644" s="16">
        <v>7610</v>
      </c>
      <c r="D7644" cm="1">
        <f t="array" ref="D7644">IFERROR(INDEX(Jesper!AH$2:AH$366,ROUNDDOWN($C7644/24,0)+1,1)*INDEX($D$3:$AA$30,INDEX(Jesper!$R$2:$R$366,ROW(INDEX(Jesper!AH$2:AH$366,ROUNDDOWN($C7644/24,0)+1,1))-1)+IF('Standard Profiles'!$G$18=$B$10,7,0)+IF('Standard Profiles'!$G$18=$B$17,14,0)+IF('Standard Profiles'!$G$18=$B$24,21,0),MOD($C7644,24)+1)/SUM(INDEX($D$3:$AA$30,INDEX(Jesper!$R$2:$R$366,ROW(INDEX(Jesper!AH$2:AH$366,ROUNDDOWN($C7644/24,0)+1,1))-1)+IF('Standard Profiles'!$G$18=$B$10,7,0)+IF('Standard Profiles'!$G$18=$B$17,14,0)+IF('Standard Profiles'!$G$18=$B$24,21,0),0)),0)</f>
        <v>5.6561925760093699</v>
      </c>
      <c r="E7644" cm="1">
        <f t="array" ref="E7644">IFERROR(INDEX(Jesper!AI$2:AI$366,ROUNDDOWN($C7644/24,0)+1,1)*INDEX($D$3:$AA$30,INDEX(Jesper!$R$2:$R$366,ROW(INDEX(Jesper!AI$2:AI$366,ROUNDDOWN($C7644/24,0)+1,1))-1)+IF('Standard Profiles'!$G$19=$B$10,7,0)+IF('Standard Profiles'!$G$19=$B$17,14,0)+IF('Standard Profiles'!$G$19=$B$24,21,0),MOD($C7644,24)+1)/SUM(INDEX($D$3:$AA$30,INDEX(Jesper!$R$2:$R$366,ROW(INDEX(Jesper!AI$2:AI$366,ROUNDDOWN($C7644/24,0)+1,1))-1)+IF('Standard Profiles'!$G$19=$B$10,7,0)+IF('Standard Profiles'!$G$19=$B$17,14,0)+IF('Standard Profiles'!$G$19=$B$24,21,0),0)),0)</f>
        <v>4.4923517718654837</v>
      </c>
      <c r="F7644" cm="1">
        <f t="array" ref="F7644">IFERROR(INDEX(Jesper!AJ$2:AJ$366,ROUNDDOWN($C7644/24,0)+1,1)*INDEX($D$3:$AA$30,INDEX(Jesper!$R$2:$R$366,ROW(INDEX(Jesper!AJ$2:AJ$366,ROUNDDOWN($C7644/24,0)+1,1))-1)+IF('Standard Profiles'!$G$20=$B$10,7,0)+IF('Standard Profiles'!$G$20=$B$17,14,0)+IF('Standard Profiles'!$G$20=$B$24,21,0),MOD($C7644,24)+1)/SUM(INDEX($D$3:$AA$30,INDEX(Jesper!$R$2:$R$366,ROW(INDEX(Jesper!AJ$2:AJ$366,ROUNDDOWN($C7644/24,0)+1,1))-1)+IF('Standard Profiles'!$G$20=$B$10,7,0)+IF('Standard Profiles'!$G$20=$B$17,14,0)+IF('Standard Profiles'!$G$20=$B$24,21,0),0)),0)</f>
        <v>0</v>
      </c>
      <c r="G7644" cm="1">
        <f t="array" ref="G7644">IFERROR(INDEX(Jesper!AK$2:AK$366,ROUNDDOWN($C7644/24,0)+1,1)*INDEX($D$3:$AA$30,INDEX(Jesper!$R$2:$R$366,ROW(INDEX(Jesper!AK$2:AK$366,ROUNDDOWN($C7644/24,0)+1,1))-1)+IF('Standard Profiles'!$G$21=$B$10,7,0)+IF('Standard Profiles'!$G$21=$B$17,14,0)+IF('Standard Profiles'!$G$21=$B$24,21,0),MOD($C7644,24)+1)/SUM(INDEX($D$3:$AA$30,INDEX(Jesper!$R$2:$R$366,ROW(INDEX(Jesper!AK$2:AK$366,ROUNDDOWN($C7644/24,0)+1,1))-1)+IF('Standard Profiles'!$G$21=$B$10,7,0)+IF('Standard Profiles'!$G$21=$B$17,14,0)+IF('Standard Profiles'!$G$21=$B$24,21,0),0)),0)</f>
        <v>2.1504119816711795</v>
      </c>
      <c r="H7644" cm="1">
        <f t="array" ref="H7644">IFERROR(INDEX(Jesper!AL$2:AL$366,ROUNDDOWN($C7644/24,0)+1,1)*INDEX($D$3:$AA$30,INDEX(Jesper!$R$2:$R$366,ROW(INDEX(Jesper!AL$2:AL$366,ROUNDDOWN($C7644/24,0)+1,1))-1)+IF('Standard Profiles'!$G$22=$B$10,7,0)+IF('Standard Profiles'!$G$22=$B$17,14,0)+IF('Standard Profiles'!$G$22=$B$24,21,0),MOD($C7644,24)+1)/SUM(INDEX($D$3:$AA$30,INDEX(Jesper!$R$2:$R$366,ROW(INDEX(Jesper!AL$2:AL$366,ROUNDDOWN($C7644/24,0)+1,1))-1)+IF('Standard Profiles'!$G$22=$B$10,7,0)+IF('Standard Profiles'!$G$22=$B$17,14,0)+IF('Standard Profiles'!$G$22=$B$24,21,0),0)),0)</f>
        <v>0</v>
      </c>
      <c r="I7644">
        <f t="shared" si="846"/>
        <v>1.0321977512021656</v>
      </c>
      <c r="J7644">
        <f t="shared" si="847"/>
        <v>10.361767766182368</v>
      </c>
      <c r="K7644">
        <f t="shared" si="848"/>
        <v>0.60332720810766616</v>
      </c>
      <c r="L7644">
        <f t="shared" si="849"/>
        <v>0.30166360405383308</v>
      </c>
      <c r="M7644">
        <f t="shared" si="850"/>
        <v>0</v>
      </c>
      <c r="N7644" s="45">
        <f t="shared" si="851"/>
        <v>45244.083333314877</v>
      </c>
    </row>
    <row r="7645" spans="2:14" x14ac:dyDescent="0.25">
      <c r="B7645">
        <f t="shared" si="845"/>
        <v>2</v>
      </c>
      <c r="C7645" s="16">
        <v>7611</v>
      </c>
      <c r="D7645" cm="1">
        <f t="array" ref="D7645">IFERROR(INDEX(Jesper!AH$2:AH$366,ROUNDDOWN($C7645/24,0)+1,1)*INDEX($D$3:$AA$30,INDEX(Jesper!$R$2:$R$366,ROW(INDEX(Jesper!AH$2:AH$366,ROUNDDOWN($C7645/24,0)+1,1))-1)+IF('Standard Profiles'!$G$18=$B$10,7,0)+IF('Standard Profiles'!$G$18=$B$17,14,0)+IF('Standard Profiles'!$G$18=$B$24,21,0),MOD($C7645,24)+1)/SUM(INDEX($D$3:$AA$30,INDEX(Jesper!$R$2:$R$366,ROW(INDEX(Jesper!AH$2:AH$366,ROUNDDOWN($C7645/24,0)+1,1))-1)+IF('Standard Profiles'!$G$18=$B$10,7,0)+IF('Standard Profiles'!$G$18=$B$17,14,0)+IF('Standard Profiles'!$G$18=$B$24,21,0),0)),0)</f>
        <v>5.6561925760093699</v>
      </c>
      <c r="E7645" cm="1">
        <f t="array" ref="E7645">IFERROR(INDEX(Jesper!AI$2:AI$366,ROUNDDOWN($C7645/24,0)+1,1)*INDEX($D$3:$AA$30,INDEX(Jesper!$R$2:$R$366,ROW(INDEX(Jesper!AI$2:AI$366,ROUNDDOWN($C7645/24,0)+1,1))-1)+IF('Standard Profiles'!$G$19=$B$10,7,0)+IF('Standard Profiles'!$G$19=$B$17,14,0)+IF('Standard Profiles'!$G$19=$B$24,21,0),MOD($C7645,24)+1)/SUM(INDEX($D$3:$AA$30,INDEX(Jesper!$R$2:$R$366,ROW(INDEX(Jesper!AI$2:AI$366,ROUNDDOWN($C7645/24,0)+1,1))-1)+IF('Standard Profiles'!$G$19=$B$10,7,0)+IF('Standard Profiles'!$G$19=$B$17,14,0)+IF('Standard Profiles'!$G$19=$B$24,21,0),0)),0)</f>
        <v>4.4923517718654837</v>
      </c>
      <c r="F7645" cm="1">
        <f t="array" ref="F7645">IFERROR(INDEX(Jesper!AJ$2:AJ$366,ROUNDDOWN($C7645/24,0)+1,1)*INDEX($D$3:$AA$30,INDEX(Jesper!$R$2:$R$366,ROW(INDEX(Jesper!AJ$2:AJ$366,ROUNDDOWN($C7645/24,0)+1,1))-1)+IF('Standard Profiles'!$G$20=$B$10,7,0)+IF('Standard Profiles'!$G$20=$B$17,14,0)+IF('Standard Profiles'!$G$20=$B$24,21,0),MOD($C7645,24)+1)/SUM(INDEX($D$3:$AA$30,INDEX(Jesper!$R$2:$R$366,ROW(INDEX(Jesper!AJ$2:AJ$366,ROUNDDOWN($C7645/24,0)+1,1))-1)+IF('Standard Profiles'!$G$20=$B$10,7,0)+IF('Standard Profiles'!$G$20=$B$17,14,0)+IF('Standard Profiles'!$G$20=$B$24,21,0),0)),0)</f>
        <v>0</v>
      </c>
      <c r="G7645" cm="1">
        <f t="array" ref="G7645">IFERROR(INDEX(Jesper!AK$2:AK$366,ROUNDDOWN($C7645/24,0)+1,1)*INDEX($D$3:$AA$30,INDEX(Jesper!$R$2:$R$366,ROW(INDEX(Jesper!AK$2:AK$366,ROUNDDOWN($C7645/24,0)+1,1))-1)+IF('Standard Profiles'!$G$21=$B$10,7,0)+IF('Standard Profiles'!$G$21=$B$17,14,0)+IF('Standard Profiles'!$G$21=$B$24,21,0),MOD($C7645,24)+1)/SUM(INDEX($D$3:$AA$30,INDEX(Jesper!$R$2:$R$366,ROW(INDEX(Jesper!AK$2:AK$366,ROUNDDOWN($C7645/24,0)+1,1))-1)+IF('Standard Profiles'!$G$21=$B$10,7,0)+IF('Standard Profiles'!$G$21=$B$17,14,0)+IF('Standard Profiles'!$G$21=$B$24,21,0),0)),0)</f>
        <v>2.1504119816711795</v>
      </c>
      <c r="H7645" cm="1">
        <f t="array" ref="H7645">IFERROR(INDEX(Jesper!AL$2:AL$366,ROUNDDOWN($C7645/24,0)+1,1)*INDEX($D$3:$AA$30,INDEX(Jesper!$R$2:$R$366,ROW(INDEX(Jesper!AL$2:AL$366,ROUNDDOWN($C7645/24,0)+1,1))-1)+IF('Standard Profiles'!$G$22=$B$10,7,0)+IF('Standard Profiles'!$G$22=$B$17,14,0)+IF('Standard Profiles'!$G$22=$B$24,21,0),MOD($C7645,24)+1)/SUM(INDEX($D$3:$AA$30,INDEX(Jesper!$R$2:$R$366,ROW(INDEX(Jesper!AL$2:AL$366,ROUNDDOWN($C7645/24,0)+1,1))-1)+IF('Standard Profiles'!$G$22=$B$10,7,0)+IF('Standard Profiles'!$G$22=$B$17,14,0)+IF('Standard Profiles'!$G$22=$B$24,21,0),0)),0)</f>
        <v>0</v>
      </c>
      <c r="I7645">
        <f t="shared" si="846"/>
        <v>1.0321977512021656</v>
      </c>
      <c r="J7645">
        <f t="shared" si="847"/>
        <v>10.361767766182368</v>
      </c>
      <c r="K7645">
        <f t="shared" si="848"/>
        <v>0.60332720810766616</v>
      </c>
      <c r="L7645">
        <f t="shared" si="849"/>
        <v>0.30166360405383308</v>
      </c>
      <c r="M7645">
        <f t="shared" si="850"/>
        <v>0</v>
      </c>
      <c r="N7645" s="45">
        <f t="shared" si="851"/>
        <v>45244.124999981541</v>
      </c>
    </row>
    <row r="7646" spans="2:14" x14ac:dyDescent="0.25">
      <c r="B7646">
        <f t="shared" si="845"/>
        <v>2</v>
      </c>
      <c r="C7646" s="16">
        <v>7612</v>
      </c>
      <c r="D7646" cm="1">
        <f t="array" ref="D7646">IFERROR(INDEX(Jesper!AH$2:AH$366,ROUNDDOWN($C7646/24,0)+1,1)*INDEX($D$3:$AA$30,INDEX(Jesper!$R$2:$R$366,ROW(INDEX(Jesper!AH$2:AH$366,ROUNDDOWN($C7646/24,0)+1,1))-1)+IF('Standard Profiles'!$G$18=$B$10,7,0)+IF('Standard Profiles'!$G$18=$B$17,14,0)+IF('Standard Profiles'!$G$18=$B$24,21,0),MOD($C7646,24)+1)/SUM(INDEX($D$3:$AA$30,INDEX(Jesper!$R$2:$R$366,ROW(INDEX(Jesper!AH$2:AH$366,ROUNDDOWN($C7646/24,0)+1,1))-1)+IF('Standard Profiles'!$G$18=$B$10,7,0)+IF('Standard Profiles'!$G$18=$B$17,14,0)+IF('Standard Profiles'!$G$18=$B$24,21,0),0)),0)</f>
        <v>5.6561925760093699</v>
      </c>
      <c r="E7646" cm="1">
        <f t="array" ref="E7646">IFERROR(INDEX(Jesper!AI$2:AI$366,ROUNDDOWN($C7646/24,0)+1,1)*INDEX($D$3:$AA$30,INDEX(Jesper!$R$2:$R$366,ROW(INDEX(Jesper!AI$2:AI$366,ROUNDDOWN($C7646/24,0)+1,1))-1)+IF('Standard Profiles'!$G$19=$B$10,7,0)+IF('Standard Profiles'!$G$19=$B$17,14,0)+IF('Standard Profiles'!$G$19=$B$24,21,0),MOD($C7646,24)+1)/SUM(INDEX($D$3:$AA$30,INDEX(Jesper!$R$2:$R$366,ROW(INDEX(Jesper!AI$2:AI$366,ROUNDDOWN($C7646/24,0)+1,1))-1)+IF('Standard Profiles'!$G$19=$B$10,7,0)+IF('Standard Profiles'!$G$19=$B$17,14,0)+IF('Standard Profiles'!$G$19=$B$24,21,0),0)),0)</f>
        <v>4.4923517718654837</v>
      </c>
      <c r="F7646" cm="1">
        <f t="array" ref="F7646">IFERROR(INDEX(Jesper!AJ$2:AJ$366,ROUNDDOWN($C7646/24,0)+1,1)*INDEX($D$3:$AA$30,INDEX(Jesper!$R$2:$R$366,ROW(INDEX(Jesper!AJ$2:AJ$366,ROUNDDOWN($C7646/24,0)+1,1))-1)+IF('Standard Profiles'!$G$20=$B$10,7,0)+IF('Standard Profiles'!$G$20=$B$17,14,0)+IF('Standard Profiles'!$G$20=$B$24,21,0),MOD($C7646,24)+1)/SUM(INDEX($D$3:$AA$30,INDEX(Jesper!$R$2:$R$366,ROW(INDEX(Jesper!AJ$2:AJ$366,ROUNDDOWN($C7646/24,0)+1,1))-1)+IF('Standard Profiles'!$G$20=$B$10,7,0)+IF('Standard Profiles'!$G$20=$B$17,14,0)+IF('Standard Profiles'!$G$20=$B$24,21,0),0)),0)</f>
        <v>0</v>
      </c>
      <c r="G7646" cm="1">
        <f t="array" ref="G7646">IFERROR(INDEX(Jesper!AK$2:AK$366,ROUNDDOWN($C7646/24,0)+1,1)*INDEX($D$3:$AA$30,INDEX(Jesper!$R$2:$R$366,ROW(INDEX(Jesper!AK$2:AK$366,ROUNDDOWN($C7646/24,0)+1,1))-1)+IF('Standard Profiles'!$G$21=$B$10,7,0)+IF('Standard Profiles'!$G$21=$B$17,14,0)+IF('Standard Profiles'!$G$21=$B$24,21,0),MOD($C7646,24)+1)/SUM(INDEX($D$3:$AA$30,INDEX(Jesper!$R$2:$R$366,ROW(INDEX(Jesper!AK$2:AK$366,ROUNDDOWN($C7646/24,0)+1,1))-1)+IF('Standard Profiles'!$G$21=$B$10,7,0)+IF('Standard Profiles'!$G$21=$B$17,14,0)+IF('Standard Profiles'!$G$21=$B$24,21,0),0)),0)</f>
        <v>2.1504119816711795</v>
      </c>
      <c r="H7646" cm="1">
        <f t="array" ref="H7646">IFERROR(INDEX(Jesper!AL$2:AL$366,ROUNDDOWN($C7646/24,0)+1,1)*INDEX($D$3:$AA$30,INDEX(Jesper!$R$2:$R$366,ROW(INDEX(Jesper!AL$2:AL$366,ROUNDDOWN($C7646/24,0)+1,1))-1)+IF('Standard Profiles'!$G$22=$B$10,7,0)+IF('Standard Profiles'!$G$22=$B$17,14,0)+IF('Standard Profiles'!$G$22=$B$24,21,0),MOD($C7646,24)+1)/SUM(INDEX($D$3:$AA$30,INDEX(Jesper!$R$2:$R$366,ROW(INDEX(Jesper!AL$2:AL$366,ROUNDDOWN($C7646/24,0)+1,1))-1)+IF('Standard Profiles'!$G$22=$B$10,7,0)+IF('Standard Profiles'!$G$22=$B$17,14,0)+IF('Standard Profiles'!$G$22=$B$24,21,0),0)),0)</f>
        <v>0</v>
      </c>
      <c r="I7646">
        <f t="shared" si="846"/>
        <v>1.0321977512021656</v>
      </c>
      <c r="J7646">
        <f t="shared" si="847"/>
        <v>10.361767766182368</v>
      </c>
      <c r="K7646">
        <f t="shared" si="848"/>
        <v>0.60332720810766616</v>
      </c>
      <c r="L7646">
        <f t="shared" si="849"/>
        <v>0.30166360405383308</v>
      </c>
      <c r="M7646">
        <f t="shared" si="850"/>
        <v>0</v>
      </c>
      <c r="N7646" s="45">
        <f t="shared" si="851"/>
        <v>45244.166666648205</v>
      </c>
    </row>
    <row r="7647" spans="2:14" x14ac:dyDescent="0.25">
      <c r="B7647">
        <f t="shared" si="845"/>
        <v>2</v>
      </c>
      <c r="C7647" s="16">
        <v>7613</v>
      </c>
      <c r="D7647" cm="1">
        <f t="array" ref="D7647">IFERROR(INDEX(Jesper!AH$2:AH$366,ROUNDDOWN($C7647/24,0)+1,1)*INDEX($D$3:$AA$30,INDEX(Jesper!$R$2:$R$366,ROW(INDEX(Jesper!AH$2:AH$366,ROUNDDOWN($C7647/24,0)+1,1))-1)+IF('Standard Profiles'!$G$18=$B$10,7,0)+IF('Standard Profiles'!$G$18=$B$17,14,0)+IF('Standard Profiles'!$G$18=$B$24,21,0),MOD($C7647,24)+1)/SUM(INDEX($D$3:$AA$30,INDEX(Jesper!$R$2:$R$366,ROW(INDEX(Jesper!AH$2:AH$366,ROUNDDOWN($C7647/24,0)+1,1))-1)+IF('Standard Profiles'!$G$18=$B$10,7,0)+IF('Standard Profiles'!$G$18=$B$17,14,0)+IF('Standard Profiles'!$G$18=$B$24,21,0),0)),0)</f>
        <v>5.6561925760093699</v>
      </c>
      <c r="E7647" cm="1">
        <f t="array" ref="E7647">IFERROR(INDEX(Jesper!AI$2:AI$366,ROUNDDOWN($C7647/24,0)+1,1)*INDEX($D$3:$AA$30,INDEX(Jesper!$R$2:$R$366,ROW(INDEX(Jesper!AI$2:AI$366,ROUNDDOWN($C7647/24,0)+1,1))-1)+IF('Standard Profiles'!$G$19=$B$10,7,0)+IF('Standard Profiles'!$G$19=$B$17,14,0)+IF('Standard Profiles'!$G$19=$B$24,21,0),MOD($C7647,24)+1)/SUM(INDEX($D$3:$AA$30,INDEX(Jesper!$R$2:$R$366,ROW(INDEX(Jesper!AI$2:AI$366,ROUNDDOWN($C7647/24,0)+1,1))-1)+IF('Standard Profiles'!$G$19=$B$10,7,0)+IF('Standard Profiles'!$G$19=$B$17,14,0)+IF('Standard Profiles'!$G$19=$B$24,21,0),0)),0)</f>
        <v>4.4923517718654837</v>
      </c>
      <c r="F7647" cm="1">
        <f t="array" ref="F7647">IFERROR(INDEX(Jesper!AJ$2:AJ$366,ROUNDDOWN($C7647/24,0)+1,1)*INDEX($D$3:$AA$30,INDEX(Jesper!$R$2:$R$366,ROW(INDEX(Jesper!AJ$2:AJ$366,ROUNDDOWN($C7647/24,0)+1,1))-1)+IF('Standard Profiles'!$G$20=$B$10,7,0)+IF('Standard Profiles'!$G$20=$B$17,14,0)+IF('Standard Profiles'!$G$20=$B$24,21,0),MOD($C7647,24)+1)/SUM(INDEX($D$3:$AA$30,INDEX(Jesper!$R$2:$R$366,ROW(INDEX(Jesper!AJ$2:AJ$366,ROUNDDOWN($C7647/24,0)+1,1))-1)+IF('Standard Profiles'!$G$20=$B$10,7,0)+IF('Standard Profiles'!$G$20=$B$17,14,0)+IF('Standard Profiles'!$G$20=$B$24,21,0),0)),0)</f>
        <v>0</v>
      </c>
      <c r="G7647" cm="1">
        <f t="array" ref="G7647">IFERROR(INDEX(Jesper!AK$2:AK$366,ROUNDDOWN($C7647/24,0)+1,1)*INDEX($D$3:$AA$30,INDEX(Jesper!$R$2:$R$366,ROW(INDEX(Jesper!AK$2:AK$366,ROUNDDOWN($C7647/24,0)+1,1))-1)+IF('Standard Profiles'!$G$21=$B$10,7,0)+IF('Standard Profiles'!$G$21=$B$17,14,0)+IF('Standard Profiles'!$G$21=$B$24,21,0),MOD($C7647,24)+1)/SUM(INDEX($D$3:$AA$30,INDEX(Jesper!$R$2:$R$366,ROW(INDEX(Jesper!AK$2:AK$366,ROUNDDOWN($C7647/24,0)+1,1))-1)+IF('Standard Profiles'!$G$21=$B$10,7,0)+IF('Standard Profiles'!$G$21=$B$17,14,0)+IF('Standard Profiles'!$G$21=$B$24,21,0),0)),0)</f>
        <v>2.1504119816711795</v>
      </c>
      <c r="H7647" cm="1">
        <f t="array" ref="H7647">IFERROR(INDEX(Jesper!AL$2:AL$366,ROUNDDOWN($C7647/24,0)+1,1)*INDEX($D$3:$AA$30,INDEX(Jesper!$R$2:$R$366,ROW(INDEX(Jesper!AL$2:AL$366,ROUNDDOWN($C7647/24,0)+1,1))-1)+IF('Standard Profiles'!$G$22=$B$10,7,0)+IF('Standard Profiles'!$G$22=$B$17,14,0)+IF('Standard Profiles'!$G$22=$B$24,21,0),MOD($C7647,24)+1)/SUM(INDEX($D$3:$AA$30,INDEX(Jesper!$R$2:$R$366,ROW(INDEX(Jesper!AL$2:AL$366,ROUNDDOWN($C7647/24,0)+1,1))-1)+IF('Standard Profiles'!$G$22=$B$10,7,0)+IF('Standard Profiles'!$G$22=$B$17,14,0)+IF('Standard Profiles'!$G$22=$B$24,21,0),0)),0)</f>
        <v>0</v>
      </c>
      <c r="I7647">
        <f t="shared" si="846"/>
        <v>1.0321977512021656</v>
      </c>
      <c r="J7647">
        <f t="shared" si="847"/>
        <v>10.361767766182368</v>
      </c>
      <c r="K7647">
        <f t="shared" si="848"/>
        <v>0.60332720810766616</v>
      </c>
      <c r="L7647">
        <f t="shared" si="849"/>
        <v>0.30166360405383308</v>
      </c>
      <c r="M7647">
        <f t="shared" si="850"/>
        <v>0</v>
      </c>
      <c r="N7647" s="45">
        <f t="shared" si="851"/>
        <v>45244.208333314869</v>
      </c>
    </row>
    <row r="7648" spans="2:14" x14ac:dyDescent="0.25">
      <c r="B7648">
        <f t="shared" si="845"/>
        <v>2</v>
      </c>
      <c r="C7648" s="16">
        <v>7614</v>
      </c>
      <c r="D7648" cm="1">
        <f t="array" ref="D7648">IFERROR(INDEX(Jesper!AH$2:AH$366,ROUNDDOWN($C7648/24,0)+1,1)*INDEX($D$3:$AA$30,INDEX(Jesper!$R$2:$R$366,ROW(INDEX(Jesper!AH$2:AH$366,ROUNDDOWN($C7648/24,0)+1,1))-1)+IF('Standard Profiles'!$G$18=$B$10,7,0)+IF('Standard Profiles'!$G$18=$B$17,14,0)+IF('Standard Profiles'!$G$18=$B$24,21,0),MOD($C7648,24)+1)/SUM(INDEX($D$3:$AA$30,INDEX(Jesper!$R$2:$R$366,ROW(INDEX(Jesper!AH$2:AH$366,ROUNDDOWN($C7648/24,0)+1,1))-1)+IF('Standard Profiles'!$G$18=$B$10,7,0)+IF('Standard Profiles'!$G$18=$B$17,14,0)+IF('Standard Profiles'!$G$18=$B$24,21,0),0)),0)</f>
        <v>5.6561925760093699</v>
      </c>
      <c r="E7648" cm="1">
        <f t="array" ref="E7648">IFERROR(INDEX(Jesper!AI$2:AI$366,ROUNDDOWN($C7648/24,0)+1,1)*INDEX($D$3:$AA$30,INDEX(Jesper!$R$2:$R$366,ROW(INDEX(Jesper!AI$2:AI$366,ROUNDDOWN($C7648/24,0)+1,1))-1)+IF('Standard Profiles'!$G$19=$B$10,7,0)+IF('Standard Profiles'!$G$19=$B$17,14,0)+IF('Standard Profiles'!$G$19=$B$24,21,0),MOD($C7648,24)+1)/SUM(INDEX($D$3:$AA$30,INDEX(Jesper!$R$2:$R$366,ROW(INDEX(Jesper!AI$2:AI$366,ROUNDDOWN($C7648/24,0)+1,1))-1)+IF('Standard Profiles'!$G$19=$B$10,7,0)+IF('Standard Profiles'!$G$19=$B$17,14,0)+IF('Standard Profiles'!$G$19=$B$24,21,0),0)),0)</f>
        <v>4.4923517718654837</v>
      </c>
      <c r="F7648" cm="1">
        <f t="array" ref="F7648">IFERROR(INDEX(Jesper!AJ$2:AJ$366,ROUNDDOWN($C7648/24,0)+1,1)*INDEX($D$3:$AA$30,INDEX(Jesper!$R$2:$R$366,ROW(INDEX(Jesper!AJ$2:AJ$366,ROUNDDOWN($C7648/24,0)+1,1))-1)+IF('Standard Profiles'!$G$20=$B$10,7,0)+IF('Standard Profiles'!$G$20=$B$17,14,0)+IF('Standard Profiles'!$G$20=$B$24,21,0),MOD($C7648,24)+1)/SUM(INDEX($D$3:$AA$30,INDEX(Jesper!$R$2:$R$366,ROW(INDEX(Jesper!AJ$2:AJ$366,ROUNDDOWN($C7648/24,0)+1,1))-1)+IF('Standard Profiles'!$G$20=$B$10,7,0)+IF('Standard Profiles'!$G$20=$B$17,14,0)+IF('Standard Profiles'!$G$20=$B$24,21,0),0)),0)</f>
        <v>0</v>
      </c>
      <c r="G7648" cm="1">
        <f t="array" ref="G7648">IFERROR(INDEX(Jesper!AK$2:AK$366,ROUNDDOWN($C7648/24,0)+1,1)*INDEX($D$3:$AA$30,INDEX(Jesper!$R$2:$R$366,ROW(INDEX(Jesper!AK$2:AK$366,ROUNDDOWN($C7648/24,0)+1,1))-1)+IF('Standard Profiles'!$G$21=$B$10,7,0)+IF('Standard Profiles'!$G$21=$B$17,14,0)+IF('Standard Profiles'!$G$21=$B$24,21,0),MOD($C7648,24)+1)/SUM(INDEX($D$3:$AA$30,INDEX(Jesper!$R$2:$R$366,ROW(INDEX(Jesper!AK$2:AK$366,ROUNDDOWN($C7648/24,0)+1,1))-1)+IF('Standard Profiles'!$G$21=$B$10,7,0)+IF('Standard Profiles'!$G$21=$B$17,14,0)+IF('Standard Profiles'!$G$21=$B$24,21,0),0)),0)</f>
        <v>2.1504119816711795</v>
      </c>
      <c r="H7648" cm="1">
        <f t="array" ref="H7648">IFERROR(INDEX(Jesper!AL$2:AL$366,ROUNDDOWN($C7648/24,0)+1,1)*INDEX($D$3:$AA$30,INDEX(Jesper!$R$2:$R$366,ROW(INDEX(Jesper!AL$2:AL$366,ROUNDDOWN($C7648/24,0)+1,1))-1)+IF('Standard Profiles'!$G$22=$B$10,7,0)+IF('Standard Profiles'!$G$22=$B$17,14,0)+IF('Standard Profiles'!$G$22=$B$24,21,0),MOD($C7648,24)+1)/SUM(INDEX($D$3:$AA$30,INDEX(Jesper!$R$2:$R$366,ROW(INDEX(Jesper!AL$2:AL$366,ROUNDDOWN($C7648/24,0)+1,1))-1)+IF('Standard Profiles'!$G$22=$B$10,7,0)+IF('Standard Profiles'!$G$22=$B$17,14,0)+IF('Standard Profiles'!$G$22=$B$24,21,0),0)),0)</f>
        <v>0</v>
      </c>
      <c r="I7648">
        <f t="shared" si="846"/>
        <v>1.0321977512021656</v>
      </c>
      <c r="J7648">
        <f t="shared" si="847"/>
        <v>10.361767766182368</v>
      </c>
      <c r="K7648">
        <f t="shared" si="848"/>
        <v>0.60332720810766616</v>
      </c>
      <c r="L7648">
        <f t="shared" si="849"/>
        <v>0.30166360405383308</v>
      </c>
      <c r="M7648">
        <f t="shared" si="850"/>
        <v>0</v>
      </c>
      <c r="N7648" s="45">
        <f t="shared" si="851"/>
        <v>45244.249999981534</v>
      </c>
    </row>
    <row r="7649" spans="2:14" x14ac:dyDescent="0.25">
      <c r="B7649">
        <f t="shared" si="845"/>
        <v>2</v>
      </c>
      <c r="C7649" s="16">
        <v>7615</v>
      </c>
      <c r="D7649" cm="1">
        <f t="array" ref="D7649">IFERROR(INDEX(Jesper!AH$2:AH$366,ROUNDDOWN($C7649/24,0)+1,1)*INDEX($D$3:$AA$30,INDEX(Jesper!$R$2:$R$366,ROW(INDEX(Jesper!AH$2:AH$366,ROUNDDOWN($C7649/24,0)+1,1))-1)+IF('Standard Profiles'!$G$18=$B$10,7,0)+IF('Standard Profiles'!$G$18=$B$17,14,0)+IF('Standard Profiles'!$G$18=$B$24,21,0),MOD($C7649,24)+1)/SUM(INDEX($D$3:$AA$30,INDEX(Jesper!$R$2:$R$366,ROW(INDEX(Jesper!AH$2:AH$366,ROUNDDOWN($C7649/24,0)+1,1))-1)+IF('Standard Profiles'!$G$18=$B$10,7,0)+IF('Standard Profiles'!$G$18=$B$17,14,0)+IF('Standard Profiles'!$G$18=$B$24,21,0),0)),0)</f>
        <v>23.844386828239497</v>
      </c>
      <c r="E7649" cm="1">
        <f t="array" ref="E7649">IFERROR(INDEX(Jesper!AI$2:AI$366,ROUNDDOWN($C7649/24,0)+1,1)*INDEX($D$3:$AA$30,INDEX(Jesper!$R$2:$R$366,ROW(INDEX(Jesper!AI$2:AI$366,ROUNDDOWN($C7649/24,0)+1,1))-1)+IF('Standard Profiles'!$G$19=$B$10,7,0)+IF('Standard Profiles'!$G$19=$B$17,14,0)+IF('Standard Profiles'!$G$19=$B$24,21,0),MOD($C7649,24)+1)/SUM(INDEX($D$3:$AA$30,INDEX(Jesper!$R$2:$R$366,ROW(INDEX(Jesper!AI$2:AI$366,ROUNDDOWN($C7649/24,0)+1,1))-1)+IF('Standard Profiles'!$G$19=$B$10,7,0)+IF('Standard Profiles'!$G$19=$B$17,14,0)+IF('Standard Profiles'!$G$19=$B$24,21,0),0)),0)</f>
        <v>18.938070438270426</v>
      </c>
      <c r="F7649" cm="1">
        <f t="array" ref="F7649">IFERROR(INDEX(Jesper!AJ$2:AJ$366,ROUNDDOWN($C7649/24,0)+1,1)*INDEX($D$3:$AA$30,INDEX(Jesper!$R$2:$R$366,ROW(INDEX(Jesper!AJ$2:AJ$366,ROUNDDOWN($C7649/24,0)+1,1))-1)+IF('Standard Profiles'!$G$20=$B$10,7,0)+IF('Standard Profiles'!$G$20=$B$17,14,0)+IF('Standard Profiles'!$G$20=$B$24,21,0),MOD($C7649,24)+1)/SUM(INDEX($D$3:$AA$30,INDEX(Jesper!$R$2:$R$366,ROW(INDEX(Jesper!AJ$2:AJ$366,ROUNDDOWN($C7649/24,0)+1,1))-1)+IF('Standard Profiles'!$G$20=$B$10,7,0)+IF('Standard Profiles'!$G$20=$B$17,14,0)+IF('Standard Profiles'!$G$20=$B$24,21,0),0)),0)</f>
        <v>0</v>
      </c>
      <c r="G7649" cm="1">
        <f t="array" ref="G7649">IFERROR(INDEX(Jesper!AK$2:AK$366,ROUNDDOWN($C7649/24,0)+1,1)*INDEX($D$3:$AA$30,INDEX(Jesper!$R$2:$R$366,ROW(INDEX(Jesper!AK$2:AK$366,ROUNDDOWN($C7649/24,0)+1,1))-1)+IF('Standard Profiles'!$G$21=$B$10,7,0)+IF('Standard Profiles'!$G$21=$B$17,14,0)+IF('Standard Profiles'!$G$21=$B$24,21,0),MOD($C7649,24)+1)/SUM(INDEX($D$3:$AA$30,INDEX(Jesper!$R$2:$R$366,ROW(INDEX(Jesper!AK$2:AK$366,ROUNDDOWN($C7649/24,0)+1,1))-1)+IF('Standard Profiles'!$G$21=$B$10,7,0)+IF('Standard Profiles'!$G$21=$B$17,14,0)+IF('Standard Profiles'!$G$21=$B$24,21,0),0)),0)</f>
        <v>6.1945738697818165</v>
      </c>
      <c r="H7649" cm="1">
        <f t="array" ref="H7649">IFERROR(INDEX(Jesper!AL$2:AL$366,ROUNDDOWN($C7649/24,0)+1,1)*INDEX($D$3:$AA$30,INDEX(Jesper!$R$2:$R$366,ROW(INDEX(Jesper!AL$2:AL$366,ROUNDDOWN($C7649/24,0)+1,1))-1)+IF('Standard Profiles'!$G$22=$B$10,7,0)+IF('Standard Profiles'!$G$22=$B$17,14,0)+IF('Standard Profiles'!$G$22=$B$24,21,0),MOD($C7649,24)+1)/SUM(INDEX($D$3:$AA$30,INDEX(Jesper!$R$2:$R$366,ROW(INDEX(Jesper!AL$2:AL$366,ROUNDDOWN($C7649/24,0)+1,1))-1)+IF('Standard Profiles'!$G$22=$B$10,7,0)+IF('Standard Profiles'!$G$22=$B$17,14,0)+IF('Standard Profiles'!$G$22=$B$24,21,0),0)),0)</f>
        <v>0</v>
      </c>
      <c r="I7649">
        <f t="shared" si="846"/>
        <v>2.9733954574952706</v>
      </c>
      <c r="J7649">
        <f t="shared" si="847"/>
        <v>42.18853378627815</v>
      </c>
      <c r="K7649">
        <f t="shared" si="848"/>
        <v>2.5434012616788797</v>
      </c>
      <c r="L7649">
        <f t="shared" si="849"/>
        <v>1.2717006308394398</v>
      </c>
      <c r="M7649">
        <f t="shared" si="850"/>
        <v>0</v>
      </c>
      <c r="N7649" s="45">
        <f t="shared" si="851"/>
        <v>45244.291666648198</v>
      </c>
    </row>
    <row r="7650" spans="2:14" x14ac:dyDescent="0.25">
      <c r="B7650">
        <f t="shared" si="845"/>
        <v>2</v>
      </c>
      <c r="C7650" s="16">
        <v>7616</v>
      </c>
      <c r="D7650" cm="1">
        <f t="array" ref="D7650">IFERROR(INDEX(Jesper!AH$2:AH$366,ROUNDDOWN($C7650/24,0)+1,1)*INDEX($D$3:$AA$30,INDEX(Jesper!$R$2:$R$366,ROW(INDEX(Jesper!AH$2:AH$366,ROUNDDOWN($C7650/24,0)+1,1))-1)+IF('Standard Profiles'!$G$18=$B$10,7,0)+IF('Standard Profiles'!$G$18=$B$17,14,0)+IF('Standard Profiles'!$G$18=$B$24,21,0),MOD($C7650,24)+1)/SUM(INDEX($D$3:$AA$30,INDEX(Jesper!$R$2:$R$366,ROW(INDEX(Jesper!AH$2:AH$366,ROUNDDOWN($C7650/24,0)+1,1))-1)+IF('Standard Profiles'!$G$18=$B$10,7,0)+IF('Standard Profiles'!$G$18=$B$17,14,0)+IF('Standard Profiles'!$G$18=$B$24,21,0),0)),0)</f>
        <v>26.60531582940407</v>
      </c>
      <c r="E7650" cm="1">
        <f t="array" ref="E7650">IFERROR(INDEX(Jesper!AI$2:AI$366,ROUNDDOWN($C7650/24,0)+1,1)*INDEX($D$3:$AA$30,INDEX(Jesper!$R$2:$R$366,ROW(INDEX(Jesper!AI$2:AI$366,ROUNDDOWN($C7650/24,0)+1,1))-1)+IF('Standard Profiles'!$G$19=$B$10,7,0)+IF('Standard Profiles'!$G$19=$B$17,14,0)+IF('Standard Profiles'!$G$19=$B$24,21,0),MOD($C7650,24)+1)/SUM(INDEX($D$3:$AA$30,INDEX(Jesper!$R$2:$R$366,ROW(INDEX(Jesper!AI$2:AI$366,ROUNDDOWN($C7650/24,0)+1,1))-1)+IF('Standard Profiles'!$G$19=$B$10,7,0)+IF('Standard Profiles'!$G$19=$B$17,14,0)+IF('Standard Profiles'!$G$19=$B$24,21,0),0)),0)</f>
        <v>21.130899646912265</v>
      </c>
      <c r="F7650" cm="1">
        <f t="array" ref="F7650">IFERROR(INDEX(Jesper!AJ$2:AJ$366,ROUNDDOWN($C7650/24,0)+1,1)*INDEX($D$3:$AA$30,INDEX(Jesper!$R$2:$R$366,ROW(INDEX(Jesper!AJ$2:AJ$366,ROUNDDOWN($C7650/24,0)+1,1))-1)+IF('Standard Profiles'!$G$20=$B$10,7,0)+IF('Standard Profiles'!$G$20=$B$17,14,0)+IF('Standard Profiles'!$G$20=$B$24,21,0),MOD($C7650,24)+1)/SUM(INDEX($D$3:$AA$30,INDEX(Jesper!$R$2:$R$366,ROW(INDEX(Jesper!AJ$2:AJ$366,ROUNDDOWN($C7650/24,0)+1,1))-1)+IF('Standard Profiles'!$G$20=$B$10,7,0)+IF('Standard Profiles'!$G$20=$B$17,14,0)+IF('Standard Profiles'!$G$20=$B$24,21,0),0)),0)</f>
        <v>0</v>
      </c>
      <c r="G7650" cm="1">
        <f t="array" ref="G7650">IFERROR(INDEX(Jesper!AK$2:AK$366,ROUNDDOWN($C7650/24,0)+1,1)*INDEX($D$3:$AA$30,INDEX(Jesper!$R$2:$R$366,ROW(INDEX(Jesper!AK$2:AK$366,ROUNDDOWN($C7650/24,0)+1,1))-1)+IF('Standard Profiles'!$G$21=$B$10,7,0)+IF('Standard Profiles'!$G$21=$B$17,14,0)+IF('Standard Profiles'!$G$21=$B$24,21,0),MOD($C7650,24)+1)/SUM(INDEX($D$3:$AA$30,INDEX(Jesper!$R$2:$R$366,ROW(INDEX(Jesper!AK$2:AK$366,ROUNDDOWN($C7650/24,0)+1,1))-1)+IF('Standard Profiles'!$G$21=$B$10,7,0)+IF('Standard Profiles'!$G$21=$B$17,14,0)+IF('Standard Profiles'!$G$21=$B$24,21,0),0)),0)</f>
        <v>6.9118403178618157</v>
      </c>
      <c r="H7650" cm="1">
        <f t="array" ref="H7650">IFERROR(INDEX(Jesper!AL$2:AL$366,ROUNDDOWN($C7650/24,0)+1,1)*INDEX($D$3:$AA$30,INDEX(Jesper!$R$2:$R$366,ROW(INDEX(Jesper!AL$2:AL$366,ROUNDDOWN($C7650/24,0)+1,1))-1)+IF('Standard Profiles'!$G$22=$B$10,7,0)+IF('Standard Profiles'!$G$22=$B$17,14,0)+IF('Standard Profiles'!$G$22=$B$24,21,0),MOD($C7650,24)+1)/SUM(INDEX($D$3:$AA$30,INDEX(Jesper!$R$2:$R$366,ROW(INDEX(Jesper!AL$2:AL$366,ROUNDDOWN($C7650/24,0)+1,1))-1)+IF('Standard Profiles'!$G$22=$B$10,7,0)+IF('Standard Profiles'!$G$22=$B$17,14,0)+IF('Standard Profiles'!$G$22=$B$24,21,0),0)),0)</f>
        <v>0</v>
      </c>
      <c r="I7650">
        <f t="shared" si="846"/>
        <v>3.31768335257367</v>
      </c>
      <c r="J7650">
        <f t="shared" si="847"/>
        <v>47.073521908899828</v>
      </c>
      <c r="K7650">
        <f t="shared" si="848"/>
        <v>2.8379003551364343</v>
      </c>
      <c r="L7650">
        <f t="shared" si="849"/>
        <v>1.4189501775682172</v>
      </c>
      <c r="M7650">
        <f t="shared" si="850"/>
        <v>0</v>
      </c>
      <c r="N7650" s="45">
        <f t="shared" si="851"/>
        <v>45244.333333314862</v>
      </c>
    </row>
    <row r="7651" spans="2:14" x14ac:dyDescent="0.25">
      <c r="B7651">
        <f t="shared" ref="B7651:B7714" si="852">WEEKDAY(N7651,2)</f>
        <v>2</v>
      </c>
      <c r="C7651" s="16">
        <v>7617</v>
      </c>
      <c r="D7651" cm="1">
        <f t="array" ref="D7651">IFERROR(INDEX(Jesper!AH$2:AH$366,ROUNDDOWN($C7651/24,0)+1,1)*INDEX($D$3:$AA$30,INDEX(Jesper!$R$2:$R$366,ROW(INDEX(Jesper!AH$2:AH$366,ROUNDDOWN($C7651/24,0)+1,1))-1)+IF('Standard Profiles'!$G$18=$B$10,7,0)+IF('Standard Profiles'!$G$18=$B$17,14,0)+IF('Standard Profiles'!$G$18=$B$24,21,0),MOD($C7651,24)+1)/SUM(INDEX($D$3:$AA$30,INDEX(Jesper!$R$2:$R$366,ROW(INDEX(Jesper!AH$2:AH$366,ROUNDDOWN($C7651/24,0)+1,1))-1)+IF('Standard Profiles'!$G$18=$B$10,7,0)+IF('Standard Profiles'!$G$18=$B$17,14,0)+IF('Standard Profiles'!$G$18=$B$24,21,0),0)),0)</f>
        <v>29.366244830568643</v>
      </c>
      <c r="E7651" cm="1">
        <f t="array" ref="E7651">IFERROR(INDEX(Jesper!AI$2:AI$366,ROUNDDOWN($C7651/24,0)+1,1)*INDEX($D$3:$AA$30,INDEX(Jesper!$R$2:$R$366,ROW(INDEX(Jesper!AI$2:AI$366,ROUNDDOWN($C7651/24,0)+1,1))-1)+IF('Standard Profiles'!$G$19=$B$10,7,0)+IF('Standard Profiles'!$G$19=$B$17,14,0)+IF('Standard Profiles'!$G$19=$B$24,21,0),MOD($C7651,24)+1)/SUM(INDEX($D$3:$AA$30,INDEX(Jesper!$R$2:$R$366,ROW(INDEX(Jesper!AI$2:AI$366,ROUNDDOWN($C7651/24,0)+1,1))-1)+IF('Standard Profiles'!$G$19=$B$10,7,0)+IF('Standard Profiles'!$G$19=$B$17,14,0)+IF('Standard Profiles'!$G$19=$B$24,21,0),0)),0)</f>
        <v>23.323728855554108</v>
      </c>
      <c r="F7651" cm="1">
        <f t="array" ref="F7651">IFERROR(INDEX(Jesper!AJ$2:AJ$366,ROUNDDOWN($C7651/24,0)+1,1)*INDEX($D$3:$AA$30,INDEX(Jesper!$R$2:$R$366,ROW(INDEX(Jesper!AJ$2:AJ$366,ROUNDDOWN($C7651/24,0)+1,1))-1)+IF('Standard Profiles'!$G$20=$B$10,7,0)+IF('Standard Profiles'!$G$20=$B$17,14,0)+IF('Standard Profiles'!$G$20=$B$24,21,0),MOD($C7651,24)+1)/SUM(INDEX($D$3:$AA$30,INDEX(Jesper!$R$2:$R$366,ROW(INDEX(Jesper!AJ$2:AJ$366,ROUNDDOWN($C7651/24,0)+1,1))-1)+IF('Standard Profiles'!$G$20=$B$10,7,0)+IF('Standard Profiles'!$G$20=$B$17,14,0)+IF('Standard Profiles'!$G$20=$B$24,21,0),0)),0)</f>
        <v>0</v>
      </c>
      <c r="G7651" cm="1">
        <f t="array" ref="G7651">IFERROR(INDEX(Jesper!AK$2:AK$366,ROUNDDOWN($C7651/24,0)+1,1)*INDEX($D$3:$AA$30,INDEX(Jesper!$R$2:$R$366,ROW(INDEX(Jesper!AK$2:AK$366,ROUNDDOWN($C7651/24,0)+1,1))-1)+IF('Standard Profiles'!$G$21=$B$10,7,0)+IF('Standard Profiles'!$G$21=$B$17,14,0)+IF('Standard Profiles'!$G$21=$B$24,21,0),MOD($C7651,24)+1)/SUM(INDEX($D$3:$AA$30,INDEX(Jesper!$R$2:$R$366,ROW(INDEX(Jesper!AK$2:AK$366,ROUNDDOWN($C7651/24,0)+1,1))-1)+IF('Standard Profiles'!$G$21=$B$10,7,0)+IF('Standard Profiles'!$G$21=$B$17,14,0)+IF('Standard Profiles'!$G$21=$B$24,21,0),0)),0)</f>
        <v>7.6291067659418168</v>
      </c>
      <c r="H7651" cm="1">
        <f t="array" ref="H7651">IFERROR(INDEX(Jesper!AL$2:AL$366,ROUNDDOWN($C7651/24,0)+1,1)*INDEX($D$3:$AA$30,INDEX(Jesper!$R$2:$R$366,ROW(INDEX(Jesper!AL$2:AL$366,ROUNDDOWN($C7651/24,0)+1,1))-1)+IF('Standard Profiles'!$G$22=$B$10,7,0)+IF('Standard Profiles'!$G$22=$B$17,14,0)+IF('Standard Profiles'!$G$22=$B$24,21,0),MOD($C7651,24)+1)/SUM(INDEX($D$3:$AA$30,INDEX(Jesper!$R$2:$R$366,ROW(INDEX(Jesper!AL$2:AL$366,ROUNDDOWN($C7651/24,0)+1,1))-1)+IF('Standard Profiles'!$G$22=$B$10,7,0)+IF('Standard Profiles'!$G$22=$B$17,14,0)+IF('Standard Profiles'!$G$22=$B$24,21,0),0)),0)</f>
        <v>0</v>
      </c>
      <c r="I7651">
        <f t="shared" ref="I7651:I7714" si="853">IF($B7651&lt;6,AC$37*$D7651+AC$38*$E7651+AC$39*$F7651+AC$40*$G7651,AC$46*$D7651+AC$47*$E7651+AC$48*$F7651+AC$49*$G7651+AC$50*$H7651)</f>
        <v>3.6619712476520703</v>
      </c>
      <c r="J7651">
        <f t="shared" ref="J7651:J7714" si="854">IF($B7651&lt;6,AD$37*$D7651+AD$38*$E7651+AD$39*$F7651+AD$40*$G7651,AD$46*$D7651+AD$47*$E7651+AD$48*$F7651+AD$49*$G7651+AD$50*$H7651)</f>
        <v>51.958510031521513</v>
      </c>
      <c r="K7651">
        <f t="shared" ref="K7651:K7714" si="855">IF($B7651&lt;6,AE$37*$D7651+AE$38*$E7651+AE$39*$F7651+AE$40*$G7651,AE$46*$D7651+AE$47*$E7651+AE$48*$F7651+AE$49*$G7651+AE$50*$H7651)</f>
        <v>3.132399448593989</v>
      </c>
      <c r="L7651">
        <f t="shared" ref="L7651:L7714" si="856">IF($B7651&lt;6,AF$37*$D7651+AF$38*$E7651+AF$39*$F7651+AF$40*$G7651,AF$46*$D7651+AF$47*$E7651+AF$48*$F7651+AF$49*$G7651+AF$50*$H7651)</f>
        <v>1.5661997242969945</v>
      </c>
      <c r="M7651">
        <f t="shared" ref="M7651:M7714" si="857">IF($B7651&lt;6,AG$37*$D7651+AG$38*$E7651+AG$39*$F7651+AG$40*$G7651,AG$46*$D7651+AG$47*$E7651+AG$48*$F7651+AG$49*$G7651+AG$50*$H7651)</f>
        <v>0</v>
      </c>
      <c r="N7651" s="45">
        <f t="shared" si="851"/>
        <v>45244.374999981526</v>
      </c>
    </row>
    <row r="7652" spans="2:14" x14ac:dyDescent="0.25">
      <c r="B7652">
        <f t="shared" si="852"/>
        <v>2</v>
      </c>
      <c r="C7652" s="16">
        <v>7618</v>
      </c>
      <c r="D7652" cm="1">
        <f t="array" ref="D7652">IFERROR(INDEX(Jesper!AH$2:AH$366,ROUNDDOWN($C7652/24,0)+1,1)*INDEX($D$3:$AA$30,INDEX(Jesper!$R$2:$R$366,ROW(INDEX(Jesper!AH$2:AH$366,ROUNDDOWN($C7652/24,0)+1,1))-1)+IF('Standard Profiles'!$G$18=$B$10,7,0)+IF('Standard Profiles'!$G$18=$B$17,14,0)+IF('Standard Profiles'!$G$18=$B$24,21,0),MOD($C7652,24)+1)/SUM(INDEX($D$3:$AA$30,INDEX(Jesper!$R$2:$R$366,ROW(INDEX(Jesper!AH$2:AH$366,ROUNDDOWN($C7652/24,0)+1,1))-1)+IF('Standard Profiles'!$G$18=$B$10,7,0)+IF('Standard Profiles'!$G$18=$B$17,14,0)+IF('Standard Profiles'!$G$18=$B$24,21,0),0)),0)</f>
        <v>29.366244830568643</v>
      </c>
      <c r="E7652" cm="1">
        <f t="array" ref="E7652">IFERROR(INDEX(Jesper!AI$2:AI$366,ROUNDDOWN($C7652/24,0)+1,1)*INDEX($D$3:$AA$30,INDEX(Jesper!$R$2:$R$366,ROW(INDEX(Jesper!AI$2:AI$366,ROUNDDOWN($C7652/24,0)+1,1))-1)+IF('Standard Profiles'!$G$19=$B$10,7,0)+IF('Standard Profiles'!$G$19=$B$17,14,0)+IF('Standard Profiles'!$G$19=$B$24,21,0),MOD($C7652,24)+1)/SUM(INDEX($D$3:$AA$30,INDEX(Jesper!$R$2:$R$366,ROW(INDEX(Jesper!AI$2:AI$366,ROUNDDOWN($C7652/24,0)+1,1))-1)+IF('Standard Profiles'!$G$19=$B$10,7,0)+IF('Standard Profiles'!$G$19=$B$17,14,0)+IF('Standard Profiles'!$G$19=$B$24,21,0),0)),0)</f>
        <v>23.323728855554108</v>
      </c>
      <c r="F7652" cm="1">
        <f t="array" ref="F7652">IFERROR(INDEX(Jesper!AJ$2:AJ$366,ROUNDDOWN($C7652/24,0)+1,1)*INDEX($D$3:$AA$30,INDEX(Jesper!$R$2:$R$366,ROW(INDEX(Jesper!AJ$2:AJ$366,ROUNDDOWN($C7652/24,0)+1,1))-1)+IF('Standard Profiles'!$G$20=$B$10,7,0)+IF('Standard Profiles'!$G$20=$B$17,14,0)+IF('Standard Profiles'!$G$20=$B$24,21,0),MOD($C7652,24)+1)/SUM(INDEX($D$3:$AA$30,INDEX(Jesper!$R$2:$R$366,ROW(INDEX(Jesper!AJ$2:AJ$366,ROUNDDOWN($C7652/24,0)+1,1))-1)+IF('Standard Profiles'!$G$20=$B$10,7,0)+IF('Standard Profiles'!$G$20=$B$17,14,0)+IF('Standard Profiles'!$G$20=$B$24,21,0),0)),0)</f>
        <v>0</v>
      </c>
      <c r="G7652" cm="1">
        <f t="array" ref="G7652">IFERROR(INDEX(Jesper!AK$2:AK$366,ROUNDDOWN($C7652/24,0)+1,1)*INDEX($D$3:$AA$30,INDEX(Jesper!$R$2:$R$366,ROW(INDEX(Jesper!AK$2:AK$366,ROUNDDOWN($C7652/24,0)+1,1))-1)+IF('Standard Profiles'!$G$21=$B$10,7,0)+IF('Standard Profiles'!$G$21=$B$17,14,0)+IF('Standard Profiles'!$G$21=$B$24,21,0),MOD($C7652,24)+1)/SUM(INDEX($D$3:$AA$30,INDEX(Jesper!$R$2:$R$366,ROW(INDEX(Jesper!AK$2:AK$366,ROUNDDOWN($C7652/24,0)+1,1))-1)+IF('Standard Profiles'!$G$21=$B$10,7,0)+IF('Standard Profiles'!$G$21=$B$17,14,0)+IF('Standard Profiles'!$G$21=$B$24,21,0),0)),0)</f>
        <v>7.6291067659418168</v>
      </c>
      <c r="H7652" cm="1">
        <f t="array" ref="H7652">IFERROR(INDEX(Jesper!AL$2:AL$366,ROUNDDOWN($C7652/24,0)+1,1)*INDEX($D$3:$AA$30,INDEX(Jesper!$R$2:$R$366,ROW(INDEX(Jesper!AL$2:AL$366,ROUNDDOWN($C7652/24,0)+1,1))-1)+IF('Standard Profiles'!$G$22=$B$10,7,0)+IF('Standard Profiles'!$G$22=$B$17,14,0)+IF('Standard Profiles'!$G$22=$B$24,21,0),MOD($C7652,24)+1)/SUM(INDEX($D$3:$AA$30,INDEX(Jesper!$R$2:$R$366,ROW(INDEX(Jesper!AL$2:AL$366,ROUNDDOWN($C7652/24,0)+1,1))-1)+IF('Standard Profiles'!$G$22=$B$10,7,0)+IF('Standard Profiles'!$G$22=$B$17,14,0)+IF('Standard Profiles'!$G$22=$B$24,21,0),0)),0)</f>
        <v>0</v>
      </c>
      <c r="I7652">
        <f t="shared" si="853"/>
        <v>3.6619712476520703</v>
      </c>
      <c r="J7652">
        <f t="shared" si="854"/>
        <v>51.958510031521513</v>
      </c>
      <c r="K7652">
        <f t="shared" si="855"/>
        <v>3.132399448593989</v>
      </c>
      <c r="L7652">
        <f t="shared" si="856"/>
        <v>1.5661997242969945</v>
      </c>
      <c r="M7652">
        <f t="shared" si="857"/>
        <v>0</v>
      </c>
      <c r="N7652" s="45">
        <f t="shared" ref="N7652:N7715" si="858">N7651+1/24</f>
        <v>45244.416666648191</v>
      </c>
    </row>
    <row r="7653" spans="2:14" x14ac:dyDescent="0.25">
      <c r="B7653">
        <f t="shared" si="852"/>
        <v>2</v>
      </c>
      <c r="C7653" s="16">
        <v>7619</v>
      </c>
      <c r="D7653" cm="1">
        <f t="array" ref="D7653">IFERROR(INDEX(Jesper!AH$2:AH$366,ROUNDDOWN($C7653/24,0)+1,1)*INDEX($D$3:$AA$30,INDEX(Jesper!$R$2:$R$366,ROW(INDEX(Jesper!AH$2:AH$366,ROUNDDOWN($C7653/24,0)+1,1))-1)+IF('Standard Profiles'!$G$18=$B$10,7,0)+IF('Standard Profiles'!$G$18=$B$17,14,0)+IF('Standard Profiles'!$G$18=$B$24,21,0),MOD($C7653,24)+1)/SUM(INDEX($D$3:$AA$30,INDEX(Jesper!$R$2:$R$366,ROW(INDEX(Jesper!AH$2:AH$366,ROUNDDOWN($C7653/24,0)+1,1))-1)+IF('Standard Profiles'!$G$18=$B$10,7,0)+IF('Standard Profiles'!$G$18=$B$17,14,0)+IF('Standard Profiles'!$G$18=$B$24,21,0),0)),0)</f>
        <v>35.139096378458206</v>
      </c>
      <c r="E7653" cm="1">
        <f t="array" ref="E7653">IFERROR(INDEX(Jesper!AI$2:AI$366,ROUNDDOWN($C7653/24,0)+1,1)*INDEX($D$3:$AA$30,INDEX(Jesper!$R$2:$R$366,ROW(INDEX(Jesper!AI$2:AI$366,ROUNDDOWN($C7653/24,0)+1,1))-1)+IF('Standard Profiles'!$G$19=$B$10,7,0)+IF('Standard Profiles'!$G$19=$B$17,14,0)+IF('Standard Profiles'!$G$19=$B$24,21,0),MOD($C7653,24)+1)/SUM(INDEX($D$3:$AA$30,INDEX(Jesper!$R$2:$R$366,ROW(INDEX(Jesper!AI$2:AI$366,ROUNDDOWN($C7653/24,0)+1,1))-1)+IF('Standard Profiles'!$G$19=$B$10,7,0)+IF('Standard Profiles'!$G$19=$B$17,14,0)+IF('Standard Profiles'!$G$19=$B$24,21,0),0)),0)</f>
        <v>27.908735382714312</v>
      </c>
      <c r="F7653" cm="1">
        <f t="array" ref="F7653">IFERROR(INDEX(Jesper!AJ$2:AJ$366,ROUNDDOWN($C7653/24,0)+1,1)*INDEX($D$3:$AA$30,INDEX(Jesper!$R$2:$R$366,ROW(INDEX(Jesper!AJ$2:AJ$366,ROUNDDOWN($C7653/24,0)+1,1))-1)+IF('Standard Profiles'!$G$20=$B$10,7,0)+IF('Standard Profiles'!$G$20=$B$17,14,0)+IF('Standard Profiles'!$G$20=$B$24,21,0),MOD($C7653,24)+1)/SUM(INDEX($D$3:$AA$30,INDEX(Jesper!$R$2:$R$366,ROW(INDEX(Jesper!AJ$2:AJ$366,ROUNDDOWN($C7653/24,0)+1,1))-1)+IF('Standard Profiles'!$G$20=$B$10,7,0)+IF('Standard Profiles'!$G$20=$B$17,14,0)+IF('Standard Profiles'!$G$20=$B$24,21,0),0)),0)</f>
        <v>0</v>
      </c>
      <c r="G7653" cm="1">
        <f t="array" ref="G7653">IFERROR(INDEX(Jesper!AK$2:AK$366,ROUNDDOWN($C7653/24,0)+1,1)*INDEX($D$3:$AA$30,INDEX(Jesper!$R$2:$R$366,ROW(INDEX(Jesper!AK$2:AK$366,ROUNDDOWN($C7653/24,0)+1,1))-1)+IF('Standard Profiles'!$G$21=$B$10,7,0)+IF('Standard Profiles'!$G$21=$B$17,14,0)+IF('Standard Profiles'!$G$21=$B$24,21,0),MOD($C7653,24)+1)/SUM(INDEX($D$3:$AA$30,INDEX(Jesper!$R$2:$R$366,ROW(INDEX(Jesper!AK$2:AK$366,ROUNDDOWN($C7653/24,0)+1,1))-1)+IF('Standard Profiles'!$G$21=$B$10,7,0)+IF('Standard Profiles'!$G$21=$B$17,14,0)+IF('Standard Profiles'!$G$21=$B$24,21,0),0)),0)</f>
        <v>9.1288457028363617</v>
      </c>
      <c r="H7653" cm="1">
        <f t="array" ref="H7653">IFERROR(INDEX(Jesper!AL$2:AL$366,ROUNDDOWN($C7653/24,0)+1,1)*INDEX($D$3:$AA$30,INDEX(Jesper!$R$2:$R$366,ROW(INDEX(Jesper!AL$2:AL$366,ROUNDDOWN($C7653/24,0)+1,1))-1)+IF('Standard Profiles'!$G$22=$B$10,7,0)+IF('Standard Profiles'!$G$22=$B$17,14,0)+IF('Standard Profiles'!$G$22=$B$24,21,0),MOD($C7653,24)+1)/SUM(INDEX($D$3:$AA$30,INDEX(Jesper!$R$2:$R$366,ROW(INDEX(Jesper!AL$2:AL$366,ROUNDDOWN($C7653/24,0)+1,1))-1)+IF('Standard Profiles'!$G$22=$B$10,7,0)+IF('Standard Profiles'!$G$22=$B$17,14,0)+IF('Standard Profiles'!$G$22=$B$24,21,0),0)),0)</f>
        <v>0</v>
      </c>
      <c r="I7653">
        <f t="shared" si="853"/>
        <v>4.3818459373614518</v>
      </c>
      <c r="J7653">
        <f t="shared" si="854"/>
        <v>62.172576106094112</v>
      </c>
      <c r="K7653">
        <f t="shared" si="855"/>
        <v>3.7481702803688757</v>
      </c>
      <c r="L7653">
        <f t="shared" si="856"/>
        <v>1.8740851401844378</v>
      </c>
      <c r="M7653">
        <f t="shared" si="857"/>
        <v>0</v>
      </c>
      <c r="N7653" s="45">
        <f t="shared" si="858"/>
        <v>45244.458333314855</v>
      </c>
    </row>
    <row r="7654" spans="2:14" x14ac:dyDescent="0.25">
      <c r="B7654">
        <f t="shared" si="852"/>
        <v>2</v>
      </c>
      <c r="C7654" s="16">
        <v>7620</v>
      </c>
      <c r="D7654" cm="1">
        <f t="array" ref="D7654">IFERROR(INDEX(Jesper!AH$2:AH$366,ROUNDDOWN($C7654/24,0)+1,1)*INDEX($D$3:$AA$30,INDEX(Jesper!$R$2:$R$366,ROW(INDEX(Jesper!AH$2:AH$366,ROUNDDOWN($C7654/24,0)+1,1))-1)+IF('Standard Profiles'!$G$18=$B$10,7,0)+IF('Standard Profiles'!$G$18=$B$17,14,0)+IF('Standard Profiles'!$G$18=$B$24,21,0),MOD($C7654,24)+1)/SUM(INDEX($D$3:$AA$30,INDEX(Jesper!$R$2:$R$366,ROW(INDEX(Jesper!AH$2:AH$366,ROUNDDOWN($C7654/24,0)+1,1))-1)+IF('Standard Profiles'!$G$18=$B$10,7,0)+IF('Standard Profiles'!$G$18=$B$17,14,0)+IF('Standard Profiles'!$G$18=$B$24,21,0),0)),0)</f>
        <v>35.139096378458206</v>
      </c>
      <c r="E7654" cm="1">
        <f t="array" ref="E7654">IFERROR(INDEX(Jesper!AI$2:AI$366,ROUNDDOWN($C7654/24,0)+1,1)*INDEX($D$3:$AA$30,INDEX(Jesper!$R$2:$R$366,ROW(INDEX(Jesper!AI$2:AI$366,ROUNDDOWN($C7654/24,0)+1,1))-1)+IF('Standard Profiles'!$G$19=$B$10,7,0)+IF('Standard Profiles'!$G$19=$B$17,14,0)+IF('Standard Profiles'!$G$19=$B$24,21,0),MOD($C7654,24)+1)/SUM(INDEX($D$3:$AA$30,INDEX(Jesper!$R$2:$R$366,ROW(INDEX(Jesper!AI$2:AI$366,ROUNDDOWN($C7654/24,0)+1,1))-1)+IF('Standard Profiles'!$G$19=$B$10,7,0)+IF('Standard Profiles'!$G$19=$B$17,14,0)+IF('Standard Profiles'!$G$19=$B$24,21,0),0)),0)</f>
        <v>27.908735382714312</v>
      </c>
      <c r="F7654" cm="1">
        <f t="array" ref="F7654">IFERROR(INDEX(Jesper!AJ$2:AJ$366,ROUNDDOWN($C7654/24,0)+1,1)*INDEX($D$3:$AA$30,INDEX(Jesper!$R$2:$R$366,ROW(INDEX(Jesper!AJ$2:AJ$366,ROUNDDOWN($C7654/24,0)+1,1))-1)+IF('Standard Profiles'!$G$20=$B$10,7,0)+IF('Standard Profiles'!$G$20=$B$17,14,0)+IF('Standard Profiles'!$G$20=$B$24,21,0),MOD($C7654,24)+1)/SUM(INDEX($D$3:$AA$30,INDEX(Jesper!$R$2:$R$366,ROW(INDEX(Jesper!AJ$2:AJ$366,ROUNDDOWN($C7654/24,0)+1,1))-1)+IF('Standard Profiles'!$G$20=$B$10,7,0)+IF('Standard Profiles'!$G$20=$B$17,14,0)+IF('Standard Profiles'!$G$20=$B$24,21,0),0)),0)</f>
        <v>0</v>
      </c>
      <c r="G7654" cm="1">
        <f t="array" ref="G7654">IFERROR(INDEX(Jesper!AK$2:AK$366,ROUNDDOWN($C7654/24,0)+1,1)*INDEX($D$3:$AA$30,INDEX(Jesper!$R$2:$R$366,ROW(INDEX(Jesper!AK$2:AK$366,ROUNDDOWN($C7654/24,0)+1,1))-1)+IF('Standard Profiles'!$G$21=$B$10,7,0)+IF('Standard Profiles'!$G$21=$B$17,14,0)+IF('Standard Profiles'!$G$21=$B$24,21,0),MOD($C7654,24)+1)/SUM(INDEX($D$3:$AA$30,INDEX(Jesper!$R$2:$R$366,ROW(INDEX(Jesper!AK$2:AK$366,ROUNDDOWN($C7654/24,0)+1,1))-1)+IF('Standard Profiles'!$G$21=$B$10,7,0)+IF('Standard Profiles'!$G$21=$B$17,14,0)+IF('Standard Profiles'!$G$21=$B$24,21,0),0)),0)</f>
        <v>9.1288457028363617</v>
      </c>
      <c r="H7654" cm="1">
        <f t="array" ref="H7654">IFERROR(INDEX(Jesper!AL$2:AL$366,ROUNDDOWN($C7654/24,0)+1,1)*INDEX($D$3:$AA$30,INDEX(Jesper!$R$2:$R$366,ROW(INDEX(Jesper!AL$2:AL$366,ROUNDDOWN($C7654/24,0)+1,1))-1)+IF('Standard Profiles'!$G$22=$B$10,7,0)+IF('Standard Profiles'!$G$22=$B$17,14,0)+IF('Standard Profiles'!$G$22=$B$24,21,0),MOD($C7654,24)+1)/SUM(INDEX($D$3:$AA$30,INDEX(Jesper!$R$2:$R$366,ROW(INDEX(Jesper!AL$2:AL$366,ROUNDDOWN($C7654/24,0)+1,1))-1)+IF('Standard Profiles'!$G$22=$B$10,7,0)+IF('Standard Profiles'!$G$22=$B$17,14,0)+IF('Standard Profiles'!$G$22=$B$24,21,0),0)),0)</f>
        <v>0</v>
      </c>
      <c r="I7654">
        <f t="shared" si="853"/>
        <v>4.3818459373614518</v>
      </c>
      <c r="J7654">
        <f t="shared" si="854"/>
        <v>62.172576106094112</v>
      </c>
      <c r="K7654">
        <f t="shared" si="855"/>
        <v>3.7481702803688757</v>
      </c>
      <c r="L7654">
        <f t="shared" si="856"/>
        <v>1.8740851401844378</v>
      </c>
      <c r="M7654">
        <f t="shared" si="857"/>
        <v>0</v>
      </c>
      <c r="N7654" s="45">
        <f t="shared" si="858"/>
        <v>45244.499999981519</v>
      </c>
    </row>
    <row r="7655" spans="2:14" x14ac:dyDescent="0.25">
      <c r="B7655">
        <f t="shared" si="852"/>
        <v>2</v>
      </c>
      <c r="C7655" s="16">
        <v>7621</v>
      </c>
      <c r="D7655" cm="1">
        <f t="array" ref="D7655">IFERROR(INDEX(Jesper!AH$2:AH$366,ROUNDDOWN($C7655/24,0)+1,1)*INDEX($D$3:$AA$30,INDEX(Jesper!$R$2:$R$366,ROW(INDEX(Jesper!AH$2:AH$366,ROUNDDOWN($C7655/24,0)+1,1))-1)+IF('Standard Profiles'!$G$18=$B$10,7,0)+IF('Standard Profiles'!$G$18=$B$17,14,0)+IF('Standard Profiles'!$G$18=$B$24,21,0),MOD($C7655,24)+1)/SUM(INDEX($D$3:$AA$30,INDEX(Jesper!$R$2:$R$366,ROW(INDEX(Jesper!AH$2:AH$366,ROUNDDOWN($C7655/24,0)+1,1))-1)+IF('Standard Profiles'!$G$18=$B$10,7,0)+IF('Standard Profiles'!$G$18=$B$17,14,0)+IF('Standard Profiles'!$G$18=$B$24,21,0),0)),0)</f>
        <v>23.342399737118665</v>
      </c>
      <c r="E7655" cm="1">
        <f t="array" ref="E7655">IFERROR(INDEX(Jesper!AI$2:AI$366,ROUNDDOWN($C7655/24,0)+1,1)*INDEX($D$3:$AA$30,INDEX(Jesper!$R$2:$R$366,ROW(INDEX(Jesper!AI$2:AI$366,ROUNDDOWN($C7655/24,0)+1,1))-1)+IF('Standard Profiles'!$G$19=$B$10,7,0)+IF('Standard Profiles'!$G$19=$B$17,14,0)+IF('Standard Profiles'!$G$19=$B$24,21,0),MOD($C7655,24)+1)/SUM(INDEX($D$3:$AA$30,INDEX(Jesper!$R$2:$R$366,ROW(INDEX(Jesper!AI$2:AI$366,ROUNDDOWN($C7655/24,0)+1,1))-1)+IF('Standard Profiles'!$G$19=$B$10,7,0)+IF('Standard Profiles'!$G$19=$B$17,14,0)+IF('Standard Profiles'!$G$19=$B$24,21,0),0)),0)</f>
        <v>18.539374218517366</v>
      </c>
      <c r="F7655" cm="1">
        <f t="array" ref="F7655">IFERROR(INDEX(Jesper!AJ$2:AJ$366,ROUNDDOWN($C7655/24,0)+1,1)*INDEX($D$3:$AA$30,INDEX(Jesper!$R$2:$R$366,ROW(INDEX(Jesper!AJ$2:AJ$366,ROUNDDOWN($C7655/24,0)+1,1))-1)+IF('Standard Profiles'!$G$20=$B$10,7,0)+IF('Standard Profiles'!$G$20=$B$17,14,0)+IF('Standard Profiles'!$G$20=$B$24,21,0),MOD($C7655,24)+1)/SUM(INDEX($D$3:$AA$30,INDEX(Jesper!$R$2:$R$366,ROW(INDEX(Jesper!AJ$2:AJ$366,ROUNDDOWN($C7655/24,0)+1,1))-1)+IF('Standard Profiles'!$G$20=$B$10,7,0)+IF('Standard Profiles'!$G$20=$B$17,14,0)+IF('Standard Profiles'!$G$20=$B$24,21,0),0)),0)</f>
        <v>0</v>
      </c>
      <c r="G7655" cm="1">
        <f t="array" ref="G7655">IFERROR(INDEX(Jesper!AK$2:AK$366,ROUNDDOWN($C7655/24,0)+1,1)*INDEX($D$3:$AA$30,INDEX(Jesper!$R$2:$R$366,ROW(INDEX(Jesper!AK$2:AK$366,ROUNDDOWN($C7655/24,0)+1,1))-1)+IF('Standard Profiles'!$G$21=$B$10,7,0)+IF('Standard Profiles'!$G$21=$B$17,14,0)+IF('Standard Profiles'!$G$21=$B$24,21,0),MOD($C7655,24)+1)/SUM(INDEX($D$3:$AA$30,INDEX(Jesper!$R$2:$R$366,ROW(INDEX(Jesper!AK$2:AK$366,ROUNDDOWN($C7655/24,0)+1,1))-1)+IF('Standard Profiles'!$G$21=$B$10,7,0)+IF('Standard Profiles'!$G$21=$B$17,14,0)+IF('Standard Profiles'!$G$21=$B$24,21,0),0)),0)</f>
        <v>6.0641617883127248</v>
      </c>
      <c r="H7655" cm="1">
        <f t="array" ref="H7655">IFERROR(INDEX(Jesper!AL$2:AL$366,ROUNDDOWN($C7655/24,0)+1,1)*INDEX($D$3:$AA$30,INDEX(Jesper!$R$2:$R$366,ROW(INDEX(Jesper!AL$2:AL$366,ROUNDDOWN($C7655/24,0)+1,1))-1)+IF('Standard Profiles'!$G$22=$B$10,7,0)+IF('Standard Profiles'!$G$22=$B$17,14,0)+IF('Standard Profiles'!$G$22=$B$24,21,0),MOD($C7655,24)+1)/SUM(INDEX($D$3:$AA$30,INDEX(Jesper!$R$2:$R$366,ROW(INDEX(Jesper!AL$2:AL$366,ROUNDDOWN($C7655/24,0)+1,1))-1)+IF('Standard Profiles'!$G$22=$B$10,7,0)+IF('Standard Profiles'!$G$22=$B$17,14,0)+IF('Standard Profiles'!$G$22=$B$24,21,0),0)),0)</f>
        <v>0</v>
      </c>
      <c r="I7655">
        <f t="shared" si="853"/>
        <v>2.9107976583901065</v>
      </c>
      <c r="J7655">
        <f t="shared" si="854"/>
        <v>41.30035412761967</v>
      </c>
      <c r="K7655">
        <f t="shared" si="855"/>
        <v>2.4898559719593245</v>
      </c>
      <c r="L7655">
        <f t="shared" si="856"/>
        <v>1.2449279859796623</v>
      </c>
      <c r="M7655">
        <f t="shared" si="857"/>
        <v>0</v>
      </c>
      <c r="N7655" s="45">
        <f t="shared" si="858"/>
        <v>45244.541666648183</v>
      </c>
    </row>
    <row r="7656" spans="2:14" x14ac:dyDescent="0.25">
      <c r="B7656">
        <f t="shared" si="852"/>
        <v>2</v>
      </c>
      <c r="C7656" s="16">
        <v>7622</v>
      </c>
      <c r="D7656" cm="1">
        <f t="array" ref="D7656">IFERROR(INDEX(Jesper!AH$2:AH$366,ROUNDDOWN($C7656/24,0)+1,1)*INDEX($D$3:$AA$30,INDEX(Jesper!$R$2:$R$366,ROW(INDEX(Jesper!AH$2:AH$366,ROUNDDOWN($C7656/24,0)+1,1))-1)+IF('Standard Profiles'!$G$18=$B$10,7,0)+IF('Standard Profiles'!$G$18=$B$17,14,0)+IF('Standard Profiles'!$G$18=$B$24,21,0),MOD($C7656,24)+1)/SUM(INDEX($D$3:$AA$30,INDEX(Jesper!$R$2:$R$366,ROW(INDEX(Jesper!AH$2:AH$366,ROUNDDOWN($C7656/24,0)+1,1))-1)+IF('Standard Profiles'!$G$18=$B$10,7,0)+IF('Standard Profiles'!$G$18=$B$17,14,0)+IF('Standard Profiles'!$G$18=$B$24,21,0),0)),0)</f>
        <v>35.139096378458206</v>
      </c>
      <c r="E7656" cm="1">
        <f t="array" ref="E7656">IFERROR(INDEX(Jesper!AI$2:AI$366,ROUNDDOWN($C7656/24,0)+1,1)*INDEX($D$3:$AA$30,INDEX(Jesper!$R$2:$R$366,ROW(INDEX(Jesper!AI$2:AI$366,ROUNDDOWN($C7656/24,0)+1,1))-1)+IF('Standard Profiles'!$G$19=$B$10,7,0)+IF('Standard Profiles'!$G$19=$B$17,14,0)+IF('Standard Profiles'!$G$19=$B$24,21,0),MOD($C7656,24)+1)/SUM(INDEX($D$3:$AA$30,INDEX(Jesper!$R$2:$R$366,ROW(INDEX(Jesper!AI$2:AI$366,ROUNDDOWN($C7656/24,0)+1,1))-1)+IF('Standard Profiles'!$G$19=$B$10,7,0)+IF('Standard Profiles'!$G$19=$B$17,14,0)+IF('Standard Profiles'!$G$19=$B$24,21,0),0)),0)</f>
        <v>27.908735382714312</v>
      </c>
      <c r="F7656" cm="1">
        <f t="array" ref="F7656">IFERROR(INDEX(Jesper!AJ$2:AJ$366,ROUNDDOWN($C7656/24,0)+1,1)*INDEX($D$3:$AA$30,INDEX(Jesper!$R$2:$R$366,ROW(INDEX(Jesper!AJ$2:AJ$366,ROUNDDOWN($C7656/24,0)+1,1))-1)+IF('Standard Profiles'!$G$20=$B$10,7,0)+IF('Standard Profiles'!$G$20=$B$17,14,0)+IF('Standard Profiles'!$G$20=$B$24,21,0),MOD($C7656,24)+1)/SUM(INDEX($D$3:$AA$30,INDEX(Jesper!$R$2:$R$366,ROW(INDEX(Jesper!AJ$2:AJ$366,ROUNDDOWN($C7656/24,0)+1,1))-1)+IF('Standard Profiles'!$G$20=$B$10,7,0)+IF('Standard Profiles'!$G$20=$B$17,14,0)+IF('Standard Profiles'!$G$20=$B$24,21,0),0)),0)</f>
        <v>0</v>
      </c>
      <c r="G7656" cm="1">
        <f t="array" ref="G7656">IFERROR(INDEX(Jesper!AK$2:AK$366,ROUNDDOWN($C7656/24,0)+1,1)*INDEX($D$3:$AA$30,INDEX(Jesper!$R$2:$R$366,ROW(INDEX(Jesper!AK$2:AK$366,ROUNDDOWN($C7656/24,0)+1,1))-1)+IF('Standard Profiles'!$G$21=$B$10,7,0)+IF('Standard Profiles'!$G$21=$B$17,14,0)+IF('Standard Profiles'!$G$21=$B$24,21,0),MOD($C7656,24)+1)/SUM(INDEX($D$3:$AA$30,INDEX(Jesper!$R$2:$R$366,ROW(INDEX(Jesper!AK$2:AK$366,ROUNDDOWN($C7656/24,0)+1,1))-1)+IF('Standard Profiles'!$G$21=$B$10,7,0)+IF('Standard Profiles'!$G$21=$B$17,14,0)+IF('Standard Profiles'!$G$21=$B$24,21,0),0)),0)</f>
        <v>9.1288457028363617</v>
      </c>
      <c r="H7656" cm="1">
        <f t="array" ref="H7656">IFERROR(INDEX(Jesper!AL$2:AL$366,ROUNDDOWN($C7656/24,0)+1,1)*INDEX($D$3:$AA$30,INDEX(Jesper!$R$2:$R$366,ROW(INDEX(Jesper!AL$2:AL$366,ROUNDDOWN($C7656/24,0)+1,1))-1)+IF('Standard Profiles'!$G$22=$B$10,7,0)+IF('Standard Profiles'!$G$22=$B$17,14,0)+IF('Standard Profiles'!$G$22=$B$24,21,0),MOD($C7656,24)+1)/SUM(INDEX($D$3:$AA$30,INDEX(Jesper!$R$2:$R$366,ROW(INDEX(Jesper!AL$2:AL$366,ROUNDDOWN($C7656/24,0)+1,1))-1)+IF('Standard Profiles'!$G$22=$B$10,7,0)+IF('Standard Profiles'!$G$22=$B$17,14,0)+IF('Standard Profiles'!$G$22=$B$24,21,0),0)),0)</f>
        <v>0</v>
      </c>
      <c r="I7656">
        <f t="shared" si="853"/>
        <v>4.3818459373614518</v>
      </c>
      <c r="J7656">
        <f t="shared" si="854"/>
        <v>62.172576106094112</v>
      </c>
      <c r="K7656">
        <f t="shared" si="855"/>
        <v>3.7481702803688757</v>
      </c>
      <c r="L7656">
        <f t="shared" si="856"/>
        <v>1.8740851401844378</v>
      </c>
      <c r="M7656">
        <f t="shared" si="857"/>
        <v>0</v>
      </c>
      <c r="N7656" s="45">
        <f t="shared" si="858"/>
        <v>45244.583333314848</v>
      </c>
    </row>
    <row r="7657" spans="2:14" x14ac:dyDescent="0.25">
      <c r="B7657">
        <f t="shared" si="852"/>
        <v>2</v>
      </c>
      <c r="C7657" s="16">
        <v>7623</v>
      </c>
      <c r="D7657" cm="1">
        <f t="array" ref="D7657">IFERROR(INDEX(Jesper!AH$2:AH$366,ROUNDDOWN($C7657/24,0)+1,1)*INDEX($D$3:$AA$30,INDEX(Jesper!$R$2:$R$366,ROW(INDEX(Jesper!AH$2:AH$366,ROUNDDOWN($C7657/24,0)+1,1))-1)+IF('Standard Profiles'!$G$18=$B$10,7,0)+IF('Standard Profiles'!$G$18=$B$17,14,0)+IF('Standard Profiles'!$G$18=$B$24,21,0),MOD($C7657,24)+1)/SUM(INDEX($D$3:$AA$30,INDEX(Jesper!$R$2:$R$366,ROW(INDEX(Jesper!AH$2:AH$366,ROUNDDOWN($C7657/24,0)+1,1))-1)+IF('Standard Profiles'!$G$18=$B$10,7,0)+IF('Standard Profiles'!$G$18=$B$17,14,0)+IF('Standard Profiles'!$G$18=$B$24,21,0),0)),0)</f>
        <v>35.139096378458206</v>
      </c>
      <c r="E7657" cm="1">
        <f t="array" ref="E7657">IFERROR(INDEX(Jesper!AI$2:AI$366,ROUNDDOWN($C7657/24,0)+1,1)*INDEX($D$3:$AA$30,INDEX(Jesper!$R$2:$R$366,ROW(INDEX(Jesper!AI$2:AI$366,ROUNDDOWN($C7657/24,0)+1,1))-1)+IF('Standard Profiles'!$G$19=$B$10,7,0)+IF('Standard Profiles'!$G$19=$B$17,14,0)+IF('Standard Profiles'!$G$19=$B$24,21,0),MOD($C7657,24)+1)/SUM(INDEX($D$3:$AA$30,INDEX(Jesper!$R$2:$R$366,ROW(INDEX(Jesper!AI$2:AI$366,ROUNDDOWN($C7657/24,0)+1,1))-1)+IF('Standard Profiles'!$G$19=$B$10,7,0)+IF('Standard Profiles'!$G$19=$B$17,14,0)+IF('Standard Profiles'!$G$19=$B$24,21,0),0)),0)</f>
        <v>27.908735382714312</v>
      </c>
      <c r="F7657" cm="1">
        <f t="array" ref="F7657">IFERROR(INDEX(Jesper!AJ$2:AJ$366,ROUNDDOWN($C7657/24,0)+1,1)*INDEX($D$3:$AA$30,INDEX(Jesper!$R$2:$R$366,ROW(INDEX(Jesper!AJ$2:AJ$366,ROUNDDOWN($C7657/24,0)+1,1))-1)+IF('Standard Profiles'!$G$20=$B$10,7,0)+IF('Standard Profiles'!$G$20=$B$17,14,0)+IF('Standard Profiles'!$G$20=$B$24,21,0),MOD($C7657,24)+1)/SUM(INDEX($D$3:$AA$30,INDEX(Jesper!$R$2:$R$366,ROW(INDEX(Jesper!AJ$2:AJ$366,ROUNDDOWN($C7657/24,0)+1,1))-1)+IF('Standard Profiles'!$G$20=$B$10,7,0)+IF('Standard Profiles'!$G$20=$B$17,14,0)+IF('Standard Profiles'!$G$20=$B$24,21,0),0)),0)</f>
        <v>0</v>
      </c>
      <c r="G7657" cm="1">
        <f t="array" ref="G7657">IFERROR(INDEX(Jesper!AK$2:AK$366,ROUNDDOWN($C7657/24,0)+1,1)*INDEX($D$3:$AA$30,INDEX(Jesper!$R$2:$R$366,ROW(INDEX(Jesper!AK$2:AK$366,ROUNDDOWN($C7657/24,0)+1,1))-1)+IF('Standard Profiles'!$G$21=$B$10,7,0)+IF('Standard Profiles'!$G$21=$B$17,14,0)+IF('Standard Profiles'!$G$21=$B$24,21,0),MOD($C7657,24)+1)/SUM(INDEX($D$3:$AA$30,INDEX(Jesper!$R$2:$R$366,ROW(INDEX(Jesper!AK$2:AK$366,ROUNDDOWN($C7657/24,0)+1,1))-1)+IF('Standard Profiles'!$G$21=$B$10,7,0)+IF('Standard Profiles'!$G$21=$B$17,14,0)+IF('Standard Profiles'!$G$21=$B$24,21,0),0)),0)</f>
        <v>9.1288457028363617</v>
      </c>
      <c r="H7657" cm="1">
        <f t="array" ref="H7657">IFERROR(INDEX(Jesper!AL$2:AL$366,ROUNDDOWN($C7657/24,0)+1,1)*INDEX($D$3:$AA$30,INDEX(Jesper!$R$2:$R$366,ROW(INDEX(Jesper!AL$2:AL$366,ROUNDDOWN($C7657/24,0)+1,1))-1)+IF('Standard Profiles'!$G$22=$B$10,7,0)+IF('Standard Profiles'!$G$22=$B$17,14,0)+IF('Standard Profiles'!$G$22=$B$24,21,0),MOD($C7657,24)+1)/SUM(INDEX($D$3:$AA$30,INDEX(Jesper!$R$2:$R$366,ROW(INDEX(Jesper!AL$2:AL$366,ROUNDDOWN($C7657/24,0)+1,1))-1)+IF('Standard Profiles'!$G$22=$B$10,7,0)+IF('Standard Profiles'!$G$22=$B$17,14,0)+IF('Standard Profiles'!$G$22=$B$24,21,0),0)),0)</f>
        <v>0</v>
      </c>
      <c r="I7657">
        <f t="shared" si="853"/>
        <v>4.3818459373614518</v>
      </c>
      <c r="J7657">
        <f t="shared" si="854"/>
        <v>62.172576106094112</v>
      </c>
      <c r="K7657">
        <f t="shared" si="855"/>
        <v>3.7481702803688757</v>
      </c>
      <c r="L7657">
        <f t="shared" si="856"/>
        <v>1.8740851401844378</v>
      </c>
      <c r="M7657">
        <f t="shared" si="857"/>
        <v>0</v>
      </c>
      <c r="N7657" s="45">
        <f t="shared" si="858"/>
        <v>45244.624999981512</v>
      </c>
    </row>
    <row r="7658" spans="2:14" x14ac:dyDescent="0.25">
      <c r="B7658">
        <f t="shared" si="852"/>
        <v>2</v>
      </c>
      <c r="C7658" s="16">
        <v>7624</v>
      </c>
      <c r="D7658" cm="1">
        <f t="array" ref="D7658">IFERROR(INDEX(Jesper!AH$2:AH$366,ROUNDDOWN($C7658/24,0)+1,1)*INDEX($D$3:$AA$30,INDEX(Jesper!$R$2:$R$366,ROW(INDEX(Jesper!AH$2:AH$366,ROUNDDOWN($C7658/24,0)+1,1))-1)+IF('Standard Profiles'!$G$18=$B$10,7,0)+IF('Standard Profiles'!$G$18=$B$17,14,0)+IF('Standard Profiles'!$G$18=$B$24,21,0),MOD($C7658,24)+1)/SUM(INDEX($D$3:$AA$30,INDEX(Jesper!$R$2:$R$366,ROW(INDEX(Jesper!AH$2:AH$366,ROUNDDOWN($C7658/24,0)+1,1))-1)+IF('Standard Profiles'!$G$18=$B$10,7,0)+IF('Standard Profiles'!$G$18=$B$17,14,0)+IF('Standard Profiles'!$G$18=$B$24,21,0),0)),0)</f>
        <v>20.706967508734298</v>
      </c>
      <c r="E7658" cm="1">
        <f t="array" ref="E7658">IFERROR(INDEX(Jesper!AI$2:AI$366,ROUNDDOWN($C7658/24,0)+1,1)*INDEX($D$3:$AA$30,INDEX(Jesper!$R$2:$R$366,ROW(INDEX(Jesper!AI$2:AI$366,ROUNDDOWN($C7658/24,0)+1,1))-1)+IF('Standard Profiles'!$G$19=$B$10,7,0)+IF('Standard Profiles'!$G$19=$B$17,14,0)+IF('Standard Profiles'!$G$19=$B$24,21,0),MOD($C7658,24)+1)/SUM(INDEX($D$3:$AA$30,INDEX(Jesper!$R$2:$R$366,ROW(INDEX(Jesper!AI$2:AI$366,ROUNDDOWN($C7658/24,0)+1,1))-1)+IF('Standard Profiles'!$G$19=$B$10,7,0)+IF('Standard Profiles'!$G$19=$B$17,14,0)+IF('Standard Profiles'!$G$19=$B$24,21,0),0)),0)</f>
        <v>16.446219064813793</v>
      </c>
      <c r="F7658" cm="1">
        <f t="array" ref="F7658">IFERROR(INDEX(Jesper!AJ$2:AJ$366,ROUNDDOWN($C7658/24,0)+1,1)*INDEX($D$3:$AA$30,INDEX(Jesper!$R$2:$R$366,ROW(INDEX(Jesper!AJ$2:AJ$366,ROUNDDOWN($C7658/24,0)+1,1))-1)+IF('Standard Profiles'!$G$20=$B$10,7,0)+IF('Standard Profiles'!$G$20=$B$17,14,0)+IF('Standard Profiles'!$G$20=$B$24,21,0),MOD($C7658,24)+1)/SUM(INDEX($D$3:$AA$30,INDEX(Jesper!$R$2:$R$366,ROW(INDEX(Jesper!AJ$2:AJ$366,ROUNDDOWN($C7658/24,0)+1,1))-1)+IF('Standard Profiles'!$G$20=$B$10,7,0)+IF('Standard Profiles'!$G$20=$B$17,14,0)+IF('Standard Profiles'!$G$20=$B$24,21,0),0)),0)</f>
        <v>0</v>
      </c>
      <c r="G7658" cm="1">
        <f t="array" ref="G7658">IFERROR(INDEX(Jesper!AK$2:AK$366,ROUNDDOWN($C7658/24,0)+1,1)*INDEX($D$3:$AA$30,INDEX(Jesper!$R$2:$R$366,ROW(INDEX(Jesper!AK$2:AK$366,ROUNDDOWN($C7658/24,0)+1,1))-1)+IF('Standard Profiles'!$G$21=$B$10,7,0)+IF('Standard Profiles'!$G$21=$B$17,14,0)+IF('Standard Profiles'!$G$21=$B$24,21,0),MOD($C7658,24)+1)/SUM(INDEX($D$3:$AA$30,INDEX(Jesper!$R$2:$R$366,ROW(INDEX(Jesper!AK$2:AK$366,ROUNDDOWN($C7658/24,0)+1,1))-1)+IF('Standard Profiles'!$G$21=$B$10,7,0)+IF('Standard Profiles'!$G$21=$B$17,14,0)+IF('Standard Profiles'!$G$21=$B$24,21,0),0)),0)</f>
        <v>7.6304941285106356</v>
      </c>
      <c r="H7658" cm="1">
        <f t="array" ref="H7658">IFERROR(INDEX(Jesper!AL$2:AL$366,ROUNDDOWN($C7658/24,0)+1,1)*INDEX($D$3:$AA$30,INDEX(Jesper!$R$2:$R$366,ROW(INDEX(Jesper!AL$2:AL$366,ROUNDDOWN($C7658/24,0)+1,1))-1)+IF('Standard Profiles'!$G$22=$B$10,7,0)+IF('Standard Profiles'!$G$22=$B$17,14,0)+IF('Standard Profiles'!$G$22=$B$24,21,0),MOD($C7658,24)+1)/SUM(INDEX($D$3:$AA$30,INDEX(Jesper!$R$2:$R$366,ROW(INDEX(Jesper!AL$2:AL$366,ROUNDDOWN($C7658/24,0)+1,1))-1)+IF('Standard Profiles'!$G$22=$B$10,7,0)+IF('Standard Profiles'!$G$22=$B$17,14,0)+IF('Standard Profiles'!$G$22=$B$24,21,0),0)),0)</f>
        <v>0</v>
      </c>
      <c r="I7658">
        <f t="shared" si="853"/>
        <v>3.6626371816851031</v>
      </c>
      <c r="J7658">
        <f t="shared" si="854"/>
        <v>37.807928718976136</v>
      </c>
      <c r="K7658">
        <f t="shared" si="855"/>
        <v>2.2087432009316585</v>
      </c>
      <c r="L7658">
        <f t="shared" si="856"/>
        <v>1.1043716004658293</v>
      </c>
      <c r="M7658">
        <f t="shared" si="857"/>
        <v>0</v>
      </c>
      <c r="N7658" s="45">
        <f t="shared" si="858"/>
        <v>45244.666666648176</v>
      </c>
    </row>
    <row r="7659" spans="2:14" x14ac:dyDescent="0.25">
      <c r="B7659">
        <f t="shared" si="852"/>
        <v>2</v>
      </c>
      <c r="C7659" s="16">
        <v>7625</v>
      </c>
      <c r="D7659" cm="1">
        <f t="array" ref="D7659">IFERROR(INDEX(Jesper!AH$2:AH$366,ROUNDDOWN($C7659/24,0)+1,1)*INDEX($D$3:$AA$30,INDEX(Jesper!$R$2:$R$366,ROW(INDEX(Jesper!AH$2:AH$366,ROUNDDOWN($C7659/24,0)+1,1))-1)+IF('Standard Profiles'!$G$18=$B$10,7,0)+IF('Standard Profiles'!$G$18=$B$17,14,0)+IF('Standard Profiles'!$G$18=$B$24,21,0),MOD($C7659,24)+1)/SUM(INDEX($D$3:$AA$30,INDEX(Jesper!$R$2:$R$366,ROW(INDEX(Jesper!AH$2:AH$366,ROUNDDOWN($C7659/24,0)+1,1))-1)+IF('Standard Profiles'!$G$18=$B$10,7,0)+IF('Standard Profiles'!$G$18=$B$17,14,0)+IF('Standard Profiles'!$G$18=$B$24,21,0),0)),0)</f>
        <v>8.8378009000146402</v>
      </c>
      <c r="E7659" cm="1">
        <f t="array" ref="E7659">IFERROR(INDEX(Jesper!AI$2:AI$366,ROUNDDOWN($C7659/24,0)+1,1)*INDEX($D$3:$AA$30,INDEX(Jesper!$R$2:$R$366,ROW(INDEX(Jesper!AI$2:AI$366,ROUNDDOWN($C7659/24,0)+1,1))-1)+IF('Standard Profiles'!$G$19=$B$10,7,0)+IF('Standard Profiles'!$G$19=$B$17,14,0)+IF('Standard Profiles'!$G$19=$B$24,21,0),MOD($C7659,24)+1)/SUM(INDEX($D$3:$AA$30,INDEX(Jesper!$R$2:$R$366,ROW(INDEX(Jesper!AI$2:AI$366,ROUNDDOWN($C7659/24,0)+1,1))-1)+IF('Standard Profiles'!$G$19=$B$10,7,0)+IF('Standard Profiles'!$G$19=$B$17,14,0)+IF('Standard Profiles'!$G$19=$B$24,21,0),0)),0)</f>
        <v>7.0192996435398181</v>
      </c>
      <c r="F7659" cm="1">
        <f t="array" ref="F7659">IFERROR(INDEX(Jesper!AJ$2:AJ$366,ROUNDDOWN($C7659/24,0)+1,1)*INDEX($D$3:$AA$30,INDEX(Jesper!$R$2:$R$366,ROW(INDEX(Jesper!AJ$2:AJ$366,ROUNDDOWN($C7659/24,0)+1,1))-1)+IF('Standard Profiles'!$G$20=$B$10,7,0)+IF('Standard Profiles'!$G$20=$B$17,14,0)+IF('Standard Profiles'!$G$20=$B$24,21,0),MOD($C7659,24)+1)/SUM(INDEX($D$3:$AA$30,INDEX(Jesper!$R$2:$R$366,ROW(INDEX(Jesper!AJ$2:AJ$366,ROUNDDOWN($C7659/24,0)+1,1))-1)+IF('Standard Profiles'!$G$20=$B$10,7,0)+IF('Standard Profiles'!$G$20=$B$17,14,0)+IF('Standard Profiles'!$G$20=$B$24,21,0),0)),0)</f>
        <v>0</v>
      </c>
      <c r="G7659" cm="1">
        <f t="array" ref="G7659">IFERROR(INDEX(Jesper!AK$2:AK$366,ROUNDDOWN($C7659/24,0)+1,1)*INDEX($D$3:$AA$30,INDEX(Jesper!$R$2:$R$366,ROW(INDEX(Jesper!AK$2:AK$366,ROUNDDOWN($C7659/24,0)+1,1))-1)+IF('Standard Profiles'!$G$21=$B$10,7,0)+IF('Standard Profiles'!$G$21=$B$17,14,0)+IF('Standard Profiles'!$G$21=$B$24,21,0),MOD($C7659,24)+1)/SUM(INDEX($D$3:$AA$30,INDEX(Jesper!$R$2:$R$366,ROW(INDEX(Jesper!AK$2:AK$366,ROUNDDOWN($C7659/24,0)+1,1))-1)+IF('Standard Profiles'!$G$21=$B$10,7,0)+IF('Standard Profiles'!$G$21=$B$17,14,0)+IF('Standard Profiles'!$G$21=$B$24,21,0),0)),0)</f>
        <v>6.0627744257439051</v>
      </c>
      <c r="H7659" cm="1">
        <f t="array" ref="H7659">IFERROR(INDEX(Jesper!AL$2:AL$366,ROUNDDOWN($C7659/24,0)+1,1)*INDEX($D$3:$AA$30,INDEX(Jesper!$R$2:$R$366,ROW(INDEX(Jesper!AL$2:AL$366,ROUNDDOWN($C7659/24,0)+1,1))-1)+IF('Standard Profiles'!$G$22=$B$10,7,0)+IF('Standard Profiles'!$G$22=$B$17,14,0)+IF('Standard Profiles'!$G$22=$B$24,21,0),MOD($C7659,24)+1)/SUM(INDEX($D$3:$AA$30,INDEX(Jesper!$R$2:$R$366,ROW(INDEX(Jesper!AL$2:AL$366,ROUNDDOWN($C7659/24,0)+1,1))-1)+IF('Standard Profiles'!$G$22=$B$10,7,0)+IF('Standard Profiles'!$G$22=$B$17,14,0)+IF('Standard Profiles'!$G$22=$B$24,21,0),0)),0)</f>
        <v>0</v>
      </c>
      <c r="I7659">
        <f t="shared" si="853"/>
        <v>2.9101317243570728</v>
      </c>
      <c r="J7659">
        <f t="shared" si="854"/>
        <v>17.595695100938947</v>
      </c>
      <c r="K7659">
        <f t="shared" si="855"/>
        <v>0.94269876266822838</v>
      </c>
      <c r="L7659">
        <f t="shared" si="856"/>
        <v>0.47134938133411419</v>
      </c>
      <c r="M7659">
        <f t="shared" si="857"/>
        <v>0</v>
      </c>
      <c r="N7659" s="45">
        <f t="shared" si="858"/>
        <v>45244.70833331484</v>
      </c>
    </row>
    <row r="7660" spans="2:14" x14ac:dyDescent="0.25">
      <c r="B7660">
        <f t="shared" si="852"/>
        <v>2</v>
      </c>
      <c r="C7660" s="16">
        <v>7626</v>
      </c>
      <c r="D7660" cm="1">
        <f t="array" ref="D7660">IFERROR(INDEX(Jesper!AH$2:AH$366,ROUNDDOWN($C7660/24,0)+1,1)*INDEX($D$3:$AA$30,INDEX(Jesper!$R$2:$R$366,ROW(INDEX(Jesper!AH$2:AH$366,ROUNDDOWN($C7660/24,0)+1,1))-1)+IF('Standard Profiles'!$G$18=$B$10,7,0)+IF('Standard Profiles'!$G$18=$B$17,14,0)+IF('Standard Profiles'!$G$18=$B$24,21,0),MOD($C7660,24)+1)/SUM(INDEX($D$3:$AA$30,INDEX(Jesper!$R$2:$R$366,ROW(INDEX(Jesper!AH$2:AH$366,ROUNDDOWN($C7660/24,0)+1,1))-1)+IF('Standard Profiles'!$G$18=$B$10,7,0)+IF('Standard Profiles'!$G$18=$B$17,14,0)+IF('Standard Profiles'!$G$18=$B$24,21,0),0)),0)</f>
        <v>5.8329485940096628</v>
      </c>
      <c r="E7660" cm="1">
        <f t="array" ref="E7660">IFERROR(INDEX(Jesper!AI$2:AI$366,ROUNDDOWN($C7660/24,0)+1,1)*INDEX($D$3:$AA$30,INDEX(Jesper!$R$2:$R$366,ROW(INDEX(Jesper!AI$2:AI$366,ROUNDDOWN($C7660/24,0)+1,1))-1)+IF('Standard Profiles'!$G$19=$B$10,7,0)+IF('Standard Profiles'!$G$19=$B$17,14,0)+IF('Standard Profiles'!$G$19=$B$24,21,0),MOD($C7660,24)+1)/SUM(INDEX($D$3:$AA$30,INDEX(Jesper!$R$2:$R$366,ROW(INDEX(Jesper!AI$2:AI$366,ROUNDDOWN($C7660/24,0)+1,1))-1)+IF('Standard Profiles'!$G$19=$B$10,7,0)+IF('Standard Profiles'!$G$19=$B$17,14,0)+IF('Standard Profiles'!$G$19=$B$24,21,0),0)),0)</f>
        <v>4.6327377647362793</v>
      </c>
      <c r="F7660" cm="1">
        <f t="array" ref="F7660">IFERROR(INDEX(Jesper!AJ$2:AJ$366,ROUNDDOWN($C7660/24,0)+1,1)*INDEX($D$3:$AA$30,INDEX(Jesper!$R$2:$R$366,ROW(INDEX(Jesper!AJ$2:AJ$366,ROUNDDOWN($C7660/24,0)+1,1))-1)+IF('Standard Profiles'!$G$20=$B$10,7,0)+IF('Standard Profiles'!$G$20=$B$17,14,0)+IF('Standard Profiles'!$G$20=$B$24,21,0),MOD($C7660,24)+1)/SUM(INDEX($D$3:$AA$30,INDEX(Jesper!$R$2:$R$366,ROW(INDEX(Jesper!AJ$2:AJ$366,ROUNDDOWN($C7660/24,0)+1,1))-1)+IF('Standard Profiles'!$G$20=$B$10,7,0)+IF('Standard Profiles'!$G$20=$B$17,14,0)+IF('Standard Profiles'!$G$20=$B$24,21,0),0)),0)</f>
        <v>0</v>
      </c>
      <c r="G7660" cm="1">
        <f t="array" ref="G7660">IFERROR(INDEX(Jesper!AK$2:AK$366,ROUNDDOWN($C7660/24,0)+1,1)*INDEX($D$3:$AA$30,INDEX(Jesper!$R$2:$R$366,ROW(INDEX(Jesper!AK$2:AK$366,ROUNDDOWN($C7660/24,0)+1,1))-1)+IF('Standard Profiles'!$G$21=$B$10,7,0)+IF('Standard Profiles'!$G$21=$B$17,14,0)+IF('Standard Profiles'!$G$21=$B$24,21,0),MOD($C7660,24)+1)/SUM(INDEX($D$3:$AA$30,INDEX(Jesper!$R$2:$R$366,ROW(INDEX(Jesper!AK$2:AK$366,ROUNDDOWN($C7660/24,0)+1,1))-1)+IF('Standard Profiles'!$G$21=$B$10,7,0)+IF('Standard Profiles'!$G$21=$B$17,14,0)+IF('Standard Profiles'!$G$21=$B$24,21,0),0)),0)</f>
        <v>2.1504119816711795</v>
      </c>
      <c r="H7660" cm="1">
        <f t="array" ref="H7660">IFERROR(INDEX(Jesper!AL$2:AL$366,ROUNDDOWN($C7660/24,0)+1,1)*INDEX($D$3:$AA$30,INDEX(Jesper!$R$2:$R$366,ROW(INDEX(Jesper!AL$2:AL$366,ROUNDDOWN($C7660/24,0)+1,1))-1)+IF('Standard Profiles'!$G$22=$B$10,7,0)+IF('Standard Profiles'!$G$22=$B$17,14,0)+IF('Standard Profiles'!$G$22=$B$24,21,0),MOD($C7660,24)+1)/SUM(INDEX($D$3:$AA$30,INDEX(Jesper!$R$2:$R$366,ROW(INDEX(Jesper!AL$2:AL$366,ROUNDDOWN($C7660/24,0)+1,1))-1)+IF('Standard Profiles'!$G$22=$B$10,7,0)+IF('Standard Profiles'!$G$22=$B$17,14,0)+IF('Standard Profiles'!$G$22=$B$24,21,0),0)),0)</f>
        <v>0</v>
      </c>
      <c r="I7660">
        <f t="shared" si="853"/>
        <v>1.0321977512021656</v>
      </c>
      <c r="J7660">
        <f t="shared" si="854"/>
        <v>10.650628814173411</v>
      </c>
      <c r="K7660">
        <f t="shared" si="855"/>
        <v>0.62218118336103079</v>
      </c>
      <c r="L7660">
        <f t="shared" si="856"/>
        <v>0.31109059168051539</v>
      </c>
      <c r="M7660">
        <f t="shared" si="857"/>
        <v>0</v>
      </c>
      <c r="N7660" s="45">
        <f t="shared" si="858"/>
        <v>45244.749999981505</v>
      </c>
    </row>
    <row r="7661" spans="2:14" x14ac:dyDescent="0.25">
      <c r="B7661">
        <f t="shared" si="852"/>
        <v>2</v>
      </c>
      <c r="C7661" s="16">
        <v>7627</v>
      </c>
      <c r="D7661" cm="1">
        <f t="array" ref="D7661">IFERROR(INDEX(Jesper!AH$2:AH$366,ROUNDDOWN($C7661/24,0)+1,1)*INDEX($D$3:$AA$30,INDEX(Jesper!$R$2:$R$366,ROW(INDEX(Jesper!AH$2:AH$366,ROUNDDOWN($C7661/24,0)+1,1))-1)+IF('Standard Profiles'!$G$18=$B$10,7,0)+IF('Standard Profiles'!$G$18=$B$17,14,0)+IF('Standard Profiles'!$G$18=$B$24,21,0),MOD($C7661,24)+1)/SUM(INDEX($D$3:$AA$30,INDEX(Jesper!$R$2:$R$366,ROW(INDEX(Jesper!AH$2:AH$366,ROUNDDOWN($C7661/24,0)+1,1))-1)+IF('Standard Profiles'!$G$18=$B$10,7,0)+IF('Standard Profiles'!$G$18=$B$17,14,0)+IF('Standard Profiles'!$G$18=$B$24,21,0),0)),0)</f>
        <v>5.8329485940096628</v>
      </c>
      <c r="E7661" cm="1">
        <f t="array" ref="E7661">IFERROR(INDEX(Jesper!AI$2:AI$366,ROUNDDOWN($C7661/24,0)+1,1)*INDEX($D$3:$AA$30,INDEX(Jesper!$R$2:$R$366,ROW(INDEX(Jesper!AI$2:AI$366,ROUNDDOWN($C7661/24,0)+1,1))-1)+IF('Standard Profiles'!$G$19=$B$10,7,0)+IF('Standard Profiles'!$G$19=$B$17,14,0)+IF('Standard Profiles'!$G$19=$B$24,21,0),MOD($C7661,24)+1)/SUM(INDEX($D$3:$AA$30,INDEX(Jesper!$R$2:$R$366,ROW(INDEX(Jesper!AI$2:AI$366,ROUNDDOWN($C7661/24,0)+1,1))-1)+IF('Standard Profiles'!$G$19=$B$10,7,0)+IF('Standard Profiles'!$G$19=$B$17,14,0)+IF('Standard Profiles'!$G$19=$B$24,21,0),0)),0)</f>
        <v>4.6327377647362793</v>
      </c>
      <c r="F7661" cm="1">
        <f t="array" ref="F7661">IFERROR(INDEX(Jesper!AJ$2:AJ$366,ROUNDDOWN($C7661/24,0)+1,1)*INDEX($D$3:$AA$30,INDEX(Jesper!$R$2:$R$366,ROW(INDEX(Jesper!AJ$2:AJ$366,ROUNDDOWN($C7661/24,0)+1,1))-1)+IF('Standard Profiles'!$G$20=$B$10,7,0)+IF('Standard Profiles'!$G$20=$B$17,14,0)+IF('Standard Profiles'!$G$20=$B$24,21,0),MOD($C7661,24)+1)/SUM(INDEX($D$3:$AA$30,INDEX(Jesper!$R$2:$R$366,ROW(INDEX(Jesper!AJ$2:AJ$366,ROUNDDOWN($C7661/24,0)+1,1))-1)+IF('Standard Profiles'!$G$20=$B$10,7,0)+IF('Standard Profiles'!$G$20=$B$17,14,0)+IF('Standard Profiles'!$G$20=$B$24,21,0),0)),0)</f>
        <v>0</v>
      </c>
      <c r="G7661" cm="1">
        <f t="array" ref="G7661">IFERROR(INDEX(Jesper!AK$2:AK$366,ROUNDDOWN($C7661/24,0)+1,1)*INDEX($D$3:$AA$30,INDEX(Jesper!$R$2:$R$366,ROW(INDEX(Jesper!AK$2:AK$366,ROUNDDOWN($C7661/24,0)+1,1))-1)+IF('Standard Profiles'!$G$21=$B$10,7,0)+IF('Standard Profiles'!$G$21=$B$17,14,0)+IF('Standard Profiles'!$G$21=$B$24,21,0),MOD($C7661,24)+1)/SUM(INDEX($D$3:$AA$30,INDEX(Jesper!$R$2:$R$366,ROW(INDEX(Jesper!AK$2:AK$366,ROUNDDOWN($C7661/24,0)+1,1))-1)+IF('Standard Profiles'!$G$21=$B$10,7,0)+IF('Standard Profiles'!$G$21=$B$17,14,0)+IF('Standard Profiles'!$G$21=$B$24,21,0),0)),0)</f>
        <v>2.1504119816711795</v>
      </c>
      <c r="H7661" cm="1">
        <f t="array" ref="H7661">IFERROR(INDEX(Jesper!AL$2:AL$366,ROUNDDOWN($C7661/24,0)+1,1)*INDEX($D$3:$AA$30,INDEX(Jesper!$R$2:$R$366,ROW(INDEX(Jesper!AL$2:AL$366,ROUNDDOWN($C7661/24,0)+1,1))-1)+IF('Standard Profiles'!$G$22=$B$10,7,0)+IF('Standard Profiles'!$G$22=$B$17,14,0)+IF('Standard Profiles'!$G$22=$B$24,21,0),MOD($C7661,24)+1)/SUM(INDEX($D$3:$AA$30,INDEX(Jesper!$R$2:$R$366,ROW(INDEX(Jesper!AL$2:AL$366,ROUNDDOWN($C7661/24,0)+1,1))-1)+IF('Standard Profiles'!$G$22=$B$10,7,0)+IF('Standard Profiles'!$G$22=$B$17,14,0)+IF('Standard Profiles'!$G$22=$B$24,21,0),0)),0)</f>
        <v>0</v>
      </c>
      <c r="I7661">
        <f t="shared" si="853"/>
        <v>1.0321977512021656</v>
      </c>
      <c r="J7661">
        <f t="shared" si="854"/>
        <v>10.650628814173411</v>
      </c>
      <c r="K7661">
        <f t="shared" si="855"/>
        <v>0.62218118336103079</v>
      </c>
      <c r="L7661">
        <f t="shared" si="856"/>
        <v>0.31109059168051539</v>
      </c>
      <c r="M7661">
        <f t="shared" si="857"/>
        <v>0</v>
      </c>
      <c r="N7661" s="45">
        <f t="shared" si="858"/>
        <v>45244.791666648169</v>
      </c>
    </row>
    <row r="7662" spans="2:14" x14ac:dyDescent="0.25">
      <c r="B7662">
        <f t="shared" si="852"/>
        <v>2</v>
      </c>
      <c r="C7662" s="16">
        <v>7628</v>
      </c>
      <c r="D7662" cm="1">
        <f t="array" ref="D7662">IFERROR(INDEX(Jesper!AH$2:AH$366,ROUNDDOWN($C7662/24,0)+1,1)*INDEX($D$3:$AA$30,INDEX(Jesper!$R$2:$R$366,ROW(INDEX(Jesper!AH$2:AH$366,ROUNDDOWN($C7662/24,0)+1,1))-1)+IF('Standard Profiles'!$G$18=$B$10,7,0)+IF('Standard Profiles'!$G$18=$B$17,14,0)+IF('Standard Profiles'!$G$18=$B$24,21,0),MOD($C7662,24)+1)/SUM(INDEX($D$3:$AA$30,INDEX(Jesper!$R$2:$R$366,ROW(INDEX(Jesper!AH$2:AH$366,ROUNDDOWN($C7662/24,0)+1,1))-1)+IF('Standard Profiles'!$G$18=$B$10,7,0)+IF('Standard Profiles'!$G$18=$B$17,14,0)+IF('Standard Profiles'!$G$18=$B$24,21,0),0)),0)</f>
        <v>5.8329485940096628</v>
      </c>
      <c r="E7662" cm="1">
        <f t="array" ref="E7662">IFERROR(INDEX(Jesper!AI$2:AI$366,ROUNDDOWN($C7662/24,0)+1,1)*INDEX($D$3:$AA$30,INDEX(Jesper!$R$2:$R$366,ROW(INDEX(Jesper!AI$2:AI$366,ROUNDDOWN($C7662/24,0)+1,1))-1)+IF('Standard Profiles'!$G$19=$B$10,7,0)+IF('Standard Profiles'!$G$19=$B$17,14,0)+IF('Standard Profiles'!$G$19=$B$24,21,0),MOD($C7662,24)+1)/SUM(INDEX($D$3:$AA$30,INDEX(Jesper!$R$2:$R$366,ROW(INDEX(Jesper!AI$2:AI$366,ROUNDDOWN($C7662/24,0)+1,1))-1)+IF('Standard Profiles'!$G$19=$B$10,7,0)+IF('Standard Profiles'!$G$19=$B$17,14,0)+IF('Standard Profiles'!$G$19=$B$24,21,0),0)),0)</f>
        <v>4.6327377647362793</v>
      </c>
      <c r="F7662" cm="1">
        <f t="array" ref="F7662">IFERROR(INDEX(Jesper!AJ$2:AJ$366,ROUNDDOWN($C7662/24,0)+1,1)*INDEX($D$3:$AA$30,INDEX(Jesper!$R$2:$R$366,ROW(INDEX(Jesper!AJ$2:AJ$366,ROUNDDOWN($C7662/24,0)+1,1))-1)+IF('Standard Profiles'!$G$20=$B$10,7,0)+IF('Standard Profiles'!$G$20=$B$17,14,0)+IF('Standard Profiles'!$G$20=$B$24,21,0),MOD($C7662,24)+1)/SUM(INDEX($D$3:$AA$30,INDEX(Jesper!$R$2:$R$366,ROW(INDEX(Jesper!AJ$2:AJ$366,ROUNDDOWN($C7662/24,0)+1,1))-1)+IF('Standard Profiles'!$G$20=$B$10,7,0)+IF('Standard Profiles'!$G$20=$B$17,14,0)+IF('Standard Profiles'!$G$20=$B$24,21,0),0)),0)</f>
        <v>0</v>
      </c>
      <c r="G7662" cm="1">
        <f t="array" ref="G7662">IFERROR(INDEX(Jesper!AK$2:AK$366,ROUNDDOWN($C7662/24,0)+1,1)*INDEX($D$3:$AA$30,INDEX(Jesper!$R$2:$R$366,ROW(INDEX(Jesper!AK$2:AK$366,ROUNDDOWN($C7662/24,0)+1,1))-1)+IF('Standard Profiles'!$G$21=$B$10,7,0)+IF('Standard Profiles'!$G$21=$B$17,14,0)+IF('Standard Profiles'!$G$21=$B$24,21,0),MOD($C7662,24)+1)/SUM(INDEX($D$3:$AA$30,INDEX(Jesper!$R$2:$R$366,ROW(INDEX(Jesper!AK$2:AK$366,ROUNDDOWN($C7662/24,0)+1,1))-1)+IF('Standard Profiles'!$G$21=$B$10,7,0)+IF('Standard Profiles'!$G$21=$B$17,14,0)+IF('Standard Profiles'!$G$21=$B$24,21,0),0)),0)</f>
        <v>2.1504119816711795</v>
      </c>
      <c r="H7662" cm="1">
        <f t="array" ref="H7662">IFERROR(INDEX(Jesper!AL$2:AL$366,ROUNDDOWN($C7662/24,0)+1,1)*INDEX($D$3:$AA$30,INDEX(Jesper!$R$2:$R$366,ROW(INDEX(Jesper!AL$2:AL$366,ROUNDDOWN($C7662/24,0)+1,1))-1)+IF('Standard Profiles'!$G$22=$B$10,7,0)+IF('Standard Profiles'!$G$22=$B$17,14,0)+IF('Standard Profiles'!$G$22=$B$24,21,0),MOD($C7662,24)+1)/SUM(INDEX($D$3:$AA$30,INDEX(Jesper!$R$2:$R$366,ROW(INDEX(Jesper!AL$2:AL$366,ROUNDDOWN($C7662/24,0)+1,1))-1)+IF('Standard Profiles'!$G$22=$B$10,7,0)+IF('Standard Profiles'!$G$22=$B$17,14,0)+IF('Standard Profiles'!$G$22=$B$24,21,0),0)),0)</f>
        <v>0</v>
      </c>
      <c r="I7662">
        <f t="shared" si="853"/>
        <v>1.0321977512021656</v>
      </c>
      <c r="J7662">
        <f t="shared" si="854"/>
        <v>10.650628814173411</v>
      </c>
      <c r="K7662">
        <f t="shared" si="855"/>
        <v>0.62218118336103079</v>
      </c>
      <c r="L7662">
        <f t="shared" si="856"/>
        <v>0.31109059168051539</v>
      </c>
      <c r="M7662">
        <f t="shared" si="857"/>
        <v>0</v>
      </c>
      <c r="N7662" s="45">
        <f t="shared" si="858"/>
        <v>45244.833333314833</v>
      </c>
    </row>
    <row r="7663" spans="2:14" x14ac:dyDescent="0.25">
      <c r="B7663">
        <f t="shared" si="852"/>
        <v>2</v>
      </c>
      <c r="C7663" s="16">
        <v>7629</v>
      </c>
      <c r="D7663" cm="1">
        <f t="array" ref="D7663">IFERROR(INDEX(Jesper!AH$2:AH$366,ROUNDDOWN($C7663/24,0)+1,1)*INDEX($D$3:$AA$30,INDEX(Jesper!$R$2:$R$366,ROW(INDEX(Jesper!AH$2:AH$366,ROUNDDOWN($C7663/24,0)+1,1))-1)+IF('Standard Profiles'!$G$18=$B$10,7,0)+IF('Standard Profiles'!$G$18=$B$17,14,0)+IF('Standard Profiles'!$G$18=$B$24,21,0),MOD($C7663,24)+1)/SUM(INDEX($D$3:$AA$30,INDEX(Jesper!$R$2:$R$366,ROW(INDEX(Jesper!AH$2:AH$366,ROUNDDOWN($C7663/24,0)+1,1))-1)+IF('Standard Profiles'!$G$18=$B$10,7,0)+IF('Standard Profiles'!$G$18=$B$17,14,0)+IF('Standard Profiles'!$G$18=$B$24,21,0),0)),0)</f>
        <v>5.8329485940096628</v>
      </c>
      <c r="E7663" cm="1">
        <f t="array" ref="E7663">IFERROR(INDEX(Jesper!AI$2:AI$366,ROUNDDOWN($C7663/24,0)+1,1)*INDEX($D$3:$AA$30,INDEX(Jesper!$R$2:$R$366,ROW(INDEX(Jesper!AI$2:AI$366,ROUNDDOWN($C7663/24,0)+1,1))-1)+IF('Standard Profiles'!$G$19=$B$10,7,0)+IF('Standard Profiles'!$G$19=$B$17,14,0)+IF('Standard Profiles'!$G$19=$B$24,21,0),MOD($C7663,24)+1)/SUM(INDEX($D$3:$AA$30,INDEX(Jesper!$R$2:$R$366,ROW(INDEX(Jesper!AI$2:AI$366,ROUNDDOWN($C7663/24,0)+1,1))-1)+IF('Standard Profiles'!$G$19=$B$10,7,0)+IF('Standard Profiles'!$G$19=$B$17,14,0)+IF('Standard Profiles'!$G$19=$B$24,21,0),0)),0)</f>
        <v>4.6327377647362793</v>
      </c>
      <c r="F7663" cm="1">
        <f t="array" ref="F7663">IFERROR(INDEX(Jesper!AJ$2:AJ$366,ROUNDDOWN($C7663/24,0)+1,1)*INDEX($D$3:$AA$30,INDEX(Jesper!$R$2:$R$366,ROW(INDEX(Jesper!AJ$2:AJ$366,ROUNDDOWN($C7663/24,0)+1,1))-1)+IF('Standard Profiles'!$G$20=$B$10,7,0)+IF('Standard Profiles'!$G$20=$B$17,14,0)+IF('Standard Profiles'!$G$20=$B$24,21,0),MOD($C7663,24)+1)/SUM(INDEX($D$3:$AA$30,INDEX(Jesper!$R$2:$R$366,ROW(INDEX(Jesper!AJ$2:AJ$366,ROUNDDOWN($C7663/24,0)+1,1))-1)+IF('Standard Profiles'!$G$20=$B$10,7,0)+IF('Standard Profiles'!$G$20=$B$17,14,0)+IF('Standard Profiles'!$G$20=$B$24,21,0),0)),0)</f>
        <v>0</v>
      </c>
      <c r="G7663" cm="1">
        <f t="array" ref="G7663">IFERROR(INDEX(Jesper!AK$2:AK$366,ROUNDDOWN($C7663/24,0)+1,1)*INDEX($D$3:$AA$30,INDEX(Jesper!$R$2:$R$366,ROW(INDEX(Jesper!AK$2:AK$366,ROUNDDOWN($C7663/24,0)+1,1))-1)+IF('Standard Profiles'!$G$21=$B$10,7,0)+IF('Standard Profiles'!$G$21=$B$17,14,0)+IF('Standard Profiles'!$G$21=$B$24,21,0),MOD($C7663,24)+1)/SUM(INDEX($D$3:$AA$30,INDEX(Jesper!$R$2:$R$366,ROW(INDEX(Jesper!AK$2:AK$366,ROUNDDOWN($C7663/24,0)+1,1))-1)+IF('Standard Profiles'!$G$21=$B$10,7,0)+IF('Standard Profiles'!$G$21=$B$17,14,0)+IF('Standard Profiles'!$G$21=$B$24,21,0),0)),0)</f>
        <v>2.1504119816711795</v>
      </c>
      <c r="H7663" cm="1">
        <f t="array" ref="H7663">IFERROR(INDEX(Jesper!AL$2:AL$366,ROUNDDOWN($C7663/24,0)+1,1)*INDEX($D$3:$AA$30,INDEX(Jesper!$R$2:$R$366,ROW(INDEX(Jesper!AL$2:AL$366,ROUNDDOWN($C7663/24,0)+1,1))-1)+IF('Standard Profiles'!$G$22=$B$10,7,0)+IF('Standard Profiles'!$G$22=$B$17,14,0)+IF('Standard Profiles'!$G$22=$B$24,21,0),MOD($C7663,24)+1)/SUM(INDEX($D$3:$AA$30,INDEX(Jesper!$R$2:$R$366,ROW(INDEX(Jesper!AL$2:AL$366,ROUNDDOWN($C7663/24,0)+1,1))-1)+IF('Standard Profiles'!$G$22=$B$10,7,0)+IF('Standard Profiles'!$G$22=$B$17,14,0)+IF('Standard Profiles'!$G$22=$B$24,21,0),0)),0)</f>
        <v>0</v>
      </c>
      <c r="I7663">
        <f t="shared" si="853"/>
        <v>1.0321977512021656</v>
      </c>
      <c r="J7663">
        <f t="shared" si="854"/>
        <v>10.650628814173411</v>
      </c>
      <c r="K7663">
        <f t="shared" si="855"/>
        <v>0.62218118336103079</v>
      </c>
      <c r="L7663">
        <f t="shared" si="856"/>
        <v>0.31109059168051539</v>
      </c>
      <c r="M7663">
        <f t="shared" si="857"/>
        <v>0</v>
      </c>
      <c r="N7663" s="45">
        <f t="shared" si="858"/>
        <v>45244.874999981497</v>
      </c>
    </row>
    <row r="7664" spans="2:14" x14ac:dyDescent="0.25">
      <c r="B7664">
        <f t="shared" si="852"/>
        <v>2</v>
      </c>
      <c r="C7664" s="16">
        <v>7630</v>
      </c>
      <c r="D7664" cm="1">
        <f t="array" ref="D7664">IFERROR(INDEX(Jesper!AH$2:AH$366,ROUNDDOWN($C7664/24,0)+1,1)*INDEX($D$3:$AA$30,INDEX(Jesper!$R$2:$R$366,ROW(INDEX(Jesper!AH$2:AH$366,ROUNDDOWN($C7664/24,0)+1,1))-1)+IF('Standard Profiles'!$G$18=$B$10,7,0)+IF('Standard Profiles'!$G$18=$B$17,14,0)+IF('Standard Profiles'!$G$18=$B$24,21,0),MOD($C7664,24)+1)/SUM(INDEX($D$3:$AA$30,INDEX(Jesper!$R$2:$R$366,ROW(INDEX(Jesper!AH$2:AH$366,ROUNDDOWN($C7664/24,0)+1,1))-1)+IF('Standard Profiles'!$G$18=$B$10,7,0)+IF('Standard Profiles'!$G$18=$B$17,14,0)+IF('Standard Profiles'!$G$18=$B$24,21,0),0)),0)</f>
        <v>5.8329485940096628</v>
      </c>
      <c r="E7664" cm="1">
        <f t="array" ref="E7664">IFERROR(INDEX(Jesper!AI$2:AI$366,ROUNDDOWN($C7664/24,0)+1,1)*INDEX($D$3:$AA$30,INDEX(Jesper!$R$2:$R$366,ROW(INDEX(Jesper!AI$2:AI$366,ROUNDDOWN($C7664/24,0)+1,1))-1)+IF('Standard Profiles'!$G$19=$B$10,7,0)+IF('Standard Profiles'!$G$19=$B$17,14,0)+IF('Standard Profiles'!$G$19=$B$24,21,0),MOD($C7664,24)+1)/SUM(INDEX($D$3:$AA$30,INDEX(Jesper!$R$2:$R$366,ROW(INDEX(Jesper!AI$2:AI$366,ROUNDDOWN($C7664/24,0)+1,1))-1)+IF('Standard Profiles'!$G$19=$B$10,7,0)+IF('Standard Profiles'!$G$19=$B$17,14,0)+IF('Standard Profiles'!$G$19=$B$24,21,0),0)),0)</f>
        <v>4.6327377647362793</v>
      </c>
      <c r="F7664" cm="1">
        <f t="array" ref="F7664">IFERROR(INDEX(Jesper!AJ$2:AJ$366,ROUNDDOWN($C7664/24,0)+1,1)*INDEX($D$3:$AA$30,INDEX(Jesper!$R$2:$R$366,ROW(INDEX(Jesper!AJ$2:AJ$366,ROUNDDOWN($C7664/24,0)+1,1))-1)+IF('Standard Profiles'!$G$20=$B$10,7,0)+IF('Standard Profiles'!$G$20=$B$17,14,0)+IF('Standard Profiles'!$G$20=$B$24,21,0),MOD($C7664,24)+1)/SUM(INDEX($D$3:$AA$30,INDEX(Jesper!$R$2:$R$366,ROW(INDEX(Jesper!AJ$2:AJ$366,ROUNDDOWN($C7664/24,0)+1,1))-1)+IF('Standard Profiles'!$G$20=$B$10,7,0)+IF('Standard Profiles'!$G$20=$B$17,14,0)+IF('Standard Profiles'!$G$20=$B$24,21,0),0)),0)</f>
        <v>0</v>
      </c>
      <c r="G7664" cm="1">
        <f t="array" ref="G7664">IFERROR(INDEX(Jesper!AK$2:AK$366,ROUNDDOWN($C7664/24,0)+1,1)*INDEX($D$3:$AA$30,INDEX(Jesper!$R$2:$R$366,ROW(INDEX(Jesper!AK$2:AK$366,ROUNDDOWN($C7664/24,0)+1,1))-1)+IF('Standard Profiles'!$G$21=$B$10,7,0)+IF('Standard Profiles'!$G$21=$B$17,14,0)+IF('Standard Profiles'!$G$21=$B$24,21,0),MOD($C7664,24)+1)/SUM(INDEX($D$3:$AA$30,INDEX(Jesper!$R$2:$R$366,ROW(INDEX(Jesper!AK$2:AK$366,ROUNDDOWN($C7664/24,0)+1,1))-1)+IF('Standard Profiles'!$G$21=$B$10,7,0)+IF('Standard Profiles'!$G$21=$B$17,14,0)+IF('Standard Profiles'!$G$21=$B$24,21,0),0)),0)</f>
        <v>2.1504119816711795</v>
      </c>
      <c r="H7664" cm="1">
        <f t="array" ref="H7664">IFERROR(INDEX(Jesper!AL$2:AL$366,ROUNDDOWN($C7664/24,0)+1,1)*INDEX($D$3:$AA$30,INDEX(Jesper!$R$2:$R$366,ROW(INDEX(Jesper!AL$2:AL$366,ROUNDDOWN($C7664/24,0)+1,1))-1)+IF('Standard Profiles'!$G$22=$B$10,7,0)+IF('Standard Profiles'!$G$22=$B$17,14,0)+IF('Standard Profiles'!$G$22=$B$24,21,0),MOD($C7664,24)+1)/SUM(INDEX($D$3:$AA$30,INDEX(Jesper!$R$2:$R$366,ROW(INDEX(Jesper!AL$2:AL$366,ROUNDDOWN($C7664/24,0)+1,1))-1)+IF('Standard Profiles'!$G$22=$B$10,7,0)+IF('Standard Profiles'!$G$22=$B$17,14,0)+IF('Standard Profiles'!$G$22=$B$24,21,0),0)),0)</f>
        <v>0</v>
      </c>
      <c r="I7664">
        <f t="shared" si="853"/>
        <v>1.0321977512021656</v>
      </c>
      <c r="J7664">
        <f t="shared" si="854"/>
        <v>10.650628814173411</v>
      </c>
      <c r="K7664">
        <f t="shared" si="855"/>
        <v>0.62218118336103079</v>
      </c>
      <c r="L7664">
        <f t="shared" si="856"/>
        <v>0.31109059168051539</v>
      </c>
      <c r="M7664">
        <f t="shared" si="857"/>
        <v>0</v>
      </c>
      <c r="N7664" s="45">
        <f t="shared" si="858"/>
        <v>45244.916666648161</v>
      </c>
    </row>
    <row r="7665" spans="2:14" x14ac:dyDescent="0.25">
      <c r="B7665">
        <f t="shared" si="852"/>
        <v>2</v>
      </c>
      <c r="C7665" s="16">
        <v>7631</v>
      </c>
      <c r="D7665" cm="1">
        <f t="array" ref="D7665">IFERROR(INDEX(Jesper!AH$2:AH$366,ROUNDDOWN($C7665/24,0)+1,1)*INDEX($D$3:$AA$30,INDEX(Jesper!$R$2:$R$366,ROW(INDEX(Jesper!AH$2:AH$366,ROUNDDOWN($C7665/24,0)+1,1))-1)+IF('Standard Profiles'!$G$18=$B$10,7,0)+IF('Standard Profiles'!$G$18=$B$17,14,0)+IF('Standard Profiles'!$G$18=$B$24,21,0),MOD($C7665,24)+1)/SUM(INDEX($D$3:$AA$30,INDEX(Jesper!$R$2:$R$366,ROW(INDEX(Jesper!AH$2:AH$366,ROUNDDOWN($C7665/24,0)+1,1))-1)+IF('Standard Profiles'!$G$18=$B$10,7,0)+IF('Standard Profiles'!$G$18=$B$17,14,0)+IF('Standard Profiles'!$G$18=$B$24,21,0),0)),0)</f>
        <v>5.8329485940096628</v>
      </c>
      <c r="E7665" cm="1">
        <f t="array" ref="E7665">IFERROR(INDEX(Jesper!AI$2:AI$366,ROUNDDOWN($C7665/24,0)+1,1)*INDEX($D$3:$AA$30,INDEX(Jesper!$R$2:$R$366,ROW(INDEX(Jesper!AI$2:AI$366,ROUNDDOWN($C7665/24,0)+1,1))-1)+IF('Standard Profiles'!$G$19=$B$10,7,0)+IF('Standard Profiles'!$G$19=$B$17,14,0)+IF('Standard Profiles'!$G$19=$B$24,21,0),MOD($C7665,24)+1)/SUM(INDEX($D$3:$AA$30,INDEX(Jesper!$R$2:$R$366,ROW(INDEX(Jesper!AI$2:AI$366,ROUNDDOWN($C7665/24,0)+1,1))-1)+IF('Standard Profiles'!$G$19=$B$10,7,0)+IF('Standard Profiles'!$G$19=$B$17,14,0)+IF('Standard Profiles'!$G$19=$B$24,21,0),0)),0)</f>
        <v>4.6327377647362793</v>
      </c>
      <c r="F7665" cm="1">
        <f t="array" ref="F7665">IFERROR(INDEX(Jesper!AJ$2:AJ$366,ROUNDDOWN($C7665/24,0)+1,1)*INDEX($D$3:$AA$30,INDEX(Jesper!$R$2:$R$366,ROW(INDEX(Jesper!AJ$2:AJ$366,ROUNDDOWN($C7665/24,0)+1,1))-1)+IF('Standard Profiles'!$G$20=$B$10,7,0)+IF('Standard Profiles'!$G$20=$B$17,14,0)+IF('Standard Profiles'!$G$20=$B$24,21,0),MOD($C7665,24)+1)/SUM(INDEX($D$3:$AA$30,INDEX(Jesper!$R$2:$R$366,ROW(INDEX(Jesper!AJ$2:AJ$366,ROUNDDOWN($C7665/24,0)+1,1))-1)+IF('Standard Profiles'!$G$20=$B$10,7,0)+IF('Standard Profiles'!$G$20=$B$17,14,0)+IF('Standard Profiles'!$G$20=$B$24,21,0),0)),0)</f>
        <v>0</v>
      </c>
      <c r="G7665" cm="1">
        <f t="array" ref="G7665">IFERROR(INDEX(Jesper!AK$2:AK$366,ROUNDDOWN($C7665/24,0)+1,1)*INDEX($D$3:$AA$30,INDEX(Jesper!$R$2:$R$366,ROW(INDEX(Jesper!AK$2:AK$366,ROUNDDOWN($C7665/24,0)+1,1))-1)+IF('Standard Profiles'!$G$21=$B$10,7,0)+IF('Standard Profiles'!$G$21=$B$17,14,0)+IF('Standard Profiles'!$G$21=$B$24,21,0),MOD($C7665,24)+1)/SUM(INDEX($D$3:$AA$30,INDEX(Jesper!$R$2:$R$366,ROW(INDEX(Jesper!AK$2:AK$366,ROUNDDOWN($C7665/24,0)+1,1))-1)+IF('Standard Profiles'!$G$21=$B$10,7,0)+IF('Standard Profiles'!$G$21=$B$17,14,0)+IF('Standard Profiles'!$G$21=$B$24,21,0),0)),0)</f>
        <v>2.1504119816711795</v>
      </c>
      <c r="H7665" cm="1">
        <f t="array" ref="H7665">IFERROR(INDEX(Jesper!AL$2:AL$366,ROUNDDOWN($C7665/24,0)+1,1)*INDEX($D$3:$AA$30,INDEX(Jesper!$R$2:$R$366,ROW(INDEX(Jesper!AL$2:AL$366,ROUNDDOWN($C7665/24,0)+1,1))-1)+IF('Standard Profiles'!$G$22=$B$10,7,0)+IF('Standard Profiles'!$G$22=$B$17,14,0)+IF('Standard Profiles'!$G$22=$B$24,21,0),MOD($C7665,24)+1)/SUM(INDEX($D$3:$AA$30,INDEX(Jesper!$R$2:$R$366,ROW(INDEX(Jesper!AL$2:AL$366,ROUNDDOWN($C7665/24,0)+1,1))-1)+IF('Standard Profiles'!$G$22=$B$10,7,0)+IF('Standard Profiles'!$G$22=$B$17,14,0)+IF('Standard Profiles'!$G$22=$B$24,21,0),0)),0)</f>
        <v>0</v>
      </c>
      <c r="I7665">
        <f t="shared" si="853"/>
        <v>1.0321977512021656</v>
      </c>
      <c r="J7665">
        <f t="shared" si="854"/>
        <v>10.650628814173411</v>
      </c>
      <c r="K7665">
        <f t="shared" si="855"/>
        <v>0.62218118336103079</v>
      </c>
      <c r="L7665">
        <f t="shared" si="856"/>
        <v>0.31109059168051539</v>
      </c>
      <c r="M7665">
        <f t="shared" si="857"/>
        <v>0</v>
      </c>
      <c r="N7665" s="45">
        <f t="shared" si="858"/>
        <v>45244.958333314826</v>
      </c>
    </row>
    <row r="7666" spans="2:14" x14ac:dyDescent="0.25">
      <c r="B7666">
        <f t="shared" si="852"/>
        <v>3</v>
      </c>
      <c r="C7666" s="16">
        <v>7632</v>
      </c>
      <c r="D7666" cm="1">
        <f t="array" ref="D7666">IFERROR(INDEX(Jesper!AH$2:AH$366,ROUNDDOWN($C7666/24,0)+1,1)*INDEX($D$3:$AA$30,INDEX(Jesper!$R$2:$R$366,ROW(INDEX(Jesper!AH$2:AH$366,ROUNDDOWN($C7666/24,0)+1,1))-1)+IF('Standard Profiles'!$G$18=$B$10,7,0)+IF('Standard Profiles'!$G$18=$B$17,14,0)+IF('Standard Profiles'!$G$18=$B$24,21,0),MOD($C7666,24)+1)/SUM(INDEX($D$3:$AA$30,INDEX(Jesper!$R$2:$R$366,ROW(INDEX(Jesper!AH$2:AH$366,ROUNDDOWN($C7666/24,0)+1,1))-1)+IF('Standard Profiles'!$G$18=$B$10,7,0)+IF('Standard Profiles'!$G$18=$B$17,14,0)+IF('Standard Profiles'!$G$18=$B$24,21,0),0)),0)</f>
        <v>5.7629150191309897</v>
      </c>
      <c r="E7666" cm="1">
        <f t="array" ref="E7666">IFERROR(INDEX(Jesper!AI$2:AI$366,ROUNDDOWN($C7666/24,0)+1,1)*INDEX($D$3:$AA$30,INDEX(Jesper!$R$2:$R$366,ROW(INDEX(Jesper!AI$2:AI$366,ROUNDDOWN($C7666/24,0)+1,1))-1)+IF('Standard Profiles'!$G$19=$B$10,7,0)+IF('Standard Profiles'!$G$19=$B$17,14,0)+IF('Standard Profiles'!$G$19=$B$24,21,0),MOD($C7666,24)+1)/SUM(INDEX($D$3:$AA$30,INDEX(Jesper!$R$2:$R$366,ROW(INDEX(Jesper!AI$2:AI$366,ROUNDDOWN($C7666/24,0)+1,1))-1)+IF('Standard Profiles'!$G$19=$B$10,7,0)+IF('Standard Profiles'!$G$19=$B$17,14,0)+IF('Standard Profiles'!$G$19=$B$24,21,0),0)),0)</f>
        <v>4.4199080032187323</v>
      </c>
      <c r="F7666" cm="1">
        <f t="array" ref="F7666">IFERROR(INDEX(Jesper!AJ$2:AJ$366,ROUNDDOWN($C7666/24,0)+1,1)*INDEX($D$3:$AA$30,INDEX(Jesper!$R$2:$R$366,ROW(INDEX(Jesper!AJ$2:AJ$366,ROUNDDOWN($C7666/24,0)+1,1))-1)+IF('Standard Profiles'!$G$20=$B$10,7,0)+IF('Standard Profiles'!$G$20=$B$17,14,0)+IF('Standard Profiles'!$G$20=$B$24,21,0),MOD($C7666,24)+1)/SUM(INDEX($D$3:$AA$30,INDEX(Jesper!$R$2:$R$366,ROW(INDEX(Jesper!AJ$2:AJ$366,ROUNDDOWN($C7666/24,0)+1,1))-1)+IF('Standard Profiles'!$G$20=$B$10,7,0)+IF('Standard Profiles'!$G$20=$B$17,14,0)+IF('Standard Profiles'!$G$20=$B$24,21,0),0)),0)</f>
        <v>0</v>
      </c>
      <c r="G7666" cm="1">
        <f t="array" ref="G7666">IFERROR(INDEX(Jesper!AK$2:AK$366,ROUNDDOWN($C7666/24,0)+1,1)*INDEX($D$3:$AA$30,INDEX(Jesper!$R$2:$R$366,ROW(INDEX(Jesper!AK$2:AK$366,ROUNDDOWN($C7666/24,0)+1,1))-1)+IF('Standard Profiles'!$G$21=$B$10,7,0)+IF('Standard Profiles'!$G$21=$B$17,14,0)+IF('Standard Profiles'!$G$21=$B$24,21,0),MOD($C7666,24)+1)/SUM(INDEX($D$3:$AA$30,INDEX(Jesper!$R$2:$R$366,ROW(INDEX(Jesper!AK$2:AK$366,ROUNDDOWN($C7666/24,0)+1,1))-1)+IF('Standard Profiles'!$G$21=$B$10,7,0)+IF('Standard Profiles'!$G$21=$B$17,14,0)+IF('Standard Profiles'!$G$21=$B$24,21,0),0)),0)</f>
        <v>1.7733593746933938</v>
      </c>
      <c r="H7666" cm="1">
        <f t="array" ref="H7666">IFERROR(INDEX(Jesper!AL$2:AL$366,ROUNDDOWN($C7666/24,0)+1,1)*INDEX($D$3:$AA$30,INDEX(Jesper!$R$2:$R$366,ROW(INDEX(Jesper!AL$2:AL$366,ROUNDDOWN($C7666/24,0)+1,1))-1)+IF('Standard Profiles'!$G$22=$B$10,7,0)+IF('Standard Profiles'!$G$22=$B$17,14,0)+IF('Standard Profiles'!$G$22=$B$24,21,0),MOD($C7666,24)+1)/SUM(INDEX($D$3:$AA$30,INDEX(Jesper!$R$2:$R$366,ROW(INDEX(Jesper!AL$2:AL$366,ROUNDDOWN($C7666/24,0)+1,1))-1)+IF('Standard Profiles'!$G$22=$B$10,7,0)+IF('Standard Profiles'!$G$22=$B$17,14,0)+IF('Standard Profiles'!$G$22=$B$24,21,0),0)),0)</f>
        <v>0</v>
      </c>
      <c r="I7666">
        <f t="shared" si="853"/>
        <v>0.85121249985282854</v>
      </c>
      <c r="J7666">
        <f t="shared" si="854"/>
        <v>10.182903494129329</v>
      </c>
      <c r="K7666">
        <f t="shared" si="855"/>
        <v>0.61471093537397226</v>
      </c>
      <c r="L7666">
        <f t="shared" si="856"/>
        <v>0.30735546768698613</v>
      </c>
      <c r="M7666">
        <f t="shared" si="857"/>
        <v>0</v>
      </c>
      <c r="N7666" s="45">
        <f t="shared" si="858"/>
        <v>45244.99999998149</v>
      </c>
    </row>
    <row r="7667" spans="2:14" x14ac:dyDescent="0.25">
      <c r="B7667">
        <f t="shared" si="852"/>
        <v>3</v>
      </c>
      <c r="C7667" s="16">
        <v>7633</v>
      </c>
      <c r="D7667" cm="1">
        <f t="array" ref="D7667">IFERROR(INDEX(Jesper!AH$2:AH$366,ROUNDDOWN($C7667/24,0)+1,1)*INDEX($D$3:$AA$30,INDEX(Jesper!$R$2:$R$366,ROW(INDEX(Jesper!AH$2:AH$366,ROUNDDOWN($C7667/24,0)+1,1))-1)+IF('Standard Profiles'!$G$18=$B$10,7,0)+IF('Standard Profiles'!$G$18=$B$17,14,0)+IF('Standard Profiles'!$G$18=$B$24,21,0),MOD($C7667,24)+1)/SUM(INDEX($D$3:$AA$30,INDEX(Jesper!$R$2:$R$366,ROW(INDEX(Jesper!AH$2:AH$366,ROUNDDOWN($C7667/24,0)+1,1))-1)+IF('Standard Profiles'!$G$18=$B$10,7,0)+IF('Standard Profiles'!$G$18=$B$17,14,0)+IF('Standard Profiles'!$G$18=$B$24,21,0),0)),0)</f>
        <v>5.7629150191309897</v>
      </c>
      <c r="E7667" cm="1">
        <f t="array" ref="E7667">IFERROR(INDEX(Jesper!AI$2:AI$366,ROUNDDOWN($C7667/24,0)+1,1)*INDEX($D$3:$AA$30,INDEX(Jesper!$R$2:$R$366,ROW(INDEX(Jesper!AI$2:AI$366,ROUNDDOWN($C7667/24,0)+1,1))-1)+IF('Standard Profiles'!$G$19=$B$10,7,0)+IF('Standard Profiles'!$G$19=$B$17,14,0)+IF('Standard Profiles'!$G$19=$B$24,21,0),MOD($C7667,24)+1)/SUM(INDEX($D$3:$AA$30,INDEX(Jesper!$R$2:$R$366,ROW(INDEX(Jesper!AI$2:AI$366,ROUNDDOWN($C7667/24,0)+1,1))-1)+IF('Standard Profiles'!$G$19=$B$10,7,0)+IF('Standard Profiles'!$G$19=$B$17,14,0)+IF('Standard Profiles'!$G$19=$B$24,21,0),0)),0)</f>
        <v>4.4199080032187323</v>
      </c>
      <c r="F7667" cm="1">
        <f t="array" ref="F7667">IFERROR(INDEX(Jesper!AJ$2:AJ$366,ROUNDDOWN($C7667/24,0)+1,1)*INDEX($D$3:$AA$30,INDEX(Jesper!$R$2:$R$366,ROW(INDEX(Jesper!AJ$2:AJ$366,ROUNDDOWN($C7667/24,0)+1,1))-1)+IF('Standard Profiles'!$G$20=$B$10,7,0)+IF('Standard Profiles'!$G$20=$B$17,14,0)+IF('Standard Profiles'!$G$20=$B$24,21,0),MOD($C7667,24)+1)/SUM(INDEX($D$3:$AA$30,INDEX(Jesper!$R$2:$R$366,ROW(INDEX(Jesper!AJ$2:AJ$366,ROUNDDOWN($C7667/24,0)+1,1))-1)+IF('Standard Profiles'!$G$20=$B$10,7,0)+IF('Standard Profiles'!$G$20=$B$17,14,0)+IF('Standard Profiles'!$G$20=$B$24,21,0),0)),0)</f>
        <v>0</v>
      </c>
      <c r="G7667" cm="1">
        <f t="array" ref="G7667">IFERROR(INDEX(Jesper!AK$2:AK$366,ROUNDDOWN($C7667/24,0)+1,1)*INDEX($D$3:$AA$30,INDEX(Jesper!$R$2:$R$366,ROW(INDEX(Jesper!AK$2:AK$366,ROUNDDOWN($C7667/24,0)+1,1))-1)+IF('Standard Profiles'!$G$21=$B$10,7,0)+IF('Standard Profiles'!$G$21=$B$17,14,0)+IF('Standard Profiles'!$G$21=$B$24,21,0),MOD($C7667,24)+1)/SUM(INDEX($D$3:$AA$30,INDEX(Jesper!$R$2:$R$366,ROW(INDEX(Jesper!AK$2:AK$366,ROUNDDOWN($C7667/24,0)+1,1))-1)+IF('Standard Profiles'!$G$21=$B$10,7,0)+IF('Standard Profiles'!$G$21=$B$17,14,0)+IF('Standard Profiles'!$G$21=$B$24,21,0),0)),0)</f>
        <v>1.7733593746933938</v>
      </c>
      <c r="H7667" cm="1">
        <f t="array" ref="H7667">IFERROR(INDEX(Jesper!AL$2:AL$366,ROUNDDOWN($C7667/24,0)+1,1)*INDEX($D$3:$AA$30,INDEX(Jesper!$R$2:$R$366,ROW(INDEX(Jesper!AL$2:AL$366,ROUNDDOWN($C7667/24,0)+1,1))-1)+IF('Standard Profiles'!$G$22=$B$10,7,0)+IF('Standard Profiles'!$G$22=$B$17,14,0)+IF('Standard Profiles'!$G$22=$B$24,21,0),MOD($C7667,24)+1)/SUM(INDEX($D$3:$AA$30,INDEX(Jesper!$R$2:$R$366,ROW(INDEX(Jesper!AL$2:AL$366,ROUNDDOWN($C7667/24,0)+1,1))-1)+IF('Standard Profiles'!$G$22=$B$10,7,0)+IF('Standard Profiles'!$G$22=$B$17,14,0)+IF('Standard Profiles'!$G$22=$B$24,21,0),0)),0)</f>
        <v>0</v>
      </c>
      <c r="I7667">
        <f t="shared" si="853"/>
        <v>0.85121249985282854</v>
      </c>
      <c r="J7667">
        <f t="shared" si="854"/>
        <v>10.182903494129329</v>
      </c>
      <c r="K7667">
        <f t="shared" si="855"/>
        <v>0.61471093537397226</v>
      </c>
      <c r="L7667">
        <f t="shared" si="856"/>
        <v>0.30735546768698613</v>
      </c>
      <c r="M7667">
        <f t="shared" si="857"/>
        <v>0</v>
      </c>
      <c r="N7667" s="45">
        <f t="shared" si="858"/>
        <v>45245.041666648154</v>
      </c>
    </row>
    <row r="7668" spans="2:14" x14ac:dyDescent="0.25">
      <c r="B7668">
        <f t="shared" si="852"/>
        <v>3</v>
      </c>
      <c r="C7668" s="16">
        <v>7634</v>
      </c>
      <c r="D7668" cm="1">
        <f t="array" ref="D7668">IFERROR(INDEX(Jesper!AH$2:AH$366,ROUNDDOWN($C7668/24,0)+1,1)*INDEX($D$3:$AA$30,INDEX(Jesper!$R$2:$R$366,ROW(INDEX(Jesper!AH$2:AH$366,ROUNDDOWN($C7668/24,0)+1,1))-1)+IF('Standard Profiles'!$G$18=$B$10,7,0)+IF('Standard Profiles'!$G$18=$B$17,14,0)+IF('Standard Profiles'!$G$18=$B$24,21,0),MOD($C7668,24)+1)/SUM(INDEX($D$3:$AA$30,INDEX(Jesper!$R$2:$R$366,ROW(INDEX(Jesper!AH$2:AH$366,ROUNDDOWN($C7668/24,0)+1,1))-1)+IF('Standard Profiles'!$G$18=$B$10,7,0)+IF('Standard Profiles'!$G$18=$B$17,14,0)+IF('Standard Profiles'!$G$18=$B$24,21,0),0)),0)</f>
        <v>5.7629150191309897</v>
      </c>
      <c r="E7668" cm="1">
        <f t="array" ref="E7668">IFERROR(INDEX(Jesper!AI$2:AI$366,ROUNDDOWN($C7668/24,0)+1,1)*INDEX($D$3:$AA$30,INDEX(Jesper!$R$2:$R$366,ROW(INDEX(Jesper!AI$2:AI$366,ROUNDDOWN($C7668/24,0)+1,1))-1)+IF('Standard Profiles'!$G$19=$B$10,7,0)+IF('Standard Profiles'!$G$19=$B$17,14,0)+IF('Standard Profiles'!$G$19=$B$24,21,0),MOD($C7668,24)+1)/SUM(INDEX($D$3:$AA$30,INDEX(Jesper!$R$2:$R$366,ROW(INDEX(Jesper!AI$2:AI$366,ROUNDDOWN($C7668/24,0)+1,1))-1)+IF('Standard Profiles'!$G$19=$B$10,7,0)+IF('Standard Profiles'!$G$19=$B$17,14,0)+IF('Standard Profiles'!$G$19=$B$24,21,0),0)),0)</f>
        <v>4.4199080032187323</v>
      </c>
      <c r="F7668" cm="1">
        <f t="array" ref="F7668">IFERROR(INDEX(Jesper!AJ$2:AJ$366,ROUNDDOWN($C7668/24,0)+1,1)*INDEX($D$3:$AA$30,INDEX(Jesper!$R$2:$R$366,ROW(INDEX(Jesper!AJ$2:AJ$366,ROUNDDOWN($C7668/24,0)+1,1))-1)+IF('Standard Profiles'!$G$20=$B$10,7,0)+IF('Standard Profiles'!$G$20=$B$17,14,0)+IF('Standard Profiles'!$G$20=$B$24,21,0),MOD($C7668,24)+1)/SUM(INDEX($D$3:$AA$30,INDEX(Jesper!$R$2:$R$366,ROW(INDEX(Jesper!AJ$2:AJ$366,ROUNDDOWN($C7668/24,0)+1,1))-1)+IF('Standard Profiles'!$G$20=$B$10,7,0)+IF('Standard Profiles'!$G$20=$B$17,14,0)+IF('Standard Profiles'!$G$20=$B$24,21,0),0)),0)</f>
        <v>0</v>
      </c>
      <c r="G7668" cm="1">
        <f t="array" ref="G7668">IFERROR(INDEX(Jesper!AK$2:AK$366,ROUNDDOWN($C7668/24,0)+1,1)*INDEX($D$3:$AA$30,INDEX(Jesper!$R$2:$R$366,ROW(INDEX(Jesper!AK$2:AK$366,ROUNDDOWN($C7668/24,0)+1,1))-1)+IF('Standard Profiles'!$G$21=$B$10,7,0)+IF('Standard Profiles'!$G$21=$B$17,14,0)+IF('Standard Profiles'!$G$21=$B$24,21,0),MOD($C7668,24)+1)/SUM(INDEX($D$3:$AA$30,INDEX(Jesper!$R$2:$R$366,ROW(INDEX(Jesper!AK$2:AK$366,ROUNDDOWN($C7668/24,0)+1,1))-1)+IF('Standard Profiles'!$G$21=$B$10,7,0)+IF('Standard Profiles'!$G$21=$B$17,14,0)+IF('Standard Profiles'!$G$21=$B$24,21,0),0)),0)</f>
        <v>1.7733593746933938</v>
      </c>
      <c r="H7668" cm="1">
        <f t="array" ref="H7668">IFERROR(INDEX(Jesper!AL$2:AL$366,ROUNDDOWN($C7668/24,0)+1,1)*INDEX($D$3:$AA$30,INDEX(Jesper!$R$2:$R$366,ROW(INDEX(Jesper!AL$2:AL$366,ROUNDDOWN($C7668/24,0)+1,1))-1)+IF('Standard Profiles'!$G$22=$B$10,7,0)+IF('Standard Profiles'!$G$22=$B$17,14,0)+IF('Standard Profiles'!$G$22=$B$24,21,0),MOD($C7668,24)+1)/SUM(INDEX($D$3:$AA$30,INDEX(Jesper!$R$2:$R$366,ROW(INDEX(Jesper!AL$2:AL$366,ROUNDDOWN($C7668/24,0)+1,1))-1)+IF('Standard Profiles'!$G$22=$B$10,7,0)+IF('Standard Profiles'!$G$22=$B$17,14,0)+IF('Standard Profiles'!$G$22=$B$24,21,0),0)),0)</f>
        <v>0</v>
      </c>
      <c r="I7668">
        <f t="shared" si="853"/>
        <v>0.85121249985282854</v>
      </c>
      <c r="J7668">
        <f t="shared" si="854"/>
        <v>10.182903494129329</v>
      </c>
      <c r="K7668">
        <f t="shared" si="855"/>
        <v>0.61471093537397226</v>
      </c>
      <c r="L7668">
        <f t="shared" si="856"/>
        <v>0.30735546768698613</v>
      </c>
      <c r="M7668">
        <f t="shared" si="857"/>
        <v>0</v>
      </c>
      <c r="N7668" s="45">
        <f t="shared" si="858"/>
        <v>45245.083333314818</v>
      </c>
    </row>
    <row r="7669" spans="2:14" x14ac:dyDescent="0.25">
      <c r="B7669">
        <f t="shared" si="852"/>
        <v>3</v>
      </c>
      <c r="C7669" s="16">
        <v>7635</v>
      </c>
      <c r="D7669" cm="1">
        <f t="array" ref="D7669">IFERROR(INDEX(Jesper!AH$2:AH$366,ROUNDDOWN($C7669/24,0)+1,1)*INDEX($D$3:$AA$30,INDEX(Jesper!$R$2:$R$366,ROW(INDEX(Jesper!AH$2:AH$366,ROUNDDOWN($C7669/24,0)+1,1))-1)+IF('Standard Profiles'!$G$18=$B$10,7,0)+IF('Standard Profiles'!$G$18=$B$17,14,0)+IF('Standard Profiles'!$G$18=$B$24,21,0),MOD($C7669,24)+1)/SUM(INDEX($D$3:$AA$30,INDEX(Jesper!$R$2:$R$366,ROW(INDEX(Jesper!AH$2:AH$366,ROUNDDOWN($C7669/24,0)+1,1))-1)+IF('Standard Profiles'!$G$18=$B$10,7,0)+IF('Standard Profiles'!$G$18=$B$17,14,0)+IF('Standard Profiles'!$G$18=$B$24,21,0),0)),0)</f>
        <v>5.7629150191309897</v>
      </c>
      <c r="E7669" cm="1">
        <f t="array" ref="E7669">IFERROR(INDEX(Jesper!AI$2:AI$366,ROUNDDOWN($C7669/24,0)+1,1)*INDEX($D$3:$AA$30,INDEX(Jesper!$R$2:$R$366,ROW(INDEX(Jesper!AI$2:AI$366,ROUNDDOWN($C7669/24,0)+1,1))-1)+IF('Standard Profiles'!$G$19=$B$10,7,0)+IF('Standard Profiles'!$G$19=$B$17,14,0)+IF('Standard Profiles'!$G$19=$B$24,21,0),MOD($C7669,24)+1)/SUM(INDEX($D$3:$AA$30,INDEX(Jesper!$R$2:$R$366,ROW(INDEX(Jesper!AI$2:AI$366,ROUNDDOWN($C7669/24,0)+1,1))-1)+IF('Standard Profiles'!$G$19=$B$10,7,0)+IF('Standard Profiles'!$G$19=$B$17,14,0)+IF('Standard Profiles'!$G$19=$B$24,21,0),0)),0)</f>
        <v>4.4199080032187323</v>
      </c>
      <c r="F7669" cm="1">
        <f t="array" ref="F7669">IFERROR(INDEX(Jesper!AJ$2:AJ$366,ROUNDDOWN($C7669/24,0)+1,1)*INDEX($D$3:$AA$30,INDEX(Jesper!$R$2:$R$366,ROW(INDEX(Jesper!AJ$2:AJ$366,ROUNDDOWN($C7669/24,0)+1,1))-1)+IF('Standard Profiles'!$G$20=$B$10,7,0)+IF('Standard Profiles'!$G$20=$B$17,14,0)+IF('Standard Profiles'!$G$20=$B$24,21,0),MOD($C7669,24)+1)/SUM(INDEX($D$3:$AA$30,INDEX(Jesper!$R$2:$R$366,ROW(INDEX(Jesper!AJ$2:AJ$366,ROUNDDOWN($C7669/24,0)+1,1))-1)+IF('Standard Profiles'!$G$20=$B$10,7,0)+IF('Standard Profiles'!$G$20=$B$17,14,0)+IF('Standard Profiles'!$G$20=$B$24,21,0),0)),0)</f>
        <v>0</v>
      </c>
      <c r="G7669" cm="1">
        <f t="array" ref="G7669">IFERROR(INDEX(Jesper!AK$2:AK$366,ROUNDDOWN($C7669/24,0)+1,1)*INDEX($D$3:$AA$30,INDEX(Jesper!$R$2:$R$366,ROW(INDEX(Jesper!AK$2:AK$366,ROUNDDOWN($C7669/24,0)+1,1))-1)+IF('Standard Profiles'!$G$21=$B$10,7,0)+IF('Standard Profiles'!$G$21=$B$17,14,0)+IF('Standard Profiles'!$G$21=$B$24,21,0),MOD($C7669,24)+1)/SUM(INDEX($D$3:$AA$30,INDEX(Jesper!$R$2:$R$366,ROW(INDEX(Jesper!AK$2:AK$366,ROUNDDOWN($C7669/24,0)+1,1))-1)+IF('Standard Profiles'!$G$21=$B$10,7,0)+IF('Standard Profiles'!$G$21=$B$17,14,0)+IF('Standard Profiles'!$G$21=$B$24,21,0),0)),0)</f>
        <v>1.7733593746933938</v>
      </c>
      <c r="H7669" cm="1">
        <f t="array" ref="H7669">IFERROR(INDEX(Jesper!AL$2:AL$366,ROUNDDOWN($C7669/24,0)+1,1)*INDEX($D$3:$AA$30,INDEX(Jesper!$R$2:$R$366,ROW(INDEX(Jesper!AL$2:AL$366,ROUNDDOWN($C7669/24,0)+1,1))-1)+IF('Standard Profiles'!$G$22=$B$10,7,0)+IF('Standard Profiles'!$G$22=$B$17,14,0)+IF('Standard Profiles'!$G$22=$B$24,21,0),MOD($C7669,24)+1)/SUM(INDEX($D$3:$AA$30,INDEX(Jesper!$R$2:$R$366,ROW(INDEX(Jesper!AL$2:AL$366,ROUNDDOWN($C7669/24,0)+1,1))-1)+IF('Standard Profiles'!$G$22=$B$10,7,0)+IF('Standard Profiles'!$G$22=$B$17,14,0)+IF('Standard Profiles'!$G$22=$B$24,21,0),0)),0)</f>
        <v>0</v>
      </c>
      <c r="I7669">
        <f t="shared" si="853"/>
        <v>0.85121249985282854</v>
      </c>
      <c r="J7669">
        <f t="shared" si="854"/>
        <v>10.182903494129329</v>
      </c>
      <c r="K7669">
        <f t="shared" si="855"/>
        <v>0.61471093537397226</v>
      </c>
      <c r="L7669">
        <f t="shared" si="856"/>
        <v>0.30735546768698613</v>
      </c>
      <c r="M7669">
        <f t="shared" si="857"/>
        <v>0</v>
      </c>
      <c r="N7669" s="45">
        <f t="shared" si="858"/>
        <v>45245.124999981483</v>
      </c>
    </row>
    <row r="7670" spans="2:14" x14ac:dyDescent="0.25">
      <c r="B7670">
        <f t="shared" si="852"/>
        <v>3</v>
      </c>
      <c r="C7670" s="16">
        <v>7636</v>
      </c>
      <c r="D7670" cm="1">
        <f t="array" ref="D7670">IFERROR(INDEX(Jesper!AH$2:AH$366,ROUNDDOWN($C7670/24,0)+1,1)*INDEX($D$3:$AA$30,INDEX(Jesper!$R$2:$R$366,ROW(INDEX(Jesper!AH$2:AH$366,ROUNDDOWN($C7670/24,0)+1,1))-1)+IF('Standard Profiles'!$G$18=$B$10,7,0)+IF('Standard Profiles'!$G$18=$B$17,14,0)+IF('Standard Profiles'!$G$18=$B$24,21,0),MOD($C7670,24)+1)/SUM(INDEX($D$3:$AA$30,INDEX(Jesper!$R$2:$R$366,ROW(INDEX(Jesper!AH$2:AH$366,ROUNDDOWN($C7670/24,0)+1,1))-1)+IF('Standard Profiles'!$G$18=$B$10,7,0)+IF('Standard Profiles'!$G$18=$B$17,14,0)+IF('Standard Profiles'!$G$18=$B$24,21,0),0)),0)</f>
        <v>5.7629150191309897</v>
      </c>
      <c r="E7670" cm="1">
        <f t="array" ref="E7670">IFERROR(INDEX(Jesper!AI$2:AI$366,ROUNDDOWN($C7670/24,0)+1,1)*INDEX($D$3:$AA$30,INDEX(Jesper!$R$2:$R$366,ROW(INDEX(Jesper!AI$2:AI$366,ROUNDDOWN($C7670/24,0)+1,1))-1)+IF('Standard Profiles'!$G$19=$B$10,7,0)+IF('Standard Profiles'!$G$19=$B$17,14,0)+IF('Standard Profiles'!$G$19=$B$24,21,0),MOD($C7670,24)+1)/SUM(INDEX($D$3:$AA$30,INDEX(Jesper!$R$2:$R$366,ROW(INDEX(Jesper!AI$2:AI$366,ROUNDDOWN($C7670/24,0)+1,1))-1)+IF('Standard Profiles'!$G$19=$B$10,7,0)+IF('Standard Profiles'!$G$19=$B$17,14,0)+IF('Standard Profiles'!$G$19=$B$24,21,0),0)),0)</f>
        <v>4.4199080032187323</v>
      </c>
      <c r="F7670" cm="1">
        <f t="array" ref="F7670">IFERROR(INDEX(Jesper!AJ$2:AJ$366,ROUNDDOWN($C7670/24,0)+1,1)*INDEX($D$3:$AA$30,INDEX(Jesper!$R$2:$R$366,ROW(INDEX(Jesper!AJ$2:AJ$366,ROUNDDOWN($C7670/24,0)+1,1))-1)+IF('Standard Profiles'!$G$20=$B$10,7,0)+IF('Standard Profiles'!$G$20=$B$17,14,0)+IF('Standard Profiles'!$G$20=$B$24,21,0),MOD($C7670,24)+1)/SUM(INDEX($D$3:$AA$30,INDEX(Jesper!$R$2:$R$366,ROW(INDEX(Jesper!AJ$2:AJ$366,ROUNDDOWN($C7670/24,0)+1,1))-1)+IF('Standard Profiles'!$G$20=$B$10,7,0)+IF('Standard Profiles'!$G$20=$B$17,14,0)+IF('Standard Profiles'!$G$20=$B$24,21,0),0)),0)</f>
        <v>0</v>
      </c>
      <c r="G7670" cm="1">
        <f t="array" ref="G7670">IFERROR(INDEX(Jesper!AK$2:AK$366,ROUNDDOWN($C7670/24,0)+1,1)*INDEX($D$3:$AA$30,INDEX(Jesper!$R$2:$R$366,ROW(INDEX(Jesper!AK$2:AK$366,ROUNDDOWN($C7670/24,0)+1,1))-1)+IF('Standard Profiles'!$G$21=$B$10,7,0)+IF('Standard Profiles'!$G$21=$B$17,14,0)+IF('Standard Profiles'!$G$21=$B$24,21,0),MOD($C7670,24)+1)/SUM(INDEX($D$3:$AA$30,INDEX(Jesper!$R$2:$R$366,ROW(INDEX(Jesper!AK$2:AK$366,ROUNDDOWN($C7670/24,0)+1,1))-1)+IF('Standard Profiles'!$G$21=$B$10,7,0)+IF('Standard Profiles'!$G$21=$B$17,14,0)+IF('Standard Profiles'!$G$21=$B$24,21,0),0)),0)</f>
        <v>1.7733593746933938</v>
      </c>
      <c r="H7670" cm="1">
        <f t="array" ref="H7670">IFERROR(INDEX(Jesper!AL$2:AL$366,ROUNDDOWN($C7670/24,0)+1,1)*INDEX($D$3:$AA$30,INDEX(Jesper!$R$2:$R$366,ROW(INDEX(Jesper!AL$2:AL$366,ROUNDDOWN($C7670/24,0)+1,1))-1)+IF('Standard Profiles'!$G$22=$B$10,7,0)+IF('Standard Profiles'!$G$22=$B$17,14,0)+IF('Standard Profiles'!$G$22=$B$24,21,0),MOD($C7670,24)+1)/SUM(INDEX($D$3:$AA$30,INDEX(Jesper!$R$2:$R$366,ROW(INDEX(Jesper!AL$2:AL$366,ROUNDDOWN($C7670/24,0)+1,1))-1)+IF('Standard Profiles'!$G$22=$B$10,7,0)+IF('Standard Profiles'!$G$22=$B$17,14,0)+IF('Standard Profiles'!$G$22=$B$24,21,0),0)),0)</f>
        <v>0</v>
      </c>
      <c r="I7670">
        <f t="shared" si="853"/>
        <v>0.85121249985282854</v>
      </c>
      <c r="J7670">
        <f t="shared" si="854"/>
        <v>10.182903494129329</v>
      </c>
      <c r="K7670">
        <f t="shared" si="855"/>
        <v>0.61471093537397226</v>
      </c>
      <c r="L7670">
        <f t="shared" si="856"/>
        <v>0.30735546768698613</v>
      </c>
      <c r="M7670">
        <f t="shared" si="857"/>
        <v>0</v>
      </c>
      <c r="N7670" s="45">
        <f t="shared" si="858"/>
        <v>45245.166666648147</v>
      </c>
    </row>
    <row r="7671" spans="2:14" x14ac:dyDescent="0.25">
      <c r="B7671">
        <f t="shared" si="852"/>
        <v>3</v>
      </c>
      <c r="C7671" s="16">
        <v>7637</v>
      </c>
      <c r="D7671" cm="1">
        <f t="array" ref="D7671">IFERROR(INDEX(Jesper!AH$2:AH$366,ROUNDDOWN($C7671/24,0)+1,1)*INDEX($D$3:$AA$30,INDEX(Jesper!$R$2:$R$366,ROW(INDEX(Jesper!AH$2:AH$366,ROUNDDOWN($C7671/24,0)+1,1))-1)+IF('Standard Profiles'!$G$18=$B$10,7,0)+IF('Standard Profiles'!$G$18=$B$17,14,0)+IF('Standard Profiles'!$G$18=$B$24,21,0),MOD($C7671,24)+1)/SUM(INDEX($D$3:$AA$30,INDEX(Jesper!$R$2:$R$366,ROW(INDEX(Jesper!AH$2:AH$366,ROUNDDOWN($C7671/24,0)+1,1))-1)+IF('Standard Profiles'!$G$18=$B$10,7,0)+IF('Standard Profiles'!$G$18=$B$17,14,0)+IF('Standard Profiles'!$G$18=$B$24,21,0),0)),0)</f>
        <v>5.7629150191309897</v>
      </c>
      <c r="E7671" cm="1">
        <f t="array" ref="E7671">IFERROR(INDEX(Jesper!AI$2:AI$366,ROUNDDOWN($C7671/24,0)+1,1)*INDEX($D$3:$AA$30,INDEX(Jesper!$R$2:$R$366,ROW(INDEX(Jesper!AI$2:AI$366,ROUNDDOWN($C7671/24,0)+1,1))-1)+IF('Standard Profiles'!$G$19=$B$10,7,0)+IF('Standard Profiles'!$G$19=$B$17,14,0)+IF('Standard Profiles'!$G$19=$B$24,21,0),MOD($C7671,24)+1)/SUM(INDEX($D$3:$AA$30,INDEX(Jesper!$R$2:$R$366,ROW(INDEX(Jesper!AI$2:AI$366,ROUNDDOWN($C7671/24,0)+1,1))-1)+IF('Standard Profiles'!$G$19=$B$10,7,0)+IF('Standard Profiles'!$G$19=$B$17,14,0)+IF('Standard Profiles'!$G$19=$B$24,21,0),0)),0)</f>
        <v>4.4199080032187323</v>
      </c>
      <c r="F7671" cm="1">
        <f t="array" ref="F7671">IFERROR(INDEX(Jesper!AJ$2:AJ$366,ROUNDDOWN($C7671/24,0)+1,1)*INDEX($D$3:$AA$30,INDEX(Jesper!$R$2:$R$366,ROW(INDEX(Jesper!AJ$2:AJ$366,ROUNDDOWN($C7671/24,0)+1,1))-1)+IF('Standard Profiles'!$G$20=$B$10,7,0)+IF('Standard Profiles'!$G$20=$B$17,14,0)+IF('Standard Profiles'!$G$20=$B$24,21,0),MOD($C7671,24)+1)/SUM(INDEX($D$3:$AA$30,INDEX(Jesper!$R$2:$R$366,ROW(INDEX(Jesper!AJ$2:AJ$366,ROUNDDOWN($C7671/24,0)+1,1))-1)+IF('Standard Profiles'!$G$20=$B$10,7,0)+IF('Standard Profiles'!$G$20=$B$17,14,0)+IF('Standard Profiles'!$G$20=$B$24,21,0),0)),0)</f>
        <v>0</v>
      </c>
      <c r="G7671" cm="1">
        <f t="array" ref="G7671">IFERROR(INDEX(Jesper!AK$2:AK$366,ROUNDDOWN($C7671/24,0)+1,1)*INDEX($D$3:$AA$30,INDEX(Jesper!$R$2:$R$366,ROW(INDEX(Jesper!AK$2:AK$366,ROUNDDOWN($C7671/24,0)+1,1))-1)+IF('Standard Profiles'!$G$21=$B$10,7,0)+IF('Standard Profiles'!$G$21=$B$17,14,0)+IF('Standard Profiles'!$G$21=$B$24,21,0),MOD($C7671,24)+1)/SUM(INDEX($D$3:$AA$30,INDEX(Jesper!$R$2:$R$366,ROW(INDEX(Jesper!AK$2:AK$366,ROUNDDOWN($C7671/24,0)+1,1))-1)+IF('Standard Profiles'!$G$21=$B$10,7,0)+IF('Standard Profiles'!$G$21=$B$17,14,0)+IF('Standard Profiles'!$G$21=$B$24,21,0),0)),0)</f>
        <v>1.7733593746933938</v>
      </c>
      <c r="H7671" cm="1">
        <f t="array" ref="H7671">IFERROR(INDEX(Jesper!AL$2:AL$366,ROUNDDOWN($C7671/24,0)+1,1)*INDEX($D$3:$AA$30,INDEX(Jesper!$R$2:$R$366,ROW(INDEX(Jesper!AL$2:AL$366,ROUNDDOWN($C7671/24,0)+1,1))-1)+IF('Standard Profiles'!$G$22=$B$10,7,0)+IF('Standard Profiles'!$G$22=$B$17,14,0)+IF('Standard Profiles'!$G$22=$B$24,21,0),MOD($C7671,24)+1)/SUM(INDEX($D$3:$AA$30,INDEX(Jesper!$R$2:$R$366,ROW(INDEX(Jesper!AL$2:AL$366,ROUNDDOWN($C7671/24,0)+1,1))-1)+IF('Standard Profiles'!$G$22=$B$10,7,0)+IF('Standard Profiles'!$G$22=$B$17,14,0)+IF('Standard Profiles'!$G$22=$B$24,21,0),0)),0)</f>
        <v>0</v>
      </c>
      <c r="I7671">
        <f t="shared" si="853"/>
        <v>0.85121249985282854</v>
      </c>
      <c r="J7671">
        <f t="shared" si="854"/>
        <v>10.182903494129329</v>
      </c>
      <c r="K7671">
        <f t="shared" si="855"/>
        <v>0.61471093537397226</v>
      </c>
      <c r="L7671">
        <f t="shared" si="856"/>
        <v>0.30735546768698613</v>
      </c>
      <c r="M7671">
        <f t="shared" si="857"/>
        <v>0</v>
      </c>
      <c r="N7671" s="45">
        <f t="shared" si="858"/>
        <v>45245.208333314811</v>
      </c>
    </row>
    <row r="7672" spans="2:14" x14ac:dyDescent="0.25">
      <c r="B7672">
        <f t="shared" si="852"/>
        <v>3</v>
      </c>
      <c r="C7672" s="16">
        <v>7638</v>
      </c>
      <c r="D7672" cm="1">
        <f t="array" ref="D7672">IFERROR(INDEX(Jesper!AH$2:AH$366,ROUNDDOWN($C7672/24,0)+1,1)*INDEX($D$3:$AA$30,INDEX(Jesper!$R$2:$R$366,ROW(INDEX(Jesper!AH$2:AH$366,ROUNDDOWN($C7672/24,0)+1,1))-1)+IF('Standard Profiles'!$G$18=$B$10,7,0)+IF('Standard Profiles'!$G$18=$B$17,14,0)+IF('Standard Profiles'!$G$18=$B$24,21,0),MOD($C7672,24)+1)/SUM(INDEX($D$3:$AA$30,INDEX(Jesper!$R$2:$R$366,ROW(INDEX(Jesper!AH$2:AH$366,ROUNDDOWN($C7672/24,0)+1,1))-1)+IF('Standard Profiles'!$G$18=$B$10,7,0)+IF('Standard Profiles'!$G$18=$B$17,14,0)+IF('Standard Profiles'!$G$18=$B$24,21,0),0)),0)</f>
        <v>5.7629150191309897</v>
      </c>
      <c r="E7672" cm="1">
        <f t="array" ref="E7672">IFERROR(INDEX(Jesper!AI$2:AI$366,ROUNDDOWN($C7672/24,0)+1,1)*INDEX($D$3:$AA$30,INDEX(Jesper!$R$2:$R$366,ROW(INDEX(Jesper!AI$2:AI$366,ROUNDDOWN($C7672/24,0)+1,1))-1)+IF('Standard Profiles'!$G$19=$B$10,7,0)+IF('Standard Profiles'!$G$19=$B$17,14,0)+IF('Standard Profiles'!$G$19=$B$24,21,0),MOD($C7672,24)+1)/SUM(INDEX($D$3:$AA$30,INDEX(Jesper!$R$2:$R$366,ROW(INDEX(Jesper!AI$2:AI$366,ROUNDDOWN($C7672/24,0)+1,1))-1)+IF('Standard Profiles'!$G$19=$B$10,7,0)+IF('Standard Profiles'!$G$19=$B$17,14,0)+IF('Standard Profiles'!$G$19=$B$24,21,0),0)),0)</f>
        <v>4.4199080032187323</v>
      </c>
      <c r="F7672" cm="1">
        <f t="array" ref="F7672">IFERROR(INDEX(Jesper!AJ$2:AJ$366,ROUNDDOWN($C7672/24,0)+1,1)*INDEX($D$3:$AA$30,INDEX(Jesper!$R$2:$R$366,ROW(INDEX(Jesper!AJ$2:AJ$366,ROUNDDOWN($C7672/24,0)+1,1))-1)+IF('Standard Profiles'!$G$20=$B$10,7,0)+IF('Standard Profiles'!$G$20=$B$17,14,0)+IF('Standard Profiles'!$G$20=$B$24,21,0),MOD($C7672,24)+1)/SUM(INDEX($D$3:$AA$30,INDEX(Jesper!$R$2:$R$366,ROW(INDEX(Jesper!AJ$2:AJ$366,ROUNDDOWN($C7672/24,0)+1,1))-1)+IF('Standard Profiles'!$G$20=$B$10,7,0)+IF('Standard Profiles'!$G$20=$B$17,14,0)+IF('Standard Profiles'!$G$20=$B$24,21,0),0)),0)</f>
        <v>0</v>
      </c>
      <c r="G7672" cm="1">
        <f t="array" ref="G7672">IFERROR(INDEX(Jesper!AK$2:AK$366,ROUNDDOWN($C7672/24,0)+1,1)*INDEX($D$3:$AA$30,INDEX(Jesper!$R$2:$R$366,ROW(INDEX(Jesper!AK$2:AK$366,ROUNDDOWN($C7672/24,0)+1,1))-1)+IF('Standard Profiles'!$G$21=$B$10,7,0)+IF('Standard Profiles'!$G$21=$B$17,14,0)+IF('Standard Profiles'!$G$21=$B$24,21,0),MOD($C7672,24)+1)/SUM(INDEX($D$3:$AA$30,INDEX(Jesper!$R$2:$R$366,ROW(INDEX(Jesper!AK$2:AK$366,ROUNDDOWN($C7672/24,0)+1,1))-1)+IF('Standard Profiles'!$G$21=$B$10,7,0)+IF('Standard Profiles'!$G$21=$B$17,14,0)+IF('Standard Profiles'!$G$21=$B$24,21,0),0)),0)</f>
        <v>1.7733593746933938</v>
      </c>
      <c r="H7672" cm="1">
        <f t="array" ref="H7672">IFERROR(INDEX(Jesper!AL$2:AL$366,ROUNDDOWN($C7672/24,0)+1,1)*INDEX($D$3:$AA$30,INDEX(Jesper!$R$2:$R$366,ROW(INDEX(Jesper!AL$2:AL$366,ROUNDDOWN($C7672/24,0)+1,1))-1)+IF('Standard Profiles'!$G$22=$B$10,7,0)+IF('Standard Profiles'!$G$22=$B$17,14,0)+IF('Standard Profiles'!$G$22=$B$24,21,0),MOD($C7672,24)+1)/SUM(INDEX($D$3:$AA$30,INDEX(Jesper!$R$2:$R$366,ROW(INDEX(Jesper!AL$2:AL$366,ROUNDDOWN($C7672/24,0)+1,1))-1)+IF('Standard Profiles'!$G$22=$B$10,7,0)+IF('Standard Profiles'!$G$22=$B$17,14,0)+IF('Standard Profiles'!$G$22=$B$24,21,0),0)),0)</f>
        <v>0</v>
      </c>
      <c r="I7672">
        <f t="shared" si="853"/>
        <v>0.85121249985282854</v>
      </c>
      <c r="J7672">
        <f t="shared" si="854"/>
        <v>10.182903494129329</v>
      </c>
      <c r="K7672">
        <f t="shared" si="855"/>
        <v>0.61471093537397226</v>
      </c>
      <c r="L7672">
        <f t="shared" si="856"/>
        <v>0.30735546768698613</v>
      </c>
      <c r="M7672">
        <f t="shared" si="857"/>
        <v>0</v>
      </c>
      <c r="N7672" s="45">
        <f t="shared" si="858"/>
        <v>45245.249999981475</v>
      </c>
    </row>
    <row r="7673" spans="2:14" x14ac:dyDescent="0.25">
      <c r="B7673">
        <f t="shared" si="852"/>
        <v>3</v>
      </c>
      <c r="C7673" s="16">
        <v>7639</v>
      </c>
      <c r="D7673" cm="1">
        <f t="array" ref="D7673">IFERROR(INDEX(Jesper!AH$2:AH$366,ROUNDDOWN($C7673/24,0)+1,1)*INDEX($D$3:$AA$30,INDEX(Jesper!$R$2:$R$366,ROW(INDEX(Jesper!AH$2:AH$366,ROUNDDOWN($C7673/24,0)+1,1))-1)+IF('Standard Profiles'!$G$18=$B$10,7,0)+IF('Standard Profiles'!$G$18=$B$17,14,0)+IF('Standard Profiles'!$G$18=$B$24,21,0),MOD($C7673,24)+1)/SUM(INDEX($D$3:$AA$30,INDEX(Jesper!$R$2:$R$366,ROW(INDEX(Jesper!AH$2:AH$366,ROUNDDOWN($C7673/24,0)+1,1))-1)+IF('Standard Profiles'!$G$18=$B$10,7,0)+IF('Standard Profiles'!$G$18=$B$17,14,0)+IF('Standard Profiles'!$G$18=$B$24,21,0),0)),0)</f>
        <v>23.558098063053652</v>
      </c>
      <c r="E7673" cm="1">
        <f t="array" ref="E7673">IFERROR(INDEX(Jesper!AI$2:AI$366,ROUNDDOWN($C7673/24,0)+1,1)*INDEX($D$3:$AA$30,INDEX(Jesper!$R$2:$R$366,ROW(INDEX(Jesper!AI$2:AI$366,ROUNDDOWN($C7673/24,0)+1,1))-1)+IF('Standard Profiles'!$G$19=$B$10,7,0)+IF('Standard Profiles'!$G$19=$B$17,14,0)+IF('Standard Profiles'!$G$19=$B$24,21,0),MOD($C7673,24)+1)/SUM(INDEX($D$3:$AA$30,INDEX(Jesper!$R$2:$R$366,ROW(INDEX(Jesper!AI$2:AI$366,ROUNDDOWN($C7673/24,0)+1,1))-1)+IF('Standard Profiles'!$G$19=$B$10,7,0)+IF('Standard Profiles'!$G$19=$B$17,14,0)+IF('Standard Profiles'!$G$19=$B$24,21,0),0)),0)</f>
        <v>18.06804817073354</v>
      </c>
      <c r="F7673" cm="1">
        <f t="array" ref="F7673">IFERROR(INDEX(Jesper!AJ$2:AJ$366,ROUNDDOWN($C7673/24,0)+1,1)*INDEX($D$3:$AA$30,INDEX(Jesper!$R$2:$R$366,ROW(INDEX(Jesper!AJ$2:AJ$366,ROUNDDOWN($C7673/24,0)+1,1))-1)+IF('Standard Profiles'!$G$20=$B$10,7,0)+IF('Standard Profiles'!$G$20=$B$17,14,0)+IF('Standard Profiles'!$G$20=$B$24,21,0),MOD($C7673,24)+1)/SUM(INDEX($D$3:$AA$30,INDEX(Jesper!$R$2:$R$366,ROW(INDEX(Jesper!AJ$2:AJ$366,ROUNDDOWN($C7673/24,0)+1,1))-1)+IF('Standard Profiles'!$G$20=$B$10,7,0)+IF('Standard Profiles'!$G$20=$B$17,14,0)+IF('Standard Profiles'!$G$20=$B$24,21,0),0)),0)</f>
        <v>0</v>
      </c>
      <c r="G7673" cm="1">
        <f t="array" ref="G7673">IFERROR(INDEX(Jesper!AK$2:AK$366,ROUNDDOWN($C7673/24,0)+1,1)*INDEX($D$3:$AA$30,INDEX(Jesper!$R$2:$R$366,ROW(INDEX(Jesper!AK$2:AK$366,ROUNDDOWN($C7673/24,0)+1,1))-1)+IF('Standard Profiles'!$G$21=$B$10,7,0)+IF('Standard Profiles'!$G$21=$B$17,14,0)+IF('Standard Profiles'!$G$21=$B$24,21,0),MOD($C7673,24)+1)/SUM(INDEX($D$3:$AA$30,INDEX(Jesper!$R$2:$R$366,ROW(INDEX(Jesper!AK$2:AK$366,ROUNDDOWN($C7673/24,0)+1,1))-1)+IF('Standard Profiles'!$G$21=$B$10,7,0)+IF('Standard Profiles'!$G$21=$B$17,14,0)+IF('Standard Profiles'!$G$21=$B$24,21,0),0)),0)</f>
        <v>4.8856050772802995</v>
      </c>
      <c r="H7673" cm="1">
        <f t="array" ref="H7673">IFERROR(INDEX(Jesper!AL$2:AL$366,ROUNDDOWN($C7673/24,0)+1,1)*INDEX($D$3:$AA$30,INDEX(Jesper!$R$2:$R$366,ROW(INDEX(Jesper!AL$2:AL$366,ROUNDDOWN($C7673/24,0)+1,1))-1)+IF('Standard Profiles'!$G$22=$B$10,7,0)+IF('Standard Profiles'!$G$22=$B$17,14,0)+IF('Standard Profiles'!$G$22=$B$24,21,0),MOD($C7673,24)+1)/SUM(INDEX($D$3:$AA$30,INDEX(Jesper!$R$2:$R$366,ROW(INDEX(Jesper!AL$2:AL$366,ROUNDDOWN($C7673/24,0)+1,1))-1)+IF('Standard Profiles'!$G$22=$B$10,7,0)+IF('Standard Profiles'!$G$22=$B$17,14,0)+IF('Standard Profiles'!$G$22=$B$24,21,0),0)),0)</f>
        <v>0</v>
      </c>
      <c r="I7673">
        <f t="shared" si="853"/>
        <v>2.3450904370945427</v>
      </c>
      <c r="J7673">
        <f t="shared" si="854"/>
        <v>40.397365183884361</v>
      </c>
      <c r="K7673">
        <f t="shared" si="855"/>
        <v>2.5128637933923899</v>
      </c>
      <c r="L7673">
        <f t="shared" si="856"/>
        <v>1.2564318966961949</v>
      </c>
      <c r="M7673">
        <f t="shared" si="857"/>
        <v>0</v>
      </c>
      <c r="N7673" s="45">
        <f t="shared" si="858"/>
        <v>45245.29166664814</v>
      </c>
    </row>
    <row r="7674" spans="2:14" x14ac:dyDescent="0.25">
      <c r="B7674">
        <f t="shared" si="852"/>
        <v>3</v>
      </c>
      <c r="C7674" s="16">
        <v>7640</v>
      </c>
      <c r="D7674" cm="1">
        <f t="array" ref="D7674">IFERROR(INDEX(Jesper!AH$2:AH$366,ROUNDDOWN($C7674/24,0)+1,1)*INDEX($D$3:$AA$30,INDEX(Jesper!$R$2:$R$366,ROW(INDEX(Jesper!AH$2:AH$366,ROUNDDOWN($C7674/24,0)+1,1))-1)+IF('Standard Profiles'!$G$18=$B$10,7,0)+IF('Standard Profiles'!$G$18=$B$17,14,0)+IF('Standard Profiles'!$G$18=$B$24,21,0),MOD($C7674,24)+1)/SUM(INDEX($D$3:$AA$30,INDEX(Jesper!$R$2:$R$366,ROW(INDEX(Jesper!AH$2:AH$366,ROUNDDOWN($C7674/24,0)+1,1))-1)+IF('Standard Profiles'!$G$18=$B$10,7,0)+IF('Standard Profiles'!$G$18=$B$17,14,0)+IF('Standard Profiles'!$G$18=$B$24,21,0),0)),0)</f>
        <v>26.285877838775654</v>
      </c>
      <c r="E7674" cm="1">
        <f t="array" ref="E7674">IFERROR(INDEX(Jesper!AI$2:AI$366,ROUNDDOWN($C7674/24,0)+1,1)*INDEX($D$3:$AA$30,INDEX(Jesper!$R$2:$R$366,ROW(INDEX(Jesper!AI$2:AI$366,ROUNDDOWN($C7674/24,0)+1,1))-1)+IF('Standard Profiles'!$G$19=$B$10,7,0)+IF('Standard Profiles'!$G$19=$B$17,14,0)+IF('Standard Profiles'!$G$19=$B$24,21,0),MOD($C7674,24)+1)/SUM(INDEX($D$3:$AA$30,INDEX(Jesper!$R$2:$R$366,ROW(INDEX(Jesper!AI$2:AI$366,ROUNDDOWN($C7674/24,0)+1,1))-1)+IF('Standard Profiles'!$G$19=$B$10,7,0)+IF('Standard Profiles'!$G$19=$B$17,14,0)+IF('Standard Profiles'!$G$19=$B$24,21,0),0)),0)</f>
        <v>20.160137958923745</v>
      </c>
      <c r="F7674" cm="1">
        <f t="array" ref="F7674">IFERROR(INDEX(Jesper!AJ$2:AJ$366,ROUNDDOWN($C7674/24,0)+1,1)*INDEX($D$3:$AA$30,INDEX(Jesper!$R$2:$R$366,ROW(INDEX(Jesper!AJ$2:AJ$366,ROUNDDOWN($C7674/24,0)+1,1))-1)+IF('Standard Profiles'!$G$20=$B$10,7,0)+IF('Standard Profiles'!$G$20=$B$17,14,0)+IF('Standard Profiles'!$G$20=$B$24,21,0),MOD($C7674,24)+1)/SUM(INDEX($D$3:$AA$30,INDEX(Jesper!$R$2:$R$366,ROW(INDEX(Jesper!AJ$2:AJ$366,ROUNDDOWN($C7674/24,0)+1,1))-1)+IF('Standard Profiles'!$G$20=$B$10,7,0)+IF('Standard Profiles'!$G$20=$B$17,14,0)+IF('Standard Profiles'!$G$20=$B$24,21,0),0)),0)</f>
        <v>0</v>
      </c>
      <c r="G7674" cm="1">
        <f t="array" ref="G7674">IFERROR(INDEX(Jesper!AK$2:AK$366,ROUNDDOWN($C7674/24,0)+1,1)*INDEX($D$3:$AA$30,INDEX(Jesper!$R$2:$R$366,ROW(INDEX(Jesper!AK$2:AK$366,ROUNDDOWN($C7674/24,0)+1,1))-1)+IF('Standard Profiles'!$G$21=$B$10,7,0)+IF('Standard Profiles'!$G$21=$B$17,14,0)+IF('Standard Profiles'!$G$21=$B$24,21,0),MOD($C7674,24)+1)/SUM(INDEX($D$3:$AA$30,INDEX(Jesper!$R$2:$R$366,ROW(INDEX(Jesper!AK$2:AK$366,ROUNDDOWN($C7674/24,0)+1,1))-1)+IF('Standard Profiles'!$G$21=$B$10,7,0)+IF('Standard Profiles'!$G$21=$B$17,14,0)+IF('Standard Profiles'!$G$21=$B$24,21,0),0)),0)</f>
        <v>5.4513067178074923</v>
      </c>
      <c r="H7674" cm="1">
        <f t="array" ref="H7674">IFERROR(INDEX(Jesper!AL$2:AL$366,ROUNDDOWN($C7674/24,0)+1,1)*INDEX($D$3:$AA$30,INDEX(Jesper!$R$2:$R$366,ROW(INDEX(Jesper!AL$2:AL$366,ROUNDDOWN($C7674/24,0)+1,1))-1)+IF('Standard Profiles'!$G$22=$B$10,7,0)+IF('Standard Profiles'!$G$22=$B$17,14,0)+IF('Standard Profiles'!$G$22=$B$24,21,0),MOD($C7674,24)+1)/SUM(INDEX($D$3:$AA$30,INDEX(Jesper!$R$2:$R$366,ROW(INDEX(Jesper!AL$2:AL$366,ROUNDDOWN($C7674/24,0)+1,1))-1)+IF('Standard Profiles'!$G$22=$B$10,7,0)+IF('Standard Profiles'!$G$22=$B$17,14,0)+IF('Standard Profiles'!$G$22=$B$24,21,0),0)),0)</f>
        <v>0</v>
      </c>
      <c r="I7674">
        <f t="shared" si="853"/>
        <v>2.616627224547595</v>
      </c>
      <c r="J7674">
        <f t="shared" si="854"/>
        <v>45.074954836755197</v>
      </c>
      <c r="K7674">
        <f t="shared" si="855"/>
        <v>2.8038269694694034</v>
      </c>
      <c r="L7674">
        <f t="shared" si="856"/>
        <v>1.4019134847347017</v>
      </c>
      <c r="M7674">
        <f t="shared" si="857"/>
        <v>0</v>
      </c>
      <c r="N7674" s="45">
        <f t="shared" si="858"/>
        <v>45245.333333314804</v>
      </c>
    </row>
    <row r="7675" spans="2:14" x14ac:dyDescent="0.25">
      <c r="B7675">
        <f t="shared" si="852"/>
        <v>3</v>
      </c>
      <c r="C7675" s="16">
        <v>7641</v>
      </c>
      <c r="D7675" cm="1">
        <f t="array" ref="D7675">IFERROR(INDEX(Jesper!AH$2:AH$366,ROUNDDOWN($C7675/24,0)+1,1)*INDEX($D$3:$AA$30,INDEX(Jesper!$R$2:$R$366,ROW(INDEX(Jesper!AH$2:AH$366,ROUNDDOWN($C7675/24,0)+1,1))-1)+IF('Standard Profiles'!$G$18=$B$10,7,0)+IF('Standard Profiles'!$G$18=$B$17,14,0)+IF('Standard Profiles'!$G$18=$B$24,21,0),MOD($C7675,24)+1)/SUM(INDEX($D$3:$AA$30,INDEX(Jesper!$R$2:$R$366,ROW(INDEX(Jesper!AH$2:AH$366,ROUNDDOWN($C7675/24,0)+1,1))-1)+IF('Standard Profiles'!$G$18=$B$10,7,0)+IF('Standard Profiles'!$G$18=$B$17,14,0)+IF('Standard Profiles'!$G$18=$B$24,21,0),0)),0)</f>
        <v>29.01365761449766</v>
      </c>
      <c r="E7675" cm="1">
        <f t="array" ref="E7675">IFERROR(INDEX(Jesper!AI$2:AI$366,ROUNDDOWN($C7675/24,0)+1,1)*INDEX($D$3:$AA$30,INDEX(Jesper!$R$2:$R$366,ROW(INDEX(Jesper!AI$2:AI$366,ROUNDDOWN($C7675/24,0)+1,1))-1)+IF('Standard Profiles'!$G$19=$B$10,7,0)+IF('Standard Profiles'!$G$19=$B$17,14,0)+IF('Standard Profiles'!$G$19=$B$24,21,0),MOD($C7675,24)+1)/SUM(INDEX($D$3:$AA$30,INDEX(Jesper!$R$2:$R$366,ROW(INDEX(Jesper!AI$2:AI$366,ROUNDDOWN($C7675/24,0)+1,1))-1)+IF('Standard Profiles'!$G$19=$B$10,7,0)+IF('Standard Profiles'!$G$19=$B$17,14,0)+IF('Standard Profiles'!$G$19=$B$24,21,0),0)),0)</f>
        <v>22.252227747113945</v>
      </c>
      <c r="F7675" cm="1">
        <f t="array" ref="F7675">IFERROR(INDEX(Jesper!AJ$2:AJ$366,ROUNDDOWN($C7675/24,0)+1,1)*INDEX($D$3:$AA$30,INDEX(Jesper!$R$2:$R$366,ROW(INDEX(Jesper!AJ$2:AJ$366,ROUNDDOWN($C7675/24,0)+1,1))-1)+IF('Standard Profiles'!$G$20=$B$10,7,0)+IF('Standard Profiles'!$G$20=$B$17,14,0)+IF('Standard Profiles'!$G$20=$B$24,21,0),MOD($C7675,24)+1)/SUM(INDEX($D$3:$AA$30,INDEX(Jesper!$R$2:$R$366,ROW(INDEX(Jesper!AJ$2:AJ$366,ROUNDDOWN($C7675/24,0)+1,1))-1)+IF('Standard Profiles'!$G$20=$B$10,7,0)+IF('Standard Profiles'!$G$20=$B$17,14,0)+IF('Standard Profiles'!$G$20=$B$24,21,0),0)),0)</f>
        <v>0</v>
      </c>
      <c r="G7675" cm="1">
        <f t="array" ref="G7675">IFERROR(INDEX(Jesper!AK$2:AK$366,ROUNDDOWN($C7675/24,0)+1,1)*INDEX($D$3:$AA$30,INDEX(Jesper!$R$2:$R$366,ROW(INDEX(Jesper!AK$2:AK$366,ROUNDDOWN($C7675/24,0)+1,1))-1)+IF('Standard Profiles'!$G$21=$B$10,7,0)+IF('Standard Profiles'!$G$21=$B$17,14,0)+IF('Standard Profiles'!$G$21=$B$24,21,0),MOD($C7675,24)+1)/SUM(INDEX($D$3:$AA$30,INDEX(Jesper!$R$2:$R$366,ROW(INDEX(Jesper!AK$2:AK$366,ROUNDDOWN($C7675/24,0)+1,1))-1)+IF('Standard Profiles'!$G$21=$B$10,7,0)+IF('Standard Profiles'!$G$21=$B$17,14,0)+IF('Standard Profiles'!$G$21=$B$24,21,0),0)),0)</f>
        <v>6.0170083583346843</v>
      </c>
      <c r="H7675" cm="1">
        <f t="array" ref="H7675">IFERROR(INDEX(Jesper!AL$2:AL$366,ROUNDDOWN($C7675/24,0)+1,1)*INDEX($D$3:$AA$30,INDEX(Jesper!$R$2:$R$366,ROW(INDEX(Jesper!AL$2:AL$366,ROUNDDOWN($C7675/24,0)+1,1))-1)+IF('Standard Profiles'!$G$22=$B$10,7,0)+IF('Standard Profiles'!$G$22=$B$17,14,0)+IF('Standard Profiles'!$G$22=$B$24,21,0),MOD($C7675,24)+1)/SUM(INDEX($D$3:$AA$30,INDEX(Jesper!$R$2:$R$366,ROW(INDEX(Jesper!AL$2:AL$366,ROUNDDOWN($C7675/24,0)+1,1))-1)+IF('Standard Profiles'!$G$22=$B$10,7,0)+IF('Standard Profiles'!$G$22=$B$17,14,0)+IF('Standard Profiles'!$G$22=$B$24,21,0),0)),0)</f>
        <v>0</v>
      </c>
      <c r="I7675">
        <f t="shared" si="853"/>
        <v>2.8881640120006469</v>
      </c>
      <c r="J7675">
        <f t="shared" si="854"/>
        <v>49.752544489626018</v>
      </c>
      <c r="K7675">
        <f t="shared" si="855"/>
        <v>3.0947901455464173</v>
      </c>
      <c r="L7675">
        <f t="shared" si="856"/>
        <v>1.5473950727732086</v>
      </c>
      <c r="M7675">
        <f t="shared" si="857"/>
        <v>0</v>
      </c>
      <c r="N7675" s="45">
        <f t="shared" si="858"/>
        <v>45245.374999981468</v>
      </c>
    </row>
    <row r="7676" spans="2:14" x14ac:dyDescent="0.25">
      <c r="B7676">
        <f t="shared" si="852"/>
        <v>3</v>
      </c>
      <c r="C7676" s="16">
        <v>7642</v>
      </c>
      <c r="D7676" cm="1">
        <f t="array" ref="D7676">IFERROR(INDEX(Jesper!AH$2:AH$366,ROUNDDOWN($C7676/24,0)+1,1)*INDEX($D$3:$AA$30,INDEX(Jesper!$R$2:$R$366,ROW(INDEX(Jesper!AH$2:AH$366,ROUNDDOWN($C7676/24,0)+1,1))-1)+IF('Standard Profiles'!$G$18=$B$10,7,0)+IF('Standard Profiles'!$G$18=$B$17,14,0)+IF('Standard Profiles'!$G$18=$B$24,21,0),MOD($C7676,24)+1)/SUM(INDEX($D$3:$AA$30,INDEX(Jesper!$R$2:$R$366,ROW(INDEX(Jesper!AH$2:AH$366,ROUNDDOWN($C7676/24,0)+1,1))-1)+IF('Standard Profiles'!$G$18=$B$10,7,0)+IF('Standard Profiles'!$G$18=$B$17,14,0)+IF('Standard Profiles'!$G$18=$B$24,21,0),0)),0)</f>
        <v>29.01365761449766</v>
      </c>
      <c r="E7676" cm="1">
        <f t="array" ref="E7676">IFERROR(INDEX(Jesper!AI$2:AI$366,ROUNDDOWN($C7676/24,0)+1,1)*INDEX($D$3:$AA$30,INDEX(Jesper!$R$2:$R$366,ROW(INDEX(Jesper!AI$2:AI$366,ROUNDDOWN($C7676/24,0)+1,1))-1)+IF('Standard Profiles'!$G$19=$B$10,7,0)+IF('Standard Profiles'!$G$19=$B$17,14,0)+IF('Standard Profiles'!$G$19=$B$24,21,0),MOD($C7676,24)+1)/SUM(INDEX($D$3:$AA$30,INDEX(Jesper!$R$2:$R$366,ROW(INDEX(Jesper!AI$2:AI$366,ROUNDDOWN($C7676/24,0)+1,1))-1)+IF('Standard Profiles'!$G$19=$B$10,7,0)+IF('Standard Profiles'!$G$19=$B$17,14,0)+IF('Standard Profiles'!$G$19=$B$24,21,0),0)),0)</f>
        <v>22.252227747113945</v>
      </c>
      <c r="F7676" cm="1">
        <f t="array" ref="F7676">IFERROR(INDEX(Jesper!AJ$2:AJ$366,ROUNDDOWN($C7676/24,0)+1,1)*INDEX($D$3:$AA$30,INDEX(Jesper!$R$2:$R$366,ROW(INDEX(Jesper!AJ$2:AJ$366,ROUNDDOWN($C7676/24,0)+1,1))-1)+IF('Standard Profiles'!$G$20=$B$10,7,0)+IF('Standard Profiles'!$G$20=$B$17,14,0)+IF('Standard Profiles'!$G$20=$B$24,21,0),MOD($C7676,24)+1)/SUM(INDEX($D$3:$AA$30,INDEX(Jesper!$R$2:$R$366,ROW(INDEX(Jesper!AJ$2:AJ$366,ROUNDDOWN($C7676/24,0)+1,1))-1)+IF('Standard Profiles'!$G$20=$B$10,7,0)+IF('Standard Profiles'!$G$20=$B$17,14,0)+IF('Standard Profiles'!$G$20=$B$24,21,0),0)),0)</f>
        <v>0</v>
      </c>
      <c r="G7676" cm="1">
        <f t="array" ref="G7676">IFERROR(INDEX(Jesper!AK$2:AK$366,ROUNDDOWN($C7676/24,0)+1,1)*INDEX($D$3:$AA$30,INDEX(Jesper!$R$2:$R$366,ROW(INDEX(Jesper!AK$2:AK$366,ROUNDDOWN($C7676/24,0)+1,1))-1)+IF('Standard Profiles'!$G$21=$B$10,7,0)+IF('Standard Profiles'!$G$21=$B$17,14,0)+IF('Standard Profiles'!$G$21=$B$24,21,0),MOD($C7676,24)+1)/SUM(INDEX($D$3:$AA$30,INDEX(Jesper!$R$2:$R$366,ROW(INDEX(Jesper!AK$2:AK$366,ROUNDDOWN($C7676/24,0)+1,1))-1)+IF('Standard Profiles'!$G$21=$B$10,7,0)+IF('Standard Profiles'!$G$21=$B$17,14,0)+IF('Standard Profiles'!$G$21=$B$24,21,0),0)),0)</f>
        <v>6.0170083583346843</v>
      </c>
      <c r="H7676" cm="1">
        <f t="array" ref="H7676">IFERROR(INDEX(Jesper!AL$2:AL$366,ROUNDDOWN($C7676/24,0)+1,1)*INDEX($D$3:$AA$30,INDEX(Jesper!$R$2:$R$366,ROW(INDEX(Jesper!AL$2:AL$366,ROUNDDOWN($C7676/24,0)+1,1))-1)+IF('Standard Profiles'!$G$22=$B$10,7,0)+IF('Standard Profiles'!$G$22=$B$17,14,0)+IF('Standard Profiles'!$G$22=$B$24,21,0),MOD($C7676,24)+1)/SUM(INDEX($D$3:$AA$30,INDEX(Jesper!$R$2:$R$366,ROW(INDEX(Jesper!AL$2:AL$366,ROUNDDOWN($C7676/24,0)+1,1))-1)+IF('Standard Profiles'!$G$22=$B$10,7,0)+IF('Standard Profiles'!$G$22=$B$17,14,0)+IF('Standard Profiles'!$G$22=$B$24,21,0),0)),0)</f>
        <v>0</v>
      </c>
      <c r="I7676">
        <f t="shared" si="853"/>
        <v>2.8881640120006469</v>
      </c>
      <c r="J7676">
        <f t="shared" si="854"/>
        <v>49.752544489626018</v>
      </c>
      <c r="K7676">
        <f t="shared" si="855"/>
        <v>3.0947901455464173</v>
      </c>
      <c r="L7676">
        <f t="shared" si="856"/>
        <v>1.5473950727732086</v>
      </c>
      <c r="M7676">
        <f t="shared" si="857"/>
        <v>0</v>
      </c>
      <c r="N7676" s="45">
        <f t="shared" si="858"/>
        <v>45245.416666648132</v>
      </c>
    </row>
    <row r="7677" spans="2:14" x14ac:dyDescent="0.25">
      <c r="B7677">
        <f t="shared" si="852"/>
        <v>3</v>
      </c>
      <c r="C7677" s="16">
        <v>7643</v>
      </c>
      <c r="D7677" cm="1">
        <f t="array" ref="D7677">IFERROR(INDEX(Jesper!AH$2:AH$366,ROUNDDOWN($C7677/24,0)+1,1)*INDEX($D$3:$AA$30,INDEX(Jesper!$R$2:$R$366,ROW(INDEX(Jesper!AH$2:AH$366,ROUNDDOWN($C7677/24,0)+1,1))-1)+IF('Standard Profiles'!$G$18=$B$10,7,0)+IF('Standard Profiles'!$G$18=$B$17,14,0)+IF('Standard Profiles'!$G$18=$B$24,21,0),MOD($C7677,24)+1)/SUM(INDEX($D$3:$AA$30,INDEX(Jesper!$R$2:$R$366,ROW(INDEX(Jesper!AH$2:AH$366,ROUNDDOWN($C7677/24,0)+1,1))-1)+IF('Standard Profiles'!$G$18=$B$10,7,0)+IF('Standard Profiles'!$G$18=$B$17,14,0)+IF('Standard Profiles'!$G$18=$B$24,21,0),0)),0)</f>
        <v>34.717197145552753</v>
      </c>
      <c r="E7677" cm="1">
        <f t="array" ref="E7677">IFERROR(INDEX(Jesper!AI$2:AI$366,ROUNDDOWN($C7677/24,0)+1,1)*INDEX($D$3:$AA$30,INDEX(Jesper!$R$2:$R$366,ROW(INDEX(Jesper!AI$2:AI$366,ROUNDDOWN($C7677/24,0)+1,1))-1)+IF('Standard Profiles'!$G$19=$B$10,7,0)+IF('Standard Profiles'!$G$19=$B$17,14,0)+IF('Standard Profiles'!$G$19=$B$24,21,0),MOD($C7677,24)+1)/SUM(INDEX($D$3:$AA$30,INDEX(Jesper!$R$2:$R$366,ROW(INDEX(Jesper!AI$2:AI$366,ROUNDDOWN($C7677/24,0)+1,1))-1)+IF('Standard Profiles'!$G$19=$B$10,7,0)+IF('Standard Profiles'!$G$19=$B$17,14,0)+IF('Standard Profiles'!$G$19=$B$24,21,0),0)),0)</f>
        <v>26.626597304238903</v>
      </c>
      <c r="F7677" cm="1">
        <f t="array" ref="F7677">IFERROR(INDEX(Jesper!AJ$2:AJ$366,ROUNDDOWN($C7677/24,0)+1,1)*INDEX($D$3:$AA$30,INDEX(Jesper!$R$2:$R$366,ROW(INDEX(Jesper!AJ$2:AJ$366,ROUNDDOWN($C7677/24,0)+1,1))-1)+IF('Standard Profiles'!$G$20=$B$10,7,0)+IF('Standard Profiles'!$G$20=$B$17,14,0)+IF('Standard Profiles'!$G$20=$B$24,21,0),MOD($C7677,24)+1)/SUM(INDEX($D$3:$AA$30,INDEX(Jesper!$R$2:$R$366,ROW(INDEX(Jesper!AJ$2:AJ$366,ROUNDDOWN($C7677/24,0)+1,1))-1)+IF('Standard Profiles'!$G$20=$B$10,7,0)+IF('Standard Profiles'!$G$20=$B$17,14,0)+IF('Standard Profiles'!$G$20=$B$24,21,0),0)),0)</f>
        <v>0</v>
      </c>
      <c r="G7677" cm="1">
        <f t="array" ref="G7677">IFERROR(INDEX(Jesper!AK$2:AK$366,ROUNDDOWN($C7677/24,0)+1,1)*INDEX($D$3:$AA$30,INDEX(Jesper!$R$2:$R$366,ROW(INDEX(Jesper!AK$2:AK$366,ROUNDDOWN($C7677/24,0)+1,1))-1)+IF('Standard Profiles'!$G$21=$B$10,7,0)+IF('Standard Profiles'!$G$21=$B$17,14,0)+IF('Standard Profiles'!$G$21=$B$24,21,0),MOD($C7677,24)+1)/SUM(INDEX($D$3:$AA$30,INDEX(Jesper!$R$2:$R$366,ROW(INDEX(Jesper!AK$2:AK$366,ROUNDDOWN($C7677/24,0)+1,1))-1)+IF('Standard Profiles'!$G$21=$B$10,7,0)+IF('Standard Profiles'!$G$21=$B$17,14,0)+IF('Standard Profiles'!$G$21=$B$24,21,0),0)),0)</f>
        <v>7.1998390612551768</v>
      </c>
      <c r="H7677" cm="1">
        <f t="array" ref="H7677">IFERROR(INDEX(Jesper!AL$2:AL$366,ROUNDDOWN($C7677/24,0)+1,1)*INDEX($D$3:$AA$30,INDEX(Jesper!$R$2:$R$366,ROW(INDEX(Jesper!AL$2:AL$366,ROUNDDOWN($C7677/24,0)+1,1))-1)+IF('Standard Profiles'!$G$22=$B$10,7,0)+IF('Standard Profiles'!$G$22=$B$17,14,0)+IF('Standard Profiles'!$G$22=$B$24,21,0),MOD($C7677,24)+1)/SUM(INDEX($D$3:$AA$30,INDEX(Jesper!$R$2:$R$366,ROW(INDEX(Jesper!AL$2:AL$366,ROUNDDOWN($C7677/24,0)+1,1))-1)+IF('Standard Profiles'!$G$22=$B$10,7,0)+IF('Standard Profiles'!$G$22=$B$17,14,0)+IF('Standard Profiles'!$G$22=$B$24,21,0),0)),0)</f>
        <v>0</v>
      </c>
      <c r="I7677">
        <f t="shared" si="853"/>
        <v>3.4559227494024833</v>
      </c>
      <c r="J7677">
        <f t="shared" si="854"/>
        <v>59.532959218355906</v>
      </c>
      <c r="K7677">
        <f t="shared" si="855"/>
        <v>3.703167695525627</v>
      </c>
      <c r="L7677">
        <f t="shared" si="856"/>
        <v>1.8515838477628135</v>
      </c>
      <c r="M7677">
        <f t="shared" si="857"/>
        <v>0</v>
      </c>
      <c r="N7677" s="45">
        <f t="shared" si="858"/>
        <v>45245.458333314797</v>
      </c>
    </row>
    <row r="7678" spans="2:14" x14ac:dyDescent="0.25">
      <c r="B7678">
        <f t="shared" si="852"/>
        <v>3</v>
      </c>
      <c r="C7678" s="16">
        <v>7644</v>
      </c>
      <c r="D7678" cm="1">
        <f t="array" ref="D7678">IFERROR(INDEX(Jesper!AH$2:AH$366,ROUNDDOWN($C7678/24,0)+1,1)*INDEX($D$3:$AA$30,INDEX(Jesper!$R$2:$R$366,ROW(INDEX(Jesper!AH$2:AH$366,ROUNDDOWN($C7678/24,0)+1,1))-1)+IF('Standard Profiles'!$G$18=$B$10,7,0)+IF('Standard Profiles'!$G$18=$B$17,14,0)+IF('Standard Profiles'!$G$18=$B$24,21,0),MOD($C7678,24)+1)/SUM(INDEX($D$3:$AA$30,INDEX(Jesper!$R$2:$R$366,ROW(INDEX(Jesper!AH$2:AH$366,ROUNDDOWN($C7678/24,0)+1,1))-1)+IF('Standard Profiles'!$G$18=$B$10,7,0)+IF('Standard Profiles'!$G$18=$B$17,14,0)+IF('Standard Profiles'!$G$18=$B$24,21,0),0)),0)</f>
        <v>34.717197145552753</v>
      </c>
      <c r="E7678" cm="1">
        <f t="array" ref="E7678">IFERROR(INDEX(Jesper!AI$2:AI$366,ROUNDDOWN($C7678/24,0)+1,1)*INDEX($D$3:$AA$30,INDEX(Jesper!$R$2:$R$366,ROW(INDEX(Jesper!AI$2:AI$366,ROUNDDOWN($C7678/24,0)+1,1))-1)+IF('Standard Profiles'!$G$19=$B$10,7,0)+IF('Standard Profiles'!$G$19=$B$17,14,0)+IF('Standard Profiles'!$G$19=$B$24,21,0),MOD($C7678,24)+1)/SUM(INDEX($D$3:$AA$30,INDEX(Jesper!$R$2:$R$366,ROW(INDEX(Jesper!AI$2:AI$366,ROUNDDOWN($C7678/24,0)+1,1))-1)+IF('Standard Profiles'!$G$19=$B$10,7,0)+IF('Standard Profiles'!$G$19=$B$17,14,0)+IF('Standard Profiles'!$G$19=$B$24,21,0),0)),0)</f>
        <v>26.626597304238903</v>
      </c>
      <c r="F7678" cm="1">
        <f t="array" ref="F7678">IFERROR(INDEX(Jesper!AJ$2:AJ$366,ROUNDDOWN($C7678/24,0)+1,1)*INDEX($D$3:$AA$30,INDEX(Jesper!$R$2:$R$366,ROW(INDEX(Jesper!AJ$2:AJ$366,ROUNDDOWN($C7678/24,0)+1,1))-1)+IF('Standard Profiles'!$G$20=$B$10,7,0)+IF('Standard Profiles'!$G$20=$B$17,14,0)+IF('Standard Profiles'!$G$20=$B$24,21,0),MOD($C7678,24)+1)/SUM(INDEX($D$3:$AA$30,INDEX(Jesper!$R$2:$R$366,ROW(INDEX(Jesper!AJ$2:AJ$366,ROUNDDOWN($C7678/24,0)+1,1))-1)+IF('Standard Profiles'!$G$20=$B$10,7,0)+IF('Standard Profiles'!$G$20=$B$17,14,0)+IF('Standard Profiles'!$G$20=$B$24,21,0),0)),0)</f>
        <v>0</v>
      </c>
      <c r="G7678" cm="1">
        <f t="array" ref="G7678">IFERROR(INDEX(Jesper!AK$2:AK$366,ROUNDDOWN($C7678/24,0)+1,1)*INDEX($D$3:$AA$30,INDEX(Jesper!$R$2:$R$366,ROW(INDEX(Jesper!AK$2:AK$366,ROUNDDOWN($C7678/24,0)+1,1))-1)+IF('Standard Profiles'!$G$21=$B$10,7,0)+IF('Standard Profiles'!$G$21=$B$17,14,0)+IF('Standard Profiles'!$G$21=$B$24,21,0),MOD($C7678,24)+1)/SUM(INDEX($D$3:$AA$30,INDEX(Jesper!$R$2:$R$366,ROW(INDEX(Jesper!AK$2:AK$366,ROUNDDOWN($C7678/24,0)+1,1))-1)+IF('Standard Profiles'!$G$21=$B$10,7,0)+IF('Standard Profiles'!$G$21=$B$17,14,0)+IF('Standard Profiles'!$G$21=$B$24,21,0),0)),0)</f>
        <v>7.1998390612551768</v>
      </c>
      <c r="H7678" cm="1">
        <f t="array" ref="H7678">IFERROR(INDEX(Jesper!AL$2:AL$366,ROUNDDOWN($C7678/24,0)+1,1)*INDEX($D$3:$AA$30,INDEX(Jesper!$R$2:$R$366,ROW(INDEX(Jesper!AL$2:AL$366,ROUNDDOWN($C7678/24,0)+1,1))-1)+IF('Standard Profiles'!$G$22=$B$10,7,0)+IF('Standard Profiles'!$G$22=$B$17,14,0)+IF('Standard Profiles'!$G$22=$B$24,21,0),MOD($C7678,24)+1)/SUM(INDEX($D$3:$AA$30,INDEX(Jesper!$R$2:$R$366,ROW(INDEX(Jesper!AL$2:AL$366,ROUNDDOWN($C7678/24,0)+1,1))-1)+IF('Standard Profiles'!$G$22=$B$10,7,0)+IF('Standard Profiles'!$G$22=$B$17,14,0)+IF('Standard Profiles'!$G$22=$B$24,21,0),0)),0)</f>
        <v>0</v>
      </c>
      <c r="I7678">
        <f t="shared" si="853"/>
        <v>3.4559227494024833</v>
      </c>
      <c r="J7678">
        <f t="shared" si="854"/>
        <v>59.532959218355906</v>
      </c>
      <c r="K7678">
        <f t="shared" si="855"/>
        <v>3.703167695525627</v>
      </c>
      <c r="L7678">
        <f t="shared" si="856"/>
        <v>1.8515838477628135</v>
      </c>
      <c r="M7678">
        <f t="shared" si="857"/>
        <v>0</v>
      </c>
      <c r="N7678" s="45">
        <f t="shared" si="858"/>
        <v>45245.499999981461</v>
      </c>
    </row>
    <row r="7679" spans="2:14" x14ac:dyDescent="0.25">
      <c r="B7679">
        <f t="shared" si="852"/>
        <v>3</v>
      </c>
      <c r="C7679" s="16">
        <v>7645</v>
      </c>
      <c r="D7679" cm="1">
        <f t="array" ref="D7679">IFERROR(INDEX(Jesper!AH$2:AH$366,ROUNDDOWN($C7679/24,0)+1,1)*INDEX($D$3:$AA$30,INDEX(Jesper!$R$2:$R$366,ROW(INDEX(Jesper!AH$2:AH$366,ROUNDDOWN($C7679/24,0)+1,1))-1)+IF('Standard Profiles'!$G$18=$B$10,7,0)+IF('Standard Profiles'!$G$18=$B$17,14,0)+IF('Standard Profiles'!$G$18=$B$24,21,0),MOD($C7679,24)+1)/SUM(INDEX($D$3:$AA$30,INDEX(Jesper!$R$2:$R$366,ROW(INDEX(Jesper!AH$2:AH$366,ROUNDDOWN($C7679/24,0)+1,1))-1)+IF('Standard Profiles'!$G$18=$B$10,7,0)+IF('Standard Profiles'!$G$18=$B$17,14,0)+IF('Standard Profiles'!$G$18=$B$24,21,0),0)),0)</f>
        <v>23.062138103831472</v>
      </c>
      <c r="E7679" cm="1">
        <f t="array" ref="E7679">IFERROR(INDEX(Jesper!AI$2:AI$366,ROUNDDOWN($C7679/24,0)+1,1)*INDEX($D$3:$AA$30,INDEX(Jesper!$R$2:$R$366,ROW(INDEX(Jesper!AI$2:AI$366,ROUNDDOWN($C7679/24,0)+1,1))-1)+IF('Standard Profiles'!$G$19=$B$10,7,0)+IF('Standard Profiles'!$G$19=$B$17,14,0)+IF('Standard Profiles'!$G$19=$B$24,21,0),MOD($C7679,24)+1)/SUM(INDEX($D$3:$AA$30,INDEX(Jesper!$R$2:$R$366,ROW(INDEX(Jesper!AI$2:AI$366,ROUNDDOWN($C7679/24,0)+1,1))-1)+IF('Standard Profiles'!$G$19=$B$10,7,0)+IF('Standard Profiles'!$G$19=$B$17,14,0)+IF('Standard Profiles'!$G$19=$B$24,21,0),0)),0)</f>
        <v>17.687668209244414</v>
      </c>
      <c r="F7679" cm="1">
        <f t="array" ref="F7679">IFERROR(INDEX(Jesper!AJ$2:AJ$366,ROUNDDOWN($C7679/24,0)+1,1)*INDEX($D$3:$AA$30,INDEX(Jesper!$R$2:$R$366,ROW(INDEX(Jesper!AJ$2:AJ$366,ROUNDDOWN($C7679/24,0)+1,1))-1)+IF('Standard Profiles'!$G$20=$B$10,7,0)+IF('Standard Profiles'!$G$20=$B$17,14,0)+IF('Standard Profiles'!$G$20=$B$24,21,0),MOD($C7679,24)+1)/SUM(INDEX($D$3:$AA$30,INDEX(Jesper!$R$2:$R$366,ROW(INDEX(Jesper!AJ$2:AJ$366,ROUNDDOWN($C7679/24,0)+1,1))-1)+IF('Standard Profiles'!$G$20=$B$10,7,0)+IF('Standard Profiles'!$G$20=$B$17,14,0)+IF('Standard Profiles'!$G$20=$B$24,21,0),0)),0)</f>
        <v>0</v>
      </c>
      <c r="G7679" cm="1">
        <f t="array" ref="G7679">IFERROR(INDEX(Jesper!AK$2:AK$366,ROUNDDOWN($C7679/24,0)+1,1)*INDEX($D$3:$AA$30,INDEX(Jesper!$R$2:$R$366,ROW(INDEX(Jesper!AK$2:AK$366,ROUNDDOWN($C7679/24,0)+1,1))-1)+IF('Standard Profiles'!$G$21=$B$10,7,0)+IF('Standard Profiles'!$G$21=$B$17,14,0)+IF('Standard Profiles'!$G$21=$B$24,21,0),MOD($C7679,24)+1)/SUM(INDEX($D$3:$AA$30,INDEX(Jesper!$R$2:$R$366,ROW(INDEX(Jesper!AK$2:AK$366,ROUNDDOWN($C7679/24,0)+1,1))-1)+IF('Standard Profiles'!$G$21=$B$10,7,0)+IF('Standard Profiles'!$G$21=$B$17,14,0)+IF('Standard Profiles'!$G$21=$B$24,21,0),0)),0)</f>
        <v>4.7827502335480823</v>
      </c>
      <c r="H7679" cm="1">
        <f t="array" ref="H7679">IFERROR(INDEX(Jesper!AL$2:AL$366,ROUNDDOWN($C7679/24,0)+1,1)*INDEX($D$3:$AA$30,INDEX(Jesper!$R$2:$R$366,ROW(INDEX(Jesper!AL$2:AL$366,ROUNDDOWN($C7679/24,0)+1,1))-1)+IF('Standard Profiles'!$G$22=$B$10,7,0)+IF('Standard Profiles'!$G$22=$B$17,14,0)+IF('Standard Profiles'!$G$22=$B$24,21,0),MOD($C7679,24)+1)/SUM(INDEX($D$3:$AA$30,INDEX(Jesper!$R$2:$R$366,ROW(INDEX(Jesper!AL$2:AL$366,ROUNDDOWN($C7679/24,0)+1,1))-1)+IF('Standard Profiles'!$G$22=$B$10,7,0)+IF('Standard Profiles'!$G$22=$B$17,14,0)+IF('Standard Profiles'!$G$22=$B$24,21,0),0)),0)</f>
        <v>0</v>
      </c>
      <c r="I7679">
        <f t="shared" si="853"/>
        <v>2.2957201121030781</v>
      </c>
      <c r="J7679">
        <f t="shared" si="854"/>
        <v>39.546894337907851</v>
      </c>
      <c r="K7679">
        <f t="shared" si="855"/>
        <v>2.459961397742024</v>
      </c>
      <c r="L7679">
        <f t="shared" si="856"/>
        <v>1.229980698871012</v>
      </c>
      <c r="M7679">
        <f t="shared" si="857"/>
        <v>0</v>
      </c>
      <c r="N7679" s="45">
        <f t="shared" si="858"/>
        <v>45245.541666648125</v>
      </c>
    </row>
    <row r="7680" spans="2:14" x14ac:dyDescent="0.25">
      <c r="B7680">
        <f t="shared" si="852"/>
        <v>3</v>
      </c>
      <c r="C7680" s="16">
        <v>7646</v>
      </c>
      <c r="D7680" cm="1">
        <f t="array" ref="D7680">IFERROR(INDEX(Jesper!AH$2:AH$366,ROUNDDOWN($C7680/24,0)+1,1)*INDEX($D$3:$AA$30,INDEX(Jesper!$R$2:$R$366,ROW(INDEX(Jesper!AH$2:AH$366,ROUNDDOWN($C7680/24,0)+1,1))-1)+IF('Standard Profiles'!$G$18=$B$10,7,0)+IF('Standard Profiles'!$G$18=$B$17,14,0)+IF('Standard Profiles'!$G$18=$B$24,21,0),MOD($C7680,24)+1)/SUM(INDEX($D$3:$AA$30,INDEX(Jesper!$R$2:$R$366,ROW(INDEX(Jesper!AH$2:AH$366,ROUNDDOWN($C7680/24,0)+1,1))-1)+IF('Standard Profiles'!$G$18=$B$10,7,0)+IF('Standard Profiles'!$G$18=$B$17,14,0)+IF('Standard Profiles'!$G$18=$B$24,21,0),0)),0)</f>
        <v>34.717197145552753</v>
      </c>
      <c r="E7680" cm="1">
        <f t="array" ref="E7680">IFERROR(INDEX(Jesper!AI$2:AI$366,ROUNDDOWN($C7680/24,0)+1,1)*INDEX($D$3:$AA$30,INDEX(Jesper!$R$2:$R$366,ROW(INDEX(Jesper!AI$2:AI$366,ROUNDDOWN($C7680/24,0)+1,1))-1)+IF('Standard Profiles'!$G$19=$B$10,7,0)+IF('Standard Profiles'!$G$19=$B$17,14,0)+IF('Standard Profiles'!$G$19=$B$24,21,0),MOD($C7680,24)+1)/SUM(INDEX($D$3:$AA$30,INDEX(Jesper!$R$2:$R$366,ROW(INDEX(Jesper!AI$2:AI$366,ROUNDDOWN($C7680/24,0)+1,1))-1)+IF('Standard Profiles'!$G$19=$B$10,7,0)+IF('Standard Profiles'!$G$19=$B$17,14,0)+IF('Standard Profiles'!$G$19=$B$24,21,0),0)),0)</f>
        <v>26.626597304238903</v>
      </c>
      <c r="F7680" cm="1">
        <f t="array" ref="F7680">IFERROR(INDEX(Jesper!AJ$2:AJ$366,ROUNDDOWN($C7680/24,0)+1,1)*INDEX($D$3:$AA$30,INDEX(Jesper!$R$2:$R$366,ROW(INDEX(Jesper!AJ$2:AJ$366,ROUNDDOWN($C7680/24,0)+1,1))-1)+IF('Standard Profiles'!$G$20=$B$10,7,0)+IF('Standard Profiles'!$G$20=$B$17,14,0)+IF('Standard Profiles'!$G$20=$B$24,21,0),MOD($C7680,24)+1)/SUM(INDEX($D$3:$AA$30,INDEX(Jesper!$R$2:$R$366,ROW(INDEX(Jesper!AJ$2:AJ$366,ROUNDDOWN($C7680/24,0)+1,1))-1)+IF('Standard Profiles'!$G$20=$B$10,7,0)+IF('Standard Profiles'!$G$20=$B$17,14,0)+IF('Standard Profiles'!$G$20=$B$24,21,0),0)),0)</f>
        <v>0</v>
      </c>
      <c r="G7680" cm="1">
        <f t="array" ref="G7680">IFERROR(INDEX(Jesper!AK$2:AK$366,ROUNDDOWN($C7680/24,0)+1,1)*INDEX($D$3:$AA$30,INDEX(Jesper!$R$2:$R$366,ROW(INDEX(Jesper!AK$2:AK$366,ROUNDDOWN($C7680/24,0)+1,1))-1)+IF('Standard Profiles'!$G$21=$B$10,7,0)+IF('Standard Profiles'!$G$21=$B$17,14,0)+IF('Standard Profiles'!$G$21=$B$24,21,0),MOD($C7680,24)+1)/SUM(INDEX($D$3:$AA$30,INDEX(Jesper!$R$2:$R$366,ROW(INDEX(Jesper!AK$2:AK$366,ROUNDDOWN($C7680/24,0)+1,1))-1)+IF('Standard Profiles'!$G$21=$B$10,7,0)+IF('Standard Profiles'!$G$21=$B$17,14,0)+IF('Standard Profiles'!$G$21=$B$24,21,0),0)),0)</f>
        <v>7.1998390612551768</v>
      </c>
      <c r="H7680" cm="1">
        <f t="array" ref="H7680">IFERROR(INDEX(Jesper!AL$2:AL$366,ROUNDDOWN($C7680/24,0)+1,1)*INDEX($D$3:$AA$30,INDEX(Jesper!$R$2:$R$366,ROW(INDEX(Jesper!AL$2:AL$366,ROUNDDOWN($C7680/24,0)+1,1))-1)+IF('Standard Profiles'!$G$22=$B$10,7,0)+IF('Standard Profiles'!$G$22=$B$17,14,0)+IF('Standard Profiles'!$G$22=$B$24,21,0),MOD($C7680,24)+1)/SUM(INDEX($D$3:$AA$30,INDEX(Jesper!$R$2:$R$366,ROW(INDEX(Jesper!AL$2:AL$366,ROUNDDOWN($C7680/24,0)+1,1))-1)+IF('Standard Profiles'!$G$22=$B$10,7,0)+IF('Standard Profiles'!$G$22=$B$17,14,0)+IF('Standard Profiles'!$G$22=$B$24,21,0),0)),0)</f>
        <v>0</v>
      </c>
      <c r="I7680">
        <f t="shared" si="853"/>
        <v>3.4559227494024833</v>
      </c>
      <c r="J7680">
        <f t="shared" si="854"/>
        <v>59.532959218355906</v>
      </c>
      <c r="K7680">
        <f t="shared" si="855"/>
        <v>3.703167695525627</v>
      </c>
      <c r="L7680">
        <f t="shared" si="856"/>
        <v>1.8515838477628135</v>
      </c>
      <c r="M7680">
        <f t="shared" si="857"/>
        <v>0</v>
      </c>
      <c r="N7680" s="45">
        <f t="shared" si="858"/>
        <v>45245.583333314789</v>
      </c>
    </row>
    <row r="7681" spans="2:14" x14ac:dyDescent="0.25">
      <c r="B7681">
        <f t="shared" si="852"/>
        <v>3</v>
      </c>
      <c r="C7681" s="16">
        <v>7647</v>
      </c>
      <c r="D7681" cm="1">
        <f t="array" ref="D7681">IFERROR(INDEX(Jesper!AH$2:AH$366,ROUNDDOWN($C7681/24,0)+1,1)*INDEX($D$3:$AA$30,INDEX(Jesper!$R$2:$R$366,ROW(INDEX(Jesper!AH$2:AH$366,ROUNDDOWN($C7681/24,0)+1,1))-1)+IF('Standard Profiles'!$G$18=$B$10,7,0)+IF('Standard Profiles'!$G$18=$B$17,14,0)+IF('Standard Profiles'!$G$18=$B$24,21,0),MOD($C7681,24)+1)/SUM(INDEX($D$3:$AA$30,INDEX(Jesper!$R$2:$R$366,ROW(INDEX(Jesper!AH$2:AH$366,ROUNDDOWN($C7681/24,0)+1,1))-1)+IF('Standard Profiles'!$G$18=$B$10,7,0)+IF('Standard Profiles'!$G$18=$B$17,14,0)+IF('Standard Profiles'!$G$18=$B$24,21,0),0)),0)</f>
        <v>34.717197145552753</v>
      </c>
      <c r="E7681" cm="1">
        <f t="array" ref="E7681">IFERROR(INDEX(Jesper!AI$2:AI$366,ROUNDDOWN($C7681/24,0)+1,1)*INDEX($D$3:$AA$30,INDEX(Jesper!$R$2:$R$366,ROW(INDEX(Jesper!AI$2:AI$366,ROUNDDOWN($C7681/24,0)+1,1))-1)+IF('Standard Profiles'!$G$19=$B$10,7,0)+IF('Standard Profiles'!$G$19=$B$17,14,0)+IF('Standard Profiles'!$G$19=$B$24,21,0),MOD($C7681,24)+1)/SUM(INDEX($D$3:$AA$30,INDEX(Jesper!$R$2:$R$366,ROW(INDEX(Jesper!AI$2:AI$366,ROUNDDOWN($C7681/24,0)+1,1))-1)+IF('Standard Profiles'!$G$19=$B$10,7,0)+IF('Standard Profiles'!$G$19=$B$17,14,0)+IF('Standard Profiles'!$G$19=$B$24,21,0),0)),0)</f>
        <v>26.626597304238903</v>
      </c>
      <c r="F7681" cm="1">
        <f t="array" ref="F7681">IFERROR(INDEX(Jesper!AJ$2:AJ$366,ROUNDDOWN($C7681/24,0)+1,1)*INDEX($D$3:$AA$30,INDEX(Jesper!$R$2:$R$366,ROW(INDEX(Jesper!AJ$2:AJ$366,ROUNDDOWN($C7681/24,0)+1,1))-1)+IF('Standard Profiles'!$G$20=$B$10,7,0)+IF('Standard Profiles'!$G$20=$B$17,14,0)+IF('Standard Profiles'!$G$20=$B$24,21,0),MOD($C7681,24)+1)/SUM(INDEX($D$3:$AA$30,INDEX(Jesper!$R$2:$R$366,ROW(INDEX(Jesper!AJ$2:AJ$366,ROUNDDOWN($C7681/24,0)+1,1))-1)+IF('Standard Profiles'!$G$20=$B$10,7,0)+IF('Standard Profiles'!$G$20=$B$17,14,0)+IF('Standard Profiles'!$G$20=$B$24,21,0),0)),0)</f>
        <v>0</v>
      </c>
      <c r="G7681" cm="1">
        <f t="array" ref="G7681">IFERROR(INDEX(Jesper!AK$2:AK$366,ROUNDDOWN($C7681/24,0)+1,1)*INDEX($D$3:$AA$30,INDEX(Jesper!$R$2:$R$366,ROW(INDEX(Jesper!AK$2:AK$366,ROUNDDOWN($C7681/24,0)+1,1))-1)+IF('Standard Profiles'!$G$21=$B$10,7,0)+IF('Standard Profiles'!$G$21=$B$17,14,0)+IF('Standard Profiles'!$G$21=$B$24,21,0),MOD($C7681,24)+1)/SUM(INDEX($D$3:$AA$30,INDEX(Jesper!$R$2:$R$366,ROW(INDEX(Jesper!AK$2:AK$366,ROUNDDOWN($C7681/24,0)+1,1))-1)+IF('Standard Profiles'!$G$21=$B$10,7,0)+IF('Standard Profiles'!$G$21=$B$17,14,0)+IF('Standard Profiles'!$G$21=$B$24,21,0),0)),0)</f>
        <v>7.1998390612551768</v>
      </c>
      <c r="H7681" cm="1">
        <f t="array" ref="H7681">IFERROR(INDEX(Jesper!AL$2:AL$366,ROUNDDOWN($C7681/24,0)+1,1)*INDEX($D$3:$AA$30,INDEX(Jesper!$R$2:$R$366,ROW(INDEX(Jesper!AL$2:AL$366,ROUNDDOWN($C7681/24,0)+1,1))-1)+IF('Standard Profiles'!$G$22=$B$10,7,0)+IF('Standard Profiles'!$G$22=$B$17,14,0)+IF('Standard Profiles'!$G$22=$B$24,21,0),MOD($C7681,24)+1)/SUM(INDEX($D$3:$AA$30,INDEX(Jesper!$R$2:$R$366,ROW(INDEX(Jesper!AL$2:AL$366,ROUNDDOWN($C7681/24,0)+1,1))-1)+IF('Standard Profiles'!$G$22=$B$10,7,0)+IF('Standard Profiles'!$G$22=$B$17,14,0)+IF('Standard Profiles'!$G$22=$B$24,21,0),0)),0)</f>
        <v>0</v>
      </c>
      <c r="I7681">
        <f t="shared" si="853"/>
        <v>3.4559227494024833</v>
      </c>
      <c r="J7681">
        <f t="shared" si="854"/>
        <v>59.532959218355906</v>
      </c>
      <c r="K7681">
        <f t="shared" si="855"/>
        <v>3.703167695525627</v>
      </c>
      <c r="L7681">
        <f t="shared" si="856"/>
        <v>1.8515838477628135</v>
      </c>
      <c r="M7681">
        <f t="shared" si="857"/>
        <v>0</v>
      </c>
      <c r="N7681" s="45">
        <f t="shared" si="858"/>
        <v>45245.624999981454</v>
      </c>
    </row>
    <row r="7682" spans="2:14" x14ac:dyDescent="0.25">
      <c r="B7682">
        <f t="shared" si="852"/>
        <v>3</v>
      </c>
      <c r="C7682" s="16">
        <v>7648</v>
      </c>
      <c r="D7682" cm="1">
        <f t="array" ref="D7682">IFERROR(INDEX(Jesper!AH$2:AH$366,ROUNDDOWN($C7682/24,0)+1,1)*INDEX($D$3:$AA$30,INDEX(Jesper!$R$2:$R$366,ROW(INDEX(Jesper!AH$2:AH$366,ROUNDDOWN($C7682/24,0)+1,1))-1)+IF('Standard Profiles'!$G$18=$B$10,7,0)+IF('Standard Profiles'!$G$18=$B$17,14,0)+IF('Standard Profiles'!$G$18=$B$24,21,0),MOD($C7682,24)+1)/SUM(INDEX($D$3:$AA$30,INDEX(Jesper!$R$2:$R$366,ROW(INDEX(Jesper!AH$2:AH$366,ROUNDDOWN($C7682/24,0)+1,1))-1)+IF('Standard Profiles'!$G$18=$B$10,7,0)+IF('Standard Profiles'!$G$18=$B$17,14,0)+IF('Standard Profiles'!$G$18=$B$24,21,0),0)),0)</f>
        <v>20.458348317915014</v>
      </c>
      <c r="E7682" cm="1">
        <f t="array" ref="E7682">IFERROR(INDEX(Jesper!AI$2:AI$366,ROUNDDOWN($C7682/24,0)+1,1)*INDEX($D$3:$AA$30,INDEX(Jesper!$R$2:$R$366,ROW(INDEX(Jesper!AI$2:AI$366,ROUNDDOWN($C7682/24,0)+1,1))-1)+IF('Standard Profiles'!$G$19=$B$10,7,0)+IF('Standard Profiles'!$G$19=$B$17,14,0)+IF('Standard Profiles'!$G$19=$B$24,21,0),MOD($C7682,24)+1)/SUM(INDEX($D$3:$AA$30,INDEX(Jesper!$R$2:$R$366,ROW(INDEX(Jesper!AI$2:AI$366,ROUNDDOWN($C7682/24,0)+1,1))-1)+IF('Standard Profiles'!$G$19=$B$10,7,0)+IF('Standard Profiles'!$G$19=$B$17,14,0)+IF('Standard Profiles'!$G$19=$B$24,21,0),0)),0)</f>
        <v>15.690673411426499</v>
      </c>
      <c r="F7682" cm="1">
        <f t="array" ref="F7682">IFERROR(INDEX(Jesper!AJ$2:AJ$366,ROUNDDOWN($C7682/24,0)+1,1)*INDEX($D$3:$AA$30,INDEX(Jesper!$R$2:$R$366,ROW(INDEX(Jesper!AJ$2:AJ$366,ROUNDDOWN($C7682/24,0)+1,1))-1)+IF('Standard Profiles'!$G$20=$B$10,7,0)+IF('Standard Profiles'!$G$20=$B$17,14,0)+IF('Standard Profiles'!$G$20=$B$24,21,0),MOD($C7682,24)+1)/SUM(INDEX($D$3:$AA$30,INDEX(Jesper!$R$2:$R$366,ROW(INDEX(Jesper!AJ$2:AJ$366,ROUNDDOWN($C7682/24,0)+1,1))-1)+IF('Standard Profiles'!$G$20=$B$10,7,0)+IF('Standard Profiles'!$G$20=$B$17,14,0)+IF('Standard Profiles'!$G$20=$B$24,21,0),0)),0)</f>
        <v>0</v>
      </c>
      <c r="G7682" cm="1">
        <f t="array" ref="G7682">IFERROR(INDEX(Jesper!AK$2:AK$366,ROUNDDOWN($C7682/24,0)+1,1)*INDEX($D$3:$AA$30,INDEX(Jesper!$R$2:$R$366,ROW(INDEX(Jesper!AK$2:AK$366,ROUNDDOWN($C7682/24,0)+1,1))-1)+IF('Standard Profiles'!$G$21=$B$10,7,0)+IF('Standard Profiles'!$G$21=$B$17,14,0)+IF('Standard Profiles'!$G$21=$B$24,21,0),MOD($C7682,24)+1)/SUM(INDEX($D$3:$AA$30,INDEX(Jesper!$R$2:$R$366,ROW(INDEX(Jesper!AK$2:AK$366,ROUNDDOWN($C7682/24,0)+1,1))-1)+IF('Standard Profiles'!$G$21=$B$10,7,0)+IF('Standard Profiles'!$G$21=$B$17,14,0)+IF('Standard Profiles'!$G$21=$B$24,21,0),0)),0)</f>
        <v>6.0161216786473384</v>
      </c>
      <c r="H7682" cm="1">
        <f t="array" ref="H7682">IFERROR(INDEX(Jesper!AL$2:AL$366,ROUNDDOWN($C7682/24,0)+1,1)*INDEX($D$3:$AA$30,INDEX(Jesper!$R$2:$R$366,ROW(INDEX(Jesper!AL$2:AL$366,ROUNDDOWN($C7682/24,0)+1,1))-1)+IF('Standard Profiles'!$G$22=$B$10,7,0)+IF('Standard Profiles'!$G$22=$B$17,14,0)+IF('Standard Profiles'!$G$22=$B$24,21,0),MOD($C7682,24)+1)/SUM(INDEX($D$3:$AA$30,INDEX(Jesper!$R$2:$R$366,ROW(INDEX(Jesper!AL$2:AL$366,ROUNDDOWN($C7682/24,0)+1,1))-1)+IF('Standard Profiles'!$G$22=$B$10,7,0)+IF('Standard Profiles'!$G$22=$B$17,14,0)+IF('Standard Profiles'!$G$22=$B$24,21,0),0)),0)</f>
        <v>0</v>
      </c>
      <c r="I7682">
        <f t="shared" si="853"/>
        <v>2.8877384057507212</v>
      </c>
      <c r="J7682">
        <f t="shared" si="854"/>
        <v>36.004069271371726</v>
      </c>
      <c r="K7682">
        <f t="shared" si="855"/>
        <v>2.1822238205776014</v>
      </c>
      <c r="L7682">
        <f t="shared" si="856"/>
        <v>1.0911119102888007</v>
      </c>
      <c r="M7682">
        <f t="shared" si="857"/>
        <v>0</v>
      </c>
      <c r="N7682" s="45">
        <f t="shared" si="858"/>
        <v>45245.666666648118</v>
      </c>
    </row>
    <row r="7683" spans="2:14" x14ac:dyDescent="0.25">
      <c r="B7683">
        <f t="shared" si="852"/>
        <v>3</v>
      </c>
      <c r="C7683" s="16">
        <v>7649</v>
      </c>
      <c r="D7683" cm="1">
        <f t="array" ref="D7683">IFERROR(INDEX(Jesper!AH$2:AH$366,ROUNDDOWN($C7683/24,0)+1,1)*INDEX($D$3:$AA$30,INDEX(Jesper!$R$2:$R$366,ROW(INDEX(Jesper!AH$2:AH$366,ROUNDDOWN($C7683/24,0)+1,1))-1)+IF('Standard Profiles'!$G$18=$B$10,7,0)+IF('Standard Profiles'!$G$18=$B$17,14,0)+IF('Standard Profiles'!$G$18=$B$24,21,0),MOD($C7683,24)+1)/SUM(INDEX($D$3:$AA$30,INDEX(Jesper!$R$2:$R$366,ROW(INDEX(Jesper!AH$2:AH$366,ROUNDDOWN($C7683/24,0)+1,1))-1)+IF('Standard Profiles'!$G$18=$B$10,7,0)+IF('Standard Profiles'!$G$18=$B$17,14,0)+IF('Standard Profiles'!$G$18=$B$24,21,0),0)),0)</f>
        <v>8.7316894229257436</v>
      </c>
      <c r="E7683" cm="1">
        <f t="array" ref="E7683">IFERROR(INDEX(Jesper!AI$2:AI$366,ROUNDDOWN($C7683/24,0)+1,1)*INDEX($D$3:$AA$30,INDEX(Jesper!$R$2:$R$366,ROW(INDEX(Jesper!AI$2:AI$366,ROUNDDOWN($C7683/24,0)+1,1))-1)+IF('Standard Profiles'!$G$19=$B$10,7,0)+IF('Standard Profiles'!$G$19=$B$17,14,0)+IF('Standard Profiles'!$G$19=$B$24,21,0),MOD($C7683,24)+1)/SUM(INDEX($D$3:$AA$30,INDEX(Jesper!$R$2:$R$366,ROW(INDEX(Jesper!AI$2:AI$366,ROUNDDOWN($C7683/24,0)+1,1))-1)+IF('Standard Profiles'!$G$19=$B$10,7,0)+IF('Standard Profiles'!$G$19=$B$17,14,0)+IF('Standard Profiles'!$G$19=$B$24,21,0),0)),0)</f>
        <v>6.6968303079071703</v>
      </c>
      <c r="F7683" cm="1">
        <f t="array" ref="F7683">IFERROR(INDEX(Jesper!AJ$2:AJ$366,ROUNDDOWN($C7683/24,0)+1,1)*INDEX($D$3:$AA$30,INDEX(Jesper!$R$2:$R$366,ROW(INDEX(Jesper!AJ$2:AJ$366,ROUNDDOWN($C7683/24,0)+1,1))-1)+IF('Standard Profiles'!$G$20=$B$10,7,0)+IF('Standard Profiles'!$G$20=$B$17,14,0)+IF('Standard Profiles'!$G$20=$B$24,21,0),MOD($C7683,24)+1)/SUM(INDEX($D$3:$AA$30,INDEX(Jesper!$R$2:$R$366,ROW(INDEX(Jesper!AJ$2:AJ$366,ROUNDDOWN($C7683/24,0)+1,1))-1)+IF('Standard Profiles'!$G$20=$B$10,7,0)+IF('Standard Profiles'!$G$20=$B$17,14,0)+IF('Standard Profiles'!$G$20=$B$24,21,0),0)),0)</f>
        <v>0</v>
      </c>
      <c r="G7683" cm="1">
        <f t="array" ref="G7683">IFERROR(INDEX(Jesper!AK$2:AK$366,ROUNDDOWN($C7683/24,0)+1,1)*INDEX($D$3:$AA$30,INDEX(Jesper!$R$2:$R$366,ROW(INDEX(Jesper!AK$2:AK$366,ROUNDDOWN($C7683/24,0)+1,1))-1)+IF('Standard Profiles'!$G$21=$B$10,7,0)+IF('Standard Profiles'!$G$21=$B$17,14,0)+IF('Standard Profiles'!$G$21=$B$24,21,0),MOD($C7683,24)+1)/SUM(INDEX($D$3:$AA$30,INDEX(Jesper!$R$2:$R$366,ROW(INDEX(Jesper!AK$2:AK$366,ROUNDDOWN($C7683/24,0)+1,1))-1)+IF('Standard Profiles'!$G$21=$B$10,7,0)+IF('Standard Profiles'!$G$21=$B$17,14,0)+IF('Standard Profiles'!$G$21=$B$24,21,0),0)),0)</f>
        <v>4.7836369132354291</v>
      </c>
      <c r="H7683" cm="1">
        <f t="array" ref="H7683">IFERROR(INDEX(Jesper!AL$2:AL$366,ROUNDDOWN($C7683/24,0)+1,1)*INDEX($D$3:$AA$30,INDEX(Jesper!$R$2:$R$366,ROW(INDEX(Jesper!AL$2:AL$366,ROUNDDOWN($C7683/24,0)+1,1))-1)+IF('Standard Profiles'!$G$22=$B$10,7,0)+IF('Standard Profiles'!$G$22=$B$17,14,0)+IF('Standard Profiles'!$G$22=$B$24,21,0),MOD($C7683,24)+1)/SUM(INDEX($D$3:$AA$30,INDEX(Jesper!$R$2:$R$366,ROW(INDEX(Jesper!AL$2:AL$366,ROUNDDOWN($C7683/24,0)+1,1))-1)+IF('Standard Profiles'!$G$22=$B$10,7,0)+IF('Standard Profiles'!$G$22=$B$17,14,0)+IF('Standard Profiles'!$G$22=$B$24,21,0),0)),0)</f>
        <v>0</v>
      </c>
      <c r="I7683">
        <f t="shared" si="853"/>
        <v>2.2961457183530047</v>
      </c>
      <c r="J7683">
        <f t="shared" si="854"/>
        <v>16.518940618047218</v>
      </c>
      <c r="K7683">
        <f t="shared" si="855"/>
        <v>0.93138020511207942</v>
      </c>
      <c r="L7683">
        <f t="shared" si="856"/>
        <v>0.46569010255603971</v>
      </c>
      <c r="M7683">
        <f t="shared" si="857"/>
        <v>0</v>
      </c>
      <c r="N7683" s="45">
        <f t="shared" si="858"/>
        <v>45245.708333314782</v>
      </c>
    </row>
    <row r="7684" spans="2:14" x14ac:dyDescent="0.25">
      <c r="B7684">
        <f t="shared" si="852"/>
        <v>3</v>
      </c>
      <c r="C7684" s="16">
        <v>7650</v>
      </c>
      <c r="D7684" cm="1">
        <f t="array" ref="D7684">IFERROR(INDEX(Jesper!AH$2:AH$366,ROUNDDOWN($C7684/24,0)+1,1)*INDEX($D$3:$AA$30,INDEX(Jesper!$R$2:$R$366,ROW(INDEX(Jesper!AH$2:AH$366,ROUNDDOWN($C7684/24,0)+1,1))-1)+IF('Standard Profiles'!$G$18=$B$10,7,0)+IF('Standard Profiles'!$G$18=$B$17,14,0)+IF('Standard Profiles'!$G$18=$B$24,21,0),MOD($C7684,24)+1)/SUM(INDEX($D$3:$AA$30,INDEX(Jesper!$R$2:$R$366,ROW(INDEX(Jesper!AH$2:AH$366,ROUNDDOWN($C7684/24,0)+1,1))-1)+IF('Standard Profiles'!$G$18=$B$10,7,0)+IF('Standard Profiles'!$G$18=$B$17,14,0)+IF('Standard Profiles'!$G$18=$B$24,21,0),0)),0)</f>
        <v>5.7629150191309897</v>
      </c>
      <c r="E7684" cm="1">
        <f t="array" ref="E7684">IFERROR(INDEX(Jesper!AI$2:AI$366,ROUNDDOWN($C7684/24,0)+1,1)*INDEX($D$3:$AA$30,INDEX(Jesper!$R$2:$R$366,ROW(INDEX(Jesper!AI$2:AI$366,ROUNDDOWN($C7684/24,0)+1,1))-1)+IF('Standard Profiles'!$G$19=$B$10,7,0)+IF('Standard Profiles'!$G$19=$B$17,14,0)+IF('Standard Profiles'!$G$19=$B$24,21,0),MOD($C7684,24)+1)/SUM(INDEX($D$3:$AA$30,INDEX(Jesper!$R$2:$R$366,ROW(INDEX(Jesper!AI$2:AI$366,ROUNDDOWN($C7684/24,0)+1,1))-1)+IF('Standard Profiles'!$G$19=$B$10,7,0)+IF('Standard Profiles'!$G$19=$B$17,14,0)+IF('Standard Profiles'!$G$19=$B$24,21,0),0)),0)</f>
        <v>4.4199080032187323</v>
      </c>
      <c r="F7684" cm="1">
        <f t="array" ref="F7684">IFERROR(INDEX(Jesper!AJ$2:AJ$366,ROUNDDOWN($C7684/24,0)+1,1)*INDEX($D$3:$AA$30,INDEX(Jesper!$R$2:$R$366,ROW(INDEX(Jesper!AJ$2:AJ$366,ROUNDDOWN($C7684/24,0)+1,1))-1)+IF('Standard Profiles'!$G$20=$B$10,7,0)+IF('Standard Profiles'!$G$20=$B$17,14,0)+IF('Standard Profiles'!$G$20=$B$24,21,0),MOD($C7684,24)+1)/SUM(INDEX($D$3:$AA$30,INDEX(Jesper!$R$2:$R$366,ROW(INDEX(Jesper!AJ$2:AJ$366,ROUNDDOWN($C7684/24,0)+1,1))-1)+IF('Standard Profiles'!$G$20=$B$10,7,0)+IF('Standard Profiles'!$G$20=$B$17,14,0)+IF('Standard Profiles'!$G$20=$B$24,21,0),0)),0)</f>
        <v>0</v>
      </c>
      <c r="G7684" cm="1">
        <f t="array" ref="G7684">IFERROR(INDEX(Jesper!AK$2:AK$366,ROUNDDOWN($C7684/24,0)+1,1)*INDEX($D$3:$AA$30,INDEX(Jesper!$R$2:$R$366,ROW(INDEX(Jesper!AK$2:AK$366,ROUNDDOWN($C7684/24,0)+1,1))-1)+IF('Standard Profiles'!$G$21=$B$10,7,0)+IF('Standard Profiles'!$G$21=$B$17,14,0)+IF('Standard Profiles'!$G$21=$B$24,21,0),MOD($C7684,24)+1)/SUM(INDEX($D$3:$AA$30,INDEX(Jesper!$R$2:$R$366,ROW(INDEX(Jesper!AK$2:AK$366,ROUNDDOWN($C7684/24,0)+1,1))-1)+IF('Standard Profiles'!$G$21=$B$10,7,0)+IF('Standard Profiles'!$G$21=$B$17,14,0)+IF('Standard Profiles'!$G$21=$B$24,21,0),0)),0)</f>
        <v>1.7733593746933938</v>
      </c>
      <c r="H7684" cm="1">
        <f t="array" ref="H7684">IFERROR(INDEX(Jesper!AL$2:AL$366,ROUNDDOWN($C7684/24,0)+1,1)*INDEX($D$3:$AA$30,INDEX(Jesper!$R$2:$R$366,ROW(INDEX(Jesper!AL$2:AL$366,ROUNDDOWN($C7684/24,0)+1,1))-1)+IF('Standard Profiles'!$G$22=$B$10,7,0)+IF('Standard Profiles'!$G$22=$B$17,14,0)+IF('Standard Profiles'!$G$22=$B$24,21,0),MOD($C7684,24)+1)/SUM(INDEX($D$3:$AA$30,INDEX(Jesper!$R$2:$R$366,ROW(INDEX(Jesper!AL$2:AL$366,ROUNDDOWN($C7684/24,0)+1,1))-1)+IF('Standard Profiles'!$G$22=$B$10,7,0)+IF('Standard Profiles'!$G$22=$B$17,14,0)+IF('Standard Profiles'!$G$22=$B$24,21,0),0)),0)</f>
        <v>0</v>
      </c>
      <c r="I7684">
        <f t="shared" si="853"/>
        <v>0.85121249985282854</v>
      </c>
      <c r="J7684">
        <f t="shared" si="854"/>
        <v>10.182903494129329</v>
      </c>
      <c r="K7684">
        <f t="shared" si="855"/>
        <v>0.61471093537397226</v>
      </c>
      <c r="L7684">
        <f t="shared" si="856"/>
        <v>0.30735546768698613</v>
      </c>
      <c r="M7684">
        <f t="shared" si="857"/>
        <v>0</v>
      </c>
      <c r="N7684" s="45">
        <f t="shared" si="858"/>
        <v>45245.749999981446</v>
      </c>
    </row>
    <row r="7685" spans="2:14" x14ac:dyDescent="0.25">
      <c r="B7685">
        <f t="shared" si="852"/>
        <v>3</v>
      </c>
      <c r="C7685" s="16">
        <v>7651</v>
      </c>
      <c r="D7685" cm="1">
        <f t="array" ref="D7685">IFERROR(INDEX(Jesper!AH$2:AH$366,ROUNDDOWN($C7685/24,0)+1,1)*INDEX($D$3:$AA$30,INDEX(Jesper!$R$2:$R$366,ROW(INDEX(Jesper!AH$2:AH$366,ROUNDDOWN($C7685/24,0)+1,1))-1)+IF('Standard Profiles'!$G$18=$B$10,7,0)+IF('Standard Profiles'!$G$18=$B$17,14,0)+IF('Standard Profiles'!$G$18=$B$24,21,0),MOD($C7685,24)+1)/SUM(INDEX($D$3:$AA$30,INDEX(Jesper!$R$2:$R$366,ROW(INDEX(Jesper!AH$2:AH$366,ROUNDDOWN($C7685/24,0)+1,1))-1)+IF('Standard Profiles'!$G$18=$B$10,7,0)+IF('Standard Profiles'!$G$18=$B$17,14,0)+IF('Standard Profiles'!$G$18=$B$24,21,0),0)),0)</f>
        <v>5.7629150191309897</v>
      </c>
      <c r="E7685" cm="1">
        <f t="array" ref="E7685">IFERROR(INDEX(Jesper!AI$2:AI$366,ROUNDDOWN($C7685/24,0)+1,1)*INDEX($D$3:$AA$30,INDEX(Jesper!$R$2:$R$366,ROW(INDEX(Jesper!AI$2:AI$366,ROUNDDOWN($C7685/24,0)+1,1))-1)+IF('Standard Profiles'!$G$19=$B$10,7,0)+IF('Standard Profiles'!$G$19=$B$17,14,0)+IF('Standard Profiles'!$G$19=$B$24,21,0),MOD($C7685,24)+1)/SUM(INDEX($D$3:$AA$30,INDEX(Jesper!$R$2:$R$366,ROW(INDEX(Jesper!AI$2:AI$366,ROUNDDOWN($C7685/24,0)+1,1))-1)+IF('Standard Profiles'!$G$19=$B$10,7,0)+IF('Standard Profiles'!$G$19=$B$17,14,0)+IF('Standard Profiles'!$G$19=$B$24,21,0),0)),0)</f>
        <v>4.4199080032187323</v>
      </c>
      <c r="F7685" cm="1">
        <f t="array" ref="F7685">IFERROR(INDEX(Jesper!AJ$2:AJ$366,ROUNDDOWN($C7685/24,0)+1,1)*INDEX($D$3:$AA$30,INDEX(Jesper!$R$2:$R$366,ROW(INDEX(Jesper!AJ$2:AJ$366,ROUNDDOWN($C7685/24,0)+1,1))-1)+IF('Standard Profiles'!$G$20=$B$10,7,0)+IF('Standard Profiles'!$G$20=$B$17,14,0)+IF('Standard Profiles'!$G$20=$B$24,21,0),MOD($C7685,24)+1)/SUM(INDEX($D$3:$AA$30,INDEX(Jesper!$R$2:$R$366,ROW(INDEX(Jesper!AJ$2:AJ$366,ROUNDDOWN($C7685/24,0)+1,1))-1)+IF('Standard Profiles'!$G$20=$B$10,7,0)+IF('Standard Profiles'!$G$20=$B$17,14,0)+IF('Standard Profiles'!$G$20=$B$24,21,0),0)),0)</f>
        <v>0</v>
      </c>
      <c r="G7685" cm="1">
        <f t="array" ref="G7685">IFERROR(INDEX(Jesper!AK$2:AK$366,ROUNDDOWN($C7685/24,0)+1,1)*INDEX($D$3:$AA$30,INDEX(Jesper!$R$2:$R$366,ROW(INDEX(Jesper!AK$2:AK$366,ROUNDDOWN($C7685/24,0)+1,1))-1)+IF('Standard Profiles'!$G$21=$B$10,7,0)+IF('Standard Profiles'!$G$21=$B$17,14,0)+IF('Standard Profiles'!$G$21=$B$24,21,0),MOD($C7685,24)+1)/SUM(INDEX($D$3:$AA$30,INDEX(Jesper!$R$2:$R$366,ROW(INDEX(Jesper!AK$2:AK$366,ROUNDDOWN($C7685/24,0)+1,1))-1)+IF('Standard Profiles'!$G$21=$B$10,7,0)+IF('Standard Profiles'!$G$21=$B$17,14,0)+IF('Standard Profiles'!$G$21=$B$24,21,0),0)),0)</f>
        <v>1.7733593746933938</v>
      </c>
      <c r="H7685" cm="1">
        <f t="array" ref="H7685">IFERROR(INDEX(Jesper!AL$2:AL$366,ROUNDDOWN($C7685/24,0)+1,1)*INDEX($D$3:$AA$30,INDEX(Jesper!$R$2:$R$366,ROW(INDEX(Jesper!AL$2:AL$366,ROUNDDOWN($C7685/24,0)+1,1))-1)+IF('Standard Profiles'!$G$22=$B$10,7,0)+IF('Standard Profiles'!$G$22=$B$17,14,0)+IF('Standard Profiles'!$G$22=$B$24,21,0),MOD($C7685,24)+1)/SUM(INDEX($D$3:$AA$30,INDEX(Jesper!$R$2:$R$366,ROW(INDEX(Jesper!AL$2:AL$366,ROUNDDOWN($C7685/24,0)+1,1))-1)+IF('Standard Profiles'!$G$22=$B$10,7,0)+IF('Standard Profiles'!$G$22=$B$17,14,0)+IF('Standard Profiles'!$G$22=$B$24,21,0),0)),0)</f>
        <v>0</v>
      </c>
      <c r="I7685">
        <f t="shared" si="853"/>
        <v>0.85121249985282854</v>
      </c>
      <c r="J7685">
        <f t="shared" si="854"/>
        <v>10.182903494129329</v>
      </c>
      <c r="K7685">
        <f t="shared" si="855"/>
        <v>0.61471093537397226</v>
      </c>
      <c r="L7685">
        <f t="shared" si="856"/>
        <v>0.30735546768698613</v>
      </c>
      <c r="M7685">
        <f t="shared" si="857"/>
        <v>0</v>
      </c>
      <c r="N7685" s="45">
        <f t="shared" si="858"/>
        <v>45245.791666648111</v>
      </c>
    </row>
    <row r="7686" spans="2:14" x14ac:dyDescent="0.25">
      <c r="B7686">
        <f t="shared" si="852"/>
        <v>3</v>
      </c>
      <c r="C7686" s="16">
        <v>7652</v>
      </c>
      <c r="D7686" cm="1">
        <f t="array" ref="D7686">IFERROR(INDEX(Jesper!AH$2:AH$366,ROUNDDOWN($C7686/24,0)+1,1)*INDEX($D$3:$AA$30,INDEX(Jesper!$R$2:$R$366,ROW(INDEX(Jesper!AH$2:AH$366,ROUNDDOWN($C7686/24,0)+1,1))-1)+IF('Standard Profiles'!$G$18=$B$10,7,0)+IF('Standard Profiles'!$G$18=$B$17,14,0)+IF('Standard Profiles'!$G$18=$B$24,21,0),MOD($C7686,24)+1)/SUM(INDEX($D$3:$AA$30,INDEX(Jesper!$R$2:$R$366,ROW(INDEX(Jesper!AH$2:AH$366,ROUNDDOWN($C7686/24,0)+1,1))-1)+IF('Standard Profiles'!$G$18=$B$10,7,0)+IF('Standard Profiles'!$G$18=$B$17,14,0)+IF('Standard Profiles'!$G$18=$B$24,21,0),0)),0)</f>
        <v>5.7629150191309897</v>
      </c>
      <c r="E7686" cm="1">
        <f t="array" ref="E7686">IFERROR(INDEX(Jesper!AI$2:AI$366,ROUNDDOWN($C7686/24,0)+1,1)*INDEX($D$3:$AA$30,INDEX(Jesper!$R$2:$R$366,ROW(INDEX(Jesper!AI$2:AI$366,ROUNDDOWN($C7686/24,0)+1,1))-1)+IF('Standard Profiles'!$G$19=$B$10,7,0)+IF('Standard Profiles'!$G$19=$B$17,14,0)+IF('Standard Profiles'!$G$19=$B$24,21,0),MOD($C7686,24)+1)/SUM(INDEX($D$3:$AA$30,INDEX(Jesper!$R$2:$R$366,ROW(INDEX(Jesper!AI$2:AI$366,ROUNDDOWN($C7686/24,0)+1,1))-1)+IF('Standard Profiles'!$G$19=$B$10,7,0)+IF('Standard Profiles'!$G$19=$B$17,14,0)+IF('Standard Profiles'!$G$19=$B$24,21,0),0)),0)</f>
        <v>4.4199080032187323</v>
      </c>
      <c r="F7686" cm="1">
        <f t="array" ref="F7686">IFERROR(INDEX(Jesper!AJ$2:AJ$366,ROUNDDOWN($C7686/24,0)+1,1)*INDEX($D$3:$AA$30,INDEX(Jesper!$R$2:$R$366,ROW(INDEX(Jesper!AJ$2:AJ$366,ROUNDDOWN($C7686/24,0)+1,1))-1)+IF('Standard Profiles'!$G$20=$B$10,7,0)+IF('Standard Profiles'!$G$20=$B$17,14,0)+IF('Standard Profiles'!$G$20=$B$24,21,0),MOD($C7686,24)+1)/SUM(INDEX($D$3:$AA$30,INDEX(Jesper!$R$2:$R$366,ROW(INDEX(Jesper!AJ$2:AJ$366,ROUNDDOWN($C7686/24,0)+1,1))-1)+IF('Standard Profiles'!$G$20=$B$10,7,0)+IF('Standard Profiles'!$G$20=$B$17,14,0)+IF('Standard Profiles'!$G$20=$B$24,21,0),0)),0)</f>
        <v>0</v>
      </c>
      <c r="G7686" cm="1">
        <f t="array" ref="G7686">IFERROR(INDEX(Jesper!AK$2:AK$366,ROUNDDOWN($C7686/24,0)+1,1)*INDEX($D$3:$AA$30,INDEX(Jesper!$R$2:$R$366,ROW(INDEX(Jesper!AK$2:AK$366,ROUNDDOWN($C7686/24,0)+1,1))-1)+IF('Standard Profiles'!$G$21=$B$10,7,0)+IF('Standard Profiles'!$G$21=$B$17,14,0)+IF('Standard Profiles'!$G$21=$B$24,21,0),MOD($C7686,24)+1)/SUM(INDEX($D$3:$AA$30,INDEX(Jesper!$R$2:$R$366,ROW(INDEX(Jesper!AK$2:AK$366,ROUNDDOWN($C7686/24,0)+1,1))-1)+IF('Standard Profiles'!$G$21=$B$10,7,0)+IF('Standard Profiles'!$G$21=$B$17,14,0)+IF('Standard Profiles'!$G$21=$B$24,21,0),0)),0)</f>
        <v>1.7733593746933938</v>
      </c>
      <c r="H7686" cm="1">
        <f t="array" ref="H7686">IFERROR(INDEX(Jesper!AL$2:AL$366,ROUNDDOWN($C7686/24,0)+1,1)*INDEX($D$3:$AA$30,INDEX(Jesper!$R$2:$R$366,ROW(INDEX(Jesper!AL$2:AL$366,ROUNDDOWN($C7686/24,0)+1,1))-1)+IF('Standard Profiles'!$G$22=$B$10,7,0)+IF('Standard Profiles'!$G$22=$B$17,14,0)+IF('Standard Profiles'!$G$22=$B$24,21,0),MOD($C7686,24)+1)/SUM(INDEX($D$3:$AA$30,INDEX(Jesper!$R$2:$R$366,ROW(INDEX(Jesper!AL$2:AL$366,ROUNDDOWN($C7686/24,0)+1,1))-1)+IF('Standard Profiles'!$G$22=$B$10,7,0)+IF('Standard Profiles'!$G$22=$B$17,14,0)+IF('Standard Profiles'!$G$22=$B$24,21,0),0)),0)</f>
        <v>0</v>
      </c>
      <c r="I7686">
        <f t="shared" si="853"/>
        <v>0.85121249985282854</v>
      </c>
      <c r="J7686">
        <f t="shared" si="854"/>
        <v>10.182903494129329</v>
      </c>
      <c r="K7686">
        <f t="shared" si="855"/>
        <v>0.61471093537397226</v>
      </c>
      <c r="L7686">
        <f t="shared" si="856"/>
        <v>0.30735546768698613</v>
      </c>
      <c r="M7686">
        <f t="shared" si="857"/>
        <v>0</v>
      </c>
      <c r="N7686" s="45">
        <f t="shared" si="858"/>
        <v>45245.833333314775</v>
      </c>
    </row>
    <row r="7687" spans="2:14" x14ac:dyDescent="0.25">
      <c r="B7687">
        <f t="shared" si="852"/>
        <v>3</v>
      </c>
      <c r="C7687" s="16">
        <v>7653</v>
      </c>
      <c r="D7687" cm="1">
        <f t="array" ref="D7687">IFERROR(INDEX(Jesper!AH$2:AH$366,ROUNDDOWN($C7687/24,0)+1,1)*INDEX($D$3:$AA$30,INDEX(Jesper!$R$2:$R$366,ROW(INDEX(Jesper!AH$2:AH$366,ROUNDDOWN($C7687/24,0)+1,1))-1)+IF('Standard Profiles'!$G$18=$B$10,7,0)+IF('Standard Profiles'!$G$18=$B$17,14,0)+IF('Standard Profiles'!$G$18=$B$24,21,0),MOD($C7687,24)+1)/SUM(INDEX($D$3:$AA$30,INDEX(Jesper!$R$2:$R$366,ROW(INDEX(Jesper!AH$2:AH$366,ROUNDDOWN($C7687/24,0)+1,1))-1)+IF('Standard Profiles'!$G$18=$B$10,7,0)+IF('Standard Profiles'!$G$18=$B$17,14,0)+IF('Standard Profiles'!$G$18=$B$24,21,0),0)),0)</f>
        <v>5.7629150191309897</v>
      </c>
      <c r="E7687" cm="1">
        <f t="array" ref="E7687">IFERROR(INDEX(Jesper!AI$2:AI$366,ROUNDDOWN($C7687/24,0)+1,1)*INDEX($D$3:$AA$30,INDEX(Jesper!$R$2:$R$366,ROW(INDEX(Jesper!AI$2:AI$366,ROUNDDOWN($C7687/24,0)+1,1))-1)+IF('Standard Profiles'!$G$19=$B$10,7,0)+IF('Standard Profiles'!$G$19=$B$17,14,0)+IF('Standard Profiles'!$G$19=$B$24,21,0),MOD($C7687,24)+1)/SUM(INDEX($D$3:$AA$30,INDEX(Jesper!$R$2:$R$366,ROW(INDEX(Jesper!AI$2:AI$366,ROUNDDOWN($C7687/24,0)+1,1))-1)+IF('Standard Profiles'!$G$19=$B$10,7,0)+IF('Standard Profiles'!$G$19=$B$17,14,0)+IF('Standard Profiles'!$G$19=$B$24,21,0),0)),0)</f>
        <v>4.4199080032187323</v>
      </c>
      <c r="F7687" cm="1">
        <f t="array" ref="F7687">IFERROR(INDEX(Jesper!AJ$2:AJ$366,ROUNDDOWN($C7687/24,0)+1,1)*INDEX($D$3:$AA$30,INDEX(Jesper!$R$2:$R$366,ROW(INDEX(Jesper!AJ$2:AJ$366,ROUNDDOWN($C7687/24,0)+1,1))-1)+IF('Standard Profiles'!$G$20=$B$10,7,0)+IF('Standard Profiles'!$G$20=$B$17,14,0)+IF('Standard Profiles'!$G$20=$B$24,21,0),MOD($C7687,24)+1)/SUM(INDEX($D$3:$AA$30,INDEX(Jesper!$R$2:$R$366,ROW(INDEX(Jesper!AJ$2:AJ$366,ROUNDDOWN($C7687/24,0)+1,1))-1)+IF('Standard Profiles'!$G$20=$B$10,7,0)+IF('Standard Profiles'!$G$20=$B$17,14,0)+IF('Standard Profiles'!$G$20=$B$24,21,0),0)),0)</f>
        <v>0</v>
      </c>
      <c r="G7687" cm="1">
        <f t="array" ref="G7687">IFERROR(INDEX(Jesper!AK$2:AK$366,ROUNDDOWN($C7687/24,0)+1,1)*INDEX($D$3:$AA$30,INDEX(Jesper!$R$2:$R$366,ROW(INDEX(Jesper!AK$2:AK$366,ROUNDDOWN($C7687/24,0)+1,1))-1)+IF('Standard Profiles'!$G$21=$B$10,7,0)+IF('Standard Profiles'!$G$21=$B$17,14,0)+IF('Standard Profiles'!$G$21=$B$24,21,0),MOD($C7687,24)+1)/SUM(INDEX($D$3:$AA$30,INDEX(Jesper!$R$2:$R$366,ROW(INDEX(Jesper!AK$2:AK$366,ROUNDDOWN($C7687/24,0)+1,1))-1)+IF('Standard Profiles'!$G$21=$B$10,7,0)+IF('Standard Profiles'!$G$21=$B$17,14,0)+IF('Standard Profiles'!$G$21=$B$24,21,0),0)),0)</f>
        <v>1.7733593746933938</v>
      </c>
      <c r="H7687" cm="1">
        <f t="array" ref="H7687">IFERROR(INDEX(Jesper!AL$2:AL$366,ROUNDDOWN($C7687/24,0)+1,1)*INDEX($D$3:$AA$30,INDEX(Jesper!$R$2:$R$366,ROW(INDEX(Jesper!AL$2:AL$366,ROUNDDOWN($C7687/24,0)+1,1))-1)+IF('Standard Profiles'!$G$22=$B$10,7,0)+IF('Standard Profiles'!$G$22=$B$17,14,0)+IF('Standard Profiles'!$G$22=$B$24,21,0),MOD($C7687,24)+1)/SUM(INDEX($D$3:$AA$30,INDEX(Jesper!$R$2:$R$366,ROW(INDEX(Jesper!AL$2:AL$366,ROUNDDOWN($C7687/24,0)+1,1))-1)+IF('Standard Profiles'!$G$22=$B$10,7,0)+IF('Standard Profiles'!$G$22=$B$17,14,0)+IF('Standard Profiles'!$G$22=$B$24,21,0),0)),0)</f>
        <v>0</v>
      </c>
      <c r="I7687">
        <f t="shared" si="853"/>
        <v>0.85121249985282854</v>
      </c>
      <c r="J7687">
        <f t="shared" si="854"/>
        <v>10.182903494129329</v>
      </c>
      <c r="K7687">
        <f t="shared" si="855"/>
        <v>0.61471093537397226</v>
      </c>
      <c r="L7687">
        <f t="shared" si="856"/>
        <v>0.30735546768698613</v>
      </c>
      <c r="M7687">
        <f t="shared" si="857"/>
        <v>0</v>
      </c>
      <c r="N7687" s="45">
        <f t="shared" si="858"/>
        <v>45245.874999981439</v>
      </c>
    </row>
    <row r="7688" spans="2:14" x14ac:dyDescent="0.25">
      <c r="B7688">
        <f t="shared" si="852"/>
        <v>3</v>
      </c>
      <c r="C7688" s="16">
        <v>7654</v>
      </c>
      <c r="D7688" cm="1">
        <f t="array" ref="D7688">IFERROR(INDEX(Jesper!AH$2:AH$366,ROUNDDOWN($C7688/24,0)+1,1)*INDEX($D$3:$AA$30,INDEX(Jesper!$R$2:$R$366,ROW(INDEX(Jesper!AH$2:AH$366,ROUNDDOWN($C7688/24,0)+1,1))-1)+IF('Standard Profiles'!$G$18=$B$10,7,0)+IF('Standard Profiles'!$G$18=$B$17,14,0)+IF('Standard Profiles'!$G$18=$B$24,21,0),MOD($C7688,24)+1)/SUM(INDEX($D$3:$AA$30,INDEX(Jesper!$R$2:$R$366,ROW(INDEX(Jesper!AH$2:AH$366,ROUNDDOWN($C7688/24,0)+1,1))-1)+IF('Standard Profiles'!$G$18=$B$10,7,0)+IF('Standard Profiles'!$G$18=$B$17,14,0)+IF('Standard Profiles'!$G$18=$B$24,21,0),0)),0)</f>
        <v>5.7629150191309897</v>
      </c>
      <c r="E7688" cm="1">
        <f t="array" ref="E7688">IFERROR(INDEX(Jesper!AI$2:AI$366,ROUNDDOWN($C7688/24,0)+1,1)*INDEX($D$3:$AA$30,INDEX(Jesper!$R$2:$R$366,ROW(INDEX(Jesper!AI$2:AI$366,ROUNDDOWN($C7688/24,0)+1,1))-1)+IF('Standard Profiles'!$G$19=$B$10,7,0)+IF('Standard Profiles'!$G$19=$B$17,14,0)+IF('Standard Profiles'!$G$19=$B$24,21,0),MOD($C7688,24)+1)/SUM(INDEX($D$3:$AA$30,INDEX(Jesper!$R$2:$R$366,ROW(INDEX(Jesper!AI$2:AI$366,ROUNDDOWN($C7688/24,0)+1,1))-1)+IF('Standard Profiles'!$G$19=$B$10,7,0)+IF('Standard Profiles'!$G$19=$B$17,14,0)+IF('Standard Profiles'!$G$19=$B$24,21,0),0)),0)</f>
        <v>4.4199080032187323</v>
      </c>
      <c r="F7688" cm="1">
        <f t="array" ref="F7688">IFERROR(INDEX(Jesper!AJ$2:AJ$366,ROUNDDOWN($C7688/24,0)+1,1)*INDEX($D$3:$AA$30,INDEX(Jesper!$R$2:$R$366,ROW(INDEX(Jesper!AJ$2:AJ$366,ROUNDDOWN($C7688/24,0)+1,1))-1)+IF('Standard Profiles'!$G$20=$B$10,7,0)+IF('Standard Profiles'!$G$20=$B$17,14,0)+IF('Standard Profiles'!$G$20=$B$24,21,0),MOD($C7688,24)+1)/SUM(INDEX($D$3:$AA$30,INDEX(Jesper!$R$2:$R$366,ROW(INDEX(Jesper!AJ$2:AJ$366,ROUNDDOWN($C7688/24,0)+1,1))-1)+IF('Standard Profiles'!$G$20=$B$10,7,0)+IF('Standard Profiles'!$G$20=$B$17,14,0)+IF('Standard Profiles'!$G$20=$B$24,21,0),0)),0)</f>
        <v>0</v>
      </c>
      <c r="G7688" cm="1">
        <f t="array" ref="G7688">IFERROR(INDEX(Jesper!AK$2:AK$366,ROUNDDOWN($C7688/24,0)+1,1)*INDEX($D$3:$AA$30,INDEX(Jesper!$R$2:$R$366,ROW(INDEX(Jesper!AK$2:AK$366,ROUNDDOWN($C7688/24,0)+1,1))-1)+IF('Standard Profiles'!$G$21=$B$10,7,0)+IF('Standard Profiles'!$G$21=$B$17,14,0)+IF('Standard Profiles'!$G$21=$B$24,21,0),MOD($C7688,24)+1)/SUM(INDEX($D$3:$AA$30,INDEX(Jesper!$R$2:$R$366,ROW(INDEX(Jesper!AK$2:AK$366,ROUNDDOWN($C7688/24,0)+1,1))-1)+IF('Standard Profiles'!$G$21=$B$10,7,0)+IF('Standard Profiles'!$G$21=$B$17,14,0)+IF('Standard Profiles'!$G$21=$B$24,21,0),0)),0)</f>
        <v>1.7733593746933938</v>
      </c>
      <c r="H7688" cm="1">
        <f t="array" ref="H7688">IFERROR(INDEX(Jesper!AL$2:AL$366,ROUNDDOWN($C7688/24,0)+1,1)*INDEX($D$3:$AA$30,INDEX(Jesper!$R$2:$R$366,ROW(INDEX(Jesper!AL$2:AL$366,ROUNDDOWN($C7688/24,0)+1,1))-1)+IF('Standard Profiles'!$G$22=$B$10,7,0)+IF('Standard Profiles'!$G$22=$B$17,14,0)+IF('Standard Profiles'!$G$22=$B$24,21,0),MOD($C7688,24)+1)/SUM(INDEX($D$3:$AA$30,INDEX(Jesper!$R$2:$R$366,ROW(INDEX(Jesper!AL$2:AL$366,ROUNDDOWN($C7688/24,0)+1,1))-1)+IF('Standard Profiles'!$G$22=$B$10,7,0)+IF('Standard Profiles'!$G$22=$B$17,14,0)+IF('Standard Profiles'!$G$22=$B$24,21,0),0)),0)</f>
        <v>0</v>
      </c>
      <c r="I7688">
        <f t="shared" si="853"/>
        <v>0.85121249985282854</v>
      </c>
      <c r="J7688">
        <f t="shared" si="854"/>
        <v>10.182903494129329</v>
      </c>
      <c r="K7688">
        <f t="shared" si="855"/>
        <v>0.61471093537397226</v>
      </c>
      <c r="L7688">
        <f t="shared" si="856"/>
        <v>0.30735546768698613</v>
      </c>
      <c r="M7688">
        <f t="shared" si="857"/>
        <v>0</v>
      </c>
      <c r="N7688" s="45">
        <f t="shared" si="858"/>
        <v>45245.916666648103</v>
      </c>
    </row>
    <row r="7689" spans="2:14" x14ac:dyDescent="0.25">
      <c r="B7689">
        <f t="shared" si="852"/>
        <v>3</v>
      </c>
      <c r="C7689" s="16">
        <v>7655</v>
      </c>
      <c r="D7689" cm="1">
        <f t="array" ref="D7689">IFERROR(INDEX(Jesper!AH$2:AH$366,ROUNDDOWN($C7689/24,0)+1,1)*INDEX($D$3:$AA$30,INDEX(Jesper!$R$2:$R$366,ROW(INDEX(Jesper!AH$2:AH$366,ROUNDDOWN($C7689/24,0)+1,1))-1)+IF('Standard Profiles'!$G$18=$B$10,7,0)+IF('Standard Profiles'!$G$18=$B$17,14,0)+IF('Standard Profiles'!$G$18=$B$24,21,0),MOD($C7689,24)+1)/SUM(INDEX($D$3:$AA$30,INDEX(Jesper!$R$2:$R$366,ROW(INDEX(Jesper!AH$2:AH$366,ROUNDDOWN($C7689/24,0)+1,1))-1)+IF('Standard Profiles'!$G$18=$B$10,7,0)+IF('Standard Profiles'!$G$18=$B$17,14,0)+IF('Standard Profiles'!$G$18=$B$24,21,0),0)),0)</f>
        <v>5.7629150191309897</v>
      </c>
      <c r="E7689" cm="1">
        <f t="array" ref="E7689">IFERROR(INDEX(Jesper!AI$2:AI$366,ROUNDDOWN($C7689/24,0)+1,1)*INDEX($D$3:$AA$30,INDEX(Jesper!$R$2:$R$366,ROW(INDEX(Jesper!AI$2:AI$366,ROUNDDOWN($C7689/24,0)+1,1))-1)+IF('Standard Profiles'!$G$19=$B$10,7,0)+IF('Standard Profiles'!$G$19=$B$17,14,0)+IF('Standard Profiles'!$G$19=$B$24,21,0),MOD($C7689,24)+1)/SUM(INDEX($D$3:$AA$30,INDEX(Jesper!$R$2:$R$366,ROW(INDEX(Jesper!AI$2:AI$366,ROUNDDOWN($C7689/24,0)+1,1))-1)+IF('Standard Profiles'!$G$19=$B$10,7,0)+IF('Standard Profiles'!$G$19=$B$17,14,0)+IF('Standard Profiles'!$G$19=$B$24,21,0),0)),0)</f>
        <v>4.4199080032187323</v>
      </c>
      <c r="F7689" cm="1">
        <f t="array" ref="F7689">IFERROR(INDEX(Jesper!AJ$2:AJ$366,ROUNDDOWN($C7689/24,0)+1,1)*INDEX($D$3:$AA$30,INDEX(Jesper!$R$2:$R$366,ROW(INDEX(Jesper!AJ$2:AJ$366,ROUNDDOWN($C7689/24,0)+1,1))-1)+IF('Standard Profiles'!$G$20=$B$10,7,0)+IF('Standard Profiles'!$G$20=$B$17,14,0)+IF('Standard Profiles'!$G$20=$B$24,21,0),MOD($C7689,24)+1)/SUM(INDEX($D$3:$AA$30,INDEX(Jesper!$R$2:$R$366,ROW(INDEX(Jesper!AJ$2:AJ$366,ROUNDDOWN($C7689/24,0)+1,1))-1)+IF('Standard Profiles'!$G$20=$B$10,7,0)+IF('Standard Profiles'!$G$20=$B$17,14,0)+IF('Standard Profiles'!$G$20=$B$24,21,0),0)),0)</f>
        <v>0</v>
      </c>
      <c r="G7689" cm="1">
        <f t="array" ref="G7689">IFERROR(INDEX(Jesper!AK$2:AK$366,ROUNDDOWN($C7689/24,0)+1,1)*INDEX($D$3:$AA$30,INDEX(Jesper!$R$2:$R$366,ROW(INDEX(Jesper!AK$2:AK$366,ROUNDDOWN($C7689/24,0)+1,1))-1)+IF('Standard Profiles'!$G$21=$B$10,7,0)+IF('Standard Profiles'!$G$21=$B$17,14,0)+IF('Standard Profiles'!$G$21=$B$24,21,0),MOD($C7689,24)+1)/SUM(INDEX($D$3:$AA$30,INDEX(Jesper!$R$2:$R$366,ROW(INDEX(Jesper!AK$2:AK$366,ROUNDDOWN($C7689/24,0)+1,1))-1)+IF('Standard Profiles'!$G$21=$B$10,7,0)+IF('Standard Profiles'!$G$21=$B$17,14,0)+IF('Standard Profiles'!$G$21=$B$24,21,0),0)),0)</f>
        <v>1.7733593746933938</v>
      </c>
      <c r="H7689" cm="1">
        <f t="array" ref="H7689">IFERROR(INDEX(Jesper!AL$2:AL$366,ROUNDDOWN($C7689/24,0)+1,1)*INDEX($D$3:$AA$30,INDEX(Jesper!$R$2:$R$366,ROW(INDEX(Jesper!AL$2:AL$366,ROUNDDOWN($C7689/24,0)+1,1))-1)+IF('Standard Profiles'!$G$22=$B$10,7,0)+IF('Standard Profiles'!$G$22=$B$17,14,0)+IF('Standard Profiles'!$G$22=$B$24,21,0),MOD($C7689,24)+1)/SUM(INDEX($D$3:$AA$30,INDEX(Jesper!$R$2:$R$366,ROW(INDEX(Jesper!AL$2:AL$366,ROUNDDOWN($C7689/24,0)+1,1))-1)+IF('Standard Profiles'!$G$22=$B$10,7,0)+IF('Standard Profiles'!$G$22=$B$17,14,0)+IF('Standard Profiles'!$G$22=$B$24,21,0),0)),0)</f>
        <v>0</v>
      </c>
      <c r="I7689">
        <f t="shared" si="853"/>
        <v>0.85121249985282854</v>
      </c>
      <c r="J7689">
        <f t="shared" si="854"/>
        <v>10.182903494129329</v>
      </c>
      <c r="K7689">
        <f t="shared" si="855"/>
        <v>0.61471093537397226</v>
      </c>
      <c r="L7689">
        <f t="shared" si="856"/>
        <v>0.30735546768698613</v>
      </c>
      <c r="M7689">
        <f t="shared" si="857"/>
        <v>0</v>
      </c>
      <c r="N7689" s="45">
        <f t="shared" si="858"/>
        <v>45245.958333314768</v>
      </c>
    </row>
    <row r="7690" spans="2:14" x14ac:dyDescent="0.25">
      <c r="B7690">
        <f t="shared" si="852"/>
        <v>4</v>
      </c>
      <c r="C7690" s="16">
        <v>7656</v>
      </c>
      <c r="D7690" cm="1">
        <f t="array" ref="D7690">IFERROR(INDEX(Jesper!AH$2:AH$366,ROUNDDOWN($C7690/24,0)+1,1)*INDEX($D$3:$AA$30,INDEX(Jesper!$R$2:$R$366,ROW(INDEX(Jesper!AH$2:AH$366,ROUNDDOWN($C7690/24,0)+1,1))-1)+IF('Standard Profiles'!$G$18=$B$10,7,0)+IF('Standard Profiles'!$G$18=$B$17,14,0)+IF('Standard Profiles'!$G$18=$B$24,21,0),MOD($C7690,24)+1)/SUM(INDEX($D$3:$AA$30,INDEX(Jesper!$R$2:$R$366,ROW(INDEX(Jesper!AH$2:AH$366,ROUNDDOWN($C7690/24,0)+1,1))-1)+IF('Standard Profiles'!$G$18=$B$10,7,0)+IF('Standard Profiles'!$G$18=$B$17,14,0)+IF('Standard Profiles'!$G$18=$B$24,21,0),0)),0)</f>
        <v>5.7755131143665359</v>
      </c>
      <c r="E7690" cm="1">
        <f t="array" ref="E7690">IFERROR(INDEX(Jesper!AI$2:AI$366,ROUNDDOWN($C7690/24,0)+1,1)*INDEX($D$3:$AA$30,INDEX(Jesper!$R$2:$R$366,ROW(INDEX(Jesper!AI$2:AI$366,ROUNDDOWN($C7690/24,0)+1,1))-1)+IF('Standard Profiles'!$G$19=$B$10,7,0)+IF('Standard Profiles'!$G$19=$B$17,14,0)+IF('Standard Profiles'!$G$19=$B$24,21,0),MOD($C7690,24)+1)/SUM(INDEX($D$3:$AA$30,INDEX(Jesper!$R$2:$R$366,ROW(INDEX(Jesper!AI$2:AI$366,ROUNDDOWN($C7690/24,0)+1,1))-1)+IF('Standard Profiles'!$G$19=$B$10,7,0)+IF('Standard Profiles'!$G$19=$B$17,14,0)+IF('Standard Profiles'!$G$19=$B$24,21,0),0)),0)</f>
        <v>4.5242378090440072</v>
      </c>
      <c r="F7690" cm="1">
        <f t="array" ref="F7690">IFERROR(INDEX(Jesper!AJ$2:AJ$366,ROUNDDOWN($C7690/24,0)+1,1)*INDEX($D$3:$AA$30,INDEX(Jesper!$R$2:$R$366,ROW(INDEX(Jesper!AJ$2:AJ$366,ROUNDDOWN($C7690/24,0)+1,1))-1)+IF('Standard Profiles'!$G$20=$B$10,7,0)+IF('Standard Profiles'!$G$20=$B$17,14,0)+IF('Standard Profiles'!$G$20=$B$24,21,0),MOD($C7690,24)+1)/SUM(INDEX($D$3:$AA$30,INDEX(Jesper!$R$2:$R$366,ROW(INDEX(Jesper!AJ$2:AJ$366,ROUNDDOWN($C7690/24,0)+1,1))-1)+IF('Standard Profiles'!$G$20=$B$10,7,0)+IF('Standard Profiles'!$G$20=$B$17,14,0)+IF('Standard Profiles'!$G$20=$B$24,21,0),0)),0)</f>
        <v>0</v>
      </c>
      <c r="G7690" cm="1">
        <f t="array" ref="G7690">IFERROR(INDEX(Jesper!AK$2:AK$366,ROUNDDOWN($C7690/24,0)+1,1)*INDEX($D$3:$AA$30,INDEX(Jesper!$R$2:$R$366,ROW(INDEX(Jesper!AK$2:AK$366,ROUNDDOWN($C7690/24,0)+1,1))-1)+IF('Standard Profiles'!$G$21=$B$10,7,0)+IF('Standard Profiles'!$G$21=$B$17,14,0)+IF('Standard Profiles'!$G$21=$B$24,21,0),MOD($C7690,24)+1)/SUM(INDEX($D$3:$AA$30,INDEX(Jesper!$R$2:$R$366,ROW(INDEX(Jesper!AK$2:AK$366,ROUNDDOWN($C7690/24,0)+1,1))-1)+IF('Standard Profiles'!$G$21=$B$10,7,0)+IF('Standard Profiles'!$G$21=$B$17,14,0)+IF('Standard Profiles'!$G$21=$B$24,21,0),0)),0)</f>
        <v>2.0433289396625001</v>
      </c>
      <c r="H7690" cm="1">
        <f t="array" ref="H7690">IFERROR(INDEX(Jesper!AL$2:AL$366,ROUNDDOWN($C7690/24,0)+1,1)*INDEX($D$3:$AA$30,INDEX(Jesper!$R$2:$R$366,ROW(INDEX(Jesper!AL$2:AL$366,ROUNDDOWN($C7690/24,0)+1,1))-1)+IF('Standard Profiles'!$G$22=$B$10,7,0)+IF('Standard Profiles'!$G$22=$B$17,14,0)+IF('Standard Profiles'!$G$22=$B$24,21,0),MOD($C7690,24)+1)/SUM(INDEX($D$3:$AA$30,INDEX(Jesper!$R$2:$R$366,ROW(INDEX(Jesper!AL$2:AL$366,ROUNDDOWN($C7690/24,0)+1,1))-1)+IF('Standard Profiles'!$G$22=$B$10,7,0)+IF('Standard Profiles'!$G$22=$B$17,14,0)+IF('Standard Profiles'!$G$22=$B$24,21,0),0)),0)</f>
        <v>0</v>
      </c>
      <c r="I7690">
        <f t="shared" si="853"/>
        <v>0.98079789103799953</v>
      </c>
      <c r="J7690">
        <f t="shared" si="854"/>
        <v>10.438199873736398</v>
      </c>
      <c r="K7690">
        <f t="shared" si="855"/>
        <v>0.61605473219909723</v>
      </c>
      <c r="L7690">
        <f t="shared" si="856"/>
        <v>0.30802736609954862</v>
      </c>
      <c r="M7690">
        <f t="shared" si="857"/>
        <v>0</v>
      </c>
      <c r="N7690" s="45">
        <f t="shared" si="858"/>
        <v>45245.999999981432</v>
      </c>
    </row>
    <row r="7691" spans="2:14" x14ac:dyDescent="0.25">
      <c r="B7691">
        <f t="shared" si="852"/>
        <v>4</v>
      </c>
      <c r="C7691" s="16">
        <v>7657</v>
      </c>
      <c r="D7691" cm="1">
        <f t="array" ref="D7691">IFERROR(INDEX(Jesper!AH$2:AH$366,ROUNDDOWN($C7691/24,0)+1,1)*INDEX($D$3:$AA$30,INDEX(Jesper!$R$2:$R$366,ROW(INDEX(Jesper!AH$2:AH$366,ROUNDDOWN($C7691/24,0)+1,1))-1)+IF('Standard Profiles'!$G$18=$B$10,7,0)+IF('Standard Profiles'!$G$18=$B$17,14,0)+IF('Standard Profiles'!$G$18=$B$24,21,0),MOD($C7691,24)+1)/SUM(INDEX($D$3:$AA$30,INDEX(Jesper!$R$2:$R$366,ROW(INDEX(Jesper!AH$2:AH$366,ROUNDDOWN($C7691/24,0)+1,1))-1)+IF('Standard Profiles'!$G$18=$B$10,7,0)+IF('Standard Profiles'!$G$18=$B$17,14,0)+IF('Standard Profiles'!$G$18=$B$24,21,0),0)),0)</f>
        <v>5.7755131143665359</v>
      </c>
      <c r="E7691" cm="1">
        <f t="array" ref="E7691">IFERROR(INDEX(Jesper!AI$2:AI$366,ROUNDDOWN($C7691/24,0)+1,1)*INDEX($D$3:$AA$30,INDEX(Jesper!$R$2:$R$366,ROW(INDEX(Jesper!AI$2:AI$366,ROUNDDOWN($C7691/24,0)+1,1))-1)+IF('Standard Profiles'!$G$19=$B$10,7,0)+IF('Standard Profiles'!$G$19=$B$17,14,0)+IF('Standard Profiles'!$G$19=$B$24,21,0),MOD($C7691,24)+1)/SUM(INDEX($D$3:$AA$30,INDEX(Jesper!$R$2:$R$366,ROW(INDEX(Jesper!AI$2:AI$366,ROUNDDOWN($C7691/24,0)+1,1))-1)+IF('Standard Profiles'!$G$19=$B$10,7,0)+IF('Standard Profiles'!$G$19=$B$17,14,0)+IF('Standard Profiles'!$G$19=$B$24,21,0),0)),0)</f>
        <v>4.5242378090440072</v>
      </c>
      <c r="F7691" cm="1">
        <f t="array" ref="F7691">IFERROR(INDEX(Jesper!AJ$2:AJ$366,ROUNDDOWN($C7691/24,0)+1,1)*INDEX($D$3:$AA$30,INDEX(Jesper!$R$2:$R$366,ROW(INDEX(Jesper!AJ$2:AJ$366,ROUNDDOWN($C7691/24,0)+1,1))-1)+IF('Standard Profiles'!$G$20=$B$10,7,0)+IF('Standard Profiles'!$G$20=$B$17,14,0)+IF('Standard Profiles'!$G$20=$B$24,21,0),MOD($C7691,24)+1)/SUM(INDEX($D$3:$AA$30,INDEX(Jesper!$R$2:$R$366,ROW(INDEX(Jesper!AJ$2:AJ$366,ROUNDDOWN($C7691/24,0)+1,1))-1)+IF('Standard Profiles'!$G$20=$B$10,7,0)+IF('Standard Profiles'!$G$20=$B$17,14,0)+IF('Standard Profiles'!$G$20=$B$24,21,0),0)),0)</f>
        <v>0</v>
      </c>
      <c r="G7691" cm="1">
        <f t="array" ref="G7691">IFERROR(INDEX(Jesper!AK$2:AK$366,ROUNDDOWN($C7691/24,0)+1,1)*INDEX($D$3:$AA$30,INDEX(Jesper!$R$2:$R$366,ROW(INDEX(Jesper!AK$2:AK$366,ROUNDDOWN($C7691/24,0)+1,1))-1)+IF('Standard Profiles'!$G$21=$B$10,7,0)+IF('Standard Profiles'!$G$21=$B$17,14,0)+IF('Standard Profiles'!$G$21=$B$24,21,0),MOD($C7691,24)+1)/SUM(INDEX($D$3:$AA$30,INDEX(Jesper!$R$2:$R$366,ROW(INDEX(Jesper!AK$2:AK$366,ROUNDDOWN($C7691/24,0)+1,1))-1)+IF('Standard Profiles'!$G$21=$B$10,7,0)+IF('Standard Profiles'!$G$21=$B$17,14,0)+IF('Standard Profiles'!$G$21=$B$24,21,0),0)),0)</f>
        <v>2.0433289396625001</v>
      </c>
      <c r="H7691" cm="1">
        <f t="array" ref="H7691">IFERROR(INDEX(Jesper!AL$2:AL$366,ROUNDDOWN($C7691/24,0)+1,1)*INDEX($D$3:$AA$30,INDEX(Jesper!$R$2:$R$366,ROW(INDEX(Jesper!AL$2:AL$366,ROUNDDOWN($C7691/24,0)+1,1))-1)+IF('Standard Profiles'!$G$22=$B$10,7,0)+IF('Standard Profiles'!$G$22=$B$17,14,0)+IF('Standard Profiles'!$G$22=$B$24,21,0),MOD($C7691,24)+1)/SUM(INDEX($D$3:$AA$30,INDEX(Jesper!$R$2:$R$366,ROW(INDEX(Jesper!AL$2:AL$366,ROUNDDOWN($C7691/24,0)+1,1))-1)+IF('Standard Profiles'!$G$22=$B$10,7,0)+IF('Standard Profiles'!$G$22=$B$17,14,0)+IF('Standard Profiles'!$G$22=$B$24,21,0),0)),0)</f>
        <v>0</v>
      </c>
      <c r="I7691">
        <f t="shared" si="853"/>
        <v>0.98079789103799953</v>
      </c>
      <c r="J7691">
        <f t="shared" si="854"/>
        <v>10.438199873736398</v>
      </c>
      <c r="K7691">
        <f t="shared" si="855"/>
        <v>0.61605473219909723</v>
      </c>
      <c r="L7691">
        <f t="shared" si="856"/>
        <v>0.30802736609954862</v>
      </c>
      <c r="M7691">
        <f t="shared" si="857"/>
        <v>0</v>
      </c>
      <c r="N7691" s="45">
        <f t="shared" si="858"/>
        <v>45246.041666648096</v>
      </c>
    </row>
    <row r="7692" spans="2:14" x14ac:dyDescent="0.25">
      <c r="B7692">
        <f t="shared" si="852"/>
        <v>4</v>
      </c>
      <c r="C7692" s="16">
        <v>7658</v>
      </c>
      <c r="D7692" cm="1">
        <f t="array" ref="D7692">IFERROR(INDEX(Jesper!AH$2:AH$366,ROUNDDOWN($C7692/24,0)+1,1)*INDEX($D$3:$AA$30,INDEX(Jesper!$R$2:$R$366,ROW(INDEX(Jesper!AH$2:AH$366,ROUNDDOWN($C7692/24,0)+1,1))-1)+IF('Standard Profiles'!$G$18=$B$10,7,0)+IF('Standard Profiles'!$G$18=$B$17,14,0)+IF('Standard Profiles'!$G$18=$B$24,21,0),MOD($C7692,24)+1)/SUM(INDEX($D$3:$AA$30,INDEX(Jesper!$R$2:$R$366,ROW(INDEX(Jesper!AH$2:AH$366,ROUNDDOWN($C7692/24,0)+1,1))-1)+IF('Standard Profiles'!$G$18=$B$10,7,0)+IF('Standard Profiles'!$G$18=$B$17,14,0)+IF('Standard Profiles'!$G$18=$B$24,21,0),0)),0)</f>
        <v>5.7755131143665359</v>
      </c>
      <c r="E7692" cm="1">
        <f t="array" ref="E7692">IFERROR(INDEX(Jesper!AI$2:AI$366,ROUNDDOWN($C7692/24,0)+1,1)*INDEX($D$3:$AA$30,INDEX(Jesper!$R$2:$R$366,ROW(INDEX(Jesper!AI$2:AI$366,ROUNDDOWN($C7692/24,0)+1,1))-1)+IF('Standard Profiles'!$G$19=$B$10,7,0)+IF('Standard Profiles'!$G$19=$B$17,14,0)+IF('Standard Profiles'!$G$19=$B$24,21,0),MOD($C7692,24)+1)/SUM(INDEX($D$3:$AA$30,INDEX(Jesper!$R$2:$R$366,ROW(INDEX(Jesper!AI$2:AI$366,ROUNDDOWN($C7692/24,0)+1,1))-1)+IF('Standard Profiles'!$G$19=$B$10,7,0)+IF('Standard Profiles'!$G$19=$B$17,14,0)+IF('Standard Profiles'!$G$19=$B$24,21,0),0)),0)</f>
        <v>4.5242378090440072</v>
      </c>
      <c r="F7692" cm="1">
        <f t="array" ref="F7692">IFERROR(INDEX(Jesper!AJ$2:AJ$366,ROUNDDOWN($C7692/24,0)+1,1)*INDEX($D$3:$AA$30,INDEX(Jesper!$R$2:$R$366,ROW(INDEX(Jesper!AJ$2:AJ$366,ROUNDDOWN($C7692/24,0)+1,1))-1)+IF('Standard Profiles'!$G$20=$B$10,7,0)+IF('Standard Profiles'!$G$20=$B$17,14,0)+IF('Standard Profiles'!$G$20=$B$24,21,0),MOD($C7692,24)+1)/SUM(INDEX($D$3:$AA$30,INDEX(Jesper!$R$2:$R$366,ROW(INDEX(Jesper!AJ$2:AJ$366,ROUNDDOWN($C7692/24,0)+1,1))-1)+IF('Standard Profiles'!$G$20=$B$10,7,0)+IF('Standard Profiles'!$G$20=$B$17,14,0)+IF('Standard Profiles'!$G$20=$B$24,21,0),0)),0)</f>
        <v>0</v>
      </c>
      <c r="G7692" cm="1">
        <f t="array" ref="G7692">IFERROR(INDEX(Jesper!AK$2:AK$366,ROUNDDOWN($C7692/24,0)+1,1)*INDEX($D$3:$AA$30,INDEX(Jesper!$R$2:$R$366,ROW(INDEX(Jesper!AK$2:AK$366,ROUNDDOWN($C7692/24,0)+1,1))-1)+IF('Standard Profiles'!$G$21=$B$10,7,0)+IF('Standard Profiles'!$G$21=$B$17,14,0)+IF('Standard Profiles'!$G$21=$B$24,21,0),MOD($C7692,24)+1)/SUM(INDEX($D$3:$AA$30,INDEX(Jesper!$R$2:$R$366,ROW(INDEX(Jesper!AK$2:AK$366,ROUNDDOWN($C7692/24,0)+1,1))-1)+IF('Standard Profiles'!$G$21=$B$10,7,0)+IF('Standard Profiles'!$G$21=$B$17,14,0)+IF('Standard Profiles'!$G$21=$B$24,21,0),0)),0)</f>
        <v>2.0433289396625001</v>
      </c>
      <c r="H7692" cm="1">
        <f t="array" ref="H7692">IFERROR(INDEX(Jesper!AL$2:AL$366,ROUNDDOWN($C7692/24,0)+1,1)*INDEX($D$3:$AA$30,INDEX(Jesper!$R$2:$R$366,ROW(INDEX(Jesper!AL$2:AL$366,ROUNDDOWN($C7692/24,0)+1,1))-1)+IF('Standard Profiles'!$G$22=$B$10,7,0)+IF('Standard Profiles'!$G$22=$B$17,14,0)+IF('Standard Profiles'!$G$22=$B$24,21,0),MOD($C7692,24)+1)/SUM(INDEX($D$3:$AA$30,INDEX(Jesper!$R$2:$R$366,ROW(INDEX(Jesper!AL$2:AL$366,ROUNDDOWN($C7692/24,0)+1,1))-1)+IF('Standard Profiles'!$G$22=$B$10,7,0)+IF('Standard Profiles'!$G$22=$B$17,14,0)+IF('Standard Profiles'!$G$22=$B$24,21,0),0)),0)</f>
        <v>0</v>
      </c>
      <c r="I7692">
        <f t="shared" si="853"/>
        <v>0.98079789103799953</v>
      </c>
      <c r="J7692">
        <f t="shared" si="854"/>
        <v>10.438199873736398</v>
      </c>
      <c r="K7692">
        <f t="shared" si="855"/>
        <v>0.61605473219909723</v>
      </c>
      <c r="L7692">
        <f t="shared" si="856"/>
        <v>0.30802736609954862</v>
      </c>
      <c r="M7692">
        <f t="shared" si="857"/>
        <v>0</v>
      </c>
      <c r="N7692" s="45">
        <f t="shared" si="858"/>
        <v>45246.08333331476</v>
      </c>
    </row>
    <row r="7693" spans="2:14" x14ac:dyDescent="0.25">
      <c r="B7693">
        <f t="shared" si="852"/>
        <v>4</v>
      </c>
      <c r="C7693" s="16">
        <v>7659</v>
      </c>
      <c r="D7693" cm="1">
        <f t="array" ref="D7693">IFERROR(INDEX(Jesper!AH$2:AH$366,ROUNDDOWN($C7693/24,0)+1,1)*INDEX($D$3:$AA$30,INDEX(Jesper!$R$2:$R$366,ROW(INDEX(Jesper!AH$2:AH$366,ROUNDDOWN($C7693/24,0)+1,1))-1)+IF('Standard Profiles'!$G$18=$B$10,7,0)+IF('Standard Profiles'!$G$18=$B$17,14,0)+IF('Standard Profiles'!$G$18=$B$24,21,0),MOD($C7693,24)+1)/SUM(INDEX($D$3:$AA$30,INDEX(Jesper!$R$2:$R$366,ROW(INDEX(Jesper!AH$2:AH$366,ROUNDDOWN($C7693/24,0)+1,1))-1)+IF('Standard Profiles'!$G$18=$B$10,7,0)+IF('Standard Profiles'!$G$18=$B$17,14,0)+IF('Standard Profiles'!$G$18=$B$24,21,0),0)),0)</f>
        <v>5.7755131143665359</v>
      </c>
      <c r="E7693" cm="1">
        <f t="array" ref="E7693">IFERROR(INDEX(Jesper!AI$2:AI$366,ROUNDDOWN($C7693/24,0)+1,1)*INDEX($D$3:$AA$30,INDEX(Jesper!$R$2:$R$366,ROW(INDEX(Jesper!AI$2:AI$366,ROUNDDOWN($C7693/24,0)+1,1))-1)+IF('Standard Profiles'!$G$19=$B$10,7,0)+IF('Standard Profiles'!$G$19=$B$17,14,0)+IF('Standard Profiles'!$G$19=$B$24,21,0),MOD($C7693,24)+1)/SUM(INDEX($D$3:$AA$30,INDEX(Jesper!$R$2:$R$366,ROW(INDEX(Jesper!AI$2:AI$366,ROUNDDOWN($C7693/24,0)+1,1))-1)+IF('Standard Profiles'!$G$19=$B$10,7,0)+IF('Standard Profiles'!$G$19=$B$17,14,0)+IF('Standard Profiles'!$G$19=$B$24,21,0),0)),0)</f>
        <v>4.5242378090440072</v>
      </c>
      <c r="F7693" cm="1">
        <f t="array" ref="F7693">IFERROR(INDEX(Jesper!AJ$2:AJ$366,ROUNDDOWN($C7693/24,0)+1,1)*INDEX($D$3:$AA$30,INDEX(Jesper!$R$2:$R$366,ROW(INDEX(Jesper!AJ$2:AJ$366,ROUNDDOWN($C7693/24,0)+1,1))-1)+IF('Standard Profiles'!$G$20=$B$10,7,0)+IF('Standard Profiles'!$G$20=$B$17,14,0)+IF('Standard Profiles'!$G$20=$B$24,21,0),MOD($C7693,24)+1)/SUM(INDEX($D$3:$AA$30,INDEX(Jesper!$R$2:$R$366,ROW(INDEX(Jesper!AJ$2:AJ$366,ROUNDDOWN($C7693/24,0)+1,1))-1)+IF('Standard Profiles'!$G$20=$B$10,7,0)+IF('Standard Profiles'!$G$20=$B$17,14,0)+IF('Standard Profiles'!$G$20=$B$24,21,0),0)),0)</f>
        <v>0</v>
      </c>
      <c r="G7693" cm="1">
        <f t="array" ref="G7693">IFERROR(INDEX(Jesper!AK$2:AK$366,ROUNDDOWN($C7693/24,0)+1,1)*INDEX($D$3:$AA$30,INDEX(Jesper!$R$2:$R$366,ROW(INDEX(Jesper!AK$2:AK$366,ROUNDDOWN($C7693/24,0)+1,1))-1)+IF('Standard Profiles'!$G$21=$B$10,7,0)+IF('Standard Profiles'!$G$21=$B$17,14,0)+IF('Standard Profiles'!$G$21=$B$24,21,0),MOD($C7693,24)+1)/SUM(INDEX($D$3:$AA$30,INDEX(Jesper!$R$2:$R$366,ROW(INDEX(Jesper!AK$2:AK$366,ROUNDDOWN($C7693/24,0)+1,1))-1)+IF('Standard Profiles'!$G$21=$B$10,7,0)+IF('Standard Profiles'!$G$21=$B$17,14,0)+IF('Standard Profiles'!$G$21=$B$24,21,0),0)),0)</f>
        <v>2.0433289396625001</v>
      </c>
      <c r="H7693" cm="1">
        <f t="array" ref="H7693">IFERROR(INDEX(Jesper!AL$2:AL$366,ROUNDDOWN($C7693/24,0)+1,1)*INDEX($D$3:$AA$30,INDEX(Jesper!$R$2:$R$366,ROW(INDEX(Jesper!AL$2:AL$366,ROUNDDOWN($C7693/24,0)+1,1))-1)+IF('Standard Profiles'!$G$22=$B$10,7,0)+IF('Standard Profiles'!$G$22=$B$17,14,0)+IF('Standard Profiles'!$G$22=$B$24,21,0),MOD($C7693,24)+1)/SUM(INDEX($D$3:$AA$30,INDEX(Jesper!$R$2:$R$366,ROW(INDEX(Jesper!AL$2:AL$366,ROUNDDOWN($C7693/24,0)+1,1))-1)+IF('Standard Profiles'!$G$22=$B$10,7,0)+IF('Standard Profiles'!$G$22=$B$17,14,0)+IF('Standard Profiles'!$G$22=$B$24,21,0),0)),0)</f>
        <v>0</v>
      </c>
      <c r="I7693">
        <f t="shared" si="853"/>
        <v>0.98079789103799953</v>
      </c>
      <c r="J7693">
        <f t="shared" si="854"/>
        <v>10.438199873736398</v>
      </c>
      <c r="K7693">
        <f t="shared" si="855"/>
        <v>0.61605473219909723</v>
      </c>
      <c r="L7693">
        <f t="shared" si="856"/>
        <v>0.30802736609954862</v>
      </c>
      <c r="M7693">
        <f t="shared" si="857"/>
        <v>0</v>
      </c>
      <c r="N7693" s="45">
        <f t="shared" si="858"/>
        <v>45246.124999981424</v>
      </c>
    </row>
    <row r="7694" spans="2:14" x14ac:dyDescent="0.25">
      <c r="B7694">
        <f t="shared" si="852"/>
        <v>4</v>
      </c>
      <c r="C7694" s="16">
        <v>7660</v>
      </c>
      <c r="D7694" cm="1">
        <f t="array" ref="D7694">IFERROR(INDEX(Jesper!AH$2:AH$366,ROUNDDOWN($C7694/24,0)+1,1)*INDEX($D$3:$AA$30,INDEX(Jesper!$R$2:$R$366,ROW(INDEX(Jesper!AH$2:AH$366,ROUNDDOWN($C7694/24,0)+1,1))-1)+IF('Standard Profiles'!$G$18=$B$10,7,0)+IF('Standard Profiles'!$G$18=$B$17,14,0)+IF('Standard Profiles'!$G$18=$B$24,21,0),MOD($C7694,24)+1)/SUM(INDEX($D$3:$AA$30,INDEX(Jesper!$R$2:$R$366,ROW(INDEX(Jesper!AH$2:AH$366,ROUNDDOWN($C7694/24,0)+1,1))-1)+IF('Standard Profiles'!$G$18=$B$10,7,0)+IF('Standard Profiles'!$G$18=$B$17,14,0)+IF('Standard Profiles'!$G$18=$B$24,21,0),0)),0)</f>
        <v>5.7755131143665359</v>
      </c>
      <c r="E7694" cm="1">
        <f t="array" ref="E7694">IFERROR(INDEX(Jesper!AI$2:AI$366,ROUNDDOWN($C7694/24,0)+1,1)*INDEX($D$3:$AA$30,INDEX(Jesper!$R$2:$R$366,ROW(INDEX(Jesper!AI$2:AI$366,ROUNDDOWN($C7694/24,0)+1,1))-1)+IF('Standard Profiles'!$G$19=$B$10,7,0)+IF('Standard Profiles'!$G$19=$B$17,14,0)+IF('Standard Profiles'!$G$19=$B$24,21,0),MOD($C7694,24)+1)/SUM(INDEX($D$3:$AA$30,INDEX(Jesper!$R$2:$R$366,ROW(INDEX(Jesper!AI$2:AI$366,ROUNDDOWN($C7694/24,0)+1,1))-1)+IF('Standard Profiles'!$G$19=$B$10,7,0)+IF('Standard Profiles'!$G$19=$B$17,14,0)+IF('Standard Profiles'!$G$19=$B$24,21,0),0)),0)</f>
        <v>4.5242378090440072</v>
      </c>
      <c r="F7694" cm="1">
        <f t="array" ref="F7694">IFERROR(INDEX(Jesper!AJ$2:AJ$366,ROUNDDOWN($C7694/24,0)+1,1)*INDEX($D$3:$AA$30,INDEX(Jesper!$R$2:$R$366,ROW(INDEX(Jesper!AJ$2:AJ$366,ROUNDDOWN($C7694/24,0)+1,1))-1)+IF('Standard Profiles'!$G$20=$B$10,7,0)+IF('Standard Profiles'!$G$20=$B$17,14,0)+IF('Standard Profiles'!$G$20=$B$24,21,0),MOD($C7694,24)+1)/SUM(INDEX($D$3:$AA$30,INDEX(Jesper!$R$2:$R$366,ROW(INDEX(Jesper!AJ$2:AJ$366,ROUNDDOWN($C7694/24,0)+1,1))-1)+IF('Standard Profiles'!$G$20=$B$10,7,0)+IF('Standard Profiles'!$G$20=$B$17,14,0)+IF('Standard Profiles'!$G$20=$B$24,21,0),0)),0)</f>
        <v>0</v>
      </c>
      <c r="G7694" cm="1">
        <f t="array" ref="G7694">IFERROR(INDEX(Jesper!AK$2:AK$366,ROUNDDOWN($C7694/24,0)+1,1)*INDEX($D$3:$AA$30,INDEX(Jesper!$R$2:$R$366,ROW(INDEX(Jesper!AK$2:AK$366,ROUNDDOWN($C7694/24,0)+1,1))-1)+IF('Standard Profiles'!$G$21=$B$10,7,0)+IF('Standard Profiles'!$G$21=$B$17,14,0)+IF('Standard Profiles'!$G$21=$B$24,21,0),MOD($C7694,24)+1)/SUM(INDEX($D$3:$AA$30,INDEX(Jesper!$R$2:$R$366,ROW(INDEX(Jesper!AK$2:AK$366,ROUNDDOWN($C7694/24,0)+1,1))-1)+IF('Standard Profiles'!$G$21=$B$10,7,0)+IF('Standard Profiles'!$G$21=$B$17,14,0)+IF('Standard Profiles'!$G$21=$B$24,21,0),0)),0)</f>
        <v>2.0433289396625001</v>
      </c>
      <c r="H7694" cm="1">
        <f t="array" ref="H7694">IFERROR(INDEX(Jesper!AL$2:AL$366,ROUNDDOWN($C7694/24,0)+1,1)*INDEX($D$3:$AA$30,INDEX(Jesper!$R$2:$R$366,ROW(INDEX(Jesper!AL$2:AL$366,ROUNDDOWN($C7694/24,0)+1,1))-1)+IF('Standard Profiles'!$G$22=$B$10,7,0)+IF('Standard Profiles'!$G$22=$B$17,14,0)+IF('Standard Profiles'!$G$22=$B$24,21,0),MOD($C7694,24)+1)/SUM(INDEX($D$3:$AA$30,INDEX(Jesper!$R$2:$R$366,ROW(INDEX(Jesper!AL$2:AL$366,ROUNDDOWN($C7694/24,0)+1,1))-1)+IF('Standard Profiles'!$G$22=$B$10,7,0)+IF('Standard Profiles'!$G$22=$B$17,14,0)+IF('Standard Profiles'!$G$22=$B$24,21,0),0)),0)</f>
        <v>0</v>
      </c>
      <c r="I7694">
        <f t="shared" si="853"/>
        <v>0.98079789103799953</v>
      </c>
      <c r="J7694">
        <f t="shared" si="854"/>
        <v>10.438199873736398</v>
      </c>
      <c r="K7694">
        <f t="shared" si="855"/>
        <v>0.61605473219909723</v>
      </c>
      <c r="L7694">
        <f t="shared" si="856"/>
        <v>0.30802736609954862</v>
      </c>
      <c r="M7694">
        <f t="shared" si="857"/>
        <v>0</v>
      </c>
      <c r="N7694" s="45">
        <f t="shared" si="858"/>
        <v>45246.166666648089</v>
      </c>
    </row>
    <row r="7695" spans="2:14" x14ac:dyDescent="0.25">
      <c r="B7695">
        <f t="shared" si="852"/>
        <v>4</v>
      </c>
      <c r="C7695" s="16">
        <v>7661</v>
      </c>
      <c r="D7695" cm="1">
        <f t="array" ref="D7695">IFERROR(INDEX(Jesper!AH$2:AH$366,ROUNDDOWN($C7695/24,0)+1,1)*INDEX($D$3:$AA$30,INDEX(Jesper!$R$2:$R$366,ROW(INDEX(Jesper!AH$2:AH$366,ROUNDDOWN($C7695/24,0)+1,1))-1)+IF('Standard Profiles'!$G$18=$B$10,7,0)+IF('Standard Profiles'!$G$18=$B$17,14,0)+IF('Standard Profiles'!$G$18=$B$24,21,0),MOD($C7695,24)+1)/SUM(INDEX($D$3:$AA$30,INDEX(Jesper!$R$2:$R$366,ROW(INDEX(Jesper!AH$2:AH$366,ROUNDDOWN($C7695/24,0)+1,1))-1)+IF('Standard Profiles'!$G$18=$B$10,7,0)+IF('Standard Profiles'!$G$18=$B$17,14,0)+IF('Standard Profiles'!$G$18=$B$24,21,0),0)),0)</f>
        <v>5.7755131143665359</v>
      </c>
      <c r="E7695" cm="1">
        <f t="array" ref="E7695">IFERROR(INDEX(Jesper!AI$2:AI$366,ROUNDDOWN($C7695/24,0)+1,1)*INDEX($D$3:$AA$30,INDEX(Jesper!$R$2:$R$366,ROW(INDEX(Jesper!AI$2:AI$366,ROUNDDOWN($C7695/24,0)+1,1))-1)+IF('Standard Profiles'!$G$19=$B$10,7,0)+IF('Standard Profiles'!$G$19=$B$17,14,0)+IF('Standard Profiles'!$G$19=$B$24,21,0),MOD($C7695,24)+1)/SUM(INDEX($D$3:$AA$30,INDEX(Jesper!$R$2:$R$366,ROW(INDEX(Jesper!AI$2:AI$366,ROUNDDOWN($C7695/24,0)+1,1))-1)+IF('Standard Profiles'!$G$19=$B$10,7,0)+IF('Standard Profiles'!$G$19=$B$17,14,0)+IF('Standard Profiles'!$G$19=$B$24,21,0),0)),0)</f>
        <v>4.5242378090440072</v>
      </c>
      <c r="F7695" cm="1">
        <f t="array" ref="F7695">IFERROR(INDEX(Jesper!AJ$2:AJ$366,ROUNDDOWN($C7695/24,0)+1,1)*INDEX($D$3:$AA$30,INDEX(Jesper!$R$2:$R$366,ROW(INDEX(Jesper!AJ$2:AJ$366,ROUNDDOWN($C7695/24,0)+1,1))-1)+IF('Standard Profiles'!$G$20=$B$10,7,0)+IF('Standard Profiles'!$G$20=$B$17,14,0)+IF('Standard Profiles'!$G$20=$B$24,21,0),MOD($C7695,24)+1)/SUM(INDEX($D$3:$AA$30,INDEX(Jesper!$R$2:$R$366,ROW(INDEX(Jesper!AJ$2:AJ$366,ROUNDDOWN($C7695/24,0)+1,1))-1)+IF('Standard Profiles'!$G$20=$B$10,7,0)+IF('Standard Profiles'!$G$20=$B$17,14,0)+IF('Standard Profiles'!$G$20=$B$24,21,0),0)),0)</f>
        <v>0</v>
      </c>
      <c r="G7695" cm="1">
        <f t="array" ref="G7695">IFERROR(INDEX(Jesper!AK$2:AK$366,ROUNDDOWN($C7695/24,0)+1,1)*INDEX($D$3:$AA$30,INDEX(Jesper!$R$2:$R$366,ROW(INDEX(Jesper!AK$2:AK$366,ROUNDDOWN($C7695/24,0)+1,1))-1)+IF('Standard Profiles'!$G$21=$B$10,7,0)+IF('Standard Profiles'!$G$21=$B$17,14,0)+IF('Standard Profiles'!$G$21=$B$24,21,0),MOD($C7695,24)+1)/SUM(INDEX($D$3:$AA$30,INDEX(Jesper!$R$2:$R$366,ROW(INDEX(Jesper!AK$2:AK$366,ROUNDDOWN($C7695/24,0)+1,1))-1)+IF('Standard Profiles'!$G$21=$B$10,7,0)+IF('Standard Profiles'!$G$21=$B$17,14,0)+IF('Standard Profiles'!$G$21=$B$24,21,0),0)),0)</f>
        <v>2.0433289396625001</v>
      </c>
      <c r="H7695" cm="1">
        <f t="array" ref="H7695">IFERROR(INDEX(Jesper!AL$2:AL$366,ROUNDDOWN($C7695/24,0)+1,1)*INDEX($D$3:$AA$30,INDEX(Jesper!$R$2:$R$366,ROW(INDEX(Jesper!AL$2:AL$366,ROUNDDOWN($C7695/24,0)+1,1))-1)+IF('Standard Profiles'!$G$22=$B$10,7,0)+IF('Standard Profiles'!$G$22=$B$17,14,0)+IF('Standard Profiles'!$G$22=$B$24,21,0),MOD($C7695,24)+1)/SUM(INDEX($D$3:$AA$30,INDEX(Jesper!$R$2:$R$366,ROW(INDEX(Jesper!AL$2:AL$366,ROUNDDOWN($C7695/24,0)+1,1))-1)+IF('Standard Profiles'!$G$22=$B$10,7,0)+IF('Standard Profiles'!$G$22=$B$17,14,0)+IF('Standard Profiles'!$G$22=$B$24,21,0),0)),0)</f>
        <v>0</v>
      </c>
      <c r="I7695">
        <f t="shared" si="853"/>
        <v>0.98079789103799953</v>
      </c>
      <c r="J7695">
        <f t="shared" si="854"/>
        <v>10.438199873736398</v>
      </c>
      <c r="K7695">
        <f t="shared" si="855"/>
        <v>0.61605473219909723</v>
      </c>
      <c r="L7695">
        <f t="shared" si="856"/>
        <v>0.30802736609954862</v>
      </c>
      <c r="M7695">
        <f t="shared" si="857"/>
        <v>0</v>
      </c>
      <c r="N7695" s="45">
        <f t="shared" si="858"/>
        <v>45246.208333314753</v>
      </c>
    </row>
    <row r="7696" spans="2:14" x14ac:dyDescent="0.25">
      <c r="B7696">
        <f t="shared" si="852"/>
        <v>4</v>
      </c>
      <c r="C7696" s="16">
        <v>7662</v>
      </c>
      <c r="D7696" cm="1">
        <f t="array" ref="D7696">IFERROR(INDEX(Jesper!AH$2:AH$366,ROUNDDOWN($C7696/24,0)+1,1)*INDEX($D$3:$AA$30,INDEX(Jesper!$R$2:$R$366,ROW(INDEX(Jesper!AH$2:AH$366,ROUNDDOWN($C7696/24,0)+1,1))-1)+IF('Standard Profiles'!$G$18=$B$10,7,0)+IF('Standard Profiles'!$G$18=$B$17,14,0)+IF('Standard Profiles'!$G$18=$B$24,21,0),MOD($C7696,24)+1)/SUM(INDEX($D$3:$AA$30,INDEX(Jesper!$R$2:$R$366,ROW(INDEX(Jesper!AH$2:AH$366,ROUNDDOWN($C7696/24,0)+1,1))-1)+IF('Standard Profiles'!$G$18=$B$10,7,0)+IF('Standard Profiles'!$G$18=$B$17,14,0)+IF('Standard Profiles'!$G$18=$B$24,21,0),0)),0)</f>
        <v>5.7755131143665359</v>
      </c>
      <c r="E7696" cm="1">
        <f t="array" ref="E7696">IFERROR(INDEX(Jesper!AI$2:AI$366,ROUNDDOWN($C7696/24,0)+1,1)*INDEX($D$3:$AA$30,INDEX(Jesper!$R$2:$R$366,ROW(INDEX(Jesper!AI$2:AI$366,ROUNDDOWN($C7696/24,0)+1,1))-1)+IF('Standard Profiles'!$G$19=$B$10,7,0)+IF('Standard Profiles'!$G$19=$B$17,14,0)+IF('Standard Profiles'!$G$19=$B$24,21,0),MOD($C7696,24)+1)/SUM(INDEX($D$3:$AA$30,INDEX(Jesper!$R$2:$R$366,ROW(INDEX(Jesper!AI$2:AI$366,ROUNDDOWN($C7696/24,0)+1,1))-1)+IF('Standard Profiles'!$G$19=$B$10,7,0)+IF('Standard Profiles'!$G$19=$B$17,14,0)+IF('Standard Profiles'!$G$19=$B$24,21,0),0)),0)</f>
        <v>4.5242378090440072</v>
      </c>
      <c r="F7696" cm="1">
        <f t="array" ref="F7696">IFERROR(INDEX(Jesper!AJ$2:AJ$366,ROUNDDOWN($C7696/24,0)+1,1)*INDEX($D$3:$AA$30,INDEX(Jesper!$R$2:$R$366,ROW(INDEX(Jesper!AJ$2:AJ$366,ROUNDDOWN($C7696/24,0)+1,1))-1)+IF('Standard Profiles'!$G$20=$B$10,7,0)+IF('Standard Profiles'!$G$20=$B$17,14,0)+IF('Standard Profiles'!$G$20=$B$24,21,0),MOD($C7696,24)+1)/SUM(INDEX($D$3:$AA$30,INDEX(Jesper!$R$2:$R$366,ROW(INDEX(Jesper!AJ$2:AJ$366,ROUNDDOWN($C7696/24,0)+1,1))-1)+IF('Standard Profiles'!$G$20=$B$10,7,0)+IF('Standard Profiles'!$G$20=$B$17,14,0)+IF('Standard Profiles'!$G$20=$B$24,21,0),0)),0)</f>
        <v>0</v>
      </c>
      <c r="G7696" cm="1">
        <f t="array" ref="G7696">IFERROR(INDEX(Jesper!AK$2:AK$366,ROUNDDOWN($C7696/24,0)+1,1)*INDEX($D$3:$AA$30,INDEX(Jesper!$R$2:$R$366,ROW(INDEX(Jesper!AK$2:AK$366,ROUNDDOWN($C7696/24,0)+1,1))-1)+IF('Standard Profiles'!$G$21=$B$10,7,0)+IF('Standard Profiles'!$G$21=$B$17,14,0)+IF('Standard Profiles'!$G$21=$B$24,21,0),MOD($C7696,24)+1)/SUM(INDEX($D$3:$AA$30,INDEX(Jesper!$R$2:$R$366,ROW(INDEX(Jesper!AK$2:AK$366,ROUNDDOWN($C7696/24,0)+1,1))-1)+IF('Standard Profiles'!$G$21=$B$10,7,0)+IF('Standard Profiles'!$G$21=$B$17,14,0)+IF('Standard Profiles'!$G$21=$B$24,21,0),0)),0)</f>
        <v>2.0433289396625001</v>
      </c>
      <c r="H7696" cm="1">
        <f t="array" ref="H7696">IFERROR(INDEX(Jesper!AL$2:AL$366,ROUNDDOWN($C7696/24,0)+1,1)*INDEX($D$3:$AA$30,INDEX(Jesper!$R$2:$R$366,ROW(INDEX(Jesper!AL$2:AL$366,ROUNDDOWN($C7696/24,0)+1,1))-1)+IF('Standard Profiles'!$G$22=$B$10,7,0)+IF('Standard Profiles'!$G$22=$B$17,14,0)+IF('Standard Profiles'!$G$22=$B$24,21,0),MOD($C7696,24)+1)/SUM(INDEX($D$3:$AA$30,INDEX(Jesper!$R$2:$R$366,ROW(INDEX(Jesper!AL$2:AL$366,ROUNDDOWN($C7696/24,0)+1,1))-1)+IF('Standard Profiles'!$G$22=$B$10,7,0)+IF('Standard Profiles'!$G$22=$B$17,14,0)+IF('Standard Profiles'!$G$22=$B$24,21,0),0)),0)</f>
        <v>0</v>
      </c>
      <c r="I7696">
        <f t="shared" si="853"/>
        <v>0.98079789103799953</v>
      </c>
      <c r="J7696">
        <f t="shared" si="854"/>
        <v>10.438199873736398</v>
      </c>
      <c r="K7696">
        <f t="shared" si="855"/>
        <v>0.61605473219909723</v>
      </c>
      <c r="L7696">
        <f t="shared" si="856"/>
        <v>0.30802736609954862</v>
      </c>
      <c r="M7696">
        <f t="shared" si="857"/>
        <v>0</v>
      </c>
      <c r="N7696" s="45">
        <f t="shared" si="858"/>
        <v>45246.249999981417</v>
      </c>
    </row>
    <row r="7697" spans="2:14" x14ac:dyDescent="0.25">
      <c r="B7697">
        <f t="shared" si="852"/>
        <v>4</v>
      </c>
      <c r="C7697" s="16">
        <v>7663</v>
      </c>
      <c r="D7697" cm="1">
        <f t="array" ref="D7697">IFERROR(INDEX(Jesper!AH$2:AH$366,ROUNDDOWN($C7697/24,0)+1,1)*INDEX($D$3:$AA$30,INDEX(Jesper!$R$2:$R$366,ROW(INDEX(Jesper!AH$2:AH$366,ROUNDDOWN($C7697/24,0)+1,1))-1)+IF('Standard Profiles'!$G$18=$B$10,7,0)+IF('Standard Profiles'!$G$18=$B$17,14,0)+IF('Standard Profiles'!$G$18=$B$24,21,0),MOD($C7697,24)+1)/SUM(INDEX($D$3:$AA$30,INDEX(Jesper!$R$2:$R$366,ROW(INDEX(Jesper!AH$2:AH$366,ROUNDDOWN($C7697/24,0)+1,1))-1)+IF('Standard Profiles'!$G$18=$B$10,7,0)+IF('Standard Profiles'!$G$18=$B$17,14,0)+IF('Standard Profiles'!$G$18=$B$24,21,0),0)),0)</f>
        <v>23.609597549334719</v>
      </c>
      <c r="E7697" cm="1">
        <f t="array" ref="E7697">IFERROR(INDEX(Jesper!AI$2:AI$366,ROUNDDOWN($C7697/24,0)+1,1)*INDEX($D$3:$AA$30,INDEX(Jesper!$R$2:$R$366,ROW(INDEX(Jesper!AI$2:AI$366,ROUNDDOWN($C7697/24,0)+1,1))-1)+IF('Standard Profiles'!$G$19=$B$10,7,0)+IF('Standard Profiles'!$G$19=$B$17,14,0)+IF('Standard Profiles'!$G$19=$B$24,21,0),MOD($C7697,24)+1)/SUM(INDEX($D$3:$AA$30,INDEX(Jesper!$R$2:$R$366,ROW(INDEX(Jesper!AI$2:AI$366,ROUNDDOWN($C7697/24,0)+1,1))-1)+IF('Standard Profiles'!$G$19=$B$10,7,0)+IF('Standard Profiles'!$G$19=$B$17,14,0)+IF('Standard Profiles'!$G$19=$B$24,21,0),0)),0)</f>
        <v>18.494535770910197</v>
      </c>
      <c r="F7697" cm="1">
        <f t="array" ref="F7697">IFERROR(INDEX(Jesper!AJ$2:AJ$366,ROUNDDOWN($C7697/24,0)+1,1)*INDEX($D$3:$AA$30,INDEX(Jesper!$R$2:$R$366,ROW(INDEX(Jesper!AJ$2:AJ$366,ROUNDDOWN($C7697/24,0)+1,1))-1)+IF('Standard Profiles'!$G$20=$B$10,7,0)+IF('Standard Profiles'!$G$20=$B$17,14,0)+IF('Standard Profiles'!$G$20=$B$24,21,0),MOD($C7697,24)+1)/SUM(INDEX($D$3:$AA$30,INDEX(Jesper!$R$2:$R$366,ROW(INDEX(Jesper!AJ$2:AJ$366,ROUNDDOWN($C7697/24,0)+1,1))-1)+IF('Standard Profiles'!$G$20=$B$10,7,0)+IF('Standard Profiles'!$G$20=$B$17,14,0)+IF('Standard Profiles'!$G$20=$B$24,21,0),0)),0)</f>
        <v>0</v>
      </c>
      <c r="G7697" cm="1">
        <f t="array" ref="G7697">IFERROR(INDEX(Jesper!AK$2:AK$366,ROUNDDOWN($C7697/24,0)+1,1)*INDEX($D$3:$AA$30,INDEX(Jesper!$R$2:$R$366,ROW(INDEX(Jesper!AK$2:AK$366,ROUNDDOWN($C7697/24,0)+1,1))-1)+IF('Standard Profiles'!$G$21=$B$10,7,0)+IF('Standard Profiles'!$G$21=$B$17,14,0)+IF('Standard Profiles'!$G$21=$B$24,21,0),MOD($C7697,24)+1)/SUM(INDEX($D$3:$AA$30,INDEX(Jesper!$R$2:$R$366,ROW(INDEX(Jesper!AK$2:AK$366,ROUNDDOWN($C7697/24,0)+1,1))-1)+IF('Standard Profiles'!$G$21=$B$10,7,0)+IF('Standard Profiles'!$G$21=$B$17,14,0)+IF('Standard Profiles'!$G$21=$B$24,21,0),0)),0)</f>
        <v>5.6293712287701876</v>
      </c>
      <c r="H7697" cm="1">
        <f t="array" ref="H7697">IFERROR(INDEX(Jesper!AL$2:AL$366,ROUNDDOWN($C7697/24,0)+1,1)*INDEX($D$3:$AA$30,INDEX(Jesper!$R$2:$R$366,ROW(INDEX(Jesper!AL$2:AL$366,ROUNDDOWN($C7697/24,0)+1,1))-1)+IF('Standard Profiles'!$G$22=$B$10,7,0)+IF('Standard Profiles'!$G$22=$B$17,14,0)+IF('Standard Profiles'!$G$22=$B$24,21,0),MOD($C7697,24)+1)/SUM(INDEX($D$3:$AA$30,INDEX(Jesper!$R$2:$R$366,ROW(INDEX(Jesper!AL$2:AL$366,ROUNDDOWN($C7697/24,0)+1,1))-1)+IF('Standard Profiles'!$G$22=$B$10,7,0)+IF('Standard Profiles'!$G$22=$B$17,14,0)+IF('Standard Profiles'!$G$22=$B$24,21,0),0)),0)</f>
        <v>0</v>
      </c>
      <c r="I7697">
        <f t="shared" si="853"/>
        <v>2.7020981898096887</v>
      </c>
      <c r="J7697">
        <f t="shared" si="854"/>
        <v>41.253870751311858</v>
      </c>
      <c r="K7697">
        <f t="shared" si="855"/>
        <v>2.5183570719290369</v>
      </c>
      <c r="L7697">
        <f t="shared" si="856"/>
        <v>1.2591785359645185</v>
      </c>
      <c r="M7697">
        <f t="shared" si="857"/>
        <v>0</v>
      </c>
      <c r="N7697" s="45">
        <f t="shared" si="858"/>
        <v>45246.291666648081</v>
      </c>
    </row>
    <row r="7698" spans="2:14" x14ac:dyDescent="0.25">
      <c r="B7698">
        <f t="shared" si="852"/>
        <v>4</v>
      </c>
      <c r="C7698" s="16">
        <v>7664</v>
      </c>
      <c r="D7698" cm="1">
        <f t="array" ref="D7698">IFERROR(INDEX(Jesper!AH$2:AH$366,ROUNDDOWN($C7698/24,0)+1,1)*INDEX($D$3:$AA$30,INDEX(Jesper!$R$2:$R$366,ROW(INDEX(Jesper!AH$2:AH$366,ROUNDDOWN($C7698/24,0)+1,1))-1)+IF('Standard Profiles'!$G$18=$B$10,7,0)+IF('Standard Profiles'!$G$18=$B$17,14,0)+IF('Standard Profiles'!$G$18=$B$24,21,0),MOD($C7698,24)+1)/SUM(INDEX($D$3:$AA$30,INDEX(Jesper!$R$2:$R$366,ROW(INDEX(Jesper!AH$2:AH$366,ROUNDDOWN($C7698/24,0)+1,1))-1)+IF('Standard Profiles'!$G$18=$B$10,7,0)+IF('Standard Profiles'!$G$18=$B$17,14,0)+IF('Standard Profiles'!$G$18=$B$24,21,0),0)),0)</f>
        <v>26.343340423468213</v>
      </c>
      <c r="E7698" cm="1">
        <f t="array" ref="E7698">IFERROR(INDEX(Jesper!AI$2:AI$366,ROUNDDOWN($C7698/24,0)+1,1)*INDEX($D$3:$AA$30,INDEX(Jesper!$R$2:$R$366,ROW(INDEX(Jesper!AI$2:AI$366,ROUNDDOWN($C7698/24,0)+1,1))-1)+IF('Standard Profiles'!$G$19=$B$10,7,0)+IF('Standard Profiles'!$G$19=$B$17,14,0)+IF('Standard Profiles'!$G$19=$B$24,21,0),MOD($C7698,24)+1)/SUM(INDEX($D$3:$AA$30,INDEX(Jesper!$R$2:$R$366,ROW(INDEX(Jesper!AI$2:AI$366,ROUNDDOWN($C7698/24,0)+1,1))-1)+IF('Standard Profiles'!$G$19=$B$10,7,0)+IF('Standard Profiles'!$G$19=$B$17,14,0)+IF('Standard Profiles'!$G$19=$B$24,21,0),0)),0)</f>
        <v>20.636008333857696</v>
      </c>
      <c r="F7698" cm="1">
        <f t="array" ref="F7698">IFERROR(INDEX(Jesper!AJ$2:AJ$366,ROUNDDOWN($C7698/24,0)+1,1)*INDEX($D$3:$AA$30,INDEX(Jesper!$R$2:$R$366,ROW(INDEX(Jesper!AJ$2:AJ$366,ROUNDDOWN($C7698/24,0)+1,1))-1)+IF('Standard Profiles'!$G$20=$B$10,7,0)+IF('Standard Profiles'!$G$20=$B$17,14,0)+IF('Standard Profiles'!$G$20=$B$24,21,0),MOD($C7698,24)+1)/SUM(INDEX($D$3:$AA$30,INDEX(Jesper!$R$2:$R$366,ROW(INDEX(Jesper!AJ$2:AJ$366,ROUNDDOWN($C7698/24,0)+1,1))-1)+IF('Standard Profiles'!$G$20=$B$10,7,0)+IF('Standard Profiles'!$G$20=$B$17,14,0)+IF('Standard Profiles'!$G$20=$B$24,21,0),0)),0)</f>
        <v>0</v>
      </c>
      <c r="G7698" cm="1">
        <f t="array" ref="G7698">IFERROR(INDEX(Jesper!AK$2:AK$366,ROUNDDOWN($C7698/24,0)+1,1)*INDEX($D$3:$AA$30,INDEX(Jesper!$R$2:$R$366,ROW(INDEX(Jesper!AK$2:AK$366,ROUNDDOWN($C7698/24,0)+1,1))-1)+IF('Standard Profiles'!$G$21=$B$10,7,0)+IF('Standard Profiles'!$G$21=$B$17,14,0)+IF('Standard Profiles'!$G$21=$B$24,21,0),MOD($C7698,24)+1)/SUM(INDEX($D$3:$AA$30,INDEX(Jesper!$R$2:$R$366,ROW(INDEX(Jesper!AK$2:AK$366,ROUNDDOWN($C7698/24,0)+1,1))-1)+IF('Standard Profiles'!$G$21=$B$10,7,0)+IF('Standard Profiles'!$G$21=$B$17,14,0)+IF('Standard Profiles'!$G$21=$B$24,21,0),0)),0)</f>
        <v>6.2811931605225251</v>
      </c>
      <c r="H7698" cm="1">
        <f t="array" ref="H7698">IFERROR(INDEX(Jesper!AL$2:AL$366,ROUNDDOWN($C7698/24,0)+1,1)*INDEX($D$3:$AA$30,INDEX(Jesper!$R$2:$R$366,ROW(INDEX(Jesper!AL$2:AL$366,ROUNDDOWN($C7698/24,0)+1,1))-1)+IF('Standard Profiles'!$G$22=$B$10,7,0)+IF('Standard Profiles'!$G$22=$B$17,14,0)+IF('Standard Profiles'!$G$22=$B$24,21,0),MOD($C7698,24)+1)/SUM(INDEX($D$3:$AA$30,INDEX(Jesper!$R$2:$R$366,ROW(INDEX(Jesper!AL$2:AL$366,ROUNDDOWN($C7698/24,0)+1,1))-1)+IF('Standard Profiles'!$G$22=$B$10,7,0)+IF('Standard Profiles'!$G$22=$B$17,14,0)+IF('Standard Profiles'!$G$22=$B$24,21,0),0)),0)</f>
        <v>0</v>
      </c>
      <c r="I7698">
        <f t="shared" si="853"/>
        <v>3.0149727170508105</v>
      </c>
      <c r="J7698">
        <f t="shared" si="854"/>
        <v>46.03063473304271</v>
      </c>
      <c r="K7698">
        <f t="shared" si="855"/>
        <v>2.8099563118366095</v>
      </c>
      <c r="L7698">
        <f t="shared" si="856"/>
        <v>1.4049781559183048</v>
      </c>
      <c r="M7698">
        <f t="shared" si="857"/>
        <v>0</v>
      </c>
      <c r="N7698" s="45">
        <f t="shared" si="858"/>
        <v>45246.333333314746</v>
      </c>
    </row>
    <row r="7699" spans="2:14" x14ac:dyDescent="0.25">
      <c r="B7699">
        <f t="shared" si="852"/>
        <v>4</v>
      </c>
      <c r="C7699" s="16">
        <v>7665</v>
      </c>
      <c r="D7699" cm="1">
        <f t="array" ref="D7699">IFERROR(INDEX(Jesper!AH$2:AH$366,ROUNDDOWN($C7699/24,0)+1,1)*INDEX($D$3:$AA$30,INDEX(Jesper!$R$2:$R$366,ROW(INDEX(Jesper!AH$2:AH$366,ROUNDDOWN($C7699/24,0)+1,1))-1)+IF('Standard Profiles'!$G$18=$B$10,7,0)+IF('Standard Profiles'!$G$18=$B$17,14,0)+IF('Standard Profiles'!$G$18=$B$24,21,0),MOD($C7699,24)+1)/SUM(INDEX($D$3:$AA$30,INDEX(Jesper!$R$2:$R$366,ROW(INDEX(Jesper!AH$2:AH$366,ROUNDDOWN($C7699/24,0)+1,1))-1)+IF('Standard Profiles'!$G$18=$B$10,7,0)+IF('Standard Profiles'!$G$18=$B$17,14,0)+IF('Standard Profiles'!$G$18=$B$24,21,0),0)),0)</f>
        <v>29.07708329760171</v>
      </c>
      <c r="E7699" cm="1">
        <f t="array" ref="E7699">IFERROR(INDEX(Jesper!AI$2:AI$366,ROUNDDOWN($C7699/24,0)+1,1)*INDEX($D$3:$AA$30,INDEX(Jesper!$R$2:$R$366,ROW(INDEX(Jesper!AI$2:AI$366,ROUNDDOWN($C7699/24,0)+1,1))-1)+IF('Standard Profiles'!$G$19=$B$10,7,0)+IF('Standard Profiles'!$G$19=$B$17,14,0)+IF('Standard Profiles'!$G$19=$B$24,21,0),MOD($C7699,24)+1)/SUM(INDEX($D$3:$AA$30,INDEX(Jesper!$R$2:$R$366,ROW(INDEX(Jesper!AI$2:AI$366,ROUNDDOWN($C7699/24,0)+1,1))-1)+IF('Standard Profiles'!$G$19=$B$10,7,0)+IF('Standard Profiles'!$G$19=$B$17,14,0)+IF('Standard Profiles'!$G$19=$B$24,21,0),0)),0)</f>
        <v>22.777480896805191</v>
      </c>
      <c r="F7699" cm="1">
        <f t="array" ref="F7699">IFERROR(INDEX(Jesper!AJ$2:AJ$366,ROUNDDOWN($C7699/24,0)+1,1)*INDEX($D$3:$AA$30,INDEX(Jesper!$R$2:$R$366,ROW(INDEX(Jesper!AJ$2:AJ$366,ROUNDDOWN($C7699/24,0)+1,1))-1)+IF('Standard Profiles'!$G$20=$B$10,7,0)+IF('Standard Profiles'!$G$20=$B$17,14,0)+IF('Standard Profiles'!$G$20=$B$24,21,0),MOD($C7699,24)+1)/SUM(INDEX($D$3:$AA$30,INDEX(Jesper!$R$2:$R$366,ROW(INDEX(Jesper!AJ$2:AJ$366,ROUNDDOWN($C7699/24,0)+1,1))-1)+IF('Standard Profiles'!$G$20=$B$10,7,0)+IF('Standard Profiles'!$G$20=$B$17,14,0)+IF('Standard Profiles'!$G$20=$B$24,21,0),0)),0)</f>
        <v>0</v>
      </c>
      <c r="G7699" cm="1">
        <f t="array" ref="G7699">IFERROR(INDEX(Jesper!AK$2:AK$366,ROUNDDOWN($C7699/24,0)+1,1)*INDEX($D$3:$AA$30,INDEX(Jesper!$R$2:$R$366,ROW(INDEX(Jesper!AK$2:AK$366,ROUNDDOWN($C7699/24,0)+1,1))-1)+IF('Standard Profiles'!$G$21=$B$10,7,0)+IF('Standard Profiles'!$G$21=$B$17,14,0)+IF('Standard Profiles'!$G$21=$B$24,21,0),MOD($C7699,24)+1)/SUM(INDEX($D$3:$AA$30,INDEX(Jesper!$R$2:$R$366,ROW(INDEX(Jesper!AK$2:AK$366,ROUNDDOWN($C7699/24,0)+1,1))-1)+IF('Standard Profiles'!$G$21=$B$10,7,0)+IF('Standard Profiles'!$G$21=$B$17,14,0)+IF('Standard Profiles'!$G$21=$B$24,21,0),0)),0)</f>
        <v>6.9330150922748626</v>
      </c>
      <c r="H7699" cm="1">
        <f t="array" ref="H7699">IFERROR(INDEX(Jesper!AL$2:AL$366,ROUNDDOWN($C7699/24,0)+1,1)*INDEX($D$3:$AA$30,INDEX(Jesper!$R$2:$R$366,ROW(INDEX(Jesper!AL$2:AL$366,ROUNDDOWN($C7699/24,0)+1,1))-1)+IF('Standard Profiles'!$G$22=$B$10,7,0)+IF('Standard Profiles'!$G$22=$B$17,14,0)+IF('Standard Profiles'!$G$22=$B$24,21,0),MOD($C7699,24)+1)/SUM(INDEX($D$3:$AA$30,INDEX(Jesper!$R$2:$R$366,ROW(INDEX(Jesper!AL$2:AL$366,ROUNDDOWN($C7699/24,0)+1,1))-1)+IF('Standard Profiles'!$G$22=$B$10,7,0)+IF('Standard Profiles'!$G$22=$B$17,14,0)+IF('Standard Profiles'!$G$22=$B$24,21,0),0)),0)</f>
        <v>0</v>
      </c>
      <c r="I7699">
        <f t="shared" si="853"/>
        <v>3.3278472442919322</v>
      </c>
      <c r="J7699">
        <f t="shared" si="854"/>
        <v>50.807398714773562</v>
      </c>
      <c r="K7699">
        <f t="shared" si="855"/>
        <v>3.1015555517441826</v>
      </c>
      <c r="L7699">
        <f t="shared" si="856"/>
        <v>1.5507777758720913</v>
      </c>
      <c r="M7699">
        <f t="shared" si="857"/>
        <v>0</v>
      </c>
      <c r="N7699" s="45">
        <f t="shared" si="858"/>
        <v>45246.37499998141</v>
      </c>
    </row>
    <row r="7700" spans="2:14" x14ac:dyDescent="0.25">
      <c r="B7700">
        <f t="shared" si="852"/>
        <v>4</v>
      </c>
      <c r="C7700" s="16">
        <v>7666</v>
      </c>
      <c r="D7700" cm="1">
        <f t="array" ref="D7700">IFERROR(INDEX(Jesper!AH$2:AH$366,ROUNDDOWN($C7700/24,0)+1,1)*INDEX($D$3:$AA$30,INDEX(Jesper!$R$2:$R$366,ROW(INDEX(Jesper!AH$2:AH$366,ROUNDDOWN($C7700/24,0)+1,1))-1)+IF('Standard Profiles'!$G$18=$B$10,7,0)+IF('Standard Profiles'!$G$18=$B$17,14,0)+IF('Standard Profiles'!$G$18=$B$24,21,0),MOD($C7700,24)+1)/SUM(INDEX($D$3:$AA$30,INDEX(Jesper!$R$2:$R$366,ROW(INDEX(Jesper!AH$2:AH$366,ROUNDDOWN($C7700/24,0)+1,1))-1)+IF('Standard Profiles'!$G$18=$B$10,7,0)+IF('Standard Profiles'!$G$18=$B$17,14,0)+IF('Standard Profiles'!$G$18=$B$24,21,0),0)),0)</f>
        <v>29.07708329760171</v>
      </c>
      <c r="E7700" cm="1">
        <f t="array" ref="E7700">IFERROR(INDEX(Jesper!AI$2:AI$366,ROUNDDOWN($C7700/24,0)+1,1)*INDEX($D$3:$AA$30,INDEX(Jesper!$R$2:$R$366,ROW(INDEX(Jesper!AI$2:AI$366,ROUNDDOWN($C7700/24,0)+1,1))-1)+IF('Standard Profiles'!$G$19=$B$10,7,0)+IF('Standard Profiles'!$G$19=$B$17,14,0)+IF('Standard Profiles'!$G$19=$B$24,21,0),MOD($C7700,24)+1)/SUM(INDEX($D$3:$AA$30,INDEX(Jesper!$R$2:$R$366,ROW(INDEX(Jesper!AI$2:AI$366,ROUNDDOWN($C7700/24,0)+1,1))-1)+IF('Standard Profiles'!$G$19=$B$10,7,0)+IF('Standard Profiles'!$G$19=$B$17,14,0)+IF('Standard Profiles'!$G$19=$B$24,21,0),0)),0)</f>
        <v>22.777480896805191</v>
      </c>
      <c r="F7700" cm="1">
        <f t="array" ref="F7700">IFERROR(INDEX(Jesper!AJ$2:AJ$366,ROUNDDOWN($C7700/24,0)+1,1)*INDEX($D$3:$AA$30,INDEX(Jesper!$R$2:$R$366,ROW(INDEX(Jesper!AJ$2:AJ$366,ROUNDDOWN($C7700/24,0)+1,1))-1)+IF('Standard Profiles'!$G$20=$B$10,7,0)+IF('Standard Profiles'!$G$20=$B$17,14,0)+IF('Standard Profiles'!$G$20=$B$24,21,0),MOD($C7700,24)+1)/SUM(INDEX($D$3:$AA$30,INDEX(Jesper!$R$2:$R$366,ROW(INDEX(Jesper!AJ$2:AJ$366,ROUNDDOWN($C7700/24,0)+1,1))-1)+IF('Standard Profiles'!$G$20=$B$10,7,0)+IF('Standard Profiles'!$G$20=$B$17,14,0)+IF('Standard Profiles'!$G$20=$B$24,21,0),0)),0)</f>
        <v>0</v>
      </c>
      <c r="G7700" cm="1">
        <f t="array" ref="G7700">IFERROR(INDEX(Jesper!AK$2:AK$366,ROUNDDOWN($C7700/24,0)+1,1)*INDEX($D$3:$AA$30,INDEX(Jesper!$R$2:$R$366,ROW(INDEX(Jesper!AK$2:AK$366,ROUNDDOWN($C7700/24,0)+1,1))-1)+IF('Standard Profiles'!$G$21=$B$10,7,0)+IF('Standard Profiles'!$G$21=$B$17,14,0)+IF('Standard Profiles'!$G$21=$B$24,21,0),MOD($C7700,24)+1)/SUM(INDEX($D$3:$AA$30,INDEX(Jesper!$R$2:$R$366,ROW(INDEX(Jesper!AK$2:AK$366,ROUNDDOWN($C7700/24,0)+1,1))-1)+IF('Standard Profiles'!$G$21=$B$10,7,0)+IF('Standard Profiles'!$G$21=$B$17,14,0)+IF('Standard Profiles'!$G$21=$B$24,21,0),0)),0)</f>
        <v>6.9330150922748626</v>
      </c>
      <c r="H7700" cm="1">
        <f t="array" ref="H7700">IFERROR(INDEX(Jesper!AL$2:AL$366,ROUNDDOWN($C7700/24,0)+1,1)*INDEX($D$3:$AA$30,INDEX(Jesper!$R$2:$R$366,ROW(INDEX(Jesper!AL$2:AL$366,ROUNDDOWN($C7700/24,0)+1,1))-1)+IF('Standard Profiles'!$G$22=$B$10,7,0)+IF('Standard Profiles'!$G$22=$B$17,14,0)+IF('Standard Profiles'!$G$22=$B$24,21,0),MOD($C7700,24)+1)/SUM(INDEX($D$3:$AA$30,INDEX(Jesper!$R$2:$R$366,ROW(INDEX(Jesper!AL$2:AL$366,ROUNDDOWN($C7700/24,0)+1,1))-1)+IF('Standard Profiles'!$G$22=$B$10,7,0)+IF('Standard Profiles'!$G$22=$B$17,14,0)+IF('Standard Profiles'!$G$22=$B$24,21,0),0)),0)</f>
        <v>0</v>
      </c>
      <c r="I7700">
        <f t="shared" si="853"/>
        <v>3.3278472442919322</v>
      </c>
      <c r="J7700">
        <f t="shared" si="854"/>
        <v>50.807398714773562</v>
      </c>
      <c r="K7700">
        <f t="shared" si="855"/>
        <v>3.1015555517441826</v>
      </c>
      <c r="L7700">
        <f t="shared" si="856"/>
        <v>1.5507777758720913</v>
      </c>
      <c r="M7700">
        <f t="shared" si="857"/>
        <v>0</v>
      </c>
      <c r="N7700" s="45">
        <f t="shared" si="858"/>
        <v>45246.416666648074</v>
      </c>
    </row>
    <row r="7701" spans="2:14" x14ac:dyDescent="0.25">
      <c r="B7701">
        <f t="shared" si="852"/>
        <v>4</v>
      </c>
      <c r="C7701" s="16">
        <v>7667</v>
      </c>
      <c r="D7701" cm="1">
        <f t="array" ref="D7701">IFERROR(INDEX(Jesper!AH$2:AH$366,ROUNDDOWN($C7701/24,0)+1,1)*INDEX($D$3:$AA$30,INDEX(Jesper!$R$2:$R$366,ROW(INDEX(Jesper!AH$2:AH$366,ROUNDDOWN($C7701/24,0)+1,1))-1)+IF('Standard Profiles'!$G$18=$B$10,7,0)+IF('Standard Profiles'!$G$18=$B$17,14,0)+IF('Standard Profiles'!$G$18=$B$24,21,0),MOD($C7701,24)+1)/SUM(INDEX($D$3:$AA$30,INDEX(Jesper!$R$2:$R$366,ROW(INDEX(Jesper!AH$2:AH$366,ROUNDDOWN($C7701/24,0)+1,1))-1)+IF('Standard Profiles'!$G$18=$B$10,7,0)+IF('Standard Profiles'!$G$18=$B$17,14,0)+IF('Standard Profiles'!$G$18=$B$24,21,0),0)),0)</f>
        <v>34.793091125335373</v>
      </c>
      <c r="E7701" cm="1">
        <f t="array" ref="E7701">IFERROR(INDEX(Jesper!AI$2:AI$366,ROUNDDOWN($C7701/24,0)+1,1)*INDEX($D$3:$AA$30,INDEX(Jesper!$R$2:$R$366,ROW(INDEX(Jesper!AI$2:AI$366,ROUNDDOWN($C7701/24,0)+1,1))-1)+IF('Standard Profiles'!$G$19=$B$10,7,0)+IF('Standard Profiles'!$G$19=$B$17,14,0)+IF('Standard Profiles'!$G$19=$B$24,21,0),MOD($C7701,24)+1)/SUM(INDEX($D$3:$AA$30,INDEX(Jesper!$R$2:$R$366,ROW(INDEX(Jesper!AI$2:AI$366,ROUNDDOWN($C7701/24,0)+1,1))-1)+IF('Standard Profiles'!$G$19=$B$10,7,0)+IF('Standard Profiles'!$G$19=$B$17,14,0)+IF('Standard Profiles'!$G$19=$B$24,21,0),0)),0)</f>
        <v>27.255105346604498</v>
      </c>
      <c r="F7701" cm="1">
        <f t="array" ref="F7701">IFERROR(INDEX(Jesper!AJ$2:AJ$366,ROUNDDOWN($C7701/24,0)+1,1)*INDEX($D$3:$AA$30,INDEX(Jesper!$R$2:$R$366,ROW(INDEX(Jesper!AJ$2:AJ$366,ROUNDDOWN($C7701/24,0)+1,1))-1)+IF('Standard Profiles'!$G$20=$B$10,7,0)+IF('Standard Profiles'!$G$20=$B$17,14,0)+IF('Standard Profiles'!$G$20=$B$24,21,0),MOD($C7701,24)+1)/SUM(INDEX($D$3:$AA$30,INDEX(Jesper!$R$2:$R$366,ROW(INDEX(Jesper!AJ$2:AJ$366,ROUNDDOWN($C7701/24,0)+1,1))-1)+IF('Standard Profiles'!$G$20=$B$10,7,0)+IF('Standard Profiles'!$G$20=$B$17,14,0)+IF('Standard Profiles'!$G$20=$B$24,21,0),0)),0)</f>
        <v>0</v>
      </c>
      <c r="G7701" cm="1">
        <f t="array" ref="G7701">IFERROR(INDEX(Jesper!AK$2:AK$366,ROUNDDOWN($C7701/24,0)+1,1)*INDEX($D$3:$AA$30,INDEX(Jesper!$R$2:$R$366,ROW(INDEX(Jesper!AK$2:AK$366,ROUNDDOWN($C7701/24,0)+1,1))-1)+IF('Standard Profiles'!$G$21=$B$10,7,0)+IF('Standard Profiles'!$G$21=$B$17,14,0)+IF('Standard Profiles'!$G$21=$B$24,21,0),MOD($C7701,24)+1)/SUM(INDEX($D$3:$AA$30,INDEX(Jesper!$R$2:$R$366,ROW(INDEX(Jesper!AK$2:AK$366,ROUNDDOWN($C7701/24,0)+1,1))-1)+IF('Standard Profiles'!$G$21=$B$10,7,0)+IF('Standard Profiles'!$G$21=$B$17,14,0)+IF('Standard Profiles'!$G$21=$B$24,21,0),0)),0)</f>
        <v>8.2959154950297496</v>
      </c>
      <c r="H7701" cm="1">
        <f t="array" ref="H7701">IFERROR(INDEX(Jesper!AL$2:AL$366,ROUNDDOWN($C7701/24,0)+1,1)*INDEX($D$3:$AA$30,INDEX(Jesper!$R$2:$R$366,ROW(INDEX(Jesper!AL$2:AL$366,ROUNDDOWN($C7701/24,0)+1,1))-1)+IF('Standard Profiles'!$G$22=$B$10,7,0)+IF('Standard Profiles'!$G$22=$B$17,14,0)+IF('Standard Profiles'!$G$22=$B$24,21,0),MOD($C7701,24)+1)/SUM(INDEX($D$3:$AA$30,INDEX(Jesper!$R$2:$R$366,ROW(INDEX(Jesper!AL$2:AL$366,ROUNDDOWN($C7701/24,0)+1,1))-1)+IF('Standard Profiles'!$G$22=$B$10,7,0)+IF('Standard Profiles'!$G$22=$B$17,14,0)+IF('Standard Profiles'!$G$22=$B$24,21,0),0)),0)</f>
        <v>0</v>
      </c>
      <c r="I7701">
        <f t="shared" si="853"/>
        <v>3.9820394376142776</v>
      </c>
      <c r="J7701">
        <f t="shared" si="854"/>
        <v>60.795177949301682</v>
      </c>
      <c r="K7701">
        <f t="shared" si="855"/>
        <v>3.7112630533691067</v>
      </c>
      <c r="L7701">
        <f t="shared" si="856"/>
        <v>1.8556315266845533</v>
      </c>
      <c r="M7701">
        <f t="shared" si="857"/>
        <v>0</v>
      </c>
      <c r="N7701" s="45">
        <f t="shared" si="858"/>
        <v>45246.458333314738</v>
      </c>
    </row>
    <row r="7702" spans="2:14" x14ac:dyDescent="0.25">
      <c r="B7702">
        <f t="shared" si="852"/>
        <v>4</v>
      </c>
      <c r="C7702" s="16">
        <v>7668</v>
      </c>
      <c r="D7702" cm="1">
        <f t="array" ref="D7702">IFERROR(INDEX(Jesper!AH$2:AH$366,ROUNDDOWN($C7702/24,0)+1,1)*INDEX($D$3:$AA$30,INDEX(Jesper!$R$2:$R$366,ROW(INDEX(Jesper!AH$2:AH$366,ROUNDDOWN($C7702/24,0)+1,1))-1)+IF('Standard Profiles'!$G$18=$B$10,7,0)+IF('Standard Profiles'!$G$18=$B$17,14,0)+IF('Standard Profiles'!$G$18=$B$24,21,0),MOD($C7702,24)+1)/SUM(INDEX($D$3:$AA$30,INDEX(Jesper!$R$2:$R$366,ROW(INDEX(Jesper!AH$2:AH$366,ROUNDDOWN($C7702/24,0)+1,1))-1)+IF('Standard Profiles'!$G$18=$B$10,7,0)+IF('Standard Profiles'!$G$18=$B$17,14,0)+IF('Standard Profiles'!$G$18=$B$24,21,0),0)),0)</f>
        <v>34.793091125335373</v>
      </c>
      <c r="E7702" cm="1">
        <f t="array" ref="E7702">IFERROR(INDEX(Jesper!AI$2:AI$366,ROUNDDOWN($C7702/24,0)+1,1)*INDEX($D$3:$AA$30,INDEX(Jesper!$R$2:$R$366,ROW(INDEX(Jesper!AI$2:AI$366,ROUNDDOWN($C7702/24,0)+1,1))-1)+IF('Standard Profiles'!$G$19=$B$10,7,0)+IF('Standard Profiles'!$G$19=$B$17,14,0)+IF('Standard Profiles'!$G$19=$B$24,21,0),MOD($C7702,24)+1)/SUM(INDEX($D$3:$AA$30,INDEX(Jesper!$R$2:$R$366,ROW(INDEX(Jesper!AI$2:AI$366,ROUNDDOWN($C7702/24,0)+1,1))-1)+IF('Standard Profiles'!$G$19=$B$10,7,0)+IF('Standard Profiles'!$G$19=$B$17,14,0)+IF('Standard Profiles'!$G$19=$B$24,21,0),0)),0)</f>
        <v>27.255105346604498</v>
      </c>
      <c r="F7702" cm="1">
        <f t="array" ref="F7702">IFERROR(INDEX(Jesper!AJ$2:AJ$366,ROUNDDOWN($C7702/24,0)+1,1)*INDEX($D$3:$AA$30,INDEX(Jesper!$R$2:$R$366,ROW(INDEX(Jesper!AJ$2:AJ$366,ROUNDDOWN($C7702/24,0)+1,1))-1)+IF('Standard Profiles'!$G$20=$B$10,7,0)+IF('Standard Profiles'!$G$20=$B$17,14,0)+IF('Standard Profiles'!$G$20=$B$24,21,0),MOD($C7702,24)+1)/SUM(INDEX($D$3:$AA$30,INDEX(Jesper!$R$2:$R$366,ROW(INDEX(Jesper!AJ$2:AJ$366,ROUNDDOWN($C7702/24,0)+1,1))-1)+IF('Standard Profiles'!$G$20=$B$10,7,0)+IF('Standard Profiles'!$G$20=$B$17,14,0)+IF('Standard Profiles'!$G$20=$B$24,21,0),0)),0)</f>
        <v>0</v>
      </c>
      <c r="G7702" cm="1">
        <f t="array" ref="G7702">IFERROR(INDEX(Jesper!AK$2:AK$366,ROUNDDOWN($C7702/24,0)+1,1)*INDEX($D$3:$AA$30,INDEX(Jesper!$R$2:$R$366,ROW(INDEX(Jesper!AK$2:AK$366,ROUNDDOWN($C7702/24,0)+1,1))-1)+IF('Standard Profiles'!$G$21=$B$10,7,0)+IF('Standard Profiles'!$G$21=$B$17,14,0)+IF('Standard Profiles'!$G$21=$B$24,21,0),MOD($C7702,24)+1)/SUM(INDEX($D$3:$AA$30,INDEX(Jesper!$R$2:$R$366,ROW(INDEX(Jesper!AK$2:AK$366,ROUNDDOWN($C7702/24,0)+1,1))-1)+IF('Standard Profiles'!$G$21=$B$10,7,0)+IF('Standard Profiles'!$G$21=$B$17,14,0)+IF('Standard Profiles'!$G$21=$B$24,21,0),0)),0)</f>
        <v>8.2959154950297496</v>
      </c>
      <c r="H7702" cm="1">
        <f t="array" ref="H7702">IFERROR(INDEX(Jesper!AL$2:AL$366,ROUNDDOWN($C7702/24,0)+1,1)*INDEX($D$3:$AA$30,INDEX(Jesper!$R$2:$R$366,ROW(INDEX(Jesper!AL$2:AL$366,ROUNDDOWN($C7702/24,0)+1,1))-1)+IF('Standard Profiles'!$G$22=$B$10,7,0)+IF('Standard Profiles'!$G$22=$B$17,14,0)+IF('Standard Profiles'!$G$22=$B$24,21,0),MOD($C7702,24)+1)/SUM(INDEX($D$3:$AA$30,INDEX(Jesper!$R$2:$R$366,ROW(INDEX(Jesper!AL$2:AL$366,ROUNDDOWN($C7702/24,0)+1,1))-1)+IF('Standard Profiles'!$G$22=$B$10,7,0)+IF('Standard Profiles'!$G$22=$B$17,14,0)+IF('Standard Profiles'!$G$22=$B$24,21,0),0)),0)</f>
        <v>0</v>
      </c>
      <c r="I7702">
        <f t="shared" si="853"/>
        <v>3.9820394376142776</v>
      </c>
      <c r="J7702">
        <f t="shared" si="854"/>
        <v>60.795177949301682</v>
      </c>
      <c r="K7702">
        <f t="shared" si="855"/>
        <v>3.7112630533691067</v>
      </c>
      <c r="L7702">
        <f t="shared" si="856"/>
        <v>1.8556315266845533</v>
      </c>
      <c r="M7702">
        <f t="shared" si="857"/>
        <v>0</v>
      </c>
      <c r="N7702" s="45">
        <f t="shared" si="858"/>
        <v>45246.499999981403</v>
      </c>
    </row>
    <row r="7703" spans="2:14" x14ac:dyDescent="0.25">
      <c r="B7703">
        <f t="shared" si="852"/>
        <v>4</v>
      </c>
      <c r="C7703" s="16">
        <v>7669</v>
      </c>
      <c r="D7703" cm="1">
        <f t="array" ref="D7703">IFERROR(INDEX(Jesper!AH$2:AH$366,ROUNDDOWN($C7703/24,0)+1,1)*INDEX($D$3:$AA$30,INDEX(Jesper!$R$2:$R$366,ROW(INDEX(Jesper!AH$2:AH$366,ROUNDDOWN($C7703/24,0)+1,1))-1)+IF('Standard Profiles'!$G$18=$B$10,7,0)+IF('Standard Profiles'!$G$18=$B$17,14,0)+IF('Standard Profiles'!$G$18=$B$24,21,0),MOD($C7703,24)+1)/SUM(INDEX($D$3:$AA$30,INDEX(Jesper!$R$2:$R$366,ROW(INDEX(Jesper!AH$2:AH$366,ROUNDDOWN($C7703/24,0)+1,1))-1)+IF('Standard Profiles'!$G$18=$B$10,7,0)+IF('Standard Profiles'!$G$18=$B$17,14,0)+IF('Standard Profiles'!$G$18=$B$24,21,0),0)),0)</f>
        <v>23.112553390401356</v>
      </c>
      <c r="E7703" cm="1">
        <f t="array" ref="E7703">IFERROR(INDEX(Jesper!AI$2:AI$366,ROUNDDOWN($C7703/24,0)+1,1)*INDEX($D$3:$AA$30,INDEX(Jesper!$R$2:$R$366,ROW(INDEX(Jesper!AI$2:AI$366,ROUNDDOWN($C7703/24,0)+1,1))-1)+IF('Standard Profiles'!$G$19=$B$10,7,0)+IF('Standard Profiles'!$G$19=$B$17,14,0)+IF('Standard Profiles'!$G$19=$B$24,21,0),MOD($C7703,24)+1)/SUM(INDEX($D$3:$AA$30,INDEX(Jesper!$R$2:$R$366,ROW(INDEX(Jesper!AI$2:AI$366,ROUNDDOWN($C7703/24,0)+1,1))-1)+IF('Standard Profiles'!$G$19=$B$10,7,0)+IF('Standard Profiles'!$G$19=$B$17,14,0)+IF('Standard Profiles'!$G$19=$B$24,21,0),0)),0)</f>
        <v>18.105177123101559</v>
      </c>
      <c r="F7703" cm="1">
        <f t="array" ref="F7703">IFERROR(INDEX(Jesper!AJ$2:AJ$366,ROUNDDOWN($C7703/24,0)+1,1)*INDEX($D$3:$AA$30,INDEX(Jesper!$R$2:$R$366,ROW(INDEX(Jesper!AJ$2:AJ$366,ROUNDDOWN($C7703/24,0)+1,1))-1)+IF('Standard Profiles'!$G$20=$B$10,7,0)+IF('Standard Profiles'!$G$20=$B$17,14,0)+IF('Standard Profiles'!$G$20=$B$24,21,0),MOD($C7703,24)+1)/SUM(INDEX($D$3:$AA$30,INDEX(Jesper!$R$2:$R$366,ROW(INDEX(Jesper!AJ$2:AJ$366,ROUNDDOWN($C7703/24,0)+1,1))-1)+IF('Standard Profiles'!$G$20=$B$10,7,0)+IF('Standard Profiles'!$G$20=$B$17,14,0)+IF('Standard Profiles'!$G$20=$B$24,21,0),0)),0)</f>
        <v>0</v>
      </c>
      <c r="G7703" cm="1">
        <f t="array" ref="G7703">IFERROR(INDEX(Jesper!AK$2:AK$366,ROUNDDOWN($C7703/24,0)+1,1)*INDEX($D$3:$AA$30,INDEX(Jesper!$R$2:$R$366,ROW(INDEX(Jesper!AK$2:AK$366,ROUNDDOWN($C7703/24,0)+1,1))-1)+IF('Standard Profiles'!$G$21=$B$10,7,0)+IF('Standard Profiles'!$G$21=$B$17,14,0)+IF('Standard Profiles'!$G$21=$B$24,21,0),MOD($C7703,24)+1)/SUM(INDEX($D$3:$AA$30,INDEX(Jesper!$R$2:$R$366,ROW(INDEX(Jesper!AK$2:AK$366,ROUNDDOWN($C7703/24,0)+1,1))-1)+IF('Standard Profiles'!$G$21=$B$10,7,0)+IF('Standard Profiles'!$G$21=$B$17,14,0)+IF('Standard Profiles'!$G$21=$B$24,21,0),0)),0)</f>
        <v>5.5108581502697627</v>
      </c>
      <c r="H7703" cm="1">
        <f t="array" ref="H7703">IFERROR(INDEX(Jesper!AL$2:AL$366,ROUNDDOWN($C7703/24,0)+1,1)*INDEX($D$3:$AA$30,INDEX(Jesper!$R$2:$R$366,ROW(INDEX(Jesper!AL$2:AL$366,ROUNDDOWN($C7703/24,0)+1,1))-1)+IF('Standard Profiles'!$G$22=$B$10,7,0)+IF('Standard Profiles'!$G$22=$B$17,14,0)+IF('Standard Profiles'!$G$22=$B$24,21,0),MOD($C7703,24)+1)/SUM(INDEX($D$3:$AA$30,INDEX(Jesper!$R$2:$R$366,ROW(INDEX(Jesper!AL$2:AL$366,ROUNDDOWN($C7703/24,0)+1,1))-1)+IF('Standard Profiles'!$G$22=$B$10,7,0)+IF('Standard Profiles'!$G$22=$B$17,14,0)+IF('Standard Profiles'!$G$22=$B$24,21,0),0)),0)</f>
        <v>0</v>
      </c>
      <c r="I7703">
        <f t="shared" si="853"/>
        <v>2.6452119121294846</v>
      </c>
      <c r="J7703">
        <f t="shared" si="854"/>
        <v>40.385368209178971</v>
      </c>
      <c r="K7703">
        <f t="shared" si="855"/>
        <v>2.465339028309478</v>
      </c>
      <c r="L7703">
        <f t="shared" si="856"/>
        <v>1.232669514154739</v>
      </c>
      <c r="M7703">
        <f t="shared" si="857"/>
        <v>0</v>
      </c>
      <c r="N7703" s="45">
        <f t="shared" si="858"/>
        <v>45246.541666648067</v>
      </c>
    </row>
    <row r="7704" spans="2:14" x14ac:dyDescent="0.25">
      <c r="B7704">
        <f t="shared" si="852"/>
        <v>4</v>
      </c>
      <c r="C7704" s="16">
        <v>7670</v>
      </c>
      <c r="D7704" cm="1">
        <f t="array" ref="D7704">IFERROR(INDEX(Jesper!AH$2:AH$366,ROUNDDOWN($C7704/24,0)+1,1)*INDEX($D$3:$AA$30,INDEX(Jesper!$R$2:$R$366,ROW(INDEX(Jesper!AH$2:AH$366,ROUNDDOWN($C7704/24,0)+1,1))-1)+IF('Standard Profiles'!$G$18=$B$10,7,0)+IF('Standard Profiles'!$G$18=$B$17,14,0)+IF('Standard Profiles'!$G$18=$B$24,21,0),MOD($C7704,24)+1)/SUM(INDEX($D$3:$AA$30,INDEX(Jesper!$R$2:$R$366,ROW(INDEX(Jesper!AH$2:AH$366,ROUNDDOWN($C7704/24,0)+1,1))-1)+IF('Standard Profiles'!$G$18=$B$10,7,0)+IF('Standard Profiles'!$G$18=$B$17,14,0)+IF('Standard Profiles'!$G$18=$B$24,21,0),0)),0)</f>
        <v>34.793091125335373</v>
      </c>
      <c r="E7704" cm="1">
        <f t="array" ref="E7704">IFERROR(INDEX(Jesper!AI$2:AI$366,ROUNDDOWN($C7704/24,0)+1,1)*INDEX($D$3:$AA$30,INDEX(Jesper!$R$2:$R$366,ROW(INDEX(Jesper!AI$2:AI$366,ROUNDDOWN($C7704/24,0)+1,1))-1)+IF('Standard Profiles'!$G$19=$B$10,7,0)+IF('Standard Profiles'!$G$19=$B$17,14,0)+IF('Standard Profiles'!$G$19=$B$24,21,0),MOD($C7704,24)+1)/SUM(INDEX($D$3:$AA$30,INDEX(Jesper!$R$2:$R$366,ROW(INDEX(Jesper!AI$2:AI$366,ROUNDDOWN($C7704/24,0)+1,1))-1)+IF('Standard Profiles'!$G$19=$B$10,7,0)+IF('Standard Profiles'!$G$19=$B$17,14,0)+IF('Standard Profiles'!$G$19=$B$24,21,0),0)),0)</f>
        <v>27.255105346604498</v>
      </c>
      <c r="F7704" cm="1">
        <f t="array" ref="F7704">IFERROR(INDEX(Jesper!AJ$2:AJ$366,ROUNDDOWN($C7704/24,0)+1,1)*INDEX($D$3:$AA$30,INDEX(Jesper!$R$2:$R$366,ROW(INDEX(Jesper!AJ$2:AJ$366,ROUNDDOWN($C7704/24,0)+1,1))-1)+IF('Standard Profiles'!$G$20=$B$10,7,0)+IF('Standard Profiles'!$G$20=$B$17,14,0)+IF('Standard Profiles'!$G$20=$B$24,21,0),MOD($C7704,24)+1)/SUM(INDEX($D$3:$AA$30,INDEX(Jesper!$R$2:$R$366,ROW(INDEX(Jesper!AJ$2:AJ$366,ROUNDDOWN($C7704/24,0)+1,1))-1)+IF('Standard Profiles'!$G$20=$B$10,7,0)+IF('Standard Profiles'!$G$20=$B$17,14,0)+IF('Standard Profiles'!$G$20=$B$24,21,0),0)),0)</f>
        <v>0</v>
      </c>
      <c r="G7704" cm="1">
        <f t="array" ref="G7704">IFERROR(INDEX(Jesper!AK$2:AK$366,ROUNDDOWN($C7704/24,0)+1,1)*INDEX($D$3:$AA$30,INDEX(Jesper!$R$2:$R$366,ROW(INDEX(Jesper!AK$2:AK$366,ROUNDDOWN($C7704/24,0)+1,1))-1)+IF('Standard Profiles'!$G$21=$B$10,7,0)+IF('Standard Profiles'!$G$21=$B$17,14,0)+IF('Standard Profiles'!$G$21=$B$24,21,0),MOD($C7704,24)+1)/SUM(INDEX($D$3:$AA$30,INDEX(Jesper!$R$2:$R$366,ROW(INDEX(Jesper!AK$2:AK$366,ROUNDDOWN($C7704/24,0)+1,1))-1)+IF('Standard Profiles'!$G$21=$B$10,7,0)+IF('Standard Profiles'!$G$21=$B$17,14,0)+IF('Standard Profiles'!$G$21=$B$24,21,0),0)),0)</f>
        <v>8.2959154950297496</v>
      </c>
      <c r="H7704" cm="1">
        <f t="array" ref="H7704">IFERROR(INDEX(Jesper!AL$2:AL$366,ROUNDDOWN($C7704/24,0)+1,1)*INDEX($D$3:$AA$30,INDEX(Jesper!$R$2:$R$366,ROW(INDEX(Jesper!AL$2:AL$366,ROUNDDOWN($C7704/24,0)+1,1))-1)+IF('Standard Profiles'!$G$22=$B$10,7,0)+IF('Standard Profiles'!$G$22=$B$17,14,0)+IF('Standard Profiles'!$G$22=$B$24,21,0),MOD($C7704,24)+1)/SUM(INDEX($D$3:$AA$30,INDEX(Jesper!$R$2:$R$366,ROW(INDEX(Jesper!AL$2:AL$366,ROUNDDOWN($C7704/24,0)+1,1))-1)+IF('Standard Profiles'!$G$22=$B$10,7,0)+IF('Standard Profiles'!$G$22=$B$17,14,0)+IF('Standard Profiles'!$G$22=$B$24,21,0),0)),0)</f>
        <v>0</v>
      </c>
      <c r="I7704">
        <f t="shared" si="853"/>
        <v>3.9820394376142776</v>
      </c>
      <c r="J7704">
        <f t="shared" si="854"/>
        <v>60.795177949301682</v>
      </c>
      <c r="K7704">
        <f t="shared" si="855"/>
        <v>3.7112630533691067</v>
      </c>
      <c r="L7704">
        <f t="shared" si="856"/>
        <v>1.8556315266845533</v>
      </c>
      <c r="M7704">
        <f t="shared" si="857"/>
        <v>0</v>
      </c>
      <c r="N7704" s="45">
        <f t="shared" si="858"/>
        <v>45246.583333314731</v>
      </c>
    </row>
    <row r="7705" spans="2:14" x14ac:dyDescent="0.25">
      <c r="B7705">
        <f t="shared" si="852"/>
        <v>4</v>
      </c>
      <c r="C7705" s="16">
        <v>7671</v>
      </c>
      <c r="D7705" cm="1">
        <f t="array" ref="D7705">IFERROR(INDEX(Jesper!AH$2:AH$366,ROUNDDOWN($C7705/24,0)+1,1)*INDEX($D$3:$AA$30,INDEX(Jesper!$R$2:$R$366,ROW(INDEX(Jesper!AH$2:AH$366,ROUNDDOWN($C7705/24,0)+1,1))-1)+IF('Standard Profiles'!$G$18=$B$10,7,0)+IF('Standard Profiles'!$G$18=$B$17,14,0)+IF('Standard Profiles'!$G$18=$B$24,21,0),MOD($C7705,24)+1)/SUM(INDEX($D$3:$AA$30,INDEX(Jesper!$R$2:$R$366,ROW(INDEX(Jesper!AH$2:AH$366,ROUNDDOWN($C7705/24,0)+1,1))-1)+IF('Standard Profiles'!$G$18=$B$10,7,0)+IF('Standard Profiles'!$G$18=$B$17,14,0)+IF('Standard Profiles'!$G$18=$B$24,21,0),0)),0)</f>
        <v>34.793091125335373</v>
      </c>
      <c r="E7705" cm="1">
        <f t="array" ref="E7705">IFERROR(INDEX(Jesper!AI$2:AI$366,ROUNDDOWN($C7705/24,0)+1,1)*INDEX($D$3:$AA$30,INDEX(Jesper!$R$2:$R$366,ROW(INDEX(Jesper!AI$2:AI$366,ROUNDDOWN($C7705/24,0)+1,1))-1)+IF('Standard Profiles'!$G$19=$B$10,7,0)+IF('Standard Profiles'!$G$19=$B$17,14,0)+IF('Standard Profiles'!$G$19=$B$24,21,0),MOD($C7705,24)+1)/SUM(INDEX($D$3:$AA$30,INDEX(Jesper!$R$2:$R$366,ROW(INDEX(Jesper!AI$2:AI$366,ROUNDDOWN($C7705/24,0)+1,1))-1)+IF('Standard Profiles'!$G$19=$B$10,7,0)+IF('Standard Profiles'!$G$19=$B$17,14,0)+IF('Standard Profiles'!$G$19=$B$24,21,0),0)),0)</f>
        <v>27.255105346604498</v>
      </c>
      <c r="F7705" cm="1">
        <f t="array" ref="F7705">IFERROR(INDEX(Jesper!AJ$2:AJ$366,ROUNDDOWN($C7705/24,0)+1,1)*INDEX($D$3:$AA$30,INDEX(Jesper!$R$2:$R$366,ROW(INDEX(Jesper!AJ$2:AJ$366,ROUNDDOWN($C7705/24,0)+1,1))-1)+IF('Standard Profiles'!$G$20=$B$10,7,0)+IF('Standard Profiles'!$G$20=$B$17,14,0)+IF('Standard Profiles'!$G$20=$B$24,21,0),MOD($C7705,24)+1)/SUM(INDEX($D$3:$AA$30,INDEX(Jesper!$R$2:$R$366,ROW(INDEX(Jesper!AJ$2:AJ$366,ROUNDDOWN($C7705/24,0)+1,1))-1)+IF('Standard Profiles'!$G$20=$B$10,7,0)+IF('Standard Profiles'!$G$20=$B$17,14,0)+IF('Standard Profiles'!$G$20=$B$24,21,0),0)),0)</f>
        <v>0</v>
      </c>
      <c r="G7705" cm="1">
        <f t="array" ref="G7705">IFERROR(INDEX(Jesper!AK$2:AK$366,ROUNDDOWN($C7705/24,0)+1,1)*INDEX($D$3:$AA$30,INDEX(Jesper!$R$2:$R$366,ROW(INDEX(Jesper!AK$2:AK$366,ROUNDDOWN($C7705/24,0)+1,1))-1)+IF('Standard Profiles'!$G$21=$B$10,7,0)+IF('Standard Profiles'!$G$21=$B$17,14,0)+IF('Standard Profiles'!$G$21=$B$24,21,0),MOD($C7705,24)+1)/SUM(INDEX($D$3:$AA$30,INDEX(Jesper!$R$2:$R$366,ROW(INDEX(Jesper!AK$2:AK$366,ROUNDDOWN($C7705/24,0)+1,1))-1)+IF('Standard Profiles'!$G$21=$B$10,7,0)+IF('Standard Profiles'!$G$21=$B$17,14,0)+IF('Standard Profiles'!$G$21=$B$24,21,0),0)),0)</f>
        <v>8.2959154950297496</v>
      </c>
      <c r="H7705" cm="1">
        <f t="array" ref="H7705">IFERROR(INDEX(Jesper!AL$2:AL$366,ROUNDDOWN($C7705/24,0)+1,1)*INDEX($D$3:$AA$30,INDEX(Jesper!$R$2:$R$366,ROW(INDEX(Jesper!AL$2:AL$366,ROUNDDOWN($C7705/24,0)+1,1))-1)+IF('Standard Profiles'!$G$22=$B$10,7,0)+IF('Standard Profiles'!$G$22=$B$17,14,0)+IF('Standard Profiles'!$G$22=$B$24,21,0),MOD($C7705,24)+1)/SUM(INDEX($D$3:$AA$30,INDEX(Jesper!$R$2:$R$366,ROW(INDEX(Jesper!AL$2:AL$366,ROUNDDOWN($C7705/24,0)+1,1))-1)+IF('Standard Profiles'!$G$22=$B$10,7,0)+IF('Standard Profiles'!$G$22=$B$17,14,0)+IF('Standard Profiles'!$G$22=$B$24,21,0),0)),0)</f>
        <v>0</v>
      </c>
      <c r="I7705">
        <f t="shared" si="853"/>
        <v>3.9820394376142776</v>
      </c>
      <c r="J7705">
        <f t="shared" si="854"/>
        <v>60.795177949301682</v>
      </c>
      <c r="K7705">
        <f t="shared" si="855"/>
        <v>3.7112630533691067</v>
      </c>
      <c r="L7705">
        <f t="shared" si="856"/>
        <v>1.8556315266845533</v>
      </c>
      <c r="M7705">
        <f t="shared" si="857"/>
        <v>0</v>
      </c>
      <c r="N7705" s="45">
        <f t="shared" si="858"/>
        <v>45246.624999981395</v>
      </c>
    </row>
    <row r="7706" spans="2:14" x14ac:dyDescent="0.25">
      <c r="B7706">
        <f t="shared" si="852"/>
        <v>4</v>
      </c>
      <c r="C7706" s="16">
        <v>7672</v>
      </c>
      <c r="D7706" cm="1">
        <f t="array" ref="D7706">IFERROR(INDEX(Jesper!AH$2:AH$366,ROUNDDOWN($C7706/24,0)+1,1)*INDEX($D$3:$AA$30,INDEX(Jesper!$R$2:$R$366,ROW(INDEX(Jesper!AH$2:AH$366,ROUNDDOWN($C7706/24,0)+1,1))-1)+IF('Standard Profiles'!$G$18=$B$10,7,0)+IF('Standard Profiles'!$G$18=$B$17,14,0)+IF('Standard Profiles'!$G$18=$B$24,21,0),MOD($C7706,24)+1)/SUM(INDEX($D$3:$AA$30,INDEX(Jesper!$R$2:$R$366,ROW(INDEX(Jesper!AH$2:AH$366,ROUNDDOWN($C7706/24,0)+1,1))-1)+IF('Standard Profiles'!$G$18=$B$10,7,0)+IF('Standard Profiles'!$G$18=$B$17,14,0)+IF('Standard Profiles'!$G$18=$B$24,21,0),0)),0)</f>
        <v>20.503071556001203</v>
      </c>
      <c r="E7706" cm="1">
        <f t="array" ref="E7706">IFERROR(INDEX(Jesper!AI$2:AI$366,ROUNDDOWN($C7706/24,0)+1,1)*INDEX($D$3:$AA$30,INDEX(Jesper!$R$2:$R$366,ROW(INDEX(Jesper!AI$2:AI$366,ROUNDDOWN($C7706/24,0)+1,1))-1)+IF('Standard Profiles'!$G$19=$B$10,7,0)+IF('Standard Profiles'!$G$19=$B$17,14,0)+IF('Standard Profiles'!$G$19=$B$24,21,0),MOD($C7706,24)+1)/SUM(INDEX($D$3:$AA$30,INDEX(Jesper!$R$2:$R$366,ROW(INDEX(Jesper!AI$2:AI$366,ROUNDDOWN($C7706/24,0)+1,1))-1)+IF('Standard Profiles'!$G$19=$B$10,7,0)+IF('Standard Profiles'!$G$19=$B$17,14,0)+IF('Standard Profiles'!$G$19=$B$24,21,0),0)),0)</f>
        <v>16.061044222106222</v>
      </c>
      <c r="F7706" cm="1">
        <f t="array" ref="F7706">IFERROR(INDEX(Jesper!AJ$2:AJ$366,ROUNDDOWN($C7706/24,0)+1,1)*INDEX($D$3:$AA$30,INDEX(Jesper!$R$2:$R$366,ROW(INDEX(Jesper!AJ$2:AJ$366,ROUNDDOWN($C7706/24,0)+1,1))-1)+IF('Standard Profiles'!$G$20=$B$10,7,0)+IF('Standard Profiles'!$G$20=$B$17,14,0)+IF('Standard Profiles'!$G$20=$B$24,21,0),MOD($C7706,24)+1)/SUM(INDEX($D$3:$AA$30,INDEX(Jesper!$R$2:$R$366,ROW(INDEX(Jesper!AJ$2:AJ$366,ROUNDDOWN($C7706/24,0)+1,1))-1)+IF('Standard Profiles'!$G$20=$B$10,7,0)+IF('Standard Profiles'!$G$20=$B$17,14,0)+IF('Standard Profiles'!$G$20=$B$24,21,0),0)),0)</f>
        <v>0</v>
      </c>
      <c r="G7706" cm="1">
        <f t="array" ref="G7706">IFERROR(INDEX(Jesper!AK$2:AK$366,ROUNDDOWN($C7706/24,0)+1,1)*INDEX($D$3:$AA$30,INDEX(Jesper!$R$2:$R$366,ROW(INDEX(Jesper!AK$2:AK$366,ROUNDDOWN($C7706/24,0)+1,1))-1)+IF('Standard Profiles'!$G$21=$B$10,7,0)+IF('Standard Profiles'!$G$21=$B$17,14,0)+IF('Standard Profiles'!$G$21=$B$24,21,0),MOD($C7706,24)+1)/SUM(INDEX($D$3:$AA$30,INDEX(Jesper!$R$2:$R$366,ROW(INDEX(Jesper!AK$2:AK$366,ROUNDDOWN($C7706/24,0)+1,1))-1)+IF('Standard Profiles'!$G$21=$B$10,7,0)+IF('Standard Profiles'!$G$21=$B$17,14,0)+IF('Standard Profiles'!$G$21=$B$24,21,0),0)),0)</f>
        <v>6.9319934278050317</v>
      </c>
      <c r="H7706" cm="1">
        <f t="array" ref="H7706">IFERROR(INDEX(Jesper!AL$2:AL$366,ROUNDDOWN($C7706/24,0)+1,1)*INDEX($D$3:$AA$30,INDEX(Jesper!$R$2:$R$366,ROW(INDEX(Jesper!AL$2:AL$366,ROUNDDOWN($C7706/24,0)+1,1))-1)+IF('Standard Profiles'!$G$22=$B$10,7,0)+IF('Standard Profiles'!$G$22=$B$17,14,0)+IF('Standard Profiles'!$G$22=$B$24,21,0),MOD($C7706,24)+1)/SUM(INDEX($D$3:$AA$30,INDEX(Jesper!$R$2:$R$366,ROW(INDEX(Jesper!AL$2:AL$366,ROUNDDOWN($C7706/24,0)+1,1))-1)+IF('Standard Profiles'!$G$22=$B$10,7,0)+IF('Standard Profiles'!$G$22=$B$17,14,0)+IF('Standard Profiles'!$G$22=$B$24,21,0),0)),0)</f>
        <v>0</v>
      </c>
      <c r="I7706">
        <f t="shared" si="853"/>
        <v>3.3273568453464137</v>
      </c>
      <c r="J7706">
        <f t="shared" si="854"/>
        <v>36.888260911605848</v>
      </c>
      <c r="K7706">
        <f t="shared" si="855"/>
        <v>2.1869942993067952</v>
      </c>
      <c r="L7706">
        <f t="shared" si="856"/>
        <v>1.0934971496533976</v>
      </c>
      <c r="M7706">
        <f t="shared" si="857"/>
        <v>0</v>
      </c>
      <c r="N7706" s="45">
        <f t="shared" si="858"/>
        <v>45246.66666664806</v>
      </c>
    </row>
    <row r="7707" spans="2:14" x14ac:dyDescent="0.25">
      <c r="B7707">
        <f t="shared" si="852"/>
        <v>4</v>
      </c>
      <c r="C7707" s="16">
        <v>7673</v>
      </c>
      <c r="D7707" cm="1">
        <f t="array" ref="D7707">IFERROR(INDEX(Jesper!AH$2:AH$366,ROUNDDOWN($C7707/24,0)+1,1)*INDEX($D$3:$AA$30,INDEX(Jesper!$R$2:$R$366,ROW(INDEX(Jesper!AH$2:AH$366,ROUNDDOWN($C7707/24,0)+1,1))-1)+IF('Standard Profiles'!$G$18=$B$10,7,0)+IF('Standard Profiles'!$G$18=$B$17,14,0)+IF('Standard Profiles'!$G$18=$B$24,21,0),MOD($C7707,24)+1)/SUM(INDEX($D$3:$AA$30,INDEX(Jesper!$R$2:$R$366,ROW(INDEX(Jesper!AH$2:AH$366,ROUNDDOWN($C7707/24,0)+1,1))-1)+IF('Standard Profiles'!$G$18=$B$10,7,0)+IF('Standard Profiles'!$G$18=$B$17,14,0)+IF('Standard Profiles'!$G$18=$B$24,21,0),0)),0)</f>
        <v>8.7507774460099039</v>
      </c>
      <c r="E7707" cm="1">
        <f t="array" ref="E7707">IFERROR(INDEX(Jesper!AI$2:AI$366,ROUNDDOWN($C7707/24,0)+1,1)*INDEX($D$3:$AA$30,INDEX(Jesper!$R$2:$R$366,ROW(INDEX(Jesper!AI$2:AI$366,ROUNDDOWN($C7707/24,0)+1,1))-1)+IF('Standard Profiles'!$G$19=$B$10,7,0)+IF('Standard Profiles'!$G$19=$B$17,14,0)+IF('Standard Profiles'!$G$19=$B$24,21,0),MOD($C7707,24)+1)/SUM(INDEX($D$3:$AA$30,INDEX(Jesper!$R$2:$R$366,ROW(INDEX(Jesper!AI$2:AI$366,ROUNDDOWN($C7707/24,0)+1,1))-1)+IF('Standard Profiles'!$G$19=$B$10,7,0)+IF('Standard Profiles'!$G$19=$B$17,14,0)+IF('Standard Profiles'!$G$19=$B$24,21,0),0)),0)</f>
        <v>6.8549057712787986</v>
      </c>
      <c r="F7707" cm="1">
        <f t="array" ref="F7707">IFERROR(INDEX(Jesper!AJ$2:AJ$366,ROUNDDOWN($C7707/24,0)+1,1)*INDEX($D$3:$AA$30,INDEX(Jesper!$R$2:$R$366,ROW(INDEX(Jesper!AJ$2:AJ$366,ROUNDDOWN($C7707/24,0)+1,1))-1)+IF('Standard Profiles'!$G$20=$B$10,7,0)+IF('Standard Profiles'!$G$20=$B$17,14,0)+IF('Standard Profiles'!$G$20=$B$24,21,0),MOD($C7707,24)+1)/SUM(INDEX($D$3:$AA$30,INDEX(Jesper!$R$2:$R$366,ROW(INDEX(Jesper!AJ$2:AJ$366,ROUNDDOWN($C7707/24,0)+1,1))-1)+IF('Standard Profiles'!$G$20=$B$10,7,0)+IF('Standard Profiles'!$G$20=$B$17,14,0)+IF('Standard Profiles'!$G$20=$B$24,21,0),0)),0)</f>
        <v>0</v>
      </c>
      <c r="G7707" cm="1">
        <f t="array" ref="G7707">IFERROR(INDEX(Jesper!AK$2:AK$366,ROUNDDOWN($C7707/24,0)+1,1)*INDEX($D$3:$AA$30,INDEX(Jesper!$R$2:$R$366,ROW(INDEX(Jesper!AK$2:AK$366,ROUNDDOWN($C7707/24,0)+1,1))-1)+IF('Standard Profiles'!$G$21=$B$10,7,0)+IF('Standard Profiles'!$G$21=$B$17,14,0)+IF('Standard Profiles'!$G$21=$B$24,21,0),MOD($C7707,24)+1)/SUM(INDEX($D$3:$AA$30,INDEX(Jesper!$R$2:$R$366,ROW(INDEX(Jesper!AK$2:AK$366,ROUNDDOWN($C7707/24,0)+1,1))-1)+IF('Standard Profiles'!$G$21=$B$10,7,0)+IF('Standard Profiles'!$G$21=$B$17,14,0)+IF('Standard Profiles'!$G$21=$B$24,21,0),0)),0)</f>
        <v>5.5118798147395935</v>
      </c>
      <c r="H7707" cm="1">
        <f t="array" ref="H7707">IFERROR(INDEX(Jesper!AL$2:AL$366,ROUNDDOWN($C7707/24,0)+1,1)*INDEX($D$3:$AA$30,INDEX(Jesper!$R$2:$R$366,ROW(INDEX(Jesper!AL$2:AL$366,ROUNDDOWN($C7707/24,0)+1,1))-1)+IF('Standard Profiles'!$G$22=$B$10,7,0)+IF('Standard Profiles'!$G$22=$B$17,14,0)+IF('Standard Profiles'!$G$22=$B$24,21,0),MOD($C7707,24)+1)/SUM(INDEX($D$3:$AA$30,INDEX(Jesper!$R$2:$R$366,ROW(INDEX(Jesper!AL$2:AL$366,ROUNDDOWN($C7707/24,0)+1,1))-1)+IF('Standard Profiles'!$G$22=$B$10,7,0)+IF('Standard Profiles'!$G$22=$B$17,14,0)+IF('Standard Profiles'!$G$22=$B$24,21,0),0)),0)</f>
        <v>0</v>
      </c>
      <c r="I7707">
        <f t="shared" si="853"/>
        <v>2.6457023110750035</v>
      </c>
      <c r="J7707">
        <f t="shared" si="854"/>
        <v>17.071736329591708</v>
      </c>
      <c r="K7707">
        <f t="shared" si="855"/>
        <v>0.93341626090772312</v>
      </c>
      <c r="L7707">
        <f t="shared" si="856"/>
        <v>0.46670813045386156</v>
      </c>
      <c r="M7707">
        <f t="shared" si="857"/>
        <v>0</v>
      </c>
      <c r="N7707" s="45">
        <f t="shared" si="858"/>
        <v>45246.708333314724</v>
      </c>
    </row>
    <row r="7708" spans="2:14" x14ac:dyDescent="0.25">
      <c r="B7708">
        <f t="shared" si="852"/>
        <v>4</v>
      </c>
      <c r="C7708" s="16">
        <v>7674</v>
      </c>
      <c r="D7708" cm="1">
        <f t="array" ref="D7708">IFERROR(INDEX(Jesper!AH$2:AH$366,ROUNDDOWN($C7708/24,0)+1,1)*INDEX($D$3:$AA$30,INDEX(Jesper!$R$2:$R$366,ROW(INDEX(Jesper!AH$2:AH$366,ROUNDDOWN($C7708/24,0)+1,1))-1)+IF('Standard Profiles'!$G$18=$B$10,7,0)+IF('Standard Profiles'!$G$18=$B$17,14,0)+IF('Standard Profiles'!$G$18=$B$24,21,0),MOD($C7708,24)+1)/SUM(INDEX($D$3:$AA$30,INDEX(Jesper!$R$2:$R$366,ROW(INDEX(Jesper!AH$2:AH$366,ROUNDDOWN($C7708/24,0)+1,1))-1)+IF('Standard Profiles'!$G$18=$B$10,7,0)+IF('Standard Profiles'!$G$18=$B$17,14,0)+IF('Standard Profiles'!$G$18=$B$24,21,0),0)),0)</f>
        <v>5.7755131143665359</v>
      </c>
      <c r="E7708" cm="1">
        <f t="array" ref="E7708">IFERROR(INDEX(Jesper!AI$2:AI$366,ROUNDDOWN($C7708/24,0)+1,1)*INDEX($D$3:$AA$30,INDEX(Jesper!$R$2:$R$366,ROW(INDEX(Jesper!AI$2:AI$366,ROUNDDOWN($C7708/24,0)+1,1))-1)+IF('Standard Profiles'!$G$19=$B$10,7,0)+IF('Standard Profiles'!$G$19=$B$17,14,0)+IF('Standard Profiles'!$G$19=$B$24,21,0),MOD($C7708,24)+1)/SUM(INDEX($D$3:$AA$30,INDEX(Jesper!$R$2:$R$366,ROW(INDEX(Jesper!AI$2:AI$366,ROUNDDOWN($C7708/24,0)+1,1))-1)+IF('Standard Profiles'!$G$19=$B$10,7,0)+IF('Standard Profiles'!$G$19=$B$17,14,0)+IF('Standard Profiles'!$G$19=$B$24,21,0),0)),0)</f>
        <v>4.5242378090440072</v>
      </c>
      <c r="F7708" cm="1">
        <f t="array" ref="F7708">IFERROR(INDEX(Jesper!AJ$2:AJ$366,ROUNDDOWN($C7708/24,0)+1,1)*INDEX($D$3:$AA$30,INDEX(Jesper!$R$2:$R$366,ROW(INDEX(Jesper!AJ$2:AJ$366,ROUNDDOWN($C7708/24,0)+1,1))-1)+IF('Standard Profiles'!$G$20=$B$10,7,0)+IF('Standard Profiles'!$G$20=$B$17,14,0)+IF('Standard Profiles'!$G$20=$B$24,21,0),MOD($C7708,24)+1)/SUM(INDEX($D$3:$AA$30,INDEX(Jesper!$R$2:$R$366,ROW(INDEX(Jesper!AJ$2:AJ$366,ROUNDDOWN($C7708/24,0)+1,1))-1)+IF('Standard Profiles'!$G$20=$B$10,7,0)+IF('Standard Profiles'!$G$20=$B$17,14,0)+IF('Standard Profiles'!$G$20=$B$24,21,0),0)),0)</f>
        <v>0</v>
      </c>
      <c r="G7708" cm="1">
        <f t="array" ref="G7708">IFERROR(INDEX(Jesper!AK$2:AK$366,ROUNDDOWN($C7708/24,0)+1,1)*INDEX($D$3:$AA$30,INDEX(Jesper!$R$2:$R$366,ROW(INDEX(Jesper!AK$2:AK$366,ROUNDDOWN($C7708/24,0)+1,1))-1)+IF('Standard Profiles'!$G$21=$B$10,7,0)+IF('Standard Profiles'!$G$21=$B$17,14,0)+IF('Standard Profiles'!$G$21=$B$24,21,0),MOD($C7708,24)+1)/SUM(INDEX($D$3:$AA$30,INDEX(Jesper!$R$2:$R$366,ROW(INDEX(Jesper!AK$2:AK$366,ROUNDDOWN($C7708/24,0)+1,1))-1)+IF('Standard Profiles'!$G$21=$B$10,7,0)+IF('Standard Profiles'!$G$21=$B$17,14,0)+IF('Standard Profiles'!$G$21=$B$24,21,0),0)),0)</f>
        <v>2.0433289396625001</v>
      </c>
      <c r="H7708" cm="1">
        <f t="array" ref="H7708">IFERROR(INDEX(Jesper!AL$2:AL$366,ROUNDDOWN($C7708/24,0)+1,1)*INDEX($D$3:$AA$30,INDEX(Jesper!$R$2:$R$366,ROW(INDEX(Jesper!AL$2:AL$366,ROUNDDOWN($C7708/24,0)+1,1))-1)+IF('Standard Profiles'!$G$22=$B$10,7,0)+IF('Standard Profiles'!$G$22=$B$17,14,0)+IF('Standard Profiles'!$G$22=$B$24,21,0),MOD($C7708,24)+1)/SUM(INDEX($D$3:$AA$30,INDEX(Jesper!$R$2:$R$366,ROW(INDEX(Jesper!AL$2:AL$366,ROUNDDOWN($C7708/24,0)+1,1))-1)+IF('Standard Profiles'!$G$22=$B$10,7,0)+IF('Standard Profiles'!$G$22=$B$17,14,0)+IF('Standard Profiles'!$G$22=$B$24,21,0),0)),0)</f>
        <v>0</v>
      </c>
      <c r="I7708">
        <f t="shared" si="853"/>
        <v>0.98079789103799953</v>
      </c>
      <c r="J7708">
        <f t="shared" si="854"/>
        <v>10.438199873736398</v>
      </c>
      <c r="K7708">
        <f t="shared" si="855"/>
        <v>0.61605473219909723</v>
      </c>
      <c r="L7708">
        <f t="shared" si="856"/>
        <v>0.30802736609954862</v>
      </c>
      <c r="M7708">
        <f t="shared" si="857"/>
        <v>0</v>
      </c>
      <c r="N7708" s="45">
        <f t="shared" si="858"/>
        <v>45246.749999981388</v>
      </c>
    </row>
    <row r="7709" spans="2:14" x14ac:dyDescent="0.25">
      <c r="B7709">
        <f t="shared" si="852"/>
        <v>4</v>
      </c>
      <c r="C7709" s="16">
        <v>7675</v>
      </c>
      <c r="D7709" cm="1">
        <f t="array" ref="D7709">IFERROR(INDEX(Jesper!AH$2:AH$366,ROUNDDOWN($C7709/24,0)+1,1)*INDEX($D$3:$AA$30,INDEX(Jesper!$R$2:$R$366,ROW(INDEX(Jesper!AH$2:AH$366,ROUNDDOWN($C7709/24,0)+1,1))-1)+IF('Standard Profiles'!$G$18=$B$10,7,0)+IF('Standard Profiles'!$G$18=$B$17,14,0)+IF('Standard Profiles'!$G$18=$B$24,21,0),MOD($C7709,24)+1)/SUM(INDEX($D$3:$AA$30,INDEX(Jesper!$R$2:$R$366,ROW(INDEX(Jesper!AH$2:AH$366,ROUNDDOWN($C7709/24,0)+1,1))-1)+IF('Standard Profiles'!$G$18=$B$10,7,0)+IF('Standard Profiles'!$G$18=$B$17,14,0)+IF('Standard Profiles'!$G$18=$B$24,21,0),0)),0)</f>
        <v>5.7755131143665359</v>
      </c>
      <c r="E7709" cm="1">
        <f t="array" ref="E7709">IFERROR(INDEX(Jesper!AI$2:AI$366,ROUNDDOWN($C7709/24,0)+1,1)*INDEX($D$3:$AA$30,INDEX(Jesper!$R$2:$R$366,ROW(INDEX(Jesper!AI$2:AI$366,ROUNDDOWN($C7709/24,0)+1,1))-1)+IF('Standard Profiles'!$G$19=$B$10,7,0)+IF('Standard Profiles'!$G$19=$B$17,14,0)+IF('Standard Profiles'!$G$19=$B$24,21,0),MOD($C7709,24)+1)/SUM(INDEX($D$3:$AA$30,INDEX(Jesper!$R$2:$R$366,ROW(INDEX(Jesper!AI$2:AI$366,ROUNDDOWN($C7709/24,0)+1,1))-1)+IF('Standard Profiles'!$G$19=$B$10,7,0)+IF('Standard Profiles'!$G$19=$B$17,14,0)+IF('Standard Profiles'!$G$19=$B$24,21,0),0)),0)</f>
        <v>4.5242378090440072</v>
      </c>
      <c r="F7709" cm="1">
        <f t="array" ref="F7709">IFERROR(INDEX(Jesper!AJ$2:AJ$366,ROUNDDOWN($C7709/24,0)+1,1)*INDEX($D$3:$AA$30,INDEX(Jesper!$R$2:$R$366,ROW(INDEX(Jesper!AJ$2:AJ$366,ROUNDDOWN($C7709/24,0)+1,1))-1)+IF('Standard Profiles'!$G$20=$B$10,7,0)+IF('Standard Profiles'!$G$20=$B$17,14,0)+IF('Standard Profiles'!$G$20=$B$24,21,0),MOD($C7709,24)+1)/SUM(INDEX($D$3:$AA$30,INDEX(Jesper!$R$2:$R$366,ROW(INDEX(Jesper!AJ$2:AJ$366,ROUNDDOWN($C7709/24,0)+1,1))-1)+IF('Standard Profiles'!$G$20=$B$10,7,0)+IF('Standard Profiles'!$G$20=$B$17,14,0)+IF('Standard Profiles'!$G$20=$B$24,21,0),0)),0)</f>
        <v>0</v>
      </c>
      <c r="G7709" cm="1">
        <f t="array" ref="G7709">IFERROR(INDEX(Jesper!AK$2:AK$366,ROUNDDOWN($C7709/24,0)+1,1)*INDEX($D$3:$AA$30,INDEX(Jesper!$R$2:$R$366,ROW(INDEX(Jesper!AK$2:AK$366,ROUNDDOWN($C7709/24,0)+1,1))-1)+IF('Standard Profiles'!$G$21=$B$10,7,0)+IF('Standard Profiles'!$G$21=$B$17,14,0)+IF('Standard Profiles'!$G$21=$B$24,21,0),MOD($C7709,24)+1)/SUM(INDEX($D$3:$AA$30,INDEX(Jesper!$R$2:$R$366,ROW(INDEX(Jesper!AK$2:AK$366,ROUNDDOWN($C7709/24,0)+1,1))-1)+IF('Standard Profiles'!$G$21=$B$10,7,0)+IF('Standard Profiles'!$G$21=$B$17,14,0)+IF('Standard Profiles'!$G$21=$B$24,21,0),0)),0)</f>
        <v>2.0433289396625001</v>
      </c>
      <c r="H7709" cm="1">
        <f t="array" ref="H7709">IFERROR(INDEX(Jesper!AL$2:AL$366,ROUNDDOWN($C7709/24,0)+1,1)*INDEX($D$3:$AA$30,INDEX(Jesper!$R$2:$R$366,ROW(INDEX(Jesper!AL$2:AL$366,ROUNDDOWN($C7709/24,0)+1,1))-1)+IF('Standard Profiles'!$G$22=$B$10,7,0)+IF('Standard Profiles'!$G$22=$B$17,14,0)+IF('Standard Profiles'!$G$22=$B$24,21,0),MOD($C7709,24)+1)/SUM(INDEX($D$3:$AA$30,INDEX(Jesper!$R$2:$R$366,ROW(INDEX(Jesper!AL$2:AL$366,ROUNDDOWN($C7709/24,0)+1,1))-1)+IF('Standard Profiles'!$G$22=$B$10,7,0)+IF('Standard Profiles'!$G$22=$B$17,14,0)+IF('Standard Profiles'!$G$22=$B$24,21,0),0)),0)</f>
        <v>0</v>
      </c>
      <c r="I7709">
        <f t="shared" si="853"/>
        <v>0.98079789103799953</v>
      </c>
      <c r="J7709">
        <f t="shared" si="854"/>
        <v>10.438199873736398</v>
      </c>
      <c r="K7709">
        <f t="shared" si="855"/>
        <v>0.61605473219909723</v>
      </c>
      <c r="L7709">
        <f t="shared" si="856"/>
        <v>0.30802736609954862</v>
      </c>
      <c r="M7709">
        <f t="shared" si="857"/>
        <v>0</v>
      </c>
      <c r="N7709" s="45">
        <f t="shared" si="858"/>
        <v>45246.791666648052</v>
      </c>
    </row>
    <row r="7710" spans="2:14" x14ac:dyDescent="0.25">
      <c r="B7710">
        <f t="shared" si="852"/>
        <v>4</v>
      </c>
      <c r="C7710" s="16">
        <v>7676</v>
      </c>
      <c r="D7710" cm="1">
        <f t="array" ref="D7710">IFERROR(INDEX(Jesper!AH$2:AH$366,ROUNDDOWN($C7710/24,0)+1,1)*INDEX($D$3:$AA$30,INDEX(Jesper!$R$2:$R$366,ROW(INDEX(Jesper!AH$2:AH$366,ROUNDDOWN($C7710/24,0)+1,1))-1)+IF('Standard Profiles'!$G$18=$B$10,7,0)+IF('Standard Profiles'!$G$18=$B$17,14,0)+IF('Standard Profiles'!$G$18=$B$24,21,0),MOD($C7710,24)+1)/SUM(INDEX($D$3:$AA$30,INDEX(Jesper!$R$2:$R$366,ROW(INDEX(Jesper!AH$2:AH$366,ROUNDDOWN($C7710/24,0)+1,1))-1)+IF('Standard Profiles'!$G$18=$B$10,7,0)+IF('Standard Profiles'!$G$18=$B$17,14,0)+IF('Standard Profiles'!$G$18=$B$24,21,0),0)),0)</f>
        <v>5.7755131143665359</v>
      </c>
      <c r="E7710" cm="1">
        <f t="array" ref="E7710">IFERROR(INDEX(Jesper!AI$2:AI$366,ROUNDDOWN($C7710/24,0)+1,1)*INDEX($D$3:$AA$30,INDEX(Jesper!$R$2:$R$366,ROW(INDEX(Jesper!AI$2:AI$366,ROUNDDOWN($C7710/24,0)+1,1))-1)+IF('Standard Profiles'!$G$19=$B$10,7,0)+IF('Standard Profiles'!$G$19=$B$17,14,0)+IF('Standard Profiles'!$G$19=$B$24,21,0),MOD($C7710,24)+1)/SUM(INDEX($D$3:$AA$30,INDEX(Jesper!$R$2:$R$366,ROW(INDEX(Jesper!AI$2:AI$366,ROUNDDOWN($C7710/24,0)+1,1))-1)+IF('Standard Profiles'!$G$19=$B$10,7,0)+IF('Standard Profiles'!$G$19=$B$17,14,0)+IF('Standard Profiles'!$G$19=$B$24,21,0),0)),0)</f>
        <v>4.5242378090440072</v>
      </c>
      <c r="F7710" cm="1">
        <f t="array" ref="F7710">IFERROR(INDEX(Jesper!AJ$2:AJ$366,ROUNDDOWN($C7710/24,0)+1,1)*INDEX($D$3:$AA$30,INDEX(Jesper!$R$2:$R$366,ROW(INDEX(Jesper!AJ$2:AJ$366,ROUNDDOWN($C7710/24,0)+1,1))-1)+IF('Standard Profiles'!$G$20=$B$10,7,0)+IF('Standard Profiles'!$G$20=$B$17,14,0)+IF('Standard Profiles'!$G$20=$B$24,21,0),MOD($C7710,24)+1)/SUM(INDEX($D$3:$AA$30,INDEX(Jesper!$R$2:$R$366,ROW(INDEX(Jesper!AJ$2:AJ$366,ROUNDDOWN($C7710/24,0)+1,1))-1)+IF('Standard Profiles'!$G$20=$B$10,7,0)+IF('Standard Profiles'!$G$20=$B$17,14,0)+IF('Standard Profiles'!$G$20=$B$24,21,0),0)),0)</f>
        <v>0</v>
      </c>
      <c r="G7710" cm="1">
        <f t="array" ref="G7710">IFERROR(INDEX(Jesper!AK$2:AK$366,ROUNDDOWN($C7710/24,0)+1,1)*INDEX($D$3:$AA$30,INDEX(Jesper!$R$2:$R$366,ROW(INDEX(Jesper!AK$2:AK$366,ROUNDDOWN($C7710/24,0)+1,1))-1)+IF('Standard Profiles'!$G$21=$B$10,7,0)+IF('Standard Profiles'!$G$21=$B$17,14,0)+IF('Standard Profiles'!$G$21=$B$24,21,0),MOD($C7710,24)+1)/SUM(INDEX($D$3:$AA$30,INDEX(Jesper!$R$2:$R$366,ROW(INDEX(Jesper!AK$2:AK$366,ROUNDDOWN($C7710/24,0)+1,1))-1)+IF('Standard Profiles'!$G$21=$B$10,7,0)+IF('Standard Profiles'!$G$21=$B$17,14,0)+IF('Standard Profiles'!$G$21=$B$24,21,0),0)),0)</f>
        <v>2.0433289396625001</v>
      </c>
      <c r="H7710" cm="1">
        <f t="array" ref="H7710">IFERROR(INDEX(Jesper!AL$2:AL$366,ROUNDDOWN($C7710/24,0)+1,1)*INDEX($D$3:$AA$30,INDEX(Jesper!$R$2:$R$366,ROW(INDEX(Jesper!AL$2:AL$366,ROUNDDOWN($C7710/24,0)+1,1))-1)+IF('Standard Profiles'!$G$22=$B$10,7,0)+IF('Standard Profiles'!$G$22=$B$17,14,0)+IF('Standard Profiles'!$G$22=$B$24,21,0),MOD($C7710,24)+1)/SUM(INDEX($D$3:$AA$30,INDEX(Jesper!$R$2:$R$366,ROW(INDEX(Jesper!AL$2:AL$366,ROUNDDOWN($C7710/24,0)+1,1))-1)+IF('Standard Profiles'!$G$22=$B$10,7,0)+IF('Standard Profiles'!$G$22=$B$17,14,0)+IF('Standard Profiles'!$G$22=$B$24,21,0),0)),0)</f>
        <v>0</v>
      </c>
      <c r="I7710">
        <f t="shared" si="853"/>
        <v>0.98079789103799953</v>
      </c>
      <c r="J7710">
        <f t="shared" si="854"/>
        <v>10.438199873736398</v>
      </c>
      <c r="K7710">
        <f t="shared" si="855"/>
        <v>0.61605473219909723</v>
      </c>
      <c r="L7710">
        <f t="shared" si="856"/>
        <v>0.30802736609954862</v>
      </c>
      <c r="M7710">
        <f t="shared" si="857"/>
        <v>0</v>
      </c>
      <c r="N7710" s="45">
        <f t="shared" si="858"/>
        <v>45246.833333314717</v>
      </c>
    </row>
    <row r="7711" spans="2:14" x14ac:dyDescent="0.25">
      <c r="B7711">
        <f t="shared" si="852"/>
        <v>4</v>
      </c>
      <c r="C7711" s="16">
        <v>7677</v>
      </c>
      <c r="D7711" cm="1">
        <f t="array" ref="D7711">IFERROR(INDEX(Jesper!AH$2:AH$366,ROUNDDOWN($C7711/24,0)+1,1)*INDEX($D$3:$AA$30,INDEX(Jesper!$R$2:$R$366,ROW(INDEX(Jesper!AH$2:AH$366,ROUNDDOWN($C7711/24,0)+1,1))-1)+IF('Standard Profiles'!$G$18=$B$10,7,0)+IF('Standard Profiles'!$G$18=$B$17,14,0)+IF('Standard Profiles'!$G$18=$B$24,21,0),MOD($C7711,24)+1)/SUM(INDEX($D$3:$AA$30,INDEX(Jesper!$R$2:$R$366,ROW(INDEX(Jesper!AH$2:AH$366,ROUNDDOWN($C7711/24,0)+1,1))-1)+IF('Standard Profiles'!$G$18=$B$10,7,0)+IF('Standard Profiles'!$G$18=$B$17,14,0)+IF('Standard Profiles'!$G$18=$B$24,21,0),0)),0)</f>
        <v>5.7755131143665359</v>
      </c>
      <c r="E7711" cm="1">
        <f t="array" ref="E7711">IFERROR(INDEX(Jesper!AI$2:AI$366,ROUNDDOWN($C7711/24,0)+1,1)*INDEX($D$3:$AA$30,INDEX(Jesper!$R$2:$R$366,ROW(INDEX(Jesper!AI$2:AI$366,ROUNDDOWN($C7711/24,0)+1,1))-1)+IF('Standard Profiles'!$G$19=$B$10,7,0)+IF('Standard Profiles'!$G$19=$B$17,14,0)+IF('Standard Profiles'!$G$19=$B$24,21,0),MOD($C7711,24)+1)/SUM(INDEX($D$3:$AA$30,INDEX(Jesper!$R$2:$R$366,ROW(INDEX(Jesper!AI$2:AI$366,ROUNDDOWN($C7711/24,0)+1,1))-1)+IF('Standard Profiles'!$G$19=$B$10,7,0)+IF('Standard Profiles'!$G$19=$B$17,14,0)+IF('Standard Profiles'!$G$19=$B$24,21,0),0)),0)</f>
        <v>4.5242378090440072</v>
      </c>
      <c r="F7711" cm="1">
        <f t="array" ref="F7711">IFERROR(INDEX(Jesper!AJ$2:AJ$366,ROUNDDOWN($C7711/24,0)+1,1)*INDEX($D$3:$AA$30,INDEX(Jesper!$R$2:$R$366,ROW(INDEX(Jesper!AJ$2:AJ$366,ROUNDDOWN($C7711/24,0)+1,1))-1)+IF('Standard Profiles'!$G$20=$B$10,7,0)+IF('Standard Profiles'!$G$20=$B$17,14,0)+IF('Standard Profiles'!$G$20=$B$24,21,0),MOD($C7711,24)+1)/SUM(INDEX($D$3:$AA$30,INDEX(Jesper!$R$2:$R$366,ROW(INDEX(Jesper!AJ$2:AJ$366,ROUNDDOWN($C7711/24,0)+1,1))-1)+IF('Standard Profiles'!$G$20=$B$10,7,0)+IF('Standard Profiles'!$G$20=$B$17,14,0)+IF('Standard Profiles'!$G$20=$B$24,21,0),0)),0)</f>
        <v>0</v>
      </c>
      <c r="G7711" cm="1">
        <f t="array" ref="G7711">IFERROR(INDEX(Jesper!AK$2:AK$366,ROUNDDOWN($C7711/24,0)+1,1)*INDEX($D$3:$AA$30,INDEX(Jesper!$R$2:$R$366,ROW(INDEX(Jesper!AK$2:AK$366,ROUNDDOWN($C7711/24,0)+1,1))-1)+IF('Standard Profiles'!$G$21=$B$10,7,0)+IF('Standard Profiles'!$G$21=$B$17,14,0)+IF('Standard Profiles'!$G$21=$B$24,21,0),MOD($C7711,24)+1)/SUM(INDEX($D$3:$AA$30,INDEX(Jesper!$R$2:$R$366,ROW(INDEX(Jesper!AK$2:AK$366,ROUNDDOWN($C7711/24,0)+1,1))-1)+IF('Standard Profiles'!$G$21=$B$10,7,0)+IF('Standard Profiles'!$G$21=$B$17,14,0)+IF('Standard Profiles'!$G$21=$B$24,21,0),0)),0)</f>
        <v>2.0433289396625001</v>
      </c>
      <c r="H7711" cm="1">
        <f t="array" ref="H7711">IFERROR(INDEX(Jesper!AL$2:AL$366,ROUNDDOWN($C7711/24,0)+1,1)*INDEX($D$3:$AA$30,INDEX(Jesper!$R$2:$R$366,ROW(INDEX(Jesper!AL$2:AL$366,ROUNDDOWN($C7711/24,0)+1,1))-1)+IF('Standard Profiles'!$G$22=$B$10,7,0)+IF('Standard Profiles'!$G$22=$B$17,14,0)+IF('Standard Profiles'!$G$22=$B$24,21,0),MOD($C7711,24)+1)/SUM(INDEX($D$3:$AA$30,INDEX(Jesper!$R$2:$R$366,ROW(INDEX(Jesper!AL$2:AL$366,ROUNDDOWN($C7711/24,0)+1,1))-1)+IF('Standard Profiles'!$G$22=$B$10,7,0)+IF('Standard Profiles'!$G$22=$B$17,14,0)+IF('Standard Profiles'!$G$22=$B$24,21,0),0)),0)</f>
        <v>0</v>
      </c>
      <c r="I7711">
        <f t="shared" si="853"/>
        <v>0.98079789103799953</v>
      </c>
      <c r="J7711">
        <f t="shared" si="854"/>
        <v>10.438199873736398</v>
      </c>
      <c r="K7711">
        <f t="shared" si="855"/>
        <v>0.61605473219909723</v>
      </c>
      <c r="L7711">
        <f t="shared" si="856"/>
        <v>0.30802736609954862</v>
      </c>
      <c r="M7711">
        <f t="shared" si="857"/>
        <v>0</v>
      </c>
      <c r="N7711" s="45">
        <f t="shared" si="858"/>
        <v>45246.874999981381</v>
      </c>
    </row>
    <row r="7712" spans="2:14" x14ac:dyDescent="0.25">
      <c r="B7712">
        <f t="shared" si="852"/>
        <v>4</v>
      </c>
      <c r="C7712" s="16">
        <v>7678</v>
      </c>
      <c r="D7712" cm="1">
        <f t="array" ref="D7712">IFERROR(INDEX(Jesper!AH$2:AH$366,ROUNDDOWN($C7712/24,0)+1,1)*INDEX($D$3:$AA$30,INDEX(Jesper!$R$2:$R$366,ROW(INDEX(Jesper!AH$2:AH$366,ROUNDDOWN($C7712/24,0)+1,1))-1)+IF('Standard Profiles'!$G$18=$B$10,7,0)+IF('Standard Profiles'!$G$18=$B$17,14,0)+IF('Standard Profiles'!$G$18=$B$24,21,0),MOD($C7712,24)+1)/SUM(INDEX($D$3:$AA$30,INDEX(Jesper!$R$2:$R$366,ROW(INDEX(Jesper!AH$2:AH$366,ROUNDDOWN($C7712/24,0)+1,1))-1)+IF('Standard Profiles'!$G$18=$B$10,7,0)+IF('Standard Profiles'!$G$18=$B$17,14,0)+IF('Standard Profiles'!$G$18=$B$24,21,0),0)),0)</f>
        <v>5.7755131143665359</v>
      </c>
      <c r="E7712" cm="1">
        <f t="array" ref="E7712">IFERROR(INDEX(Jesper!AI$2:AI$366,ROUNDDOWN($C7712/24,0)+1,1)*INDEX($D$3:$AA$30,INDEX(Jesper!$R$2:$R$366,ROW(INDEX(Jesper!AI$2:AI$366,ROUNDDOWN($C7712/24,0)+1,1))-1)+IF('Standard Profiles'!$G$19=$B$10,7,0)+IF('Standard Profiles'!$G$19=$B$17,14,0)+IF('Standard Profiles'!$G$19=$B$24,21,0),MOD($C7712,24)+1)/SUM(INDEX($D$3:$AA$30,INDEX(Jesper!$R$2:$R$366,ROW(INDEX(Jesper!AI$2:AI$366,ROUNDDOWN($C7712/24,0)+1,1))-1)+IF('Standard Profiles'!$G$19=$B$10,7,0)+IF('Standard Profiles'!$G$19=$B$17,14,0)+IF('Standard Profiles'!$G$19=$B$24,21,0),0)),0)</f>
        <v>4.5242378090440072</v>
      </c>
      <c r="F7712" cm="1">
        <f t="array" ref="F7712">IFERROR(INDEX(Jesper!AJ$2:AJ$366,ROUNDDOWN($C7712/24,0)+1,1)*INDEX($D$3:$AA$30,INDEX(Jesper!$R$2:$R$366,ROW(INDEX(Jesper!AJ$2:AJ$366,ROUNDDOWN($C7712/24,0)+1,1))-1)+IF('Standard Profiles'!$G$20=$B$10,7,0)+IF('Standard Profiles'!$G$20=$B$17,14,0)+IF('Standard Profiles'!$G$20=$B$24,21,0),MOD($C7712,24)+1)/SUM(INDEX($D$3:$AA$30,INDEX(Jesper!$R$2:$R$366,ROW(INDEX(Jesper!AJ$2:AJ$366,ROUNDDOWN($C7712/24,0)+1,1))-1)+IF('Standard Profiles'!$G$20=$B$10,7,0)+IF('Standard Profiles'!$G$20=$B$17,14,0)+IF('Standard Profiles'!$G$20=$B$24,21,0),0)),0)</f>
        <v>0</v>
      </c>
      <c r="G7712" cm="1">
        <f t="array" ref="G7712">IFERROR(INDEX(Jesper!AK$2:AK$366,ROUNDDOWN($C7712/24,0)+1,1)*INDEX($D$3:$AA$30,INDEX(Jesper!$R$2:$R$366,ROW(INDEX(Jesper!AK$2:AK$366,ROUNDDOWN($C7712/24,0)+1,1))-1)+IF('Standard Profiles'!$G$21=$B$10,7,0)+IF('Standard Profiles'!$G$21=$B$17,14,0)+IF('Standard Profiles'!$G$21=$B$24,21,0),MOD($C7712,24)+1)/SUM(INDEX($D$3:$AA$30,INDEX(Jesper!$R$2:$R$366,ROW(INDEX(Jesper!AK$2:AK$366,ROUNDDOWN($C7712/24,0)+1,1))-1)+IF('Standard Profiles'!$G$21=$B$10,7,0)+IF('Standard Profiles'!$G$21=$B$17,14,0)+IF('Standard Profiles'!$G$21=$B$24,21,0),0)),0)</f>
        <v>2.0433289396625001</v>
      </c>
      <c r="H7712" cm="1">
        <f t="array" ref="H7712">IFERROR(INDEX(Jesper!AL$2:AL$366,ROUNDDOWN($C7712/24,0)+1,1)*INDEX($D$3:$AA$30,INDEX(Jesper!$R$2:$R$366,ROW(INDEX(Jesper!AL$2:AL$366,ROUNDDOWN($C7712/24,0)+1,1))-1)+IF('Standard Profiles'!$G$22=$B$10,7,0)+IF('Standard Profiles'!$G$22=$B$17,14,0)+IF('Standard Profiles'!$G$22=$B$24,21,0),MOD($C7712,24)+1)/SUM(INDEX($D$3:$AA$30,INDEX(Jesper!$R$2:$R$366,ROW(INDEX(Jesper!AL$2:AL$366,ROUNDDOWN($C7712/24,0)+1,1))-1)+IF('Standard Profiles'!$G$22=$B$10,7,0)+IF('Standard Profiles'!$G$22=$B$17,14,0)+IF('Standard Profiles'!$G$22=$B$24,21,0),0)),0)</f>
        <v>0</v>
      </c>
      <c r="I7712">
        <f t="shared" si="853"/>
        <v>0.98079789103799953</v>
      </c>
      <c r="J7712">
        <f t="shared" si="854"/>
        <v>10.438199873736398</v>
      </c>
      <c r="K7712">
        <f t="shared" si="855"/>
        <v>0.61605473219909723</v>
      </c>
      <c r="L7712">
        <f t="shared" si="856"/>
        <v>0.30802736609954862</v>
      </c>
      <c r="M7712">
        <f t="shared" si="857"/>
        <v>0</v>
      </c>
      <c r="N7712" s="45">
        <f t="shared" si="858"/>
        <v>45246.916666648045</v>
      </c>
    </row>
    <row r="7713" spans="2:14" x14ac:dyDescent="0.25">
      <c r="B7713">
        <f t="shared" si="852"/>
        <v>4</v>
      </c>
      <c r="C7713" s="16">
        <v>7679</v>
      </c>
      <c r="D7713" cm="1">
        <f t="array" ref="D7713">IFERROR(INDEX(Jesper!AH$2:AH$366,ROUNDDOWN($C7713/24,0)+1,1)*INDEX($D$3:$AA$30,INDEX(Jesper!$R$2:$R$366,ROW(INDEX(Jesper!AH$2:AH$366,ROUNDDOWN($C7713/24,0)+1,1))-1)+IF('Standard Profiles'!$G$18=$B$10,7,0)+IF('Standard Profiles'!$G$18=$B$17,14,0)+IF('Standard Profiles'!$G$18=$B$24,21,0),MOD($C7713,24)+1)/SUM(INDEX($D$3:$AA$30,INDEX(Jesper!$R$2:$R$366,ROW(INDEX(Jesper!AH$2:AH$366,ROUNDDOWN($C7713/24,0)+1,1))-1)+IF('Standard Profiles'!$G$18=$B$10,7,0)+IF('Standard Profiles'!$G$18=$B$17,14,0)+IF('Standard Profiles'!$G$18=$B$24,21,0),0)),0)</f>
        <v>5.7755131143665359</v>
      </c>
      <c r="E7713" cm="1">
        <f t="array" ref="E7713">IFERROR(INDEX(Jesper!AI$2:AI$366,ROUNDDOWN($C7713/24,0)+1,1)*INDEX($D$3:$AA$30,INDEX(Jesper!$R$2:$R$366,ROW(INDEX(Jesper!AI$2:AI$366,ROUNDDOWN($C7713/24,0)+1,1))-1)+IF('Standard Profiles'!$G$19=$B$10,7,0)+IF('Standard Profiles'!$G$19=$B$17,14,0)+IF('Standard Profiles'!$G$19=$B$24,21,0),MOD($C7713,24)+1)/SUM(INDEX($D$3:$AA$30,INDEX(Jesper!$R$2:$R$366,ROW(INDEX(Jesper!AI$2:AI$366,ROUNDDOWN($C7713/24,0)+1,1))-1)+IF('Standard Profiles'!$G$19=$B$10,7,0)+IF('Standard Profiles'!$G$19=$B$17,14,0)+IF('Standard Profiles'!$G$19=$B$24,21,0),0)),0)</f>
        <v>4.5242378090440072</v>
      </c>
      <c r="F7713" cm="1">
        <f t="array" ref="F7713">IFERROR(INDEX(Jesper!AJ$2:AJ$366,ROUNDDOWN($C7713/24,0)+1,1)*INDEX($D$3:$AA$30,INDEX(Jesper!$R$2:$R$366,ROW(INDEX(Jesper!AJ$2:AJ$366,ROUNDDOWN($C7713/24,0)+1,1))-1)+IF('Standard Profiles'!$G$20=$B$10,7,0)+IF('Standard Profiles'!$G$20=$B$17,14,0)+IF('Standard Profiles'!$G$20=$B$24,21,0),MOD($C7713,24)+1)/SUM(INDEX($D$3:$AA$30,INDEX(Jesper!$R$2:$R$366,ROW(INDEX(Jesper!AJ$2:AJ$366,ROUNDDOWN($C7713/24,0)+1,1))-1)+IF('Standard Profiles'!$G$20=$B$10,7,0)+IF('Standard Profiles'!$G$20=$B$17,14,0)+IF('Standard Profiles'!$G$20=$B$24,21,0),0)),0)</f>
        <v>0</v>
      </c>
      <c r="G7713" cm="1">
        <f t="array" ref="G7713">IFERROR(INDEX(Jesper!AK$2:AK$366,ROUNDDOWN($C7713/24,0)+1,1)*INDEX($D$3:$AA$30,INDEX(Jesper!$R$2:$R$366,ROW(INDEX(Jesper!AK$2:AK$366,ROUNDDOWN($C7713/24,0)+1,1))-1)+IF('Standard Profiles'!$G$21=$B$10,7,0)+IF('Standard Profiles'!$G$21=$B$17,14,0)+IF('Standard Profiles'!$G$21=$B$24,21,0),MOD($C7713,24)+1)/SUM(INDEX($D$3:$AA$30,INDEX(Jesper!$R$2:$R$366,ROW(INDEX(Jesper!AK$2:AK$366,ROUNDDOWN($C7713/24,0)+1,1))-1)+IF('Standard Profiles'!$G$21=$B$10,7,0)+IF('Standard Profiles'!$G$21=$B$17,14,0)+IF('Standard Profiles'!$G$21=$B$24,21,0),0)),0)</f>
        <v>2.0433289396625001</v>
      </c>
      <c r="H7713" cm="1">
        <f t="array" ref="H7713">IFERROR(INDEX(Jesper!AL$2:AL$366,ROUNDDOWN($C7713/24,0)+1,1)*INDEX($D$3:$AA$30,INDEX(Jesper!$R$2:$R$366,ROW(INDEX(Jesper!AL$2:AL$366,ROUNDDOWN($C7713/24,0)+1,1))-1)+IF('Standard Profiles'!$G$22=$B$10,7,0)+IF('Standard Profiles'!$G$22=$B$17,14,0)+IF('Standard Profiles'!$G$22=$B$24,21,0),MOD($C7713,24)+1)/SUM(INDEX($D$3:$AA$30,INDEX(Jesper!$R$2:$R$366,ROW(INDEX(Jesper!AL$2:AL$366,ROUNDDOWN($C7713/24,0)+1,1))-1)+IF('Standard Profiles'!$G$22=$B$10,7,0)+IF('Standard Profiles'!$G$22=$B$17,14,0)+IF('Standard Profiles'!$G$22=$B$24,21,0),0)),0)</f>
        <v>0</v>
      </c>
      <c r="I7713">
        <f t="shared" si="853"/>
        <v>0.98079789103799953</v>
      </c>
      <c r="J7713">
        <f t="shared" si="854"/>
        <v>10.438199873736398</v>
      </c>
      <c r="K7713">
        <f t="shared" si="855"/>
        <v>0.61605473219909723</v>
      </c>
      <c r="L7713">
        <f t="shared" si="856"/>
        <v>0.30802736609954862</v>
      </c>
      <c r="M7713">
        <f t="shared" si="857"/>
        <v>0</v>
      </c>
      <c r="N7713" s="45">
        <f t="shared" si="858"/>
        <v>45246.958333314709</v>
      </c>
    </row>
    <row r="7714" spans="2:14" x14ac:dyDescent="0.25">
      <c r="B7714">
        <f t="shared" si="852"/>
        <v>5</v>
      </c>
      <c r="C7714" s="16">
        <v>7680</v>
      </c>
      <c r="D7714" cm="1">
        <f t="array" ref="D7714">IFERROR(INDEX(Jesper!AH$2:AH$366,ROUNDDOWN($C7714/24,0)+1,1)*INDEX($D$3:$AA$30,INDEX(Jesper!$R$2:$R$366,ROW(INDEX(Jesper!AH$2:AH$366,ROUNDDOWN($C7714/24,0)+1,1))-1)+IF('Standard Profiles'!$G$18=$B$10,7,0)+IF('Standard Profiles'!$G$18=$B$17,14,0)+IF('Standard Profiles'!$G$18=$B$24,21,0),MOD($C7714,24)+1)/SUM(INDEX($D$3:$AA$30,INDEX(Jesper!$R$2:$R$366,ROW(INDEX(Jesper!AH$2:AH$366,ROUNDDOWN($C7714/24,0)+1,1))-1)+IF('Standard Profiles'!$G$18=$B$10,7,0)+IF('Standard Profiles'!$G$18=$B$17,14,0)+IF('Standard Profiles'!$G$18=$B$24,21,0),0)),0)</f>
        <v>9.0146045967272617</v>
      </c>
      <c r="E7714" cm="1">
        <f t="array" ref="E7714">IFERROR(INDEX(Jesper!AI$2:AI$366,ROUNDDOWN($C7714/24,0)+1,1)*INDEX($D$3:$AA$30,INDEX(Jesper!$R$2:$R$366,ROW(INDEX(Jesper!AI$2:AI$366,ROUNDDOWN($C7714/24,0)+1,1))-1)+IF('Standard Profiles'!$G$19=$B$10,7,0)+IF('Standard Profiles'!$G$19=$B$17,14,0)+IF('Standard Profiles'!$G$19=$B$24,21,0),MOD($C7714,24)+1)/SUM(INDEX($D$3:$AA$30,INDEX(Jesper!$R$2:$R$366,ROW(INDEX(Jesper!AI$2:AI$366,ROUNDDOWN($C7714/24,0)+1,1))-1)+IF('Standard Profiles'!$G$19=$B$10,7,0)+IF('Standard Profiles'!$G$19=$B$17,14,0)+IF('Standard Profiles'!$G$19=$B$24,21,0),0)),0)</f>
        <v>8.4573757340217117</v>
      </c>
      <c r="F7714" cm="1">
        <f t="array" ref="F7714">IFERROR(INDEX(Jesper!AJ$2:AJ$366,ROUNDDOWN($C7714/24,0)+1,1)*INDEX($D$3:$AA$30,INDEX(Jesper!$R$2:$R$366,ROW(INDEX(Jesper!AJ$2:AJ$366,ROUNDDOWN($C7714/24,0)+1,1))-1)+IF('Standard Profiles'!$G$20=$B$10,7,0)+IF('Standard Profiles'!$G$20=$B$17,14,0)+IF('Standard Profiles'!$G$20=$B$24,21,0),MOD($C7714,24)+1)/SUM(INDEX($D$3:$AA$30,INDEX(Jesper!$R$2:$R$366,ROW(INDEX(Jesper!AJ$2:AJ$366,ROUNDDOWN($C7714/24,0)+1,1))-1)+IF('Standard Profiles'!$G$20=$B$10,7,0)+IF('Standard Profiles'!$G$20=$B$17,14,0)+IF('Standard Profiles'!$G$20=$B$24,21,0),0)),0)</f>
        <v>0</v>
      </c>
      <c r="G7714" cm="1">
        <f t="array" ref="G7714">IFERROR(INDEX(Jesper!AK$2:AK$366,ROUNDDOWN($C7714/24,0)+1,1)*INDEX($D$3:$AA$30,INDEX(Jesper!$R$2:$R$366,ROW(INDEX(Jesper!AK$2:AK$366,ROUNDDOWN($C7714/24,0)+1,1))-1)+IF('Standard Profiles'!$G$21=$B$10,7,0)+IF('Standard Profiles'!$G$21=$B$17,14,0)+IF('Standard Profiles'!$G$21=$B$24,21,0),MOD($C7714,24)+1)/SUM(INDEX($D$3:$AA$30,INDEX(Jesper!$R$2:$R$366,ROW(INDEX(Jesper!AK$2:AK$366,ROUNDDOWN($C7714/24,0)+1,1))-1)+IF('Standard Profiles'!$G$21=$B$10,7,0)+IF('Standard Profiles'!$G$21=$B$17,14,0)+IF('Standard Profiles'!$G$21=$B$24,21,0),0)),0)</f>
        <v>4.4911211408221936</v>
      </c>
      <c r="H7714" cm="1">
        <f t="array" ref="H7714">IFERROR(INDEX(Jesper!AL$2:AL$366,ROUNDDOWN($C7714/24,0)+1,1)*INDEX($D$3:$AA$30,INDEX(Jesper!$R$2:$R$366,ROW(INDEX(Jesper!AL$2:AL$366,ROUNDDOWN($C7714/24,0)+1,1))-1)+IF('Standard Profiles'!$G$22=$B$10,7,0)+IF('Standard Profiles'!$G$22=$B$17,14,0)+IF('Standard Profiles'!$G$22=$B$24,21,0),MOD($C7714,24)+1)/SUM(INDEX($D$3:$AA$30,INDEX(Jesper!$R$2:$R$366,ROW(INDEX(Jesper!AL$2:AL$366,ROUNDDOWN($C7714/24,0)+1,1))-1)+IF('Standard Profiles'!$G$22=$B$10,7,0)+IF('Standard Profiles'!$G$22=$B$17,14,0)+IF('Standard Profiles'!$G$22=$B$24,21,0),0)),0)</f>
        <v>0</v>
      </c>
      <c r="I7714">
        <f t="shared" si="853"/>
        <v>2.155738147594652</v>
      </c>
      <c r="J7714">
        <f t="shared" si="854"/>
        <v>18.36502658850015</v>
      </c>
      <c r="K7714">
        <f t="shared" si="855"/>
        <v>0.96155782365090803</v>
      </c>
      <c r="L7714">
        <f t="shared" si="856"/>
        <v>0.48077891182545401</v>
      </c>
      <c r="M7714">
        <f t="shared" si="857"/>
        <v>0</v>
      </c>
      <c r="N7714" s="45">
        <f t="shared" si="858"/>
        <v>45246.999999981374</v>
      </c>
    </row>
    <row r="7715" spans="2:14" x14ac:dyDescent="0.25">
      <c r="B7715">
        <f t="shared" ref="B7715:B7778" si="859">WEEKDAY(N7715,2)</f>
        <v>5</v>
      </c>
      <c r="C7715" s="16">
        <v>7681</v>
      </c>
      <c r="D7715" cm="1">
        <f t="array" ref="D7715">IFERROR(INDEX(Jesper!AH$2:AH$366,ROUNDDOWN($C7715/24,0)+1,1)*INDEX($D$3:$AA$30,INDEX(Jesper!$R$2:$R$366,ROW(INDEX(Jesper!AH$2:AH$366,ROUNDDOWN($C7715/24,0)+1,1))-1)+IF('Standard Profiles'!$G$18=$B$10,7,0)+IF('Standard Profiles'!$G$18=$B$17,14,0)+IF('Standard Profiles'!$G$18=$B$24,21,0),MOD($C7715,24)+1)/SUM(INDEX($D$3:$AA$30,INDEX(Jesper!$R$2:$R$366,ROW(INDEX(Jesper!AH$2:AH$366,ROUNDDOWN($C7715/24,0)+1,1))-1)+IF('Standard Profiles'!$G$18=$B$10,7,0)+IF('Standard Profiles'!$G$18=$B$17,14,0)+IF('Standard Profiles'!$G$18=$B$24,21,0),0)),0)</f>
        <v>5.4633967252892504</v>
      </c>
      <c r="E7715" cm="1">
        <f t="array" ref="E7715">IFERROR(INDEX(Jesper!AI$2:AI$366,ROUNDDOWN($C7715/24,0)+1,1)*INDEX($D$3:$AA$30,INDEX(Jesper!$R$2:$R$366,ROW(INDEX(Jesper!AI$2:AI$366,ROUNDDOWN($C7715/24,0)+1,1))-1)+IF('Standard Profiles'!$G$19=$B$10,7,0)+IF('Standard Profiles'!$G$19=$B$17,14,0)+IF('Standard Profiles'!$G$19=$B$24,21,0),MOD($C7715,24)+1)/SUM(INDEX($D$3:$AA$30,INDEX(Jesper!$R$2:$R$366,ROW(INDEX(Jesper!AI$2:AI$366,ROUNDDOWN($C7715/24,0)+1,1))-1)+IF('Standard Profiles'!$G$19=$B$10,7,0)+IF('Standard Profiles'!$G$19=$B$17,14,0)+IF('Standard Profiles'!$G$19=$B$24,21,0),0)),0)</f>
        <v>5.1256822630434611</v>
      </c>
      <c r="F7715" cm="1">
        <f t="array" ref="F7715">IFERROR(INDEX(Jesper!AJ$2:AJ$366,ROUNDDOWN($C7715/24,0)+1,1)*INDEX($D$3:$AA$30,INDEX(Jesper!$R$2:$R$366,ROW(INDEX(Jesper!AJ$2:AJ$366,ROUNDDOWN($C7715/24,0)+1,1))-1)+IF('Standard Profiles'!$G$20=$B$10,7,0)+IF('Standard Profiles'!$G$20=$B$17,14,0)+IF('Standard Profiles'!$G$20=$B$24,21,0),MOD($C7715,24)+1)/SUM(INDEX($D$3:$AA$30,INDEX(Jesper!$R$2:$R$366,ROW(INDEX(Jesper!AJ$2:AJ$366,ROUNDDOWN($C7715/24,0)+1,1))-1)+IF('Standard Profiles'!$G$20=$B$10,7,0)+IF('Standard Profiles'!$G$20=$B$17,14,0)+IF('Standard Profiles'!$G$20=$B$24,21,0),0)),0)</f>
        <v>0</v>
      </c>
      <c r="G7715" cm="1">
        <f t="array" ref="G7715">IFERROR(INDEX(Jesper!AK$2:AK$366,ROUNDDOWN($C7715/24,0)+1,1)*INDEX($D$3:$AA$30,INDEX(Jesper!$R$2:$R$366,ROW(INDEX(Jesper!AK$2:AK$366,ROUNDDOWN($C7715/24,0)+1,1))-1)+IF('Standard Profiles'!$G$21=$B$10,7,0)+IF('Standard Profiles'!$G$21=$B$17,14,0)+IF('Standard Profiles'!$G$21=$B$24,21,0),MOD($C7715,24)+1)/SUM(INDEX($D$3:$AA$30,INDEX(Jesper!$R$2:$R$366,ROW(INDEX(Jesper!AK$2:AK$366,ROUNDDOWN($C7715/24,0)+1,1))-1)+IF('Standard Profiles'!$G$21=$B$10,7,0)+IF('Standard Profiles'!$G$21=$B$17,14,0)+IF('Standard Profiles'!$G$21=$B$24,21,0),0)),0)</f>
        <v>4.4911211408221936</v>
      </c>
      <c r="H7715" cm="1">
        <f t="array" ref="H7715">IFERROR(INDEX(Jesper!AL$2:AL$366,ROUNDDOWN($C7715/24,0)+1,1)*INDEX($D$3:$AA$30,INDEX(Jesper!$R$2:$R$366,ROW(INDEX(Jesper!AL$2:AL$366,ROUNDDOWN($C7715/24,0)+1,1))-1)+IF('Standard Profiles'!$G$22=$B$10,7,0)+IF('Standard Profiles'!$G$22=$B$17,14,0)+IF('Standard Profiles'!$G$22=$B$24,21,0),MOD($C7715,24)+1)/SUM(INDEX($D$3:$AA$30,INDEX(Jesper!$R$2:$R$366,ROW(INDEX(Jesper!AL$2:AL$366,ROUNDDOWN($C7715/24,0)+1,1))-1)+IF('Standard Profiles'!$G$22=$B$10,7,0)+IF('Standard Profiles'!$G$22=$B$17,14,0)+IF('Standard Profiles'!$G$22=$B$24,21,0),0)),0)</f>
        <v>0</v>
      </c>
      <c r="I7715">
        <f t="shared" ref="I7715:I7778" si="860">IF($B7715&lt;6,AC$37*$D7715+AC$38*$E7715+AC$39*$F7715+AC$40*$G7715,AC$46*$D7715+AC$47*$E7715+AC$48*$F7715+AC$49*$G7715+AC$50*$H7715)</f>
        <v>2.155738147594652</v>
      </c>
      <c r="J7715">
        <f t="shared" ref="J7715:J7778" si="861">IF($B7715&lt;6,AD$37*$D7715+AD$38*$E7715+AD$39*$F7715+AD$40*$G7715,AD$46*$D7715+AD$47*$E7715+AD$48*$F7715+AD$49*$G7715+AD$50*$H7715)</f>
        <v>12.050318505513973</v>
      </c>
      <c r="K7715">
        <f t="shared" ref="K7715:K7778" si="862">IF($B7715&lt;6,AE$37*$D7715+AE$38*$E7715+AE$39*$F7715+AE$40*$G7715,AE$46*$D7715+AE$47*$E7715+AE$48*$F7715+AE$49*$G7715+AE$50*$H7715)</f>
        <v>0.58276231736418671</v>
      </c>
      <c r="L7715">
        <f t="shared" ref="L7715:L7778" si="863">IF($B7715&lt;6,AF$37*$D7715+AF$38*$E7715+AF$39*$F7715+AF$40*$G7715,AF$46*$D7715+AF$47*$E7715+AF$48*$F7715+AF$49*$G7715+AF$50*$H7715)</f>
        <v>0.29138115868209336</v>
      </c>
      <c r="M7715">
        <f t="shared" ref="M7715:M7778" si="864">IF($B7715&lt;6,AG$37*$D7715+AG$38*$E7715+AG$39*$F7715+AG$40*$G7715,AG$46*$D7715+AG$47*$E7715+AG$48*$F7715+AG$49*$G7715+AG$50*$H7715)</f>
        <v>0</v>
      </c>
      <c r="N7715" s="45">
        <f t="shared" si="858"/>
        <v>45247.041666648038</v>
      </c>
    </row>
    <row r="7716" spans="2:14" x14ac:dyDescent="0.25">
      <c r="B7716">
        <f t="shared" si="859"/>
        <v>5</v>
      </c>
      <c r="C7716" s="16">
        <v>7682</v>
      </c>
      <c r="D7716" cm="1">
        <f t="array" ref="D7716">IFERROR(INDEX(Jesper!AH$2:AH$366,ROUNDDOWN($C7716/24,0)+1,1)*INDEX($D$3:$AA$30,INDEX(Jesper!$R$2:$R$366,ROW(INDEX(Jesper!AH$2:AH$366,ROUNDDOWN($C7716/24,0)+1,1))-1)+IF('Standard Profiles'!$G$18=$B$10,7,0)+IF('Standard Profiles'!$G$18=$B$17,14,0)+IF('Standard Profiles'!$G$18=$B$24,21,0),MOD($C7716,24)+1)/SUM(INDEX($D$3:$AA$30,INDEX(Jesper!$R$2:$R$366,ROW(INDEX(Jesper!AH$2:AH$366,ROUNDDOWN($C7716/24,0)+1,1))-1)+IF('Standard Profiles'!$G$18=$B$10,7,0)+IF('Standard Profiles'!$G$18=$B$17,14,0)+IF('Standard Profiles'!$G$18=$B$24,21,0),0)),0)</f>
        <v>5.4633967252892504</v>
      </c>
      <c r="E7716" cm="1">
        <f t="array" ref="E7716">IFERROR(INDEX(Jesper!AI$2:AI$366,ROUNDDOWN($C7716/24,0)+1,1)*INDEX($D$3:$AA$30,INDEX(Jesper!$R$2:$R$366,ROW(INDEX(Jesper!AI$2:AI$366,ROUNDDOWN($C7716/24,0)+1,1))-1)+IF('Standard Profiles'!$G$19=$B$10,7,0)+IF('Standard Profiles'!$G$19=$B$17,14,0)+IF('Standard Profiles'!$G$19=$B$24,21,0),MOD($C7716,24)+1)/SUM(INDEX($D$3:$AA$30,INDEX(Jesper!$R$2:$R$366,ROW(INDEX(Jesper!AI$2:AI$366,ROUNDDOWN($C7716/24,0)+1,1))-1)+IF('Standard Profiles'!$G$19=$B$10,7,0)+IF('Standard Profiles'!$G$19=$B$17,14,0)+IF('Standard Profiles'!$G$19=$B$24,21,0),0)),0)</f>
        <v>5.1256822630434611</v>
      </c>
      <c r="F7716" cm="1">
        <f t="array" ref="F7716">IFERROR(INDEX(Jesper!AJ$2:AJ$366,ROUNDDOWN($C7716/24,0)+1,1)*INDEX($D$3:$AA$30,INDEX(Jesper!$R$2:$R$366,ROW(INDEX(Jesper!AJ$2:AJ$366,ROUNDDOWN($C7716/24,0)+1,1))-1)+IF('Standard Profiles'!$G$20=$B$10,7,0)+IF('Standard Profiles'!$G$20=$B$17,14,0)+IF('Standard Profiles'!$G$20=$B$24,21,0),MOD($C7716,24)+1)/SUM(INDEX($D$3:$AA$30,INDEX(Jesper!$R$2:$R$366,ROW(INDEX(Jesper!AJ$2:AJ$366,ROUNDDOWN($C7716/24,0)+1,1))-1)+IF('Standard Profiles'!$G$20=$B$10,7,0)+IF('Standard Profiles'!$G$20=$B$17,14,0)+IF('Standard Profiles'!$G$20=$B$24,21,0),0)),0)</f>
        <v>0</v>
      </c>
      <c r="G7716" cm="1">
        <f t="array" ref="G7716">IFERROR(INDEX(Jesper!AK$2:AK$366,ROUNDDOWN($C7716/24,0)+1,1)*INDEX($D$3:$AA$30,INDEX(Jesper!$R$2:$R$366,ROW(INDEX(Jesper!AK$2:AK$366,ROUNDDOWN($C7716/24,0)+1,1))-1)+IF('Standard Profiles'!$G$21=$B$10,7,0)+IF('Standard Profiles'!$G$21=$B$17,14,0)+IF('Standard Profiles'!$G$21=$B$24,21,0),MOD($C7716,24)+1)/SUM(INDEX($D$3:$AA$30,INDEX(Jesper!$R$2:$R$366,ROW(INDEX(Jesper!AK$2:AK$366,ROUNDDOWN($C7716/24,0)+1,1))-1)+IF('Standard Profiles'!$G$21=$B$10,7,0)+IF('Standard Profiles'!$G$21=$B$17,14,0)+IF('Standard Profiles'!$G$21=$B$24,21,0),0)),0)</f>
        <v>4.4911211408221936</v>
      </c>
      <c r="H7716" cm="1">
        <f t="array" ref="H7716">IFERROR(INDEX(Jesper!AL$2:AL$366,ROUNDDOWN($C7716/24,0)+1,1)*INDEX($D$3:$AA$30,INDEX(Jesper!$R$2:$R$366,ROW(INDEX(Jesper!AL$2:AL$366,ROUNDDOWN($C7716/24,0)+1,1))-1)+IF('Standard Profiles'!$G$22=$B$10,7,0)+IF('Standard Profiles'!$G$22=$B$17,14,0)+IF('Standard Profiles'!$G$22=$B$24,21,0),MOD($C7716,24)+1)/SUM(INDEX($D$3:$AA$30,INDEX(Jesper!$R$2:$R$366,ROW(INDEX(Jesper!AL$2:AL$366,ROUNDDOWN($C7716/24,0)+1,1))-1)+IF('Standard Profiles'!$G$22=$B$10,7,0)+IF('Standard Profiles'!$G$22=$B$17,14,0)+IF('Standard Profiles'!$G$22=$B$24,21,0),0)),0)</f>
        <v>0</v>
      </c>
      <c r="I7716">
        <f t="shared" si="860"/>
        <v>2.155738147594652</v>
      </c>
      <c r="J7716">
        <f t="shared" si="861"/>
        <v>12.050318505513973</v>
      </c>
      <c r="K7716">
        <f t="shared" si="862"/>
        <v>0.58276231736418671</v>
      </c>
      <c r="L7716">
        <f t="shared" si="863"/>
        <v>0.29138115868209336</v>
      </c>
      <c r="M7716">
        <f t="shared" si="864"/>
        <v>0</v>
      </c>
      <c r="N7716" s="45">
        <f t="shared" ref="N7716:N7779" si="865">N7715+1/24</f>
        <v>45247.083333314702</v>
      </c>
    </row>
    <row r="7717" spans="2:14" x14ac:dyDescent="0.25">
      <c r="B7717">
        <f t="shared" si="859"/>
        <v>5</v>
      </c>
      <c r="C7717" s="16">
        <v>7683</v>
      </c>
      <c r="D7717" cm="1">
        <f t="array" ref="D7717">IFERROR(INDEX(Jesper!AH$2:AH$366,ROUNDDOWN($C7717/24,0)+1,1)*INDEX($D$3:$AA$30,INDEX(Jesper!$R$2:$R$366,ROW(INDEX(Jesper!AH$2:AH$366,ROUNDDOWN($C7717/24,0)+1,1))-1)+IF('Standard Profiles'!$G$18=$B$10,7,0)+IF('Standard Profiles'!$G$18=$B$17,14,0)+IF('Standard Profiles'!$G$18=$B$24,21,0),MOD($C7717,24)+1)/SUM(INDEX($D$3:$AA$30,INDEX(Jesper!$R$2:$R$366,ROW(INDEX(Jesper!AH$2:AH$366,ROUNDDOWN($C7717/24,0)+1,1))-1)+IF('Standard Profiles'!$G$18=$B$10,7,0)+IF('Standard Profiles'!$G$18=$B$17,14,0)+IF('Standard Profiles'!$G$18=$B$24,21,0),0)),0)</f>
        <v>5.4633967252892504</v>
      </c>
      <c r="E7717" cm="1">
        <f t="array" ref="E7717">IFERROR(INDEX(Jesper!AI$2:AI$366,ROUNDDOWN($C7717/24,0)+1,1)*INDEX($D$3:$AA$30,INDEX(Jesper!$R$2:$R$366,ROW(INDEX(Jesper!AI$2:AI$366,ROUNDDOWN($C7717/24,0)+1,1))-1)+IF('Standard Profiles'!$G$19=$B$10,7,0)+IF('Standard Profiles'!$G$19=$B$17,14,0)+IF('Standard Profiles'!$G$19=$B$24,21,0),MOD($C7717,24)+1)/SUM(INDEX($D$3:$AA$30,INDEX(Jesper!$R$2:$R$366,ROW(INDEX(Jesper!AI$2:AI$366,ROUNDDOWN($C7717/24,0)+1,1))-1)+IF('Standard Profiles'!$G$19=$B$10,7,0)+IF('Standard Profiles'!$G$19=$B$17,14,0)+IF('Standard Profiles'!$G$19=$B$24,21,0),0)),0)</f>
        <v>5.1256822630434611</v>
      </c>
      <c r="F7717" cm="1">
        <f t="array" ref="F7717">IFERROR(INDEX(Jesper!AJ$2:AJ$366,ROUNDDOWN($C7717/24,0)+1,1)*INDEX($D$3:$AA$30,INDEX(Jesper!$R$2:$R$366,ROW(INDEX(Jesper!AJ$2:AJ$366,ROUNDDOWN($C7717/24,0)+1,1))-1)+IF('Standard Profiles'!$G$20=$B$10,7,0)+IF('Standard Profiles'!$G$20=$B$17,14,0)+IF('Standard Profiles'!$G$20=$B$24,21,0),MOD($C7717,24)+1)/SUM(INDEX($D$3:$AA$30,INDEX(Jesper!$R$2:$R$366,ROW(INDEX(Jesper!AJ$2:AJ$366,ROUNDDOWN($C7717/24,0)+1,1))-1)+IF('Standard Profiles'!$G$20=$B$10,7,0)+IF('Standard Profiles'!$G$20=$B$17,14,0)+IF('Standard Profiles'!$G$20=$B$24,21,0),0)),0)</f>
        <v>0</v>
      </c>
      <c r="G7717" cm="1">
        <f t="array" ref="G7717">IFERROR(INDEX(Jesper!AK$2:AK$366,ROUNDDOWN($C7717/24,0)+1,1)*INDEX($D$3:$AA$30,INDEX(Jesper!$R$2:$R$366,ROW(INDEX(Jesper!AK$2:AK$366,ROUNDDOWN($C7717/24,0)+1,1))-1)+IF('Standard Profiles'!$G$21=$B$10,7,0)+IF('Standard Profiles'!$G$21=$B$17,14,0)+IF('Standard Profiles'!$G$21=$B$24,21,0),MOD($C7717,24)+1)/SUM(INDEX($D$3:$AA$30,INDEX(Jesper!$R$2:$R$366,ROW(INDEX(Jesper!AK$2:AK$366,ROUNDDOWN($C7717/24,0)+1,1))-1)+IF('Standard Profiles'!$G$21=$B$10,7,0)+IF('Standard Profiles'!$G$21=$B$17,14,0)+IF('Standard Profiles'!$G$21=$B$24,21,0),0)),0)</f>
        <v>4.4911211408221936</v>
      </c>
      <c r="H7717" cm="1">
        <f t="array" ref="H7717">IFERROR(INDEX(Jesper!AL$2:AL$366,ROUNDDOWN($C7717/24,0)+1,1)*INDEX($D$3:$AA$30,INDEX(Jesper!$R$2:$R$366,ROW(INDEX(Jesper!AL$2:AL$366,ROUNDDOWN($C7717/24,0)+1,1))-1)+IF('Standard Profiles'!$G$22=$B$10,7,0)+IF('Standard Profiles'!$G$22=$B$17,14,0)+IF('Standard Profiles'!$G$22=$B$24,21,0),MOD($C7717,24)+1)/SUM(INDEX($D$3:$AA$30,INDEX(Jesper!$R$2:$R$366,ROW(INDEX(Jesper!AL$2:AL$366,ROUNDDOWN($C7717/24,0)+1,1))-1)+IF('Standard Profiles'!$G$22=$B$10,7,0)+IF('Standard Profiles'!$G$22=$B$17,14,0)+IF('Standard Profiles'!$G$22=$B$24,21,0),0)),0)</f>
        <v>0</v>
      </c>
      <c r="I7717">
        <f t="shared" si="860"/>
        <v>2.155738147594652</v>
      </c>
      <c r="J7717">
        <f t="shared" si="861"/>
        <v>12.050318505513973</v>
      </c>
      <c r="K7717">
        <f t="shared" si="862"/>
        <v>0.58276231736418671</v>
      </c>
      <c r="L7717">
        <f t="shared" si="863"/>
        <v>0.29138115868209336</v>
      </c>
      <c r="M7717">
        <f t="shared" si="864"/>
        <v>0</v>
      </c>
      <c r="N7717" s="45">
        <f t="shared" si="865"/>
        <v>45247.124999981366</v>
      </c>
    </row>
    <row r="7718" spans="2:14" x14ac:dyDescent="0.25">
      <c r="B7718">
        <f t="shared" si="859"/>
        <v>5</v>
      </c>
      <c r="C7718" s="16">
        <v>7684</v>
      </c>
      <c r="D7718" cm="1">
        <f t="array" ref="D7718">IFERROR(INDEX(Jesper!AH$2:AH$366,ROUNDDOWN($C7718/24,0)+1,1)*INDEX($D$3:$AA$30,INDEX(Jesper!$R$2:$R$366,ROW(INDEX(Jesper!AH$2:AH$366,ROUNDDOWN($C7718/24,0)+1,1))-1)+IF('Standard Profiles'!$G$18=$B$10,7,0)+IF('Standard Profiles'!$G$18=$B$17,14,0)+IF('Standard Profiles'!$G$18=$B$24,21,0),MOD($C7718,24)+1)/SUM(INDEX($D$3:$AA$30,INDEX(Jesper!$R$2:$R$366,ROW(INDEX(Jesper!AH$2:AH$366,ROUNDDOWN($C7718/24,0)+1,1))-1)+IF('Standard Profiles'!$G$18=$B$10,7,0)+IF('Standard Profiles'!$G$18=$B$17,14,0)+IF('Standard Profiles'!$G$18=$B$24,21,0),0)),0)</f>
        <v>5.4633967252892504</v>
      </c>
      <c r="E7718" cm="1">
        <f t="array" ref="E7718">IFERROR(INDEX(Jesper!AI$2:AI$366,ROUNDDOWN($C7718/24,0)+1,1)*INDEX($D$3:$AA$30,INDEX(Jesper!$R$2:$R$366,ROW(INDEX(Jesper!AI$2:AI$366,ROUNDDOWN($C7718/24,0)+1,1))-1)+IF('Standard Profiles'!$G$19=$B$10,7,0)+IF('Standard Profiles'!$G$19=$B$17,14,0)+IF('Standard Profiles'!$G$19=$B$24,21,0),MOD($C7718,24)+1)/SUM(INDEX($D$3:$AA$30,INDEX(Jesper!$R$2:$R$366,ROW(INDEX(Jesper!AI$2:AI$366,ROUNDDOWN($C7718/24,0)+1,1))-1)+IF('Standard Profiles'!$G$19=$B$10,7,0)+IF('Standard Profiles'!$G$19=$B$17,14,0)+IF('Standard Profiles'!$G$19=$B$24,21,0),0)),0)</f>
        <v>5.1256822630434611</v>
      </c>
      <c r="F7718" cm="1">
        <f t="array" ref="F7718">IFERROR(INDEX(Jesper!AJ$2:AJ$366,ROUNDDOWN($C7718/24,0)+1,1)*INDEX($D$3:$AA$30,INDEX(Jesper!$R$2:$R$366,ROW(INDEX(Jesper!AJ$2:AJ$366,ROUNDDOWN($C7718/24,0)+1,1))-1)+IF('Standard Profiles'!$G$20=$B$10,7,0)+IF('Standard Profiles'!$G$20=$B$17,14,0)+IF('Standard Profiles'!$G$20=$B$24,21,0),MOD($C7718,24)+1)/SUM(INDEX($D$3:$AA$30,INDEX(Jesper!$R$2:$R$366,ROW(INDEX(Jesper!AJ$2:AJ$366,ROUNDDOWN($C7718/24,0)+1,1))-1)+IF('Standard Profiles'!$G$20=$B$10,7,0)+IF('Standard Profiles'!$G$20=$B$17,14,0)+IF('Standard Profiles'!$G$20=$B$24,21,0),0)),0)</f>
        <v>0</v>
      </c>
      <c r="G7718" cm="1">
        <f t="array" ref="G7718">IFERROR(INDEX(Jesper!AK$2:AK$366,ROUNDDOWN($C7718/24,0)+1,1)*INDEX($D$3:$AA$30,INDEX(Jesper!$R$2:$R$366,ROW(INDEX(Jesper!AK$2:AK$366,ROUNDDOWN($C7718/24,0)+1,1))-1)+IF('Standard Profiles'!$G$21=$B$10,7,0)+IF('Standard Profiles'!$G$21=$B$17,14,0)+IF('Standard Profiles'!$G$21=$B$24,21,0),MOD($C7718,24)+1)/SUM(INDEX($D$3:$AA$30,INDEX(Jesper!$R$2:$R$366,ROW(INDEX(Jesper!AK$2:AK$366,ROUNDDOWN($C7718/24,0)+1,1))-1)+IF('Standard Profiles'!$G$21=$B$10,7,0)+IF('Standard Profiles'!$G$21=$B$17,14,0)+IF('Standard Profiles'!$G$21=$B$24,21,0),0)),0)</f>
        <v>4.4911211408221936</v>
      </c>
      <c r="H7718" cm="1">
        <f t="array" ref="H7718">IFERROR(INDEX(Jesper!AL$2:AL$366,ROUNDDOWN($C7718/24,0)+1,1)*INDEX($D$3:$AA$30,INDEX(Jesper!$R$2:$R$366,ROW(INDEX(Jesper!AL$2:AL$366,ROUNDDOWN($C7718/24,0)+1,1))-1)+IF('Standard Profiles'!$G$22=$B$10,7,0)+IF('Standard Profiles'!$G$22=$B$17,14,0)+IF('Standard Profiles'!$G$22=$B$24,21,0),MOD($C7718,24)+1)/SUM(INDEX($D$3:$AA$30,INDEX(Jesper!$R$2:$R$366,ROW(INDEX(Jesper!AL$2:AL$366,ROUNDDOWN($C7718/24,0)+1,1))-1)+IF('Standard Profiles'!$G$22=$B$10,7,0)+IF('Standard Profiles'!$G$22=$B$17,14,0)+IF('Standard Profiles'!$G$22=$B$24,21,0),0)),0)</f>
        <v>0</v>
      </c>
      <c r="I7718">
        <f t="shared" si="860"/>
        <v>2.155738147594652</v>
      </c>
      <c r="J7718">
        <f t="shared" si="861"/>
        <v>12.050318505513973</v>
      </c>
      <c r="K7718">
        <f t="shared" si="862"/>
        <v>0.58276231736418671</v>
      </c>
      <c r="L7718">
        <f t="shared" si="863"/>
        <v>0.29138115868209336</v>
      </c>
      <c r="M7718">
        <f t="shared" si="864"/>
        <v>0</v>
      </c>
      <c r="N7718" s="45">
        <f t="shared" si="865"/>
        <v>45247.166666648031</v>
      </c>
    </row>
    <row r="7719" spans="2:14" x14ac:dyDescent="0.25">
      <c r="B7719">
        <f t="shared" si="859"/>
        <v>5</v>
      </c>
      <c r="C7719" s="16">
        <v>7685</v>
      </c>
      <c r="D7719" cm="1">
        <f t="array" ref="D7719">IFERROR(INDEX(Jesper!AH$2:AH$366,ROUNDDOWN($C7719/24,0)+1,1)*INDEX($D$3:$AA$30,INDEX(Jesper!$R$2:$R$366,ROW(INDEX(Jesper!AH$2:AH$366,ROUNDDOWN($C7719/24,0)+1,1))-1)+IF('Standard Profiles'!$G$18=$B$10,7,0)+IF('Standard Profiles'!$G$18=$B$17,14,0)+IF('Standard Profiles'!$G$18=$B$24,21,0),MOD($C7719,24)+1)/SUM(INDEX($D$3:$AA$30,INDEX(Jesper!$R$2:$R$366,ROW(INDEX(Jesper!AH$2:AH$366,ROUNDDOWN($C7719/24,0)+1,1))-1)+IF('Standard Profiles'!$G$18=$B$10,7,0)+IF('Standard Profiles'!$G$18=$B$17,14,0)+IF('Standard Profiles'!$G$18=$B$24,21,0),0)),0)</f>
        <v>5.4633967252892504</v>
      </c>
      <c r="E7719" cm="1">
        <f t="array" ref="E7719">IFERROR(INDEX(Jesper!AI$2:AI$366,ROUNDDOWN($C7719/24,0)+1,1)*INDEX($D$3:$AA$30,INDEX(Jesper!$R$2:$R$366,ROW(INDEX(Jesper!AI$2:AI$366,ROUNDDOWN($C7719/24,0)+1,1))-1)+IF('Standard Profiles'!$G$19=$B$10,7,0)+IF('Standard Profiles'!$G$19=$B$17,14,0)+IF('Standard Profiles'!$G$19=$B$24,21,0),MOD($C7719,24)+1)/SUM(INDEX($D$3:$AA$30,INDEX(Jesper!$R$2:$R$366,ROW(INDEX(Jesper!AI$2:AI$366,ROUNDDOWN($C7719/24,0)+1,1))-1)+IF('Standard Profiles'!$G$19=$B$10,7,0)+IF('Standard Profiles'!$G$19=$B$17,14,0)+IF('Standard Profiles'!$G$19=$B$24,21,0),0)),0)</f>
        <v>5.1256822630434611</v>
      </c>
      <c r="F7719" cm="1">
        <f t="array" ref="F7719">IFERROR(INDEX(Jesper!AJ$2:AJ$366,ROUNDDOWN($C7719/24,0)+1,1)*INDEX($D$3:$AA$30,INDEX(Jesper!$R$2:$R$366,ROW(INDEX(Jesper!AJ$2:AJ$366,ROUNDDOWN($C7719/24,0)+1,1))-1)+IF('Standard Profiles'!$G$20=$B$10,7,0)+IF('Standard Profiles'!$G$20=$B$17,14,0)+IF('Standard Profiles'!$G$20=$B$24,21,0),MOD($C7719,24)+1)/SUM(INDEX($D$3:$AA$30,INDEX(Jesper!$R$2:$R$366,ROW(INDEX(Jesper!AJ$2:AJ$366,ROUNDDOWN($C7719/24,0)+1,1))-1)+IF('Standard Profiles'!$G$20=$B$10,7,0)+IF('Standard Profiles'!$G$20=$B$17,14,0)+IF('Standard Profiles'!$G$20=$B$24,21,0),0)),0)</f>
        <v>0</v>
      </c>
      <c r="G7719" cm="1">
        <f t="array" ref="G7719">IFERROR(INDEX(Jesper!AK$2:AK$366,ROUNDDOWN($C7719/24,0)+1,1)*INDEX($D$3:$AA$30,INDEX(Jesper!$R$2:$R$366,ROW(INDEX(Jesper!AK$2:AK$366,ROUNDDOWN($C7719/24,0)+1,1))-1)+IF('Standard Profiles'!$G$21=$B$10,7,0)+IF('Standard Profiles'!$G$21=$B$17,14,0)+IF('Standard Profiles'!$G$21=$B$24,21,0),MOD($C7719,24)+1)/SUM(INDEX($D$3:$AA$30,INDEX(Jesper!$R$2:$R$366,ROW(INDEX(Jesper!AK$2:AK$366,ROUNDDOWN($C7719/24,0)+1,1))-1)+IF('Standard Profiles'!$G$21=$B$10,7,0)+IF('Standard Profiles'!$G$21=$B$17,14,0)+IF('Standard Profiles'!$G$21=$B$24,21,0),0)),0)</f>
        <v>4.4911211408221936</v>
      </c>
      <c r="H7719" cm="1">
        <f t="array" ref="H7719">IFERROR(INDEX(Jesper!AL$2:AL$366,ROUNDDOWN($C7719/24,0)+1,1)*INDEX($D$3:$AA$30,INDEX(Jesper!$R$2:$R$366,ROW(INDEX(Jesper!AL$2:AL$366,ROUNDDOWN($C7719/24,0)+1,1))-1)+IF('Standard Profiles'!$G$22=$B$10,7,0)+IF('Standard Profiles'!$G$22=$B$17,14,0)+IF('Standard Profiles'!$G$22=$B$24,21,0),MOD($C7719,24)+1)/SUM(INDEX($D$3:$AA$30,INDEX(Jesper!$R$2:$R$366,ROW(INDEX(Jesper!AL$2:AL$366,ROUNDDOWN($C7719/24,0)+1,1))-1)+IF('Standard Profiles'!$G$22=$B$10,7,0)+IF('Standard Profiles'!$G$22=$B$17,14,0)+IF('Standard Profiles'!$G$22=$B$24,21,0),0)),0)</f>
        <v>0</v>
      </c>
      <c r="I7719">
        <f t="shared" si="860"/>
        <v>2.155738147594652</v>
      </c>
      <c r="J7719">
        <f t="shared" si="861"/>
        <v>12.050318505513973</v>
      </c>
      <c r="K7719">
        <f t="shared" si="862"/>
        <v>0.58276231736418671</v>
      </c>
      <c r="L7719">
        <f t="shared" si="863"/>
        <v>0.29138115868209336</v>
      </c>
      <c r="M7719">
        <f t="shared" si="864"/>
        <v>0</v>
      </c>
      <c r="N7719" s="45">
        <f t="shared" si="865"/>
        <v>45247.208333314695</v>
      </c>
    </row>
    <row r="7720" spans="2:14" x14ac:dyDescent="0.25">
      <c r="B7720">
        <f t="shared" si="859"/>
        <v>5</v>
      </c>
      <c r="C7720" s="16">
        <v>7686</v>
      </c>
      <c r="D7720" cm="1">
        <f t="array" ref="D7720">IFERROR(INDEX(Jesper!AH$2:AH$366,ROUNDDOWN($C7720/24,0)+1,1)*INDEX($D$3:$AA$30,INDEX(Jesper!$R$2:$R$366,ROW(INDEX(Jesper!AH$2:AH$366,ROUNDDOWN($C7720/24,0)+1,1))-1)+IF('Standard Profiles'!$G$18=$B$10,7,0)+IF('Standard Profiles'!$G$18=$B$17,14,0)+IF('Standard Profiles'!$G$18=$B$24,21,0),MOD($C7720,24)+1)/SUM(INDEX($D$3:$AA$30,INDEX(Jesper!$R$2:$R$366,ROW(INDEX(Jesper!AH$2:AH$366,ROUNDDOWN($C7720/24,0)+1,1))-1)+IF('Standard Profiles'!$G$18=$B$10,7,0)+IF('Standard Profiles'!$G$18=$B$17,14,0)+IF('Standard Profiles'!$G$18=$B$24,21,0),0)),0)</f>
        <v>5.4633967252892504</v>
      </c>
      <c r="E7720" cm="1">
        <f t="array" ref="E7720">IFERROR(INDEX(Jesper!AI$2:AI$366,ROUNDDOWN($C7720/24,0)+1,1)*INDEX($D$3:$AA$30,INDEX(Jesper!$R$2:$R$366,ROW(INDEX(Jesper!AI$2:AI$366,ROUNDDOWN($C7720/24,0)+1,1))-1)+IF('Standard Profiles'!$G$19=$B$10,7,0)+IF('Standard Profiles'!$G$19=$B$17,14,0)+IF('Standard Profiles'!$G$19=$B$24,21,0),MOD($C7720,24)+1)/SUM(INDEX($D$3:$AA$30,INDEX(Jesper!$R$2:$R$366,ROW(INDEX(Jesper!AI$2:AI$366,ROUNDDOWN($C7720/24,0)+1,1))-1)+IF('Standard Profiles'!$G$19=$B$10,7,0)+IF('Standard Profiles'!$G$19=$B$17,14,0)+IF('Standard Profiles'!$G$19=$B$24,21,0),0)),0)</f>
        <v>5.1256822630434611</v>
      </c>
      <c r="F7720" cm="1">
        <f t="array" ref="F7720">IFERROR(INDEX(Jesper!AJ$2:AJ$366,ROUNDDOWN($C7720/24,0)+1,1)*INDEX($D$3:$AA$30,INDEX(Jesper!$R$2:$R$366,ROW(INDEX(Jesper!AJ$2:AJ$366,ROUNDDOWN($C7720/24,0)+1,1))-1)+IF('Standard Profiles'!$G$20=$B$10,7,0)+IF('Standard Profiles'!$G$20=$B$17,14,0)+IF('Standard Profiles'!$G$20=$B$24,21,0),MOD($C7720,24)+1)/SUM(INDEX($D$3:$AA$30,INDEX(Jesper!$R$2:$R$366,ROW(INDEX(Jesper!AJ$2:AJ$366,ROUNDDOWN($C7720/24,0)+1,1))-1)+IF('Standard Profiles'!$G$20=$B$10,7,0)+IF('Standard Profiles'!$G$20=$B$17,14,0)+IF('Standard Profiles'!$G$20=$B$24,21,0),0)),0)</f>
        <v>0</v>
      </c>
      <c r="G7720" cm="1">
        <f t="array" ref="G7720">IFERROR(INDEX(Jesper!AK$2:AK$366,ROUNDDOWN($C7720/24,0)+1,1)*INDEX($D$3:$AA$30,INDEX(Jesper!$R$2:$R$366,ROW(INDEX(Jesper!AK$2:AK$366,ROUNDDOWN($C7720/24,0)+1,1))-1)+IF('Standard Profiles'!$G$21=$B$10,7,0)+IF('Standard Profiles'!$G$21=$B$17,14,0)+IF('Standard Profiles'!$G$21=$B$24,21,0),MOD($C7720,24)+1)/SUM(INDEX($D$3:$AA$30,INDEX(Jesper!$R$2:$R$366,ROW(INDEX(Jesper!AK$2:AK$366,ROUNDDOWN($C7720/24,0)+1,1))-1)+IF('Standard Profiles'!$G$21=$B$10,7,0)+IF('Standard Profiles'!$G$21=$B$17,14,0)+IF('Standard Profiles'!$G$21=$B$24,21,0),0)),0)</f>
        <v>4.4911211408221936</v>
      </c>
      <c r="H7720" cm="1">
        <f t="array" ref="H7720">IFERROR(INDEX(Jesper!AL$2:AL$366,ROUNDDOWN($C7720/24,0)+1,1)*INDEX($D$3:$AA$30,INDEX(Jesper!$R$2:$R$366,ROW(INDEX(Jesper!AL$2:AL$366,ROUNDDOWN($C7720/24,0)+1,1))-1)+IF('Standard Profiles'!$G$22=$B$10,7,0)+IF('Standard Profiles'!$G$22=$B$17,14,0)+IF('Standard Profiles'!$G$22=$B$24,21,0),MOD($C7720,24)+1)/SUM(INDEX($D$3:$AA$30,INDEX(Jesper!$R$2:$R$366,ROW(INDEX(Jesper!AL$2:AL$366,ROUNDDOWN($C7720/24,0)+1,1))-1)+IF('Standard Profiles'!$G$22=$B$10,7,0)+IF('Standard Profiles'!$G$22=$B$17,14,0)+IF('Standard Profiles'!$G$22=$B$24,21,0),0)),0)</f>
        <v>0</v>
      </c>
      <c r="I7720">
        <f t="shared" si="860"/>
        <v>2.155738147594652</v>
      </c>
      <c r="J7720">
        <f t="shared" si="861"/>
        <v>12.050318505513973</v>
      </c>
      <c r="K7720">
        <f t="shared" si="862"/>
        <v>0.58276231736418671</v>
      </c>
      <c r="L7720">
        <f t="shared" si="863"/>
        <v>0.29138115868209336</v>
      </c>
      <c r="M7720">
        <f t="shared" si="864"/>
        <v>0</v>
      </c>
      <c r="N7720" s="45">
        <f t="shared" si="865"/>
        <v>45247.249999981359</v>
      </c>
    </row>
    <row r="7721" spans="2:14" x14ac:dyDescent="0.25">
      <c r="B7721">
        <f t="shared" si="859"/>
        <v>5</v>
      </c>
      <c r="C7721" s="16">
        <v>7687</v>
      </c>
      <c r="D7721" cm="1">
        <f t="array" ref="D7721">IFERROR(INDEX(Jesper!AH$2:AH$366,ROUNDDOWN($C7721/24,0)+1,1)*INDEX($D$3:$AA$30,INDEX(Jesper!$R$2:$R$366,ROW(INDEX(Jesper!AH$2:AH$366,ROUNDDOWN($C7721/24,0)+1,1))-1)+IF('Standard Profiles'!$G$18=$B$10,7,0)+IF('Standard Profiles'!$G$18=$B$17,14,0)+IF('Standard Profiles'!$G$18=$B$24,21,0),MOD($C7721,24)+1)/SUM(INDEX($D$3:$AA$30,INDEX(Jesper!$R$2:$R$366,ROW(INDEX(Jesper!AH$2:AH$366,ROUNDDOWN($C7721/24,0)+1,1))-1)+IF('Standard Profiles'!$G$18=$B$10,7,0)+IF('Standard Profiles'!$G$18=$B$17,14,0)+IF('Standard Profiles'!$G$18=$B$24,21,0),0)),0)</f>
        <v>23.274070049732202</v>
      </c>
      <c r="E7721" cm="1">
        <f t="array" ref="E7721">IFERROR(INDEX(Jesper!AI$2:AI$366,ROUNDDOWN($C7721/24,0)+1,1)*INDEX($D$3:$AA$30,INDEX(Jesper!$R$2:$R$366,ROW(INDEX(Jesper!AI$2:AI$366,ROUNDDOWN($C7721/24,0)+1,1))-1)+IF('Standard Profiles'!$G$19=$B$10,7,0)+IF('Standard Profiles'!$G$19=$B$17,14,0)+IF('Standard Profiles'!$G$19=$B$24,21,0),MOD($C7721,24)+1)/SUM(INDEX($D$3:$AA$30,INDEX(Jesper!$R$2:$R$366,ROW(INDEX(Jesper!AI$2:AI$366,ROUNDDOWN($C7721/24,0)+1,1))-1)+IF('Standard Profiles'!$G$19=$B$10,7,0)+IF('Standard Profiles'!$G$19=$B$17,14,0)+IF('Standard Profiles'!$G$19=$B$24,21,0),0)),0)</f>
        <v>21.835406440565148</v>
      </c>
      <c r="F7721" cm="1">
        <f t="array" ref="F7721">IFERROR(INDEX(Jesper!AJ$2:AJ$366,ROUNDDOWN($C7721/24,0)+1,1)*INDEX($D$3:$AA$30,INDEX(Jesper!$R$2:$R$366,ROW(INDEX(Jesper!AJ$2:AJ$366,ROUNDDOWN($C7721/24,0)+1,1))-1)+IF('Standard Profiles'!$G$20=$B$10,7,0)+IF('Standard Profiles'!$G$20=$B$17,14,0)+IF('Standard Profiles'!$G$20=$B$24,21,0),MOD($C7721,24)+1)/SUM(INDEX($D$3:$AA$30,INDEX(Jesper!$R$2:$R$366,ROW(INDEX(Jesper!AJ$2:AJ$366,ROUNDDOWN($C7721/24,0)+1,1))-1)+IF('Standard Profiles'!$G$20=$B$10,7,0)+IF('Standard Profiles'!$G$20=$B$17,14,0)+IF('Standard Profiles'!$G$20=$B$24,21,0),0)),0)</f>
        <v>0</v>
      </c>
      <c r="G7721" cm="1">
        <f t="array" ref="G7721">IFERROR(INDEX(Jesper!AK$2:AK$366,ROUNDDOWN($C7721/24,0)+1,1)*INDEX($D$3:$AA$30,INDEX(Jesper!$R$2:$R$366,ROW(INDEX(Jesper!AK$2:AK$366,ROUNDDOWN($C7721/24,0)+1,1))-1)+IF('Standard Profiles'!$G$21=$B$10,7,0)+IF('Standard Profiles'!$G$21=$B$17,14,0)+IF('Standard Profiles'!$G$21=$B$24,21,0),MOD($C7721,24)+1)/SUM(INDEX($D$3:$AA$30,INDEX(Jesper!$R$2:$R$366,ROW(INDEX(Jesper!AK$2:AK$366,ROUNDDOWN($C7721/24,0)+1,1))-1)+IF('Standard Profiles'!$G$21=$B$10,7,0)+IF('Standard Profiles'!$G$21=$B$17,14,0)+IF('Standard Profiles'!$G$21=$B$24,21,0),0)),0)</f>
        <v>12.169489542873039</v>
      </c>
      <c r="H7721" cm="1">
        <f t="array" ref="H7721">IFERROR(INDEX(Jesper!AL$2:AL$366,ROUNDDOWN($C7721/24,0)+1,1)*INDEX($D$3:$AA$30,INDEX(Jesper!$R$2:$R$366,ROW(INDEX(Jesper!AL$2:AL$366,ROUNDDOWN($C7721/24,0)+1,1))-1)+IF('Standard Profiles'!$G$22=$B$10,7,0)+IF('Standard Profiles'!$G$22=$B$17,14,0)+IF('Standard Profiles'!$G$22=$B$24,21,0),MOD($C7721,24)+1)/SUM(INDEX($D$3:$AA$30,INDEX(Jesper!$R$2:$R$366,ROW(INDEX(Jesper!AL$2:AL$366,ROUNDDOWN($C7721/24,0)+1,1))-1)+IF('Standard Profiles'!$G$22=$B$10,7,0)+IF('Standard Profiles'!$G$22=$B$17,14,0)+IF('Standard Profiles'!$G$22=$B$24,21,0),0)),0)</f>
        <v>0</v>
      </c>
      <c r="I7721">
        <f t="shared" si="860"/>
        <v>5.8413549805790561</v>
      </c>
      <c r="J7721">
        <f t="shared" si="861"/>
        <v>47.713759844634183</v>
      </c>
      <c r="K7721">
        <f t="shared" si="862"/>
        <v>2.4825674719714352</v>
      </c>
      <c r="L7721">
        <f t="shared" si="863"/>
        <v>1.2412837359857176</v>
      </c>
      <c r="M7721">
        <f t="shared" si="864"/>
        <v>0</v>
      </c>
      <c r="N7721" s="45">
        <f t="shared" si="865"/>
        <v>45247.291666648023</v>
      </c>
    </row>
    <row r="7722" spans="2:14" x14ac:dyDescent="0.25">
      <c r="B7722">
        <f t="shared" si="859"/>
        <v>5</v>
      </c>
      <c r="C7722" s="16">
        <v>7688</v>
      </c>
      <c r="D7722" cm="1">
        <f t="array" ref="D7722">IFERROR(INDEX(Jesper!AH$2:AH$366,ROUNDDOWN($C7722/24,0)+1,1)*INDEX($D$3:$AA$30,INDEX(Jesper!$R$2:$R$366,ROW(INDEX(Jesper!AH$2:AH$366,ROUNDDOWN($C7722/24,0)+1,1))-1)+IF('Standard Profiles'!$G$18=$B$10,7,0)+IF('Standard Profiles'!$G$18=$B$17,14,0)+IF('Standard Profiles'!$G$18=$B$24,21,0),MOD($C7722,24)+1)/SUM(INDEX($D$3:$AA$30,INDEX(Jesper!$R$2:$R$366,ROW(INDEX(Jesper!AH$2:AH$366,ROUNDDOWN($C7722/24,0)+1,1))-1)+IF('Standard Profiles'!$G$18=$B$10,7,0)+IF('Standard Profiles'!$G$18=$B$17,14,0)+IF('Standard Profiles'!$G$18=$B$24,21,0),0)),0)</f>
        <v>29.092587562165257</v>
      </c>
      <c r="E7722" cm="1">
        <f t="array" ref="E7722">IFERROR(INDEX(Jesper!AI$2:AI$366,ROUNDDOWN($C7722/24,0)+1,1)*INDEX($D$3:$AA$30,INDEX(Jesper!$R$2:$R$366,ROW(INDEX(Jesper!AI$2:AI$366,ROUNDDOWN($C7722/24,0)+1,1))-1)+IF('Standard Profiles'!$G$19=$B$10,7,0)+IF('Standard Profiles'!$G$19=$B$17,14,0)+IF('Standard Profiles'!$G$19=$B$24,21,0),MOD($C7722,24)+1)/SUM(INDEX($D$3:$AA$30,INDEX(Jesper!$R$2:$R$366,ROW(INDEX(Jesper!AI$2:AI$366,ROUNDDOWN($C7722/24,0)+1,1))-1)+IF('Standard Profiles'!$G$19=$B$10,7,0)+IF('Standard Profiles'!$G$19=$B$17,14,0)+IF('Standard Profiles'!$G$19=$B$24,21,0),0)),0)</f>
        <v>27.294258050706432</v>
      </c>
      <c r="F7722" cm="1">
        <f t="array" ref="F7722">IFERROR(INDEX(Jesper!AJ$2:AJ$366,ROUNDDOWN($C7722/24,0)+1,1)*INDEX($D$3:$AA$30,INDEX(Jesper!$R$2:$R$366,ROW(INDEX(Jesper!AJ$2:AJ$366,ROUNDDOWN($C7722/24,0)+1,1))-1)+IF('Standard Profiles'!$G$20=$B$10,7,0)+IF('Standard Profiles'!$G$20=$B$17,14,0)+IF('Standard Profiles'!$G$20=$B$24,21,0),MOD($C7722,24)+1)/SUM(INDEX($D$3:$AA$30,INDEX(Jesper!$R$2:$R$366,ROW(INDEX(Jesper!AJ$2:AJ$366,ROUNDDOWN($C7722/24,0)+1,1))-1)+IF('Standard Profiles'!$G$20=$B$10,7,0)+IF('Standard Profiles'!$G$20=$B$17,14,0)+IF('Standard Profiles'!$G$20=$B$24,21,0),0)),0)</f>
        <v>0</v>
      </c>
      <c r="G7722" cm="1">
        <f t="array" ref="G7722">IFERROR(INDEX(Jesper!AK$2:AK$366,ROUNDDOWN($C7722/24,0)+1,1)*INDEX($D$3:$AA$30,INDEX(Jesper!$R$2:$R$366,ROW(INDEX(Jesper!AK$2:AK$366,ROUNDDOWN($C7722/24,0)+1,1))-1)+IF('Standard Profiles'!$G$21=$B$10,7,0)+IF('Standard Profiles'!$G$21=$B$17,14,0)+IF('Standard Profiles'!$G$21=$B$24,21,0),MOD($C7722,24)+1)/SUM(INDEX($D$3:$AA$30,INDEX(Jesper!$R$2:$R$366,ROW(INDEX(Jesper!AK$2:AK$366,ROUNDDOWN($C7722/24,0)+1,1))-1)+IF('Standard Profiles'!$G$21=$B$10,7,0)+IF('Standard Profiles'!$G$21=$B$17,14,0)+IF('Standard Profiles'!$G$21=$B$24,21,0),0)),0)</f>
        <v>15.211861928591301</v>
      </c>
      <c r="H7722" cm="1">
        <f t="array" ref="H7722">IFERROR(INDEX(Jesper!AL$2:AL$366,ROUNDDOWN($C7722/24,0)+1,1)*INDEX($D$3:$AA$30,INDEX(Jesper!$R$2:$R$366,ROW(INDEX(Jesper!AL$2:AL$366,ROUNDDOWN($C7722/24,0)+1,1))-1)+IF('Standard Profiles'!$G$22=$B$10,7,0)+IF('Standard Profiles'!$G$22=$B$17,14,0)+IF('Standard Profiles'!$G$22=$B$24,21,0),MOD($C7722,24)+1)/SUM(INDEX($D$3:$AA$30,INDEX(Jesper!$R$2:$R$366,ROW(INDEX(Jesper!AL$2:AL$366,ROUNDDOWN($C7722/24,0)+1,1))-1)+IF('Standard Profiles'!$G$22=$B$10,7,0)+IF('Standard Profiles'!$G$22=$B$17,14,0)+IF('Standard Profiles'!$G$22=$B$24,21,0),0)),0)</f>
        <v>0</v>
      </c>
      <c r="I7722">
        <f t="shared" si="860"/>
        <v>7.3016937257238208</v>
      </c>
      <c r="J7722">
        <f t="shared" si="861"/>
        <v>59.642199805792728</v>
      </c>
      <c r="K7722">
        <f t="shared" si="862"/>
        <v>3.1032093399642942</v>
      </c>
      <c r="L7722">
        <f t="shared" si="863"/>
        <v>1.5516046699821471</v>
      </c>
      <c r="M7722">
        <f t="shared" si="864"/>
        <v>0</v>
      </c>
      <c r="N7722" s="45">
        <f t="shared" si="865"/>
        <v>45247.333333314687</v>
      </c>
    </row>
    <row r="7723" spans="2:14" x14ac:dyDescent="0.25">
      <c r="B7723">
        <f t="shared" si="859"/>
        <v>5</v>
      </c>
      <c r="C7723" s="16">
        <v>7689</v>
      </c>
      <c r="D7723" cm="1">
        <f t="array" ref="D7723">IFERROR(INDEX(Jesper!AH$2:AH$366,ROUNDDOWN($C7723/24,0)+1,1)*INDEX($D$3:$AA$30,INDEX(Jesper!$R$2:$R$366,ROW(INDEX(Jesper!AH$2:AH$366,ROUNDDOWN($C7723/24,0)+1,1))-1)+IF('Standard Profiles'!$G$18=$B$10,7,0)+IF('Standard Profiles'!$G$18=$B$17,14,0)+IF('Standard Profiles'!$G$18=$B$24,21,0),MOD($C7723,24)+1)/SUM(INDEX($D$3:$AA$30,INDEX(Jesper!$R$2:$R$366,ROW(INDEX(Jesper!AH$2:AH$366,ROUNDDOWN($C7723/24,0)+1,1))-1)+IF('Standard Profiles'!$G$18=$B$10,7,0)+IF('Standard Profiles'!$G$18=$B$17,14,0)+IF('Standard Profiles'!$G$18=$B$24,21,0),0)),0)</f>
        <v>32.00184631838178</v>
      </c>
      <c r="E7723" cm="1">
        <f t="array" ref="E7723">IFERROR(INDEX(Jesper!AI$2:AI$366,ROUNDDOWN($C7723/24,0)+1,1)*INDEX($D$3:$AA$30,INDEX(Jesper!$R$2:$R$366,ROW(INDEX(Jesper!AI$2:AI$366,ROUNDDOWN($C7723/24,0)+1,1))-1)+IF('Standard Profiles'!$G$19=$B$10,7,0)+IF('Standard Profiles'!$G$19=$B$17,14,0)+IF('Standard Profiles'!$G$19=$B$24,21,0),MOD($C7723,24)+1)/SUM(INDEX($D$3:$AA$30,INDEX(Jesper!$R$2:$R$366,ROW(INDEX(Jesper!AI$2:AI$366,ROUNDDOWN($C7723/24,0)+1,1))-1)+IF('Standard Profiles'!$G$19=$B$10,7,0)+IF('Standard Profiles'!$G$19=$B$17,14,0)+IF('Standard Profiles'!$G$19=$B$24,21,0),0)),0)</f>
        <v>30.023683855777076</v>
      </c>
      <c r="F7723" cm="1">
        <f t="array" ref="F7723">IFERROR(INDEX(Jesper!AJ$2:AJ$366,ROUNDDOWN($C7723/24,0)+1,1)*INDEX($D$3:$AA$30,INDEX(Jesper!$R$2:$R$366,ROW(INDEX(Jesper!AJ$2:AJ$366,ROUNDDOWN($C7723/24,0)+1,1))-1)+IF('Standard Profiles'!$G$20=$B$10,7,0)+IF('Standard Profiles'!$G$20=$B$17,14,0)+IF('Standard Profiles'!$G$20=$B$24,21,0),MOD($C7723,24)+1)/SUM(INDEX($D$3:$AA$30,INDEX(Jesper!$R$2:$R$366,ROW(INDEX(Jesper!AJ$2:AJ$366,ROUNDDOWN($C7723/24,0)+1,1))-1)+IF('Standard Profiles'!$G$20=$B$10,7,0)+IF('Standard Profiles'!$G$20=$B$17,14,0)+IF('Standard Profiles'!$G$20=$B$24,21,0),0)),0)</f>
        <v>0</v>
      </c>
      <c r="G7723" cm="1">
        <f t="array" ref="G7723">IFERROR(INDEX(Jesper!AK$2:AK$366,ROUNDDOWN($C7723/24,0)+1,1)*INDEX($D$3:$AA$30,INDEX(Jesper!$R$2:$R$366,ROW(INDEX(Jesper!AK$2:AK$366,ROUNDDOWN($C7723/24,0)+1,1))-1)+IF('Standard Profiles'!$G$21=$B$10,7,0)+IF('Standard Profiles'!$G$21=$B$17,14,0)+IF('Standard Profiles'!$G$21=$B$24,21,0),MOD($C7723,24)+1)/SUM(INDEX($D$3:$AA$30,INDEX(Jesper!$R$2:$R$366,ROW(INDEX(Jesper!AK$2:AK$366,ROUNDDOWN($C7723/24,0)+1,1))-1)+IF('Standard Profiles'!$G$21=$B$10,7,0)+IF('Standard Profiles'!$G$21=$B$17,14,0)+IF('Standard Profiles'!$G$21=$B$24,21,0),0)),0)</f>
        <v>16.73304812145043</v>
      </c>
      <c r="H7723" cm="1">
        <f t="array" ref="H7723">IFERROR(INDEX(Jesper!AL$2:AL$366,ROUNDDOWN($C7723/24,0)+1,1)*INDEX($D$3:$AA$30,INDEX(Jesper!$R$2:$R$366,ROW(INDEX(Jesper!AL$2:AL$366,ROUNDDOWN($C7723/24,0)+1,1))-1)+IF('Standard Profiles'!$G$22=$B$10,7,0)+IF('Standard Profiles'!$G$22=$B$17,14,0)+IF('Standard Profiles'!$G$22=$B$24,21,0),MOD($C7723,24)+1)/SUM(INDEX($D$3:$AA$30,INDEX(Jesper!$R$2:$R$366,ROW(INDEX(Jesper!AL$2:AL$366,ROUNDDOWN($C7723/24,0)+1,1))-1)+IF('Standard Profiles'!$G$22=$B$10,7,0)+IF('Standard Profiles'!$G$22=$B$17,14,0)+IF('Standard Profiles'!$G$22=$B$24,21,0),0)),0)</f>
        <v>0</v>
      </c>
      <c r="I7723">
        <f t="shared" si="860"/>
        <v>8.0318630982962027</v>
      </c>
      <c r="J7723">
        <f t="shared" si="861"/>
        <v>65.606419786372001</v>
      </c>
      <c r="K7723">
        <f t="shared" si="862"/>
        <v>3.4135302739607236</v>
      </c>
      <c r="L7723">
        <f t="shared" si="863"/>
        <v>1.7067651369803618</v>
      </c>
      <c r="M7723">
        <f t="shared" si="864"/>
        <v>0</v>
      </c>
      <c r="N7723" s="45">
        <f t="shared" si="865"/>
        <v>45247.374999981352</v>
      </c>
    </row>
    <row r="7724" spans="2:14" x14ac:dyDescent="0.25">
      <c r="B7724">
        <f t="shared" si="859"/>
        <v>5</v>
      </c>
      <c r="C7724" s="16">
        <v>7690</v>
      </c>
      <c r="D7724" cm="1">
        <f t="array" ref="D7724">IFERROR(INDEX(Jesper!AH$2:AH$366,ROUNDDOWN($C7724/24,0)+1,1)*INDEX($D$3:$AA$30,INDEX(Jesper!$R$2:$R$366,ROW(INDEX(Jesper!AH$2:AH$366,ROUNDDOWN($C7724/24,0)+1,1))-1)+IF('Standard Profiles'!$G$18=$B$10,7,0)+IF('Standard Profiles'!$G$18=$B$17,14,0)+IF('Standard Profiles'!$G$18=$B$24,21,0),MOD($C7724,24)+1)/SUM(INDEX($D$3:$AA$30,INDEX(Jesper!$R$2:$R$366,ROW(INDEX(Jesper!AH$2:AH$366,ROUNDDOWN($C7724/24,0)+1,1))-1)+IF('Standard Profiles'!$G$18=$B$10,7,0)+IF('Standard Profiles'!$G$18=$B$17,14,0)+IF('Standard Profiles'!$G$18=$B$24,21,0),0)),0)</f>
        <v>32.00184631838178</v>
      </c>
      <c r="E7724" cm="1">
        <f t="array" ref="E7724">IFERROR(INDEX(Jesper!AI$2:AI$366,ROUNDDOWN($C7724/24,0)+1,1)*INDEX($D$3:$AA$30,INDEX(Jesper!$R$2:$R$366,ROW(INDEX(Jesper!AI$2:AI$366,ROUNDDOWN($C7724/24,0)+1,1))-1)+IF('Standard Profiles'!$G$19=$B$10,7,0)+IF('Standard Profiles'!$G$19=$B$17,14,0)+IF('Standard Profiles'!$G$19=$B$24,21,0),MOD($C7724,24)+1)/SUM(INDEX($D$3:$AA$30,INDEX(Jesper!$R$2:$R$366,ROW(INDEX(Jesper!AI$2:AI$366,ROUNDDOWN($C7724/24,0)+1,1))-1)+IF('Standard Profiles'!$G$19=$B$10,7,0)+IF('Standard Profiles'!$G$19=$B$17,14,0)+IF('Standard Profiles'!$G$19=$B$24,21,0),0)),0)</f>
        <v>30.023683855777076</v>
      </c>
      <c r="F7724" cm="1">
        <f t="array" ref="F7724">IFERROR(INDEX(Jesper!AJ$2:AJ$366,ROUNDDOWN($C7724/24,0)+1,1)*INDEX($D$3:$AA$30,INDEX(Jesper!$R$2:$R$366,ROW(INDEX(Jesper!AJ$2:AJ$366,ROUNDDOWN($C7724/24,0)+1,1))-1)+IF('Standard Profiles'!$G$20=$B$10,7,0)+IF('Standard Profiles'!$G$20=$B$17,14,0)+IF('Standard Profiles'!$G$20=$B$24,21,0),MOD($C7724,24)+1)/SUM(INDEX($D$3:$AA$30,INDEX(Jesper!$R$2:$R$366,ROW(INDEX(Jesper!AJ$2:AJ$366,ROUNDDOWN($C7724/24,0)+1,1))-1)+IF('Standard Profiles'!$G$20=$B$10,7,0)+IF('Standard Profiles'!$G$20=$B$17,14,0)+IF('Standard Profiles'!$G$20=$B$24,21,0),0)),0)</f>
        <v>0</v>
      </c>
      <c r="G7724" cm="1">
        <f t="array" ref="G7724">IFERROR(INDEX(Jesper!AK$2:AK$366,ROUNDDOWN($C7724/24,0)+1,1)*INDEX($D$3:$AA$30,INDEX(Jesper!$R$2:$R$366,ROW(INDEX(Jesper!AK$2:AK$366,ROUNDDOWN($C7724/24,0)+1,1))-1)+IF('Standard Profiles'!$G$21=$B$10,7,0)+IF('Standard Profiles'!$G$21=$B$17,14,0)+IF('Standard Profiles'!$G$21=$B$24,21,0),MOD($C7724,24)+1)/SUM(INDEX($D$3:$AA$30,INDEX(Jesper!$R$2:$R$366,ROW(INDEX(Jesper!AK$2:AK$366,ROUNDDOWN($C7724/24,0)+1,1))-1)+IF('Standard Profiles'!$G$21=$B$10,7,0)+IF('Standard Profiles'!$G$21=$B$17,14,0)+IF('Standard Profiles'!$G$21=$B$24,21,0),0)),0)</f>
        <v>16.73304812145043</v>
      </c>
      <c r="H7724" cm="1">
        <f t="array" ref="H7724">IFERROR(INDEX(Jesper!AL$2:AL$366,ROUNDDOWN($C7724/24,0)+1,1)*INDEX($D$3:$AA$30,INDEX(Jesper!$R$2:$R$366,ROW(INDEX(Jesper!AL$2:AL$366,ROUNDDOWN($C7724/24,0)+1,1))-1)+IF('Standard Profiles'!$G$22=$B$10,7,0)+IF('Standard Profiles'!$G$22=$B$17,14,0)+IF('Standard Profiles'!$G$22=$B$24,21,0),MOD($C7724,24)+1)/SUM(INDEX($D$3:$AA$30,INDEX(Jesper!$R$2:$R$366,ROW(INDEX(Jesper!AL$2:AL$366,ROUNDDOWN($C7724/24,0)+1,1))-1)+IF('Standard Profiles'!$G$22=$B$10,7,0)+IF('Standard Profiles'!$G$22=$B$17,14,0)+IF('Standard Profiles'!$G$22=$B$24,21,0),0)),0)</f>
        <v>0</v>
      </c>
      <c r="I7724">
        <f t="shared" si="860"/>
        <v>8.0318630982962027</v>
      </c>
      <c r="J7724">
        <f t="shared" si="861"/>
        <v>65.606419786372001</v>
      </c>
      <c r="K7724">
        <f t="shared" si="862"/>
        <v>3.4135302739607236</v>
      </c>
      <c r="L7724">
        <f t="shared" si="863"/>
        <v>1.7067651369803618</v>
      </c>
      <c r="M7724">
        <f t="shared" si="864"/>
        <v>0</v>
      </c>
      <c r="N7724" s="45">
        <f t="shared" si="865"/>
        <v>45247.416666648016</v>
      </c>
    </row>
    <row r="7725" spans="2:14" x14ac:dyDescent="0.25">
      <c r="B7725">
        <f t="shared" si="859"/>
        <v>5</v>
      </c>
      <c r="C7725" s="16">
        <v>7691</v>
      </c>
      <c r="D7725" cm="1">
        <f t="array" ref="D7725">IFERROR(INDEX(Jesper!AH$2:AH$366,ROUNDDOWN($C7725/24,0)+1,1)*INDEX($D$3:$AA$30,INDEX(Jesper!$R$2:$R$366,ROW(INDEX(Jesper!AH$2:AH$366,ROUNDDOWN($C7725/24,0)+1,1))-1)+IF('Standard Profiles'!$G$18=$B$10,7,0)+IF('Standard Profiles'!$G$18=$B$17,14,0)+IF('Standard Profiles'!$G$18=$B$24,21,0),MOD($C7725,24)+1)/SUM(INDEX($D$3:$AA$30,INDEX(Jesper!$R$2:$R$366,ROW(INDEX(Jesper!AH$2:AH$366,ROUNDDOWN($C7725/24,0)+1,1))-1)+IF('Standard Profiles'!$G$18=$B$10,7,0)+IF('Standard Profiles'!$G$18=$B$17,14,0)+IF('Standard Profiles'!$G$18=$B$24,21,0),0)),0)</f>
        <v>37.820363830814834</v>
      </c>
      <c r="E7725" cm="1">
        <f t="array" ref="E7725">IFERROR(INDEX(Jesper!AI$2:AI$366,ROUNDDOWN($C7725/24,0)+1,1)*INDEX($D$3:$AA$30,INDEX(Jesper!$R$2:$R$366,ROW(INDEX(Jesper!AI$2:AI$366,ROUNDDOWN($C7725/24,0)+1,1))-1)+IF('Standard Profiles'!$G$19=$B$10,7,0)+IF('Standard Profiles'!$G$19=$B$17,14,0)+IF('Standard Profiles'!$G$19=$B$24,21,0),MOD($C7725,24)+1)/SUM(INDEX($D$3:$AA$30,INDEX(Jesper!$R$2:$R$366,ROW(INDEX(Jesper!AI$2:AI$366,ROUNDDOWN($C7725/24,0)+1,1))-1)+IF('Standard Profiles'!$G$19=$B$10,7,0)+IF('Standard Profiles'!$G$19=$B$17,14,0)+IF('Standard Profiles'!$G$19=$B$24,21,0),0)),0)</f>
        <v>35.48253546591836</v>
      </c>
      <c r="F7725" cm="1">
        <f t="array" ref="F7725">IFERROR(INDEX(Jesper!AJ$2:AJ$366,ROUNDDOWN($C7725/24,0)+1,1)*INDEX($D$3:$AA$30,INDEX(Jesper!$R$2:$R$366,ROW(INDEX(Jesper!AJ$2:AJ$366,ROUNDDOWN($C7725/24,0)+1,1))-1)+IF('Standard Profiles'!$G$20=$B$10,7,0)+IF('Standard Profiles'!$G$20=$B$17,14,0)+IF('Standard Profiles'!$G$20=$B$24,21,0),MOD($C7725,24)+1)/SUM(INDEX($D$3:$AA$30,INDEX(Jesper!$R$2:$R$366,ROW(INDEX(Jesper!AJ$2:AJ$366,ROUNDDOWN($C7725/24,0)+1,1))-1)+IF('Standard Profiles'!$G$20=$B$10,7,0)+IF('Standard Profiles'!$G$20=$B$17,14,0)+IF('Standard Profiles'!$G$20=$B$24,21,0),0)),0)</f>
        <v>0</v>
      </c>
      <c r="G7725" cm="1">
        <f t="array" ref="G7725">IFERROR(INDEX(Jesper!AK$2:AK$366,ROUNDDOWN($C7725/24,0)+1,1)*INDEX($D$3:$AA$30,INDEX(Jesper!$R$2:$R$366,ROW(INDEX(Jesper!AK$2:AK$366,ROUNDDOWN($C7725/24,0)+1,1))-1)+IF('Standard Profiles'!$G$21=$B$10,7,0)+IF('Standard Profiles'!$G$21=$B$17,14,0)+IF('Standard Profiles'!$G$21=$B$24,21,0),MOD($C7725,24)+1)/SUM(INDEX($D$3:$AA$30,INDEX(Jesper!$R$2:$R$366,ROW(INDEX(Jesper!AK$2:AK$366,ROUNDDOWN($C7725/24,0)+1,1))-1)+IF('Standard Profiles'!$G$21=$B$10,7,0)+IF('Standard Profiles'!$G$21=$B$17,14,0)+IF('Standard Profiles'!$G$21=$B$24,21,0),0)),0)</f>
        <v>19.77542050716869</v>
      </c>
      <c r="H7725" cm="1">
        <f t="array" ref="H7725">IFERROR(INDEX(Jesper!AL$2:AL$366,ROUNDDOWN($C7725/24,0)+1,1)*INDEX($D$3:$AA$30,INDEX(Jesper!$R$2:$R$366,ROW(INDEX(Jesper!AL$2:AL$366,ROUNDDOWN($C7725/24,0)+1,1))-1)+IF('Standard Profiles'!$G$22=$B$10,7,0)+IF('Standard Profiles'!$G$22=$B$17,14,0)+IF('Standard Profiles'!$G$22=$B$24,21,0),MOD($C7725,24)+1)/SUM(INDEX($D$3:$AA$30,INDEX(Jesper!$R$2:$R$366,ROW(INDEX(Jesper!AL$2:AL$366,ROUNDDOWN($C7725/24,0)+1,1))-1)+IF('Standard Profiles'!$G$22=$B$10,7,0)+IF('Standard Profiles'!$G$22=$B$17,14,0)+IF('Standard Profiles'!$G$22=$B$24,21,0),0)),0)</f>
        <v>0</v>
      </c>
      <c r="I7725">
        <f t="shared" si="860"/>
        <v>9.4922018434409665</v>
      </c>
      <c r="J7725">
        <f t="shared" si="861"/>
        <v>77.534859747530547</v>
      </c>
      <c r="K7725">
        <f t="shared" si="862"/>
        <v>4.034172141953583</v>
      </c>
      <c r="L7725">
        <f t="shared" si="863"/>
        <v>2.0170860709767915</v>
      </c>
      <c r="M7725">
        <f t="shared" si="864"/>
        <v>0</v>
      </c>
      <c r="N7725" s="45">
        <f t="shared" si="865"/>
        <v>45247.45833331468</v>
      </c>
    </row>
    <row r="7726" spans="2:14" x14ac:dyDescent="0.25">
      <c r="B7726">
        <f t="shared" si="859"/>
        <v>5</v>
      </c>
      <c r="C7726" s="16">
        <v>7692</v>
      </c>
      <c r="D7726" cm="1">
        <f t="array" ref="D7726">IFERROR(INDEX(Jesper!AH$2:AH$366,ROUNDDOWN($C7726/24,0)+1,1)*INDEX($D$3:$AA$30,INDEX(Jesper!$R$2:$R$366,ROW(INDEX(Jesper!AH$2:AH$366,ROUNDDOWN($C7726/24,0)+1,1))-1)+IF('Standard Profiles'!$G$18=$B$10,7,0)+IF('Standard Profiles'!$G$18=$B$17,14,0)+IF('Standard Profiles'!$G$18=$B$24,21,0),MOD($C7726,24)+1)/SUM(INDEX($D$3:$AA$30,INDEX(Jesper!$R$2:$R$366,ROW(INDEX(Jesper!AH$2:AH$366,ROUNDDOWN($C7726/24,0)+1,1))-1)+IF('Standard Profiles'!$G$18=$B$10,7,0)+IF('Standard Profiles'!$G$18=$B$17,14,0)+IF('Standard Profiles'!$G$18=$B$24,21,0),0)),0)</f>
        <v>37.820363830814834</v>
      </c>
      <c r="E7726" cm="1">
        <f t="array" ref="E7726">IFERROR(INDEX(Jesper!AI$2:AI$366,ROUNDDOWN($C7726/24,0)+1,1)*INDEX($D$3:$AA$30,INDEX(Jesper!$R$2:$R$366,ROW(INDEX(Jesper!AI$2:AI$366,ROUNDDOWN($C7726/24,0)+1,1))-1)+IF('Standard Profiles'!$G$19=$B$10,7,0)+IF('Standard Profiles'!$G$19=$B$17,14,0)+IF('Standard Profiles'!$G$19=$B$24,21,0),MOD($C7726,24)+1)/SUM(INDEX($D$3:$AA$30,INDEX(Jesper!$R$2:$R$366,ROW(INDEX(Jesper!AI$2:AI$366,ROUNDDOWN($C7726/24,0)+1,1))-1)+IF('Standard Profiles'!$G$19=$B$10,7,0)+IF('Standard Profiles'!$G$19=$B$17,14,0)+IF('Standard Profiles'!$G$19=$B$24,21,0),0)),0)</f>
        <v>35.48253546591836</v>
      </c>
      <c r="F7726" cm="1">
        <f t="array" ref="F7726">IFERROR(INDEX(Jesper!AJ$2:AJ$366,ROUNDDOWN($C7726/24,0)+1,1)*INDEX($D$3:$AA$30,INDEX(Jesper!$R$2:$R$366,ROW(INDEX(Jesper!AJ$2:AJ$366,ROUNDDOWN($C7726/24,0)+1,1))-1)+IF('Standard Profiles'!$G$20=$B$10,7,0)+IF('Standard Profiles'!$G$20=$B$17,14,0)+IF('Standard Profiles'!$G$20=$B$24,21,0),MOD($C7726,24)+1)/SUM(INDEX($D$3:$AA$30,INDEX(Jesper!$R$2:$R$366,ROW(INDEX(Jesper!AJ$2:AJ$366,ROUNDDOWN($C7726/24,0)+1,1))-1)+IF('Standard Profiles'!$G$20=$B$10,7,0)+IF('Standard Profiles'!$G$20=$B$17,14,0)+IF('Standard Profiles'!$G$20=$B$24,21,0),0)),0)</f>
        <v>0</v>
      </c>
      <c r="G7726" cm="1">
        <f t="array" ref="G7726">IFERROR(INDEX(Jesper!AK$2:AK$366,ROUNDDOWN($C7726/24,0)+1,1)*INDEX($D$3:$AA$30,INDEX(Jesper!$R$2:$R$366,ROW(INDEX(Jesper!AK$2:AK$366,ROUNDDOWN($C7726/24,0)+1,1))-1)+IF('Standard Profiles'!$G$21=$B$10,7,0)+IF('Standard Profiles'!$G$21=$B$17,14,0)+IF('Standard Profiles'!$G$21=$B$24,21,0),MOD($C7726,24)+1)/SUM(INDEX($D$3:$AA$30,INDEX(Jesper!$R$2:$R$366,ROW(INDEX(Jesper!AK$2:AK$366,ROUNDDOWN($C7726/24,0)+1,1))-1)+IF('Standard Profiles'!$G$21=$B$10,7,0)+IF('Standard Profiles'!$G$21=$B$17,14,0)+IF('Standard Profiles'!$G$21=$B$24,21,0),0)),0)</f>
        <v>19.77542050716869</v>
      </c>
      <c r="H7726" cm="1">
        <f t="array" ref="H7726">IFERROR(INDEX(Jesper!AL$2:AL$366,ROUNDDOWN($C7726/24,0)+1,1)*INDEX($D$3:$AA$30,INDEX(Jesper!$R$2:$R$366,ROW(INDEX(Jesper!AL$2:AL$366,ROUNDDOWN($C7726/24,0)+1,1))-1)+IF('Standard Profiles'!$G$22=$B$10,7,0)+IF('Standard Profiles'!$G$22=$B$17,14,0)+IF('Standard Profiles'!$G$22=$B$24,21,0),MOD($C7726,24)+1)/SUM(INDEX($D$3:$AA$30,INDEX(Jesper!$R$2:$R$366,ROW(INDEX(Jesper!AL$2:AL$366,ROUNDDOWN($C7726/24,0)+1,1))-1)+IF('Standard Profiles'!$G$22=$B$10,7,0)+IF('Standard Profiles'!$G$22=$B$17,14,0)+IF('Standard Profiles'!$G$22=$B$24,21,0),0)),0)</f>
        <v>0</v>
      </c>
      <c r="I7726">
        <f t="shared" si="860"/>
        <v>9.4922018434409665</v>
      </c>
      <c r="J7726">
        <f t="shared" si="861"/>
        <v>77.534859747530547</v>
      </c>
      <c r="K7726">
        <f t="shared" si="862"/>
        <v>4.034172141953583</v>
      </c>
      <c r="L7726">
        <f t="shared" si="863"/>
        <v>2.0170860709767915</v>
      </c>
      <c r="M7726">
        <f t="shared" si="864"/>
        <v>0</v>
      </c>
      <c r="N7726" s="45">
        <f t="shared" si="865"/>
        <v>45247.499999981344</v>
      </c>
    </row>
    <row r="7727" spans="2:14" x14ac:dyDescent="0.25">
      <c r="B7727">
        <f t="shared" si="859"/>
        <v>5</v>
      </c>
      <c r="C7727" s="16">
        <v>7693</v>
      </c>
      <c r="D7727" cm="1">
        <f t="array" ref="D7727">IFERROR(INDEX(Jesper!AH$2:AH$366,ROUNDDOWN($C7727/24,0)+1,1)*INDEX($D$3:$AA$30,INDEX(Jesper!$R$2:$R$366,ROW(INDEX(Jesper!AH$2:AH$366,ROUNDDOWN($C7727/24,0)+1,1))-1)+IF('Standard Profiles'!$G$18=$B$10,7,0)+IF('Standard Profiles'!$G$18=$B$17,14,0)+IF('Standard Profiles'!$G$18=$B$24,21,0),MOD($C7727,24)+1)/SUM(INDEX($D$3:$AA$30,INDEX(Jesper!$R$2:$R$366,ROW(INDEX(Jesper!AH$2:AH$366,ROUNDDOWN($C7727/24,0)+1,1))-1)+IF('Standard Profiles'!$G$18=$B$10,7,0)+IF('Standard Profiles'!$G$18=$B$17,14,0)+IF('Standard Profiles'!$G$18=$B$24,21,0),0)),0)</f>
        <v>26.183328805948729</v>
      </c>
      <c r="E7727" cm="1">
        <f t="array" ref="E7727">IFERROR(INDEX(Jesper!AI$2:AI$366,ROUNDDOWN($C7727/24,0)+1,1)*INDEX($D$3:$AA$30,INDEX(Jesper!$R$2:$R$366,ROW(INDEX(Jesper!AI$2:AI$366,ROUNDDOWN($C7727/24,0)+1,1))-1)+IF('Standard Profiles'!$G$19=$B$10,7,0)+IF('Standard Profiles'!$G$19=$B$17,14,0)+IF('Standard Profiles'!$G$19=$B$24,21,0),MOD($C7727,24)+1)/SUM(INDEX($D$3:$AA$30,INDEX(Jesper!$R$2:$R$366,ROW(INDEX(Jesper!AI$2:AI$366,ROUNDDOWN($C7727/24,0)+1,1))-1)+IF('Standard Profiles'!$G$19=$B$10,7,0)+IF('Standard Profiles'!$G$19=$B$17,14,0)+IF('Standard Profiles'!$G$19=$B$24,21,0),0)),0)</f>
        <v>24.564832245635788</v>
      </c>
      <c r="F7727" cm="1">
        <f t="array" ref="F7727">IFERROR(INDEX(Jesper!AJ$2:AJ$366,ROUNDDOWN($C7727/24,0)+1,1)*INDEX($D$3:$AA$30,INDEX(Jesper!$R$2:$R$366,ROW(INDEX(Jesper!AJ$2:AJ$366,ROUNDDOWN($C7727/24,0)+1,1))-1)+IF('Standard Profiles'!$G$20=$B$10,7,0)+IF('Standard Profiles'!$G$20=$B$17,14,0)+IF('Standard Profiles'!$G$20=$B$24,21,0),MOD($C7727,24)+1)/SUM(INDEX($D$3:$AA$30,INDEX(Jesper!$R$2:$R$366,ROW(INDEX(Jesper!AJ$2:AJ$366,ROUNDDOWN($C7727/24,0)+1,1))-1)+IF('Standard Profiles'!$G$20=$B$10,7,0)+IF('Standard Profiles'!$G$20=$B$17,14,0)+IF('Standard Profiles'!$G$20=$B$24,21,0),0)),0)</f>
        <v>0</v>
      </c>
      <c r="G7727" cm="1">
        <f t="array" ref="G7727">IFERROR(INDEX(Jesper!AK$2:AK$366,ROUNDDOWN($C7727/24,0)+1,1)*INDEX($D$3:$AA$30,INDEX(Jesper!$R$2:$R$366,ROW(INDEX(Jesper!AK$2:AK$366,ROUNDDOWN($C7727/24,0)+1,1))-1)+IF('Standard Profiles'!$G$21=$B$10,7,0)+IF('Standard Profiles'!$G$21=$B$17,14,0)+IF('Standard Profiles'!$G$21=$B$24,21,0),MOD($C7727,24)+1)/SUM(INDEX($D$3:$AA$30,INDEX(Jesper!$R$2:$R$366,ROW(INDEX(Jesper!AK$2:AK$366,ROUNDDOWN($C7727/24,0)+1,1))-1)+IF('Standard Profiles'!$G$21=$B$10,7,0)+IF('Standard Profiles'!$G$21=$B$17,14,0)+IF('Standard Profiles'!$G$21=$B$24,21,0),0)),0)</f>
        <v>13.690675735732171</v>
      </c>
      <c r="H7727" cm="1">
        <f t="array" ref="H7727">IFERROR(INDEX(Jesper!AL$2:AL$366,ROUNDDOWN($C7727/24,0)+1,1)*INDEX($D$3:$AA$30,INDEX(Jesper!$R$2:$R$366,ROW(INDEX(Jesper!AL$2:AL$366,ROUNDDOWN($C7727/24,0)+1,1))-1)+IF('Standard Profiles'!$G$22=$B$10,7,0)+IF('Standard Profiles'!$G$22=$B$17,14,0)+IF('Standard Profiles'!$G$22=$B$24,21,0),MOD($C7727,24)+1)/SUM(INDEX($D$3:$AA$30,INDEX(Jesper!$R$2:$R$366,ROW(INDEX(Jesper!AL$2:AL$366,ROUNDDOWN($C7727/24,0)+1,1))-1)+IF('Standard Profiles'!$G$22=$B$10,7,0)+IF('Standard Profiles'!$G$22=$B$17,14,0)+IF('Standard Profiles'!$G$22=$B$24,21,0),0)),0)</f>
        <v>0</v>
      </c>
      <c r="I7727">
        <f t="shared" si="860"/>
        <v>6.5715243531514389</v>
      </c>
      <c r="J7727">
        <f t="shared" si="861"/>
        <v>53.677979825213448</v>
      </c>
      <c r="K7727">
        <f t="shared" si="862"/>
        <v>2.7928884059678647</v>
      </c>
      <c r="L7727">
        <f t="shared" si="863"/>
        <v>1.3964442029839323</v>
      </c>
      <c r="M7727">
        <f t="shared" si="864"/>
        <v>0</v>
      </c>
      <c r="N7727" s="45">
        <f t="shared" si="865"/>
        <v>45247.541666648009</v>
      </c>
    </row>
    <row r="7728" spans="2:14" x14ac:dyDescent="0.25">
      <c r="B7728">
        <f t="shared" si="859"/>
        <v>5</v>
      </c>
      <c r="C7728" s="16">
        <v>7694</v>
      </c>
      <c r="D7728" cm="1">
        <f t="array" ref="D7728">IFERROR(INDEX(Jesper!AH$2:AH$366,ROUNDDOWN($C7728/24,0)+1,1)*INDEX($D$3:$AA$30,INDEX(Jesper!$R$2:$R$366,ROW(INDEX(Jesper!AH$2:AH$366,ROUNDDOWN($C7728/24,0)+1,1))-1)+IF('Standard Profiles'!$G$18=$B$10,7,0)+IF('Standard Profiles'!$G$18=$B$17,14,0)+IF('Standard Profiles'!$G$18=$B$24,21,0),MOD($C7728,24)+1)/SUM(INDEX($D$3:$AA$30,INDEX(Jesper!$R$2:$R$366,ROW(INDEX(Jesper!AH$2:AH$366,ROUNDDOWN($C7728/24,0)+1,1))-1)+IF('Standard Profiles'!$G$18=$B$10,7,0)+IF('Standard Profiles'!$G$18=$B$17,14,0)+IF('Standard Profiles'!$G$18=$B$24,21,0),0)),0)</f>
        <v>37.820363830814834</v>
      </c>
      <c r="E7728" cm="1">
        <f t="array" ref="E7728">IFERROR(INDEX(Jesper!AI$2:AI$366,ROUNDDOWN($C7728/24,0)+1,1)*INDEX($D$3:$AA$30,INDEX(Jesper!$R$2:$R$366,ROW(INDEX(Jesper!AI$2:AI$366,ROUNDDOWN($C7728/24,0)+1,1))-1)+IF('Standard Profiles'!$G$19=$B$10,7,0)+IF('Standard Profiles'!$G$19=$B$17,14,0)+IF('Standard Profiles'!$G$19=$B$24,21,0),MOD($C7728,24)+1)/SUM(INDEX($D$3:$AA$30,INDEX(Jesper!$R$2:$R$366,ROW(INDEX(Jesper!AI$2:AI$366,ROUNDDOWN($C7728/24,0)+1,1))-1)+IF('Standard Profiles'!$G$19=$B$10,7,0)+IF('Standard Profiles'!$G$19=$B$17,14,0)+IF('Standard Profiles'!$G$19=$B$24,21,0),0)),0)</f>
        <v>35.48253546591836</v>
      </c>
      <c r="F7728" cm="1">
        <f t="array" ref="F7728">IFERROR(INDEX(Jesper!AJ$2:AJ$366,ROUNDDOWN($C7728/24,0)+1,1)*INDEX($D$3:$AA$30,INDEX(Jesper!$R$2:$R$366,ROW(INDEX(Jesper!AJ$2:AJ$366,ROUNDDOWN($C7728/24,0)+1,1))-1)+IF('Standard Profiles'!$G$20=$B$10,7,0)+IF('Standard Profiles'!$G$20=$B$17,14,0)+IF('Standard Profiles'!$G$20=$B$24,21,0),MOD($C7728,24)+1)/SUM(INDEX($D$3:$AA$30,INDEX(Jesper!$R$2:$R$366,ROW(INDEX(Jesper!AJ$2:AJ$366,ROUNDDOWN($C7728/24,0)+1,1))-1)+IF('Standard Profiles'!$G$20=$B$10,7,0)+IF('Standard Profiles'!$G$20=$B$17,14,0)+IF('Standard Profiles'!$G$20=$B$24,21,0),0)),0)</f>
        <v>0</v>
      </c>
      <c r="G7728" cm="1">
        <f t="array" ref="G7728">IFERROR(INDEX(Jesper!AK$2:AK$366,ROUNDDOWN($C7728/24,0)+1,1)*INDEX($D$3:$AA$30,INDEX(Jesper!$R$2:$R$366,ROW(INDEX(Jesper!AK$2:AK$366,ROUNDDOWN($C7728/24,0)+1,1))-1)+IF('Standard Profiles'!$G$21=$B$10,7,0)+IF('Standard Profiles'!$G$21=$B$17,14,0)+IF('Standard Profiles'!$G$21=$B$24,21,0),MOD($C7728,24)+1)/SUM(INDEX($D$3:$AA$30,INDEX(Jesper!$R$2:$R$366,ROW(INDEX(Jesper!AK$2:AK$366,ROUNDDOWN($C7728/24,0)+1,1))-1)+IF('Standard Profiles'!$G$21=$B$10,7,0)+IF('Standard Profiles'!$G$21=$B$17,14,0)+IF('Standard Profiles'!$G$21=$B$24,21,0),0)),0)</f>
        <v>19.77542050716869</v>
      </c>
      <c r="H7728" cm="1">
        <f t="array" ref="H7728">IFERROR(INDEX(Jesper!AL$2:AL$366,ROUNDDOWN($C7728/24,0)+1,1)*INDEX($D$3:$AA$30,INDEX(Jesper!$R$2:$R$366,ROW(INDEX(Jesper!AL$2:AL$366,ROUNDDOWN($C7728/24,0)+1,1))-1)+IF('Standard Profiles'!$G$22=$B$10,7,0)+IF('Standard Profiles'!$G$22=$B$17,14,0)+IF('Standard Profiles'!$G$22=$B$24,21,0),MOD($C7728,24)+1)/SUM(INDEX($D$3:$AA$30,INDEX(Jesper!$R$2:$R$366,ROW(INDEX(Jesper!AL$2:AL$366,ROUNDDOWN($C7728/24,0)+1,1))-1)+IF('Standard Profiles'!$G$22=$B$10,7,0)+IF('Standard Profiles'!$G$22=$B$17,14,0)+IF('Standard Profiles'!$G$22=$B$24,21,0),0)),0)</f>
        <v>0</v>
      </c>
      <c r="I7728">
        <f t="shared" si="860"/>
        <v>9.4922018434409665</v>
      </c>
      <c r="J7728">
        <f t="shared" si="861"/>
        <v>77.534859747530547</v>
      </c>
      <c r="K7728">
        <f t="shared" si="862"/>
        <v>4.034172141953583</v>
      </c>
      <c r="L7728">
        <f t="shared" si="863"/>
        <v>2.0170860709767915</v>
      </c>
      <c r="M7728">
        <f t="shared" si="864"/>
        <v>0</v>
      </c>
      <c r="N7728" s="45">
        <f t="shared" si="865"/>
        <v>45247.583333314673</v>
      </c>
    </row>
    <row r="7729" spans="2:14" x14ac:dyDescent="0.25">
      <c r="B7729">
        <f t="shared" si="859"/>
        <v>5</v>
      </c>
      <c r="C7729" s="16">
        <v>7695</v>
      </c>
      <c r="D7729" cm="1">
        <f t="array" ref="D7729">IFERROR(INDEX(Jesper!AH$2:AH$366,ROUNDDOWN($C7729/24,0)+1,1)*INDEX($D$3:$AA$30,INDEX(Jesper!$R$2:$R$366,ROW(INDEX(Jesper!AH$2:AH$366,ROUNDDOWN($C7729/24,0)+1,1))-1)+IF('Standard Profiles'!$G$18=$B$10,7,0)+IF('Standard Profiles'!$G$18=$B$17,14,0)+IF('Standard Profiles'!$G$18=$B$24,21,0),MOD($C7729,24)+1)/SUM(INDEX($D$3:$AA$30,INDEX(Jesper!$R$2:$R$366,ROW(INDEX(Jesper!AH$2:AH$366,ROUNDDOWN($C7729/24,0)+1,1))-1)+IF('Standard Profiles'!$G$18=$B$10,7,0)+IF('Standard Profiles'!$G$18=$B$17,14,0)+IF('Standard Profiles'!$G$18=$B$24,21,0),0)),0)</f>
        <v>29.092587562165257</v>
      </c>
      <c r="E7729" cm="1">
        <f t="array" ref="E7729">IFERROR(INDEX(Jesper!AI$2:AI$366,ROUNDDOWN($C7729/24,0)+1,1)*INDEX($D$3:$AA$30,INDEX(Jesper!$R$2:$R$366,ROW(INDEX(Jesper!AI$2:AI$366,ROUNDDOWN($C7729/24,0)+1,1))-1)+IF('Standard Profiles'!$G$19=$B$10,7,0)+IF('Standard Profiles'!$G$19=$B$17,14,0)+IF('Standard Profiles'!$G$19=$B$24,21,0),MOD($C7729,24)+1)/SUM(INDEX($D$3:$AA$30,INDEX(Jesper!$R$2:$R$366,ROW(INDEX(Jesper!AI$2:AI$366,ROUNDDOWN($C7729/24,0)+1,1))-1)+IF('Standard Profiles'!$G$19=$B$10,7,0)+IF('Standard Profiles'!$G$19=$B$17,14,0)+IF('Standard Profiles'!$G$19=$B$24,21,0),0)),0)</f>
        <v>27.294258050706432</v>
      </c>
      <c r="F7729" cm="1">
        <f t="array" ref="F7729">IFERROR(INDEX(Jesper!AJ$2:AJ$366,ROUNDDOWN($C7729/24,0)+1,1)*INDEX($D$3:$AA$30,INDEX(Jesper!$R$2:$R$366,ROW(INDEX(Jesper!AJ$2:AJ$366,ROUNDDOWN($C7729/24,0)+1,1))-1)+IF('Standard Profiles'!$G$20=$B$10,7,0)+IF('Standard Profiles'!$G$20=$B$17,14,0)+IF('Standard Profiles'!$G$20=$B$24,21,0),MOD($C7729,24)+1)/SUM(INDEX($D$3:$AA$30,INDEX(Jesper!$R$2:$R$366,ROW(INDEX(Jesper!AJ$2:AJ$366,ROUNDDOWN($C7729/24,0)+1,1))-1)+IF('Standard Profiles'!$G$20=$B$10,7,0)+IF('Standard Profiles'!$G$20=$B$17,14,0)+IF('Standard Profiles'!$G$20=$B$24,21,0),0)),0)</f>
        <v>0</v>
      </c>
      <c r="G7729" cm="1">
        <f t="array" ref="G7729">IFERROR(INDEX(Jesper!AK$2:AK$366,ROUNDDOWN($C7729/24,0)+1,1)*INDEX($D$3:$AA$30,INDEX(Jesper!$R$2:$R$366,ROW(INDEX(Jesper!AK$2:AK$366,ROUNDDOWN($C7729/24,0)+1,1))-1)+IF('Standard Profiles'!$G$21=$B$10,7,0)+IF('Standard Profiles'!$G$21=$B$17,14,0)+IF('Standard Profiles'!$G$21=$B$24,21,0),MOD($C7729,24)+1)/SUM(INDEX($D$3:$AA$30,INDEX(Jesper!$R$2:$R$366,ROW(INDEX(Jesper!AK$2:AK$366,ROUNDDOWN($C7729/24,0)+1,1))-1)+IF('Standard Profiles'!$G$21=$B$10,7,0)+IF('Standard Profiles'!$G$21=$B$17,14,0)+IF('Standard Profiles'!$G$21=$B$24,21,0),0)),0)</f>
        <v>16.73304812145043</v>
      </c>
      <c r="H7729" cm="1">
        <f t="array" ref="H7729">IFERROR(INDEX(Jesper!AL$2:AL$366,ROUNDDOWN($C7729/24,0)+1,1)*INDEX($D$3:$AA$30,INDEX(Jesper!$R$2:$R$366,ROW(INDEX(Jesper!AL$2:AL$366,ROUNDDOWN($C7729/24,0)+1,1))-1)+IF('Standard Profiles'!$G$22=$B$10,7,0)+IF('Standard Profiles'!$G$22=$B$17,14,0)+IF('Standard Profiles'!$G$22=$B$24,21,0),MOD($C7729,24)+1)/SUM(INDEX($D$3:$AA$30,INDEX(Jesper!$R$2:$R$366,ROW(INDEX(Jesper!AL$2:AL$366,ROUNDDOWN($C7729/24,0)+1,1))-1)+IF('Standard Profiles'!$G$22=$B$10,7,0)+IF('Standard Profiles'!$G$22=$B$17,14,0)+IF('Standard Profiles'!$G$22=$B$24,21,0),0)),0)</f>
        <v>0</v>
      </c>
      <c r="I7729">
        <f t="shared" si="860"/>
        <v>8.0318630982962027</v>
      </c>
      <c r="J7729">
        <f t="shared" si="861"/>
        <v>60.433216626079471</v>
      </c>
      <c r="K7729">
        <f t="shared" si="862"/>
        <v>3.1032093399642942</v>
      </c>
      <c r="L7729">
        <f t="shared" si="863"/>
        <v>1.5516046699821471</v>
      </c>
      <c r="M7729">
        <f t="shared" si="864"/>
        <v>0</v>
      </c>
      <c r="N7729" s="45">
        <f t="shared" si="865"/>
        <v>45247.624999981337</v>
      </c>
    </row>
    <row r="7730" spans="2:14" x14ac:dyDescent="0.25">
      <c r="B7730">
        <f t="shared" si="859"/>
        <v>5</v>
      </c>
      <c r="C7730" s="16">
        <v>7696</v>
      </c>
      <c r="D7730" cm="1">
        <f t="array" ref="D7730">IFERROR(INDEX(Jesper!AH$2:AH$366,ROUNDDOWN($C7730/24,0)+1,1)*INDEX($D$3:$AA$30,INDEX(Jesper!$R$2:$R$366,ROW(INDEX(Jesper!AH$2:AH$366,ROUNDDOWN($C7730/24,0)+1,1))-1)+IF('Standard Profiles'!$G$18=$B$10,7,0)+IF('Standard Profiles'!$G$18=$B$17,14,0)+IF('Standard Profiles'!$G$18=$B$24,21,0),MOD($C7730,24)+1)/SUM(INDEX($D$3:$AA$30,INDEX(Jesper!$R$2:$R$366,ROW(INDEX(Jesper!AH$2:AH$366,ROUNDDOWN($C7730/24,0)+1,1))-1)+IF('Standard Profiles'!$G$18=$B$10,7,0)+IF('Standard Profiles'!$G$18=$B$17,14,0)+IF('Standard Profiles'!$G$18=$B$24,21,0),0)),0)</f>
        <v>13.658491813223124</v>
      </c>
      <c r="E7730" cm="1">
        <f t="array" ref="E7730">IFERROR(INDEX(Jesper!AI$2:AI$366,ROUNDDOWN($C7730/24,0)+1,1)*INDEX($D$3:$AA$30,INDEX(Jesper!$R$2:$R$366,ROW(INDEX(Jesper!AI$2:AI$366,ROUNDDOWN($C7730/24,0)+1,1))-1)+IF('Standard Profiles'!$G$19=$B$10,7,0)+IF('Standard Profiles'!$G$19=$B$17,14,0)+IF('Standard Profiles'!$G$19=$B$24,21,0),MOD($C7730,24)+1)/SUM(INDEX($D$3:$AA$30,INDEX(Jesper!$R$2:$R$366,ROW(INDEX(Jesper!AI$2:AI$366,ROUNDDOWN($C7730/24,0)+1,1))-1)+IF('Standard Profiles'!$G$19=$B$10,7,0)+IF('Standard Profiles'!$G$19=$B$17,14,0)+IF('Standard Profiles'!$G$19=$B$24,21,0),0)),0)</f>
        <v>12.814205657608655</v>
      </c>
      <c r="F7730" cm="1">
        <f t="array" ref="F7730">IFERROR(INDEX(Jesper!AJ$2:AJ$366,ROUNDDOWN($C7730/24,0)+1,1)*INDEX($D$3:$AA$30,INDEX(Jesper!$R$2:$R$366,ROW(INDEX(Jesper!AJ$2:AJ$366,ROUNDDOWN($C7730/24,0)+1,1))-1)+IF('Standard Profiles'!$G$20=$B$10,7,0)+IF('Standard Profiles'!$G$20=$B$17,14,0)+IF('Standard Profiles'!$G$20=$B$24,21,0),MOD($C7730,24)+1)/SUM(INDEX($D$3:$AA$30,INDEX(Jesper!$R$2:$R$366,ROW(INDEX(Jesper!AJ$2:AJ$366,ROUNDDOWN($C7730/24,0)+1,1))-1)+IF('Standard Profiles'!$G$20=$B$10,7,0)+IF('Standard Profiles'!$G$20=$B$17,14,0)+IF('Standard Profiles'!$G$20=$B$24,21,0),0)),0)</f>
        <v>0</v>
      </c>
      <c r="G7730" cm="1">
        <f t="array" ref="G7730">IFERROR(INDEX(Jesper!AK$2:AK$366,ROUNDDOWN($C7730/24,0)+1,1)*INDEX($D$3:$AA$30,INDEX(Jesper!$R$2:$R$366,ROW(INDEX(Jesper!AK$2:AK$366,ROUNDDOWN($C7730/24,0)+1,1))-1)+IF('Standard Profiles'!$G$21=$B$10,7,0)+IF('Standard Profiles'!$G$21=$B$17,14,0)+IF('Standard Profiles'!$G$21=$B$24,21,0),MOD($C7730,24)+1)/SUM(INDEX($D$3:$AA$30,INDEX(Jesper!$R$2:$R$366,ROW(INDEX(Jesper!AK$2:AK$366,ROUNDDOWN($C7730/24,0)+1,1))-1)+IF('Standard Profiles'!$G$21=$B$10,7,0)+IF('Standard Profiles'!$G$21=$B$17,14,0)+IF('Standard Profiles'!$G$21=$B$24,21,0),0)),0)</f>
        <v>14.487487551039337</v>
      </c>
      <c r="H7730" cm="1">
        <f t="array" ref="H7730">IFERROR(INDEX(Jesper!AL$2:AL$366,ROUNDDOWN($C7730/24,0)+1,1)*INDEX($D$3:$AA$30,INDEX(Jesper!$R$2:$R$366,ROW(INDEX(Jesper!AL$2:AL$366,ROUNDDOWN($C7730/24,0)+1,1))-1)+IF('Standard Profiles'!$G$22=$B$10,7,0)+IF('Standard Profiles'!$G$22=$B$17,14,0)+IF('Standard Profiles'!$G$22=$B$24,21,0),MOD($C7730,24)+1)/SUM(INDEX($D$3:$AA$30,INDEX(Jesper!$R$2:$R$366,ROW(INDEX(Jesper!AL$2:AL$366,ROUNDDOWN($C7730/24,0)+1,1))-1)+IF('Standard Profiles'!$G$22=$B$10,7,0)+IF('Standard Profiles'!$G$22=$B$17,14,0)+IF('Standard Profiles'!$G$22=$B$24,21,0),0)),0)</f>
        <v>0</v>
      </c>
      <c r="I7730">
        <f t="shared" si="860"/>
        <v>6.9539940244988783</v>
      </c>
      <c r="J7730">
        <f t="shared" si="861"/>
        <v>31.820832307256534</v>
      </c>
      <c r="K7730">
        <f t="shared" si="862"/>
        <v>1.4569057934104668</v>
      </c>
      <c r="L7730">
        <f t="shared" si="863"/>
        <v>0.72845289670523339</v>
      </c>
      <c r="M7730">
        <f t="shared" si="864"/>
        <v>0</v>
      </c>
      <c r="N7730" s="45">
        <f t="shared" si="865"/>
        <v>45247.666666648001</v>
      </c>
    </row>
    <row r="7731" spans="2:14" x14ac:dyDescent="0.25">
      <c r="B7731">
        <f t="shared" si="859"/>
        <v>5</v>
      </c>
      <c r="C7731" s="16">
        <v>7697</v>
      </c>
      <c r="D7731" cm="1">
        <f t="array" ref="D7731">IFERROR(INDEX(Jesper!AH$2:AH$366,ROUNDDOWN($C7731/24,0)+1,1)*INDEX($D$3:$AA$30,INDEX(Jesper!$R$2:$R$366,ROW(INDEX(Jesper!AH$2:AH$366,ROUNDDOWN($C7731/24,0)+1,1))-1)+IF('Standard Profiles'!$G$18=$B$10,7,0)+IF('Standard Profiles'!$G$18=$B$17,14,0)+IF('Standard Profiles'!$G$18=$B$24,21,0),MOD($C7731,24)+1)/SUM(INDEX($D$3:$AA$30,INDEX(Jesper!$R$2:$R$366,ROW(INDEX(Jesper!AH$2:AH$366,ROUNDDOWN($C7731/24,0)+1,1))-1)+IF('Standard Profiles'!$G$18=$B$10,7,0)+IF('Standard Profiles'!$G$18=$B$17,14,0)+IF('Standard Profiles'!$G$18=$B$24,21,0),0)),0)</f>
        <v>9.0146045967272617</v>
      </c>
      <c r="E7731" cm="1">
        <f t="array" ref="E7731">IFERROR(INDEX(Jesper!AI$2:AI$366,ROUNDDOWN($C7731/24,0)+1,1)*INDEX($D$3:$AA$30,INDEX(Jesper!$R$2:$R$366,ROW(INDEX(Jesper!AI$2:AI$366,ROUNDDOWN($C7731/24,0)+1,1))-1)+IF('Standard Profiles'!$G$19=$B$10,7,0)+IF('Standard Profiles'!$G$19=$B$17,14,0)+IF('Standard Profiles'!$G$19=$B$24,21,0),MOD($C7731,24)+1)/SUM(INDEX($D$3:$AA$30,INDEX(Jesper!$R$2:$R$366,ROW(INDEX(Jesper!AI$2:AI$366,ROUNDDOWN($C7731/24,0)+1,1))-1)+IF('Standard Profiles'!$G$19=$B$10,7,0)+IF('Standard Profiles'!$G$19=$B$17,14,0)+IF('Standard Profiles'!$G$19=$B$24,21,0),0)),0)</f>
        <v>8.4573757340217117</v>
      </c>
      <c r="F7731" cm="1">
        <f t="array" ref="F7731">IFERROR(INDEX(Jesper!AJ$2:AJ$366,ROUNDDOWN($C7731/24,0)+1,1)*INDEX($D$3:$AA$30,INDEX(Jesper!$R$2:$R$366,ROW(INDEX(Jesper!AJ$2:AJ$366,ROUNDDOWN($C7731/24,0)+1,1))-1)+IF('Standard Profiles'!$G$20=$B$10,7,0)+IF('Standard Profiles'!$G$20=$B$17,14,0)+IF('Standard Profiles'!$G$20=$B$24,21,0),MOD($C7731,24)+1)/SUM(INDEX($D$3:$AA$30,INDEX(Jesper!$R$2:$R$366,ROW(INDEX(Jesper!AJ$2:AJ$366,ROUNDDOWN($C7731/24,0)+1,1))-1)+IF('Standard Profiles'!$G$20=$B$10,7,0)+IF('Standard Profiles'!$G$20=$B$17,14,0)+IF('Standard Profiles'!$G$20=$B$24,21,0),0)),0)</f>
        <v>0</v>
      </c>
      <c r="G7731" cm="1">
        <f t="array" ref="G7731">IFERROR(INDEX(Jesper!AK$2:AK$366,ROUNDDOWN($C7731/24,0)+1,1)*INDEX($D$3:$AA$30,INDEX(Jesper!$R$2:$R$366,ROW(INDEX(Jesper!AK$2:AK$366,ROUNDDOWN($C7731/24,0)+1,1))-1)+IF('Standard Profiles'!$G$21=$B$10,7,0)+IF('Standard Profiles'!$G$21=$B$17,14,0)+IF('Standard Profiles'!$G$21=$B$24,21,0),MOD($C7731,24)+1)/SUM(INDEX($D$3:$AA$30,INDEX(Jesper!$R$2:$R$366,ROW(INDEX(Jesper!AK$2:AK$366,ROUNDDOWN($C7731/24,0)+1,1))-1)+IF('Standard Profiles'!$G$21=$B$10,7,0)+IF('Standard Profiles'!$G$21=$B$17,14,0)+IF('Standard Profiles'!$G$21=$B$24,21,0),0)),0)</f>
        <v>12.169489542873039</v>
      </c>
      <c r="H7731" cm="1">
        <f t="array" ref="H7731">IFERROR(INDEX(Jesper!AL$2:AL$366,ROUNDDOWN($C7731/24,0)+1,1)*INDEX($D$3:$AA$30,INDEX(Jesper!$R$2:$R$366,ROW(INDEX(Jesper!AL$2:AL$366,ROUNDDOWN($C7731/24,0)+1,1))-1)+IF('Standard Profiles'!$G$22=$B$10,7,0)+IF('Standard Profiles'!$G$22=$B$17,14,0)+IF('Standard Profiles'!$G$22=$B$24,21,0),MOD($C7731,24)+1)/SUM(INDEX($D$3:$AA$30,INDEX(Jesper!$R$2:$R$366,ROW(INDEX(Jesper!AL$2:AL$366,ROUNDDOWN($C7731/24,0)+1,1))-1)+IF('Standard Profiles'!$G$22=$B$10,7,0)+IF('Standard Profiles'!$G$22=$B$17,14,0)+IF('Standard Profiles'!$G$22=$B$24,21,0),0)),0)</f>
        <v>0</v>
      </c>
      <c r="I7731">
        <f t="shared" si="860"/>
        <v>5.8413549805790561</v>
      </c>
      <c r="J7731">
        <f t="shared" si="861"/>
        <v>22.357778157566592</v>
      </c>
      <c r="K7731">
        <f t="shared" si="862"/>
        <v>0.96155782365090803</v>
      </c>
      <c r="L7731">
        <f t="shared" si="863"/>
        <v>0.48077891182545401</v>
      </c>
      <c r="M7731">
        <f t="shared" si="864"/>
        <v>0</v>
      </c>
      <c r="N7731" s="45">
        <f t="shared" si="865"/>
        <v>45247.708333314666</v>
      </c>
    </row>
    <row r="7732" spans="2:14" x14ac:dyDescent="0.25">
      <c r="B7732">
        <f t="shared" si="859"/>
        <v>5</v>
      </c>
      <c r="C7732" s="16">
        <v>7698</v>
      </c>
      <c r="D7732" cm="1">
        <f t="array" ref="D7732">IFERROR(INDEX(Jesper!AH$2:AH$366,ROUNDDOWN($C7732/24,0)+1,1)*INDEX($D$3:$AA$30,INDEX(Jesper!$R$2:$R$366,ROW(INDEX(Jesper!AH$2:AH$366,ROUNDDOWN($C7732/24,0)+1,1))-1)+IF('Standard Profiles'!$G$18=$B$10,7,0)+IF('Standard Profiles'!$G$18=$B$17,14,0)+IF('Standard Profiles'!$G$18=$B$24,21,0),MOD($C7732,24)+1)/SUM(INDEX($D$3:$AA$30,INDEX(Jesper!$R$2:$R$366,ROW(INDEX(Jesper!AH$2:AH$366,ROUNDDOWN($C7732/24,0)+1,1))-1)+IF('Standard Profiles'!$G$18=$B$10,7,0)+IF('Standard Profiles'!$G$18=$B$17,14,0)+IF('Standard Profiles'!$G$18=$B$24,21,0),0)),0)</f>
        <v>5.7365665615537118</v>
      </c>
      <c r="E7732" cm="1">
        <f t="array" ref="E7732">IFERROR(INDEX(Jesper!AI$2:AI$366,ROUNDDOWN($C7732/24,0)+1,1)*INDEX($D$3:$AA$30,INDEX(Jesper!$R$2:$R$366,ROW(INDEX(Jesper!AI$2:AI$366,ROUNDDOWN($C7732/24,0)+1,1))-1)+IF('Standard Profiles'!$G$19=$B$10,7,0)+IF('Standard Profiles'!$G$19=$B$17,14,0)+IF('Standard Profiles'!$G$19=$B$24,21,0),MOD($C7732,24)+1)/SUM(INDEX($D$3:$AA$30,INDEX(Jesper!$R$2:$R$366,ROW(INDEX(Jesper!AI$2:AI$366,ROUNDDOWN($C7732/24,0)+1,1))-1)+IF('Standard Profiles'!$G$19=$B$10,7,0)+IF('Standard Profiles'!$G$19=$B$17,14,0)+IF('Standard Profiles'!$G$19=$B$24,21,0),0)),0)</f>
        <v>5.381966376195634</v>
      </c>
      <c r="F7732" cm="1">
        <f t="array" ref="F7732">IFERROR(INDEX(Jesper!AJ$2:AJ$366,ROUNDDOWN($C7732/24,0)+1,1)*INDEX($D$3:$AA$30,INDEX(Jesper!$R$2:$R$366,ROW(INDEX(Jesper!AJ$2:AJ$366,ROUNDDOWN($C7732/24,0)+1,1))-1)+IF('Standard Profiles'!$G$20=$B$10,7,0)+IF('Standard Profiles'!$G$20=$B$17,14,0)+IF('Standard Profiles'!$G$20=$B$24,21,0),MOD($C7732,24)+1)/SUM(INDEX($D$3:$AA$30,INDEX(Jesper!$R$2:$R$366,ROW(INDEX(Jesper!AJ$2:AJ$366,ROUNDDOWN($C7732/24,0)+1,1))-1)+IF('Standard Profiles'!$G$20=$B$10,7,0)+IF('Standard Profiles'!$G$20=$B$17,14,0)+IF('Standard Profiles'!$G$20=$B$24,21,0),0)),0)</f>
        <v>0</v>
      </c>
      <c r="G7732" cm="1">
        <f t="array" ref="G7732">IFERROR(INDEX(Jesper!AK$2:AK$366,ROUNDDOWN($C7732/24,0)+1,1)*INDEX($D$3:$AA$30,INDEX(Jesper!$R$2:$R$366,ROW(INDEX(Jesper!AK$2:AK$366,ROUNDDOWN($C7732/24,0)+1,1))-1)+IF('Standard Profiles'!$G$21=$B$10,7,0)+IF('Standard Profiles'!$G$21=$B$17,14,0)+IF('Standard Profiles'!$G$21=$B$24,21,0),MOD($C7732,24)+1)/SUM(INDEX($D$3:$AA$30,INDEX(Jesper!$R$2:$R$366,ROW(INDEX(Jesper!AK$2:AK$366,ROUNDDOWN($C7732/24,0)+1,1))-1)+IF('Standard Profiles'!$G$21=$B$10,7,0)+IF('Standard Profiles'!$G$21=$B$17,14,0)+IF('Standard Profiles'!$G$21=$B$24,21,0),0)),0)</f>
        <v>4.4911211408221936</v>
      </c>
      <c r="H7732" cm="1">
        <f t="array" ref="H7732">IFERROR(INDEX(Jesper!AL$2:AL$366,ROUNDDOWN($C7732/24,0)+1,1)*INDEX($D$3:$AA$30,INDEX(Jesper!$R$2:$R$366,ROW(INDEX(Jesper!AL$2:AL$366,ROUNDDOWN($C7732/24,0)+1,1))-1)+IF('Standard Profiles'!$G$22=$B$10,7,0)+IF('Standard Profiles'!$G$22=$B$17,14,0)+IF('Standard Profiles'!$G$22=$B$24,21,0),MOD($C7732,24)+1)/SUM(INDEX($D$3:$AA$30,INDEX(Jesper!$R$2:$R$366,ROW(INDEX(Jesper!AL$2:AL$366,ROUNDDOWN($C7732/24,0)+1,1))-1)+IF('Standard Profiles'!$G$22=$B$10,7,0)+IF('Standard Profiles'!$G$22=$B$17,14,0)+IF('Standard Profiles'!$G$22=$B$24,21,0),0)),0)</f>
        <v>0</v>
      </c>
      <c r="I7732">
        <f t="shared" si="860"/>
        <v>2.155738147594652</v>
      </c>
      <c r="J7732">
        <f t="shared" si="861"/>
        <v>12.536065281128293</v>
      </c>
      <c r="K7732">
        <f t="shared" si="862"/>
        <v>0.61190043323239596</v>
      </c>
      <c r="L7732">
        <f t="shared" si="863"/>
        <v>0.30595021661619798</v>
      </c>
      <c r="M7732">
        <f t="shared" si="864"/>
        <v>0</v>
      </c>
      <c r="N7732" s="45">
        <f t="shared" si="865"/>
        <v>45247.74999998133</v>
      </c>
    </row>
    <row r="7733" spans="2:14" x14ac:dyDescent="0.25">
      <c r="B7733">
        <f t="shared" si="859"/>
        <v>5</v>
      </c>
      <c r="C7733" s="16">
        <v>7699</v>
      </c>
      <c r="D7733" cm="1">
        <f t="array" ref="D7733">IFERROR(INDEX(Jesper!AH$2:AH$366,ROUNDDOWN($C7733/24,0)+1,1)*INDEX($D$3:$AA$30,INDEX(Jesper!$R$2:$R$366,ROW(INDEX(Jesper!AH$2:AH$366,ROUNDDOWN($C7733/24,0)+1,1))-1)+IF('Standard Profiles'!$G$18=$B$10,7,0)+IF('Standard Profiles'!$G$18=$B$17,14,0)+IF('Standard Profiles'!$G$18=$B$24,21,0),MOD($C7733,24)+1)/SUM(INDEX($D$3:$AA$30,INDEX(Jesper!$R$2:$R$366,ROW(INDEX(Jesper!AH$2:AH$366,ROUNDDOWN($C7733/24,0)+1,1))-1)+IF('Standard Profiles'!$G$18=$B$10,7,0)+IF('Standard Profiles'!$G$18=$B$17,14,0)+IF('Standard Profiles'!$G$18=$B$24,21,0),0)),0)</f>
        <v>5.4633967252892504</v>
      </c>
      <c r="E7733" cm="1">
        <f t="array" ref="E7733">IFERROR(INDEX(Jesper!AI$2:AI$366,ROUNDDOWN($C7733/24,0)+1,1)*INDEX($D$3:$AA$30,INDEX(Jesper!$R$2:$R$366,ROW(INDEX(Jesper!AI$2:AI$366,ROUNDDOWN($C7733/24,0)+1,1))-1)+IF('Standard Profiles'!$G$19=$B$10,7,0)+IF('Standard Profiles'!$G$19=$B$17,14,0)+IF('Standard Profiles'!$G$19=$B$24,21,0),MOD($C7733,24)+1)/SUM(INDEX($D$3:$AA$30,INDEX(Jesper!$R$2:$R$366,ROW(INDEX(Jesper!AI$2:AI$366,ROUNDDOWN($C7733/24,0)+1,1))-1)+IF('Standard Profiles'!$G$19=$B$10,7,0)+IF('Standard Profiles'!$G$19=$B$17,14,0)+IF('Standard Profiles'!$G$19=$B$24,21,0),0)),0)</f>
        <v>5.1256822630434611</v>
      </c>
      <c r="F7733" cm="1">
        <f t="array" ref="F7733">IFERROR(INDEX(Jesper!AJ$2:AJ$366,ROUNDDOWN($C7733/24,0)+1,1)*INDEX($D$3:$AA$30,INDEX(Jesper!$R$2:$R$366,ROW(INDEX(Jesper!AJ$2:AJ$366,ROUNDDOWN($C7733/24,0)+1,1))-1)+IF('Standard Profiles'!$G$20=$B$10,7,0)+IF('Standard Profiles'!$G$20=$B$17,14,0)+IF('Standard Profiles'!$G$20=$B$24,21,0),MOD($C7733,24)+1)/SUM(INDEX($D$3:$AA$30,INDEX(Jesper!$R$2:$R$366,ROW(INDEX(Jesper!AJ$2:AJ$366,ROUNDDOWN($C7733/24,0)+1,1))-1)+IF('Standard Profiles'!$G$20=$B$10,7,0)+IF('Standard Profiles'!$G$20=$B$17,14,0)+IF('Standard Profiles'!$G$20=$B$24,21,0),0)),0)</f>
        <v>0</v>
      </c>
      <c r="G7733" cm="1">
        <f t="array" ref="G7733">IFERROR(INDEX(Jesper!AK$2:AK$366,ROUNDDOWN($C7733/24,0)+1,1)*INDEX($D$3:$AA$30,INDEX(Jesper!$R$2:$R$366,ROW(INDEX(Jesper!AK$2:AK$366,ROUNDDOWN($C7733/24,0)+1,1))-1)+IF('Standard Profiles'!$G$21=$B$10,7,0)+IF('Standard Profiles'!$G$21=$B$17,14,0)+IF('Standard Profiles'!$G$21=$B$24,21,0),MOD($C7733,24)+1)/SUM(INDEX($D$3:$AA$30,INDEX(Jesper!$R$2:$R$366,ROW(INDEX(Jesper!AK$2:AK$366,ROUNDDOWN($C7733/24,0)+1,1))-1)+IF('Standard Profiles'!$G$21=$B$10,7,0)+IF('Standard Profiles'!$G$21=$B$17,14,0)+IF('Standard Profiles'!$G$21=$B$24,21,0),0)),0)</f>
        <v>4.4911211408221936</v>
      </c>
      <c r="H7733" cm="1">
        <f t="array" ref="H7733">IFERROR(INDEX(Jesper!AL$2:AL$366,ROUNDDOWN($C7733/24,0)+1,1)*INDEX($D$3:$AA$30,INDEX(Jesper!$R$2:$R$366,ROW(INDEX(Jesper!AL$2:AL$366,ROUNDDOWN($C7733/24,0)+1,1))-1)+IF('Standard Profiles'!$G$22=$B$10,7,0)+IF('Standard Profiles'!$G$22=$B$17,14,0)+IF('Standard Profiles'!$G$22=$B$24,21,0),MOD($C7733,24)+1)/SUM(INDEX($D$3:$AA$30,INDEX(Jesper!$R$2:$R$366,ROW(INDEX(Jesper!AL$2:AL$366,ROUNDDOWN($C7733/24,0)+1,1))-1)+IF('Standard Profiles'!$G$22=$B$10,7,0)+IF('Standard Profiles'!$G$22=$B$17,14,0)+IF('Standard Profiles'!$G$22=$B$24,21,0),0)),0)</f>
        <v>0</v>
      </c>
      <c r="I7733">
        <f t="shared" si="860"/>
        <v>2.155738147594652</v>
      </c>
      <c r="J7733">
        <f t="shared" si="861"/>
        <v>12.050318505513973</v>
      </c>
      <c r="K7733">
        <f t="shared" si="862"/>
        <v>0.58276231736418671</v>
      </c>
      <c r="L7733">
        <f t="shared" si="863"/>
        <v>0.29138115868209336</v>
      </c>
      <c r="M7733">
        <f t="shared" si="864"/>
        <v>0</v>
      </c>
      <c r="N7733" s="45">
        <f t="shared" si="865"/>
        <v>45247.791666647994</v>
      </c>
    </row>
    <row r="7734" spans="2:14" x14ac:dyDescent="0.25">
      <c r="B7734">
        <f t="shared" si="859"/>
        <v>5</v>
      </c>
      <c r="C7734" s="16">
        <v>7700</v>
      </c>
      <c r="D7734" cm="1">
        <f t="array" ref="D7734">IFERROR(INDEX(Jesper!AH$2:AH$366,ROUNDDOWN($C7734/24,0)+1,1)*INDEX($D$3:$AA$30,INDEX(Jesper!$R$2:$R$366,ROW(INDEX(Jesper!AH$2:AH$366,ROUNDDOWN($C7734/24,0)+1,1))-1)+IF('Standard Profiles'!$G$18=$B$10,7,0)+IF('Standard Profiles'!$G$18=$B$17,14,0)+IF('Standard Profiles'!$G$18=$B$24,21,0),MOD($C7734,24)+1)/SUM(INDEX($D$3:$AA$30,INDEX(Jesper!$R$2:$R$366,ROW(INDEX(Jesper!AH$2:AH$366,ROUNDDOWN($C7734/24,0)+1,1))-1)+IF('Standard Profiles'!$G$18=$B$10,7,0)+IF('Standard Profiles'!$G$18=$B$17,14,0)+IF('Standard Profiles'!$G$18=$B$24,21,0),0)),0)</f>
        <v>5.4633967252892504</v>
      </c>
      <c r="E7734" cm="1">
        <f t="array" ref="E7734">IFERROR(INDEX(Jesper!AI$2:AI$366,ROUNDDOWN($C7734/24,0)+1,1)*INDEX($D$3:$AA$30,INDEX(Jesper!$R$2:$R$366,ROW(INDEX(Jesper!AI$2:AI$366,ROUNDDOWN($C7734/24,0)+1,1))-1)+IF('Standard Profiles'!$G$19=$B$10,7,0)+IF('Standard Profiles'!$G$19=$B$17,14,0)+IF('Standard Profiles'!$G$19=$B$24,21,0),MOD($C7734,24)+1)/SUM(INDEX($D$3:$AA$30,INDEX(Jesper!$R$2:$R$366,ROW(INDEX(Jesper!AI$2:AI$366,ROUNDDOWN($C7734/24,0)+1,1))-1)+IF('Standard Profiles'!$G$19=$B$10,7,0)+IF('Standard Profiles'!$G$19=$B$17,14,0)+IF('Standard Profiles'!$G$19=$B$24,21,0),0)),0)</f>
        <v>5.1256822630434611</v>
      </c>
      <c r="F7734" cm="1">
        <f t="array" ref="F7734">IFERROR(INDEX(Jesper!AJ$2:AJ$366,ROUNDDOWN($C7734/24,0)+1,1)*INDEX($D$3:$AA$30,INDEX(Jesper!$R$2:$R$366,ROW(INDEX(Jesper!AJ$2:AJ$366,ROUNDDOWN($C7734/24,0)+1,1))-1)+IF('Standard Profiles'!$G$20=$B$10,7,0)+IF('Standard Profiles'!$G$20=$B$17,14,0)+IF('Standard Profiles'!$G$20=$B$24,21,0),MOD($C7734,24)+1)/SUM(INDEX($D$3:$AA$30,INDEX(Jesper!$R$2:$R$366,ROW(INDEX(Jesper!AJ$2:AJ$366,ROUNDDOWN($C7734/24,0)+1,1))-1)+IF('Standard Profiles'!$G$20=$B$10,7,0)+IF('Standard Profiles'!$G$20=$B$17,14,0)+IF('Standard Profiles'!$G$20=$B$24,21,0),0)),0)</f>
        <v>0</v>
      </c>
      <c r="G7734" cm="1">
        <f t="array" ref="G7734">IFERROR(INDEX(Jesper!AK$2:AK$366,ROUNDDOWN($C7734/24,0)+1,1)*INDEX($D$3:$AA$30,INDEX(Jesper!$R$2:$R$366,ROW(INDEX(Jesper!AK$2:AK$366,ROUNDDOWN($C7734/24,0)+1,1))-1)+IF('Standard Profiles'!$G$21=$B$10,7,0)+IF('Standard Profiles'!$G$21=$B$17,14,0)+IF('Standard Profiles'!$G$21=$B$24,21,0),MOD($C7734,24)+1)/SUM(INDEX($D$3:$AA$30,INDEX(Jesper!$R$2:$R$366,ROW(INDEX(Jesper!AK$2:AK$366,ROUNDDOWN($C7734/24,0)+1,1))-1)+IF('Standard Profiles'!$G$21=$B$10,7,0)+IF('Standard Profiles'!$G$21=$B$17,14,0)+IF('Standard Profiles'!$G$21=$B$24,21,0),0)),0)</f>
        <v>4.4911211408221936</v>
      </c>
      <c r="H7734" cm="1">
        <f t="array" ref="H7734">IFERROR(INDEX(Jesper!AL$2:AL$366,ROUNDDOWN($C7734/24,0)+1,1)*INDEX($D$3:$AA$30,INDEX(Jesper!$R$2:$R$366,ROW(INDEX(Jesper!AL$2:AL$366,ROUNDDOWN($C7734/24,0)+1,1))-1)+IF('Standard Profiles'!$G$22=$B$10,7,0)+IF('Standard Profiles'!$G$22=$B$17,14,0)+IF('Standard Profiles'!$G$22=$B$24,21,0),MOD($C7734,24)+1)/SUM(INDEX($D$3:$AA$30,INDEX(Jesper!$R$2:$R$366,ROW(INDEX(Jesper!AL$2:AL$366,ROUNDDOWN($C7734/24,0)+1,1))-1)+IF('Standard Profiles'!$G$22=$B$10,7,0)+IF('Standard Profiles'!$G$22=$B$17,14,0)+IF('Standard Profiles'!$G$22=$B$24,21,0),0)),0)</f>
        <v>0</v>
      </c>
      <c r="I7734">
        <f t="shared" si="860"/>
        <v>2.155738147594652</v>
      </c>
      <c r="J7734">
        <f t="shared" si="861"/>
        <v>12.050318505513973</v>
      </c>
      <c r="K7734">
        <f t="shared" si="862"/>
        <v>0.58276231736418671</v>
      </c>
      <c r="L7734">
        <f t="shared" si="863"/>
        <v>0.29138115868209336</v>
      </c>
      <c r="M7734">
        <f t="shared" si="864"/>
        <v>0</v>
      </c>
      <c r="N7734" s="45">
        <f t="shared" si="865"/>
        <v>45247.833333314658</v>
      </c>
    </row>
    <row r="7735" spans="2:14" x14ac:dyDescent="0.25">
      <c r="B7735">
        <f t="shared" si="859"/>
        <v>5</v>
      </c>
      <c r="C7735" s="16">
        <v>7701</v>
      </c>
      <c r="D7735" cm="1">
        <f t="array" ref="D7735">IFERROR(INDEX(Jesper!AH$2:AH$366,ROUNDDOWN($C7735/24,0)+1,1)*INDEX($D$3:$AA$30,INDEX(Jesper!$R$2:$R$366,ROW(INDEX(Jesper!AH$2:AH$366,ROUNDDOWN($C7735/24,0)+1,1))-1)+IF('Standard Profiles'!$G$18=$B$10,7,0)+IF('Standard Profiles'!$G$18=$B$17,14,0)+IF('Standard Profiles'!$G$18=$B$24,21,0),MOD($C7735,24)+1)/SUM(INDEX($D$3:$AA$30,INDEX(Jesper!$R$2:$R$366,ROW(INDEX(Jesper!AH$2:AH$366,ROUNDDOWN($C7735/24,0)+1,1))-1)+IF('Standard Profiles'!$G$18=$B$10,7,0)+IF('Standard Profiles'!$G$18=$B$17,14,0)+IF('Standard Profiles'!$G$18=$B$24,21,0),0)),0)</f>
        <v>5.4633967252892504</v>
      </c>
      <c r="E7735" cm="1">
        <f t="array" ref="E7735">IFERROR(INDEX(Jesper!AI$2:AI$366,ROUNDDOWN($C7735/24,0)+1,1)*INDEX($D$3:$AA$30,INDEX(Jesper!$R$2:$R$366,ROW(INDEX(Jesper!AI$2:AI$366,ROUNDDOWN($C7735/24,0)+1,1))-1)+IF('Standard Profiles'!$G$19=$B$10,7,0)+IF('Standard Profiles'!$G$19=$B$17,14,0)+IF('Standard Profiles'!$G$19=$B$24,21,0),MOD($C7735,24)+1)/SUM(INDEX($D$3:$AA$30,INDEX(Jesper!$R$2:$R$366,ROW(INDEX(Jesper!AI$2:AI$366,ROUNDDOWN($C7735/24,0)+1,1))-1)+IF('Standard Profiles'!$G$19=$B$10,7,0)+IF('Standard Profiles'!$G$19=$B$17,14,0)+IF('Standard Profiles'!$G$19=$B$24,21,0),0)),0)</f>
        <v>5.1256822630434611</v>
      </c>
      <c r="F7735" cm="1">
        <f t="array" ref="F7735">IFERROR(INDEX(Jesper!AJ$2:AJ$366,ROUNDDOWN($C7735/24,0)+1,1)*INDEX($D$3:$AA$30,INDEX(Jesper!$R$2:$R$366,ROW(INDEX(Jesper!AJ$2:AJ$366,ROUNDDOWN($C7735/24,0)+1,1))-1)+IF('Standard Profiles'!$G$20=$B$10,7,0)+IF('Standard Profiles'!$G$20=$B$17,14,0)+IF('Standard Profiles'!$G$20=$B$24,21,0),MOD($C7735,24)+1)/SUM(INDEX($D$3:$AA$30,INDEX(Jesper!$R$2:$R$366,ROW(INDEX(Jesper!AJ$2:AJ$366,ROUNDDOWN($C7735/24,0)+1,1))-1)+IF('Standard Profiles'!$G$20=$B$10,7,0)+IF('Standard Profiles'!$G$20=$B$17,14,0)+IF('Standard Profiles'!$G$20=$B$24,21,0),0)),0)</f>
        <v>0</v>
      </c>
      <c r="G7735" cm="1">
        <f t="array" ref="G7735">IFERROR(INDEX(Jesper!AK$2:AK$366,ROUNDDOWN($C7735/24,0)+1,1)*INDEX($D$3:$AA$30,INDEX(Jesper!$R$2:$R$366,ROW(INDEX(Jesper!AK$2:AK$366,ROUNDDOWN($C7735/24,0)+1,1))-1)+IF('Standard Profiles'!$G$21=$B$10,7,0)+IF('Standard Profiles'!$G$21=$B$17,14,0)+IF('Standard Profiles'!$G$21=$B$24,21,0),MOD($C7735,24)+1)/SUM(INDEX($D$3:$AA$30,INDEX(Jesper!$R$2:$R$366,ROW(INDEX(Jesper!AK$2:AK$366,ROUNDDOWN($C7735/24,0)+1,1))-1)+IF('Standard Profiles'!$G$21=$B$10,7,0)+IF('Standard Profiles'!$G$21=$B$17,14,0)+IF('Standard Profiles'!$G$21=$B$24,21,0),0)),0)</f>
        <v>4.4911211408221936</v>
      </c>
      <c r="H7735" cm="1">
        <f t="array" ref="H7735">IFERROR(INDEX(Jesper!AL$2:AL$366,ROUNDDOWN($C7735/24,0)+1,1)*INDEX($D$3:$AA$30,INDEX(Jesper!$R$2:$R$366,ROW(INDEX(Jesper!AL$2:AL$366,ROUNDDOWN($C7735/24,0)+1,1))-1)+IF('Standard Profiles'!$G$22=$B$10,7,0)+IF('Standard Profiles'!$G$22=$B$17,14,0)+IF('Standard Profiles'!$G$22=$B$24,21,0),MOD($C7735,24)+1)/SUM(INDEX($D$3:$AA$30,INDEX(Jesper!$R$2:$R$366,ROW(INDEX(Jesper!AL$2:AL$366,ROUNDDOWN($C7735/24,0)+1,1))-1)+IF('Standard Profiles'!$G$22=$B$10,7,0)+IF('Standard Profiles'!$G$22=$B$17,14,0)+IF('Standard Profiles'!$G$22=$B$24,21,0),0)),0)</f>
        <v>0</v>
      </c>
      <c r="I7735">
        <f t="shared" si="860"/>
        <v>2.155738147594652</v>
      </c>
      <c r="J7735">
        <f t="shared" si="861"/>
        <v>12.050318505513973</v>
      </c>
      <c r="K7735">
        <f t="shared" si="862"/>
        <v>0.58276231736418671</v>
      </c>
      <c r="L7735">
        <f t="shared" si="863"/>
        <v>0.29138115868209336</v>
      </c>
      <c r="M7735">
        <f t="shared" si="864"/>
        <v>0</v>
      </c>
      <c r="N7735" s="45">
        <f t="shared" si="865"/>
        <v>45247.874999981323</v>
      </c>
    </row>
    <row r="7736" spans="2:14" x14ac:dyDescent="0.25">
      <c r="B7736">
        <f t="shared" si="859"/>
        <v>5</v>
      </c>
      <c r="C7736" s="16">
        <v>7702</v>
      </c>
      <c r="D7736" cm="1">
        <f t="array" ref="D7736">IFERROR(INDEX(Jesper!AH$2:AH$366,ROUNDDOWN($C7736/24,0)+1,1)*INDEX($D$3:$AA$30,INDEX(Jesper!$R$2:$R$366,ROW(INDEX(Jesper!AH$2:AH$366,ROUNDDOWN($C7736/24,0)+1,1))-1)+IF('Standard Profiles'!$G$18=$B$10,7,0)+IF('Standard Profiles'!$G$18=$B$17,14,0)+IF('Standard Profiles'!$G$18=$B$24,21,0),MOD($C7736,24)+1)/SUM(INDEX($D$3:$AA$30,INDEX(Jesper!$R$2:$R$366,ROW(INDEX(Jesper!AH$2:AH$366,ROUNDDOWN($C7736/24,0)+1,1))-1)+IF('Standard Profiles'!$G$18=$B$10,7,0)+IF('Standard Profiles'!$G$18=$B$17,14,0)+IF('Standard Profiles'!$G$18=$B$24,21,0),0)),0)</f>
        <v>5.4633967252892504</v>
      </c>
      <c r="E7736" cm="1">
        <f t="array" ref="E7736">IFERROR(INDEX(Jesper!AI$2:AI$366,ROUNDDOWN($C7736/24,0)+1,1)*INDEX($D$3:$AA$30,INDEX(Jesper!$R$2:$R$366,ROW(INDEX(Jesper!AI$2:AI$366,ROUNDDOWN($C7736/24,0)+1,1))-1)+IF('Standard Profiles'!$G$19=$B$10,7,0)+IF('Standard Profiles'!$G$19=$B$17,14,0)+IF('Standard Profiles'!$G$19=$B$24,21,0),MOD($C7736,24)+1)/SUM(INDEX($D$3:$AA$30,INDEX(Jesper!$R$2:$R$366,ROW(INDEX(Jesper!AI$2:AI$366,ROUNDDOWN($C7736/24,0)+1,1))-1)+IF('Standard Profiles'!$G$19=$B$10,7,0)+IF('Standard Profiles'!$G$19=$B$17,14,0)+IF('Standard Profiles'!$G$19=$B$24,21,0),0)),0)</f>
        <v>5.1256822630434611</v>
      </c>
      <c r="F7736" cm="1">
        <f t="array" ref="F7736">IFERROR(INDEX(Jesper!AJ$2:AJ$366,ROUNDDOWN($C7736/24,0)+1,1)*INDEX($D$3:$AA$30,INDEX(Jesper!$R$2:$R$366,ROW(INDEX(Jesper!AJ$2:AJ$366,ROUNDDOWN($C7736/24,0)+1,1))-1)+IF('Standard Profiles'!$G$20=$B$10,7,0)+IF('Standard Profiles'!$G$20=$B$17,14,0)+IF('Standard Profiles'!$G$20=$B$24,21,0),MOD($C7736,24)+1)/SUM(INDEX($D$3:$AA$30,INDEX(Jesper!$R$2:$R$366,ROW(INDEX(Jesper!AJ$2:AJ$366,ROUNDDOWN($C7736/24,0)+1,1))-1)+IF('Standard Profiles'!$G$20=$B$10,7,0)+IF('Standard Profiles'!$G$20=$B$17,14,0)+IF('Standard Profiles'!$G$20=$B$24,21,0),0)),0)</f>
        <v>0</v>
      </c>
      <c r="G7736" cm="1">
        <f t="array" ref="G7736">IFERROR(INDEX(Jesper!AK$2:AK$366,ROUNDDOWN($C7736/24,0)+1,1)*INDEX($D$3:$AA$30,INDEX(Jesper!$R$2:$R$366,ROW(INDEX(Jesper!AK$2:AK$366,ROUNDDOWN($C7736/24,0)+1,1))-1)+IF('Standard Profiles'!$G$21=$B$10,7,0)+IF('Standard Profiles'!$G$21=$B$17,14,0)+IF('Standard Profiles'!$G$21=$B$24,21,0),MOD($C7736,24)+1)/SUM(INDEX($D$3:$AA$30,INDEX(Jesper!$R$2:$R$366,ROW(INDEX(Jesper!AK$2:AK$366,ROUNDDOWN($C7736/24,0)+1,1))-1)+IF('Standard Profiles'!$G$21=$B$10,7,0)+IF('Standard Profiles'!$G$21=$B$17,14,0)+IF('Standard Profiles'!$G$21=$B$24,21,0),0)),0)</f>
        <v>4.4911211408221936</v>
      </c>
      <c r="H7736" cm="1">
        <f t="array" ref="H7736">IFERROR(INDEX(Jesper!AL$2:AL$366,ROUNDDOWN($C7736/24,0)+1,1)*INDEX($D$3:$AA$30,INDEX(Jesper!$R$2:$R$366,ROW(INDEX(Jesper!AL$2:AL$366,ROUNDDOWN($C7736/24,0)+1,1))-1)+IF('Standard Profiles'!$G$22=$B$10,7,0)+IF('Standard Profiles'!$G$22=$B$17,14,0)+IF('Standard Profiles'!$G$22=$B$24,21,0),MOD($C7736,24)+1)/SUM(INDEX($D$3:$AA$30,INDEX(Jesper!$R$2:$R$366,ROW(INDEX(Jesper!AL$2:AL$366,ROUNDDOWN($C7736/24,0)+1,1))-1)+IF('Standard Profiles'!$G$22=$B$10,7,0)+IF('Standard Profiles'!$G$22=$B$17,14,0)+IF('Standard Profiles'!$G$22=$B$24,21,0),0)),0)</f>
        <v>0</v>
      </c>
      <c r="I7736">
        <f t="shared" si="860"/>
        <v>2.155738147594652</v>
      </c>
      <c r="J7736">
        <f t="shared" si="861"/>
        <v>12.050318505513973</v>
      </c>
      <c r="K7736">
        <f t="shared" si="862"/>
        <v>0.58276231736418671</v>
      </c>
      <c r="L7736">
        <f t="shared" si="863"/>
        <v>0.29138115868209336</v>
      </c>
      <c r="M7736">
        <f t="shared" si="864"/>
        <v>0</v>
      </c>
      <c r="N7736" s="45">
        <f t="shared" si="865"/>
        <v>45247.916666647987</v>
      </c>
    </row>
    <row r="7737" spans="2:14" x14ac:dyDescent="0.25">
      <c r="B7737">
        <f t="shared" si="859"/>
        <v>5</v>
      </c>
      <c r="C7737" s="16">
        <v>7703</v>
      </c>
      <c r="D7737" cm="1">
        <f t="array" ref="D7737">IFERROR(INDEX(Jesper!AH$2:AH$366,ROUNDDOWN($C7737/24,0)+1,1)*INDEX($D$3:$AA$30,INDEX(Jesper!$R$2:$R$366,ROW(INDEX(Jesper!AH$2:AH$366,ROUNDDOWN($C7737/24,0)+1,1))-1)+IF('Standard Profiles'!$G$18=$B$10,7,0)+IF('Standard Profiles'!$G$18=$B$17,14,0)+IF('Standard Profiles'!$G$18=$B$24,21,0),MOD($C7737,24)+1)/SUM(INDEX($D$3:$AA$30,INDEX(Jesper!$R$2:$R$366,ROW(INDEX(Jesper!AH$2:AH$366,ROUNDDOWN($C7737/24,0)+1,1))-1)+IF('Standard Profiles'!$G$18=$B$10,7,0)+IF('Standard Profiles'!$G$18=$B$17,14,0)+IF('Standard Profiles'!$G$18=$B$24,21,0),0)),0)</f>
        <v>5.4633967252892504</v>
      </c>
      <c r="E7737" cm="1">
        <f t="array" ref="E7737">IFERROR(INDEX(Jesper!AI$2:AI$366,ROUNDDOWN($C7737/24,0)+1,1)*INDEX($D$3:$AA$30,INDEX(Jesper!$R$2:$R$366,ROW(INDEX(Jesper!AI$2:AI$366,ROUNDDOWN($C7737/24,0)+1,1))-1)+IF('Standard Profiles'!$G$19=$B$10,7,0)+IF('Standard Profiles'!$G$19=$B$17,14,0)+IF('Standard Profiles'!$G$19=$B$24,21,0),MOD($C7737,24)+1)/SUM(INDEX($D$3:$AA$30,INDEX(Jesper!$R$2:$R$366,ROW(INDEX(Jesper!AI$2:AI$366,ROUNDDOWN($C7737/24,0)+1,1))-1)+IF('Standard Profiles'!$G$19=$B$10,7,0)+IF('Standard Profiles'!$G$19=$B$17,14,0)+IF('Standard Profiles'!$G$19=$B$24,21,0),0)),0)</f>
        <v>5.1256822630434611</v>
      </c>
      <c r="F7737" cm="1">
        <f t="array" ref="F7737">IFERROR(INDEX(Jesper!AJ$2:AJ$366,ROUNDDOWN($C7737/24,0)+1,1)*INDEX($D$3:$AA$30,INDEX(Jesper!$R$2:$R$366,ROW(INDEX(Jesper!AJ$2:AJ$366,ROUNDDOWN($C7737/24,0)+1,1))-1)+IF('Standard Profiles'!$G$20=$B$10,7,0)+IF('Standard Profiles'!$G$20=$B$17,14,0)+IF('Standard Profiles'!$G$20=$B$24,21,0),MOD($C7737,24)+1)/SUM(INDEX($D$3:$AA$30,INDEX(Jesper!$R$2:$R$366,ROW(INDEX(Jesper!AJ$2:AJ$366,ROUNDDOWN($C7737/24,0)+1,1))-1)+IF('Standard Profiles'!$G$20=$B$10,7,0)+IF('Standard Profiles'!$G$20=$B$17,14,0)+IF('Standard Profiles'!$G$20=$B$24,21,0),0)),0)</f>
        <v>0</v>
      </c>
      <c r="G7737" cm="1">
        <f t="array" ref="G7737">IFERROR(INDEX(Jesper!AK$2:AK$366,ROUNDDOWN($C7737/24,0)+1,1)*INDEX($D$3:$AA$30,INDEX(Jesper!$R$2:$R$366,ROW(INDEX(Jesper!AK$2:AK$366,ROUNDDOWN($C7737/24,0)+1,1))-1)+IF('Standard Profiles'!$G$21=$B$10,7,0)+IF('Standard Profiles'!$G$21=$B$17,14,0)+IF('Standard Profiles'!$G$21=$B$24,21,0),MOD($C7737,24)+1)/SUM(INDEX($D$3:$AA$30,INDEX(Jesper!$R$2:$R$366,ROW(INDEX(Jesper!AK$2:AK$366,ROUNDDOWN($C7737/24,0)+1,1))-1)+IF('Standard Profiles'!$G$21=$B$10,7,0)+IF('Standard Profiles'!$G$21=$B$17,14,0)+IF('Standard Profiles'!$G$21=$B$24,21,0),0)),0)</f>
        <v>4.4911211408221936</v>
      </c>
      <c r="H7737" cm="1">
        <f t="array" ref="H7737">IFERROR(INDEX(Jesper!AL$2:AL$366,ROUNDDOWN($C7737/24,0)+1,1)*INDEX($D$3:$AA$30,INDEX(Jesper!$R$2:$R$366,ROW(INDEX(Jesper!AL$2:AL$366,ROUNDDOWN($C7737/24,0)+1,1))-1)+IF('Standard Profiles'!$G$22=$B$10,7,0)+IF('Standard Profiles'!$G$22=$B$17,14,0)+IF('Standard Profiles'!$G$22=$B$24,21,0),MOD($C7737,24)+1)/SUM(INDEX($D$3:$AA$30,INDEX(Jesper!$R$2:$R$366,ROW(INDEX(Jesper!AL$2:AL$366,ROUNDDOWN($C7737/24,0)+1,1))-1)+IF('Standard Profiles'!$G$22=$B$10,7,0)+IF('Standard Profiles'!$G$22=$B$17,14,0)+IF('Standard Profiles'!$G$22=$B$24,21,0),0)),0)</f>
        <v>0</v>
      </c>
      <c r="I7737">
        <f t="shared" si="860"/>
        <v>2.155738147594652</v>
      </c>
      <c r="J7737">
        <f t="shared" si="861"/>
        <v>12.050318505513973</v>
      </c>
      <c r="K7737">
        <f t="shared" si="862"/>
        <v>0.58276231736418671</v>
      </c>
      <c r="L7737">
        <f t="shared" si="863"/>
        <v>0.29138115868209336</v>
      </c>
      <c r="M7737">
        <f t="shared" si="864"/>
        <v>0</v>
      </c>
      <c r="N7737" s="45">
        <f t="shared" si="865"/>
        <v>45247.958333314651</v>
      </c>
    </row>
    <row r="7738" spans="2:14" x14ac:dyDescent="0.25">
      <c r="B7738">
        <f t="shared" si="859"/>
        <v>6</v>
      </c>
      <c r="C7738" s="16">
        <v>7704</v>
      </c>
      <c r="D7738" cm="1">
        <f t="array" ref="D7738">IFERROR(INDEX(Jesper!AH$2:AH$366,ROUNDDOWN($C7738/24,0)+1,1)*INDEX($D$3:$AA$30,INDEX(Jesper!$R$2:$R$366,ROW(INDEX(Jesper!AH$2:AH$366,ROUNDDOWN($C7738/24,0)+1,1))-1)+IF('Standard Profiles'!$G$18=$B$10,7,0)+IF('Standard Profiles'!$G$18=$B$17,14,0)+IF('Standard Profiles'!$G$18=$B$24,21,0),MOD($C7738,24)+1)/SUM(INDEX($D$3:$AA$30,INDEX(Jesper!$R$2:$R$366,ROW(INDEX(Jesper!AH$2:AH$366,ROUNDDOWN($C7738/24,0)+1,1))-1)+IF('Standard Profiles'!$G$18=$B$10,7,0)+IF('Standard Profiles'!$G$18=$B$17,14,0)+IF('Standard Profiles'!$G$18=$B$24,21,0),0)),0)</f>
        <v>0</v>
      </c>
      <c r="E7738" cm="1">
        <f t="array" ref="E7738">IFERROR(INDEX(Jesper!AI$2:AI$366,ROUNDDOWN($C7738/24,0)+1,1)*INDEX($D$3:$AA$30,INDEX(Jesper!$R$2:$R$366,ROW(INDEX(Jesper!AI$2:AI$366,ROUNDDOWN($C7738/24,0)+1,1))-1)+IF('Standard Profiles'!$G$19=$B$10,7,0)+IF('Standard Profiles'!$G$19=$B$17,14,0)+IF('Standard Profiles'!$G$19=$B$24,21,0),MOD($C7738,24)+1)/SUM(INDEX($D$3:$AA$30,INDEX(Jesper!$R$2:$R$366,ROW(INDEX(Jesper!AI$2:AI$366,ROUNDDOWN($C7738/24,0)+1,1))-1)+IF('Standard Profiles'!$G$19=$B$10,7,0)+IF('Standard Profiles'!$G$19=$B$17,14,0)+IF('Standard Profiles'!$G$19=$B$24,21,0),0)),0)</f>
        <v>5.3395238265207814</v>
      </c>
      <c r="F7738" cm="1">
        <f t="array" ref="F7738">IFERROR(INDEX(Jesper!AJ$2:AJ$366,ROUNDDOWN($C7738/24,0)+1,1)*INDEX($D$3:$AA$30,INDEX(Jesper!$R$2:$R$366,ROW(INDEX(Jesper!AJ$2:AJ$366,ROUNDDOWN($C7738/24,0)+1,1))-1)+IF('Standard Profiles'!$G$20=$B$10,7,0)+IF('Standard Profiles'!$G$20=$B$17,14,0)+IF('Standard Profiles'!$G$20=$B$24,21,0),MOD($C7738,24)+1)/SUM(INDEX($D$3:$AA$30,INDEX(Jesper!$R$2:$R$366,ROW(INDEX(Jesper!AJ$2:AJ$366,ROUNDDOWN($C7738/24,0)+1,1))-1)+IF('Standard Profiles'!$G$20=$B$10,7,0)+IF('Standard Profiles'!$G$20=$B$17,14,0)+IF('Standard Profiles'!$G$20=$B$24,21,0),0)),0)</f>
        <v>4.4148655304631959</v>
      </c>
      <c r="G7738" cm="1">
        <f t="array" ref="G7738">IFERROR(INDEX(Jesper!AK$2:AK$366,ROUNDDOWN($C7738/24,0)+1,1)*INDEX($D$3:$AA$30,INDEX(Jesper!$R$2:$R$366,ROW(INDEX(Jesper!AK$2:AK$366,ROUNDDOWN($C7738/24,0)+1,1))-1)+IF('Standard Profiles'!$G$21=$B$10,7,0)+IF('Standard Profiles'!$G$21=$B$17,14,0)+IF('Standard Profiles'!$G$21=$B$24,21,0),MOD($C7738,24)+1)/SUM(INDEX($D$3:$AA$30,INDEX(Jesper!$R$2:$R$366,ROW(INDEX(Jesper!AK$2:AK$366,ROUNDDOWN($C7738/24,0)+1,1))-1)+IF('Standard Profiles'!$G$21=$B$10,7,0)+IF('Standard Profiles'!$G$21=$B$17,14,0)+IF('Standard Profiles'!$G$21=$B$24,21,0),0)),0)</f>
        <v>6.3043312375833747</v>
      </c>
      <c r="H7738" cm="1">
        <f t="array" ref="H7738">IFERROR(INDEX(Jesper!AL$2:AL$366,ROUNDDOWN($C7738/24,0)+1,1)*INDEX($D$3:$AA$30,INDEX(Jesper!$R$2:$R$366,ROW(INDEX(Jesper!AL$2:AL$366,ROUNDDOWN($C7738/24,0)+1,1))-1)+IF('Standard Profiles'!$G$22=$B$10,7,0)+IF('Standard Profiles'!$G$22=$B$17,14,0)+IF('Standard Profiles'!$G$22=$B$24,21,0),MOD($C7738,24)+1)/SUM(INDEX($D$3:$AA$30,INDEX(Jesper!$R$2:$R$366,ROW(INDEX(Jesper!AL$2:AL$366,ROUNDDOWN($C7738/24,0)+1,1))-1)+IF('Standard Profiles'!$G$22=$B$10,7,0)+IF('Standard Profiles'!$G$22=$B$17,14,0)+IF('Standard Profiles'!$G$22=$B$24,21,0),0)),0)</f>
        <v>1.7585171201230894</v>
      </c>
      <c r="I7738">
        <f t="shared" si="860"/>
        <v>1.6881764353181667</v>
      </c>
      <c r="J7738">
        <f t="shared" si="861"/>
        <v>15.488318420189779</v>
      </c>
      <c r="K7738">
        <f t="shared" si="862"/>
        <v>0.42716190612166249</v>
      </c>
      <c r="L7738">
        <f t="shared" si="863"/>
        <v>0.21358095306083125</v>
      </c>
      <c r="M7738">
        <f t="shared" si="864"/>
        <v>0</v>
      </c>
      <c r="N7738" s="45">
        <f t="shared" si="865"/>
        <v>45247.999999981315</v>
      </c>
    </row>
    <row r="7739" spans="2:14" x14ac:dyDescent="0.25">
      <c r="B7739">
        <f t="shared" si="859"/>
        <v>6</v>
      </c>
      <c r="C7739" s="16">
        <v>7705</v>
      </c>
      <c r="D7739" cm="1">
        <f t="array" ref="D7739">IFERROR(INDEX(Jesper!AH$2:AH$366,ROUNDDOWN($C7739/24,0)+1,1)*INDEX($D$3:$AA$30,INDEX(Jesper!$R$2:$R$366,ROW(INDEX(Jesper!AH$2:AH$366,ROUNDDOWN($C7739/24,0)+1,1))-1)+IF('Standard Profiles'!$G$18=$B$10,7,0)+IF('Standard Profiles'!$G$18=$B$17,14,0)+IF('Standard Profiles'!$G$18=$B$24,21,0),MOD($C7739,24)+1)/SUM(INDEX($D$3:$AA$30,INDEX(Jesper!$R$2:$R$366,ROW(INDEX(Jesper!AH$2:AH$366,ROUNDDOWN($C7739/24,0)+1,1))-1)+IF('Standard Profiles'!$G$18=$B$10,7,0)+IF('Standard Profiles'!$G$18=$B$17,14,0)+IF('Standard Profiles'!$G$18=$B$24,21,0),0)),0)</f>
        <v>0</v>
      </c>
      <c r="E7739" cm="1">
        <f t="array" ref="E7739">IFERROR(INDEX(Jesper!AI$2:AI$366,ROUNDDOWN($C7739/24,0)+1,1)*INDEX($D$3:$AA$30,INDEX(Jesper!$R$2:$R$366,ROW(INDEX(Jesper!AI$2:AI$366,ROUNDDOWN($C7739/24,0)+1,1))-1)+IF('Standard Profiles'!$G$19=$B$10,7,0)+IF('Standard Profiles'!$G$19=$B$17,14,0)+IF('Standard Profiles'!$G$19=$B$24,21,0),MOD($C7739,24)+1)/SUM(INDEX($D$3:$AA$30,INDEX(Jesper!$R$2:$R$366,ROW(INDEX(Jesper!AI$2:AI$366,ROUNDDOWN($C7739/24,0)+1,1))-1)+IF('Standard Profiles'!$G$19=$B$10,7,0)+IF('Standard Profiles'!$G$19=$B$17,14,0)+IF('Standard Profiles'!$G$19=$B$24,21,0),0)),0)</f>
        <v>4.8055714438687032</v>
      </c>
      <c r="F7739" cm="1">
        <f t="array" ref="F7739">IFERROR(INDEX(Jesper!AJ$2:AJ$366,ROUNDDOWN($C7739/24,0)+1,1)*INDEX($D$3:$AA$30,INDEX(Jesper!$R$2:$R$366,ROW(INDEX(Jesper!AJ$2:AJ$366,ROUNDDOWN($C7739/24,0)+1,1))-1)+IF('Standard Profiles'!$G$20=$B$10,7,0)+IF('Standard Profiles'!$G$20=$B$17,14,0)+IF('Standard Profiles'!$G$20=$B$24,21,0),MOD($C7739,24)+1)/SUM(INDEX($D$3:$AA$30,INDEX(Jesper!$R$2:$R$366,ROW(INDEX(Jesper!AJ$2:AJ$366,ROUNDDOWN($C7739/24,0)+1,1))-1)+IF('Standard Profiles'!$G$20=$B$10,7,0)+IF('Standard Profiles'!$G$20=$B$17,14,0)+IF('Standard Profiles'!$G$20=$B$24,21,0),0)),0)</f>
        <v>3.9733789774168753</v>
      </c>
      <c r="G7739" cm="1">
        <f t="array" ref="G7739">IFERROR(INDEX(Jesper!AK$2:AK$366,ROUNDDOWN($C7739/24,0)+1,1)*INDEX($D$3:$AA$30,INDEX(Jesper!$R$2:$R$366,ROW(INDEX(Jesper!AK$2:AK$366,ROUNDDOWN($C7739/24,0)+1,1))-1)+IF('Standard Profiles'!$G$21=$B$10,7,0)+IF('Standard Profiles'!$G$21=$B$17,14,0)+IF('Standard Profiles'!$G$21=$B$24,21,0),MOD($C7739,24)+1)/SUM(INDEX($D$3:$AA$30,INDEX(Jesper!$R$2:$R$366,ROW(INDEX(Jesper!AK$2:AK$366,ROUNDDOWN($C7739/24,0)+1,1))-1)+IF('Standard Profiles'!$G$21=$B$10,7,0)+IF('Standard Profiles'!$G$21=$B$17,14,0)+IF('Standard Profiles'!$G$21=$B$24,21,0),0)),0)</f>
        <v>6.3043312375833747</v>
      </c>
      <c r="H7739" cm="1">
        <f t="array" ref="H7739">IFERROR(INDEX(Jesper!AL$2:AL$366,ROUNDDOWN($C7739/24,0)+1,1)*INDEX($D$3:$AA$30,INDEX(Jesper!$R$2:$R$366,ROW(INDEX(Jesper!AL$2:AL$366,ROUNDDOWN($C7739/24,0)+1,1))-1)+IF('Standard Profiles'!$G$22=$B$10,7,0)+IF('Standard Profiles'!$G$22=$B$17,14,0)+IF('Standard Profiles'!$G$22=$B$24,21,0),MOD($C7739,24)+1)/SUM(INDEX($D$3:$AA$30,INDEX(Jesper!$R$2:$R$366,ROW(INDEX(Jesper!AL$2:AL$366,ROUNDDOWN($C7739/24,0)+1,1))-1)+IF('Standard Profiles'!$G$22=$B$10,7,0)+IF('Standard Profiles'!$G$22=$B$17,14,0)+IF('Standard Profiles'!$G$22=$B$24,21,0),0)),0)</f>
        <v>3.4332953297641278</v>
      </c>
      <c r="I7739">
        <f t="shared" si="860"/>
        <v>3.2959635165735643</v>
      </c>
      <c r="J7739">
        <f t="shared" si="861"/>
        <v>14.643944898795272</v>
      </c>
      <c r="K7739">
        <f t="shared" si="862"/>
        <v>0.38444571550949624</v>
      </c>
      <c r="L7739">
        <f t="shared" si="863"/>
        <v>0.19222285775474812</v>
      </c>
      <c r="M7739">
        <f t="shared" si="864"/>
        <v>0</v>
      </c>
      <c r="N7739" s="45">
        <f t="shared" si="865"/>
        <v>45248.04166664798</v>
      </c>
    </row>
    <row r="7740" spans="2:14" x14ac:dyDescent="0.25">
      <c r="B7740">
        <f t="shared" si="859"/>
        <v>6</v>
      </c>
      <c r="C7740" s="16">
        <v>7706</v>
      </c>
      <c r="D7740" cm="1">
        <f t="array" ref="D7740">IFERROR(INDEX(Jesper!AH$2:AH$366,ROUNDDOWN($C7740/24,0)+1,1)*INDEX($D$3:$AA$30,INDEX(Jesper!$R$2:$R$366,ROW(INDEX(Jesper!AH$2:AH$366,ROUNDDOWN($C7740/24,0)+1,1))-1)+IF('Standard Profiles'!$G$18=$B$10,7,0)+IF('Standard Profiles'!$G$18=$B$17,14,0)+IF('Standard Profiles'!$G$18=$B$24,21,0),MOD($C7740,24)+1)/SUM(INDEX($D$3:$AA$30,INDEX(Jesper!$R$2:$R$366,ROW(INDEX(Jesper!AH$2:AH$366,ROUNDDOWN($C7740/24,0)+1,1))-1)+IF('Standard Profiles'!$G$18=$B$10,7,0)+IF('Standard Profiles'!$G$18=$B$17,14,0)+IF('Standard Profiles'!$G$18=$B$24,21,0),0)),0)</f>
        <v>0</v>
      </c>
      <c r="E7740" cm="1">
        <f t="array" ref="E7740">IFERROR(INDEX(Jesper!AI$2:AI$366,ROUNDDOWN($C7740/24,0)+1,1)*INDEX($D$3:$AA$30,INDEX(Jesper!$R$2:$R$366,ROW(INDEX(Jesper!AI$2:AI$366,ROUNDDOWN($C7740/24,0)+1,1))-1)+IF('Standard Profiles'!$G$19=$B$10,7,0)+IF('Standard Profiles'!$G$19=$B$17,14,0)+IF('Standard Profiles'!$G$19=$B$24,21,0),MOD($C7740,24)+1)/SUM(INDEX($D$3:$AA$30,INDEX(Jesper!$R$2:$R$366,ROW(INDEX(Jesper!AI$2:AI$366,ROUNDDOWN($C7740/24,0)+1,1))-1)+IF('Standard Profiles'!$G$19=$B$10,7,0)+IF('Standard Profiles'!$G$19=$B$17,14,0)+IF('Standard Profiles'!$G$19=$B$24,21,0),0)),0)</f>
        <v>4.8055714438687032</v>
      </c>
      <c r="F7740" cm="1">
        <f t="array" ref="F7740">IFERROR(INDEX(Jesper!AJ$2:AJ$366,ROUNDDOWN($C7740/24,0)+1,1)*INDEX($D$3:$AA$30,INDEX(Jesper!$R$2:$R$366,ROW(INDEX(Jesper!AJ$2:AJ$366,ROUNDDOWN($C7740/24,0)+1,1))-1)+IF('Standard Profiles'!$G$20=$B$10,7,0)+IF('Standard Profiles'!$G$20=$B$17,14,0)+IF('Standard Profiles'!$G$20=$B$24,21,0),MOD($C7740,24)+1)/SUM(INDEX($D$3:$AA$30,INDEX(Jesper!$R$2:$R$366,ROW(INDEX(Jesper!AJ$2:AJ$366,ROUNDDOWN($C7740/24,0)+1,1))-1)+IF('Standard Profiles'!$G$20=$B$10,7,0)+IF('Standard Profiles'!$G$20=$B$17,14,0)+IF('Standard Profiles'!$G$20=$B$24,21,0),0)),0)</f>
        <v>3.9733789774168753</v>
      </c>
      <c r="G7740" cm="1">
        <f t="array" ref="G7740">IFERROR(INDEX(Jesper!AK$2:AK$366,ROUNDDOWN($C7740/24,0)+1,1)*INDEX($D$3:$AA$30,INDEX(Jesper!$R$2:$R$366,ROW(INDEX(Jesper!AK$2:AK$366,ROUNDDOWN($C7740/24,0)+1,1))-1)+IF('Standard Profiles'!$G$21=$B$10,7,0)+IF('Standard Profiles'!$G$21=$B$17,14,0)+IF('Standard Profiles'!$G$21=$B$24,21,0),MOD($C7740,24)+1)/SUM(INDEX($D$3:$AA$30,INDEX(Jesper!$R$2:$R$366,ROW(INDEX(Jesper!AK$2:AK$366,ROUNDDOWN($C7740/24,0)+1,1))-1)+IF('Standard Profiles'!$G$21=$B$10,7,0)+IF('Standard Profiles'!$G$21=$B$17,14,0)+IF('Standard Profiles'!$G$21=$B$24,21,0),0)),0)</f>
        <v>6.3043312375833747</v>
      </c>
      <c r="H7740" cm="1">
        <f t="array" ref="H7740">IFERROR(INDEX(Jesper!AL$2:AL$366,ROUNDDOWN($C7740/24,0)+1,1)*INDEX($D$3:$AA$30,INDEX(Jesper!$R$2:$R$366,ROW(INDEX(Jesper!AL$2:AL$366,ROUNDDOWN($C7740/24,0)+1,1))-1)+IF('Standard Profiles'!$G$22=$B$10,7,0)+IF('Standard Profiles'!$G$22=$B$17,14,0)+IF('Standard Profiles'!$G$22=$B$24,21,0),MOD($C7740,24)+1)/SUM(INDEX($D$3:$AA$30,INDEX(Jesper!$R$2:$R$366,ROW(INDEX(Jesper!AL$2:AL$366,ROUNDDOWN($C7740/24,0)+1,1))-1)+IF('Standard Profiles'!$G$22=$B$10,7,0)+IF('Standard Profiles'!$G$22=$B$17,14,0)+IF('Standard Profiles'!$G$22=$B$24,21,0),0)),0)</f>
        <v>3.4332953297641278</v>
      </c>
      <c r="I7740">
        <f t="shared" si="860"/>
        <v>3.2959635165735643</v>
      </c>
      <c r="J7740">
        <f t="shared" si="861"/>
        <v>14.643944898795272</v>
      </c>
      <c r="K7740">
        <f t="shared" si="862"/>
        <v>0.38444571550949624</v>
      </c>
      <c r="L7740">
        <f t="shared" si="863"/>
        <v>0.19222285775474812</v>
      </c>
      <c r="M7740">
        <f t="shared" si="864"/>
        <v>0</v>
      </c>
      <c r="N7740" s="45">
        <f t="shared" si="865"/>
        <v>45248.083333314644</v>
      </c>
    </row>
    <row r="7741" spans="2:14" x14ac:dyDescent="0.25">
      <c r="B7741">
        <f t="shared" si="859"/>
        <v>6</v>
      </c>
      <c r="C7741" s="16">
        <v>7707</v>
      </c>
      <c r="D7741" cm="1">
        <f t="array" ref="D7741">IFERROR(INDEX(Jesper!AH$2:AH$366,ROUNDDOWN($C7741/24,0)+1,1)*INDEX($D$3:$AA$30,INDEX(Jesper!$R$2:$R$366,ROW(INDEX(Jesper!AH$2:AH$366,ROUNDDOWN($C7741/24,0)+1,1))-1)+IF('Standard Profiles'!$G$18=$B$10,7,0)+IF('Standard Profiles'!$G$18=$B$17,14,0)+IF('Standard Profiles'!$G$18=$B$24,21,0),MOD($C7741,24)+1)/SUM(INDEX($D$3:$AA$30,INDEX(Jesper!$R$2:$R$366,ROW(INDEX(Jesper!AH$2:AH$366,ROUNDDOWN($C7741/24,0)+1,1))-1)+IF('Standard Profiles'!$G$18=$B$10,7,0)+IF('Standard Profiles'!$G$18=$B$17,14,0)+IF('Standard Profiles'!$G$18=$B$24,21,0),0)),0)</f>
        <v>0</v>
      </c>
      <c r="E7741" cm="1">
        <f t="array" ref="E7741">IFERROR(INDEX(Jesper!AI$2:AI$366,ROUNDDOWN($C7741/24,0)+1,1)*INDEX($D$3:$AA$30,INDEX(Jesper!$R$2:$R$366,ROW(INDEX(Jesper!AI$2:AI$366,ROUNDDOWN($C7741/24,0)+1,1))-1)+IF('Standard Profiles'!$G$19=$B$10,7,0)+IF('Standard Profiles'!$G$19=$B$17,14,0)+IF('Standard Profiles'!$G$19=$B$24,21,0),MOD($C7741,24)+1)/SUM(INDEX($D$3:$AA$30,INDEX(Jesper!$R$2:$R$366,ROW(INDEX(Jesper!AI$2:AI$366,ROUNDDOWN($C7741/24,0)+1,1))-1)+IF('Standard Profiles'!$G$19=$B$10,7,0)+IF('Standard Profiles'!$G$19=$B$17,14,0)+IF('Standard Profiles'!$G$19=$B$24,21,0),0)),0)</f>
        <v>4.8055714438687032</v>
      </c>
      <c r="F7741" cm="1">
        <f t="array" ref="F7741">IFERROR(INDEX(Jesper!AJ$2:AJ$366,ROUNDDOWN($C7741/24,0)+1,1)*INDEX($D$3:$AA$30,INDEX(Jesper!$R$2:$R$366,ROW(INDEX(Jesper!AJ$2:AJ$366,ROUNDDOWN($C7741/24,0)+1,1))-1)+IF('Standard Profiles'!$G$20=$B$10,7,0)+IF('Standard Profiles'!$G$20=$B$17,14,0)+IF('Standard Profiles'!$G$20=$B$24,21,0),MOD($C7741,24)+1)/SUM(INDEX($D$3:$AA$30,INDEX(Jesper!$R$2:$R$366,ROW(INDEX(Jesper!AJ$2:AJ$366,ROUNDDOWN($C7741/24,0)+1,1))-1)+IF('Standard Profiles'!$G$20=$B$10,7,0)+IF('Standard Profiles'!$G$20=$B$17,14,0)+IF('Standard Profiles'!$G$20=$B$24,21,0),0)),0)</f>
        <v>3.9733789774168753</v>
      </c>
      <c r="G7741" cm="1">
        <f t="array" ref="G7741">IFERROR(INDEX(Jesper!AK$2:AK$366,ROUNDDOWN($C7741/24,0)+1,1)*INDEX($D$3:$AA$30,INDEX(Jesper!$R$2:$R$366,ROW(INDEX(Jesper!AK$2:AK$366,ROUNDDOWN($C7741/24,0)+1,1))-1)+IF('Standard Profiles'!$G$21=$B$10,7,0)+IF('Standard Profiles'!$G$21=$B$17,14,0)+IF('Standard Profiles'!$G$21=$B$24,21,0),MOD($C7741,24)+1)/SUM(INDEX($D$3:$AA$30,INDEX(Jesper!$R$2:$R$366,ROW(INDEX(Jesper!AK$2:AK$366,ROUNDDOWN($C7741/24,0)+1,1))-1)+IF('Standard Profiles'!$G$21=$B$10,7,0)+IF('Standard Profiles'!$G$21=$B$17,14,0)+IF('Standard Profiles'!$G$21=$B$24,21,0),0)),0)</f>
        <v>6.3043312375833747</v>
      </c>
      <c r="H7741" cm="1">
        <f t="array" ref="H7741">IFERROR(INDEX(Jesper!AL$2:AL$366,ROUNDDOWN($C7741/24,0)+1,1)*INDEX($D$3:$AA$30,INDEX(Jesper!$R$2:$R$366,ROW(INDEX(Jesper!AL$2:AL$366,ROUNDDOWN($C7741/24,0)+1,1))-1)+IF('Standard Profiles'!$G$22=$B$10,7,0)+IF('Standard Profiles'!$G$22=$B$17,14,0)+IF('Standard Profiles'!$G$22=$B$24,21,0),MOD($C7741,24)+1)/SUM(INDEX($D$3:$AA$30,INDEX(Jesper!$R$2:$R$366,ROW(INDEX(Jesper!AL$2:AL$366,ROUNDDOWN($C7741/24,0)+1,1))-1)+IF('Standard Profiles'!$G$22=$B$10,7,0)+IF('Standard Profiles'!$G$22=$B$17,14,0)+IF('Standard Profiles'!$G$22=$B$24,21,0),0)),0)</f>
        <v>3.4332953297641278</v>
      </c>
      <c r="I7741">
        <f t="shared" si="860"/>
        <v>3.2959635165735643</v>
      </c>
      <c r="J7741">
        <f t="shared" si="861"/>
        <v>14.643944898795272</v>
      </c>
      <c r="K7741">
        <f t="shared" si="862"/>
        <v>0.38444571550949624</v>
      </c>
      <c r="L7741">
        <f t="shared" si="863"/>
        <v>0.19222285775474812</v>
      </c>
      <c r="M7741">
        <f t="shared" si="864"/>
        <v>0</v>
      </c>
      <c r="N7741" s="45">
        <f t="shared" si="865"/>
        <v>45248.124999981308</v>
      </c>
    </row>
    <row r="7742" spans="2:14" x14ac:dyDescent="0.25">
      <c r="B7742">
        <f t="shared" si="859"/>
        <v>6</v>
      </c>
      <c r="C7742" s="16">
        <v>7708</v>
      </c>
      <c r="D7742" cm="1">
        <f t="array" ref="D7742">IFERROR(INDEX(Jesper!AH$2:AH$366,ROUNDDOWN($C7742/24,0)+1,1)*INDEX($D$3:$AA$30,INDEX(Jesper!$R$2:$R$366,ROW(INDEX(Jesper!AH$2:AH$366,ROUNDDOWN($C7742/24,0)+1,1))-1)+IF('Standard Profiles'!$G$18=$B$10,7,0)+IF('Standard Profiles'!$G$18=$B$17,14,0)+IF('Standard Profiles'!$G$18=$B$24,21,0),MOD($C7742,24)+1)/SUM(INDEX($D$3:$AA$30,INDEX(Jesper!$R$2:$R$366,ROW(INDEX(Jesper!AH$2:AH$366,ROUNDDOWN($C7742/24,0)+1,1))-1)+IF('Standard Profiles'!$G$18=$B$10,7,0)+IF('Standard Profiles'!$G$18=$B$17,14,0)+IF('Standard Profiles'!$G$18=$B$24,21,0),0)),0)</f>
        <v>0</v>
      </c>
      <c r="E7742" cm="1">
        <f t="array" ref="E7742">IFERROR(INDEX(Jesper!AI$2:AI$366,ROUNDDOWN($C7742/24,0)+1,1)*INDEX($D$3:$AA$30,INDEX(Jesper!$R$2:$R$366,ROW(INDEX(Jesper!AI$2:AI$366,ROUNDDOWN($C7742/24,0)+1,1))-1)+IF('Standard Profiles'!$G$19=$B$10,7,0)+IF('Standard Profiles'!$G$19=$B$17,14,0)+IF('Standard Profiles'!$G$19=$B$24,21,0),MOD($C7742,24)+1)/SUM(INDEX($D$3:$AA$30,INDEX(Jesper!$R$2:$R$366,ROW(INDEX(Jesper!AI$2:AI$366,ROUNDDOWN($C7742/24,0)+1,1))-1)+IF('Standard Profiles'!$G$19=$B$10,7,0)+IF('Standard Profiles'!$G$19=$B$17,14,0)+IF('Standard Profiles'!$G$19=$B$24,21,0),0)),0)</f>
        <v>4.8055714438687032</v>
      </c>
      <c r="F7742" cm="1">
        <f t="array" ref="F7742">IFERROR(INDEX(Jesper!AJ$2:AJ$366,ROUNDDOWN($C7742/24,0)+1,1)*INDEX($D$3:$AA$30,INDEX(Jesper!$R$2:$R$366,ROW(INDEX(Jesper!AJ$2:AJ$366,ROUNDDOWN($C7742/24,0)+1,1))-1)+IF('Standard Profiles'!$G$20=$B$10,7,0)+IF('Standard Profiles'!$G$20=$B$17,14,0)+IF('Standard Profiles'!$G$20=$B$24,21,0),MOD($C7742,24)+1)/SUM(INDEX($D$3:$AA$30,INDEX(Jesper!$R$2:$R$366,ROW(INDEX(Jesper!AJ$2:AJ$366,ROUNDDOWN($C7742/24,0)+1,1))-1)+IF('Standard Profiles'!$G$20=$B$10,7,0)+IF('Standard Profiles'!$G$20=$B$17,14,0)+IF('Standard Profiles'!$G$20=$B$24,21,0),0)),0)</f>
        <v>3.9733789774168753</v>
      </c>
      <c r="G7742" cm="1">
        <f t="array" ref="G7742">IFERROR(INDEX(Jesper!AK$2:AK$366,ROUNDDOWN($C7742/24,0)+1,1)*INDEX($D$3:$AA$30,INDEX(Jesper!$R$2:$R$366,ROW(INDEX(Jesper!AK$2:AK$366,ROUNDDOWN($C7742/24,0)+1,1))-1)+IF('Standard Profiles'!$G$21=$B$10,7,0)+IF('Standard Profiles'!$G$21=$B$17,14,0)+IF('Standard Profiles'!$G$21=$B$24,21,0),MOD($C7742,24)+1)/SUM(INDEX($D$3:$AA$30,INDEX(Jesper!$R$2:$R$366,ROW(INDEX(Jesper!AK$2:AK$366,ROUNDDOWN($C7742/24,0)+1,1))-1)+IF('Standard Profiles'!$G$21=$B$10,7,0)+IF('Standard Profiles'!$G$21=$B$17,14,0)+IF('Standard Profiles'!$G$21=$B$24,21,0),0)),0)</f>
        <v>6.3043312375833747</v>
      </c>
      <c r="H7742" cm="1">
        <f t="array" ref="H7742">IFERROR(INDEX(Jesper!AL$2:AL$366,ROUNDDOWN($C7742/24,0)+1,1)*INDEX($D$3:$AA$30,INDEX(Jesper!$R$2:$R$366,ROW(INDEX(Jesper!AL$2:AL$366,ROUNDDOWN($C7742/24,0)+1,1))-1)+IF('Standard Profiles'!$G$22=$B$10,7,0)+IF('Standard Profiles'!$G$22=$B$17,14,0)+IF('Standard Profiles'!$G$22=$B$24,21,0),MOD($C7742,24)+1)/SUM(INDEX($D$3:$AA$30,INDEX(Jesper!$R$2:$R$366,ROW(INDEX(Jesper!AL$2:AL$366,ROUNDDOWN($C7742/24,0)+1,1))-1)+IF('Standard Profiles'!$G$22=$B$10,7,0)+IF('Standard Profiles'!$G$22=$B$17,14,0)+IF('Standard Profiles'!$G$22=$B$24,21,0),0)),0)</f>
        <v>3.4332953297641278</v>
      </c>
      <c r="I7742">
        <f t="shared" si="860"/>
        <v>3.2959635165735643</v>
      </c>
      <c r="J7742">
        <f t="shared" si="861"/>
        <v>14.643944898795272</v>
      </c>
      <c r="K7742">
        <f t="shared" si="862"/>
        <v>0.38444571550949624</v>
      </c>
      <c r="L7742">
        <f t="shared" si="863"/>
        <v>0.19222285775474812</v>
      </c>
      <c r="M7742">
        <f t="shared" si="864"/>
        <v>0</v>
      </c>
      <c r="N7742" s="45">
        <f t="shared" si="865"/>
        <v>45248.166666647972</v>
      </c>
    </row>
    <row r="7743" spans="2:14" x14ac:dyDescent="0.25">
      <c r="B7743">
        <f t="shared" si="859"/>
        <v>6</v>
      </c>
      <c r="C7743" s="16">
        <v>7709</v>
      </c>
      <c r="D7743" cm="1">
        <f t="array" ref="D7743">IFERROR(INDEX(Jesper!AH$2:AH$366,ROUNDDOWN($C7743/24,0)+1,1)*INDEX($D$3:$AA$30,INDEX(Jesper!$R$2:$R$366,ROW(INDEX(Jesper!AH$2:AH$366,ROUNDDOWN($C7743/24,0)+1,1))-1)+IF('Standard Profiles'!$G$18=$B$10,7,0)+IF('Standard Profiles'!$G$18=$B$17,14,0)+IF('Standard Profiles'!$G$18=$B$24,21,0),MOD($C7743,24)+1)/SUM(INDEX($D$3:$AA$30,INDEX(Jesper!$R$2:$R$366,ROW(INDEX(Jesper!AH$2:AH$366,ROUNDDOWN($C7743/24,0)+1,1))-1)+IF('Standard Profiles'!$G$18=$B$10,7,0)+IF('Standard Profiles'!$G$18=$B$17,14,0)+IF('Standard Profiles'!$G$18=$B$24,21,0),0)),0)</f>
        <v>0</v>
      </c>
      <c r="E7743" cm="1">
        <f t="array" ref="E7743">IFERROR(INDEX(Jesper!AI$2:AI$366,ROUNDDOWN($C7743/24,0)+1,1)*INDEX($D$3:$AA$30,INDEX(Jesper!$R$2:$R$366,ROW(INDEX(Jesper!AI$2:AI$366,ROUNDDOWN($C7743/24,0)+1,1))-1)+IF('Standard Profiles'!$G$19=$B$10,7,0)+IF('Standard Profiles'!$G$19=$B$17,14,0)+IF('Standard Profiles'!$G$19=$B$24,21,0),MOD($C7743,24)+1)/SUM(INDEX($D$3:$AA$30,INDEX(Jesper!$R$2:$R$366,ROW(INDEX(Jesper!AI$2:AI$366,ROUNDDOWN($C7743/24,0)+1,1))-1)+IF('Standard Profiles'!$G$19=$B$10,7,0)+IF('Standard Profiles'!$G$19=$B$17,14,0)+IF('Standard Profiles'!$G$19=$B$24,21,0),0)),0)</f>
        <v>4.8055714438687032</v>
      </c>
      <c r="F7743" cm="1">
        <f t="array" ref="F7743">IFERROR(INDEX(Jesper!AJ$2:AJ$366,ROUNDDOWN($C7743/24,0)+1,1)*INDEX($D$3:$AA$30,INDEX(Jesper!$R$2:$R$366,ROW(INDEX(Jesper!AJ$2:AJ$366,ROUNDDOWN($C7743/24,0)+1,1))-1)+IF('Standard Profiles'!$G$20=$B$10,7,0)+IF('Standard Profiles'!$G$20=$B$17,14,0)+IF('Standard Profiles'!$G$20=$B$24,21,0),MOD($C7743,24)+1)/SUM(INDEX($D$3:$AA$30,INDEX(Jesper!$R$2:$R$366,ROW(INDEX(Jesper!AJ$2:AJ$366,ROUNDDOWN($C7743/24,0)+1,1))-1)+IF('Standard Profiles'!$G$20=$B$10,7,0)+IF('Standard Profiles'!$G$20=$B$17,14,0)+IF('Standard Profiles'!$G$20=$B$24,21,0),0)),0)</f>
        <v>3.9733789774168753</v>
      </c>
      <c r="G7743" cm="1">
        <f t="array" ref="G7743">IFERROR(INDEX(Jesper!AK$2:AK$366,ROUNDDOWN($C7743/24,0)+1,1)*INDEX($D$3:$AA$30,INDEX(Jesper!$R$2:$R$366,ROW(INDEX(Jesper!AK$2:AK$366,ROUNDDOWN($C7743/24,0)+1,1))-1)+IF('Standard Profiles'!$G$21=$B$10,7,0)+IF('Standard Profiles'!$G$21=$B$17,14,0)+IF('Standard Profiles'!$G$21=$B$24,21,0),MOD($C7743,24)+1)/SUM(INDEX($D$3:$AA$30,INDEX(Jesper!$R$2:$R$366,ROW(INDEX(Jesper!AK$2:AK$366,ROUNDDOWN($C7743/24,0)+1,1))-1)+IF('Standard Profiles'!$G$21=$B$10,7,0)+IF('Standard Profiles'!$G$21=$B$17,14,0)+IF('Standard Profiles'!$G$21=$B$24,21,0),0)),0)</f>
        <v>6.3043312375833747</v>
      </c>
      <c r="H7743" cm="1">
        <f t="array" ref="H7743">IFERROR(INDEX(Jesper!AL$2:AL$366,ROUNDDOWN($C7743/24,0)+1,1)*INDEX($D$3:$AA$30,INDEX(Jesper!$R$2:$R$366,ROW(INDEX(Jesper!AL$2:AL$366,ROUNDDOWN($C7743/24,0)+1,1))-1)+IF('Standard Profiles'!$G$22=$B$10,7,0)+IF('Standard Profiles'!$G$22=$B$17,14,0)+IF('Standard Profiles'!$G$22=$B$24,21,0),MOD($C7743,24)+1)/SUM(INDEX($D$3:$AA$30,INDEX(Jesper!$R$2:$R$366,ROW(INDEX(Jesper!AL$2:AL$366,ROUNDDOWN($C7743/24,0)+1,1))-1)+IF('Standard Profiles'!$G$22=$B$10,7,0)+IF('Standard Profiles'!$G$22=$B$17,14,0)+IF('Standard Profiles'!$G$22=$B$24,21,0),0)),0)</f>
        <v>4.2706844345846458</v>
      </c>
      <c r="I7743">
        <f t="shared" si="860"/>
        <v>4.0998570572012625</v>
      </c>
      <c r="J7743">
        <f t="shared" si="861"/>
        <v>14.677440462988093</v>
      </c>
      <c r="K7743">
        <f t="shared" si="862"/>
        <v>0.38444571550949624</v>
      </c>
      <c r="L7743">
        <f t="shared" si="863"/>
        <v>0.19222285775474812</v>
      </c>
      <c r="M7743">
        <f t="shared" si="864"/>
        <v>0</v>
      </c>
      <c r="N7743" s="45">
        <f t="shared" si="865"/>
        <v>45248.208333314637</v>
      </c>
    </row>
    <row r="7744" spans="2:14" x14ac:dyDescent="0.25">
      <c r="B7744">
        <f t="shared" si="859"/>
        <v>6</v>
      </c>
      <c r="C7744" s="16">
        <v>7710</v>
      </c>
      <c r="D7744" cm="1">
        <f t="array" ref="D7744">IFERROR(INDEX(Jesper!AH$2:AH$366,ROUNDDOWN($C7744/24,0)+1,1)*INDEX($D$3:$AA$30,INDEX(Jesper!$R$2:$R$366,ROW(INDEX(Jesper!AH$2:AH$366,ROUNDDOWN($C7744/24,0)+1,1))-1)+IF('Standard Profiles'!$G$18=$B$10,7,0)+IF('Standard Profiles'!$G$18=$B$17,14,0)+IF('Standard Profiles'!$G$18=$B$24,21,0),MOD($C7744,24)+1)/SUM(INDEX($D$3:$AA$30,INDEX(Jesper!$R$2:$R$366,ROW(INDEX(Jesper!AH$2:AH$366,ROUNDDOWN($C7744/24,0)+1,1))-1)+IF('Standard Profiles'!$G$18=$B$10,7,0)+IF('Standard Profiles'!$G$18=$B$17,14,0)+IF('Standard Profiles'!$G$18=$B$24,21,0),0)),0)</f>
        <v>0</v>
      </c>
      <c r="E7744" cm="1">
        <f t="array" ref="E7744">IFERROR(INDEX(Jesper!AI$2:AI$366,ROUNDDOWN($C7744/24,0)+1,1)*INDEX($D$3:$AA$30,INDEX(Jesper!$R$2:$R$366,ROW(INDEX(Jesper!AI$2:AI$366,ROUNDDOWN($C7744/24,0)+1,1))-1)+IF('Standard Profiles'!$G$19=$B$10,7,0)+IF('Standard Profiles'!$G$19=$B$17,14,0)+IF('Standard Profiles'!$G$19=$B$24,21,0),MOD($C7744,24)+1)/SUM(INDEX($D$3:$AA$30,INDEX(Jesper!$R$2:$R$366,ROW(INDEX(Jesper!AI$2:AI$366,ROUNDDOWN($C7744/24,0)+1,1))-1)+IF('Standard Profiles'!$G$19=$B$10,7,0)+IF('Standard Profiles'!$G$19=$B$17,14,0)+IF('Standard Profiles'!$G$19=$B$24,21,0),0)),0)</f>
        <v>4.8055714438687032</v>
      </c>
      <c r="F7744" cm="1">
        <f t="array" ref="F7744">IFERROR(INDEX(Jesper!AJ$2:AJ$366,ROUNDDOWN($C7744/24,0)+1,1)*INDEX($D$3:$AA$30,INDEX(Jesper!$R$2:$R$366,ROW(INDEX(Jesper!AJ$2:AJ$366,ROUNDDOWN($C7744/24,0)+1,1))-1)+IF('Standard Profiles'!$G$20=$B$10,7,0)+IF('Standard Profiles'!$G$20=$B$17,14,0)+IF('Standard Profiles'!$G$20=$B$24,21,0),MOD($C7744,24)+1)/SUM(INDEX($D$3:$AA$30,INDEX(Jesper!$R$2:$R$366,ROW(INDEX(Jesper!AJ$2:AJ$366,ROUNDDOWN($C7744/24,0)+1,1))-1)+IF('Standard Profiles'!$G$20=$B$10,7,0)+IF('Standard Profiles'!$G$20=$B$17,14,0)+IF('Standard Profiles'!$G$20=$B$24,21,0),0)),0)</f>
        <v>3.9733789774168753</v>
      </c>
      <c r="G7744" cm="1">
        <f t="array" ref="G7744">IFERROR(INDEX(Jesper!AK$2:AK$366,ROUNDDOWN($C7744/24,0)+1,1)*INDEX($D$3:$AA$30,INDEX(Jesper!$R$2:$R$366,ROW(INDEX(Jesper!AK$2:AK$366,ROUNDDOWN($C7744/24,0)+1,1))-1)+IF('Standard Profiles'!$G$21=$B$10,7,0)+IF('Standard Profiles'!$G$21=$B$17,14,0)+IF('Standard Profiles'!$G$21=$B$24,21,0),MOD($C7744,24)+1)/SUM(INDEX($D$3:$AA$30,INDEX(Jesper!$R$2:$R$366,ROW(INDEX(Jesper!AK$2:AK$366,ROUNDDOWN($C7744/24,0)+1,1))-1)+IF('Standard Profiles'!$G$21=$B$10,7,0)+IF('Standard Profiles'!$G$21=$B$17,14,0)+IF('Standard Profiles'!$G$21=$B$24,21,0),0)),0)</f>
        <v>6.3043312375833747</v>
      </c>
      <c r="H7744" cm="1">
        <f t="array" ref="H7744">IFERROR(INDEX(Jesper!AL$2:AL$366,ROUNDDOWN($C7744/24,0)+1,1)*INDEX($D$3:$AA$30,INDEX(Jesper!$R$2:$R$366,ROW(INDEX(Jesper!AL$2:AL$366,ROUNDDOWN($C7744/24,0)+1,1))-1)+IF('Standard Profiles'!$G$22=$B$10,7,0)+IF('Standard Profiles'!$G$22=$B$17,14,0)+IF('Standard Profiles'!$G$22=$B$24,21,0),MOD($C7744,24)+1)/SUM(INDEX($D$3:$AA$30,INDEX(Jesper!$R$2:$R$366,ROW(INDEX(Jesper!AL$2:AL$366,ROUNDDOWN($C7744/24,0)+1,1))-1)+IF('Standard Profiles'!$G$22=$B$10,7,0)+IF('Standard Profiles'!$G$22=$B$17,14,0)+IF('Standard Profiles'!$G$22=$B$24,21,0),0)),0)</f>
        <v>5.3592902708513206</v>
      </c>
      <c r="I7744">
        <f t="shared" si="860"/>
        <v>5.1449186600172707</v>
      </c>
      <c r="J7744">
        <f t="shared" si="861"/>
        <v>14.720984696438759</v>
      </c>
      <c r="K7744">
        <f t="shared" si="862"/>
        <v>0.38444571550949624</v>
      </c>
      <c r="L7744">
        <f t="shared" si="863"/>
        <v>0.19222285775474812</v>
      </c>
      <c r="M7744">
        <f t="shared" si="864"/>
        <v>0</v>
      </c>
      <c r="N7744" s="45">
        <f t="shared" si="865"/>
        <v>45248.249999981301</v>
      </c>
    </row>
    <row r="7745" spans="2:14" x14ac:dyDescent="0.25">
      <c r="B7745">
        <f t="shared" si="859"/>
        <v>6</v>
      </c>
      <c r="C7745" s="16">
        <v>7711</v>
      </c>
      <c r="D7745" cm="1">
        <f t="array" ref="D7745">IFERROR(INDEX(Jesper!AH$2:AH$366,ROUNDDOWN($C7745/24,0)+1,1)*INDEX($D$3:$AA$30,INDEX(Jesper!$R$2:$R$366,ROW(INDEX(Jesper!AH$2:AH$366,ROUNDDOWN($C7745/24,0)+1,1))-1)+IF('Standard Profiles'!$G$18=$B$10,7,0)+IF('Standard Profiles'!$G$18=$B$17,14,0)+IF('Standard Profiles'!$G$18=$B$24,21,0),MOD($C7745,24)+1)/SUM(INDEX($D$3:$AA$30,INDEX(Jesper!$R$2:$R$366,ROW(INDEX(Jesper!AH$2:AH$366,ROUNDDOWN($C7745/24,0)+1,1))-1)+IF('Standard Profiles'!$G$18=$B$10,7,0)+IF('Standard Profiles'!$G$18=$B$17,14,0)+IF('Standard Profiles'!$G$18=$B$24,21,0),0)),0)</f>
        <v>0</v>
      </c>
      <c r="E7745" cm="1">
        <f t="array" ref="E7745">IFERROR(INDEX(Jesper!AI$2:AI$366,ROUNDDOWN($C7745/24,0)+1,1)*INDEX($D$3:$AA$30,INDEX(Jesper!$R$2:$R$366,ROW(INDEX(Jesper!AI$2:AI$366,ROUNDDOWN($C7745/24,0)+1,1))-1)+IF('Standard Profiles'!$G$19=$B$10,7,0)+IF('Standard Profiles'!$G$19=$B$17,14,0)+IF('Standard Profiles'!$G$19=$B$24,21,0),MOD($C7745,24)+1)/SUM(INDEX($D$3:$AA$30,INDEX(Jesper!$R$2:$R$366,ROW(INDEX(Jesper!AI$2:AI$366,ROUNDDOWN($C7745/24,0)+1,1))-1)+IF('Standard Profiles'!$G$19=$B$10,7,0)+IF('Standard Profiles'!$G$19=$B$17,14,0)+IF('Standard Profiles'!$G$19=$B$24,21,0),0)),0)</f>
        <v>4.8055714438687032</v>
      </c>
      <c r="F7745" cm="1">
        <f t="array" ref="F7745">IFERROR(INDEX(Jesper!AJ$2:AJ$366,ROUNDDOWN($C7745/24,0)+1,1)*INDEX($D$3:$AA$30,INDEX(Jesper!$R$2:$R$366,ROW(INDEX(Jesper!AJ$2:AJ$366,ROUNDDOWN($C7745/24,0)+1,1))-1)+IF('Standard Profiles'!$G$20=$B$10,7,0)+IF('Standard Profiles'!$G$20=$B$17,14,0)+IF('Standard Profiles'!$G$20=$B$24,21,0),MOD($C7745,24)+1)/SUM(INDEX($D$3:$AA$30,INDEX(Jesper!$R$2:$R$366,ROW(INDEX(Jesper!AJ$2:AJ$366,ROUNDDOWN($C7745/24,0)+1,1))-1)+IF('Standard Profiles'!$G$20=$B$10,7,0)+IF('Standard Profiles'!$G$20=$B$17,14,0)+IF('Standard Profiles'!$G$20=$B$24,21,0),0)),0)</f>
        <v>3.9733789774168753</v>
      </c>
      <c r="G7745" cm="1">
        <f t="array" ref="G7745">IFERROR(INDEX(Jesper!AK$2:AK$366,ROUNDDOWN($C7745/24,0)+1,1)*INDEX($D$3:$AA$30,INDEX(Jesper!$R$2:$R$366,ROW(INDEX(Jesper!AK$2:AK$366,ROUNDDOWN($C7745/24,0)+1,1))-1)+IF('Standard Profiles'!$G$21=$B$10,7,0)+IF('Standard Profiles'!$G$21=$B$17,14,0)+IF('Standard Profiles'!$G$21=$B$24,21,0),MOD($C7745,24)+1)/SUM(INDEX($D$3:$AA$30,INDEX(Jesper!$R$2:$R$366,ROW(INDEX(Jesper!AK$2:AK$366,ROUNDDOWN($C7745/24,0)+1,1))-1)+IF('Standard Profiles'!$G$21=$B$10,7,0)+IF('Standard Profiles'!$G$21=$B$17,14,0)+IF('Standard Profiles'!$G$21=$B$24,21,0),0)),0)</f>
        <v>6.3043312375833747</v>
      </c>
      <c r="H7745" cm="1">
        <f t="array" ref="H7745">IFERROR(INDEX(Jesper!AL$2:AL$366,ROUNDDOWN($C7745/24,0)+1,1)*INDEX($D$3:$AA$30,INDEX(Jesper!$R$2:$R$366,ROW(INDEX(Jesper!AL$2:AL$366,ROUNDDOWN($C7745/24,0)+1,1))-1)+IF('Standard Profiles'!$G$22=$B$10,7,0)+IF('Standard Profiles'!$G$22=$B$17,14,0)+IF('Standard Profiles'!$G$22=$B$24,21,0),MOD($C7745,24)+1)/SUM(INDEX($D$3:$AA$30,INDEX(Jesper!$R$2:$R$366,ROW(INDEX(Jesper!AL$2:AL$366,ROUNDDOWN($C7745/24,0)+1,1))-1)+IF('Standard Profiles'!$G$22=$B$10,7,0)+IF('Standard Profiles'!$G$22=$B$17,14,0)+IF('Standard Profiles'!$G$22=$B$24,21,0),0)),0)</f>
        <v>6.1129404651897872</v>
      </c>
      <c r="I7745">
        <f t="shared" si="860"/>
        <v>5.8684228465821988</v>
      </c>
      <c r="J7745">
        <f t="shared" si="861"/>
        <v>14.751130704212297</v>
      </c>
      <c r="K7745">
        <f t="shared" si="862"/>
        <v>0.38444571550949624</v>
      </c>
      <c r="L7745">
        <f t="shared" si="863"/>
        <v>0.19222285775474812</v>
      </c>
      <c r="M7745">
        <f t="shared" si="864"/>
        <v>0</v>
      </c>
      <c r="N7745" s="45">
        <f t="shared" si="865"/>
        <v>45248.291666647965</v>
      </c>
    </row>
    <row r="7746" spans="2:14" x14ac:dyDescent="0.25">
      <c r="B7746">
        <f t="shared" si="859"/>
        <v>6</v>
      </c>
      <c r="C7746" s="16">
        <v>7712</v>
      </c>
      <c r="D7746" cm="1">
        <f t="array" ref="D7746">IFERROR(INDEX(Jesper!AH$2:AH$366,ROUNDDOWN($C7746/24,0)+1,1)*INDEX($D$3:$AA$30,INDEX(Jesper!$R$2:$R$366,ROW(INDEX(Jesper!AH$2:AH$366,ROUNDDOWN($C7746/24,0)+1,1))-1)+IF('Standard Profiles'!$G$18=$B$10,7,0)+IF('Standard Profiles'!$G$18=$B$17,14,0)+IF('Standard Profiles'!$G$18=$B$24,21,0),MOD($C7746,24)+1)/SUM(INDEX($D$3:$AA$30,INDEX(Jesper!$R$2:$R$366,ROW(INDEX(Jesper!AH$2:AH$366,ROUNDDOWN($C7746/24,0)+1,1))-1)+IF('Standard Profiles'!$G$18=$B$10,7,0)+IF('Standard Profiles'!$G$18=$B$17,14,0)+IF('Standard Profiles'!$G$18=$B$24,21,0),0)),0)</f>
        <v>0</v>
      </c>
      <c r="E7746" cm="1">
        <f t="array" ref="E7746">IFERROR(INDEX(Jesper!AI$2:AI$366,ROUNDDOWN($C7746/24,0)+1,1)*INDEX($D$3:$AA$30,INDEX(Jesper!$R$2:$R$366,ROW(INDEX(Jesper!AI$2:AI$366,ROUNDDOWN($C7746/24,0)+1,1))-1)+IF('Standard Profiles'!$G$19=$B$10,7,0)+IF('Standard Profiles'!$G$19=$B$17,14,0)+IF('Standard Profiles'!$G$19=$B$24,21,0),MOD($C7746,24)+1)/SUM(INDEX($D$3:$AA$30,INDEX(Jesper!$R$2:$R$366,ROW(INDEX(Jesper!AI$2:AI$366,ROUNDDOWN($C7746/24,0)+1,1))-1)+IF('Standard Profiles'!$G$19=$B$10,7,0)+IF('Standard Profiles'!$G$19=$B$17,14,0)+IF('Standard Profiles'!$G$19=$B$24,21,0),0)),0)</f>
        <v>4.8055714438687032</v>
      </c>
      <c r="F7746" cm="1">
        <f t="array" ref="F7746">IFERROR(INDEX(Jesper!AJ$2:AJ$366,ROUNDDOWN($C7746/24,0)+1,1)*INDEX($D$3:$AA$30,INDEX(Jesper!$R$2:$R$366,ROW(INDEX(Jesper!AJ$2:AJ$366,ROUNDDOWN($C7746/24,0)+1,1))-1)+IF('Standard Profiles'!$G$20=$B$10,7,0)+IF('Standard Profiles'!$G$20=$B$17,14,0)+IF('Standard Profiles'!$G$20=$B$24,21,0),MOD($C7746,24)+1)/SUM(INDEX($D$3:$AA$30,INDEX(Jesper!$R$2:$R$366,ROW(INDEX(Jesper!AJ$2:AJ$366,ROUNDDOWN($C7746/24,0)+1,1))-1)+IF('Standard Profiles'!$G$20=$B$10,7,0)+IF('Standard Profiles'!$G$20=$B$17,14,0)+IF('Standard Profiles'!$G$20=$B$24,21,0),0)),0)</f>
        <v>3.9733789774168753</v>
      </c>
      <c r="G7746" cm="1">
        <f t="array" ref="G7746">IFERROR(INDEX(Jesper!AK$2:AK$366,ROUNDDOWN($C7746/24,0)+1,1)*INDEX($D$3:$AA$30,INDEX(Jesper!$R$2:$R$366,ROW(INDEX(Jesper!AK$2:AK$366,ROUNDDOWN($C7746/24,0)+1,1))-1)+IF('Standard Profiles'!$G$21=$B$10,7,0)+IF('Standard Profiles'!$G$21=$B$17,14,0)+IF('Standard Profiles'!$G$21=$B$24,21,0),MOD($C7746,24)+1)/SUM(INDEX($D$3:$AA$30,INDEX(Jesper!$R$2:$R$366,ROW(INDEX(Jesper!AK$2:AK$366,ROUNDDOWN($C7746/24,0)+1,1))-1)+IF('Standard Profiles'!$G$21=$B$10,7,0)+IF('Standard Profiles'!$G$21=$B$17,14,0)+IF('Standard Profiles'!$G$21=$B$24,21,0),0)),0)</f>
        <v>6.3043312375833747</v>
      </c>
      <c r="H7746" cm="1">
        <f t="array" ref="H7746">IFERROR(INDEX(Jesper!AL$2:AL$366,ROUNDDOWN($C7746/24,0)+1,1)*INDEX($D$3:$AA$30,INDEX(Jesper!$R$2:$R$366,ROW(INDEX(Jesper!AL$2:AL$366,ROUNDDOWN($C7746/24,0)+1,1))-1)+IF('Standard Profiles'!$G$22=$B$10,7,0)+IF('Standard Profiles'!$G$22=$B$17,14,0)+IF('Standard Profiles'!$G$22=$B$24,21,0),MOD($C7746,24)+1)/SUM(INDEX($D$3:$AA$30,INDEX(Jesper!$R$2:$R$366,ROW(INDEX(Jesper!AL$2:AL$366,ROUNDDOWN($C7746/24,0)+1,1))-1)+IF('Standard Profiles'!$G$22=$B$10,7,0)+IF('Standard Profiles'!$G$22=$B$17,14,0)+IF('Standard Profiles'!$G$22=$B$24,21,0),0)),0)</f>
        <v>6.1129404651897872</v>
      </c>
      <c r="I7746">
        <f t="shared" si="860"/>
        <v>5.8684228465821988</v>
      </c>
      <c r="J7746">
        <f t="shared" si="861"/>
        <v>14.751130704212297</v>
      </c>
      <c r="K7746">
        <f t="shared" si="862"/>
        <v>0.38444571550949624</v>
      </c>
      <c r="L7746">
        <f t="shared" si="863"/>
        <v>0.19222285775474812</v>
      </c>
      <c r="M7746">
        <f t="shared" si="864"/>
        <v>0</v>
      </c>
      <c r="N7746" s="45">
        <f t="shared" si="865"/>
        <v>45248.333333314629</v>
      </c>
    </row>
    <row r="7747" spans="2:14" x14ac:dyDescent="0.25">
      <c r="B7747">
        <f t="shared" si="859"/>
        <v>6</v>
      </c>
      <c r="C7747" s="16">
        <v>7713</v>
      </c>
      <c r="D7747" cm="1">
        <f t="array" ref="D7747">IFERROR(INDEX(Jesper!AH$2:AH$366,ROUNDDOWN($C7747/24,0)+1,1)*INDEX($D$3:$AA$30,INDEX(Jesper!$R$2:$R$366,ROW(INDEX(Jesper!AH$2:AH$366,ROUNDDOWN($C7747/24,0)+1,1))-1)+IF('Standard Profiles'!$G$18=$B$10,7,0)+IF('Standard Profiles'!$G$18=$B$17,14,0)+IF('Standard Profiles'!$G$18=$B$24,21,0),MOD($C7747,24)+1)/SUM(INDEX($D$3:$AA$30,INDEX(Jesper!$R$2:$R$366,ROW(INDEX(Jesper!AH$2:AH$366,ROUNDDOWN($C7747/24,0)+1,1))-1)+IF('Standard Profiles'!$G$18=$B$10,7,0)+IF('Standard Profiles'!$G$18=$B$17,14,0)+IF('Standard Profiles'!$G$18=$B$24,21,0),0)),0)</f>
        <v>0</v>
      </c>
      <c r="E7747" cm="1">
        <f t="array" ref="E7747">IFERROR(INDEX(Jesper!AI$2:AI$366,ROUNDDOWN($C7747/24,0)+1,1)*INDEX($D$3:$AA$30,INDEX(Jesper!$R$2:$R$366,ROW(INDEX(Jesper!AI$2:AI$366,ROUNDDOWN($C7747/24,0)+1,1))-1)+IF('Standard Profiles'!$G$19=$B$10,7,0)+IF('Standard Profiles'!$G$19=$B$17,14,0)+IF('Standard Profiles'!$G$19=$B$24,21,0),MOD($C7747,24)+1)/SUM(INDEX($D$3:$AA$30,INDEX(Jesper!$R$2:$R$366,ROW(INDEX(Jesper!AI$2:AI$366,ROUNDDOWN($C7747/24,0)+1,1))-1)+IF('Standard Profiles'!$G$19=$B$10,7,0)+IF('Standard Profiles'!$G$19=$B$17,14,0)+IF('Standard Profiles'!$G$19=$B$24,21,0),0)),0)</f>
        <v>4.8055714438687032</v>
      </c>
      <c r="F7747" cm="1">
        <f t="array" ref="F7747">IFERROR(INDEX(Jesper!AJ$2:AJ$366,ROUNDDOWN($C7747/24,0)+1,1)*INDEX($D$3:$AA$30,INDEX(Jesper!$R$2:$R$366,ROW(INDEX(Jesper!AJ$2:AJ$366,ROUNDDOWN($C7747/24,0)+1,1))-1)+IF('Standard Profiles'!$G$20=$B$10,7,0)+IF('Standard Profiles'!$G$20=$B$17,14,0)+IF('Standard Profiles'!$G$20=$B$24,21,0),MOD($C7747,24)+1)/SUM(INDEX($D$3:$AA$30,INDEX(Jesper!$R$2:$R$366,ROW(INDEX(Jesper!AJ$2:AJ$366,ROUNDDOWN($C7747/24,0)+1,1))-1)+IF('Standard Profiles'!$G$20=$B$10,7,0)+IF('Standard Profiles'!$G$20=$B$17,14,0)+IF('Standard Profiles'!$G$20=$B$24,21,0),0)),0)</f>
        <v>3.9733789774168753</v>
      </c>
      <c r="G7747" cm="1">
        <f t="array" ref="G7747">IFERROR(INDEX(Jesper!AK$2:AK$366,ROUNDDOWN($C7747/24,0)+1,1)*INDEX($D$3:$AA$30,INDEX(Jesper!$R$2:$R$366,ROW(INDEX(Jesper!AK$2:AK$366,ROUNDDOWN($C7747/24,0)+1,1))-1)+IF('Standard Profiles'!$G$21=$B$10,7,0)+IF('Standard Profiles'!$G$21=$B$17,14,0)+IF('Standard Profiles'!$G$21=$B$24,21,0),MOD($C7747,24)+1)/SUM(INDEX($D$3:$AA$30,INDEX(Jesper!$R$2:$R$366,ROW(INDEX(Jesper!AK$2:AK$366,ROUNDDOWN($C7747/24,0)+1,1))-1)+IF('Standard Profiles'!$G$21=$B$10,7,0)+IF('Standard Profiles'!$G$21=$B$17,14,0)+IF('Standard Profiles'!$G$21=$B$24,21,0),0)),0)</f>
        <v>6.3043312375833747</v>
      </c>
      <c r="H7747" cm="1">
        <f t="array" ref="H7747">IFERROR(INDEX(Jesper!AL$2:AL$366,ROUNDDOWN($C7747/24,0)+1,1)*INDEX($D$3:$AA$30,INDEX(Jesper!$R$2:$R$366,ROW(INDEX(Jesper!AL$2:AL$366,ROUNDDOWN($C7747/24,0)+1,1))-1)+IF('Standard Profiles'!$G$22=$B$10,7,0)+IF('Standard Profiles'!$G$22=$B$17,14,0)+IF('Standard Profiles'!$G$22=$B$24,21,0),MOD($C7747,24)+1)/SUM(INDEX($D$3:$AA$30,INDEX(Jesper!$R$2:$R$366,ROW(INDEX(Jesper!AL$2:AL$366,ROUNDDOWN($C7747/24,0)+1,1))-1)+IF('Standard Profiles'!$G$22=$B$10,7,0)+IF('Standard Profiles'!$G$22=$B$17,14,0)+IF('Standard Profiles'!$G$22=$B$24,21,0),0)),0)</f>
        <v>6.1129404651897872</v>
      </c>
      <c r="I7747">
        <f t="shared" si="860"/>
        <v>5.8684228465821988</v>
      </c>
      <c r="J7747">
        <f t="shared" si="861"/>
        <v>14.751130704212297</v>
      </c>
      <c r="K7747">
        <f t="shared" si="862"/>
        <v>0.38444571550949624</v>
      </c>
      <c r="L7747">
        <f t="shared" si="863"/>
        <v>0.19222285775474812</v>
      </c>
      <c r="M7747">
        <f t="shared" si="864"/>
        <v>0</v>
      </c>
      <c r="N7747" s="45">
        <f t="shared" si="865"/>
        <v>45248.374999981294</v>
      </c>
    </row>
    <row r="7748" spans="2:14" x14ac:dyDescent="0.25">
      <c r="B7748">
        <f t="shared" si="859"/>
        <v>6</v>
      </c>
      <c r="C7748" s="16">
        <v>7714</v>
      </c>
      <c r="D7748" cm="1">
        <f t="array" ref="D7748">IFERROR(INDEX(Jesper!AH$2:AH$366,ROUNDDOWN($C7748/24,0)+1,1)*INDEX($D$3:$AA$30,INDEX(Jesper!$R$2:$R$366,ROW(INDEX(Jesper!AH$2:AH$366,ROUNDDOWN($C7748/24,0)+1,1))-1)+IF('Standard Profiles'!$G$18=$B$10,7,0)+IF('Standard Profiles'!$G$18=$B$17,14,0)+IF('Standard Profiles'!$G$18=$B$24,21,0),MOD($C7748,24)+1)/SUM(INDEX($D$3:$AA$30,INDEX(Jesper!$R$2:$R$366,ROW(INDEX(Jesper!AH$2:AH$366,ROUNDDOWN($C7748/24,0)+1,1))-1)+IF('Standard Profiles'!$G$18=$B$10,7,0)+IF('Standard Profiles'!$G$18=$B$17,14,0)+IF('Standard Profiles'!$G$18=$B$24,21,0),0)),0)</f>
        <v>0</v>
      </c>
      <c r="E7748" cm="1">
        <f t="array" ref="E7748">IFERROR(INDEX(Jesper!AI$2:AI$366,ROUNDDOWN($C7748/24,0)+1,1)*INDEX($D$3:$AA$30,INDEX(Jesper!$R$2:$R$366,ROW(INDEX(Jesper!AI$2:AI$366,ROUNDDOWN($C7748/24,0)+1,1))-1)+IF('Standard Profiles'!$G$19=$B$10,7,0)+IF('Standard Profiles'!$G$19=$B$17,14,0)+IF('Standard Profiles'!$G$19=$B$24,21,0),MOD($C7748,24)+1)/SUM(INDEX($D$3:$AA$30,INDEX(Jesper!$R$2:$R$366,ROW(INDEX(Jesper!AI$2:AI$366,ROUNDDOWN($C7748/24,0)+1,1))-1)+IF('Standard Profiles'!$G$19=$B$10,7,0)+IF('Standard Profiles'!$G$19=$B$17,14,0)+IF('Standard Profiles'!$G$19=$B$24,21,0),0)),0)</f>
        <v>4.8055714438687032</v>
      </c>
      <c r="F7748" cm="1">
        <f t="array" ref="F7748">IFERROR(INDEX(Jesper!AJ$2:AJ$366,ROUNDDOWN($C7748/24,0)+1,1)*INDEX($D$3:$AA$30,INDEX(Jesper!$R$2:$R$366,ROW(INDEX(Jesper!AJ$2:AJ$366,ROUNDDOWN($C7748/24,0)+1,1))-1)+IF('Standard Profiles'!$G$20=$B$10,7,0)+IF('Standard Profiles'!$G$20=$B$17,14,0)+IF('Standard Profiles'!$G$20=$B$24,21,0),MOD($C7748,24)+1)/SUM(INDEX($D$3:$AA$30,INDEX(Jesper!$R$2:$R$366,ROW(INDEX(Jesper!AJ$2:AJ$366,ROUNDDOWN($C7748/24,0)+1,1))-1)+IF('Standard Profiles'!$G$20=$B$10,7,0)+IF('Standard Profiles'!$G$20=$B$17,14,0)+IF('Standard Profiles'!$G$20=$B$24,21,0),0)),0)</f>
        <v>3.9733789774168753</v>
      </c>
      <c r="G7748" cm="1">
        <f t="array" ref="G7748">IFERROR(INDEX(Jesper!AK$2:AK$366,ROUNDDOWN($C7748/24,0)+1,1)*INDEX($D$3:$AA$30,INDEX(Jesper!$R$2:$R$366,ROW(INDEX(Jesper!AK$2:AK$366,ROUNDDOWN($C7748/24,0)+1,1))-1)+IF('Standard Profiles'!$G$21=$B$10,7,0)+IF('Standard Profiles'!$G$21=$B$17,14,0)+IF('Standard Profiles'!$G$21=$B$24,21,0),MOD($C7748,24)+1)/SUM(INDEX($D$3:$AA$30,INDEX(Jesper!$R$2:$R$366,ROW(INDEX(Jesper!AK$2:AK$366,ROUNDDOWN($C7748/24,0)+1,1))-1)+IF('Standard Profiles'!$G$21=$B$10,7,0)+IF('Standard Profiles'!$G$21=$B$17,14,0)+IF('Standard Profiles'!$G$21=$B$24,21,0),0)),0)</f>
        <v>6.3043312375833747</v>
      </c>
      <c r="H7748" cm="1">
        <f t="array" ref="H7748">IFERROR(INDEX(Jesper!AL$2:AL$366,ROUNDDOWN($C7748/24,0)+1,1)*INDEX($D$3:$AA$30,INDEX(Jesper!$R$2:$R$366,ROW(INDEX(Jesper!AL$2:AL$366,ROUNDDOWN($C7748/24,0)+1,1))-1)+IF('Standard Profiles'!$G$22=$B$10,7,0)+IF('Standard Profiles'!$G$22=$B$17,14,0)+IF('Standard Profiles'!$G$22=$B$24,21,0),MOD($C7748,24)+1)/SUM(INDEX($D$3:$AA$30,INDEX(Jesper!$R$2:$R$366,ROW(INDEX(Jesper!AL$2:AL$366,ROUNDDOWN($C7748/24,0)+1,1))-1)+IF('Standard Profiles'!$G$22=$B$10,7,0)+IF('Standard Profiles'!$G$22=$B$17,14,0)+IF('Standard Profiles'!$G$22=$B$24,21,0),0)),0)</f>
        <v>6.1129404651897872</v>
      </c>
      <c r="I7748">
        <f t="shared" si="860"/>
        <v>5.8684228465821988</v>
      </c>
      <c r="J7748">
        <f t="shared" si="861"/>
        <v>14.751130704212297</v>
      </c>
      <c r="K7748">
        <f t="shared" si="862"/>
        <v>0.38444571550949624</v>
      </c>
      <c r="L7748">
        <f t="shared" si="863"/>
        <v>0.19222285775474812</v>
      </c>
      <c r="M7748">
        <f t="shared" si="864"/>
        <v>0</v>
      </c>
      <c r="N7748" s="45">
        <f t="shared" si="865"/>
        <v>45248.416666647958</v>
      </c>
    </row>
    <row r="7749" spans="2:14" x14ac:dyDescent="0.25">
      <c r="B7749">
        <f t="shared" si="859"/>
        <v>6</v>
      </c>
      <c r="C7749" s="16">
        <v>7715</v>
      </c>
      <c r="D7749" cm="1">
        <f t="array" ref="D7749">IFERROR(INDEX(Jesper!AH$2:AH$366,ROUNDDOWN($C7749/24,0)+1,1)*INDEX($D$3:$AA$30,INDEX(Jesper!$R$2:$R$366,ROW(INDEX(Jesper!AH$2:AH$366,ROUNDDOWN($C7749/24,0)+1,1))-1)+IF('Standard Profiles'!$G$18=$B$10,7,0)+IF('Standard Profiles'!$G$18=$B$17,14,0)+IF('Standard Profiles'!$G$18=$B$24,21,0),MOD($C7749,24)+1)/SUM(INDEX($D$3:$AA$30,INDEX(Jesper!$R$2:$R$366,ROW(INDEX(Jesper!AH$2:AH$366,ROUNDDOWN($C7749/24,0)+1,1))-1)+IF('Standard Profiles'!$G$18=$B$10,7,0)+IF('Standard Profiles'!$G$18=$B$17,14,0)+IF('Standard Profiles'!$G$18=$B$24,21,0),0)),0)</f>
        <v>0</v>
      </c>
      <c r="E7749" cm="1">
        <f t="array" ref="E7749">IFERROR(INDEX(Jesper!AI$2:AI$366,ROUNDDOWN($C7749/24,0)+1,1)*INDEX($D$3:$AA$30,INDEX(Jesper!$R$2:$R$366,ROW(INDEX(Jesper!AI$2:AI$366,ROUNDDOWN($C7749/24,0)+1,1))-1)+IF('Standard Profiles'!$G$19=$B$10,7,0)+IF('Standard Profiles'!$G$19=$B$17,14,0)+IF('Standard Profiles'!$G$19=$B$24,21,0),MOD($C7749,24)+1)/SUM(INDEX($D$3:$AA$30,INDEX(Jesper!$R$2:$R$366,ROW(INDEX(Jesper!AI$2:AI$366,ROUNDDOWN($C7749/24,0)+1,1))-1)+IF('Standard Profiles'!$G$19=$B$10,7,0)+IF('Standard Profiles'!$G$19=$B$17,14,0)+IF('Standard Profiles'!$G$19=$B$24,21,0),0)),0)</f>
        <v>4.8055714438687032</v>
      </c>
      <c r="F7749" cm="1">
        <f t="array" ref="F7749">IFERROR(INDEX(Jesper!AJ$2:AJ$366,ROUNDDOWN($C7749/24,0)+1,1)*INDEX($D$3:$AA$30,INDEX(Jesper!$R$2:$R$366,ROW(INDEX(Jesper!AJ$2:AJ$366,ROUNDDOWN($C7749/24,0)+1,1))-1)+IF('Standard Profiles'!$G$20=$B$10,7,0)+IF('Standard Profiles'!$G$20=$B$17,14,0)+IF('Standard Profiles'!$G$20=$B$24,21,0),MOD($C7749,24)+1)/SUM(INDEX($D$3:$AA$30,INDEX(Jesper!$R$2:$R$366,ROW(INDEX(Jesper!AJ$2:AJ$366,ROUNDDOWN($C7749/24,0)+1,1))-1)+IF('Standard Profiles'!$G$20=$B$10,7,0)+IF('Standard Profiles'!$G$20=$B$17,14,0)+IF('Standard Profiles'!$G$20=$B$24,21,0),0)),0)</f>
        <v>3.9733789774168753</v>
      </c>
      <c r="G7749" cm="1">
        <f t="array" ref="G7749">IFERROR(INDEX(Jesper!AK$2:AK$366,ROUNDDOWN($C7749/24,0)+1,1)*INDEX($D$3:$AA$30,INDEX(Jesper!$R$2:$R$366,ROW(INDEX(Jesper!AK$2:AK$366,ROUNDDOWN($C7749/24,0)+1,1))-1)+IF('Standard Profiles'!$G$21=$B$10,7,0)+IF('Standard Profiles'!$G$21=$B$17,14,0)+IF('Standard Profiles'!$G$21=$B$24,21,0),MOD($C7749,24)+1)/SUM(INDEX($D$3:$AA$30,INDEX(Jesper!$R$2:$R$366,ROW(INDEX(Jesper!AK$2:AK$366,ROUNDDOWN($C7749/24,0)+1,1))-1)+IF('Standard Profiles'!$G$21=$B$10,7,0)+IF('Standard Profiles'!$G$21=$B$17,14,0)+IF('Standard Profiles'!$G$21=$B$24,21,0),0)),0)</f>
        <v>6.3043312375833747</v>
      </c>
      <c r="H7749" cm="1">
        <f t="array" ref="H7749">IFERROR(INDEX(Jesper!AL$2:AL$366,ROUNDDOWN($C7749/24,0)+1,1)*INDEX($D$3:$AA$30,INDEX(Jesper!$R$2:$R$366,ROW(INDEX(Jesper!AL$2:AL$366,ROUNDDOWN($C7749/24,0)+1,1))-1)+IF('Standard Profiles'!$G$22=$B$10,7,0)+IF('Standard Profiles'!$G$22=$B$17,14,0)+IF('Standard Profiles'!$G$22=$B$24,21,0),MOD($C7749,24)+1)/SUM(INDEX($D$3:$AA$30,INDEX(Jesper!$R$2:$R$366,ROW(INDEX(Jesper!AL$2:AL$366,ROUNDDOWN($C7749/24,0)+1,1))-1)+IF('Standard Profiles'!$G$22=$B$10,7,0)+IF('Standard Profiles'!$G$22=$B$17,14,0)+IF('Standard Profiles'!$G$22=$B$24,21,0),0)),0)</f>
        <v>6.1129404651897872</v>
      </c>
      <c r="I7749">
        <f t="shared" si="860"/>
        <v>5.8684228465821988</v>
      </c>
      <c r="J7749">
        <f t="shared" si="861"/>
        <v>14.751130704212297</v>
      </c>
      <c r="K7749">
        <f t="shared" si="862"/>
        <v>0.38444571550949624</v>
      </c>
      <c r="L7749">
        <f t="shared" si="863"/>
        <v>0.19222285775474812</v>
      </c>
      <c r="M7749">
        <f t="shared" si="864"/>
        <v>0</v>
      </c>
      <c r="N7749" s="45">
        <f t="shared" si="865"/>
        <v>45248.458333314622</v>
      </c>
    </row>
    <row r="7750" spans="2:14" x14ac:dyDescent="0.25">
      <c r="B7750">
        <f t="shared" si="859"/>
        <v>6</v>
      </c>
      <c r="C7750" s="16">
        <v>7716</v>
      </c>
      <c r="D7750" cm="1">
        <f t="array" ref="D7750">IFERROR(INDEX(Jesper!AH$2:AH$366,ROUNDDOWN($C7750/24,0)+1,1)*INDEX($D$3:$AA$30,INDEX(Jesper!$R$2:$R$366,ROW(INDEX(Jesper!AH$2:AH$366,ROUNDDOWN($C7750/24,0)+1,1))-1)+IF('Standard Profiles'!$G$18=$B$10,7,0)+IF('Standard Profiles'!$G$18=$B$17,14,0)+IF('Standard Profiles'!$G$18=$B$24,21,0),MOD($C7750,24)+1)/SUM(INDEX($D$3:$AA$30,INDEX(Jesper!$R$2:$R$366,ROW(INDEX(Jesper!AH$2:AH$366,ROUNDDOWN($C7750/24,0)+1,1))-1)+IF('Standard Profiles'!$G$18=$B$10,7,0)+IF('Standard Profiles'!$G$18=$B$17,14,0)+IF('Standard Profiles'!$G$18=$B$24,21,0),0)),0)</f>
        <v>0</v>
      </c>
      <c r="E7750" cm="1">
        <f t="array" ref="E7750">IFERROR(INDEX(Jesper!AI$2:AI$366,ROUNDDOWN($C7750/24,0)+1,1)*INDEX($D$3:$AA$30,INDEX(Jesper!$R$2:$R$366,ROW(INDEX(Jesper!AI$2:AI$366,ROUNDDOWN($C7750/24,0)+1,1))-1)+IF('Standard Profiles'!$G$19=$B$10,7,0)+IF('Standard Profiles'!$G$19=$B$17,14,0)+IF('Standard Profiles'!$G$19=$B$24,21,0),MOD($C7750,24)+1)/SUM(INDEX($D$3:$AA$30,INDEX(Jesper!$R$2:$R$366,ROW(INDEX(Jesper!AI$2:AI$366,ROUNDDOWN($C7750/24,0)+1,1))-1)+IF('Standard Profiles'!$G$19=$B$10,7,0)+IF('Standard Profiles'!$G$19=$B$17,14,0)+IF('Standard Profiles'!$G$19=$B$24,21,0),0)),0)</f>
        <v>4.8055714438687032</v>
      </c>
      <c r="F7750" cm="1">
        <f t="array" ref="F7750">IFERROR(INDEX(Jesper!AJ$2:AJ$366,ROUNDDOWN($C7750/24,0)+1,1)*INDEX($D$3:$AA$30,INDEX(Jesper!$R$2:$R$366,ROW(INDEX(Jesper!AJ$2:AJ$366,ROUNDDOWN($C7750/24,0)+1,1))-1)+IF('Standard Profiles'!$G$20=$B$10,7,0)+IF('Standard Profiles'!$G$20=$B$17,14,0)+IF('Standard Profiles'!$G$20=$B$24,21,0),MOD($C7750,24)+1)/SUM(INDEX($D$3:$AA$30,INDEX(Jesper!$R$2:$R$366,ROW(INDEX(Jesper!AJ$2:AJ$366,ROUNDDOWN($C7750/24,0)+1,1))-1)+IF('Standard Profiles'!$G$20=$B$10,7,0)+IF('Standard Profiles'!$G$20=$B$17,14,0)+IF('Standard Profiles'!$G$20=$B$24,21,0),0)),0)</f>
        <v>3.9733789774168753</v>
      </c>
      <c r="G7750" cm="1">
        <f t="array" ref="G7750">IFERROR(INDEX(Jesper!AK$2:AK$366,ROUNDDOWN($C7750/24,0)+1,1)*INDEX($D$3:$AA$30,INDEX(Jesper!$R$2:$R$366,ROW(INDEX(Jesper!AK$2:AK$366,ROUNDDOWN($C7750/24,0)+1,1))-1)+IF('Standard Profiles'!$G$21=$B$10,7,0)+IF('Standard Profiles'!$G$21=$B$17,14,0)+IF('Standard Profiles'!$G$21=$B$24,21,0),MOD($C7750,24)+1)/SUM(INDEX($D$3:$AA$30,INDEX(Jesper!$R$2:$R$366,ROW(INDEX(Jesper!AK$2:AK$366,ROUNDDOWN($C7750/24,0)+1,1))-1)+IF('Standard Profiles'!$G$21=$B$10,7,0)+IF('Standard Profiles'!$G$21=$B$17,14,0)+IF('Standard Profiles'!$G$21=$B$24,21,0),0)),0)</f>
        <v>6.3043312375833747</v>
      </c>
      <c r="H7750" cm="1">
        <f t="array" ref="H7750">IFERROR(INDEX(Jesper!AL$2:AL$366,ROUNDDOWN($C7750/24,0)+1,1)*INDEX($D$3:$AA$30,INDEX(Jesper!$R$2:$R$366,ROW(INDEX(Jesper!AL$2:AL$366,ROUNDDOWN($C7750/24,0)+1,1))-1)+IF('Standard Profiles'!$G$22=$B$10,7,0)+IF('Standard Profiles'!$G$22=$B$17,14,0)+IF('Standard Profiles'!$G$22=$B$24,21,0),MOD($C7750,24)+1)/SUM(INDEX($D$3:$AA$30,INDEX(Jesper!$R$2:$R$366,ROW(INDEX(Jesper!AL$2:AL$366,ROUNDDOWN($C7750/24,0)+1,1))-1)+IF('Standard Profiles'!$G$22=$B$10,7,0)+IF('Standard Profiles'!$G$22=$B$17,14,0)+IF('Standard Profiles'!$G$22=$B$24,21,0),0)),0)</f>
        <v>6.1129404651897872</v>
      </c>
      <c r="I7750">
        <f t="shared" si="860"/>
        <v>5.8684228465821988</v>
      </c>
      <c r="J7750">
        <f t="shared" si="861"/>
        <v>14.751130704212297</v>
      </c>
      <c r="K7750">
        <f t="shared" si="862"/>
        <v>0.38444571550949624</v>
      </c>
      <c r="L7750">
        <f t="shared" si="863"/>
        <v>0.19222285775474812</v>
      </c>
      <c r="M7750">
        <f t="shared" si="864"/>
        <v>0</v>
      </c>
      <c r="N7750" s="45">
        <f t="shared" si="865"/>
        <v>45248.499999981286</v>
      </c>
    </row>
    <row r="7751" spans="2:14" x14ac:dyDescent="0.25">
      <c r="B7751">
        <f t="shared" si="859"/>
        <v>6</v>
      </c>
      <c r="C7751" s="16">
        <v>7717</v>
      </c>
      <c r="D7751" cm="1">
        <f t="array" ref="D7751">IFERROR(INDEX(Jesper!AH$2:AH$366,ROUNDDOWN($C7751/24,0)+1,1)*INDEX($D$3:$AA$30,INDEX(Jesper!$R$2:$R$366,ROW(INDEX(Jesper!AH$2:AH$366,ROUNDDOWN($C7751/24,0)+1,1))-1)+IF('Standard Profiles'!$G$18=$B$10,7,0)+IF('Standard Profiles'!$G$18=$B$17,14,0)+IF('Standard Profiles'!$G$18=$B$24,21,0),MOD($C7751,24)+1)/SUM(INDEX($D$3:$AA$30,INDEX(Jesper!$R$2:$R$366,ROW(INDEX(Jesper!AH$2:AH$366,ROUNDDOWN($C7751/24,0)+1,1))-1)+IF('Standard Profiles'!$G$18=$B$10,7,0)+IF('Standard Profiles'!$G$18=$B$17,14,0)+IF('Standard Profiles'!$G$18=$B$24,21,0),0)),0)</f>
        <v>0</v>
      </c>
      <c r="E7751" cm="1">
        <f t="array" ref="E7751">IFERROR(INDEX(Jesper!AI$2:AI$366,ROUNDDOWN($C7751/24,0)+1,1)*INDEX($D$3:$AA$30,INDEX(Jesper!$R$2:$R$366,ROW(INDEX(Jesper!AI$2:AI$366,ROUNDDOWN($C7751/24,0)+1,1))-1)+IF('Standard Profiles'!$G$19=$B$10,7,0)+IF('Standard Profiles'!$G$19=$B$17,14,0)+IF('Standard Profiles'!$G$19=$B$24,21,0),MOD($C7751,24)+1)/SUM(INDEX($D$3:$AA$30,INDEX(Jesper!$R$2:$R$366,ROW(INDEX(Jesper!AI$2:AI$366,ROUNDDOWN($C7751/24,0)+1,1))-1)+IF('Standard Profiles'!$G$19=$B$10,7,0)+IF('Standard Profiles'!$G$19=$B$17,14,0)+IF('Standard Profiles'!$G$19=$B$24,21,0),0)),0)</f>
        <v>4.8055714438687032</v>
      </c>
      <c r="F7751" cm="1">
        <f t="array" ref="F7751">IFERROR(INDEX(Jesper!AJ$2:AJ$366,ROUNDDOWN($C7751/24,0)+1,1)*INDEX($D$3:$AA$30,INDEX(Jesper!$R$2:$R$366,ROW(INDEX(Jesper!AJ$2:AJ$366,ROUNDDOWN($C7751/24,0)+1,1))-1)+IF('Standard Profiles'!$G$20=$B$10,7,0)+IF('Standard Profiles'!$G$20=$B$17,14,0)+IF('Standard Profiles'!$G$20=$B$24,21,0),MOD($C7751,24)+1)/SUM(INDEX($D$3:$AA$30,INDEX(Jesper!$R$2:$R$366,ROW(INDEX(Jesper!AJ$2:AJ$366,ROUNDDOWN($C7751/24,0)+1,1))-1)+IF('Standard Profiles'!$G$20=$B$10,7,0)+IF('Standard Profiles'!$G$20=$B$17,14,0)+IF('Standard Profiles'!$G$20=$B$24,21,0),0)),0)</f>
        <v>3.9733789774168753</v>
      </c>
      <c r="G7751" cm="1">
        <f t="array" ref="G7751">IFERROR(INDEX(Jesper!AK$2:AK$366,ROUNDDOWN($C7751/24,0)+1,1)*INDEX($D$3:$AA$30,INDEX(Jesper!$R$2:$R$366,ROW(INDEX(Jesper!AK$2:AK$366,ROUNDDOWN($C7751/24,0)+1,1))-1)+IF('Standard Profiles'!$G$21=$B$10,7,0)+IF('Standard Profiles'!$G$21=$B$17,14,0)+IF('Standard Profiles'!$G$21=$B$24,21,0),MOD($C7751,24)+1)/SUM(INDEX($D$3:$AA$30,INDEX(Jesper!$R$2:$R$366,ROW(INDEX(Jesper!AK$2:AK$366,ROUNDDOWN($C7751/24,0)+1,1))-1)+IF('Standard Profiles'!$G$21=$B$10,7,0)+IF('Standard Profiles'!$G$21=$B$17,14,0)+IF('Standard Profiles'!$G$21=$B$24,21,0),0)),0)</f>
        <v>6.3043312375833747</v>
      </c>
      <c r="H7751" cm="1">
        <f t="array" ref="H7751">IFERROR(INDEX(Jesper!AL$2:AL$366,ROUNDDOWN($C7751/24,0)+1,1)*INDEX($D$3:$AA$30,INDEX(Jesper!$R$2:$R$366,ROW(INDEX(Jesper!AL$2:AL$366,ROUNDDOWN($C7751/24,0)+1,1))-1)+IF('Standard Profiles'!$G$22=$B$10,7,0)+IF('Standard Profiles'!$G$22=$B$17,14,0)+IF('Standard Profiles'!$G$22=$B$24,21,0),MOD($C7751,24)+1)/SUM(INDEX($D$3:$AA$30,INDEX(Jesper!$R$2:$R$366,ROW(INDEX(Jesper!AL$2:AL$366,ROUNDDOWN($C7751/24,0)+1,1))-1)+IF('Standard Profiles'!$G$22=$B$10,7,0)+IF('Standard Profiles'!$G$22=$B$17,14,0)+IF('Standard Profiles'!$G$22=$B$24,21,0),0)),0)</f>
        <v>6.1129404651897872</v>
      </c>
      <c r="I7751">
        <f t="shared" si="860"/>
        <v>5.8684228465821988</v>
      </c>
      <c r="J7751">
        <f t="shared" si="861"/>
        <v>14.751130704212297</v>
      </c>
      <c r="K7751">
        <f t="shared" si="862"/>
        <v>0.38444571550949624</v>
      </c>
      <c r="L7751">
        <f t="shared" si="863"/>
        <v>0.19222285775474812</v>
      </c>
      <c r="M7751">
        <f t="shared" si="864"/>
        <v>0</v>
      </c>
      <c r="N7751" s="45">
        <f t="shared" si="865"/>
        <v>45248.54166664795</v>
      </c>
    </row>
    <row r="7752" spans="2:14" x14ac:dyDescent="0.25">
      <c r="B7752">
        <f t="shared" si="859"/>
        <v>6</v>
      </c>
      <c r="C7752" s="16">
        <v>7718</v>
      </c>
      <c r="D7752" cm="1">
        <f t="array" ref="D7752">IFERROR(INDEX(Jesper!AH$2:AH$366,ROUNDDOWN($C7752/24,0)+1,1)*INDEX($D$3:$AA$30,INDEX(Jesper!$R$2:$R$366,ROW(INDEX(Jesper!AH$2:AH$366,ROUNDDOWN($C7752/24,0)+1,1))-1)+IF('Standard Profiles'!$G$18=$B$10,7,0)+IF('Standard Profiles'!$G$18=$B$17,14,0)+IF('Standard Profiles'!$G$18=$B$24,21,0),MOD($C7752,24)+1)/SUM(INDEX($D$3:$AA$30,INDEX(Jesper!$R$2:$R$366,ROW(INDEX(Jesper!AH$2:AH$366,ROUNDDOWN($C7752/24,0)+1,1))-1)+IF('Standard Profiles'!$G$18=$B$10,7,0)+IF('Standard Profiles'!$G$18=$B$17,14,0)+IF('Standard Profiles'!$G$18=$B$24,21,0),0)),0)</f>
        <v>0</v>
      </c>
      <c r="E7752" cm="1">
        <f t="array" ref="E7752">IFERROR(INDEX(Jesper!AI$2:AI$366,ROUNDDOWN($C7752/24,0)+1,1)*INDEX($D$3:$AA$30,INDEX(Jesper!$R$2:$R$366,ROW(INDEX(Jesper!AI$2:AI$366,ROUNDDOWN($C7752/24,0)+1,1))-1)+IF('Standard Profiles'!$G$19=$B$10,7,0)+IF('Standard Profiles'!$G$19=$B$17,14,0)+IF('Standard Profiles'!$G$19=$B$24,21,0),MOD($C7752,24)+1)/SUM(INDEX($D$3:$AA$30,INDEX(Jesper!$R$2:$R$366,ROW(INDEX(Jesper!AI$2:AI$366,ROUNDDOWN($C7752/24,0)+1,1))-1)+IF('Standard Profiles'!$G$19=$B$10,7,0)+IF('Standard Profiles'!$G$19=$B$17,14,0)+IF('Standard Profiles'!$G$19=$B$24,21,0),0)),0)</f>
        <v>4.8055714438687032</v>
      </c>
      <c r="F7752" cm="1">
        <f t="array" ref="F7752">IFERROR(INDEX(Jesper!AJ$2:AJ$366,ROUNDDOWN($C7752/24,0)+1,1)*INDEX($D$3:$AA$30,INDEX(Jesper!$R$2:$R$366,ROW(INDEX(Jesper!AJ$2:AJ$366,ROUNDDOWN($C7752/24,0)+1,1))-1)+IF('Standard Profiles'!$G$20=$B$10,7,0)+IF('Standard Profiles'!$G$20=$B$17,14,0)+IF('Standard Profiles'!$G$20=$B$24,21,0),MOD($C7752,24)+1)/SUM(INDEX($D$3:$AA$30,INDEX(Jesper!$R$2:$R$366,ROW(INDEX(Jesper!AJ$2:AJ$366,ROUNDDOWN($C7752/24,0)+1,1))-1)+IF('Standard Profiles'!$G$20=$B$10,7,0)+IF('Standard Profiles'!$G$20=$B$17,14,0)+IF('Standard Profiles'!$G$20=$B$24,21,0),0)),0)</f>
        <v>3.9733789774168753</v>
      </c>
      <c r="G7752" cm="1">
        <f t="array" ref="G7752">IFERROR(INDEX(Jesper!AK$2:AK$366,ROUNDDOWN($C7752/24,0)+1,1)*INDEX($D$3:$AA$30,INDEX(Jesper!$R$2:$R$366,ROW(INDEX(Jesper!AK$2:AK$366,ROUNDDOWN($C7752/24,0)+1,1))-1)+IF('Standard Profiles'!$G$21=$B$10,7,0)+IF('Standard Profiles'!$G$21=$B$17,14,0)+IF('Standard Profiles'!$G$21=$B$24,21,0),MOD($C7752,24)+1)/SUM(INDEX($D$3:$AA$30,INDEX(Jesper!$R$2:$R$366,ROW(INDEX(Jesper!AK$2:AK$366,ROUNDDOWN($C7752/24,0)+1,1))-1)+IF('Standard Profiles'!$G$21=$B$10,7,0)+IF('Standard Profiles'!$G$21=$B$17,14,0)+IF('Standard Profiles'!$G$21=$B$24,21,0),0)),0)</f>
        <v>6.3043312375833747</v>
      </c>
      <c r="H7752" cm="1">
        <f t="array" ref="H7752">IFERROR(INDEX(Jesper!AL$2:AL$366,ROUNDDOWN($C7752/24,0)+1,1)*INDEX($D$3:$AA$30,INDEX(Jesper!$R$2:$R$366,ROW(INDEX(Jesper!AL$2:AL$366,ROUNDDOWN($C7752/24,0)+1,1))-1)+IF('Standard Profiles'!$G$22=$B$10,7,0)+IF('Standard Profiles'!$G$22=$B$17,14,0)+IF('Standard Profiles'!$G$22=$B$24,21,0),MOD($C7752,24)+1)/SUM(INDEX($D$3:$AA$30,INDEX(Jesper!$R$2:$R$366,ROW(INDEX(Jesper!AL$2:AL$366,ROUNDDOWN($C7752/24,0)+1,1))-1)+IF('Standard Profiles'!$G$22=$B$10,7,0)+IF('Standard Profiles'!$G$22=$B$17,14,0)+IF('Standard Profiles'!$G$22=$B$24,21,0),0)),0)</f>
        <v>6.1129404651897872</v>
      </c>
      <c r="I7752">
        <f t="shared" si="860"/>
        <v>5.8684228465821988</v>
      </c>
      <c r="J7752">
        <f t="shared" si="861"/>
        <v>14.751130704212297</v>
      </c>
      <c r="K7752">
        <f t="shared" si="862"/>
        <v>0.38444571550949624</v>
      </c>
      <c r="L7752">
        <f t="shared" si="863"/>
        <v>0.19222285775474812</v>
      </c>
      <c r="M7752">
        <f t="shared" si="864"/>
        <v>0</v>
      </c>
      <c r="N7752" s="45">
        <f t="shared" si="865"/>
        <v>45248.583333314615</v>
      </c>
    </row>
    <row r="7753" spans="2:14" x14ac:dyDescent="0.25">
      <c r="B7753">
        <f t="shared" si="859"/>
        <v>6</v>
      </c>
      <c r="C7753" s="16">
        <v>7719</v>
      </c>
      <c r="D7753" cm="1">
        <f t="array" ref="D7753">IFERROR(INDEX(Jesper!AH$2:AH$366,ROUNDDOWN($C7753/24,0)+1,1)*INDEX($D$3:$AA$30,INDEX(Jesper!$R$2:$R$366,ROW(INDEX(Jesper!AH$2:AH$366,ROUNDDOWN($C7753/24,0)+1,1))-1)+IF('Standard Profiles'!$G$18=$B$10,7,0)+IF('Standard Profiles'!$G$18=$B$17,14,0)+IF('Standard Profiles'!$G$18=$B$24,21,0),MOD($C7753,24)+1)/SUM(INDEX($D$3:$AA$30,INDEX(Jesper!$R$2:$R$366,ROW(INDEX(Jesper!AH$2:AH$366,ROUNDDOWN($C7753/24,0)+1,1))-1)+IF('Standard Profiles'!$G$18=$B$10,7,0)+IF('Standard Profiles'!$G$18=$B$17,14,0)+IF('Standard Profiles'!$G$18=$B$24,21,0),0)),0)</f>
        <v>0</v>
      </c>
      <c r="E7753" cm="1">
        <f t="array" ref="E7753">IFERROR(INDEX(Jesper!AI$2:AI$366,ROUNDDOWN($C7753/24,0)+1,1)*INDEX($D$3:$AA$30,INDEX(Jesper!$R$2:$R$366,ROW(INDEX(Jesper!AI$2:AI$366,ROUNDDOWN($C7753/24,0)+1,1))-1)+IF('Standard Profiles'!$G$19=$B$10,7,0)+IF('Standard Profiles'!$G$19=$B$17,14,0)+IF('Standard Profiles'!$G$19=$B$24,21,0),MOD($C7753,24)+1)/SUM(INDEX($D$3:$AA$30,INDEX(Jesper!$R$2:$R$366,ROW(INDEX(Jesper!AI$2:AI$366,ROUNDDOWN($C7753/24,0)+1,1))-1)+IF('Standard Profiles'!$G$19=$B$10,7,0)+IF('Standard Profiles'!$G$19=$B$17,14,0)+IF('Standard Profiles'!$G$19=$B$24,21,0),0)),0)</f>
        <v>4.8055714438687032</v>
      </c>
      <c r="F7753" cm="1">
        <f t="array" ref="F7753">IFERROR(INDEX(Jesper!AJ$2:AJ$366,ROUNDDOWN($C7753/24,0)+1,1)*INDEX($D$3:$AA$30,INDEX(Jesper!$R$2:$R$366,ROW(INDEX(Jesper!AJ$2:AJ$366,ROUNDDOWN($C7753/24,0)+1,1))-1)+IF('Standard Profiles'!$G$20=$B$10,7,0)+IF('Standard Profiles'!$G$20=$B$17,14,0)+IF('Standard Profiles'!$G$20=$B$24,21,0),MOD($C7753,24)+1)/SUM(INDEX($D$3:$AA$30,INDEX(Jesper!$R$2:$R$366,ROW(INDEX(Jesper!AJ$2:AJ$366,ROUNDDOWN($C7753/24,0)+1,1))-1)+IF('Standard Profiles'!$G$20=$B$10,7,0)+IF('Standard Profiles'!$G$20=$B$17,14,0)+IF('Standard Profiles'!$G$20=$B$24,21,0),0)),0)</f>
        <v>3.9733789774168753</v>
      </c>
      <c r="G7753" cm="1">
        <f t="array" ref="G7753">IFERROR(INDEX(Jesper!AK$2:AK$366,ROUNDDOWN($C7753/24,0)+1,1)*INDEX($D$3:$AA$30,INDEX(Jesper!$R$2:$R$366,ROW(INDEX(Jesper!AK$2:AK$366,ROUNDDOWN($C7753/24,0)+1,1))-1)+IF('Standard Profiles'!$G$21=$B$10,7,0)+IF('Standard Profiles'!$G$21=$B$17,14,0)+IF('Standard Profiles'!$G$21=$B$24,21,0),MOD($C7753,24)+1)/SUM(INDEX($D$3:$AA$30,INDEX(Jesper!$R$2:$R$366,ROW(INDEX(Jesper!AK$2:AK$366,ROUNDDOWN($C7753/24,0)+1,1))-1)+IF('Standard Profiles'!$G$21=$B$10,7,0)+IF('Standard Profiles'!$G$21=$B$17,14,0)+IF('Standard Profiles'!$G$21=$B$24,21,0),0)),0)</f>
        <v>6.3043312375833747</v>
      </c>
      <c r="H7753" cm="1">
        <f t="array" ref="H7753">IFERROR(INDEX(Jesper!AL$2:AL$366,ROUNDDOWN($C7753/24,0)+1,1)*INDEX($D$3:$AA$30,INDEX(Jesper!$R$2:$R$366,ROW(INDEX(Jesper!AL$2:AL$366,ROUNDDOWN($C7753/24,0)+1,1))-1)+IF('Standard Profiles'!$G$22=$B$10,7,0)+IF('Standard Profiles'!$G$22=$B$17,14,0)+IF('Standard Profiles'!$G$22=$B$24,21,0),MOD($C7753,24)+1)/SUM(INDEX($D$3:$AA$30,INDEX(Jesper!$R$2:$R$366,ROW(INDEX(Jesper!AL$2:AL$366,ROUNDDOWN($C7753/24,0)+1,1))-1)+IF('Standard Profiles'!$G$22=$B$10,7,0)+IF('Standard Profiles'!$G$22=$B$17,14,0)+IF('Standard Profiles'!$G$22=$B$24,21,0),0)),0)</f>
        <v>5.5267680918154243</v>
      </c>
      <c r="I7753">
        <f t="shared" si="860"/>
        <v>5.3056973681428099</v>
      </c>
      <c r="J7753">
        <f t="shared" si="861"/>
        <v>14.727683809277323</v>
      </c>
      <c r="K7753">
        <f t="shared" si="862"/>
        <v>0.38444571550949624</v>
      </c>
      <c r="L7753">
        <f t="shared" si="863"/>
        <v>0.19222285775474812</v>
      </c>
      <c r="M7753">
        <f t="shared" si="864"/>
        <v>0</v>
      </c>
      <c r="N7753" s="45">
        <f t="shared" si="865"/>
        <v>45248.624999981279</v>
      </c>
    </row>
    <row r="7754" spans="2:14" x14ac:dyDescent="0.25">
      <c r="B7754">
        <f t="shared" si="859"/>
        <v>6</v>
      </c>
      <c r="C7754" s="16">
        <v>7720</v>
      </c>
      <c r="D7754" cm="1">
        <f t="array" ref="D7754">IFERROR(INDEX(Jesper!AH$2:AH$366,ROUNDDOWN($C7754/24,0)+1,1)*INDEX($D$3:$AA$30,INDEX(Jesper!$R$2:$R$366,ROW(INDEX(Jesper!AH$2:AH$366,ROUNDDOWN($C7754/24,0)+1,1))-1)+IF('Standard Profiles'!$G$18=$B$10,7,0)+IF('Standard Profiles'!$G$18=$B$17,14,0)+IF('Standard Profiles'!$G$18=$B$24,21,0),MOD($C7754,24)+1)/SUM(INDEX($D$3:$AA$30,INDEX(Jesper!$R$2:$R$366,ROW(INDEX(Jesper!AH$2:AH$366,ROUNDDOWN($C7754/24,0)+1,1))-1)+IF('Standard Profiles'!$G$18=$B$10,7,0)+IF('Standard Profiles'!$G$18=$B$17,14,0)+IF('Standard Profiles'!$G$18=$B$24,21,0),0)),0)</f>
        <v>0</v>
      </c>
      <c r="E7754" cm="1">
        <f t="array" ref="E7754">IFERROR(INDEX(Jesper!AI$2:AI$366,ROUNDDOWN($C7754/24,0)+1,1)*INDEX($D$3:$AA$30,INDEX(Jesper!$R$2:$R$366,ROW(INDEX(Jesper!AI$2:AI$366,ROUNDDOWN($C7754/24,0)+1,1))-1)+IF('Standard Profiles'!$G$19=$B$10,7,0)+IF('Standard Profiles'!$G$19=$B$17,14,0)+IF('Standard Profiles'!$G$19=$B$24,21,0),MOD($C7754,24)+1)/SUM(INDEX($D$3:$AA$30,INDEX(Jesper!$R$2:$R$366,ROW(INDEX(Jesper!AI$2:AI$366,ROUNDDOWN($C7754/24,0)+1,1))-1)+IF('Standard Profiles'!$G$19=$B$10,7,0)+IF('Standard Profiles'!$G$19=$B$17,14,0)+IF('Standard Profiles'!$G$19=$B$24,21,0),0)),0)</f>
        <v>4.8055714438687032</v>
      </c>
      <c r="F7754" cm="1">
        <f t="array" ref="F7754">IFERROR(INDEX(Jesper!AJ$2:AJ$366,ROUNDDOWN($C7754/24,0)+1,1)*INDEX($D$3:$AA$30,INDEX(Jesper!$R$2:$R$366,ROW(INDEX(Jesper!AJ$2:AJ$366,ROUNDDOWN($C7754/24,0)+1,1))-1)+IF('Standard Profiles'!$G$20=$B$10,7,0)+IF('Standard Profiles'!$G$20=$B$17,14,0)+IF('Standard Profiles'!$G$20=$B$24,21,0),MOD($C7754,24)+1)/SUM(INDEX($D$3:$AA$30,INDEX(Jesper!$R$2:$R$366,ROW(INDEX(Jesper!AJ$2:AJ$366,ROUNDDOWN($C7754/24,0)+1,1))-1)+IF('Standard Profiles'!$G$20=$B$10,7,0)+IF('Standard Profiles'!$G$20=$B$17,14,0)+IF('Standard Profiles'!$G$20=$B$24,21,0),0)),0)</f>
        <v>3.9733789774168753</v>
      </c>
      <c r="G7754" cm="1">
        <f t="array" ref="G7754">IFERROR(INDEX(Jesper!AK$2:AK$366,ROUNDDOWN($C7754/24,0)+1,1)*INDEX($D$3:$AA$30,INDEX(Jesper!$R$2:$R$366,ROW(INDEX(Jesper!AK$2:AK$366,ROUNDDOWN($C7754/24,0)+1,1))-1)+IF('Standard Profiles'!$G$21=$B$10,7,0)+IF('Standard Profiles'!$G$21=$B$17,14,0)+IF('Standard Profiles'!$G$21=$B$24,21,0),MOD($C7754,24)+1)/SUM(INDEX($D$3:$AA$30,INDEX(Jesper!$R$2:$R$366,ROW(INDEX(Jesper!AK$2:AK$366,ROUNDDOWN($C7754/24,0)+1,1))-1)+IF('Standard Profiles'!$G$21=$B$10,7,0)+IF('Standard Profiles'!$G$21=$B$17,14,0)+IF('Standard Profiles'!$G$21=$B$24,21,0),0)),0)</f>
        <v>6.3043312375833747</v>
      </c>
      <c r="H7754" cm="1">
        <f t="array" ref="H7754">IFERROR(INDEX(Jesper!AL$2:AL$366,ROUNDDOWN($C7754/24,0)+1,1)*INDEX($D$3:$AA$30,INDEX(Jesper!$R$2:$R$366,ROW(INDEX(Jesper!AL$2:AL$366,ROUNDDOWN($C7754/24,0)+1,1))-1)+IF('Standard Profiles'!$G$22=$B$10,7,0)+IF('Standard Profiles'!$G$22=$B$17,14,0)+IF('Standard Profiles'!$G$22=$B$24,21,0),MOD($C7754,24)+1)/SUM(INDEX($D$3:$AA$30,INDEX(Jesper!$R$2:$R$366,ROW(INDEX(Jesper!AL$2:AL$366,ROUNDDOWN($C7754/24,0)+1,1))-1)+IF('Standard Profiles'!$G$22=$B$10,7,0)+IF('Standard Profiles'!$G$22=$B$17,14,0)+IF('Standard Profiles'!$G$22=$B$24,21,0),0)),0)</f>
        <v>5.0243346289231132</v>
      </c>
      <c r="I7754">
        <f t="shared" si="860"/>
        <v>4.8233612437661915</v>
      </c>
      <c r="J7754">
        <f t="shared" si="861"/>
        <v>14.70758647076163</v>
      </c>
      <c r="K7754">
        <f t="shared" si="862"/>
        <v>0.38444571550949624</v>
      </c>
      <c r="L7754">
        <f t="shared" si="863"/>
        <v>0.19222285775474812</v>
      </c>
      <c r="M7754">
        <f t="shared" si="864"/>
        <v>0</v>
      </c>
      <c r="N7754" s="45">
        <f t="shared" si="865"/>
        <v>45248.666666647943</v>
      </c>
    </row>
    <row r="7755" spans="2:14" x14ac:dyDescent="0.25">
      <c r="B7755">
        <f t="shared" si="859"/>
        <v>6</v>
      </c>
      <c r="C7755" s="16">
        <v>7721</v>
      </c>
      <c r="D7755" cm="1">
        <f t="array" ref="D7755">IFERROR(INDEX(Jesper!AH$2:AH$366,ROUNDDOWN($C7755/24,0)+1,1)*INDEX($D$3:$AA$30,INDEX(Jesper!$R$2:$R$366,ROW(INDEX(Jesper!AH$2:AH$366,ROUNDDOWN($C7755/24,0)+1,1))-1)+IF('Standard Profiles'!$G$18=$B$10,7,0)+IF('Standard Profiles'!$G$18=$B$17,14,0)+IF('Standard Profiles'!$G$18=$B$24,21,0),MOD($C7755,24)+1)/SUM(INDEX($D$3:$AA$30,INDEX(Jesper!$R$2:$R$366,ROW(INDEX(Jesper!AH$2:AH$366,ROUNDDOWN($C7755/24,0)+1,1))-1)+IF('Standard Profiles'!$G$18=$B$10,7,0)+IF('Standard Profiles'!$G$18=$B$17,14,0)+IF('Standard Profiles'!$G$18=$B$24,21,0),0)),0)</f>
        <v>0</v>
      </c>
      <c r="E7755" cm="1">
        <f t="array" ref="E7755">IFERROR(INDEX(Jesper!AI$2:AI$366,ROUNDDOWN($C7755/24,0)+1,1)*INDEX($D$3:$AA$30,INDEX(Jesper!$R$2:$R$366,ROW(INDEX(Jesper!AI$2:AI$366,ROUNDDOWN($C7755/24,0)+1,1))-1)+IF('Standard Profiles'!$G$19=$B$10,7,0)+IF('Standard Profiles'!$G$19=$B$17,14,0)+IF('Standard Profiles'!$G$19=$B$24,21,0),MOD($C7755,24)+1)/SUM(INDEX($D$3:$AA$30,INDEX(Jesper!$R$2:$R$366,ROW(INDEX(Jesper!AI$2:AI$366,ROUNDDOWN($C7755/24,0)+1,1))-1)+IF('Standard Profiles'!$G$19=$B$10,7,0)+IF('Standard Profiles'!$G$19=$B$17,14,0)+IF('Standard Profiles'!$G$19=$B$24,21,0),0)),0)</f>
        <v>4.8055714438687032</v>
      </c>
      <c r="F7755" cm="1">
        <f t="array" ref="F7755">IFERROR(INDEX(Jesper!AJ$2:AJ$366,ROUNDDOWN($C7755/24,0)+1,1)*INDEX($D$3:$AA$30,INDEX(Jesper!$R$2:$R$366,ROW(INDEX(Jesper!AJ$2:AJ$366,ROUNDDOWN($C7755/24,0)+1,1))-1)+IF('Standard Profiles'!$G$20=$B$10,7,0)+IF('Standard Profiles'!$G$20=$B$17,14,0)+IF('Standard Profiles'!$G$20=$B$24,21,0),MOD($C7755,24)+1)/SUM(INDEX($D$3:$AA$30,INDEX(Jesper!$R$2:$R$366,ROW(INDEX(Jesper!AJ$2:AJ$366,ROUNDDOWN($C7755/24,0)+1,1))-1)+IF('Standard Profiles'!$G$20=$B$10,7,0)+IF('Standard Profiles'!$G$20=$B$17,14,0)+IF('Standard Profiles'!$G$20=$B$24,21,0),0)),0)</f>
        <v>3.9733789774168753</v>
      </c>
      <c r="G7755" cm="1">
        <f t="array" ref="G7755">IFERROR(INDEX(Jesper!AK$2:AK$366,ROUNDDOWN($C7755/24,0)+1,1)*INDEX($D$3:$AA$30,INDEX(Jesper!$R$2:$R$366,ROW(INDEX(Jesper!AK$2:AK$366,ROUNDDOWN($C7755/24,0)+1,1))-1)+IF('Standard Profiles'!$G$21=$B$10,7,0)+IF('Standard Profiles'!$G$21=$B$17,14,0)+IF('Standard Profiles'!$G$21=$B$24,21,0),MOD($C7755,24)+1)/SUM(INDEX($D$3:$AA$30,INDEX(Jesper!$R$2:$R$366,ROW(INDEX(Jesper!AK$2:AK$366,ROUNDDOWN($C7755/24,0)+1,1))-1)+IF('Standard Profiles'!$G$21=$B$10,7,0)+IF('Standard Profiles'!$G$21=$B$17,14,0)+IF('Standard Profiles'!$G$21=$B$24,21,0),0)),0)</f>
        <v>6.3043312375833747</v>
      </c>
      <c r="H7755" cm="1">
        <f t="array" ref="H7755">IFERROR(INDEX(Jesper!AL$2:AL$366,ROUNDDOWN($C7755/24,0)+1,1)*INDEX($D$3:$AA$30,INDEX(Jesper!$R$2:$R$366,ROW(INDEX(Jesper!AL$2:AL$366,ROUNDDOWN($C7755/24,0)+1,1))-1)+IF('Standard Profiles'!$G$22=$B$10,7,0)+IF('Standard Profiles'!$G$22=$B$17,14,0)+IF('Standard Profiles'!$G$22=$B$24,21,0),MOD($C7755,24)+1)/SUM(INDEX($D$3:$AA$30,INDEX(Jesper!$R$2:$R$366,ROW(INDEX(Jesper!AL$2:AL$366,ROUNDDOWN($C7755/24,0)+1,1))-1)+IF('Standard Profiles'!$G$22=$B$10,7,0)+IF('Standard Profiles'!$G$22=$B$17,14,0)+IF('Standard Profiles'!$G$22=$B$24,21,0),0)),0)</f>
        <v>4.5219011660308013</v>
      </c>
      <c r="I7755">
        <f t="shared" si="860"/>
        <v>4.3410251193895713</v>
      </c>
      <c r="J7755">
        <f t="shared" si="861"/>
        <v>14.687489132245938</v>
      </c>
      <c r="K7755">
        <f t="shared" si="862"/>
        <v>0.38444571550949624</v>
      </c>
      <c r="L7755">
        <f t="shared" si="863"/>
        <v>0.19222285775474812</v>
      </c>
      <c r="M7755">
        <f t="shared" si="864"/>
        <v>0</v>
      </c>
      <c r="N7755" s="45">
        <f t="shared" si="865"/>
        <v>45248.708333314607</v>
      </c>
    </row>
    <row r="7756" spans="2:14" x14ac:dyDescent="0.25">
      <c r="B7756">
        <f t="shared" si="859"/>
        <v>6</v>
      </c>
      <c r="C7756" s="16">
        <v>7722</v>
      </c>
      <c r="D7756" cm="1">
        <f t="array" ref="D7756">IFERROR(INDEX(Jesper!AH$2:AH$366,ROUNDDOWN($C7756/24,0)+1,1)*INDEX($D$3:$AA$30,INDEX(Jesper!$R$2:$R$366,ROW(INDEX(Jesper!AH$2:AH$366,ROUNDDOWN($C7756/24,0)+1,1))-1)+IF('Standard Profiles'!$G$18=$B$10,7,0)+IF('Standard Profiles'!$G$18=$B$17,14,0)+IF('Standard Profiles'!$G$18=$B$24,21,0),MOD($C7756,24)+1)/SUM(INDEX($D$3:$AA$30,INDEX(Jesper!$R$2:$R$366,ROW(INDEX(Jesper!AH$2:AH$366,ROUNDDOWN($C7756/24,0)+1,1))-1)+IF('Standard Profiles'!$G$18=$B$10,7,0)+IF('Standard Profiles'!$G$18=$B$17,14,0)+IF('Standard Profiles'!$G$18=$B$24,21,0),0)),0)</f>
        <v>0</v>
      </c>
      <c r="E7756" cm="1">
        <f t="array" ref="E7756">IFERROR(INDEX(Jesper!AI$2:AI$366,ROUNDDOWN($C7756/24,0)+1,1)*INDEX($D$3:$AA$30,INDEX(Jesper!$R$2:$R$366,ROW(INDEX(Jesper!AI$2:AI$366,ROUNDDOWN($C7756/24,0)+1,1))-1)+IF('Standard Profiles'!$G$19=$B$10,7,0)+IF('Standard Profiles'!$G$19=$B$17,14,0)+IF('Standard Profiles'!$G$19=$B$24,21,0),MOD($C7756,24)+1)/SUM(INDEX($D$3:$AA$30,INDEX(Jesper!$R$2:$R$366,ROW(INDEX(Jesper!AI$2:AI$366,ROUNDDOWN($C7756/24,0)+1,1))-1)+IF('Standard Profiles'!$G$19=$B$10,7,0)+IF('Standard Profiles'!$G$19=$B$17,14,0)+IF('Standard Profiles'!$G$19=$B$24,21,0),0)),0)</f>
        <v>4.8055714438687032</v>
      </c>
      <c r="F7756" cm="1">
        <f t="array" ref="F7756">IFERROR(INDEX(Jesper!AJ$2:AJ$366,ROUNDDOWN($C7756/24,0)+1,1)*INDEX($D$3:$AA$30,INDEX(Jesper!$R$2:$R$366,ROW(INDEX(Jesper!AJ$2:AJ$366,ROUNDDOWN($C7756/24,0)+1,1))-1)+IF('Standard Profiles'!$G$20=$B$10,7,0)+IF('Standard Profiles'!$G$20=$B$17,14,0)+IF('Standard Profiles'!$G$20=$B$24,21,0),MOD($C7756,24)+1)/SUM(INDEX($D$3:$AA$30,INDEX(Jesper!$R$2:$R$366,ROW(INDEX(Jesper!AJ$2:AJ$366,ROUNDDOWN($C7756/24,0)+1,1))-1)+IF('Standard Profiles'!$G$20=$B$10,7,0)+IF('Standard Profiles'!$G$20=$B$17,14,0)+IF('Standard Profiles'!$G$20=$B$24,21,0),0)),0)</f>
        <v>3.9733789774168753</v>
      </c>
      <c r="G7756" cm="1">
        <f t="array" ref="G7756">IFERROR(INDEX(Jesper!AK$2:AK$366,ROUNDDOWN($C7756/24,0)+1,1)*INDEX($D$3:$AA$30,INDEX(Jesper!$R$2:$R$366,ROW(INDEX(Jesper!AK$2:AK$366,ROUNDDOWN($C7756/24,0)+1,1))-1)+IF('Standard Profiles'!$G$21=$B$10,7,0)+IF('Standard Profiles'!$G$21=$B$17,14,0)+IF('Standard Profiles'!$G$21=$B$24,21,0),MOD($C7756,24)+1)/SUM(INDEX($D$3:$AA$30,INDEX(Jesper!$R$2:$R$366,ROW(INDEX(Jesper!AK$2:AK$366,ROUNDDOWN($C7756/24,0)+1,1))-1)+IF('Standard Profiles'!$G$21=$B$10,7,0)+IF('Standard Profiles'!$G$21=$B$17,14,0)+IF('Standard Profiles'!$G$21=$B$24,21,0),0)),0)</f>
        <v>6.3043312375833747</v>
      </c>
      <c r="H7756" cm="1">
        <f t="array" ref="H7756">IFERROR(INDEX(Jesper!AL$2:AL$366,ROUNDDOWN($C7756/24,0)+1,1)*INDEX($D$3:$AA$30,INDEX(Jesper!$R$2:$R$366,ROW(INDEX(Jesper!AL$2:AL$366,ROUNDDOWN($C7756/24,0)+1,1))-1)+IF('Standard Profiles'!$G$22=$B$10,7,0)+IF('Standard Profiles'!$G$22=$B$17,14,0)+IF('Standard Profiles'!$G$22=$B$24,21,0),MOD($C7756,24)+1)/SUM(INDEX($D$3:$AA$30,INDEX(Jesper!$R$2:$R$366,ROW(INDEX(Jesper!AL$2:AL$366,ROUNDDOWN($C7756/24,0)+1,1))-1)+IF('Standard Profiles'!$G$22=$B$10,7,0)+IF('Standard Profiles'!$G$22=$B$17,14,0)+IF('Standard Profiles'!$G$22=$B$24,21,0),0)),0)</f>
        <v>4.3544233450666985</v>
      </c>
      <c r="I7756">
        <f t="shared" si="860"/>
        <v>4.180246411264033</v>
      </c>
      <c r="J7756">
        <f t="shared" si="861"/>
        <v>14.680790019407373</v>
      </c>
      <c r="K7756">
        <f t="shared" si="862"/>
        <v>0.38444571550949624</v>
      </c>
      <c r="L7756">
        <f t="shared" si="863"/>
        <v>0.19222285775474812</v>
      </c>
      <c r="M7756">
        <f t="shared" si="864"/>
        <v>0</v>
      </c>
      <c r="N7756" s="45">
        <f t="shared" si="865"/>
        <v>45248.749999981272</v>
      </c>
    </row>
    <row r="7757" spans="2:14" x14ac:dyDescent="0.25">
      <c r="B7757">
        <f t="shared" si="859"/>
        <v>6</v>
      </c>
      <c r="C7757" s="16">
        <v>7723</v>
      </c>
      <c r="D7757" cm="1">
        <f t="array" ref="D7757">IFERROR(INDEX(Jesper!AH$2:AH$366,ROUNDDOWN($C7757/24,0)+1,1)*INDEX($D$3:$AA$30,INDEX(Jesper!$R$2:$R$366,ROW(INDEX(Jesper!AH$2:AH$366,ROUNDDOWN($C7757/24,0)+1,1))-1)+IF('Standard Profiles'!$G$18=$B$10,7,0)+IF('Standard Profiles'!$G$18=$B$17,14,0)+IF('Standard Profiles'!$G$18=$B$24,21,0),MOD($C7757,24)+1)/SUM(INDEX($D$3:$AA$30,INDEX(Jesper!$R$2:$R$366,ROW(INDEX(Jesper!AH$2:AH$366,ROUNDDOWN($C7757/24,0)+1,1))-1)+IF('Standard Profiles'!$G$18=$B$10,7,0)+IF('Standard Profiles'!$G$18=$B$17,14,0)+IF('Standard Profiles'!$G$18=$B$24,21,0),0)),0)</f>
        <v>0</v>
      </c>
      <c r="E7757" cm="1">
        <f t="array" ref="E7757">IFERROR(INDEX(Jesper!AI$2:AI$366,ROUNDDOWN($C7757/24,0)+1,1)*INDEX($D$3:$AA$30,INDEX(Jesper!$R$2:$R$366,ROW(INDEX(Jesper!AI$2:AI$366,ROUNDDOWN($C7757/24,0)+1,1))-1)+IF('Standard Profiles'!$G$19=$B$10,7,0)+IF('Standard Profiles'!$G$19=$B$17,14,0)+IF('Standard Profiles'!$G$19=$B$24,21,0),MOD($C7757,24)+1)/SUM(INDEX($D$3:$AA$30,INDEX(Jesper!$R$2:$R$366,ROW(INDEX(Jesper!AI$2:AI$366,ROUNDDOWN($C7757/24,0)+1,1))-1)+IF('Standard Profiles'!$G$19=$B$10,7,0)+IF('Standard Profiles'!$G$19=$B$17,14,0)+IF('Standard Profiles'!$G$19=$B$24,21,0),0)),0)</f>
        <v>4.8055714438687032</v>
      </c>
      <c r="F7757" cm="1">
        <f t="array" ref="F7757">IFERROR(INDEX(Jesper!AJ$2:AJ$366,ROUNDDOWN($C7757/24,0)+1,1)*INDEX($D$3:$AA$30,INDEX(Jesper!$R$2:$R$366,ROW(INDEX(Jesper!AJ$2:AJ$366,ROUNDDOWN($C7757/24,0)+1,1))-1)+IF('Standard Profiles'!$G$20=$B$10,7,0)+IF('Standard Profiles'!$G$20=$B$17,14,0)+IF('Standard Profiles'!$G$20=$B$24,21,0),MOD($C7757,24)+1)/SUM(INDEX($D$3:$AA$30,INDEX(Jesper!$R$2:$R$366,ROW(INDEX(Jesper!AJ$2:AJ$366,ROUNDDOWN($C7757/24,0)+1,1))-1)+IF('Standard Profiles'!$G$20=$B$10,7,0)+IF('Standard Profiles'!$G$20=$B$17,14,0)+IF('Standard Profiles'!$G$20=$B$24,21,0),0)),0)</f>
        <v>3.9733789774168753</v>
      </c>
      <c r="G7757" cm="1">
        <f t="array" ref="G7757">IFERROR(INDEX(Jesper!AK$2:AK$366,ROUNDDOWN($C7757/24,0)+1,1)*INDEX($D$3:$AA$30,INDEX(Jesper!$R$2:$R$366,ROW(INDEX(Jesper!AK$2:AK$366,ROUNDDOWN($C7757/24,0)+1,1))-1)+IF('Standard Profiles'!$G$21=$B$10,7,0)+IF('Standard Profiles'!$G$21=$B$17,14,0)+IF('Standard Profiles'!$G$21=$B$24,21,0),MOD($C7757,24)+1)/SUM(INDEX($D$3:$AA$30,INDEX(Jesper!$R$2:$R$366,ROW(INDEX(Jesper!AK$2:AK$366,ROUNDDOWN($C7757/24,0)+1,1))-1)+IF('Standard Profiles'!$G$21=$B$10,7,0)+IF('Standard Profiles'!$G$21=$B$17,14,0)+IF('Standard Profiles'!$G$21=$B$24,21,0),0)),0)</f>
        <v>6.3043312375833747</v>
      </c>
      <c r="H7757" cm="1">
        <f t="array" ref="H7757">IFERROR(INDEX(Jesper!AL$2:AL$366,ROUNDDOWN($C7757/24,0)+1,1)*INDEX($D$3:$AA$30,INDEX(Jesper!$R$2:$R$366,ROW(INDEX(Jesper!AL$2:AL$366,ROUNDDOWN($C7757/24,0)+1,1))-1)+IF('Standard Profiles'!$G$22=$B$10,7,0)+IF('Standard Profiles'!$G$22=$B$17,14,0)+IF('Standard Profiles'!$G$22=$B$24,21,0),MOD($C7757,24)+1)/SUM(INDEX($D$3:$AA$30,INDEX(Jesper!$R$2:$R$366,ROW(INDEX(Jesper!AL$2:AL$366,ROUNDDOWN($C7757/24,0)+1,1))-1)+IF('Standard Profiles'!$G$22=$B$10,7,0)+IF('Standard Profiles'!$G$22=$B$17,14,0)+IF('Standard Profiles'!$G$22=$B$24,21,0),0)),0)</f>
        <v>3.5170342402461787</v>
      </c>
      <c r="I7757">
        <f t="shared" si="860"/>
        <v>3.3763528706363335</v>
      </c>
      <c r="J7757">
        <f t="shared" si="861"/>
        <v>14.647294455214555</v>
      </c>
      <c r="K7757">
        <f t="shared" si="862"/>
        <v>0.38444571550949624</v>
      </c>
      <c r="L7757">
        <f t="shared" si="863"/>
        <v>0.19222285775474812</v>
      </c>
      <c r="M7757">
        <f t="shared" si="864"/>
        <v>0</v>
      </c>
      <c r="N7757" s="45">
        <f t="shared" si="865"/>
        <v>45248.791666647936</v>
      </c>
    </row>
    <row r="7758" spans="2:14" x14ac:dyDescent="0.25">
      <c r="B7758">
        <f t="shared" si="859"/>
        <v>6</v>
      </c>
      <c r="C7758" s="16">
        <v>7724</v>
      </c>
      <c r="D7758" cm="1">
        <f t="array" ref="D7758">IFERROR(INDEX(Jesper!AH$2:AH$366,ROUNDDOWN($C7758/24,0)+1,1)*INDEX($D$3:$AA$30,INDEX(Jesper!$R$2:$R$366,ROW(INDEX(Jesper!AH$2:AH$366,ROUNDDOWN($C7758/24,0)+1,1))-1)+IF('Standard Profiles'!$G$18=$B$10,7,0)+IF('Standard Profiles'!$G$18=$B$17,14,0)+IF('Standard Profiles'!$G$18=$B$24,21,0),MOD($C7758,24)+1)/SUM(INDEX($D$3:$AA$30,INDEX(Jesper!$R$2:$R$366,ROW(INDEX(Jesper!AH$2:AH$366,ROUNDDOWN($C7758/24,0)+1,1))-1)+IF('Standard Profiles'!$G$18=$B$10,7,0)+IF('Standard Profiles'!$G$18=$B$17,14,0)+IF('Standard Profiles'!$G$18=$B$24,21,0),0)),0)</f>
        <v>0</v>
      </c>
      <c r="E7758" cm="1">
        <f t="array" ref="E7758">IFERROR(INDEX(Jesper!AI$2:AI$366,ROUNDDOWN($C7758/24,0)+1,1)*INDEX($D$3:$AA$30,INDEX(Jesper!$R$2:$R$366,ROW(INDEX(Jesper!AI$2:AI$366,ROUNDDOWN($C7758/24,0)+1,1))-1)+IF('Standard Profiles'!$G$19=$B$10,7,0)+IF('Standard Profiles'!$G$19=$B$17,14,0)+IF('Standard Profiles'!$G$19=$B$24,21,0),MOD($C7758,24)+1)/SUM(INDEX($D$3:$AA$30,INDEX(Jesper!$R$2:$R$366,ROW(INDEX(Jesper!AI$2:AI$366,ROUNDDOWN($C7758/24,0)+1,1))-1)+IF('Standard Profiles'!$G$19=$B$10,7,0)+IF('Standard Profiles'!$G$19=$B$17,14,0)+IF('Standard Profiles'!$G$19=$B$24,21,0),0)),0)</f>
        <v>4.8055714438687032</v>
      </c>
      <c r="F7758" cm="1">
        <f t="array" ref="F7758">IFERROR(INDEX(Jesper!AJ$2:AJ$366,ROUNDDOWN($C7758/24,0)+1,1)*INDEX($D$3:$AA$30,INDEX(Jesper!$R$2:$R$366,ROW(INDEX(Jesper!AJ$2:AJ$366,ROUNDDOWN($C7758/24,0)+1,1))-1)+IF('Standard Profiles'!$G$20=$B$10,7,0)+IF('Standard Profiles'!$G$20=$B$17,14,0)+IF('Standard Profiles'!$G$20=$B$24,21,0),MOD($C7758,24)+1)/SUM(INDEX($D$3:$AA$30,INDEX(Jesper!$R$2:$R$366,ROW(INDEX(Jesper!AJ$2:AJ$366,ROUNDDOWN($C7758/24,0)+1,1))-1)+IF('Standard Profiles'!$G$20=$B$10,7,0)+IF('Standard Profiles'!$G$20=$B$17,14,0)+IF('Standard Profiles'!$G$20=$B$24,21,0),0)),0)</f>
        <v>3.9733789774168753</v>
      </c>
      <c r="G7758" cm="1">
        <f t="array" ref="G7758">IFERROR(INDEX(Jesper!AK$2:AK$366,ROUNDDOWN($C7758/24,0)+1,1)*INDEX($D$3:$AA$30,INDEX(Jesper!$R$2:$R$366,ROW(INDEX(Jesper!AK$2:AK$366,ROUNDDOWN($C7758/24,0)+1,1))-1)+IF('Standard Profiles'!$G$21=$B$10,7,0)+IF('Standard Profiles'!$G$21=$B$17,14,0)+IF('Standard Profiles'!$G$21=$B$24,21,0),MOD($C7758,24)+1)/SUM(INDEX($D$3:$AA$30,INDEX(Jesper!$R$2:$R$366,ROW(INDEX(Jesper!AK$2:AK$366,ROUNDDOWN($C7758/24,0)+1,1))-1)+IF('Standard Profiles'!$G$21=$B$10,7,0)+IF('Standard Profiles'!$G$21=$B$17,14,0)+IF('Standard Profiles'!$G$21=$B$24,21,0),0)),0)</f>
        <v>6.3043312375833747</v>
      </c>
      <c r="H7758" cm="1">
        <f t="array" ref="H7758">IFERROR(INDEX(Jesper!AL$2:AL$366,ROUNDDOWN($C7758/24,0)+1,1)*INDEX($D$3:$AA$30,INDEX(Jesper!$R$2:$R$366,ROW(INDEX(Jesper!AL$2:AL$366,ROUNDDOWN($C7758/24,0)+1,1))-1)+IF('Standard Profiles'!$G$22=$B$10,7,0)+IF('Standard Profiles'!$G$22=$B$17,14,0)+IF('Standard Profiles'!$G$22=$B$24,21,0),MOD($C7758,24)+1)/SUM(INDEX($D$3:$AA$30,INDEX(Jesper!$R$2:$R$366,ROW(INDEX(Jesper!AL$2:AL$366,ROUNDDOWN($C7758/24,0)+1,1))-1)+IF('Standard Profiles'!$G$22=$B$10,7,0)+IF('Standard Profiles'!$G$22=$B$17,14,0)+IF('Standard Profiles'!$G$22=$B$24,21,0),0)),0)</f>
        <v>2.595906224943608</v>
      </c>
      <c r="I7758">
        <f t="shared" si="860"/>
        <v>2.4920699759458649</v>
      </c>
      <c r="J7758">
        <f t="shared" si="861"/>
        <v>14.610449334602452</v>
      </c>
      <c r="K7758">
        <f t="shared" si="862"/>
        <v>0.38444571550949624</v>
      </c>
      <c r="L7758">
        <f t="shared" si="863"/>
        <v>0.19222285775474812</v>
      </c>
      <c r="M7758">
        <f t="shared" si="864"/>
        <v>0</v>
      </c>
      <c r="N7758" s="45">
        <f t="shared" si="865"/>
        <v>45248.8333333146</v>
      </c>
    </row>
    <row r="7759" spans="2:14" x14ac:dyDescent="0.25">
      <c r="B7759">
        <f t="shared" si="859"/>
        <v>6</v>
      </c>
      <c r="C7759" s="16">
        <v>7725</v>
      </c>
      <c r="D7759" cm="1">
        <f t="array" ref="D7759">IFERROR(INDEX(Jesper!AH$2:AH$366,ROUNDDOWN($C7759/24,0)+1,1)*INDEX($D$3:$AA$30,INDEX(Jesper!$R$2:$R$366,ROW(INDEX(Jesper!AH$2:AH$366,ROUNDDOWN($C7759/24,0)+1,1))-1)+IF('Standard Profiles'!$G$18=$B$10,7,0)+IF('Standard Profiles'!$G$18=$B$17,14,0)+IF('Standard Profiles'!$G$18=$B$24,21,0),MOD($C7759,24)+1)/SUM(INDEX($D$3:$AA$30,INDEX(Jesper!$R$2:$R$366,ROW(INDEX(Jesper!AH$2:AH$366,ROUNDDOWN($C7759/24,0)+1,1))-1)+IF('Standard Profiles'!$G$18=$B$10,7,0)+IF('Standard Profiles'!$G$18=$B$17,14,0)+IF('Standard Profiles'!$G$18=$B$24,21,0),0)),0)</f>
        <v>0</v>
      </c>
      <c r="E7759" cm="1">
        <f t="array" ref="E7759">IFERROR(INDEX(Jesper!AI$2:AI$366,ROUNDDOWN($C7759/24,0)+1,1)*INDEX($D$3:$AA$30,INDEX(Jesper!$R$2:$R$366,ROW(INDEX(Jesper!AI$2:AI$366,ROUNDDOWN($C7759/24,0)+1,1))-1)+IF('Standard Profiles'!$G$19=$B$10,7,0)+IF('Standard Profiles'!$G$19=$B$17,14,0)+IF('Standard Profiles'!$G$19=$B$24,21,0),MOD($C7759,24)+1)/SUM(INDEX($D$3:$AA$30,INDEX(Jesper!$R$2:$R$366,ROW(INDEX(Jesper!AI$2:AI$366,ROUNDDOWN($C7759/24,0)+1,1))-1)+IF('Standard Profiles'!$G$19=$B$10,7,0)+IF('Standard Profiles'!$G$19=$B$17,14,0)+IF('Standard Profiles'!$G$19=$B$24,21,0),0)),0)</f>
        <v>4.8055714438687032</v>
      </c>
      <c r="F7759" cm="1">
        <f t="array" ref="F7759">IFERROR(INDEX(Jesper!AJ$2:AJ$366,ROUNDDOWN($C7759/24,0)+1,1)*INDEX($D$3:$AA$30,INDEX(Jesper!$R$2:$R$366,ROW(INDEX(Jesper!AJ$2:AJ$366,ROUNDDOWN($C7759/24,0)+1,1))-1)+IF('Standard Profiles'!$G$20=$B$10,7,0)+IF('Standard Profiles'!$G$20=$B$17,14,0)+IF('Standard Profiles'!$G$20=$B$24,21,0),MOD($C7759,24)+1)/SUM(INDEX($D$3:$AA$30,INDEX(Jesper!$R$2:$R$366,ROW(INDEX(Jesper!AJ$2:AJ$366,ROUNDDOWN($C7759/24,0)+1,1))-1)+IF('Standard Profiles'!$G$20=$B$10,7,0)+IF('Standard Profiles'!$G$20=$B$17,14,0)+IF('Standard Profiles'!$G$20=$B$24,21,0),0)),0)</f>
        <v>3.9733789774168753</v>
      </c>
      <c r="G7759" cm="1">
        <f t="array" ref="G7759">IFERROR(INDEX(Jesper!AK$2:AK$366,ROUNDDOWN($C7759/24,0)+1,1)*INDEX($D$3:$AA$30,INDEX(Jesper!$R$2:$R$366,ROW(INDEX(Jesper!AK$2:AK$366,ROUNDDOWN($C7759/24,0)+1,1))-1)+IF('Standard Profiles'!$G$21=$B$10,7,0)+IF('Standard Profiles'!$G$21=$B$17,14,0)+IF('Standard Profiles'!$G$21=$B$24,21,0),MOD($C7759,24)+1)/SUM(INDEX($D$3:$AA$30,INDEX(Jesper!$R$2:$R$366,ROW(INDEX(Jesper!AK$2:AK$366,ROUNDDOWN($C7759/24,0)+1,1))-1)+IF('Standard Profiles'!$G$21=$B$10,7,0)+IF('Standard Profiles'!$G$21=$B$17,14,0)+IF('Standard Profiles'!$G$21=$B$24,21,0),0)),0)</f>
        <v>6.3043312375833747</v>
      </c>
      <c r="H7759" cm="1">
        <f t="array" ref="H7759">IFERROR(INDEX(Jesper!AL$2:AL$366,ROUNDDOWN($C7759/24,0)+1,1)*INDEX($D$3:$AA$30,INDEX(Jesper!$R$2:$R$366,ROW(INDEX(Jesper!AL$2:AL$366,ROUNDDOWN($C7759/24,0)+1,1))-1)+IF('Standard Profiles'!$G$22=$B$10,7,0)+IF('Standard Profiles'!$G$22=$B$17,14,0)+IF('Standard Profiles'!$G$22=$B$24,21,0),MOD($C7759,24)+1)/SUM(INDEX($D$3:$AA$30,INDEX(Jesper!$R$2:$R$366,ROW(INDEX(Jesper!AL$2:AL$366,ROUNDDOWN($C7759/24,0)+1,1))-1)+IF('Standard Profiles'!$G$22=$B$10,7,0)+IF('Standard Profiles'!$G$22=$B$17,14,0)+IF('Standard Profiles'!$G$22=$B$24,21,0),0)),0)</f>
        <v>2.595906224943608</v>
      </c>
      <c r="I7759">
        <f t="shared" si="860"/>
        <v>2.4920699759458649</v>
      </c>
      <c r="J7759">
        <f t="shared" si="861"/>
        <v>14.610449334602452</v>
      </c>
      <c r="K7759">
        <f t="shared" si="862"/>
        <v>0.38444571550949624</v>
      </c>
      <c r="L7759">
        <f t="shared" si="863"/>
        <v>0.19222285775474812</v>
      </c>
      <c r="M7759">
        <f t="shared" si="864"/>
        <v>0</v>
      </c>
      <c r="N7759" s="45">
        <f t="shared" si="865"/>
        <v>45248.874999981264</v>
      </c>
    </row>
    <row r="7760" spans="2:14" x14ac:dyDescent="0.25">
      <c r="B7760">
        <f t="shared" si="859"/>
        <v>6</v>
      </c>
      <c r="C7760" s="16">
        <v>7726</v>
      </c>
      <c r="D7760" cm="1">
        <f t="array" ref="D7760">IFERROR(INDEX(Jesper!AH$2:AH$366,ROUNDDOWN($C7760/24,0)+1,1)*INDEX($D$3:$AA$30,INDEX(Jesper!$R$2:$R$366,ROW(INDEX(Jesper!AH$2:AH$366,ROUNDDOWN($C7760/24,0)+1,1))-1)+IF('Standard Profiles'!$G$18=$B$10,7,0)+IF('Standard Profiles'!$G$18=$B$17,14,0)+IF('Standard Profiles'!$G$18=$B$24,21,0),MOD($C7760,24)+1)/SUM(INDEX($D$3:$AA$30,INDEX(Jesper!$R$2:$R$366,ROW(INDEX(Jesper!AH$2:AH$366,ROUNDDOWN($C7760/24,0)+1,1))-1)+IF('Standard Profiles'!$G$18=$B$10,7,0)+IF('Standard Profiles'!$G$18=$B$17,14,0)+IF('Standard Profiles'!$G$18=$B$24,21,0),0)),0)</f>
        <v>0</v>
      </c>
      <c r="E7760" cm="1">
        <f t="array" ref="E7760">IFERROR(INDEX(Jesper!AI$2:AI$366,ROUNDDOWN($C7760/24,0)+1,1)*INDEX($D$3:$AA$30,INDEX(Jesper!$R$2:$R$366,ROW(INDEX(Jesper!AI$2:AI$366,ROUNDDOWN($C7760/24,0)+1,1))-1)+IF('Standard Profiles'!$G$19=$B$10,7,0)+IF('Standard Profiles'!$G$19=$B$17,14,0)+IF('Standard Profiles'!$G$19=$B$24,21,0),MOD($C7760,24)+1)/SUM(INDEX($D$3:$AA$30,INDEX(Jesper!$R$2:$R$366,ROW(INDEX(Jesper!AI$2:AI$366,ROUNDDOWN($C7760/24,0)+1,1))-1)+IF('Standard Profiles'!$G$19=$B$10,7,0)+IF('Standard Profiles'!$G$19=$B$17,14,0)+IF('Standard Profiles'!$G$19=$B$24,21,0),0)),0)</f>
        <v>4.8055714438687032</v>
      </c>
      <c r="F7760" cm="1">
        <f t="array" ref="F7760">IFERROR(INDEX(Jesper!AJ$2:AJ$366,ROUNDDOWN($C7760/24,0)+1,1)*INDEX($D$3:$AA$30,INDEX(Jesper!$R$2:$R$366,ROW(INDEX(Jesper!AJ$2:AJ$366,ROUNDDOWN($C7760/24,0)+1,1))-1)+IF('Standard Profiles'!$G$20=$B$10,7,0)+IF('Standard Profiles'!$G$20=$B$17,14,0)+IF('Standard Profiles'!$G$20=$B$24,21,0),MOD($C7760,24)+1)/SUM(INDEX($D$3:$AA$30,INDEX(Jesper!$R$2:$R$366,ROW(INDEX(Jesper!AJ$2:AJ$366,ROUNDDOWN($C7760/24,0)+1,1))-1)+IF('Standard Profiles'!$G$20=$B$10,7,0)+IF('Standard Profiles'!$G$20=$B$17,14,0)+IF('Standard Profiles'!$G$20=$B$24,21,0),0)),0)</f>
        <v>3.9733789774168753</v>
      </c>
      <c r="G7760" cm="1">
        <f t="array" ref="G7760">IFERROR(INDEX(Jesper!AK$2:AK$366,ROUNDDOWN($C7760/24,0)+1,1)*INDEX($D$3:$AA$30,INDEX(Jesper!$R$2:$R$366,ROW(INDEX(Jesper!AK$2:AK$366,ROUNDDOWN($C7760/24,0)+1,1))-1)+IF('Standard Profiles'!$G$21=$B$10,7,0)+IF('Standard Profiles'!$G$21=$B$17,14,0)+IF('Standard Profiles'!$G$21=$B$24,21,0),MOD($C7760,24)+1)/SUM(INDEX($D$3:$AA$30,INDEX(Jesper!$R$2:$R$366,ROW(INDEX(Jesper!AK$2:AK$366,ROUNDDOWN($C7760/24,0)+1,1))-1)+IF('Standard Profiles'!$G$21=$B$10,7,0)+IF('Standard Profiles'!$G$21=$B$17,14,0)+IF('Standard Profiles'!$G$21=$B$24,21,0),0)),0)</f>
        <v>6.3043312375833747</v>
      </c>
      <c r="H7760" cm="1">
        <f t="array" ref="H7760">IFERROR(INDEX(Jesper!AL$2:AL$366,ROUNDDOWN($C7760/24,0)+1,1)*INDEX($D$3:$AA$30,INDEX(Jesper!$R$2:$R$366,ROW(INDEX(Jesper!AL$2:AL$366,ROUNDDOWN($C7760/24,0)+1,1))-1)+IF('Standard Profiles'!$G$22=$B$10,7,0)+IF('Standard Profiles'!$G$22=$B$17,14,0)+IF('Standard Profiles'!$G$22=$B$24,21,0),MOD($C7760,24)+1)/SUM(INDEX($D$3:$AA$30,INDEX(Jesper!$R$2:$R$366,ROW(INDEX(Jesper!AL$2:AL$366,ROUNDDOWN($C7760/24,0)+1,1))-1)+IF('Standard Profiles'!$G$22=$B$10,7,0)+IF('Standard Profiles'!$G$22=$B$17,14,0)+IF('Standard Profiles'!$G$22=$B$24,21,0),0)),0)</f>
        <v>2.595906224943608</v>
      </c>
      <c r="I7760">
        <f t="shared" si="860"/>
        <v>2.4920699759458649</v>
      </c>
      <c r="J7760">
        <f t="shared" si="861"/>
        <v>14.610449334602452</v>
      </c>
      <c r="K7760">
        <f t="shared" si="862"/>
        <v>0.38444571550949624</v>
      </c>
      <c r="L7760">
        <f t="shared" si="863"/>
        <v>0.19222285775474812</v>
      </c>
      <c r="M7760">
        <f t="shared" si="864"/>
        <v>0</v>
      </c>
      <c r="N7760" s="45">
        <f t="shared" si="865"/>
        <v>45248.916666647929</v>
      </c>
    </row>
    <row r="7761" spans="2:14" x14ac:dyDescent="0.25">
      <c r="B7761">
        <f t="shared" si="859"/>
        <v>6</v>
      </c>
      <c r="C7761" s="16">
        <v>7727</v>
      </c>
      <c r="D7761" cm="1">
        <f t="array" ref="D7761">IFERROR(INDEX(Jesper!AH$2:AH$366,ROUNDDOWN($C7761/24,0)+1,1)*INDEX($D$3:$AA$30,INDEX(Jesper!$R$2:$R$366,ROW(INDEX(Jesper!AH$2:AH$366,ROUNDDOWN($C7761/24,0)+1,1))-1)+IF('Standard Profiles'!$G$18=$B$10,7,0)+IF('Standard Profiles'!$G$18=$B$17,14,0)+IF('Standard Profiles'!$G$18=$B$24,21,0),MOD($C7761,24)+1)/SUM(INDEX($D$3:$AA$30,INDEX(Jesper!$R$2:$R$366,ROW(INDEX(Jesper!AH$2:AH$366,ROUNDDOWN($C7761/24,0)+1,1))-1)+IF('Standard Profiles'!$G$18=$B$10,7,0)+IF('Standard Profiles'!$G$18=$B$17,14,0)+IF('Standard Profiles'!$G$18=$B$24,21,0),0)),0)</f>
        <v>0</v>
      </c>
      <c r="E7761" cm="1">
        <f t="array" ref="E7761">IFERROR(INDEX(Jesper!AI$2:AI$366,ROUNDDOWN($C7761/24,0)+1,1)*INDEX($D$3:$AA$30,INDEX(Jesper!$R$2:$R$366,ROW(INDEX(Jesper!AI$2:AI$366,ROUNDDOWN($C7761/24,0)+1,1))-1)+IF('Standard Profiles'!$G$19=$B$10,7,0)+IF('Standard Profiles'!$G$19=$B$17,14,0)+IF('Standard Profiles'!$G$19=$B$24,21,0),MOD($C7761,24)+1)/SUM(INDEX($D$3:$AA$30,INDEX(Jesper!$R$2:$R$366,ROW(INDEX(Jesper!AI$2:AI$366,ROUNDDOWN($C7761/24,0)+1,1))-1)+IF('Standard Profiles'!$G$19=$B$10,7,0)+IF('Standard Profiles'!$G$19=$B$17,14,0)+IF('Standard Profiles'!$G$19=$B$24,21,0),0)),0)</f>
        <v>4.8055714438687032</v>
      </c>
      <c r="F7761" cm="1">
        <f t="array" ref="F7761">IFERROR(INDEX(Jesper!AJ$2:AJ$366,ROUNDDOWN($C7761/24,0)+1,1)*INDEX($D$3:$AA$30,INDEX(Jesper!$R$2:$R$366,ROW(INDEX(Jesper!AJ$2:AJ$366,ROUNDDOWN($C7761/24,0)+1,1))-1)+IF('Standard Profiles'!$G$20=$B$10,7,0)+IF('Standard Profiles'!$G$20=$B$17,14,0)+IF('Standard Profiles'!$G$20=$B$24,21,0),MOD($C7761,24)+1)/SUM(INDEX($D$3:$AA$30,INDEX(Jesper!$R$2:$R$366,ROW(INDEX(Jesper!AJ$2:AJ$366,ROUNDDOWN($C7761/24,0)+1,1))-1)+IF('Standard Profiles'!$G$20=$B$10,7,0)+IF('Standard Profiles'!$G$20=$B$17,14,0)+IF('Standard Profiles'!$G$20=$B$24,21,0),0)),0)</f>
        <v>3.9733789774168753</v>
      </c>
      <c r="G7761" cm="1">
        <f t="array" ref="G7761">IFERROR(INDEX(Jesper!AK$2:AK$366,ROUNDDOWN($C7761/24,0)+1,1)*INDEX($D$3:$AA$30,INDEX(Jesper!$R$2:$R$366,ROW(INDEX(Jesper!AK$2:AK$366,ROUNDDOWN($C7761/24,0)+1,1))-1)+IF('Standard Profiles'!$G$21=$B$10,7,0)+IF('Standard Profiles'!$G$21=$B$17,14,0)+IF('Standard Profiles'!$G$21=$B$24,21,0),MOD($C7761,24)+1)/SUM(INDEX($D$3:$AA$30,INDEX(Jesper!$R$2:$R$366,ROW(INDEX(Jesper!AK$2:AK$366,ROUNDDOWN($C7761/24,0)+1,1))-1)+IF('Standard Profiles'!$G$21=$B$10,7,0)+IF('Standard Profiles'!$G$21=$B$17,14,0)+IF('Standard Profiles'!$G$21=$B$24,21,0),0)),0)</f>
        <v>6.3043312375833747</v>
      </c>
      <c r="H7761" cm="1">
        <f t="array" ref="H7761">IFERROR(INDEX(Jesper!AL$2:AL$366,ROUNDDOWN($C7761/24,0)+1,1)*INDEX($D$3:$AA$30,INDEX(Jesper!$R$2:$R$366,ROW(INDEX(Jesper!AL$2:AL$366,ROUNDDOWN($C7761/24,0)+1,1))-1)+IF('Standard Profiles'!$G$22=$B$10,7,0)+IF('Standard Profiles'!$G$22=$B$17,14,0)+IF('Standard Profiles'!$G$22=$B$24,21,0),MOD($C7761,24)+1)/SUM(INDEX($D$3:$AA$30,INDEX(Jesper!$R$2:$R$366,ROW(INDEX(Jesper!AL$2:AL$366,ROUNDDOWN($C7761/24,0)+1,1))-1)+IF('Standard Profiles'!$G$22=$B$10,7,0)+IF('Standard Profiles'!$G$22=$B$17,14,0)+IF('Standard Profiles'!$G$22=$B$24,21,0),0)),0)</f>
        <v>2.595906224943608</v>
      </c>
      <c r="I7761">
        <f t="shared" si="860"/>
        <v>2.4920699759458649</v>
      </c>
      <c r="J7761">
        <f t="shared" si="861"/>
        <v>14.610449334602452</v>
      </c>
      <c r="K7761">
        <f t="shared" si="862"/>
        <v>0.38444571550949624</v>
      </c>
      <c r="L7761">
        <f t="shared" si="863"/>
        <v>0.19222285775474812</v>
      </c>
      <c r="M7761">
        <f t="shared" si="864"/>
        <v>0</v>
      </c>
      <c r="N7761" s="45">
        <f t="shared" si="865"/>
        <v>45248.958333314593</v>
      </c>
    </row>
    <row r="7762" spans="2:14" x14ac:dyDescent="0.25">
      <c r="B7762">
        <f t="shared" si="859"/>
        <v>7</v>
      </c>
      <c r="C7762" s="16">
        <v>7728</v>
      </c>
      <c r="D7762" cm="1">
        <f t="array" ref="D7762">IFERROR(INDEX(Jesper!AH$2:AH$366,ROUNDDOWN($C7762/24,0)+1,1)*INDEX($D$3:$AA$30,INDEX(Jesper!$R$2:$R$366,ROW(INDEX(Jesper!AH$2:AH$366,ROUNDDOWN($C7762/24,0)+1,1))-1)+IF('Standard Profiles'!$G$18=$B$10,7,0)+IF('Standard Profiles'!$G$18=$B$17,14,0)+IF('Standard Profiles'!$G$18=$B$24,21,0),MOD($C7762,24)+1)/SUM(INDEX($D$3:$AA$30,INDEX(Jesper!$R$2:$R$366,ROW(INDEX(Jesper!AH$2:AH$366,ROUNDDOWN($C7762/24,0)+1,1))-1)+IF('Standard Profiles'!$G$18=$B$10,7,0)+IF('Standard Profiles'!$G$18=$B$17,14,0)+IF('Standard Profiles'!$G$18=$B$24,21,0),0)),0)</f>
        <v>0</v>
      </c>
      <c r="E7762" cm="1">
        <f t="array" ref="E7762">IFERROR(INDEX(Jesper!AI$2:AI$366,ROUNDDOWN($C7762/24,0)+1,1)*INDEX($D$3:$AA$30,INDEX(Jesper!$R$2:$R$366,ROW(INDEX(Jesper!AI$2:AI$366,ROUNDDOWN($C7762/24,0)+1,1))-1)+IF('Standard Profiles'!$G$19=$B$10,7,0)+IF('Standard Profiles'!$G$19=$B$17,14,0)+IF('Standard Profiles'!$G$19=$B$24,21,0),MOD($C7762,24)+1)/SUM(INDEX($D$3:$AA$30,INDEX(Jesper!$R$2:$R$366,ROW(INDEX(Jesper!AI$2:AI$366,ROUNDDOWN($C7762/24,0)+1,1))-1)+IF('Standard Profiles'!$G$19=$B$10,7,0)+IF('Standard Profiles'!$G$19=$B$17,14,0)+IF('Standard Profiles'!$G$19=$B$24,21,0),0)),0)</f>
        <v>5.0253347277136458</v>
      </c>
      <c r="F7762" cm="1">
        <f t="array" ref="F7762">IFERROR(INDEX(Jesper!AJ$2:AJ$366,ROUNDDOWN($C7762/24,0)+1,1)*INDEX($D$3:$AA$30,INDEX(Jesper!$R$2:$R$366,ROW(INDEX(Jesper!AJ$2:AJ$366,ROUNDDOWN($C7762/24,0)+1,1))-1)+IF('Standard Profiles'!$G$20=$B$10,7,0)+IF('Standard Profiles'!$G$20=$B$17,14,0)+IF('Standard Profiles'!$G$20=$B$24,21,0),MOD($C7762,24)+1)/SUM(INDEX($D$3:$AA$30,INDEX(Jesper!$R$2:$R$366,ROW(INDEX(Jesper!AJ$2:AJ$366,ROUNDDOWN($C7762/24,0)+1,1))-1)+IF('Standard Profiles'!$G$20=$B$10,7,0)+IF('Standard Profiles'!$G$20=$B$17,14,0)+IF('Standard Profiles'!$G$20=$B$24,21,0),0)),0)</f>
        <v>4.2386246764985103</v>
      </c>
      <c r="G7762" cm="1">
        <f t="array" ref="G7762">IFERROR(INDEX(Jesper!AK$2:AK$366,ROUNDDOWN($C7762/24,0)+1,1)*INDEX($D$3:$AA$30,INDEX(Jesper!$R$2:$R$366,ROW(INDEX(Jesper!AK$2:AK$366,ROUNDDOWN($C7762/24,0)+1,1))-1)+IF('Standard Profiles'!$G$21=$B$10,7,0)+IF('Standard Profiles'!$G$21=$B$17,14,0)+IF('Standard Profiles'!$G$21=$B$24,21,0),MOD($C7762,24)+1)/SUM(INDEX($D$3:$AA$30,INDEX(Jesper!$R$2:$R$366,ROW(INDEX(Jesper!AK$2:AK$366,ROUNDDOWN($C7762/24,0)+1,1))-1)+IF('Standard Profiles'!$G$21=$B$10,7,0)+IF('Standard Profiles'!$G$21=$B$17,14,0)+IF('Standard Profiles'!$G$21=$B$24,21,0),0)),0)</f>
        <v>6.8666578187654386</v>
      </c>
      <c r="H7762" cm="1">
        <f t="array" ref="H7762">IFERROR(INDEX(Jesper!AL$2:AL$366,ROUNDDOWN($C7762/24,0)+1,1)*INDEX($D$3:$AA$30,INDEX(Jesper!$R$2:$R$366,ROW(INDEX(Jesper!AL$2:AL$366,ROUNDDOWN($C7762/24,0)+1,1))-1)+IF('Standard Profiles'!$G$22=$B$10,7,0)+IF('Standard Profiles'!$G$22=$B$17,14,0)+IF('Standard Profiles'!$G$22=$B$24,21,0),MOD($C7762,24)+1)/SUM(INDEX($D$3:$AA$30,INDEX(Jesper!$R$2:$R$366,ROW(INDEX(Jesper!AL$2:AL$366,ROUNDDOWN($C7762/24,0)+1,1))-1)+IF('Standard Profiles'!$G$22=$B$10,7,0)+IF('Standard Profiles'!$G$22=$B$17,14,0)+IF('Standard Profiles'!$G$22=$B$24,21,0),0)),0)</f>
        <v>3.2459512493153264</v>
      </c>
      <c r="I7762">
        <f t="shared" si="860"/>
        <v>3.1161131993427151</v>
      </c>
      <c r="J7762">
        <f t="shared" si="861"/>
        <v>15.657415105624567</v>
      </c>
      <c r="K7762">
        <f t="shared" si="862"/>
        <v>0.40202677821709165</v>
      </c>
      <c r="L7762">
        <f t="shared" si="863"/>
        <v>0.20101338910854583</v>
      </c>
      <c r="M7762">
        <f t="shared" si="864"/>
        <v>0</v>
      </c>
      <c r="N7762" s="45">
        <f t="shared" si="865"/>
        <v>45248.999999981257</v>
      </c>
    </row>
    <row r="7763" spans="2:14" x14ac:dyDescent="0.25">
      <c r="B7763">
        <f t="shared" si="859"/>
        <v>7</v>
      </c>
      <c r="C7763" s="16">
        <v>7729</v>
      </c>
      <c r="D7763" cm="1">
        <f t="array" ref="D7763">IFERROR(INDEX(Jesper!AH$2:AH$366,ROUNDDOWN($C7763/24,0)+1,1)*INDEX($D$3:$AA$30,INDEX(Jesper!$R$2:$R$366,ROW(INDEX(Jesper!AH$2:AH$366,ROUNDDOWN($C7763/24,0)+1,1))-1)+IF('Standard Profiles'!$G$18=$B$10,7,0)+IF('Standard Profiles'!$G$18=$B$17,14,0)+IF('Standard Profiles'!$G$18=$B$24,21,0),MOD($C7763,24)+1)/SUM(INDEX($D$3:$AA$30,INDEX(Jesper!$R$2:$R$366,ROW(INDEX(Jesper!AH$2:AH$366,ROUNDDOWN($C7763/24,0)+1,1))-1)+IF('Standard Profiles'!$G$18=$B$10,7,0)+IF('Standard Profiles'!$G$18=$B$17,14,0)+IF('Standard Profiles'!$G$18=$B$24,21,0),0)),0)</f>
        <v>0</v>
      </c>
      <c r="E7763" cm="1">
        <f t="array" ref="E7763">IFERROR(INDEX(Jesper!AI$2:AI$366,ROUNDDOWN($C7763/24,0)+1,1)*INDEX($D$3:$AA$30,INDEX(Jesper!$R$2:$R$366,ROW(INDEX(Jesper!AI$2:AI$366,ROUNDDOWN($C7763/24,0)+1,1))-1)+IF('Standard Profiles'!$G$19=$B$10,7,0)+IF('Standard Profiles'!$G$19=$B$17,14,0)+IF('Standard Profiles'!$G$19=$B$24,21,0),MOD($C7763,24)+1)/SUM(INDEX($D$3:$AA$30,INDEX(Jesper!$R$2:$R$366,ROW(INDEX(Jesper!AI$2:AI$366,ROUNDDOWN($C7763/24,0)+1,1))-1)+IF('Standard Profiles'!$G$19=$B$10,7,0)+IF('Standard Profiles'!$G$19=$B$17,14,0)+IF('Standard Profiles'!$G$19=$B$24,21,0),0)),0)</f>
        <v>5.0253347277136458</v>
      </c>
      <c r="F7763" cm="1">
        <f t="array" ref="F7763">IFERROR(INDEX(Jesper!AJ$2:AJ$366,ROUNDDOWN($C7763/24,0)+1,1)*INDEX($D$3:$AA$30,INDEX(Jesper!$R$2:$R$366,ROW(INDEX(Jesper!AJ$2:AJ$366,ROUNDDOWN($C7763/24,0)+1,1))-1)+IF('Standard Profiles'!$G$20=$B$10,7,0)+IF('Standard Profiles'!$G$20=$B$17,14,0)+IF('Standard Profiles'!$G$20=$B$24,21,0),MOD($C7763,24)+1)/SUM(INDEX($D$3:$AA$30,INDEX(Jesper!$R$2:$R$366,ROW(INDEX(Jesper!AJ$2:AJ$366,ROUNDDOWN($C7763/24,0)+1,1))-1)+IF('Standard Profiles'!$G$20=$B$10,7,0)+IF('Standard Profiles'!$G$20=$B$17,14,0)+IF('Standard Profiles'!$G$20=$B$24,21,0),0)),0)</f>
        <v>4.2386246764985103</v>
      </c>
      <c r="G7763" cm="1">
        <f t="array" ref="G7763">IFERROR(INDEX(Jesper!AK$2:AK$366,ROUNDDOWN($C7763/24,0)+1,1)*INDEX($D$3:$AA$30,INDEX(Jesper!$R$2:$R$366,ROW(INDEX(Jesper!AK$2:AK$366,ROUNDDOWN($C7763/24,0)+1,1))-1)+IF('Standard Profiles'!$G$21=$B$10,7,0)+IF('Standard Profiles'!$G$21=$B$17,14,0)+IF('Standard Profiles'!$G$21=$B$24,21,0),MOD($C7763,24)+1)/SUM(INDEX($D$3:$AA$30,INDEX(Jesper!$R$2:$R$366,ROW(INDEX(Jesper!AK$2:AK$366,ROUNDDOWN($C7763/24,0)+1,1))-1)+IF('Standard Profiles'!$G$21=$B$10,7,0)+IF('Standard Profiles'!$G$21=$B$17,14,0)+IF('Standard Profiles'!$G$21=$B$24,21,0),0)),0)</f>
        <v>6.8666578187654386</v>
      </c>
      <c r="H7763" cm="1">
        <f t="array" ref="H7763">IFERROR(INDEX(Jesper!AL$2:AL$366,ROUNDDOWN($C7763/24,0)+1,1)*INDEX($D$3:$AA$30,INDEX(Jesper!$R$2:$R$366,ROW(INDEX(Jesper!AL$2:AL$366,ROUNDDOWN($C7763/24,0)+1,1))-1)+IF('Standard Profiles'!$G$22=$B$10,7,0)+IF('Standard Profiles'!$G$22=$B$17,14,0)+IF('Standard Profiles'!$G$22=$B$24,21,0),MOD($C7763,24)+1)/SUM(INDEX($D$3:$AA$30,INDEX(Jesper!$R$2:$R$366,ROW(INDEX(Jesper!AL$2:AL$366,ROUNDDOWN($C7763/24,0)+1,1))-1)+IF('Standard Profiles'!$G$22=$B$10,7,0)+IF('Standard Profiles'!$G$22=$B$17,14,0)+IF('Standard Profiles'!$G$22=$B$24,21,0),0)),0)</f>
        <v>3.7694917733984434</v>
      </c>
      <c r="I7763">
        <f t="shared" si="860"/>
        <v>3.6187121024625077</v>
      </c>
      <c r="J7763">
        <f t="shared" si="861"/>
        <v>15.678356726587893</v>
      </c>
      <c r="K7763">
        <f t="shared" si="862"/>
        <v>0.40202677821709165</v>
      </c>
      <c r="L7763">
        <f t="shared" si="863"/>
        <v>0.20101338910854583</v>
      </c>
      <c r="M7763">
        <f t="shared" si="864"/>
        <v>0</v>
      </c>
      <c r="N7763" s="45">
        <f t="shared" si="865"/>
        <v>45249.041666647921</v>
      </c>
    </row>
    <row r="7764" spans="2:14" x14ac:dyDescent="0.25">
      <c r="B7764">
        <f t="shared" si="859"/>
        <v>7</v>
      </c>
      <c r="C7764" s="16">
        <v>7730</v>
      </c>
      <c r="D7764" cm="1">
        <f t="array" ref="D7764">IFERROR(INDEX(Jesper!AH$2:AH$366,ROUNDDOWN($C7764/24,0)+1,1)*INDEX($D$3:$AA$30,INDEX(Jesper!$R$2:$R$366,ROW(INDEX(Jesper!AH$2:AH$366,ROUNDDOWN($C7764/24,0)+1,1))-1)+IF('Standard Profiles'!$G$18=$B$10,7,0)+IF('Standard Profiles'!$G$18=$B$17,14,0)+IF('Standard Profiles'!$G$18=$B$24,21,0),MOD($C7764,24)+1)/SUM(INDEX($D$3:$AA$30,INDEX(Jesper!$R$2:$R$366,ROW(INDEX(Jesper!AH$2:AH$366,ROUNDDOWN($C7764/24,0)+1,1))-1)+IF('Standard Profiles'!$G$18=$B$10,7,0)+IF('Standard Profiles'!$G$18=$B$17,14,0)+IF('Standard Profiles'!$G$18=$B$24,21,0),0)),0)</f>
        <v>0</v>
      </c>
      <c r="E7764" cm="1">
        <f t="array" ref="E7764">IFERROR(INDEX(Jesper!AI$2:AI$366,ROUNDDOWN($C7764/24,0)+1,1)*INDEX($D$3:$AA$30,INDEX(Jesper!$R$2:$R$366,ROW(INDEX(Jesper!AI$2:AI$366,ROUNDDOWN($C7764/24,0)+1,1))-1)+IF('Standard Profiles'!$G$19=$B$10,7,0)+IF('Standard Profiles'!$G$19=$B$17,14,0)+IF('Standard Profiles'!$G$19=$B$24,21,0),MOD($C7764,24)+1)/SUM(INDEX($D$3:$AA$30,INDEX(Jesper!$R$2:$R$366,ROW(INDEX(Jesper!AI$2:AI$366,ROUNDDOWN($C7764/24,0)+1,1))-1)+IF('Standard Profiles'!$G$19=$B$10,7,0)+IF('Standard Profiles'!$G$19=$B$17,14,0)+IF('Standard Profiles'!$G$19=$B$24,21,0),0)),0)</f>
        <v>5.0253347277136458</v>
      </c>
      <c r="F7764" cm="1">
        <f t="array" ref="F7764">IFERROR(INDEX(Jesper!AJ$2:AJ$366,ROUNDDOWN($C7764/24,0)+1,1)*INDEX($D$3:$AA$30,INDEX(Jesper!$R$2:$R$366,ROW(INDEX(Jesper!AJ$2:AJ$366,ROUNDDOWN($C7764/24,0)+1,1))-1)+IF('Standard Profiles'!$G$20=$B$10,7,0)+IF('Standard Profiles'!$G$20=$B$17,14,0)+IF('Standard Profiles'!$G$20=$B$24,21,0),MOD($C7764,24)+1)/SUM(INDEX($D$3:$AA$30,INDEX(Jesper!$R$2:$R$366,ROW(INDEX(Jesper!AJ$2:AJ$366,ROUNDDOWN($C7764/24,0)+1,1))-1)+IF('Standard Profiles'!$G$20=$B$10,7,0)+IF('Standard Profiles'!$G$20=$B$17,14,0)+IF('Standard Profiles'!$G$20=$B$24,21,0),0)),0)</f>
        <v>4.2386246764985103</v>
      </c>
      <c r="G7764" cm="1">
        <f t="array" ref="G7764">IFERROR(INDEX(Jesper!AK$2:AK$366,ROUNDDOWN($C7764/24,0)+1,1)*INDEX($D$3:$AA$30,INDEX(Jesper!$R$2:$R$366,ROW(INDEX(Jesper!AK$2:AK$366,ROUNDDOWN($C7764/24,0)+1,1))-1)+IF('Standard Profiles'!$G$21=$B$10,7,0)+IF('Standard Profiles'!$G$21=$B$17,14,0)+IF('Standard Profiles'!$G$21=$B$24,21,0),MOD($C7764,24)+1)/SUM(INDEX($D$3:$AA$30,INDEX(Jesper!$R$2:$R$366,ROW(INDEX(Jesper!AK$2:AK$366,ROUNDDOWN($C7764/24,0)+1,1))-1)+IF('Standard Profiles'!$G$21=$B$10,7,0)+IF('Standard Profiles'!$G$21=$B$17,14,0)+IF('Standard Profiles'!$G$21=$B$24,21,0),0)),0)</f>
        <v>6.8666578187654386</v>
      </c>
      <c r="H7764" cm="1">
        <f t="array" ref="H7764">IFERROR(INDEX(Jesper!AL$2:AL$366,ROUNDDOWN($C7764/24,0)+1,1)*INDEX($D$3:$AA$30,INDEX(Jesper!$R$2:$R$366,ROW(INDEX(Jesper!AL$2:AL$366,ROUNDDOWN($C7764/24,0)+1,1))-1)+IF('Standard Profiles'!$G$22=$B$10,7,0)+IF('Standard Profiles'!$G$22=$B$17,14,0)+IF('Standard Profiles'!$G$22=$B$24,21,0),MOD($C7764,24)+1)/SUM(INDEX($D$3:$AA$30,INDEX(Jesper!$R$2:$R$366,ROW(INDEX(Jesper!AL$2:AL$366,ROUNDDOWN($C7764/24,0)+1,1))-1)+IF('Standard Profiles'!$G$22=$B$10,7,0)+IF('Standard Profiles'!$G$22=$B$17,14,0)+IF('Standard Profiles'!$G$22=$B$24,21,0),0)),0)</f>
        <v>3.7694917733984434</v>
      </c>
      <c r="I7764">
        <f t="shared" si="860"/>
        <v>3.6187121024625077</v>
      </c>
      <c r="J7764">
        <f t="shared" si="861"/>
        <v>15.678356726587893</v>
      </c>
      <c r="K7764">
        <f t="shared" si="862"/>
        <v>0.40202677821709165</v>
      </c>
      <c r="L7764">
        <f t="shared" si="863"/>
        <v>0.20101338910854583</v>
      </c>
      <c r="M7764">
        <f t="shared" si="864"/>
        <v>0</v>
      </c>
      <c r="N7764" s="45">
        <f t="shared" si="865"/>
        <v>45249.083333314586</v>
      </c>
    </row>
    <row r="7765" spans="2:14" x14ac:dyDescent="0.25">
      <c r="B7765">
        <f t="shared" si="859"/>
        <v>7</v>
      </c>
      <c r="C7765" s="16">
        <v>7731</v>
      </c>
      <c r="D7765" cm="1">
        <f t="array" ref="D7765">IFERROR(INDEX(Jesper!AH$2:AH$366,ROUNDDOWN($C7765/24,0)+1,1)*INDEX($D$3:$AA$30,INDEX(Jesper!$R$2:$R$366,ROW(INDEX(Jesper!AH$2:AH$366,ROUNDDOWN($C7765/24,0)+1,1))-1)+IF('Standard Profiles'!$G$18=$B$10,7,0)+IF('Standard Profiles'!$G$18=$B$17,14,0)+IF('Standard Profiles'!$G$18=$B$24,21,0),MOD($C7765,24)+1)/SUM(INDEX($D$3:$AA$30,INDEX(Jesper!$R$2:$R$366,ROW(INDEX(Jesper!AH$2:AH$366,ROUNDDOWN($C7765/24,0)+1,1))-1)+IF('Standard Profiles'!$G$18=$B$10,7,0)+IF('Standard Profiles'!$G$18=$B$17,14,0)+IF('Standard Profiles'!$G$18=$B$24,21,0),0)),0)</f>
        <v>0</v>
      </c>
      <c r="E7765" cm="1">
        <f t="array" ref="E7765">IFERROR(INDEX(Jesper!AI$2:AI$366,ROUNDDOWN($C7765/24,0)+1,1)*INDEX($D$3:$AA$30,INDEX(Jesper!$R$2:$R$366,ROW(INDEX(Jesper!AI$2:AI$366,ROUNDDOWN($C7765/24,0)+1,1))-1)+IF('Standard Profiles'!$G$19=$B$10,7,0)+IF('Standard Profiles'!$G$19=$B$17,14,0)+IF('Standard Profiles'!$G$19=$B$24,21,0),MOD($C7765,24)+1)/SUM(INDEX($D$3:$AA$30,INDEX(Jesper!$R$2:$R$366,ROW(INDEX(Jesper!AI$2:AI$366,ROUNDDOWN($C7765/24,0)+1,1))-1)+IF('Standard Profiles'!$G$19=$B$10,7,0)+IF('Standard Profiles'!$G$19=$B$17,14,0)+IF('Standard Profiles'!$G$19=$B$24,21,0),0)),0)</f>
        <v>5.0253347277136458</v>
      </c>
      <c r="F7765" cm="1">
        <f t="array" ref="F7765">IFERROR(INDEX(Jesper!AJ$2:AJ$366,ROUNDDOWN($C7765/24,0)+1,1)*INDEX($D$3:$AA$30,INDEX(Jesper!$R$2:$R$366,ROW(INDEX(Jesper!AJ$2:AJ$366,ROUNDDOWN($C7765/24,0)+1,1))-1)+IF('Standard Profiles'!$G$20=$B$10,7,0)+IF('Standard Profiles'!$G$20=$B$17,14,0)+IF('Standard Profiles'!$G$20=$B$24,21,0),MOD($C7765,24)+1)/SUM(INDEX($D$3:$AA$30,INDEX(Jesper!$R$2:$R$366,ROW(INDEX(Jesper!AJ$2:AJ$366,ROUNDDOWN($C7765/24,0)+1,1))-1)+IF('Standard Profiles'!$G$20=$B$10,7,0)+IF('Standard Profiles'!$G$20=$B$17,14,0)+IF('Standard Profiles'!$G$20=$B$24,21,0),0)),0)</f>
        <v>4.2386246764985103</v>
      </c>
      <c r="G7765" cm="1">
        <f t="array" ref="G7765">IFERROR(INDEX(Jesper!AK$2:AK$366,ROUNDDOWN($C7765/24,0)+1,1)*INDEX($D$3:$AA$30,INDEX(Jesper!$R$2:$R$366,ROW(INDEX(Jesper!AK$2:AK$366,ROUNDDOWN($C7765/24,0)+1,1))-1)+IF('Standard Profiles'!$G$21=$B$10,7,0)+IF('Standard Profiles'!$G$21=$B$17,14,0)+IF('Standard Profiles'!$G$21=$B$24,21,0),MOD($C7765,24)+1)/SUM(INDEX($D$3:$AA$30,INDEX(Jesper!$R$2:$R$366,ROW(INDEX(Jesper!AK$2:AK$366,ROUNDDOWN($C7765/24,0)+1,1))-1)+IF('Standard Profiles'!$G$21=$B$10,7,0)+IF('Standard Profiles'!$G$21=$B$17,14,0)+IF('Standard Profiles'!$G$21=$B$24,21,0),0)),0)</f>
        <v>6.8666578187654386</v>
      </c>
      <c r="H7765" cm="1">
        <f t="array" ref="H7765">IFERROR(INDEX(Jesper!AL$2:AL$366,ROUNDDOWN($C7765/24,0)+1,1)*INDEX($D$3:$AA$30,INDEX(Jesper!$R$2:$R$366,ROW(INDEX(Jesper!AL$2:AL$366,ROUNDDOWN($C7765/24,0)+1,1))-1)+IF('Standard Profiles'!$G$22=$B$10,7,0)+IF('Standard Profiles'!$G$22=$B$17,14,0)+IF('Standard Profiles'!$G$22=$B$24,21,0),MOD($C7765,24)+1)/SUM(INDEX($D$3:$AA$30,INDEX(Jesper!$R$2:$R$366,ROW(INDEX(Jesper!AL$2:AL$366,ROUNDDOWN($C7765/24,0)+1,1))-1)+IF('Standard Profiles'!$G$22=$B$10,7,0)+IF('Standard Profiles'!$G$22=$B$17,14,0)+IF('Standard Profiles'!$G$22=$B$24,21,0),0)),0)</f>
        <v>3.7694917733984434</v>
      </c>
      <c r="I7765">
        <f t="shared" si="860"/>
        <v>3.6187121024625077</v>
      </c>
      <c r="J7765">
        <f t="shared" si="861"/>
        <v>15.678356726587893</v>
      </c>
      <c r="K7765">
        <f t="shared" si="862"/>
        <v>0.40202677821709165</v>
      </c>
      <c r="L7765">
        <f t="shared" si="863"/>
        <v>0.20101338910854583</v>
      </c>
      <c r="M7765">
        <f t="shared" si="864"/>
        <v>0</v>
      </c>
      <c r="N7765" s="45">
        <f t="shared" si="865"/>
        <v>45249.12499998125</v>
      </c>
    </row>
    <row r="7766" spans="2:14" x14ac:dyDescent="0.25">
      <c r="B7766">
        <f t="shared" si="859"/>
        <v>7</v>
      </c>
      <c r="C7766" s="16">
        <v>7732</v>
      </c>
      <c r="D7766" cm="1">
        <f t="array" ref="D7766">IFERROR(INDEX(Jesper!AH$2:AH$366,ROUNDDOWN($C7766/24,0)+1,1)*INDEX($D$3:$AA$30,INDEX(Jesper!$R$2:$R$366,ROW(INDEX(Jesper!AH$2:AH$366,ROUNDDOWN($C7766/24,0)+1,1))-1)+IF('Standard Profiles'!$G$18=$B$10,7,0)+IF('Standard Profiles'!$G$18=$B$17,14,0)+IF('Standard Profiles'!$G$18=$B$24,21,0),MOD($C7766,24)+1)/SUM(INDEX($D$3:$AA$30,INDEX(Jesper!$R$2:$R$366,ROW(INDEX(Jesper!AH$2:AH$366,ROUNDDOWN($C7766/24,0)+1,1))-1)+IF('Standard Profiles'!$G$18=$B$10,7,0)+IF('Standard Profiles'!$G$18=$B$17,14,0)+IF('Standard Profiles'!$G$18=$B$24,21,0),0)),0)</f>
        <v>0</v>
      </c>
      <c r="E7766" cm="1">
        <f t="array" ref="E7766">IFERROR(INDEX(Jesper!AI$2:AI$366,ROUNDDOWN($C7766/24,0)+1,1)*INDEX($D$3:$AA$30,INDEX(Jesper!$R$2:$R$366,ROW(INDEX(Jesper!AI$2:AI$366,ROUNDDOWN($C7766/24,0)+1,1))-1)+IF('Standard Profiles'!$G$19=$B$10,7,0)+IF('Standard Profiles'!$G$19=$B$17,14,0)+IF('Standard Profiles'!$G$19=$B$24,21,0),MOD($C7766,24)+1)/SUM(INDEX($D$3:$AA$30,INDEX(Jesper!$R$2:$R$366,ROW(INDEX(Jesper!AI$2:AI$366,ROUNDDOWN($C7766/24,0)+1,1))-1)+IF('Standard Profiles'!$G$19=$B$10,7,0)+IF('Standard Profiles'!$G$19=$B$17,14,0)+IF('Standard Profiles'!$G$19=$B$24,21,0),0)),0)</f>
        <v>5.0253347277136458</v>
      </c>
      <c r="F7766" cm="1">
        <f t="array" ref="F7766">IFERROR(INDEX(Jesper!AJ$2:AJ$366,ROUNDDOWN($C7766/24,0)+1,1)*INDEX($D$3:$AA$30,INDEX(Jesper!$R$2:$R$366,ROW(INDEX(Jesper!AJ$2:AJ$366,ROUNDDOWN($C7766/24,0)+1,1))-1)+IF('Standard Profiles'!$G$20=$B$10,7,0)+IF('Standard Profiles'!$G$20=$B$17,14,0)+IF('Standard Profiles'!$G$20=$B$24,21,0),MOD($C7766,24)+1)/SUM(INDEX($D$3:$AA$30,INDEX(Jesper!$R$2:$R$366,ROW(INDEX(Jesper!AJ$2:AJ$366,ROUNDDOWN($C7766/24,0)+1,1))-1)+IF('Standard Profiles'!$G$20=$B$10,7,0)+IF('Standard Profiles'!$G$20=$B$17,14,0)+IF('Standard Profiles'!$G$20=$B$24,21,0),0)),0)</f>
        <v>4.2386246764985103</v>
      </c>
      <c r="G7766" cm="1">
        <f t="array" ref="G7766">IFERROR(INDEX(Jesper!AK$2:AK$366,ROUNDDOWN($C7766/24,0)+1,1)*INDEX($D$3:$AA$30,INDEX(Jesper!$R$2:$R$366,ROW(INDEX(Jesper!AK$2:AK$366,ROUNDDOWN($C7766/24,0)+1,1))-1)+IF('Standard Profiles'!$G$21=$B$10,7,0)+IF('Standard Profiles'!$G$21=$B$17,14,0)+IF('Standard Profiles'!$G$21=$B$24,21,0),MOD($C7766,24)+1)/SUM(INDEX($D$3:$AA$30,INDEX(Jesper!$R$2:$R$366,ROW(INDEX(Jesper!AK$2:AK$366,ROUNDDOWN($C7766/24,0)+1,1))-1)+IF('Standard Profiles'!$G$21=$B$10,7,0)+IF('Standard Profiles'!$G$21=$B$17,14,0)+IF('Standard Profiles'!$G$21=$B$24,21,0),0)),0)</f>
        <v>6.8666578187654386</v>
      </c>
      <c r="H7766" cm="1">
        <f t="array" ref="H7766">IFERROR(INDEX(Jesper!AL$2:AL$366,ROUNDDOWN($C7766/24,0)+1,1)*INDEX($D$3:$AA$30,INDEX(Jesper!$R$2:$R$366,ROW(INDEX(Jesper!AL$2:AL$366,ROUNDDOWN($C7766/24,0)+1,1))-1)+IF('Standard Profiles'!$G$22=$B$10,7,0)+IF('Standard Profiles'!$G$22=$B$17,14,0)+IF('Standard Profiles'!$G$22=$B$24,21,0),MOD($C7766,24)+1)/SUM(INDEX($D$3:$AA$30,INDEX(Jesper!$R$2:$R$366,ROW(INDEX(Jesper!AL$2:AL$366,ROUNDDOWN($C7766/24,0)+1,1))-1)+IF('Standard Profiles'!$G$22=$B$10,7,0)+IF('Standard Profiles'!$G$22=$B$17,14,0)+IF('Standard Profiles'!$G$22=$B$24,21,0),0)),0)</f>
        <v>3.7694917733984434</v>
      </c>
      <c r="I7766">
        <f t="shared" si="860"/>
        <v>3.6187121024625077</v>
      </c>
      <c r="J7766">
        <f t="shared" si="861"/>
        <v>15.678356726587893</v>
      </c>
      <c r="K7766">
        <f t="shared" si="862"/>
        <v>0.40202677821709165</v>
      </c>
      <c r="L7766">
        <f t="shared" si="863"/>
        <v>0.20101338910854583</v>
      </c>
      <c r="M7766">
        <f t="shared" si="864"/>
        <v>0</v>
      </c>
      <c r="N7766" s="45">
        <f t="shared" si="865"/>
        <v>45249.166666647914</v>
      </c>
    </row>
    <row r="7767" spans="2:14" x14ac:dyDescent="0.25">
      <c r="B7767">
        <f t="shared" si="859"/>
        <v>7</v>
      </c>
      <c r="C7767" s="16">
        <v>7733</v>
      </c>
      <c r="D7767" cm="1">
        <f t="array" ref="D7767">IFERROR(INDEX(Jesper!AH$2:AH$366,ROUNDDOWN($C7767/24,0)+1,1)*INDEX($D$3:$AA$30,INDEX(Jesper!$R$2:$R$366,ROW(INDEX(Jesper!AH$2:AH$366,ROUNDDOWN($C7767/24,0)+1,1))-1)+IF('Standard Profiles'!$G$18=$B$10,7,0)+IF('Standard Profiles'!$G$18=$B$17,14,0)+IF('Standard Profiles'!$G$18=$B$24,21,0),MOD($C7767,24)+1)/SUM(INDEX($D$3:$AA$30,INDEX(Jesper!$R$2:$R$366,ROW(INDEX(Jesper!AH$2:AH$366,ROUNDDOWN($C7767/24,0)+1,1))-1)+IF('Standard Profiles'!$G$18=$B$10,7,0)+IF('Standard Profiles'!$G$18=$B$17,14,0)+IF('Standard Profiles'!$G$18=$B$24,21,0),0)),0)</f>
        <v>0</v>
      </c>
      <c r="E7767" cm="1">
        <f t="array" ref="E7767">IFERROR(INDEX(Jesper!AI$2:AI$366,ROUNDDOWN($C7767/24,0)+1,1)*INDEX($D$3:$AA$30,INDEX(Jesper!$R$2:$R$366,ROW(INDEX(Jesper!AI$2:AI$366,ROUNDDOWN($C7767/24,0)+1,1))-1)+IF('Standard Profiles'!$G$19=$B$10,7,0)+IF('Standard Profiles'!$G$19=$B$17,14,0)+IF('Standard Profiles'!$G$19=$B$24,21,0),MOD($C7767,24)+1)/SUM(INDEX($D$3:$AA$30,INDEX(Jesper!$R$2:$R$366,ROW(INDEX(Jesper!AI$2:AI$366,ROUNDDOWN($C7767/24,0)+1,1))-1)+IF('Standard Profiles'!$G$19=$B$10,7,0)+IF('Standard Profiles'!$G$19=$B$17,14,0)+IF('Standard Profiles'!$G$19=$B$24,21,0),0)),0)</f>
        <v>5.0253347277136458</v>
      </c>
      <c r="F7767" cm="1">
        <f t="array" ref="F7767">IFERROR(INDEX(Jesper!AJ$2:AJ$366,ROUNDDOWN($C7767/24,0)+1,1)*INDEX($D$3:$AA$30,INDEX(Jesper!$R$2:$R$366,ROW(INDEX(Jesper!AJ$2:AJ$366,ROUNDDOWN($C7767/24,0)+1,1))-1)+IF('Standard Profiles'!$G$20=$B$10,7,0)+IF('Standard Profiles'!$G$20=$B$17,14,0)+IF('Standard Profiles'!$G$20=$B$24,21,0),MOD($C7767,24)+1)/SUM(INDEX($D$3:$AA$30,INDEX(Jesper!$R$2:$R$366,ROW(INDEX(Jesper!AJ$2:AJ$366,ROUNDDOWN($C7767/24,0)+1,1))-1)+IF('Standard Profiles'!$G$20=$B$10,7,0)+IF('Standard Profiles'!$G$20=$B$17,14,0)+IF('Standard Profiles'!$G$20=$B$24,21,0),0)),0)</f>
        <v>4.2386246764985103</v>
      </c>
      <c r="G7767" cm="1">
        <f t="array" ref="G7767">IFERROR(INDEX(Jesper!AK$2:AK$366,ROUNDDOWN($C7767/24,0)+1,1)*INDEX($D$3:$AA$30,INDEX(Jesper!$R$2:$R$366,ROW(INDEX(Jesper!AK$2:AK$366,ROUNDDOWN($C7767/24,0)+1,1))-1)+IF('Standard Profiles'!$G$21=$B$10,7,0)+IF('Standard Profiles'!$G$21=$B$17,14,0)+IF('Standard Profiles'!$G$21=$B$24,21,0),MOD($C7767,24)+1)/SUM(INDEX($D$3:$AA$30,INDEX(Jesper!$R$2:$R$366,ROW(INDEX(Jesper!AK$2:AK$366,ROUNDDOWN($C7767/24,0)+1,1))-1)+IF('Standard Profiles'!$G$21=$B$10,7,0)+IF('Standard Profiles'!$G$21=$B$17,14,0)+IF('Standard Profiles'!$G$21=$B$24,21,0),0)),0)</f>
        <v>6.8666578187654386</v>
      </c>
      <c r="H7767" cm="1">
        <f t="array" ref="H7767">IFERROR(INDEX(Jesper!AL$2:AL$366,ROUNDDOWN($C7767/24,0)+1,1)*INDEX($D$3:$AA$30,INDEX(Jesper!$R$2:$R$366,ROW(INDEX(Jesper!AL$2:AL$366,ROUNDDOWN($C7767/24,0)+1,1))-1)+IF('Standard Profiles'!$G$22=$B$10,7,0)+IF('Standard Profiles'!$G$22=$B$17,14,0)+IF('Standard Profiles'!$G$22=$B$24,21,0),MOD($C7767,24)+1)/SUM(INDEX($D$3:$AA$30,INDEX(Jesper!$R$2:$R$366,ROW(INDEX(Jesper!AL$2:AL$366,ROUNDDOWN($C7767/24,0)+1,1))-1)+IF('Standard Profiles'!$G$22=$B$10,7,0)+IF('Standard Profiles'!$G$22=$B$17,14,0)+IF('Standard Profiles'!$G$22=$B$24,21,0),0)),0)</f>
        <v>4.7118647167480541</v>
      </c>
      <c r="I7767">
        <f t="shared" si="860"/>
        <v>4.5233901280781348</v>
      </c>
      <c r="J7767">
        <f t="shared" si="861"/>
        <v>15.716051644321876</v>
      </c>
      <c r="K7767">
        <f t="shared" si="862"/>
        <v>0.40202677821709165</v>
      </c>
      <c r="L7767">
        <f t="shared" si="863"/>
        <v>0.20101338910854583</v>
      </c>
      <c r="M7767">
        <f t="shared" si="864"/>
        <v>0</v>
      </c>
      <c r="N7767" s="45">
        <f t="shared" si="865"/>
        <v>45249.208333314578</v>
      </c>
    </row>
    <row r="7768" spans="2:14" x14ac:dyDescent="0.25">
      <c r="B7768">
        <f t="shared" si="859"/>
        <v>7</v>
      </c>
      <c r="C7768" s="16">
        <v>7734</v>
      </c>
      <c r="D7768" cm="1">
        <f t="array" ref="D7768">IFERROR(INDEX(Jesper!AH$2:AH$366,ROUNDDOWN($C7768/24,0)+1,1)*INDEX($D$3:$AA$30,INDEX(Jesper!$R$2:$R$366,ROW(INDEX(Jesper!AH$2:AH$366,ROUNDDOWN($C7768/24,0)+1,1))-1)+IF('Standard Profiles'!$G$18=$B$10,7,0)+IF('Standard Profiles'!$G$18=$B$17,14,0)+IF('Standard Profiles'!$G$18=$B$24,21,0),MOD($C7768,24)+1)/SUM(INDEX($D$3:$AA$30,INDEX(Jesper!$R$2:$R$366,ROW(INDEX(Jesper!AH$2:AH$366,ROUNDDOWN($C7768/24,0)+1,1))-1)+IF('Standard Profiles'!$G$18=$B$10,7,0)+IF('Standard Profiles'!$G$18=$B$17,14,0)+IF('Standard Profiles'!$G$18=$B$24,21,0),0)),0)</f>
        <v>0</v>
      </c>
      <c r="E7768" cm="1">
        <f t="array" ref="E7768">IFERROR(INDEX(Jesper!AI$2:AI$366,ROUNDDOWN($C7768/24,0)+1,1)*INDEX($D$3:$AA$30,INDEX(Jesper!$R$2:$R$366,ROW(INDEX(Jesper!AI$2:AI$366,ROUNDDOWN($C7768/24,0)+1,1))-1)+IF('Standard Profiles'!$G$19=$B$10,7,0)+IF('Standard Profiles'!$G$19=$B$17,14,0)+IF('Standard Profiles'!$G$19=$B$24,21,0),MOD($C7768,24)+1)/SUM(INDEX($D$3:$AA$30,INDEX(Jesper!$R$2:$R$366,ROW(INDEX(Jesper!AI$2:AI$366,ROUNDDOWN($C7768/24,0)+1,1))-1)+IF('Standard Profiles'!$G$19=$B$10,7,0)+IF('Standard Profiles'!$G$19=$B$17,14,0)+IF('Standard Profiles'!$G$19=$B$24,21,0),0)),0)</f>
        <v>5.0253347277136458</v>
      </c>
      <c r="F7768" cm="1">
        <f t="array" ref="F7768">IFERROR(INDEX(Jesper!AJ$2:AJ$366,ROUNDDOWN($C7768/24,0)+1,1)*INDEX($D$3:$AA$30,INDEX(Jesper!$R$2:$R$366,ROW(INDEX(Jesper!AJ$2:AJ$366,ROUNDDOWN($C7768/24,0)+1,1))-1)+IF('Standard Profiles'!$G$20=$B$10,7,0)+IF('Standard Profiles'!$G$20=$B$17,14,0)+IF('Standard Profiles'!$G$20=$B$24,21,0),MOD($C7768,24)+1)/SUM(INDEX($D$3:$AA$30,INDEX(Jesper!$R$2:$R$366,ROW(INDEX(Jesper!AJ$2:AJ$366,ROUNDDOWN($C7768/24,0)+1,1))-1)+IF('Standard Profiles'!$G$20=$B$10,7,0)+IF('Standard Profiles'!$G$20=$B$17,14,0)+IF('Standard Profiles'!$G$20=$B$24,21,0),0)),0)</f>
        <v>4.2386246764985103</v>
      </c>
      <c r="G7768" cm="1">
        <f t="array" ref="G7768">IFERROR(INDEX(Jesper!AK$2:AK$366,ROUNDDOWN($C7768/24,0)+1,1)*INDEX($D$3:$AA$30,INDEX(Jesper!$R$2:$R$366,ROW(INDEX(Jesper!AK$2:AK$366,ROUNDDOWN($C7768/24,0)+1,1))-1)+IF('Standard Profiles'!$G$21=$B$10,7,0)+IF('Standard Profiles'!$G$21=$B$17,14,0)+IF('Standard Profiles'!$G$21=$B$24,21,0),MOD($C7768,24)+1)/SUM(INDEX($D$3:$AA$30,INDEX(Jesper!$R$2:$R$366,ROW(INDEX(Jesper!AK$2:AK$366,ROUNDDOWN($C7768/24,0)+1,1))-1)+IF('Standard Profiles'!$G$21=$B$10,7,0)+IF('Standard Profiles'!$G$21=$B$17,14,0)+IF('Standard Profiles'!$G$21=$B$24,21,0),0)),0)</f>
        <v>6.8666578187654386</v>
      </c>
      <c r="H7768" cm="1">
        <f t="array" ref="H7768">IFERROR(INDEX(Jesper!AL$2:AL$366,ROUNDDOWN($C7768/24,0)+1,1)*INDEX($D$3:$AA$30,INDEX(Jesper!$R$2:$R$366,ROW(INDEX(Jesper!AL$2:AL$366,ROUNDDOWN($C7768/24,0)+1,1))-1)+IF('Standard Profiles'!$G$22=$B$10,7,0)+IF('Standard Profiles'!$G$22=$B$17,14,0)+IF('Standard Profiles'!$G$22=$B$24,21,0),MOD($C7768,24)+1)/SUM(INDEX($D$3:$AA$30,INDEX(Jesper!$R$2:$R$366,ROW(INDEX(Jesper!AL$2:AL$366,ROUNDDOWN($C7768/24,0)+1,1))-1)+IF('Standard Profiles'!$G$22=$B$10,7,0)+IF('Standard Profiles'!$G$22=$B$17,14,0)+IF('Standard Profiles'!$G$22=$B$24,21,0),0)),0)</f>
        <v>5.5495295552810422</v>
      </c>
      <c r="I7768">
        <f t="shared" si="860"/>
        <v>5.3275483730698037</v>
      </c>
      <c r="J7768">
        <f t="shared" si="861"/>
        <v>15.749558237863194</v>
      </c>
      <c r="K7768">
        <f t="shared" si="862"/>
        <v>0.40202677821709165</v>
      </c>
      <c r="L7768">
        <f t="shared" si="863"/>
        <v>0.20101338910854583</v>
      </c>
      <c r="M7768">
        <f t="shared" si="864"/>
        <v>0</v>
      </c>
      <c r="N7768" s="45">
        <f t="shared" si="865"/>
        <v>45249.249999981243</v>
      </c>
    </row>
    <row r="7769" spans="2:14" x14ac:dyDescent="0.25">
      <c r="B7769">
        <f t="shared" si="859"/>
        <v>7</v>
      </c>
      <c r="C7769" s="16">
        <v>7735</v>
      </c>
      <c r="D7769" cm="1">
        <f t="array" ref="D7769">IFERROR(INDEX(Jesper!AH$2:AH$366,ROUNDDOWN($C7769/24,0)+1,1)*INDEX($D$3:$AA$30,INDEX(Jesper!$R$2:$R$366,ROW(INDEX(Jesper!AH$2:AH$366,ROUNDDOWN($C7769/24,0)+1,1))-1)+IF('Standard Profiles'!$G$18=$B$10,7,0)+IF('Standard Profiles'!$G$18=$B$17,14,0)+IF('Standard Profiles'!$G$18=$B$24,21,0),MOD($C7769,24)+1)/SUM(INDEX($D$3:$AA$30,INDEX(Jesper!$R$2:$R$366,ROW(INDEX(Jesper!AH$2:AH$366,ROUNDDOWN($C7769/24,0)+1,1))-1)+IF('Standard Profiles'!$G$18=$B$10,7,0)+IF('Standard Profiles'!$G$18=$B$17,14,0)+IF('Standard Profiles'!$G$18=$B$24,21,0),0)),0)</f>
        <v>0</v>
      </c>
      <c r="E7769" cm="1">
        <f t="array" ref="E7769">IFERROR(INDEX(Jesper!AI$2:AI$366,ROUNDDOWN($C7769/24,0)+1,1)*INDEX($D$3:$AA$30,INDEX(Jesper!$R$2:$R$366,ROW(INDEX(Jesper!AI$2:AI$366,ROUNDDOWN($C7769/24,0)+1,1))-1)+IF('Standard Profiles'!$G$19=$B$10,7,0)+IF('Standard Profiles'!$G$19=$B$17,14,0)+IF('Standard Profiles'!$G$19=$B$24,21,0),MOD($C7769,24)+1)/SUM(INDEX($D$3:$AA$30,INDEX(Jesper!$R$2:$R$366,ROW(INDEX(Jesper!AI$2:AI$366,ROUNDDOWN($C7769/24,0)+1,1))-1)+IF('Standard Profiles'!$G$19=$B$10,7,0)+IF('Standard Profiles'!$G$19=$B$17,14,0)+IF('Standard Profiles'!$G$19=$B$24,21,0),0)),0)</f>
        <v>5.0253347277136458</v>
      </c>
      <c r="F7769" cm="1">
        <f t="array" ref="F7769">IFERROR(INDEX(Jesper!AJ$2:AJ$366,ROUNDDOWN($C7769/24,0)+1,1)*INDEX($D$3:$AA$30,INDEX(Jesper!$R$2:$R$366,ROW(INDEX(Jesper!AJ$2:AJ$366,ROUNDDOWN($C7769/24,0)+1,1))-1)+IF('Standard Profiles'!$G$20=$B$10,7,0)+IF('Standard Profiles'!$G$20=$B$17,14,0)+IF('Standard Profiles'!$G$20=$B$24,21,0),MOD($C7769,24)+1)/SUM(INDEX($D$3:$AA$30,INDEX(Jesper!$R$2:$R$366,ROW(INDEX(Jesper!AJ$2:AJ$366,ROUNDDOWN($C7769/24,0)+1,1))-1)+IF('Standard Profiles'!$G$20=$B$10,7,0)+IF('Standard Profiles'!$G$20=$B$17,14,0)+IF('Standard Profiles'!$G$20=$B$24,21,0),0)),0)</f>
        <v>4.2386246764985103</v>
      </c>
      <c r="G7769" cm="1">
        <f t="array" ref="G7769">IFERROR(INDEX(Jesper!AK$2:AK$366,ROUNDDOWN($C7769/24,0)+1,1)*INDEX($D$3:$AA$30,INDEX(Jesper!$R$2:$R$366,ROW(INDEX(Jesper!AK$2:AK$366,ROUNDDOWN($C7769/24,0)+1,1))-1)+IF('Standard Profiles'!$G$21=$B$10,7,0)+IF('Standard Profiles'!$G$21=$B$17,14,0)+IF('Standard Profiles'!$G$21=$B$24,21,0),MOD($C7769,24)+1)/SUM(INDEX($D$3:$AA$30,INDEX(Jesper!$R$2:$R$366,ROW(INDEX(Jesper!AK$2:AK$366,ROUNDDOWN($C7769/24,0)+1,1))-1)+IF('Standard Profiles'!$G$21=$B$10,7,0)+IF('Standard Profiles'!$G$21=$B$17,14,0)+IF('Standard Profiles'!$G$21=$B$24,21,0),0)),0)</f>
        <v>6.8666578187654386</v>
      </c>
      <c r="H7769" cm="1">
        <f t="array" ref="H7769">IFERROR(INDEX(Jesper!AL$2:AL$366,ROUNDDOWN($C7769/24,0)+1,1)*INDEX($D$3:$AA$30,INDEX(Jesper!$R$2:$R$366,ROW(INDEX(Jesper!AL$2:AL$366,ROUNDDOWN($C7769/24,0)+1,1))-1)+IF('Standard Profiles'!$G$22=$B$10,7,0)+IF('Standard Profiles'!$G$22=$B$17,14,0)+IF('Standard Profiles'!$G$22=$B$24,21,0),MOD($C7769,24)+1)/SUM(INDEX($D$3:$AA$30,INDEX(Jesper!$R$2:$R$366,ROW(INDEX(Jesper!AL$2:AL$366,ROUNDDOWN($C7769/24,0)+1,1))-1)+IF('Standard Profiles'!$G$22=$B$10,7,0)+IF('Standard Profiles'!$G$22=$B$17,14,0)+IF('Standard Profiles'!$G$22=$B$24,21,0),0)),0)</f>
        <v>6.5966106034472762</v>
      </c>
      <c r="I7769">
        <f t="shared" si="860"/>
        <v>6.3327461793093889</v>
      </c>
      <c r="J7769">
        <f t="shared" si="861"/>
        <v>15.791441479789844</v>
      </c>
      <c r="K7769">
        <f t="shared" si="862"/>
        <v>0.40202677821709165</v>
      </c>
      <c r="L7769">
        <f t="shared" si="863"/>
        <v>0.20101338910854583</v>
      </c>
      <c r="M7769">
        <f t="shared" si="864"/>
        <v>0</v>
      </c>
      <c r="N7769" s="45">
        <f t="shared" si="865"/>
        <v>45249.291666647907</v>
      </c>
    </row>
    <row r="7770" spans="2:14" x14ac:dyDescent="0.25">
      <c r="B7770">
        <f t="shared" si="859"/>
        <v>7</v>
      </c>
      <c r="C7770" s="16">
        <v>7736</v>
      </c>
      <c r="D7770" cm="1">
        <f t="array" ref="D7770">IFERROR(INDEX(Jesper!AH$2:AH$366,ROUNDDOWN($C7770/24,0)+1,1)*INDEX($D$3:$AA$30,INDEX(Jesper!$R$2:$R$366,ROW(INDEX(Jesper!AH$2:AH$366,ROUNDDOWN($C7770/24,0)+1,1))-1)+IF('Standard Profiles'!$G$18=$B$10,7,0)+IF('Standard Profiles'!$G$18=$B$17,14,0)+IF('Standard Profiles'!$G$18=$B$24,21,0),MOD($C7770,24)+1)/SUM(INDEX($D$3:$AA$30,INDEX(Jesper!$R$2:$R$366,ROW(INDEX(Jesper!AH$2:AH$366,ROUNDDOWN($C7770/24,0)+1,1))-1)+IF('Standard Profiles'!$G$18=$B$10,7,0)+IF('Standard Profiles'!$G$18=$B$17,14,0)+IF('Standard Profiles'!$G$18=$B$24,21,0),0)),0)</f>
        <v>0</v>
      </c>
      <c r="E7770" cm="1">
        <f t="array" ref="E7770">IFERROR(INDEX(Jesper!AI$2:AI$366,ROUNDDOWN($C7770/24,0)+1,1)*INDEX($D$3:$AA$30,INDEX(Jesper!$R$2:$R$366,ROW(INDEX(Jesper!AI$2:AI$366,ROUNDDOWN($C7770/24,0)+1,1))-1)+IF('Standard Profiles'!$G$19=$B$10,7,0)+IF('Standard Profiles'!$G$19=$B$17,14,0)+IF('Standard Profiles'!$G$19=$B$24,21,0),MOD($C7770,24)+1)/SUM(INDEX($D$3:$AA$30,INDEX(Jesper!$R$2:$R$366,ROW(INDEX(Jesper!AI$2:AI$366,ROUNDDOWN($C7770/24,0)+1,1))-1)+IF('Standard Profiles'!$G$19=$B$10,7,0)+IF('Standard Profiles'!$G$19=$B$17,14,0)+IF('Standard Profiles'!$G$19=$B$24,21,0),0)),0)</f>
        <v>5.0253347277136458</v>
      </c>
      <c r="F7770" cm="1">
        <f t="array" ref="F7770">IFERROR(INDEX(Jesper!AJ$2:AJ$366,ROUNDDOWN($C7770/24,0)+1,1)*INDEX($D$3:$AA$30,INDEX(Jesper!$R$2:$R$366,ROW(INDEX(Jesper!AJ$2:AJ$366,ROUNDDOWN($C7770/24,0)+1,1))-1)+IF('Standard Profiles'!$G$20=$B$10,7,0)+IF('Standard Profiles'!$G$20=$B$17,14,0)+IF('Standard Profiles'!$G$20=$B$24,21,0),MOD($C7770,24)+1)/SUM(INDEX($D$3:$AA$30,INDEX(Jesper!$R$2:$R$366,ROW(INDEX(Jesper!AJ$2:AJ$366,ROUNDDOWN($C7770/24,0)+1,1))-1)+IF('Standard Profiles'!$G$20=$B$10,7,0)+IF('Standard Profiles'!$G$20=$B$17,14,0)+IF('Standard Profiles'!$G$20=$B$24,21,0),0)),0)</f>
        <v>4.2386246764985103</v>
      </c>
      <c r="G7770" cm="1">
        <f t="array" ref="G7770">IFERROR(INDEX(Jesper!AK$2:AK$366,ROUNDDOWN($C7770/24,0)+1,1)*INDEX($D$3:$AA$30,INDEX(Jesper!$R$2:$R$366,ROW(INDEX(Jesper!AK$2:AK$366,ROUNDDOWN($C7770/24,0)+1,1))-1)+IF('Standard Profiles'!$G$21=$B$10,7,0)+IF('Standard Profiles'!$G$21=$B$17,14,0)+IF('Standard Profiles'!$G$21=$B$24,21,0),MOD($C7770,24)+1)/SUM(INDEX($D$3:$AA$30,INDEX(Jesper!$R$2:$R$366,ROW(INDEX(Jesper!AK$2:AK$366,ROUNDDOWN($C7770/24,0)+1,1))-1)+IF('Standard Profiles'!$G$21=$B$10,7,0)+IF('Standard Profiles'!$G$21=$B$17,14,0)+IF('Standard Profiles'!$G$21=$B$24,21,0),0)),0)</f>
        <v>6.8666578187654386</v>
      </c>
      <c r="H7770" cm="1">
        <f t="array" ref="H7770">IFERROR(INDEX(Jesper!AL$2:AL$366,ROUNDDOWN($C7770/24,0)+1,1)*INDEX($D$3:$AA$30,INDEX(Jesper!$R$2:$R$366,ROW(INDEX(Jesper!AL$2:AL$366,ROUNDDOWN($C7770/24,0)+1,1))-1)+IF('Standard Profiles'!$G$22=$B$10,7,0)+IF('Standard Profiles'!$G$22=$B$17,14,0)+IF('Standard Profiles'!$G$22=$B$24,21,0),MOD($C7770,24)+1)/SUM(INDEX($D$3:$AA$30,INDEX(Jesper!$R$2:$R$366,ROW(INDEX(Jesper!AL$2:AL$366,ROUNDDOWN($C7770/24,0)+1,1))-1)+IF('Standard Profiles'!$G$22=$B$10,7,0)+IF('Standard Profiles'!$G$22=$B$17,14,0)+IF('Standard Profiles'!$G$22=$B$24,21,0),0)),0)</f>
        <v>6.5966106034472762</v>
      </c>
      <c r="I7770">
        <f t="shared" si="860"/>
        <v>6.3327461793093889</v>
      </c>
      <c r="J7770">
        <f t="shared" si="861"/>
        <v>15.791441479789844</v>
      </c>
      <c r="K7770">
        <f t="shared" si="862"/>
        <v>0.40202677821709165</v>
      </c>
      <c r="L7770">
        <f t="shared" si="863"/>
        <v>0.20101338910854583</v>
      </c>
      <c r="M7770">
        <f t="shared" si="864"/>
        <v>0</v>
      </c>
      <c r="N7770" s="45">
        <f t="shared" si="865"/>
        <v>45249.333333314571</v>
      </c>
    </row>
    <row r="7771" spans="2:14" x14ac:dyDescent="0.25">
      <c r="B7771">
        <f t="shared" si="859"/>
        <v>7</v>
      </c>
      <c r="C7771" s="16">
        <v>7737</v>
      </c>
      <c r="D7771" cm="1">
        <f t="array" ref="D7771">IFERROR(INDEX(Jesper!AH$2:AH$366,ROUNDDOWN($C7771/24,0)+1,1)*INDEX($D$3:$AA$30,INDEX(Jesper!$R$2:$R$366,ROW(INDEX(Jesper!AH$2:AH$366,ROUNDDOWN($C7771/24,0)+1,1))-1)+IF('Standard Profiles'!$G$18=$B$10,7,0)+IF('Standard Profiles'!$G$18=$B$17,14,0)+IF('Standard Profiles'!$G$18=$B$24,21,0),MOD($C7771,24)+1)/SUM(INDEX($D$3:$AA$30,INDEX(Jesper!$R$2:$R$366,ROW(INDEX(Jesper!AH$2:AH$366,ROUNDDOWN($C7771/24,0)+1,1))-1)+IF('Standard Profiles'!$G$18=$B$10,7,0)+IF('Standard Profiles'!$G$18=$B$17,14,0)+IF('Standard Profiles'!$G$18=$B$24,21,0),0)),0)</f>
        <v>0</v>
      </c>
      <c r="E7771" cm="1">
        <f t="array" ref="E7771">IFERROR(INDEX(Jesper!AI$2:AI$366,ROUNDDOWN($C7771/24,0)+1,1)*INDEX($D$3:$AA$30,INDEX(Jesper!$R$2:$R$366,ROW(INDEX(Jesper!AI$2:AI$366,ROUNDDOWN($C7771/24,0)+1,1))-1)+IF('Standard Profiles'!$G$19=$B$10,7,0)+IF('Standard Profiles'!$G$19=$B$17,14,0)+IF('Standard Profiles'!$G$19=$B$24,21,0),MOD($C7771,24)+1)/SUM(INDEX($D$3:$AA$30,INDEX(Jesper!$R$2:$R$366,ROW(INDEX(Jesper!AI$2:AI$366,ROUNDDOWN($C7771/24,0)+1,1))-1)+IF('Standard Profiles'!$G$19=$B$10,7,0)+IF('Standard Profiles'!$G$19=$B$17,14,0)+IF('Standard Profiles'!$G$19=$B$24,21,0),0)),0)</f>
        <v>5.0253347277136458</v>
      </c>
      <c r="F7771" cm="1">
        <f t="array" ref="F7771">IFERROR(INDEX(Jesper!AJ$2:AJ$366,ROUNDDOWN($C7771/24,0)+1,1)*INDEX($D$3:$AA$30,INDEX(Jesper!$R$2:$R$366,ROW(INDEX(Jesper!AJ$2:AJ$366,ROUNDDOWN($C7771/24,0)+1,1))-1)+IF('Standard Profiles'!$G$20=$B$10,7,0)+IF('Standard Profiles'!$G$20=$B$17,14,0)+IF('Standard Profiles'!$G$20=$B$24,21,0),MOD($C7771,24)+1)/SUM(INDEX($D$3:$AA$30,INDEX(Jesper!$R$2:$R$366,ROW(INDEX(Jesper!AJ$2:AJ$366,ROUNDDOWN($C7771/24,0)+1,1))-1)+IF('Standard Profiles'!$G$20=$B$10,7,0)+IF('Standard Profiles'!$G$20=$B$17,14,0)+IF('Standard Profiles'!$G$20=$B$24,21,0),0)),0)</f>
        <v>4.2386246764985103</v>
      </c>
      <c r="G7771" cm="1">
        <f t="array" ref="G7771">IFERROR(INDEX(Jesper!AK$2:AK$366,ROUNDDOWN($C7771/24,0)+1,1)*INDEX($D$3:$AA$30,INDEX(Jesper!$R$2:$R$366,ROW(INDEX(Jesper!AK$2:AK$366,ROUNDDOWN($C7771/24,0)+1,1))-1)+IF('Standard Profiles'!$G$21=$B$10,7,0)+IF('Standard Profiles'!$G$21=$B$17,14,0)+IF('Standard Profiles'!$G$21=$B$24,21,0),MOD($C7771,24)+1)/SUM(INDEX($D$3:$AA$30,INDEX(Jesper!$R$2:$R$366,ROW(INDEX(Jesper!AK$2:AK$366,ROUNDDOWN($C7771/24,0)+1,1))-1)+IF('Standard Profiles'!$G$21=$B$10,7,0)+IF('Standard Profiles'!$G$21=$B$17,14,0)+IF('Standard Profiles'!$G$21=$B$24,21,0),0)),0)</f>
        <v>6.8666578187654386</v>
      </c>
      <c r="H7771" cm="1">
        <f t="array" ref="H7771">IFERROR(INDEX(Jesper!AL$2:AL$366,ROUNDDOWN($C7771/24,0)+1,1)*INDEX($D$3:$AA$30,INDEX(Jesper!$R$2:$R$366,ROW(INDEX(Jesper!AL$2:AL$366,ROUNDDOWN($C7771/24,0)+1,1))-1)+IF('Standard Profiles'!$G$22=$B$10,7,0)+IF('Standard Profiles'!$G$22=$B$17,14,0)+IF('Standard Profiles'!$G$22=$B$24,21,0),MOD($C7771,24)+1)/SUM(INDEX($D$3:$AA$30,INDEX(Jesper!$R$2:$R$366,ROW(INDEX(Jesper!AL$2:AL$366,ROUNDDOWN($C7771/24,0)+1,1))-1)+IF('Standard Profiles'!$G$22=$B$10,7,0)+IF('Standard Profiles'!$G$22=$B$17,14,0)+IF('Standard Profiles'!$G$22=$B$24,21,0),0)),0)</f>
        <v>6.5966106034472762</v>
      </c>
      <c r="I7771">
        <f t="shared" si="860"/>
        <v>6.3327461793093889</v>
      </c>
      <c r="J7771">
        <f t="shared" si="861"/>
        <v>15.791441479789844</v>
      </c>
      <c r="K7771">
        <f t="shared" si="862"/>
        <v>0.40202677821709165</v>
      </c>
      <c r="L7771">
        <f t="shared" si="863"/>
        <v>0.20101338910854583</v>
      </c>
      <c r="M7771">
        <f t="shared" si="864"/>
        <v>0</v>
      </c>
      <c r="N7771" s="45">
        <f t="shared" si="865"/>
        <v>45249.374999981235</v>
      </c>
    </row>
    <row r="7772" spans="2:14" x14ac:dyDescent="0.25">
      <c r="B7772">
        <f t="shared" si="859"/>
        <v>7</v>
      </c>
      <c r="C7772" s="16">
        <v>7738</v>
      </c>
      <c r="D7772" cm="1">
        <f t="array" ref="D7772">IFERROR(INDEX(Jesper!AH$2:AH$366,ROUNDDOWN($C7772/24,0)+1,1)*INDEX($D$3:$AA$30,INDEX(Jesper!$R$2:$R$366,ROW(INDEX(Jesper!AH$2:AH$366,ROUNDDOWN($C7772/24,0)+1,1))-1)+IF('Standard Profiles'!$G$18=$B$10,7,0)+IF('Standard Profiles'!$G$18=$B$17,14,0)+IF('Standard Profiles'!$G$18=$B$24,21,0),MOD($C7772,24)+1)/SUM(INDEX($D$3:$AA$30,INDEX(Jesper!$R$2:$R$366,ROW(INDEX(Jesper!AH$2:AH$366,ROUNDDOWN($C7772/24,0)+1,1))-1)+IF('Standard Profiles'!$G$18=$B$10,7,0)+IF('Standard Profiles'!$G$18=$B$17,14,0)+IF('Standard Profiles'!$G$18=$B$24,21,0),0)),0)</f>
        <v>0</v>
      </c>
      <c r="E7772" cm="1">
        <f t="array" ref="E7772">IFERROR(INDEX(Jesper!AI$2:AI$366,ROUNDDOWN($C7772/24,0)+1,1)*INDEX($D$3:$AA$30,INDEX(Jesper!$R$2:$R$366,ROW(INDEX(Jesper!AI$2:AI$366,ROUNDDOWN($C7772/24,0)+1,1))-1)+IF('Standard Profiles'!$G$19=$B$10,7,0)+IF('Standard Profiles'!$G$19=$B$17,14,0)+IF('Standard Profiles'!$G$19=$B$24,21,0),MOD($C7772,24)+1)/SUM(INDEX($D$3:$AA$30,INDEX(Jesper!$R$2:$R$366,ROW(INDEX(Jesper!AI$2:AI$366,ROUNDDOWN($C7772/24,0)+1,1))-1)+IF('Standard Profiles'!$G$19=$B$10,7,0)+IF('Standard Profiles'!$G$19=$B$17,14,0)+IF('Standard Profiles'!$G$19=$B$24,21,0),0)),0)</f>
        <v>5.0253347277136458</v>
      </c>
      <c r="F7772" cm="1">
        <f t="array" ref="F7772">IFERROR(INDEX(Jesper!AJ$2:AJ$366,ROUNDDOWN($C7772/24,0)+1,1)*INDEX($D$3:$AA$30,INDEX(Jesper!$R$2:$R$366,ROW(INDEX(Jesper!AJ$2:AJ$366,ROUNDDOWN($C7772/24,0)+1,1))-1)+IF('Standard Profiles'!$G$20=$B$10,7,0)+IF('Standard Profiles'!$G$20=$B$17,14,0)+IF('Standard Profiles'!$G$20=$B$24,21,0),MOD($C7772,24)+1)/SUM(INDEX($D$3:$AA$30,INDEX(Jesper!$R$2:$R$366,ROW(INDEX(Jesper!AJ$2:AJ$366,ROUNDDOWN($C7772/24,0)+1,1))-1)+IF('Standard Profiles'!$G$20=$B$10,7,0)+IF('Standard Profiles'!$G$20=$B$17,14,0)+IF('Standard Profiles'!$G$20=$B$24,21,0),0)),0)</f>
        <v>4.2386246764985103</v>
      </c>
      <c r="G7772" cm="1">
        <f t="array" ref="G7772">IFERROR(INDEX(Jesper!AK$2:AK$366,ROUNDDOWN($C7772/24,0)+1,1)*INDEX($D$3:$AA$30,INDEX(Jesper!$R$2:$R$366,ROW(INDEX(Jesper!AK$2:AK$366,ROUNDDOWN($C7772/24,0)+1,1))-1)+IF('Standard Profiles'!$G$21=$B$10,7,0)+IF('Standard Profiles'!$G$21=$B$17,14,0)+IF('Standard Profiles'!$G$21=$B$24,21,0),MOD($C7772,24)+1)/SUM(INDEX($D$3:$AA$30,INDEX(Jesper!$R$2:$R$366,ROW(INDEX(Jesper!AK$2:AK$366,ROUNDDOWN($C7772/24,0)+1,1))-1)+IF('Standard Profiles'!$G$21=$B$10,7,0)+IF('Standard Profiles'!$G$21=$B$17,14,0)+IF('Standard Profiles'!$G$21=$B$24,21,0),0)),0)</f>
        <v>6.8666578187654386</v>
      </c>
      <c r="H7772" cm="1">
        <f t="array" ref="H7772">IFERROR(INDEX(Jesper!AL$2:AL$366,ROUNDDOWN($C7772/24,0)+1,1)*INDEX($D$3:$AA$30,INDEX(Jesper!$R$2:$R$366,ROW(INDEX(Jesper!AL$2:AL$366,ROUNDDOWN($C7772/24,0)+1,1))-1)+IF('Standard Profiles'!$G$22=$B$10,7,0)+IF('Standard Profiles'!$G$22=$B$17,14,0)+IF('Standard Profiles'!$G$22=$B$24,21,0),MOD($C7772,24)+1)/SUM(INDEX($D$3:$AA$30,INDEX(Jesper!$R$2:$R$366,ROW(INDEX(Jesper!AL$2:AL$366,ROUNDDOWN($C7772/24,0)+1,1))-1)+IF('Standard Profiles'!$G$22=$B$10,7,0)+IF('Standard Profiles'!$G$22=$B$17,14,0)+IF('Standard Profiles'!$G$22=$B$24,21,0),0)),0)</f>
        <v>6.5966106034472762</v>
      </c>
      <c r="I7772">
        <f t="shared" si="860"/>
        <v>6.3327461793093889</v>
      </c>
      <c r="J7772">
        <f t="shared" si="861"/>
        <v>15.791441479789844</v>
      </c>
      <c r="K7772">
        <f t="shared" si="862"/>
        <v>0.40202677821709165</v>
      </c>
      <c r="L7772">
        <f t="shared" si="863"/>
        <v>0.20101338910854583</v>
      </c>
      <c r="M7772">
        <f t="shared" si="864"/>
        <v>0</v>
      </c>
      <c r="N7772" s="45">
        <f t="shared" si="865"/>
        <v>45249.4166666479</v>
      </c>
    </row>
    <row r="7773" spans="2:14" x14ac:dyDescent="0.25">
      <c r="B7773">
        <f t="shared" si="859"/>
        <v>7</v>
      </c>
      <c r="C7773" s="16">
        <v>7739</v>
      </c>
      <c r="D7773" cm="1">
        <f t="array" ref="D7773">IFERROR(INDEX(Jesper!AH$2:AH$366,ROUNDDOWN($C7773/24,0)+1,1)*INDEX($D$3:$AA$30,INDEX(Jesper!$R$2:$R$366,ROW(INDEX(Jesper!AH$2:AH$366,ROUNDDOWN($C7773/24,0)+1,1))-1)+IF('Standard Profiles'!$G$18=$B$10,7,0)+IF('Standard Profiles'!$G$18=$B$17,14,0)+IF('Standard Profiles'!$G$18=$B$24,21,0),MOD($C7773,24)+1)/SUM(INDEX($D$3:$AA$30,INDEX(Jesper!$R$2:$R$366,ROW(INDEX(Jesper!AH$2:AH$366,ROUNDDOWN($C7773/24,0)+1,1))-1)+IF('Standard Profiles'!$G$18=$B$10,7,0)+IF('Standard Profiles'!$G$18=$B$17,14,0)+IF('Standard Profiles'!$G$18=$B$24,21,0),0)),0)</f>
        <v>0</v>
      </c>
      <c r="E7773" cm="1">
        <f t="array" ref="E7773">IFERROR(INDEX(Jesper!AI$2:AI$366,ROUNDDOWN($C7773/24,0)+1,1)*INDEX($D$3:$AA$30,INDEX(Jesper!$R$2:$R$366,ROW(INDEX(Jesper!AI$2:AI$366,ROUNDDOWN($C7773/24,0)+1,1))-1)+IF('Standard Profiles'!$G$19=$B$10,7,0)+IF('Standard Profiles'!$G$19=$B$17,14,0)+IF('Standard Profiles'!$G$19=$B$24,21,0),MOD($C7773,24)+1)/SUM(INDEX($D$3:$AA$30,INDEX(Jesper!$R$2:$R$366,ROW(INDEX(Jesper!AI$2:AI$366,ROUNDDOWN($C7773/24,0)+1,1))-1)+IF('Standard Profiles'!$G$19=$B$10,7,0)+IF('Standard Profiles'!$G$19=$B$17,14,0)+IF('Standard Profiles'!$G$19=$B$24,21,0),0)),0)</f>
        <v>5.0253347277136458</v>
      </c>
      <c r="F7773" cm="1">
        <f t="array" ref="F7773">IFERROR(INDEX(Jesper!AJ$2:AJ$366,ROUNDDOWN($C7773/24,0)+1,1)*INDEX($D$3:$AA$30,INDEX(Jesper!$R$2:$R$366,ROW(INDEX(Jesper!AJ$2:AJ$366,ROUNDDOWN($C7773/24,0)+1,1))-1)+IF('Standard Profiles'!$G$20=$B$10,7,0)+IF('Standard Profiles'!$G$20=$B$17,14,0)+IF('Standard Profiles'!$G$20=$B$24,21,0),MOD($C7773,24)+1)/SUM(INDEX($D$3:$AA$30,INDEX(Jesper!$R$2:$R$366,ROW(INDEX(Jesper!AJ$2:AJ$366,ROUNDDOWN($C7773/24,0)+1,1))-1)+IF('Standard Profiles'!$G$20=$B$10,7,0)+IF('Standard Profiles'!$G$20=$B$17,14,0)+IF('Standard Profiles'!$G$20=$B$24,21,0),0)),0)</f>
        <v>4.2386246764985103</v>
      </c>
      <c r="G7773" cm="1">
        <f t="array" ref="G7773">IFERROR(INDEX(Jesper!AK$2:AK$366,ROUNDDOWN($C7773/24,0)+1,1)*INDEX($D$3:$AA$30,INDEX(Jesper!$R$2:$R$366,ROW(INDEX(Jesper!AK$2:AK$366,ROUNDDOWN($C7773/24,0)+1,1))-1)+IF('Standard Profiles'!$G$21=$B$10,7,0)+IF('Standard Profiles'!$G$21=$B$17,14,0)+IF('Standard Profiles'!$G$21=$B$24,21,0),MOD($C7773,24)+1)/SUM(INDEX($D$3:$AA$30,INDEX(Jesper!$R$2:$R$366,ROW(INDEX(Jesper!AK$2:AK$366,ROUNDDOWN($C7773/24,0)+1,1))-1)+IF('Standard Profiles'!$G$21=$B$10,7,0)+IF('Standard Profiles'!$G$21=$B$17,14,0)+IF('Standard Profiles'!$G$21=$B$24,21,0),0)),0)</f>
        <v>6.8666578187654386</v>
      </c>
      <c r="H7773" cm="1">
        <f t="array" ref="H7773">IFERROR(INDEX(Jesper!AL$2:AL$366,ROUNDDOWN($C7773/24,0)+1,1)*INDEX($D$3:$AA$30,INDEX(Jesper!$R$2:$R$366,ROW(INDEX(Jesper!AL$2:AL$366,ROUNDDOWN($C7773/24,0)+1,1))-1)+IF('Standard Profiles'!$G$22=$B$10,7,0)+IF('Standard Profiles'!$G$22=$B$17,14,0)+IF('Standard Profiles'!$G$22=$B$24,21,0),MOD($C7773,24)+1)/SUM(INDEX($D$3:$AA$30,INDEX(Jesper!$R$2:$R$366,ROW(INDEX(Jesper!AL$2:AL$366,ROUNDDOWN($C7773/24,0)+1,1))-1)+IF('Standard Profiles'!$G$22=$B$10,7,0)+IF('Standard Profiles'!$G$22=$B$17,14,0)+IF('Standard Profiles'!$G$22=$B$24,21,0),0)),0)</f>
        <v>6.5966106034472762</v>
      </c>
      <c r="I7773">
        <f t="shared" si="860"/>
        <v>6.3327461793093889</v>
      </c>
      <c r="J7773">
        <f t="shared" si="861"/>
        <v>15.791441479789844</v>
      </c>
      <c r="K7773">
        <f t="shared" si="862"/>
        <v>0.40202677821709165</v>
      </c>
      <c r="L7773">
        <f t="shared" si="863"/>
        <v>0.20101338910854583</v>
      </c>
      <c r="M7773">
        <f t="shared" si="864"/>
        <v>0</v>
      </c>
      <c r="N7773" s="45">
        <f t="shared" si="865"/>
        <v>45249.458333314564</v>
      </c>
    </row>
    <row r="7774" spans="2:14" x14ac:dyDescent="0.25">
      <c r="B7774">
        <f t="shared" si="859"/>
        <v>7</v>
      </c>
      <c r="C7774" s="16">
        <v>7740</v>
      </c>
      <c r="D7774" cm="1">
        <f t="array" ref="D7774">IFERROR(INDEX(Jesper!AH$2:AH$366,ROUNDDOWN($C7774/24,0)+1,1)*INDEX($D$3:$AA$30,INDEX(Jesper!$R$2:$R$366,ROW(INDEX(Jesper!AH$2:AH$366,ROUNDDOWN($C7774/24,0)+1,1))-1)+IF('Standard Profiles'!$G$18=$B$10,7,0)+IF('Standard Profiles'!$G$18=$B$17,14,0)+IF('Standard Profiles'!$G$18=$B$24,21,0),MOD($C7774,24)+1)/SUM(INDEX($D$3:$AA$30,INDEX(Jesper!$R$2:$R$366,ROW(INDEX(Jesper!AH$2:AH$366,ROUNDDOWN($C7774/24,0)+1,1))-1)+IF('Standard Profiles'!$G$18=$B$10,7,0)+IF('Standard Profiles'!$G$18=$B$17,14,0)+IF('Standard Profiles'!$G$18=$B$24,21,0),0)),0)</f>
        <v>0</v>
      </c>
      <c r="E7774" cm="1">
        <f t="array" ref="E7774">IFERROR(INDEX(Jesper!AI$2:AI$366,ROUNDDOWN($C7774/24,0)+1,1)*INDEX($D$3:$AA$30,INDEX(Jesper!$R$2:$R$366,ROW(INDEX(Jesper!AI$2:AI$366,ROUNDDOWN($C7774/24,0)+1,1))-1)+IF('Standard Profiles'!$G$19=$B$10,7,0)+IF('Standard Profiles'!$G$19=$B$17,14,0)+IF('Standard Profiles'!$G$19=$B$24,21,0),MOD($C7774,24)+1)/SUM(INDEX($D$3:$AA$30,INDEX(Jesper!$R$2:$R$366,ROW(INDEX(Jesper!AI$2:AI$366,ROUNDDOWN($C7774/24,0)+1,1))-1)+IF('Standard Profiles'!$G$19=$B$10,7,0)+IF('Standard Profiles'!$G$19=$B$17,14,0)+IF('Standard Profiles'!$G$19=$B$24,21,0),0)),0)</f>
        <v>5.0253347277136458</v>
      </c>
      <c r="F7774" cm="1">
        <f t="array" ref="F7774">IFERROR(INDEX(Jesper!AJ$2:AJ$366,ROUNDDOWN($C7774/24,0)+1,1)*INDEX($D$3:$AA$30,INDEX(Jesper!$R$2:$R$366,ROW(INDEX(Jesper!AJ$2:AJ$366,ROUNDDOWN($C7774/24,0)+1,1))-1)+IF('Standard Profiles'!$G$20=$B$10,7,0)+IF('Standard Profiles'!$G$20=$B$17,14,0)+IF('Standard Profiles'!$G$20=$B$24,21,0),MOD($C7774,24)+1)/SUM(INDEX($D$3:$AA$30,INDEX(Jesper!$R$2:$R$366,ROW(INDEX(Jesper!AJ$2:AJ$366,ROUNDDOWN($C7774/24,0)+1,1))-1)+IF('Standard Profiles'!$G$20=$B$10,7,0)+IF('Standard Profiles'!$G$20=$B$17,14,0)+IF('Standard Profiles'!$G$20=$B$24,21,0),0)),0)</f>
        <v>4.2386246764985103</v>
      </c>
      <c r="G7774" cm="1">
        <f t="array" ref="G7774">IFERROR(INDEX(Jesper!AK$2:AK$366,ROUNDDOWN($C7774/24,0)+1,1)*INDEX($D$3:$AA$30,INDEX(Jesper!$R$2:$R$366,ROW(INDEX(Jesper!AK$2:AK$366,ROUNDDOWN($C7774/24,0)+1,1))-1)+IF('Standard Profiles'!$G$21=$B$10,7,0)+IF('Standard Profiles'!$G$21=$B$17,14,0)+IF('Standard Profiles'!$G$21=$B$24,21,0),MOD($C7774,24)+1)/SUM(INDEX($D$3:$AA$30,INDEX(Jesper!$R$2:$R$366,ROW(INDEX(Jesper!AK$2:AK$366,ROUNDDOWN($C7774/24,0)+1,1))-1)+IF('Standard Profiles'!$G$21=$B$10,7,0)+IF('Standard Profiles'!$G$21=$B$17,14,0)+IF('Standard Profiles'!$G$21=$B$24,21,0),0)),0)</f>
        <v>6.8666578187654386</v>
      </c>
      <c r="H7774" cm="1">
        <f t="array" ref="H7774">IFERROR(INDEX(Jesper!AL$2:AL$366,ROUNDDOWN($C7774/24,0)+1,1)*INDEX($D$3:$AA$30,INDEX(Jesper!$R$2:$R$366,ROW(INDEX(Jesper!AL$2:AL$366,ROUNDDOWN($C7774/24,0)+1,1))-1)+IF('Standard Profiles'!$G$22=$B$10,7,0)+IF('Standard Profiles'!$G$22=$B$17,14,0)+IF('Standard Profiles'!$G$22=$B$24,21,0),MOD($C7774,24)+1)/SUM(INDEX($D$3:$AA$30,INDEX(Jesper!$R$2:$R$366,ROW(INDEX(Jesper!AL$2:AL$366,ROUNDDOWN($C7774/24,0)+1,1))-1)+IF('Standard Profiles'!$G$22=$B$10,7,0)+IF('Standard Profiles'!$G$22=$B$17,14,0)+IF('Standard Profiles'!$G$22=$B$24,21,0),0)),0)</f>
        <v>6.5966106034472762</v>
      </c>
      <c r="I7774">
        <f t="shared" si="860"/>
        <v>6.3327461793093889</v>
      </c>
      <c r="J7774">
        <f t="shared" si="861"/>
        <v>15.791441479789844</v>
      </c>
      <c r="K7774">
        <f t="shared" si="862"/>
        <v>0.40202677821709165</v>
      </c>
      <c r="L7774">
        <f t="shared" si="863"/>
        <v>0.20101338910854583</v>
      </c>
      <c r="M7774">
        <f t="shared" si="864"/>
        <v>0</v>
      </c>
      <c r="N7774" s="45">
        <f t="shared" si="865"/>
        <v>45249.499999981228</v>
      </c>
    </row>
    <row r="7775" spans="2:14" x14ac:dyDescent="0.25">
      <c r="B7775">
        <f t="shared" si="859"/>
        <v>7</v>
      </c>
      <c r="C7775" s="16">
        <v>7741</v>
      </c>
      <c r="D7775" cm="1">
        <f t="array" ref="D7775">IFERROR(INDEX(Jesper!AH$2:AH$366,ROUNDDOWN($C7775/24,0)+1,1)*INDEX($D$3:$AA$30,INDEX(Jesper!$R$2:$R$366,ROW(INDEX(Jesper!AH$2:AH$366,ROUNDDOWN($C7775/24,0)+1,1))-1)+IF('Standard Profiles'!$G$18=$B$10,7,0)+IF('Standard Profiles'!$G$18=$B$17,14,0)+IF('Standard Profiles'!$G$18=$B$24,21,0),MOD($C7775,24)+1)/SUM(INDEX($D$3:$AA$30,INDEX(Jesper!$R$2:$R$366,ROW(INDEX(Jesper!AH$2:AH$366,ROUNDDOWN($C7775/24,0)+1,1))-1)+IF('Standard Profiles'!$G$18=$B$10,7,0)+IF('Standard Profiles'!$G$18=$B$17,14,0)+IF('Standard Profiles'!$G$18=$B$24,21,0),0)),0)</f>
        <v>0</v>
      </c>
      <c r="E7775" cm="1">
        <f t="array" ref="E7775">IFERROR(INDEX(Jesper!AI$2:AI$366,ROUNDDOWN($C7775/24,0)+1,1)*INDEX($D$3:$AA$30,INDEX(Jesper!$R$2:$R$366,ROW(INDEX(Jesper!AI$2:AI$366,ROUNDDOWN($C7775/24,0)+1,1))-1)+IF('Standard Profiles'!$G$19=$B$10,7,0)+IF('Standard Profiles'!$G$19=$B$17,14,0)+IF('Standard Profiles'!$G$19=$B$24,21,0),MOD($C7775,24)+1)/SUM(INDEX($D$3:$AA$30,INDEX(Jesper!$R$2:$R$366,ROW(INDEX(Jesper!AI$2:AI$366,ROUNDDOWN($C7775/24,0)+1,1))-1)+IF('Standard Profiles'!$G$19=$B$10,7,0)+IF('Standard Profiles'!$G$19=$B$17,14,0)+IF('Standard Profiles'!$G$19=$B$24,21,0),0)),0)</f>
        <v>5.0253347277136458</v>
      </c>
      <c r="F7775" cm="1">
        <f t="array" ref="F7775">IFERROR(INDEX(Jesper!AJ$2:AJ$366,ROUNDDOWN($C7775/24,0)+1,1)*INDEX($D$3:$AA$30,INDEX(Jesper!$R$2:$R$366,ROW(INDEX(Jesper!AJ$2:AJ$366,ROUNDDOWN($C7775/24,0)+1,1))-1)+IF('Standard Profiles'!$G$20=$B$10,7,0)+IF('Standard Profiles'!$G$20=$B$17,14,0)+IF('Standard Profiles'!$G$20=$B$24,21,0),MOD($C7775,24)+1)/SUM(INDEX($D$3:$AA$30,INDEX(Jesper!$R$2:$R$366,ROW(INDEX(Jesper!AJ$2:AJ$366,ROUNDDOWN($C7775/24,0)+1,1))-1)+IF('Standard Profiles'!$G$20=$B$10,7,0)+IF('Standard Profiles'!$G$20=$B$17,14,0)+IF('Standard Profiles'!$G$20=$B$24,21,0),0)),0)</f>
        <v>4.2386246764985103</v>
      </c>
      <c r="G7775" cm="1">
        <f t="array" ref="G7775">IFERROR(INDEX(Jesper!AK$2:AK$366,ROUNDDOWN($C7775/24,0)+1,1)*INDEX($D$3:$AA$30,INDEX(Jesper!$R$2:$R$366,ROW(INDEX(Jesper!AK$2:AK$366,ROUNDDOWN($C7775/24,0)+1,1))-1)+IF('Standard Profiles'!$G$21=$B$10,7,0)+IF('Standard Profiles'!$G$21=$B$17,14,0)+IF('Standard Profiles'!$G$21=$B$24,21,0),MOD($C7775,24)+1)/SUM(INDEX($D$3:$AA$30,INDEX(Jesper!$R$2:$R$366,ROW(INDEX(Jesper!AK$2:AK$366,ROUNDDOWN($C7775/24,0)+1,1))-1)+IF('Standard Profiles'!$G$21=$B$10,7,0)+IF('Standard Profiles'!$G$21=$B$17,14,0)+IF('Standard Profiles'!$G$21=$B$24,21,0),0)),0)</f>
        <v>6.8666578187654386</v>
      </c>
      <c r="H7775" cm="1">
        <f t="array" ref="H7775">IFERROR(INDEX(Jesper!AL$2:AL$366,ROUNDDOWN($C7775/24,0)+1,1)*INDEX($D$3:$AA$30,INDEX(Jesper!$R$2:$R$366,ROW(INDEX(Jesper!AL$2:AL$366,ROUNDDOWN($C7775/24,0)+1,1))-1)+IF('Standard Profiles'!$G$22=$B$10,7,0)+IF('Standard Profiles'!$G$22=$B$17,14,0)+IF('Standard Profiles'!$G$22=$B$24,21,0),MOD($C7775,24)+1)/SUM(INDEX($D$3:$AA$30,INDEX(Jesper!$R$2:$R$366,ROW(INDEX(Jesper!AL$2:AL$366,ROUNDDOWN($C7775/24,0)+1,1))-1)+IF('Standard Profiles'!$G$22=$B$10,7,0)+IF('Standard Profiles'!$G$22=$B$17,14,0)+IF('Standard Profiles'!$G$22=$B$24,21,0),0)),0)</f>
        <v>6.5966106034472762</v>
      </c>
      <c r="I7775">
        <f t="shared" si="860"/>
        <v>6.3327461793093889</v>
      </c>
      <c r="J7775">
        <f t="shared" si="861"/>
        <v>15.791441479789844</v>
      </c>
      <c r="K7775">
        <f t="shared" si="862"/>
        <v>0.40202677821709165</v>
      </c>
      <c r="L7775">
        <f t="shared" si="863"/>
        <v>0.20101338910854583</v>
      </c>
      <c r="M7775">
        <f t="shared" si="864"/>
        <v>0</v>
      </c>
      <c r="N7775" s="45">
        <f t="shared" si="865"/>
        <v>45249.541666647892</v>
      </c>
    </row>
    <row r="7776" spans="2:14" x14ac:dyDescent="0.25">
      <c r="B7776">
        <f t="shared" si="859"/>
        <v>7</v>
      </c>
      <c r="C7776" s="16">
        <v>7742</v>
      </c>
      <c r="D7776" cm="1">
        <f t="array" ref="D7776">IFERROR(INDEX(Jesper!AH$2:AH$366,ROUNDDOWN($C7776/24,0)+1,1)*INDEX($D$3:$AA$30,INDEX(Jesper!$R$2:$R$366,ROW(INDEX(Jesper!AH$2:AH$366,ROUNDDOWN($C7776/24,0)+1,1))-1)+IF('Standard Profiles'!$G$18=$B$10,7,0)+IF('Standard Profiles'!$G$18=$B$17,14,0)+IF('Standard Profiles'!$G$18=$B$24,21,0),MOD($C7776,24)+1)/SUM(INDEX($D$3:$AA$30,INDEX(Jesper!$R$2:$R$366,ROW(INDEX(Jesper!AH$2:AH$366,ROUNDDOWN($C7776/24,0)+1,1))-1)+IF('Standard Profiles'!$G$18=$B$10,7,0)+IF('Standard Profiles'!$G$18=$B$17,14,0)+IF('Standard Profiles'!$G$18=$B$24,21,0),0)),0)</f>
        <v>0</v>
      </c>
      <c r="E7776" cm="1">
        <f t="array" ref="E7776">IFERROR(INDEX(Jesper!AI$2:AI$366,ROUNDDOWN($C7776/24,0)+1,1)*INDEX($D$3:$AA$30,INDEX(Jesper!$R$2:$R$366,ROW(INDEX(Jesper!AI$2:AI$366,ROUNDDOWN($C7776/24,0)+1,1))-1)+IF('Standard Profiles'!$G$19=$B$10,7,0)+IF('Standard Profiles'!$G$19=$B$17,14,0)+IF('Standard Profiles'!$G$19=$B$24,21,0),MOD($C7776,24)+1)/SUM(INDEX($D$3:$AA$30,INDEX(Jesper!$R$2:$R$366,ROW(INDEX(Jesper!AI$2:AI$366,ROUNDDOWN($C7776/24,0)+1,1))-1)+IF('Standard Profiles'!$G$19=$B$10,7,0)+IF('Standard Profiles'!$G$19=$B$17,14,0)+IF('Standard Profiles'!$G$19=$B$24,21,0),0)),0)</f>
        <v>5.0253347277136458</v>
      </c>
      <c r="F7776" cm="1">
        <f t="array" ref="F7776">IFERROR(INDEX(Jesper!AJ$2:AJ$366,ROUNDDOWN($C7776/24,0)+1,1)*INDEX($D$3:$AA$30,INDEX(Jesper!$R$2:$R$366,ROW(INDEX(Jesper!AJ$2:AJ$366,ROUNDDOWN($C7776/24,0)+1,1))-1)+IF('Standard Profiles'!$G$20=$B$10,7,0)+IF('Standard Profiles'!$G$20=$B$17,14,0)+IF('Standard Profiles'!$G$20=$B$24,21,0),MOD($C7776,24)+1)/SUM(INDEX($D$3:$AA$30,INDEX(Jesper!$R$2:$R$366,ROW(INDEX(Jesper!AJ$2:AJ$366,ROUNDDOWN($C7776/24,0)+1,1))-1)+IF('Standard Profiles'!$G$20=$B$10,7,0)+IF('Standard Profiles'!$G$20=$B$17,14,0)+IF('Standard Profiles'!$G$20=$B$24,21,0),0)),0)</f>
        <v>4.2386246764985103</v>
      </c>
      <c r="G7776" cm="1">
        <f t="array" ref="G7776">IFERROR(INDEX(Jesper!AK$2:AK$366,ROUNDDOWN($C7776/24,0)+1,1)*INDEX($D$3:$AA$30,INDEX(Jesper!$R$2:$R$366,ROW(INDEX(Jesper!AK$2:AK$366,ROUNDDOWN($C7776/24,0)+1,1))-1)+IF('Standard Profiles'!$G$21=$B$10,7,0)+IF('Standard Profiles'!$G$21=$B$17,14,0)+IF('Standard Profiles'!$G$21=$B$24,21,0),MOD($C7776,24)+1)/SUM(INDEX($D$3:$AA$30,INDEX(Jesper!$R$2:$R$366,ROW(INDEX(Jesper!AK$2:AK$366,ROUNDDOWN($C7776/24,0)+1,1))-1)+IF('Standard Profiles'!$G$21=$B$10,7,0)+IF('Standard Profiles'!$G$21=$B$17,14,0)+IF('Standard Profiles'!$G$21=$B$24,21,0),0)),0)</f>
        <v>6.8666578187654386</v>
      </c>
      <c r="H7776" cm="1">
        <f t="array" ref="H7776">IFERROR(INDEX(Jesper!AL$2:AL$366,ROUNDDOWN($C7776/24,0)+1,1)*INDEX($D$3:$AA$30,INDEX(Jesper!$R$2:$R$366,ROW(INDEX(Jesper!AL$2:AL$366,ROUNDDOWN($C7776/24,0)+1,1))-1)+IF('Standard Profiles'!$G$22=$B$10,7,0)+IF('Standard Profiles'!$G$22=$B$17,14,0)+IF('Standard Profiles'!$G$22=$B$24,21,0),MOD($C7776,24)+1)/SUM(INDEX($D$3:$AA$30,INDEX(Jesper!$R$2:$R$366,ROW(INDEX(Jesper!AL$2:AL$366,ROUNDDOWN($C7776/24,0)+1,1))-1)+IF('Standard Profiles'!$G$22=$B$10,7,0)+IF('Standard Profiles'!$G$22=$B$17,14,0)+IF('Standard Profiles'!$G$22=$B$24,21,0),0)),0)</f>
        <v>6.5966106034472762</v>
      </c>
      <c r="I7776">
        <f t="shared" si="860"/>
        <v>6.3327461793093889</v>
      </c>
      <c r="J7776">
        <f t="shared" si="861"/>
        <v>15.791441479789844</v>
      </c>
      <c r="K7776">
        <f t="shared" si="862"/>
        <v>0.40202677821709165</v>
      </c>
      <c r="L7776">
        <f t="shared" si="863"/>
        <v>0.20101338910854583</v>
      </c>
      <c r="M7776">
        <f t="shared" si="864"/>
        <v>0</v>
      </c>
      <c r="N7776" s="45">
        <f t="shared" si="865"/>
        <v>45249.583333314557</v>
      </c>
    </row>
    <row r="7777" spans="2:14" x14ac:dyDescent="0.25">
      <c r="B7777">
        <f t="shared" si="859"/>
        <v>7</v>
      </c>
      <c r="C7777" s="16">
        <v>7743</v>
      </c>
      <c r="D7777" cm="1">
        <f t="array" ref="D7777">IFERROR(INDEX(Jesper!AH$2:AH$366,ROUNDDOWN($C7777/24,0)+1,1)*INDEX($D$3:$AA$30,INDEX(Jesper!$R$2:$R$366,ROW(INDEX(Jesper!AH$2:AH$366,ROUNDDOWN($C7777/24,0)+1,1))-1)+IF('Standard Profiles'!$G$18=$B$10,7,0)+IF('Standard Profiles'!$G$18=$B$17,14,0)+IF('Standard Profiles'!$G$18=$B$24,21,0),MOD($C7777,24)+1)/SUM(INDEX($D$3:$AA$30,INDEX(Jesper!$R$2:$R$366,ROW(INDEX(Jesper!AH$2:AH$366,ROUNDDOWN($C7777/24,0)+1,1))-1)+IF('Standard Profiles'!$G$18=$B$10,7,0)+IF('Standard Profiles'!$G$18=$B$17,14,0)+IF('Standard Profiles'!$G$18=$B$24,21,0),0)),0)</f>
        <v>0</v>
      </c>
      <c r="E7777" cm="1">
        <f t="array" ref="E7777">IFERROR(INDEX(Jesper!AI$2:AI$366,ROUNDDOWN($C7777/24,0)+1,1)*INDEX($D$3:$AA$30,INDEX(Jesper!$R$2:$R$366,ROW(INDEX(Jesper!AI$2:AI$366,ROUNDDOWN($C7777/24,0)+1,1))-1)+IF('Standard Profiles'!$G$19=$B$10,7,0)+IF('Standard Profiles'!$G$19=$B$17,14,0)+IF('Standard Profiles'!$G$19=$B$24,21,0),MOD($C7777,24)+1)/SUM(INDEX($D$3:$AA$30,INDEX(Jesper!$R$2:$R$366,ROW(INDEX(Jesper!AI$2:AI$366,ROUNDDOWN($C7777/24,0)+1,1))-1)+IF('Standard Profiles'!$G$19=$B$10,7,0)+IF('Standard Profiles'!$G$19=$B$17,14,0)+IF('Standard Profiles'!$G$19=$B$24,21,0),0)),0)</f>
        <v>5.0253347277136458</v>
      </c>
      <c r="F7777" cm="1">
        <f t="array" ref="F7777">IFERROR(INDEX(Jesper!AJ$2:AJ$366,ROUNDDOWN($C7777/24,0)+1,1)*INDEX($D$3:$AA$30,INDEX(Jesper!$R$2:$R$366,ROW(INDEX(Jesper!AJ$2:AJ$366,ROUNDDOWN($C7777/24,0)+1,1))-1)+IF('Standard Profiles'!$G$20=$B$10,7,0)+IF('Standard Profiles'!$G$20=$B$17,14,0)+IF('Standard Profiles'!$G$20=$B$24,21,0),MOD($C7777,24)+1)/SUM(INDEX($D$3:$AA$30,INDEX(Jesper!$R$2:$R$366,ROW(INDEX(Jesper!AJ$2:AJ$366,ROUNDDOWN($C7777/24,0)+1,1))-1)+IF('Standard Profiles'!$G$20=$B$10,7,0)+IF('Standard Profiles'!$G$20=$B$17,14,0)+IF('Standard Profiles'!$G$20=$B$24,21,0),0)),0)</f>
        <v>4.2386246764985103</v>
      </c>
      <c r="G7777" cm="1">
        <f t="array" ref="G7777">IFERROR(INDEX(Jesper!AK$2:AK$366,ROUNDDOWN($C7777/24,0)+1,1)*INDEX($D$3:$AA$30,INDEX(Jesper!$R$2:$R$366,ROW(INDEX(Jesper!AK$2:AK$366,ROUNDDOWN($C7777/24,0)+1,1))-1)+IF('Standard Profiles'!$G$21=$B$10,7,0)+IF('Standard Profiles'!$G$21=$B$17,14,0)+IF('Standard Profiles'!$G$21=$B$24,21,0),MOD($C7777,24)+1)/SUM(INDEX($D$3:$AA$30,INDEX(Jesper!$R$2:$R$366,ROW(INDEX(Jesper!AK$2:AK$366,ROUNDDOWN($C7777/24,0)+1,1))-1)+IF('Standard Profiles'!$G$21=$B$10,7,0)+IF('Standard Profiles'!$G$21=$B$17,14,0)+IF('Standard Profiles'!$G$21=$B$24,21,0),0)),0)</f>
        <v>6.8666578187654386</v>
      </c>
      <c r="H7777" cm="1">
        <f t="array" ref="H7777">IFERROR(INDEX(Jesper!AL$2:AL$366,ROUNDDOWN($C7777/24,0)+1,1)*INDEX($D$3:$AA$30,INDEX(Jesper!$R$2:$R$366,ROW(INDEX(Jesper!AL$2:AL$366,ROUNDDOWN($C7777/24,0)+1,1))-1)+IF('Standard Profiles'!$G$22=$B$10,7,0)+IF('Standard Profiles'!$G$22=$B$17,14,0)+IF('Standard Profiles'!$G$22=$B$24,21,0),MOD($C7777,24)+1)/SUM(INDEX($D$3:$AA$30,INDEX(Jesper!$R$2:$R$366,ROW(INDEX(Jesper!AL$2:AL$366,ROUNDDOWN($C7777/24,0)+1,1))-1)+IF('Standard Profiles'!$G$22=$B$10,7,0)+IF('Standard Profiles'!$G$22=$B$17,14,0)+IF('Standard Profiles'!$G$22=$B$24,21,0),0)),0)</f>
        <v>5.8636538697309115</v>
      </c>
      <c r="I7777">
        <f t="shared" si="860"/>
        <v>5.6291077149416777</v>
      </c>
      <c r="J7777">
        <f t="shared" si="861"/>
        <v>15.762123210441191</v>
      </c>
      <c r="K7777">
        <f t="shared" si="862"/>
        <v>0.40202677821709165</v>
      </c>
      <c r="L7777">
        <f t="shared" si="863"/>
        <v>0.20101338910854583</v>
      </c>
      <c r="M7777">
        <f t="shared" si="864"/>
        <v>0</v>
      </c>
      <c r="N7777" s="45">
        <f t="shared" si="865"/>
        <v>45249.624999981221</v>
      </c>
    </row>
    <row r="7778" spans="2:14" x14ac:dyDescent="0.25">
      <c r="B7778">
        <f t="shared" si="859"/>
        <v>7</v>
      </c>
      <c r="C7778" s="16">
        <v>7744</v>
      </c>
      <c r="D7778" cm="1">
        <f t="array" ref="D7778">IFERROR(INDEX(Jesper!AH$2:AH$366,ROUNDDOWN($C7778/24,0)+1,1)*INDEX($D$3:$AA$30,INDEX(Jesper!$R$2:$R$366,ROW(INDEX(Jesper!AH$2:AH$366,ROUNDDOWN($C7778/24,0)+1,1))-1)+IF('Standard Profiles'!$G$18=$B$10,7,0)+IF('Standard Profiles'!$G$18=$B$17,14,0)+IF('Standard Profiles'!$G$18=$B$24,21,0),MOD($C7778,24)+1)/SUM(INDEX($D$3:$AA$30,INDEX(Jesper!$R$2:$R$366,ROW(INDEX(Jesper!AH$2:AH$366,ROUNDDOWN($C7778/24,0)+1,1))-1)+IF('Standard Profiles'!$G$18=$B$10,7,0)+IF('Standard Profiles'!$G$18=$B$17,14,0)+IF('Standard Profiles'!$G$18=$B$24,21,0),0)),0)</f>
        <v>0</v>
      </c>
      <c r="E7778" cm="1">
        <f t="array" ref="E7778">IFERROR(INDEX(Jesper!AI$2:AI$366,ROUNDDOWN($C7778/24,0)+1,1)*INDEX($D$3:$AA$30,INDEX(Jesper!$R$2:$R$366,ROW(INDEX(Jesper!AI$2:AI$366,ROUNDDOWN($C7778/24,0)+1,1))-1)+IF('Standard Profiles'!$G$19=$B$10,7,0)+IF('Standard Profiles'!$G$19=$B$17,14,0)+IF('Standard Profiles'!$G$19=$B$24,21,0),MOD($C7778,24)+1)/SUM(INDEX($D$3:$AA$30,INDEX(Jesper!$R$2:$R$366,ROW(INDEX(Jesper!AI$2:AI$366,ROUNDDOWN($C7778/24,0)+1,1))-1)+IF('Standard Profiles'!$G$19=$B$10,7,0)+IF('Standard Profiles'!$G$19=$B$17,14,0)+IF('Standard Profiles'!$G$19=$B$24,21,0),0)),0)</f>
        <v>5.0253347277136458</v>
      </c>
      <c r="F7778" cm="1">
        <f t="array" ref="F7778">IFERROR(INDEX(Jesper!AJ$2:AJ$366,ROUNDDOWN($C7778/24,0)+1,1)*INDEX($D$3:$AA$30,INDEX(Jesper!$R$2:$R$366,ROW(INDEX(Jesper!AJ$2:AJ$366,ROUNDDOWN($C7778/24,0)+1,1))-1)+IF('Standard Profiles'!$G$20=$B$10,7,0)+IF('Standard Profiles'!$G$20=$B$17,14,0)+IF('Standard Profiles'!$G$20=$B$24,21,0),MOD($C7778,24)+1)/SUM(INDEX($D$3:$AA$30,INDEX(Jesper!$R$2:$R$366,ROW(INDEX(Jesper!AJ$2:AJ$366,ROUNDDOWN($C7778/24,0)+1,1))-1)+IF('Standard Profiles'!$G$20=$B$10,7,0)+IF('Standard Profiles'!$G$20=$B$17,14,0)+IF('Standard Profiles'!$G$20=$B$24,21,0),0)),0)</f>
        <v>4.2386246764985103</v>
      </c>
      <c r="G7778" cm="1">
        <f t="array" ref="G7778">IFERROR(INDEX(Jesper!AK$2:AK$366,ROUNDDOWN($C7778/24,0)+1,1)*INDEX($D$3:$AA$30,INDEX(Jesper!$R$2:$R$366,ROW(INDEX(Jesper!AK$2:AK$366,ROUNDDOWN($C7778/24,0)+1,1))-1)+IF('Standard Profiles'!$G$21=$B$10,7,0)+IF('Standard Profiles'!$G$21=$B$17,14,0)+IF('Standard Profiles'!$G$21=$B$24,21,0),MOD($C7778,24)+1)/SUM(INDEX($D$3:$AA$30,INDEX(Jesper!$R$2:$R$366,ROW(INDEX(Jesper!AK$2:AK$366,ROUNDDOWN($C7778/24,0)+1,1))-1)+IF('Standard Profiles'!$G$21=$B$10,7,0)+IF('Standard Profiles'!$G$21=$B$17,14,0)+IF('Standard Profiles'!$G$21=$B$24,21,0),0)),0)</f>
        <v>6.8666578187654386</v>
      </c>
      <c r="H7778" cm="1">
        <f t="array" ref="H7778">IFERROR(INDEX(Jesper!AL$2:AL$366,ROUNDDOWN($C7778/24,0)+1,1)*INDEX($D$3:$AA$30,INDEX(Jesper!$R$2:$R$366,ROW(INDEX(Jesper!AL$2:AL$366,ROUNDDOWN($C7778/24,0)+1,1))-1)+IF('Standard Profiles'!$G$22=$B$10,7,0)+IF('Standard Profiles'!$G$22=$B$17,14,0)+IF('Standard Profiles'!$G$22=$B$24,21,0),MOD($C7778,24)+1)/SUM(INDEX($D$3:$AA$30,INDEX(Jesper!$R$2:$R$366,ROW(INDEX(Jesper!AL$2:AL$366,ROUNDDOWN($C7778/24,0)+1,1))-1)+IF('Standard Profiles'!$G$22=$B$10,7,0)+IF('Standard Profiles'!$G$22=$B$17,14,0)+IF('Standard Profiles'!$G$22=$B$24,21,0),0)),0)</f>
        <v>5.758945764914289</v>
      </c>
      <c r="I7778">
        <f t="shared" si="860"/>
        <v>5.52858793431772</v>
      </c>
      <c r="J7778">
        <f t="shared" si="861"/>
        <v>15.757934886248526</v>
      </c>
      <c r="K7778">
        <f t="shared" si="862"/>
        <v>0.40202677821709165</v>
      </c>
      <c r="L7778">
        <f t="shared" si="863"/>
        <v>0.20101338910854583</v>
      </c>
      <c r="M7778">
        <f t="shared" si="864"/>
        <v>0</v>
      </c>
      <c r="N7778" s="45">
        <f t="shared" si="865"/>
        <v>45249.666666647885</v>
      </c>
    </row>
    <row r="7779" spans="2:14" x14ac:dyDescent="0.25">
      <c r="B7779">
        <f t="shared" ref="B7779:B7842" si="866">WEEKDAY(N7779,2)</f>
        <v>7</v>
      </c>
      <c r="C7779" s="16">
        <v>7745</v>
      </c>
      <c r="D7779" cm="1">
        <f t="array" ref="D7779">IFERROR(INDEX(Jesper!AH$2:AH$366,ROUNDDOWN($C7779/24,0)+1,1)*INDEX($D$3:$AA$30,INDEX(Jesper!$R$2:$R$366,ROW(INDEX(Jesper!AH$2:AH$366,ROUNDDOWN($C7779/24,0)+1,1))-1)+IF('Standard Profiles'!$G$18=$B$10,7,0)+IF('Standard Profiles'!$G$18=$B$17,14,0)+IF('Standard Profiles'!$G$18=$B$24,21,0),MOD($C7779,24)+1)/SUM(INDEX($D$3:$AA$30,INDEX(Jesper!$R$2:$R$366,ROW(INDEX(Jesper!AH$2:AH$366,ROUNDDOWN($C7779/24,0)+1,1))-1)+IF('Standard Profiles'!$G$18=$B$10,7,0)+IF('Standard Profiles'!$G$18=$B$17,14,0)+IF('Standard Profiles'!$G$18=$B$24,21,0),0)),0)</f>
        <v>0</v>
      </c>
      <c r="E7779" cm="1">
        <f t="array" ref="E7779">IFERROR(INDEX(Jesper!AI$2:AI$366,ROUNDDOWN($C7779/24,0)+1,1)*INDEX($D$3:$AA$30,INDEX(Jesper!$R$2:$R$366,ROW(INDEX(Jesper!AI$2:AI$366,ROUNDDOWN($C7779/24,0)+1,1))-1)+IF('Standard Profiles'!$G$19=$B$10,7,0)+IF('Standard Profiles'!$G$19=$B$17,14,0)+IF('Standard Profiles'!$G$19=$B$24,21,0),MOD($C7779,24)+1)/SUM(INDEX($D$3:$AA$30,INDEX(Jesper!$R$2:$R$366,ROW(INDEX(Jesper!AI$2:AI$366,ROUNDDOWN($C7779/24,0)+1,1))-1)+IF('Standard Profiles'!$G$19=$B$10,7,0)+IF('Standard Profiles'!$G$19=$B$17,14,0)+IF('Standard Profiles'!$G$19=$B$24,21,0),0)),0)</f>
        <v>5.0253347277136458</v>
      </c>
      <c r="F7779" cm="1">
        <f t="array" ref="F7779">IFERROR(INDEX(Jesper!AJ$2:AJ$366,ROUNDDOWN($C7779/24,0)+1,1)*INDEX($D$3:$AA$30,INDEX(Jesper!$R$2:$R$366,ROW(INDEX(Jesper!AJ$2:AJ$366,ROUNDDOWN($C7779/24,0)+1,1))-1)+IF('Standard Profiles'!$G$20=$B$10,7,0)+IF('Standard Profiles'!$G$20=$B$17,14,0)+IF('Standard Profiles'!$G$20=$B$24,21,0),MOD($C7779,24)+1)/SUM(INDEX($D$3:$AA$30,INDEX(Jesper!$R$2:$R$366,ROW(INDEX(Jesper!AJ$2:AJ$366,ROUNDDOWN($C7779/24,0)+1,1))-1)+IF('Standard Profiles'!$G$20=$B$10,7,0)+IF('Standard Profiles'!$G$20=$B$17,14,0)+IF('Standard Profiles'!$G$20=$B$24,21,0),0)),0)</f>
        <v>4.2386246764985103</v>
      </c>
      <c r="G7779" cm="1">
        <f t="array" ref="G7779">IFERROR(INDEX(Jesper!AK$2:AK$366,ROUNDDOWN($C7779/24,0)+1,1)*INDEX($D$3:$AA$30,INDEX(Jesper!$R$2:$R$366,ROW(INDEX(Jesper!AK$2:AK$366,ROUNDDOWN($C7779/24,0)+1,1))-1)+IF('Standard Profiles'!$G$21=$B$10,7,0)+IF('Standard Profiles'!$G$21=$B$17,14,0)+IF('Standard Profiles'!$G$21=$B$24,21,0),MOD($C7779,24)+1)/SUM(INDEX($D$3:$AA$30,INDEX(Jesper!$R$2:$R$366,ROW(INDEX(Jesper!AK$2:AK$366,ROUNDDOWN($C7779/24,0)+1,1))-1)+IF('Standard Profiles'!$G$21=$B$10,7,0)+IF('Standard Profiles'!$G$21=$B$17,14,0)+IF('Standard Profiles'!$G$21=$B$24,21,0),0)),0)</f>
        <v>6.8666578187654386</v>
      </c>
      <c r="H7779" cm="1">
        <f t="array" ref="H7779">IFERROR(INDEX(Jesper!AL$2:AL$366,ROUNDDOWN($C7779/24,0)+1,1)*INDEX($D$3:$AA$30,INDEX(Jesper!$R$2:$R$366,ROW(INDEX(Jesper!AL$2:AL$366,ROUNDDOWN($C7779/24,0)+1,1))-1)+IF('Standard Profiles'!$G$22=$B$10,7,0)+IF('Standard Profiles'!$G$22=$B$17,14,0)+IF('Standard Profiles'!$G$22=$B$24,21,0),MOD($C7779,24)+1)/SUM(INDEX($D$3:$AA$30,INDEX(Jesper!$R$2:$R$366,ROW(INDEX(Jesper!AL$2:AL$366,ROUNDDOWN($C7779/24,0)+1,1))-1)+IF('Standard Profiles'!$G$22=$B$10,7,0)+IF('Standard Profiles'!$G$22=$B$17,14,0)+IF('Standard Profiles'!$G$22=$B$24,21,0),0)),0)</f>
        <v>4.9212809263813009</v>
      </c>
      <c r="I7779">
        <f t="shared" ref="I7779:I7842" si="867">IF($B7779&lt;6,AC$37*$D7779+AC$38*$E7779+AC$39*$F7779+AC$40*$G7779,AC$46*$D7779+AC$47*$E7779+AC$48*$F7779+AC$49*$G7779+AC$50*$H7779)</f>
        <v>4.7244296893260511</v>
      </c>
      <c r="J7779">
        <f t="shared" ref="J7779:J7842" si="868">IF($B7779&lt;6,AD$37*$D7779+AD$38*$E7779+AD$39*$F7779+AD$40*$G7779,AD$46*$D7779+AD$47*$E7779+AD$48*$F7779+AD$49*$G7779+AD$50*$H7779)</f>
        <v>15.724428292707206</v>
      </c>
      <c r="K7779">
        <f t="shared" ref="K7779:K7842" si="869">IF($B7779&lt;6,AE$37*$D7779+AE$38*$E7779+AE$39*$F7779+AE$40*$G7779,AE$46*$D7779+AE$47*$E7779+AE$48*$F7779+AE$49*$G7779+AE$50*$H7779)</f>
        <v>0.40202677821709165</v>
      </c>
      <c r="L7779">
        <f t="shared" ref="L7779:L7842" si="870">IF($B7779&lt;6,AF$37*$D7779+AF$38*$E7779+AF$39*$F7779+AF$40*$G7779,AF$46*$D7779+AF$47*$E7779+AF$48*$F7779+AF$49*$G7779+AF$50*$H7779)</f>
        <v>0.20101338910854583</v>
      </c>
      <c r="M7779">
        <f t="shared" ref="M7779:M7842" si="871">IF($B7779&lt;6,AG$37*$D7779+AG$38*$E7779+AG$39*$F7779+AG$40*$G7779,AG$46*$D7779+AG$47*$E7779+AG$48*$F7779+AG$49*$G7779+AG$50*$H7779)</f>
        <v>0</v>
      </c>
      <c r="N7779" s="45">
        <f t="shared" si="865"/>
        <v>45249.708333314549</v>
      </c>
    </row>
    <row r="7780" spans="2:14" x14ac:dyDescent="0.25">
      <c r="B7780">
        <f t="shared" si="866"/>
        <v>7</v>
      </c>
      <c r="C7780" s="16">
        <v>7746</v>
      </c>
      <c r="D7780" cm="1">
        <f t="array" ref="D7780">IFERROR(INDEX(Jesper!AH$2:AH$366,ROUNDDOWN($C7780/24,0)+1,1)*INDEX($D$3:$AA$30,INDEX(Jesper!$R$2:$R$366,ROW(INDEX(Jesper!AH$2:AH$366,ROUNDDOWN($C7780/24,0)+1,1))-1)+IF('Standard Profiles'!$G$18=$B$10,7,0)+IF('Standard Profiles'!$G$18=$B$17,14,0)+IF('Standard Profiles'!$G$18=$B$24,21,0),MOD($C7780,24)+1)/SUM(INDEX($D$3:$AA$30,INDEX(Jesper!$R$2:$R$366,ROW(INDEX(Jesper!AH$2:AH$366,ROUNDDOWN($C7780/24,0)+1,1))-1)+IF('Standard Profiles'!$G$18=$B$10,7,0)+IF('Standard Profiles'!$G$18=$B$17,14,0)+IF('Standard Profiles'!$G$18=$B$24,21,0),0)),0)</f>
        <v>0</v>
      </c>
      <c r="E7780" cm="1">
        <f t="array" ref="E7780">IFERROR(INDEX(Jesper!AI$2:AI$366,ROUNDDOWN($C7780/24,0)+1,1)*INDEX($D$3:$AA$30,INDEX(Jesper!$R$2:$R$366,ROW(INDEX(Jesper!AI$2:AI$366,ROUNDDOWN($C7780/24,0)+1,1))-1)+IF('Standard Profiles'!$G$19=$B$10,7,0)+IF('Standard Profiles'!$G$19=$B$17,14,0)+IF('Standard Profiles'!$G$19=$B$24,21,0),MOD($C7780,24)+1)/SUM(INDEX($D$3:$AA$30,INDEX(Jesper!$R$2:$R$366,ROW(INDEX(Jesper!AI$2:AI$366,ROUNDDOWN($C7780/24,0)+1,1))-1)+IF('Standard Profiles'!$G$19=$B$10,7,0)+IF('Standard Profiles'!$G$19=$B$17,14,0)+IF('Standard Profiles'!$G$19=$B$24,21,0),0)),0)</f>
        <v>5.0253347277136458</v>
      </c>
      <c r="F7780" cm="1">
        <f t="array" ref="F7780">IFERROR(INDEX(Jesper!AJ$2:AJ$366,ROUNDDOWN($C7780/24,0)+1,1)*INDEX($D$3:$AA$30,INDEX(Jesper!$R$2:$R$366,ROW(INDEX(Jesper!AJ$2:AJ$366,ROUNDDOWN($C7780/24,0)+1,1))-1)+IF('Standard Profiles'!$G$20=$B$10,7,0)+IF('Standard Profiles'!$G$20=$B$17,14,0)+IF('Standard Profiles'!$G$20=$B$24,21,0),MOD($C7780,24)+1)/SUM(INDEX($D$3:$AA$30,INDEX(Jesper!$R$2:$R$366,ROW(INDEX(Jesper!AJ$2:AJ$366,ROUNDDOWN($C7780/24,0)+1,1))-1)+IF('Standard Profiles'!$G$20=$B$10,7,0)+IF('Standard Profiles'!$G$20=$B$17,14,0)+IF('Standard Profiles'!$G$20=$B$24,21,0),0)),0)</f>
        <v>4.2386246764985103</v>
      </c>
      <c r="G7780" cm="1">
        <f t="array" ref="G7780">IFERROR(INDEX(Jesper!AK$2:AK$366,ROUNDDOWN($C7780/24,0)+1,1)*INDEX($D$3:$AA$30,INDEX(Jesper!$R$2:$R$366,ROW(INDEX(Jesper!AK$2:AK$366,ROUNDDOWN($C7780/24,0)+1,1))-1)+IF('Standard Profiles'!$G$21=$B$10,7,0)+IF('Standard Profiles'!$G$21=$B$17,14,0)+IF('Standard Profiles'!$G$21=$B$24,21,0),MOD($C7780,24)+1)/SUM(INDEX($D$3:$AA$30,INDEX(Jesper!$R$2:$R$366,ROW(INDEX(Jesper!AK$2:AK$366,ROUNDDOWN($C7780/24,0)+1,1))-1)+IF('Standard Profiles'!$G$21=$B$10,7,0)+IF('Standard Profiles'!$G$21=$B$17,14,0)+IF('Standard Profiles'!$G$21=$B$24,21,0),0)),0)</f>
        <v>6.8666578187654386</v>
      </c>
      <c r="H7780" cm="1">
        <f t="array" ref="H7780">IFERROR(INDEX(Jesper!AL$2:AL$366,ROUNDDOWN($C7780/24,0)+1,1)*INDEX($D$3:$AA$30,INDEX(Jesper!$R$2:$R$366,ROW(INDEX(Jesper!AL$2:AL$366,ROUNDDOWN($C7780/24,0)+1,1))-1)+IF('Standard Profiles'!$G$22=$B$10,7,0)+IF('Standard Profiles'!$G$22=$B$17,14,0)+IF('Standard Profiles'!$G$22=$B$24,21,0),MOD($C7780,24)+1)/SUM(INDEX($D$3:$AA$30,INDEX(Jesper!$R$2:$R$366,ROW(INDEX(Jesper!AL$2:AL$366,ROUNDDOWN($C7780/24,0)+1,1))-1)+IF('Standard Profiles'!$G$22=$B$10,7,0)+IF('Standard Profiles'!$G$22=$B$17,14,0)+IF('Standard Profiles'!$G$22=$B$24,21,0),0)),0)</f>
        <v>4.6071566119314316</v>
      </c>
      <c r="I7780">
        <f t="shared" si="867"/>
        <v>4.4228703474541771</v>
      </c>
      <c r="J7780">
        <f t="shared" si="868"/>
        <v>15.711863320129211</v>
      </c>
      <c r="K7780">
        <f t="shared" si="869"/>
        <v>0.40202677821709165</v>
      </c>
      <c r="L7780">
        <f t="shared" si="870"/>
        <v>0.20101338910854583</v>
      </c>
      <c r="M7780">
        <f t="shared" si="871"/>
        <v>0</v>
      </c>
      <c r="N7780" s="45">
        <f t="shared" ref="N7780:N7843" si="872">N7779+1/24</f>
        <v>45249.749999981213</v>
      </c>
    </row>
    <row r="7781" spans="2:14" x14ac:dyDescent="0.25">
      <c r="B7781">
        <f t="shared" si="866"/>
        <v>7</v>
      </c>
      <c r="C7781" s="16">
        <v>7747</v>
      </c>
      <c r="D7781" cm="1">
        <f t="array" ref="D7781">IFERROR(INDEX(Jesper!AH$2:AH$366,ROUNDDOWN($C7781/24,0)+1,1)*INDEX($D$3:$AA$30,INDEX(Jesper!$R$2:$R$366,ROW(INDEX(Jesper!AH$2:AH$366,ROUNDDOWN($C7781/24,0)+1,1))-1)+IF('Standard Profiles'!$G$18=$B$10,7,0)+IF('Standard Profiles'!$G$18=$B$17,14,0)+IF('Standard Profiles'!$G$18=$B$24,21,0),MOD($C7781,24)+1)/SUM(INDEX($D$3:$AA$30,INDEX(Jesper!$R$2:$R$366,ROW(INDEX(Jesper!AH$2:AH$366,ROUNDDOWN($C7781/24,0)+1,1))-1)+IF('Standard Profiles'!$G$18=$B$10,7,0)+IF('Standard Profiles'!$G$18=$B$17,14,0)+IF('Standard Profiles'!$G$18=$B$24,21,0),0)),0)</f>
        <v>0</v>
      </c>
      <c r="E7781" cm="1">
        <f t="array" ref="E7781">IFERROR(INDEX(Jesper!AI$2:AI$366,ROUNDDOWN($C7781/24,0)+1,1)*INDEX($D$3:$AA$30,INDEX(Jesper!$R$2:$R$366,ROW(INDEX(Jesper!AI$2:AI$366,ROUNDDOWN($C7781/24,0)+1,1))-1)+IF('Standard Profiles'!$G$19=$B$10,7,0)+IF('Standard Profiles'!$G$19=$B$17,14,0)+IF('Standard Profiles'!$G$19=$B$24,21,0),MOD($C7781,24)+1)/SUM(INDEX($D$3:$AA$30,INDEX(Jesper!$R$2:$R$366,ROW(INDEX(Jesper!AI$2:AI$366,ROUNDDOWN($C7781/24,0)+1,1))-1)+IF('Standard Profiles'!$G$19=$B$10,7,0)+IF('Standard Profiles'!$G$19=$B$17,14,0)+IF('Standard Profiles'!$G$19=$B$24,21,0),0)),0)</f>
        <v>5.0253347277136458</v>
      </c>
      <c r="F7781" cm="1">
        <f t="array" ref="F7781">IFERROR(INDEX(Jesper!AJ$2:AJ$366,ROUNDDOWN($C7781/24,0)+1,1)*INDEX($D$3:$AA$30,INDEX(Jesper!$R$2:$R$366,ROW(INDEX(Jesper!AJ$2:AJ$366,ROUNDDOWN($C7781/24,0)+1,1))-1)+IF('Standard Profiles'!$G$20=$B$10,7,0)+IF('Standard Profiles'!$G$20=$B$17,14,0)+IF('Standard Profiles'!$G$20=$B$24,21,0),MOD($C7781,24)+1)/SUM(INDEX($D$3:$AA$30,INDEX(Jesper!$R$2:$R$366,ROW(INDEX(Jesper!AJ$2:AJ$366,ROUNDDOWN($C7781/24,0)+1,1))-1)+IF('Standard Profiles'!$G$20=$B$10,7,0)+IF('Standard Profiles'!$G$20=$B$17,14,0)+IF('Standard Profiles'!$G$20=$B$24,21,0),0)),0)</f>
        <v>4.2386246764985103</v>
      </c>
      <c r="G7781" cm="1">
        <f t="array" ref="G7781">IFERROR(INDEX(Jesper!AK$2:AK$366,ROUNDDOWN($C7781/24,0)+1,1)*INDEX($D$3:$AA$30,INDEX(Jesper!$R$2:$R$366,ROW(INDEX(Jesper!AK$2:AK$366,ROUNDDOWN($C7781/24,0)+1,1))-1)+IF('Standard Profiles'!$G$21=$B$10,7,0)+IF('Standard Profiles'!$G$21=$B$17,14,0)+IF('Standard Profiles'!$G$21=$B$24,21,0),MOD($C7781,24)+1)/SUM(INDEX($D$3:$AA$30,INDEX(Jesper!$R$2:$R$366,ROW(INDEX(Jesper!AK$2:AK$366,ROUNDDOWN($C7781/24,0)+1,1))-1)+IF('Standard Profiles'!$G$21=$B$10,7,0)+IF('Standard Profiles'!$G$21=$B$17,14,0)+IF('Standard Profiles'!$G$21=$B$24,21,0),0)),0)</f>
        <v>6.8666578187654386</v>
      </c>
      <c r="H7781" cm="1">
        <f t="array" ref="H7781">IFERROR(INDEX(Jesper!AL$2:AL$366,ROUNDDOWN($C7781/24,0)+1,1)*INDEX($D$3:$AA$30,INDEX(Jesper!$R$2:$R$366,ROW(INDEX(Jesper!AL$2:AL$366,ROUNDDOWN($C7781/24,0)+1,1))-1)+IF('Standard Profiles'!$G$22=$B$10,7,0)+IF('Standard Profiles'!$G$22=$B$17,14,0)+IF('Standard Profiles'!$G$22=$B$24,21,0),MOD($C7781,24)+1)/SUM(INDEX($D$3:$AA$30,INDEX(Jesper!$R$2:$R$366,ROW(INDEX(Jesper!AL$2:AL$366,ROUNDDOWN($C7781/24,0)+1,1))-1)+IF('Standard Profiles'!$G$22=$B$10,7,0)+IF('Standard Profiles'!$G$22=$B$17,14,0)+IF('Standard Profiles'!$G$22=$B$24,21,0),0)),0)</f>
        <v>3.8741998782150673</v>
      </c>
      <c r="I7781">
        <f t="shared" si="867"/>
        <v>3.7192318830864668</v>
      </c>
      <c r="J7781">
        <f t="shared" si="868"/>
        <v>15.682545050780558</v>
      </c>
      <c r="K7781">
        <f t="shared" si="869"/>
        <v>0.40202677821709165</v>
      </c>
      <c r="L7781">
        <f t="shared" si="870"/>
        <v>0.20101338910854583</v>
      </c>
      <c r="M7781">
        <f t="shared" si="871"/>
        <v>0</v>
      </c>
      <c r="N7781" s="45">
        <f t="shared" si="872"/>
        <v>45249.791666647878</v>
      </c>
    </row>
    <row r="7782" spans="2:14" x14ac:dyDescent="0.25">
      <c r="B7782">
        <f t="shared" si="866"/>
        <v>7</v>
      </c>
      <c r="C7782" s="16">
        <v>7748</v>
      </c>
      <c r="D7782" cm="1">
        <f t="array" ref="D7782">IFERROR(INDEX(Jesper!AH$2:AH$366,ROUNDDOWN($C7782/24,0)+1,1)*INDEX($D$3:$AA$30,INDEX(Jesper!$R$2:$R$366,ROW(INDEX(Jesper!AH$2:AH$366,ROUNDDOWN($C7782/24,0)+1,1))-1)+IF('Standard Profiles'!$G$18=$B$10,7,0)+IF('Standard Profiles'!$G$18=$B$17,14,0)+IF('Standard Profiles'!$G$18=$B$24,21,0),MOD($C7782,24)+1)/SUM(INDEX($D$3:$AA$30,INDEX(Jesper!$R$2:$R$366,ROW(INDEX(Jesper!AH$2:AH$366,ROUNDDOWN($C7782/24,0)+1,1))-1)+IF('Standard Profiles'!$G$18=$B$10,7,0)+IF('Standard Profiles'!$G$18=$B$17,14,0)+IF('Standard Profiles'!$G$18=$B$24,21,0),0)),0)</f>
        <v>0</v>
      </c>
      <c r="E7782" cm="1">
        <f t="array" ref="E7782">IFERROR(INDEX(Jesper!AI$2:AI$366,ROUNDDOWN($C7782/24,0)+1,1)*INDEX($D$3:$AA$30,INDEX(Jesper!$R$2:$R$366,ROW(INDEX(Jesper!AI$2:AI$366,ROUNDDOWN($C7782/24,0)+1,1))-1)+IF('Standard Profiles'!$G$19=$B$10,7,0)+IF('Standard Profiles'!$G$19=$B$17,14,0)+IF('Standard Profiles'!$G$19=$B$24,21,0),MOD($C7782,24)+1)/SUM(INDEX($D$3:$AA$30,INDEX(Jesper!$R$2:$R$366,ROW(INDEX(Jesper!AI$2:AI$366,ROUNDDOWN($C7782/24,0)+1,1))-1)+IF('Standard Profiles'!$G$19=$B$10,7,0)+IF('Standard Profiles'!$G$19=$B$17,14,0)+IF('Standard Profiles'!$G$19=$B$24,21,0),0)),0)</f>
        <v>5.0253347277136458</v>
      </c>
      <c r="F7782" cm="1">
        <f t="array" ref="F7782">IFERROR(INDEX(Jesper!AJ$2:AJ$366,ROUNDDOWN($C7782/24,0)+1,1)*INDEX($D$3:$AA$30,INDEX(Jesper!$R$2:$R$366,ROW(INDEX(Jesper!AJ$2:AJ$366,ROUNDDOWN($C7782/24,0)+1,1))-1)+IF('Standard Profiles'!$G$20=$B$10,7,0)+IF('Standard Profiles'!$G$20=$B$17,14,0)+IF('Standard Profiles'!$G$20=$B$24,21,0),MOD($C7782,24)+1)/SUM(INDEX($D$3:$AA$30,INDEX(Jesper!$R$2:$R$366,ROW(INDEX(Jesper!AJ$2:AJ$366,ROUNDDOWN($C7782/24,0)+1,1))-1)+IF('Standard Profiles'!$G$20=$B$10,7,0)+IF('Standard Profiles'!$G$20=$B$17,14,0)+IF('Standard Profiles'!$G$20=$B$24,21,0),0)),0)</f>
        <v>4.2386246764985103</v>
      </c>
      <c r="G7782" cm="1">
        <f t="array" ref="G7782">IFERROR(INDEX(Jesper!AK$2:AK$366,ROUNDDOWN($C7782/24,0)+1,1)*INDEX($D$3:$AA$30,INDEX(Jesper!$R$2:$R$366,ROW(INDEX(Jesper!AK$2:AK$366,ROUNDDOWN($C7782/24,0)+1,1))-1)+IF('Standard Profiles'!$G$21=$B$10,7,0)+IF('Standard Profiles'!$G$21=$B$17,14,0)+IF('Standard Profiles'!$G$21=$B$24,21,0),MOD($C7782,24)+1)/SUM(INDEX($D$3:$AA$30,INDEX(Jesper!$R$2:$R$366,ROW(INDEX(Jesper!AK$2:AK$366,ROUNDDOWN($C7782/24,0)+1,1))-1)+IF('Standard Profiles'!$G$21=$B$10,7,0)+IF('Standard Profiles'!$G$21=$B$17,14,0)+IF('Standard Profiles'!$G$21=$B$24,21,0),0)),0)</f>
        <v>6.8666578187654386</v>
      </c>
      <c r="H7782" cm="1">
        <f t="array" ref="H7782">IFERROR(INDEX(Jesper!AL$2:AL$366,ROUNDDOWN($C7782/24,0)+1,1)*INDEX($D$3:$AA$30,INDEX(Jesper!$R$2:$R$366,ROW(INDEX(Jesper!AL$2:AL$366,ROUNDDOWN($C7782/24,0)+1,1))-1)+IF('Standard Profiles'!$G$22=$B$10,7,0)+IF('Standard Profiles'!$G$22=$B$17,14,0)+IF('Standard Profiles'!$G$22=$B$24,21,0),MOD($C7782,24)+1)/SUM(INDEX($D$3:$AA$30,INDEX(Jesper!$R$2:$R$366,ROW(INDEX(Jesper!AL$2:AL$366,ROUNDDOWN($C7782/24,0)+1,1))-1)+IF('Standard Profiles'!$G$22=$B$10,7,0)+IF('Standard Profiles'!$G$22=$B$17,14,0)+IF('Standard Profiles'!$G$22=$B$24,21,0),0)),0)</f>
        <v>3.2459512493153264</v>
      </c>
      <c r="I7782">
        <f t="shared" si="867"/>
        <v>3.1161131993427151</v>
      </c>
      <c r="J7782">
        <f t="shared" si="868"/>
        <v>15.657415105624567</v>
      </c>
      <c r="K7782">
        <f t="shared" si="869"/>
        <v>0.40202677821709165</v>
      </c>
      <c r="L7782">
        <f t="shared" si="870"/>
        <v>0.20101338910854583</v>
      </c>
      <c r="M7782">
        <f t="shared" si="871"/>
        <v>0</v>
      </c>
      <c r="N7782" s="45">
        <f t="shared" si="872"/>
        <v>45249.833333314542</v>
      </c>
    </row>
    <row r="7783" spans="2:14" x14ac:dyDescent="0.25">
      <c r="B7783">
        <f t="shared" si="866"/>
        <v>7</v>
      </c>
      <c r="C7783" s="16">
        <v>7749</v>
      </c>
      <c r="D7783" cm="1">
        <f t="array" ref="D7783">IFERROR(INDEX(Jesper!AH$2:AH$366,ROUNDDOWN($C7783/24,0)+1,1)*INDEX($D$3:$AA$30,INDEX(Jesper!$R$2:$R$366,ROW(INDEX(Jesper!AH$2:AH$366,ROUNDDOWN($C7783/24,0)+1,1))-1)+IF('Standard Profiles'!$G$18=$B$10,7,0)+IF('Standard Profiles'!$G$18=$B$17,14,0)+IF('Standard Profiles'!$G$18=$B$24,21,0),MOD($C7783,24)+1)/SUM(INDEX($D$3:$AA$30,INDEX(Jesper!$R$2:$R$366,ROW(INDEX(Jesper!AH$2:AH$366,ROUNDDOWN($C7783/24,0)+1,1))-1)+IF('Standard Profiles'!$G$18=$B$10,7,0)+IF('Standard Profiles'!$G$18=$B$17,14,0)+IF('Standard Profiles'!$G$18=$B$24,21,0),0)),0)</f>
        <v>0</v>
      </c>
      <c r="E7783" cm="1">
        <f t="array" ref="E7783">IFERROR(INDEX(Jesper!AI$2:AI$366,ROUNDDOWN($C7783/24,0)+1,1)*INDEX($D$3:$AA$30,INDEX(Jesper!$R$2:$R$366,ROW(INDEX(Jesper!AI$2:AI$366,ROUNDDOWN($C7783/24,0)+1,1))-1)+IF('Standard Profiles'!$G$19=$B$10,7,0)+IF('Standard Profiles'!$G$19=$B$17,14,0)+IF('Standard Profiles'!$G$19=$B$24,21,0),MOD($C7783,24)+1)/SUM(INDEX($D$3:$AA$30,INDEX(Jesper!$R$2:$R$366,ROW(INDEX(Jesper!AI$2:AI$366,ROUNDDOWN($C7783/24,0)+1,1))-1)+IF('Standard Profiles'!$G$19=$B$10,7,0)+IF('Standard Profiles'!$G$19=$B$17,14,0)+IF('Standard Profiles'!$G$19=$B$24,21,0),0)),0)</f>
        <v>5.0253347277136458</v>
      </c>
      <c r="F7783" cm="1">
        <f t="array" ref="F7783">IFERROR(INDEX(Jesper!AJ$2:AJ$366,ROUNDDOWN($C7783/24,0)+1,1)*INDEX($D$3:$AA$30,INDEX(Jesper!$R$2:$R$366,ROW(INDEX(Jesper!AJ$2:AJ$366,ROUNDDOWN($C7783/24,0)+1,1))-1)+IF('Standard Profiles'!$G$20=$B$10,7,0)+IF('Standard Profiles'!$G$20=$B$17,14,0)+IF('Standard Profiles'!$G$20=$B$24,21,0),MOD($C7783,24)+1)/SUM(INDEX($D$3:$AA$30,INDEX(Jesper!$R$2:$R$366,ROW(INDEX(Jesper!AJ$2:AJ$366,ROUNDDOWN($C7783/24,0)+1,1))-1)+IF('Standard Profiles'!$G$20=$B$10,7,0)+IF('Standard Profiles'!$G$20=$B$17,14,0)+IF('Standard Profiles'!$G$20=$B$24,21,0),0)),0)</f>
        <v>4.2386246764985103</v>
      </c>
      <c r="G7783" cm="1">
        <f t="array" ref="G7783">IFERROR(INDEX(Jesper!AK$2:AK$366,ROUNDDOWN($C7783/24,0)+1,1)*INDEX($D$3:$AA$30,INDEX(Jesper!$R$2:$R$366,ROW(INDEX(Jesper!AK$2:AK$366,ROUNDDOWN($C7783/24,0)+1,1))-1)+IF('Standard Profiles'!$G$21=$B$10,7,0)+IF('Standard Profiles'!$G$21=$B$17,14,0)+IF('Standard Profiles'!$G$21=$B$24,21,0),MOD($C7783,24)+1)/SUM(INDEX($D$3:$AA$30,INDEX(Jesper!$R$2:$R$366,ROW(INDEX(Jesper!AK$2:AK$366,ROUNDDOWN($C7783/24,0)+1,1))-1)+IF('Standard Profiles'!$G$21=$B$10,7,0)+IF('Standard Profiles'!$G$21=$B$17,14,0)+IF('Standard Profiles'!$G$21=$B$24,21,0),0)),0)</f>
        <v>6.8666578187654386</v>
      </c>
      <c r="H7783" cm="1">
        <f t="array" ref="H7783">IFERROR(INDEX(Jesper!AL$2:AL$366,ROUNDDOWN($C7783/24,0)+1,1)*INDEX($D$3:$AA$30,INDEX(Jesper!$R$2:$R$366,ROW(INDEX(Jesper!AL$2:AL$366,ROUNDDOWN($C7783/24,0)+1,1))-1)+IF('Standard Profiles'!$G$22=$B$10,7,0)+IF('Standard Profiles'!$G$22=$B$17,14,0)+IF('Standard Profiles'!$G$22=$B$24,21,0),MOD($C7783,24)+1)/SUM(INDEX($D$3:$AA$30,INDEX(Jesper!$R$2:$R$366,ROW(INDEX(Jesper!AL$2:AL$366,ROUNDDOWN($C7783/24,0)+1,1))-1)+IF('Standard Profiles'!$G$22=$B$10,7,0)+IF('Standard Profiles'!$G$22=$B$17,14,0)+IF('Standard Profiles'!$G$22=$B$24,21,0),0)),0)</f>
        <v>2.8271188300488328</v>
      </c>
      <c r="I7783">
        <f t="shared" si="867"/>
        <v>2.7140340768468811</v>
      </c>
      <c r="J7783">
        <f t="shared" si="868"/>
        <v>15.640661808853908</v>
      </c>
      <c r="K7783">
        <f t="shared" si="869"/>
        <v>0.40202677821709165</v>
      </c>
      <c r="L7783">
        <f t="shared" si="870"/>
        <v>0.20101338910854583</v>
      </c>
      <c r="M7783">
        <f t="shared" si="871"/>
        <v>0</v>
      </c>
      <c r="N7783" s="45">
        <f t="shared" si="872"/>
        <v>45249.874999981206</v>
      </c>
    </row>
    <row r="7784" spans="2:14" x14ac:dyDescent="0.25">
      <c r="B7784">
        <f t="shared" si="866"/>
        <v>7</v>
      </c>
      <c r="C7784" s="16">
        <v>7750</v>
      </c>
      <c r="D7784" cm="1">
        <f t="array" ref="D7784">IFERROR(INDEX(Jesper!AH$2:AH$366,ROUNDDOWN($C7784/24,0)+1,1)*INDEX($D$3:$AA$30,INDEX(Jesper!$R$2:$R$366,ROW(INDEX(Jesper!AH$2:AH$366,ROUNDDOWN($C7784/24,0)+1,1))-1)+IF('Standard Profiles'!$G$18=$B$10,7,0)+IF('Standard Profiles'!$G$18=$B$17,14,0)+IF('Standard Profiles'!$G$18=$B$24,21,0),MOD($C7784,24)+1)/SUM(INDEX($D$3:$AA$30,INDEX(Jesper!$R$2:$R$366,ROW(INDEX(Jesper!AH$2:AH$366,ROUNDDOWN($C7784/24,0)+1,1))-1)+IF('Standard Profiles'!$G$18=$B$10,7,0)+IF('Standard Profiles'!$G$18=$B$17,14,0)+IF('Standard Profiles'!$G$18=$B$24,21,0),0)),0)</f>
        <v>0</v>
      </c>
      <c r="E7784" cm="1">
        <f t="array" ref="E7784">IFERROR(INDEX(Jesper!AI$2:AI$366,ROUNDDOWN($C7784/24,0)+1,1)*INDEX($D$3:$AA$30,INDEX(Jesper!$R$2:$R$366,ROW(INDEX(Jesper!AI$2:AI$366,ROUNDDOWN($C7784/24,0)+1,1))-1)+IF('Standard Profiles'!$G$19=$B$10,7,0)+IF('Standard Profiles'!$G$19=$B$17,14,0)+IF('Standard Profiles'!$G$19=$B$24,21,0),MOD($C7784,24)+1)/SUM(INDEX($D$3:$AA$30,INDEX(Jesper!$R$2:$R$366,ROW(INDEX(Jesper!AI$2:AI$366,ROUNDDOWN($C7784/24,0)+1,1))-1)+IF('Standard Profiles'!$G$19=$B$10,7,0)+IF('Standard Profiles'!$G$19=$B$17,14,0)+IF('Standard Profiles'!$G$19=$B$24,21,0),0)),0)</f>
        <v>5.0253347277136458</v>
      </c>
      <c r="F7784" cm="1">
        <f t="array" ref="F7784">IFERROR(INDEX(Jesper!AJ$2:AJ$366,ROUNDDOWN($C7784/24,0)+1,1)*INDEX($D$3:$AA$30,INDEX(Jesper!$R$2:$R$366,ROW(INDEX(Jesper!AJ$2:AJ$366,ROUNDDOWN($C7784/24,0)+1,1))-1)+IF('Standard Profiles'!$G$20=$B$10,7,0)+IF('Standard Profiles'!$G$20=$B$17,14,0)+IF('Standard Profiles'!$G$20=$B$24,21,0),MOD($C7784,24)+1)/SUM(INDEX($D$3:$AA$30,INDEX(Jesper!$R$2:$R$366,ROW(INDEX(Jesper!AJ$2:AJ$366,ROUNDDOWN($C7784/24,0)+1,1))-1)+IF('Standard Profiles'!$G$20=$B$10,7,0)+IF('Standard Profiles'!$G$20=$B$17,14,0)+IF('Standard Profiles'!$G$20=$B$24,21,0),0)),0)</f>
        <v>4.2386246764985103</v>
      </c>
      <c r="G7784" cm="1">
        <f t="array" ref="G7784">IFERROR(INDEX(Jesper!AK$2:AK$366,ROUNDDOWN($C7784/24,0)+1,1)*INDEX($D$3:$AA$30,INDEX(Jesper!$R$2:$R$366,ROW(INDEX(Jesper!AK$2:AK$366,ROUNDDOWN($C7784/24,0)+1,1))-1)+IF('Standard Profiles'!$G$21=$B$10,7,0)+IF('Standard Profiles'!$G$21=$B$17,14,0)+IF('Standard Profiles'!$G$21=$B$24,21,0),MOD($C7784,24)+1)/SUM(INDEX($D$3:$AA$30,INDEX(Jesper!$R$2:$R$366,ROW(INDEX(Jesper!AK$2:AK$366,ROUNDDOWN($C7784/24,0)+1,1))-1)+IF('Standard Profiles'!$G$21=$B$10,7,0)+IF('Standard Profiles'!$G$21=$B$17,14,0)+IF('Standard Profiles'!$G$21=$B$24,21,0),0)),0)</f>
        <v>6.8666578187654386</v>
      </c>
      <c r="H7784" cm="1">
        <f t="array" ref="H7784">IFERROR(INDEX(Jesper!AL$2:AL$366,ROUNDDOWN($C7784/24,0)+1,1)*INDEX($D$3:$AA$30,INDEX(Jesper!$R$2:$R$366,ROW(INDEX(Jesper!AL$2:AL$366,ROUNDDOWN($C7784/24,0)+1,1))-1)+IF('Standard Profiles'!$G$22=$B$10,7,0)+IF('Standard Profiles'!$G$22=$B$17,14,0)+IF('Standard Profiles'!$G$22=$B$24,21,0),MOD($C7784,24)+1)/SUM(INDEX($D$3:$AA$30,INDEX(Jesper!$R$2:$R$366,ROW(INDEX(Jesper!AL$2:AL$366,ROUNDDOWN($C7784/24,0)+1,1))-1)+IF('Standard Profiles'!$G$22=$B$10,7,0)+IF('Standard Profiles'!$G$22=$B$17,14,0)+IF('Standard Profiles'!$G$22=$B$24,21,0),0)),0)</f>
        <v>2.8271188300488328</v>
      </c>
      <c r="I7784">
        <f t="shared" si="867"/>
        <v>2.7140340768468811</v>
      </c>
      <c r="J7784">
        <f t="shared" si="868"/>
        <v>15.640661808853908</v>
      </c>
      <c r="K7784">
        <f t="shared" si="869"/>
        <v>0.40202677821709165</v>
      </c>
      <c r="L7784">
        <f t="shared" si="870"/>
        <v>0.20101338910854583</v>
      </c>
      <c r="M7784">
        <f t="shared" si="871"/>
        <v>0</v>
      </c>
      <c r="N7784" s="45">
        <f t="shared" si="872"/>
        <v>45249.91666664787</v>
      </c>
    </row>
    <row r="7785" spans="2:14" x14ac:dyDescent="0.25">
      <c r="B7785">
        <f t="shared" si="866"/>
        <v>7</v>
      </c>
      <c r="C7785" s="16">
        <v>7751</v>
      </c>
      <c r="D7785" cm="1">
        <f t="array" ref="D7785">IFERROR(INDEX(Jesper!AH$2:AH$366,ROUNDDOWN($C7785/24,0)+1,1)*INDEX($D$3:$AA$30,INDEX(Jesper!$R$2:$R$366,ROW(INDEX(Jesper!AH$2:AH$366,ROUNDDOWN($C7785/24,0)+1,1))-1)+IF('Standard Profiles'!$G$18=$B$10,7,0)+IF('Standard Profiles'!$G$18=$B$17,14,0)+IF('Standard Profiles'!$G$18=$B$24,21,0),MOD($C7785,24)+1)/SUM(INDEX($D$3:$AA$30,INDEX(Jesper!$R$2:$R$366,ROW(INDEX(Jesper!AH$2:AH$366,ROUNDDOWN($C7785/24,0)+1,1))-1)+IF('Standard Profiles'!$G$18=$B$10,7,0)+IF('Standard Profiles'!$G$18=$B$17,14,0)+IF('Standard Profiles'!$G$18=$B$24,21,0),0)),0)</f>
        <v>0</v>
      </c>
      <c r="E7785" cm="1">
        <f t="array" ref="E7785">IFERROR(INDEX(Jesper!AI$2:AI$366,ROUNDDOWN($C7785/24,0)+1,1)*INDEX($D$3:$AA$30,INDEX(Jesper!$R$2:$R$366,ROW(INDEX(Jesper!AI$2:AI$366,ROUNDDOWN($C7785/24,0)+1,1))-1)+IF('Standard Profiles'!$G$19=$B$10,7,0)+IF('Standard Profiles'!$G$19=$B$17,14,0)+IF('Standard Profiles'!$G$19=$B$24,21,0),MOD($C7785,24)+1)/SUM(INDEX($D$3:$AA$30,INDEX(Jesper!$R$2:$R$366,ROW(INDEX(Jesper!AI$2:AI$366,ROUNDDOWN($C7785/24,0)+1,1))-1)+IF('Standard Profiles'!$G$19=$B$10,7,0)+IF('Standard Profiles'!$G$19=$B$17,14,0)+IF('Standard Profiles'!$G$19=$B$24,21,0),0)),0)</f>
        <v>5.0253347277136458</v>
      </c>
      <c r="F7785" cm="1">
        <f t="array" ref="F7785">IFERROR(INDEX(Jesper!AJ$2:AJ$366,ROUNDDOWN($C7785/24,0)+1,1)*INDEX($D$3:$AA$30,INDEX(Jesper!$R$2:$R$366,ROW(INDEX(Jesper!AJ$2:AJ$366,ROUNDDOWN($C7785/24,0)+1,1))-1)+IF('Standard Profiles'!$G$20=$B$10,7,0)+IF('Standard Profiles'!$G$20=$B$17,14,0)+IF('Standard Profiles'!$G$20=$B$24,21,0),MOD($C7785,24)+1)/SUM(INDEX($D$3:$AA$30,INDEX(Jesper!$R$2:$R$366,ROW(INDEX(Jesper!AJ$2:AJ$366,ROUNDDOWN($C7785/24,0)+1,1))-1)+IF('Standard Profiles'!$G$20=$B$10,7,0)+IF('Standard Profiles'!$G$20=$B$17,14,0)+IF('Standard Profiles'!$G$20=$B$24,21,0),0)),0)</f>
        <v>4.2386246764985103</v>
      </c>
      <c r="G7785" cm="1">
        <f t="array" ref="G7785">IFERROR(INDEX(Jesper!AK$2:AK$366,ROUNDDOWN($C7785/24,0)+1,1)*INDEX($D$3:$AA$30,INDEX(Jesper!$R$2:$R$366,ROW(INDEX(Jesper!AK$2:AK$366,ROUNDDOWN($C7785/24,0)+1,1))-1)+IF('Standard Profiles'!$G$21=$B$10,7,0)+IF('Standard Profiles'!$G$21=$B$17,14,0)+IF('Standard Profiles'!$G$21=$B$24,21,0),MOD($C7785,24)+1)/SUM(INDEX($D$3:$AA$30,INDEX(Jesper!$R$2:$R$366,ROW(INDEX(Jesper!AK$2:AK$366,ROUNDDOWN($C7785/24,0)+1,1))-1)+IF('Standard Profiles'!$G$21=$B$10,7,0)+IF('Standard Profiles'!$G$21=$B$17,14,0)+IF('Standard Profiles'!$G$21=$B$24,21,0),0)),0)</f>
        <v>6.8666578187654386</v>
      </c>
      <c r="H7785" cm="1">
        <f t="array" ref="H7785">IFERROR(INDEX(Jesper!AL$2:AL$366,ROUNDDOWN($C7785/24,0)+1,1)*INDEX($D$3:$AA$30,INDEX(Jesper!$R$2:$R$366,ROW(INDEX(Jesper!AL$2:AL$366,ROUNDDOWN($C7785/24,0)+1,1))-1)+IF('Standard Profiles'!$G$22=$B$10,7,0)+IF('Standard Profiles'!$G$22=$B$17,14,0)+IF('Standard Profiles'!$G$22=$B$24,21,0),MOD($C7785,24)+1)/SUM(INDEX($D$3:$AA$30,INDEX(Jesper!$R$2:$R$366,ROW(INDEX(Jesper!AL$2:AL$366,ROUNDDOWN($C7785/24,0)+1,1))-1)+IF('Standard Profiles'!$G$22=$B$10,7,0)+IF('Standard Profiles'!$G$22=$B$17,14,0)+IF('Standard Profiles'!$G$22=$B$24,21,0),0)),0)</f>
        <v>2.8271188300488328</v>
      </c>
      <c r="I7785">
        <f t="shared" si="867"/>
        <v>2.7140340768468811</v>
      </c>
      <c r="J7785">
        <f t="shared" si="868"/>
        <v>15.640661808853908</v>
      </c>
      <c r="K7785">
        <f t="shared" si="869"/>
        <v>0.40202677821709165</v>
      </c>
      <c r="L7785">
        <f t="shared" si="870"/>
        <v>0.20101338910854583</v>
      </c>
      <c r="M7785">
        <f t="shared" si="871"/>
        <v>0</v>
      </c>
      <c r="N7785" s="45">
        <f t="shared" si="872"/>
        <v>45249.958333314535</v>
      </c>
    </row>
    <row r="7786" spans="2:14" x14ac:dyDescent="0.25">
      <c r="B7786">
        <f t="shared" si="866"/>
        <v>1</v>
      </c>
      <c r="C7786" s="16">
        <v>7752</v>
      </c>
      <c r="D7786" cm="1">
        <f t="array" ref="D7786">IFERROR(INDEX(Jesper!AH$2:AH$366,ROUNDDOWN($C7786/24,0)+1,1)*INDEX($D$3:$AA$30,INDEX(Jesper!$R$2:$R$366,ROW(INDEX(Jesper!AH$2:AH$366,ROUNDDOWN($C7786/24,0)+1,1))-1)+IF('Standard Profiles'!$G$18=$B$10,7,0)+IF('Standard Profiles'!$G$18=$B$17,14,0)+IF('Standard Profiles'!$G$18=$B$24,21,0),MOD($C7786,24)+1)/SUM(INDEX($D$3:$AA$30,INDEX(Jesper!$R$2:$R$366,ROW(INDEX(Jesper!AH$2:AH$366,ROUNDDOWN($C7786/24,0)+1,1))-1)+IF('Standard Profiles'!$G$18=$B$10,7,0)+IF('Standard Profiles'!$G$18=$B$17,14,0)+IF('Standard Profiles'!$G$18=$B$24,21,0),0)),0)</f>
        <v>5.6186401318531516</v>
      </c>
      <c r="E7786" cm="1">
        <f t="array" ref="E7786">IFERROR(INDEX(Jesper!AI$2:AI$366,ROUNDDOWN($C7786/24,0)+1,1)*INDEX($D$3:$AA$30,INDEX(Jesper!$R$2:$R$366,ROW(INDEX(Jesper!AI$2:AI$366,ROUNDDOWN($C7786/24,0)+1,1))-1)+IF('Standard Profiles'!$G$19=$B$10,7,0)+IF('Standard Profiles'!$G$19=$B$17,14,0)+IF('Standard Profiles'!$G$19=$B$24,21,0),MOD($C7786,24)+1)/SUM(INDEX($D$3:$AA$30,INDEX(Jesper!$R$2:$R$366,ROW(INDEX(Jesper!AI$2:AI$366,ROUNDDOWN($C7786/24,0)+1,1))-1)+IF('Standard Profiles'!$G$19=$B$10,7,0)+IF('Standard Profiles'!$G$19=$B$17,14,0)+IF('Standard Profiles'!$G$19=$B$24,21,0),0)),0)</f>
        <v>4.9754249836122257</v>
      </c>
      <c r="F7786" cm="1">
        <f t="array" ref="F7786">IFERROR(INDEX(Jesper!AJ$2:AJ$366,ROUNDDOWN($C7786/24,0)+1,1)*INDEX($D$3:$AA$30,INDEX(Jesper!$R$2:$R$366,ROW(INDEX(Jesper!AJ$2:AJ$366,ROUNDDOWN($C7786/24,0)+1,1))-1)+IF('Standard Profiles'!$G$20=$B$10,7,0)+IF('Standard Profiles'!$G$20=$B$17,14,0)+IF('Standard Profiles'!$G$20=$B$24,21,0),MOD($C7786,24)+1)/SUM(INDEX($D$3:$AA$30,INDEX(Jesper!$R$2:$R$366,ROW(INDEX(Jesper!AJ$2:AJ$366,ROUNDDOWN($C7786/24,0)+1,1))-1)+IF('Standard Profiles'!$G$20=$B$10,7,0)+IF('Standard Profiles'!$G$20=$B$17,14,0)+IF('Standard Profiles'!$G$20=$B$24,21,0),0)),0)</f>
        <v>0</v>
      </c>
      <c r="G7786" cm="1">
        <f t="array" ref="G7786">IFERROR(INDEX(Jesper!AK$2:AK$366,ROUNDDOWN($C7786/24,0)+1,1)*INDEX($D$3:$AA$30,INDEX(Jesper!$R$2:$R$366,ROW(INDEX(Jesper!AK$2:AK$366,ROUNDDOWN($C7786/24,0)+1,1))-1)+IF('Standard Profiles'!$G$21=$B$10,7,0)+IF('Standard Profiles'!$G$21=$B$17,14,0)+IF('Standard Profiles'!$G$21=$B$24,21,0),MOD($C7786,24)+1)/SUM(INDEX($D$3:$AA$30,INDEX(Jesper!$R$2:$R$366,ROW(INDEX(Jesper!AK$2:AK$366,ROUNDDOWN($C7786/24,0)+1,1))-1)+IF('Standard Profiles'!$G$21=$B$10,7,0)+IF('Standard Profiles'!$G$21=$B$17,14,0)+IF('Standard Profiles'!$G$21=$B$24,21,0),0)),0)</f>
        <v>2.4762325237849647</v>
      </c>
      <c r="H7786" cm="1">
        <f t="array" ref="H7786">IFERROR(INDEX(Jesper!AL$2:AL$366,ROUNDDOWN($C7786/24,0)+1,1)*INDEX($D$3:$AA$30,INDEX(Jesper!$R$2:$R$366,ROW(INDEX(Jesper!AL$2:AL$366,ROUNDDOWN($C7786/24,0)+1,1))-1)+IF('Standard Profiles'!$G$22=$B$10,7,0)+IF('Standard Profiles'!$G$22=$B$17,14,0)+IF('Standard Profiles'!$G$22=$B$24,21,0),MOD($C7786,24)+1)/SUM(INDEX($D$3:$AA$30,INDEX(Jesper!$R$2:$R$366,ROW(INDEX(Jesper!AL$2:AL$366,ROUNDDOWN($C7786/24,0)+1,1))-1)+IF('Standard Profiles'!$G$22=$B$10,7,0)+IF('Standard Profiles'!$G$22=$B$17,14,0)+IF('Standard Profiles'!$G$22=$B$24,21,0),0)),0)</f>
        <v>0</v>
      </c>
      <c r="I7786">
        <f t="shared" si="867"/>
        <v>1.1885916114167825</v>
      </c>
      <c r="J7786">
        <f t="shared" si="868"/>
        <v>10.982723606737055</v>
      </c>
      <c r="K7786">
        <f t="shared" si="869"/>
        <v>0.59932161406433626</v>
      </c>
      <c r="L7786">
        <f t="shared" si="870"/>
        <v>0.29966080703216813</v>
      </c>
      <c r="M7786">
        <f t="shared" si="871"/>
        <v>0</v>
      </c>
      <c r="N7786" s="45">
        <f t="shared" si="872"/>
        <v>45249.999999981199</v>
      </c>
    </row>
    <row r="7787" spans="2:14" x14ac:dyDescent="0.25">
      <c r="B7787">
        <f t="shared" si="866"/>
        <v>1</v>
      </c>
      <c r="C7787" s="16">
        <v>7753</v>
      </c>
      <c r="D7787" cm="1">
        <f t="array" ref="D7787">IFERROR(INDEX(Jesper!AH$2:AH$366,ROUNDDOWN($C7787/24,0)+1,1)*INDEX($D$3:$AA$30,INDEX(Jesper!$R$2:$R$366,ROW(INDEX(Jesper!AH$2:AH$366,ROUNDDOWN($C7787/24,0)+1,1))-1)+IF('Standard Profiles'!$G$18=$B$10,7,0)+IF('Standard Profiles'!$G$18=$B$17,14,0)+IF('Standard Profiles'!$G$18=$B$24,21,0),MOD($C7787,24)+1)/SUM(INDEX($D$3:$AA$30,INDEX(Jesper!$R$2:$R$366,ROW(INDEX(Jesper!AH$2:AH$366,ROUNDDOWN($C7787/24,0)+1,1))-1)+IF('Standard Profiles'!$G$18=$B$10,7,0)+IF('Standard Profiles'!$G$18=$B$17,14,0)+IF('Standard Profiles'!$G$18=$B$24,21,0),0)),0)</f>
        <v>5.6186401318531516</v>
      </c>
      <c r="E7787" cm="1">
        <f t="array" ref="E7787">IFERROR(INDEX(Jesper!AI$2:AI$366,ROUNDDOWN($C7787/24,0)+1,1)*INDEX($D$3:$AA$30,INDEX(Jesper!$R$2:$R$366,ROW(INDEX(Jesper!AI$2:AI$366,ROUNDDOWN($C7787/24,0)+1,1))-1)+IF('Standard Profiles'!$G$19=$B$10,7,0)+IF('Standard Profiles'!$G$19=$B$17,14,0)+IF('Standard Profiles'!$G$19=$B$24,21,0),MOD($C7787,24)+1)/SUM(INDEX($D$3:$AA$30,INDEX(Jesper!$R$2:$R$366,ROW(INDEX(Jesper!AI$2:AI$366,ROUNDDOWN($C7787/24,0)+1,1))-1)+IF('Standard Profiles'!$G$19=$B$10,7,0)+IF('Standard Profiles'!$G$19=$B$17,14,0)+IF('Standard Profiles'!$G$19=$B$24,21,0),0)),0)</f>
        <v>4.9754249836122257</v>
      </c>
      <c r="F7787" cm="1">
        <f t="array" ref="F7787">IFERROR(INDEX(Jesper!AJ$2:AJ$366,ROUNDDOWN($C7787/24,0)+1,1)*INDEX($D$3:$AA$30,INDEX(Jesper!$R$2:$R$366,ROW(INDEX(Jesper!AJ$2:AJ$366,ROUNDDOWN($C7787/24,0)+1,1))-1)+IF('Standard Profiles'!$G$20=$B$10,7,0)+IF('Standard Profiles'!$G$20=$B$17,14,0)+IF('Standard Profiles'!$G$20=$B$24,21,0),MOD($C7787,24)+1)/SUM(INDEX($D$3:$AA$30,INDEX(Jesper!$R$2:$R$366,ROW(INDEX(Jesper!AJ$2:AJ$366,ROUNDDOWN($C7787/24,0)+1,1))-1)+IF('Standard Profiles'!$G$20=$B$10,7,0)+IF('Standard Profiles'!$G$20=$B$17,14,0)+IF('Standard Profiles'!$G$20=$B$24,21,0),0)),0)</f>
        <v>0</v>
      </c>
      <c r="G7787" cm="1">
        <f t="array" ref="G7787">IFERROR(INDEX(Jesper!AK$2:AK$366,ROUNDDOWN($C7787/24,0)+1,1)*INDEX($D$3:$AA$30,INDEX(Jesper!$R$2:$R$366,ROW(INDEX(Jesper!AK$2:AK$366,ROUNDDOWN($C7787/24,0)+1,1))-1)+IF('Standard Profiles'!$G$21=$B$10,7,0)+IF('Standard Profiles'!$G$21=$B$17,14,0)+IF('Standard Profiles'!$G$21=$B$24,21,0),MOD($C7787,24)+1)/SUM(INDEX($D$3:$AA$30,INDEX(Jesper!$R$2:$R$366,ROW(INDEX(Jesper!AK$2:AK$366,ROUNDDOWN($C7787/24,0)+1,1))-1)+IF('Standard Profiles'!$G$21=$B$10,7,0)+IF('Standard Profiles'!$G$21=$B$17,14,0)+IF('Standard Profiles'!$G$21=$B$24,21,0),0)),0)</f>
        <v>2.4762325237849647</v>
      </c>
      <c r="H7787" cm="1">
        <f t="array" ref="H7787">IFERROR(INDEX(Jesper!AL$2:AL$366,ROUNDDOWN($C7787/24,0)+1,1)*INDEX($D$3:$AA$30,INDEX(Jesper!$R$2:$R$366,ROW(INDEX(Jesper!AL$2:AL$366,ROUNDDOWN($C7787/24,0)+1,1))-1)+IF('Standard Profiles'!$G$22=$B$10,7,0)+IF('Standard Profiles'!$G$22=$B$17,14,0)+IF('Standard Profiles'!$G$22=$B$24,21,0),MOD($C7787,24)+1)/SUM(INDEX($D$3:$AA$30,INDEX(Jesper!$R$2:$R$366,ROW(INDEX(Jesper!AL$2:AL$366,ROUNDDOWN($C7787/24,0)+1,1))-1)+IF('Standard Profiles'!$G$22=$B$10,7,0)+IF('Standard Profiles'!$G$22=$B$17,14,0)+IF('Standard Profiles'!$G$22=$B$24,21,0),0)),0)</f>
        <v>0</v>
      </c>
      <c r="I7787">
        <f t="shared" si="867"/>
        <v>1.1885916114167825</v>
      </c>
      <c r="J7787">
        <f t="shared" si="868"/>
        <v>10.982723606737055</v>
      </c>
      <c r="K7787">
        <f t="shared" si="869"/>
        <v>0.59932161406433626</v>
      </c>
      <c r="L7787">
        <f t="shared" si="870"/>
        <v>0.29966080703216813</v>
      </c>
      <c r="M7787">
        <f t="shared" si="871"/>
        <v>0</v>
      </c>
      <c r="N7787" s="45">
        <f t="shared" si="872"/>
        <v>45250.041666647863</v>
      </c>
    </row>
    <row r="7788" spans="2:14" x14ac:dyDescent="0.25">
      <c r="B7788">
        <f t="shared" si="866"/>
        <v>1</v>
      </c>
      <c r="C7788" s="16">
        <v>7754</v>
      </c>
      <c r="D7788" cm="1">
        <f t="array" ref="D7788">IFERROR(INDEX(Jesper!AH$2:AH$366,ROUNDDOWN($C7788/24,0)+1,1)*INDEX($D$3:$AA$30,INDEX(Jesper!$R$2:$R$366,ROW(INDEX(Jesper!AH$2:AH$366,ROUNDDOWN($C7788/24,0)+1,1))-1)+IF('Standard Profiles'!$G$18=$B$10,7,0)+IF('Standard Profiles'!$G$18=$B$17,14,0)+IF('Standard Profiles'!$G$18=$B$24,21,0),MOD($C7788,24)+1)/SUM(INDEX($D$3:$AA$30,INDEX(Jesper!$R$2:$R$366,ROW(INDEX(Jesper!AH$2:AH$366,ROUNDDOWN($C7788/24,0)+1,1))-1)+IF('Standard Profiles'!$G$18=$B$10,7,0)+IF('Standard Profiles'!$G$18=$B$17,14,0)+IF('Standard Profiles'!$G$18=$B$24,21,0),0)),0)</f>
        <v>5.6186401318531516</v>
      </c>
      <c r="E7788" cm="1">
        <f t="array" ref="E7788">IFERROR(INDEX(Jesper!AI$2:AI$366,ROUNDDOWN($C7788/24,0)+1,1)*INDEX($D$3:$AA$30,INDEX(Jesper!$R$2:$R$366,ROW(INDEX(Jesper!AI$2:AI$366,ROUNDDOWN($C7788/24,0)+1,1))-1)+IF('Standard Profiles'!$G$19=$B$10,7,0)+IF('Standard Profiles'!$G$19=$B$17,14,0)+IF('Standard Profiles'!$G$19=$B$24,21,0),MOD($C7788,24)+1)/SUM(INDEX($D$3:$AA$30,INDEX(Jesper!$R$2:$R$366,ROW(INDEX(Jesper!AI$2:AI$366,ROUNDDOWN($C7788/24,0)+1,1))-1)+IF('Standard Profiles'!$G$19=$B$10,7,0)+IF('Standard Profiles'!$G$19=$B$17,14,0)+IF('Standard Profiles'!$G$19=$B$24,21,0),0)),0)</f>
        <v>4.9754249836122257</v>
      </c>
      <c r="F7788" cm="1">
        <f t="array" ref="F7788">IFERROR(INDEX(Jesper!AJ$2:AJ$366,ROUNDDOWN($C7788/24,0)+1,1)*INDEX($D$3:$AA$30,INDEX(Jesper!$R$2:$R$366,ROW(INDEX(Jesper!AJ$2:AJ$366,ROUNDDOWN($C7788/24,0)+1,1))-1)+IF('Standard Profiles'!$G$20=$B$10,7,0)+IF('Standard Profiles'!$G$20=$B$17,14,0)+IF('Standard Profiles'!$G$20=$B$24,21,0),MOD($C7788,24)+1)/SUM(INDEX($D$3:$AA$30,INDEX(Jesper!$R$2:$R$366,ROW(INDEX(Jesper!AJ$2:AJ$366,ROUNDDOWN($C7788/24,0)+1,1))-1)+IF('Standard Profiles'!$G$20=$B$10,7,0)+IF('Standard Profiles'!$G$20=$B$17,14,0)+IF('Standard Profiles'!$G$20=$B$24,21,0),0)),0)</f>
        <v>0</v>
      </c>
      <c r="G7788" cm="1">
        <f t="array" ref="G7788">IFERROR(INDEX(Jesper!AK$2:AK$366,ROUNDDOWN($C7788/24,0)+1,1)*INDEX($D$3:$AA$30,INDEX(Jesper!$R$2:$R$366,ROW(INDEX(Jesper!AK$2:AK$366,ROUNDDOWN($C7788/24,0)+1,1))-1)+IF('Standard Profiles'!$G$21=$B$10,7,0)+IF('Standard Profiles'!$G$21=$B$17,14,0)+IF('Standard Profiles'!$G$21=$B$24,21,0),MOD($C7788,24)+1)/SUM(INDEX($D$3:$AA$30,INDEX(Jesper!$R$2:$R$366,ROW(INDEX(Jesper!AK$2:AK$366,ROUNDDOWN($C7788/24,0)+1,1))-1)+IF('Standard Profiles'!$G$21=$B$10,7,0)+IF('Standard Profiles'!$G$21=$B$17,14,0)+IF('Standard Profiles'!$G$21=$B$24,21,0),0)),0)</f>
        <v>2.4762325237849647</v>
      </c>
      <c r="H7788" cm="1">
        <f t="array" ref="H7788">IFERROR(INDEX(Jesper!AL$2:AL$366,ROUNDDOWN($C7788/24,0)+1,1)*INDEX($D$3:$AA$30,INDEX(Jesper!$R$2:$R$366,ROW(INDEX(Jesper!AL$2:AL$366,ROUNDDOWN($C7788/24,0)+1,1))-1)+IF('Standard Profiles'!$G$22=$B$10,7,0)+IF('Standard Profiles'!$G$22=$B$17,14,0)+IF('Standard Profiles'!$G$22=$B$24,21,0),MOD($C7788,24)+1)/SUM(INDEX($D$3:$AA$30,INDEX(Jesper!$R$2:$R$366,ROW(INDEX(Jesper!AL$2:AL$366,ROUNDDOWN($C7788/24,0)+1,1))-1)+IF('Standard Profiles'!$G$22=$B$10,7,0)+IF('Standard Profiles'!$G$22=$B$17,14,0)+IF('Standard Profiles'!$G$22=$B$24,21,0),0)),0)</f>
        <v>0</v>
      </c>
      <c r="I7788">
        <f t="shared" si="867"/>
        <v>1.1885916114167825</v>
      </c>
      <c r="J7788">
        <f t="shared" si="868"/>
        <v>10.982723606737055</v>
      </c>
      <c r="K7788">
        <f t="shared" si="869"/>
        <v>0.59932161406433626</v>
      </c>
      <c r="L7788">
        <f t="shared" si="870"/>
        <v>0.29966080703216813</v>
      </c>
      <c r="M7788">
        <f t="shared" si="871"/>
        <v>0</v>
      </c>
      <c r="N7788" s="45">
        <f t="shared" si="872"/>
        <v>45250.083333314527</v>
      </c>
    </row>
    <row r="7789" spans="2:14" x14ac:dyDescent="0.25">
      <c r="B7789">
        <f t="shared" si="866"/>
        <v>1</v>
      </c>
      <c r="C7789" s="16">
        <v>7755</v>
      </c>
      <c r="D7789" cm="1">
        <f t="array" ref="D7789">IFERROR(INDEX(Jesper!AH$2:AH$366,ROUNDDOWN($C7789/24,0)+1,1)*INDEX($D$3:$AA$30,INDEX(Jesper!$R$2:$R$366,ROW(INDEX(Jesper!AH$2:AH$366,ROUNDDOWN($C7789/24,0)+1,1))-1)+IF('Standard Profiles'!$G$18=$B$10,7,0)+IF('Standard Profiles'!$G$18=$B$17,14,0)+IF('Standard Profiles'!$G$18=$B$24,21,0),MOD($C7789,24)+1)/SUM(INDEX($D$3:$AA$30,INDEX(Jesper!$R$2:$R$366,ROW(INDEX(Jesper!AH$2:AH$366,ROUNDDOWN($C7789/24,0)+1,1))-1)+IF('Standard Profiles'!$G$18=$B$10,7,0)+IF('Standard Profiles'!$G$18=$B$17,14,0)+IF('Standard Profiles'!$G$18=$B$24,21,0),0)),0)</f>
        <v>5.6186401318531516</v>
      </c>
      <c r="E7789" cm="1">
        <f t="array" ref="E7789">IFERROR(INDEX(Jesper!AI$2:AI$366,ROUNDDOWN($C7789/24,0)+1,1)*INDEX($D$3:$AA$30,INDEX(Jesper!$R$2:$R$366,ROW(INDEX(Jesper!AI$2:AI$366,ROUNDDOWN($C7789/24,0)+1,1))-1)+IF('Standard Profiles'!$G$19=$B$10,7,0)+IF('Standard Profiles'!$G$19=$B$17,14,0)+IF('Standard Profiles'!$G$19=$B$24,21,0),MOD($C7789,24)+1)/SUM(INDEX($D$3:$AA$30,INDEX(Jesper!$R$2:$R$366,ROW(INDEX(Jesper!AI$2:AI$366,ROUNDDOWN($C7789/24,0)+1,1))-1)+IF('Standard Profiles'!$G$19=$B$10,7,0)+IF('Standard Profiles'!$G$19=$B$17,14,0)+IF('Standard Profiles'!$G$19=$B$24,21,0),0)),0)</f>
        <v>4.9754249836122257</v>
      </c>
      <c r="F7789" cm="1">
        <f t="array" ref="F7789">IFERROR(INDEX(Jesper!AJ$2:AJ$366,ROUNDDOWN($C7789/24,0)+1,1)*INDEX($D$3:$AA$30,INDEX(Jesper!$R$2:$R$366,ROW(INDEX(Jesper!AJ$2:AJ$366,ROUNDDOWN($C7789/24,0)+1,1))-1)+IF('Standard Profiles'!$G$20=$B$10,7,0)+IF('Standard Profiles'!$G$20=$B$17,14,0)+IF('Standard Profiles'!$G$20=$B$24,21,0),MOD($C7789,24)+1)/SUM(INDEX($D$3:$AA$30,INDEX(Jesper!$R$2:$R$366,ROW(INDEX(Jesper!AJ$2:AJ$366,ROUNDDOWN($C7789/24,0)+1,1))-1)+IF('Standard Profiles'!$G$20=$B$10,7,0)+IF('Standard Profiles'!$G$20=$B$17,14,0)+IF('Standard Profiles'!$G$20=$B$24,21,0),0)),0)</f>
        <v>0</v>
      </c>
      <c r="G7789" cm="1">
        <f t="array" ref="G7789">IFERROR(INDEX(Jesper!AK$2:AK$366,ROUNDDOWN($C7789/24,0)+1,1)*INDEX($D$3:$AA$30,INDEX(Jesper!$R$2:$R$366,ROW(INDEX(Jesper!AK$2:AK$366,ROUNDDOWN($C7789/24,0)+1,1))-1)+IF('Standard Profiles'!$G$21=$B$10,7,0)+IF('Standard Profiles'!$G$21=$B$17,14,0)+IF('Standard Profiles'!$G$21=$B$24,21,0),MOD($C7789,24)+1)/SUM(INDEX($D$3:$AA$30,INDEX(Jesper!$R$2:$R$366,ROW(INDEX(Jesper!AK$2:AK$366,ROUNDDOWN($C7789/24,0)+1,1))-1)+IF('Standard Profiles'!$G$21=$B$10,7,0)+IF('Standard Profiles'!$G$21=$B$17,14,0)+IF('Standard Profiles'!$G$21=$B$24,21,0),0)),0)</f>
        <v>2.4762325237849647</v>
      </c>
      <c r="H7789" cm="1">
        <f t="array" ref="H7789">IFERROR(INDEX(Jesper!AL$2:AL$366,ROUNDDOWN($C7789/24,0)+1,1)*INDEX($D$3:$AA$30,INDEX(Jesper!$R$2:$R$366,ROW(INDEX(Jesper!AL$2:AL$366,ROUNDDOWN($C7789/24,0)+1,1))-1)+IF('Standard Profiles'!$G$22=$B$10,7,0)+IF('Standard Profiles'!$G$22=$B$17,14,0)+IF('Standard Profiles'!$G$22=$B$24,21,0),MOD($C7789,24)+1)/SUM(INDEX($D$3:$AA$30,INDEX(Jesper!$R$2:$R$366,ROW(INDEX(Jesper!AL$2:AL$366,ROUNDDOWN($C7789/24,0)+1,1))-1)+IF('Standard Profiles'!$G$22=$B$10,7,0)+IF('Standard Profiles'!$G$22=$B$17,14,0)+IF('Standard Profiles'!$G$22=$B$24,21,0),0)),0)</f>
        <v>0</v>
      </c>
      <c r="I7789">
        <f t="shared" si="867"/>
        <v>1.1885916114167825</v>
      </c>
      <c r="J7789">
        <f t="shared" si="868"/>
        <v>10.982723606737055</v>
      </c>
      <c r="K7789">
        <f t="shared" si="869"/>
        <v>0.59932161406433626</v>
      </c>
      <c r="L7789">
        <f t="shared" si="870"/>
        <v>0.29966080703216813</v>
      </c>
      <c r="M7789">
        <f t="shared" si="871"/>
        <v>0</v>
      </c>
      <c r="N7789" s="45">
        <f t="shared" si="872"/>
        <v>45250.124999981192</v>
      </c>
    </row>
    <row r="7790" spans="2:14" x14ac:dyDescent="0.25">
      <c r="B7790">
        <f t="shared" si="866"/>
        <v>1</v>
      </c>
      <c r="C7790" s="16">
        <v>7756</v>
      </c>
      <c r="D7790" cm="1">
        <f t="array" ref="D7790">IFERROR(INDEX(Jesper!AH$2:AH$366,ROUNDDOWN($C7790/24,0)+1,1)*INDEX($D$3:$AA$30,INDEX(Jesper!$R$2:$R$366,ROW(INDEX(Jesper!AH$2:AH$366,ROUNDDOWN($C7790/24,0)+1,1))-1)+IF('Standard Profiles'!$G$18=$B$10,7,0)+IF('Standard Profiles'!$G$18=$B$17,14,0)+IF('Standard Profiles'!$G$18=$B$24,21,0),MOD($C7790,24)+1)/SUM(INDEX($D$3:$AA$30,INDEX(Jesper!$R$2:$R$366,ROW(INDEX(Jesper!AH$2:AH$366,ROUNDDOWN($C7790/24,0)+1,1))-1)+IF('Standard Profiles'!$G$18=$B$10,7,0)+IF('Standard Profiles'!$G$18=$B$17,14,0)+IF('Standard Profiles'!$G$18=$B$24,21,0),0)),0)</f>
        <v>5.6186401318531516</v>
      </c>
      <c r="E7790" cm="1">
        <f t="array" ref="E7790">IFERROR(INDEX(Jesper!AI$2:AI$366,ROUNDDOWN($C7790/24,0)+1,1)*INDEX($D$3:$AA$30,INDEX(Jesper!$R$2:$R$366,ROW(INDEX(Jesper!AI$2:AI$366,ROUNDDOWN($C7790/24,0)+1,1))-1)+IF('Standard Profiles'!$G$19=$B$10,7,0)+IF('Standard Profiles'!$G$19=$B$17,14,0)+IF('Standard Profiles'!$G$19=$B$24,21,0),MOD($C7790,24)+1)/SUM(INDEX($D$3:$AA$30,INDEX(Jesper!$R$2:$R$366,ROW(INDEX(Jesper!AI$2:AI$366,ROUNDDOWN($C7790/24,0)+1,1))-1)+IF('Standard Profiles'!$G$19=$B$10,7,0)+IF('Standard Profiles'!$G$19=$B$17,14,0)+IF('Standard Profiles'!$G$19=$B$24,21,0),0)),0)</f>
        <v>4.9754249836122257</v>
      </c>
      <c r="F7790" cm="1">
        <f t="array" ref="F7790">IFERROR(INDEX(Jesper!AJ$2:AJ$366,ROUNDDOWN($C7790/24,0)+1,1)*INDEX($D$3:$AA$30,INDEX(Jesper!$R$2:$R$366,ROW(INDEX(Jesper!AJ$2:AJ$366,ROUNDDOWN($C7790/24,0)+1,1))-1)+IF('Standard Profiles'!$G$20=$B$10,7,0)+IF('Standard Profiles'!$G$20=$B$17,14,0)+IF('Standard Profiles'!$G$20=$B$24,21,0),MOD($C7790,24)+1)/SUM(INDEX($D$3:$AA$30,INDEX(Jesper!$R$2:$R$366,ROW(INDEX(Jesper!AJ$2:AJ$366,ROUNDDOWN($C7790/24,0)+1,1))-1)+IF('Standard Profiles'!$G$20=$B$10,7,0)+IF('Standard Profiles'!$G$20=$B$17,14,0)+IF('Standard Profiles'!$G$20=$B$24,21,0),0)),0)</f>
        <v>0</v>
      </c>
      <c r="G7790" cm="1">
        <f t="array" ref="G7790">IFERROR(INDEX(Jesper!AK$2:AK$366,ROUNDDOWN($C7790/24,0)+1,1)*INDEX($D$3:$AA$30,INDEX(Jesper!$R$2:$R$366,ROW(INDEX(Jesper!AK$2:AK$366,ROUNDDOWN($C7790/24,0)+1,1))-1)+IF('Standard Profiles'!$G$21=$B$10,7,0)+IF('Standard Profiles'!$G$21=$B$17,14,0)+IF('Standard Profiles'!$G$21=$B$24,21,0),MOD($C7790,24)+1)/SUM(INDEX($D$3:$AA$30,INDEX(Jesper!$R$2:$R$366,ROW(INDEX(Jesper!AK$2:AK$366,ROUNDDOWN($C7790/24,0)+1,1))-1)+IF('Standard Profiles'!$G$21=$B$10,7,0)+IF('Standard Profiles'!$G$21=$B$17,14,0)+IF('Standard Profiles'!$G$21=$B$24,21,0),0)),0)</f>
        <v>2.4762325237849647</v>
      </c>
      <c r="H7790" cm="1">
        <f t="array" ref="H7790">IFERROR(INDEX(Jesper!AL$2:AL$366,ROUNDDOWN($C7790/24,0)+1,1)*INDEX($D$3:$AA$30,INDEX(Jesper!$R$2:$R$366,ROW(INDEX(Jesper!AL$2:AL$366,ROUNDDOWN($C7790/24,0)+1,1))-1)+IF('Standard Profiles'!$G$22=$B$10,7,0)+IF('Standard Profiles'!$G$22=$B$17,14,0)+IF('Standard Profiles'!$G$22=$B$24,21,0),MOD($C7790,24)+1)/SUM(INDEX($D$3:$AA$30,INDEX(Jesper!$R$2:$R$366,ROW(INDEX(Jesper!AL$2:AL$366,ROUNDDOWN($C7790/24,0)+1,1))-1)+IF('Standard Profiles'!$G$22=$B$10,7,0)+IF('Standard Profiles'!$G$22=$B$17,14,0)+IF('Standard Profiles'!$G$22=$B$24,21,0),0)),0)</f>
        <v>0</v>
      </c>
      <c r="I7790">
        <f t="shared" si="867"/>
        <v>1.1885916114167825</v>
      </c>
      <c r="J7790">
        <f t="shared" si="868"/>
        <v>10.982723606737055</v>
      </c>
      <c r="K7790">
        <f t="shared" si="869"/>
        <v>0.59932161406433626</v>
      </c>
      <c r="L7790">
        <f t="shared" si="870"/>
        <v>0.29966080703216813</v>
      </c>
      <c r="M7790">
        <f t="shared" si="871"/>
        <v>0</v>
      </c>
      <c r="N7790" s="45">
        <f t="shared" si="872"/>
        <v>45250.166666647856</v>
      </c>
    </row>
    <row r="7791" spans="2:14" x14ac:dyDescent="0.25">
      <c r="B7791">
        <f t="shared" si="866"/>
        <v>1</v>
      </c>
      <c r="C7791" s="16">
        <v>7757</v>
      </c>
      <c r="D7791" cm="1">
        <f t="array" ref="D7791">IFERROR(INDEX(Jesper!AH$2:AH$366,ROUNDDOWN($C7791/24,0)+1,1)*INDEX($D$3:$AA$30,INDEX(Jesper!$R$2:$R$366,ROW(INDEX(Jesper!AH$2:AH$366,ROUNDDOWN($C7791/24,0)+1,1))-1)+IF('Standard Profiles'!$G$18=$B$10,7,0)+IF('Standard Profiles'!$G$18=$B$17,14,0)+IF('Standard Profiles'!$G$18=$B$24,21,0),MOD($C7791,24)+1)/SUM(INDEX($D$3:$AA$30,INDEX(Jesper!$R$2:$R$366,ROW(INDEX(Jesper!AH$2:AH$366,ROUNDDOWN($C7791/24,0)+1,1))-1)+IF('Standard Profiles'!$G$18=$B$10,7,0)+IF('Standard Profiles'!$G$18=$B$17,14,0)+IF('Standard Profiles'!$G$18=$B$24,21,0),0)),0)</f>
        <v>5.6186401318531516</v>
      </c>
      <c r="E7791" cm="1">
        <f t="array" ref="E7791">IFERROR(INDEX(Jesper!AI$2:AI$366,ROUNDDOWN($C7791/24,0)+1,1)*INDEX($D$3:$AA$30,INDEX(Jesper!$R$2:$R$366,ROW(INDEX(Jesper!AI$2:AI$366,ROUNDDOWN($C7791/24,0)+1,1))-1)+IF('Standard Profiles'!$G$19=$B$10,7,0)+IF('Standard Profiles'!$G$19=$B$17,14,0)+IF('Standard Profiles'!$G$19=$B$24,21,0),MOD($C7791,24)+1)/SUM(INDEX($D$3:$AA$30,INDEX(Jesper!$R$2:$R$366,ROW(INDEX(Jesper!AI$2:AI$366,ROUNDDOWN($C7791/24,0)+1,1))-1)+IF('Standard Profiles'!$G$19=$B$10,7,0)+IF('Standard Profiles'!$G$19=$B$17,14,0)+IF('Standard Profiles'!$G$19=$B$24,21,0),0)),0)</f>
        <v>4.9754249836122257</v>
      </c>
      <c r="F7791" cm="1">
        <f t="array" ref="F7791">IFERROR(INDEX(Jesper!AJ$2:AJ$366,ROUNDDOWN($C7791/24,0)+1,1)*INDEX($D$3:$AA$30,INDEX(Jesper!$R$2:$R$366,ROW(INDEX(Jesper!AJ$2:AJ$366,ROUNDDOWN($C7791/24,0)+1,1))-1)+IF('Standard Profiles'!$G$20=$B$10,7,0)+IF('Standard Profiles'!$G$20=$B$17,14,0)+IF('Standard Profiles'!$G$20=$B$24,21,0),MOD($C7791,24)+1)/SUM(INDEX($D$3:$AA$30,INDEX(Jesper!$R$2:$R$366,ROW(INDEX(Jesper!AJ$2:AJ$366,ROUNDDOWN($C7791/24,0)+1,1))-1)+IF('Standard Profiles'!$G$20=$B$10,7,0)+IF('Standard Profiles'!$G$20=$B$17,14,0)+IF('Standard Profiles'!$G$20=$B$24,21,0),0)),0)</f>
        <v>0</v>
      </c>
      <c r="G7791" cm="1">
        <f t="array" ref="G7791">IFERROR(INDEX(Jesper!AK$2:AK$366,ROUNDDOWN($C7791/24,0)+1,1)*INDEX($D$3:$AA$30,INDEX(Jesper!$R$2:$R$366,ROW(INDEX(Jesper!AK$2:AK$366,ROUNDDOWN($C7791/24,0)+1,1))-1)+IF('Standard Profiles'!$G$21=$B$10,7,0)+IF('Standard Profiles'!$G$21=$B$17,14,0)+IF('Standard Profiles'!$G$21=$B$24,21,0),MOD($C7791,24)+1)/SUM(INDEX($D$3:$AA$30,INDEX(Jesper!$R$2:$R$366,ROW(INDEX(Jesper!AK$2:AK$366,ROUNDDOWN($C7791/24,0)+1,1))-1)+IF('Standard Profiles'!$G$21=$B$10,7,0)+IF('Standard Profiles'!$G$21=$B$17,14,0)+IF('Standard Profiles'!$G$21=$B$24,21,0),0)),0)</f>
        <v>2.4762325237849647</v>
      </c>
      <c r="H7791" cm="1">
        <f t="array" ref="H7791">IFERROR(INDEX(Jesper!AL$2:AL$366,ROUNDDOWN($C7791/24,0)+1,1)*INDEX($D$3:$AA$30,INDEX(Jesper!$R$2:$R$366,ROW(INDEX(Jesper!AL$2:AL$366,ROUNDDOWN($C7791/24,0)+1,1))-1)+IF('Standard Profiles'!$G$22=$B$10,7,0)+IF('Standard Profiles'!$G$22=$B$17,14,0)+IF('Standard Profiles'!$G$22=$B$24,21,0),MOD($C7791,24)+1)/SUM(INDEX($D$3:$AA$30,INDEX(Jesper!$R$2:$R$366,ROW(INDEX(Jesper!AL$2:AL$366,ROUNDDOWN($C7791/24,0)+1,1))-1)+IF('Standard Profiles'!$G$22=$B$10,7,0)+IF('Standard Profiles'!$G$22=$B$17,14,0)+IF('Standard Profiles'!$G$22=$B$24,21,0),0)),0)</f>
        <v>0</v>
      </c>
      <c r="I7791">
        <f t="shared" si="867"/>
        <v>1.1885916114167825</v>
      </c>
      <c r="J7791">
        <f t="shared" si="868"/>
        <v>10.982723606737055</v>
      </c>
      <c r="K7791">
        <f t="shared" si="869"/>
        <v>0.59932161406433626</v>
      </c>
      <c r="L7791">
        <f t="shared" si="870"/>
        <v>0.29966080703216813</v>
      </c>
      <c r="M7791">
        <f t="shared" si="871"/>
        <v>0</v>
      </c>
      <c r="N7791" s="45">
        <f t="shared" si="872"/>
        <v>45250.20833331452</v>
      </c>
    </row>
    <row r="7792" spans="2:14" x14ac:dyDescent="0.25">
      <c r="B7792">
        <f t="shared" si="866"/>
        <v>1</v>
      </c>
      <c r="C7792" s="16">
        <v>7758</v>
      </c>
      <c r="D7792" cm="1">
        <f t="array" ref="D7792">IFERROR(INDEX(Jesper!AH$2:AH$366,ROUNDDOWN($C7792/24,0)+1,1)*INDEX($D$3:$AA$30,INDEX(Jesper!$R$2:$R$366,ROW(INDEX(Jesper!AH$2:AH$366,ROUNDDOWN($C7792/24,0)+1,1))-1)+IF('Standard Profiles'!$G$18=$B$10,7,0)+IF('Standard Profiles'!$G$18=$B$17,14,0)+IF('Standard Profiles'!$G$18=$B$24,21,0),MOD($C7792,24)+1)/SUM(INDEX($D$3:$AA$30,INDEX(Jesper!$R$2:$R$366,ROW(INDEX(Jesper!AH$2:AH$366,ROUNDDOWN($C7792/24,0)+1,1))-1)+IF('Standard Profiles'!$G$18=$B$10,7,0)+IF('Standard Profiles'!$G$18=$B$17,14,0)+IF('Standard Profiles'!$G$18=$B$24,21,0),0)),0)</f>
        <v>5.6186401318531516</v>
      </c>
      <c r="E7792" cm="1">
        <f t="array" ref="E7792">IFERROR(INDEX(Jesper!AI$2:AI$366,ROUNDDOWN($C7792/24,0)+1,1)*INDEX($D$3:$AA$30,INDEX(Jesper!$R$2:$R$366,ROW(INDEX(Jesper!AI$2:AI$366,ROUNDDOWN($C7792/24,0)+1,1))-1)+IF('Standard Profiles'!$G$19=$B$10,7,0)+IF('Standard Profiles'!$G$19=$B$17,14,0)+IF('Standard Profiles'!$G$19=$B$24,21,0),MOD($C7792,24)+1)/SUM(INDEX($D$3:$AA$30,INDEX(Jesper!$R$2:$R$366,ROW(INDEX(Jesper!AI$2:AI$366,ROUNDDOWN($C7792/24,0)+1,1))-1)+IF('Standard Profiles'!$G$19=$B$10,7,0)+IF('Standard Profiles'!$G$19=$B$17,14,0)+IF('Standard Profiles'!$G$19=$B$24,21,0),0)),0)</f>
        <v>4.9754249836122257</v>
      </c>
      <c r="F7792" cm="1">
        <f t="array" ref="F7792">IFERROR(INDEX(Jesper!AJ$2:AJ$366,ROUNDDOWN($C7792/24,0)+1,1)*INDEX($D$3:$AA$30,INDEX(Jesper!$R$2:$R$366,ROW(INDEX(Jesper!AJ$2:AJ$366,ROUNDDOWN($C7792/24,0)+1,1))-1)+IF('Standard Profiles'!$G$20=$B$10,7,0)+IF('Standard Profiles'!$G$20=$B$17,14,0)+IF('Standard Profiles'!$G$20=$B$24,21,0),MOD($C7792,24)+1)/SUM(INDEX($D$3:$AA$30,INDEX(Jesper!$R$2:$R$366,ROW(INDEX(Jesper!AJ$2:AJ$366,ROUNDDOWN($C7792/24,0)+1,1))-1)+IF('Standard Profiles'!$G$20=$B$10,7,0)+IF('Standard Profiles'!$G$20=$B$17,14,0)+IF('Standard Profiles'!$G$20=$B$24,21,0),0)),0)</f>
        <v>0</v>
      </c>
      <c r="G7792" cm="1">
        <f t="array" ref="G7792">IFERROR(INDEX(Jesper!AK$2:AK$366,ROUNDDOWN($C7792/24,0)+1,1)*INDEX($D$3:$AA$30,INDEX(Jesper!$R$2:$R$366,ROW(INDEX(Jesper!AK$2:AK$366,ROUNDDOWN($C7792/24,0)+1,1))-1)+IF('Standard Profiles'!$G$21=$B$10,7,0)+IF('Standard Profiles'!$G$21=$B$17,14,0)+IF('Standard Profiles'!$G$21=$B$24,21,0),MOD($C7792,24)+1)/SUM(INDEX($D$3:$AA$30,INDEX(Jesper!$R$2:$R$366,ROW(INDEX(Jesper!AK$2:AK$366,ROUNDDOWN($C7792/24,0)+1,1))-1)+IF('Standard Profiles'!$G$21=$B$10,7,0)+IF('Standard Profiles'!$G$21=$B$17,14,0)+IF('Standard Profiles'!$G$21=$B$24,21,0),0)),0)</f>
        <v>2.4762325237849647</v>
      </c>
      <c r="H7792" cm="1">
        <f t="array" ref="H7792">IFERROR(INDEX(Jesper!AL$2:AL$366,ROUNDDOWN($C7792/24,0)+1,1)*INDEX($D$3:$AA$30,INDEX(Jesper!$R$2:$R$366,ROW(INDEX(Jesper!AL$2:AL$366,ROUNDDOWN($C7792/24,0)+1,1))-1)+IF('Standard Profiles'!$G$22=$B$10,7,0)+IF('Standard Profiles'!$G$22=$B$17,14,0)+IF('Standard Profiles'!$G$22=$B$24,21,0),MOD($C7792,24)+1)/SUM(INDEX($D$3:$AA$30,INDEX(Jesper!$R$2:$R$366,ROW(INDEX(Jesper!AL$2:AL$366,ROUNDDOWN($C7792/24,0)+1,1))-1)+IF('Standard Profiles'!$G$22=$B$10,7,0)+IF('Standard Profiles'!$G$22=$B$17,14,0)+IF('Standard Profiles'!$G$22=$B$24,21,0),0)),0)</f>
        <v>0</v>
      </c>
      <c r="I7792">
        <f t="shared" si="867"/>
        <v>1.1885916114167825</v>
      </c>
      <c r="J7792">
        <f t="shared" si="868"/>
        <v>10.982723606737055</v>
      </c>
      <c r="K7792">
        <f t="shared" si="869"/>
        <v>0.59932161406433626</v>
      </c>
      <c r="L7792">
        <f t="shared" si="870"/>
        <v>0.29966080703216813</v>
      </c>
      <c r="M7792">
        <f t="shared" si="871"/>
        <v>0</v>
      </c>
      <c r="N7792" s="45">
        <f t="shared" si="872"/>
        <v>45250.249999981184</v>
      </c>
    </row>
    <row r="7793" spans="2:14" x14ac:dyDescent="0.25">
      <c r="B7793">
        <f t="shared" si="866"/>
        <v>1</v>
      </c>
      <c r="C7793" s="16">
        <v>7759</v>
      </c>
      <c r="D7793" cm="1">
        <f t="array" ref="D7793">IFERROR(INDEX(Jesper!AH$2:AH$366,ROUNDDOWN($C7793/24,0)+1,1)*INDEX($D$3:$AA$30,INDEX(Jesper!$R$2:$R$366,ROW(INDEX(Jesper!AH$2:AH$366,ROUNDDOWN($C7793/24,0)+1,1))-1)+IF('Standard Profiles'!$G$18=$B$10,7,0)+IF('Standard Profiles'!$G$18=$B$17,14,0)+IF('Standard Profiles'!$G$18=$B$24,21,0),MOD($C7793,24)+1)/SUM(INDEX($D$3:$AA$30,INDEX(Jesper!$R$2:$R$366,ROW(INDEX(Jesper!AH$2:AH$366,ROUNDDOWN($C7793/24,0)+1,1))-1)+IF('Standard Profiles'!$G$18=$B$10,7,0)+IF('Standard Profiles'!$G$18=$B$17,14,0)+IF('Standard Profiles'!$G$18=$B$24,21,0),0)),0)</f>
        <v>23.935406961694426</v>
      </c>
      <c r="E7793" cm="1">
        <f t="array" ref="E7793">IFERROR(INDEX(Jesper!AI$2:AI$366,ROUNDDOWN($C7793/24,0)+1,1)*INDEX($D$3:$AA$30,INDEX(Jesper!$R$2:$R$366,ROW(INDEX(Jesper!AI$2:AI$366,ROUNDDOWN($C7793/24,0)+1,1))-1)+IF('Standard Profiles'!$G$19=$B$10,7,0)+IF('Standard Profiles'!$G$19=$B$17,14,0)+IF('Standard Profiles'!$G$19=$B$24,21,0),MOD($C7793,24)+1)/SUM(INDEX($D$3:$AA$30,INDEX(Jesper!$R$2:$R$366,ROW(INDEX(Jesper!AI$2:AI$366,ROUNDDOWN($C7793/24,0)+1,1))-1)+IF('Standard Profiles'!$G$19=$B$10,7,0)+IF('Standard Profiles'!$G$19=$B$17,14,0)+IF('Standard Profiles'!$G$19=$B$24,21,0),0)),0)</f>
        <v>21.19531043018808</v>
      </c>
      <c r="F7793" cm="1">
        <f t="array" ref="F7793">IFERROR(INDEX(Jesper!AJ$2:AJ$366,ROUNDDOWN($C7793/24,0)+1,1)*INDEX($D$3:$AA$30,INDEX(Jesper!$R$2:$R$366,ROW(INDEX(Jesper!AJ$2:AJ$366,ROUNDDOWN($C7793/24,0)+1,1))-1)+IF('Standard Profiles'!$G$20=$B$10,7,0)+IF('Standard Profiles'!$G$20=$B$17,14,0)+IF('Standard Profiles'!$G$20=$B$24,21,0),MOD($C7793,24)+1)/SUM(INDEX($D$3:$AA$30,INDEX(Jesper!$R$2:$R$366,ROW(INDEX(Jesper!AJ$2:AJ$366,ROUNDDOWN($C7793/24,0)+1,1))-1)+IF('Standard Profiles'!$G$20=$B$10,7,0)+IF('Standard Profiles'!$G$20=$B$17,14,0)+IF('Standard Profiles'!$G$20=$B$24,21,0),0)),0)</f>
        <v>0</v>
      </c>
      <c r="G7793" cm="1">
        <f t="array" ref="G7793">IFERROR(INDEX(Jesper!AK$2:AK$366,ROUNDDOWN($C7793/24,0)+1,1)*INDEX($D$3:$AA$30,INDEX(Jesper!$R$2:$R$366,ROW(INDEX(Jesper!AK$2:AK$366,ROUNDDOWN($C7793/24,0)+1,1))-1)+IF('Standard Profiles'!$G$21=$B$10,7,0)+IF('Standard Profiles'!$G$21=$B$17,14,0)+IF('Standard Profiles'!$G$21=$B$24,21,0),MOD($C7793,24)+1)/SUM(INDEX($D$3:$AA$30,INDEX(Jesper!$R$2:$R$366,ROW(INDEX(Jesper!AK$2:AK$366,ROUNDDOWN($C7793/24,0)+1,1))-1)+IF('Standard Profiles'!$G$21=$B$10,7,0)+IF('Standard Profiles'!$G$21=$B$17,14,0)+IF('Standard Profiles'!$G$21=$B$24,21,0),0)),0)</f>
        <v>10.771611478464596</v>
      </c>
      <c r="H7793" cm="1">
        <f t="array" ref="H7793">IFERROR(INDEX(Jesper!AL$2:AL$366,ROUNDDOWN($C7793/24,0)+1,1)*INDEX($D$3:$AA$30,INDEX(Jesper!$R$2:$R$366,ROW(INDEX(Jesper!AL$2:AL$366,ROUNDDOWN($C7793/24,0)+1,1))-1)+IF('Standard Profiles'!$G$22=$B$10,7,0)+IF('Standard Profiles'!$G$22=$B$17,14,0)+IF('Standard Profiles'!$G$22=$B$24,21,0),MOD($C7793,24)+1)/SUM(INDEX($D$3:$AA$30,INDEX(Jesper!$R$2:$R$366,ROW(INDEX(Jesper!AL$2:AL$366,ROUNDDOWN($C7793/24,0)+1,1))-1)+IF('Standard Profiles'!$G$22=$B$10,7,0)+IF('Standard Profiles'!$G$22=$B$17,14,0)+IF('Standard Profiles'!$G$22=$B$24,21,0),0)),0)</f>
        <v>0</v>
      </c>
      <c r="I7793">
        <f t="shared" si="867"/>
        <v>5.1703735096630039</v>
      </c>
      <c r="J7793">
        <f t="shared" si="868"/>
        <v>46.902290246812989</v>
      </c>
      <c r="K7793">
        <f t="shared" si="869"/>
        <v>2.5531100759140721</v>
      </c>
      <c r="L7793">
        <f t="shared" si="870"/>
        <v>1.2765550379570361</v>
      </c>
      <c r="M7793">
        <f t="shared" si="871"/>
        <v>0</v>
      </c>
      <c r="N7793" s="45">
        <f t="shared" si="872"/>
        <v>45250.291666647849</v>
      </c>
    </row>
    <row r="7794" spans="2:14" x14ac:dyDescent="0.25">
      <c r="B7794">
        <f t="shared" si="866"/>
        <v>1</v>
      </c>
      <c r="C7794" s="16">
        <v>7760</v>
      </c>
      <c r="D7794" cm="1">
        <f t="array" ref="D7794">IFERROR(INDEX(Jesper!AH$2:AH$366,ROUNDDOWN($C7794/24,0)+1,1)*INDEX($D$3:$AA$30,INDEX(Jesper!$R$2:$R$366,ROW(INDEX(Jesper!AH$2:AH$366,ROUNDDOWN($C7794/24,0)+1,1))-1)+IF('Standard Profiles'!$G$18=$B$10,7,0)+IF('Standard Profiles'!$G$18=$B$17,14,0)+IF('Standard Profiles'!$G$18=$B$24,21,0),MOD($C7794,24)+1)/SUM(INDEX($D$3:$AA$30,INDEX(Jesper!$R$2:$R$366,ROW(INDEX(Jesper!AH$2:AH$366,ROUNDDOWN($C7794/24,0)+1,1))-1)+IF('Standard Profiles'!$G$18=$B$10,7,0)+IF('Standard Profiles'!$G$18=$B$17,14,0)+IF('Standard Profiles'!$G$18=$B$24,21,0),0)),0)</f>
        <v>26.927332831906227</v>
      </c>
      <c r="E7794" cm="1">
        <f t="array" ref="E7794">IFERROR(INDEX(Jesper!AI$2:AI$366,ROUNDDOWN($C7794/24,0)+1,1)*INDEX($D$3:$AA$30,INDEX(Jesper!$R$2:$R$366,ROW(INDEX(Jesper!AI$2:AI$366,ROUNDDOWN($C7794/24,0)+1,1))-1)+IF('Standard Profiles'!$G$19=$B$10,7,0)+IF('Standard Profiles'!$G$19=$B$17,14,0)+IF('Standard Profiles'!$G$19=$B$24,21,0),MOD($C7794,24)+1)/SUM(INDEX($D$3:$AA$30,INDEX(Jesper!$R$2:$R$366,ROW(INDEX(Jesper!AI$2:AI$366,ROUNDDOWN($C7794/24,0)+1,1))-1)+IF('Standard Profiles'!$G$19=$B$10,7,0)+IF('Standard Profiles'!$G$19=$B$17,14,0)+IF('Standard Profiles'!$G$19=$B$24,21,0),0)),0)</f>
        <v>23.844724233961589</v>
      </c>
      <c r="F7794" cm="1">
        <f t="array" ref="F7794">IFERROR(INDEX(Jesper!AJ$2:AJ$366,ROUNDDOWN($C7794/24,0)+1,1)*INDEX($D$3:$AA$30,INDEX(Jesper!$R$2:$R$366,ROW(INDEX(Jesper!AJ$2:AJ$366,ROUNDDOWN($C7794/24,0)+1,1))-1)+IF('Standard Profiles'!$G$20=$B$10,7,0)+IF('Standard Profiles'!$G$20=$B$17,14,0)+IF('Standard Profiles'!$G$20=$B$24,21,0),MOD($C7794,24)+1)/SUM(INDEX($D$3:$AA$30,INDEX(Jesper!$R$2:$R$366,ROW(INDEX(Jesper!AJ$2:AJ$366,ROUNDDOWN($C7794/24,0)+1,1))-1)+IF('Standard Profiles'!$G$20=$B$10,7,0)+IF('Standard Profiles'!$G$20=$B$17,14,0)+IF('Standard Profiles'!$G$20=$B$24,21,0),0)),0)</f>
        <v>0</v>
      </c>
      <c r="G7794" cm="1">
        <f t="array" ref="G7794">IFERROR(INDEX(Jesper!AK$2:AK$366,ROUNDDOWN($C7794/24,0)+1,1)*INDEX($D$3:$AA$30,INDEX(Jesper!$R$2:$R$366,ROW(INDEX(Jesper!AK$2:AK$366,ROUNDDOWN($C7794/24,0)+1,1))-1)+IF('Standard Profiles'!$G$21=$B$10,7,0)+IF('Standard Profiles'!$G$21=$B$17,14,0)+IF('Standard Profiles'!$G$21=$B$24,21,0),MOD($C7794,24)+1)/SUM(INDEX($D$3:$AA$30,INDEX(Jesper!$R$2:$R$366,ROW(INDEX(Jesper!AK$2:AK$366,ROUNDDOWN($C7794/24,0)+1,1))-1)+IF('Standard Profiles'!$G$21=$B$10,7,0)+IF('Standard Profiles'!$G$21=$B$17,14,0)+IF('Standard Profiles'!$G$21=$B$24,21,0),0)),0)</f>
        <v>12.11806291327267</v>
      </c>
      <c r="H7794" cm="1">
        <f t="array" ref="H7794">IFERROR(INDEX(Jesper!AL$2:AL$366,ROUNDDOWN($C7794/24,0)+1,1)*INDEX($D$3:$AA$30,INDEX(Jesper!$R$2:$R$366,ROW(INDEX(Jesper!AL$2:AL$366,ROUNDDOWN($C7794/24,0)+1,1))-1)+IF('Standard Profiles'!$G$22=$B$10,7,0)+IF('Standard Profiles'!$G$22=$B$17,14,0)+IF('Standard Profiles'!$G$22=$B$24,21,0),MOD($C7794,24)+1)/SUM(INDEX($D$3:$AA$30,INDEX(Jesper!$R$2:$R$366,ROW(INDEX(Jesper!AL$2:AL$366,ROUNDDOWN($C7794/24,0)+1,1))-1)+IF('Standard Profiles'!$G$22=$B$10,7,0)+IF('Standard Profiles'!$G$22=$B$17,14,0)+IF('Standard Profiles'!$G$22=$B$24,21,0),0)),0)</f>
        <v>0</v>
      </c>
      <c r="I7794">
        <f t="shared" si="867"/>
        <v>5.8166701983708791</v>
      </c>
      <c r="J7794">
        <f t="shared" si="868"/>
        <v>52.765076527664618</v>
      </c>
      <c r="K7794">
        <f t="shared" si="869"/>
        <v>2.8722488354033313</v>
      </c>
      <c r="L7794">
        <f t="shared" si="870"/>
        <v>1.4361244177016657</v>
      </c>
      <c r="M7794">
        <f t="shared" si="871"/>
        <v>0</v>
      </c>
      <c r="N7794" s="45">
        <f t="shared" si="872"/>
        <v>45250.333333314513</v>
      </c>
    </row>
    <row r="7795" spans="2:14" x14ac:dyDescent="0.25">
      <c r="B7795">
        <f t="shared" si="866"/>
        <v>1</v>
      </c>
      <c r="C7795" s="16">
        <v>7761</v>
      </c>
      <c r="D7795" cm="1">
        <f t="array" ref="D7795">IFERROR(INDEX(Jesper!AH$2:AH$366,ROUNDDOWN($C7795/24,0)+1,1)*INDEX($D$3:$AA$30,INDEX(Jesper!$R$2:$R$366,ROW(INDEX(Jesper!AH$2:AH$366,ROUNDDOWN($C7795/24,0)+1,1))-1)+IF('Standard Profiles'!$G$18=$B$10,7,0)+IF('Standard Profiles'!$G$18=$B$17,14,0)+IF('Standard Profiles'!$G$18=$B$24,21,0),MOD($C7795,24)+1)/SUM(INDEX($D$3:$AA$30,INDEX(Jesper!$R$2:$R$366,ROW(INDEX(Jesper!AH$2:AH$366,ROUNDDOWN($C7795/24,0)+1,1))-1)+IF('Standard Profiles'!$G$18=$B$10,7,0)+IF('Standard Profiles'!$G$18=$B$17,14,0)+IF('Standard Profiles'!$G$18=$B$24,21,0),0)),0)</f>
        <v>29.919258702118032</v>
      </c>
      <c r="E7795" cm="1">
        <f t="array" ref="E7795">IFERROR(INDEX(Jesper!AI$2:AI$366,ROUNDDOWN($C7795/24,0)+1,1)*INDEX($D$3:$AA$30,INDEX(Jesper!$R$2:$R$366,ROW(INDEX(Jesper!AI$2:AI$366,ROUNDDOWN($C7795/24,0)+1,1))-1)+IF('Standard Profiles'!$G$19=$B$10,7,0)+IF('Standard Profiles'!$G$19=$B$17,14,0)+IF('Standard Profiles'!$G$19=$B$24,21,0),MOD($C7795,24)+1)/SUM(INDEX($D$3:$AA$30,INDEX(Jesper!$R$2:$R$366,ROW(INDEX(Jesper!AI$2:AI$366,ROUNDDOWN($C7795/24,0)+1,1))-1)+IF('Standard Profiles'!$G$19=$B$10,7,0)+IF('Standard Profiles'!$G$19=$B$17,14,0)+IF('Standard Profiles'!$G$19=$B$24,21,0),0)),0)</f>
        <v>26.494138037735102</v>
      </c>
      <c r="F7795" cm="1">
        <f t="array" ref="F7795">IFERROR(INDEX(Jesper!AJ$2:AJ$366,ROUNDDOWN($C7795/24,0)+1,1)*INDEX($D$3:$AA$30,INDEX(Jesper!$R$2:$R$366,ROW(INDEX(Jesper!AJ$2:AJ$366,ROUNDDOWN($C7795/24,0)+1,1))-1)+IF('Standard Profiles'!$G$20=$B$10,7,0)+IF('Standard Profiles'!$G$20=$B$17,14,0)+IF('Standard Profiles'!$G$20=$B$24,21,0),MOD($C7795,24)+1)/SUM(INDEX($D$3:$AA$30,INDEX(Jesper!$R$2:$R$366,ROW(INDEX(Jesper!AJ$2:AJ$366,ROUNDDOWN($C7795/24,0)+1,1))-1)+IF('Standard Profiles'!$G$20=$B$10,7,0)+IF('Standard Profiles'!$G$20=$B$17,14,0)+IF('Standard Profiles'!$G$20=$B$24,21,0),0)),0)</f>
        <v>0</v>
      </c>
      <c r="G7795" cm="1">
        <f t="array" ref="G7795">IFERROR(INDEX(Jesper!AK$2:AK$366,ROUNDDOWN($C7795/24,0)+1,1)*INDEX($D$3:$AA$30,INDEX(Jesper!$R$2:$R$366,ROW(INDEX(Jesper!AK$2:AK$366,ROUNDDOWN($C7795/24,0)+1,1))-1)+IF('Standard Profiles'!$G$21=$B$10,7,0)+IF('Standard Profiles'!$G$21=$B$17,14,0)+IF('Standard Profiles'!$G$21=$B$24,21,0),MOD($C7795,24)+1)/SUM(INDEX($D$3:$AA$30,INDEX(Jesper!$R$2:$R$366,ROW(INDEX(Jesper!AK$2:AK$366,ROUNDDOWN($C7795/24,0)+1,1))-1)+IF('Standard Profiles'!$G$21=$B$10,7,0)+IF('Standard Profiles'!$G$21=$B$17,14,0)+IF('Standard Profiles'!$G$21=$B$24,21,0),0)),0)</f>
        <v>13.464514348080742</v>
      </c>
      <c r="H7795" cm="1">
        <f t="array" ref="H7795">IFERROR(INDEX(Jesper!AL$2:AL$366,ROUNDDOWN($C7795/24,0)+1,1)*INDEX($D$3:$AA$30,INDEX(Jesper!$R$2:$R$366,ROW(INDEX(Jesper!AL$2:AL$366,ROUNDDOWN($C7795/24,0)+1,1))-1)+IF('Standard Profiles'!$G$22=$B$10,7,0)+IF('Standard Profiles'!$G$22=$B$17,14,0)+IF('Standard Profiles'!$G$22=$B$24,21,0),MOD($C7795,24)+1)/SUM(INDEX($D$3:$AA$30,INDEX(Jesper!$R$2:$R$366,ROW(INDEX(Jesper!AL$2:AL$366,ROUNDDOWN($C7795/24,0)+1,1))-1)+IF('Standard Profiles'!$G$22=$B$10,7,0)+IF('Standard Profiles'!$G$22=$B$17,14,0)+IF('Standard Profiles'!$G$22=$B$24,21,0),0)),0)</f>
        <v>0</v>
      </c>
      <c r="I7795">
        <f t="shared" si="867"/>
        <v>6.4629668870787533</v>
      </c>
      <c r="J7795">
        <f t="shared" si="868"/>
        <v>58.627862808516241</v>
      </c>
      <c r="K7795">
        <f t="shared" si="869"/>
        <v>3.1913875948925905</v>
      </c>
      <c r="L7795">
        <f t="shared" si="870"/>
        <v>1.5956937974462952</v>
      </c>
      <c r="M7795">
        <f t="shared" si="871"/>
        <v>0</v>
      </c>
      <c r="N7795" s="45">
        <f t="shared" si="872"/>
        <v>45250.374999981177</v>
      </c>
    </row>
    <row r="7796" spans="2:14" x14ac:dyDescent="0.25">
      <c r="B7796">
        <f t="shared" si="866"/>
        <v>1</v>
      </c>
      <c r="C7796" s="16">
        <v>7762</v>
      </c>
      <c r="D7796" cm="1">
        <f t="array" ref="D7796">IFERROR(INDEX(Jesper!AH$2:AH$366,ROUNDDOWN($C7796/24,0)+1,1)*INDEX($D$3:$AA$30,INDEX(Jesper!$R$2:$R$366,ROW(INDEX(Jesper!AH$2:AH$366,ROUNDDOWN($C7796/24,0)+1,1))-1)+IF('Standard Profiles'!$G$18=$B$10,7,0)+IF('Standard Profiles'!$G$18=$B$17,14,0)+IF('Standard Profiles'!$G$18=$B$24,21,0),MOD($C7796,24)+1)/SUM(INDEX($D$3:$AA$30,INDEX(Jesper!$R$2:$R$366,ROW(INDEX(Jesper!AH$2:AH$366,ROUNDDOWN($C7796/24,0)+1,1))-1)+IF('Standard Profiles'!$G$18=$B$10,7,0)+IF('Standard Profiles'!$G$18=$B$17,14,0)+IF('Standard Profiles'!$G$18=$B$24,21,0),0)),0)</f>
        <v>29.919258702118032</v>
      </c>
      <c r="E7796" cm="1">
        <f t="array" ref="E7796">IFERROR(INDEX(Jesper!AI$2:AI$366,ROUNDDOWN($C7796/24,0)+1,1)*INDEX($D$3:$AA$30,INDEX(Jesper!$R$2:$R$366,ROW(INDEX(Jesper!AI$2:AI$366,ROUNDDOWN($C7796/24,0)+1,1))-1)+IF('Standard Profiles'!$G$19=$B$10,7,0)+IF('Standard Profiles'!$G$19=$B$17,14,0)+IF('Standard Profiles'!$G$19=$B$24,21,0),MOD($C7796,24)+1)/SUM(INDEX($D$3:$AA$30,INDEX(Jesper!$R$2:$R$366,ROW(INDEX(Jesper!AI$2:AI$366,ROUNDDOWN($C7796/24,0)+1,1))-1)+IF('Standard Profiles'!$G$19=$B$10,7,0)+IF('Standard Profiles'!$G$19=$B$17,14,0)+IF('Standard Profiles'!$G$19=$B$24,21,0),0)),0)</f>
        <v>26.494138037735102</v>
      </c>
      <c r="F7796" cm="1">
        <f t="array" ref="F7796">IFERROR(INDEX(Jesper!AJ$2:AJ$366,ROUNDDOWN($C7796/24,0)+1,1)*INDEX($D$3:$AA$30,INDEX(Jesper!$R$2:$R$366,ROW(INDEX(Jesper!AJ$2:AJ$366,ROUNDDOWN($C7796/24,0)+1,1))-1)+IF('Standard Profiles'!$G$20=$B$10,7,0)+IF('Standard Profiles'!$G$20=$B$17,14,0)+IF('Standard Profiles'!$G$20=$B$24,21,0),MOD($C7796,24)+1)/SUM(INDEX($D$3:$AA$30,INDEX(Jesper!$R$2:$R$366,ROW(INDEX(Jesper!AJ$2:AJ$366,ROUNDDOWN($C7796/24,0)+1,1))-1)+IF('Standard Profiles'!$G$20=$B$10,7,0)+IF('Standard Profiles'!$G$20=$B$17,14,0)+IF('Standard Profiles'!$G$20=$B$24,21,0),0)),0)</f>
        <v>0</v>
      </c>
      <c r="G7796" cm="1">
        <f t="array" ref="G7796">IFERROR(INDEX(Jesper!AK$2:AK$366,ROUNDDOWN($C7796/24,0)+1,1)*INDEX($D$3:$AA$30,INDEX(Jesper!$R$2:$R$366,ROW(INDEX(Jesper!AK$2:AK$366,ROUNDDOWN($C7796/24,0)+1,1))-1)+IF('Standard Profiles'!$G$21=$B$10,7,0)+IF('Standard Profiles'!$G$21=$B$17,14,0)+IF('Standard Profiles'!$G$21=$B$24,21,0),MOD($C7796,24)+1)/SUM(INDEX($D$3:$AA$30,INDEX(Jesper!$R$2:$R$366,ROW(INDEX(Jesper!AK$2:AK$366,ROUNDDOWN($C7796/24,0)+1,1))-1)+IF('Standard Profiles'!$G$21=$B$10,7,0)+IF('Standard Profiles'!$G$21=$B$17,14,0)+IF('Standard Profiles'!$G$21=$B$24,21,0),0)),0)</f>
        <v>13.464514348080742</v>
      </c>
      <c r="H7796" cm="1">
        <f t="array" ref="H7796">IFERROR(INDEX(Jesper!AL$2:AL$366,ROUNDDOWN($C7796/24,0)+1,1)*INDEX($D$3:$AA$30,INDEX(Jesper!$R$2:$R$366,ROW(INDEX(Jesper!AL$2:AL$366,ROUNDDOWN($C7796/24,0)+1,1))-1)+IF('Standard Profiles'!$G$22=$B$10,7,0)+IF('Standard Profiles'!$G$22=$B$17,14,0)+IF('Standard Profiles'!$G$22=$B$24,21,0),MOD($C7796,24)+1)/SUM(INDEX($D$3:$AA$30,INDEX(Jesper!$R$2:$R$366,ROW(INDEX(Jesper!AL$2:AL$366,ROUNDDOWN($C7796/24,0)+1,1))-1)+IF('Standard Profiles'!$G$22=$B$10,7,0)+IF('Standard Profiles'!$G$22=$B$17,14,0)+IF('Standard Profiles'!$G$22=$B$24,21,0),0)),0)</f>
        <v>0</v>
      </c>
      <c r="I7796">
        <f t="shared" si="867"/>
        <v>6.4629668870787533</v>
      </c>
      <c r="J7796">
        <f t="shared" si="868"/>
        <v>58.627862808516241</v>
      </c>
      <c r="K7796">
        <f t="shared" si="869"/>
        <v>3.1913875948925905</v>
      </c>
      <c r="L7796">
        <f t="shared" si="870"/>
        <v>1.5956937974462952</v>
      </c>
      <c r="M7796">
        <f t="shared" si="871"/>
        <v>0</v>
      </c>
      <c r="N7796" s="45">
        <f t="shared" si="872"/>
        <v>45250.416666647841</v>
      </c>
    </row>
    <row r="7797" spans="2:14" x14ac:dyDescent="0.25">
      <c r="B7797">
        <f t="shared" si="866"/>
        <v>1</v>
      </c>
      <c r="C7797" s="16">
        <v>7763</v>
      </c>
      <c r="D7797" cm="1">
        <f t="array" ref="D7797">IFERROR(INDEX(Jesper!AH$2:AH$366,ROUNDDOWN($C7797/24,0)+1,1)*INDEX($D$3:$AA$30,INDEX(Jesper!$R$2:$R$366,ROW(INDEX(Jesper!AH$2:AH$366,ROUNDDOWN($C7797/24,0)+1,1))-1)+IF('Standard Profiles'!$G$18=$B$10,7,0)+IF('Standard Profiles'!$G$18=$B$17,14,0)+IF('Standard Profiles'!$G$18=$B$24,21,0),MOD($C7797,24)+1)/SUM(INDEX($D$3:$AA$30,INDEX(Jesper!$R$2:$R$366,ROW(INDEX(Jesper!AH$2:AH$366,ROUNDDOWN($C7797/24,0)+1,1))-1)+IF('Standard Profiles'!$G$18=$B$10,7,0)+IF('Standard Profiles'!$G$18=$B$17,14,0)+IF('Standard Profiles'!$G$18=$B$24,21,0),0)),0)</f>
        <v>35.903110442541632</v>
      </c>
      <c r="E7797" cm="1">
        <f t="array" ref="E7797">IFERROR(INDEX(Jesper!AI$2:AI$366,ROUNDDOWN($C7797/24,0)+1,1)*INDEX($D$3:$AA$30,INDEX(Jesper!$R$2:$R$366,ROW(INDEX(Jesper!AI$2:AI$366,ROUNDDOWN($C7797/24,0)+1,1))-1)+IF('Standard Profiles'!$G$19=$B$10,7,0)+IF('Standard Profiles'!$G$19=$B$17,14,0)+IF('Standard Profiles'!$G$19=$B$24,21,0),MOD($C7797,24)+1)/SUM(INDEX($D$3:$AA$30,INDEX(Jesper!$R$2:$R$366,ROW(INDEX(Jesper!AI$2:AI$366,ROUNDDOWN($C7797/24,0)+1,1))-1)+IF('Standard Profiles'!$G$19=$B$10,7,0)+IF('Standard Profiles'!$G$19=$B$17,14,0)+IF('Standard Profiles'!$G$19=$B$24,21,0),0)),0)</f>
        <v>31.792965645282113</v>
      </c>
      <c r="F7797" cm="1">
        <f t="array" ref="F7797">IFERROR(INDEX(Jesper!AJ$2:AJ$366,ROUNDDOWN($C7797/24,0)+1,1)*INDEX($D$3:$AA$30,INDEX(Jesper!$R$2:$R$366,ROW(INDEX(Jesper!AJ$2:AJ$366,ROUNDDOWN($C7797/24,0)+1,1))-1)+IF('Standard Profiles'!$G$20=$B$10,7,0)+IF('Standard Profiles'!$G$20=$B$17,14,0)+IF('Standard Profiles'!$G$20=$B$24,21,0),MOD($C7797,24)+1)/SUM(INDEX($D$3:$AA$30,INDEX(Jesper!$R$2:$R$366,ROW(INDEX(Jesper!AJ$2:AJ$366,ROUNDDOWN($C7797/24,0)+1,1))-1)+IF('Standard Profiles'!$G$20=$B$10,7,0)+IF('Standard Profiles'!$G$20=$B$17,14,0)+IF('Standard Profiles'!$G$20=$B$24,21,0),0)),0)</f>
        <v>0</v>
      </c>
      <c r="G7797" cm="1">
        <f t="array" ref="G7797">IFERROR(INDEX(Jesper!AK$2:AK$366,ROUNDDOWN($C7797/24,0)+1,1)*INDEX($D$3:$AA$30,INDEX(Jesper!$R$2:$R$366,ROW(INDEX(Jesper!AK$2:AK$366,ROUNDDOWN($C7797/24,0)+1,1))-1)+IF('Standard Profiles'!$G$21=$B$10,7,0)+IF('Standard Profiles'!$G$21=$B$17,14,0)+IF('Standard Profiles'!$G$21=$B$24,21,0),MOD($C7797,24)+1)/SUM(INDEX($D$3:$AA$30,INDEX(Jesper!$R$2:$R$366,ROW(INDEX(Jesper!AK$2:AK$366,ROUNDDOWN($C7797/24,0)+1,1))-1)+IF('Standard Profiles'!$G$21=$B$10,7,0)+IF('Standard Profiles'!$G$21=$B$17,14,0)+IF('Standard Profiles'!$G$21=$B$24,21,0),0)),0)</f>
        <v>16.157417217696889</v>
      </c>
      <c r="H7797" cm="1">
        <f t="array" ref="H7797">IFERROR(INDEX(Jesper!AL$2:AL$366,ROUNDDOWN($C7797/24,0)+1,1)*INDEX($D$3:$AA$30,INDEX(Jesper!$R$2:$R$366,ROW(INDEX(Jesper!AL$2:AL$366,ROUNDDOWN($C7797/24,0)+1,1))-1)+IF('Standard Profiles'!$G$22=$B$10,7,0)+IF('Standard Profiles'!$G$22=$B$17,14,0)+IF('Standard Profiles'!$G$22=$B$24,21,0),MOD($C7797,24)+1)/SUM(INDEX($D$3:$AA$30,INDEX(Jesper!$R$2:$R$366,ROW(INDEX(Jesper!AL$2:AL$366,ROUNDDOWN($C7797/24,0)+1,1))-1)+IF('Standard Profiles'!$G$22=$B$10,7,0)+IF('Standard Profiles'!$G$22=$B$17,14,0)+IF('Standard Profiles'!$G$22=$B$24,21,0),0)),0)</f>
        <v>0</v>
      </c>
      <c r="I7797">
        <f t="shared" si="867"/>
        <v>7.7555602644945028</v>
      </c>
      <c r="J7797">
        <f t="shared" si="868"/>
        <v>70.353435370219472</v>
      </c>
      <c r="K7797">
        <f t="shared" si="869"/>
        <v>3.8296651138711075</v>
      </c>
      <c r="L7797">
        <f t="shared" si="870"/>
        <v>1.9148325569355538</v>
      </c>
      <c r="M7797">
        <f t="shared" si="871"/>
        <v>0</v>
      </c>
      <c r="N7797" s="45">
        <f t="shared" si="872"/>
        <v>45250.458333314506</v>
      </c>
    </row>
    <row r="7798" spans="2:14" x14ac:dyDescent="0.25">
      <c r="B7798">
        <f t="shared" si="866"/>
        <v>1</v>
      </c>
      <c r="C7798" s="16">
        <v>7764</v>
      </c>
      <c r="D7798" cm="1">
        <f t="array" ref="D7798">IFERROR(INDEX(Jesper!AH$2:AH$366,ROUNDDOWN($C7798/24,0)+1,1)*INDEX($D$3:$AA$30,INDEX(Jesper!$R$2:$R$366,ROW(INDEX(Jesper!AH$2:AH$366,ROUNDDOWN($C7798/24,0)+1,1))-1)+IF('Standard Profiles'!$G$18=$B$10,7,0)+IF('Standard Profiles'!$G$18=$B$17,14,0)+IF('Standard Profiles'!$G$18=$B$24,21,0),MOD($C7798,24)+1)/SUM(INDEX($D$3:$AA$30,INDEX(Jesper!$R$2:$R$366,ROW(INDEX(Jesper!AH$2:AH$366,ROUNDDOWN($C7798/24,0)+1,1))-1)+IF('Standard Profiles'!$G$18=$B$10,7,0)+IF('Standard Profiles'!$G$18=$B$17,14,0)+IF('Standard Profiles'!$G$18=$B$24,21,0),0)),0)</f>
        <v>35.903110442541632</v>
      </c>
      <c r="E7798" cm="1">
        <f t="array" ref="E7798">IFERROR(INDEX(Jesper!AI$2:AI$366,ROUNDDOWN($C7798/24,0)+1,1)*INDEX($D$3:$AA$30,INDEX(Jesper!$R$2:$R$366,ROW(INDEX(Jesper!AI$2:AI$366,ROUNDDOWN($C7798/24,0)+1,1))-1)+IF('Standard Profiles'!$G$19=$B$10,7,0)+IF('Standard Profiles'!$G$19=$B$17,14,0)+IF('Standard Profiles'!$G$19=$B$24,21,0),MOD($C7798,24)+1)/SUM(INDEX($D$3:$AA$30,INDEX(Jesper!$R$2:$R$366,ROW(INDEX(Jesper!AI$2:AI$366,ROUNDDOWN($C7798/24,0)+1,1))-1)+IF('Standard Profiles'!$G$19=$B$10,7,0)+IF('Standard Profiles'!$G$19=$B$17,14,0)+IF('Standard Profiles'!$G$19=$B$24,21,0),0)),0)</f>
        <v>31.792965645282113</v>
      </c>
      <c r="F7798" cm="1">
        <f t="array" ref="F7798">IFERROR(INDEX(Jesper!AJ$2:AJ$366,ROUNDDOWN($C7798/24,0)+1,1)*INDEX($D$3:$AA$30,INDEX(Jesper!$R$2:$R$366,ROW(INDEX(Jesper!AJ$2:AJ$366,ROUNDDOWN($C7798/24,0)+1,1))-1)+IF('Standard Profiles'!$G$20=$B$10,7,0)+IF('Standard Profiles'!$G$20=$B$17,14,0)+IF('Standard Profiles'!$G$20=$B$24,21,0),MOD($C7798,24)+1)/SUM(INDEX($D$3:$AA$30,INDEX(Jesper!$R$2:$R$366,ROW(INDEX(Jesper!AJ$2:AJ$366,ROUNDDOWN($C7798/24,0)+1,1))-1)+IF('Standard Profiles'!$G$20=$B$10,7,0)+IF('Standard Profiles'!$G$20=$B$17,14,0)+IF('Standard Profiles'!$G$20=$B$24,21,0),0)),0)</f>
        <v>0</v>
      </c>
      <c r="G7798" cm="1">
        <f t="array" ref="G7798">IFERROR(INDEX(Jesper!AK$2:AK$366,ROUNDDOWN($C7798/24,0)+1,1)*INDEX($D$3:$AA$30,INDEX(Jesper!$R$2:$R$366,ROW(INDEX(Jesper!AK$2:AK$366,ROUNDDOWN($C7798/24,0)+1,1))-1)+IF('Standard Profiles'!$G$21=$B$10,7,0)+IF('Standard Profiles'!$G$21=$B$17,14,0)+IF('Standard Profiles'!$G$21=$B$24,21,0),MOD($C7798,24)+1)/SUM(INDEX($D$3:$AA$30,INDEX(Jesper!$R$2:$R$366,ROW(INDEX(Jesper!AK$2:AK$366,ROUNDDOWN($C7798/24,0)+1,1))-1)+IF('Standard Profiles'!$G$21=$B$10,7,0)+IF('Standard Profiles'!$G$21=$B$17,14,0)+IF('Standard Profiles'!$G$21=$B$24,21,0),0)),0)</f>
        <v>16.157417217696889</v>
      </c>
      <c r="H7798" cm="1">
        <f t="array" ref="H7798">IFERROR(INDEX(Jesper!AL$2:AL$366,ROUNDDOWN($C7798/24,0)+1,1)*INDEX($D$3:$AA$30,INDEX(Jesper!$R$2:$R$366,ROW(INDEX(Jesper!AL$2:AL$366,ROUNDDOWN($C7798/24,0)+1,1))-1)+IF('Standard Profiles'!$G$22=$B$10,7,0)+IF('Standard Profiles'!$G$22=$B$17,14,0)+IF('Standard Profiles'!$G$22=$B$24,21,0),MOD($C7798,24)+1)/SUM(INDEX($D$3:$AA$30,INDEX(Jesper!$R$2:$R$366,ROW(INDEX(Jesper!AL$2:AL$366,ROUNDDOWN($C7798/24,0)+1,1))-1)+IF('Standard Profiles'!$G$22=$B$10,7,0)+IF('Standard Profiles'!$G$22=$B$17,14,0)+IF('Standard Profiles'!$G$22=$B$24,21,0),0)),0)</f>
        <v>0</v>
      </c>
      <c r="I7798">
        <f t="shared" si="867"/>
        <v>7.7555602644945028</v>
      </c>
      <c r="J7798">
        <f t="shared" si="868"/>
        <v>70.353435370219472</v>
      </c>
      <c r="K7798">
        <f t="shared" si="869"/>
        <v>3.8296651138711075</v>
      </c>
      <c r="L7798">
        <f t="shared" si="870"/>
        <v>1.9148325569355538</v>
      </c>
      <c r="M7798">
        <f t="shared" si="871"/>
        <v>0</v>
      </c>
      <c r="N7798" s="45">
        <f t="shared" si="872"/>
        <v>45250.49999998117</v>
      </c>
    </row>
    <row r="7799" spans="2:14" x14ac:dyDescent="0.25">
      <c r="B7799">
        <f t="shared" si="866"/>
        <v>1</v>
      </c>
      <c r="C7799" s="16">
        <v>7765</v>
      </c>
      <c r="D7799" cm="1">
        <f t="array" ref="D7799">IFERROR(INDEX(Jesper!AH$2:AH$366,ROUNDDOWN($C7799/24,0)+1,1)*INDEX($D$3:$AA$30,INDEX(Jesper!$R$2:$R$366,ROW(INDEX(Jesper!AH$2:AH$366,ROUNDDOWN($C7799/24,0)+1,1))-1)+IF('Standard Profiles'!$G$18=$B$10,7,0)+IF('Standard Profiles'!$G$18=$B$17,14,0)+IF('Standard Profiles'!$G$18=$B$24,21,0),MOD($C7799,24)+1)/SUM(INDEX($D$3:$AA$30,INDEX(Jesper!$R$2:$R$366,ROW(INDEX(Jesper!AH$2:AH$366,ROUNDDOWN($C7799/24,0)+1,1))-1)+IF('Standard Profiles'!$G$18=$B$10,7,0)+IF('Standard Profiles'!$G$18=$B$17,14,0)+IF('Standard Profiles'!$G$18=$B$24,21,0),0)),0)</f>
        <v>23.935406961694426</v>
      </c>
      <c r="E7799" cm="1">
        <f t="array" ref="E7799">IFERROR(INDEX(Jesper!AI$2:AI$366,ROUNDDOWN($C7799/24,0)+1,1)*INDEX($D$3:$AA$30,INDEX(Jesper!$R$2:$R$366,ROW(INDEX(Jesper!AI$2:AI$366,ROUNDDOWN($C7799/24,0)+1,1))-1)+IF('Standard Profiles'!$G$19=$B$10,7,0)+IF('Standard Profiles'!$G$19=$B$17,14,0)+IF('Standard Profiles'!$G$19=$B$24,21,0),MOD($C7799,24)+1)/SUM(INDEX($D$3:$AA$30,INDEX(Jesper!$R$2:$R$366,ROW(INDEX(Jesper!AI$2:AI$366,ROUNDDOWN($C7799/24,0)+1,1))-1)+IF('Standard Profiles'!$G$19=$B$10,7,0)+IF('Standard Profiles'!$G$19=$B$17,14,0)+IF('Standard Profiles'!$G$19=$B$24,21,0),0)),0)</f>
        <v>21.19531043018808</v>
      </c>
      <c r="F7799" cm="1">
        <f t="array" ref="F7799">IFERROR(INDEX(Jesper!AJ$2:AJ$366,ROUNDDOWN($C7799/24,0)+1,1)*INDEX($D$3:$AA$30,INDEX(Jesper!$R$2:$R$366,ROW(INDEX(Jesper!AJ$2:AJ$366,ROUNDDOWN($C7799/24,0)+1,1))-1)+IF('Standard Profiles'!$G$20=$B$10,7,0)+IF('Standard Profiles'!$G$20=$B$17,14,0)+IF('Standard Profiles'!$G$20=$B$24,21,0),MOD($C7799,24)+1)/SUM(INDEX($D$3:$AA$30,INDEX(Jesper!$R$2:$R$366,ROW(INDEX(Jesper!AJ$2:AJ$366,ROUNDDOWN($C7799/24,0)+1,1))-1)+IF('Standard Profiles'!$G$20=$B$10,7,0)+IF('Standard Profiles'!$G$20=$B$17,14,0)+IF('Standard Profiles'!$G$20=$B$24,21,0),0)),0)</f>
        <v>0</v>
      </c>
      <c r="G7799" cm="1">
        <f t="array" ref="G7799">IFERROR(INDEX(Jesper!AK$2:AK$366,ROUNDDOWN($C7799/24,0)+1,1)*INDEX($D$3:$AA$30,INDEX(Jesper!$R$2:$R$366,ROW(INDEX(Jesper!AK$2:AK$366,ROUNDDOWN($C7799/24,0)+1,1))-1)+IF('Standard Profiles'!$G$21=$B$10,7,0)+IF('Standard Profiles'!$G$21=$B$17,14,0)+IF('Standard Profiles'!$G$21=$B$24,21,0),MOD($C7799,24)+1)/SUM(INDEX($D$3:$AA$30,INDEX(Jesper!$R$2:$R$366,ROW(INDEX(Jesper!AK$2:AK$366,ROUNDDOWN($C7799/24,0)+1,1))-1)+IF('Standard Profiles'!$G$21=$B$10,7,0)+IF('Standard Profiles'!$G$21=$B$17,14,0)+IF('Standard Profiles'!$G$21=$B$24,21,0),0)),0)</f>
        <v>10.771611478464596</v>
      </c>
      <c r="H7799" cm="1">
        <f t="array" ref="H7799">IFERROR(INDEX(Jesper!AL$2:AL$366,ROUNDDOWN($C7799/24,0)+1,1)*INDEX($D$3:$AA$30,INDEX(Jesper!$R$2:$R$366,ROW(INDEX(Jesper!AL$2:AL$366,ROUNDDOWN($C7799/24,0)+1,1))-1)+IF('Standard Profiles'!$G$22=$B$10,7,0)+IF('Standard Profiles'!$G$22=$B$17,14,0)+IF('Standard Profiles'!$G$22=$B$24,21,0),MOD($C7799,24)+1)/SUM(INDEX($D$3:$AA$30,INDEX(Jesper!$R$2:$R$366,ROW(INDEX(Jesper!AL$2:AL$366,ROUNDDOWN($C7799/24,0)+1,1))-1)+IF('Standard Profiles'!$G$22=$B$10,7,0)+IF('Standard Profiles'!$G$22=$B$17,14,0)+IF('Standard Profiles'!$G$22=$B$24,21,0),0)),0)</f>
        <v>0</v>
      </c>
      <c r="I7799">
        <f t="shared" si="867"/>
        <v>5.1703735096630039</v>
      </c>
      <c r="J7799">
        <f t="shared" si="868"/>
        <v>46.902290246812989</v>
      </c>
      <c r="K7799">
        <f t="shared" si="869"/>
        <v>2.5531100759140721</v>
      </c>
      <c r="L7799">
        <f t="shared" si="870"/>
        <v>1.2765550379570361</v>
      </c>
      <c r="M7799">
        <f t="shared" si="871"/>
        <v>0</v>
      </c>
      <c r="N7799" s="45">
        <f t="shared" si="872"/>
        <v>45250.541666647834</v>
      </c>
    </row>
    <row r="7800" spans="2:14" x14ac:dyDescent="0.25">
      <c r="B7800">
        <f t="shared" si="866"/>
        <v>1</v>
      </c>
      <c r="C7800" s="16">
        <v>7766</v>
      </c>
      <c r="D7800" cm="1">
        <f t="array" ref="D7800">IFERROR(INDEX(Jesper!AH$2:AH$366,ROUNDDOWN($C7800/24,0)+1,1)*INDEX($D$3:$AA$30,INDEX(Jesper!$R$2:$R$366,ROW(INDEX(Jesper!AH$2:AH$366,ROUNDDOWN($C7800/24,0)+1,1))-1)+IF('Standard Profiles'!$G$18=$B$10,7,0)+IF('Standard Profiles'!$G$18=$B$17,14,0)+IF('Standard Profiles'!$G$18=$B$24,21,0),MOD($C7800,24)+1)/SUM(INDEX($D$3:$AA$30,INDEX(Jesper!$R$2:$R$366,ROW(INDEX(Jesper!AH$2:AH$366,ROUNDDOWN($C7800/24,0)+1,1))-1)+IF('Standard Profiles'!$G$18=$B$10,7,0)+IF('Standard Profiles'!$G$18=$B$17,14,0)+IF('Standard Profiles'!$G$18=$B$24,21,0),0)),0)</f>
        <v>35.903110442541632</v>
      </c>
      <c r="E7800" cm="1">
        <f t="array" ref="E7800">IFERROR(INDEX(Jesper!AI$2:AI$366,ROUNDDOWN($C7800/24,0)+1,1)*INDEX($D$3:$AA$30,INDEX(Jesper!$R$2:$R$366,ROW(INDEX(Jesper!AI$2:AI$366,ROUNDDOWN($C7800/24,0)+1,1))-1)+IF('Standard Profiles'!$G$19=$B$10,7,0)+IF('Standard Profiles'!$G$19=$B$17,14,0)+IF('Standard Profiles'!$G$19=$B$24,21,0),MOD($C7800,24)+1)/SUM(INDEX($D$3:$AA$30,INDEX(Jesper!$R$2:$R$366,ROW(INDEX(Jesper!AI$2:AI$366,ROUNDDOWN($C7800/24,0)+1,1))-1)+IF('Standard Profiles'!$G$19=$B$10,7,0)+IF('Standard Profiles'!$G$19=$B$17,14,0)+IF('Standard Profiles'!$G$19=$B$24,21,0),0)),0)</f>
        <v>31.792965645282113</v>
      </c>
      <c r="F7800" cm="1">
        <f t="array" ref="F7800">IFERROR(INDEX(Jesper!AJ$2:AJ$366,ROUNDDOWN($C7800/24,0)+1,1)*INDEX($D$3:$AA$30,INDEX(Jesper!$R$2:$R$366,ROW(INDEX(Jesper!AJ$2:AJ$366,ROUNDDOWN($C7800/24,0)+1,1))-1)+IF('Standard Profiles'!$G$20=$B$10,7,0)+IF('Standard Profiles'!$G$20=$B$17,14,0)+IF('Standard Profiles'!$G$20=$B$24,21,0),MOD($C7800,24)+1)/SUM(INDEX($D$3:$AA$30,INDEX(Jesper!$R$2:$R$366,ROW(INDEX(Jesper!AJ$2:AJ$366,ROUNDDOWN($C7800/24,0)+1,1))-1)+IF('Standard Profiles'!$G$20=$B$10,7,0)+IF('Standard Profiles'!$G$20=$B$17,14,0)+IF('Standard Profiles'!$G$20=$B$24,21,0),0)),0)</f>
        <v>0</v>
      </c>
      <c r="G7800" cm="1">
        <f t="array" ref="G7800">IFERROR(INDEX(Jesper!AK$2:AK$366,ROUNDDOWN($C7800/24,0)+1,1)*INDEX($D$3:$AA$30,INDEX(Jesper!$R$2:$R$366,ROW(INDEX(Jesper!AK$2:AK$366,ROUNDDOWN($C7800/24,0)+1,1))-1)+IF('Standard Profiles'!$G$21=$B$10,7,0)+IF('Standard Profiles'!$G$21=$B$17,14,0)+IF('Standard Profiles'!$G$21=$B$24,21,0),MOD($C7800,24)+1)/SUM(INDEX($D$3:$AA$30,INDEX(Jesper!$R$2:$R$366,ROW(INDEX(Jesper!AK$2:AK$366,ROUNDDOWN($C7800/24,0)+1,1))-1)+IF('Standard Profiles'!$G$21=$B$10,7,0)+IF('Standard Profiles'!$G$21=$B$17,14,0)+IF('Standard Profiles'!$G$21=$B$24,21,0),0)),0)</f>
        <v>16.157417217696889</v>
      </c>
      <c r="H7800" cm="1">
        <f t="array" ref="H7800">IFERROR(INDEX(Jesper!AL$2:AL$366,ROUNDDOWN($C7800/24,0)+1,1)*INDEX($D$3:$AA$30,INDEX(Jesper!$R$2:$R$366,ROW(INDEX(Jesper!AL$2:AL$366,ROUNDDOWN($C7800/24,0)+1,1))-1)+IF('Standard Profiles'!$G$22=$B$10,7,0)+IF('Standard Profiles'!$G$22=$B$17,14,0)+IF('Standard Profiles'!$G$22=$B$24,21,0),MOD($C7800,24)+1)/SUM(INDEX($D$3:$AA$30,INDEX(Jesper!$R$2:$R$366,ROW(INDEX(Jesper!AL$2:AL$366,ROUNDDOWN($C7800/24,0)+1,1))-1)+IF('Standard Profiles'!$G$22=$B$10,7,0)+IF('Standard Profiles'!$G$22=$B$17,14,0)+IF('Standard Profiles'!$G$22=$B$24,21,0),0)),0)</f>
        <v>0</v>
      </c>
      <c r="I7800">
        <f t="shared" si="867"/>
        <v>7.7555602644945028</v>
      </c>
      <c r="J7800">
        <f t="shared" si="868"/>
        <v>70.353435370219472</v>
      </c>
      <c r="K7800">
        <f t="shared" si="869"/>
        <v>3.8296651138711075</v>
      </c>
      <c r="L7800">
        <f t="shared" si="870"/>
        <v>1.9148325569355538</v>
      </c>
      <c r="M7800">
        <f t="shared" si="871"/>
        <v>0</v>
      </c>
      <c r="N7800" s="45">
        <f t="shared" si="872"/>
        <v>45250.583333314498</v>
      </c>
    </row>
    <row r="7801" spans="2:14" x14ac:dyDescent="0.25">
      <c r="B7801">
        <f t="shared" si="866"/>
        <v>1</v>
      </c>
      <c r="C7801" s="16">
        <v>7767</v>
      </c>
      <c r="D7801" cm="1">
        <f t="array" ref="D7801">IFERROR(INDEX(Jesper!AH$2:AH$366,ROUNDDOWN($C7801/24,0)+1,1)*INDEX($D$3:$AA$30,INDEX(Jesper!$R$2:$R$366,ROW(INDEX(Jesper!AH$2:AH$366,ROUNDDOWN($C7801/24,0)+1,1))-1)+IF('Standard Profiles'!$G$18=$B$10,7,0)+IF('Standard Profiles'!$G$18=$B$17,14,0)+IF('Standard Profiles'!$G$18=$B$24,21,0),MOD($C7801,24)+1)/SUM(INDEX($D$3:$AA$30,INDEX(Jesper!$R$2:$R$366,ROW(INDEX(Jesper!AH$2:AH$366,ROUNDDOWN($C7801/24,0)+1,1))-1)+IF('Standard Profiles'!$G$18=$B$10,7,0)+IF('Standard Profiles'!$G$18=$B$17,14,0)+IF('Standard Profiles'!$G$18=$B$24,21,0),0)),0)</f>
        <v>35.903110442541632</v>
      </c>
      <c r="E7801" cm="1">
        <f t="array" ref="E7801">IFERROR(INDEX(Jesper!AI$2:AI$366,ROUNDDOWN($C7801/24,0)+1,1)*INDEX($D$3:$AA$30,INDEX(Jesper!$R$2:$R$366,ROW(INDEX(Jesper!AI$2:AI$366,ROUNDDOWN($C7801/24,0)+1,1))-1)+IF('Standard Profiles'!$G$19=$B$10,7,0)+IF('Standard Profiles'!$G$19=$B$17,14,0)+IF('Standard Profiles'!$G$19=$B$24,21,0),MOD($C7801,24)+1)/SUM(INDEX($D$3:$AA$30,INDEX(Jesper!$R$2:$R$366,ROW(INDEX(Jesper!AI$2:AI$366,ROUNDDOWN($C7801/24,0)+1,1))-1)+IF('Standard Profiles'!$G$19=$B$10,7,0)+IF('Standard Profiles'!$G$19=$B$17,14,0)+IF('Standard Profiles'!$G$19=$B$24,21,0),0)),0)</f>
        <v>31.792965645282113</v>
      </c>
      <c r="F7801" cm="1">
        <f t="array" ref="F7801">IFERROR(INDEX(Jesper!AJ$2:AJ$366,ROUNDDOWN($C7801/24,0)+1,1)*INDEX($D$3:$AA$30,INDEX(Jesper!$R$2:$R$366,ROW(INDEX(Jesper!AJ$2:AJ$366,ROUNDDOWN($C7801/24,0)+1,1))-1)+IF('Standard Profiles'!$G$20=$B$10,7,0)+IF('Standard Profiles'!$G$20=$B$17,14,0)+IF('Standard Profiles'!$G$20=$B$24,21,0),MOD($C7801,24)+1)/SUM(INDEX($D$3:$AA$30,INDEX(Jesper!$R$2:$R$366,ROW(INDEX(Jesper!AJ$2:AJ$366,ROUNDDOWN($C7801/24,0)+1,1))-1)+IF('Standard Profiles'!$G$20=$B$10,7,0)+IF('Standard Profiles'!$G$20=$B$17,14,0)+IF('Standard Profiles'!$G$20=$B$24,21,0),0)),0)</f>
        <v>0</v>
      </c>
      <c r="G7801" cm="1">
        <f t="array" ref="G7801">IFERROR(INDEX(Jesper!AK$2:AK$366,ROUNDDOWN($C7801/24,0)+1,1)*INDEX($D$3:$AA$30,INDEX(Jesper!$R$2:$R$366,ROW(INDEX(Jesper!AK$2:AK$366,ROUNDDOWN($C7801/24,0)+1,1))-1)+IF('Standard Profiles'!$G$21=$B$10,7,0)+IF('Standard Profiles'!$G$21=$B$17,14,0)+IF('Standard Profiles'!$G$21=$B$24,21,0),MOD($C7801,24)+1)/SUM(INDEX($D$3:$AA$30,INDEX(Jesper!$R$2:$R$366,ROW(INDEX(Jesper!AK$2:AK$366,ROUNDDOWN($C7801/24,0)+1,1))-1)+IF('Standard Profiles'!$G$21=$B$10,7,0)+IF('Standard Profiles'!$G$21=$B$17,14,0)+IF('Standard Profiles'!$G$21=$B$24,21,0),0)),0)</f>
        <v>16.157417217696889</v>
      </c>
      <c r="H7801" cm="1">
        <f t="array" ref="H7801">IFERROR(INDEX(Jesper!AL$2:AL$366,ROUNDDOWN($C7801/24,0)+1,1)*INDEX($D$3:$AA$30,INDEX(Jesper!$R$2:$R$366,ROW(INDEX(Jesper!AL$2:AL$366,ROUNDDOWN($C7801/24,0)+1,1))-1)+IF('Standard Profiles'!$G$22=$B$10,7,0)+IF('Standard Profiles'!$G$22=$B$17,14,0)+IF('Standard Profiles'!$G$22=$B$24,21,0),MOD($C7801,24)+1)/SUM(INDEX($D$3:$AA$30,INDEX(Jesper!$R$2:$R$366,ROW(INDEX(Jesper!AL$2:AL$366,ROUNDDOWN($C7801/24,0)+1,1))-1)+IF('Standard Profiles'!$G$22=$B$10,7,0)+IF('Standard Profiles'!$G$22=$B$17,14,0)+IF('Standard Profiles'!$G$22=$B$24,21,0),0)),0)</f>
        <v>0</v>
      </c>
      <c r="I7801">
        <f t="shared" si="867"/>
        <v>7.7555602644945028</v>
      </c>
      <c r="J7801">
        <f t="shared" si="868"/>
        <v>70.353435370219472</v>
      </c>
      <c r="K7801">
        <f t="shared" si="869"/>
        <v>3.8296651138711075</v>
      </c>
      <c r="L7801">
        <f t="shared" si="870"/>
        <v>1.9148325569355538</v>
      </c>
      <c r="M7801">
        <f t="shared" si="871"/>
        <v>0</v>
      </c>
      <c r="N7801" s="45">
        <f t="shared" si="872"/>
        <v>45250.624999981163</v>
      </c>
    </row>
    <row r="7802" spans="2:14" x14ac:dyDescent="0.25">
      <c r="B7802">
        <f t="shared" si="866"/>
        <v>1</v>
      </c>
      <c r="C7802" s="16">
        <v>7768</v>
      </c>
      <c r="D7802" cm="1">
        <f t="array" ref="D7802">IFERROR(INDEX(Jesper!AH$2:AH$366,ROUNDDOWN($C7802/24,0)+1,1)*INDEX($D$3:$AA$30,INDEX(Jesper!$R$2:$R$366,ROW(INDEX(Jesper!AH$2:AH$366,ROUNDDOWN($C7802/24,0)+1,1))-1)+IF('Standard Profiles'!$G$18=$B$10,7,0)+IF('Standard Profiles'!$G$18=$B$17,14,0)+IF('Standard Profiles'!$G$18=$B$24,21,0),MOD($C7802,24)+1)/SUM(INDEX($D$3:$AA$30,INDEX(Jesper!$R$2:$R$366,ROW(INDEX(Jesper!AH$2:AH$366,ROUNDDOWN($C7802/24,0)+1,1))-1)+IF('Standard Profiles'!$G$18=$B$10,7,0)+IF('Standard Profiles'!$G$18=$B$17,14,0)+IF('Standard Profiles'!$G$18=$B$24,21,0),0)),0)</f>
        <v>20.943481091482617</v>
      </c>
      <c r="E7802" cm="1">
        <f t="array" ref="E7802">IFERROR(INDEX(Jesper!AI$2:AI$366,ROUNDDOWN($C7802/24,0)+1,1)*INDEX($D$3:$AA$30,INDEX(Jesper!$R$2:$R$366,ROW(INDEX(Jesper!AI$2:AI$366,ROUNDDOWN($C7802/24,0)+1,1))-1)+IF('Standard Profiles'!$G$19=$B$10,7,0)+IF('Standard Profiles'!$G$19=$B$17,14,0)+IF('Standard Profiles'!$G$19=$B$24,21,0),MOD($C7802,24)+1)/SUM(INDEX($D$3:$AA$30,INDEX(Jesper!$R$2:$R$366,ROW(INDEX(Jesper!AI$2:AI$366,ROUNDDOWN($C7802/24,0)+1,1))-1)+IF('Standard Profiles'!$G$19=$B$10,7,0)+IF('Standard Profiles'!$G$19=$B$17,14,0)+IF('Standard Profiles'!$G$19=$B$24,21,0),0)),0)</f>
        <v>18.545896626414567</v>
      </c>
      <c r="F7802" cm="1">
        <f t="array" ref="F7802">IFERROR(INDEX(Jesper!AJ$2:AJ$366,ROUNDDOWN($C7802/24,0)+1,1)*INDEX($D$3:$AA$30,INDEX(Jesper!$R$2:$R$366,ROW(INDEX(Jesper!AJ$2:AJ$366,ROUNDDOWN($C7802/24,0)+1,1))-1)+IF('Standard Profiles'!$G$20=$B$10,7,0)+IF('Standard Profiles'!$G$20=$B$17,14,0)+IF('Standard Profiles'!$G$20=$B$24,21,0),MOD($C7802,24)+1)/SUM(INDEX($D$3:$AA$30,INDEX(Jesper!$R$2:$R$366,ROW(INDEX(Jesper!AJ$2:AJ$366,ROUNDDOWN($C7802/24,0)+1,1))-1)+IF('Standard Profiles'!$G$20=$B$10,7,0)+IF('Standard Profiles'!$G$20=$B$17,14,0)+IF('Standard Profiles'!$G$20=$B$24,21,0),0)),0)</f>
        <v>0</v>
      </c>
      <c r="G7802" cm="1">
        <f t="array" ref="G7802">IFERROR(INDEX(Jesper!AK$2:AK$366,ROUNDDOWN($C7802/24,0)+1,1)*INDEX($D$3:$AA$30,INDEX(Jesper!$R$2:$R$366,ROW(INDEX(Jesper!AK$2:AK$366,ROUNDDOWN($C7802/24,0)+1,1))-1)+IF('Standard Profiles'!$G$21=$B$10,7,0)+IF('Standard Profiles'!$G$21=$B$17,14,0)+IF('Standard Profiles'!$G$21=$B$24,21,0),MOD($C7802,24)+1)/SUM(INDEX($D$3:$AA$30,INDEX(Jesper!$R$2:$R$366,ROW(INDEX(Jesper!AK$2:AK$366,ROUNDDOWN($C7802/24,0)+1,1))-1)+IF('Standard Profiles'!$G$21=$B$10,7,0)+IF('Standard Profiles'!$G$21=$B$17,14,0)+IF('Standard Profiles'!$G$21=$B$24,21,0),0)),0)</f>
        <v>13.464514348080742</v>
      </c>
      <c r="H7802" cm="1">
        <f t="array" ref="H7802">IFERROR(INDEX(Jesper!AL$2:AL$366,ROUNDDOWN($C7802/24,0)+1,1)*INDEX($D$3:$AA$30,INDEX(Jesper!$R$2:$R$366,ROW(INDEX(Jesper!AL$2:AL$366,ROUNDDOWN($C7802/24,0)+1,1))-1)+IF('Standard Profiles'!$G$22=$B$10,7,0)+IF('Standard Profiles'!$G$22=$B$17,14,0)+IF('Standard Profiles'!$G$22=$B$24,21,0),MOD($C7802,24)+1)/SUM(INDEX($D$3:$AA$30,INDEX(Jesper!$R$2:$R$366,ROW(INDEX(Jesper!AL$2:AL$366,ROUNDDOWN($C7802/24,0)+1,1))-1)+IF('Standard Profiles'!$G$22=$B$10,7,0)+IF('Standard Profiles'!$G$22=$B$17,14,0)+IF('Standard Profiles'!$G$22=$B$24,21,0),0)),0)</f>
        <v>0</v>
      </c>
      <c r="I7802">
        <f t="shared" si="867"/>
        <v>6.4629668870787533</v>
      </c>
      <c r="J7802">
        <f t="shared" si="868"/>
        <v>43.139968204261955</v>
      </c>
      <c r="K7802">
        <f t="shared" si="869"/>
        <v>2.2339713164248125</v>
      </c>
      <c r="L7802">
        <f t="shared" si="870"/>
        <v>1.1169856582124063</v>
      </c>
      <c r="M7802">
        <f t="shared" si="871"/>
        <v>0</v>
      </c>
      <c r="N7802" s="45">
        <f t="shared" si="872"/>
        <v>45250.666666647827</v>
      </c>
    </row>
    <row r="7803" spans="2:14" x14ac:dyDescent="0.25">
      <c r="B7803">
        <f t="shared" si="866"/>
        <v>1</v>
      </c>
      <c r="C7803" s="16">
        <v>7769</v>
      </c>
      <c r="D7803" cm="1">
        <f t="array" ref="D7803">IFERROR(INDEX(Jesper!AH$2:AH$366,ROUNDDOWN($C7803/24,0)+1,1)*INDEX($D$3:$AA$30,INDEX(Jesper!$R$2:$R$366,ROW(INDEX(Jesper!AH$2:AH$366,ROUNDDOWN($C7803/24,0)+1,1))-1)+IF('Standard Profiles'!$G$18=$B$10,7,0)+IF('Standard Profiles'!$G$18=$B$17,14,0)+IF('Standard Profiles'!$G$18=$B$24,21,0),MOD($C7803,24)+1)/SUM(INDEX($D$3:$AA$30,INDEX(Jesper!$R$2:$R$366,ROW(INDEX(Jesper!AH$2:AH$366,ROUNDDOWN($C7803/24,0)+1,1))-1)+IF('Standard Profiles'!$G$18=$B$10,7,0)+IF('Standard Profiles'!$G$18=$B$17,14,0)+IF('Standard Profiles'!$G$18=$B$24,21,0),0)),0)</f>
        <v>5.9838517404236065</v>
      </c>
      <c r="E7803" cm="1">
        <f t="array" ref="E7803">IFERROR(INDEX(Jesper!AI$2:AI$366,ROUNDDOWN($C7803/24,0)+1,1)*INDEX($D$3:$AA$30,INDEX(Jesper!$R$2:$R$366,ROW(INDEX(Jesper!AI$2:AI$366,ROUNDDOWN($C7803/24,0)+1,1))-1)+IF('Standard Profiles'!$G$19=$B$10,7,0)+IF('Standard Profiles'!$G$19=$B$17,14,0)+IF('Standard Profiles'!$G$19=$B$24,21,0),MOD($C7803,24)+1)/SUM(INDEX($D$3:$AA$30,INDEX(Jesper!$R$2:$R$366,ROW(INDEX(Jesper!AI$2:AI$366,ROUNDDOWN($C7803/24,0)+1,1))-1)+IF('Standard Profiles'!$G$19=$B$10,7,0)+IF('Standard Profiles'!$G$19=$B$17,14,0)+IF('Standard Profiles'!$G$19=$B$24,21,0),0)),0)</f>
        <v>5.29882760754702</v>
      </c>
      <c r="F7803" cm="1">
        <f t="array" ref="F7803">IFERROR(INDEX(Jesper!AJ$2:AJ$366,ROUNDDOWN($C7803/24,0)+1,1)*INDEX($D$3:$AA$30,INDEX(Jesper!$R$2:$R$366,ROW(INDEX(Jesper!AJ$2:AJ$366,ROUNDDOWN($C7803/24,0)+1,1))-1)+IF('Standard Profiles'!$G$20=$B$10,7,0)+IF('Standard Profiles'!$G$20=$B$17,14,0)+IF('Standard Profiles'!$G$20=$B$24,21,0),MOD($C7803,24)+1)/SUM(INDEX($D$3:$AA$30,INDEX(Jesper!$R$2:$R$366,ROW(INDEX(Jesper!AJ$2:AJ$366,ROUNDDOWN($C7803/24,0)+1,1))-1)+IF('Standard Profiles'!$G$20=$B$10,7,0)+IF('Standard Profiles'!$G$20=$B$17,14,0)+IF('Standard Profiles'!$G$20=$B$24,21,0),0)),0)</f>
        <v>0</v>
      </c>
      <c r="G7803" cm="1">
        <f t="array" ref="G7803">IFERROR(INDEX(Jesper!AK$2:AK$366,ROUNDDOWN($C7803/24,0)+1,1)*INDEX($D$3:$AA$30,INDEX(Jesper!$R$2:$R$366,ROW(INDEX(Jesper!AK$2:AK$366,ROUNDDOWN($C7803/24,0)+1,1))-1)+IF('Standard Profiles'!$G$21=$B$10,7,0)+IF('Standard Profiles'!$G$21=$B$17,14,0)+IF('Standard Profiles'!$G$21=$B$24,21,0),MOD($C7803,24)+1)/SUM(INDEX($D$3:$AA$30,INDEX(Jesper!$R$2:$R$366,ROW(INDEX(Jesper!AK$2:AK$366,ROUNDDOWN($C7803/24,0)+1,1))-1)+IF('Standard Profiles'!$G$21=$B$10,7,0)+IF('Standard Profiles'!$G$21=$B$17,14,0)+IF('Standard Profiles'!$G$21=$B$24,21,0),0)),0)</f>
        <v>10.83351729155922</v>
      </c>
      <c r="H7803" cm="1">
        <f t="array" ref="H7803">IFERROR(INDEX(Jesper!AL$2:AL$366,ROUNDDOWN($C7803/24,0)+1,1)*INDEX($D$3:$AA$30,INDEX(Jesper!$R$2:$R$366,ROW(INDEX(Jesper!AL$2:AL$366,ROUNDDOWN($C7803/24,0)+1,1))-1)+IF('Standard Profiles'!$G$22=$B$10,7,0)+IF('Standard Profiles'!$G$22=$B$17,14,0)+IF('Standard Profiles'!$G$22=$B$24,21,0),MOD($C7803,24)+1)/SUM(INDEX($D$3:$AA$30,INDEX(Jesper!$R$2:$R$366,ROW(INDEX(Jesper!AL$2:AL$366,ROUNDDOWN($C7803/24,0)+1,1))-1)+IF('Standard Profiles'!$G$22=$B$10,7,0)+IF('Standard Profiles'!$G$22=$B$17,14,0)+IF('Standard Profiles'!$G$22=$B$24,21,0),0)),0)</f>
        <v>0</v>
      </c>
      <c r="I7803">
        <f t="shared" si="867"/>
        <v>5.2000882999484226</v>
      </c>
      <c r="J7803">
        <f t="shared" si="868"/>
        <v>15.958692061113647</v>
      </c>
      <c r="K7803">
        <f t="shared" si="869"/>
        <v>0.63827751897851803</v>
      </c>
      <c r="L7803">
        <f t="shared" si="870"/>
        <v>0.31913875948925902</v>
      </c>
      <c r="M7803">
        <f t="shared" si="871"/>
        <v>0</v>
      </c>
      <c r="N7803" s="45">
        <f t="shared" si="872"/>
        <v>45250.708333314491</v>
      </c>
    </row>
    <row r="7804" spans="2:14" x14ac:dyDescent="0.25">
      <c r="B7804">
        <f t="shared" si="866"/>
        <v>1</v>
      </c>
      <c r="C7804" s="16">
        <v>7770</v>
      </c>
      <c r="D7804" cm="1">
        <f t="array" ref="D7804">IFERROR(INDEX(Jesper!AH$2:AH$366,ROUNDDOWN($C7804/24,0)+1,1)*INDEX($D$3:$AA$30,INDEX(Jesper!$R$2:$R$366,ROW(INDEX(Jesper!AH$2:AH$366,ROUNDDOWN($C7804/24,0)+1,1))-1)+IF('Standard Profiles'!$G$18=$B$10,7,0)+IF('Standard Profiles'!$G$18=$B$17,14,0)+IF('Standard Profiles'!$G$18=$B$24,21,0),MOD($C7804,24)+1)/SUM(INDEX($D$3:$AA$30,INDEX(Jesper!$R$2:$R$366,ROW(INDEX(Jesper!AH$2:AH$366,ROUNDDOWN($C7804/24,0)+1,1))-1)+IF('Standard Profiles'!$G$18=$B$10,7,0)+IF('Standard Profiles'!$G$18=$B$17,14,0)+IF('Standard Profiles'!$G$18=$B$24,21,0),0)),0)</f>
        <v>5.8995721384458086</v>
      </c>
      <c r="E7804" cm="1">
        <f t="array" ref="E7804">IFERROR(INDEX(Jesper!AI$2:AI$366,ROUNDDOWN($C7804/24,0)+1,1)*INDEX($D$3:$AA$30,INDEX(Jesper!$R$2:$R$366,ROW(INDEX(Jesper!AI$2:AI$366,ROUNDDOWN($C7804/24,0)+1,1))-1)+IF('Standard Profiles'!$G$19=$B$10,7,0)+IF('Standard Profiles'!$G$19=$B$17,14,0)+IF('Standard Profiles'!$G$19=$B$24,21,0),MOD($C7804,24)+1)/SUM(INDEX($D$3:$AA$30,INDEX(Jesper!$R$2:$R$366,ROW(INDEX(Jesper!AI$2:AI$366,ROUNDDOWN($C7804/24,0)+1,1))-1)+IF('Standard Profiles'!$G$19=$B$10,7,0)+IF('Standard Profiles'!$G$19=$B$17,14,0)+IF('Standard Profiles'!$G$19=$B$24,21,0),0)),0)</f>
        <v>5.2241962327928357</v>
      </c>
      <c r="F7804" cm="1">
        <f t="array" ref="F7804">IFERROR(INDEX(Jesper!AJ$2:AJ$366,ROUNDDOWN($C7804/24,0)+1,1)*INDEX($D$3:$AA$30,INDEX(Jesper!$R$2:$R$366,ROW(INDEX(Jesper!AJ$2:AJ$366,ROUNDDOWN($C7804/24,0)+1,1))-1)+IF('Standard Profiles'!$G$20=$B$10,7,0)+IF('Standard Profiles'!$G$20=$B$17,14,0)+IF('Standard Profiles'!$G$20=$B$24,21,0),MOD($C7804,24)+1)/SUM(INDEX($D$3:$AA$30,INDEX(Jesper!$R$2:$R$366,ROW(INDEX(Jesper!AJ$2:AJ$366,ROUNDDOWN($C7804/24,0)+1,1))-1)+IF('Standard Profiles'!$G$20=$B$10,7,0)+IF('Standard Profiles'!$G$20=$B$17,14,0)+IF('Standard Profiles'!$G$20=$B$24,21,0),0)),0)</f>
        <v>0</v>
      </c>
      <c r="G7804" cm="1">
        <f t="array" ref="G7804">IFERROR(INDEX(Jesper!AK$2:AK$366,ROUNDDOWN($C7804/24,0)+1,1)*INDEX($D$3:$AA$30,INDEX(Jesper!$R$2:$R$366,ROW(INDEX(Jesper!AK$2:AK$366,ROUNDDOWN($C7804/24,0)+1,1))-1)+IF('Standard Profiles'!$G$21=$B$10,7,0)+IF('Standard Profiles'!$G$21=$B$17,14,0)+IF('Standard Profiles'!$G$21=$B$24,21,0),MOD($C7804,24)+1)/SUM(INDEX($D$3:$AA$30,INDEX(Jesper!$R$2:$R$366,ROW(INDEX(Jesper!AK$2:AK$366,ROUNDDOWN($C7804/24,0)+1,1))-1)+IF('Standard Profiles'!$G$21=$B$10,7,0)+IF('Standard Profiles'!$G$21=$B$17,14,0)+IF('Standard Profiles'!$G$21=$B$24,21,0),0)),0)</f>
        <v>3.8691133184140072</v>
      </c>
      <c r="H7804" cm="1">
        <f t="array" ref="H7804">IFERROR(INDEX(Jesper!AL$2:AL$366,ROUNDDOWN($C7804/24,0)+1,1)*INDEX($D$3:$AA$30,INDEX(Jesper!$R$2:$R$366,ROW(INDEX(Jesper!AL$2:AL$366,ROUNDDOWN($C7804/24,0)+1,1))-1)+IF('Standard Profiles'!$G$22=$B$10,7,0)+IF('Standard Profiles'!$G$22=$B$17,14,0)+IF('Standard Profiles'!$G$22=$B$24,21,0),MOD($C7804,24)+1)/SUM(INDEX($D$3:$AA$30,INDEX(Jesper!$R$2:$R$366,ROW(INDEX(Jesper!AL$2:AL$366,ROUNDDOWN($C7804/24,0)+1,1))-1)+IF('Standard Profiles'!$G$22=$B$10,7,0)+IF('Standard Profiles'!$G$22=$B$17,14,0)+IF('Standard Profiles'!$G$22=$B$24,21,0),0)),0)</f>
        <v>0</v>
      </c>
      <c r="I7804">
        <f t="shared" si="867"/>
        <v>1.8571743928387225</v>
      </c>
      <c r="J7804">
        <f t="shared" si="868"/>
        <v>12.191775754662599</v>
      </c>
      <c r="K7804">
        <f t="shared" si="869"/>
        <v>0.62928769476755297</v>
      </c>
      <c r="L7804">
        <f t="shared" si="870"/>
        <v>0.31464384738377649</v>
      </c>
      <c r="M7804">
        <f t="shared" si="871"/>
        <v>0</v>
      </c>
      <c r="N7804" s="45">
        <f t="shared" si="872"/>
        <v>45250.749999981155</v>
      </c>
    </row>
    <row r="7805" spans="2:14" x14ac:dyDescent="0.25">
      <c r="B7805">
        <f t="shared" si="866"/>
        <v>1</v>
      </c>
      <c r="C7805" s="16">
        <v>7771</v>
      </c>
      <c r="D7805" cm="1">
        <f t="array" ref="D7805">IFERROR(INDEX(Jesper!AH$2:AH$366,ROUNDDOWN($C7805/24,0)+1,1)*INDEX($D$3:$AA$30,INDEX(Jesper!$R$2:$R$366,ROW(INDEX(Jesper!AH$2:AH$366,ROUNDDOWN($C7805/24,0)+1,1))-1)+IF('Standard Profiles'!$G$18=$B$10,7,0)+IF('Standard Profiles'!$G$18=$B$17,14,0)+IF('Standard Profiles'!$G$18=$B$24,21,0),MOD($C7805,24)+1)/SUM(INDEX($D$3:$AA$30,INDEX(Jesper!$R$2:$R$366,ROW(INDEX(Jesper!AH$2:AH$366,ROUNDDOWN($C7805/24,0)+1,1))-1)+IF('Standard Profiles'!$G$18=$B$10,7,0)+IF('Standard Profiles'!$G$18=$B$17,14,0)+IF('Standard Profiles'!$G$18=$B$24,21,0),0)),0)</f>
        <v>5.8995721384458086</v>
      </c>
      <c r="E7805" cm="1">
        <f t="array" ref="E7805">IFERROR(INDEX(Jesper!AI$2:AI$366,ROUNDDOWN($C7805/24,0)+1,1)*INDEX($D$3:$AA$30,INDEX(Jesper!$R$2:$R$366,ROW(INDEX(Jesper!AI$2:AI$366,ROUNDDOWN($C7805/24,0)+1,1))-1)+IF('Standard Profiles'!$G$19=$B$10,7,0)+IF('Standard Profiles'!$G$19=$B$17,14,0)+IF('Standard Profiles'!$G$19=$B$24,21,0),MOD($C7805,24)+1)/SUM(INDEX($D$3:$AA$30,INDEX(Jesper!$R$2:$R$366,ROW(INDEX(Jesper!AI$2:AI$366,ROUNDDOWN($C7805/24,0)+1,1))-1)+IF('Standard Profiles'!$G$19=$B$10,7,0)+IF('Standard Profiles'!$G$19=$B$17,14,0)+IF('Standard Profiles'!$G$19=$B$24,21,0),0)),0)</f>
        <v>5.2241962327928357</v>
      </c>
      <c r="F7805" cm="1">
        <f t="array" ref="F7805">IFERROR(INDEX(Jesper!AJ$2:AJ$366,ROUNDDOWN($C7805/24,0)+1,1)*INDEX($D$3:$AA$30,INDEX(Jesper!$R$2:$R$366,ROW(INDEX(Jesper!AJ$2:AJ$366,ROUNDDOWN($C7805/24,0)+1,1))-1)+IF('Standard Profiles'!$G$20=$B$10,7,0)+IF('Standard Profiles'!$G$20=$B$17,14,0)+IF('Standard Profiles'!$G$20=$B$24,21,0),MOD($C7805,24)+1)/SUM(INDEX($D$3:$AA$30,INDEX(Jesper!$R$2:$R$366,ROW(INDEX(Jesper!AJ$2:AJ$366,ROUNDDOWN($C7805/24,0)+1,1))-1)+IF('Standard Profiles'!$G$20=$B$10,7,0)+IF('Standard Profiles'!$G$20=$B$17,14,0)+IF('Standard Profiles'!$G$20=$B$24,21,0),0)),0)</f>
        <v>0</v>
      </c>
      <c r="G7805" cm="1">
        <f t="array" ref="G7805">IFERROR(INDEX(Jesper!AK$2:AK$366,ROUNDDOWN($C7805/24,0)+1,1)*INDEX($D$3:$AA$30,INDEX(Jesper!$R$2:$R$366,ROW(INDEX(Jesper!AK$2:AK$366,ROUNDDOWN($C7805/24,0)+1,1))-1)+IF('Standard Profiles'!$G$21=$B$10,7,0)+IF('Standard Profiles'!$G$21=$B$17,14,0)+IF('Standard Profiles'!$G$21=$B$24,21,0),MOD($C7805,24)+1)/SUM(INDEX($D$3:$AA$30,INDEX(Jesper!$R$2:$R$366,ROW(INDEX(Jesper!AK$2:AK$366,ROUNDDOWN($C7805/24,0)+1,1))-1)+IF('Standard Profiles'!$G$21=$B$10,7,0)+IF('Standard Profiles'!$G$21=$B$17,14,0)+IF('Standard Profiles'!$G$21=$B$24,21,0),0)),0)</f>
        <v>3.8691133184140072</v>
      </c>
      <c r="H7805" cm="1">
        <f t="array" ref="H7805">IFERROR(INDEX(Jesper!AL$2:AL$366,ROUNDDOWN($C7805/24,0)+1,1)*INDEX($D$3:$AA$30,INDEX(Jesper!$R$2:$R$366,ROW(INDEX(Jesper!AL$2:AL$366,ROUNDDOWN($C7805/24,0)+1,1))-1)+IF('Standard Profiles'!$G$22=$B$10,7,0)+IF('Standard Profiles'!$G$22=$B$17,14,0)+IF('Standard Profiles'!$G$22=$B$24,21,0),MOD($C7805,24)+1)/SUM(INDEX($D$3:$AA$30,INDEX(Jesper!$R$2:$R$366,ROW(INDEX(Jesper!AL$2:AL$366,ROUNDDOWN($C7805/24,0)+1,1))-1)+IF('Standard Profiles'!$G$22=$B$10,7,0)+IF('Standard Profiles'!$G$22=$B$17,14,0)+IF('Standard Profiles'!$G$22=$B$24,21,0),0)),0)</f>
        <v>0</v>
      </c>
      <c r="I7805">
        <f t="shared" si="867"/>
        <v>1.8571743928387225</v>
      </c>
      <c r="J7805">
        <f t="shared" si="868"/>
        <v>12.191775754662599</v>
      </c>
      <c r="K7805">
        <f t="shared" si="869"/>
        <v>0.62928769476755297</v>
      </c>
      <c r="L7805">
        <f t="shared" si="870"/>
        <v>0.31464384738377649</v>
      </c>
      <c r="M7805">
        <f t="shared" si="871"/>
        <v>0</v>
      </c>
      <c r="N7805" s="45">
        <f t="shared" si="872"/>
        <v>45250.79166664782</v>
      </c>
    </row>
    <row r="7806" spans="2:14" x14ac:dyDescent="0.25">
      <c r="B7806">
        <f t="shared" si="866"/>
        <v>1</v>
      </c>
      <c r="C7806" s="16">
        <v>7772</v>
      </c>
      <c r="D7806" cm="1">
        <f t="array" ref="D7806">IFERROR(INDEX(Jesper!AH$2:AH$366,ROUNDDOWN($C7806/24,0)+1,1)*INDEX($D$3:$AA$30,INDEX(Jesper!$R$2:$R$366,ROW(INDEX(Jesper!AH$2:AH$366,ROUNDDOWN($C7806/24,0)+1,1))-1)+IF('Standard Profiles'!$G$18=$B$10,7,0)+IF('Standard Profiles'!$G$18=$B$17,14,0)+IF('Standard Profiles'!$G$18=$B$24,21,0),MOD($C7806,24)+1)/SUM(INDEX($D$3:$AA$30,INDEX(Jesper!$R$2:$R$366,ROW(INDEX(Jesper!AH$2:AH$366,ROUNDDOWN($C7806/24,0)+1,1))-1)+IF('Standard Profiles'!$G$18=$B$10,7,0)+IF('Standard Profiles'!$G$18=$B$17,14,0)+IF('Standard Profiles'!$G$18=$B$24,21,0),0)),0)</f>
        <v>5.8995721384458086</v>
      </c>
      <c r="E7806" cm="1">
        <f t="array" ref="E7806">IFERROR(INDEX(Jesper!AI$2:AI$366,ROUNDDOWN($C7806/24,0)+1,1)*INDEX($D$3:$AA$30,INDEX(Jesper!$R$2:$R$366,ROW(INDEX(Jesper!AI$2:AI$366,ROUNDDOWN($C7806/24,0)+1,1))-1)+IF('Standard Profiles'!$G$19=$B$10,7,0)+IF('Standard Profiles'!$G$19=$B$17,14,0)+IF('Standard Profiles'!$G$19=$B$24,21,0),MOD($C7806,24)+1)/SUM(INDEX($D$3:$AA$30,INDEX(Jesper!$R$2:$R$366,ROW(INDEX(Jesper!AI$2:AI$366,ROUNDDOWN($C7806/24,0)+1,1))-1)+IF('Standard Profiles'!$G$19=$B$10,7,0)+IF('Standard Profiles'!$G$19=$B$17,14,0)+IF('Standard Profiles'!$G$19=$B$24,21,0),0)),0)</f>
        <v>5.2241962327928357</v>
      </c>
      <c r="F7806" cm="1">
        <f t="array" ref="F7806">IFERROR(INDEX(Jesper!AJ$2:AJ$366,ROUNDDOWN($C7806/24,0)+1,1)*INDEX($D$3:$AA$30,INDEX(Jesper!$R$2:$R$366,ROW(INDEX(Jesper!AJ$2:AJ$366,ROUNDDOWN($C7806/24,0)+1,1))-1)+IF('Standard Profiles'!$G$20=$B$10,7,0)+IF('Standard Profiles'!$G$20=$B$17,14,0)+IF('Standard Profiles'!$G$20=$B$24,21,0),MOD($C7806,24)+1)/SUM(INDEX($D$3:$AA$30,INDEX(Jesper!$R$2:$R$366,ROW(INDEX(Jesper!AJ$2:AJ$366,ROUNDDOWN($C7806/24,0)+1,1))-1)+IF('Standard Profiles'!$G$20=$B$10,7,0)+IF('Standard Profiles'!$G$20=$B$17,14,0)+IF('Standard Profiles'!$G$20=$B$24,21,0),0)),0)</f>
        <v>0</v>
      </c>
      <c r="G7806" cm="1">
        <f t="array" ref="G7806">IFERROR(INDEX(Jesper!AK$2:AK$366,ROUNDDOWN($C7806/24,0)+1,1)*INDEX($D$3:$AA$30,INDEX(Jesper!$R$2:$R$366,ROW(INDEX(Jesper!AK$2:AK$366,ROUNDDOWN($C7806/24,0)+1,1))-1)+IF('Standard Profiles'!$G$21=$B$10,7,0)+IF('Standard Profiles'!$G$21=$B$17,14,0)+IF('Standard Profiles'!$G$21=$B$24,21,0),MOD($C7806,24)+1)/SUM(INDEX($D$3:$AA$30,INDEX(Jesper!$R$2:$R$366,ROW(INDEX(Jesper!AK$2:AK$366,ROUNDDOWN($C7806/24,0)+1,1))-1)+IF('Standard Profiles'!$G$21=$B$10,7,0)+IF('Standard Profiles'!$G$21=$B$17,14,0)+IF('Standard Profiles'!$G$21=$B$24,21,0),0)),0)</f>
        <v>3.8691133184140072</v>
      </c>
      <c r="H7806" cm="1">
        <f t="array" ref="H7806">IFERROR(INDEX(Jesper!AL$2:AL$366,ROUNDDOWN($C7806/24,0)+1,1)*INDEX($D$3:$AA$30,INDEX(Jesper!$R$2:$R$366,ROW(INDEX(Jesper!AL$2:AL$366,ROUNDDOWN($C7806/24,0)+1,1))-1)+IF('Standard Profiles'!$G$22=$B$10,7,0)+IF('Standard Profiles'!$G$22=$B$17,14,0)+IF('Standard Profiles'!$G$22=$B$24,21,0),MOD($C7806,24)+1)/SUM(INDEX($D$3:$AA$30,INDEX(Jesper!$R$2:$R$366,ROW(INDEX(Jesper!AL$2:AL$366,ROUNDDOWN($C7806/24,0)+1,1))-1)+IF('Standard Profiles'!$G$22=$B$10,7,0)+IF('Standard Profiles'!$G$22=$B$17,14,0)+IF('Standard Profiles'!$G$22=$B$24,21,0),0)),0)</f>
        <v>0</v>
      </c>
      <c r="I7806">
        <f t="shared" si="867"/>
        <v>1.8571743928387225</v>
      </c>
      <c r="J7806">
        <f t="shared" si="868"/>
        <v>12.191775754662599</v>
      </c>
      <c r="K7806">
        <f t="shared" si="869"/>
        <v>0.62928769476755297</v>
      </c>
      <c r="L7806">
        <f t="shared" si="870"/>
        <v>0.31464384738377649</v>
      </c>
      <c r="M7806">
        <f t="shared" si="871"/>
        <v>0</v>
      </c>
      <c r="N7806" s="45">
        <f t="shared" si="872"/>
        <v>45250.833333314484</v>
      </c>
    </row>
    <row r="7807" spans="2:14" x14ac:dyDescent="0.25">
      <c r="B7807">
        <f t="shared" si="866"/>
        <v>1</v>
      </c>
      <c r="C7807" s="16">
        <v>7773</v>
      </c>
      <c r="D7807" cm="1">
        <f t="array" ref="D7807">IFERROR(INDEX(Jesper!AH$2:AH$366,ROUNDDOWN($C7807/24,0)+1,1)*INDEX($D$3:$AA$30,INDEX(Jesper!$R$2:$R$366,ROW(INDEX(Jesper!AH$2:AH$366,ROUNDDOWN($C7807/24,0)+1,1))-1)+IF('Standard Profiles'!$G$18=$B$10,7,0)+IF('Standard Profiles'!$G$18=$B$17,14,0)+IF('Standard Profiles'!$G$18=$B$24,21,0),MOD($C7807,24)+1)/SUM(INDEX($D$3:$AA$30,INDEX(Jesper!$R$2:$R$366,ROW(INDEX(Jesper!AH$2:AH$366,ROUNDDOWN($C7807/24,0)+1,1))-1)+IF('Standard Profiles'!$G$18=$B$10,7,0)+IF('Standard Profiles'!$G$18=$B$17,14,0)+IF('Standard Profiles'!$G$18=$B$24,21,0),0)),0)</f>
        <v>5.8995721384458086</v>
      </c>
      <c r="E7807" cm="1">
        <f t="array" ref="E7807">IFERROR(INDEX(Jesper!AI$2:AI$366,ROUNDDOWN($C7807/24,0)+1,1)*INDEX($D$3:$AA$30,INDEX(Jesper!$R$2:$R$366,ROW(INDEX(Jesper!AI$2:AI$366,ROUNDDOWN($C7807/24,0)+1,1))-1)+IF('Standard Profiles'!$G$19=$B$10,7,0)+IF('Standard Profiles'!$G$19=$B$17,14,0)+IF('Standard Profiles'!$G$19=$B$24,21,0),MOD($C7807,24)+1)/SUM(INDEX($D$3:$AA$30,INDEX(Jesper!$R$2:$R$366,ROW(INDEX(Jesper!AI$2:AI$366,ROUNDDOWN($C7807/24,0)+1,1))-1)+IF('Standard Profiles'!$G$19=$B$10,7,0)+IF('Standard Profiles'!$G$19=$B$17,14,0)+IF('Standard Profiles'!$G$19=$B$24,21,0),0)),0)</f>
        <v>5.2241962327928357</v>
      </c>
      <c r="F7807" cm="1">
        <f t="array" ref="F7807">IFERROR(INDEX(Jesper!AJ$2:AJ$366,ROUNDDOWN($C7807/24,0)+1,1)*INDEX($D$3:$AA$30,INDEX(Jesper!$R$2:$R$366,ROW(INDEX(Jesper!AJ$2:AJ$366,ROUNDDOWN($C7807/24,0)+1,1))-1)+IF('Standard Profiles'!$G$20=$B$10,7,0)+IF('Standard Profiles'!$G$20=$B$17,14,0)+IF('Standard Profiles'!$G$20=$B$24,21,0),MOD($C7807,24)+1)/SUM(INDEX($D$3:$AA$30,INDEX(Jesper!$R$2:$R$366,ROW(INDEX(Jesper!AJ$2:AJ$366,ROUNDDOWN($C7807/24,0)+1,1))-1)+IF('Standard Profiles'!$G$20=$B$10,7,0)+IF('Standard Profiles'!$G$20=$B$17,14,0)+IF('Standard Profiles'!$G$20=$B$24,21,0),0)),0)</f>
        <v>0</v>
      </c>
      <c r="G7807" cm="1">
        <f t="array" ref="G7807">IFERROR(INDEX(Jesper!AK$2:AK$366,ROUNDDOWN($C7807/24,0)+1,1)*INDEX($D$3:$AA$30,INDEX(Jesper!$R$2:$R$366,ROW(INDEX(Jesper!AK$2:AK$366,ROUNDDOWN($C7807/24,0)+1,1))-1)+IF('Standard Profiles'!$G$21=$B$10,7,0)+IF('Standard Profiles'!$G$21=$B$17,14,0)+IF('Standard Profiles'!$G$21=$B$24,21,0),MOD($C7807,24)+1)/SUM(INDEX($D$3:$AA$30,INDEX(Jesper!$R$2:$R$366,ROW(INDEX(Jesper!AK$2:AK$366,ROUNDDOWN($C7807/24,0)+1,1))-1)+IF('Standard Profiles'!$G$21=$B$10,7,0)+IF('Standard Profiles'!$G$21=$B$17,14,0)+IF('Standard Profiles'!$G$21=$B$24,21,0),0)),0)</f>
        <v>3.8691133184140072</v>
      </c>
      <c r="H7807" cm="1">
        <f t="array" ref="H7807">IFERROR(INDEX(Jesper!AL$2:AL$366,ROUNDDOWN($C7807/24,0)+1,1)*INDEX($D$3:$AA$30,INDEX(Jesper!$R$2:$R$366,ROW(INDEX(Jesper!AL$2:AL$366,ROUNDDOWN($C7807/24,0)+1,1))-1)+IF('Standard Profiles'!$G$22=$B$10,7,0)+IF('Standard Profiles'!$G$22=$B$17,14,0)+IF('Standard Profiles'!$G$22=$B$24,21,0),MOD($C7807,24)+1)/SUM(INDEX($D$3:$AA$30,INDEX(Jesper!$R$2:$R$366,ROW(INDEX(Jesper!AL$2:AL$366,ROUNDDOWN($C7807/24,0)+1,1))-1)+IF('Standard Profiles'!$G$22=$B$10,7,0)+IF('Standard Profiles'!$G$22=$B$17,14,0)+IF('Standard Profiles'!$G$22=$B$24,21,0),0)),0)</f>
        <v>0</v>
      </c>
      <c r="I7807">
        <f t="shared" si="867"/>
        <v>1.8571743928387225</v>
      </c>
      <c r="J7807">
        <f t="shared" si="868"/>
        <v>12.191775754662599</v>
      </c>
      <c r="K7807">
        <f t="shared" si="869"/>
        <v>0.62928769476755297</v>
      </c>
      <c r="L7807">
        <f t="shared" si="870"/>
        <v>0.31464384738377649</v>
      </c>
      <c r="M7807">
        <f t="shared" si="871"/>
        <v>0</v>
      </c>
      <c r="N7807" s="45">
        <f t="shared" si="872"/>
        <v>45250.874999981148</v>
      </c>
    </row>
    <row r="7808" spans="2:14" x14ac:dyDescent="0.25">
      <c r="B7808">
        <f t="shared" si="866"/>
        <v>1</v>
      </c>
      <c r="C7808" s="16">
        <v>7774</v>
      </c>
      <c r="D7808" cm="1">
        <f t="array" ref="D7808">IFERROR(INDEX(Jesper!AH$2:AH$366,ROUNDDOWN($C7808/24,0)+1,1)*INDEX($D$3:$AA$30,INDEX(Jesper!$R$2:$R$366,ROW(INDEX(Jesper!AH$2:AH$366,ROUNDDOWN($C7808/24,0)+1,1))-1)+IF('Standard Profiles'!$G$18=$B$10,7,0)+IF('Standard Profiles'!$G$18=$B$17,14,0)+IF('Standard Profiles'!$G$18=$B$24,21,0),MOD($C7808,24)+1)/SUM(INDEX($D$3:$AA$30,INDEX(Jesper!$R$2:$R$366,ROW(INDEX(Jesper!AH$2:AH$366,ROUNDDOWN($C7808/24,0)+1,1))-1)+IF('Standard Profiles'!$G$18=$B$10,7,0)+IF('Standard Profiles'!$G$18=$B$17,14,0)+IF('Standard Profiles'!$G$18=$B$24,21,0),0)),0)</f>
        <v>5.8995721384458086</v>
      </c>
      <c r="E7808" cm="1">
        <f t="array" ref="E7808">IFERROR(INDEX(Jesper!AI$2:AI$366,ROUNDDOWN($C7808/24,0)+1,1)*INDEX($D$3:$AA$30,INDEX(Jesper!$R$2:$R$366,ROW(INDEX(Jesper!AI$2:AI$366,ROUNDDOWN($C7808/24,0)+1,1))-1)+IF('Standard Profiles'!$G$19=$B$10,7,0)+IF('Standard Profiles'!$G$19=$B$17,14,0)+IF('Standard Profiles'!$G$19=$B$24,21,0),MOD($C7808,24)+1)/SUM(INDEX($D$3:$AA$30,INDEX(Jesper!$R$2:$R$366,ROW(INDEX(Jesper!AI$2:AI$366,ROUNDDOWN($C7808/24,0)+1,1))-1)+IF('Standard Profiles'!$G$19=$B$10,7,0)+IF('Standard Profiles'!$G$19=$B$17,14,0)+IF('Standard Profiles'!$G$19=$B$24,21,0),0)),0)</f>
        <v>5.2241962327928357</v>
      </c>
      <c r="F7808" cm="1">
        <f t="array" ref="F7808">IFERROR(INDEX(Jesper!AJ$2:AJ$366,ROUNDDOWN($C7808/24,0)+1,1)*INDEX($D$3:$AA$30,INDEX(Jesper!$R$2:$R$366,ROW(INDEX(Jesper!AJ$2:AJ$366,ROUNDDOWN($C7808/24,0)+1,1))-1)+IF('Standard Profiles'!$G$20=$B$10,7,0)+IF('Standard Profiles'!$G$20=$B$17,14,0)+IF('Standard Profiles'!$G$20=$B$24,21,0),MOD($C7808,24)+1)/SUM(INDEX($D$3:$AA$30,INDEX(Jesper!$R$2:$R$366,ROW(INDEX(Jesper!AJ$2:AJ$366,ROUNDDOWN($C7808/24,0)+1,1))-1)+IF('Standard Profiles'!$G$20=$B$10,7,0)+IF('Standard Profiles'!$G$20=$B$17,14,0)+IF('Standard Profiles'!$G$20=$B$24,21,0),0)),0)</f>
        <v>0</v>
      </c>
      <c r="G7808" cm="1">
        <f t="array" ref="G7808">IFERROR(INDEX(Jesper!AK$2:AK$366,ROUNDDOWN($C7808/24,0)+1,1)*INDEX($D$3:$AA$30,INDEX(Jesper!$R$2:$R$366,ROW(INDEX(Jesper!AK$2:AK$366,ROUNDDOWN($C7808/24,0)+1,1))-1)+IF('Standard Profiles'!$G$21=$B$10,7,0)+IF('Standard Profiles'!$G$21=$B$17,14,0)+IF('Standard Profiles'!$G$21=$B$24,21,0),MOD($C7808,24)+1)/SUM(INDEX($D$3:$AA$30,INDEX(Jesper!$R$2:$R$366,ROW(INDEX(Jesper!AK$2:AK$366,ROUNDDOWN($C7808/24,0)+1,1))-1)+IF('Standard Profiles'!$G$21=$B$10,7,0)+IF('Standard Profiles'!$G$21=$B$17,14,0)+IF('Standard Profiles'!$G$21=$B$24,21,0),0)),0)</f>
        <v>3.8691133184140072</v>
      </c>
      <c r="H7808" cm="1">
        <f t="array" ref="H7808">IFERROR(INDEX(Jesper!AL$2:AL$366,ROUNDDOWN($C7808/24,0)+1,1)*INDEX($D$3:$AA$30,INDEX(Jesper!$R$2:$R$366,ROW(INDEX(Jesper!AL$2:AL$366,ROUNDDOWN($C7808/24,0)+1,1))-1)+IF('Standard Profiles'!$G$22=$B$10,7,0)+IF('Standard Profiles'!$G$22=$B$17,14,0)+IF('Standard Profiles'!$G$22=$B$24,21,0),MOD($C7808,24)+1)/SUM(INDEX($D$3:$AA$30,INDEX(Jesper!$R$2:$R$366,ROW(INDEX(Jesper!AL$2:AL$366,ROUNDDOWN($C7808/24,0)+1,1))-1)+IF('Standard Profiles'!$G$22=$B$10,7,0)+IF('Standard Profiles'!$G$22=$B$17,14,0)+IF('Standard Profiles'!$G$22=$B$24,21,0),0)),0)</f>
        <v>0</v>
      </c>
      <c r="I7808">
        <f t="shared" si="867"/>
        <v>1.8571743928387225</v>
      </c>
      <c r="J7808">
        <f t="shared" si="868"/>
        <v>12.191775754662599</v>
      </c>
      <c r="K7808">
        <f t="shared" si="869"/>
        <v>0.62928769476755297</v>
      </c>
      <c r="L7808">
        <f t="shared" si="870"/>
        <v>0.31464384738377649</v>
      </c>
      <c r="M7808">
        <f t="shared" si="871"/>
        <v>0</v>
      </c>
      <c r="N7808" s="45">
        <f t="shared" si="872"/>
        <v>45250.916666647812</v>
      </c>
    </row>
    <row r="7809" spans="2:14" x14ac:dyDescent="0.25">
      <c r="B7809">
        <f t="shared" si="866"/>
        <v>1</v>
      </c>
      <c r="C7809" s="16">
        <v>7775</v>
      </c>
      <c r="D7809" cm="1">
        <f t="array" ref="D7809">IFERROR(INDEX(Jesper!AH$2:AH$366,ROUNDDOWN($C7809/24,0)+1,1)*INDEX($D$3:$AA$30,INDEX(Jesper!$R$2:$R$366,ROW(INDEX(Jesper!AH$2:AH$366,ROUNDDOWN($C7809/24,0)+1,1))-1)+IF('Standard Profiles'!$G$18=$B$10,7,0)+IF('Standard Profiles'!$G$18=$B$17,14,0)+IF('Standard Profiles'!$G$18=$B$24,21,0),MOD($C7809,24)+1)/SUM(INDEX($D$3:$AA$30,INDEX(Jesper!$R$2:$R$366,ROW(INDEX(Jesper!AH$2:AH$366,ROUNDDOWN($C7809/24,0)+1,1))-1)+IF('Standard Profiles'!$G$18=$B$10,7,0)+IF('Standard Profiles'!$G$18=$B$17,14,0)+IF('Standard Profiles'!$G$18=$B$24,21,0),0)),0)</f>
        <v>5.8995721384458086</v>
      </c>
      <c r="E7809" cm="1">
        <f t="array" ref="E7809">IFERROR(INDEX(Jesper!AI$2:AI$366,ROUNDDOWN($C7809/24,0)+1,1)*INDEX($D$3:$AA$30,INDEX(Jesper!$R$2:$R$366,ROW(INDEX(Jesper!AI$2:AI$366,ROUNDDOWN($C7809/24,0)+1,1))-1)+IF('Standard Profiles'!$G$19=$B$10,7,0)+IF('Standard Profiles'!$G$19=$B$17,14,0)+IF('Standard Profiles'!$G$19=$B$24,21,0),MOD($C7809,24)+1)/SUM(INDEX($D$3:$AA$30,INDEX(Jesper!$R$2:$R$366,ROW(INDEX(Jesper!AI$2:AI$366,ROUNDDOWN($C7809/24,0)+1,1))-1)+IF('Standard Profiles'!$G$19=$B$10,7,0)+IF('Standard Profiles'!$G$19=$B$17,14,0)+IF('Standard Profiles'!$G$19=$B$24,21,0),0)),0)</f>
        <v>5.2241962327928357</v>
      </c>
      <c r="F7809" cm="1">
        <f t="array" ref="F7809">IFERROR(INDEX(Jesper!AJ$2:AJ$366,ROUNDDOWN($C7809/24,0)+1,1)*INDEX($D$3:$AA$30,INDEX(Jesper!$R$2:$R$366,ROW(INDEX(Jesper!AJ$2:AJ$366,ROUNDDOWN($C7809/24,0)+1,1))-1)+IF('Standard Profiles'!$G$20=$B$10,7,0)+IF('Standard Profiles'!$G$20=$B$17,14,0)+IF('Standard Profiles'!$G$20=$B$24,21,0),MOD($C7809,24)+1)/SUM(INDEX($D$3:$AA$30,INDEX(Jesper!$R$2:$R$366,ROW(INDEX(Jesper!AJ$2:AJ$366,ROUNDDOWN($C7809/24,0)+1,1))-1)+IF('Standard Profiles'!$G$20=$B$10,7,0)+IF('Standard Profiles'!$G$20=$B$17,14,0)+IF('Standard Profiles'!$G$20=$B$24,21,0),0)),0)</f>
        <v>0</v>
      </c>
      <c r="G7809" cm="1">
        <f t="array" ref="G7809">IFERROR(INDEX(Jesper!AK$2:AK$366,ROUNDDOWN($C7809/24,0)+1,1)*INDEX($D$3:$AA$30,INDEX(Jesper!$R$2:$R$366,ROW(INDEX(Jesper!AK$2:AK$366,ROUNDDOWN($C7809/24,0)+1,1))-1)+IF('Standard Profiles'!$G$21=$B$10,7,0)+IF('Standard Profiles'!$G$21=$B$17,14,0)+IF('Standard Profiles'!$G$21=$B$24,21,0),MOD($C7809,24)+1)/SUM(INDEX($D$3:$AA$30,INDEX(Jesper!$R$2:$R$366,ROW(INDEX(Jesper!AK$2:AK$366,ROUNDDOWN($C7809/24,0)+1,1))-1)+IF('Standard Profiles'!$G$21=$B$10,7,0)+IF('Standard Profiles'!$G$21=$B$17,14,0)+IF('Standard Profiles'!$G$21=$B$24,21,0),0)),0)</f>
        <v>3.8691133184140072</v>
      </c>
      <c r="H7809" cm="1">
        <f t="array" ref="H7809">IFERROR(INDEX(Jesper!AL$2:AL$366,ROUNDDOWN($C7809/24,0)+1,1)*INDEX($D$3:$AA$30,INDEX(Jesper!$R$2:$R$366,ROW(INDEX(Jesper!AL$2:AL$366,ROUNDDOWN($C7809/24,0)+1,1))-1)+IF('Standard Profiles'!$G$22=$B$10,7,0)+IF('Standard Profiles'!$G$22=$B$17,14,0)+IF('Standard Profiles'!$G$22=$B$24,21,0),MOD($C7809,24)+1)/SUM(INDEX($D$3:$AA$30,INDEX(Jesper!$R$2:$R$366,ROW(INDEX(Jesper!AL$2:AL$366,ROUNDDOWN($C7809/24,0)+1,1))-1)+IF('Standard Profiles'!$G$22=$B$10,7,0)+IF('Standard Profiles'!$G$22=$B$17,14,0)+IF('Standard Profiles'!$G$22=$B$24,21,0),0)),0)</f>
        <v>0</v>
      </c>
      <c r="I7809">
        <f t="shared" si="867"/>
        <v>1.8571743928387225</v>
      </c>
      <c r="J7809">
        <f t="shared" si="868"/>
        <v>12.191775754662599</v>
      </c>
      <c r="K7809">
        <f t="shared" si="869"/>
        <v>0.62928769476755297</v>
      </c>
      <c r="L7809">
        <f t="shared" si="870"/>
        <v>0.31464384738377649</v>
      </c>
      <c r="M7809">
        <f t="shared" si="871"/>
        <v>0</v>
      </c>
      <c r="N7809" s="45">
        <f t="shared" si="872"/>
        <v>45250.958333314476</v>
      </c>
    </row>
    <row r="7810" spans="2:14" x14ac:dyDescent="0.25">
      <c r="B7810">
        <f t="shared" si="866"/>
        <v>2</v>
      </c>
      <c r="C7810" s="16">
        <v>7776</v>
      </c>
      <c r="D7810" cm="1">
        <f t="array" ref="D7810">IFERROR(INDEX(Jesper!AH$2:AH$366,ROUNDDOWN($C7810/24,0)+1,1)*INDEX($D$3:$AA$30,INDEX(Jesper!$R$2:$R$366,ROW(INDEX(Jesper!AH$2:AH$366,ROUNDDOWN($C7810/24,0)+1,1))-1)+IF('Standard Profiles'!$G$18=$B$10,7,0)+IF('Standard Profiles'!$G$18=$B$17,14,0)+IF('Standard Profiles'!$G$18=$B$24,21,0),MOD($C7810,24)+1)/SUM(INDEX($D$3:$AA$30,INDEX(Jesper!$R$2:$R$366,ROW(INDEX(Jesper!AH$2:AH$366,ROUNDDOWN($C7810/24,0)+1,1))-1)+IF('Standard Profiles'!$G$18=$B$10,7,0)+IF('Standard Profiles'!$G$18=$B$17,14,0)+IF('Standard Profiles'!$G$18=$B$24,21,0),0)),0)</f>
        <v>3.75230107099051</v>
      </c>
      <c r="E7810" cm="1">
        <f t="array" ref="E7810">IFERROR(INDEX(Jesper!AI$2:AI$366,ROUNDDOWN($C7810/24,0)+1,1)*INDEX($D$3:$AA$30,INDEX(Jesper!$R$2:$R$366,ROW(INDEX(Jesper!AI$2:AI$366,ROUNDDOWN($C7810/24,0)+1,1))-1)+IF('Standard Profiles'!$G$19=$B$10,7,0)+IF('Standard Profiles'!$G$19=$B$17,14,0)+IF('Standard Profiles'!$G$19=$B$24,21,0),MOD($C7810,24)+1)/SUM(INDEX($D$3:$AA$30,INDEX(Jesper!$R$2:$R$366,ROW(INDEX(Jesper!AI$2:AI$366,ROUNDDOWN($C7810/24,0)+1,1))-1)+IF('Standard Profiles'!$G$19=$B$10,7,0)+IF('Standard Profiles'!$G$19=$B$17,14,0)+IF('Standard Profiles'!$G$19=$B$24,21,0),0)),0)</f>
        <v>3.2828787100524495</v>
      </c>
      <c r="F7810" cm="1">
        <f t="array" ref="F7810">IFERROR(INDEX(Jesper!AJ$2:AJ$366,ROUNDDOWN($C7810/24,0)+1,1)*INDEX($D$3:$AA$30,INDEX(Jesper!$R$2:$R$366,ROW(INDEX(Jesper!AJ$2:AJ$366,ROUNDDOWN($C7810/24,0)+1,1))-1)+IF('Standard Profiles'!$G$20=$B$10,7,0)+IF('Standard Profiles'!$G$20=$B$17,14,0)+IF('Standard Profiles'!$G$20=$B$24,21,0),MOD($C7810,24)+1)/SUM(INDEX($D$3:$AA$30,INDEX(Jesper!$R$2:$R$366,ROW(INDEX(Jesper!AJ$2:AJ$366,ROUNDDOWN($C7810/24,0)+1,1))-1)+IF('Standard Profiles'!$G$20=$B$10,7,0)+IF('Standard Profiles'!$G$20=$B$17,14,0)+IF('Standard Profiles'!$G$20=$B$24,21,0),0)),0)</f>
        <v>0</v>
      </c>
      <c r="G7810" cm="1">
        <f t="array" ref="G7810">IFERROR(INDEX(Jesper!AK$2:AK$366,ROUNDDOWN($C7810/24,0)+1,1)*INDEX($D$3:$AA$30,INDEX(Jesper!$R$2:$R$366,ROW(INDEX(Jesper!AK$2:AK$366,ROUNDDOWN($C7810/24,0)+1,1))-1)+IF('Standard Profiles'!$G$21=$B$10,7,0)+IF('Standard Profiles'!$G$21=$B$17,14,0)+IF('Standard Profiles'!$G$21=$B$24,21,0),MOD($C7810,24)+1)/SUM(INDEX($D$3:$AA$30,INDEX(Jesper!$R$2:$R$366,ROW(INDEX(Jesper!AK$2:AK$366,ROUNDDOWN($C7810/24,0)+1,1))-1)+IF('Standard Profiles'!$G$21=$B$10,7,0)+IF('Standard Profiles'!$G$21=$B$17,14,0)+IF('Standard Profiles'!$G$21=$B$24,21,0),0)),0)</f>
        <v>3.4560017100465625</v>
      </c>
      <c r="H7810" cm="1">
        <f t="array" ref="H7810">IFERROR(INDEX(Jesper!AL$2:AL$366,ROUNDDOWN($C7810/24,0)+1,1)*INDEX($D$3:$AA$30,INDEX(Jesper!$R$2:$R$366,ROW(INDEX(Jesper!AL$2:AL$366,ROUNDDOWN($C7810/24,0)+1,1))-1)+IF('Standard Profiles'!$G$22=$B$10,7,0)+IF('Standard Profiles'!$G$22=$B$17,14,0)+IF('Standard Profiles'!$G$22=$B$24,21,0),MOD($C7810,24)+1)/SUM(INDEX($D$3:$AA$30,INDEX(Jesper!$R$2:$R$366,ROW(INDEX(Jesper!AL$2:AL$366,ROUNDDOWN($C7810/24,0)+1,1))-1)+IF('Standard Profiles'!$G$22=$B$10,7,0)+IF('Standard Profiles'!$G$22=$B$17,14,0)+IF('Standard Profiles'!$G$22=$B$24,21,0),0)),0)</f>
        <v>0</v>
      </c>
      <c r="I7810">
        <f t="shared" si="867"/>
        <v>1.6588808208223491</v>
      </c>
      <c r="J7810">
        <f t="shared" si="868"/>
        <v>8.2319324989086908</v>
      </c>
      <c r="K7810">
        <f t="shared" si="869"/>
        <v>0.40024544757232111</v>
      </c>
      <c r="L7810">
        <f t="shared" si="870"/>
        <v>0.20012272378616056</v>
      </c>
      <c r="M7810">
        <f t="shared" si="871"/>
        <v>0</v>
      </c>
      <c r="N7810" s="45">
        <f t="shared" si="872"/>
        <v>45250.999999981141</v>
      </c>
    </row>
    <row r="7811" spans="2:14" x14ac:dyDescent="0.25">
      <c r="B7811">
        <f t="shared" si="866"/>
        <v>2</v>
      </c>
      <c r="C7811" s="16">
        <v>7777</v>
      </c>
      <c r="D7811" cm="1">
        <f t="array" ref="D7811">IFERROR(INDEX(Jesper!AH$2:AH$366,ROUNDDOWN($C7811/24,0)+1,1)*INDEX($D$3:$AA$30,INDEX(Jesper!$R$2:$R$366,ROW(INDEX(Jesper!AH$2:AH$366,ROUNDDOWN($C7811/24,0)+1,1))-1)+IF('Standard Profiles'!$G$18=$B$10,7,0)+IF('Standard Profiles'!$G$18=$B$17,14,0)+IF('Standard Profiles'!$G$18=$B$24,21,0),MOD($C7811,24)+1)/SUM(INDEX($D$3:$AA$30,INDEX(Jesper!$R$2:$R$366,ROW(INDEX(Jesper!AH$2:AH$366,ROUNDDOWN($C7811/24,0)+1,1))-1)+IF('Standard Profiles'!$G$18=$B$10,7,0)+IF('Standard Profiles'!$G$18=$B$17,14,0)+IF('Standard Profiles'!$G$18=$B$24,21,0),0)),0)</f>
        <v>5.717792108176015</v>
      </c>
      <c r="E7811" cm="1">
        <f t="array" ref="E7811">IFERROR(INDEX(Jesper!AI$2:AI$366,ROUNDDOWN($C7811/24,0)+1,1)*INDEX($D$3:$AA$30,INDEX(Jesper!$R$2:$R$366,ROW(INDEX(Jesper!AI$2:AI$366,ROUNDDOWN($C7811/24,0)+1,1))-1)+IF('Standard Profiles'!$G$19=$B$10,7,0)+IF('Standard Profiles'!$G$19=$B$17,14,0)+IF('Standard Profiles'!$G$19=$B$24,21,0),MOD($C7811,24)+1)/SUM(INDEX($D$3:$AA$30,INDEX(Jesper!$R$2:$R$366,ROW(INDEX(Jesper!AI$2:AI$366,ROUNDDOWN($C7811/24,0)+1,1))-1)+IF('Standard Profiles'!$G$19=$B$10,7,0)+IF('Standard Profiles'!$G$19=$B$17,14,0)+IF('Standard Profiles'!$G$19=$B$24,21,0),0)),0)</f>
        <v>5.0024818438894476</v>
      </c>
      <c r="F7811" cm="1">
        <f t="array" ref="F7811">IFERROR(INDEX(Jesper!AJ$2:AJ$366,ROUNDDOWN($C7811/24,0)+1,1)*INDEX($D$3:$AA$30,INDEX(Jesper!$R$2:$R$366,ROW(INDEX(Jesper!AJ$2:AJ$366,ROUNDDOWN($C7811/24,0)+1,1))-1)+IF('Standard Profiles'!$G$20=$B$10,7,0)+IF('Standard Profiles'!$G$20=$B$17,14,0)+IF('Standard Profiles'!$G$20=$B$24,21,0),MOD($C7811,24)+1)/SUM(INDEX($D$3:$AA$30,INDEX(Jesper!$R$2:$R$366,ROW(INDEX(Jesper!AJ$2:AJ$366,ROUNDDOWN($C7811/24,0)+1,1))-1)+IF('Standard Profiles'!$G$20=$B$10,7,0)+IF('Standard Profiles'!$G$20=$B$17,14,0)+IF('Standard Profiles'!$G$20=$B$24,21,0),0)),0)</f>
        <v>0</v>
      </c>
      <c r="G7811" cm="1">
        <f t="array" ref="G7811">IFERROR(INDEX(Jesper!AK$2:AK$366,ROUNDDOWN($C7811/24,0)+1,1)*INDEX($D$3:$AA$30,INDEX(Jesper!$R$2:$R$366,ROW(INDEX(Jesper!AK$2:AK$366,ROUNDDOWN($C7811/24,0)+1,1))-1)+IF('Standard Profiles'!$G$21=$B$10,7,0)+IF('Standard Profiles'!$G$21=$B$17,14,0)+IF('Standard Profiles'!$G$21=$B$24,21,0),MOD($C7811,24)+1)/SUM(INDEX($D$3:$AA$30,INDEX(Jesper!$R$2:$R$366,ROW(INDEX(Jesper!AK$2:AK$366,ROUNDDOWN($C7811/24,0)+1,1))-1)+IF('Standard Profiles'!$G$21=$B$10,7,0)+IF('Standard Profiles'!$G$21=$B$17,14,0)+IF('Standard Profiles'!$G$21=$B$24,21,0),0)),0)</f>
        <v>3.4560017100465625</v>
      </c>
      <c r="H7811" cm="1">
        <f t="array" ref="H7811">IFERROR(INDEX(Jesper!AL$2:AL$366,ROUNDDOWN($C7811/24,0)+1,1)*INDEX($D$3:$AA$30,INDEX(Jesper!$R$2:$R$366,ROW(INDEX(Jesper!AL$2:AL$366,ROUNDDOWN($C7811/24,0)+1,1))-1)+IF('Standard Profiles'!$G$22=$B$10,7,0)+IF('Standard Profiles'!$G$22=$B$17,14,0)+IF('Standard Profiles'!$G$22=$B$24,21,0),MOD($C7811,24)+1)/SUM(INDEX($D$3:$AA$30,INDEX(Jesper!$R$2:$R$366,ROW(INDEX(Jesper!AL$2:AL$366,ROUNDDOWN($C7811/24,0)+1,1))-1)+IF('Standard Profiles'!$G$22=$B$10,7,0)+IF('Standard Profiles'!$G$22=$B$17,14,0)+IF('Standard Profiles'!$G$22=$B$24,21,0),0)),0)</f>
        <v>0</v>
      </c>
      <c r="I7811">
        <f t="shared" si="867"/>
        <v>1.6588808208223491</v>
      </c>
      <c r="J7811">
        <f t="shared" si="868"/>
        <v>11.602548103981514</v>
      </c>
      <c r="K7811">
        <f t="shared" si="869"/>
        <v>0.60989782487210831</v>
      </c>
      <c r="L7811">
        <f t="shared" si="870"/>
        <v>0.30494891243605415</v>
      </c>
      <c r="M7811">
        <f t="shared" si="871"/>
        <v>0</v>
      </c>
      <c r="N7811" s="45">
        <f t="shared" si="872"/>
        <v>45251.041666647805</v>
      </c>
    </row>
    <row r="7812" spans="2:14" x14ac:dyDescent="0.25">
      <c r="B7812">
        <f t="shared" si="866"/>
        <v>2</v>
      </c>
      <c r="C7812" s="16">
        <v>7778</v>
      </c>
      <c r="D7812" cm="1">
        <f t="array" ref="D7812">IFERROR(INDEX(Jesper!AH$2:AH$366,ROUNDDOWN($C7812/24,0)+1,1)*INDEX($D$3:$AA$30,INDEX(Jesper!$R$2:$R$366,ROW(INDEX(Jesper!AH$2:AH$366,ROUNDDOWN($C7812/24,0)+1,1))-1)+IF('Standard Profiles'!$G$18=$B$10,7,0)+IF('Standard Profiles'!$G$18=$B$17,14,0)+IF('Standard Profiles'!$G$18=$B$24,21,0),MOD($C7812,24)+1)/SUM(INDEX($D$3:$AA$30,INDEX(Jesper!$R$2:$R$366,ROW(INDEX(Jesper!AH$2:AH$366,ROUNDDOWN($C7812/24,0)+1,1))-1)+IF('Standard Profiles'!$G$18=$B$10,7,0)+IF('Standard Profiles'!$G$18=$B$17,14,0)+IF('Standard Profiles'!$G$18=$B$24,21,0),0)),0)</f>
        <v>5.717792108176015</v>
      </c>
      <c r="E7812" cm="1">
        <f t="array" ref="E7812">IFERROR(INDEX(Jesper!AI$2:AI$366,ROUNDDOWN($C7812/24,0)+1,1)*INDEX($D$3:$AA$30,INDEX(Jesper!$R$2:$R$366,ROW(INDEX(Jesper!AI$2:AI$366,ROUNDDOWN($C7812/24,0)+1,1))-1)+IF('Standard Profiles'!$G$19=$B$10,7,0)+IF('Standard Profiles'!$G$19=$B$17,14,0)+IF('Standard Profiles'!$G$19=$B$24,21,0),MOD($C7812,24)+1)/SUM(INDEX($D$3:$AA$30,INDEX(Jesper!$R$2:$R$366,ROW(INDEX(Jesper!AI$2:AI$366,ROUNDDOWN($C7812/24,0)+1,1))-1)+IF('Standard Profiles'!$G$19=$B$10,7,0)+IF('Standard Profiles'!$G$19=$B$17,14,0)+IF('Standard Profiles'!$G$19=$B$24,21,0),0)),0)</f>
        <v>5.0024818438894476</v>
      </c>
      <c r="F7812" cm="1">
        <f t="array" ref="F7812">IFERROR(INDEX(Jesper!AJ$2:AJ$366,ROUNDDOWN($C7812/24,0)+1,1)*INDEX($D$3:$AA$30,INDEX(Jesper!$R$2:$R$366,ROW(INDEX(Jesper!AJ$2:AJ$366,ROUNDDOWN($C7812/24,0)+1,1))-1)+IF('Standard Profiles'!$G$20=$B$10,7,0)+IF('Standard Profiles'!$G$20=$B$17,14,0)+IF('Standard Profiles'!$G$20=$B$24,21,0),MOD($C7812,24)+1)/SUM(INDEX($D$3:$AA$30,INDEX(Jesper!$R$2:$R$366,ROW(INDEX(Jesper!AJ$2:AJ$366,ROUNDDOWN($C7812/24,0)+1,1))-1)+IF('Standard Profiles'!$G$20=$B$10,7,0)+IF('Standard Profiles'!$G$20=$B$17,14,0)+IF('Standard Profiles'!$G$20=$B$24,21,0),0)),0)</f>
        <v>0</v>
      </c>
      <c r="G7812" cm="1">
        <f t="array" ref="G7812">IFERROR(INDEX(Jesper!AK$2:AK$366,ROUNDDOWN($C7812/24,0)+1,1)*INDEX($D$3:$AA$30,INDEX(Jesper!$R$2:$R$366,ROW(INDEX(Jesper!AK$2:AK$366,ROUNDDOWN($C7812/24,0)+1,1))-1)+IF('Standard Profiles'!$G$21=$B$10,7,0)+IF('Standard Profiles'!$G$21=$B$17,14,0)+IF('Standard Profiles'!$G$21=$B$24,21,0),MOD($C7812,24)+1)/SUM(INDEX($D$3:$AA$30,INDEX(Jesper!$R$2:$R$366,ROW(INDEX(Jesper!AK$2:AK$366,ROUNDDOWN($C7812/24,0)+1,1))-1)+IF('Standard Profiles'!$G$21=$B$10,7,0)+IF('Standard Profiles'!$G$21=$B$17,14,0)+IF('Standard Profiles'!$G$21=$B$24,21,0),0)),0)</f>
        <v>3.4560017100465625</v>
      </c>
      <c r="H7812" cm="1">
        <f t="array" ref="H7812">IFERROR(INDEX(Jesper!AL$2:AL$366,ROUNDDOWN($C7812/24,0)+1,1)*INDEX($D$3:$AA$30,INDEX(Jesper!$R$2:$R$366,ROW(INDEX(Jesper!AL$2:AL$366,ROUNDDOWN($C7812/24,0)+1,1))-1)+IF('Standard Profiles'!$G$22=$B$10,7,0)+IF('Standard Profiles'!$G$22=$B$17,14,0)+IF('Standard Profiles'!$G$22=$B$24,21,0),MOD($C7812,24)+1)/SUM(INDEX($D$3:$AA$30,INDEX(Jesper!$R$2:$R$366,ROW(INDEX(Jesper!AL$2:AL$366,ROUNDDOWN($C7812/24,0)+1,1))-1)+IF('Standard Profiles'!$G$22=$B$10,7,0)+IF('Standard Profiles'!$G$22=$B$17,14,0)+IF('Standard Profiles'!$G$22=$B$24,21,0),0)),0)</f>
        <v>0</v>
      </c>
      <c r="I7812">
        <f t="shared" si="867"/>
        <v>1.6588808208223491</v>
      </c>
      <c r="J7812">
        <f t="shared" si="868"/>
        <v>11.602548103981514</v>
      </c>
      <c r="K7812">
        <f t="shared" si="869"/>
        <v>0.60989782487210831</v>
      </c>
      <c r="L7812">
        <f t="shared" si="870"/>
        <v>0.30494891243605415</v>
      </c>
      <c r="M7812">
        <f t="shared" si="871"/>
        <v>0</v>
      </c>
      <c r="N7812" s="45">
        <f t="shared" si="872"/>
        <v>45251.083333314469</v>
      </c>
    </row>
    <row r="7813" spans="2:14" x14ac:dyDescent="0.25">
      <c r="B7813">
        <f t="shared" si="866"/>
        <v>2</v>
      </c>
      <c r="C7813" s="16">
        <v>7779</v>
      </c>
      <c r="D7813" cm="1">
        <f t="array" ref="D7813">IFERROR(INDEX(Jesper!AH$2:AH$366,ROUNDDOWN($C7813/24,0)+1,1)*INDEX($D$3:$AA$30,INDEX(Jesper!$R$2:$R$366,ROW(INDEX(Jesper!AH$2:AH$366,ROUNDDOWN($C7813/24,0)+1,1))-1)+IF('Standard Profiles'!$G$18=$B$10,7,0)+IF('Standard Profiles'!$G$18=$B$17,14,0)+IF('Standard Profiles'!$G$18=$B$24,21,0),MOD($C7813,24)+1)/SUM(INDEX($D$3:$AA$30,INDEX(Jesper!$R$2:$R$366,ROW(INDEX(Jesper!AH$2:AH$366,ROUNDDOWN($C7813/24,0)+1,1))-1)+IF('Standard Profiles'!$G$18=$B$10,7,0)+IF('Standard Profiles'!$G$18=$B$17,14,0)+IF('Standard Profiles'!$G$18=$B$24,21,0),0)),0)</f>
        <v>5.717792108176015</v>
      </c>
      <c r="E7813" cm="1">
        <f t="array" ref="E7813">IFERROR(INDEX(Jesper!AI$2:AI$366,ROUNDDOWN($C7813/24,0)+1,1)*INDEX($D$3:$AA$30,INDEX(Jesper!$R$2:$R$366,ROW(INDEX(Jesper!AI$2:AI$366,ROUNDDOWN($C7813/24,0)+1,1))-1)+IF('Standard Profiles'!$G$19=$B$10,7,0)+IF('Standard Profiles'!$G$19=$B$17,14,0)+IF('Standard Profiles'!$G$19=$B$24,21,0),MOD($C7813,24)+1)/SUM(INDEX($D$3:$AA$30,INDEX(Jesper!$R$2:$R$366,ROW(INDEX(Jesper!AI$2:AI$366,ROUNDDOWN($C7813/24,0)+1,1))-1)+IF('Standard Profiles'!$G$19=$B$10,7,0)+IF('Standard Profiles'!$G$19=$B$17,14,0)+IF('Standard Profiles'!$G$19=$B$24,21,0),0)),0)</f>
        <v>5.0024818438894476</v>
      </c>
      <c r="F7813" cm="1">
        <f t="array" ref="F7813">IFERROR(INDEX(Jesper!AJ$2:AJ$366,ROUNDDOWN($C7813/24,0)+1,1)*INDEX($D$3:$AA$30,INDEX(Jesper!$R$2:$R$366,ROW(INDEX(Jesper!AJ$2:AJ$366,ROUNDDOWN($C7813/24,0)+1,1))-1)+IF('Standard Profiles'!$G$20=$B$10,7,0)+IF('Standard Profiles'!$G$20=$B$17,14,0)+IF('Standard Profiles'!$G$20=$B$24,21,0),MOD($C7813,24)+1)/SUM(INDEX($D$3:$AA$30,INDEX(Jesper!$R$2:$R$366,ROW(INDEX(Jesper!AJ$2:AJ$366,ROUNDDOWN($C7813/24,0)+1,1))-1)+IF('Standard Profiles'!$G$20=$B$10,7,0)+IF('Standard Profiles'!$G$20=$B$17,14,0)+IF('Standard Profiles'!$G$20=$B$24,21,0),0)),0)</f>
        <v>0</v>
      </c>
      <c r="G7813" cm="1">
        <f t="array" ref="G7813">IFERROR(INDEX(Jesper!AK$2:AK$366,ROUNDDOWN($C7813/24,0)+1,1)*INDEX($D$3:$AA$30,INDEX(Jesper!$R$2:$R$366,ROW(INDEX(Jesper!AK$2:AK$366,ROUNDDOWN($C7813/24,0)+1,1))-1)+IF('Standard Profiles'!$G$21=$B$10,7,0)+IF('Standard Profiles'!$G$21=$B$17,14,0)+IF('Standard Profiles'!$G$21=$B$24,21,0),MOD($C7813,24)+1)/SUM(INDEX($D$3:$AA$30,INDEX(Jesper!$R$2:$R$366,ROW(INDEX(Jesper!AK$2:AK$366,ROUNDDOWN($C7813/24,0)+1,1))-1)+IF('Standard Profiles'!$G$21=$B$10,7,0)+IF('Standard Profiles'!$G$21=$B$17,14,0)+IF('Standard Profiles'!$G$21=$B$24,21,0),0)),0)</f>
        <v>3.4560017100465625</v>
      </c>
      <c r="H7813" cm="1">
        <f t="array" ref="H7813">IFERROR(INDEX(Jesper!AL$2:AL$366,ROUNDDOWN($C7813/24,0)+1,1)*INDEX($D$3:$AA$30,INDEX(Jesper!$R$2:$R$366,ROW(INDEX(Jesper!AL$2:AL$366,ROUNDDOWN($C7813/24,0)+1,1))-1)+IF('Standard Profiles'!$G$22=$B$10,7,0)+IF('Standard Profiles'!$G$22=$B$17,14,0)+IF('Standard Profiles'!$G$22=$B$24,21,0),MOD($C7813,24)+1)/SUM(INDEX($D$3:$AA$30,INDEX(Jesper!$R$2:$R$366,ROW(INDEX(Jesper!AL$2:AL$366,ROUNDDOWN($C7813/24,0)+1,1))-1)+IF('Standard Profiles'!$G$22=$B$10,7,0)+IF('Standard Profiles'!$G$22=$B$17,14,0)+IF('Standard Profiles'!$G$22=$B$24,21,0),0)),0)</f>
        <v>0</v>
      </c>
      <c r="I7813">
        <f t="shared" si="867"/>
        <v>1.6588808208223491</v>
      </c>
      <c r="J7813">
        <f t="shared" si="868"/>
        <v>11.602548103981514</v>
      </c>
      <c r="K7813">
        <f t="shared" si="869"/>
        <v>0.60989782487210831</v>
      </c>
      <c r="L7813">
        <f t="shared" si="870"/>
        <v>0.30494891243605415</v>
      </c>
      <c r="M7813">
        <f t="shared" si="871"/>
        <v>0</v>
      </c>
      <c r="N7813" s="45">
        <f t="shared" si="872"/>
        <v>45251.124999981133</v>
      </c>
    </row>
    <row r="7814" spans="2:14" x14ac:dyDescent="0.25">
      <c r="B7814">
        <f t="shared" si="866"/>
        <v>2</v>
      </c>
      <c r="C7814" s="16">
        <v>7780</v>
      </c>
      <c r="D7814" cm="1">
        <f t="array" ref="D7814">IFERROR(INDEX(Jesper!AH$2:AH$366,ROUNDDOWN($C7814/24,0)+1,1)*INDEX($D$3:$AA$30,INDEX(Jesper!$R$2:$R$366,ROW(INDEX(Jesper!AH$2:AH$366,ROUNDDOWN($C7814/24,0)+1,1))-1)+IF('Standard Profiles'!$G$18=$B$10,7,0)+IF('Standard Profiles'!$G$18=$B$17,14,0)+IF('Standard Profiles'!$G$18=$B$24,21,0),MOD($C7814,24)+1)/SUM(INDEX($D$3:$AA$30,INDEX(Jesper!$R$2:$R$366,ROW(INDEX(Jesper!AH$2:AH$366,ROUNDDOWN($C7814/24,0)+1,1))-1)+IF('Standard Profiles'!$G$18=$B$10,7,0)+IF('Standard Profiles'!$G$18=$B$17,14,0)+IF('Standard Profiles'!$G$18=$B$24,21,0),0)),0)</f>
        <v>5.717792108176015</v>
      </c>
      <c r="E7814" cm="1">
        <f t="array" ref="E7814">IFERROR(INDEX(Jesper!AI$2:AI$366,ROUNDDOWN($C7814/24,0)+1,1)*INDEX($D$3:$AA$30,INDEX(Jesper!$R$2:$R$366,ROW(INDEX(Jesper!AI$2:AI$366,ROUNDDOWN($C7814/24,0)+1,1))-1)+IF('Standard Profiles'!$G$19=$B$10,7,0)+IF('Standard Profiles'!$G$19=$B$17,14,0)+IF('Standard Profiles'!$G$19=$B$24,21,0),MOD($C7814,24)+1)/SUM(INDEX($D$3:$AA$30,INDEX(Jesper!$R$2:$R$366,ROW(INDEX(Jesper!AI$2:AI$366,ROUNDDOWN($C7814/24,0)+1,1))-1)+IF('Standard Profiles'!$G$19=$B$10,7,0)+IF('Standard Profiles'!$G$19=$B$17,14,0)+IF('Standard Profiles'!$G$19=$B$24,21,0),0)),0)</f>
        <v>5.0024818438894476</v>
      </c>
      <c r="F7814" cm="1">
        <f t="array" ref="F7814">IFERROR(INDEX(Jesper!AJ$2:AJ$366,ROUNDDOWN($C7814/24,0)+1,1)*INDEX($D$3:$AA$30,INDEX(Jesper!$R$2:$R$366,ROW(INDEX(Jesper!AJ$2:AJ$366,ROUNDDOWN($C7814/24,0)+1,1))-1)+IF('Standard Profiles'!$G$20=$B$10,7,0)+IF('Standard Profiles'!$G$20=$B$17,14,0)+IF('Standard Profiles'!$G$20=$B$24,21,0),MOD($C7814,24)+1)/SUM(INDEX($D$3:$AA$30,INDEX(Jesper!$R$2:$R$366,ROW(INDEX(Jesper!AJ$2:AJ$366,ROUNDDOWN($C7814/24,0)+1,1))-1)+IF('Standard Profiles'!$G$20=$B$10,7,0)+IF('Standard Profiles'!$G$20=$B$17,14,0)+IF('Standard Profiles'!$G$20=$B$24,21,0),0)),0)</f>
        <v>0</v>
      </c>
      <c r="G7814" cm="1">
        <f t="array" ref="G7814">IFERROR(INDEX(Jesper!AK$2:AK$366,ROUNDDOWN($C7814/24,0)+1,1)*INDEX($D$3:$AA$30,INDEX(Jesper!$R$2:$R$366,ROW(INDEX(Jesper!AK$2:AK$366,ROUNDDOWN($C7814/24,0)+1,1))-1)+IF('Standard Profiles'!$G$21=$B$10,7,0)+IF('Standard Profiles'!$G$21=$B$17,14,0)+IF('Standard Profiles'!$G$21=$B$24,21,0),MOD($C7814,24)+1)/SUM(INDEX($D$3:$AA$30,INDEX(Jesper!$R$2:$R$366,ROW(INDEX(Jesper!AK$2:AK$366,ROUNDDOWN($C7814/24,0)+1,1))-1)+IF('Standard Profiles'!$G$21=$B$10,7,0)+IF('Standard Profiles'!$G$21=$B$17,14,0)+IF('Standard Profiles'!$G$21=$B$24,21,0),0)),0)</f>
        <v>3.4560017100465625</v>
      </c>
      <c r="H7814" cm="1">
        <f t="array" ref="H7814">IFERROR(INDEX(Jesper!AL$2:AL$366,ROUNDDOWN($C7814/24,0)+1,1)*INDEX($D$3:$AA$30,INDEX(Jesper!$R$2:$R$366,ROW(INDEX(Jesper!AL$2:AL$366,ROUNDDOWN($C7814/24,0)+1,1))-1)+IF('Standard Profiles'!$G$22=$B$10,7,0)+IF('Standard Profiles'!$G$22=$B$17,14,0)+IF('Standard Profiles'!$G$22=$B$24,21,0),MOD($C7814,24)+1)/SUM(INDEX($D$3:$AA$30,INDEX(Jesper!$R$2:$R$366,ROW(INDEX(Jesper!AL$2:AL$366,ROUNDDOWN($C7814/24,0)+1,1))-1)+IF('Standard Profiles'!$G$22=$B$10,7,0)+IF('Standard Profiles'!$G$22=$B$17,14,0)+IF('Standard Profiles'!$G$22=$B$24,21,0),0)),0)</f>
        <v>0</v>
      </c>
      <c r="I7814">
        <f t="shared" si="867"/>
        <v>1.6588808208223491</v>
      </c>
      <c r="J7814">
        <f t="shared" si="868"/>
        <v>11.602548103981514</v>
      </c>
      <c r="K7814">
        <f t="shared" si="869"/>
        <v>0.60989782487210831</v>
      </c>
      <c r="L7814">
        <f t="shared" si="870"/>
        <v>0.30494891243605415</v>
      </c>
      <c r="M7814">
        <f t="shared" si="871"/>
        <v>0</v>
      </c>
      <c r="N7814" s="45">
        <f t="shared" si="872"/>
        <v>45251.166666647798</v>
      </c>
    </row>
    <row r="7815" spans="2:14" x14ac:dyDescent="0.25">
      <c r="B7815">
        <f t="shared" si="866"/>
        <v>2</v>
      </c>
      <c r="C7815" s="16">
        <v>7781</v>
      </c>
      <c r="D7815" cm="1">
        <f t="array" ref="D7815">IFERROR(INDEX(Jesper!AH$2:AH$366,ROUNDDOWN($C7815/24,0)+1,1)*INDEX($D$3:$AA$30,INDEX(Jesper!$R$2:$R$366,ROW(INDEX(Jesper!AH$2:AH$366,ROUNDDOWN($C7815/24,0)+1,1))-1)+IF('Standard Profiles'!$G$18=$B$10,7,0)+IF('Standard Profiles'!$G$18=$B$17,14,0)+IF('Standard Profiles'!$G$18=$B$24,21,0),MOD($C7815,24)+1)/SUM(INDEX($D$3:$AA$30,INDEX(Jesper!$R$2:$R$366,ROW(INDEX(Jesper!AH$2:AH$366,ROUNDDOWN($C7815/24,0)+1,1))-1)+IF('Standard Profiles'!$G$18=$B$10,7,0)+IF('Standard Profiles'!$G$18=$B$17,14,0)+IF('Standard Profiles'!$G$18=$B$24,21,0),0)),0)</f>
        <v>5.717792108176015</v>
      </c>
      <c r="E7815" cm="1">
        <f t="array" ref="E7815">IFERROR(INDEX(Jesper!AI$2:AI$366,ROUNDDOWN($C7815/24,0)+1,1)*INDEX($D$3:$AA$30,INDEX(Jesper!$R$2:$R$366,ROW(INDEX(Jesper!AI$2:AI$366,ROUNDDOWN($C7815/24,0)+1,1))-1)+IF('Standard Profiles'!$G$19=$B$10,7,0)+IF('Standard Profiles'!$G$19=$B$17,14,0)+IF('Standard Profiles'!$G$19=$B$24,21,0),MOD($C7815,24)+1)/SUM(INDEX($D$3:$AA$30,INDEX(Jesper!$R$2:$R$366,ROW(INDEX(Jesper!AI$2:AI$366,ROUNDDOWN($C7815/24,0)+1,1))-1)+IF('Standard Profiles'!$G$19=$B$10,7,0)+IF('Standard Profiles'!$G$19=$B$17,14,0)+IF('Standard Profiles'!$G$19=$B$24,21,0),0)),0)</f>
        <v>5.0024818438894476</v>
      </c>
      <c r="F7815" cm="1">
        <f t="array" ref="F7815">IFERROR(INDEX(Jesper!AJ$2:AJ$366,ROUNDDOWN($C7815/24,0)+1,1)*INDEX($D$3:$AA$30,INDEX(Jesper!$R$2:$R$366,ROW(INDEX(Jesper!AJ$2:AJ$366,ROUNDDOWN($C7815/24,0)+1,1))-1)+IF('Standard Profiles'!$G$20=$B$10,7,0)+IF('Standard Profiles'!$G$20=$B$17,14,0)+IF('Standard Profiles'!$G$20=$B$24,21,0),MOD($C7815,24)+1)/SUM(INDEX($D$3:$AA$30,INDEX(Jesper!$R$2:$R$366,ROW(INDEX(Jesper!AJ$2:AJ$366,ROUNDDOWN($C7815/24,0)+1,1))-1)+IF('Standard Profiles'!$G$20=$B$10,7,0)+IF('Standard Profiles'!$G$20=$B$17,14,0)+IF('Standard Profiles'!$G$20=$B$24,21,0),0)),0)</f>
        <v>0</v>
      </c>
      <c r="G7815" cm="1">
        <f t="array" ref="G7815">IFERROR(INDEX(Jesper!AK$2:AK$366,ROUNDDOWN($C7815/24,0)+1,1)*INDEX($D$3:$AA$30,INDEX(Jesper!$R$2:$R$366,ROW(INDEX(Jesper!AK$2:AK$366,ROUNDDOWN($C7815/24,0)+1,1))-1)+IF('Standard Profiles'!$G$21=$B$10,7,0)+IF('Standard Profiles'!$G$21=$B$17,14,0)+IF('Standard Profiles'!$G$21=$B$24,21,0),MOD($C7815,24)+1)/SUM(INDEX($D$3:$AA$30,INDEX(Jesper!$R$2:$R$366,ROW(INDEX(Jesper!AK$2:AK$366,ROUNDDOWN($C7815/24,0)+1,1))-1)+IF('Standard Profiles'!$G$21=$B$10,7,0)+IF('Standard Profiles'!$G$21=$B$17,14,0)+IF('Standard Profiles'!$G$21=$B$24,21,0),0)),0)</f>
        <v>3.4560017100465625</v>
      </c>
      <c r="H7815" cm="1">
        <f t="array" ref="H7815">IFERROR(INDEX(Jesper!AL$2:AL$366,ROUNDDOWN($C7815/24,0)+1,1)*INDEX($D$3:$AA$30,INDEX(Jesper!$R$2:$R$366,ROW(INDEX(Jesper!AL$2:AL$366,ROUNDDOWN($C7815/24,0)+1,1))-1)+IF('Standard Profiles'!$G$22=$B$10,7,0)+IF('Standard Profiles'!$G$22=$B$17,14,0)+IF('Standard Profiles'!$G$22=$B$24,21,0),MOD($C7815,24)+1)/SUM(INDEX($D$3:$AA$30,INDEX(Jesper!$R$2:$R$366,ROW(INDEX(Jesper!AL$2:AL$366,ROUNDDOWN($C7815/24,0)+1,1))-1)+IF('Standard Profiles'!$G$22=$B$10,7,0)+IF('Standard Profiles'!$G$22=$B$17,14,0)+IF('Standard Profiles'!$G$22=$B$24,21,0),0)),0)</f>
        <v>0</v>
      </c>
      <c r="I7815">
        <f t="shared" si="867"/>
        <v>1.6588808208223491</v>
      </c>
      <c r="J7815">
        <f t="shared" si="868"/>
        <v>11.602548103981514</v>
      </c>
      <c r="K7815">
        <f t="shared" si="869"/>
        <v>0.60989782487210831</v>
      </c>
      <c r="L7815">
        <f t="shared" si="870"/>
        <v>0.30494891243605415</v>
      </c>
      <c r="M7815">
        <f t="shared" si="871"/>
        <v>0</v>
      </c>
      <c r="N7815" s="45">
        <f t="shared" si="872"/>
        <v>45251.208333314462</v>
      </c>
    </row>
    <row r="7816" spans="2:14" x14ac:dyDescent="0.25">
      <c r="B7816">
        <f t="shared" si="866"/>
        <v>2</v>
      </c>
      <c r="C7816" s="16">
        <v>7782</v>
      </c>
      <c r="D7816" cm="1">
        <f t="array" ref="D7816">IFERROR(INDEX(Jesper!AH$2:AH$366,ROUNDDOWN($C7816/24,0)+1,1)*INDEX($D$3:$AA$30,INDEX(Jesper!$R$2:$R$366,ROW(INDEX(Jesper!AH$2:AH$366,ROUNDDOWN($C7816/24,0)+1,1))-1)+IF('Standard Profiles'!$G$18=$B$10,7,0)+IF('Standard Profiles'!$G$18=$B$17,14,0)+IF('Standard Profiles'!$G$18=$B$24,21,0),MOD($C7816,24)+1)/SUM(INDEX($D$3:$AA$30,INDEX(Jesper!$R$2:$R$366,ROW(INDEX(Jesper!AH$2:AH$366,ROUNDDOWN($C7816/24,0)+1,1))-1)+IF('Standard Profiles'!$G$18=$B$10,7,0)+IF('Standard Profiles'!$G$18=$B$17,14,0)+IF('Standard Profiles'!$G$18=$B$24,21,0),0)),0)</f>
        <v>5.717792108176015</v>
      </c>
      <c r="E7816" cm="1">
        <f t="array" ref="E7816">IFERROR(INDEX(Jesper!AI$2:AI$366,ROUNDDOWN($C7816/24,0)+1,1)*INDEX($D$3:$AA$30,INDEX(Jesper!$R$2:$R$366,ROW(INDEX(Jesper!AI$2:AI$366,ROUNDDOWN($C7816/24,0)+1,1))-1)+IF('Standard Profiles'!$G$19=$B$10,7,0)+IF('Standard Profiles'!$G$19=$B$17,14,0)+IF('Standard Profiles'!$G$19=$B$24,21,0),MOD($C7816,24)+1)/SUM(INDEX($D$3:$AA$30,INDEX(Jesper!$R$2:$R$366,ROW(INDEX(Jesper!AI$2:AI$366,ROUNDDOWN($C7816/24,0)+1,1))-1)+IF('Standard Profiles'!$G$19=$B$10,7,0)+IF('Standard Profiles'!$G$19=$B$17,14,0)+IF('Standard Profiles'!$G$19=$B$24,21,0),0)),0)</f>
        <v>5.0024818438894476</v>
      </c>
      <c r="F7816" cm="1">
        <f t="array" ref="F7816">IFERROR(INDEX(Jesper!AJ$2:AJ$366,ROUNDDOWN($C7816/24,0)+1,1)*INDEX($D$3:$AA$30,INDEX(Jesper!$R$2:$R$366,ROW(INDEX(Jesper!AJ$2:AJ$366,ROUNDDOWN($C7816/24,0)+1,1))-1)+IF('Standard Profiles'!$G$20=$B$10,7,0)+IF('Standard Profiles'!$G$20=$B$17,14,0)+IF('Standard Profiles'!$G$20=$B$24,21,0),MOD($C7816,24)+1)/SUM(INDEX($D$3:$AA$30,INDEX(Jesper!$R$2:$R$366,ROW(INDEX(Jesper!AJ$2:AJ$366,ROUNDDOWN($C7816/24,0)+1,1))-1)+IF('Standard Profiles'!$G$20=$B$10,7,0)+IF('Standard Profiles'!$G$20=$B$17,14,0)+IF('Standard Profiles'!$G$20=$B$24,21,0),0)),0)</f>
        <v>0</v>
      </c>
      <c r="G7816" cm="1">
        <f t="array" ref="G7816">IFERROR(INDEX(Jesper!AK$2:AK$366,ROUNDDOWN($C7816/24,0)+1,1)*INDEX($D$3:$AA$30,INDEX(Jesper!$R$2:$R$366,ROW(INDEX(Jesper!AK$2:AK$366,ROUNDDOWN($C7816/24,0)+1,1))-1)+IF('Standard Profiles'!$G$21=$B$10,7,0)+IF('Standard Profiles'!$G$21=$B$17,14,0)+IF('Standard Profiles'!$G$21=$B$24,21,0),MOD($C7816,24)+1)/SUM(INDEX($D$3:$AA$30,INDEX(Jesper!$R$2:$R$366,ROW(INDEX(Jesper!AK$2:AK$366,ROUNDDOWN($C7816/24,0)+1,1))-1)+IF('Standard Profiles'!$G$21=$B$10,7,0)+IF('Standard Profiles'!$G$21=$B$17,14,0)+IF('Standard Profiles'!$G$21=$B$24,21,0),0)),0)</f>
        <v>3.4560017100465625</v>
      </c>
      <c r="H7816" cm="1">
        <f t="array" ref="H7816">IFERROR(INDEX(Jesper!AL$2:AL$366,ROUNDDOWN($C7816/24,0)+1,1)*INDEX($D$3:$AA$30,INDEX(Jesper!$R$2:$R$366,ROW(INDEX(Jesper!AL$2:AL$366,ROUNDDOWN($C7816/24,0)+1,1))-1)+IF('Standard Profiles'!$G$22=$B$10,7,0)+IF('Standard Profiles'!$G$22=$B$17,14,0)+IF('Standard Profiles'!$G$22=$B$24,21,0),MOD($C7816,24)+1)/SUM(INDEX($D$3:$AA$30,INDEX(Jesper!$R$2:$R$366,ROW(INDEX(Jesper!AL$2:AL$366,ROUNDDOWN($C7816/24,0)+1,1))-1)+IF('Standard Profiles'!$G$22=$B$10,7,0)+IF('Standard Profiles'!$G$22=$B$17,14,0)+IF('Standard Profiles'!$G$22=$B$24,21,0),0)),0)</f>
        <v>0</v>
      </c>
      <c r="I7816">
        <f t="shared" si="867"/>
        <v>1.6588808208223491</v>
      </c>
      <c r="J7816">
        <f t="shared" si="868"/>
        <v>11.602548103981514</v>
      </c>
      <c r="K7816">
        <f t="shared" si="869"/>
        <v>0.60989782487210831</v>
      </c>
      <c r="L7816">
        <f t="shared" si="870"/>
        <v>0.30494891243605415</v>
      </c>
      <c r="M7816">
        <f t="shared" si="871"/>
        <v>0</v>
      </c>
      <c r="N7816" s="45">
        <f t="shared" si="872"/>
        <v>45251.249999981126</v>
      </c>
    </row>
    <row r="7817" spans="2:14" x14ac:dyDescent="0.25">
      <c r="B7817">
        <f t="shared" si="866"/>
        <v>2</v>
      </c>
      <c r="C7817" s="16">
        <v>7783</v>
      </c>
      <c r="D7817" cm="1">
        <f t="array" ref="D7817">IFERROR(INDEX(Jesper!AH$2:AH$366,ROUNDDOWN($C7817/24,0)+1,1)*INDEX($D$3:$AA$30,INDEX(Jesper!$R$2:$R$366,ROW(INDEX(Jesper!AH$2:AH$366,ROUNDDOWN($C7817/24,0)+1,1))-1)+IF('Standard Profiles'!$G$18=$B$10,7,0)+IF('Standard Profiles'!$G$18=$B$17,14,0)+IF('Standard Profiles'!$G$18=$B$24,21,0),MOD($C7817,24)+1)/SUM(INDEX($D$3:$AA$30,INDEX(Jesper!$R$2:$R$366,ROW(INDEX(Jesper!AH$2:AH$366,ROUNDDOWN($C7817/24,0)+1,1))-1)+IF('Standard Profiles'!$G$18=$B$10,7,0)+IF('Standard Profiles'!$G$18=$B$17,14,0)+IF('Standard Profiles'!$G$18=$B$24,21,0),0)),0)</f>
        <v>24.10406735602951</v>
      </c>
      <c r="E7817" cm="1">
        <f t="array" ref="E7817">IFERROR(INDEX(Jesper!AI$2:AI$366,ROUNDDOWN($C7817/24,0)+1,1)*INDEX($D$3:$AA$30,INDEX(Jesper!$R$2:$R$366,ROW(INDEX(Jesper!AI$2:AI$366,ROUNDDOWN($C7817/24,0)+1,1))-1)+IF('Standard Profiles'!$G$19=$B$10,7,0)+IF('Standard Profiles'!$G$19=$B$17,14,0)+IF('Standard Profiles'!$G$19=$B$24,21,0),MOD($C7817,24)+1)/SUM(INDEX($D$3:$AA$30,INDEX(Jesper!$R$2:$R$366,ROW(INDEX(Jesper!AI$2:AI$366,ROUNDDOWN($C7817/24,0)+1,1))-1)+IF('Standard Profiles'!$G$19=$B$10,7,0)+IF('Standard Profiles'!$G$19=$B$17,14,0)+IF('Standard Profiles'!$G$19=$B$24,21,0),0)),0)</f>
        <v>21.088587523146451</v>
      </c>
      <c r="F7817" cm="1">
        <f t="array" ref="F7817">IFERROR(INDEX(Jesper!AJ$2:AJ$366,ROUNDDOWN($C7817/24,0)+1,1)*INDEX($D$3:$AA$30,INDEX(Jesper!$R$2:$R$366,ROW(INDEX(Jesper!AJ$2:AJ$366,ROUNDDOWN($C7817/24,0)+1,1))-1)+IF('Standard Profiles'!$G$20=$B$10,7,0)+IF('Standard Profiles'!$G$20=$B$17,14,0)+IF('Standard Profiles'!$G$20=$B$24,21,0),MOD($C7817,24)+1)/SUM(INDEX($D$3:$AA$30,INDEX(Jesper!$R$2:$R$366,ROW(INDEX(Jesper!AJ$2:AJ$366,ROUNDDOWN($C7817/24,0)+1,1))-1)+IF('Standard Profiles'!$G$20=$B$10,7,0)+IF('Standard Profiles'!$G$20=$B$17,14,0)+IF('Standard Profiles'!$G$20=$B$24,21,0),0)),0)</f>
        <v>0</v>
      </c>
      <c r="G7817" cm="1">
        <f t="array" ref="G7817">IFERROR(INDEX(Jesper!AK$2:AK$366,ROUNDDOWN($C7817/24,0)+1,1)*INDEX($D$3:$AA$30,INDEX(Jesper!$R$2:$R$366,ROW(INDEX(Jesper!AK$2:AK$366,ROUNDDOWN($C7817/24,0)+1,1))-1)+IF('Standard Profiles'!$G$21=$B$10,7,0)+IF('Standard Profiles'!$G$21=$B$17,14,0)+IF('Standard Profiles'!$G$21=$B$24,21,0),MOD($C7817,24)+1)/SUM(INDEX($D$3:$AA$30,INDEX(Jesper!$R$2:$R$366,ROW(INDEX(Jesper!AK$2:AK$366,ROUNDDOWN($C7817/24,0)+1,1))-1)+IF('Standard Profiles'!$G$21=$B$10,7,0)+IF('Standard Profiles'!$G$21=$B$17,14,0)+IF('Standard Profiles'!$G$21=$B$24,21,0),0)),0)</f>
        <v>9.9555146034567077</v>
      </c>
      <c r="H7817" cm="1">
        <f t="array" ref="H7817">IFERROR(INDEX(Jesper!AL$2:AL$366,ROUNDDOWN($C7817/24,0)+1,1)*INDEX($D$3:$AA$30,INDEX(Jesper!$R$2:$R$366,ROW(INDEX(Jesper!AL$2:AL$366,ROUNDDOWN($C7817/24,0)+1,1))-1)+IF('Standard Profiles'!$G$22=$B$10,7,0)+IF('Standard Profiles'!$G$22=$B$17,14,0)+IF('Standard Profiles'!$G$22=$B$24,21,0),MOD($C7817,24)+1)/SUM(INDEX($D$3:$AA$30,INDEX(Jesper!$R$2:$R$366,ROW(INDEX(Jesper!AL$2:AL$366,ROUNDDOWN($C7817/24,0)+1,1))-1)+IF('Standard Profiles'!$G$22=$B$10,7,0)+IF('Standard Profiles'!$G$22=$B$17,14,0)+IF('Standard Profiles'!$G$22=$B$24,21,0),0)),0)</f>
        <v>0</v>
      </c>
      <c r="I7817">
        <f t="shared" si="867"/>
        <v>4.7786470096592177</v>
      </c>
      <c r="J7817">
        <f t="shared" si="868"/>
        <v>46.512871696008723</v>
      </c>
      <c r="K7817">
        <f t="shared" si="869"/>
        <v>2.5711005179764812</v>
      </c>
      <c r="L7817">
        <f t="shared" si="870"/>
        <v>1.2855502589882406</v>
      </c>
      <c r="M7817">
        <f t="shared" si="871"/>
        <v>0</v>
      </c>
      <c r="N7817" s="45">
        <f t="shared" si="872"/>
        <v>45251.29166664779</v>
      </c>
    </row>
    <row r="7818" spans="2:14" x14ac:dyDescent="0.25">
      <c r="B7818">
        <f t="shared" si="866"/>
        <v>2</v>
      </c>
      <c r="C7818" s="16">
        <v>7784</v>
      </c>
      <c r="D7818" cm="1">
        <f t="array" ref="D7818">IFERROR(INDEX(Jesper!AH$2:AH$366,ROUNDDOWN($C7818/24,0)+1,1)*INDEX($D$3:$AA$30,INDEX(Jesper!$R$2:$R$366,ROW(INDEX(Jesper!AH$2:AH$366,ROUNDDOWN($C7818/24,0)+1,1))-1)+IF('Standard Profiles'!$G$18=$B$10,7,0)+IF('Standard Profiles'!$G$18=$B$17,14,0)+IF('Standard Profiles'!$G$18=$B$24,21,0),MOD($C7818,24)+1)/SUM(INDEX($D$3:$AA$30,INDEX(Jesper!$R$2:$R$366,ROW(INDEX(Jesper!AH$2:AH$366,ROUNDDOWN($C7818/24,0)+1,1))-1)+IF('Standard Profiles'!$G$18=$B$10,7,0)+IF('Standard Profiles'!$G$18=$B$17,14,0)+IF('Standard Profiles'!$G$18=$B$24,21,0),0)),0)</f>
        <v>26.89506462883293</v>
      </c>
      <c r="E7818" cm="1">
        <f t="array" ref="E7818">IFERROR(INDEX(Jesper!AI$2:AI$366,ROUNDDOWN($C7818/24,0)+1,1)*INDEX($D$3:$AA$30,INDEX(Jesper!$R$2:$R$366,ROW(INDEX(Jesper!AI$2:AI$366,ROUNDDOWN($C7818/24,0)+1,1))-1)+IF('Standard Profiles'!$G$19=$B$10,7,0)+IF('Standard Profiles'!$G$19=$B$17,14,0)+IF('Standard Profiles'!$G$19=$B$24,21,0),MOD($C7818,24)+1)/SUM(INDEX($D$3:$AA$30,INDEX(Jesper!$R$2:$R$366,ROW(INDEX(Jesper!AI$2:AI$366,ROUNDDOWN($C7818/24,0)+1,1))-1)+IF('Standard Profiles'!$G$19=$B$10,7,0)+IF('Standard Profiles'!$G$19=$B$17,14,0)+IF('Standard Profiles'!$G$19=$B$24,21,0),0)),0)</f>
        <v>23.530423973194985</v>
      </c>
      <c r="F7818" cm="1">
        <f t="array" ref="F7818">IFERROR(INDEX(Jesper!AJ$2:AJ$366,ROUNDDOWN($C7818/24,0)+1,1)*INDEX($D$3:$AA$30,INDEX(Jesper!$R$2:$R$366,ROW(INDEX(Jesper!AJ$2:AJ$366,ROUNDDOWN($C7818/24,0)+1,1))-1)+IF('Standard Profiles'!$G$20=$B$10,7,0)+IF('Standard Profiles'!$G$20=$B$17,14,0)+IF('Standard Profiles'!$G$20=$B$24,21,0),MOD($C7818,24)+1)/SUM(INDEX($D$3:$AA$30,INDEX(Jesper!$R$2:$R$366,ROW(INDEX(Jesper!AJ$2:AJ$366,ROUNDDOWN($C7818/24,0)+1,1))-1)+IF('Standard Profiles'!$G$20=$B$10,7,0)+IF('Standard Profiles'!$G$20=$B$17,14,0)+IF('Standard Profiles'!$G$20=$B$24,21,0),0)),0)</f>
        <v>0</v>
      </c>
      <c r="G7818" cm="1">
        <f t="array" ref="G7818">IFERROR(INDEX(Jesper!AK$2:AK$366,ROUNDDOWN($C7818/24,0)+1,1)*INDEX($D$3:$AA$30,INDEX(Jesper!$R$2:$R$366,ROW(INDEX(Jesper!AK$2:AK$366,ROUNDDOWN($C7818/24,0)+1,1))-1)+IF('Standard Profiles'!$G$21=$B$10,7,0)+IF('Standard Profiles'!$G$21=$B$17,14,0)+IF('Standard Profiles'!$G$21=$B$24,21,0),MOD($C7818,24)+1)/SUM(INDEX($D$3:$AA$30,INDEX(Jesper!$R$2:$R$366,ROW(INDEX(Jesper!AK$2:AK$366,ROUNDDOWN($C7818/24,0)+1,1))-1)+IF('Standard Profiles'!$G$21=$B$10,7,0)+IF('Standard Profiles'!$G$21=$B$17,14,0)+IF('Standard Profiles'!$G$21=$B$24,21,0),0)),0)</f>
        <v>11.108258399646433</v>
      </c>
      <c r="H7818" cm="1">
        <f t="array" ref="H7818">IFERROR(INDEX(Jesper!AL$2:AL$366,ROUNDDOWN($C7818/24,0)+1,1)*INDEX($D$3:$AA$30,INDEX(Jesper!$R$2:$R$366,ROW(INDEX(Jesper!AL$2:AL$366,ROUNDDOWN($C7818/24,0)+1,1))-1)+IF('Standard Profiles'!$G$22=$B$10,7,0)+IF('Standard Profiles'!$G$22=$B$17,14,0)+IF('Standard Profiles'!$G$22=$B$24,21,0),MOD($C7818,24)+1)/SUM(INDEX($D$3:$AA$30,INDEX(Jesper!$R$2:$R$366,ROW(INDEX(Jesper!AL$2:AL$366,ROUNDDOWN($C7818/24,0)+1,1))-1)+IF('Standard Profiles'!$G$22=$B$10,7,0)+IF('Standard Profiles'!$G$22=$B$17,14,0)+IF('Standard Profiles'!$G$22=$B$24,21,0),0)),0)</f>
        <v>0</v>
      </c>
      <c r="I7818">
        <f t="shared" si="867"/>
        <v>5.3319640318302852</v>
      </c>
      <c r="J7818">
        <f t="shared" si="868"/>
        <v>51.898572629230799</v>
      </c>
      <c r="K7818">
        <f t="shared" si="869"/>
        <v>2.8688068937421796</v>
      </c>
      <c r="L7818">
        <f t="shared" si="870"/>
        <v>1.4344034468710898</v>
      </c>
      <c r="M7818">
        <f t="shared" si="871"/>
        <v>0</v>
      </c>
      <c r="N7818" s="45">
        <f t="shared" si="872"/>
        <v>45251.333333314455</v>
      </c>
    </row>
    <row r="7819" spans="2:14" x14ac:dyDescent="0.25">
      <c r="B7819">
        <f t="shared" si="866"/>
        <v>2</v>
      </c>
      <c r="C7819" s="16">
        <v>7785</v>
      </c>
      <c r="D7819" cm="1">
        <f t="array" ref="D7819">IFERROR(INDEX(Jesper!AH$2:AH$366,ROUNDDOWN($C7819/24,0)+1,1)*INDEX($D$3:$AA$30,INDEX(Jesper!$R$2:$R$366,ROW(INDEX(Jesper!AH$2:AH$366,ROUNDDOWN($C7819/24,0)+1,1))-1)+IF('Standard Profiles'!$G$18=$B$10,7,0)+IF('Standard Profiles'!$G$18=$B$17,14,0)+IF('Standard Profiles'!$G$18=$B$24,21,0),MOD($C7819,24)+1)/SUM(INDEX($D$3:$AA$30,INDEX(Jesper!$R$2:$R$366,ROW(INDEX(Jesper!AH$2:AH$366,ROUNDDOWN($C7819/24,0)+1,1))-1)+IF('Standard Profiles'!$G$18=$B$10,7,0)+IF('Standard Profiles'!$G$18=$B$17,14,0)+IF('Standard Profiles'!$G$18=$B$24,21,0),0)),0)</f>
        <v>29.68606190163635</v>
      </c>
      <c r="E7819" cm="1">
        <f t="array" ref="E7819">IFERROR(INDEX(Jesper!AI$2:AI$366,ROUNDDOWN($C7819/24,0)+1,1)*INDEX($D$3:$AA$30,INDEX(Jesper!$R$2:$R$366,ROW(INDEX(Jesper!AI$2:AI$366,ROUNDDOWN($C7819/24,0)+1,1))-1)+IF('Standard Profiles'!$G$19=$B$10,7,0)+IF('Standard Profiles'!$G$19=$B$17,14,0)+IF('Standard Profiles'!$G$19=$B$24,21,0),MOD($C7819,24)+1)/SUM(INDEX($D$3:$AA$30,INDEX(Jesper!$R$2:$R$366,ROW(INDEX(Jesper!AI$2:AI$366,ROUNDDOWN($C7819/24,0)+1,1))-1)+IF('Standard Profiles'!$G$19=$B$10,7,0)+IF('Standard Profiles'!$G$19=$B$17,14,0)+IF('Standard Profiles'!$G$19=$B$24,21,0),0)),0)</f>
        <v>25.972260423243526</v>
      </c>
      <c r="F7819" cm="1">
        <f t="array" ref="F7819">IFERROR(INDEX(Jesper!AJ$2:AJ$366,ROUNDDOWN($C7819/24,0)+1,1)*INDEX($D$3:$AA$30,INDEX(Jesper!$R$2:$R$366,ROW(INDEX(Jesper!AJ$2:AJ$366,ROUNDDOWN($C7819/24,0)+1,1))-1)+IF('Standard Profiles'!$G$20=$B$10,7,0)+IF('Standard Profiles'!$G$20=$B$17,14,0)+IF('Standard Profiles'!$G$20=$B$24,21,0),MOD($C7819,24)+1)/SUM(INDEX($D$3:$AA$30,INDEX(Jesper!$R$2:$R$366,ROW(INDEX(Jesper!AJ$2:AJ$366,ROUNDDOWN($C7819/24,0)+1,1))-1)+IF('Standard Profiles'!$G$20=$B$10,7,0)+IF('Standard Profiles'!$G$20=$B$17,14,0)+IF('Standard Profiles'!$G$20=$B$24,21,0),0)),0)</f>
        <v>0</v>
      </c>
      <c r="G7819" cm="1">
        <f t="array" ref="G7819">IFERROR(INDEX(Jesper!AK$2:AK$366,ROUNDDOWN($C7819/24,0)+1,1)*INDEX($D$3:$AA$30,INDEX(Jesper!$R$2:$R$366,ROW(INDEX(Jesper!AK$2:AK$366,ROUNDDOWN($C7819/24,0)+1,1))-1)+IF('Standard Profiles'!$G$21=$B$10,7,0)+IF('Standard Profiles'!$G$21=$B$17,14,0)+IF('Standard Profiles'!$G$21=$B$24,21,0),MOD($C7819,24)+1)/SUM(INDEX($D$3:$AA$30,INDEX(Jesper!$R$2:$R$366,ROW(INDEX(Jesper!AK$2:AK$366,ROUNDDOWN($C7819/24,0)+1,1))-1)+IF('Standard Profiles'!$G$21=$B$10,7,0)+IF('Standard Profiles'!$G$21=$B$17,14,0)+IF('Standard Profiles'!$G$21=$B$24,21,0),0)),0)</f>
        <v>12.261002195836157</v>
      </c>
      <c r="H7819" cm="1">
        <f t="array" ref="H7819">IFERROR(INDEX(Jesper!AL$2:AL$366,ROUNDDOWN($C7819/24,0)+1,1)*INDEX($D$3:$AA$30,INDEX(Jesper!$R$2:$R$366,ROW(INDEX(Jesper!AL$2:AL$366,ROUNDDOWN($C7819/24,0)+1,1))-1)+IF('Standard Profiles'!$G$22=$B$10,7,0)+IF('Standard Profiles'!$G$22=$B$17,14,0)+IF('Standard Profiles'!$G$22=$B$24,21,0),MOD($C7819,24)+1)/SUM(INDEX($D$3:$AA$30,INDEX(Jesper!$R$2:$R$366,ROW(INDEX(Jesper!AL$2:AL$366,ROUNDDOWN($C7819/24,0)+1,1))-1)+IF('Standard Profiles'!$G$22=$B$10,7,0)+IF('Standard Profiles'!$G$22=$B$17,14,0)+IF('Standard Profiles'!$G$22=$B$24,21,0),0)),0)</f>
        <v>0</v>
      </c>
      <c r="I7819">
        <f t="shared" si="867"/>
        <v>5.8852810540013527</v>
      </c>
      <c r="J7819">
        <f t="shared" si="868"/>
        <v>57.28427356245286</v>
      </c>
      <c r="K7819">
        <f t="shared" si="869"/>
        <v>3.1665132695078775</v>
      </c>
      <c r="L7819">
        <f t="shared" si="870"/>
        <v>1.5832566347539387</v>
      </c>
      <c r="M7819">
        <f t="shared" si="871"/>
        <v>0</v>
      </c>
      <c r="N7819" s="45">
        <f t="shared" si="872"/>
        <v>45251.374999981119</v>
      </c>
    </row>
    <row r="7820" spans="2:14" x14ac:dyDescent="0.25">
      <c r="B7820">
        <f t="shared" si="866"/>
        <v>2</v>
      </c>
      <c r="C7820" s="16">
        <v>7786</v>
      </c>
      <c r="D7820" cm="1">
        <f t="array" ref="D7820">IFERROR(INDEX(Jesper!AH$2:AH$366,ROUNDDOWN($C7820/24,0)+1,1)*INDEX($D$3:$AA$30,INDEX(Jesper!$R$2:$R$366,ROW(INDEX(Jesper!AH$2:AH$366,ROUNDDOWN($C7820/24,0)+1,1))-1)+IF('Standard Profiles'!$G$18=$B$10,7,0)+IF('Standard Profiles'!$G$18=$B$17,14,0)+IF('Standard Profiles'!$G$18=$B$24,21,0),MOD($C7820,24)+1)/SUM(INDEX($D$3:$AA$30,INDEX(Jesper!$R$2:$R$366,ROW(INDEX(Jesper!AH$2:AH$366,ROUNDDOWN($C7820/24,0)+1,1))-1)+IF('Standard Profiles'!$G$18=$B$10,7,0)+IF('Standard Profiles'!$G$18=$B$17,14,0)+IF('Standard Profiles'!$G$18=$B$24,21,0),0)),0)</f>
        <v>29.68606190163635</v>
      </c>
      <c r="E7820" cm="1">
        <f t="array" ref="E7820">IFERROR(INDEX(Jesper!AI$2:AI$366,ROUNDDOWN($C7820/24,0)+1,1)*INDEX($D$3:$AA$30,INDEX(Jesper!$R$2:$R$366,ROW(INDEX(Jesper!AI$2:AI$366,ROUNDDOWN($C7820/24,0)+1,1))-1)+IF('Standard Profiles'!$G$19=$B$10,7,0)+IF('Standard Profiles'!$G$19=$B$17,14,0)+IF('Standard Profiles'!$G$19=$B$24,21,0),MOD($C7820,24)+1)/SUM(INDEX($D$3:$AA$30,INDEX(Jesper!$R$2:$R$366,ROW(INDEX(Jesper!AI$2:AI$366,ROUNDDOWN($C7820/24,0)+1,1))-1)+IF('Standard Profiles'!$G$19=$B$10,7,0)+IF('Standard Profiles'!$G$19=$B$17,14,0)+IF('Standard Profiles'!$G$19=$B$24,21,0),0)),0)</f>
        <v>25.972260423243526</v>
      </c>
      <c r="F7820" cm="1">
        <f t="array" ref="F7820">IFERROR(INDEX(Jesper!AJ$2:AJ$366,ROUNDDOWN($C7820/24,0)+1,1)*INDEX($D$3:$AA$30,INDEX(Jesper!$R$2:$R$366,ROW(INDEX(Jesper!AJ$2:AJ$366,ROUNDDOWN($C7820/24,0)+1,1))-1)+IF('Standard Profiles'!$G$20=$B$10,7,0)+IF('Standard Profiles'!$G$20=$B$17,14,0)+IF('Standard Profiles'!$G$20=$B$24,21,0),MOD($C7820,24)+1)/SUM(INDEX($D$3:$AA$30,INDEX(Jesper!$R$2:$R$366,ROW(INDEX(Jesper!AJ$2:AJ$366,ROUNDDOWN($C7820/24,0)+1,1))-1)+IF('Standard Profiles'!$G$20=$B$10,7,0)+IF('Standard Profiles'!$G$20=$B$17,14,0)+IF('Standard Profiles'!$G$20=$B$24,21,0),0)),0)</f>
        <v>0</v>
      </c>
      <c r="G7820" cm="1">
        <f t="array" ref="G7820">IFERROR(INDEX(Jesper!AK$2:AK$366,ROUNDDOWN($C7820/24,0)+1,1)*INDEX($D$3:$AA$30,INDEX(Jesper!$R$2:$R$366,ROW(INDEX(Jesper!AK$2:AK$366,ROUNDDOWN($C7820/24,0)+1,1))-1)+IF('Standard Profiles'!$G$21=$B$10,7,0)+IF('Standard Profiles'!$G$21=$B$17,14,0)+IF('Standard Profiles'!$G$21=$B$24,21,0),MOD($C7820,24)+1)/SUM(INDEX($D$3:$AA$30,INDEX(Jesper!$R$2:$R$366,ROW(INDEX(Jesper!AK$2:AK$366,ROUNDDOWN($C7820/24,0)+1,1))-1)+IF('Standard Profiles'!$G$21=$B$10,7,0)+IF('Standard Profiles'!$G$21=$B$17,14,0)+IF('Standard Profiles'!$G$21=$B$24,21,0),0)),0)</f>
        <v>12.261002195836157</v>
      </c>
      <c r="H7820" cm="1">
        <f t="array" ref="H7820">IFERROR(INDEX(Jesper!AL$2:AL$366,ROUNDDOWN($C7820/24,0)+1,1)*INDEX($D$3:$AA$30,INDEX(Jesper!$R$2:$R$366,ROW(INDEX(Jesper!AL$2:AL$366,ROUNDDOWN($C7820/24,0)+1,1))-1)+IF('Standard Profiles'!$G$22=$B$10,7,0)+IF('Standard Profiles'!$G$22=$B$17,14,0)+IF('Standard Profiles'!$G$22=$B$24,21,0),MOD($C7820,24)+1)/SUM(INDEX($D$3:$AA$30,INDEX(Jesper!$R$2:$R$366,ROW(INDEX(Jesper!AL$2:AL$366,ROUNDDOWN($C7820/24,0)+1,1))-1)+IF('Standard Profiles'!$G$22=$B$10,7,0)+IF('Standard Profiles'!$G$22=$B$17,14,0)+IF('Standard Profiles'!$G$22=$B$24,21,0),0)),0)</f>
        <v>0</v>
      </c>
      <c r="I7820">
        <f t="shared" si="867"/>
        <v>5.8852810540013527</v>
      </c>
      <c r="J7820">
        <f t="shared" si="868"/>
        <v>57.28427356245286</v>
      </c>
      <c r="K7820">
        <f t="shared" si="869"/>
        <v>3.1665132695078775</v>
      </c>
      <c r="L7820">
        <f t="shared" si="870"/>
        <v>1.5832566347539387</v>
      </c>
      <c r="M7820">
        <f t="shared" si="871"/>
        <v>0</v>
      </c>
      <c r="N7820" s="45">
        <f t="shared" si="872"/>
        <v>45251.416666647783</v>
      </c>
    </row>
    <row r="7821" spans="2:14" x14ac:dyDescent="0.25">
      <c r="B7821">
        <f t="shared" si="866"/>
        <v>2</v>
      </c>
      <c r="C7821" s="16">
        <v>7787</v>
      </c>
      <c r="D7821" cm="1">
        <f t="array" ref="D7821">IFERROR(INDEX(Jesper!AH$2:AH$366,ROUNDDOWN($C7821/24,0)+1,1)*INDEX($D$3:$AA$30,INDEX(Jesper!$R$2:$R$366,ROW(INDEX(Jesper!AH$2:AH$366,ROUNDDOWN($C7821/24,0)+1,1))-1)+IF('Standard Profiles'!$G$18=$B$10,7,0)+IF('Standard Profiles'!$G$18=$B$17,14,0)+IF('Standard Profiles'!$G$18=$B$24,21,0),MOD($C7821,24)+1)/SUM(INDEX($D$3:$AA$30,INDEX(Jesper!$R$2:$R$366,ROW(INDEX(Jesper!AH$2:AH$366,ROUNDDOWN($C7821/24,0)+1,1))-1)+IF('Standard Profiles'!$G$18=$B$10,7,0)+IF('Standard Profiles'!$G$18=$B$17,14,0)+IF('Standard Profiles'!$G$18=$B$24,21,0),0)),0)</f>
        <v>35.521783472043488</v>
      </c>
      <c r="E7821" cm="1">
        <f t="array" ref="E7821">IFERROR(INDEX(Jesper!AI$2:AI$366,ROUNDDOWN($C7821/24,0)+1,1)*INDEX($D$3:$AA$30,INDEX(Jesper!$R$2:$R$366,ROW(INDEX(Jesper!AI$2:AI$366,ROUNDDOWN($C7821/24,0)+1,1))-1)+IF('Standard Profiles'!$G$19=$B$10,7,0)+IF('Standard Profiles'!$G$19=$B$17,14,0)+IF('Standard Profiles'!$G$19=$B$24,21,0),MOD($C7821,24)+1)/SUM(INDEX($D$3:$AA$30,INDEX(Jesper!$R$2:$R$366,ROW(INDEX(Jesper!AI$2:AI$366,ROUNDDOWN($C7821/24,0)+1,1))-1)+IF('Standard Profiles'!$G$19=$B$10,7,0)+IF('Standard Profiles'!$G$19=$B$17,14,0)+IF('Standard Profiles'!$G$19=$B$24,21,0),0)),0)</f>
        <v>31.077918455163189</v>
      </c>
      <c r="F7821" cm="1">
        <f t="array" ref="F7821">IFERROR(INDEX(Jesper!AJ$2:AJ$366,ROUNDDOWN($C7821/24,0)+1,1)*INDEX($D$3:$AA$30,INDEX(Jesper!$R$2:$R$366,ROW(INDEX(Jesper!AJ$2:AJ$366,ROUNDDOWN($C7821/24,0)+1,1))-1)+IF('Standard Profiles'!$G$20=$B$10,7,0)+IF('Standard Profiles'!$G$20=$B$17,14,0)+IF('Standard Profiles'!$G$20=$B$24,21,0),MOD($C7821,24)+1)/SUM(INDEX($D$3:$AA$30,INDEX(Jesper!$R$2:$R$366,ROW(INDEX(Jesper!AJ$2:AJ$366,ROUNDDOWN($C7821/24,0)+1,1))-1)+IF('Standard Profiles'!$G$20=$B$10,7,0)+IF('Standard Profiles'!$G$20=$B$17,14,0)+IF('Standard Profiles'!$G$20=$B$24,21,0),0)),0)</f>
        <v>0</v>
      </c>
      <c r="G7821" cm="1">
        <f t="array" ref="G7821">IFERROR(INDEX(Jesper!AK$2:AK$366,ROUNDDOWN($C7821/24,0)+1,1)*INDEX($D$3:$AA$30,INDEX(Jesper!$R$2:$R$366,ROW(INDEX(Jesper!AK$2:AK$366,ROUNDDOWN($C7821/24,0)+1,1))-1)+IF('Standard Profiles'!$G$21=$B$10,7,0)+IF('Standard Profiles'!$G$21=$B$17,14,0)+IF('Standard Profiles'!$G$21=$B$24,21,0),MOD($C7821,24)+1)/SUM(INDEX($D$3:$AA$30,INDEX(Jesper!$R$2:$R$366,ROW(INDEX(Jesper!AK$2:AK$366,ROUNDDOWN($C7821/24,0)+1,1))-1)+IF('Standard Profiles'!$G$21=$B$10,7,0)+IF('Standard Profiles'!$G$21=$B$17,14,0)+IF('Standard Profiles'!$G$21=$B$24,21,0),0)),0)</f>
        <v>14.671284678778308</v>
      </c>
      <c r="H7821" cm="1">
        <f t="array" ref="H7821">IFERROR(INDEX(Jesper!AL$2:AL$366,ROUNDDOWN($C7821/24,0)+1,1)*INDEX($D$3:$AA$30,INDEX(Jesper!$R$2:$R$366,ROW(INDEX(Jesper!AL$2:AL$366,ROUNDDOWN($C7821/24,0)+1,1))-1)+IF('Standard Profiles'!$G$22=$B$10,7,0)+IF('Standard Profiles'!$G$22=$B$17,14,0)+IF('Standard Profiles'!$G$22=$B$24,21,0),MOD($C7821,24)+1)/SUM(INDEX($D$3:$AA$30,INDEX(Jesper!$R$2:$R$366,ROW(INDEX(Jesper!AL$2:AL$366,ROUNDDOWN($C7821/24,0)+1,1))-1)+IF('Standard Profiles'!$G$22=$B$10,7,0)+IF('Standard Profiles'!$G$22=$B$17,14,0)+IF('Standard Profiles'!$G$22=$B$24,21,0),0)),0)</f>
        <v>0</v>
      </c>
      <c r="I7821">
        <f t="shared" si="867"/>
        <v>7.0422166458135846</v>
      </c>
      <c r="J7821">
        <f t="shared" si="868"/>
        <v>68.545284604644436</v>
      </c>
      <c r="K7821">
        <f t="shared" si="869"/>
        <v>3.7889902370179724</v>
      </c>
      <c r="L7821">
        <f t="shared" si="870"/>
        <v>1.8944951185089862</v>
      </c>
      <c r="M7821">
        <f t="shared" si="871"/>
        <v>0</v>
      </c>
      <c r="N7821" s="45">
        <f t="shared" si="872"/>
        <v>45251.458333314447</v>
      </c>
    </row>
    <row r="7822" spans="2:14" x14ac:dyDescent="0.25">
      <c r="B7822">
        <f t="shared" si="866"/>
        <v>2</v>
      </c>
      <c r="C7822" s="16">
        <v>7788</v>
      </c>
      <c r="D7822" cm="1">
        <f t="array" ref="D7822">IFERROR(INDEX(Jesper!AH$2:AH$366,ROUNDDOWN($C7822/24,0)+1,1)*INDEX($D$3:$AA$30,INDEX(Jesper!$R$2:$R$366,ROW(INDEX(Jesper!AH$2:AH$366,ROUNDDOWN($C7822/24,0)+1,1))-1)+IF('Standard Profiles'!$G$18=$B$10,7,0)+IF('Standard Profiles'!$G$18=$B$17,14,0)+IF('Standard Profiles'!$G$18=$B$24,21,0),MOD($C7822,24)+1)/SUM(INDEX($D$3:$AA$30,INDEX(Jesper!$R$2:$R$366,ROW(INDEX(Jesper!AH$2:AH$366,ROUNDDOWN($C7822/24,0)+1,1))-1)+IF('Standard Profiles'!$G$18=$B$10,7,0)+IF('Standard Profiles'!$G$18=$B$17,14,0)+IF('Standard Profiles'!$G$18=$B$24,21,0),0)),0)</f>
        <v>35.521783472043488</v>
      </c>
      <c r="E7822" cm="1">
        <f t="array" ref="E7822">IFERROR(INDEX(Jesper!AI$2:AI$366,ROUNDDOWN($C7822/24,0)+1,1)*INDEX($D$3:$AA$30,INDEX(Jesper!$R$2:$R$366,ROW(INDEX(Jesper!AI$2:AI$366,ROUNDDOWN($C7822/24,0)+1,1))-1)+IF('Standard Profiles'!$G$19=$B$10,7,0)+IF('Standard Profiles'!$G$19=$B$17,14,0)+IF('Standard Profiles'!$G$19=$B$24,21,0),MOD($C7822,24)+1)/SUM(INDEX($D$3:$AA$30,INDEX(Jesper!$R$2:$R$366,ROW(INDEX(Jesper!AI$2:AI$366,ROUNDDOWN($C7822/24,0)+1,1))-1)+IF('Standard Profiles'!$G$19=$B$10,7,0)+IF('Standard Profiles'!$G$19=$B$17,14,0)+IF('Standard Profiles'!$G$19=$B$24,21,0),0)),0)</f>
        <v>31.077918455163189</v>
      </c>
      <c r="F7822" cm="1">
        <f t="array" ref="F7822">IFERROR(INDEX(Jesper!AJ$2:AJ$366,ROUNDDOWN($C7822/24,0)+1,1)*INDEX($D$3:$AA$30,INDEX(Jesper!$R$2:$R$366,ROW(INDEX(Jesper!AJ$2:AJ$366,ROUNDDOWN($C7822/24,0)+1,1))-1)+IF('Standard Profiles'!$G$20=$B$10,7,0)+IF('Standard Profiles'!$G$20=$B$17,14,0)+IF('Standard Profiles'!$G$20=$B$24,21,0),MOD($C7822,24)+1)/SUM(INDEX($D$3:$AA$30,INDEX(Jesper!$R$2:$R$366,ROW(INDEX(Jesper!AJ$2:AJ$366,ROUNDDOWN($C7822/24,0)+1,1))-1)+IF('Standard Profiles'!$G$20=$B$10,7,0)+IF('Standard Profiles'!$G$20=$B$17,14,0)+IF('Standard Profiles'!$G$20=$B$24,21,0),0)),0)</f>
        <v>0</v>
      </c>
      <c r="G7822" cm="1">
        <f t="array" ref="G7822">IFERROR(INDEX(Jesper!AK$2:AK$366,ROUNDDOWN($C7822/24,0)+1,1)*INDEX($D$3:$AA$30,INDEX(Jesper!$R$2:$R$366,ROW(INDEX(Jesper!AK$2:AK$366,ROUNDDOWN($C7822/24,0)+1,1))-1)+IF('Standard Profiles'!$G$21=$B$10,7,0)+IF('Standard Profiles'!$G$21=$B$17,14,0)+IF('Standard Profiles'!$G$21=$B$24,21,0),MOD($C7822,24)+1)/SUM(INDEX($D$3:$AA$30,INDEX(Jesper!$R$2:$R$366,ROW(INDEX(Jesper!AK$2:AK$366,ROUNDDOWN($C7822/24,0)+1,1))-1)+IF('Standard Profiles'!$G$21=$B$10,7,0)+IF('Standard Profiles'!$G$21=$B$17,14,0)+IF('Standard Profiles'!$G$21=$B$24,21,0),0)),0)</f>
        <v>14.671284678778308</v>
      </c>
      <c r="H7822" cm="1">
        <f t="array" ref="H7822">IFERROR(INDEX(Jesper!AL$2:AL$366,ROUNDDOWN($C7822/24,0)+1,1)*INDEX($D$3:$AA$30,INDEX(Jesper!$R$2:$R$366,ROW(INDEX(Jesper!AL$2:AL$366,ROUNDDOWN($C7822/24,0)+1,1))-1)+IF('Standard Profiles'!$G$22=$B$10,7,0)+IF('Standard Profiles'!$G$22=$B$17,14,0)+IF('Standard Profiles'!$G$22=$B$24,21,0),MOD($C7822,24)+1)/SUM(INDEX($D$3:$AA$30,INDEX(Jesper!$R$2:$R$366,ROW(INDEX(Jesper!AL$2:AL$366,ROUNDDOWN($C7822/24,0)+1,1))-1)+IF('Standard Profiles'!$G$22=$B$10,7,0)+IF('Standard Profiles'!$G$22=$B$17,14,0)+IF('Standard Profiles'!$G$22=$B$24,21,0),0)),0)</f>
        <v>0</v>
      </c>
      <c r="I7822">
        <f t="shared" si="867"/>
        <v>7.0422166458135846</v>
      </c>
      <c r="J7822">
        <f t="shared" si="868"/>
        <v>68.545284604644436</v>
      </c>
      <c r="K7822">
        <f t="shared" si="869"/>
        <v>3.7889902370179724</v>
      </c>
      <c r="L7822">
        <f t="shared" si="870"/>
        <v>1.8944951185089862</v>
      </c>
      <c r="M7822">
        <f t="shared" si="871"/>
        <v>0</v>
      </c>
      <c r="N7822" s="45">
        <f t="shared" si="872"/>
        <v>45251.499999981112</v>
      </c>
    </row>
    <row r="7823" spans="2:14" x14ac:dyDescent="0.25">
      <c r="B7823">
        <f t="shared" si="866"/>
        <v>2</v>
      </c>
      <c r="C7823" s="16">
        <v>7789</v>
      </c>
      <c r="D7823" cm="1">
        <f t="array" ref="D7823">IFERROR(INDEX(Jesper!AH$2:AH$366,ROUNDDOWN($C7823/24,0)+1,1)*INDEX($D$3:$AA$30,INDEX(Jesper!$R$2:$R$366,ROW(INDEX(Jesper!AH$2:AH$366,ROUNDDOWN($C7823/24,0)+1,1))-1)+IF('Standard Profiles'!$G$18=$B$10,7,0)+IF('Standard Profiles'!$G$18=$B$17,14,0)+IF('Standard Profiles'!$G$18=$B$24,21,0),MOD($C7823,24)+1)/SUM(INDEX($D$3:$AA$30,INDEX(Jesper!$R$2:$R$366,ROW(INDEX(Jesper!AH$2:AH$366,ROUNDDOWN($C7823/24,0)+1,1))-1)+IF('Standard Profiles'!$G$18=$B$10,7,0)+IF('Standard Profiles'!$G$18=$B$17,14,0)+IF('Standard Profiles'!$G$18=$B$24,21,0),0)),0)</f>
        <v>23.596613306428889</v>
      </c>
      <c r="E7823" cm="1">
        <f t="array" ref="E7823">IFERROR(INDEX(Jesper!AI$2:AI$366,ROUNDDOWN($C7823/24,0)+1,1)*INDEX($D$3:$AA$30,INDEX(Jesper!$R$2:$R$366,ROW(INDEX(Jesper!AI$2:AI$366,ROUNDDOWN($C7823/24,0)+1,1))-1)+IF('Standard Profiles'!$G$19=$B$10,7,0)+IF('Standard Profiles'!$G$19=$B$17,14,0)+IF('Standard Profiles'!$G$19=$B$24,21,0),MOD($C7823,24)+1)/SUM(INDEX($D$3:$AA$30,INDEX(Jesper!$R$2:$R$366,ROW(INDEX(Jesper!AI$2:AI$366,ROUNDDOWN($C7823/24,0)+1,1))-1)+IF('Standard Profiles'!$G$19=$B$10,7,0)+IF('Standard Profiles'!$G$19=$B$17,14,0)+IF('Standard Profiles'!$G$19=$B$24,21,0),0)),0)</f>
        <v>20.64461725950126</v>
      </c>
      <c r="F7823" cm="1">
        <f t="array" ref="F7823">IFERROR(INDEX(Jesper!AJ$2:AJ$366,ROUNDDOWN($C7823/24,0)+1,1)*INDEX($D$3:$AA$30,INDEX(Jesper!$R$2:$R$366,ROW(INDEX(Jesper!AJ$2:AJ$366,ROUNDDOWN($C7823/24,0)+1,1))-1)+IF('Standard Profiles'!$G$20=$B$10,7,0)+IF('Standard Profiles'!$G$20=$B$17,14,0)+IF('Standard Profiles'!$G$20=$B$24,21,0),MOD($C7823,24)+1)/SUM(INDEX($D$3:$AA$30,INDEX(Jesper!$R$2:$R$366,ROW(INDEX(Jesper!AJ$2:AJ$366,ROUNDDOWN($C7823/24,0)+1,1))-1)+IF('Standard Profiles'!$G$20=$B$10,7,0)+IF('Standard Profiles'!$G$20=$B$17,14,0)+IF('Standard Profiles'!$G$20=$B$24,21,0),0)),0)</f>
        <v>0</v>
      </c>
      <c r="G7823" cm="1">
        <f t="array" ref="G7823">IFERROR(INDEX(Jesper!AK$2:AK$366,ROUNDDOWN($C7823/24,0)+1,1)*INDEX($D$3:$AA$30,INDEX(Jesper!$R$2:$R$366,ROW(INDEX(Jesper!AK$2:AK$366,ROUNDDOWN($C7823/24,0)+1,1))-1)+IF('Standard Profiles'!$G$21=$B$10,7,0)+IF('Standard Profiles'!$G$21=$B$17,14,0)+IF('Standard Profiles'!$G$21=$B$24,21,0),MOD($C7823,24)+1)/SUM(INDEX($D$3:$AA$30,INDEX(Jesper!$R$2:$R$366,ROW(INDEX(Jesper!AK$2:AK$366,ROUNDDOWN($C7823/24,0)+1,1))-1)+IF('Standard Profiles'!$G$21=$B$10,7,0)+IF('Standard Profiles'!$G$21=$B$17,14,0)+IF('Standard Profiles'!$G$21=$B$24,21,0),0)),0)</f>
        <v>9.745924822331304</v>
      </c>
      <c r="H7823" cm="1">
        <f t="array" ref="H7823">IFERROR(INDEX(Jesper!AL$2:AL$366,ROUNDDOWN($C7823/24,0)+1,1)*INDEX($D$3:$AA$30,INDEX(Jesper!$R$2:$R$366,ROW(INDEX(Jesper!AL$2:AL$366,ROUNDDOWN($C7823/24,0)+1,1))-1)+IF('Standard Profiles'!$G$22=$B$10,7,0)+IF('Standard Profiles'!$G$22=$B$17,14,0)+IF('Standard Profiles'!$G$22=$B$24,21,0),MOD($C7823,24)+1)/SUM(INDEX($D$3:$AA$30,INDEX(Jesper!$R$2:$R$366,ROW(INDEX(Jesper!AL$2:AL$366,ROUNDDOWN($C7823/24,0)+1,1))-1)+IF('Standard Profiles'!$G$22=$B$10,7,0)+IF('Standard Profiles'!$G$22=$B$17,14,0)+IF('Standard Profiles'!$G$22=$B$24,21,0),0)),0)</f>
        <v>0</v>
      </c>
      <c r="I7823">
        <f t="shared" si="867"/>
        <v>4.6780439147190238</v>
      </c>
      <c r="J7823">
        <f t="shared" si="868"/>
        <v>45.533653344513802</v>
      </c>
      <c r="K7823">
        <f t="shared" si="869"/>
        <v>2.5169720860190816</v>
      </c>
      <c r="L7823">
        <f t="shared" si="870"/>
        <v>1.2584860430095408</v>
      </c>
      <c r="M7823">
        <f t="shared" si="871"/>
        <v>0</v>
      </c>
      <c r="N7823" s="45">
        <f t="shared" si="872"/>
        <v>45251.541666647776</v>
      </c>
    </row>
    <row r="7824" spans="2:14" x14ac:dyDescent="0.25">
      <c r="B7824">
        <f t="shared" si="866"/>
        <v>2</v>
      </c>
      <c r="C7824" s="16">
        <v>7790</v>
      </c>
      <c r="D7824" cm="1">
        <f t="array" ref="D7824">IFERROR(INDEX(Jesper!AH$2:AH$366,ROUNDDOWN($C7824/24,0)+1,1)*INDEX($D$3:$AA$30,INDEX(Jesper!$R$2:$R$366,ROW(INDEX(Jesper!AH$2:AH$366,ROUNDDOWN($C7824/24,0)+1,1))-1)+IF('Standard Profiles'!$G$18=$B$10,7,0)+IF('Standard Profiles'!$G$18=$B$17,14,0)+IF('Standard Profiles'!$G$18=$B$24,21,0),MOD($C7824,24)+1)/SUM(INDEX($D$3:$AA$30,INDEX(Jesper!$R$2:$R$366,ROW(INDEX(Jesper!AH$2:AH$366,ROUNDDOWN($C7824/24,0)+1,1))-1)+IF('Standard Profiles'!$G$18=$B$10,7,0)+IF('Standard Profiles'!$G$18=$B$17,14,0)+IF('Standard Profiles'!$G$18=$B$24,21,0),0)),0)</f>
        <v>35.521783472043488</v>
      </c>
      <c r="E7824" cm="1">
        <f t="array" ref="E7824">IFERROR(INDEX(Jesper!AI$2:AI$366,ROUNDDOWN($C7824/24,0)+1,1)*INDEX($D$3:$AA$30,INDEX(Jesper!$R$2:$R$366,ROW(INDEX(Jesper!AI$2:AI$366,ROUNDDOWN($C7824/24,0)+1,1))-1)+IF('Standard Profiles'!$G$19=$B$10,7,0)+IF('Standard Profiles'!$G$19=$B$17,14,0)+IF('Standard Profiles'!$G$19=$B$24,21,0),MOD($C7824,24)+1)/SUM(INDEX($D$3:$AA$30,INDEX(Jesper!$R$2:$R$366,ROW(INDEX(Jesper!AI$2:AI$366,ROUNDDOWN($C7824/24,0)+1,1))-1)+IF('Standard Profiles'!$G$19=$B$10,7,0)+IF('Standard Profiles'!$G$19=$B$17,14,0)+IF('Standard Profiles'!$G$19=$B$24,21,0),0)),0)</f>
        <v>31.077918455163189</v>
      </c>
      <c r="F7824" cm="1">
        <f t="array" ref="F7824">IFERROR(INDEX(Jesper!AJ$2:AJ$366,ROUNDDOWN($C7824/24,0)+1,1)*INDEX($D$3:$AA$30,INDEX(Jesper!$R$2:$R$366,ROW(INDEX(Jesper!AJ$2:AJ$366,ROUNDDOWN($C7824/24,0)+1,1))-1)+IF('Standard Profiles'!$G$20=$B$10,7,0)+IF('Standard Profiles'!$G$20=$B$17,14,0)+IF('Standard Profiles'!$G$20=$B$24,21,0),MOD($C7824,24)+1)/SUM(INDEX($D$3:$AA$30,INDEX(Jesper!$R$2:$R$366,ROW(INDEX(Jesper!AJ$2:AJ$366,ROUNDDOWN($C7824/24,0)+1,1))-1)+IF('Standard Profiles'!$G$20=$B$10,7,0)+IF('Standard Profiles'!$G$20=$B$17,14,0)+IF('Standard Profiles'!$G$20=$B$24,21,0),0)),0)</f>
        <v>0</v>
      </c>
      <c r="G7824" cm="1">
        <f t="array" ref="G7824">IFERROR(INDEX(Jesper!AK$2:AK$366,ROUNDDOWN($C7824/24,0)+1,1)*INDEX($D$3:$AA$30,INDEX(Jesper!$R$2:$R$366,ROW(INDEX(Jesper!AK$2:AK$366,ROUNDDOWN($C7824/24,0)+1,1))-1)+IF('Standard Profiles'!$G$21=$B$10,7,0)+IF('Standard Profiles'!$G$21=$B$17,14,0)+IF('Standard Profiles'!$G$21=$B$24,21,0),MOD($C7824,24)+1)/SUM(INDEX($D$3:$AA$30,INDEX(Jesper!$R$2:$R$366,ROW(INDEX(Jesper!AK$2:AK$366,ROUNDDOWN($C7824/24,0)+1,1))-1)+IF('Standard Profiles'!$G$21=$B$10,7,0)+IF('Standard Profiles'!$G$21=$B$17,14,0)+IF('Standard Profiles'!$G$21=$B$24,21,0),0)),0)</f>
        <v>14.671284678778308</v>
      </c>
      <c r="H7824" cm="1">
        <f t="array" ref="H7824">IFERROR(INDEX(Jesper!AL$2:AL$366,ROUNDDOWN($C7824/24,0)+1,1)*INDEX($D$3:$AA$30,INDEX(Jesper!$R$2:$R$366,ROW(INDEX(Jesper!AL$2:AL$366,ROUNDDOWN($C7824/24,0)+1,1))-1)+IF('Standard Profiles'!$G$22=$B$10,7,0)+IF('Standard Profiles'!$G$22=$B$17,14,0)+IF('Standard Profiles'!$G$22=$B$24,21,0),MOD($C7824,24)+1)/SUM(INDEX($D$3:$AA$30,INDEX(Jesper!$R$2:$R$366,ROW(INDEX(Jesper!AL$2:AL$366,ROUNDDOWN($C7824/24,0)+1,1))-1)+IF('Standard Profiles'!$G$22=$B$10,7,0)+IF('Standard Profiles'!$G$22=$B$17,14,0)+IF('Standard Profiles'!$G$22=$B$24,21,0),0)),0)</f>
        <v>0</v>
      </c>
      <c r="I7824">
        <f t="shared" si="867"/>
        <v>7.0422166458135846</v>
      </c>
      <c r="J7824">
        <f t="shared" si="868"/>
        <v>68.545284604644436</v>
      </c>
      <c r="K7824">
        <f t="shared" si="869"/>
        <v>3.7889902370179724</v>
      </c>
      <c r="L7824">
        <f t="shared" si="870"/>
        <v>1.8944951185089862</v>
      </c>
      <c r="M7824">
        <f t="shared" si="871"/>
        <v>0</v>
      </c>
      <c r="N7824" s="45">
        <f t="shared" si="872"/>
        <v>45251.58333331444</v>
      </c>
    </row>
    <row r="7825" spans="2:14" x14ac:dyDescent="0.25">
      <c r="B7825">
        <f t="shared" si="866"/>
        <v>2</v>
      </c>
      <c r="C7825" s="16">
        <v>7791</v>
      </c>
      <c r="D7825" cm="1">
        <f t="array" ref="D7825">IFERROR(INDEX(Jesper!AH$2:AH$366,ROUNDDOWN($C7825/24,0)+1,1)*INDEX($D$3:$AA$30,INDEX(Jesper!$R$2:$R$366,ROW(INDEX(Jesper!AH$2:AH$366,ROUNDDOWN($C7825/24,0)+1,1))-1)+IF('Standard Profiles'!$G$18=$B$10,7,0)+IF('Standard Profiles'!$G$18=$B$17,14,0)+IF('Standard Profiles'!$G$18=$B$24,21,0),MOD($C7825,24)+1)/SUM(INDEX($D$3:$AA$30,INDEX(Jesper!$R$2:$R$366,ROW(INDEX(Jesper!AH$2:AH$366,ROUNDDOWN($C7825/24,0)+1,1))-1)+IF('Standard Profiles'!$G$18=$B$10,7,0)+IF('Standard Profiles'!$G$18=$B$17,14,0)+IF('Standard Profiles'!$G$18=$B$24,21,0),0)),0)</f>
        <v>35.521783472043488</v>
      </c>
      <c r="E7825" cm="1">
        <f t="array" ref="E7825">IFERROR(INDEX(Jesper!AI$2:AI$366,ROUNDDOWN($C7825/24,0)+1,1)*INDEX($D$3:$AA$30,INDEX(Jesper!$R$2:$R$366,ROW(INDEX(Jesper!AI$2:AI$366,ROUNDDOWN($C7825/24,0)+1,1))-1)+IF('Standard Profiles'!$G$19=$B$10,7,0)+IF('Standard Profiles'!$G$19=$B$17,14,0)+IF('Standard Profiles'!$G$19=$B$24,21,0),MOD($C7825,24)+1)/SUM(INDEX($D$3:$AA$30,INDEX(Jesper!$R$2:$R$366,ROW(INDEX(Jesper!AI$2:AI$366,ROUNDDOWN($C7825/24,0)+1,1))-1)+IF('Standard Profiles'!$G$19=$B$10,7,0)+IF('Standard Profiles'!$G$19=$B$17,14,0)+IF('Standard Profiles'!$G$19=$B$24,21,0),0)),0)</f>
        <v>31.077918455163189</v>
      </c>
      <c r="F7825" cm="1">
        <f t="array" ref="F7825">IFERROR(INDEX(Jesper!AJ$2:AJ$366,ROUNDDOWN($C7825/24,0)+1,1)*INDEX($D$3:$AA$30,INDEX(Jesper!$R$2:$R$366,ROW(INDEX(Jesper!AJ$2:AJ$366,ROUNDDOWN($C7825/24,0)+1,1))-1)+IF('Standard Profiles'!$G$20=$B$10,7,0)+IF('Standard Profiles'!$G$20=$B$17,14,0)+IF('Standard Profiles'!$G$20=$B$24,21,0),MOD($C7825,24)+1)/SUM(INDEX($D$3:$AA$30,INDEX(Jesper!$R$2:$R$366,ROW(INDEX(Jesper!AJ$2:AJ$366,ROUNDDOWN($C7825/24,0)+1,1))-1)+IF('Standard Profiles'!$G$20=$B$10,7,0)+IF('Standard Profiles'!$G$20=$B$17,14,0)+IF('Standard Profiles'!$G$20=$B$24,21,0),0)),0)</f>
        <v>0</v>
      </c>
      <c r="G7825" cm="1">
        <f t="array" ref="G7825">IFERROR(INDEX(Jesper!AK$2:AK$366,ROUNDDOWN($C7825/24,0)+1,1)*INDEX($D$3:$AA$30,INDEX(Jesper!$R$2:$R$366,ROW(INDEX(Jesper!AK$2:AK$366,ROUNDDOWN($C7825/24,0)+1,1))-1)+IF('Standard Profiles'!$G$21=$B$10,7,0)+IF('Standard Profiles'!$G$21=$B$17,14,0)+IF('Standard Profiles'!$G$21=$B$24,21,0),MOD($C7825,24)+1)/SUM(INDEX($D$3:$AA$30,INDEX(Jesper!$R$2:$R$366,ROW(INDEX(Jesper!AK$2:AK$366,ROUNDDOWN($C7825/24,0)+1,1))-1)+IF('Standard Profiles'!$G$21=$B$10,7,0)+IF('Standard Profiles'!$G$21=$B$17,14,0)+IF('Standard Profiles'!$G$21=$B$24,21,0),0)),0)</f>
        <v>14.671284678778308</v>
      </c>
      <c r="H7825" cm="1">
        <f t="array" ref="H7825">IFERROR(INDEX(Jesper!AL$2:AL$366,ROUNDDOWN($C7825/24,0)+1,1)*INDEX($D$3:$AA$30,INDEX(Jesper!$R$2:$R$366,ROW(INDEX(Jesper!AL$2:AL$366,ROUNDDOWN($C7825/24,0)+1,1))-1)+IF('Standard Profiles'!$G$22=$B$10,7,0)+IF('Standard Profiles'!$G$22=$B$17,14,0)+IF('Standard Profiles'!$G$22=$B$24,21,0),MOD($C7825,24)+1)/SUM(INDEX($D$3:$AA$30,INDEX(Jesper!$R$2:$R$366,ROW(INDEX(Jesper!AL$2:AL$366,ROUNDDOWN($C7825/24,0)+1,1))-1)+IF('Standard Profiles'!$G$22=$B$10,7,0)+IF('Standard Profiles'!$G$22=$B$17,14,0)+IF('Standard Profiles'!$G$22=$B$24,21,0),0)),0)</f>
        <v>0</v>
      </c>
      <c r="I7825">
        <f t="shared" si="867"/>
        <v>7.0422166458135846</v>
      </c>
      <c r="J7825">
        <f t="shared" si="868"/>
        <v>68.545284604644436</v>
      </c>
      <c r="K7825">
        <f t="shared" si="869"/>
        <v>3.7889902370179724</v>
      </c>
      <c r="L7825">
        <f t="shared" si="870"/>
        <v>1.8944951185089862</v>
      </c>
      <c r="M7825">
        <f t="shared" si="871"/>
        <v>0</v>
      </c>
      <c r="N7825" s="45">
        <f t="shared" si="872"/>
        <v>45251.624999981104</v>
      </c>
    </row>
    <row r="7826" spans="2:14" x14ac:dyDescent="0.25">
      <c r="B7826">
        <f t="shared" si="866"/>
        <v>2</v>
      </c>
      <c r="C7826" s="16">
        <v>7792</v>
      </c>
      <c r="D7826" cm="1">
        <f t="array" ref="D7826">IFERROR(INDEX(Jesper!AH$2:AH$366,ROUNDDOWN($C7826/24,0)+1,1)*INDEX($D$3:$AA$30,INDEX(Jesper!$R$2:$R$366,ROW(INDEX(Jesper!AH$2:AH$366,ROUNDDOWN($C7826/24,0)+1,1))-1)+IF('Standard Profiles'!$G$18=$B$10,7,0)+IF('Standard Profiles'!$G$18=$B$17,14,0)+IF('Standard Profiles'!$G$18=$B$24,21,0),MOD($C7826,24)+1)/SUM(INDEX($D$3:$AA$30,INDEX(Jesper!$R$2:$R$366,ROW(INDEX(Jesper!AH$2:AH$366,ROUNDDOWN($C7826/24,0)+1,1))-1)+IF('Standard Profiles'!$G$18=$B$10,7,0)+IF('Standard Profiles'!$G$18=$B$17,14,0)+IF('Standard Profiles'!$G$18=$B$24,21,0),0)),0)</f>
        <v>20.932479546025633</v>
      </c>
      <c r="E7826" cm="1">
        <f t="array" ref="E7826">IFERROR(INDEX(Jesper!AI$2:AI$366,ROUNDDOWN($C7826/24,0)+1,1)*INDEX($D$3:$AA$30,INDEX(Jesper!$R$2:$R$366,ROW(INDEX(Jesper!AI$2:AI$366,ROUNDDOWN($C7826/24,0)+1,1))-1)+IF('Standard Profiles'!$G$19=$B$10,7,0)+IF('Standard Profiles'!$G$19=$B$17,14,0)+IF('Standard Profiles'!$G$19=$B$24,21,0),MOD($C7826,24)+1)/SUM(INDEX($D$3:$AA$30,INDEX(Jesper!$R$2:$R$366,ROW(INDEX(Jesper!AI$2:AI$366,ROUNDDOWN($C7826/24,0)+1,1))-1)+IF('Standard Profiles'!$G$19=$B$10,7,0)+IF('Standard Profiles'!$G$19=$B$17,14,0)+IF('Standard Profiles'!$G$19=$B$24,21,0),0)),0)</f>
        <v>18.313773375364025</v>
      </c>
      <c r="F7826" cm="1">
        <f t="array" ref="F7826">IFERROR(INDEX(Jesper!AJ$2:AJ$366,ROUNDDOWN($C7826/24,0)+1,1)*INDEX($D$3:$AA$30,INDEX(Jesper!$R$2:$R$366,ROW(INDEX(Jesper!AJ$2:AJ$366,ROUNDDOWN($C7826/24,0)+1,1))-1)+IF('Standard Profiles'!$G$20=$B$10,7,0)+IF('Standard Profiles'!$G$20=$B$17,14,0)+IF('Standard Profiles'!$G$20=$B$24,21,0),MOD($C7826,24)+1)/SUM(INDEX($D$3:$AA$30,INDEX(Jesper!$R$2:$R$366,ROW(INDEX(Jesper!AJ$2:AJ$366,ROUNDDOWN($C7826/24,0)+1,1))-1)+IF('Standard Profiles'!$G$20=$B$10,7,0)+IF('Standard Profiles'!$G$20=$B$17,14,0)+IF('Standard Profiles'!$G$20=$B$24,21,0),0)),0)</f>
        <v>0</v>
      </c>
      <c r="G7826" cm="1">
        <f t="array" ref="G7826">IFERROR(INDEX(Jesper!AK$2:AK$366,ROUNDDOWN($C7826/24,0)+1,1)*INDEX($D$3:$AA$30,INDEX(Jesper!$R$2:$R$366,ROW(INDEX(Jesper!AK$2:AK$366,ROUNDDOWN($C7826/24,0)+1,1))-1)+IF('Standard Profiles'!$G$21=$B$10,7,0)+IF('Standard Profiles'!$G$21=$B$17,14,0)+IF('Standard Profiles'!$G$21=$B$24,21,0),MOD($C7826,24)+1)/SUM(INDEX($D$3:$AA$30,INDEX(Jesper!$R$2:$R$366,ROW(INDEX(Jesper!AK$2:AK$366,ROUNDDOWN($C7826/24,0)+1,1))-1)+IF('Standard Profiles'!$G$21=$B$10,7,0)+IF('Standard Profiles'!$G$21=$B$17,14,0)+IF('Standard Profiles'!$G$21=$B$24,21,0),0)),0)</f>
        <v>12.26323187435877</v>
      </c>
      <c r="H7826" cm="1">
        <f t="array" ref="H7826">IFERROR(INDEX(Jesper!AL$2:AL$366,ROUNDDOWN($C7826/24,0)+1,1)*INDEX($D$3:$AA$30,INDEX(Jesper!$R$2:$R$366,ROW(INDEX(Jesper!AL$2:AL$366,ROUNDDOWN($C7826/24,0)+1,1))-1)+IF('Standard Profiles'!$G$22=$B$10,7,0)+IF('Standard Profiles'!$G$22=$B$17,14,0)+IF('Standard Profiles'!$G$22=$B$24,21,0),MOD($C7826,24)+1)/SUM(INDEX($D$3:$AA$30,INDEX(Jesper!$R$2:$R$366,ROW(INDEX(Jesper!AL$2:AL$366,ROUNDDOWN($C7826/24,0)+1,1))-1)+IF('Standard Profiles'!$G$22=$B$10,7,0)+IF('Standard Profiles'!$G$22=$B$17,14,0)+IF('Standard Profiles'!$G$22=$B$24,21,0),0)),0)</f>
        <v>0</v>
      </c>
      <c r="I7826">
        <f t="shared" si="867"/>
        <v>5.8863512996922065</v>
      </c>
      <c r="J7826">
        <f t="shared" si="868"/>
        <v>42.273936768692117</v>
      </c>
      <c r="K7826">
        <f t="shared" si="869"/>
        <v>2.2327978182427342</v>
      </c>
      <c r="L7826">
        <f t="shared" si="870"/>
        <v>1.1163989091213671</v>
      </c>
      <c r="M7826">
        <f t="shared" si="871"/>
        <v>0</v>
      </c>
      <c r="N7826" s="45">
        <f t="shared" si="872"/>
        <v>45251.666666647769</v>
      </c>
    </row>
    <row r="7827" spans="2:14" x14ac:dyDescent="0.25">
      <c r="B7827">
        <f t="shared" si="866"/>
        <v>2</v>
      </c>
      <c r="C7827" s="16">
        <v>7793</v>
      </c>
      <c r="D7827" cm="1">
        <f t="array" ref="D7827">IFERROR(INDEX(Jesper!AH$2:AH$366,ROUNDDOWN($C7827/24,0)+1,1)*INDEX($D$3:$AA$30,INDEX(Jesper!$R$2:$R$366,ROW(INDEX(Jesper!AH$2:AH$366,ROUNDDOWN($C7827/24,0)+1,1))-1)+IF('Standard Profiles'!$G$18=$B$10,7,0)+IF('Standard Profiles'!$G$18=$B$17,14,0)+IF('Standard Profiles'!$G$18=$B$24,21,0),MOD($C7827,24)+1)/SUM(INDEX($D$3:$AA$30,INDEX(Jesper!$R$2:$R$366,ROW(INDEX(Jesper!AH$2:AH$366,ROUNDDOWN($C7827/24,0)+1,1))-1)+IF('Standard Profiles'!$G$18=$B$10,7,0)+IF('Standard Profiles'!$G$18=$B$17,14,0)+IF('Standard Profiles'!$G$18=$B$24,21,0),0)),0)</f>
        <v>8.9340501690250242</v>
      </c>
      <c r="E7827" cm="1">
        <f t="array" ref="E7827">IFERROR(INDEX(Jesper!AI$2:AI$366,ROUNDDOWN($C7827/24,0)+1,1)*INDEX($D$3:$AA$30,INDEX(Jesper!$R$2:$R$366,ROW(INDEX(Jesper!AI$2:AI$366,ROUNDDOWN($C7827/24,0)+1,1))-1)+IF('Standard Profiles'!$G$19=$B$10,7,0)+IF('Standard Profiles'!$G$19=$B$17,14,0)+IF('Standard Profiles'!$G$19=$B$24,21,0),MOD($C7827,24)+1)/SUM(INDEX($D$3:$AA$30,INDEX(Jesper!$R$2:$R$366,ROW(INDEX(Jesper!AI$2:AI$366,ROUNDDOWN($C7827/24,0)+1,1))-1)+IF('Standard Profiles'!$G$19=$B$10,7,0)+IF('Standard Profiles'!$G$19=$B$17,14,0)+IF('Standard Profiles'!$G$19=$B$24,21,0),0)),0)</f>
        <v>7.8163778810772619</v>
      </c>
      <c r="F7827" cm="1">
        <f t="array" ref="F7827">IFERROR(INDEX(Jesper!AJ$2:AJ$366,ROUNDDOWN($C7827/24,0)+1,1)*INDEX($D$3:$AA$30,INDEX(Jesper!$R$2:$R$366,ROW(INDEX(Jesper!AJ$2:AJ$366,ROUNDDOWN($C7827/24,0)+1,1))-1)+IF('Standard Profiles'!$G$20=$B$10,7,0)+IF('Standard Profiles'!$G$20=$B$17,14,0)+IF('Standard Profiles'!$G$20=$B$24,21,0),MOD($C7827,24)+1)/SUM(INDEX($D$3:$AA$30,INDEX(Jesper!$R$2:$R$366,ROW(INDEX(Jesper!AJ$2:AJ$366,ROUNDDOWN($C7827/24,0)+1,1))-1)+IF('Standard Profiles'!$G$20=$B$10,7,0)+IF('Standard Profiles'!$G$20=$B$17,14,0)+IF('Standard Profiles'!$G$20=$B$24,21,0),0)),0)</f>
        <v>0</v>
      </c>
      <c r="G7827" cm="1">
        <f t="array" ref="G7827">IFERROR(INDEX(Jesper!AK$2:AK$366,ROUNDDOWN($C7827/24,0)+1,1)*INDEX($D$3:$AA$30,INDEX(Jesper!$R$2:$R$366,ROW(INDEX(Jesper!AK$2:AK$366,ROUNDDOWN($C7827/24,0)+1,1))-1)+IF('Standard Profiles'!$G$21=$B$10,7,0)+IF('Standard Profiles'!$G$21=$B$17,14,0)+IF('Standard Profiles'!$G$21=$B$24,21,0),MOD($C7827,24)+1)/SUM(INDEX($D$3:$AA$30,INDEX(Jesper!$R$2:$R$366,ROW(INDEX(Jesper!AK$2:AK$366,ROUNDDOWN($C7827/24,0)+1,1))-1)+IF('Standard Profiles'!$G$21=$B$10,7,0)+IF('Standard Profiles'!$G$21=$B$17,14,0)+IF('Standard Profiles'!$G$21=$B$24,21,0),0)),0)</f>
        <v>9.7436951438086954</v>
      </c>
      <c r="H7827" cm="1">
        <f t="array" ref="H7827">IFERROR(INDEX(Jesper!AL$2:AL$366,ROUNDDOWN($C7827/24,0)+1,1)*INDEX($D$3:$AA$30,INDEX(Jesper!$R$2:$R$366,ROW(INDEX(Jesper!AL$2:AL$366,ROUNDDOWN($C7827/24,0)+1,1))-1)+IF('Standard Profiles'!$G$22=$B$10,7,0)+IF('Standard Profiles'!$G$22=$B$17,14,0)+IF('Standard Profiles'!$G$22=$B$24,21,0),MOD($C7827,24)+1)/SUM(INDEX($D$3:$AA$30,INDEX(Jesper!$R$2:$R$366,ROW(INDEX(Jesper!AL$2:AL$366,ROUNDDOWN($C7827/24,0)+1,1))-1)+IF('Standard Profiles'!$G$22=$B$10,7,0)+IF('Standard Profiles'!$G$22=$B$17,14,0)+IF('Standard Profiles'!$G$22=$B$24,21,0),0)),0)</f>
        <v>0</v>
      </c>
      <c r="I7827">
        <f t="shared" si="867"/>
        <v>4.6769736690281718</v>
      </c>
      <c r="J7827">
        <f t="shared" si="868"/>
        <v>20.387701497838805</v>
      </c>
      <c r="K7827">
        <f t="shared" si="869"/>
        <v>0.95296535136266936</v>
      </c>
      <c r="L7827">
        <f t="shared" si="870"/>
        <v>0.47648267568133468</v>
      </c>
      <c r="M7827">
        <f t="shared" si="871"/>
        <v>0</v>
      </c>
      <c r="N7827" s="45">
        <f t="shared" si="872"/>
        <v>45251.708333314433</v>
      </c>
    </row>
    <row r="7828" spans="2:14" x14ac:dyDescent="0.25">
      <c r="B7828">
        <f t="shared" si="866"/>
        <v>2</v>
      </c>
      <c r="C7828" s="16">
        <v>7794</v>
      </c>
      <c r="D7828" cm="1">
        <f t="array" ref="D7828">IFERROR(INDEX(Jesper!AH$2:AH$366,ROUNDDOWN($C7828/24,0)+1,1)*INDEX($D$3:$AA$30,INDEX(Jesper!$R$2:$R$366,ROW(INDEX(Jesper!AH$2:AH$366,ROUNDDOWN($C7828/24,0)+1,1))-1)+IF('Standard Profiles'!$G$18=$B$10,7,0)+IF('Standard Profiles'!$G$18=$B$17,14,0)+IF('Standard Profiles'!$G$18=$B$24,21,0),MOD($C7828,24)+1)/SUM(INDEX($D$3:$AA$30,INDEX(Jesper!$R$2:$R$366,ROW(INDEX(Jesper!AH$2:AH$366,ROUNDDOWN($C7828/24,0)+1,1))-1)+IF('Standard Profiles'!$G$18=$B$10,7,0)+IF('Standard Profiles'!$G$18=$B$17,14,0)+IF('Standard Profiles'!$G$18=$B$24,21,0),0)),0)</f>
        <v>5.8964731115565154</v>
      </c>
      <c r="E7828" cm="1">
        <f t="array" ref="E7828">IFERROR(INDEX(Jesper!AI$2:AI$366,ROUNDDOWN($C7828/24,0)+1,1)*INDEX($D$3:$AA$30,INDEX(Jesper!$R$2:$R$366,ROW(INDEX(Jesper!AI$2:AI$366,ROUNDDOWN($C7828/24,0)+1,1))-1)+IF('Standard Profiles'!$G$19=$B$10,7,0)+IF('Standard Profiles'!$G$19=$B$17,14,0)+IF('Standard Profiles'!$G$19=$B$24,21,0),MOD($C7828,24)+1)/SUM(INDEX($D$3:$AA$30,INDEX(Jesper!$R$2:$R$366,ROW(INDEX(Jesper!AI$2:AI$366,ROUNDDOWN($C7828/24,0)+1,1))-1)+IF('Standard Profiles'!$G$19=$B$10,7,0)+IF('Standard Profiles'!$G$19=$B$17,14,0)+IF('Standard Profiles'!$G$19=$B$24,21,0),0)),0)</f>
        <v>5.1588094015109922</v>
      </c>
      <c r="F7828" cm="1">
        <f t="array" ref="F7828">IFERROR(INDEX(Jesper!AJ$2:AJ$366,ROUNDDOWN($C7828/24,0)+1,1)*INDEX($D$3:$AA$30,INDEX(Jesper!$R$2:$R$366,ROW(INDEX(Jesper!AJ$2:AJ$366,ROUNDDOWN($C7828/24,0)+1,1))-1)+IF('Standard Profiles'!$G$20=$B$10,7,0)+IF('Standard Profiles'!$G$20=$B$17,14,0)+IF('Standard Profiles'!$G$20=$B$24,21,0),MOD($C7828,24)+1)/SUM(INDEX($D$3:$AA$30,INDEX(Jesper!$R$2:$R$366,ROW(INDEX(Jesper!AJ$2:AJ$366,ROUNDDOWN($C7828/24,0)+1,1))-1)+IF('Standard Profiles'!$G$20=$B$10,7,0)+IF('Standard Profiles'!$G$20=$B$17,14,0)+IF('Standard Profiles'!$G$20=$B$24,21,0),0)),0)</f>
        <v>0</v>
      </c>
      <c r="G7828" cm="1">
        <f t="array" ref="G7828">IFERROR(INDEX(Jesper!AK$2:AK$366,ROUNDDOWN($C7828/24,0)+1,1)*INDEX($D$3:$AA$30,INDEX(Jesper!$R$2:$R$366,ROW(INDEX(Jesper!AK$2:AK$366,ROUNDDOWN($C7828/24,0)+1,1))-1)+IF('Standard Profiles'!$G$21=$B$10,7,0)+IF('Standard Profiles'!$G$21=$B$17,14,0)+IF('Standard Profiles'!$G$21=$B$24,21,0),MOD($C7828,24)+1)/SUM(INDEX($D$3:$AA$30,INDEX(Jesper!$R$2:$R$366,ROW(INDEX(Jesper!AK$2:AK$366,ROUNDDOWN($C7828/24,0)+1,1))-1)+IF('Standard Profiles'!$G$21=$B$10,7,0)+IF('Standard Profiles'!$G$21=$B$17,14,0)+IF('Standard Profiles'!$G$21=$B$24,21,0),0)),0)</f>
        <v>3.4560017100465625</v>
      </c>
      <c r="H7828" cm="1">
        <f t="array" ref="H7828">IFERROR(INDEX(Jesper!AL$2:AL$366,ROUNDDOWN($C7828/24,0)+1,1)*INDEX($D$3:$AA$30,INDEX(Jesper!$R$2:$R$366,ROW(INDEX(Jesper!AL$2:AL$366,ROUNDDOWN($C7828/24,0)+1,1))-1)+IF('Standard Profiles'!$G$22=$B$10,7,0)+IF('Standard Profiles'!$G$22=$B$17,14,0)+IF('Standard Profiles'!$G$22=$B$24,21,0),MOD($C7828,24)+1)/SUM(INDEX($D$3:$AA$30,INDEX(Jesper!$R$2:$R$366,ROW(INDEX(Jesper!AL$2:AL$366,ROUNDDOWN($C7828/24,0)+1,1))-1)+IF('Standard Profiles'!$G$22=$B$10,7,0)+IF('Standard Profiles'!$G$22=$B$17,14,0)+IF('Standard Profiles'!$G$22=$B$24,21,0),0)),0)</f>
        <v>0</v>
      </c>
      <c r="I7828">
        <f t="shared" si="867"/>
        <v>1.6588808208223491</v>
      </c>
      <c r="J7828">
        <f t="shared" si="868"/>
        <v>11.908967704442679</v>
      </c>
      <c r="K7828">
        <f t="shared" si="869"/>
        <v>0.62895713189936164</v>
      </c>
      <c r="L7828">
        <f t="shared" si="870"/>
        <v>0.31447856594968082</v>
      </c>
      <c r="M7828">
        <f t="shared" si="871"/>
        <v>0</v>
      </c>
      <c r="N7828" s="45">
        <f t="shared" si="872"/>
        <v>45251.749999981097</v>
      </c>
    </row>
    <row r="7829" spans="2:14" x14ac:dyDescent="0.25">
      <c r="B7829">
        <f t="shared" si="866"/>
        <v>2</v>
      </c>
      <c r="C7829" s="16">
        <v>7795</v>
      </c>
      <c r="D7829" cm="1">
        <f t="array" ref="D7829">IFERROR(INDEX(Jesper!AH$2:AH$366,ROUNDDOWN($C7829/24,0)+1,1)*INDEX($D$3:$AA$30,INDEX(Jesper!$R$2:$R$366,ROW(INDEX(Jesper!AH$2:AH$366,ROUNDDOWN($C7829/24,0)+1,1))-1)+IF('Standard Profiles'!$G$18=$B$10,7,0)+IF('Standard Profiles'!$G$18=$B$17,14,0)+IF('Standard Profiles'!$G$18=$B$24,21,0),MOD($C7829,24)+1)/SUM(INDEX($D$3:$AA$30,INDEX(Jesper!$R$2:$R$366,ROW(INDEX(Jesper!AH$2:AH$366,ROUNDDOWN($C7829/24,0)+1,1))-1)+IF('Standard Profiles'!$G$18=$B$10,7,0)+IF('Standard Profiles'!$G$18=$B$17,14,0)+IF('Standard Profiles'!$G$18=$B$24,21,0),0)),0)</f>
        <v>5.8964731115565154</v>
      </c>
      <c r="E7829" cm="1">
        <f t="array" ref="E7829">IFERROR(INDEX(Jesper!AI$2:AI$366,ROUNDDOWN($C7829/24,0)+1,1)*INDEX($D$3:$AA$30,INDEX(Jesper!$R$2:$R$366,ROW(INDEX(Jesper!AI$2:AI$366,ROUNDDOWN($C7829/24,0)+1,1))-1)+IF('Standard Profiles'!$G$19=$B$10,7,0)+IF('Standard Profiles'!$G$19=$B$17,14,0)+IF('Standard Profiles'!$G$19=$B$24,21,0),MOD($C7829,24)+1)/SUM(INDEX($D$3:$AA$30,INDEX(Jesper!$R$2:$R$366,ROW(INDEX(Jesper!AI$2:AI$366,ROUNDDOWN($C7829/24,0)+1,1))-1)+IF('Standard Profiles'!$G$19=$B$10,7,0)+IF('Standard Profiles'!$G$19=$B$17,14,0)+IF('Standard Profiles'!$G$19=$B$24,21,0),0)),0)</f>
        <v>5.1588094015109922</v>
      </c>
      <c r="F7829" cm="1">
        <f t="array" ref="F7829">IFERROR(INDEX(Jesper!AJ$2:AJ$366,ROUNDDOWN($C7829/24,0)+1,1)*INDEX($D$3:$AA$30,INDEX(Jesper!$R$2:$R$366,ROW(INDEX(Jesper!AJ$2:AJ$366,ROUNDDOWN($C7829/24,0)+1,1))-1)+IF('Standard Profiles'!$G$20=$B$10,7,0)+IF('Standard Profiles'!$G$20=$B$17,14,0)+IF('Standard Profiles'!$G$20=$B$24,21,0),MOD($C7829,24)+1)/SUM(INDEX($D$3:$AA$30,INDEX(Jesper!$R$2:$R$366,ROW(INDEX(Jesper!AJ$2:AJ$366,ROUNDDOWN($C7829/24,0)+1,1))-1)+IF('Standard Profiles'!$G$20=$B$10,7,0)+IF('Standard Profiles'!$G$20=$B$17,14,0)+IF('Standard Profiles'!$G$20=$B$24,21,0),0)),0)</f>
        <v>0</v>
      </c>
      <c r="G7829" cm="1">
        <f t="array" ref="G7829">IFERROR(INDEX(Jesper!AK$2:AK$366,ROUNDDOWN($C7829/24,0)+1,1)*INDEX($D$3:$AA$30,INDEX(Jesper!$R$2:$R$366,ROW(INDEX(Jesper!AK$2:AK$366,ROUNDDOWN($C7829/24,0)+1,1))-1)+IF('Standard Profiles'!$G$21=$B$10,7,0)+IF('Standard Profiles'!$G$21=$B$17,14,0)+IF('Standard Profiles'!$G$21=$B$24,21,0),MOD($C7829,24)+1)/SUM(INDEX($D$3:$AA$30,INDEX(Jesper!$R$2:$R$366,ROW(INDEX(Jesper!AK$2:AK$366,ROUNDDOWN($C7829/24,0)+1,1))-1)+IF('Standard Profiles'!$G$21=$B$10,7,0)+IF('Standard Profiles'!$G$21=$B$17,14,0)+IF('Standard Profiles'!$G$21=$B$24,21,0),0)),0)</f>
        <v>3.4560017100465625</v>
      </c>
      <c r="H7829" cm="1">
        <f t="array" ref="H7829">IFERROR(INDEX(Jesper!AL$2:AL$366,ROUNDDOWN($C7829/24,0)+1,1)*INDEX($D$3:$AA$30,INDEX(Jesper!$R$2:$R$366,ROW(INDEX(Jesper!AL$2:AL$366,ROUNDDOWN($C7829/24,0)+1,1))-1)+IF('Standard Profiles'!$G$22=$B$10,7,0)+IF('Standard Profiles'!$G$22=$B$17,14,0)+IF('Standard Profiles'!$G$22=$B$24,21,0),MOD($C7829,24)+1)/SUM(INDEX($D$3:$AA$30,INDEX(Jesper!$R$2:$R$366,ROW(INDEX(Jesper!AL$2:AL$366,ROUNDDOWN($C7829/24,0)+1,1))-1)+IF('Standard Profiles'!$G$22=$B$10,7,0)+IF('Standard Profiles'!$G$22=$B$17,14,0)+IF('Standard Profiles'!$G$22=$B$24,21,0),0)),0)</f>
        <v>0</v>
      </c>
      <c r="I7829">
        <f t="shared" si="867"/>
        <v>1.6588808208223491</v>
      </c>
      <c r="J7829">
        <f t="shared" si="868"/>
        <v>11.908967704442679</v>
      </c>
      <c r="K7829">
        <f t="shared" si="869"/>
        <v>0.62895713189936164</v>
      </c>
      <c r="L7829">
        <f t="shared" si="870"/>
        <v>0.31447856594968082</v>
      </c>
      <c r="M7829">
        <f t="shared" si="871"/>
        <v>0</v>
      </c>
      <c r="N7829" s="45">
        <f t="shared" si="872"/>
        <v>45251.791666647761</v>
      </c>
    </row>
    <row r="7830" spans="2:14" x14ac:dyDescent="0.25">
      <c r="B7830">
        <f t="shared" si="866"/>
        <v>2</v>
      </c>
      <c r="C7830" s="16">
        <v>7796</v>
      </c>
      <c r="D7830" cm="1">
        <f t="array" ref="D7830">IFERROR(INDEX(Jesper!AH$2:AH$366,ROUNDDOWN($C7830/24,0)+1,1)*INDEX($D$3:$AA$30,INDEX(Jesper!$R$2:$R$366,ROW(INDEX(Jesper!AH$2:AH$366,ROUNDDOWN($C7830/24,0)+1,1))-1)+IF('Standard Profiles'!$G$18=$B$10,7,0)+IF('Standard Profiles'!$G$18=$B$17,14,0)+IF('Standard Profiles'!$G$18=$B$24,21,0),MOD($C7830,24)+1)/SUM(INDEX($D$3:$AA$30,INDEX(Jesper!$R$2:$R$366,ROW(INDEX(Jesper!AH$2:AH$366,ROUNDDOWN($C7830/24,0)+1,1))-1)+IF('Standard Profiles'!$G$18=$B$10,7,0)+IF('Standard Profiles'!$G$18=$B$17,14,0)+IF('Standard Profiles'!$G$18=$B$24,21,0),0)),0)</f>
        <v>5.8964731115565154</v>
      </c>
      <c r="E7830" cm="1">
        <f t="array" ref="E7830">IFERROR(INDEX(Jesper!AI$2:AI$366,ROUNDDOWN($C7830/24,0)+1,1)*INDEX($D$3:$AA$30,INDEX(Jesper!$R$2:$R$366,ROW(INDEX(Jesper!AI$2:AI$366,ROUNDDOWN($C7830/24,0)+1,1))-1)+IF('Standard Profiles'!$G$19=$B$10,7,0)+IF('Standard Profiles'!$G$19=$B$17,14,0)+IF('Standard Profiles'!$G$19=$B$24,21,0),MOD($C7830,24)+1)/SUM(INDEX($D$3:$AA$30,INDEX(Jesper!$R$2:$R$366,ROW(INDEX(Jesper!AI$2:AI$366,ROUNDDOWN($C7830/24,0)+1,1))-1)+IF('Standard Profiles'!$G$19=$B$10,7,0)+IF('Standard Profiles'!$G$19=$B$17,14,0)+IF('Standard Profiles'!$G$19=$B$24,21,0),0)),0)</f>
        <v>5.1588094015109922</v>
      </c>
      <c r="F7830" cm="1">
        <f t="array" ref="F7830">IFERROR(INDEX(Jesper!AJ$2:AJ$366,ROUNDDOWN($C7830/24,0)+1,1)*INDEX($D$3:$AA$30,INDEX(Jesper!$R$2:$R$366,ROW(INDEX(Jesper!AJ$2:AJ$366,ROUNDDOWN($C7830/24,0)+1,1))-1)+IF('Standard Profiles'!$G$20=$B$10,7,0)+IF('Standard Profiles'!$G$20=$B$17,14,0)+IF('Standard Profiles'!$G$20=$B$24,21,0),MOD($C7830,24)+1)/SUM(INDEX($D$3:$AA$30,INDEX(Jesper!$R$2:$R$366,ROW(INDEX(Jesper!AJ$2:AJ$366,ROUNDDOWN($C7830/24,0)+1,1))-1)+IF('Standard Profiles'!$G$20=$B$10,7,0)+IF('Standard Profiles'!$G$20=$B$17,14,0)+IF('Standard Profiles'!$G$20=$B$24,21,0),0)),0)</f>
        <v>0</v>
      </c>
      <c r="G7830" cm="1">
        <f t="array" ref="G7830">IFERROR(INDEX(Jesper!AK$2:AK$366,ROUNDDOWN($C7830/24,0)+1,1)*INDEX($D$3:$AA$30,INDEX(Jesper!$R$2:$R$366,ROW(INDEX(Jesper!AK$2:AK$366,ROUNDDOWN($C7830/24,0)+1,1))-1)+IF('Standard Profiles'!$G$21=$B$10,7,0)+IF('Standard Profiles'!$G$21=$B$17,14,0)+IF('Standard Profiles'!$G$21=$B$24,21,0),MOD($C7830,24)+1)/SUM(INDEX($D$3:$AA$30,INDEX(Jesper!$R$2:$R$366,ROW(INDEX(Jesper!AK$2:AK$366,ROUNDDOWN($C7830/24,0)+1,1))-1)+IF('Standard Profiles'!$G$21=$B$10,7,0)+IF('Standard Profiles'!$G$21=$B$17,14,0)+IF('Standard Profiles'!$G$21=$B$24,21,0),0)),0)</f>
        <v>3.4560017100465625</v>
      </c>
      <c r="H7830" cm="1">
        <f t="array" ref="H7830">IFERROR(INDEX(Jesper!AL$2:AL$366,ROUNDDOWN($C7830/24,0)+1,1)*INDEX($D$3:$AA$30,INDEX(Jesper!$R$2:$R$366,ROW(INDEX(Jesper!AL$2:AL$366,ROUNDDOWN($C7830/24,0)+1,1))-1)+IF('Standard Profiles'!$G$22=$B$10,7,0)+IF('Standard Profiles'!$G$22=$B$17,14,0)+IF('Standard Profiles'!$G$22=$B$24,21,0),MOD($C7830,24)+1)/SUM(INDEX($D$3:$AA$30,INDEX(Jesper!$R$2:$R$366,ROW(INDEX(Jesper!AL$2:AL$366,ROUNDDOWN($C7830/24,0)+1,1))-1)+IF('Standard Profiles'!$G$22=$B$10,7,0)+IF('Standard Profiles'!$G$22=$B$17,14,0)+IF('Standard Profiles'!$G$22=$B$24,21,0),0)),0)</f>
        <v>0</v>
      </c>
      <c r="I7830">
        <f t="shared" si="867"/>
        <v>1.6588808208223491</v>
      </c>
      <c r="J7830">
        <f t="shared" si="868"/>
        <v>11.908967704442679</v>
      </c>
      <c r="K7830">
        <f t="shared" si="869"/>
        <v>0.62895713189936164</v>
      </c>
      <c r="L7830">
        <f t="shared" si="870"/>
        <v>0.31447856594968082</v>
      </c>
      <c r="M7830">
        <f t="shared" si="871"/>
        <v>0</v>
      </c>
      <c r="N7830" s="45">
        <f t="shared" si="872"/>
        <v>45251.833333314426</v>
      </c>
    </row>
    <row r="7831" spans="2:14" x14ac:dyDescent="0.25">
      <c r="B7831">
        <f t="shared" si="866"/>
        <v>2</v>
      </c>
      <c r="C7831" s="16">
        <v>7797</v>
      </c>
      <c r="D7831" cm="1">
        <f t="array" ref="D7831">IFERROR(INDEX(Jesper!AH$2:AH$366,ROUNDDOWN($C7831/24,0)+1,1)*INDEX($D$3:$AA$30,INDEX(Jesper!$R$2:$R$366,ROW(INDEX(Jesper!AH$2:AH$366,ROUNDDOWN($C7831/24,0)+1,1))-1)+IF('Standard Profiles'!$G$18=$B$10,7,0)+IF('Standard Profiles'!$G$18=$B$17,14,0)+IF('Standard Profiles'!$G$18=$B$24,21,0),MOD($C7831,24)+1)/SUM(INDEX($D$3:$AA$30,INDEX(Jesper!$R$2:$R$366,ROW(INDEX(Jesper!AH$2:AH$366,ROUNDDOWN($C7831/24,0)+1,1))-1)+IF('Standard Profiles'!$G$18=$B$10,7,0)+IF('Standard Profiles'!$G$18=$B$17,14,0)+IF('Standard Profiles'!$G$18=$B$24,21,0),0)),0)</f>
        <v>5.8964731115565154</v>
      </c>
      <c r="E7831" cm="1">
        <f t="array" ref="E7831">IFERROR(INDEX(Jesper!AI$2:AI$366,ROUNDDOWN($C7831/24,0)+1,1)*INDEX($D$3:$AA$30,INDEX(Jesper!$R$2:$R$366,ROW(INDEX(Jesper!AI$2:AI$366,ROUNDDOWN($C7831/24,0)+1,1))-1)+IF('Standard Profiles'!$G$19=$B$10,7,0)+IF('Standard Profiles'!$G$19=$B$17,14,0)+IF('Standard Profiles'!$G$19=$B$24,21,0),MOD($C7831,24)+1)/SUM(INDEX($D$3:$AA$30,INDEX(Jesper!$R$2:$R$366,ROW(INDEX(Jesper!AI$2:AI$366,ROUNDDOWN($C7831/24,0)+1,1))-1)+IF('Standard Profiles'!$G$19=$B$10,7,0)+IF('Standard Profiles'!$G$19=$B$17,14,0)+IF('Standard Profiles'!$G$19=$B$24,21,0),0)),0)</f>
        <v>5.1588094015109922</v>
      </c>
      <c r="F7831" cm="1">
        <f t="array" ref="F7831">IFERROR(INDEX(Jesper!AJ$2:AJ$366,ROUNDDOWN($C7831/24,0)+1,1)*INDEX($D$3:$AA$30,INDEX(Jesper!$R$2:$R$366,ROW(INDEX(Jesper!AJ$2:AJ$366,ROUNDDOWN($C7831/24,0)+1,1))-1)+IF('Standard Profiles'!$G$20=$B$10,7,0)+IF('Standard Profiles'!$G$20=$B$17,14,0)+IF('Standard Profiles'!$G$20=$B$24,21,0),MOD($C7831,24)+1)/SUM(INDEX($D$3:$AA$30,INDEX(Jesper!$R$2:$R$366,ROW(INDEX(Jesper!AJ$2:AJ$366,ROUNDDOWN($C7831/24,0)+1,1))-1)+IF('Standard Profiles'!$G$20=$B$10,7,0)+IF('Standard Profiles'!$G$20=$B$17,14,0)+IF('Standard Profiles'!$G$20=$B$24,21,0),0)),0)</f>
        <v>0</v>
      </c>
      <c r="G7831" cm="1">
        <f t="array" ref="G7831">IFERROR(INDEX(Jesper!AK$2:AK$366,ROUNDDOWN($C7831/24,0)+1,1)*INDEX($D$3:$AA$30,INDEX(Jesper!$R$2:$R$366,ROW(INDEX(Jesper!AK$2:AK$366,ROUNDDOWN($C7831/24,0)+1,1))-1)+IF('Standard Profiles'!$G$21=$B$10,7,0)+IF('Standard Profiles'!$G$21=$B$17,14,0)+IF('Standard Profiles'!$G$21=$B$24,21,0),MOD($C7831,24)+1)/SUM(INDEX($D$3:$AA$30,INDEX(Jesper!$R$2:$R$366,ROW(INDEX(Jesper!AK$2:AK$366,ROUNDDOWN($C7831/24,0)+1,1))-1)+IF('Standard Profiles'!$G$21=$B$10,7,0)+IF('Standard Profiles'!$G$21=$B$17,14,0)+IF('Standard Profiles'!$G$21=$B$24,21,0),0)),0)</f>
        <v>3.4560017100465625</v>
      </c>
      <c r="H7831" cm="1">
        <f t="array" ref="H7831">IFERROR(INDEX(Jesper!AL$2:AL$366,ROUNDDOWN($C7831/24,0)+1,1)*INDEX($D$3:$AA$30,INDEX(Jesper!$R$2:$R$366,ROW(INDEX(Jesper!AL$2:AL$366,ROUNDDOWN($C7831/24,0)+1,1))-1)+IF('Standard Profiles'!$G$22=$B$10,7,0)+IF('Standard Profiles'!$G$22=$B$17,14,0)+IF('Standard Profiles'!$G$22=$B$24,21,0),MOD($C7831,24)+1)/SUM(INDEX($D$3:$AA$30,INDEX(Jesper!$R$2:$R$366,ROW(INDEX(Jesper!AL$2:AL$366,ROUNDDOWN($C7831/24,0)+1,1))-1)+IF('Standard Profiles'!$G$22=$B$10,7,0)+IF('Standard Profiles'!$G$22=$B$17,14,0)+IF('Standard Profiles'!$G$22=$B$24,21,0),0)),0)</f>
        <v>0</v>
      </c>
      <c r="I7831">
        <f t="shared" si="867"/>
        <v>1.6588808208223491</v>
      </c>
      <c r="J7831">
        <f t="shared" si="868"/>
        <v>11.908967704442679</v>
      </c>
      <c r="K7831">
        <f t="shared" si="869"/>
        <v>0.62895713189936164</v>
      </c>
      <c r="L7831">
        <f t="shared" si="870"/>
        <v>0.31447856594968082</v>
      </c>
      <c r="M7831">
        <f t="shared" si="871"/>
        <v>0</v>
      </c>
      <c r="N7831" s="45">
        <f t="shared" si="872"/>
        <v>45251.87499998109</v>
      </c>
    </row>
    <row r="7832" spans="2:14" x14ac:dyDescent="0.25">
      <c r="B7832">
        <f t="shared" si="866"/>
        <v>2</v>
      </c>
      <c r="C7832" s="16">
        <v>7798</v>
      </c>
      <c r="D7832" cm="1">
        <f t="array" ref="D7832">IFERROR(INDEX(Jesper!AH$2:AH$366,ROUNDDOWN($C7832/24,0)+1,1)*INDEX($D$3:$AA$30,INDEX(Jesper!$R$2:$R$366,ROW(INDEX(Jesper!AH$2:AH$366,ROUNDDOWN($C7832/24,0)+1,1))-1)+IF('Standard Profiles'!$G$18=$B$10,7,0)+IF('Standard Profiles'!$G$18=$B$17,14,0)+IF('Standard Profiles'!$G$18=$B$24,21,0),MOD($C7832,24)+1)/SUM(INDEX($D$3:$AA$30,INDEX(Jesper!$R$2:$R$366,ROW(INDEX(Jesper!AH$2:AH$366,ROUNDDOWN($C7832/24,0)+1,1))-1)+IF('Standard Profiles'!$G$18=$B$10,7,0)+IF('Standard Profiles'!$G$18=$B$17,14,0)+IF('Standard Profiles'!$G$18=$B$24,21,0),0)),0)</f>
        <v>5.8964731115565154</v>
      </c>
      <c r="E7832" cm="1">
        <f t="array" ref="E7832">IFERROR(INDEX(Jesper!AI$2:AI$366,ROUNDDOWN($C7832/24,0)+1,1)*INDEX($D$3:$AA$30,INDEX(Jesper!$R$2:$R$366,ROW(INDEX(Jesper!AI$2:AI$366,ROUNDDOWN($C7832/24,0)+1,1))-1)+IF('Standard Profiles'!$G$19=$B$10,7,0)+IF('Standard Profiles'!$G$19=$B$17,14,0)+IF('Standard Profiles'!$G$19=$B$24,21,0),MOD($C7832,24)+1)/SUM(INDEX($D$3:$AA$30,INDEX(Jesper!$R$2:$R$366,ROW(INDEX(Jesper!AI$2:AI$366,ROUNDDOWN($C7832/24,0)+1,1))-1)+IF('Standard Profiles'!$G$19=$B$10,7,0)+IF('Standard Profiles'!$G$19=$B$17,14,0)+IF('Standard Profiles'!$G$19=$B$24,21,0),0)),0)</f>
        <v>5.1588094015109922</v>
      </c>
      <c r="F7832" cm="1">
        <f t="array" ref="F7832">IFERROR(INDEX(Jesper!AJ$2:AJ$366,ROUNDDOWN($C7832/24,0)+1,1)*INDEX($D$3:$AA$30,INDEX(Jesper!$R$2:$R$366,ROW(INDEX(Jesper!AJ$2:AJ$366,ROUNDDOWN($C7832/24,0)+1,1))-1)+IF('Standard Profiles'!$G$20=$B$10,7,0)+IF('Standard Profiles'!$G$20=$B$17,14,0)+IF('Standard Profiles'!$G$20=$B$24,21,0),MOD($C7832,24)+1)/SUM(INDEX($D$3:$AA$30,INDEX(Jesper!$R$2:$R$366,ROW(INDEX(Jesper!AJ$2:AJ$366,ROUNDDOWN($C7832/24,0)+1,1))-1)+IF('Standard Profiles'!$G$20=$B$10,7,0)+IF('Standard Profiles'!$G$20=$B$17,14,0)+IF('Standard Profiles'!$G$20=$B$24,21,0),0)),0)</f>
        <v>0</v>
      </c>
      <c r="G7832" cm="1">
        <f t="array" ref="G7832">IFERROR(INDEX(Jesper!AK$2:AK$366,ROUNDDOWN($C7832/24,0)+1,1)*INDEX($D$3:$AA$30,INDEX(Jesper!$R$2:$R$366,ROW(INDEX(Jesper!AK$2:AK$366,ROUNDDOWN($C7832/24,0)+1,1))-1)+IF('Standard Profiles'!$G$21=$B$10,7,0)+IF('Standard Profiles'!$G$21=$B$17,14,0)+IF('Standard Profiles'!$G$21=$B$24,21,0),MOD($C7832,24)+1)/SUM(INDEX($D$3:$AA$30,INDEX(Jesper!$R$2:$R$366,ROW(INDEX(Jesper!AK$2:AK$366,ROUNDDOWN($C7832/24,0)+1,1))-1)+IF('Standard Profiles'!$G$21=$B$10,7,0)+IF('Standard Profiles'!$G$21=$B$17,14,0)+IF('Standard Profiles'!$G$21=$B$24,21,0),0)),0)</f>
        <v>3.4560017100465625</v>
      </c>
      <c r="H7832" cm="1">
        <f t="array" ref="H7832">IFERROR(INDEX(Jesper!AL$2:AL$366,ROUNDDOWN($C7832/24,0)+1,1)*INDEX($D$3:$AA$30,INDEX(Jesper!$R$2:$R$366,ROW(INDEX(Jesper!AL$2:AL$366,ROUNDDOWN($C7832/24,0)+1,1))-1)+IF('Standard Profiles'!$G$22=$B$10,7,0)+IF('Standard Profiles'!$G$22=$B$17,14,0)+IF('Standard Profiles'!$G$22=$B$24,21,0),MOD($C7832,24)+1)/SUM(INDEX($D$3:$AA$30,INDEX(Jesper!$R$2:$R$366,ROW(INDEX(Jesper!AL$2:AL$366,ROUNDDOWN($C7832/24,0)+1,1))-1)+IF('Standard Profiles'!$G$22=$B$10,7,0)+IF('Standard Profiles'!$G$22=$B$17,14,0)+IF('Standard Profiles'!$G$22=$B$24,21,0),0)),0)</f>
        <v>0</v>
      </c>
      <c r="I7832">
        <f t="shared" si="867"/>
        <v>1.6588808208223491</v>
      </c>
      <c r="J7832">
        <f t="shared" si="868"/>
        <v>11.908967704442679</v>
      </c>
      <c r="K7832">
        <f t="shared" si="869"/>
        <v>0.62895713189936164</v>
      </c>
      <c r="L7832">
        <f t="shared" si="870"/>
        <v>0.31447856594968082</v>
      </c>
      <c r="M7832">
        <f t="shared" si="871"/>
        <v>0</v>
      </c>
      <c r="N7832" s="45">
        <f t="shared" si="872"/>
        <v>45251.916666647754</v>
      </c>
    </row>
    <row r="7833" spans="2:14" x14ac:dyDescent="0.25">
      <c r="B7833">
        <f t="shared" si="866"/>
        <v>2</v>
      </c>
      <c r="C7833" s="16">
        <v>7799</v>
      </c>
      <c r="D7833" cm="1">
        <f t="array" ref="D7833">IFERROR(INDEX(Jesper!AH$2:AH$366,ROUNDDOWN($C7833/24,0)+1,1)*INDEX($D$3:$AA$30,INDEX(Jesper!$R$2:$R$366,ROW(INDEX(Jesper!AH$2:AH$366,ROUNDDOWN($C7833/24,0)+1,1))-1)+IF('Standard Profiles'!$G$18=$B$10,7,0)+IF('Standard Profiles'!$G$18=$B$17,14,0)+IF('Standard Profiles'!$G$18=$B$24,21,0),MOD($C7833,24)+1)/SUM(INDEX($D$3:$AA$30,INDEX(Jesper!$R$2:$R$366,ROW(INDEX(Jesper!AH$2:AH$366,ROUNDDOWN($C7833/24,0)+1,1))-1)+IF('Standard Profiles'!$G$18=$B$10,7,0)+IF('Standard Profiles'!$G$18=$B$17,14,0)+IF('Standard Profiles'!$G$18=$B$24,21,0),0)),0)</f>
        <v>5.8964731115565154</v>
      </c>
      <c r="E7833" cm="1">
        <f t="array" ref="E7833">IFERROR(INDEX(Jesper!AI$2:AI$366,ROUNDDOWN($C7833/24,0)+1,1)*INDEX($D$3:$AA$30,INDEX(Jesper!$R$2:$R$366,ROW(INDEX(Jesper!AI$2:AI$366,ROUNDDOWN($C7833/24,0)+1,1))-1)+IF('Standard Profiles'!$G$19=$B$10,7,0)+IF('Standard Profiles'!$G$19=$B$17,14,0)+IF('Standard Profiles'!$G$19=$B$24,21,0),MOD($C7833,24)+1)/SUM(INDEX($D$3:$AA$30,INDEX(Jesper!$R$2:$R$366,ROW(INDEX(Jesper!AI$2:AI$366,ROUNDDOWN($C7833/24,0)+1,1))-1)+IF('Standard Profiles'!$G$19=$B$10,7,0)+IF('Standard Profiles'!$G$19=$B$17,14,0)+IF('Standard Profiles'!$G$19=$B$24,21,0),0)),0)</f>
        <v>5.1588094015109922</v>
      </c>
      <c r="F7833" cm="1">
        <f t="array" ref="F7833">IFERROR(INDEX(Jesper!AJ$2:AJ$366,ROUNDDOWN($C7833/24,0)+1,1)*INDEX($D$3:$AA$30,INDEX(Jesper!$R$2:$R$366,ROW(INDEX(Jesper!AJ$2:AJ$366,ROUNDDOWN($C7833/24,0)+1,1))-1)+IF('Standard Profiles'!$G$20=$B$10,7,0)+IF('Standard Profiles'!$G$20=$B$17,14,0)+IF('Standard Profiles'!$G$20=$B$24,21,0),MOD($C7833,24)+1)/SUM(INDEX($D$3:$AA$30,INDEX(Jesper!$R$2:$R$366,ROW(INDEX(Jesper!AJ$2:AJ$366,ROUNDDOWN($C7833/24,0)+1,1))-1)+IF('Standard Profiles'!$G$20=$B$10,7,0)+IF('Standard Profiles'!$G$20=$B$17,14,0)+IF('Standard Profiles'!$G$20=$B$24,21,0),0)),0)</f>
        <v>0</v>
      </c>
      <c r="G7833" cm="1">
        <f t="array" ref="G7833">IFERROR(INDEX(Jesper!AK$2:AK$366,ROUNDDOWN($C7833/24,0)+1,1)*INDEX($D$3:$AA$30,INDEX(Jesper!$R$2:$R$366,ROW(INDEX(Jesper!AK$2:AK$366,ROUNDDOWN($C7833/24,0)+1,1))-1)+IF('Standard Profiles'!$G$21=$B$10,7,0)+IF('Standard Profiles'!$G$21=$B$17,14,0)+IF('Standard Profiles'!$G$21=$B$24,21,0),MOD($C7833,24)+1)/SUM(INDEX($D$3:$AA$30,INDEX(Jesper!$R$2:$R$366,ROW(INDEX(Jesper!AK$2:AK$366,ROUNDDOWN($C7833/24,0)+1,1))-1)+IF('Standard Profiles'!$G$21=$B$10,7,0)+IF('Standard Profiles'!$G$21=$B$17,14,0)+IF('Standard Profiles'!$G$21=$B$24,21,0),0)),0)</f>
        <v>3.4560017100465625</v>
      </c>
      <c r="H7833" cm="1">
        <f t="array" ref="H7833">IFERROR(INDEX(Jesper!AL$2:AL$366,ROUNDDOWN($C7833/24,0)+1,1)*INDEX($D$3:$AA$30,INDEX(Jesper!$R$2:$R$366,ROW(INDEX(Jesper!AL$2:AL$366,ROUNDDOWN($C7833/24,0)+1,1))-1)+IF('Standard Profiles'!$G$22=$B$10,7,0)+IF('Standard Profiles'!$G$22=$B$17,14,0)+IF('Standard Profiles'!$G$22=$B$24,21,0),MOD($C7833,24)+1)/SUM(INDEX($D$3:$AA$30,INDEX(Jesper!$R$2:$R$366,ROW(INDEX(Jesper!AL$2:AL$366,ROUNDDOWN($C7833/24,0)+1,1))-1)+IF('Standard Profiles'!$G$22=$B$10,7,0)+IF('Standard Profiles'!$G$22=$B$17,14,0)+IF('Standard Profiles'!$G$22=$B$24,21,0),0)),0)</f>
        <v>0</v>
      </c>
      <c r="I7833">
        <f t="shared" si="867"/>
        <v>1.6588808208223491</v>
      </c>
      <c r="J7833">
        <f t="shared" si="868"/>
        <v>11.908967704442679</v>
      </c>
      <c r="K7833">
        <f t="shared" si="869"/>
        <v>0.62895713189936164</v>
      </c>
      <c r="L7833">
        <f t="shared" si="870"/>
        <v>0.31447856594968082</v>
      </c>
      <c r="M7833">
        <f t="shared" si="871"/>
        <v>0</v>
      </c>
      <c r="N7833" s="45">
        <f t="shared" si="872"/>
        <v>45251.958333314418</v>
      </c>
    </row>
    <row r="7834" spans="2:14" x14ac:dyDescent="0.25">
      <c r="B7834">
        <f t="shared" si="866"/>
        <v>3</v>
      </c>
      <c r="C7834" s="16">
        <v>7800</v>
      </c>
      <c r="D7834" cm="1">
        <f t="array" ref="D7834">IFERROR(INDEX(Jesper!AH$2:AH$366,ROUNDDOWN($C7834/24,0)+1,1)*INDEX($D$3:$AA$30,INDEX(Jesper!$R$2:$R$366,ROW(INDEX(Jesper!AH$2:AH$366,ROUNDDOWN($C7834/24,0)+1,1))-1)+IF('Standard Profiles'!$G$18=$B$10,7,0)+IF('Standard Profiles'!$G$18=$B$17,14,0)+IF('Standard Profiles'!$G$18=$B$24,21,0),MOD($C7834,24)+1)/SUM(INDEX($D$3:$AA$30,INDEX(Jesper!$R$2:$R$366,ROW(INDEX(Jesper!AH$2:AH$366,ROUNDDOWN($C7834/24,0)+1,1))-1)+IF('Standard Profiles'!$G$18=$B$10,7,0)+IF('Standard Profiles'!$G$18=$B$17,14,0)+IF('Standard Profiles'!$G$18=$B$24,21,0),0)),0)</f>
        <v>6.0106775587633958</v>
      </c>
      <c r="E7834" cm="1">
        <f t="array" ref="E7834">IFERROR(INDEX(Jesper!AI$2:AI$366,ROUNDDOWN($C7834/24,0)+1,1)*INDEX($D$3:$AA$30,INDEX(Jesper!$R$2:$R$366,ROW(INDEX(Jesper!AI$2:AI$366,ROUNDDOWN($C7834/24,0)+1,1))-1)+IF('Standard Profiles'!$G$19=$B$10,7,0)+IF('Standard Profiles'!$G$19=$B$17,14,0)+IF('Standard Profiles'!$G$19=$B$24,21,0),MOD($C7834,24)+1)/SUM(INDEX($D$3:$AA$30,INDEX(Jesper!$R$2:$R$366,ROW(INDEX(Jesper!AI$2:AI$366,ROUNDDOWN($C7834/24,0)+1,1))-1)+IF('Standard Profiles'!$G$19=$B$10,7,0)+IF('Standard Profiles'!$G$19=$B$17,14,0)+IF('Standard Profiles'!$G$19=$B$24,21,0),0)),0)</f>
        <v>6.4717275177824458</v>
      </c>
      <c r="F7834" cm="1">
        <f t="array" ref="F7834">IFERROR(INDEX(Jesper!AJ$2:AJ$366,ROUNDDOWN($C7834/24,0)+1,1)*INDEX($D$3:$AA$30,INDEX(Jesper!$R$2:$R$366,ROW(INDEX(Jesper!AJ$2:AJ$366,ROUNDDOWN($C7834/24,0)+1,1))-1)+IF('Standard Profiles'!$G$20=$B$10,7,0)+IF('Standard Profiles'!$G$20=$B$17,14,0)+IF('Standard Profiles'!$G$20=$B$24,21,0),MOD($C7834,24)+1)/SUM(INDEX($D$3:$AA$30,INDEX(Jesper!$R$2:$R$366,ROW(INDEX(Jesper!AJ$2:AJ$366,ROUNDDOWN($C7834/24,0)+1,1))-1)+IF('Standard Profiles'!$G$20=$B$10,7,0)+IF('Standard Profiles'!$G$20=$B$17,14,0)+IF('Standard Profiles'!$G$20=$B$24,21,0),0)),0)</f>
        <v>0</v>
      </c>
      <c r="G7834" cm="1">
        <f t="array" ref="G7834">IFERROR(INDEX(Jesper!AK$2:AK$366,ROUNDDOWN($C7834/24,0)+1,1)*INDEX($D$3:$AA$30,INDEX(Jesper!$R$2:$R$366,ROW(INDEX(Jesper!AK$2:AK$366,ROUNDDOWN($C7834/24,0)+1,1))-1)+IF('Standard Profiles'!$G$21=$B$10,7,0)+IF('Standard Profiles'!$G$21=$B$17,14,0)+IF('Standard Profiles'!$G$21=$B$24,21,0),MOD($C7834,24)+1)/SUM(INDEX($D$3:$AA$30,INDEX(Jesper!$R$2:$R$366,ROW(INDEX(Jesper!AK$2:AK$366,ROUNDDOWN($C7834/24,0)+1,1))-1)+IF('Standard Profiles'!$G$21=$B$10,7,0)+IF('Standard Profiles'!$G$21=$B$17,14,0)+IF('Standard Profiles'!$G$21=$B$24,21,0),0)),0)</f>
        <v>7.0827608190858165</v>
      </c>
      <c r="H7834" cm="1">
        <f t="array" ref="H7834">IFERROR(INDEX(Jesper!AL$2:AL$366,ROUNDDOWN($C7834/24,0)+1,1)*INDEX($D$3:$AA$30,INDEX(Jesper!$R$2:$R$366,ROW(INDEX(Jesper!AL$2:AL$366,ROUNDDOWN($C7834/24,0)+1,1))-1)+IF('Standard Profiles'!$G$22=$B$10,7,0)+IF('Standard Profiles'!$G$22=$B$17,14,0)+IF('Standard Profiles'!$G$22=$B$24,21,0),MOD($C7834,24)+1)/SUM(INDEX($D$3:$AA$30,INDEX(Jesper!$R$2:$R$366,ROW(INDEX(Jesper!AL$2:AL$366,ROUNDDOWN($C7834/24,0)+1,1))-1)+IF('Standard Profiles'!$G$22=$B$10,7,0)+IF('Standard Profiles'!$G$22=$B$17,14,0)+IF('Standard Profiles'!$G$22=$B$24,21,0),0)),0)</f>
        <v>0</v>
      </c>
      <c r="I7834">
        <f t="shared" si="867"/>
        <v>3.3997251931611903</v>
      </c>
      <c r="J7834">
        <f t="shared" si="868"/>
        <v>15.203732293068326</v>
      </c>
      <c r="K7834">
        <f t="shared" si="869"/>
        <v>0.64113893960142898</v>
      </c>
      <c r="L7834">
        <f t="shared" si="870"/>
        <v>0.32056946980071449</v>
      </c>
      <c r="M7834">
        <f t="shared" si="871"/>
        <v>0</v>
      </c>
      <c r="N7834" s="45">
        <f t="shared" si="872"/>
        <v>45251.999999981083</v>
      </c>
    </row>
    <row r="7835" spans="2:14" x14ac:dyDescent="0.25">
      <c r="B7835">
        <f t="shared" si="866"/>
        <v>3</v>
      </c>
      <c r="C7835" s="16">
        <v>7801</v>
      </c>
      <c r="D7835" cm="1">
        <f t="array" ref="D7835">IFERROR(INDEX(Jesper!AH$2:AH$366,ROUNDDOWN($C7835/24,0)+1,1)*INDEX($D$3:$AA$30,INDEX(Jesper!$R$2:$R$366,ROW(INDEX(Jesper!AH$2:AH$366,ROUNDDOWN($C7835/24,0)+1,1))-1)+IF('Standard Profiles'!$G$18=$B$10,7,0)+IF('Standard Profiles'!$G$18=$B$17,14,0)+IF('Standard Profiles'!$G$18=$B$24,21,0),MOD($C7835,24)+1)/SUM(INDEX($D$3:$AA$30,INDEX(Jesper!$R$2:$R$366,ROW(INDEX(Jesper!AH$2:AH$366,ROUNDDOWN($C7835/24,0)+1,1))-1)+IF('Standard Profiles'!$G$18=$B$10,7,0)+IF('Standard Profiles'!$G$18=$B$17,14,0)+IF('Standard Profiles'!$G$18=$B$24,21,0),0)),0)</f>
        <v>6.0106775587633958</v>
      </c>
      <c r="E7835" cm="1">
        <f t="array" ref="E7835">IFERROR(INDEX(Jesper!AI$2:AI$366,ROUNDDOWN($C7835/24,0)+1,1)*INDEX($D$3:$AA$30,INDEX(Jesper!$R$2:$R$366,ROW(INDEX(Jesper!AI$2:AI$366,ROUNDDOWN($C7835/24,0)+1,1))-1)+IF('Standard Profiles'!$G$19=$B$10,7,0)+IF('Standard Profiles'!$G$19=$B$17,14,0)+IF('Standard Profiles'!$G$19=$B$24,21,0),MOD($C7835,24)+1)/SUM(INDEX($D$3:$AA$30,INDEX(Jesper!$R$2:$R$366,ROW(INDEX(Jesper!AI$2:AI$366,ROUNDDOWN($C7835/24,0)+1,1))-1)+IF('Standard Profiles'!$G$19=$B$10,7,0)+IF('Standard Profiles'!$G$19=$B$17,14,0)+IF('Standard Profiles'!$G$19=$B$24,21,0),0)),0)</f>
        <v>6.4717275177824458</v>
      </c>
      <c r="F7835" cm="1">
        <f t="array" ref="F7835">IFERROR(INDEX(Jesper!AJ$2:AJ$366,ROUNDDOWN($C7835/24,0)+1,1)*INDEX($D$3:$AA$30,INDEX(Jesper!$R$2:$R$366,ROW(INDEX(Jesper!AJ$2:AJ$366,ROUNDDOWN($C7835/24,0)+1,1))-1)+IF('Standard Profiles'!$G$20=$B$10,7,0)+IF('Standard Profiles'!$G$20=$B$17,14,0)+IF('Standard Profiles'!$G$20=$B$24,21,0),MOD($C7835,24)+1)/SUM(INDEX($D$3:$AA$30,INDEX(Jesper!$R$2:$R$366,ROW(INDEX(Jesper!AJ$2:AJ$366,ROUNDDOWN($C7835/24,0)+1,1))-1)+IF('Standard Profiles'!$G$20=$B$10,7,0)+IF('Standard Profiles'!$G$20=$B$17,14,0)+IF('Standard Profiles'!$G$20=$B$24,21,0),0)),0)</f>
        <v>0</v>
      </c>
      <c r="G7835" cm="1">
        <f t="array" ref="G7835">IFERROR(INDEX(Jesper!AK$2:AK$366,ROUNDDOWN($C7835/24,0)+1,1)*INDEX($D$3:$AA$30,INDEX(Jesper!$R$2:$R$366,ROW(INDEX(Jesper!AK$2:AK$366,ROUNDDOWN($C7835/24,0)+1,1))-1)+IF('Standard Profiles'!$G$21=$B$10,7,0)+IF('Standard Profiles'!$G$21=$B$17,14,0)+IF('Standard Profiles'!$G$21=$B$24,21,0),MOD($C7835,24)+1)/SUM(INDEX($D$3:$AA$30,INDEX(Jesper!$R$2:$R$366,ROW(INDEX(Jesper!AK$2:AK$366,ROUNDDOWN($C7835/24,0)+1,1))-1)+IF('Standard Profiles'!$G$21=$B$10,7,0)+IF('Standard Profiles'!$G$21=$B$17,14,0)+IF('Standard Profiles'!$G$21=$B$24,21,0),0)),0)</f>
        <v>7.0827608190858165</v>
      </c>
      <c r="H7835" cm="1">
        <f t="array" ref="H7835">IFERROR(INDEX(Jesper!AL$2:AL$366,ROUNDDOWN($C7835/24,0)+1,1)*INDEX($D$3:$AA$30,INDEX(Jesper!$R$2:$R$366,ROW(INDEX(Jesper!AL$2:AL$366,ROUNDDOWN($C7835/24,0)+1,1))-1)+IF('Standard Profiles'!$G$22=$B$10,7,0)+IF('Standard Profiles'!$G$22=$B$17,14,0)+IF('Standard Profiles'!$G$22=$B$24,21,0),MOD($C7835,24)+1)/SUM(INDEX($D$3:$AA$30,INDEX(Jesper!$R$2:$R$366,ROW(INDEX(Jesper!AL$2:AL$366,ROUNDDOWN($C7835/24,0)+1,1))-1)+IF('Standard Profiles'!$G$22=$B$10,7,0)+IF('Standard Profiles'!$G$22=$B$17,14,0)+IF('Standard Profiles'!$G$22=$B$24,21,0),0)),0)</f>
        <v>0</v>
      </c>
      <c r="I7835">
        <f t="shared" si="867"/>
        <v>3.3997251931611903</v>
      </c>
      <c r="J7835">
        <f t="shared" si="868"/>
        <v>15.203732293068326</v>
      </c>
      <c r="K7835">
        <f t="shared" si="869"/>
        <v>0.64113893960142898</v>
      </c>
      <c r="L7835">
        <f t="shared" si="870"/>
        <v>0.32056946980071449</v>
      </c>
      <c r="M7835">
        <f t="shared" si="871"/>
        <v>0</v>
      </c>
      <c r="N7835" s="45">
        <f t="shared" si="872"/>
        <v>45252.041666647747</v>
      </c>
    </row>
    <row r="7836" spans="2:14" x14ac:dyDescent="0.25">
      <c r="B7836">
        <f t="shared" si="866"/>
        <v>3</v>
      </c>
      <c r="C7836" s="16">
        <v>7802</v>
      </c>
      <c r="D7836" cm="1">
        <f t="array" ref="D7836">IFERROR(INDEX(Jesper!AH$2:AH$366,ROUNDDOWN($C7836/24,0)+1,1)*INDEX($D$3:$AA$30,INDEX(Jesper!$R$2:$R$366,ROW(INDEX(Jesper!AH$2:AH$366,ROUNDDOWN($C7836/24,0)+1,1))-1)+IF('Standard Profiles'!$G$18=$B$10,7,0)+IF('Standard Profiles'!$G$18=$B$17,14,0)+IF('Standard Profiles'!$G$18=$B$24,21,0),MOD($C7836,24)+1)/SUM(INDEX($D$3:$AA$30,INDEX(Jesper!$R$2:$R$366,ROW(INDEX(Jesper!AH$2:AH$366,ROUNDDOWN($C7836/24,0)+1,1))-1)+IF('Standard Profiles'!$G$18=$B$10,7,0)+IF('Standard Profiles'!$G$18=$B$17,14,0)+IF('Standard Profiles'!$G$18=$B$24,21,0),0)),0)</f>
        <v>6.0106775587633958</v>
      </c>
      <c r="E7836" cm="1">
        <f t="array" ref="E7836">IFERROR(INDEX(Jesper!AI$2:AI$366,ROUNDDOWN($C7836/24,0)+1,1)*INDEX($D$3:$AA$30,INDEX(Jesper!$R$2:$R$366,ROW(INDEX(Jesper!AI$2:AI$366,ROUNDDOWN($C7836/24,0)+1,1))-1)+IF('Standard Profiles'!$G$19=$B$10,7,0)+IF('Standard Profiles'!$G$19=$B$17,14,0)+IF('Standard Profiles'!$G$19=$B$24,21,0),MOD($C7836,24)+1)/SUM(INDEX($D$3:$AA$30,INDEX(Jesper!$R$2:$R$366,ROW(INDEX(Jesper!AI$2:AI$366,ROUNDDOWN($C7836/24,0)+1,1))-1)+IF('Standard Profiles'!$G$19=$B$10,7,0)+IF('Standard Profiles'!$G$19=$B$17,14,0)+IF('Standard Profiles'!$G$19=$B$24,21,0),0)),0)</f>
        <v>6.4717275177824458</v>
      </c>
      <c r="F7836" cm="1">
        <f t="array" ref="F7836">IFERROR(INDEX(Jesper!AJ$2:AJ$366,ROUNDDOWN($C7836/24,0)+1,1)*INDEX($D$3:$AA$30,INDEX(Jesper!$R$2:$R$366,ROW(INDEX(Jesper!AJ$2:AJ$366,ROUNDDOWN($C7836/24,0)+1,1))-1)+IF('Standard Profiles'!$G$20=$B$10,7,0)+IF('Standard Profiles'!$G$20=$B$17,14,0)+IF('Standard Profiles'!$G$20=$B$24,21,0),MOD($C7836,24)+1)/SUM(INDEX($D$3:$AA$30,INDEX(Jesper!$R$2:$R$366,ROW(INDEX(Jesper!AJ$2:AJ$366,ROUNDDOWN($C7836/24,0)+1,1))-1)+IF('Standard Profiles'!$G$20=$B$10,7,0)+IF('Standard Profiles'!$G$20=$B$17,14,0)+IF('Standard Profiles'!$G$20=$B$24,21,0),0)),0)</f>
        <v>0</v>
      </c>
      <c r="G7836" cm="1">
        <f t="array" ref="G7836">IFERROR(INDEX(Jesper!AK$2:AK$366,ROUNDDOWN($C7836/24,0)+1,1)*INDEX($D$3:$AA$30,INDEX(Jesper!$R$2:$R$366,ROW(INDEX(Jesper!AK$2:AK$366,ROUNDDOWN($C7836/24,0)+1,1))-1)+IF('Standard Profiles'!$G$21=$B$10,7,0)+IF('Standard Profiles'!$G$21=$B$17,14,0)+IF('Standard Profiles'!$G$21=$B$24,21,0),MOD($C7836,24)+1)/SUM(INDEX($D$3:$AA$30,INDEX(Jesper!$R$2:$R$366,ROW(INDEX(Jesper!AK$2:AK$366,ROUNDDOWN($C7836/24,0)+1,1))-1)+IF('Standard Profiles'!$G$21=$B$10,7,0)+IF('Standard Profiles'!$G$21=$B$17,14,0)+IF('Standard Profiles'!$G$21=$B$24,21,0),0)),0)</f>
        <v>7.0827608190858165</v>
      </c>
      <c r="H7836" cm="1">
        <f t="array" ref="H7836">IFERROR(INDEX(Jesper!AL$2:AL$366,ROUNDDOWN($C7836/24,0)+1,1)*INDEX($D$3:$AA$30,INDEX(Jesper!$R$2:$R$366,ROW(INDEX(Jesper!AL$2:AL$366,ROUNDDOWN($C7836/24,0)+1,1))-1)+IF('Standard Profiles'!$G$22=$B$10,7,0)+IF('Standard Profiles'!$G$22=$B$17,14,0)+IF('Standard Profiles'!$G$22=$B$24,21,0),MOD($C7836,24)+1)/SUM(INDEX($D$3:$AA$30,INDEX(Jesper!$R$2:$R$366,ROW(INDEX(Jesper!AL$2:AL$366,ROUNDDOWN($C7836/24,0)+1,1))-1)+IF('Standard Profiles'!$G$22=$B$10,7,0)+IF('Standard Profiles'!$G$22=$B$17,14,0)+IF('Standard Profiles'!$G$22=$B$24,21,0),0)),0)</f>
        <v>0</v>
      </c>
      <c r="I7836">
        <f t="shared" si="867"/>
        <v>3.3997251931611903</v>
      </c>
      <c r="J7836">
        <f t="shared" si="868"/>
        <v>15.203732293068326</v>
      </c>
      <c r="K7836">
        <f t="shared" si="869"/>
        <v>0.64113893960142898</v>
      </c>
      <c r="L7836">
        <f t="shared" si="870"/>
        <v>0.32056946980071449</v>
      </c>
      <c r="M7836">
        <f t="shared" si="871"/>
        <v>0</v>
      </c>
      <c r="N7836" s="45">
        <f t="shared" si="872"/>
        <v>45252.083333314411</v>
      </c>
    </row>
    <row r="7837" spans="2:14" x14ac:dyDescent="0.25">
      <c r="B7837">
        <f t="shared" si="866"/>
        <v>3</v>
      </c>
      <c r="C7837" s="16">
        <v>7803</v>
      </c>
      <c r="D7837" cm="1">
        <f t="array" ref="D7837">IFERROR(INDEX(Jesper!AH$2:AH$366,ROUNDDOWN($C7837/24,0)+1,1)*INDEX($D$3:$AA$30,INDEX(Jesper!$R$2:$R$366,ROW(INDEX(Jesper!AH$2:AH$366,ROUNDDOWN($C7837/24,0)+1,1))-1)+IF('Standard Profiles'!$G$18=$B$10,7,0)+IF('Standard Profiles'!$G$18=$B$17,14,0)+IF('Standard Profiles'!$G$18=$B$24,21,0),MOD($C7837,24)+1)/SUM(INDEX($D$3:$AA$30,INDEX(Jesper!$R$2:$R$366,ROW(INDEX(Jesper!AH$2:AH$366,ROUNDDOWN($C7837/24,0)+1,1))-1)+IF('Standard Profiles'!$G$18=$B$10,7,0)+IF('Standard Profiles'!$G$18=$B$17,14,0)+IF('Standard Profiles'!$G$18=$B$24,21,0),0)),0)</f>
        <v>6.0106775587633958</v>
      </c>
      <c r="E7837" cm="1">
        <f t="array" ref="E7837">IFERROR(INDEX(Jesper!AI$2:AI$366,ROUNDDOWN($C7837/24,0)+1,1)*INDEX($D$3:$AA$30,INDEX(Jesper!$R$2:$R$366,ROW(INDEX(Jesper!AI$2:AI$366,ROUNDDOWN($C7837/24,0)+1,1))-1)+IF('Standard Profiles'!$G$19=$B$10,7,0)+IF('Standard Profiles'!$G$19=$B$17,14,0)+IF('Standard Profiles'!$G$19=$B$24,21,0),MOD($C7837,24)+1)/SUM(INDEX($D$3:$AA$30,INDEX(Jesper!$R$2:$R$366,ROW(INDEX(Jesper!AI$2:AI$366,ROUNDDOWN($C7837/24,0)+1,1))-1)+IF('Standard Profiles'!$G$19=$B$10,7,0)+IF('Standard Profiles'!$G$19=$B$17,14,0)+IF('Standard Profiles'!$G$19=$B$24,21,0),0)),0)</f>
        <v>6.4717275177824458</v>
      </c>
      <c r="F7837" cm="1">
        <f t="array" ref="F7837">IFERROR(INDEX(Jesper!AJ$2:AJ$366,ROUNDDOWN($C7837/24,0)+1,1)*INDEX($D$3:$AA$30,INDEX(Jesper!$R$2:$R$366,ROW(INDEX(Jesper!AJ$2:AJ$366,ROUNDDOWN($C7837/24,0)+1,1))-1)+IF('Standard Profiles'!$G$20=$B$10,7,0)+IF('Standard Profiles'!$G$20=$B$17,14,0)+IF('Standard Profiles'!$G$20=$B$24,21,0),MOD($C7837,24)+1)/SUM(INDEX($D$3:$AA$30,INDEX(Jesper!$R$2:$R$366,ROW(INDEX(Jesper!AJ$2:AJ$366,ROUNDDOWN($C7837/24,0)+1,1))-1)+IF('Standard Profiles'!$G$20=$B$10,7,0)+IF('Standard Profiles'!$G$20=$B$17,14,0)+IF('Standard Profiles'!$G$20=$B$24,21,0),0)),0)</f>
        <v>0</v>
      </c>
      <c r="G7837" cm="1">
        <f t="array" ref="G7837">IFERROR(INDEX(Jesper!AK$2:AK$366,ROUNDDOWN($C7837/24,0)+1,1)*INDEX($D$3:$AA$30,INDEX(Jesper!$R$2:$R$366,ROW(INDEX(Jesper!AK$2:AK$366,ROUNDDOWN($C7837/24,0)+1,1))-1)+IF('Standard Profiles'!$G$21=$B$10,7,0)+IF('Standard Profiles'!$G$21=$B$17,14,0)+IF('Standard Profiles'!$G$21=$B$24,21,0),MOD($C7837,24)+1)/SUM(INDEX($D$3:$AA$30,INDEX(Jesper!$R$2:$R$366,ROW(INDEX(Jesper!AK$2:AK$366,ROUNDDOWN($C7837/24,0)+1,1))-1)+IF('Standard Profiles'!$G$21=$B$10,7,0)+IF('Standard Profiles'!$G$21=$B$17,14,0)+IF('Standard Profiles'!$G$21=$B$24,21,0),0)),0)</f>
        <v>7.0827608190858165</v>
      </c>
      <c r="H7837" cm="1">
        <f t="array" ref="H7837">IFERROR(INDEX(Jesper!AL$2:AL$366,ROUNDDOWN($C7837/24,0)+1,1)*INDEX($D$3:$AA$30,INDEX(Jesper!$R$2:$R$366,ROW(INDEX(Jesper!AL$2:AL$366,ROUNDDOWN($C7837/24,0)+1,1))-1)+IF('Standard Profiles'!$G$22=$B$10,7,0)+IF('Standard Profiles'!$G$22=$B$17,14,0)+IF('Standard Profiles'!$G$22=$B$24,21,0),MOD($C7837,24)+1)/SUM(INDEX($D$3:$AA$30,INDEX(Jesper!$R$2:$R$366,ROW(INDEX(Jesper!AL$2:AL$366,ROUNDDOWN($C7837/24,0)+1,1))-1)+IF('Standard Profiles'!$G$22=$B$10,7,0)+IF('Standard Profiles'!$G$22=$B$17,14,0)+IF('Standard Profiles'!$G$22=$B$24,21,0),0)),0)</f>
        <v>0</v>
      </c>
      <c r="I7837">
        <f t="shared" si="867"/>
        <v>3.3997251931611903</v>
      </c>
      <c r="J7837">
        <f t="shared" si="868"/>
        <v>15.203732293068326</v>
      </c>
      <c r="K7837">
        <f t="shared" si="869"/>
        <v>0.64113893960142898</v>
      </c>
      <c r="L7837">
        <f t="shared" si="870"/>
        <v>0.32056946980071449</v>
      </c>
      <c r="M7837">
        <f t="shared" si="871"/>
        <v>0</v>
      </c>
      <c r="N7837" s="45">
        <f t="shared" si="872"/>
        <v>45252.124999981075</v>
      </c>
    </row>
    <row r="7838" spans="2:14" x14ac:dyDescent="0.25">
      <c r="B7838">
        <f t="shared" si="866"/>
        <v>3</v>
      </c>
      <c r="C7838" s="16">
        <v>7804</v>
      </c>
      <c r="D7838" cm="1">
        <f t="array" ref="D7838">IFERROR(INDEX(Jesper!AH$2:AH$366,ROUNDDOWN($C7838/24,0)+1,1)*INDEX($D$3:$AA$30,INDEX(Jesper!$R$2:$R$366,ROW(INDEX(Jesper!AH$2:AH$366,ROUNDDOWN($C7838/24,0)+1,1))-1)+IF('Standard Profiles'!$G$18=$B$10,7,0)+IF('Standard Profiles'!$G$18=$B$17,14,0)+IF('Standard Profiles'!$G$18=$B$24,21,0),MOD($C7838,24)+1)/SUM(INDEX($D$3:$AA$30,INDEX(Jesper!$R$2:$R$366,ROW(INDEX(Jesper!AH$2:AH$366,ROUNDDOWN($C7838/24,0)+1,1))-1)+IF('Standard Profiles'!$G$18=$B$10,7,0)+IF('Standard Profiles'!$G$18=$B$17,14,0)+IF('Standard Profiles'!$G$18=$B$24,21,0),0)),0)</f>
        <v>6.0106775587633958</v>
      </c>
      <c r="E7838" cm="1">
        <f t="array" ref="E7838">IFERROR(INDEX(Jesper!AI$2:AI$366,ROUNDDOWN($C7838/24,0)+1,1)*INDEX($D$3:$AA$30,INDEX(Jesper!$R$2:$R$366,ROW(INDEX(Jesper!AI$2:AI$366,ROUNDDOWN($C7838/24,0)+1,1))-1)+IF('Standard Profiles'!$G$19=$B$10,7,0)+IF('Standard Profiles'!$G$19=$B$17,14,0)+IF('Standard Profiles'!$G$19=$B$24,21,0),MOD($C7838,24)+1)/SUM(INDEX($D$3:$AA$30,INDEX(Jesper!$R$2:$R$366,ROW(INDEX(Jesper!AI$2:AI$366,ROUNDDOWN($C7838/24,0)+1,1))-1)+IF('Standard Profiles'!$G$19=$B$10,7,0)+IF('Standard Profiles'!$G$19=$B$17,14,0)+IF('Standard Profiles'!$G$19=$B$24,21,0),0)),0)</f>
        <v>6.4717275177824458</v>
      </c>
      <c r="F7838" cm="1">
        <f t="array" ref="F7838">IFERROR(INDEX(Jesper!AJ$2:AJ$366,ROUNDDOWN($C7838/24,0)+1,1)*INDEX($D$3:$AA$30,INDEX(Jesper!$R$2:$R$366,ROW(INDEX(Jesper!AJ$2:AJ$366,ROUNDDOWN($C7838/24,0)+1,1))-1)+IF('Standard Profiles'!$G$20=$B$10,7,0)+IF('Standard Profiles'!$G$20=$B$17,14,0)+IF('Standard Profiles'!$G$20=$B$24,21,0),MOD($C7838,24)+1)/SUM(INDEX($D$3:$AA$30,INDEX(Jesper!$R$2:$R$366,ROW(INDEX(Jesper!AJ$2:AJ$366,ROUNDDOWN($C7838/24,0)+1,1))-1)+IF('Standard Profiles'!$G$20=$B$10,7,0)+IF('Standard Profiles'!$G$20=$B$17,14,0)+IF('Standard Profiles'!$G$20=$B$24,21,0),0)),0)</f>
        <v>0</v>
      </c>
      <c r="G7838" cm="1">
        <f t="array" ref="G7838">IFERROR(INDEX(Jesper!AK$2:AK$366,ROUNDDOWN($C7838/24,0)+1,1)*INDEX($D$3:$AA$30,INDEX(Jesper!$R$2:$R$366,ROW(INDEX(Jesper!AK$2:AK$366,ROUNDDOWN($C7838/24,0)+1,1))-1)+IF('Standard Profiles'!$G$21=$B$10,7,0)+IF('Standard Profiles'!$G$21=$B$17,14,0)+IF('Standard Profiles'!$G$21=$B$24,21,0),MOD($C7838,24)+1)/SUM(INDEX($D$3:$AA$30,INDEX(Jesper!$R$2:$R$366,ROW(INDEX(Jesper!AK$2:AK$366,ROUNDDOWN($C7838/24,0)+1,1))-1)+IF('Standard Profiles'!$G$21=$B$10,7,0)+IF('Standard Profiles'!$G$21=$B$17,14,0)+IF('Standard Profiles'!$G$21=$B$24,21,0),0)),0)</f>
        <v>7.0827608190858165</v>
      </c>
      <c r="H7838" cm="1">
        <f t="array" ref="H7838">IFERROR(INDEX(Jesper!AL$2:AL$366,ROUNDDOWN($C7838/24,0)+1,1)*INDEX($D$3:$AA$30,INDEX(Jesper!$R$2:$R$366,ROW(INDEX(Jesper!AL$2:AL$366,ROUNDDOWN($C7838/24,0)+1,1))-1)+IF('Standard Profiles'!$G$22=$B$10,7,0)+IF('Standard Profiles'!$G$22=$B$17,14,0)+IF('Standard Profiles'!$G$22=$B$24,21,0),MOD($C7838,24)+1)/SUM(INDEX($D$3:$AA$30,INDEX(Jesper!$R$2:$R$366,ROW(INDEX(Jesper!AL$2:AL$366,ROUNDDOWN($C7838/24,0)+1,1))-1)+IF('Standard Profiles'!$G$22=$B$10,7,0)+IF('Standard Profiles'!$G$22=$B$17,14,0)+IF('Standard Profiles'!$G$22=$B$24,21,0),0)),0)</f>
        <v>0</v>
      </c>
      <c r="I7838">
        <f t="shared" si="867"/>
        <v>3.3997251931611903</v>
      </c>
      <c r="J7838">
        <f t="shared" si="868"/>
        <v>15.203732293068326</v>
      </c>
      <c r="K7838">
        <f t="shared" si="869"/>
        <v>0.64113893960142898</v>
      </c>
      <c r="L7838">
        <f t="shared" si="870"/>
        <v>0.32056946980071449</v>
      </c>
      <c r="M7838">
        <f t="shared" si="871"/>
        <v>0</v>
      </c>
      <c r="N7838" s="45">
        <f t="shared" si="872"/>
        <v>45252.166666647739</v>
      </c>
    </row>
    <row r="7839" spans="2:14" x14ac:dyDescent="0.25">
      <c r="B7839">
        <f t="shared" si="866"/>
        <v>3</v>
      </c>
      <c r="C7839" s="16">
        <v>7805</v>
      </c>
      <c r="D7839" cm="1">
        <f t="array" ref="D7839">IFERROR(INDEX(Jesper!AH$2:AH$366,ROUNDDOWN($C7839/24,0)+1,1)*INDEX($D$3:$AA$30,INDEX(Jesper!$R$2:$R$366,ROW(INDEX(Jesper!AH$2:AH$366,ROUNDDOWN($C7839/24,0)+1,1))-1)+IF('Standard Profiles'!$G$18=$B$10,7,0)+IF('Standard Profiles'!$G$18=$B$17,14,0)+IF('Standard Profiles'!$G$18=$B$24,21,0),MOD($C7839,24)+1)/SUM(INDEX($D$3:$AA$30,INDEX(Jesper!$R$2:$R$366,ROW(INDEX(Jesper!AH$2:AH$366,ROUNDDOWN($C7839/24,0)+1,1))-1)+IF('Standard Profiles'!$G$18=$B$10,7,0)+IF('Standard Profiles'!$G$18=$B$17,14,0)+IF('Standard Profiles'!$G$18=$B$24,21,0),0)),0)</f>
        <v>6.0106775587633958</v>
      </c>
      <c r="E7839" cm="1">
        <f t="array" ref="E7839">IFERROR(INDEX(Jesper!AI$2:AI$366,ROUNDDOWN($C7839/24,0)+1,1)*INDEX($D$3:$AA$30,INDEX(Jesper!$R$2:$R$366,ROW(INDEX(Jesper!AI$2:AI$366,ROUNDDOWN($C7839/24,0)+1,1))-1)+IF('Standard Profiles'!$G$19=$B$10,7,0)+IF('Standard Profiles'!$G$19=$B$17,14,0)+IF('Standard Profiles'!$G$19=$B$24,21,0),MOD($C7839,24)+1)/SUM(INDEX($D$3:$AA$30,INDEX(Jesper!$R$2:$R$366,ROW(INDEX(Jesper!AI$2:AI$366,ROUNDDOWN($C7839/24,0)+1,1))-1)+IF('Standard Profiles'!$G$19=$B$10,7,0)+IF('Standard Profiles'!$G$19=$B$17,14,0)+IF('Standard Profiles'!$G$19=$B$24,21,0),0)),0)</f>
        <v>6.4717275177824458</v>
      </c>
      <c r="F7839" cm="1">
        <f t="array" ref="F7839">IFERROR(INDEX(Jesper!AJ$2:AJ$366,ROUNDDOWN($C7839/24,0)+1,1)*INDEX($D$3:$AA$30,INDEX(Jesper!$R$2:$R$366,ROW(INDEX(Jesper!AJ$2:AJ$366,ROUNDDOWN($C7839/24,0)+1,1))-1)+IF('Standard Profiles'!$G$20=$B$10,7,0)+IF('Standard Profiles'!$G$20=$B$17,14,0)+IF('Standard Profiles'!$G$20=$B$24,21,0),MOD($C7839,24)+1)/SUM(INDEX($D$3:$AA$30,INDEX(Jesper!$R$2:$R$366,ROW(INDEX(Jesper!AJ$2:AJ$366,ROUNDDOWN($C7839/24,0)+1,1))-1)+IF('Standard Profiles'!$G$20=$B$10,7,0)+IF('Standard Profiles'!$G$20=$B$17,14,0)+IF('Standard Profiles'!$G$20=$B$24,21,0),0)),0)</f>
        <v>0</v>
      </c>
      <c r="G7839" cm="1">
        <f t="array" ref="G7839">IFERROR(INDEX(Jesper!AK$2:AK$366,ROUNDDOWN($C7839/24,0)+1,1)*INDEX($D$3:$AA$30,INDEX(Jesper!$R$2:$R$366,ROW(INDEX(Jesper!AK$2:AK$366,ROUNDDOWN($C7839/24,0)+1,1))-1)+IF('Standard Profiles'!$G$21=$B$10,7,0)+IF('Standard Profiles'!$G$21=$B$17,14,0)+IF('Standard Profiles'!$G$21=$B$24,21,0),MOD($C7839,24)+1)/SUM(INDEX($D$3:$AA$30,INDEX(Jesper!$R$2:$R$366,ROW(INDEX(Jesper!AK$2:AK$366,ROUNDDOWN($C7839/24,0)+1,1))-1)+IF('Standard Profiles'!$G$21=$B$10,7,0)+IF('Standard Profiles'!$G$21=$B$17,14,0)+IF('Standard Profiles'!$G$21=$B$24,21,0),0)),0)</f>
        <v>7.0827608190858165</v>
      </c>
      <c r="H7839" cm="1">
        <f t="array" ref="H7839">IFERROR(INDEX(Jesper!AL$2:AL$366,ROUNDDOWN($C7839/24,0)+1,1)*INDEX($D$3:$AA$30,INDEX(Jesper!$R$2:$R$366,ROW(INDEX(Jesper!AL$2:AL$366,ROUNDDOWN($C7839/24,0)+1,1))-1)+IF('Standard Profiles'!$G$22=$B$10,7,0)+IF('Standard Profiles'!$G$22=$B$17,14,0)+IF('Standard Profiles'!$G$22=$B$24,21,0),MOD($C7839,24)+1)/SUM(INDEX($D$3:$AA$30,INDEX(Jesper!$R$2:$R$366,ROW(INDEX(Jesper!AL$2:AL$366,ROUNDDOWN($C7839/24,0)+1,1))-1)+IF('Standard Profiles'!$G$22=$B$10,7,0)+IF('Standard Profiles'!$G$22=$B$17,14,0)+IF('Standard Profiles'!$G$22=$B$24,21,0),0)),0)</f>
        <v>0</v>
      </c>
      <c r="I7839">
        <f t="shared" si="867"/>
        <v>3.3997251931611903</v>
      </c>
      <c r="J7839">
        <f t="shared" si="868"/>
        <v>15.203732293068326</v>
      </c>
      <c r="K7839">
        <f t="shared" si="869"/>
        <v>0.64113893960142898</v>
      </c>
      <c r="L7839">
        <f t="shared" si="870"/>
        <v>0.32056946980071449</v>
      </c>
      <c r="M7839">
        <f t="shared" si="871"/>
        <v>0</v>
      </c>
      <c r="N7839" s="45">
        <f t="shared" si="872"/>
        <v>45252.208333314404</v>
      </c>
    </row>
    <row r="7840" spans="2:14" x14ac:dyDescent="0.25">
      <c r="B7840">
        <f t="shared" si="866"/>
        <v>3</v>
      </c>
      <c r="C7840" s="16">
        <v>7806</v>
      </c>
      <c r="D7840" cm="1">
        <f t="array" ref="D7840">IFERROR(INDEX(Jesper!AH$2:AH$366,ROUNDDOWN($C7840/24,0)+1,1)*INDEX($D$3:$AA$30,INDEX(Jesper!$R$2:$R$366,ROW(INDEX(Jesper!AH$2:AH$366,ROUNDDOWN($C7840/24,0)+1,1))-1)+IF('Standard Profiles'!$G$18=$B$10,7,0)+IF('Standard Profiles'!$G$18=$B$17,14,0)+IF('Standard Profiles'!$G$18=$B$24,21,0),MOD($C7840,24)+1)/SUM(INDEX($D$3:$AA$30,INDEX(Jesper!$R$2:$R$366,ROW(INDEX(Jesper!AH$2:AH$366,ROUNDDOWN($C7840/24,0)+1,1))-1)+IF('Standard Profiles'!$G$18=$B$10,7,0)+IF('Standard Profiles'!$G$18=$B$17,14,0)+IF('Standard Profiles'!$G$18=$B$24,21,0),0)),0)</f>
        <v>6.0106775587633958</v>
      </c>
      <c r="E7840" cm="1">
        <f t="array" ref="E7840">IFERROR(INDEX(Jesper!AI$2:AI$366,ROUNDDOWN($C7840/24,0)+1,1)*INDEX($D$3:$AA$30,INDEX(Jesper!$R$2:$R$366,ROW(INDEX(Jesper!AI$2:AI$366,ROUNDDOWN($C7840/24,0)+1,1))-1)+IF('Standard Profiles'!$G$19=$B$10,7,0)+IF('Standard Profiles'!$G$19=$B$17,14,0)+IF('Standard Profiles'!$G$19=$B$24,21,0),MOD($C7840,24)+1)/SUM(INDEX($D$3:$AA$30,INDEX(Jesper!$R$2:$R$366,ROW(INDEX(Jesper!AI$2:AI$366,ROUNDDOWN($C7840/24,0)+1,1))-1)+IF('Standard Profiles'!$G$19=$B$10,7,0)+IF('Standard Profiles'!$G$19=$B$17,14,0)+IF('Standard Profiles'!$G$19=$B$24,21,0),0)),0)</f>
        <v>6.4717275177824458</v>
      </c>
      <c r="F7840" cm="1">
        <f t="array" ref="F7840">IFERROR(INDEX(Jesper!AJ$2:AJ$366,ROUNDDOWN($C7840/24,0)+1,1)*INDEX($D$3:$AA$30,INDEX(Jesper!$R$2:$R$366,ROW(INDEX(Jesper!AJ$2:AJ$366,ROUNDDOWN($C7840/24,0)+1,1))-1)+IF('Standard Profiles'!$G$20=$B$10,7,0)+IF('Standard Profiles'!$G$20=$B$17,14,0)+IF('Standard Profiles'!$G$20=$B$24,21,0),MOD($C7840,24)+1)/SUM(INDEX($D$3:$AA$30,INDEX(Jesper!$R$2:$R$366,ROW(INDEX(Jesper!AJ$2:AJ$366,ROUNDDOWN($C7840/24,0)+1,1))-1)+IF('Standard Profiles'!$G$20=$B$10,7,0)+IF('Standard Profiles'!$G$20=$B$17,14,0)+IF('Standard Profiles'!$G$20=$B$24,21,0),0)),0)</f>
        <v>0</v>
      </c>
      <c r="G7840" cm="1">
        <f t="array" ref="G7840">IFERROR(INDEX(Jesper!AK$2:AK$366,ROUNDDOWN($C7840/24,0)+1,1)*INDEX($D$3:$AA$30,INDEX(Jesper!$R$2:$R$366,ROW(INDEX(Jesper!AK$2:AK$366,ROUNDDOWN($C7840/24,0)+1,1))-1)+IF('Standard Profiles'!$G$21=$B$10,7,0)+IF('Standard Profiles'!$G$21=$B$17,14,0)+IF('Standard Profiles'!$G$21=$B$24,21,0),MOD($C7840,24)+1)/SUM(INDEX($D$3:$AA$30,INDEX(Jesper!$R$2:$R$366,ROW(INDEX(Jesper!AK$2:AK$366,ROUNDDOWN($C7840/24,0)+1,1))-1)+IF('Standard Profiles'!$G$21=$B$10,7,0)+IF('Standard Profiles'!$G$21=$B$17,14,0)+IF('Standard Profiles'!$G$21=$B$24,21,0),0)),0)</f>
        <v>7.0827608190858165</v>
      </c>
      <c r="H7840" cm="1">
        <f t="array" ref="H7840">IFERROR(INDEX(Jesper!AL$2:AL$366,ROUNDDOWN($C7840/24,0)+1,1)*INDEX($D$3:$AA$30,INDEX(Jesper!$R$2:$R$366,ROW(INDEX(Jesper!AL$2:AL$366,ROUNDDOWN($C7840/24,0)+1,1))-1)+IF('Standard Profiles'!$G$22=$B$10,7,0)+IF('Standard Profiles'!$G$22=$B$17,14,0)+IF('Standard Profiles'!$G$22=$B$24,21,0),MOD($C7840,24)+1)/SUM(INDEX($D$3:$AA$30,INDEX(Jesper!$R$2:$R$366,ROW(INDEX(Jesper!AL$2:AL$366,ROUNDDOWN($C7840/24,0)+1,1))-1)+IF('Standard Profiles'!$G$22=$B$10,7,0)+IF('Standard Profiles'!$G$22=$B$17,14,0)+IF('Standard Profiles'!$G$22=$B$24,21,0),0)),0)</f>
        <v>0</v>
      </c>
      <c r="I7840">
        <f t="shared" si="867"/>
        <v>3.3997251931611903</v>
      </c>
      <c r="J7840">
        <f t="shared" si="868"/>
        <v>15.203732293068326</v>
      </c>
      <c r="K7840">
        <f t="shared" si="869"/>
        <v>0.64113893960142898</v>
      </c>
      <c r="L7840">
        <f t="shared" si="870"/>
        <v>0.32056946980071449</v>
      </c>
      <c r="M7840">
        <f t="shared" si="871"/>
        <v>0</v>
      </c>
      <c r="N7840" s="45">
        <f t="shared" si="872"/>
        <v>45252.249999981068</v>
      </c>
    </row>
    <row r="7841" spans="2:14" x14ac:dyDescent="0.25">
      <c r="B7841">
        <f t="shared" si="866"/>
        <v>3</v>
      </c>
      <c r="C7841" s="16">
        <v>7807</v>
      </c>
      <c r="D7841" cm="1">
        <f t="array" ref="D7841">IFERROR(INDEX(Jesper!AH$2:AH$366,ROUNDDOWN($C7841/24,0)+1,1)*INDEX($D$3:$AA$30,INDEX(Jesper!$R$2:$R$366,ROW(INDEX(Jesper!AH$2:AH$366,ROUNDDOWN($C7841/24,0)+1,1))-1)+IF('Standard Profiles'!$G$18=$B$10,7,0)+IF('Standard Profiles'!$G$18=$B$17,14,0)+IF('Standard Profiles'!$G$18=$B$24,21,0),MOD($C7841,24)+1)/SUM(INDEX($D$3:$AA$30,INDEX(Jesper!$R$2:$R$366,ROW(INDEX(Jesper!AH$2:AH$366,ROUNDDOWN($C7841/24,0)+1,1))-1)+IF('Standard Profiles'!$G$18=$B$10,7,0)+IF('Standard Profiles'!$G$18=$B$17,14,0)+IF('Standard Profiles'!$G$18=$B$24,21,0),0)),0)</f>
        <v>24.570921293247938</v>
      </c>
      <c r="E7841" cm="1">
        <f t="array" ref="E7841">IFERROR(INDEX(Jesper!AI$2:AI$366,ROUNDDOWN($C7841/24,0)+1,1)*INDEX($D$3:$AA$30,INDEX(Jesper!$R$2:$R$366,ROW(INDEX(Jesper!AI$2:AI$366,ROUNDDOWN($C7841/24,0)+1,1))-1)+IF('Standard Profiles'!$G$19=$B$10,7,0)+IF('Standard Profiles'!$G$19=$B$17,14,0)+IF('Standard Profiles'!$G$19=$B$24,21,0),MOD($C7841,24)+1)/SUM(INDEX($D$3:$AA$30,INDEX(Jesper!$R$2:$R$366,ROW(INDEX(Jesper!AI$2:AI$366,ROUNDDOWN($C7841/24,0)+1,1))-1)+IF('Standard Profiles'!$G$19=$B$10,7,0)+IF('Standard Profiles'!$G$19=$B$17,14,0)+IF('Standard Profiles'!$G$19=$B$24,21,0),0)),0)</f>
        <v>26.455637640874304</v>
      </c>
      <c r="F7841" cm="1">
        <f t="array" ref="F7841">IFERROR(INDEX(Jesper!AJ$2:AJ$366,ROUNDDOWN($C7841/24,0)+1,1)*INDEX($D$3:$AA$30,INDEX(Jesper!$R$2:$R$366,ROW(INDEX(Jesper!AJ$2:AJ$366,ROUNDDOWN($C7841/24,0)+1,1))-1)+IF('Standard Profiles'!$G$20=$B$10,7,0)+IF('Standard Profiles'!$G$20=$B$17,14,0)+IF('Standard Profiles'!$G$20=$B$24,21,0),MOD($C7841,24)+1)/SUM(INDEX($D$3:$AA$30,INDEX(Jesper!$R$2:$R$366,ROW(INDEX(Jesper!AJ$2:AJ$366,ROUNDDOWN($C7841/24,0)+1,1))-1)+IF('Standard Profiles'!$G$20=$B$10,7,0)+IF('Standard Profiles'!$G$20=$B$17,14,0)+IF('Standard Profiles'!$G$20=$B$24,21,0),0)),0)</f>
        <v>0</v>
      </c>
      <c r="G7841" cm="1">
        <f t="array" ref="G7841">IFERROR(INDEX(Jesper!AK$2:AK$366,ROUNDDOWN($C7841/24,0)+1,1)*INDEX($D$3:$AA$30,INDEX(Jesper!$R$2:$R$366,ROW(INDEX(Jesper!AK$2:AK$366,ROUNDDOWN($C7841/24,0)+1,1))-1)+IF('Standard Profiles'!$G$21=$B$10,7,0)+IF('Standard Profiles'!$G$21=$B$17,14,0)+IF('Standard Profiles'!$G$21=$B$24,21,0),MOD($C7841,24)+1)/SUM(INDEX($D$3:$AA$30,INDEX(Jesper!$R$2:$R$366,ROW(INDEX(Jesper!AK$2:AK$366,ROUNDDOWN($C7841/24,0)+1,1))-1)+IF('Standard Profiles'!$G$21=$B$10,7,0)+IF('Standard Profiles'!$G$21=$B$17,14,0)+IF('Standard Profiles'!$G$21=$B$24,21,0),0)),0)</f>
        <v>19.513006056581418</v>
      </c>
      <c r="H7841" cm="1">
        <f t="array" ref="H7841">IFERROR(INDEX(Jesper!AL$2:AL$366,ROUNDDOWN($C7841/24,0)+1,1)*INDEX($D$3:$AA$30,INDEX(Jesper!$R$2:$R$366,ROW(INDEX(Jesper!AL$2:AL$366,ROUNDDOWN($C7841/24,0)+1,1))-1)+IF('Standard Profiles'!$G$22=$B$10,7,0)+IF('Standard Profiles'!$G$22=$B$17,14,0)+IF('Standard Profiles'!$G$22=$B$24,21,0),MOD($C7841,24)+1)/SUM(INDEX($D$3:$AA$30,INDEX(Jesper!$R$2:$R$366,ROW(INDEX(Jesper!AL$2:AL$366,ROUNDDOWN($C7841/24,0)+1,1))-1)+IF('Standard Profiles'!$G$22=$B$10,7,0)+IF('Standard Profiles'!$G$22=$B$17,14,0)+IF('Standard Profiles'!$G$22=$B$24,21,0),0)),0)</f>
        <v>0</v>
      </c>
      <c r="I7841">
        <f t="shared" si="867"/>
        <v>9.3662429071590765</v>
      </c>
      <c r="J7841">
        <f t="shared" si="868"/>
        <v>57.241974676624913</v>
      </c>
      <c r="K7841">
        <f t="shared" si="869"/>
        <v>2.6208982712797804</v>
      </c>
      <c r="L7841">
        <f t="shared" si="870"/>
        <v>1.3104491356398902</v>
      </c>
      <c r="M7841">
        <f t="shared" si="871"/>
        <v>0</v>
      </c>
      <c r="N7841" s="45">
        <f t="shared" si="872"/>
        <v>45252.291666647732</v>
      </c>
    </row>
    <row r="7842" spans="2:14" x14ac:dyDescent="0.25">
      <c r="B7842">
        <f t="shared" si="866"/>
        <v>3</v>
      </c>
      <c r="C7842" s="16">
        <v>7808</v>
      </c>
      <c r="D7842" cm="1">
        <f t="array" ref="D7842">IFERROR(INDEX(Jesper!AH$2:AH$366,ROUNDDOWN($C7842/24,0)+1,1)*INDEX($D$3:$AA$30,INDEX(Jesper!$R$2:$R$366,ROW(INDEX(Jesper!AH$2:AH$366,ROUNDDOWN($C7842/24,0)+1,1))-1)+IF('Standard Profiles'!$G$18=$B$10,7,0)+IF('Standard Profiles'!$G$18=$B$17,14,0)+IF('Standard Profiles'!$G$18=$B$24,21,0),MOD($C7842,24)+1)/SUM(INDEX($D$3:$AA$30,INDEX(Jesper!$R$2:$R$366,ROW(INDEX(Jesper!AH$2:AH$366,ROUNDDOWN($C7842/24,0)+1,1))-1)+IF('Standard Profiles'!$G$18=$B$10,7,0)+IF('Standard Profiles'!$G$18=$B$17,14,0)+IF('Standard Profiles'!$G$18=$B$24,21,0),0)),0)</f>
        <v>27.415975337729282</v>
      </c>
      <c r="E7842" cm="1">
        <f t="array" ref="E7842">IFERROR(INDEX(Jesper!AI$2:AI$366,ROUNDDOWN($C7842/24,0)+1,1)*INDEX($D$3:$AA$30,INDEX(Jesper!$R$2:$R$366,ROW(INDEX(Jesper!AI$2:AI$366,ROUNDDOWN($C7842/24,0)+1,1))-1)+IF('Standard Profiles'!$G$19=$B$10,7,0)+IF('Standard Profiles'!$G$19=$B$17,14,0)+IF('Standard Profiles'!$G$19=$B$24,21,0),MOD($C7842,24)+1)/SUM(INDEX($D$3:$AA$30,INDEX(Jesper!$R$2:$R$366,ROW(INDEX(Jesper!AI$2:AI$366,ROUNDDOWN($C7842/24,0)+1,1))-1)+IF('Standard Profiles'!$G$19=$B$10,7,0)+IF('Standard Profiles'!$G$19=$B$17,14,0)+IF('Standard Profiles'!$G$19=$B$24,21,0),0)),0)</f>
        <v>29.518921999291329</v>
      </c>
      <c r="F7842" cm="1">
        <f t="array" ref="F7842">IFERROR(INDEX(Jesper!AJ$2:AJ$366,ROUNDDOWN($C7842/24,0)+1,1)*INDEX($D$3:$AA$30,INDEX(Jesper!$R$2:$R$366,ROW(INDEX(Jesper!AJ$2:AJ$366,ROUNDDOWN($C7842/24,0)+1,1))-1)+IF('Standard Profiles'!$G$20=$B$10,7,0)+IF('Standard Profiles'!$G$20=$B$17,14,0)+IF('Standard Profiles'!$G$20=$B$24,21,0),MOD($C7842,24)+1)/SUM(INDEX($D$3:$AA$30,INDEX(Jesper!$R$2:$R$366,ROW(INDEX(Jesper!AJ$2:AJ$366,ROUNDDOWN($C7842/24,0)+1,1))-1)+IF('Standard Profiles'!$G$20=$B$10,7,0)+IF('Standard Profiles'!$G$20=$B$17,14,0)+IF('Standard Profiles'!$G$20=$B$24,21,0),0)),0)</f>
        <v>0</v>
      </c>
      <c r="G7842" cm="1">
        <f t="array" ref="G7842">IFERROR(INDEX(Jesper!AK$2:AK$366,ROUNDDOWN($C7842/24,0)+1,1)*INDEX($D$3:$AA$30,INDEX(Jesper!$R$2:$R$366,ROW(INDEX(Jesper!AK$2:AK$366,ROUNDDOWN($C7842/24,0)+1,1))-1)+IF('Standard Profiles'!$G$21=$B$10,7,0)+IF('Standard Profiles'!$G$21=$B$17,14,0)+IF('Standard Profiles'!$G$21=$B$24,21,0),MOD($C7842,24)+1)/SUM(INDEX($D$3:$AA$30,INDEX(Jesper!$R$2:$R$366,ROW(INDEX(Jesper!AK$2:AK$366,ROUNDDOWN($C7842/24,0)+1,1))-1)+IF('Standard Profiles'!$G$21=$B$10,7,0)+IF('Standard Profiles'!$G$21=$B$17,14,0)+IF('Standard Profiles'!$G$21=$B$24,21,0),0)),0)</f>
        <v>21.772406757869796</v>
      </c>
      <c r="H7842" cm="1">
        <f t="array" ref="H7842">IFERROR(INDEX(Jesper!AL$2:AL$366,ROUNDDOWN($C7842/24,0)+1,1)*INDEX($D$3:$AA$30,INDEX(Jesper!$R$2:$R$366,ROW(INDEX(Jesper!AL$2:AL$366,ROUNDDOWN($C7842/24,0)+1,1))-1)+IF('Standard Profiles'!$G$22=$B$10,7,0)+IF('Standard Profiles'!$G$22=$B$17,14,0)+IF('Standard Profiles'!$G$22=$B$24,21,0),MOD($C7842,24)+1)/SUM(INDEX($D$3:$AA$30,INDEX(Jesper!$R$2:$R$366,ROW(INDEX(Jesper!AL$2:AL$366,ROUNDDOWN($C7842/24,0)+1,1))-1)+IF('Standard Profiles'!$G$22=$B$10,7,0)+IF('Standard Profiles'!$G$22=$B$17,14,0)+IF('Standard Profiles'!$G$22=$B$24,21,0),0)),0)</f>
        <v>0</v>
      </c>
      <c r="I7842">
        <f t="shared" si="867"/>
        <v>10.450755243777497</v>
      </c>
      <c r="J7842">
        <f t="shared" si="868"/>
        <v>63.869992797076222</v>
      </c>
      <c r="K7842">
        <f t="shared" si="869"/>
        <v>2.9243707026911236</v>
      </c>
      <c r="L7842">
        <f t="shared" si="870"/>
        <v>1.4621853513455618</v>
      </c>
      <c r="M7842">
        <f t="shared" si="871"/>
        <v>0</v>
      </c>
      <c r="N7842" s="45">
        <f t="shared" si="872"/>
        <v>45252.333333314396</v>
      </c>
    </row>
    <row r="7843" spans="2:14" x14ac:dyDescent="0.25">
      <c r="B7843">
        <f t="shared" ref="B7843:B7906" si="873">WEEKDAY(N7843,2)</f>
        <v>3</v>
      </c>
      <c r="C7843" s="16">
        <v>7809</v>
      </c>
      <c r="D7843" cm="1">
        <f t="array" ref="D7843">IFERROR(INDEX(Jesper!AH$2:AH$366,ROUNDDOWN($C7843/24,0)+1,1)*INDEX($D$3:$AA$30,INDEX(Jesper!$R$2:$R$366,ROW(INDEX(Jesper!AH$2:AH$366,ROUNDDOWN($C7843/24,0)+1,1))-1)+IF('Standard Profiles'!$G$18=$B$10,7,0)+IF('Standard Profiles'!$G$18=$B$17,14,0)+IF('Standard Profiles'!$G$18=$B$24,21,0),MOD($C7843,24)+1)/SUM(INDEX($D$3:$AA$30,INDEX(Jesper!$R$2:$R$366,ROW(INDEX(Jesper!AH$2:AH$366,ROUNDDOWN($C7843/24,0)+1,1))-1)+IF('Standard Profiles'!$G$18=$B$10,7,0)+IF('Standard Profiles'!$G$18=$B$17,14,0)+IF('Standard Profiles'!$G$18=$B$24,21,0),0)),0)</f>
        <v>30.261029382210623</v>
      </c>
      <c r="E7843" cm="1">
        <f t="array" ref="E7843">IFERROR(INDEX(Jesper!AI$2:AI$366,ROUNDDOWN($C7843/24,0)+1,1)*INDEX($D$3:$AA$30,INDEX(Jesper!$R$2:$R$366,ROW(INDEX(Jesper!AI$2:AI$366,ROUNDDOWN($C7843/24,0)+1,1))-1)+IF('Standard Profiles'!$G$19=$B$10,7,0)+IF('Standard Profiles'!$G$19=$B$17,14,0)+IF('Standard Profiles'!$G$19=$B$24,21,0),MOD($C7843,24)+1)/SUM(INDEX($D$3:$AA$30,INDEX(Jesper!$R$2:$R$366,ROW(INDEX(Jesper!AI$2:AI$366,ROUNDDOWN($C7843/24,0)+1,1))-1)+IF('Standard Profiles'!$G$19=$B$10,7,0)+IF('Standard Profiles'!$G$19=$B$17,14,0)+IF('Standard Profiles'!$G$19=$B$24,21,0),0)),0)</f>
        <v>32.582206357708358</v>
      </c>
      <c r="F7843" cm="1">
        <f t="array" ref="F7843">IFERROR(INDEX(Jesper!AJ$2:AJ$366,ROUNDDOWN($C7843/24,0)+1,1)*INDEX($D$3:$AA$30,INDEX(Jesper!$R$2:$R$366,ROW(INDEX(Jesper!AJ$2:AJ$366,ROUNDDOWN($C7843/24,0)+1,1))-1)+IF('Standard Profiles'!$G$20=$B$10,7,0)+IF('Standard Profiles'!$G$20=$B$17,14,0)+IF('Standard Profiles'!$G$20=$B$24,21,0),MOD($C7843,24)+1)/SUM(INDEX($D$3:$AA$30,INDEX(Jesper!$R$2:$R$366,ROW(INDEX(Jesper!AJ$2:AJ$366,ROUNDDOWN($C7843/24,0)+1,1))-1)+IF('Standard Profiles'!$G$20=$B$10,7,0)+IF('Standard Profiles'!$G$20=$B$17,14,0)+IF('Standard Profiles'!$G$20=$B$24,21,0),0)),0)</f>
        <v>0</v>
      </c>
      <c r="G7843" cm="1">
        <f t="array" ref="G7843">IFERROR(INDEX(Jesper!AK$2:AK$366,ROUNDDOWN($C7843/24,0)+1,1)*INDEX($D$3:$AA$30,INDEX(Jesper!$R$2:$R$366,ROW(INDEX(Jesper!AK$2:AK$366,ROUNDDOWN($C7843/24,0)+1,1))-1)+IF('Standard Profiles'!$G$21=$B$10,7,0)+IF('Standard Profiles'!$G$21=$B$17,14,0)+IF('Standard Profiles'!$G$21=$B$24,21,0),MOD($C7843,24)+1)/SUM(INDEX($D$3:$AA$30,INDEX(Jesper!$R$2:$R$366,ROW(INDEX(Jesper!AK$2:AK$366,ROUNDDOWN($C7843/24,0)+1,1))-1)+IF('Standard Profiles'!$G$21=$B$10,7,0)+IF('Standard Profiles'!$G$21=$B$17,14,0)+IF('Standard Profiles'!$G$21=$B$24,21,0),0)),0)</f>
        <v>24.03180745915817</v>
      </c>
      <c r="H7843" cm="1">
        <f t="array" ref="H7843">IFERROR(INDEX(Jesper!AL$2:AL$366,ROUNDDOWN($C7843/24,0)+1,1)*INDEX($D$3:$AA$30,INDEX(Jesper!$R$2:$R$366,ROW(INDEX(Jesper!AL$2:AL$366,ROUNDDOWN($C7843/24,0)+1,1))-1)+IF('Standard Profiles'!$G$22=$B$10,7,0)+IF('Standard Profiles'!$G$22=$B$17,14,0)+IF('Standard Profiles'!$G$22=$B$24,21,0),MOD($C7843,24)+1)/SUM(INDEX($D$3:$AA$30,INDEX(Jesper!$R$2:$R$366,ROW(INDEX(Jesper!AL$2:AL$366,ROUNDDOWN($C7843/24,0)+1,1))-1)+IF('Standard Profiles'!$G$22=$B$10,7,0)+IF('Standard Profiles'!$G$22=$B$17,14,0)+IF('Standard Profiles'!$G$22=$B$24,21,0),0)),0)</f>
        <v>0</v>
      </c>
      <c r="I7843">
        <f t="shared" ref="I7843:I7906" si="874">IF($B7843&lt;6,AC$37*$D7843+AC$38*$E7843+AC$39*$F7843+AC$40*$G7843,AC$46*$D7843+AC$47*$E7843+AC$48*$F7843+AC$49*$G7843+AC$50*$H7843)</f>
        <v>11.535267580395915</v>
      </c>
      <c r="J7843">
        <f t="shared" ref="J7843:J7906" si="875">IF($B7843&lt;6,AD$37*$D7843+AD$38*$E7843+AD$39*$F7843+AD$40*$G7843,AD$46*$D7843+AD$47*$E7843+AD$48*$F7843+AD$49*$G7843+AD$50*$H7843)</f>
        <v>70.498010917527537</v>
      </c>
      <c r="K7843">
        <f t="shared" ref="K7843:K7906" si="876">IF($B7843&lt;6,AE$37*$D7843+AE$38*$E7843+AE$39*$F7843+AE$40*$G7843,AE$46*$D7843+AE$47*$E7843+AE$48*$F7843+AE$49*$G7843+AE$50*$H7843)</f>
        <v>3.2278431341024665</v>
      </c>
      <c r="L7843">
        <f t="shared" ref="L7843:L7906" si="877">IF($B7843&lt;6,AF$37*$D7843+AF$38*$E7843+AF$39*$F7843+AF$40*$G7843,AF$46*$D7843+AF$47*$E7843+AF$48*$F7843+AF$49*$G7843+AF$50*$H7843)</f>
        <v>1.6139215670512332</v>
      </c>
      <c r="M7843">
        <f t="shared" ref="M7843:M7906" si="878">IF($B7843&lt;6,AG$37*$D7843+AG$38*$E7843+AG$39*$F7843+AG$40*$G7843,AG$46*$D7843+AG$47*$E7843+AG$48*$F7843+AG$49*$G7843+AG$50*$H7843)</f>
        <v>0</v>
      </c>
      <c r="N7843" s="45">
        <f t="shared" si="872"/>
        <v>45252.374999981061</v>
      </c>
    </row>
    <row r="7844" spans="2:14" x14ac:dyDescent="0.25">
      <c r="B7844">
        <f t="shared" si="873"/>
        <v>3</v>
      </c>
      <c r="C7844" s="16">
        <v>7810</v>
      </c>
      <c r="D7844" cm="1">
        <f t="array" ref="D7844">IFERROR(INDEX(Jesper!AH$2:AH$366,ROUNDDOWN($C7844/24,0)+1,1)*INDEX($D$3:$AA$30,INDEX(Jesper!$R$2:$R$366,ROW(INDEX(Jesper!AH$2:AH$366,ROUNDDOWN($C7844/24,0)+1,1))-1)+IF('Standard Profiles'!$G$18=$B$10,7,0)+IF('Standard Profiles'!$G$18=$B$17,14,0)+IF('Standard Profiles'!$G$18=$B$24,21,0),MOD($C7844,24)+1)/SUM(INDEX($D$3:$AA$30,INDEX(Jesper!$R$2:$R$366,ROW(INDEX(Jesper!AH$2:AH$366,ROUNDDOWN($C7844/24,0)+1,1))-1)+IF('Standard Profiles'!$G$18=$B$10,7,0)+IF('Standard Profiles'!$G$18=$B$17,14,0)+IF('Standard Profiles'!$G$18=$B$24,21,0),0)),0)</f>
        <v>30.261029382210623</v>
      </c>
      <c r="E7844" cm="1">
        <f t="array" ref="E7844">IFERROR(INDEX(Jesper!AI$2:AI$366,ROUNDDOWN($C7844/24,0)+1,1)*INDEX($D$3:$AA$30,INDEX(Jesper!$R$2:$R$366,ROW(INDEX(Jesper!AI$2:AI$366,ROUNDDOWN($C7844/24,0)+1,1))-1)+IF('Standard Profiles'!$G$19=$B$10,7,0)+IF('Standard Profiles'!$G$19=$B$17,14,0)+IF('Standard Profiles'!$G$19=$B$24,21,0),MOD($C7844,24)+1)/SUM(INDEX($D$3:$AA$30,INDEX(Jesper!$R$2:$R$366,ROW(INDEX(Jesper!AI$2:AI$366,ROUNDDOWN($C7844/24,0)+1,1))-1)+IF('Standard Profiles'!$G$19=$B$10,7,0)+IF('Standard Profiles'!$G$19=$B$17,14,0)+IF('Standard Profiles'!$G$19=$B$24,21,0),0)),0)</f>
        <v>32.582206357708358</v>
      </c>
      <c r="F7844" cm="1">
        <f t="array" ref="F7844">IFERROR(INDEX(Jesper!AJ$2:AJ$366,ROUNDDOWN($C7844/24,0)+1,1)*INDEX($D$3:$AA$30,INDEX(Jesper!$R$2:$R$366,ROW(INDEX(Jesper!AJ$2:AJ$366,ROUNDDOWN($C7844/24,0)+1,1))-1)+IF('Standard Profiles'!$G$20=$B$10,7,0)+IF('Standard Profiles'!$G$20=$B$17,14,0)+IF('Standard Profiles'!$G$20=$B$24,21,0),MOD($C7844,24)+1)/SUM(INDEX($D$3:$AA$30,INDEX(Jesper!$R$2:$R$366,ROW(INDEX(Jesper!AJ$2:AJ$366,ROUNDDOWN($C7844/24,0)+1,1))-1)+IF('Standard Profiles'!$G$20=$B$10,7,0)+IF('Standard Profiles'!$G$20=$B$17,14,0)+IF('Standard Profiles'!$G$20=$B$24,21,0),0)),0)</f>
        <v>0</v>
      </c>
      <c r="G7844" cm="1">
        <f t="array" ref="G7844">IFERROR(INDEX(Jesper!AK$2:AK$366,ROUNDDOWN($C7844/24,0)+1,1)*INDEX($D$3:$AA$30,INDEX(Jesper!$R$2:$R$366,ROW(INDEX(Jesper!AK$2:AK$366,ROUNDDOWN($C7844/24,0)+1,1))-1)+IF('Standard Profiles'!$G$21=$B$10,7,0)+IF('Standard Profiles'!$G$21=$B$17,14,0)+IF('Standard Profiles'!$G$21=$B$24,21,0),MOD($C7844,24)+1)/SUM(INDEX($D$3:$AA$30,INDEX(Jesper!$R$2:$R$366,ROW(INDEX(Jesper!AK$2:AK$366,ROUNDDOWN($C7844/24,0)+1,1))-1)+IF('Standard Profiles'!$G$21=$B$10,7,0)+IF('Standard Profiles'!$G$21=$B$17,14,0)+IF('Standard Profiles'!$G$21=$B$24,21,0),0)),0)</f>
        <v>24.03180745915817</v>
      </c>
      <c r="H7844" cm="1">
        <f t="array" ref="H7844">IFERROR(INDEX(Jesper!AL$2:AL$366,ROUNDDOWN($C7844/24,0)+1,1)*INDEX($D$3:$AA$30,INDEX(Jesper!$R$2:$R$366,ROW(INDEX(Jesper!AL$2:AL$366,ROUNDDOWN($C7844/24,0)+1,1))-1)+IF('Standard Profiles'!$G$22=$B$10,7,0)+IF('Standard Profiles'!$G$22=$B$17,14,0)+IF('Standard Profiles'!$G$22=$B$24,21,0),MOD($C7844,24)+1)/SUM(INDEX($D$3:$AA$30,INDEX(Jesper!$R$2:$R$366,ROW(INDEX(Jesper!AL$2:AL$366,ROUNDDOWN($C7844/24,0)+1,1))-1)+IF('Standard Profiles'!$G$22=$B$10,7,0)+IF('Standard Profiles'!$G$22=$B$17,14,0)+IF('Standard Profiles'!$G$22=$B$24,21,0),0)),0)</f>
        <v>0</v>
      </c>
      <c r="I7844">
        <f t="shared" si="874"/>
        <v>11.535267580395915</v>
      </c>
      <c r="J7844">
        <f t="shared" si="875"/>
        <v>70.498010917527537</v>
      </c>
      <c r="K7844">
        <f t="shared" si="876"/>
        <v>3.2278431341024665</v>
      </c>
      <c r="L7844">
        <f t="shared" si="877"/>
        <v>1.6139215670512332</v>
      </c>
      <c r="M7844">
        <f t="shared" si="878"/>
        <v>0</v>
      </c>
      <c r="N7844" s="45">
        <f t="shared" ref="N7844:N7907" si="879">N7843+1/24</f>
        <v>45252.416666647725</v>
      </c>
    </row>
    <row r="7845" spans="2:14" x14ac:dyDescent="0.25">
      <c r="B7845">
        <f t="shared" si="873"/>
        <v>3</v>
      </c>
      <c r="C7845" s="16">
        <v>7811</v>
      </c>
      <c r="D7845" cm="1">
        <f t="array" ref="D7845">IFERROR(INDEX(Jesper!AH$2:AH$366,ROUNDDOWN($C7845/24,0)+1,1)*INDEX($D$3:$AA$30,INDEX(Jesper!$R$2:$R$366,ROW(INDEX(Jesper!AH$2:AH$366,ROUNDDOWN($C7845/24,0)+1,1))-1)+IF('Standard Profiles'!$G$18=$B$10,7,0)+IF('Standard Profiles'!$G$18=$B$17,14,0)+IF('Standard Profiles'!$G$18=$B$24,21,0),MOD($C7845,24)+1)/SUM(INDEX($D$3:$AA$30,INDEX(Jesper!$R$2:$R$366,ROW(INDEX(Jesper!AH$2:AH$366,ROUNDDOWN($C7845/24,0)+1,1))-1)+IF('Standard Profiles'!$G$18=$B$10,7,0)+IF('Standard Profiles'!$G$18=$B$17,14,0)+IF('Standard Profiles'!$G$18=$B$24,21,0),0)),0)</f>
        <v>36.209778747944334</v>
      </c>
      <c r="E7845" cm="1">
        <f t="array" ref="E7845">IFERROR(INDEX(Jesper!AI$2:AI$366,ROUNDDOWN($C7845/24,0)+1,1)*INDEX($D$3:$AA$30,INDEX(Jesper!$R$2:$R$366,ROW(INDEX(Jesper!AI$2:AI$366,ROUNDDOWN($C7845/24,0)+1,1))-1)+IF('Standard Profiles'!$G$19=$B$10,7,0)+IF('Standard Profiles'!$G$19=$B$17,14,0)+IF('Standard Profiles'!$G$19=$B$24,21,0),MOD($C7845,24)+1)/SUM(INDEX($D$3:$AA$30,INDEX(Jesper!$R$2:$R$366,ROW(INDEX(Jesper!AI$2:AI$366,ROUNDDOWN($C7845/24,0)+1,1))-1)+IF('Standard Profiles'!$G$19=$B$10,7,0)+IF('Standard Profiles'!$G$19=$B$17,14,0)+IF('Standard Profiles'!$G$19=$B$24,21,0),0)),0)</f>
        <v>38.987255470762129</v>
      </c>
      <c r="F7845" cm="1">
        <f t="array" ref="F7845">IFERROR(INDEX(Jesper!AJ$2:AJ$366,ROUNDDOWN($C7845/24,0)+1,1)*INDEX($D$3:$AA$30,INDEX(Jesper!$R$2:$R$366,ROW(INDEX(Jesper!AJ$2:AJ$366,ROUNDDOWN($C7845/24,0)+1,1))-1)+IF('Standard Profiles'!$G$20=$B$10,7,0)+IF('Standard Profiles'!$G$20=$B$17,14,0)+IF('Standard Profiles'!$G$20=$B$24,21,0),MOD($C7845,24)+1)/SUM(INDEX($D$3:$AA$30,INDEX(Jesper!$R$2:$R$366,ROW(INDEX(Jesper!AJ$2:AJ$366,ROUNDDOWN($C7845/24,0)+1,1))-1)+IF('Standard Profiles'!$G$20=$B$10,7,0)+IF('Standard Profiles'!$G$20=$B$17,14,0)+IF('Standard Profiles'!$G$20=$B$24,21,0),0)),0)</f>
        <v>0</v>
      </c>
      <c r="G7845" cm="1">
        <f t="array" ref="G7845">IFERROR(INDEX(Jesper!AK$2:AK$366,ROUNDDOWN($C7845/24,0)+1,1)*INDEX($D$3:$AA$30,INDEX(Jesper!$R$2:$R$366,ROW(INDEX(Jesper!AK$2:AK$366,ROUNDDOWN($C7845/24,0)+1,1))-1)+IF('Standard Profiles'!$G$21=$B$10,7,0)+IF('Standard Profiles'!$G$21=$B$17,14,0)+IF('Standard Profiles'!$G$21=$B$24,21,0),MOD($C7845,24)+1)/SUM(INDEX($D$3:$AA$30,INDEX(Jesper!$R$2:$R$366,ROW(INDEX(Jesper!AK$2:AK$366,ROUNDDOWN($C7845/24,0)+1,1))-1)+IF('Standard Profiles'!$G$21=$B$10,7,0)+IF('Standard Profiles'!$G$21=$B$17,14,0)+IF('Standard Profiles'!$G$21=$B$24,21,0),0)),0)</f>
        <v>28.756008925488405</v>
      </c>
      <c r="H7845" cm="1">
        <f t="array" ref="H7845">IFERROR(INDEX(Jesper!AL$2:AL$366,ROUNDDOWN($C7845/24,0)+1,1)*INDEX($D$3:$AA$30,INDEX(Jesper!$R$2:$R$366,ROW(INDEX(Jesper!AL$2:AL$366,ROUNDDOWN($C7845/24,0)+1,1))-1)+IF('Standard Profiles'!$G$22=$B$10,7,0)+IF('Standard Profiles'!$G$22=$B$17,14,0)+IF('Standard Profiles'!$G$22=$B$24,21,0),MOD($C7845,24)+1)/SUM(INDEX($D$3:$AA$30,INDEX(Jesper!$R$2:$R$366,ROW(INDEX(Jesper!AL$2:AL$366,ROUNDDOWN($C7845/24,0)+1,1))-1)+IF('Standard Profiles'!$G$22=$B$10,7,0)+IF('Standard Profiles'!$G$22=$B$17,14,0)+IF('Standard Profiles'!$G$22=$B$24,21,0),0)),0)</f>
        <v>0</v>
      </c>
      <c r="I7845">
        <f t="shared" si="874"/>
        <v>13.802884284234429</v>
      </c>
      <c r="J7845">
        <f t="shared" si="875"/>
        <v>84.356594260289356</v>
      </c>
      <c r="K7845">
        <f t="shared" si="876"/>
        <v>3.8623763997807292</v>
      </c>
      <c r="L7845">
        <f t="shared" si="877"/>
        <v>1.9311881998903646</v>
      </c>
      <c r="M7845">
        <f t="shared" si="878"/>
        <v>0</v>
      </c>
      <c r="N7845" s="45">
        <f t="shared" si="879"/>
        <v>45252.458333314389</v>
      </c>
    </row>
    <row r="7846" spans="2:14" x14ac:dyDescent="0.25">
      <c r="B7846">
        <f t="shared" si="873"/>
        <v>3</v>
      </c>
      <c r="C7846" s="16">
        <v>7812</v>
      </c>
      <c r="D7846" cm="1">
        <f t="array" ref="D7846">IFERROR(INDEX(Jesper!AH$2:AH$366,ROUNDDOWN($C7846/24,0)+1,1)*INDEX($D$3:$AA$30,INDEX(Jesper!$R$2:$R$366,ROW(INDEX(Jesper!AH$2:AH$366,ROUNDDOWN($C7846/24,0)+1,1))-1)+IF('Standard Profiles'!$G$18=$B$10,7,0)+IF('Standard Profiles'!$G$18=$B$17,14,0)+IF('Standard Profiles'!$G$18=$B$24,21,0),MOD($C7846,24)+1)/SUM(INDEX($D$3:$AA$30,INDEX(Jesper!$R$2:$R$366,ROW(INDEX(Jesper!AH$2:AH$366,ROUNDDOWN($C7846/24,0)+1,1))-1)+IF('Standard Profiles'!$G$18=$B$10,7,0)+IF('Standard Profiles'!$G$18=$B$17,14,0)+IF('Standard Profiles'!$G$18=$B$24,21,0),0)),0)</f>
        <v>36.209778747944334</v>
      </c>
      <c r="E7846" cm="1">
        <f t="array" ref="E7846">IFERROR(INDEX(Jesper!AI$2:AI$366,ROUNDDOWN($C7846/24,0)+1,1)*INDEX($D$3:$AA$30,INDEX(Jesper!$R$2:$R$366,ROW(INDEX(Jesper!AI$2:AI$366,ROUNDDOWN($C7846/24,0)+1,1))-1)+IF('Standard Profiles'!$G$19=$B$10,7,0)+IF('Standard Profiles'!$G$19=$B$17,14,0)+IF('Standard Profiles'!$G$19=$B$24,21,0),MOD($C7846,24)+1)/SUM(INDEX($D$3:$AA$30,INDEX(Jesper!$R$2:$R$366,ROW(INDEX(Jesper!AI$2:AI$366,ROUNDDOWN($C7846/24,0)+1,1))-1)+IF('Standard Profiles'!$G$19=$B$10,7,0)+IF('Standard Profiles'!$G$19=$B$17,14,0)+IF('Standard Profiles'!$G$19=$B$24,21,0),0)),0)</f>
        <v>38.987255470762129</v>
      </c>
      <c r="F7846" cm="1">
        <f t="array" ref="F7846">IFERROR(INDEX(Jesper!AJ$2:AJ$366,ROUNDDOWN($C7846/24,0)+1,1)*INDEX($D$3:$AA$30,INDEX(Jesper!$R$2:$R$366,ROW(INDEX(Jesper!AJ$2:AJ$366,ROUNDDOWN($C7846/24,0)+1,1))-1)+IF('Standard Profiles'!$G$20=$B$10,7,0)+IF('Standard Profiles'!$G$20=$B$17,14,0)+IF('Standard Profiles'!$G$20=$B$24,21,0),MOD($C7846,24)+1)/SUM(INDEX($D$3:$AA$30,INDEX(Jesper!$R$2:$R$366,ROW(INDEX(Jesper!AJ$2:AJ$366,ROUNDDOWN($C7846/24,0)+1,1))-1)+IF('Standard Profiles'!$G$20=$B$10,7,0)+IF('Standard Profiles'!$G$20=$B$17,14,0)+IF('Standard Profiles'!$G$20=$B$24,21,0),0)),0)</f>
        <v>0</v>
      </c>
      <c r="G7846" cm="1">
        <f t="array" ref="G7846">IFERROR(INDEX(Jesper!AK$2:AK$366,ROUNDDOWN($C7846/24,0)+1,1)*INDEX($D$3:$AA$30,INDEX(Jesper!$R$2:$R$366,ROW(INDEX(Jesper!AK$2:AK$366,ROUNDDOWN($C7846/24,0)+1,1))-1)+IF('Standard Profiles'!$G$21=$B$10,7,0)+IF('Standard Profiles'!$G$21=$B$17,14,0)+IF('Standard Profiles'!$G$21=$B$24,21,0),MOD($C7846,24)+1)/SUM(INDEX($D$3:$AA$30,INDEX(Jesper!$R$2:$R$366,ROW(INDEX(Jesper!AK$2:AK$366,ROUNDDOWN($C7846/24,0)+1,1))-1)+IF('Standard Profiles'!$G$21=$B$10,7,0)+IF('Standard Profiles'!$G$21=$B$17,14,0)+IF('Standard Profiles'!$G$21=$B$24,21,0),0)),0)</f>
        <v>28.756008925488405</v>
      </c>
      <c r="H7846" cm="1">
        <f t="array" ref="H7846">IFERROR(INDEX(Jesper!AL$2:AL$366,ROUNDDOWN($C7846/24,0)+1,1)*INDEX($D$3:$AA$30,INDEX(Jesper!$R$2:$R$366,ROW(INDEX(Jesper!AL$2:AL$366,ROUNDDOWN($C7846/24,0)+1,1))-1)+IF('Standard Profiles'!$G$22=$B$10,7,0)+IF('Standard Profiles'!$G$22=$B$17,14,0)+IF('Standard Profiles'!$G$22=$B$24,21,0),MOD($C7846,24)+1)/SUM(INDEX($D$3:$AA$30,INDEX(Jesper!$R$2:$R$366,ROW(INDEX(Jesper!AL$2:AL$366,ROUNDDOWN($C7846/24,0)+1,1))-1)+IF('Standard Profiles'!$G$22=$B$10,7,0)+IF('Standard Profiles'!$G$22=$B$17,14,0)+IF('Standard Profiles'!$G$22=$B$24,21,0),0)),0)</f>
        <v>0</v>
      </c>
      <c r="I7846">
        <f t="shared" si="874"/>
        <v>13.802884284234429</v>
      </c>
      <c r="J7846">
        <f t="shared" si="875"/>
        <v>84.356594260289356</v>
      </c>
      <c r="K7846">
        <f t="shared" si="876"/>
        <v>3.8623763997807292</v>
      </c>
      <c r="L7846">
        <f t="shared" si="877"/>
        <v>1.9311881998903646</v>
      </c>
      <c r="M7846">
        <f t="shared" si="878"/>
        <v>0</v>
      </c>
      <c r="N7846" s="45">
        <f t="shared" si="879"/>
        <v>45252.499999981053</v>
      </c>
    </row>
    <row r="7847" spans="2:14" x14ac:dyDescent="0.25">
      <c r="B7847">
        <f t="shared" si="873"/>
        <v>3</v>
      </c>
      <c r="C7847" s="16">
        <v>7813</v>
      </c>
      <c r="D7847" cm="1">
        <f t="array" ref="D7847">IFERROR(INDEX(Jesper!AH$2:AH$366,ROUNDDOWN($C7847/24,0)+1,1)*INDEX($D$3:$AA$30,INDEX(Jesper!$R$2:$R$366,ROW(INDEX(Jesper!AH$2:AH$366,ROUNDDOWN($C7847/24,0)+1,1))-1)+IF('Standard Profiles'!$G$18=$B$10,7,0)+IF('Standard Profiles'!$G$18=$B$17,14,0)+IF('Standard Profiles'!$G$18=$B$24,21,0),MOD($C7847,24)+1)/SUM(INDEX($D$3:$AA$30,INDEX(Jesper!$R$2:$R$366,ROW(INDEX(Jesper!AH$2:AH$366,ROUNDDOWN($C7847/24,0)+1,1))-1)+IF('Standard Profiles'!$G$18=$B$10,7,0)+IF('Standard Profiles'!$G$18=$B$17,14,0)+IF('Standard Profiles'!$G$18=$B$24,21,0),0)),0)</f>
        <v>24.053638739705878</v>
      </c>
      <c r="E7847" cm="1">
        <f t="array" ref="E7847">IFERROR(INDEX(Jesper!AI$2:AI$366,ROUNDDOWN($C7847/24,0)+1,1)*INDEX($D$3:$AA$30,INDEX(Jesper!$R$2:$R$366,ROW(INDEX(Jesper!AI$2:AI$366,ROUNDDOWN($C7847/24,0)+1,1))-1)+IF('Standard Profiles'!$G$19=$B$10,7,0)+IF('Standard Profiles'!$G$19=$B$17,14,0)+IF('Standard Profiles'!$G$19=$B$24,21,0),MOD($C7847,24)+1)/SUM(INDEX($D$3:$AA$30,INDEX(Jesper!$R$2:$R$366,ROW(INDEX(Jesper!AI$2:AI$366,ROUNDDOWN($C7847/24,0)+1,1))-1)+IF('Standard Profiles'!$G$19=$B$10,7,0)+IF('Standard Profiles'!$G$19=$B$17,14,0)+IF('Standard Profiles'!$G$19=$B$24,21,0),0)),0)</f>
        <v>25.898676848434846</v>
      </c>
      <c r="F7847" cm="1">
        <f t="array" ref="F7847">IFERROR(INDEX(Jesper!AJ$2:AJ$366,ROUNDDOWN($C7847/24,0)+1,1)*INDEX($D$3:$AA$30,INDEX(Jesper!$R$2:$R$366,ROW(INDEX(Jesper!AJ$2:AJ$366,ROUNDDOWN($C7847/24,0)+1,1))-1)+IF('Standard Profiles'!$G$20=$B$10,7,0)+IF('Standard Profiles'!$G$20=$B$17,14,0)+IF('Standard Profiles'!$G$20=$B$24,21,0),MOD($C7847,24)+1)/SUM(INDEX($D$3:$AA$30,INDEX(Jesper!$R$2:$R$366,ROW(INDEX(Jesper!AJ$2:AJ$366,ROUNDDOWN($C7847/24,0)+1,1))-1)+IF('Standard Profiles'!$G$20=$B$10,7,0)+IF('Standard Profiles'!$G$20=$B$17,14,0)+IF('Standard Profiles'!$G$20=$B$24,21,0),0)),0)</f>
        <v>0</v>
      </c>
      <c r="G7847" cm="1">
        <f t="array" ref="G7847">IFERROR(INDEX(Jesper!AK$2:AK$366,ROUNDDOWN($C7847/24,0)+1,1)*INDEX($D$3:$AA$30,INDEX(Jesper!$R$2:$R$366,ROW(INDEX(Jesper!AK$2:AK$366,ROUNDDOWN($C7847/24,0)+1,1))-1)+IF('Standard Profiles'!$G$21=$B$10,7,0)+IF('Standard Profiles'!$G$21=$B$17,14,0)+IF('Standard Profiles'!$G$21=$B$24,21,0),MOD($C7847,24)+1)/SUM(INDEX($D$3:$AA$30,INDEX(Jesper!$R$2:$R$366,ROW(INDEX(Jesper!AK$2:AK$366,ROUNDDOWN($C7847/24,0)+1,1))-1)+IF('Standard Profiles'!$G$21=$B$10,7,0)+IF('Standard Profiles'!$G$21=$B$17,14,0)+IF('Standard Profiles'!$G$21=$B$24,21,0),0)),0)</f>
        <v>19.102205929074444</v>
      </c>
      <c r="H7847" cm="1">
        <f t="array" ref="H7847">IFERROR(INDEX(Jesper!AL$2:AL$366,ROUNDDOWN($C7847/24,0)+1,1)*INDEX($D$3:$AA$30,INDEX(Jesper!$R$2:$R$366,ROW(INDEX(Jesper!AL$2:AL$366,ROUNDDOWN($C7847/24,0)+1,1))-1)+IF('Standard Profiles'!$G$22=$B$10,7,0)+IF('Standard Profiles'!$G$22=$B$17,14,0)+IF('Standard Profiles'!$G$22=$B$24,21,0),MOD($C7847,24)+1)/SUM(INDEX($D$3:$AA$30,INDEX(Jesper!$R$2:$R$366,ROW(INDEX(Jesper!AL$2:AL$366,ROUNDDOWN($C7847/24,0)+1,1))-1)+IF('Standard Profiles'!$G$22=$B$10,7,0)+IF('Standard Profiles'!$G$22=$B$17,14,0)+IF('Standard Profiles'!$G$22=$B$24,21,0),0)),0)</f>
        <v>0</v>
      </c>
      <c r="I7847">
        <f t="shared" si="874"/>
        <v>9.1690588459557283</v>
      </c>
      <c r="J7847">
        <f t="shared" si="875"/>
        <v>56.036880472906503</v>
      </c>
      <c r="K7847">
        <f t="shared" si="876"/>
        <v>2.5657214655686271</v>
      </c>
      <c r="L7847">
        <f t="shared" si="877"/>
        <v>1.2828607327843136</v>
      </c>
      <c r="M7847">
        <f t="shared" si="878"/>
        <v>0</v>
      </c>
      <c r="N7847" s="45">
        <f t="shared" si="879"/>
        <v>45252.541666647718</v>
      </c>
    </row>
    <row r="7848" spans="2:14" x14ac:dyDescent="0.25">
      <c r="B7848">
        <f t="shared" si="873"/>
        <v>3</v>
      </c>
      <c r="C7848" s="16">
        <v>7814</v>
      </c>
      <c r="D7848" cm="1">
        <f t="array" ref="D7848">IFERROR(INDEX(Jesper!AH$2:AH$366,ROUNDDOWN($C7848/24,0)+1,1)*INDEX($D$3:$AA$30,INDEX(Jesper!$R$2:$R$366,ROW(INDEX(Jesper!AH$2:AH$366,ROUNDDOWN($C7848/24,0)+1,1))-1)+IF('Standard Profiles'!$G$18=$B$10,7,0)+IF('Standard Profiles'!$G$18=$B$17,14,0)+IF('Standard Profiles'!$G$18=$B$24,21,0),MOD($C7848,24)+1)/SUM(INDEX($D$3:$AA$30,INDEX(Jesper!$R$2:$R$366,ROW(INDEX(Jesper!AH$2:AH$366,ROUNDDOWN($C7848/24,0)+1,1))-1)+IF('Standard Profiles'!$G$18=$B$10,7,0)+IF('Standard Profiles'!$G$18=$B$17,14,0)+IF('Standard Profiles'!$G$18=$B$24,21,0),0)),0)</f>
        <v>36.209778747944334</v>
      </c>
      <c r="E7848" cm="1">
        <f t="array" ref="E7848">IFERROR(INDEX(Jesper!AI$2:AI$366,ROUNDDOWN($C7848/24,0)+1,1)*INDEX($D$3:$AA$30,INDEX(Jesper!$R$2:$R$366,ROW(INDEX(Jesper!AI$2:AI$366,ROUNDDOWN($C7848/24,0)+1,1))-1)+IF('Standard Profiles'!$G$19=$B$10,7,0)+IF('Standard Profiles'!$G$19=$B$17,14,0)+IF('Standard Profiles'!$G$19=$B$24,21,0),MOD($C7848,24)+1)/SUM(INDEX($D$3:$AA$30,INDEX(Jesper!$R$2:$R$366,ROW(INDEX(Jesper!AI$2:AI$366,ROUNDDOWN($C7848/24,0)+1,1))-1)+IF('Standard Profiles'!$G$19=$B$10,7,0)+IF('Standard Profiles'!$G$19=$B$17,14,0)+IF('Standard Profiles'!$G$19=$B$24,21,0),0)),0)</f>
        <v>38.987255470762129</v>
      </c>
      <c r="F7848" cm="1">
        <f t="array" ref="F7848">IFERROR(INDEX(Jesper!AJ$2:AJ$366,ROUNDDOWN($C7848/24,0)+1,1)*INDEX($D$3:$AA$30,INDEX(Jesper!$R$2:$R$366,ROW(INDEX(Jesper!AJ$2:AJ$366,ROUNDDOWN($C7848/24,0)+1,1))-1)+IF('Standard Profiles'!$G$20=$B$10,7,0)+IF('Standard Profiles'!$G$20=$B$17,14,0)+IF('Standard Profiles'!$G$20=$B$24,21,0),MOD($C7848,24)+1)/SUM(INDEX($D$3:$AA$30,INDEX(Jesper!$R$2:$R$366,ROW(INDEX(Jesper!AJ$2:AJ$366,ROUNDDOWN($C7848/24,0)+1,1))-1)+IF('Standard Profiles'!$G$20=$B$10,7,0)+IF('Standard Profiles'!$G$20=$B$17,14,0)+IF('Standard Profiles'!$G$20=$B$24,21,0),0)),0)</f>
        <v>0</v>
      </c>
      <c r="G7848" cm="1">
        <f t="array" ref="G7848">IFERROR(INDEX(Jesper!AK$2:AK$366,ROUNDDOWN($C7848/24,0)+1,1)*INDEX($D$3:$AA$30,INDEX(Jesper!$R$2:$R$366,ROW(INDEX(Jesper!AK$2:AK$366,ROUNDDOWN($C7848/24,0)+1,1))-1)+IF('Standard Profiles'!$G$21=$B$10,7,0)+IF('Standard Profiles'!$G$21=$B$17,14,0)+IF('Standard Profiles'!$G$21=$B$24,21,0),MOD($C7848,24)+1)/SUM(INDEX($D$3:$AA$30,INDEX(Jesper!$R$2:$R$366,ROW(INDEX(Jesper!AK$2:AK$366,ROUNDDOWN($C7848/24,0)+1,1))-1)+IF('Standard Profiles'!$G$21=$B$10,7,0)+IF('Standard Profiles'!$G$21=$B$17,14,0)+IF('Standard Profiles'!$G$21=$B$24,21,0),0)),0)</f>
        <v>28.756008925488405</v>
      </c>
      <c r="H7848" cm="1">
        <f t="array" ref="H7848">IFERROR(INDEX(Jesper!AL$2:AL$366,ROUNDDOWN($C7848/24,0)+1,1)*INDEX($D$3:$AA$30,INDEX(Jesper!$R$2:$R$366,ROW(INDEX(Jesper!AL$2:AL$366,ROUNDDOWN($C7848/24,0)+1,1))-1)+IF('Standard Profiles'!$G$22=$B$10,7,0)+IF('Standard Profiles'!$G$22=$B$17,14,0)+IF('Standard Profiles'!$G$22=$B$24,21,0),MOD($C7848,24)+1)/SUM(INDEX($D$3:$AA$30,INDEX(Jesper!$R$2:$R$366,ROW(INDEX(Jesper!AL$2:AL$366,ROUNDDOWN($C7848/24,0)+1,1))-1)+IF('Standard Profiles'!$G$22=$B$10,7,0)+IF('Standard Profiles'!$G$22=$B$17,14,0)+IF('Standard Profiles'!$G$22=$B$24,21,0),0)),0)</f>
        <v>0</v>
      </c>
      <c r="I7848">
        <f t="shared" si="874"/>
        <v>13.802884284234429</v>
      </c>
      <c r="J7848">
        <f t="shared" si="875"/>
        <v>84.356594260289356</v>
      </c>
      <c r="K7848">
        <f t="shared" si="876"/>
        <v>3.8623763997807292</v>
      </c>
      <c r="L7848">
        <f t="shared" si="877"/>
        <v>1.9311881998903646</v>
      </c>
      <c r="M7848">
        <f t="shared" si="878"/>
        <v>0</v>
      </c>
      <c r="N7848" s="45">
        <f t="shared" si="879"/>
        <v>45252.583333314382</v>
      </c>
    </row>
    <row r="7849" spans="2:14" x14ac:dyDescent="0.25">
      <c r="B7849">
        <f t="shared" si="873"/>
        <v>3</v>
      </c>
      <c r="C7849" s="16">
        <v>7815</v>
      </c>
      <c r="D7849" cm="1">
        <f t="array" ref="D7849">IFERROR(INDEX(Jesper!AH$2:AH$366,ROUNDDOWN($C7849/24,0)+1,1)*INDEX($D$3:$AA$30,INDEX(Jesper!$R$2:$R$366,ROW(INDEX(Jesper!AH$2:AH$366,ROUNDDOWN($C7849/24,0)+1,1))-1)+IF('Standard Profiles'!$G$18=$B$10,7,0)+IF('Standard Profiles'!$G$18=$B$17,14,0)+IF('Standard Profiles'!$G$18=$B$24,21,0),MOD($C7849,24)+1)/SUM(INDEX($D$3:$AA$30,INDEX(Jesper!$R$2:$R$366,ROW(INDEX(Jesper!AH$2:AH$366,ROUNDDOWN($C7849/24,0)+1,1))-1)+IF('Standard Profiles'!$G$18=$B$10,7,0)+IF('Standard Profiles'!$G$18=$B$17,14,0)+IF('Standard Profiles'!$G$18=$B$24,21,0),0)),0)</f>
        <v>36.209778747944334</v>
      </c>
      <c r="E7849" cm="1">
        <f t="array" ref="E7849">IFERROR(INDEX(Jesper!AI$2:AI$366,ROUNDDOWN($C7849/24,0)+1,1)*INDEX($D$3:$AA$30,INDEX(Jesper!$R$2:$R$366,ROW(INDEX(Jesper!AI$2:AI$366,ROUNDDOWN($C7849/24,0)+1,1))-1)+IF('Standard Profiles'!$G$19=$B$10,7,0)+IF('Standard Profiles'!$G$19=$B$17,14,0)+IF('Standard Profiles'!$G$19=$B$24,21,0),MOD($C7849,24)+1)/SUM(INDEX($D$3:$AA$30,INDEX(Jesper!$R$2:$R$366,ROW(INDEX(Jesper!AI$2:AI$366,ROUNDDOWN($C7849/24,0)+1,1))-1)+IF('Standard Profiles'!$G$19=$B$10,7,0)+IF('Standard Profiles'!$G$19=$B$17,14,0)+IF('Standard Profiles'!$G$19=$B$24,21,0),0)),0)</f>
        <v>38.987255470762129</v>
      </c>
      <c r="F7849" cm="1">
        <f t="array" ref="F7849">IFERROR(INDEX(Jesper!AJ$2:AJ$366,ROUNDDOWN($C7849/24,0)+1,1)*INDEX($D$3:$AA$30,INDEX(Jesper!$R$2:$R$366,ROW(INDEX(Jesper!AJ$2:AJ$366,ROUNDDOWN($C7849/24,0)+1,1))-1)+IF('Standard Profiles'!$G$20=$B$10,7,0)+IF('Standard Profiles'!$G$20=$B$17,14,0)+IF('Standard Profiles'!$G$20=$B$24,21,0),MOD($C7849,24)+1)/SUM(INDEX($D$3:$AA$30,INDEX(Jesper!$R$2:$R$366,ROW(INDEX(Jesper!AJ$2:AJ$366,ROUNDDOWN($C7849/24,0)+1,1))-1)+IF('Standard Profiles'!$G$20=$B$10,7,0)+IF('Standard Profiles'!$G$20=$B$17,14,0)+IF('Standard Profiles'!$G$20=$B$24,21,0),0)),0)</f>
        <v>0</v>
      </c>
      <c r="G7849" cm="1">
        <f t="array" ref="G7849">IFERROR(INDEX(Jesper!AK$2:AK$366,ROUNDDOWN($C7849/24,0)+1,1)*INDEX($D$3:$AA$30,INDEX(Jesper!$R$2:$R$366,ROW(INDEX(Jesper!AK$2:AK$366,ROUNDDOWN($C7849/24,0)+1,1))-1)+IF('Standard Profiles'!$G$21=$B$10,7,0)+IF('Standard Profiles'!$G$21=$B$17,14,0)+IF('Standard Profiles'!$G$21=$B$24,21,0),MOD($C7849,24)+1)/SUM(INDEX($D$3:$AA$30,INDEX(Jesper!$R$2:$R$366,ROW(INDEX(Jesper!AK$2:AK$366,ROUNDDOWN($C7849/24,0)+1,1))-1)+IF('Standard Profiles'!$G$21=$B$10,7,0)+IF('Standard Profiles'!$G$21=$B$17,14,0)+IF('Standard Profiles'!$G$21=$B$24,21,0),0)),0)</f>
        <v>28.756008925488405</v>
      </c>
      <c r="H7849" cm="1">
        <f t="array" ref="H7849">IFERROR(INDEX(Jesper!AL$2:AL$366,ROUNDDOWN($C7849/24,0)+1,1)*INDEX($D$3:$AA$30,INDEX(Jesper!$R$2:$R$366,ROW(INDEX(Jesper!AL$2:AL$366,ROUNDDOWN($C7849/24,0)+1,1))-1)+IF('Standard Profiles'!$G$22=$B$10,7,0)+IF('Standard Profiles'!$G$22=$B$17,14,0)+IF('Standard Profiles'!$G$22=$B$24,21,0),MOD($C7849,24)+1)/SUM(INDEX($D$3:$AA$30,INDEX(Jesper!$R$2:$R$366,ROW(INDEX(Jesper!AL$2:AL$366,ROUNDDOWN($C7849/24,0)+1,1))-1)+IF('Standard Profiles'!$G$22=$B$10,7,0)+IF('Standard Profiles'!$G$22=$B$17,14,0)+IF('Standard Profiles'!$G$22=$B$24,21,0),0)),0)</f>
        <v>0</v>
      </c>
      <c r="I7849">
        <f t="shared" si="874"/>
        <v>13.802884284234429</v>
      </c>
      <c r="J7849">
        <f t="shared" si="875"/>
        <v>84.356594260289356</v>
      </c>
      <c r="K7849">
        <f t="shared" si="876"/>
        <v>3.8623763997807292</v>
      </c>
      <c r="L7849">
        <f t="shared" si="877"/>
        <v>1.9311881998903646</v>
      </c>
      <c r="M7849">
        <f t="shared" si="878"/>
        <v>0</v>
      </c>
      <c r="N7849" s="45">
        <f t="shared" si="879"/>
        <v>45252.624999981046</v>
      </c>
    </row>
    <row r="7850" spans="2:14" x14ac:dyDescent="0.25">
      <c r="B7850">
        <f t="shared" si="873"/>
        <v>3</v>
      </c>
      <c r="C7850" s="16">
        <v>7816</v>
      </c>
      <c r="D7850" cm="1">
        <f t="array" ref="D7850">IFERROR(INDEX(Jesper!AH$2:AH$366,ROUNDDOWN($C7850/24,0)+1,1)*INDEX($D$3:$AA$30,INDEX(Jesper!$R$2:$R$366,ROW(INDEX(Jesper!AH$2:AH$366,ROUNDDOWN($C7850/24,0)+1,1))-1)+IF('Standard Profiles'!$G$18=$B$10,7,0)+IF('Standard Profiles'!$G$18=$B$17,14,0)+IF('Standard Profiles'!$G$18=$B$24,21,0),MOD($C7850,24)+1)/SUM(INDEX($D$3:$AA$30,INDEX(Jesper!$R$2:$R$366,ROW(INDEX(Jesper!AH$2:AH$366,ROUNDDOWN($C7850/24,0)+1,1))-1)+IF('Standard Profiles'!$G$18=$B$10,7,0)+IF('Standard Profiles'!$G$18=$B$17,14,0)+IF('Standard Profiles'!$G$18=$B$24,21,0),0)),0)</f>
        <v>21.337905333610056</v>
      </c>
      <c r="E7850" cm="1">
        <f t="array" ref="E7850">IFERROR(INDEX(Jesper!AI$2:AI$366,ROUNDDOWN($C7850/24,0)+1,1)*INDEX($D$3:$AA$30,INDEX(Jesper!$R$2:$R$366,ROW(INDEX(Jesper!AI$2:AI$366,ROUNDDOWN($C7850/24,0)+1,1))-1)+IF('Standard Profiles'!$G$19=$B$10,7,0)+IF('Standard Profiles'!$G$19=$B$17,14,0)+IF('Standard Profiles'!$G$19=$B$24,21,0),MOD($C7850,24)+1)/SUM(INDEX($D$3:$AA$30,INDEX(Jesper!$R$2:$R$366,ROW(INDEX(Jesper!AI$2:AI$366,ROUNDDOWN($C7850/24,0)+1,1))-1)+IF('Standard Profiles'!$G$19=$B$10,7,0)+IF('Standard Profiles'!$G$19=$B$17,14,0)+IF('Standard Profiles'!$G$19=$B$24,21,0),0)),0)</f>
        <v>22.974632688127684</v>
      </c>
      <c r="F7850" cm="1">
        <f t="array" ref="F7850">IFERROR(INDEX(Jesper!AJ$2:AJ$366,ROUNDDOWN($C7850/24,0)+1,1)*INDEX($D$3:$AA$30,INDEX(Jesper!$R$2:$R$366,ROW(INDEX(Jesper!AJ$2:AJ$366,ROUNDDOWN($C7850/24,0)+1,1))-1)+IF('Standard Profiles'!$G$20=$B$10,7,0)+IF('Standard Profiles'!$G$20=$B$17,14,0)+IF('Standard Profiles'!$G$20=$B$24,21,0),MOD($C7850,24)+1)/SUM(INDEX($D$3:$AA$30,INDEX(Jesper!$R$2:$R$366,ROW(INDEX(Jesper!AJ$2:AJ$366,ROUNDDOWN($C7850/24,0)+1,1))-1)+IF('Standard Profiles'!$G$20=$B$10,7,0)+IF('Standard Profiles'!$G$20=$B$17,14,0)+IF('Standard Profiles'!$G$20=$B$24,21,0),0)),0)</f>
        <v>0</v>
      </c>
      <c r="G7850" cm="1">
        <f t="array" ref="G7850">IFERROR(INDEX(Jesper!AK$2:AK$366,ROUNDDOWN($C7850/24,0)+1,1)*INDEX($D$3:$AA$30,INDEX(Jesper!$R$2:$R$366,ROW(INDEX(Jesper!AK$2:AK$366,ROUNDDOWN($C7850/24,0)+1,1))-1)+IF('Standard Profiles'!$G$21=$B$10,7,0)+IF('Standard Profiles'!$G$21=$B$17,14,0)+IF('Standard Profiles'!$G$21=$B$24,21,0),MOD($C7850,24)+1)/SUM(INDEX($D$3:$AA$30,INDEX(Jesper!$R$2:$R$366,ROW(INDEX(Jesper!AK$2:AK$366,ROUNDDOWN($C7850/24,0)+1,1))-1)+IF('Standard Profiles'!$G$21=$B$10,7,0)+IF('Standard Profiles'!$G$21=$B$17,14,0)+IF('Standard Profiles'!$G$21=$B$24,21,0),0)),0)</f>
        <v>24.028266078748629</v>
      </c>
      <c r="H7850" cm="1">
        <f t="array" ref="H7850">IFERROR(INDEX(Jesper!AL$2:AL$366,ROUNDDOWN($C7850/24,0)+1,1)*INDEX($D$3:$AA$30,INDEX(Jesper!$R$2:$R$366,ROW(INDEX(Jesper!AL$2:AL$366,ROUNDDOWN($C7850/24,0)+1,1))-1)+IF('Standard Profiles'!$G$22=$B$10,7,0)+IF('Standard Profiles'!$G$22=$B$17,14,0)+IF('Standard Profiles'!$G$22=$B$24,21,0),MOD($C7850,24)+1)/SUM(INDEX($D$3:$AA$30,INDEX(Jesper!$R$2:$R$366,ROW(INDEX(Jesper!AL$2:AL$366,ROUNDDOWN($C7850/24,0)+1,1))-1)+IF('Standard Profiles'!$G$22=$B$10,7,0)+IF('Standard Profiles'!$G$22=$B$17,14,0)+IF('Standard Profiles'!$G$22=$B$24,21,0),0)),0)</f>
        <v>0</v>
      </c>
      <c r="I7850">
        <f t="shared" si="874"/>
        <v>11.533567717799336</v>
      </c>
      <c r="J7850">
        <f t="shared" si="875"/>
        <v>53.39317152930942</v>
      </c>
      <c r="K7850">
        <f t="shared" si="876"/>
        <v>2.2760432355850728</v>
      </c>
      <c r="L7850">
        <f t="shared" si="877"/>
        <v>1.1380216177925364</v>
      </c>
      <c r="M7850">
        <f t="shared" si="878"/>
        <v>0</v>
      </c>
      <c r="N7850" s="45">
        <f t="shared" si="879"/>
        <v>45252.66666664771</v>
      </c>
    </row>
    <row r="7851" spans="2:14" x14ac:dyDescent="0.25">
      <c r="B7851">
        <f t="shared" si="873"/>
        <v>3</v>
      </c>
      <c r="C7851" s="16">
        <v>7817</v>
      </c>
      <c r="D7851" cm="1">
        <f t="array" ref="D7851">IFERROR(INDEX(Jesper!AH$2:AH$366,ROUNDDOWN($C7851/24,0)+1,1)*INDEX($D$3:$AA$30,INDEX(Jesper!$R$2:$R$366,ROW(INDEX(Jesper!AH$2:AH$366,ROUNDDOWN($C7851/24,0)+1,1))-1)+IF('Standard Profiles'!$G$18=$B$10,7,0)+IF('Standard Profiles'!$G$18=$B$17,14,0)+IF('Standard Profiles'!$G$18=$B$24,21,0),MOD($C7851,24)+1)/SUM(INDEX($D$3:$AA$30,INDEX(Jesper!$R$2:$R$366,ROW(INDEX(Jesper!AH$2:AH$366,ROUNDDOWN($C7851/24,0)+1,1))-1)+IF('Standard Profiles'!$G$18=$B$10,7,0)+IF('Standard Profiles'!$G$18=$B$17,14,0)+IF('Standard Profiles'!$G$18=$B$24,21,0),0)),0)</f>
        <v>9.1070872102475704</v>
      </c>
      <c r="E7851" cm="1">
        <f t="array" ref="E7851">IFERROR(INDEX(Jesper!AI$2:AI$366,ROUNDDOWN($C7851/24,0)+1,1)*INDEX($D$3:$AA$30,INDEX(Jesper!$R$2:$R$366,ROW(INDEX(Jesper!AI$2:AI$366,ROUNDDOWN($C7851/24,0)+1,1))-1)+IF('Standard Profiles'!$G$19=$B$10,7,0)+IF('Standard Profiles'!$G$19=$B$17,14,0)+IF('Standard Profiles'!$G$19=$B$24,21,0),MOD($C7851,24)+1)/SUM(INDEX($D$3:$AA$30,INDEX(Jesper!$R$2:$R$366,ROW(INDEX(Jesper!AI$2:AI$366,ROUNDDOWN($C7851/24,0)+1,1))-1)+IF('Standard Profiles'!$G$19=$B$10,7,0)+IF('Standard Profiles'!$G$19=$B$17,14,0)+IF('Standard Profiles'!$G$19=$B$24,21,0),0)),0)</f>
        <v>9.805647754215828</v>
      </c>
      <c r="F7851" cm="1">
        <f t="array" ref="F7851">IFERROR(INDEX(Jesper!AJ$2:AJ$366,ROUNDDOWN($C7851/24,0)+1,1)*INDEX($D$3:$AA$30,INDEX(Jesper!$R$2:$R$366,ROW(INDEX(Jesper!AJ$2:AJ$366,ROUNDDOWN($C7851/24,0)+1,1))-1)+IF('Standard Profiles'!$G$20=$B$10,7,0)+IF('Standard Profiles'!$G$20=$B$17,14,0)+IF('Standard Profiles'!$G$20=$B$24,21,0),MOD($C7851,24)+1)/SUM(INDEX($D$3:$AA$30,INDEX(Jesper!$R$2:$R$366,ROW(INDEX(Jesper!AJ$2:AJ$366,ROUNDDOWN($C7851/24,0)+1,1))-1)+IF('Standard Profiles'!$G$20=$B$10,7,0)+IF('Standard Profiles'!$G$20=$B$17,14,0)+IF('Standard Profiles'!$G$20=$B$24,21,0),0)),0)</f>
        <v>0</v>
      </c>
      <c r="G7851" cm="1">
        <f t="array" ref="G7851">IFERROR(INDEX(Jesper!AK$2:AK$366,ROUNDDOWN($C7851/24,0)+1,1)*INDEX($D$3:$AA$30,INDEX(Jesper!$R$2:$R$366,ROW(INDEX(Jesper!AK$2:AK$366,ROUNDDOWN($C7851/24,0)+1,1))-1)+IF('Standard Profiles'!$G$21=$B$10,7,0)+IF('Standard Profiles'!$G$21=$B$17,14,0)+IF('Standard Profiles'!$G$21=$B$24,21,0),MOD($C7851,24)+1)/SUM(INDEX($D$3:$AA$30,INDEX(Jesper!$R$2:$R$366,ROW(INDEX(Jesper!AK$2:AK$366,ROUNDDOWN($C7851/24,0)+1,1))-1)+IF('Standard Profiles'!$G$21=$B$10,7,0)+IF('Standard Profiles'!$G$21=$B$17,14,0)+IF('Standard Profiles'!$G$21=$B$24,21,0),0)),0)</f>
        <v>19.105747309483988</v>
      </c>
      <c r="H7851" cm="1">
        <f t="array" ref="H7851">IFERROR(INDEX(Jesper!AL$2:AL$366,ROUNDDOWN($C7851/24,0)+1,1)*INDEX($D$3:$AA$30,INDEX(Jesper!$R$2:$R$366,ROW(INDEX(Jesper!AL$2:AL$366,ROUNDDOWN($C7851/24,0)+1,1))-1)+IF('Standard Profiles'!$G$22=$B$10,7,0)+IF('Standard Profiles'!$G$22=$B$17,14,0)+IF('Standard Profiles'!$G$22=$B$24,21,0),MOD($C7851,24)+1)/SUM(INDEX($D$3:$AA$30,INDEX(Jesper!$R$2:$R$366,ROW(INDEX(Jesper!AL$2:AL$366,ROUNDDOWN($C7851/24,0)+1,1))-1)+IF('Standard Profiles'!$G$22=$B$10,7,0)+IF('Standard Profiles'!$G$22=$B$17,14,0)+IF('Standard Profiles'!$G$22=$B$24,21,0),0)),0)</f>
        <v>0</v>
      </c>
      <c r="I7851">
        <f t="shared" si="874"/>
        <v>9.1707587085523095</v>
      </c>
      <c r="J7851">
        <f t="shared" si="875"/>
        <v>27.390589611755466</v>
      </c>
      <c r="K7851">
        <f t="shared" si="876"/>
        <v>0.97142263575974086</v>
      </c>
      <c r="L7851">
        <f t="shared" si="877"/>
        <v>0.48571131787987043</v>
      </c>
      <c r="M7851">
        <f t="shared" si="878"/>
        <v>0</v>
      </c>
      <c r="N7851" s="45">
        <f t="shared" si="879"/>
        <v>45252.708333314375</v>
      </c>
    </row>
    <row r="7852" spans="2:14" x14ac:dyDescent="0.25">
      <c r="B7852">
        <f t="shared" si="873"/>
        <v>3</v>
      </c>
      <c r="C7852" s="16">
        <v>7818</v>
      </c>
      <c r="D7852" cm="1">
        <f t="array" ref="D7852">IFERROR(INDEX(Jesper!AH$2:AH$366,ROUNDDOWN($C7852/24,0)+1,1)*INDEX($D$3:$AA$30,INDEX(Jesper!$R$2:$R$366,ROW(INDEX(Jesper!AH$2:AH$366,ROUNDDOWN($C7852/24,0)+1,1))-1)+IF('Standard Profiles'!$G$18=$B$10,7,0)+IF('Standard Profiles'!$G$18=$B$17,14,0)+IF('Standard Profiles'!$G$18=$B$24,21,0),MOD($C7852,24)+1)/SUM(INDEX($D$3:$AA$30,INDEX(Jesper!$R$2:$R$366,ROW(INDEX(Jesper!AH$2:AH$366,ROUNDDOWN($C7852/24,0)+1,1))-1)+IF('Standard Profiles'!$G$18=$B$10,7,0)+IF('Standard Profiles'!$G$18=$B$17,14,0)+IF('Standard Profiles'!$G$18=$B$24,21,0),0)),0)</f>
        <v>6.0106775587633958</v>
      </c>
      <c r="E7852" cm="1">
        <f t="array" ref="E7852">IFERROR(INDEX(Jesper!AI$2:AI$366,ROUNDDOWN($C7852/24,0)+1,1)*INDEX($D$3:$AA$30,INDEX(Jesper!$R$2:$R$366,ROW(INDEX(Jesper!AI$2:AI$366,ROUNDDOWN($C7852/24,0)+1,1))-1)+IF('Standard Profiles'!$G$19=$B$10,7,0)+IF('Standard Profiles'!$G$19=$B$17,14,0)+IF('Standard Profiles'!$G$19=$B$24,21,0),MOD($C7852,24)+1)/SUM(INDEX($D$3:$AA$30,INDEX(Jesper!$R$2:$R$366,ROW(INDEX(Jesper!AI$2:AI$366,ROUNDDOWN($C7852/24,0)+1,1))-1)+IF('Standard Profiles'!$G$19=$B$10,7,0)+IF('Standard Profiles'!$G$19=$B$17,14,0)+IF('Standard Profiles'!$G$19=$B$24,21,0),0)),0)</f>
        <v>6.4717275177824458</v>
      </c>
      <c r="F7852" cm="1">
        <f t="array" ref="F7852">IFERROR(INDEX(Jesper!AJ$2:AJ$366,ROUNDDOWN($C7852/24,0)+1,1)*INDEX($D$3:$AA$30,INDEX(Jesper!$R$2:$R$366,ROW(INDEX(Jesper!AJ$2:AJ$366,ROUNDDOWN($C7852/24,0)+1,1))-1)+IF('Standard Profiles'!$G$20=$B$10,7,0)+IF('Standard Profiles'!$G$20=$B$17,14,0)+IF('Standard Profiles'!$G$20=$B$24,21,0),MOD($C7852,24)+1)/SUM(INDEX($D$3:$AA$30,INDEX(Jesper!$R$2:$R$366,ROW(INDEX(Jesper!AJ$2:AJ$366,ROUNDDOWN($C7852/24,0)+1,1))-1)+IF('Standard Profiles'!$G$20=$B$10,7,0)+IF('Standard Profiles'!$G$20=$B$17,14,0)+IF('Standard Profiles'!$G$20=$B$24,21,0),0)),0)</f>
        <v>0</v>
      </c>
      <c r="G7852" cm="1">
        <f t="array" ref="G7852">IFERROR(INDEX(Jesper!AK$2:AK$366,ROUNDDOWN($C7852/24,0)+1,1)*INDEX($D$3:$AA$30,INDEX(Jesper!$R$2:$R$366,ROW(INDEX(Jesper!AK$2:AK$366,ROUNDDOWN($C7852/24,0)+1,1))-1)+IF('Standard Profiles'!$G$21=$B$10,7,0)+IF('Standard Profiles'!$G$21=$B$17,14,0)+IF('Standard Profiles'!$G$21=$B$24,21,0),MOD($C7852,24)+1)/SUM(INDEX($D$3:$AA$30,INDEX(Jesper!$R$2:$R$366,ROW(INDEX(Jesper!AK$2:AK$366,ROUNDDOWN($C7852/24,0)+1,1))-1)+IF('Standard Profiles'!$G$21=$B$10,7,0)+IF('Standard Profiles'!$G$21=$B$17,14,0)+IF('Standard Profiles'!$G$21=$B$24,21,0),0)),0)</f>
        <v>7.0827608190858165</v>
      </c>
      <c r="H7852" cm="1">
        <f t="array" ref="H7852">IFERROR(INDEX(Jesper!AL$2:AL$366,ROUNDDOWN($C7852/24,0)+1,1)*INDEX($D$3:$AA$30,INDEX(Jesper!$R$2:$R$366,ROW(INDEX(Jesper!AL$2:AL$366,ROUNDDOWN($C7852/24,0)+1,1))-1)+IF('Standard Profiles'!$G$22=$B$10,7,0)+IF('Standard Profiles'!$G$22=$B$17,14,0)+IF('Standard Profiles'!$G$22=$B$24,21,0),MOD($C7852,24)+1)/SUM(INDEX($D$3:$AA$30,INDEX(Jesper!$R$2:$R$366,ROW(INDEX(Jesper!AL$2:AL$366,ROUNDDOWN($C7852/24,0)+1,1))-1)+IF('Standard Profiles'!$G$22=$B$10,7,0)+IF('Standard Profiles'!$G$22=$B$17,14,0)+IF('Standard Profiles'!$G$22=$B$24,21,0),0)),0)</f>
        <v>0</v>
      </c>
      <c r="I7852">
        <f t="shared" si="874"/>
        <v>3.3997251931611903</v>
      </c>
      <c r="J7852">
        <f t="shared" si="875"/>
        <v>15.203732293068326</v>
      </c>
      <c r="K7852">
        <f t="shared" si="876"/>
        <v>0.64113893960142898</v>
      </c>
      <c r="L7852">
        <f t="shared" si="877"/>
        <v>0.32056946980071449</v>
      </c>
      <c r="M7852">
        <f t="shared" si="878"/>
        <v>0</v>
      </c>
      <c r="N7852" s="45">
        <f t="shared" si="879"/>
        <v>45252.749999981039</v>
      </c>
    </row>
    <row r="7853" spans="2:14" x14ac:dyDescent="0.25">
      <c r="B7853">
        <f t="shared" si="873"/>
        <v>3</v>
      </c>
      <c r="C7853" s="16">
        <v>7819</v>
      </c>
      <c r="D7853" cm="1">
        <f t="array" ref="D7853">IFERROR(INDEX(Jesper!AH$2:AH$366,ROUNDDOWN($C7853/24,0)+1,1)*INDEX($D$3:$AA$30,INDEX(Jesper!$R$2:$R$366,ROW(INDEX(Jesper!AH$2:AH$366,ROUNDDOWN($C7853/24,0)+1,1))-1)+IF('Standard Profiles'!$G$18=$B$10,7,0)+IF('Standard Profiles'!$G$18=$B$17,14,0)+IF('Standard Profiles'!$G$18=$B$24,21,0),MOD($C7853,24)+1)/SUM(INDEX($D$3:$AA$30,INDEX(Jesper!$R$2:$R$366,ROW(INDEX(Jesper!AH$2:AH$366,ROUNDDOWN($C7853/24,0)+1,1))-1)+IF('Standard Profiles'!$G$18=$B$10,7,0)+IF('Standard Profiles'!$G$18=$B$17,14,0)+IF('Standard Profiles'!$G$18=$B$24,21,0),0)),0)</f>
        <v>6.0106775587633958</v>
      </c>
      <c r="E7853" cm="1">
        <f t="array" ref="E7853">IFERROR(INDEX(Jesper!AI$2:AI$366,ROUNDDOWN($C7853/24,0)+1,1)*INDEX($D$3:$AA$30,INDEX(Jesper!$R$2:$R$366,ROW(INDEX(Jesper!AI$2:AI$366,ROUNDDOWN($C7853/24,0)+1,1))-1)+IF('Standard Profiles'!$G$19=$B$10,7,0)+IF('Standard Profiles'!$G$19=$B$17,14,0)+IF('Standard Profiles'!$G$19=$B$24,21,0),MOD($C7853,24)+1)/SUM(INDEX($D$3:$AA$30,INDEX(Jesper!$R$2:$R$366,ROW(INDEX(Jesper!AI$2:AI$366,ROUNDDOWN($C7853/24,0)+1,1))-1)+IF('Standard Profiles'!$G$19=$B$10,7,0)+IF('Standard Profiles'!$G$19=$B$17,14,0)+IF('Standard Profiles'!$G$19=$B$24,21,0),0)),0)</f>
        <v>6.4717275177824458</v>
      </c>
      <c r="F7853" cm="1">
        <f t="array" ref="F7853">IFERROR(INDEX(Jesper!AJ$2:AJ$366,ROUNDDOWN($C7853/24,0)+1,1)*INDEX($D$3:$AA$30,INDEX(Jesper!$R$2:$R$366,ROW(INDEX(Jesper!AJ$2:AJ$366,ROUNDDOWN($C7853/24,0)+1,1))-1)+IF('Standard Profiles'!$G$20=$B$10,7,0)+IF('Standard Profiles'!$G$20=$B$17,14,0)+IF('Standard Profiles'!$G$20=$B$24,21,0),MOD($C7853,24)+1)/SUM(INDEX($D$3:$AA$30,INDEX(Jesper!$R$2:$R$366,ROW(INDEX(Jesper!AJ$2:AJ$366,ROUNDDOWN($C7853/24,0)+1,1))-1)+IF('Standard Profiles'!$G$20=$B$10,7,0)+IF('Standard Profiles'!$G$20=$B$17,14,0)+IF('Standard Profiles'!$G$20=$B$24,21,0),0)),0)</f>
        <v>0</v>
      </c>
      <c r="G7853" cm="1">
        <f t="array" ref="G7853">IFERROR(INDEX(Jesper!AK$2:AK$366,ROUNDDOWN($C7853/24,0)+1,1)*INDEX($D$3:$AA$30,INDEX(Jesper!$R$2:$R$366,ROW(INDEX(Jesper!AK$2:AK$366,ROUNDDOWN($C7853/24,0)+1,1))-1)+IF('Standard Profiles'!$G$21=$B$10,7,0)+IF('Standard Profiles'!$G$21=$B$17,14,0)+IF('Standard Profiles'!$G$21=$B$24,21,0),MOD($C7853,24)+1)/SUM(INDEX($D$3:$AA$30,INDEX(Jesper!$R$2:$R$366,ROW(INDEX(Jesper!AK$2:AK$366,ROUNDDOWN($C7853/24,0)+1,1))-1)+IF('Standard Profiles'!$G$21=$B$10,7,0)+IF('Standard Profiles'!$G$21=$B$17,14,0)+IF('Standard Profiles'!$G$21=$B$24,21,0),0)),0)</f>
        <v>7.0827608190858165</v>
      </c>
      <c r="H7853" cm="1">
        <f t="array" ref="H7853">IFERROR(INDEX(Jesper!AL$2:AL$366,ROUNDDOWN($C7853/24,0)+1,1)*INDEX($D$3:$AA$30,INDEX(Jesper!$R$2:$R$366,ROW(INDEX(Jesper!AL$2:AL$366,ROUNDDOWN($C7853/24,0)+1,1))-1)+IF('Standard Profiles'!$G$22=$B$10,7,0)+IF('Standard Profiles'!$G$22=$B$17,14,0)+IF('Standard Profiles'!$G$22=$B$24,21,0),MOD($C7853,24)+1)/SUM(INDEX($D$3:$AA$30,INDEX(Jesper!$R$2:$R$366,ROW(INDEX(Jesper!AL$2:AL$366,ROUNDDOWN($C7853/24,0)+1,1))-1)+IF('Standard Profiles'!$G$22=$B$10,7,0)+IF('Standard Profiles'!$G$22=$B$17,14,0)+IF('Standard Profiles'!$G$22=$B$24,21,0),0)),0)</f>
        <v>0</v>
      </c>
      <c r="I7853">
        <f t="shared" si="874"/>
        <v>3.3997251931611903</v>
      </c>
      <c r="J7853">
        <f t="shared" si="875"/>
        <v>15.203732293068326</v>
      </c>
      <c r="K7853">
        <f t="shared" si="876"/>
        <v>0.64113893960142898</v>
      </c>
      <c r="L7853">
        <f t="shared" si="877"/>
        <v>0.32056946980071449</v>
      </c>
      <c r="M7853">
        <f t="shared" si="878"/>
        <v>0</v>
      </c>
      <c r="N7853" s="45">
        <f t="shared" si="879"/>
        <v>45252.791666647703</v>
      </c>
    </row>
    <row r="7854" spans="2:14" x14ac:dyDescent="0.25">
      <c r="B7854">
        <f t="shared" si="873"/>
        <v>3</v>
      </c>
      <c r="C7854" s="16">
        <v>7820</v>
      </c>
      <c r="D7854" cm="1">
        <f t="array" ref="D7854">IFERROR(INDEX(Jesper!AH$2:AH$366,ROUNDDOWN($C7854/24,0)+1,1)*INDEX($D$3:$AA$30,INDEX(Jesper!$R$2:$R$366,ROW(INDEX(Jesper!AH$2:AH$366,ROUNDDOWN($C7854/24,0)+1,1))-1)+IF('Standard Profiles'!$G$18=$B$10,7,0)+IF('Standard Profiles'!$G$18=$B$17,14,0)+IF('Standard Profiles'!$G$18=$B$24,21,0),MOD($C7854,24)+1)/SUM(INDEX($D$3:$AA$30,INDEX(Jesper!$R$2:$R$366,ROW(INDEX(Jesper!AH$2:AH$366,ROUNDDOWN($C7854/24,0)+1,1))-1)+IF('Standard Profiles'!$G$18=$B$10,7,0)+IF('Standard Profiles'!$G$18=$B$17,14,0)+IF('Standard Profiles'!$G$18=$B$24,21,0),0)),0)</f>
        <v>6.0106775587633958</v>
      </c>
      <c r="E7854" cm="1">
        <f t="array" ref="E7854">IFERROR(INDEX(Jesper!AI$2:AI$366,ROUNDDOWN($C7854/24,0)+1,1)*INDEX($D$3:$AA$30,INDEX(Jesper!$R$2:$R$366,ROW(INDEX(Jesper!AI$2:AI$366,ROUNDDOWN($C7854/24,0)+1,1))-1)+IF('Standard Profiles'!$G$19=$B$10,7,0)+IF('Standard Profiles'!$G$19=$B$17,14,0)+IF('Standard Profiles'!$G$19=$B$24,21,0),MOD($C7854,24)+1)/SUM(INDEX($D$3:$AA$30,INDEX(Jesper!$R$2:$R$366,ROW(INDEX(Jesper!AI$2:AI$366,ROUNDDOWN($C7854/24,0)+1,1))-1)+IF('Standard Profiles'!$G$19=$B$10,7,0)+IF('Standard Profiles'!$G$19=$B$17,14,0)+IF('Standard Profiles'!$G$19=$B$24,21,0),0)),0)</f>
        <v>6.4717275177824458</v>
      </c>
      <c r="F7854" cm="1">
        <f t="array" ref="F7854">IFERROR(INDEX(Jesper!AJ$2:AJ$366,ROUNDDOWN($C7854/24,0)+1,1)*INDEX($D$3:$AA$30,INDEX(Jesper!$R$2:$R$366,ROW(INDEX(Jesper!AJ$2:AJ$366,ROUNDDOWN($C7854/24,0)+1,1))-1)+IF('Standard Profiles'!$G$20=$B$10,7,0)+IF('Standard Profiles'!$G$20=$B$17,14,0)+IF('Standard Profiles'!$G$20=$B$24,21,0),MOD($C7854,24)+1)/SUM(INDEX($D$3:$AA$30,INDEX(Jesper!$R$2:$R$366,ROW(INDEX(Jesper!AJ$2:AJ$366,ROUNDDOWN($C7854/24,0)+1,1))-1)+IF('Standard Profiles'!$G$20=$B$10,7,0)+IF('Standard Profiles'!$G$20=$B$17,14,0)+IF('Standard Profiles'!$G$20=$B$24,21,0),0)),0)</f>
        <v>0</v>
      </c>
      <c r="G7854" cm="1">
        <f t="array" ref="G7854">IFERROR(INDEX(Jesper!AK$2:AK$366,ROUNDDOWN($C7854/24,0)+1,1)*INDEX($D$3:$AA$30,INDEX(Jesper!$R$2:$R$366,ROW(INDEX(Jesper!AK$2:AK$366,ROUNDDOWN($C7854/24,0)+1,1))-1)+IF('Standard Profiles'!$G$21=$B$10,7,0)+IF('Standard Profiles'!$G$21=$B$17,14,0)+IF('Standard Profiles'!$G$21=$B$24,21,0),MOD($C7854,24)+1)/SUM(INDEX($D$3:$AA$30,INDEX(Jesper!$R$2:$R$366,ROW(INDEX(Jesper!AK$2:AK$366,ROUNDDOWN($C7854/24,0)+1,1))-1)+IF('Standard Profiles'!$G$21=$B$10,7,0)+IF('Standard Profiles'!$G$21=$B$17,14,0)+IF('Standard Profiles'!$G$21=$B$24,21,0),0)),0)</f>
        <v>7.0827608190858165</v>
      </c>
      <c r="H7854" cm="1">
        <f t="array" ref="H7854">IFERROR(INDEX(Jesper!AL$2:AL$366,ROUNDDOWN($C7854/24,0)+1,1)*INDEX($D$3:$AA$30,INDEX(Jesper!$R$2:$R$366,ROW(INDEX(Jesper!AL$2:AL$366,ROUNDDOWN($C7854/24,0)+1,1))-1)+IF('Standard Profiles'!$G$22=$B$10,7,0)+IF('Standard Profiles'!$G$22=$B$17,14,0)+IF('Standard Profiles'!$G$22=$B$24,21,0),MOD($C7854,24)+1)/SUM(INDEX($D$3:$AA$30,INDEX(Jesper!$R$2:$R$366,ROW(INDEX(Jesper!AL$2:AL$366,ROUNDDOWN($C7854/24,0)+1,1))-1)+IF('Standard Profiles'!$G$22=$B$10,7,0)+IF('Standard Profiles'!$G$22=$B$17,14,0)+IF('Standard Profiles'!$G$22=$B$24,21,0),0)),0)</f>
        <v>0</v>
      </c>
      <c r="I7854">
        <f t="shared" si="874"/>
        <v>3.3997251931611903</v>
      </c>
      <c r="J7854">
        <f t="shared" si="875"/>
        <v>15.203732293068326</v>
      </c>
      <c r="K7854">
        <f t="shared" si="876"/>
        <v>0.64113893960142898</v>
      </c>
      <c r="L7854">
        <f t="shared" si="877"/>
        <v>0.32056946980071449</v>
      </c>
      <c r="M7854">
        <f t="shared" si="878"/>
        <v>0</v>
      </c>
      <c r="N7854" s="45">
        <f t="shared" si="879"/>
        <v>45252.833333314367</v>
      </c>
    </row>
    <row r="7855" spans="2:14" x14ac:dyDescent="0.25">
      <c r="B7855">
        <f t="shared" si="873"/>
        <v>3</v>
      </c>
      <c r="C7855" s="16">
        <v>7821</v>
      </c>
      <c r="D7855" cm="1">
        <f t="array" ref="D7855">IFERROR(INDEX(Jesper!AH$2:AH$366,ROUNDDOWN($C7855/24,0)+1,1)*INDEX($D$3:$AA$30,INDEX(Jesper!$R$2:$R$366,ROW(INDEX(Jesper!AH$2:AH$366,ROUNDDOWN($C7855/24,0)+1,1))-1)+IF('Standard Profiles'!$G$18=$B$10,7,0)+IF('Standard Profiles'!$G$18=$B$17,14,0)+IF('Standard Profiles'!$G$18=$B$24,21,0),MOD($C7855,24)+1)/SUM(INDEX($D$3:$AA$30,INDEX(Jesper!$R$2:$R$366,ROW(INDEX(Jesper!AH$2:AH$366,ROUNDDOWN($C7855/24,0)+1,1))-1)+IF('Standard Profiles'!$G$18=$B$10,7,0)+IF('Standard Profiles'!$G$18=$B$17,14,0)+IF('Standard Profiles'!$G$18=$B$24,21,0),0)),0)</f>
        <v>6.0106775587633958</v>
      </c>
      <c r="E7855" cm="1">
        <f t="array" ref="E7855">IFERROR(INDEX(Jesper!AI$2:AI$366,ROUNDDOWN($C7855/24,0)+1,1)*INDEX($D$3:$AA$30,INDEX(Jesper!$R$2:$R$366,ROW(INDEX(Jesper!AI$2:AI$366,ROUNDDOWN($C7855/24,0)+1,1))-1)+IF('Standard Profiles'!$G$19=$B$10,7,0)+IF('Standard Profiles'!$G$19=$B$17,14,0)+IF('Standard Profiles'!$G$19=$B$24,21,0),MOD($C7855,24)+1)/SUM(INDEX($D$3:$AA$30,INDEX(Jesper!$R$2:$R$366,ROW(INDEX(Jesper!AI$2:AI$366,ROUNDDOWN($C7855/24,0)+1,1))-1)+IF('Standard Profiles'!$G$19=$B$10,7,0)+IF('Standard Profiles'!$G$19=$B$17,14,0)+IF('Standard Profiles'!$G$19=$B$24,21,0),0)),0)</f>
        <v>6.4717275177824458</v>
      </c>
      <c r="F7855" cm="1">
        <f t="array" ref="F7855">IFERROR(INDEX(Jesper!AJ$2:AJ$366,ROUNDDOWN($C7855/24,0)+1,1)*INDEX($D$3:$AA$30,INDEX(Jesper!$R$2:$R$366,ROW(INDEX(Jesper!AJ$2:AJ$366,ROUNDDOWN($C7855/24,0)+1,1))-1)+IF('Standard Profiles'!$G$20=$B$10,7,0)+IF('Standard Profiles'!$G$20=$B$17,14,0)+IF('Standard Profiles'!$G$20=$B$24,21,0),MOD($C7855,24)+1)/SUM(INDEX($D$3:$AA$30,INDEX(Jesper!$R$2:$R$366,ROW(INDEX(Jesper!AJ$2:AJ$366,ROUNDDOWN($C7855/24,0)+1,1))-1)+IF('Standard Profiles'!$G$20=$B$10,7,0)+IF('Standard Profiles'!$G$20=$B$17,14,0)+IF('Standard Profiles'!$G$20=$B$24,21,0),0)),0)</f>
        <v>0</v>
      </c>
      <c r="G7855" cm="1">
        <f t="array" ref="G7855">IFERROR(INDEX(Jesper!AK$2:AK$366,ROUNDDOWN($C7855/24,0)+1,1)*INDEX($D$3:$AA$30,INDEX(Jesper!$R$2:$R$366,ROW(INDEX(Jesper!AK$2:AK$366,ROUNDDOWN($C7855/24,0)+1,1))-1)+IF('Standard Profiles'!$G$21=$B$10,7,0)+IF('Standard Profiles'!$G$21=$B$17,14,0)+IF('Standard Profiles'!$G$21=$B$24,21,0),MOD($C7855,24)+1)/SUM(INDEX($D$3:$AA$30,INDEX(Jesper!$R$2:$R$366,ROW(INDEX(Jesper!AK$2:AK$366,ROUNDDOWN($C7855/24,0)+1,1))-1)+IF('Standard Profiles'!$G$21=$B$10,7,0)+IF('Standard Profiles'!$G$21=$B$17,14,0)+IF('Standard Profiles'!$G$21=$B$24,21,0),0)),0)</f>
        <v>7.0827608190858165</v>
      </c>
      <c r="H7855" cm="1">
        <f t="array" ref="H7855">IFERROR(INDEX(Jesper!AL$2:AL$366,ROUNDDOWN($C7855/24,0)+1,1)*INDEX($D$3:$AA$30,INDEX(Jesper!$R$2:$R$366,ROW(INDEX(Jesper!AL$2:AL$366,ROUNDDOWN($C7855/24,0)+1,1))-1)+IF('Standard Profiles'!$G$22=$B$10,7,0)+IF('Standard Profiles'!$G$22=$B$17,14,0)+IF('Standard Profiles'!$G$22=$B$24,21,0),MOD($C7855,24)+1)/SUM(INDEX($D$3:$AA$30,INDEX(Jesper!$R$2:$R$366,ROW(INDEX(Jesper!AL$2:AL$366,ROUNDDOWN($C7855/24,0)+1,1))-1)+IF('Standard Profiles'!$G$22=$B$10,7,0)+IF('Standard Profiles'!$G$22=$B$17,14,0)+IF('Standard Profiles'!$G$22=$B$24,21,0),0)),0)</f>
        <v>0</v>
      </c>
      <c r="I7855">
        <f t="shared" si="874"/>
        <v>3.3997251931611903</v>
      </c>
      <c r="J7855">
        <f t="shared" si="875"/>
        <v>15.203732293068326</v>
      </c>
      <c r="K7855">
        <f t="shared" si="876"/>
        <v>0.64113893960142898</v>
      </c>
      <c r="L7855">
        <f t="shared" si="877"/>
        <v>0.32056946980071449</v>
      </c>
      <c r="M7855">
        <f t="shared" si="878"/>
        <v>0</v>
      </c>
      <c r="N7855" s="45">
        <f t="shared" si="879"/>
        <v>45252.874999981032</v>
      </c>
    </row>
    <row r="7856" spans="2:14" x14ac:dyDescent="0.25">
      <c r="B7856">
        <f t="shared" si="873"/>
        <v>3</v>
      </c>
      <c r="C7856" s="16">
        <v>7822</v>
      </c>
      <c r="D7856" cm="1">
        <f t="array" ref="D7856">IFERROR(INDEX(Jesper!AH$2:AH$366,ROUNDDOWN($C7856/24,0)+1,1)*INDEX($D$3:$AA$30,INDEX(Jesper!$R$2:$R$366,ROW(INDEX(Jesper!AH$2:AH$366,ROUNDDOWN($C7856/24,0)+1,1))-1)+IF('Standard Profiles'!$G$18=$B$10,7,0)+IF('Standard Profiles'!$G$18=$B$17,14,0)+IF('Standard Profiles'!$G$18=$B$24,21,0),MOD($C7856,24)+1)/SUM(INDEX($D$3:$AA$30,INDEX(Jesper!$R$2:$R$366,ROW(INDEX(Jesper!AH$2:AH$366,ROUNDDOWN($C7856/24,0)+1,1))-1)+IF('Standard Profiles'!$G$18=$B$10,7,0)+IF('Standard Profiles'!$G$18=$B$17,14,0)+IF('Standard Profiles'!$G$18=$B$24,21,0),0)),0)</f>
        <v>6.0106775587633958</v>
      </c>
      <c r="E7856" cm="1">
        <f t="array" ref="E7856">IFERROR(INDEX(Jesper!AI$2:AI$366,ROUNDDOWN($C7856/24,0)+1,1)*INDEX($D$3:$AA$30,INDEX(Jesper!$R$2:$R$366,ROW(INDEX(Jesper!AI$2:AI$366,ROUNDDOWN($C7856/24,0)+1,1))-1)+IF('Standard Profiles'!$G$19=$B$10,7,0)+IF('Standard Profiles'!$G$19=$B$17,14,0)+IF('Standard Profiles'!$G$19=$B$24,21,0),MOD($C7856,24)+1)/SUM(INDEX($D$3:$AA$30,INDEX(Jesper!$R$2:$R$366,ROW(INDEX(Jesper!AI$2:AI$366,ROUNDDOWN($C7856/24,0)+1,1))-1)+IF('Standard Profiles'!$G$19=$B$10,7,0)+IF('Standard Profiles'!$G$19=$B$17,14,0)+IF('Standard Profiles'!$G$19=$B$24,21,0),0)),0)</f>
        <v>6.4717275177824458</v>
      </c>
      <c r="F7856" cm="1">
        <f t="array" ref="F7856">IFERROR(INDEX(Jesper!AJ$2:AJ$366,ROUNDDOWN($C7856/24,0)+1,1)*INDEX($D$3:$AA$30,INDEX(Jesper!$R$2:$R$366,ROW(INDEX(Jesper!AJ$2:AJ$366,ROUNDDOWN($C7856/24,0)+1,1))-1)+IF('Standard Profiles'!$G$20=$B$10,7,0)+IF('Standard Profiles'!$G$20=$B$17,14,0)+IF('Standard Profiles'!$G$20=$B$24,21,0),MOD($C7856,24)+1)/SUM(INDEX($D$3:$AA$30,INDEX(Jesper!$R$2:$R$366,ROW(INDEX(Jesper!AJ$2:AJ$366,ROUNDDOWN($C7856/24,0)+1,1))-1)+IF('Standard Profiles'!$G$20=$B$10,7,0)+IF('Standard Profiles'!$G$20=$B$17,14,0)+IF('Standard Profiles'!$G$20=$B$24,21,0),0)),0)</f>
        <v>0</v>
      </c>
      <c r="G7856" cm="1">
        <f t="array" ref="G7856">IFERROR(INDEX(Jesper!AK$2:AK$366,ROUNDDOWN($C7856/24,0)+1,1)*INDEX($D$3:$AA$30,INDEX(Jesper!$R$2:$R$366,ROW(INDEX(Jesper!AK$2:AK$366,ROUNDDOWN($C7856/24,0)+1,1))-1)+IF('Standard Profiles'!$G$21=$B$10,7,0)+IF('Standard Profiles'!$G$21=$B$17,14,0)+IF('Standard Profiles'!$G$21=$B$24,21,0),MOD($C7856,24)+1)/SUM(INDEX($D$3:$AA$30,INDEX(Jesper!$R$2:$R$366,ROW(INDEX(Jesper!AK$2:AK$366,ROUNDDOWN($C7856/24,0)+1,1))-1)+IF('Standard Profiles'!$G$21=$B$10,7,0)+IF('Standard Profiles'!$G$21=$B$17,14,0)+IF('Standard Profiles'!$G$21=$B$24,21,0),0)),0)</f>
        <v>7.0827608190858165</v>
      </c>
      <c r="H7856" cm="1">
        <f t="array" ref="H7856">IFERROR(INDEX(Jesper!AL$2:AL$366,ROUNDDOWN($C7856/24,0)+1,1)*INDEX($D$3:$AA$30,INDEX(Jesper!$R$2:$R$366,ROW(INDEX(Jesper!AL$2:AL$366,ROUNDDOWN($C7856/24,0)+1,1))-1)+IF('Standard Profiles'!$G$22=$B$10,7,0)+IF('Standard Profiles'!$G$22=$B$17,14,0)+IF('Standard Profiles'!$G$22=$B$24,21,0),MOD($C7856,24)+1)/SUM(INDEX($D$3:$AA$30,INDEX(Jesper!$R$2:$R$366,ROW(INDEX(Jesper!AL$2:AL$366,ROUNDDOWN($C7856/24,0)+1,1))-1)+IF('Standard Profiles'!$G$22=$B$10,7,0)+IF('Standard Profiles'!$G$22=$B$17,14,0)+IF('Standard Profiles'!$G$22=$B$24,21,0),0)),0)</f>
        <v>0</v>
      </c>
      <c r="I7856">
        <f t="shared" si="874"/>
        <v>3.3997251931611903</v>
      </c>
      <c r="J7856">
        <f t="shared" si="875"/>
        <v>15.203732293068326</v>
      </c>
      <c r="K7856">
        <f t="shared" si="876"/>
        <v>0.64113893960142898</v>
      </c>
      <c r="L7856">
        <f t="shared" si="877"/>
        <v>0.32056946980071449</v>
      </c>
      <c r="M7856">
        <f t="shared" si="878"/>
        <v>0</v>
      </c>
      <c r="N7856" s="45">
        <f t="shared" si="879"/>
        <v>45252.916666647696</v>
      </c>
    </row>
    <row r="7857" spans="2:14" x14ac:dyDescent="0.25">
      <c r="B7857">
        <f t="shared" si="873"/>
        <v>3</v>
      </c>
      <c r="C7857" s="16">
        <v>7823</v>
      </c>
      <c r="D7857" cm="1">
        <f t="array" ref="D7857">IFERROR(INDEX(Jesper!AH$2:AH$366,ROUNDDOWN($C7857/24,0)+1,1)*INDEX($D$3:$AA$30,INDEX(Jesper!$R$2:$R$366,ROW(INDEX(Jesper!AH$2:AH$366,ROUNDDOWN($C7857/24,0)+1,1))-1)+IF('Standard Profiles'!$G$18=$B$10,7,0)+IF('Standard Profiles'!$G$18=$B$17,14,0)+IF('Standard Profiles'!$G$18=$B$24,21,0),MOD($C7857,24)+1)/SUM(INDEX($D$3:$AA$30,INDEX(Jesper!$R$2:$R$366,ROW(INDEX(Jesper!AH$2:AH$366,ROUNDDOWN($C7857/24,0)+1,1))-1)+IF('Standard Profiles'!$G$18=$B$10,7,0)+IF('Standard Profiles'!$G$18=$B$17,14,0)+IF('Standard Profiles'!$G$18=$B$24,21,0),0)),0)</f>
        <v>6.0106775587633958</v>
      </c>
      <c r="E7857" cm="1">
        <f t="array" ref="E7857">IFERROR(INDEX(Jesper!AI$2:AI$366,ROUNDDOWN($C7857/24,0)+1,1)*INDEX($D$3:$AA$30,INDEX(Jesper!$R$2:$R$366,ROW(INDEX(Jesper!AI$2:AI$366,ROUNDDOWN($C7857/24,0)+1,1))-1)+IF('Standard Profiles'!$G$19=$B$10,7,0)+IF('Standard Profiles'!$G$19=$B$17,14,0)+IF('Standard Profiles'!$G$19=$B$24,21,0),MOD($C7857,24)+1)/SUM(INDEX($D$3:$AA$30,INDEX(Jesper!$R$2:$R$366,ROW(INDEX(Jesper!AI$2:AI$366,ROUNDDOWN($C7857/24,0)+1,1))-1)+IF('Standard Profiles'!$G$19=$B$10,7,0)+IF('Standard Profiles'!$G$19=$B$17,14,0)+IF('Standard Profiles'!$G$19=$B$24,21,0),0)),0)</f>
        <v>6.4717275177824458</v>
      </c>
      <c r="F7857" cm="1">
        <f t="array" ref="F7857">IFERROR(INDEX(Jesper!AJ$2:AJ$366,ROUNDDOWN($C7857/24,0)+1,1)*INDEX($D$3:$AA$30,INDEX(Jesper!$R$2:$R$366,ROW(INDEX(Jesper!AJ$2:AJ$366,ROUNDDOWN($C7857/24,0)+1,1))-1)+IF('Standard Profiles'!$G$20=$B$10,7,0)+IF('Standard Profiles'!$G$20=$B$17,14,0)+IF('Standard Profiles'!$G$20=$B$24,21,0),MOD($C7857,24)+1)/SUM(INDEX($D$3:$AA$30,INDEX(Jesper!$R$2:$R$366,ROW(INDEX(Jesper!AJ$2:AJ$366,ROUNDDOWN($C7857/24,0)+1,1))-1)+IF('Standard Profiles'!$G$20=$B$10,7,0)+IF('Standard Profiles'!$G$20=$B$17,14,0)+IF('Standard Profiles'!$G$20=$B$24,21,0),0)),0)</f>
        <v>0</v>
      </c>
      <c r="G7857" cm="1">
        <f t="array" ref="G7857">IFERROR(INDEX(Jesper!AK$2:AK$366,ROUNDDOWN($C7857/24,0)+1,1)*INDEX($D$3:$AA$30,INDEX(Jesper!$R$2:$R$366,ROW(INDEX(Jesper!AK$2:AK$366,ROUNDDOWN($C7857/24,0)+1,1))-1)+IF('Standard Profiles'!$G$21=$B$10,7,0)+IF('Standard Profiles'!$G$21=$B$17,14,0)+IF('Standard Profiles'!$G$21=$B$24,21,0),MOD($C7857,24)+1)/SUM(INDEX($D$3:$AA$30,INDEX(Jesper!$R$2:$R$366,ROW(INDEX(Jesper!AK$2:AK$366,ROUNDDOWN($C7857/24,0)+1,1))-1)+IF('Standard Profiles'!$G$21=$B$10,7,0)+IF('Standard Profiles'!$G$21=$B$17,14,0)+IF('Standard Profiles'!$G$21=$B$24,21,0),0)),0)</f>
        <v>7.0827608190858165</v>
      </c>
      <c r="H7857" cm="1">
        <f t="array" ref="H7857">IFERROR(INDEX(Jesper!AL$2:AL$366,ROUNDDOWN($C7857/24,0)+1,1)*INDEX($D$3:$AA$30,INDEX(Jesper!$R$2:$R$366,ROW(INDEX(Jesper!AL$2:AL$366,ROUNDDOWN($C7857/24,0)+1,1))-1)+IF('Standard Profiles'!$G$22=$B$10,7,0)+IF('Standard Profiles'!$G$22=$B$17,14,0)+IF('Standard Profiles'!$G$22=$B$24,21,0),MOD($C7857,24)+1)/SUM(INDEX($D$3:$AA$30,INDEX(Jesper!$R$2:$R$366,ROW(INDEX(Jesper!AL$2:AL$366,ROUNDDOWN($C7857/24,0)+1,1))-1)+IF('Standard Profiles'!$G$22=$B$10,7,0)+IF('Standard Profiles'!$G$22=$B$17,14,0)+IF('Standard Profiles'!$G$22=$B$24,21,0),0)),0)</f>
        <v>0</v>
      </c>
      <c r="I7857">
        <f t="shared" si="874"/>
        <v>3.3997251931611903</v>
      </c>
      <c r="J7857">
        <f t="shared" si="875"/>
        <v>15.203732293068326</v>
      </c>
      <c r="K7857">
        <f t="shared" si="876"/>
        <v>0.64113893960142898</v>
      </c>
      <c r="L7857">
        <f t="shared" si="877"/>
        <v>0.32056946980071449</v>
      </c>
      <c r="M7857">
        <f t="shared" si="878"/>
        <v>0</v>
      </c>
      <c r="N7857" s="45">
        <f t="shared" si="879"/>
        <v>45252.95833331436</v>
      </c>
    </row>
    <row r="7858" spans="2:14" x14ac:dyDescent="0.25">
      <c r="B7858">
        <f t="shared" si="873"/>
        <v>4</v>
      </c>
      <c r="C7858" s="16">
        <v>7824</v>
      </c>
      <c r="D7858" cm="1">
        <f t="array" ref="D7858">IFERROR(INDEX(Jesper!AH$2:AH$366,ROUNDDOWN($C7858/24,0)+1,1)*INDEX($D$3:$AA$30,INDEX(Jesper!$R$2:$R$366,ROW(INDEX(Jesper!AH$2:AH$366,ROUNDDOWN($C7858/24,0)+1,1))-1)+IF('Standard Profiles'!$G$18=$B$10,7,0)+IF('Standard Profiles'!$G$18=$B$17,14,0)+IF('Standard Profiles'!$G$18=$B$24,21,0),MOD($C7858,24)+1)/SUM(INDEX($D$3:$AA$30,INDEX(Jesper!$R$2:$R$366,ROW(INDEX(Jesper!AH$2:AH$366,ROUNDDOWN($C7858/24,0)+1,1))-1)+IF('Standard Profiles'!$G$18=$B$10,7,0)+IF('Standard Profiles'!$G$18=$B$17,14,0)+IF('Standard Profiles'!$G$18=$B$24,21,0),0)),0)</f>
        <v>6.0526712095485493</v>
      </c>
      <c r="E7858" cm="1">
        <f t="array" ref="E7858">IFERROR(INDEX(Jesper!AI$2:AI$366,ROUNDDOWN($C7858/24,0)+1,1)*INDEX($D$3:$AA$30,INDEX(Jesper!$R$2:$R$366,ROW(INDEX(Jesper!AI$2:AI$366,ROUNDDOWN($C7858/24,0)+1,1))-1)+IF('Standard Profiles'!$G$19=$B$10,7,0)+IF('Standard Profiles'!$G$19=$B$17,14,0)+IF('Standard Profiles'!$G$19=$B$24,21,0),MOD($C7858,24)+1)/SUM(INDEX($D$3:$AA$30,INDEX(Jesper!$R$2:$R$366,ROW(INDEX(Jesper!AI$2:AI$366,ROUNDDOWN($C7858/24,0)+1,1))-1)+IF('Standard Profiles'!$G$19=$B$10,7,0)+IF('Standard Profiles'!$G$19=$B$17,14,0)+IF('Standard Profiles'!$G$19=$B$24,21,0),0)),0)</f>
        <v>6.8194935372000254</v>
      </c>
      <c r="F7858" cm="1">
        <f t="array" ref="F7858">IFERROR(INDEX(Jesper!AJ$2:AJ$366,ROUNDDOWN($C7858/24,0)+1,1)*INDEX($D$3:$AA$30,INDEX(Jesper!$R$2:$R$366,ROW(INDEX(Jesper!AJ$2:AJ$366,ROUNDDOWN($C7858/24,0)+1,1))-1)+IF('Standard Profiles'!$G$20=$B$10,7,0)+IF('Standard Profiles'!$G$20=$B$17,14,0)+IF('Standard Profiles'!$G$20=$B$24,21,0),MOD($C7858,24)+1)/SUM(INDEX($D$3:$AA$30,INDEX(Jesper!$R$2:$R$366,ROW(INDEX(Jesper!AJ$2:AJ$366,ROUNDDOWN($C7858/24,0)+1,1))-1)+IF('Standard Profiles'!$G$20=$B$10,7,0)+IF('Standard Profiles'!$G$20=$B$17,14,0)+IF('Standard Profiles'!$G$20=$B$24,21,0),0)),0)</f>
        <v>0</v>
      </c>
      <c r="G7858" cm="1">
        <f t="array" ref="G7858">IFERROR(INDEX(Jesper!AK$2:AK$366,ROUNDDOWN($C7858/24,0)+1,1)*INDEX($D$3:$AA$30,INDEX(Jesper!$R$2:$R$366,ROW(INDEX(Jesper!AK$2:AK$366,ROUNDDOWN($C7858/24,0)+1,1))-1)+IF('Standard Profiles'!$G$21=$B$10,7,0)+IF('Standard Profiles'!$G$21=$B$17,14,0)+IF('Standard Profiles'!$G$21=$B$24,21,0),MOD($C7858,24)+1)/SUM(INDEX($D$3:$AA$30,INDEX(Jesper!$R$2:$R$366,ROW(INDEX(Jesper!AK$2:AK$366,ROUNDDOWN($C7858/24,0)+1,1))-1)+IF('Standard Profiles'!$G$21=$B$10,7,0)+IF('Standard Profiles'!$G$21=$B$17,14,0)+IF('Standard Profiles'!$G$21=$B$24,21,0),0)),0)</f>
        <v>7.9826593689828389</v>
      </c>
      <c r="H7858" cm="1">
        <f t="array" ref="H7858">IFERROR(INDEX(Jesper!AL$2:AL$366,ROUNDDOWN($C7858/24,0)+1,1)*INDEX($D$3:$AA$30,INDEX(Jesper!$R$2:$R$366,ROW(INDEX(Jesper!AL$2:AL$366,ROUNDDOWN($C7858/24,0)+1,1))-1)+IF('Standard Profiles'!$G$22=$B$10,7,0)+IF('Standard Profiles'!$G$22=$B$17,14,0)+IF('Standard Profiles'!$G$22=$B$24,21,0),MOD($C7858,24)+1)/SUM(INDEX($D$3:$AA$30,INDEX(Jesper!$R$2:$R$366,ROW(INDEX(Jesper!AL$2:AL$366,ROUNDDOWN($C7858/24,0)+1,1))-1)+IF('Standard Profiles'!$G$22=$B$10,7,0)+IF('Standard Profiles'!$G$22=$B$17,14,0)+IF('Standard Profiles'!$G$22=$B$24,21,0),0)),0)</f>
        <v>0</v>
      </c>
      <c r="I7858">
        <f t="shared" si="874"/>
        <v>3.8316764971117609</v>
      </c>
      <c r="J7858">
        <f t="shared" si="875"/>
        <v>16.054720225091884</v>
      </c>
      <c r="K7858">
        <f t="shared" si="876"/>
        <v>0.64561826235184527</v>
      </c>
      <c r="L7858">
        <f t="shared" si="877"/>
        <v>0.32280913117592264</v>
      </c>
      <c r="M7858">
        <f t="shared" si="878"/>
        <v>0</v>
      </c>
      <c r="N7858" s="45">
        <f t="shared" si="879"/>
        <v>45252.999999981024</v>
      </c>
    </row>
    <row r="7859" spans="2:14" x14ac:dyDescent="0.25">
      <c r="B7859">
        <f t="shared" si="873"/>
        <v>4</v>
      </c>
      <c r="C7859" s="16">
        <v>7825</v>
      </c>
      <c r="D7859" cm="1">
        <f t="array" ref="D7859">IFERROR(INDEX(Jesper!AH$2:AH$366,ROUNDDOWN($C7859/24,0)+1,1)*INDEX($D$3:$AA$30,INDEX(Jesper!$R$2:$R$366,ROW(INDEX(Jesper!AH$2:AH$366,ROUNDDOWN($C7859/24,0)+1,1))-1)+IF('Standard Profiles'!$G$18=$B$10,7,0)+IF('Standard Profiles'!$G$18=$B$17,14,0)+IF('Standard Profiles'!$G$18=$B$24,21,0),MOD($C7859,24)+1)/SUM(INDEX($D$3:$AA$30,INDEX(Jesper!$R$2:$R$366,ROW(INDEX(Jesper!AH$2:AH$366,ROUNDDOWN($C7859/24,0)+1,1))-1)+IF('Standard Profiles'!$G$18=$B$10,7,0)+IF('Standard Profiles'!$G$18=$B$17,14,0)+IF('Standard Profiles'!$G$18=$B$24,21,0),0)),0)</f>
        <v>6.0526712095485493</v>
      </c>
      <c r="E7859" cm="1">
        <f t="array" ref="E7859">IFERROR(INDEX(Jesper!AI$2:AI$366,ROUNDDOWN($C7859/24,0)+1,1)*INDEX($D$3:$AA$30,INDEX(Jesper!$R$2:$R$366,ROW(INDEX(Jesper!AI$2:AI$366,ROUNDDOWN($C7859/24,0)+1,1))-1)+IF('Standard Profiles'!$G$19=$B$10,7,0)+IF('Standard Profiles'!$G$19=$B$17,14,0)+IF('Standard Profiles'!$G$19=$B$24,21,0),MOD($C7859,24)+1)/SUM(INDEX($D$3:$AA$30,INDEX(Jesper!$R$2:$R$366,ROW(INDEX(Jesper!AI$2:AI$366,ROUNDDOWN($C7859/24,0)+1,1))-1)+IF('Standard Profiles'!$G$19=$B$10,7,0)+IF('Standard Profiles'!$G$19=$B$17,14,0)+IF('Standard Profiles'!$G$19=$B$24,21,0),0)),0)</f>
        <v>6.8194935372000254</v>
      </c>
      <c r="F7859" cm="1">
        <f t="array" ref="F7859">IFERROR(INDEX(Jesper!AJ$2:AJ$366,ROUNDDOWN($C7859/24,0)+1,1)*INDEX($D$3:$AA$30,INDEX(Jesper!$R$2:$R$366,ROW(INDEX(Jesper!AJ$2:AJ$366,ROUNDDOWN($C7859/24,0)+1,1))-1)+IF('Standard Profiles'!$G$20=$B$10,7,0)+IF('Standard Profiles'!$G$20=$B$17,14,0)+IF('Standard Profiles'!$G$20=$B$24,21,0),MOD($C7859,24)+1)/SUM(INDEX($D$3:$AA$30,INDEX(Jesper!$R$2:$R$366,ROW(INDEX(Jesper!AJ$2:AJ$366,ROUNDDOWN($C7859/24,0)+1,1))-1)+IF('Standard Profiles'!$G$20=$B$10,7,0)+IF('Standard Profiles'!$G$20=$B$17,14,0)+IF('Standard Profiles'!$G$20=$B$24,21,0),0)),0)</f>
        <v>0</v>
      </c>
      <c r="G7859" cm="1">
        <f t="array" ref="G7859">IFERROR(INDEX(Jesper!AK$2:AK$366,ROUNDDOWN($C7859/24,0)+1,1)*INDEX($D$3:$AA$30,INDEX(Jesper!$R$2:$R$366,ROW(INDEX(Jesper!AK$2:AK$366,ROUNDDOWN($C7859/24,0)+1,1))-1)+IF('Standard Profiles'!$G$21=$B$10,7,0)+IF('Standard Profiles'!$G$21=$B$17,14,0)+IF('Standard Profiles'!$G$21=$B$24,21,0),MOD($C7859,24)+1)/SUM(INDEX($D$3:$AA$30,INDEX(Jesper!$R$2:$R$366,ROW(INDEX(Jesper!AK$2:AK$366,ROUNDDOWN($C7859/24,0)+1,1))-1)+IF('Standard Profiles'!$G$21=$B$10,7,0)+IF('Standard Profiles'!$G$21=$B$17,14,0)+IF('Standard Profiles'!$G$21=$B$24,21,0),0)),0)</f>
        <v>7.9826593689828389</v>
      </c>
      <c r="H7859" cm="1">
        <f t="array" ref="H7859">IFERROR(INDEX(Jesper!AL$2:AL$366,ROUNDDOWN($C7859/24,0)+1,1)*INDEX($D$3:$AA$30,INDEX(Jesper!$R$2:$R$366,ROW(INDEX(Jesper!AL$2:AL$366,ROUNDDOWN($C7859/24,0)+1,1))-1)+IF('Standard Profiles'!$G$22=$B$10,7,0)+IF('Standard Profiles'!$G$22=$B$17,14,0)+IF('Standard Profiles'!$G$22=$B$24,21,0),MOD($C7859,24)+1)/SUM(INDEX($D$3:$AA$30,INDEX(Jesper!$R$2:$R$366,ROW(INDEX(Jesper!AL$2:AL$366,ROUNDDOWN($C7859/24,0)+1,1))-1)+IF('Standard Profiles'!$G$22=$B$10,7,0)+IF('Standard Profiles'!$G$22=$B$17,14,0)+IF('Standard Profiles'!$G$22=$B$24,21,0),0)),0)</f>
        <v>0</v>
      </c>
      <c r="I7859">
        <f t="shared" si="874"/>
        <v>3.8316764971117609</v>
      </c>
      <c r="J7859">
        <f t="shared" si="875"/>
        <v>16.054720225091884</v>
      </c>
      <c r="K7859">
        <f t="shared" si="876"/>
        <v>0.64561826235184527</v>
      </c>
      <c r="L7859">
        <f t="shared" si="877"/>
        <v>0.32280913117592264</v>
      </c>
      <c r="M7859">
        <f t="shared" si="878"/>
        <v>0</v>
      </c>
      <c r="N7859" s="45">
        <f t="shared" si="879"/>
        <v>45253.041666647689</v>
      </c>
    </row>
    <row r="7860" spans="2:14" x14ac:dyDescent="0.25">
      <c r="B7860">
        <f t="shared" si="873"/>
        <v>4</v>
      </c>
      <c r="C7860" s="16">
        <v>7826</v>
      </c>
      <c r="D7860" cm="1">
        <f t="array" ref="D7860">IFERROR(INDEX(Jesper!AH$2:AH$366,ROUNDDOWN($C7860/24,0)+1,1)*INDEX($D$3:$AA$30,INDEX(Jesper!$R$2:$R$366,ROW(INDEX(Jesper!AH$2:AH$366,ROUNDDOWN($C7860/24,0)+1,1))-1)+IF('Standard Profiles'!$G$18=$B$10,7,0)+IF('Standard Profiles'!$G$18=$B$17,14,0)+IF('Standard Profiles'!$G$18=$B$24,21,0),MOD($C7860,24)+1)/SUM(INDEX($D$3:$AA$30,INDEX(Jesper!$R$2:$R$366,ROW(INDEX(Jesper!AH$2:AH$366,ROUNDDOWN($C7860/24,0)+1,1))-1)+IF('Standard Profiles'!$G$18=$B$10,7,0)+IF('Standard Profiles'!$G$18=$B$17,14,0)+IF('Standard Profiles'!$G$18=$B$24,21,0),0)),0)</f>
        <v>6.0526712095485493</v>
      </c>
      <c r="E7860" cm="1">
        <f t="array" ref="E7860">IFERROR(INDEX(Jesper!AI$2:AI$366,ROUNDDOWN($C7860/24,0)+1,1)*INDEX($D$3:$AA$30,INDEX(Jesper!$R$2:$R$366,ROW(INDEX(Jesper!AI$2:AI$366,ROUNDDOWN($C7860/24,0)+1,1))-1)+IF('Standard Profiles'!$G$19=$B$10,7,0)+IF('Standard Profiles'!$G$19=$B$17,14,0)+IF('Standard Profiles'!$G$19=$B$24,21,0),MOD($C7860,24)+1)/SUM(INDEX($D$3:$AA$30,INDEX(Jesper!$R$2:$R$366,ROW(INDEX(Jesper!AI$2:AI$366,ROUNDDOWN($C7860/24,0)+1,1))-1)+IF('Standard Profiles'!$G$19=$B$10,7,0)+IF('Standard Profiles'!$G$19=$B$17,14,0)+IF('Standard Profiles'!$G$19=$B$24,21,0),0)),0)</f>
        <v>6.8194935372000254</v>
      </c>
      <c r="F7860" cm="1">
        <f t="array" ref="F7860">IFERROR(INDEX(Jesper!AJ$2:AJ$366,ROUNDDOWN($C7860/24,0)+1,1)*INDEX($D$3:$AA$30,INDEX(Jesper!$R$2:$R$366,ROW(INDEX(Jesper!AJ$2:AJ$366,ROUNDDOWN($C7860/24,0)+1,1))-1)+IF('Standard Profiles'!$G$20=$B$10,7,0)+IF('Standard Profiles'!$G$20=$B$17,14,0)+IF('Standard Profiles'!$G$20=$B$24,21,0),MOD($C7860,24)+1)/SUM(INDEX($D$3:$AA$30,INDEX(Jesper!$R$2:$R$366,ROW(INDEX(Jesper!AJ$2:AJ$366,ROUNDDOWN($C7860/24,0)+1,1))-1)+IF('Standard Profiles'!$G$20=$B$10,7,0)+IF('Standard Profiles'!$G$20=$B$17,14,0)+IF('Standard Profiles'!$G$20=$B$24,21,0),0)),0)</f>
        <v>0</v>
      </c>
      <c r="G7860" cm="1">
        <f t="array" ref="G7860">IFERROR(INDEX(Jesper!AK$2:AK$366,ROUNDDOWN($C7860/24,0)+1,1)*INDEX($D$3:$AA$30,INDEX(Jesper!$R$2:$R$366,ROW(INDEX(Jesper!AK$2:AK$366,ROUNDDOWN($C7860/24,0)+1,1))-1)+IF('Standard Profiles'!$G$21=$B$10,7,0)+IF('Standard Profiles'!$G$21=$B$17,14,0)+IF('Standard Profiles'!$G$21=$B$24,21,0),MOD($C7860,24)+1)/SUM(INDEX($D$3:$AA$30,INDEX(Jesper!$R$2:$R$366,ROW(INDEX(Jesper!AK$2:AK$366,ROUNDDOWN($C7860/24,0)+1,1))-1)+IF('Standard Profiles'!$G$21=$B$10,7,0)+IF('Standard Profiles'!$G$21=$B$17,14,0)+IF('Standard Profiles'!$G$21=$B$24,21,0),0)),0)</f>
        <v>7.9826593689828389</v>
      </c>
      <c r="H7860" cm="1">
        <f t="array" ref="H7860">IFERROR(INDEX(Jesper!AL$2:AL$366,ROUNDDOWN($C7860/24,0)+1,1)*INDEX($D$3:$AA$30,INDEX(Jesper!$R$2:$R$366,ROW(INDEX(Jesper!AL$2:AL$366,ROUNDDOWN($C7860/24,0)+1,1))-1)+IF('Standard Profiles'!$G$22=$B$10,7,0)+IF('Standard Profiles'!$G$22=$B$17,14,0)+IF('Standard Profiles'!$G$22=$B$24,21,0),MOD($C7860,24)+1)/SUM(INDEX($D$3:$AA$30,INDEX(Jesper!$R$2:$R$366,ROW(INDEX(Jesper!AL$2:AL$366,ROUNDDOWN($C7860/24,0)+1,1))-1)+IF('Standard Profiles'!$G$22=$B$10,7,0)+IF('Standard Profiles'!$G$22=$B$17,14,0)+IF('Standard Profiles'!$G$22=$B$24,21,0),0)),0)</f>
        <v>0</v>
      </c>
      <c r="I7860">
        <f t="shared" si="874"/>
        <v>3.8316764971117609</v>
      </c>
      <c r="J7860">
        <f t="shared" si="875"/>
        <v>16.054720225091884</v>
      </c>
      <c r="K7860">
        <f t="shared" si="876"/>
        <v>0.64561826235184527</v>
      </c>
      <c r="L7860">
        <f t="shared" si="877"/>
        <v>0.32280913117592264</v>
      </c>
      <c r="M7860">
        <f t="shared" si="878"/>
        <v>0</v>
      </c>
      <c r="N7860" s="45">
        <f t="shared" si="879"/>
        <v>45253.083333314353</v>
      </c>
    </row>
    <row r="7861" spans="2:14" x14ac:dyDescent="0.25">
      <c r="B7861">
        <f t="shared" si="873"/>
        <v>4</v>
      </c>
      <c r="C7861" s="16">
        <v>7827</v>
      </c>
      <c r="D7861" cm="1">
        <f t="array" ref="D7861">IFERROR(INDEX(Jesper!AH$2:AH$366,ROUNDDOWN($C7861/24,0)+1,1)*INDEX($D$3:$AA$30,INDEX(Jesper!$R$2:$R$366,ROW(INDEX(Jesper!AH$2:AH$366,ROUNDDOWN($C7861/24,0)+1,1))-1)+IF('Standard Profiles'!$G$18=$B$10,7,0)+IF('Standard Profiles'!$G$18=$B$17,14,0)+IF('Standard Profiles'!$G$18=$B$24,21,0),MOD($C7861,24)+1)/SUM(INDEX($D$3:$AA$30,INDEX(Jesper!$R$2:$R$366,ROW(INDEX(Jesper!AH$2:AH$366,ROUNDDOWN($C7861/24,0)+1,1))-1)+IF('Standard Profiles'!$G$18=$B$10,7,0)+IF('Standard Profiles'!$G$18=$B$17,14,0)+IF('Standard Profiles'!$G$18=$B$24,21,0),0)),0)</f>
        <v>6.0526712095485493</v>
      </c>
      <c r="E7861" cm="1">
        <f t="array" ref="E7861">IFERROR(INDEX(Jesper!AI$2:AI$366,ROUNDDOWN($C7861/24,0)+1,1)*INDEX($D$3:$AA$30,INDEX(Jesper!$R$2:$R$366,ROW(INDEX(Jesper!AI$2:AI$366,ROUNDDOWN($C7861/24,0)+1,1))-1)+IF('Standard Profiles'!$G$19=$B$10,7,0)+IF('Standard Profiles'!$G$19=$B$17,14,0)+IF('Standard Profiles'!$G$19=$B$24,21,0),MOD($C7861,24)+1)/SUM(INDEX($D$3:$AA$30,INDEX(Jesper!$R$2:$R$366,ROW(INDEX(Jesper!AI$2:AI$366,ROUNDDOWN($C7861/24,0)+1,1))-1)+IF('Standard Profiles'!$G$19=$B$10,7,0)+IF('Standard Profiles'!$G$19=$B$17,14,0)+IF('Standard Profiles'!$G$19=$B$24,21,0),0)),0)</f>
        <v>6.8194935372000254</v>
      </c>
      <c r="F7861" cm="1">
        <f t="array" ref="F7861">IFERROR(INDEX(Jesper!AJ$2:AJ$366,ROUNDDOWN($C7861/24,0)+1,1)*INDEX($D$3:$AA$30,INDEX(Jesper!$R$2:$R$366,ROW(INDEX(Jesper!AJ$2:AJ$366,ROUNDDOWN($C7861/24,0)+1,1))-1)+IF('Standard Profiles'!$G$20=$B$10,7,0)+IF('Standard Profiles'!$G$20=$B$17,14,0)+IF('Standard Profiles'!$G$20=$B$24,21,0),MOD($C7861,24)+1)/SUM(INDEX($D$3:$AA$30,INDEX(Jesper!$R$2:$R$366,ROW(INDEX(Jesper!AJ$2:AJ$366,ROUNDDOWN($C7861/24,0)+1,1))-1)+IF('Standard Profiles'!$G$20=$B$10,7,0)+IF('Standard Profiles'!$G$20=$B$17,14,0)+IF('Standard Profiles'!$G$20=$B$24,21,0),0)),0)</f>
        <v>0</v>
      </c>
      <c r="G7861" cm="1">
        <f t="array" ref="G7861">IFERROR(INDEX(Jesper!AK$2:AK$366,ROUNDDOWN($C7861/24,0)+1,1)*INDEX($D$3:$AA$30,INDEX(Jesper!$R$2:$R$366,ROW(INDEX(Jesper!AK$2:AK$366,ROUNDDOWN($C7861/24,0)+1,1))-1)+IF('Standard Profiles'!$G$21=$B$10,7,0)+IF('Standard Profiles'!$G$21=$B$17,14,0)+IF('Standard Profiles'!$G$21=$B$24,21,0),MOD($C7861,24)+1)/SUM(INDEX($D$3:$AA$30,INDEX(Jesper!$R$2:$R$366,ROW(INDEX(Jesper!AK$2:AK$366,ROUNDDOWN($C7861/24,0)+1,1))-1)+IF('Standard Profiles'!$G$21=$B$10,7,0)+IF('Standard Profiles'!$G$21=$B$17,14,0)+IF('Standard Profiles'!$G$21=$B$24,21,0),0)),0)</f>
        <v>7.9826593689828389</v>
      </c>
      <c r="H7861" cm="1">
        <f t="array" ref="H7861">IFERROR(INDEX(Jesper!AL$2:AL$366,ROUNDDOWN($C7861/24,0)+1,1)*INDEX($D$3:$AA$30,INDEX(Jesper!$R$2:$R$366,ROW(INDEX(Jesper!AL$2:AL$366,ROUNDDOWN($C7861/24,0)+1,1))-1)+IF('Standard Profiles'!$G$22=$B$10,7,0)+IF('Standard Profiles'!$G$22=$B$17,14,0)+IF('Standard Profiles'!$G$22=$B$24,21,0),MOD($C7861,24)+1)/SUM(INDEX($D$3:$AA$30,INDEX(Jesper!$R$2:$R$366,ROW(INDEX(Jesper!AL$2:AL$366,ROUNDDOWN($C7861/24,0)+1,1))-1)+IF('Standard Profiles'!$G$22=$B$10,7,0)+IF('Standard Profiles'!$G$22=$B$17,14,0)+IF('Standard Profiles'!$G$22=$B$24,21,0),0)),0)</f>
        <v>0</v>
      </c>
      <c r="I7861">
        <f t="shared" si="874"/>
        <v>3.8316764971117609</v>
      </c>
      <c r="J7861">
        <f t="shared" si="875"/>
        <v>16.054720225091884</v>
      </c>
      <c r="K7861">
        <f t="shared" si="876"/>
        <v>0.64561826235184527</v>
      </c>
      <c r="L7861">
        <f t="shared" si="877"/>
        <v>0.32280913117592264</v>
      </c>
      <c r="M7861">
        <f t="shared" si="878"/>
        <v>0</v>
      </c>
      <c r="N7861" s="45">
        <f t="shared" si="879"/>
        <v>45253.124999981017</v>
      </c>
    </row>
    <row r="7862" spans="2:14" x14ac:dyDescent="0.25">
      <c r="B7862">
        <f t="shared" si="873"/>
        <v>4</v>
      </c>
      <c r="C7862" s="16">
        <v>7828</v>
      </c>
      <c r="D7862" cm="1">
        <f t="array" ref="D7862">IFERROR(INDEX(Jesper!AH$2:AH$366,ROUNDDOWN($C7862/24,0)+1,1)*INDEX($D$3:$AA$30,INDEX(Jesper!$R$2:$R$366,ROW(INDEX(Jesper!AH$2:AH$366,ROUNDDOWN($C7862/24,0)+1,1))-1)+IF('Standard Profiles'!$G$18=$B$10,7,0)+IF('Standard Profiles'!$G$18=$B$17,14,0)+IF('Standard Profiles'!$G$18=$B$24,21,0),MOD($C7862,24)+1)/SUM(INDEX($D$3:$AA$30,INDEX(Jesper!$R$2:$R$366,ROW(INDEX(Jesper!AH$2:AH$366,ROUNDDOWN($C7862/24,0)+1,1))-1)+IF('Standard Profiles'!$G$18=$B$10,7,0)+IF('Standard Profiles'!$G$18=$B$17,14,0)+IF('Standard Profiles'!$G$18=$B$24,21,0),0)),0)</f>
        <v>6.0526712095485493</v>
      </c>
      <c r="E7862" cm="1">
        <f t="array" ref="E7862">IFERROR(INDEX(Jesper!AI$2:AI$366,ROUNDDOWN($C7862/24,0)+1,1)*INDEX($D$3:$AA$30,INDEX(Jesper!$R$2:$R$366,ROW(INDEX(Jesper!AI$2:AI$366,ROUNDDOWN($C7862/24,0)+1,1))-1)+IF('Standard Profiles'!$G$19=$B$10,7,0)+IF('Standard Profiles'!$G$19=$B$17,14,0)+IF('Standard Profiles'!$G$19=$B$24,21,0),MOD($C7862,24)+1)/SUM(INDEX($D$3:$AA$30,INDEX(Jesper!$R$2:$R$366,ROW(INDEX(Jesper!AI$2:AI$366,ROUNDDOWN($C7862/24,0)+1,1))-1)+IF('Standard Profiles'!$G$19=$B$10,7,0)+IF('Standard Profiles'!$G$19=$B$17,14,0)+IF('Standard Profiles'!$G$19=$B$24,21,0),0)),0)</f>
        <v>6.8194935372000254</v>
      </c>
      <c r="F7862" cm="1">
        <f t="array" ref="F7862">IFERROR(INDEX(Jesper!AJ$2:AJ$366,ROUNDDOWN($C7862/24,0)+1,1)*INDEX($D$3:$AA$30,INDEX(Jesper!$R$2:$R$366,ROW(INDEX(Jesper!AJ$2:AJ$366,ROUNDDOWN($C7862/24,0)+1,1))-1)+IF('Standard Profiles'!$G$20=$B$10,7,0)+IF('Standard Profiles'!$G$20=$B$17,14,0)+IF('Standard Profiles'!$G$20=$B$24,21,0),MOD($C7862,24)+1)/SUM(INDEX($D$3:$AA$30,INDEX(Jesper!$R$2:$R$366,ROW(INDEX(Jesper!AJ$2:AJ$366,ROUNDDOWN($C7862/24,0)+1,1))-1)+IF('Standard Profiles'!$G$20=$B$10,7,0)+IF('Standard Profiles'!$G$20=$B$17,14,0)+IF('Standard Profiles'!$G$20=$B$24,21,0),0)),0)</f>
        <v>0</v>
      </c>
      <c r="G7862" cm="1">
        <f t="array" ref="G7862">IFERROR(INDEX(Jesper!AK$2:AK$366,ROUNDDOWN($C7862/24,0)+1,1)*INDEX($D$3:$AA$30,INDEX(Jesper!$R$2:$R$366,ROW(INDEX(Jesper!AK$2:AK$366,ROUNDDOWN($C7862/24,0)+1,1))-1)+IF('Standard Profiles'!$G$21=$B$10,7,0)+IF('Standard Profiles'!$G$21=$B$17,14,0)+IF('Standard Profiles'!$G$21=$B$24,21,0),MOD($C7862,24)+1)/SUM(INDEX($D$3:$AA$30,INDEX(Jesper!$R$2:$R$366,ROW(INDEX(Jesper!AK$2:AK$366,ROUNDDOWN($C7862/24,0)+1,1))-1)+IF('Standard Profiles'!$G$21=$B$10,7,0)+IF('Standard Profiles'!$G$21=$B$17,14,0)+IF('Standard Profiles'!$G$21=$B$24,21,0),0)),0)</f>
        <v>7.9826593689828389</v>
      </c>
      <c r="H7862" cm="1">
        <f t="array" ref="H7862">IFERROR(INDEX(Jesper!AL$2:AL$366,ROUNDDOWN($C7862/24,0)+1,1)*INDEX($D$3:$AA$30,INDEX(Jesper!$R$2:$R$366,ROW(INDEX(Jesper!AL$2:AL$366,ROUNDDOWN($C7862/24,0)+1,1))-1)+IF('Standard Profiles'!$G$22=$B$10,7,0)+IF('Standard Profiles'!$G$22=$B$17,14,0)+IF('Standard Profiles'!$G$22=$B$24,21,0),MOD($C7862,24)+1)/SUM(INDEX($D$3:$AA$30,INDEX(Jesper!$R$2:$R$366,ROW(INDEX(Jesper!AL$2:AL$366,ROUNDDOWN($C7862/24,0)+1,1))-1)+IF('Standard Profiles'!$G$22=$B$10,7,0)+IF('Standard Profiles'!$G$22=$B$17,14,0)+IF('Standard Profiles'!$G$22=$B$24,21,0),0)),0)</f>
        <v>0</v>
      </c>
      <c r="I7862">
        <f t="shared" si="874"/>
        <v>3.8316764971117609</v>
      </c>
      <c r="J7862">
        <f t="shared" si="875"/>
        <v>16.054720225091884</v>
      </c>
      <c r="K7862">
        <f t="shared" si="876"/>
        <v>0.64561826235184527</v>
      </c>
      <c r="L7862">
        <f t="shared" si="877"/>
        <v>0.32280913117592264</v>
      </c>
      <c r="M7862">
        <f t="shared" si="878"/>
        <v>0</v>
      </c>
      <c r="N7862" s="45">
        <f t="shared" si="879"/>
        <v>45253.166666647681</v>
      </c>
    </row>
    <row r="7863" spans="2:14" x14ac:dyDescent="0.25">
      <c r="B7863">
        <f t="shared" si="873"/>
        <v>4</v>
      </c>
      <c r="C7863" s="16">
        <v>7829</v>
      </c>
      <c r="D7863" cm="1">
        <f t="array" ref="D7863">IFERROR(INDEX(Jesper!AH$2:AH$366,ROUNDDOWN($C7863/24,0)+1,1)*INDEX($D$3:$AA$30,INDEX(Jesper!$R$2:$R$366,ROW(INDEX(Jesper!AH$2:AH$366,ROUNDDOWN($C7863/24,0)+1,1))-1)+IF('Standard Profiles'!$G$18=$B$10,7,0)+IF('Standard Profiles'!$G$18=$B$17,14,0)+IF('Standard Profiles'!$G$18=$B$24,21,0),MOD($C7863,24)+1)/SUM(INDEX($D$3:$AA$30,INDEX(Jesper!$R$2:$R$366,ROW(INDEX(Jesper!AH$2:AH$366,ROUNDDOWN($C7863/24,0)+1,1))-1)+IF('Standard Profiles'!$G$18=$B$10,7,0)+IF('Standard Profiles'!$G$18=$B$17,14,0)+IF('Standard Profiles'!$G$18=$B$24,21,0),0)),0)</f>
        <v>6.0526712095485493</v>
      </c>
      <c r="E7863" cm="1">
        <f t="array" ref="E7863">IFERROR(INDEX(Jesper!AI$2:AI$366,ROUNDDOWN($C7863/24,0)+1,1)*INDEX($D$3:$AA$30,INDEX(Jesper!$R$2:$R$366,ROW(INDEX(Jesper!AI$2:AI$366,ROUNDDOWN($C7863/24,0)+1,1))-1)+IF('Standard Profiles'!$G$19=$B$10,7,0)+IF('Standard Profiles'!$G$19=$B$17,14,0)+IF('Standard Profiles'!$G$19=$B$24,21,0),MOD($C7863,24)+1)/SUM(INDEX($D$3:$AA$30,INDEX(Jesper!$R$2:$R$366,ROW(INDEX(Jesper!AI$2:AI$366,ROUNDDOWN($C7863/24,0)+1,1))-1)+IF('Standard Profiles'!$G$19=$B$10,7,0)+IF('Standard Profiles'!$G$19=$B$17,14,0)+IF('Standard Profiles'!$G$19=$B$24,21,0),0)),0)</f>
        <v>6.8194935372000254</v>
      </c>
      <c r="F7863" cm="1">
        <f t="array" ref="F7863">IFERROR(INDEX(Jesper!AJ$2:AJ$366,ROUNDDOWN($C7863/24,0)+1,1)*INDEX($D$3:$AA$30,INDEX(Jesper!$R$2:$R$366,ROW(INDEX(Jesper!AJ$2:AJ$366,ROUNDDOWN($C7863/24,0)+1,1))-1)+IF('Standard Profiles'!$G$20=$B$10,7,0)+IF('Standard Profiles'!$G$20=$B$17,14,0)+IF('Standard Profiles'!$G$20=$B$24,21,0),MOD($C7863,24)+1)/SUM(INDEX($D$3:$AA$30,INDEX(Jesper!$R$2:$R$366,ROW(INDEX(Jesper!AJ$2:AJ$366,ROUNDDOWN($C7863/24,0)+1,1))-1)+IF('Standard Profiles'!$G$20=$B$10,7,0)+IF('Standard Profiles'!$G$20=$B$17,14,0)+IF('Standard Profiles'!$G$20=$B$24,21,0),0)),0)</f>
        <v>0</v>
      </c>
      <c r="G7863" cm="1">
        <f t="array" ref="G7863">IFERROR(INDEX(Jesper!AK$2:AK$366,ROUNDDOWN($C7863/24,0)+1,1)*INDEX($D$3:$AA$30,INDEX(Jesper!$R$2:$R$366,ROW(INDEX(Jesper!AK$2:AK$366,ROUNDDOWN($C7863/24,0)+1,1))-1)+IF('Standard Profiles'!$G$21=$B$10,7,0)+IF('Standard Profiles'!$G$21=$B$17,14,0)+IF('Standard Profiles'!$G$21=$B$24,21,0),MOD($C7863,24)+1)/SUM(INDEX($D$3:$AA$30,INDEX(Jesper!$R$2:$R$366,ROW(INDEX(Jesper!AK$2:AK$366,ROUNDDOWN($C7863/24,0)+1,1))-1)+IF('Standard Profiles'!$G$21=$B$10,7,0)+IF('Standard Profiles'!$G$21=$B$17,14,0)+IF('Standard Profiles'!$G$21=$B$24,21,0),0)),0)</f>
        <v>7.9826593689828389</v>
      </c>
      <c r="H7863" cm="1">
        <f t="array" ref="H7863">IFERROR(INDEX(Jesper!AL$2:AL$366,ROUNDDOWN($C7863/24,0)+1,1)*INDEX($D$3:$AA$30,INDEX(Jesper!$R$2:$R$366,ROW(INDEX(Jesper!AL$2:AL$366,ROUNDDOWN($C7863/24,0)+1,1))-1)+IF('Standard Profiles'!$G$22=$B$10,7,0)+IF('Standard Profiles'!$G$22=$B$17,14,0)+IF('Standard Profiles'!$G$22=$B$24,21,0),MOD($C7863,24)+1)/SUM(INDEX($D$3:$AA$30,INDEX(Jesper!$R$2:$R$366,ROW(INDEX(Jesper!AL$2:AL$366,ROUNDDOWN($C7863/24,0)+1,1))-1)+IF('Standard Profiles'!$G$22=$B$10,7,0)+IF('Standard Profiles'!$G$22=$B$17,14,0)+IF('Standard Profiles'!$G$22=$B$24,21,0),0)),0)</f>
        <v>0</v>
      </c>
      <c r="I7863">
        <f t="shared" si="874"/>
        <v>3.8316764971117609</v>
      </c>
      <c r="J7863">
        <f t="shared" si="875"/>
        <v>16.054720225091884</v>
      </c>
      <c r="K7863">
        <f t="shared" si="876"/>
        <v>0.64561826235184527</v>
      </c>
      <c r="L7863">
        <f t="shared" si="877"/>
        <v>0.32280913117592264</v>
      </c>
      <c r="M7863">
        <f t="shared" si="878"/>
        <v>0</v>
      </c>
      <c r="N7863" s="45">
        <f t="shared" si="879"/>
        <v>45253.208333314346</v>
      </c>
    </row>
    <row r="7864" spans="2:14" x14ac:dyDescent="0.25">
      <c r="B7864">
        <f t="shared" si="873"/>
        <v>4</v>
      </c>
      <c r="C7864" s="16">
        <v>7830</v>
      </c>
      <c r="D7864" cm="1">
        <f t="array" ref="D7864">IFERROR(INDEX(Jesper!AH$2:AH$366,ROUNDDOWN($C7864/24,0)+1,1)*INDEX($D$3:$AA$30,INDEX(Jesper!$R$2:$R$366,ROW(INDEX(Jesper!AH$2:AH$366,ROUNDDOWN($C7864/24,0)+1,1))-1)+IF('Standard Profiles'!$G$18=$B$10,7,0)+IF('Standard Profiles'!$G$18=$B$17,14,0)+IF('Standard Profiles'!$G$18=$B$24,21,0),MOD($C7864,24)+1)/SUM(INDEX($D$3:$AA$30,INDEX(Jesper!$R$2:$R$366,ROW(INDEX(Jesper!AH$2:AH$366,ROUNDDOWN($C7864/24,0)+1,1))-1)+IF('Standard Profiles'!$G$18=$B$10,7,0)+IF('Standard Profiles'!$G$18=$B$17,14,0)+IF('Standard Profiles'!$G$18=$B$24,21,0),0)),0)</f>
        <v>6.0526712095485493</v>
      </c>
      <c r="E7864" cm="1">
        <f t="array" ref="E7864">IFERROR(INDEX(Jesper!AI$2:AI$366,ROUNDDOWN($C7864/24,0)+1,1)*INDEX($D$3:$AA$30,INDEX(Jesper!$R$2:$R$366,ROW(INDEX(Jesper!AI$2:AI$366,ROUNDDOWN($C7864/24,0)+1,1))-1)+IF('Standard Profiles'!$G$19=$B$10,7,0)+IF('Standard Profiles'!$G$19=$B$17,14,0)+IF('Standard Profiles'!$G$19=$B$24,21,0),MOD($C7864,24)+1)/SUM(INDEX($D$3:$AA$30,INDEX(Jesper!$R$2:$R$366,ROW(INDEX(Jesper!AI$2:AI$366,ROUNDDOWN($C7864/24,0)+1,1))-1)+IF('Standard Profiles'!$G$19=$B$10,7,0)+IF('Standard Profiles'!$G$19=$B$17,14,0)+IF('Standard Profiles'!$G$19=$B$24,21,0),0)),0)</f>
        <v>6.8194935372000254</v>
      </c>
      <c r="F7864" cm="1">
        <f t="array" ref="F7864">IFERROR(INDEX(Jesper!AJ$2:AJ$366,ROUNDDOWN($C7864/24,0)+1,1)*INDEX($D$3:$AA$30,INDEX(Jesper!$R$2:$R$366,ROW(INDEX(Jesper!AJ$2:AJ$366,ROUNDDOWN($C7864/24,0)+1,1))-1)+IF('Standard Profiles'!$G$20=$B$10,7,0)+IF('Standard Profiles'!$G$20=$B$17,14,0)+IF('Standard Profiles'!$G$20=$B$24,21,0),MOD($C7864,24)+1)/SUM(INDEX($D$3:$AA$30,INDEX(Jesper!$R$2:$R$366,ROW(INDEX(Jesper!AJ$2:AJ$366,ROUNDDOWN($C7864/24,0)+1,1))-1)+IF('Standard Profiles'!$G$20=$B$10,7,0)+IF('Standard Profiles'!$G$20=$B$17,14,0)+IF('Standard Profiles'!$G$20=$B$24,21,0),0)),0)</f>
        <v>0</v>
      </c>
      <c r="G7864" cm="1">
        <f t="array" ref="G7864">IFERROR(INDEX(Jesper!AK$2:AK$366,ROUNDDOWN($C7864/24,0)+1,1)*INDEX($D$3:$AA$30,INDEX(Jesper!$R$2:$R$366,ROW(INDEX(Jesper!AK$2:AK$366,ROUNDDOWN($C7864/24,0)+1,1))-1)+IF('Standard Profiles'!$G$21=$B$10,7,0)+IF('Standard Profiles'!$G$21=$B$17,14,0)+IF('Standard Profiles'!$G$21=$B$24,21,0),MOD($C7864,24)+1)/SUM(INDEX($D$3:$AA$30,INDEX(Jesper!$R$2:$R$366,ROW(INDEX(Jesper!AK$2:AK$366,ROUNDDOWN($C7864/24,0)+1,1))-1)+IF('Standard Profiles'!$G$21=$B$10,7,0)+IF('Standard Profiles'!$G$21=$B$17,14,0)+IF('Standard Profiles'!$G$21=$B$24,21,0),0)),0)</f>
        <v>7.9826593689828389</v>
      </c>
      <c r="H7864" cm="1">
        <f t="array" ref="H7864">IFERROR(INDEX(Jesper!AL$2:AL$366,ROUNDDOWN($C7864/24,0)+1,1)*INDEX($D$3:$AA$30,INDEX(Jesper!$R$2:$R$366,ROW(INDEX(Jesper!AL$2:AL$366,ROUNDDOWN($C7864/24,0)+1,1))-1)+IF('Standard Profiles'!$G$22=$B$10,7,0)+IF('Standard Profiles'!$G$22=$B$17,14,0)+IF('Standard Profiles'!$G$22=$B$24,21,0),MOD($C7864,24)+1)/SUM(INDEX($D$3:$AA$30,INDEX(Jesper!$R$2:$R$366,ROW(INDEX(Jesper!AL$2:AL$366,ROUNDDOWN($C7864/24,0)+1,1))-1)+IF('Standard Profiles'!$G$22=$B$10,7,0)+IF('Standard Profiles'!$G$22=$B$17,14,0)+IF('Standard Profiles'!$G$22=$B$24,21,0),0)),0)</f>
        <v>0</v>
      </c>
      <c r="I7864">
        <f t="shared" si="874"/>
        <v>3.8316764971117609</v>
      </c>
      <c r="J7864">
        <f t="shared" si="875"/>
        <v>16.054720225091884</v>
      </c>
      <c r="K7864">
        <f t="shared" si="876"/>
        <v>0.64561826235184527</v>
      </c>
      <c r="L7864">
        <f t="shared" si="877"/>
        <v>0.32280913117592264</v>
      </c>
      <c r="M7864">
        <f t="shared" si="878"/>
        <v>0</v>
      </c>
      <c r="N7864" s="45">
        <f t="shared" si="879"/>
        <v>45253.24999998101</v>
      </c>
    </row>
    <row r="7865" spans="2:14" x14ac:dyDescent="0.25">
      <c r="B7865">
        <f t="shared" si="873"/>
        <v>4</v>
      </c>
      <c r="C7865" s="16">
        <v>7831</v>
      </c>
      <c r="D7865" cm="1">
        <f t="array" ref="D7865">IFERROR(INDEX(Jesper!AH$2:AH$366,ROUNDDOWN($C7865/24,0)+1,1)*INDEX($D$3:$AA$30,INDEX(Jesper!$R$2:$R$366,ROW(INDEX(Jesper!AH$2:AH$366,ROUNDDOWN($C7865/24,0)+1,1))-1)+IF('Standard Profiles'!$G$18=$B$10,7,0)+IF('Standard Profiles'!$G$18=$B$17,14,0)+IF('Standard Profiles'!$G$18=$B$24,21,0),MOD($C7865,24)+1)/SUM(INDEX($D$3:$AA$30,INDEX(Jesper!$R$2:$R$366,ROW(INDEX(Jesper!AH$2:AH$366,ROUNDDOWN($C7865/24,0)+1,1))-1)+IF('Standard Profiles'!$G$18=$B$10,7,0)+IF('Standard Profiles'!$G$18=$B$17,14,0)+IF('Standard Profiles'!$G$18=$B$24,21,0),0)),0)</f>
        <v>24.742586247518158</v>
      </c>
      <c r="E7865" cm="1">
        <f t="array" ref="E7865">IFERROR(INDEX(Jesper!AI$2:AI$366,ROUNDDOWN($C7865/24,0)+1,1)*INDEX($D$3:$AA$30,INDEX(Jesper!$R$2:$R$366,ROW(INDEX(Jesper!AI$2:AI$366,ROUNDDOWN($C7865/24,0)+1,1))-1)+IF('Standard Profiles'!$G$19=$B$10,7,0)+IF('Standard Profiles'!$G$19=$B$17,14,0)+IF('Standard Profiles'!$G$19=$B$24,21,0),MOD($C7865,24)+1)/SUM(INDEX($D$3:$AA$30,INDEX(Jesper!$R$2:$R$366,ROW(INDEX(Jesper!AI$2:AI$366,ROUNDDOWN($C7865/24,0)+1,1))-1)+IF('Standard Profiles'!$G$19=$B$10,7,0)+IF('Standard Profiles'!$G$19=$B$17,14,0)+IF('Standard Profiles'!$G$19=$B$24,21,0),0)),0)</f>
        <v>27.877262974796462</v>
      </c>
      <c r="F7865" cm="1">
        <f t="array" ref="F7865">IFERROR(INDEX(Jesper!AJ$2:AJ$366,ROUNDDOWN($C7865/24,0)+1,1)*INDEX($D$3:$AA$30,INDEX(Jesper!$R$2:$R$366,ROW(INDEX(Jesper!AJ$2:AJ$366,ROUNDDOWN($C7865/24,0)+1,1))-1)+IF('Standard Profiles'!$G$20=$B$10,7,0)+IF('Standard Profiles'!$G$20=$B$17,14,0)+IF('Standard Profiles'!$G$20=$B$24,21,0),MOD($C7865,24)+1)/SUM(INDEX($D$3:$AA$30,INDEX(Jesper!$R$2:$R$366,ROW(INDEX(Jesper!AJ$2:AJ$366,ROUNDDOWN($C7865/24,0)+1,1))-1)+IF('Standard Profiles'!$G$20=$B$10,7,0)+IF('Standard Profiles'!$G$20=$B$17,14,0)+IF('Standard Profiles'!$G$20=$B$24,21,0),0)),0)</f>
        <v>0</v>
      </c>
      <c r="G7865" cm="1">
        <f t="array" ref="G7865">IFERROR(INDEX(Jesper!AK$2:AK$366,ROUNDDOWN($C7865/24,0)+1,1)*INDEX($D$3:$AA$30,INDEX(Jesper!$R$2:$R$366,ROW(INDEX(Jesper!AK$2:AK$366,ROUNDDOWN($C7865/24,0)+1,1))-1)+IF('Standard Profiles'!$G$21=$B$10,7,0)+IF('Standard Profiles'!$G$21=$B$17,14,0)+IF('Standard Profiles'!$G$21=$B$24,21,0),MOD($C7865,24)+1)/SUM(INDEX($D$3:$AA$30,INDEX(Jesper!$R$2:$R$366,ROW(INDEX(Jesper!AK$2:AK$366,ROUNDDOWN($C7865/24,0)+1,1))-1)+IF('Standard Profiles'!$G$21=$B$10,7,0)+IF('Standard Profiles'!$G$21=$B$17,14,0)+IF('Standard Profiles'!$G$21=$B$24,21,0),0)),0)</f>
        <v>21.992226561547714</v>
      </c>
      <c r="H7865" cm="1">
        <f t="array" ref="H7865">IFERROR(INDEX(Jesper!AL$2:AL$366,ROUNDDOWN($C7865/24,0)+1,1)*INDEX($D$3:$AA$30,INDEX(Jesper!$R$2:$R$366,ROW(INDEX(Jesper!AL$2:AL$366,ROUNDDOWN($C7865/24,0)+1,1))-1)+IF('Standard Profiles'!$G$22=$B$10,7,0)+IF('Standard Profiles'!$G$22=$B$17,14,0)+IF('Standard Profiles'!$G$22=$B$24,21,0),MOD($C7865,24)+1)/SUM(INDEX($D$3:$AA$30,INDEX(Jesper!$R$2:$R$366,ROW(INDEX(Jesper!AL$2:AL$366,ROUNDDOWN($C7865/24,0)+1,1))-1)+IF('Standard Profiles'!$G$22=$B$10,7,0)+IF('Standard Profiles'!$G$22=$B$17,14,0)+IF('Standard Profiles'!$G$22=$B$24,21,0),0)),0)</f>
        <v>0</v>
      </c>
      <c r="I7865">
        <f t="shared" si="874"/>
        <v>10.556268749542898</v>
      </c>
      <c r="J7865">
        <f t="shared" si="875"/>
        <v>60.096993234716528</v>
      </c>
      <c r="K7865">
        <f t="shared" si="876"/>
        <v>2.6392091997352702</v>
      </c>
      <c r="L7865">
        <f t="shared" si="877"/>
        <v>1.3196045998676351</v>
      </c>
      <c r="M7865">
        <f t="shared" si="878"/>
        <v>0</v>
      </c>
      <c r="N7865" s="45">
        <f t="shared" si="879"/>
        <v>45253.291666647674</v>
      </c>
    </row>
    <row r="7866" spans="2:14" x14ac:dyDescent="0.25">
      <c r="B7866">
        <f t="shared" si="873"/>
        <v>4</v>
      </c>
      <c r="C7866" s="16">
        <v>7832</v>
      </c>
      <c r="D7866" cm="1">
        <f t="array" ref="D7866">IFERROR(INDEX(Jesper!AH$2:AH$366,ROUNDDOWN($C7866/24,0)+1,1)*INDEX($D$3:$AA$30,INDEX(Jesper!$R$2:$R$366,ROW(INDEX(Jesper!AH$2:AH$366,ROUNDDOWN($C7866/24,0)+1,1))-1)+IF('Standard Profiles'!$G$18=$B$10,7,0)+IF('Standard Profiles'!$G$18=$B$17,14,0)+IF('Standard Profiles'!$G$18=$B$24,21,0),MOD($C7866,24)+1)/SUM(INDEX($D$3:$AA$30,INDEX(Jesper!$R$2:$R$366,ROW(INDEX(Jesper!AH$2:AH$366,ROUNDDOWN($C7866/24,0)+1,1))-1)+IF('Standard Profiles'!$G$18=$B$10,7,0)+IF('Standard Profiles'!$G$18=$B$17,14,0)+IF('Standard Profiles'!$G$18=$B$24,21,0),0)),0)</f>
        <v>27.607517286704475</v>
      </c>
      <c r="E7866" cm="1">
        <f t="array" ref="E7866">IFERROR(INDEX(Jesper!AI$2:AI$366,ROUNDDOWN($C7866/24,0)+1,1)*INDEX($D$3:$AA$30,INDEX(Jesper!$R$2:$R$366,ROW(INDEX(Jesper!AI$2:AI$366,ROUNDDOWN($C7866/24,0)+1,1))-1)+IF('Standard Profiles'!$G$19=$B$10,7,0)+IF('Standard Profiles'!$G$19=$B$17,14,0)+IF('Standard Profiles'!$G$19=$B$24,21,0),MOD($C7866,24)+1)/SUM(INDEX($D$3:$AA$30,INDEX(Jesper!$R$2:$R$366,ROW(INDEX(Jesper!AI$2:AI$366,ROUNDDOWN($C7866/24,0)+1,1))-1)+IF('Standard Profiles'!$G$19=$B$10,7,0)+IF('Standard Profiles'!$G$19=$B$17,14,0)+IF('Standard Profiles'!$G$19=$B$24,21,0),0)),0)</f>
        <v>31.105156582404476</v>
      </c>
      <c r="F7866" cm="1">
        <f t="array" ref="F7866">IFERROR(INDEX(Jesper!AJ$2:AJ$366,ROUNDDOWN($C7866/24,0)+1,1)*INDEX($D$3:$AA$30,INDEX(Jesper!$R$2:$R$366,ROW(INDEX(Jesper!AJ$2:AJ$366,ROUNDDOWN($C7866/24,0)+1,1))-1)+IF('Standard Profiles'!$G$20=$B$10,7,0)+IF('Standard Profiles'!$G$20=$B$17,14,0)+IF('Standard Profiles'!$G$20=$B$24,21,0),MOD($C7866,24)+1)/SUM(INDEX($D$3:$AA$30,INDEX(Jesper!$R$2:$R$366,ROW(INDEX(Jesper!AJ$2:AJ$366,ROUNDDOWN($C7866/24,0)+1,1))-1)+IF('Standard Profiles'!$G$20=$B$10,7,0)+IF('Standard Profiles'!$G$20=$B$17,14,0)+IF('Standard Profiles'!$G$20=$B$24,21,0),0)),0)</f>
        <v>0</v>
      </c>
      <c r="G7866" cm="1">
        <f t="array" ref="G7866">IFERROR(INDEX(Jesper!AK$2:AK$366,ROUNDDOWN($C7866/24,0)+1,1)*INDEX($D$3:$AA$30,INDEX(Jesper!$R$2:$R$366,ROW(INDEX(Jesper!AK$2:AK$366,ROUNDDOWN($C7866/24,0)+1,1))-1)+IF('Standard Profiles'!$G$21=$B$10,7,0)+IF('Standard Profiles'!$G$21=$B$17,14,0)+IF('Standard Profiles'!$G$21=$B$24,21,0),MOD($C7866,24)+1)/SUM(INDEX($D$3:$AA$30,INDEX(Jesper!$R$2:$R$366,ROW(INDEX(Jesper!AK$2:AK$366,ROUNDDOWN($C7866/24,0)+1,1))-1)+IF('Standard Profiles'!$G$21=$B$10,7,0)+IF('Standard Profiles'!$G$21=$B$17,14,0)+IF('Standard Profiles'!$G$21=$B$24,21,0),0)),0)</f>
        <v>24.53869490025324</v>
      </c>
      <c r="H7866" cm="1">
        <f t="array" ref="H7866">IFERROR(INDEX(Jesper!AL$2:AL$366,ROUNDDOWN($C7866/24,0)+1,1)*INDEX($D$3:$AA$30,INDEX(Jesper!$R$2:$R$366,ROW(INDEX(Jesper!AL$2:AL$366,ROUNDDOWN($C7866/24,0)+1,1))-1)+IF('Standard Profiles'!$G$22=$B$10,7,0)+IF('Standard Profiles'!$G$22=$B$17,14,0)+IF('Standard Profiles'!$G$22=$B$24,21,0),MOD($C7866,24)+1)/SUM(INDEX($D$3:$AA$30,INDEX(Jesper!$R$2:$R$366,ROW(INDEX(Jesper!AL$2:AL$366,ROUNDDOWN($C7866/24,0)+1,1))-1)+IF('Standard Profiles'!$G$22=$B$10,7,0)+IF('Standard Profiles'!$G$22=$B$17,14,0)+IF('Standard Profiles'!$G$22=$B$24,21,0),0)),0)</f>
        <v>0</v>
      </c>
      <c r="I7866">
        <f t="shared" si="874"/>
        <v>11.77857355212155</v>
      </c>
      <c r="J7866">
        <f t="shared" si="875"/>
        <v>67.055592451367929</v>
      </c>
      <c r="K7866">
        <f t="shared" si="876"/>
        <v>2.944801843915144</v>
      </c>
      <c r="L7866">
        <f t="shared" si="877"/>
        <v>1.472400921957572</v>
      </c>
      <c r="M7866">
        <f t="shared" si="878"/>
        <v>0</v>
      </c>
      <c r="N7866" s="45">
        <f t="shared" si="879"/>
        <v>45253.333333314338</v>
      </c>
    </row>
    <row r="7867" spans="2:14" x14ac:dyDescent="0.25">
      <c r="B7867">
        <f t="shared" si="873"/>
        <v>4</v>
      </c>
      <c r="C7867" s="16">
        <v>7833</v>
      </c>
      <c r="D7867" cm="1">
        <f t="array" ref="D7867">IFERROR(INDEX(Jesper!AH$2:AH$366,ROUNDDOWN($C7867/24,0)+1,1)*INDEX($D$3:$AA$30,INDEX(Jesper!$R$2:$R$366,ROW(INDEX(Jesper!AH$2:AH$366,ROUNDDOWN($C7867/24,0)+1,1))-1)+IF('Standard Profiles'!$G$18=$B$10,7,0)+IF('Standard Profiles'!$G$18=$B$17,14,0)+IF('Standard Profiles'!$G$18=$B$24,21,0),MOD($C7867,24)+1)/SUM(INDEX($D$3:$AA$30,INDEX(Jesper!$R$2:$R$366,ROW(INDEX(Jesper!AH$2:AH$366,ROUNDDOWN($C7867/24,0)+1,1))-1)+IF('Standard Profiles'!$G$18=$B$10,7,0)+IF('Standard Profiles'!$G$18=$B$17,14,0)+IF('Standard Profiles'!$G$18=$B$24,21,0),0)),0)</f>
        <v>30.472448325890788</v>
      </c>
      <c r="E7867" cm="1">
        <f t="array" ref="E7867">IFERROR(INDEX(Jesper!AI$2:AI$366,ROUNDDOWN($C7867/24,0)+1,1)*INDEX($D$3:$AA$30,INDEX(Jesper!$R$2:$R$366,ROW(INDEX(Jesper!AI$2:AI$366,ROUNDDOWN($C7867/24,0)+1,1))-1)+IF('Standard Profiles'!$G$19=$B$10,7,0)+IF('Standard Profiles'!$G$19=$B$17,14,0)+IF('Standard Profiles'!$G$19=$B$24,21,0),MOD($C7867,24)+1)/SUM(INDEX($D$3:$AA$30,INDEX(Jesper!$R$2:$R$366,ROW(INDEX(Jesper!AI$2:AI$366,ROUNDDOWN($C7867/24,0)+1,1))-1)+IF('Standard Profiles'!$G$19=$B$10,7,0)+IF('Standard Profiles'!$G$19=$B$17,14,0)+IF('Standard Profiles'!$G$19=$B$24,21,0),0)),0)</f>
        <v>34.333050190012493</v>
      </c>
      <c r="F7867" cm="1">
        <f t="array" ref="F7867">IFERROR(INDEX(Jesper!AJ$2:AJ$366,ROUNDDOWN($C7867/24,0)+1,1)*INDEX($D$3:$AA$30,INDEX(Jesper!$R$2:$R$366,ROW(INDEX(Jesper!AJ$2:AJ$366,ROUNDDOWN($C7867/24,0)+1,1))-1)+IF('Standard Profiles'!$G$20=$B$10,7,0)+IF('Standard Profiles'!$G$20=$B$17,14,0)+IF('Standard Profiles'!$G$20=$B$24,21,0),MOD($C7867,24)+1)/SUM(INDEX($D$3:$AA$30,INDEX(Jesper!$R$2:$R$366,ROW(INDEX(Jesper!AJ$2:AJ$366,ROUNDDOWN($C7867/24,0)+1,1))-1)+IF('Standard Profiles'!$G$20=$B$10,7,0)+IF('Standard Profiles'!$G$20=$B$17,14,0)+IF('Standard Profiles'!$G$20=$B$24,21,0),0)),0)</f>
        <v>0</v>
      </c>
      <c r="G7867" cm="1">
        <f t="array" ref="G7867">IFERROR(INDEX(Jesper!AK$2:AK$366,ROUNDDOWN($C7867/24,0)+1,1)*INDEX($D$3:$AA$30,INDEX(Jesper!$R$2:$R$366,ROW(INDEX(Jesper!AK$2:AK$366,ROUNDDOWN($C7867/24,0)+1,1))-1)+IF('Standard Profiles'!$G$21=$B$10,7,0)+IF('Standard Profiles'!$G$21=$B$17,14,0)+IF('Standard Profiles'!$G$21=$B$24,21,0),MOD($C7867,24)+1)/SUM(INDEX($D$3:$AA$30,INDEX(Jesper!$R$2:$R$366,ROW(INDEX(Jesper!AK$2:AK$366,ROUNDDOWN($C7867/24,0)+1,1))-1)+IF('Standard Profiles'!$G$21=$B$10,7,0)+IF('Standard Profiles'!$G$21=$B$17,14,0)+IF('Standard Profiles'!$G$21=$B$24,21,0),0)),0)</f>
        <v>27.085163238958767</v>
      </c>
      <c r="H7867" cm="1">
        <f t="array" ref="H7867">IFERROR(INDEX(Jesper!AL$2:AL$366,ROUNDDOWN($C7867/24,0)+1,1)*INDEX($D$3:$AA$30,INDEX(Jesper!$R$2:$R$366,ROW(INDEX(Jesper!AL$2:AL$366,ROUNDDOWN($C7867/24,0)+1,1))-1)+IF('Standard Profiles'!$G$22=$B$10,7,0)+IF('Standard Profiles'!$G$22=$B$17,14,0)+IF('Standard Profiles'!$G$22=$B$24,21,0),MOD($C7867,24)+1)/SUM(INDEX($D$3:$AA$30,INDEX(Jesper!$R$2:$R$366,ROW(INDEX(Jesper!AL$2:AL$366,ROUNDDOWN($C7867/24,0)+1,1))-1)+IF('Standard Profiles'!$G$22=$B$10,7,0)+IF('Standard Profiles'!$G$22=$B$17,14,0)+IF('Standard Profiles'!$G$22=$B$24,21,0),0)),0)</f>
        <v>0</v>
      </c>
      <c r="I7867">
        <f t="shared" si="874"/>
        <v>13.000878354700202</v>
      </c>
      <c r="J7867">
        <f t="shared" si="875"/>
        <v>74.014191668019322</v>
      </c>
      <c r="K7867">
        <f t="shared" si="876"/>
        <v>3.2503944880950177</v>
      </c>
      <c r="L7867">
        <f t="shared" si="877"/>
        <v>1.6251972440475089</v>
      </c>
      <c r="M7867">
        <f t="shared" si="878"/>
        <v>0</v>
      </c>
      <c r="N7867" s="45">
        <f t="shared" si="879"/>
        <v>45253.374999981002</v>
      </c>
    </row>
    <row r="7868" spans="2:14" x14ac:dyDescent="0.25">
      <c r="B7868">
        <f t="shared" si="873"/>
        <v>4</v>
      </c>
      <c r="C7868" s="16">
        <v>7834</v>
      </c>
      <c r="D7868" cm="1">
        <f t="array" ref="D7868">IFERROR(INDEX(Jesper!AH$2:AH$366,ROUNDDOWN($C7868/24,0)+1,1)*INDEX($D$3:$AA$30,INDEX(Jesper!$R$2:$R$366,ROW(INDEX(Jesper!AH$2:AH$366,ROUNDDOWN($C7868/24,0)+1,1))-1)+IF('Standard Profiles'!$G$18=$B$10,7,0)+IF('Standard Profiles'!$G$18=$B$17,14,0)+IF('Standard Profiles'!$G$18=$B$24,21,0),MOD($C7868,24)+1)/SUM(INDEX($D$3:$AA$30,INDEX(Jesper!$R$2:$R$366,ROW(INDEX(Jesper!AH$2:AH$366,ROUNDDOWN($C7868/24,0)+1,1))-1)+IF('Standard Profiles'!$G$18=$B$10,7,0)+IF('Standard Profiles'!$G$18=$B$17,14,0)+IF('Standard Profiles'!$G$18=$B$24,21,0),0)),0)</f>
        <v>30.472448325890788</v>
      </c>
      <c r="E7868" cm="1">
        <f t="array" ref="E7868">IFERROR(INDEX(Jesper!AI$2:AI$366,ROUNDDOWN($C7868/24,0)+1,1)*INDEX($D$3:$AA$30,INDEX(Jesper!$R$2:$R$366,ROW(INDEX(Jesper!AI$2:AI$366,ROUNDDOWN($C7868/24,0)+1,1))-1)+IF('Standard Profiles'!$G$19=$B$10,7,0)+IF('Standard Profiles'!$G$19=$B$17,14,0)+IF('Standard Profiles'!$G$19=$B$24,21,0),MOD($C7868,24)+1)/SUM(INDEX($D$3:$AA$30,INDEX(Jesper!$R$2:$R$366,ROW(INDEX(Jesper!AI$2:AI$366,ROUNDDOWN($C7868/24,0)+1,1))-1)+IF('Standard Profiles'!$G$19=$B$10,7,0)+IF('Standard Profiles'!$G$19=$B$17,14,0)+IF('Standard Profiles'!$G$19=$B$24,21,0),0)),0)</f>
        <v>34.333050190012493</v>
      </c>
      <c r="F7868" cm="1">
        <f t="array" ref="F7868">IFERROR(INDEX(Jesper!AJ$2:AJ$366,ROUNDDOWN($C7868/24,0)+1,1)*INDEX($D$3:$AA$30,INDEX(Jesper!$R$2:$R$366,ROW(INDEX(Jesper!AJ$2:AJ$366,ROUNDDOWN($C7868/24,0)+1,1))-1)+IF('Standard Profiles'!$G$20=$B$10,7,0)+IF('Standard Profiles'!$G$20=$B$17,14,0)+IF('Standard Profiles'!$G$20=$B$24,21,0),MOD($C7868,24)+1)/SUM(INDEX($D$3:$AA$30,INDEX(Jesper!$R$2:$R$366,ROW(INDEX(Jesper!AJ$2:AJ$366,ROUNDDOWN($C7868/24,0)+1,1))-1)+IF('Standard Profiles'!$G$20=$B$10,7,0)+IF('Standard Profiles'!$G$20=$B$17,14,0)+IF('Standard Profiles'!$G$20=$B$24,21,0),0)),0)</f>
        <v>0</v>
      </c>
      <c r="G7868" cm="1">
        <f t="array" ref="G7868">IFERROR(INDEX(Jesper!AK$2:AK$366,ROUNDDOWN($C7868/24,0)+1,1)*INDEX($D$3:$AA$30,INDEX(Jesper!$R$2:$R$366,ROW(INDEX(Jesper!AK$2:AK$366,ROUNDDOWN($C7868/24,0)+1,1))-1)+IF('Standard Profiles'!$G$21=$B$10,7,0)+IF('Standard Profiles'!$G$21=$B$17,14,0)+IF('Standard Profiles'!$G$21=$B$24,21,0),MOD($C7868,24)+1)/SUM(INDEX($D$3:$AA$30,INDEX(Jesper!$R$2:$R$366,ROW(INDEX(Jesper!AK$2:AK$366,ROUNDDOWN($C7868/24,0)+1,1))-1)+IF('Standard Profiles'!$G$21=$B$10,7,0)+IF('Standard Profiles'!$G$21=$B$17,14,0)+IF('Standard Profiles'!$G$21=$B$24,21,0),0)),0)</f>
        <v>27.085163238958767</v>
      </c>
      <c r="H7868" cm="1">
        <f t="array" ref="H7868">IFERROR(INDEX(Jesper!AL$2:AL$366,ROUNDDOWN($C7868/24,0)+1,1)*INDEX($D$3:$AA$30,INDEX(Jesper!$R$2:$R$366,ROW(INDEX(Jesper!AL$2:AL$366,ROUNDDOWN($C7868/24,0)+1,1))-1)+IF('Standard Profiles'!$G$22=$B$10,7,0)+IF('Standard Profiles'!$G$22=$B$17,14,0)+IF('Standard Profiles'!$G$22=$B$24,21,0),MOD($C7868,24)+1)/SUM(INDEX($D$3:$AA$30,INDEX(Jesper!$R$2:$R$366,ROW(INDEX(Jesper!AL$2:AL$366,ROUNDDOWN($C7868/24,0)+1,1))-1)+IF('Standard Profiles'!$G$22=$B$10,7,0)+IF('Standard Profiles'!$G$22=$B$17,14,0)+IF('Standard Profiles'!$G$22=$B$24,21,0),0)),0)</f>
        <v>0</v>
      </c>
      <c r="I7868">
        <f t="shared" si="874"/>
        <v>13.000878354700202</v>
      </c>
      <c r="J7868">
        <f t="shared" si="875"/>
        <v>74.014191668019322</v>
      </c>
      <c r="K7868">
        <f t="shared" si="876"/>
        <v>3.2503944880950177</v>
      </c>
      <c r="L7868">
        <f t="shared" si="877"/>
        <v>1.6251972440475089</v>
      </c>
      <c r="M7868">
        <f t="shared" si="878"/>
        <v>0</v>
      </c>
      <c r="N7868" s="45">
        <f t="shared" si="879"/>
        <v>45253.416666647667</v>
      </c>
    </row>
    <row r="7869" spans="2:14" x14ac:dyDescent="0.25">
      <c r="B7869">
        <f t="shared" si="873"/>
        <v>4</v>
      </c>
      <c r="C7869" s="16">
        <v>7835</v>
      </c>
      <c r="D7869" cm="1">
        <f t="array" ref="D7869">IFERROR(INDEX(Jesper!AH$2:AH$366,ROUNDDOWN($C7869/24,0)+1,1)*INDEX($D$3:$AA$30,INDEX(Jesper!$R$2:$R$366,ROW(INDEX(Jesper!AH$2:AH$366,ROUNDDOWN($C7869/24,0)+1,1))-1)+IF('Standard Profiles'!$G$18=$B$10,7,0)+IF('Standard Profiles'!$G$18=$B$17,14,0)+IF('Standard Profiles'!$G$18=$B$24,21,0),MOD($C7869,24)+1)/SUM(INDEX($D$3:$AA$30,INDEX(Jesper!$R$2:$R$366,ROW(INDEX(Jesper!AH$2:AH$366,ROUNDDOWN($C7869/24,0)+1,1))-1)+IF('Standard Profiles'!$G$18=$B$10,7,0)+IF('Standard Profiles'!$G$18=$B$17,14,0)+IF('Standard Profiles'!$G$18=$B$24,21,0),0)),0)</f>
        <v>36.46275868055308</v>
      </c>
      <c r="E7869" cm="1">
        <f t="array" ref="E7869">IFERROR(INDEX(Jesper!AI$2:AI$366,ROUNDDOWN($C7869/24,0)+1,1)*INDEX($D$3:$AA$30,INDEX(Jesper!$R$2:$R$366,ROW(INDEX(Jesper!AI$2:AI$366,ROUNDDOWN($C7869/24,0)+1,1))-1)+IF('Standard Profiles'!$G$19=$B$10,7,0)+IF('Standard Profiles'!$G$19=$B$17,14,0)+IF('Standard Profiles'!$G$19=$B$24,21,0),MOD($C7869,24)+1)/SUM(INDEX($D$3:$AA$30,INDEX(Jesper!$R$2:$R$366,ROW(INDEX(Jesper!AI$2:AI$366,ROUNDDOWN($C7869/24,0)+1,1))-1)+IF('Standard Profiles'!$G$19=$B$10,7,0)+IF('Standard Profiles'!$G$19=$B$17,14,0)+IF('Standard Profiles'!$G$19=$B$24,21,0),0)),0)</f>
        <v>41.082282278647426</v>
      </c>
      <c r="F7869" cm="1">
        <f t="array" ref="F7869">IFERROR(INDEX(Jesper!AJ$2:AJ$366,ROUNDDOWN($C7869/24,0)+1,1)*INDEX($D$3:$AA$30,INDEX(Jesper!$R$2:$R$366,ROW(INDEX(Jesper!AJ$2:AJ$366,ROUNDDOWN($C7869/24,0)+1,1))-1)+IF('Standard Profiles'!$G$20=$B$10,7,0)+IF('Standard Profiles'!$G$20=$B$17,14,0)+IF('Standard Profiles'!$G$20=$B$24,21,0),MOD($C7869,24)+1)/SUM(INDEX($D$3:$AA$30,INDEX(Jesper!$R$2:$R$366,ROW(INDEX(Jesper!AJ$2:AJ$366,ROUNDDOWN($C7869/24,0)+1,1))-1)+IF('Standard Profiles'!$G$20=$B$10,7,0)+IF('Standard Profiles'!$G$20=$B$17,14,0)+IF('Standard Profiles'!$G$20=$B$24,21,0),0)),0)</f>
        <v>0</v>
      </c>
      <c r="G7869" cm="1">
        <f t="array" ref="G7869">IFERROR(INDEX(Jesper!AK$2:AK$366,ROUNDDOWN($C7869/24,0)+1,1)*INDEX($D$3:$AA$30,INDEX(Jesper!$R$2:$R$366,ROW(INDEX(Jesper!AK$2:AK$366,ROUNDDOWN($C7869/24,0)+1,1))-1)+IF('Standard Profiles'!$G$21=$B$10,7,0)+IF('Standard Profiles'!$G$21=$B$17,14,0)+IF('Standard Profiles'!$G$21=$B$24,21,0),MOD($C7869,24)+1)/SUM(INDEX($D$3:$AA$30,INDEX(Jesper!$R$2:$R$366,ROW(INDEX(Jesper!AK$2:AK$366,ROUNDDOWN($C7869/24,0)+1,1))-1)+IF('Standard Profiles'!$G$21=$B$10,7,0)+IF('Standard Profiles'!$G$21=$B$17,14,0)+IF('Standard Profiles'!$G$21=$B$24,21,0),0)),0)</f>
        <v>32.409597038070316</v>
      </c>
      <c r="H7869" cm="1">
        <f t="array" ref="H7869">IFERROR(INDEX(Jesper!AL$2:AL$366,ROUNDDOWN($C7869/24,0)+1,1)*INDEX($D$3:$AA$30,INDEX(Jesper!$R$2:$R$366,ROW(INDEX(Jesper!AL$2:AL$366,ROUNDDOWN($C7869/24,0)+1,1))-1)+IF('Standard Profiles'!$G$22=$B$10,7,0)+IF('Standard Profiles'!$G$22=$B$17,14,0)+IF('Standard Profiles'!$G$22=$B$24,21,0),MOD($C7869,24)+1)/SUM(INDEX($D$3:$AA$30,INDEX(Jesper!$R$2:$R$366,ROW(INDEX(Jesper!AL$2:AL$366,ROUNDDOWN($C7869/24,0)+1,1))-1)+IF('Standard Profiles'!$G$22=$B$10,7,0)+IF('Standard Profiles'!$G$22=$B$17,14,0)+IF('Standard Profiles'!$G$22=$B$24,21,0),0)),0)</f>
        <v>0</v>
      </c>
      <c r="I7869">
        <f t="shared" si="874"/>
        <v>15.556606578273744</v>
      </c>
      <c r="J7869">
        <f t="shared" si="875"/>
        <v>88.563990030108585</v>
      </c>
      <c r="K7869">
        <f t="shared" si="876"/>
        <v>3.8893609259256623</v>
      </c>
      <c r="L7869">
        <f t="shared" si="877"/>
        <v>1.9446804629628311</v>
      </c>
      <c r="M7869">
        <f t="shared" si="878"/>
        <v>0</v>
      </c>
      <c r="N7869" s="45">
        <f t="shared" si="879"/>
        <v>45253.458333314331</v>
      </c>
    </row>
    <row r="7870" spans="2:14" x14ac:dyDescent="0.25">
      <c r="B7870">
        <f t="shared" si="873"/>
        <v>4</v>
      </c>
      <c r="C7870" s="16">
        <v>7836</v>
      </c>
      <c r="D7870" cm="1">
        <f t="array" ref="D7870">IFERROR(INDEX(Jesper!AH$2:AH$366,ROUNDDOWN($C7870/24,0)+1,1)*INDEX($D$3:$AA$30,INDEX(Jesper!$R$2:$R$366,ROW(INDEX(Jesper!AH$2:AH$366,ROUNDDOWN($C7870/24,0)+1,1))-1)+IF('Standard Profiles'!$G$18=$B$10,7,0)+IF('Standard Profiles'!$G$18=$B$17,14,0)+IF('Standard Profiles'!$G$18=$B$24,21,0),MOD($C7870,24)+1)/SUM(INDEX($D$3:$AA$30,INDEX(Jesper!$R$2:$R$366,ROW(INDEX(Jesper!AH$2:AH$366,ROUNDDOWN($C7870/24,0)+1,1))-1)+IF('Standard Profiles'!$G$18=$B$10,7,0)+IF('Standard Profiles'!$G$18=$B$17,14,0)+IF('Standard Profiles'!$G$18=$B$24,21,0),0)),0)</f>
        <v>36.46275868055308</v>
      </c>
      <c r="E7870" cm="1">
        <f t="array" ref="E7870">IFERROR(INDEX(Jesper!AI$2:AI$366,ROUNDDOWN($C7870/24,0)+1,1)*INDEX($D$3:$AA$30,INDEX(Jesper!$R$2:$R$366,ROW(INDEX(Jesper!AI$2:AI$366,ROUNDDOWN($C7870/24,0)+1,1))-1)+IF('Standard Profiles'!$G$19=$B$10,7,0)+IF('Standard Profiles'!$G$19=$B$17,14,0)+IF('Standard Profiles'!$G$19=$B$24,21,0),MOD($C7870,24)+1)/SUM(INDEX($D$3:$AA$30,INDEX(Jesper!$R$2:$R$366,ROW(INDEX(Jesper!AI$2:AI$366,ROUNDDOWN($C7870/24,0)+1,1))-1)+IF('Standard Profiles'!$G$19=$B$10,7,0)+IF('Standard Profiles'!$G$19=$B$17,14,0)+IF('Standard Profiles'!$G$19=$B$24,21,0),0)),0)</f>
        <v>41.082282278647426</v>
      </c>
      <c r="F7870" cm="1">
        <f t="array" ref="F7870">IFERROR(INDEX(Jesper!AJ$2:AJ$366,ROUNDDOWN($C7870/24,0)+1,1)*INDEX($D$3:$AA$30,INDEX(Jesper!$R$2:$R$366,ROW(INDEX(Jesper!AJ$2:AJ$366,ROUNDDOWN($C7870/24,0)+1,1))-1)+IF('Standard Profiles'!$G$20=$B$10,7,0)+IF('Standard Profiles'!$G$20=$B$17,14,0)+IF('Standard Profiles'!$G$20=$B$24,21,0),MOD($C7870,24)+1)/SUM(INDEX($D$3:$AA$30,INDEX(Jesper!$R$2:$R$366,ROW(INDEX(Jesper!AJ$2:AJ$366,ROUNDDOWN($C7870/24,0)+1,1))-1)+IF('Standard Profiles'!$G$20=$B$10,7,0)+IF('Standard Profiles'!$G$20=$B$17,14,0)+IF('Standard Profiles'!$G$20=$B$24,21,0),0)),0)</f>
        <v>0</v>
      </c>
      <c r="G7870" cm="1">
        <f t="array" ref="G7870">IFERROR(INDEX(Jesper!AK$2:AK$366,ROUNDDOWN($C7870/24,0)+1,1)*INDEX($D$3:$AA$30,INDEX(Jesper!$R$2:$R$366,ROW(INDEX(Jesper!AK$2:AK$366,ROUNDDOWN($C7870/24,0)+1,1))-1)+IF('Standard Profiles'!$G$21=$B$10,7,0)+IF('Standard Profiles'!$G$21=$B$17,14,0)+IF('Standard Profiles'!$G$21=$B$24,21,0),MOD($C7870,24)+1)/SUM(INDEX($D$3:$AA$30,INDEX(Jesper!$R$2:$R$366,ROW(INDEX(Jesper!AK$2:AK$366,ROUNDDOWN($C7870/24,0)+1,1))-1)+IF('Standard Profiles'!$G$21=$B$10,7,0)+IF('Standard Profiles'!$G$21=$B$17,14,0)+IF('Standard Profiles'!$G$21=$B$24,21,0),0)),0)</f>
        <v>32.409597038070316</v>
      </c>
      <c r="H7870" cm="1">
        <f t="array" ref="H7870">IFERROR(INDEX(Jesper!AL$2:AL$366,ROUNDDOWN($C7870/24,0)+1,1)*INDEX($D$3:$AA$30,INDEX(Jesper!$R$2:$R$366,ROW(INDEX(Jesper!AL$2:AL$366,ROUNDDOWN($C7870/24,0)+1,1))-1)+IF('Standard Profiles'!$G$22=$B$10,7,0)+IF('Standard Profiles'!$G$22=$B$17,14,0)+IF('Standard Profiles'!$G$22=$B$24,21,0),MOD($C7870,24)+1)/SUM(INDEX($D$3:$AA$30,INDEX(Jesper!$R$2:$R$366,ROW(INDEX(Jesper!AL$2:AL$366,ROUNDDOWN($C7870/24,0)+1,1))-1)+IF('Standard Profiles'!$G$22=$B$10,7,0)+IF('Standard Profiles'!$G$22=$B$17,14,0)+IF('Standard Profiles'!$G$22=$B$24,21,0),0)),0)</f>
        <v>0</v>
      </c>
      <c r="I7870">
        <f t="shared" si="874"/>
        <v>15.556606578273744</v>
      </c>
      <c r="J7870">
        <f t="shared" si="875"/>
        <v>88.563990030108585</v>
      </c>
      <c r="K7870">
        <f t="shared" si="876"/>
        <v>3.8893609259256623</v>
      </c>
      <c r="L7870">
        <f t="shared" si="877"/>
        <v>1.9446804629628311</v>
      </c>
      <c r="M7870">
        <f t="shared" si="878"/>
        <v>0</v>
      </c>
      <c r="N7870" s="45">
        <f t="shared" si="879"/>
        <v>45253.499999980995</v>
      </c>
    </row>
    <row r="7871" spans="2:14" x14ac:dyDescent="0.25">
      <c r="B7871">
        <f t="shared" si="873"/>
        <v>4</v>
      </c>
      <c r="C7871" s="16">
        <v>7837</v>
      </c>
      <c r="D7871" cm="1">
        <f t="array" ref="D7871">IFERROR(INDEX(Jesper!AH$2:AH$366,ROUNDDOWN($C7871/24,0)+1,1)*INDEX($D$3:$AA$30,INDEX(Jesper!$R$2:$R$366,ROW(INDEX(Jesper!AH$2:AH$366,ROUNDDOWN($C7871/24,0)+1,1))-1)+IF('Standard Profiles'!$G$18=$B$10,7,0)+IF('Standard Profiles'!$G$18=$B$17,14,0)+IF('Standard Profiles'!$G$18=$B$24,21,0),MOD($C7871,24)+1)/SUM(INDEX($D$3:$AA$30,INDEX(Jesper!$R$2:$R$366,ROW(INDEX(Jesper!AH$2:AH$366,ROUNDDOWN($C7871/24,0)+1,1))-1)+IF('Standard Profiles'!$G$18=$B$10,7,0)+IF('Standard Profiles'!$G$18=$B$17,14,0)+IF('Standard Profiles'!$G$18=$B$24,21,0),0)),0)</f>
        <v>24.221689694938835</v>
      </c>
      <c r="E7871" cm="1">
        <f t="array" ref="E7871">IFERROR(INDEX(Jesper!AI$2:AI$366,ROUNDDOWN($C7871/24,0)+1,1)*INDEX($D$3:$AA$30,INDEX(Jesper!$R$2:$R$366,ROW(INDEX(Jesper!AI$2:AI$366,ROUNDDOWN($C7871/24,0)+1,1))-1)+IF('Standard Profiles'!$G$19=$B$10,7,0)+IF('Standard Profiles'!$G$19=$B$17,14,0)+IF('Standard Profiles'!$G$19=$B$24,21,0),MOD($C7871,24)+1)/SUM(INDEX($D$3:$AA$30,INDEX(Jesper!$R$2:$R$366,ROW(INDEX(Jesper!AI$2:AI$366,ROUNDDOWN($C7871/24,0)+1,1))-1)+IF('Standard Profiles'!$G$19=$B$10,7,0)+IF('Standard Profiles'!$G$19=$B$17,14,0)+IF('Standard Profiles'!$G$19=$B$24,21,0),0)),0)</f>
        <v>27.290373227958643</v>
      </c>
      <c r="F7871" cm="1">
        <f t="array" ref="F7871">IFERROR(INDEX(Jesper!AJ$2:AJ$366,ROUNDDOWN($C7871/24,0)+1,1)*INDEX($D$3:$AA$30,INDEX(Jesper!$R$2:$R$366,ROW(INDEX(Jesper!AJ$2:AJ$366,ROUNDDOWN($C7871/24,0)+1,1))-1)+IF('Standard Profiles'!$G$20=$B$10,7,0)+IF('Standard Profiles'!$G$20=$B$17,14,0)+IF('Standard Profiles'!$G$20=$B$24,21,0),MOD($C7871,24)+1)/SUM(INDEX($D$3:$AA$30,INDEX(Jesper!$R$2:$R$366,ROW(INDEX(Jesper!AJ$2:AJ$366,ROUNDDOWN($C7871/24,0)+1,1))-1)+IF('Standard Profiles'!$G$20=$B$10,7,0)+IF('Standard Profiles'!$G$20=$B$17,14,0)+IF('Standard Profiles'!$G$20=$B$24,21,0),0)),0)</f>
        <v>0</v>
      </c>
      <c r="G7871" cm="1">
        <f t="array" ref="G7871">IFERROR(INDEX(Jesper!AK$2:AK$366,ROUNDDOWN($C7871/24,0)+1,1)*INDEX($D$3:$AA$30,INDEX(Jesper!$R$2:$R$366,ROW(INDEX(Jesper!AK$2:AK$366,ROUNDDOWN($C7871/24,0)+1,1))-1)+IF('Standard Profiles'!$G$21=$B$10,7,0)+IF('Standard Profiles'!$G$21=$B$17,14,0)+IF('Standard Profiles'!$G$21=$B$24,21,0),MOD($C7871,24)+1)/SUM(INDEX($D$3:$AA$30,INDEX(Jesper!$R$2:$R$366,ROW(INDEX(Jesper!AK$2:AK$366,ROUNDDOWN($C7871/24,0)+1,1))-1)+IF('Standard Profiles'!$G$21=$B$10,7,0)+IF('Standard Profiles'!$G$21=$B$17,14,0)+IF('Standard Profiles'!$G$21=$B$24,21,0),0)),0)</f>
        <v>21.529232318146711</v>
      </c>
      <c r="H7871" cm="1">
        <f t="array" ref="H7871">IFERROR(INDEX(Jesper!AL$2:AL$366,ROUNDDOWN($C7871/24,0)+1,1)*INDEX($D$3:$AA$30,INDEX(Jesper!$R$2:$R$366,ROW(INDEX(Jesper!AL$2:AL$366,ROUNDDOWN($C7871/24,0)+1,1))-1)+IF('Standard Profiles'!$G$22=$B$10,7,0)+IF('Standard Profiles'!$G$22=$B$17,14,0)+IF('Standard Profiles'!$G$22=$B$24,21,0),MOD($C7871,24)+1)/SUM(INDEX($D$3:$AA$30,INDEX(Jesper!$R$2:$R$366,ROW(INDEX(Jesper!AL$2:AL$366,ROUNDDOWN($C7871/24,0)+1,1))-1)+IF('Standard Profiles'!$G$22=$B$10,7,0)+IF('Standard Profiles'!$G$22=$B$17,14,0)+IF('Standard Profiles'!$G$22=$B$24,21,0),0)),0)</f>
        <v>0</v>
      </c>
      <c r="I7871">
        <f t="shared" si="874"/>
        <v>10.334031512710416</v>
      </c>
      <c r="J7871">
        <f t="shared" si="875"/>
        <v>58.831793377143562</v>
      </c>
      <c r="K7871">
        <f t="shared" si="876"/>
        <v>2.5836469007934757</v>
      </c>
      <c r="L7871">
        <f t="shared" si="877"/>
        <v>1.2918234503967378</v>
      </c>
      <c r="M7871">
        <f t="shared" si="878"/>
        <v>0</v>
      </c>
      <c r="N7871" s="45">
        <f t="shared" si="879"/>
        <v>45253.541666647659</v>
      </c>
    </row>
    <row r="7872" spans="2:14" x14ac:dyDescent="0.25">
      <c r="B7872">
        <f t="shared" si="873"/>
        <v>4</v>
      </c>
      <c r="C7872" s="16">
        <v>7838</v>
      </c>
      <c r="D7872" cm="1">
        <f t="array" ref="D7872">IFERROR(INDEX(Jesper!AH$2:AH$366,ROUNDDOWN($C7872/24,0)+1,1)*INDEX($D$3:$AA$30,INDEX(Jesper!$R$2:$R$366,ROW(INDEX(Jesper!AH$2:AH$366,ROUNDDOWN($C7872/24,0)+1,1))-1)+IF('Standard Profiles'!$G$18=$B$10,7,0)+IF('Standard Profiles'!$G$18=$B$17,14,0)+IF('Standard Profiles'!$G$18=$B$24,21,0),MOD($C7872,24)+1)/SUM(INDEX($D$3:$AA$30,INDEX(Jesper!$R$2:$R$366,ROW(INDEX(Jesper!AH$2:AH$366,ROUNDDOWN($C7872/24,0)+1,1))-1)+IF('Standard Profiles'!$G$18=$B$10,7,0)+IF('Standard Profiles'!$G$18=$B$17,14,0)+IF('Standard Profiles'!$G$18=$B$24,21,0),0)),0)</f>
        <v>36.46275868055308</v>
      </c>
      <c r="E7872" cm="1">
        <f t="array" ref="E7872">IFERROR(INDEX(Jesper!AI$2:AI$366,ROUNDDOWN($C7872/24,0)+1,1)*INDEX($D$3:$AA$30,INDEX(Jesper!$R$2:$R$366,ROW(INDEX(Jesper!AI$2:AI$366,ROUNDDOWN($C7872/24,0)+1,1))-1)+IF('Standard Profiles'!$G$19=$B$10,7,0)+IF('Standard Profiles'!$G$19=$B$17,14,0)+IF('Standard Profiles'!$G$19=$B$24,21,0),MOD($C7872,24)+1)/SUM(INDEX($D$3:$AA$30,INDEX(Jesper!$R$2:$R$366,ROW(INDEX(Jesper!AI$2:AI$366,ROUNDDOWN($C7872/24,0)+1,1))-1)+IF('Standard Profiles'!$G$19=$B$10,7,0)+IF('Standard Profiles'!$G$19=$B$17,14,0)+IF('Standard Profiles'!$G$19=$B$24,21,0),0)),0)</f>
        <v>41.082282278647426</v>
      </c>
      <c r="F7872" cm="1">
        <f t="array" ref="F7872">IFERROR(INDEX(Jesper!AJ$2:AJ$366,ROUNDDOWN($C7872/24,0)+1,1)*INDEX($D$3:$AA$30,INDEX(Jesper!$R$2:$R$366,ROW(INDEX(Jesper!AJ$2:AJ$366,ROUNDDOWN($C7872/24,0)+1,1))-1)+IF('Standard Profiles'!$G$20=$B$10,7,0)+IF('Standard Profiles'!$G$20=$B$17,14,0)+IF('Standard Profiles'!$G$20=$B$24,21,0),MOD($C7872,24)+1)/SUM(INDEX($D$3:$AA$30,INDEX(Jesper!$R$2:$R$366,ROW(INDEX(Jesper!AJ$2:AJ$366,ROUNDDOWN($C7872/24,0)+1,1))-1)+IF('Standard Profiles'!$G$20=$B$10,7,0)+IF('Standard Profiles'!$G$20=$B$17,14,0)+IF('Standard Profiles'!$G$20=$B$24,21,0),0)),0)</f>
        <v>0</v>
      </c>
      <c r="G7872" cm="1">
        <f t="array" ref="G7872">IFERROR(INDEX(Jesper!AK$2:AK$366,ROUNDDOWN($C7872/24,0)+1,1)*INDEX($D$3:$AA$30,INDEX(Jesper!$R$2:$R$366,ROW(INDEX(Jesper!AK$2:AK$366,ROUNDDOWN($C7872/24,0)+1,1))-1)+IF('Standard Profiles'!$G$21=$B$10,7,0)+IF('Standard Profiles'!$G$21=$B$17,14,0)+IF('Standard Profiles'!$G$21=$B$24,21,0),MOD($C7872,24)+1)/SUM(INDEX($D$3:$AA$30,INDEX(Jesper!$R$2:$R$366,ROW(INDEX(Jesper!AK$2:AK$366,ROUNDDOWN($C7872/24,0)+1,1))-1)+IF('Standard Profiles'!$G$21=$B$10,7,0)+IF('Standard Profiles'!$G$21=$B$17,14,0)+IF('Standard Profiles'!$G$21=$B$24,21,0),0)),0)</f>
        <v>32.409597038070316</v>
      </c>
      <c r="H7872" cm="1">
        <f t="array" ref="H7872">IFERROR(INDEX(Jesper!AL$2:AL$366,ROUNDDOWN($C7872/24,0)+1,1)*INDEX($D$3:$AA$30,INDEX(Jesper!$R$2:$R$366,ROW(INDEX(Jesper!AL$2:AL$366,ROUNDDOWN($C7872/24,0)+1,1))-1)+IF('Standard Profiles'!$G$22=$B$10,7,0)+IF('Standard Profiles'!$G$22=$B$17,14,0)+IF('Standard Profiles'!$G$22=$B$24,21,0),MOD($C7872,24)+1)/SUM(INDEX($D$3:$AA$30,INDEX(Jesper!$R$2:$R$366,ROW(INDEX(Jesper!AL$2:AL$366,ROUNDDOWN($C7872/24,0)+1,1))-1)+IF('Standard Profiles'!$G$22=$B$10,7,0)+IF('Standard Profiles'!$G$22=$B$17,14,0)+IF('Standard Profiles'!$G$22=$B$24,21,0),0)),0)</f>
        <v>0</v>
      </c>
      <c r="I7872">
        <f t="shared" si="874"/>
        <v>15.556606578273744</v>
      </c>
      <c r="J7872">
        <f t="shared" si="875"/>
        <v>88.563990030108585</v>
      </c>
      <c r="K7872">
        <f t="shared" si="876"/>
        <v>3.8893609259256623</v>
      </c>
      <c r="L7872">
        <f t="shared" si="877"/>
        <v>1.9446804629628311</v>
      </c>
      <c r="M7872">
        <f t="shared" si="878"/>
        <v>0</v>
      </c>
      <c r="N7872" s="45">
        <f t="shared" si="879"/>
        <v>45253.583333314324</v>
      </c>
    </row>
    <row r="7873" spans="2:14" x14ac:dyDescent="0.25">
      <c r="B7873">
        <f t="shared" si="873"/>
        <v>4</v>
      </c>
      <c r="C7873" s="16">
        <v>7839</v>
      </c>
      <c r="D7873" cm="1">
        <f t="array" ref="D7873">IFERROR(INDEX(Jesper!AH$2:AH$366,ROUNDDOWN($C7873/24,0)+1,1)*INDEX($D$3:$AA$30,INDEX(Jesper!$R$2:$R$366,ROW(INDEX(Jesper!AH$2:AH$366,ROUNDDOWN($C7873/24,0)+1,1))-1)+IF('Standard Profiles'!$G$18=$B$10,7,0)+IF('Standard Profiles'!$G$18=$B$17,14,0)+IF('Standard Profiles'!$G$18=$B$24,21,0),MOD($C7873,24)+1)/SUM(INDEX($D$3:$AA$30,INDEX(Jesper!$R$2:$R$366,ROW(INDEX(Jesper!AH$2:AH$366,ROUNDDOWN($C7873/24,0)+1,1))-1)+IF('Standard Profiles'!$G$18=$B$10,7,0)+IF('Standard Profiles'!$G$18=$B$17,14,0)+IF('Standard Profiles'!$G$18=$B$24,21,0),0)),0)</f>
        <v>36.46275868055308</v>
      </c>
      <c r="E7873" cm="1">
        <f t="array" ref="E7873">IFERROR(INDEX(Jesper!AI$2:AI$366,ROUNDDOWN($C7873/24,0)+1,1)*INDEX($D$3:$AA$30,INDEX(Jesper!$R$2:$R$366,ROW(INDEX(Jesper!AI$2:AI$366,ROUNDDOWN($C7873/24,0)+1,1))-1)+IF('Standard Profiles'!$G$19=$B$10,7,0)+IF('Standard Profiles'!$G$19=$B$17,14,0)+IF('Standard Profiles'!$G$19=$B$24,21,0),MOD($C7873,24)+1)/SUM(INDEX($D$3:$AA$30,INDEX(Jesper!$R$2:$R$366,ROW(INDEX(Jesper!AI$2:AI$366,ROUNDDOWN($C7873/24,0)+1,1))-1)+IF('Standard Profiles'!$G$19=$B$10,7,0)+IF('Standard Profiles'!$G$19=$B$17,14,0)+IF('Standard Profiles'!$G$19=$B$24,21,0),0)),0)</f>
        <v>41.082282278647426</v>
      </c>
      <c r="F7873" cm="1">
        <f t="array" ref="F7873">IFERROR(INDEX(Jesper!AJ$2:AJ$366,ROUNDDOWN($C7873/24,0)+1,1)*INDEX($D$3:$AA$30,INDEX(Jesper!$R$2:$R$366,ROW(INDEX(Jesper!AJ$2:AJ$366,ROUNDDOWN($C7873/24,0)+1,1))-1)+IF('Standard Profiles'!$G$20=$B$10,7,0)+IF('Standard Profiles'!$G$20=$B$17,14,0)+IF('Standard Profiles'!$G$20=$B$24,21,0),MOD($C7873,24)+1)/SUM(INDEX($D$3:$AA$30,INDEX(Jesper!$R$2:$R$366,ROW(INDEX(Jesper!AJ$2:AJ$366,ROUNDDOWN($C7873/24,0)+1,1))-1)+IF('Standard Profiles'!$G$20=$B$10,7,0)+IF('Standard Profiles'!$G$20=$B$17,14,0)+IF('Standard Profiles'!$G$20=$B$24,21,0),0)),0)</f>
        <v>0</v>
      </c>
      <c r="G7873" cm="1">
        <f t="array" ref="G7873">IFERROR(INDEX(Jesper!AK$2:AK$366,ROUNDDOWN($C7873/24,0)+1,1)*INDEX($D$3:$AA$30,INDEX(Jesper!$R$2:$R$366,ROW(INDEX(Jesper!AK$2:AK$366,ROUNDDOWN($C7873/24,0)+1,1))-1)+IF('Standard Profiles'!$G$21=$B$10,7,0)+IF('Standard Profiles'!$G$21=$B$17,14,0)+IF('Standard Profiles'!$G$21=$B$24,21,0),MOD($C7873,24)+1)/SUM(INDEX($D$3:$AA$30,INDEX(Jesper!$R$2:$R$366,ROW(INDEX(Jesper!AK$2:AK$366,ROUNDDOWN($C7873/24,0)+1,1))-1)+IF('Standard Profiles'!$G$21=$B$10,7,0)+IF('Standard Profiles'!$G$21=$B$17,14,0)+IF('Standard Profiles'!$G$21=$B$24,21,0),0)),0)</f>
        <v>32.409597038070316</v>
      </c>
      <c r="H7873" cm="1">
        <f t="array" ref="H7873">IFERROR(INDEX(Jesper!AL$2:AL$366,ROUNDDOWN($C7873/24,0)+1,1)*INDEX($D$3:$AA$30,INDEX(Jesper!$R$2:$R$366,ROW(INDEX(Jesper!AL$2:AL$366,ROUNDDOWN($C7873/24,0)+1,1))-1)+IF('Standard Profiles'!$G$22=$B$10,7,0)+IF('Standard Profiles'!$G$22=$B$17,14,0)+IF('Standard Profiles'!$G$22=$B$24,21,0),MOD($C7873,24)+1)/SUM(INDEX($D$3:$AA$30,INDEX(Jesper!$R$2:$R$366,ROW(INDEX(Jesper!AL$2:AL$366,ROUNDDOWN($C7873/24,0)+1,1))-1)+IF('Standard Profiles'!$G$22=$B$10,7,0)+IF('Standard Profiles'!$G$22=$B$17,14,0)+IF('Standard Profiles'!$G$22=$B$24,21,0),0)),0)</f>
        <v>0</v>
      </c>
      <c r="I7873">
        <f t="shared" si="874"/>
        <v>15.556606578273744</v>
      </c>
      <c r="J7873">
        <f t="shared" si="875"/>
        <v>88.563990030108585</v>
      </c>
      <c r="K7873">
        <f t="shared" si="876"/>
        <v>3.8893609259256623</v>
      </c>
      <c r="L7873">
        <f t="shared" si="877"/>
        <v>1.9446804629628311</v>
      </c>
      <c r="M7873">
        <f t="shared" si="878"/>
        <v>0</v>
      </c>
      <c r="N7873" s="45">
        <f t="shared" si="879"/>
        <v>45253.624999980988</v>
      </c>
    </row>
    <row r="7874" spans="2:14" x14ac:dyDescent="0.25">
      <c r="B7874">
        <f t="shared" si="873"/>
        <v>4</v>
      </c>
      <c r="C7874" s="16">
        <v>7840</v>
      </c>
      <c r="D7874" cm="1">
        <f t="array" ref="D7874">IFERROR(INDEX(Jesper!AH$2:AH$366,ROUNDDOWN($C7874/24,0)+1,1)*INDEX($D$3:$AA$30,INDEX(Jesper!$R$2:$R$366,ROW(INDEX(Jesper!AH$2:AH$366,ROUNDDOWN($C7874/24,0)+1,1))-1)+IF('Standard Profiles'!$G$18=$B$10,7,0)+IF('Standard Profiles'!$G$18=$B$17,14,0)+IF('Standard Profiles'!$G$18=$B$24,21,0),MOD($C7874,24)+1)/SUM(INDEX($D$3:$AA$30,INDEX(Jesper!$R$2:$R$366,ROW(INDEX(Jesper!AH$2:AH$366,ROUNDDOWN($C7874/24,0)+1,1))-1)+IF('Standard Profiles'!$G$18=$B$10,7,0)+IF('Standard Profiles'!$G$18=$B$17,14,0)+IF('Standard Profiles'!$G$18=$B$24,21,0),0)),0)</f>
        <v>21.486982793897351</v>
      </c>
      <c r="E7874" cm="1">
        <f t="array" ref="E7874">IFERROR(INDEX(Jesper!AI$2:AI$366,ROUNDDOWN($C7874/24,0)+1,1)*INDEX($D$3:$AA$30,INDEX(Jesper!$R$2:$R$366,ROW(INDEX(Jesper!AI$2:AI$366,ROUNDDOWN($C7874/24,0)+1,1))-1)+IF('Standard Profiles'!$G$19=$B$10,7,0)+IF('Standard Profiles'!$G$19=$B$17,14,0)+IF('Standard Profiles'!$G$19=$B$24,21,0),MOD($C7874,24)+1)/SUM(INDEX($D$3:$AA$30,INDEX(Jesper!$R$2:$R$366,ROW(INDEX(Jesper!AI$2:AI$366,ROUNDDOWN($C7874/24,0)+1,1))-1)+IF('Standard Profiles'!$G$19=$B$10,7,0)+IF('Standard Profiles'!$G$19=$B$17,14,0)+IF('Standard Profiles'!$G$19=$B$24,21,0),0)),0)</f>
        <v>24.209202057060086</v>
      </c>
      <c r="F7874" cm="1">
        <f t="array" ref="F7874">IFERROR(INDEX(Jesper!AJ$2:AJ$366,ROUNDDOWN($C7874/24,0)+1,1)*INDEX($D$3:$AA$30,INDEX(Jesper!$R$2:$R$366,ROW(INDEX(Jesper!AJ$2:AJ$366,ROUNDDOWN($C7874/24,0)+1,1))-1)+IF('Standard Profiles'!$G$20=$B$10,7,0)+IF('Standard Profiles'!$G$20=$B$17,14,0)+IF('Standard Profiles'!$G$20=$B$24,21,0),MOD($C7874,24)+1)/SUM(INDEX($D$3:$AA$30,INDEX(Jesper!$R$2:$R$366,ROW(INDEX(Jesper!AJ$2:AJ$366,ROUNDDOWN($C7874/24,0)+1,1))-1)+IF('Standard Profiles'!$G$20=$B$10,7,0)+IF('Standard Profiles'!$G$20=$B$17,14,0)+IF('Standard Profiles'!$G$20=$B$24,21,0),0)),0)</f>
        <v>0</v>
      </c>
      <c r="G7874" cm="1">
        <f t="array" ref="G7874">IFERROR(INDEX(Jesper!AK$2:AK$366,ROUNDDOWN($C7874/24,0)+1,1)*INDEX($D$3:$AA$30,INDEX(Jesper!$R$2:$R$366,ROW(INDEX(Jesper!AK$2:AK$366,ROUNDDOWN($C7874/24,0)+1,1))-1)+IF('Standard Profiles'!$G$21=$B$10,7,0)+IF('Standard Profiles'!$G$21=$B$17,14,0)+IF('Standard Profiles'!$G$21=$B$24,21,0),MOD($C7874,24)+1)/SUM(INDEX($D$3:$AA$30,INDEX(Jesper!$R$2:$R$366,ROW(INDEX(Jesper!AK$2:AK$366,ROUNDDOWN($C7874/24,0)+1,1))-1)+IF('Standard Profiles'!$G$21=$B$10,7,0)+IF('Standard Profiles'!$G$21=$B$17,14,0)+IF('Standard Profiles'!$G$21=$B$24,21,0),0)),0)</f>
        <v>27.081171909274278</v>
      </c>
      <c r="H7874" cm="1">
        <f t="array" ref="H7874">IFERROR(INDEX(Jesper!AL$2:AL$366,ROUNDDOWN($C7874/24,0)+1,1)*INDEX($D$3:$AA$30,INDEX(Jesper!$R$2:$R$366,ROW(INDEX(Jesper!AL$2:AL$366,ROUNDDOWN($C7874/24,0)+1,1))-1)+IF('Standard Profiles'!$G$22=$B$10,7,0)+IF('Standard Profiles'!$G$22=$B$17,14,0)+IF('Standard Profiles'!$G$22=$B$24,21,0),MOD($C7874,24)+1)/SUM(INDEX($D$3:$AA$30,INDEX(Jesper!$R$2:$R$366,ROW(INDEX(Jesper!AL$2:AL$366,ROUNDDOWN($C7874/24,0)+1,1))-1)+IF('Standard Profiles'!$G$22=$B$10,7,0)+IF('Standard Profiles'!$G$22=$B$17,14,0)+IF('Standard Profiles'!$G$22=$B$24,21,0),0)),0)</f>
        <v>0</v>
      </c>
      <c r="I7874">
        <f t="shared" si="874"/>
        <v>12.998962516451646</v>
      </c>
      <c r="J7874">
        <f t="shared" si="875"/>
        <v>56.340476996756493</v>
      </c>
      <c r="K7874">
        <f t="shared" si="876"/>
        <v>2.2919448313490509</v>
      </c>
      <c r="L7874">
        <f t="shared" si="877"/>
        <v>1.1459724156745255</v>
      </c>
      <c r="M7874">
        <f t="shared" si="878"/>
        <v>0</v>
      </c>
      <c r="N7874" s="45">
        <f t="shared" si="879"/>
        <v>45253.666666647652</v>
      </c>
    </row>
    <row r="7875" spans="2:14" x14ac:dyDescent="0.25">
      <c r="B7875">
        <f t="shared" si="873"/>
        <v>4</v>
      </c>
      <c r="C7875" s="16">
        <v>7841</v>
      </c>
      <c r="D7875" cm="1">
        <f t="array" ref="D7875">IFERROR(INDEX(Jesper!AH$2:AH$366,ROUNDDOWN($C7875/24,0)+1,1)*INDEX($D$3:$AA$30,INDEX(Jesper!$R$2:$R$366,ROW(INDEX(Jesper!AH$2:AH$366,ROUNDDOWN($C7875/24,0)+1,1))-1)+IF('Standard Profiles'!$G$18=$B$10,7,0)+IF('Standard Profiles'!$G$18=$B$17,14,0)+IF('Standard Profiles'!$G$18=$B$24,21,0),MOD($C7875,24)+1)/SUM(INDEX($D$3:$AA$30,INDEX(Jesper!$R$2:$R$366,ROW(INDEX(Jesper!AH$2:AH$366,ROUNDDOWN($C7875/24,0)+1,1))-1)+IF('Standard Profiles'!$G$18=$B$10,7,0)+IF('Standard Profiles'!$G$18=$B$17,14,0)+IF('Standard Profiles'!$G$18=$B$24,21,0),0)),0)</f>
        <v>9.1707139538614388</v>
      </c>
      <c r="E7875" cm="1">
        <f t="array" ref="E7875">IFERROR(INDEX(Jesper!AI$2:AI$366,ROUNDDOWN($C7875/24,0)+1,1)*INDEX($D$3:$AA$30,INDEX(Jesper!$R$2:$R$366,ROW(INDEX(Jesper!AI$2:AI$366,ROUNDDOWN($C7875/24,0)+1,1))-1)+IF('Standard Profiles'!$G$19=$B$10,7,0)+IF('Standard Profiles'!$G$19=$B$17,14,0)+IF('Standard Profiles'!$G$19=$B$24,21,0),MOD($C7875,24)+1)/SUM(INDEX($D$3:$AA$30,INDEX(Jesper!$R$2:$R$366,ROW(INDEX(Jesper!AI$2:AI$366,ROUNDDOWN($C7875/24,0)+1,1))-1)+IF('Standard Profiles'!$G$19=$B$10,7,0)+IF('Standard Profiles'!$G$19=$B$17,14,0)+IF('Standard Profiles'!$G$19=$B$24,21,0),0)),0)</f>
        <v>10.332565965454585</v>
      </c>
      <c r="F7875" cm="1">
        <f t="array" ref="F7875">IFERROR(INDEX(Jesper!AJ$2:AJ$366,ROUNDDOWN($C7875/24,0)+1,1)*INDEX($D$3:$AA$30,INDEX(Jesper!$R$2:$R$366,ROW(INDEX(Jesper!AJ$2:AJ$366,ROUNDDOWN($C7875/24,0)+1,1))-1)+IF('Standard Profiles'!$G$20=$B$10,7,0)+IF('Standard Profiles'!$G$20=$B$17,14,0)+IF('Standard Profiles'!$G$20=$B$24,21,0),MOD($C7875,24)+1)/SUM(INDEX($D$3:$AA$30,INDEX(Jesper!$R$2:$R$366,ROW(INDEX(Jesper!AJ$2:AJ$366,ROUNDDOWN($C7875/24,0)+1,1))-1)+IF('Standard Profiles'!$G$20=$B$10,7,0)+IF('Standard Profiles'!$G$20=$B$17,14,0)+IF('Standard Profiles'!$G$20=$B$24,21,0),0)),0)</f>
        <v>0</v>
      </c>
      <c r="G7875" cm="1">
        <f t="array" ref="G7875">IFERROR(INDEX(Jesper!AK$2:AK$366,ROUNDDOWN($C7875/24,0)+1,1)*INDEX($D$3:$AA$30,INDEX(Jesper!$R$2:$R$366,ROW(INDEX(Jesper!AK$2:AK$366,ROUNDDOWN($C7875/24,0)+1,1))-1)+IF('Standard Profiles'!$G$21=$B$10,7,0)+IF('Standard Profiles'!$G$21=$B$17,14,0)+IF('Standard Profiles'!$G$21=$B$24,21,0),MOD($C7875,24)+1)/SUM(INDEX($D$3:$AA$30,INDEX(Jesper!$R$2:$R$366,ROW(INDEX(Jesper!AK$2:AK$366,ROUNDDOWN($C7875/24,0)+1,1))-1)+IF('Standard Profiles'!$G$21=$B$10,7,0)+IF('Standard Profiles'!$G$21=$B$17,14,0)+IF('Standard Profiles'!$G$21=$B$24,21,0),0)),0)</f>
        <v>21.533223647831203</v>
      </c>
      <c r="H7875" cm="1">
        <f t="array" ref="H7875">IFERROR(INDEX(Jesper!AL$2:AL$366,ROUNDDOWN($C7875/24,0)+1,1)*INDEX($D$3:$AA$30,INDEX(Jesper!$R$2:$R$366,ROW(INDEX(Jesper!AL$2:AL$366,ROUNDDOWN($C7875/24,0)+1,1))-1)+IF('Standard Profiles'!$G$22=$B$10,7,0)+IF('Standard Profiles'!$G$22=$B$17,14,0)+IF('Standard Profiles'!$G$22=$B$24,21,0),MOD($C7875,24)+1)/SUM(INDEX($D$3:$AA$30,INDEX(Jesper!$R$2:$R$366,ROW(INDEX(Jesper!AL$2:AL$366,ROUNDDOWN($C7875/24,0)+1,1))-1)+IF('Standard Profiles'!$G$22=$B$10,7,0)+IF('Standard Profiles'!$G$22=$B$17,14,0)+IF('Standard Profiles'!$G$22=$B$24,21,0),0)),0)</f>
        <v>0</v>
      </c>
      <c r="I7875">
        <f t="shared" si="874"/>
        <v>10.335947350958973</v>
      </c>
      <c r="J7875">
        <f t="shared" si="875"/>
        <v>29.233241983570423</v>
      </c>
      <c r="K7875">
        <f t="shared" si="876"/>
        <v>0.97820948841188682</v>
      </c>
      <c r="L7875">
        <f t="shared" si="877"/>
        <v>0.48910474420594341</v>
      </c>
      <c r="M7875">
        <f t="shared" si="878"/>
        <v>0</v>
      </c>
      <c r="N7875" s="45">
        <f t="shared" si="879"/>
        <v>45253.708333314316</v>
      </c>
    </row>
    <row r="7876" spans="2:14" x14ac:dyDescent="0.25">
      <c r="B7876">
        <f t="shared" si="873"/>
        <v>4</v>
      </c>
      <c r="C7876" s="16">
        <v>7842</v>
      </c>
      <c r="D7876" cm="1">
        <f t="array" ref="D7876">IFERROR(INDEX(Jesper!AH$2:AH$366,ROUNDDOWN($C7876/24,0)+1,1)*INDEX($D$3:$AA$30,INDEX(Jesper!$R$2:$R$366,ROW(INDEX(Jesper!AH$2:AH$366,ROUNDDOWN($C7876/24,0)+1,1))-1)+IF('Standard Profiles'!$G$18=$B$10,7,0)+IF('Standard Profiles'!$G$18=$B$17,14,0)+IF('Standard Profiles'!$G$18=$B$24,21,0),MOD($C7876,24)+1)/SUM(INDEX($D$3:$AA$30,INDEX(Jesper!$R$2:$R$366,ROW(INDEX(Jesper!AH$2:AH$366,ROUNDDOWN($C7876/24,0)+1,1))-1)+IF('Standard Profiles'!$G$18=$B$10,7,0)+IF('Standard Profiles'!$G$18=$B$17,14,0)+IF('Standard Profiles'!$G$18=$B$24,21,0),0)),0)</f>
        <v>6.0526712095485493</v>
      </c>
      <c r="E7876" cm="1">
        <f t="array" ref="E7876">IFERROR(INDEX(Jesper!AI$2:AI$366,ROUNDDOWN($C7876/24,0)+1,1)*INDEX($D$3:$AA$30,INDEX(Jesper!$R$2:$R$366,ROW(INDEX(Jesper!AI$2:AI$366,ROUNDDOWN($C7876/24,0)+1,1))-1)+IF('Standard Profiles'!$G$19=$B$10,7,0)+IF('Standard Profiles'!$G$19=$B$17,14,0)+IF('Standard Profiles'!$G$19=$B$24,21,0),MOD($C7876,24)+1)/SUM(INDEX($D$3:$AA$30,INDEX(Jesper!$R$2:$R$366,ROW(INDEX(Jesper!AI$2:AI$366,ROUNDDOWN($C7876/24,0)+1,1))-1)+IF('Standard Profiles'!$G$19=$B$10,7,0)+IF('Standard Profiles'!$G$19=$B$17,14,0)+IF('Standard Profiles'!$G$19=$B$24,21,0),0)),0)</f>
        <v>6.8194935372000254</v>
      </c>
      <c r="F7876" cm="1">
        <f t="array" ref="F7876">IFERROR(INDEX(Jesper!AJ$2:AJ$366,ROUNDDOWN($C7876/24,0)+1,1)*INDEX($D$3:$AA$30,INDEX(Jesper!$R$2:$R$366,ROW(INDEX(Jesper!AJ$2:AJ$366,ROUNDDOWN($C7876/24,0)+1,1))-1)+IF('Standard Profiles'!$G$20=$B$10,7,0)+IF('Standard Profiles'!$G$20=$B$17,14,0)+IF('Standard Profiles'!$G$20=$B$24,21,0),MOD($C7876,24)+1)/SUM(INDEX($D$3:$AA$30,INDEX(Jesper!$R$2:$R$366,ROW(INDEX(Jesper!AJ$2:AJ$366,ROUNDDOWN($C7876/24,0)+1,1))-1)+IF('Standard Profiles'!$G$20=$B$10,7,0)+IF('Standard Profiles'!$G$20=$B$17,14,0)+IF('Standard Profiles'!$G$20=$B$24,21,0),0)),0)</f>
        <v>0</v>
      </c>
      <c r="G7876" cm="1">
        <f t="array" ref="G7876">IFERROR(INDEX(Jesper!AK$2:AK$366,ROUNDDOWN($C7876/24,0)+1,1)*INDEX($D$3:$AA$30,INDEX(Jesper!$R$2:$R$366,ROW(INDEX(Jesper!AK$2:AK$366,ROUNDDOWN($C7876/24,0)+1,1))-1)+IF('Standard Profiles'!$G$21=$B$10,7,0)+IF('Standard Profiles'!$G$21=$B$17,14,0)+IF('Standard Profiles'!$G$21=$B$24,21,0),MOD($C7876,24)+1)/SUM(INDEX($D$3:$AA$30,INDEX(Jesper!$R$2:$R$366,ROW(INDEX(Jesper!AK$2:AK$366,ROUNDDOWN($C7876/24,0)+1,1))-1)+IF('Standard Profiles'!$G$21=$B$10,7,0)+IF('Standard Profiles'!$G$21=$B$17,14,0)+IF('Standard Profiles'!$G$21=$B$24,21,0),0)),0)</f>
        <v>7.9826593689828389</v>
      </c>
      <c r="H7876" cm="1">
        <f t="array" ref="H7876">IFERROR(INDEX(Jesper!AL$2:AL$366,ROUNDDOWN($C7876/24,0)+1,1)*INDEX($D$3:$AA$30,INDEX(Jesper!$R$2:$R$366,ROW(INDEX(Jesper!AL$2:AL$366,ROUNDDOWN($C7876/24,0)+1,1))-1)+IF('Standard Profiles'!$G$22=$B$10,7,0)+IF('Standard Profiles'!$G$22=$B$17,14,0)+IF('Standard Profiles'!$G$22=$B$24,21,0),MOD($C7876,24)+1)/SUM(INDEX($D$3:$AA$30,INDEX(Jesper!$R$2:$R$366,ROW(INDEX(Jesper!AL$2:AL$366,ROUNDDOWN($C7876/24,0)+1,1))-1)+IF('Standard Profiles'!$G$22=$B$10,7,0)+IF('Standard Profiles'!$G$22=$B$17,14,0)+IF('Standard Profiles'!$G$22=$B$24,21,0),0)),0)</f>
        <v>0</v>
      </c>
      <c r="I7876">
        <f t="shared" si="874"/>
        <v>3.8316764971117609</v>
      </c>
      <c r="J7876">
        <f t="shared" si="875"/>
        <v>16.054720225091884</v>
      </c>
      <c r="K7876">
        <f t="shared" si="876"/>
        <v>0.64561826235184527</v>
      </c>
      <c r="L7876">
        <f t="shared" si="877"/>
        <v>0.32280913117592264</v>
      </c>
      <c r="M7876">
        <f t="shared" si="878"/>
        <v>0</v>
      </c>
      <c r="N7876" s="45">
        <f t="shared" si="879"/>
        <v>45253.749999980981</v>
      </c>
    </row>
    <row r="7877" spans="2:14" x14ac:dyDescent="0.25">
      <c r="B7877">
        <f t="shared" si="873"/>
        <v>4</v>
      </c>
      <c r="C7877" s="16">
        <v>7843</v>
      </c>
      <c r="D7877" cm="1">
        <f t="array" ref="D7877">IFERROR(INDEX(Jesper!AH$2:AH$366,ROUNDDOWN($C7877/24,0)+1,1)*INDEX($D$3:$AA$30,INDEX(Jesper!$R$2:$R$366,ROW(INDEX(Jesper!AH$2:AH$366,ROUNDDOWN($C7877/24,0)+1,1))-1)+IF('Standard Profiles'!$G$18=$B$10,7,0)+IF('Standard Profiles'!$G$18=$B$17,14,0)+IF('Standard Profiles'!$G$18=$B$24,21,0),MOD($C7877,24)+1)/SUM(INDEX($D$3:$AA$30,INDEX(Jesper!$R$2:$R$366,ROW(INDEX(Jesper!AH$2:AH$366,ROUNDDOWN($C7877/24,0)+1,1))-1)+IF('Standard Profiles'!$G$18=$B$10,7,0)+IF('Standard Profiles'!$G$18=$B$17,14,0)+IF('Standard Profiles'!$G$18=$B$24,21,0),0)),0)</f>
        <v>6.0526712095485493</v>
      </c>
      <c r="E7877" cm="1">
        <f t="array" ref="E7877">IFERROR(INDEX(Jesper!AI$2:AI$366,ROUNDDOWN($C7877/24,0)+1,1)*INDEX($D$3:$AA$30,INDEX(Jesper!$R$2:$R$366,ROW(INDEX(Jesper!AI$2:AI$366,ROUNDDOWN($C7877/24,0)+1,1))-1)+IF('Standard Profiles'!$G$19=$B$10,7,0)+IF('Standard Profiles'!$G$19=$B$17,14,0)+IF('Standard Profiles'!$G$19=$B$24,21,0),MOD($C7877,24)+1)/SUM(INDEX($D$3:$AA$30,INDEX(Jesper!$R$2:$R$366,ROW(INDEX(Jesper!AI$2:AI$366,ROUNDDOWN($C7877/24,0)+1,1))-1)+IF('Standard Profiles'!$G$19=$B$10,7,0)+IF('Standard Profiles'!$G$19=$B$17,14,0)+IF('Standard Profiles'!$G$19=$B$24,21,0),0)),0)</f>
        <v>6.8194935372000254</v>
      </c>
      <c r="F7877" cm="1">
        <f t="array" ref="F7877">IFERROR(INDEX(Jesper!AJ$2:AJ$366,ROUNDDOWN($C7877/24,0)+1,1)*INDEX($D$3:$AA$30,INDEX(Jesper!$R$2:$R$366,ROW(INDEX(Jesper!AJ$2:AJ$366,ROUNDDOWN($C7877/24,0)+1,1))-1)+IF('Standard Profiles'!$G$20=$B$10,7,0)+IF('Standard Profiles'!$G$20=$B$17,14,0)+IF('Standard Profiles'!$G$20=$B$24,21,0),MOD($C7877,24)+1)/SUM(INDEX($D$3:$AA$30,INDEX(Jesper!$R$2:$R$366,ROW(INDEX(Jesper!AJ$2:AJ$366,ROUNDDOWN($C7877/24,0)+1,1))-1)+IF('Standard Profiles'!$G$20=$B$10,7,0)+IF('Standard Profiles'!$G$20=$B$17,14,0)+IF('Standard Profiles'!$G$20=$B$24,21,0),0)),0)</f>
        <v>0</v>
      </c>
      <c r="G7877" cm="1">
        <f t="array" ref="G7877">IFERROR(INDEX(Jesper!AK$2:AK$366,ROUNDDOWN($C7877/24,0)+1,1)*INDEX($D$3:$AA$30,INDEX(Jesper!$R$2:$R$366,ROW(INDEX(Jesper!AK$2:AK$366,ROUNDDOWN($C7877/24,0)+1,1))-1)+IF('Standard Profiles'!$G$21=$B$10,7,0)+IF('Standard Profiles'!$G$21=$B$17,14,0)+IF('Standard Profiles'!$G$21=$B$24,21,0),MOD($C7877,24)+1)/SUM(INDEX($D$3:$AA$30,INDEX(Jesper!$R$2:$R$366,ROW(INDEX(Jesper!AK$2:AK$366,ROUNDDOWN($C7877/24,0)+1,1))-1)+IF('Standard Profiles'!$G$21=$B$10,7,0)+IF('Standard Profiles'!$G$21=$B$17,14,0)+IF('Standard Profiles'!$G$21=$B$24,21,0),0)),0)</f>
        <v>7.9826593689828389</v>
      </c>
      <c r="H7877" cm="1">
        <f t="array" ref="H7877">IFERROR(INDEX(Jesper!AL$2:AL$366,ROUNDDOWN($C7877/24,0)+1,1)*INDEX($D$3:$AA$30,INDEX(Jesper!$R$2:$R$366,ROW(INDEX(Jesper!AL$2:AL$366,ROUNDDOWN($C7877/24,0)+1,1))-1)+IF('Standard Profiles'!$G$22=$B$10,7,0)+IF('Standard Profiles'!$G$22=$B$17,14,0)+IF('Standard Profiles'!$G$22=$B$24,21,0),MOD($C7877,24)+1)/SUM(INDEX($D$3:$AA$30,INDEX(Jesper!$R$2:$R$366,ROW(INDEX(Jesper!AL$2:AL$366,ROUNDDOWN($C7877/24,0)+1,1))-1)+IF('Standard Profiles'!$G$22=$B$10,7,0)+IF('Standard Profiles'!$G$22=$B$17,14,0)+IF('Standard Profiles'!$G$22=$B$24,21,0),0)),0)</f>
        <v>0</v>
      </c>
      <c r="I7877">
        <f t="shared" si="874"/>
        <v>3.8316764971117609</v>
      </c>
      <c r="J7877">
        <f t="shared" si="875"/>
        <v>16.054720225091884</v>
      </c>
      <c r="K7877">
        <f t="shared" si="876"/>
        <v>0.64561826235184527</v>
      </c>
      <c r="L7877">
        <f t="shared" si="877"/>
        <v>0.32280913117592264</v>
      </c>
      <c r="M7877">
        <f t="shared" si="878"/>
        <v>0</v>
      </c>
      <c r="N7877" s="45">
        <f t="shared" si="879"/>
        <v>45253.791666647645</v>
      </c>
    </row>
    <row r="7878" spans="2:14" x14ac:dyDescent="0.25">
      <c r="B7878">
        <f t="shared" si="873"/>
        <v>4</v>
      </c>
      <c r="C7878" s="16">
        <v>7844</v>
      </c>
      <c r="D7878" cm="1">
        <f t="array" ref="D7878">IFERROR(INDEX(Jesper!AH$2:AH$366,ROUNDDOWN($C7878/24,0)+1,1)*INDEX($D$3:$AA$30,INDEX(Jesper!$R$2:$R$366,ROW(INDEX(Jesper!AH$2:AH$366,ROUNDDOWN($C7878/24,0)+1,1))-1)+IF('Standard Profiles'!$G$18=$B$10,7,0)+IF('Standard Profiles'!$G$18=$B$17,14,0)+IF('Standard Profiles'!$G$18=$B$24,21,0),MOD($C7878,24)+1)/SUM(INDEX($D$3:$AA$30,INDEX(Jesper!$R$2:$R$366,ROW(INDEX(Jesper!AH$2:AH$366,ROUNDDOWN($C7878/24,0)+1,1))-1)+IF('Standard Profiles'!$G$18=$B$10,7,0)+IF('Standard Profiles'!$G$18=$B$17,14,0)+IF('Standard Profiles'!$G$18=$B$24,21,0),0)),0)</f>
        <v>6.0526712095485493</v>
      </c>
      <c r="E7878" cm="1">
        <f t="array" ref="E7878">IFERROR(INDEX(Jesper!AI$2:AI$366,ROUNDDOWN($C7878/24,0)+1,1)*INDEX($D$3:$AA$30,INDEX(Jesper!$R$2:$R$366,ROW(INDEX(Jesper!AI$2:AI$366,ROUNDDOWN($C7878/24,0)+1,1))-1)+IF('Standard Profiles'!$G$19=$B$10,7,0)+IF('Standard Profiles'!$G$19=$B$17,14,0)+IF('Standard Profiles'!$G$19=$B$24,21,0),MOD($C7878,24)+1)/SUM(INDEX($D$3:$AA$30,INDEX(Jesper!$R$2:$R$366,ROW(INDEX(Jesper!AI$2:AI$366,ROUNDDOWN($C7878/24,0)+1,1))-1)+IF('Standard Profiles'!$G$19=$B$10,7,0)+IF('Standard Profiles'!$G$19=$B$17,14,0)+IF('Standard Profiles'!$G$19=$B$24,21,0),0)),0)</f>
        <v>6.8194935372000254</v>
      </c>
      <c r="F7878" cm="1">
        <f t="array" ref="F7878">IFERROR(INDEX(Jesper!AJ$2:AJ$366,ROUNDDOWN($C7878/24,0)+1,1)*INDEX($D$3:$AA$30,INDEX(Jesper!$R$2:$R$366,ROW(INDEX(Jesper!AJ$2:AJ$366,ROUNDDOWN($C7878/24,0)+1,1))-1)+IF('Standard Profiles'!$G$20=$B$10,7,0)+IF('Standard Profiles'!$G$20=$B$17,14,0)+IF('Standard Profiles'!$G$20=$B$24,21,0),MOD($C7878,24)+1)/SUM(INDEX($D$3:$AA$30,INDEX(Jesper!$R$2:$R$366,ROW(INDEX(Jesper!AJ$2:AJ$366,ROUNDDOWN($C7878/24,0)+1,1))-1)+IF('Standard Profiles'!$G$20=$B$10,7,0)+IF('Standard Profiles'!$G$20=$B$17,14,0)+IF('Standard Profiles'!$G$20=$B$24,21,0),0)),0)</f>
        <v>0</v>
      </c>
      <c r="G7878" cm="1">
        <f t="array" ref="G7878">IFERROR(INDEX(Jesper!AK$2:AK$366,ROUNDDOWN($C7878/24,0)+1,1)*INDEX($D$3:$AA$30,INDEX(Jesper!$R$2:$R$366,ROW(INDEX(Jesper!AK$2:AK$366,ROUNDDOWN($C7878/24,0)+1,1))-1)+IF('Standard Profiles'!$G$21=$B$10,7,0)+IF('Standard Profiles'!$G$21=$B$17,14,0)+IF('Standard Profiles'!$G$21=$B$24,21,0),MOD($C7878,24)+1)/SUM(INDEX($D$3:$AA$30,INDEX(Jesper!$R$2:$R$366,ROW(INDEX(Jesper!AK$2:AK$366,ROUNDDOWN($C7878/24,0)+1,1))-1)+IF('Standard Profiles'!$G$21=$B$10,7,0)+IF('Standard Profiles'!$G$21=$B$17,14,0)+IF('Standard Profiles'!$G$21=$B$24,21,0),0)),0)</f>
        <v>7.9826593689828389</v>
      </c>
      <c r="H7878" cm="1">
        <f t="array" ref="H7878">IFERROR(INDEX(Jesper!AL$2:AL$366,ROUNDDOWN($C7878/24,0)+1,1)*INDEX($D$3:$AA$30,INDEX(Jesper!$R$2:$R$366,ROW(INDEX(Jesper!AL$2:AL$366,ROUNDDOWN($C7878/24,0)+1,1))-1)+IF('Standard Profiles'!$G$22=$B$10,7,0)+IF('Standard Profiles'!$G$22=$B$17,14,0)+IF('Standard Profiles'!$G$22=$B$24,21,0),MOD($C7878,24)+1)/SUM(INDEX($D$3:$AA$30,INDEX(Jesper!$R$2:$R$366,ROW(INDEX(Jesper!AL$2:AL$366,ROUNDDOWN($C7878/24,0)+1,1))-1)+IF('Standard Profiles'!$G$22=$B$10,7,0)+IF('Standard Profiles'!$G$22=$B$17,14,0)+IF('Standard Profiles'!$G$22=$B$24,21,0),0)),0)</f>
        <v>0</v>
      </c>
      <c r="I7878">
        <f t="shared" si="874"/>
        <v>3.8316764971117609</v>
      </c>
      <c r="J7878">
        <f t="shared" si="875"/>
        <v>16.054720225091884</v>
      </c>
      <c r="K7878">
        <f t="shared" si="876"/>
        <v>0.64561826235184527</v>
      </c>
      <c r="L7878">
        <f t="shared" si="877"/>
        <v>0.32280913117592264</v>
      </c>
      <c r="M7878">
        <f t="shared" si="878"/>
        <v>0</v>
      </c>
      <c r="N7878" s="45">
        <f t="shared" si="879"/>
        <v>45253.833333314309</v>
      </c>
    </row>
    <row r="7879" spans="2:14" x14ac:dyDescent="0.25">
      <c r="B7879">
        <f t="shared" si="873"/>
        <v>4</v>
      </c>
      <c r="C7879" s="16">
        <v>7845</v>
      </c>
      <c r="D7879" cm="1">
        <f t="array" ref="D7879">IFERROR(INDEX(Jesper!AH$2:AH$366,ROUNDDOWN($C7879/24,0)+1,1)*INDEX($D$3:$AA$30,INDEX(Jesper!$R$2:$R$366,ROW(INDEX(Jesper!AH$2:AH$366,ROUNDDOWN($C7879/24,0)+1,1))-1)+IF('Standard Profiles'!$G$18=$B$10,7,0)+IF('Standard Profiles'!$G$18=$B$17,14,0)+IF('Standard Profiles'!$G$18=$B$24,21,0),MOD($C7879,24)+1)/SUM(INDEX($D$3:$AA$30,INDEX(Jesper!$R$2:$R$366,ROW(INDEX(Jesper!AH$2:AH$366,ROUNDDOWN($C7879/24,0)+1,1))-1)+IF('Standard Profiles'!$G$18=$B$10,7,0)+IF('Standard Profiles'!$G$18=$B$17,14,0)+IF('Standard Profiles'!$G$18=$B$24,21,0),0)),0)</f>
        <v>6.0526712095485493</v>
      </c>
      <c r="E7879" cm="1">
        <f t="array" ref="E7879">IFERROR(INDEX(Jesper!AI$2:AI$366,ROUNDDOWN($C7879/24,0)+1,1)*INDEX($D$3:$AA$30,INDEX(Jesper!$R$2:$R$366,ROW(INDEX(Jesper!AI$2:AI$366,ROUNDDOWN($C7879/24,0)+1,1))-1)+IF('Standard Profiles'!$G$19=$B$10,7,0)+IF('Standard Profiles'!$G$19=$B$17,14,0)+IF('Standard Profiles'!$G$19=$B$24,21,0),MOD($C7879,24)+1)/SUM(INDEX($D$3:$AA$30,INDEX(Jesper!$R$2:$R$366,ROW(INDEX(Jesper!AI$2:AI$366,ROUNDDOWN($C7879/24,0)+1,1))-1)+IF('Standard Profiles'!$G$19=$B$10,7,0)+IF('Standard Profiles'!$G$19=$B$17,14,0)+IF('Standard Profiles'!$G$19=$B$24,21,0),0)),0)</f>
        <v>6.8194935372000254</v>
      </c>
      <c r="F7879" cm="1">
        <f t="array" ref="F7879">IFERROR(INDEX(Jesper!AJ$2:AJ$366,ROUNDDOWN($C7879/24,0)+1,1)*INDEX($D$3:$AA$30,INDEX(Jesper!$R$2:$R$366,ROW(INDEX(Jesper!AJ$2:AJ$366,ROUNDDOWN($C7879/24,0)+1,1))-1)+IF('Standard Profiles'!$G$20=$B$10,7,0)+IF('Standard Profiles'!$G$20=$B$17,14,0)+IF('Standard Profiles'!$G$20=$B$24,21,0),MOD($C7879,24)+1)/SUM(INDEX($D$3:$AA$30,INDEX(Jesper!$R$2:$R$366,ROW(INDEX(Jesper!AJ$2:AJ$366,ROUNDDOWN($C7879/24,0)+1,1))-1)+IF('Standard Profiles'!$G$20=$B$10,7,0)+IF('Standard Profiles'!$G$20=$B$17,14,0)+IF('Standard Profiles'!$G$20=$B$24,21,0),0)),0)</f>
        <v>0</v>
      </c>
      <c r="G7879" cm="1">
        <f t="array" ref="G7879">IFERROR(INDEX(Jesper!AK$2:AK$366,ROUNDDOWN($C7879/24,0)+1,1)*INDEX($D$3:$AA$30,INDEX(Jesper!$R$2:$R$366,ROW(INDEX(Jesper!AK$2:AK$366,ROUNDDOWN($C7879/24,0)+1,1))-1)+IF('Standard Profiles'!$G$21=$B$10,7,0)+IF('Standard Profiles'!$G$21=$B$17,14,0)+IF('Standard Profiles'!$G$21=$B$24,21,0),MOD($C7879,24)+1)/SUM(INDEX($D$3:$AA$30,INDEX(Jesper!$R$2:$R$366,ROW(INDEX(Jesper!AK$2:AK$366,ROUNDDOWN($C7879/24,0)+1,1))-1)+IF('Standard Profiles'!$G$21=$B$10,7,0)+IF('Standard Profiles'!$G$21=$B$17,14,0)+IF('Standard Profiles'!$G$21=$B$24,21,0),0)),0)</f>
        <v>7.9826593689828389</v>
      </c>
      <c r="H7879" cm="1">
        <f t="array" ref="H7879">IFERROR(INDEX(Jesper!AL$2:AL$366,ROUNDDOWN($C7879/24,0)+1,1)*INDEX($D$3:$AA$30,INDEX(Jesper!$R$2:$R$366,ROW(INDEX(Jesper!AL$2:AL$366,ROUNDDOWN($C7879/24,0)+1,1))-1)+IF('Standard Profiles'!$G$22=$B$10,7,0)+IF('Standard Profiles'!$G$22=$B$17,14,0)+IF('Standard Profiles'!$G$22=$B$24,21,0),MOD($C7879,24)+1)/SUM(INDEX($D$3:$AA$30,INDEX(Jesper!$R$2:$R$366,ROW(INDEX(Jesper!AL$2:AL$366,ROUNDDOWN($C7879/24,0)+1,1))-1)+IF('Standard Profiles'!$G$22=$B$10,7,0)+IF('Standard Profiles'!$G$22=$B$17,14,0)+IF('Standard Profiles'!$G$22=$B$24,21,0),0)),0)</f>
        <v>0</v>
      </c>
      <c r="I7879">
        <f t="shared" si="874"/>
        <v>3.8316764971117609</v>
      </c>
      <c r="J7879">
        <f t="shared" si="875"/>
        <v>16.054720225091884</v>
      </c>
      <c r="K7879">
        <f t="shared" si="876"/>
        <v>0.64561826235184527</v>
      </c>
      <c r="L7879">
        <f t="shared" si="877"/>
        <v>0.32280913117592264</v>
      </c>
      <c r="M7879">
        <f t="shared" si="878"/>
        <v>0</v>
      </c>
      <c r="N7879" s="45">
        <f t="shared" si="879"/>
        <v>45253.874999980973</v>
      </c>
    </row>
    <row r="7880" spans="2:14" x14ac:dyDescent="0.25">
      <c r="B7880">
        <f t="shared" si="873"/>
        <v>4</v>
      </c>
      <c r="C7880" s="16">
        <v>7846</v>
      </c>
      <c r="D7880" cm="1">
        <f t="array" ref="D7880">IFERROR(INDEX(Jesper!AH$2:AH$366,ROUNDDOWN($C7880/24,0)+1,1)*INDEX($D$3:$AA$30,INDEX(Jesper!$R$2:$R$366,ROW(INDEX(Jesper!AH$2:AH$366,ROUNDDOWN($C7880/24,0)+1,1))-1)+IF('Standard Profiles'!$G$18=$B$10,7,0)+IF('Standard Profiles'!$G$18=$B$17,14,0)+IF('Standard Profiles'!$G$18=$B$24,21,0),MOD($C7880,24)+1)/SUM(INDEX($D$3:$AA$30,INDEX(Jesper!$R$2:$R$366,ROW(INDEX(Jesper!AH$2:AH$366,ROUNDDOWN($C7880/24,0)+1,1))-1)+IF('Standard Profiles'!$G$18=$B$10,7,0)+IF('Standard Profiles'!$G$18=$B$17,14,0)+IF('Standard Profiles'!$G$18=$B$24,21,0),0)),0)</f>
        <v>6.0526712095485493</v>
      </c>
      <c r="E7880" cm="1">
        <f t="array" ref="E7880">IFERROR(INDEX(Jesper!AI$2:AI$366,ROUNDDOWN($C7880/24,0)+1,1)*INDEX($D$3:$AA$30,INDEX(Jesper!$R$2:$R$366,ROW(INDEX(Jesper!AI$2:AI$366,ROUNDDOWN($C7880/24,0)+1,1))-1)+IF('Standard Profiles'!$G$19=$B$10,7,0)+IF('Standard Profiles'!$G$19=$B$17,14,0)+IF('Standard Profiles'!$G$19=$B$24,21,0),MOD($C7880,24)+1)/SUM(INDEX($D$3:$AA$30,INDEX(Jesper!$R$2:$R$366,ROW(INDEX(Jesper!AI$2:AI$366,ROUNDDOWN($C7880/24,0)+1,1))-1)+IF('Standard Profiles'!$G$19=$B$10,7,0)+IF('Standard Profiles'!$G$19=$B$17,14,0)+IF('Standard Profiles'!$G$19=$B$24,21,0),0)),0)</f>
        <v>6.8194935372000254</v>
      </c>
      <c r="F7880" cm="1">
        <f t="array" ref="F7880">IFERROR(INDEX(Jesper!AJ$2:AJ$366,ROUNDDOWN($C7880/24,0)+1,1)*INDEX($D$3:$AA$30,INDEX(Jesper!$R$2:$R$366,ROW(INDEX(Jesper!AJ$2:AJ$366,ROUNDDOWN($C7880/24,0)+1,1))-1)+IF('Standard Profiles'!$G$20=$B$10,7,0)+IF('Standard Profiles'!$G$20=$B$17,14,0)+IF('Standard Profiles'!$G$20=$B$24,21,0),MOD($C7880,24)+1)/SUM(INDEX($D$3:$AA$30,INDEX(Jesper!$R$2:$R$366,ROW(INDEX(Jesper!AJ$2:AJ$366,ROUNDDOWN($C7880/24,0)+1,1))-1)+IF('Standard Profiles'!$G$20=$B$10,7,0)+IF('Standard Profiles'!$G$20=$B$17,14,0)+IF('Standard Profiles'!$G$20=$B$24,21,0),0)),0)</f>
        <v>0</v>
      </c>
      <c r="G7880" cm="1">
        <f t="array" ref="G7880">IFERROR(INDEX(Jesper!AK$2:AK$366,ROUNDDOWN($C7880/24,0)+1,1)*INDEX($D$3:$AA$30,INDEX(Jesper!$R$2:$R$366,ROW(INDEX(Jesper!AK$2:AK$366,ROUNDDOWN($C7880/24,0)+1,1))-1)+IF('Standard Profiles'!$G$21=$B$10,7,0)+IF('Standard Profiles'!$G$21=$B$17,14,0)+IF('Standard Profiles'!$G$21=$B$24,21,0),MOD($C7880,24)+1)/SUM(INDEX($D$3:$AA$30,INDEX(Jesper!$R$2:$R$366,ROW(INDEX(Jesper!AK$2:AK$366,ROUNDDOWN($C7880/24,0)+1,1))-1)+IF('Standard Profiles'!$G$21=$B$10,7,0)+IF('Standard Profiles'!$G$21=$B$17,14,0)+IF('Standard Profiles'!$G$21=$B$24,21,0),0)),0)</f>
        <v>7.9826593689828389</v>
      </c>
      <c r="H7880" cm="1">
        <f t="array" ref="H7880">IFERROR(INDEX(Jesper!AL$2:AL$366,ROUNDDOWN($C7880/24,0)+1,1)*INDEX($D$3:$AA$30,INDEX(Jesper!$R$2:$R$366,ROW(INDEX(Jesper!AL$2:AL$366,ROUNDDOWN($C7880/24,0)+1,1))-1)+IF('Standard Profiles'!$G$22=$B$10,7,0)+IF('Standard Profiles'!$G$22=$B$17,14,0)+IF('Standard Profiles'!$G$22=$B$24,21,0),MOD($C7880,24)+1)/SUM(INDEX($D$3:$AA$30,INDEX(Jesper!$R$2:$R$366,ROW(INDEX(Jesper!AL$2:AL$366,ROUNDDOWN($C7880/24,0)+1,1))-1)+IF('Standard Profiles'!$G$22=$B$10,7,0)+IF('Standard Profiles'!$G$22=$B$17,14,0)+IF('Standard Profiles'!$G$22=$B$24,21,0),0)),0)</f>
        <v>0</v>
      </c>
      <c r="I7880">
        <f t="shared" si="874"/>
        <v>3.8316764971117609</v>
      </c>
      <c r="J7880">
        <f t="shared" si="875"/>
        <v>16.054720225091884</v>
      </c>
      <c r="K7880">
        <f t="shared" si="876"/>
        <v>0.64561826235184527</v>
      </c>
      <c r="L7880">
        <f t="shared" si="877"/>
        <v>0.32280913117592264</v>
      </c>
      <c r="M7880">
        <f t="shared" si="878"/>
        <v>0</v>
      </c>
      <c r="N7880" s="45">
        <f t="shared" si="879"/>
        <v>45253.916666647638</v>
      </c>
    </row>
    <row r="7881" spans="2:14" x14ac:dyDescent="0.25">
      <c r="B7881">
        <f t="shared" si="873"/>
        <v>4</v>
      </c>
      <c r="C7881" s="16">
        <v>7847</v>
      </c>
      <c r="D7881" cm="1">
        <f t="array" ref="D7881">IFERROR(INDEX(Jesper!AH$2:AH$366,ROUNDDOWN($C7881/24,0)+1,1)*INDEX($D$3:$AA$30,INDEX(Jesper!$R$2:$R$366,ROW(INDEX(Jesper!AH$2:AH$366,ROUNDDOWN($C7881/24,0)+1,1))-1)+IF('Standard Profiles'!$G$18=$B$10,7,0)+IF('Standard Profiles'!$G$18=$B$17,14,0)+IF('Standard Profiles'!$G$18=$B$24,21,0),MOD($C7881,24)+1)/SUM(INDEX($D$3:$AA$30,INDEX(Jesper!$R$2:$R$366,ROW(INDEX(Jesper!AH$2:AH$366,ROUNDDOWN($C7881/24,0)+1,1))-1)+IF('Standard Profiles'!$G$18=$B$10,7,0)+IF('Standard Profiles'!$G$18=$B$17,14,0)+IF('Standard Profiles'!$G$18=$B$24,21,0),0)),0)</f>
        <v>6.0526712095485493</v>
      </c>
      <c r="E7881" cm="1">
        <f t="array" ref="E7881">IFERROR(INDEX(Jesper!AI$2:AI$366,ROUNDDOWN($C7881/24,0)+1,1)*INDEX($D$3:$AA$30,INDEX(Jesper!$R$2:$R$366,ROW(INDEX(Jesper!AI$2:AI$366,ROUNDDOWN($C7881/24,0)+1,1))-1)+IF('Standard Profiles'!$G$19=$B$10,7,0)+IF('Standard Profiles'!$G$19=$B$17,14,0)+IF('Standard Profiles'!$G$19=$B$24,21,0),MOD($C7881,24)+1)/SUM(INDEX($D$3:$AA$30,INDEX(Jesper!$R$2:$R$366,ROW(INDEX(Jesper!AI$2:AI$366,ROUNDDOWN($C7881/24,0)+1,1))-1)+IF('Standard Profiles'!$G$19=$B$10,7,0)+IF('Standard Profiles'!$G$19=$B$17,14,0)+IF('Standard Profiles'!$G$19=$B$24,21,0),0)),0)</f>
        <v>6.8194935372000254</v>
      </c>
      <c r="F7881" cm="1">
        <f t="array" ref="F7881">IFERROR(INDEX(Jesper!AJ$2:AJ$366,ROUNDDOWN($C7881/24,0)+1,1)*INDEX($D$3:$AA$30,INDEX(Jesper!$R$2:$R$366,ROW(INDEX(Jesper!AJ$2:AJ$366,ROUNDDOWN($C7881/24,0)+1,1))-1)+IF('Standard Profiles'!$G$20=$B$10,7,0)+IF('Standard Profiles'!$G$20=$B$17,14,0)+IF('Standard Profiles'!$G$20=$B$24,21,0),MOD($C7881,24)+1)/SUM(INDEX($D$3:$AA$30,INDEX(Jesper!$R$2:$R$366,ROW(INDEX(Jesper!AJ$2:AJ$366,ROUNDDOWN($C7881/24,0)+1,1))-1)+IF('Standard Profiles'!$G$20=$B$10,7,0)+IF('Standard Profiles'!$G$20=$B$17,14,0)+IF('Standard Profiles'!$G$20=$B$24,21,0),0)),0)</f>
        <v>0</v>
      </c>
      <c r="G7881" cm="1">
        <f t="array" ref="G7881">IFERROR(INDEX(Jesper!AK$2:AK$366,ROUNDDOWN($C7881/24,0)+1,1)*INDEX($D$3:$AA$30,INDEX(Jesper!$R$2:$R$366,ROW(INDEX(Jesper!AK$2:AK$366,ROUNDDOWN($C7881/24,0)+1,1))-1)+IF('Standard Profiles'!$G$21=$B$10,7,0)+IF('Standard Profiles'!$G$21=$B$17,14,0)+IF('Standard Profiles'!$G$21=$B$24,21,0),MOD($C7881,24)+1)/SUM(INDEX($D$3:$AA$30,INDEX(Jesper!$R$2:$R$366,ROW(INDEX(Jesper!AK$2:AK$366,ROUNDDOWN($C7881/24,0)+1,1))-1)+IF('Standard Profiles'!$G$21=$B$10,7,0)+IF('Standard Profiles'!$G$21=$B$17,14,0)+IF('Standard Profiles'!$G$21=$B$24,21,0),0)),0)</f>
        <v>7.9826593689828389</v>
      </c>
      <c r="H7881" cm="1">
        <f t="array" ref="H7881">IFERROR(INDEX(Jesper!AL$2:AL$366,ROUNDDOWN($C7881/24,0)+1,1)*INDEX($D$3:$AA$30,INDEX(Jesper!$R$2:$R$366,ROW(INDEX(Jesper!AL$2:AL$366,ROUNDDOWN($C7881/24,0)+1,1))-1)+IF('Standard Profiles'!$G$22=$B$10,7,0)+IF('Standard Profiles'!$G$22=$B$17,14,0)+IF('Standard Profiles'!$G$22=$B$24,21,0),MOD($C7881,24)+1)/SUM(INDEX($D$3:$AA$30,INDEX(Jesper!$R$2:$R$366,ROW(INDEX(Jesper!AL$2:AL$366,ROUNDDOWN($C7881/24,0)+1,1))-1)+IF('Standard Profiles'!$G$22=$B$10,7,0)+IF('Standard Profiles'!$G$22=$B$17,14,0)+IF('Standard Profiles'!$G$22=$B$24,21,0),0)),0)</f>
        <v>0</v>
      </c>
      <c r="I7881">
        <f t="shared" si="874"/>
        <v>3.8316764971117609</v>
      </c>
      <c r="J7881">
        <f t="shared" si="875"/>
        <v>16.054720225091884</v>
      </c>
      <c r="K7881">
        <f t="shared" si="876"/>
        <v>0.64561826235184527</v>
      </c>
      <c r="L7881">
        <f t="shared" si="877"/>
        <v>0.32280913117592264</v>
      </c>
      <c r="M7881">
        <f t="shared" si="878"/>
        <v>0</v>
      </c>
      <c r="N7881" s="45">
        <f t="shared" si="879"/>
        <v>45253.958333314302</v>
      </c>
    </row>
    <row r="7882" spans="2:14" x14ac:dyDescent="0.25">
      <c r="B7882">
        <f t="shared" si="873"/>
        <v>5</v>
      </c>
      <c r="C7882" s="16">
        <v>7848</v>
      </c>
      <c r="D7882" cm="1">
        <f t="array" ref="D7882">IFERROR(INDEX(Jesper!AH$2:AH$366,ROUNDDOWN($C7882/24,0)+1,1)*INDEX($D$3:$AA$30,INDEX(Jesper!$R$2:$R$366,ROW(INDEX(Jesper!AH$2:AH$366,ROUNDDOWN($C7882/24,0)+1,1))-1)+IF('Standard Profiles'!$G$18=$B$10,7,0)+IF('Standard Profiles'!$G$18=$B$17,14,0)+IF('Standard Profiles'!$G$18=$B$24,21,0),MOD($C7882,24)+1)/SUM(INDEX($D$3:$AA$30,INDEX(Jesper!$R$2:$R$366,ROW(INDEX(Jesper!AH$2:AH$366,ROUNDDOWN($C7882/24,0)+1,1))-1)+IF('Standard Profiles'!$G$18=$B$10,7,0)+IF('Standard Profiles'!$G$18=$B$17,14,0)+IF('Standard Profiles'!$G$18=$B$24,21,0),0)),0)</f>
        <v>9.1494067341074707</v>
      </c>
      <c r="E7882" cm="1">
        <f t="array" ref="E7882">IFERROR(INDEX(Jesper!AI$2:AI$366,ROUNDDOWN($C7882/24,0)+1,1)*INDEX($D$3:$AA$30,INDEX(Jesper!$R$2:$R$366,ROW(INDEX(Jesper!AI$2:AI$366,ROUNDDOWN($C7882/24,0)+1,1))-1)+IF('Standard Profiles'!$G$19=$B$10,7,0)+IF('Standard Profiles'!$G$19=$B$17,14,0)+IF('Standard Profiles'!$G$19=$B$24,21,0),MOD($C7882,24)+1)/SUM(INDEX($D$3:$AA$30,INDEX(Jesper!$R$2:$R$366,ROW(INDEX(Jesper!AI$2:AI$366,ROUNDDOWN($C7882/24,0)+1,1))-1)+IF('Standard Profiles'!$G$19=$B$10,7,0)+IF('Standard Profiles'!$G$19=$B$17,14,0)+IF('Standard Profiles'!$G$19=$B$24,21,0),0)),0)</f>
        <v>9.573725511885538</v>
      </c>
      <c r="F7882" cm="1">
        <f t="array" ref="F7882">IFERROR(INDEX(Jesper!AJ$2:AJ$366,ROUNDDOWN($C7882/24,0)+1,1)*INDEX($D$3:$AA$30,INDEX(Jesper!$R$2:$R$366,ROW(INDEX(Jesper!AJ$2:AJ$366,ROUNDDOWN($C7882/24,0)+1,1))-1)+IF('Standard Profiles'!$G$20=$B$10,7,0)+IF('Standard Profiles'!$G$20=$B$17,14,0)+IF('Standard Profiles'!$G$20=$B$24,21,0),MOD($C7882,24)+1)/SUM(INDEX($D$3:$AA$30,INDEX(Jesper!$R$2:$R$366,ROW(INDEX(Jesper!AJ$2:AJ$366,ROUNDDOWN($C7882/24,0)+1,1))-1)+IF('Standard Profiles'!$G$20=$B$10,7,0)+IF('Standard Profiles'!$G$20=$B$17,14,0)+IF('Standard Profiles'!$G$20=$B$24,21,0),0)),0)</f>
        <v>0</v>
      </c>
      <c r="G7882" cm="1">
        <f t="array" ref="G7882">IFERROR(INDEX(Jesper!AK$2:AK$366,ROUNDDOWN($C7882/24,0)+1,1)*INDEX($D$3:$AA$30,INDEX(Jesper!$R$2:$R$366,ROW(INDEX(Jesper!AK$2:AK$366,ROUNDDOWN($C7882/24,0)+1,1))-1)+IF('Standard Profiles'!$G$21=$B$10,7,0)+IF('Standard Profiles'!$G$21=$B$17,14,0)+IF('Standard Profiles'!$G$21=$B$24,21,0),MOD($C7882,24)+1)/SUM(INDEX($D$3:$AA$30,INDEX(Jesper!$R$2:$R$366,ROW(INDEX(Jesper!AK$2:AK$366,ROUNDDOWN($C7882/24,0)+1,1))-1)+IF('Standard Profiles'!$G$21=$B$10,7,0)+IF('Standard Profiles'!$G$21=$B$17,14,0)+IF('Standard Profiles'!$G$21=$B$24,21,0),0)),0)</f>
        <v>6.3151483894474065</v>
      </c>
      <c r="H7882" cm="1">
        <f t="array" ref="H7882">IFERROR(INDEX(Jesper!AL$2:AL$366,ROUNDDOWN($C7882/24,0)+1,1)*INDEX($D$3:$AA$30,INDEX(Jesper!$R$2:$R$366,ROW(INDEX(Jesper!AL$2:AL$366,ROUNDDOWN($C7882/24,0)+1,1))-1)+IF('Standard Profiles'!$G$22=$B$10,7,0)+IF('Standard Profiles'!$G$22=$B$17,14,0)+IF('Standard Profiles'!$G$22=$B$24,21,0),MOD($C7882,24)+1)/SUM(INDEX($D$3:$AA$30,INDEX(Jesper!$R$2:$R$366,ROW(INDEX(Jesper!AL$2:AL$366,ROUNDDOWN($C7882/24,0)+1,1))-1)+IF('Standard Profiles'!$G$22=$B$10,7,0)+IF('Standard Profiles'!$G$22=$B$17,14,0)+IF('Standard Profiles'!$G$22=$B$24,21,0),0)),0)</f>
        <v>0</v>
      </c>
      <c r="I7882">
        <f t="shared" si="874"/>
        <v>3.0312712269347535</v>
      </c>
      <c r="J7882">
        <f t="shared" si="875"/>
        <v>20.543104331048465</v>
      </c>
      <c r="K7882">
        <f t="shared" si="876"/>
        <v>0.97593671830479689</v>
      </c>
      <c r="L7882">
        <f t="shared" si="877"/>
        <v>0.48796835915239845</v>
      </c>
      <c r="M7882">
        <f t="shared" si="878"/>
        <v>0</v>
      </c>
      <c r="N7882" s="45">
        <f t="shared" si="879"/>
        <v>45253.999999980966</v>
      </c>
    </row>
    <row r="7883" spans="2:14" x14ac:dyDescent="0.25">
      <c r="B7883">
        <f t="shared" si="873"/>
        <v>5</v>
      </c>
      <c r="C7883" s="16">
        <v>7849</v>
      </c>
      <c r="D7883" cm="1">
        <f t="array" ref="D7883">IFERROR(INDEX(Jesper!AH$2:AH$366,ROUNDDOWN($C7883/24,0)+1,1)*INDEX($D$3:$AA$30,INDEX(Jesper!$R$2:$R$366,ROW(INDEX(Jesper!AH$2:AH$366,ROUNDDOWN($C7883/24,0)+1,1))-1)+IF('Standard Profiles'!$G$18=$B$10,7,0)+IF('Standard Profiles'!$G$18=$B$17,14,0)+IF('Standard Profiles'!$G$18=$B$24,21,0),MOD($C7883,24)+1)/SUM(INDEX($D$3:$AA$30,INDEX(Jesper!$R$2:$R$366,ROW(INDEX(Jesper!AH$2:AH$366,ROUNDDOWN($C7883/24,0)+1,1))-1)+IF('Standard Profiles'!$G$18=$B$10,7,0)+IF('Standard Profiles'!$G$18=$B$17,14,0)+IF('Standard Profiles'!$G$18=$B$24,21,0),0)),0)</f>
        <v>5.545094990368165</v>
      </c>
      <c r="E7883" cm="1">
        <f t="array" ref="E7883">IFERROR(INDEX(Jesper!AI$2:AI$366,ROUNDDOWN($C7883/24,0)+1,1)*INDEX($D$3:$AA$30,INDEX(Jesper!$R$2:$R$366,ROW(INDEX(Jesper!AI$2:AI$366,ROUNDDOWN($C7883/24,0)+1,1))-1)+IF('Standard Profiles'!$G$19=$B$10,7,0)+IF('Standard Profiles'!$G$19=$B$17,14,0)+IF('Standard Profiles'!$G$19=$B$24,21,0),MOD($C7883,24)+1)/SUM(INDEX($D$3:$AA$30,INDEX(Jesper!$R$2:$R$366,ROW(INDEX(Jesper!AI$2:AI$366,ROUNDDOWN($C7883/24,0)+1,1))-1)+IF('Standard Profiles'!$G$19=$B$10,7,0)+IF('Standard Profiles'!$G$19=$B$17,14,0)+IF('Standard Profiles'!$G$19=$B$24,21,0),0)),0)</f>
        <v>5.802257885991235</v>
      </c>
      <c r="F7883" cm="1">
        <f t="array" ref="F7883">IFERROR(INDEX(Jesper!AJ$2:AJ$366,ROUNDDOWN($C7883/24,0)+1,1)*INDEX($D$3:$AA$30,INDEX(Jesper!$R$2:$R$366,ROW(INDEX(Jesper!AJ$2:AJ$366,ROUNDDOWN($C7883/24,0)+1,1))-1)+IF('Standard Profiles'!$G$20=$B$10,7,0)+IF('Standard Profiles'!$G$20=$B$17,14,0)+IF('Standard Profiles'!$G$20=$B$24,21,0),MOD($C7883,24)+1)/SUM(INDEX($D$3:$AA$30,INDEX(Jesper!$R$2:$R$366,ROW(INDEX(Jesper!AJ$2:AJ$366,ROUNDDOWN($C7883/24,0)+1,1))-1)+IF('Standard Profiles'!$G$20=$B$10,7,0)+IF('Standard Profiles'!$G$20=$B$17,14,0)+IF('Standard Profiles'!$G$20=$B$24,21,0),0)),0)</f>
        <v>0</v>
      </c>
      <c r="G7883" cm="1">
        <f t="array" ref="G7883">IFERROR(INDEX(Jesper!AK$2:AK$366,ROUNDDOWN($C7883/24,0)+1,1)*INDEX($D$3:$AA$30,INDEX(Jesper!$R$2:$R$366,ROW(INDEX(Jesper!AK$2:AK$366,ROUNDDOWN($C7883/24,0)+1,1))-1)+IF('Standard Profiles'!$G$21=$B$10,7,0)+IF('Standard Profiles'!$G$21=$B$17,14,0)+IF('Standard Profiles'!$G$21=$B$24,21,0),MOD($C7883,24)+1)/SUM(INDEX($D$3:$AA$30,INDEX(Jesper!$R$2:$R$366,ROW(INDEX(Jesper!AK$2:AK$366,ROUNDDOWN($C7883/24,0)+1,1))-1)+IF('Standard Profiles'!$G$21=$B$10,7,0)+IF('Standard Profiles'!$G$21=$B$17,14,0)+IF('Standard Profiles'!$G$21=$B$24,21,0),0)),0)</f>
        <v>6.3151483894474065</v>
      </c>
      <c r="H7883" cm="1">
        <f t="array" ref="H7883">IFERROR(INDEX(Jesper!AL$2:AL$366,ROUNDDOWN($C7883/24,0)+1,1)*INDEX($D$3:$AA$30,INDEX(Jesper!$R$2:$R$366,ROW(INDEX(Jesper!AL$2:AL$366,ROUNDDOWN($C7883/24,0)+1,1))-1)+IF('Standard Profiles'!$G$22=$B$10,7,0)+IF('Standard Profiles'!$G$22=$B$17,14,0)+IF('Standard Profiles'!$G$22=$B$24,21,0),MOD($C7883,24)+1)/SUM(INDEX($D$3:$AA$30,INDEX(Jesper!$R$2:$R$366,ROW(INDEX(Jesper!AL$2:AL$366,ROUNDDOWN($C7883/24,0)+1,1))-1)+IF('Standard Profiles'!$G$22=$B$10,7,0)+IF('Standard Profiles'!$G$22=$B$17,14,0)+IF('Standard Profiles'!$G$22=$B$24,21,0),0)),0)</f>
        <v>0</v>
      </c>
      <c r="I7883">
        <f t="shared" si="874"/>
        <v>3.0312712269347535</v>
      </c>
      <c r="J7883">
        <f t="shared" si="875"/>
        <v>13.744014840413147</v>
      </c>
      <c r="K7883">
        <f t="shared" si="876"/>
        <v>0.5914767989726043</v>
      </c>
      <c r="L7883">
        <f t="shared" si="877"/>
        <v>0.29573839948630215</v>
      </c>
      <c r="M7883">
        <f t="shared" si="878"/>
        <v>0</v>
      </c>
      <c r="N7883" s="45">
        <f t="shared" si="879"/>
        <v>45254.04166664763</v>
      </c>
    </row>
    <row r="7884" spans="2:14" x14ac:dyDescent="0.25">
      <c r="B7884">
        <f t="shared" si="873"/>
        <v>5</v>
      </c>
      <c r="C7884" s="16">
        <v>7850</v>
      </c>
      <c r="D7884" cm="1">
        <f t="array" ref="D7884">IFERROR(INDEX(Jesper!AH$2:AH$366,ROUNDDOWN($C7884/24,0)+1,1)*INDEX($D$3:$AA$30,INDEX(Jesper!$R$2:$R$366,ROW(INDEX(Jesper!AH$2:AH$366,ROUNDDOWN($C7884/24,0)+1,1))-1)+IF('Standard Profiles'!$G$18=$B$10,7,0)+IF('Standard Profiles'!$G$18=$B$17,14,0)+IF('Standard Profiles'!$G$18=$B$24,21,0),MOD($C7884,24)+1)/SUM(INDEX($D$3:$AA$30,INDEX(Jesper!$R$2:$R$366,ROW(INDEX(Jesper!AH$2:AH$366,ROUNDDOWN($C7884/24,0)+1,1))-1)+IF('Standard Profiles'!$G$18=$B$10,7,0)+IF('Standard Profiles'!$G$18=$B$17,14,0)+IF('Standard Profiles'!$G$18=$B$24,21,0),0)),0)</f>
        <v>5.545094990368165</v>
      </c>
      <c r="E7884" cm="1">
        <f t="array" ref="E7884">IFERROR(INDEX(Jesper!AI$2:AI$366,ROUNDDOWN($C7884/24,0)+1,1)*INDEX($D$3:$AA$30,INDEX(Jesper!$R$2:$R$366,ROW(INDEX(Jesper!AI$2:AI$366,ROUNDDOWN($C7884/24,0)+1,1))-1)+IF('Standard Profiles'!$G$19=$B$10,7,0)+IF('Standard Profiles'!$G$19=$B$17,14,0)+IF('Standard Profiles'!$G$19=$B$24,21,0),MOD($C7884,24)+1)/SUM(INDEX($D$3:$AA$30,INDEX(Jesper!$R$2:$R$366,ROW(INDEX(Jesper!AI$2:AI$366,ROUNDDOWN($C7884/24,0)+1,1))-1)+IF('Standard Profiles'!$G$19=$B$10,7,0)+IF('Standard Profiles'!$G$19=$B$17,14,0)+IF('Standard Profiles'!$G$19=$B$24,21,0),0)),0)</f>
        <v>5.802257885991235</v>
      </c>
      <c r="F7884" cm="1">
        <f t="array" ref="F7884">IFERROR(INDEX(Jesper!AJ$2:AJ$366,ROUNDDOWN($C7884/24,0)+1,1)*INDEX($D$3:$AA$30,INDEX(Jesper!$R$2:$R$366,ROW(INDEX(Jesper!AJ$2:AJ$366,ROUNDDOWN($C7884/24,0)+1,1))-1)+IF('Standard Profiles'!$G$20=$B$10,7,0)+IF('Standard Profiles'!$G$20=$B$17,14,0)+IF('Standard Profiles'!$G$20=$B$24,21,0),MOD($C7884,24)+1)/SUM(INDEX($D$3:$AA$30,INDEX(Jesper!$R$2:$R$366,ROW(INDEX(Jesper!AJ$2:AJ$366,ROUNDDOWN($C7884/24,0)+1,1))-1)+IF('Standard Profiles'!$G$20=$B$10,7,0)+IF('Standard Profiles'!$G$20=$B$17,14,0)+IF('Standard Profiles'!$G$20=$B$24,21,0),0)),0)</f>
        <v>0</v>
      </c>
      <c r="G7884" cm="1">
        <f t="array" ref="G7884">IFERROR(INDEX(Jesper!AK$2:AK$366,ROUNDDOWN($C7884/24,0)+1,1)*INDEX($D$3:$AA$30,INDEX(Jesper!$R$2:$R$366,ROW(INDEX(Jesper!AK$2:AK$366,ROUNDDOWN($C7884/24,0)+1,1))-1)+IF('Standard Profiles'!$G$21=$B$10,7,0)+IF('Standard Profiles'!$G$21=$B$17,14,0)+IF('Standard Profiles'!$G$21=$B$24,21,0),MOD($C7884,24)+1)/SUM(INDEX($D$3:$AA$30,INDEX(Jesper!$R$2:$R$366,ROW(INDEX(Jesper!AK$2:AK$366,ROUNDDOWN($C7884/24,0)+1,1))-1)+IF('Standard Profiles'!$G$21=$B$10,7,0)+IF('Standard Profiles'!$G$21=$B$17,14,0)+IF('Standard Profiles'!$G$21=$B$24,21,0),0)),0)</f>
        <v>6.3151483894474065</v>
      </c>
      <c r="H7884" cm="1">
        <f t="array" ref="H7884">IFERROR(INDEX(Jesper!AL$2:AL$366,ROUNDDOWN($C7884/24,0)+1,1)*INDEX($D$3:$AA$30,INDEX(Jesper!$R$2:$R$366,ROW(INDEX(Jesper!AL$2:AL$366,ROUNDDOWN($C7884/24,0)+1,1))-1)+IF('Standard Profiles'!$G$22=$B$10,7,0)+IF('Standard Profiles'!$G$22=$B$17,14,0)+IF('Standard Profiles'!$G$22=$B$24,21,0),MOD($C7884,24)+1)/SUM(INDEX($D$3:$AA$30,INDEX(Jesper!$R$2:$R$366,ROW(INDEX(Jesper!AL$2:AL$366,ROUNDDOWN($C7884/24,0)+1,1))-1)+IF('Standard Profiles'!$G$22=$B$10,7,0)+IF('Standard Profiles'!$G$22=$B$17,14,0)+IF('Standard Profiles'!$G$22=$B$24,21,0),0)),0)</f>
        <v>0</v>
      </c>
      <c r="I7884">
        <f t="shared" si="874"/>
        <v>3.0312712269347535</v>
      </c>
      <c r="J7884">
        <f t="shared" si="875"/>
        <v>13.744014840413147</v>
      </c>
      <c r="K7884">
        <f t="shared" si="876"/>
        <v>0.5914767989726043</v>
      </c>
      <c r="L7884">
        <f t="shared" si="877"/>
        <v>0.29573839948630215</v>
      </c>
      <c r="M7884">
        <f t="shared" si="878"/>
        <v>0</v>
      </c>
      <c r="N7884" s="45">
        <f t="shared" si="879"/>
        <v>45254.083333314295</v>
      </c>
    </row>
    <row r="7885" spans="2:14" x14ac:dyDescent="0.25">
      <c r="B7885">
        <f t="shared" si="873"/>
        <v>5</v>
      </c>
      <c r="C7885" s="16">
        <v>7851</v>
      </c>
      <c r="D7885" cm="1">
        <f t="array" ref="D7885">IFERROR(INDEX(Jesper!AH$2:AH$366,ROUNDDOWN($C7885/24,0)+1,1)*INDEX($D$3:$AA$30,INDEX(Jesper!$R$2:$R$366,ROW(INDEX(Jesper!AH$2:AH$366,ROUNDDOWN($C7885/24,0)+1,1))-1)+IF('Standard Profiles'!$G$18=$B$10,7,0)+IF('Standard Profiles'!$G$18=$B$17,14,0)+IF('Standard Profiles'!$G$18=$B$24,21,0),MOD($C7885,24)+1)/SUM(INDEX($D$3:$AA$30,INDEX(Jesper!$R$2:$R$366,ROW(INDEX(Jesper!AH$2:AH$366,ROUNDDOWN($C7885/24,0)+1,1))-1)+IF('Standard Profiles'!$G$18=$B$10,7,0)+IF('Standard Profiles'!$G$18=$B$17,14,0)+IF('Standard Profiles'!$G$18=$B$24,21,0),0)),0)</f>
        <v>5.545094990368165</v>
      </c>
      <c r="E7885" cm="1">
        <f t="array" ref="E7885">IFERROR(INDEX(Jesper!AI$2:AI$366,ROUNDDOWN($C7885/24,0)+1,1)*INDEX($D$3:$AA$30,INDEX(Jesper!$R$2:$R$366,ROW(INDEX(Jesper!AI$2:AI$366,ROUNDDOWN($C7885/24,0)+1,1))-1)+IF('Standard Profiles'!$G$19=$B$10,7,0)+IF('Standard Profiles'!$G$19=$B$17,14,0)+IF('Standard Profiles'!$G$19=$B$24,21,0),MOD($C7885,24)+1)/SUM(INDEX($D$3:$AA$30,INDEX(Jesper!$R$2:$R$366,ROW(INDEX(Jesper!AI$2:AI$366,ROUNDDOWN($C7885/24,0)+1,1))-1)+IF('Standard Profiles'!$G$19=$B$10,7,0)+IF('Standard Profiles'!$G$19=$B$17,14,0)+IF('Standard Profiles'!$G$19=$B$24,21,0),0)),0)</f>
        <v>5.802257885991235</v>
      </c>
      <c r="F7885" cm="1">
        <f t="array" ref="F7885">IFERROR(INDEX(Jesper!AJ$2:AJ$366,ROUNDDOWN($C7885/24,0)+1,1)*INDEX($D$3:$AA$30,INDEX(Jesper!$R$2:$R$366,ROW(INDEX(Jesper!AJ$2:AJ$366,ROUNDDOWN($C7885/24,0)+1,1))-1)+IF('Standard Profiles'!$G$20=$B$10,7,0)+IF('Standard Profiles'!$G$20=$B$17,14,0)+IF('Standard Profiles'!$G$20=$B$24,21,0),MOD($C7885,24)+1)/SUM(INDEX($D$3:$AA$30,INDEX(Jesper!$R$2:$R$366,ROW(INDEX(Jesper!AJ$2:AJ$366,ROUNDDOWN($C7885/24,0)+1,1))-1)+IF('Standard Profiles'!$G$20=$B$10,7,0)+IF('Standard Profiles'!$G$20=$B$17,14,0)+IF('Standard Profiles'!$G$20=$B$24,21,0),0)),0)</f>
        <v>0</v>
      </c>
      <c r="G7885" cm="1">
        <f t="array" ref="G7885">IFERROR(INDEX(Jesper!AK$2:AK$366,ROUNDDOWN($C7885/24,0)+1,1)*INDEX($D$3:$AA$30,INDEX(Jesper!$R$2:$R$366,ROW(INDEX(Jesper!AK$2:AK$366,ROUNDDOWN($C7885/24,0)+1,1))-1)+IF('Standard Profiles'!$G$21=$B$10,7,0)+IF('Standard Profiles'!$G$21=$B$17,14,0)+IF('Standard Profiles'!$G$21=$B$24,21,0),MOD($C7885,24)+1)/SUM(INDEX($D$3:$AA$30,INDEX(Jesper!$R$2:$R$366,ROW(INDEX(Jesper!AK$2:AK$366,ROUNDDOWN($C7885/24,0)+1,1))-1)+IF('Standard Profiles'!$G$21=$B$10,7,0)+IF('Standard Profiles'!$G$21=$B$17,14,0)+IF('Standard Profiles'!$G$21=$B$24,21,0),0)),0)</f>
        <v>6.3151483894474065</v>
      </c>
      <c r="H7885" cm="1">
        <f t="array" ref="H7885">IFERROR(INDEX(Jesper!AL$2:AL$366,ROUNDDOWN($C7885/24,0)+1,1)*INDEX($D$3:$AA$30,INDEX(Jesper!$R$2:$R$366,ROW(INDEX(Jesper!AL$2:AL$366,ROUNDDOWN($C7885/24,0)+1,1))-1)+IF('Standard Profiles'!$G$22=$B$10,7,0)+IF('Standard Profiles'!$G$22=$B$17,14,0)+IF('Standard Profiles'!$G$22=$B$24,21,0),MOD($C7885,24)+1)/SUM(INDEX($D$3:$AA$30,INDEX(Jesper!$R$2:$R$366,ROW(INDEX(Jesper!AL$2:AL$366,ROUNDDOWN($C7885/24,0)+1,1))-1)+IF('Standard Profiles'!$G$22=$B$10,7,0)+IF('Standard Profiles'!$G$22=$B$17,14,0)+IF('Standard Profiles'!$G$22=$B$24,21,0),0)),0)</f>
        <v>0</v>
      </c>
      <c r="I7885">
        <f t="shared" si="874"/>
        <v>3.0312712269347535</v>
      </c>
      <c r="J7885">
        <f t="shared" si="875"/>
        <v>13.744014840413147</v>
      </c>
      <c r="K7885">
        <f t="shared" si="876"/>
        <v>0.5914767989726043</v>
      </c>
      <c r="L7885">
        <f t="shared" si="877"/>
        <v>0.29573839948630215</v>
      </c>
      <c r="M7885">
        <f t="shared" si="878"/>
        <v>0</v>
      </c>
      <c r="N7885" s="45">
        <f t="shared" si="879"/>
        <v>45254.124999980959</v>
      </c>
    </row>
    <row r="7886" spans="2:14" x14ac:dyDescent="0.25">
      <c r="B7886">
        <f t="shared" si="873"/>
        <v>5</v>
      </c>
      <c r="C7886" s="16">
        <v>7852</v>
      </c>
      <c r="D7886" cm="1">
        <f t="array" ref="D7886">IFERROR(INDEX(Jesper!AH$2:AH$366,ROUNDDOWN($C7886/24,0)+1,1)*INDEX($D$3:$AA$30,INDEX(Jesper!$R$2:$R$366,ROW(INDEX(Jesper!AH$2:AH$366,ROUNDDOWN($C7886/24,0)+1,1))-1)+IF('Standard Profiles'!$G$18=$B$10,7,0)+IF('Standard Profiles'!$G$18=$B$17,14,0)+IF('Standard Profiles'!$G$18=$B$24,21,0),MOD($C7886,24)+1)/SUM(INDEX($D$3:$AA$30,INDEX(Jesper!$R$2:$R$366,ROW(INDEX(Jesper!AH$2:AH$366,ROUNDDOWN($C7886/24,0)+1,1))-1)+IF('Standard Profiles'!$G$18=$B$10,7,0)+IF('Standard Profiles'!$G$18=$B$17,14,0)+IF('Standard Profiles'!$G$18=$B$24,21,0),0)),0)</f>
        <v>5.545094990368165</v>
      </c>
      <c r="E7886" cm="1">
        <f t="array" ref="E7886">IFERROR(INDEX(Jesper!AI$2:AI$366,ROUNDDOWN($C7886/24,0)+1,1)*INDEX($D$3:$AA$30,INDEX(Jesper!$R$2:$R$366,ROW(INDEX(Jesper!AI$2:AI$366,ROUNDDOWN($C7886/24,0)+1,1))-1)+IF('Standard Profiles'!$G$19=$B$10,7,0)+IF('Standard Profiles'!$G$19=$B$17,14,0)+IF('Standard Profiles'!$G$19=$B$24,21,0),MOD($C7886,24)+1)/SUM(INDEX($D$3:$AA$30,INDEX(Jesper!$R$2:$R$366,ROW(INDEX(Jesper!AI$2:AI$366,ROUNDDOWN($C7886/24,0)+1,1))-1)+IF('Standard Profiles'!$G$19=$B$10,7,0)+IF('Standard Profiles'!$G$19=$B$17,14,0)+IF('Standard Profiles'!$G$19=$B$24,21,0),0)),0)</f>
        <v>5.802257885991235</v>
      </c>
      <c r="F7886" cm="1">
        <f t="array" ref="F7886">IFERROR(INDEX(Jesper!AJ$2:AJ$366,ROUNDDOWN($C7886/24,0)+1,1)*INDEX($D$3:$AA$30,INDEX(Jesper!$R$2:$R$366,ROW(INDEX(Jesper!AJ$2:AJ$366,ROUNDDOWN($C7886/24,0)+1,1))-1)+IF('Standard Profiles'!$G$20=$B$10,7,0)+IF('Standard Profiles'!$G$20=$B$17,14,0)+IF('Standard Profiles'!$G$20=$B$24,21,0),MOD($C7886,24)+1)/SUM(INDEX($D$3:$AA$30,INDEX(Jesper!$R$2:$R$366,ROW(INDEX(Jesper!AJ$2:AJ$366,ROUNDDOWN($C7886/24,0)+1,1))-1)+IF('Standard Profiles'!$G$20=$B$10,7,0)+IF('Standard Profiles'!$G$20=$B$17,14,0)+IF('Standard Profiles'!$G$20=$B$24,21,0),0)),0)</f>
        <v>0</v>
      </c>
      <c r="G7886" cm="1">
        <f t="array" ref="G7886">IFERROR(INDEX(Jesper!AK$2:AK$366,ROUNDDOWN($C7886/24,0)+1,1)*INDEX($D$3:$AA$30,INDEX(Jesper!$R$2:$R$366,ROW(INDEX(Jesper!AK$2:AK$366,ROUNDDOWN($C7886/24,0)+1,1))-1)+IF('Standard Profiles'!$G$21=$B$10,7,0)+IF('Standard Profiles'!$G$21=$B$17,14,0)+IF('Standard Profiles'!$G$21=$B$24,21,0),MOD($C7886,24)+1)/SUM(INDEX($D$3:$AA$30,INDEX(Jesper!$R$2:$R$366,ROW(INDEX(Jesper!AK$2:AK$366,ROUNDDOWN($C7886/24,0)+1,1))-1)+IF('Standard Profiles'!$G$21=$B$10,7,0)+IF('Standard Profiles'!$G$21=$B$17,14,0)+IF('Standard Profiles'!$G$21=$B$24,21,0),0)),0)</f>
        <v>6.3151483894474065</v>
      </c>
      <c r="H7886" cm="1">
        <f t="array" ref="H7886">IFERROR(INDEX(Jesper!AL$2:AL$366,ROUNDDOWN($C7886/24,0)+1,1)*INDEX($D$3:$AA$30,INDEX(Jesper!$R$2:$R$366,ROW(INDEX(Jesper!AL$2:AL$366,ROUNDDOWN($C7886/24,0)+1,1))-1)+IF('Standard Profiles'!$G$22=$B$10,7,0)+IF('Standard Profiles'!$G$22=$B$17,14,0)+IF('Standard Profiles'!$G$22=$B$24,21,0),MOD($C7886,24)+1)/SUM(INDEX($D$3:$AA$30,INDEX(Jesper!$R$2:$R$366,ROW(INDEX(Jesper!AL$2:AL$366,ROUNDDOWN($C7886/24,0)+1,1))-1)+IF('Standard Profiles'!$G$22=$B$10,7,0)+IF('Standard Profiles'!$G$22=$B$17,14,0)+IF('Standard Profiles'!$G$22=$B$24,21,0),0)),0)</f>
        <v>0</v>
      </c>
      <c r="I7886">
        <f t="shared" si="874"/>
        <v>3.0312712269347535</v>
      </c>
      <c r="J7886">
        <f t="shared" si="875"/>
        <v>13.744014840413147</v>
      </c>
      <c r="K7886">
        <f t="shared" si="876"/>
        <v>0.5914767989726043</v>
      </c>
      <c r="L7886">
        <f t="shared" si="877"/>
        <v>0.29573839948630215</v>
      </c>
      <c r="M7886">
        <f t="shared" si="878"/>
        <v>0</v>
      </c>
      <c r="N7886" s="45">
        <f t="shared" si="879"/>
        <v>45254.166666647623</v>
      </c>
    </row>
    <row r="7887" spans="2:14" x14ac:dyDescent="0.25">
      <c r="B7887">
        <f t="shared" si="873"/>
        <v>5</v>
      </c>
      <c r="C7887" s="16">
        <v>7853</v>
      </c>
      <c r="D7887" cm="1">
        <f t="array" ref="D7887">IFERROR(INDEX(Jesper!AH$2:AH$366,ROUNDDOWN($C7887/24,0)+1,1)*INDEX($D$3:$AA$30,INDEX(Jesper!$R$2:$R$366,ROW(INDEX(Jesper!AH$2:AH$366,ROUNDDOWN($C7887/24,0)+1,1))-1)+IF('Standard Profiles'!$G$18=$B$10,7,0)+IF('Standard Profiles'!$G$18=$B$17,14,0)+IF('Standard Profiles'!$G$18=$B$24,21,0),MOD($C7887,24)+1)/SUM(INDEX($D$3:$AA$30,INDEX(Jesper!$R$2:$R$366,ROW(INDEX(Jesper!AH$2:AH$366,ROUNDDOWN($C7887/24,0)+1,1))-1)+IF('Standard Profiles'!$G$18=$B$10,7,0)+IF('Standard Profiles'!$G$18=$B$17,14,0)+IF('Standard Profiles'!$G$18=$B$24,21,0),0)),0)</f>
        <v>5.545094990368165</v>
      </c>
      <c r="E7887" cm="1">
        <f t="array" ref="E7887">IFERROR(INDEX(Jesper!AI$2:AI$366,ROUNDDOWN($C7887/24,0)+1,1)*INDEX($D$3:$AA$30,INDEX(Jesper!$R$2:$R$366,ROW(INDEX(Jesper!AI$2:AI$366,ROUNDDOWN($C7887/24,0)+1,1))-1)+IF('Standard Profiles'!$G$19=$B$10,7,0)+IF('Standard Profiles'!$G$19=$B$17,14,0)+IF('Standard Profiles'!$G$19=$B$24,21,0),MOD($C7887,24)+1)/SUM(INDEX($D$3:$AA$30,INDEX(Jesper!$R$2:$R$366,ROW(INDEX(Jesper!AI$2:AI$366,ROUNDDOWN($C7887/24,0)+1,1))-1)+IF('Standard Profiles'!$G$19=$B$10,7,0)+IF('Standard Profiles'!$G$19=$B$17,14,0)+IF('Standard Profiles'!$G$19=$B$24,21,0),0)),0)</f>
        <v>5.802257885991235</v>
      </c>
      <c r="F7887" cm="1">
        <f t="array" ref="F7887">IFERROR(INDEX(Jesper!AJ$2:AJ$366,ROUNDDOWN($C7887/24,0)+1,1)*INDEX($D$3:$AA$30,INDEX(Jesper!$R$2:$R$366,ROW(INDEX(Jesper!AJ$2:AJ$366,ROUNDDOWN($C7887/24,0)+1,1))-1)+IF('Standard Profiles'!$G$20=$B$10,7,0)+IF('Standard Profiles'!$G$20=$B$17,14,0)+IF('Standard Profiles'!$G$20=$B$24,21,0),MOD($C7887,24)+1)/SUM(INDEX($D$3:$AA$30,INDEX(Jesper!$R$2:$R$366,ROW(INDEX(Jesper!AJ$2:AJ$366,ROUNDDOWN($C7887/24,0)+1,1))-1)+IF('Standard Profiles'!$G$20=$B$10,7,0)+IF('Standard Profiles'!$G$20=$B$17,14,0)+IF('Standard Profiles'!$G$20=$B$24,21,0),0)),0)</f>
        <v>0</v>
      </c>
      <c r="G7887" cm="1">
        <f t="array" ref="G7887">IFERROR(INDEX(Jesper!AK$2:AK$366,ROUNDDOWN($C7887/24,0)+1,1)*INDEX($D$3:$AA$30,INDEX(Jesper!$R$2:$R$366,ROW(INDEX(Jesper!AK$2:AK$366,ROUNDDOWN($C7887/24,0)+1,1))-1)+IF('Standard Profiles'!$G$21=$B$10,7,0)+IF('Standard Profiles'!$G$21=$B$17,14,0)+IF('Standard Profiles'!$G$21=$B$24,21,0),MOD($C7887,24)+1)/SUM(INDEX($D$3:$AA$30,INDEX(Jesper!$R$2:$R$366,ROW(INDEX(Jesper!AK$2:AK$366,ROUNDDOWN($C7887/24,0)+1,1))-1)+IF('Standard Profiles'!$G$21=$B$10,7,0)+IF('Standard Profiles'!$G$21=$B$17,14,0)+IF('Standard Profiles'!$G$21=$B$24,21,0),0)),0)</f>
        <v>6.3151483894474065</v>
      </c>
      <c r="H7887" cm="1">
        <f t="array" ref="H7887">IFERROR(INDEX(Jesper!AL$2:AL$366,ROUNDDOWN($C7887/24,0)+1,1)*INDEX($D$3:$AA$30,INDEX(Jesper!$R$2:$R$366,ROW(INDEX(Jesper!AL$2:AL$366,ROUNDDOWN($C7887/24,0)+1,1))-1)+IF('Standard Profiles'!$G$22=$B$10,7,0)+IF('Standard Profiles'!$G$22=$B$17,14,0)+IF('Standard Profiles'!$G$22=$B$24,21,0),MOD($C7887,24)+1)/SUM(INDEX($D$3:$AA$30,INDEX(Jesper!$R$2:$R$366,ROW(INDEX(Jesper!AL$2:AL$366,ROUNDDOWN($C7887/24,0)+1,1))-1)+IF('Standard Profiles'!$G$22=$B$10,7,0)+IF('Standard Profiles'!$G$22=$B$17,14,0)+IF('Standard Profiles'!$G$22=$B$24,21,0),0)),0)</f>
        <v>0</v>
      </c>
      <c r="I7887">
        <f t="shared" si="874"/>
        <v>3.0312712269347535</v>
      </c>
      <c r="J7887">
        <f t="shared" si="875"/>
        <v>13.744014840413147</v>
      </c>
      <c r="K7887">
        <f t="shared" si="876"/>
        <v>0.5914767989726043</v>
      </c>
      <c r="L7887">
        <f t="shared" si="877"/>
        <v>0.29573839948630215</v>
      </c>
      <c r="M7887">
        <f t="shared" si="878"/>
        <v>0</v>
      </c>
      <c r="N7887" s="45">
        <f t="shared" si="879"/>
        <v>45254.208333314287</v>
      </c>
    </row>
    <row r="7888" spans="2:14" x14ac:dyDescent="0.25">
      <c r="B7888">
        <f t="shared" si="873"/>
        <v>5</v>
      </c>
      <c r="C7888" s="16">
        <v>7854</v>
      </c>
      <c r="D7888" cm="1">
        <f t="array" ref="D7888">IFERROR(INDEX(Jesper!AH$2:AH$366,ROUNDDOWN($C7888/24,0)+1,1)*INDEX($D$3:$AA$30,INDEX(Jesper!$R$2:$R$366,ROW(INDEX(Jesper!AH$2:AH$366,ROUNDDOWN($C7888/24,0)+1,1))-1)+IF('Standard Profiles'!$G$18=$B$10,7,0)+IF('Standard Profiles'!$G$18=$B$17,14,0)+IF('Standard Profiles'!$G$18=$B$24,21,0),MOD($C7888,24)+1)/SUM(INDEX($D$3:$AA$30,INDEX(Jesper!$R$2:$R$366,ROW(INDEX(Jesper!AH$2:AH$366,ROUNDDOWN($C7888/24,0)+1,1))-1)+IF('Standard Profiles'!$G$18=$B$10,7,0)+IF('Standard Profiles'!$G$18=$B$17,14,0)+IF('Standard Profiles'!$G$18=$B$24,21,0),0)),0)</f>
        <v>5.545094990368165</v>
      </c>
      <c r="E7888" cm="1">
        <f t="array" ref="E7888">IFERROR(INDEX(Jesper!AI$2:AI$366,ROUNDDOWN($C7888/24,0)+1,1)*INDEX($D$3:$AA$30,INDEX(Jesper!$R$2:$R$366,ROW(INDEX(Jesper!AI$2:AI$366,ROUNDDOWN($C7888/24,0)+1,1))-1)+IF('Standard Profiles'!$G$19=$B$10,7,0)+IF('Standard Profiles'!$G$19=$B$17,14,0)+IF('Standard Profiles'!$G$19=$B$24,21,0),MOD($C7888,24)+1)/SUM(INDEX($D$3:$AA$30,INDEX(Jesper!$R$2:$R$366,ROW(INDEX(Jesper!AI$2:AI$366,ROUNDDOWN($C7888/24,0)+1,1))-1)+IF('Standard Profiles'!$G$19=$B$10,7,0)+IF('Standard Profiles'!$G$19=$B$17,14,0)+IF('Standard Profiles'!$G$19=$B$24,21,0),0)),0)</f>
        <v>5.802257885991235</v>
      </c>
      <c r="F7888" cm="1">
        <f t="array" ref="F7888">IFERROR(INDEX(Jesper!AJ$2:AJ$366,ROUNDDOWN($C7888/24,0)+1,1)*INDEX($D$3:$AA$30,INDEX(Jesper!$R$2:$R$366,ROW(INDEX(Jesper!AJ$2:AJ$366,ROUNDDOWN($C7888/24,0)+1,1))-1)+IF('Standard Profiles'!$G$20=$B$10,7,0)+IF('Standard Profiles'!$G$20=$B$17,14,0)+IF('Standard Profiles'!$G$20=$B$24,21,0),MOD($C7888,24)+1)/SUM(INDEX($D$3:$AA$30,INDEX(Jesper!$R$2:$R$366,ROW(INDEX(Jesper!AJ$2:AJ$366,ROUNDDOWN($C7888/24,0)+1,1))-1)+IF('Standard Profiles'!$G$20=$B$10,7,0)+IF('Standard Profiles'!$G$20=$B$17,14,0)+IF('Standard Profiles'!$G$20=$B$24,21,0),0)),0)</f>
        <v>0</v>
      </c>
      <c r="G7888" cm="1">
        <f t="array" ref="G7888">IFERROR(INDEX(Jesper!AK$2:AK$366,ROUNDDOWN($C7888/24,0)+1,1)*INDEX($D$3:$AA$30,INDEX(Jesper!$R$2:$R$366,ROW(INDEX(Jesper!AK$2:AK$366,ROUNDDOWN($C7888/24,0)+1,1))-1)+IF('Standard Profiles'!$G$21=$B$10,7,0)+IF('Standard Profiles'!$G$21=$B$17,14,0)+IF('Standard Profiles'!$G$21=$B$24,21,0),MOD($C7888,24)+1)/SUM(INDEX($D$3:$AA$30,INDEX(Jesper!$R$2:$R$366,ROW(INDEX(Jesper!AK$2:AK$366,ROUNDDOWN($C7888/24,0)+1,1))-1)+IF('Standard Profiles'!$G$21=$B$10,7,0)+IF('Standard Profiles'!$G$21=$B$17,14,0)+IF('Standard Profiles'!$G$21=$B$24,21,0),0)),0)</f>
        <v>6.3151483894474065</v>
      </c>
      <c r="H7888" cm="1">
        <f t="array" ref="H7888">IFERROR(INDEX(Jesper!AL$2:AL$366,ROUNDDOWN($C7888/24,0)+1,1)*INDEX($D$3:$AA$30,INDEX(Jesper!$R$2:$R$366,ROW(INDEX(Jesper!AL$2:AL$366,ROUNDDOWN($C7888/24,0)+1,1))-1)+IF('Standard Profiles'!$G$22=$B$10,7,0)+IF('Standard Profiles'!$G$22=$B$17,14,0)+IF('Standard Profiles'!$G$22=$B$24,21,0),MOD($C7888,24)+1)/SUM(INDEX($D$3:$AA$30,INDEX(Jesper!$R$2:$R$366,ROW(INDEX(Jesper!AL$2:AL$366,ROUNDDOWN($C7888/24,0)+1,1))-1)+IF('Standard Profiles'!$G$22=$B$10,7,0)+IF('Standard Profiles'!$G$22=$B$17,14,0)+IF('Standard Profiles'!$G$22=$B$24,21,0),0)),0)</f>
        <v>0</v>
      </c>
      <c r="I7888">
        <f t="shared" si="874"/>
        <v>3.0312712269347535</v>
      </c>
      <c r="J7888">
        <f t="shared" si="875"/>
        <v>13.744014840413147</v>
      </c>
      <c r="K7888">
        <f t="shared" si="876"/>
        <v>0.5914767989726043</v>
      </c>
      <c r="L7888">
        <f t="shared" si="877"/>
        <v>0.29573839948630215</v>
      </c>
      <c r="M7888">
        <f t="shared" si="878"/>
        <v>0</v>
      </c>
      <c r="N7888" s="45">
        <f t="shared" si="879"/>
        <v>45254.249999980952</v>
      </c>
    </row>
    <row r="7889" spans="2:14" x14ac:dyDescent="0.25">
      <c r="B7889">
        <f t="shared" si="873"/>
        <v>5</v>
      </c>
      <c r="C7889" s="16">
        <v>7855</v>
      </c>
      <c r="D7889" cm="1">
        <f t="array" ref="D7889">IFERROR(INDEX(Jesper!AH$2:AH$366,ROUNDDOWN($C7889/24,0)+1,1)*INDEX($D$3:$AA$30,INDEX(Jesper!$R$2:$R$366,ROW(INDEX(Jesper!AH$2:AH$366,ROUNDDOWN($C7889/24,0)+1,1))-1)+IF('Standard Profiles'!$G$18=$B$10,7,0)+IF('Standard Profiles'!$G$18=$B$17,14,0)+IF('Standard Profiles'!$G$18=$B$24,21,0),MOD($C7889,24)+1)/SUM(INDEX($D$3:$AA$30,INDEX(Jesper!$R$2:$R$366,ROW(INDEX(Jesper!AH$2:AH$366,ROUNDDOWN($C7889/24,0)+1,1))-1)+IF('Standard Profiles'!$G$18=$B$10,7,0)+IF('Standard Profiles'!$G$18=$B$17,14,0)+IF('Standard Profiles'!$G$18=$B$24,21,0),0)),0)</f>
        <v>23.622104658968379</v>
      </c>
      <c r="E7889" cm="1">
        <f t="array" ref="E7889">IFERROR(INDEX(Jesper!AI$2:AI$366,ROUNDDOWN($C7889/24,0)+1,1)*INDEX($D$3:$AA$30,INDEX(Jesper!$R$2:$R$366,ROW(INDEX(Jesper!AI$2:AI$366,ROUNDDOWN($C7889/24,0)+1,1))-1)+IF('Standard Profiles'!$G$19=$B$10,7,0)+IF('Standard Profiles'!$G$19=$B$17,14,0)+IF('Standard Profiles'!$G$19=$B$24,21,0),MOD($C7889,24)+1)/SUM(INDEX($D$3:$AA$30,INDEX(Jesper!$R$2:$R$366,ROW(INDEX(Jesper!AI$2:AI$366,ROUNDDOWN($C7889/24,0)+1,1))-1)+IF('Standard Profiles'!$G$19=$B$10,7,0)+IF('Standard Profiles'!$G$19=$B$17,14,0)+IF('Standard Profiles'!$G$19=$B$24,21,0),0)),0)</f>
        <v>24.717618594322662</v>
      </c>
      <c r="F7889" cm="1">
        <f t="array" ref="F7889">IFERROR(INDEX(Jesper!AJ$2:AJ$366,ROUNDDOWN($C7889/24,0)+1,1)*INDEX($D$3:$AA$30,INDEX(Jesper!$R$2:$R$366,ROW(INDEX(Jesper!AJ$2:AJ$366,ROUNDDOWN($C7889/24,0)+1,1))-1)+IF('Standard Profiles'!$G$20=$B$10,7,0)+IF('Standard Profiles'!$G$20=$B$17,14,0)+IF('Standard Profiles'!$G$20=$B$24,21,0),MOD($C7889,24)+1)/SUM(INDEX($D$3:$AA$30,INDEX(Jesper!$R$2:$R$366,ROW(INDEX(Jesper!AJ$2:AJ$366,ROUNDDOWN($C7889/24,0)+1,1))-1)+IF('Standard Profiles'!$G$20=$B$10,7,0)+IF('Standard Profiles'!$G$20=$B$17,14,0)+IF('Standard Profiles'!$G$20=$B$24,21,0),0)),0)</f>
        <v>0</v>
      </c>
      <c r="G7889" cm="1">
        <f t="array" ref="G7889">IFERROR(INDEX(Jesper!AK$2:AK$366,ROUNDDOWN($C7889/24,0)+1,1)*INDEX($D$3:$AA$30,INDEX(Jesper!$R$2:$R$366,ROW(INDEX(Jesper!AK$2:AK$366,ROUNDDOWN($C7889/24,0)+1,1))-1)+IF('Standard Profiles'!$G$21=$B$10,7,0)+IF('Standard Profiles'!$G$21=$B$17,14,0)+IF('Standard Profiles'!$G$21=$B$24,21,0),MOD($C7889,24)+1)/SUM(INDEX($D$3:$AA$30,INDEX(Jesper!$R$2:$R$366,ROW(INDEX(Jesper!AK$2:AK$366,ROUNDDOWN($C7889/24,0)+1,1))-1)+IF('Standard Profiles'!$G$21=$B$10,7,0)+IF('Standard Profiles'!$G$21=$B$17,14,0)+IF('Standard Profiles'!$G$21=$B$24,21,0),0)),0)</f>
        <v>17.112014990760713</v>
      </c>
      <c r="H7889" cm="1">
        <f t="array" ref="H7889">IFERROR(INDEX(Jesper!AL$2:AL$366,ROUNDDOWN($C7889/24,0)+1,1)*INDEX($D$3:$AA$30,INDEX(Jesper!$R$2:$R$366,ROW(INDEX(Jesper!AL$2:AL$366,ROUNDDOWN($C7889/24,0)+1,1))-1)+IF('Standard Profiles'!$G$22=$B$10,7,0)+IF('Standard Profiles'!$G$22=$B$17,14,0)+IF('Standard Profiles'!$G$22=$B$24,21,0),MOD($C7889,24)+1)/SUM(INDEX($D$3:$AA$30,INDEX(Jesper!$R$2:$R$366,ROW(INDEX(Jesper!AL$2:AL$366,ROUNDDOWN($C7889/24,0)+1,1))-1)+IF('Standard Profiles'!$G$22=$B$10,7,0)+IF('Standard Profiles'!$G$22=$B$17,14,0)+IF('Standard Profiles'!$G$22=$B$24,21,0),0)),0)</f>
        <v>0</v>
      </c>
      <c r="I7889">
        <f t="shared" si="874"/>
        <v>8.2137671955651381</v>
      </c>
      <c r="J7889">
        <f t="shared" si="875"/>
        <v>53.458434303051675</v>
      </c>
      <c r="K7889">
        <f t="shared" si="876"/>
        <v>2.5196911636232939</v>
      </c>
      <c r="L7889">
        <f t="shared" si="877"/>
        <v>1.259845581811647</v>
      </c>
      <c r="M7889">
        <f t="shared" si="878"/>
        <v>0</v>
      </c>
      <c r="N7889" s="45">
        <f t="shared" si="879"/>
        <v>45254.291666647616</v>
      </c>
    </row>
    <row r="7890" spans="2:14" x14ac:dyDescent="0.25">
      <c r="B7890">
        <f t="shared" si="873"/>
        <v>5</v>
      </c>
      <c r="C7890" s="16">
        <v>7856</v>
      </c>
      <c r="D7890" cm="1">
        <f t="array" ref="D7890">IFERROR(INDEX(Jesper!AH$2:AH$366,ROUNDDOWN($C7890/24,0)+1,1)*INDEX($D$3:$AA$30,INDEX(Jesper!$R$2:$R$366,ROW(INDEX(Jesper!AH$2:AH$366,ROUNDDOWN($C7890/24,0)+1,1))-1)+IF('Standard Profiles'!$G$18=$B$10,7,0)+IF('Standard Profiles'!$G$18=$B$17,14,0)+IF('Standard Profiles'!$G$18=$B$24,21,0),MOD($C7890,24)+1)/SUM(INDEX($D$3:$AA$30,INDEX(Jesper!$R$2:$R$366,ROW(INDEX(Jesper!AH$2:AH$366,ROUNDDOWN($C7890/24,0)+1,1))-1)+IF('Standard Profiles'!$G$18=$B$10,7,0)+IF('Standard Profiles'!$G$18=$B$17,14,0)+IF('Standard Profiles'!$G$18=$B$24,21,0),0)),0)</f>
        <v>29.527630823710474</v>
      </c>
      <c r="E7890" cm="1">
        <f t="array" ref="E7890">IFERROR(INDEX(Jesper!AI$2:AI$366,ROUNDDOWN($C7890/24,0)+1,1)*INDEX($D$3:$AA$30,INDEX(Jesper!$R$2:$R$366,ROW(INDEX(Jesper!AI$2:AI$366,ROUNDDOWN($C7890/24,0)+1,1))-1)+IF('Standard Profiles'!$G$19=$B$10,7,0)+IF('Standard Profiles'!$G$19=$B$17,14,0)+IF('Standard Profiles'!$G$19=$B$24,21,0),MOD($C7890,24)+1)/SUM(INDEX($D$3:$AA$30,INDEX(Jesper!$R$2:$R$366,ROW(INDEX(Jesper!AI$2:AI$366,ROUNDDOWN($C7890/24,0)+1,1))-1)+IF('Standard Profiles'!$G$19=$B$10,7,0)+IF('Standard Profiles'!$G$19=$B$17,14,0)+IF('Standard Profiles'!$G$19=$B$24,21,0),0)),0)</f>
        <v>30.897023242903327</v>
      </c>
      <c r="F7890" cm="1">
        <f t="array" ref="F7890">IFERROR(INDEX(Jesper!AJ$2:AJ$366,ROUNDDOWN($C7890/24,0)+1,1)*INDEX($D$3:$AA$30,INDEX(Jesper!$R$2:$R$366,ROW(INDEX(Jesper!AJ$2:AJ$366,ROUNDDOWN($C7890/24,0)+1,1))-1)+IF('Standard Profiles'!$G$20=$B$10,7,0)+IF('Standard Profiles'!$G$20=$B$17,14,0)+IF('Standard Profiles'!$G$20=$B$24,21,0),MOD($C7890,24)+1)/SUM(INDEX($D$3:$AA$30,INDEX(Jesper!$R$2:$R$366,ROW(INDEX(Jesper!AJ$2:AJ$366,ROUNDDOWN($C7890/24,0)+1,1))-1)+IF('Standard Profiles'!$G$20=$B$10,7,0)+IF('Standard Profiles'!$G$20=$B$17,14,0)+IF('Standard Profiles'!$G$20=$B$24,21,0),0)),0)</f>
        <v>0</v>
      </c>
      <c r="G7890" cm="1">
        <f t="array" ref="G7890">IFERROR(INDEX(Jesper!AK$2:AK$366,ROUNDDOWN($C7890/24,0)+1,1)*INDEX($D$3:$AA$30,INDEX(Jesper!$R$2:$R$366,ROW(INDEX(Jesper!AK$2:AK$366,ROUNDDOWN($C7890/24,0)+1,1))-1)+IF('Standard Profiles'!$G$21=$B$10,7,0)+IF('Standard Profiles'!$G$21=$B$17,14,0)+IF('Standard Profiles'!$G$21=$B$24,21,0),MOD($C7890,24)+1)/SUM(INDEX($D$3:$AA$30,INDEX(Jesper!$R$2:$R$366,ROW(INDEX(Jesper!AK$2:AK$366,ROUNDDOWN($C7890/24,0)+1,1))-1)+IF('Standard Profiles'!$G$21=$B$10,7,0)+IF('Standard Profiles'!$G$21=$B$17,14,0)+IF('Standard Profiles'!$G$21=$B$24,21,0),0)),0)</f>
        <v>21.390018738450891</v>
      </c>
      <c r="H7890" cm="1">
        <f t="array" ref="H7890">IFERROR(INDEX(Jesper!AL$2:AL$366,ROUNDDOWN($C7890/24,0)+1,1)*INDEX($D$3:$AA$30,INDEX(Jesper!$R$2:$R$366,ROW(INDEX(Jesper!AL$2:AL$366,ROUNDDOWN($C7890/24,0)+1,1))-1)+IF('Standard Profiles'!$G$22=$B$10,7,0)+IF('Standard Profiles'!$G$22=$B$17,14,0)+IF('Standard Profiles'!$G$22=$B$24,21,0),MOD($C7890,24)+1)/SUM(INDEX($D$3:$AA$30,INDEX(Jesper!$R$2:$R$366,ROW(INDEX(Jesper!AL$2:AL$366,ROUNDDOWN($C7890/24,0)+1,1))-1)+IF('Standard Profiles'!$G$22=$B$10,7,0)+IF('Standard Profiles'!$G$22=$B$17,14,0)+IF('Standard Profiles'!$G$22=$B$24,21,0),0)),0)</f>
        <v>0</v>
      </c>
      <c r="I7890">
        <f t="shared" si="874"/>
        <v>10.267208994456423</v>
      </c>
      <c r="J7890">
        <f t="shared" si="875"/>
        <v>66.82304287881459</v>
      </c>
      <c r="K7890">
        <f t="shared" si="876"/>
        <v>3.1496139545291175</v>
      </c>
      <c r="L7890">
        <f t="shared" si="877"/>
        <v>1.5748069772645588</v>
      </c>
      <c r="M7890">
        <f t="shared" si="878"/>
        <v>0</v>
      </c>
      <c r="N7890" s="45">
        <f t="shared" si="879"/>
        <v>45254.33333331428</v>
      </c>
    </row>
    <row r="7891" spans="2:14" x14ac:dyDescent="0.25">
      <c r="B7891">
        <f t="shared" si="873"/>
        <v>5</v>
      </c>
      <c r="C7891" s="16">
        <v>7857</v>
      </c>
      <c r="D7891" cm="1">
        <f t="array" ref="D7891">IFERROR(INDEX(Jesper!AH$2:AH$366,ROUNDDOWN($C7891/24,0)+1,1)*INDEX($D$3:$AA$30,INDEX(Jesper!$R$2:$R$366,ROW(INDEX(Jesper!AH$2:AH$366,ROUNDDOWN($C7891/24,0)+1,1))-1)+IF('Standard Profiles'!$G$18=$B$10,7,0)+IF('Standard Profiles'!$G$18=$B$17,14,0)+IF('Standard Profiles'!$G$18=$B$24,21,0),MOD($C7891,24)+1)/SUM(INDEX($D$3:$AA$30,INDEX(Jesper!$R$2:$R$366,ROW(INDEX(Jesper!AH$2:AH$366,ROUNDDOWN($C7891/24,0)+1,1))-1)+IF('Standard Profiles'!$G$18=$B$10,7,0)+IF('Standard Profiles'!$G$18=$B$17,14,0)+IF('Standard Profiles'!$G$18=$B$24,21,0),0)),0)</f>
        <v>32.480393906081524</v>
      </c>
      <c r="E7891" cm="1">
        <f t="array" ref="E7891">IFERROR(INDEX(Jesper!AI$2:AI$366,ROUNDDOWN($C7891/24,0)+1,1)*INDEX($D$3:$AA$30,INDEX(Jesper!$R$2:$R$366,ROW(INDEX(Jesper!AI$2:AI$366,ROUNDDOWN($C7891/24,0)+1,1))-1)+IF('Standard Profiles'!$G$19=$B$10,7,0)+IF('Standard Profiles'!$G$19=$B$17,14,0)+IF('Standard Profiles'!$G$19=$B$24,21,0),MOD($C7891,24)+1)/SUM(INDEX($D$3:$AA$30,INDEX(Jesper!$R$2:$R$366,ROW(INDEX(Jesper!AI$2:AI$366,ROUNDDOWN($C7891/24,0)+1,1))-1)+IF('Standard Profiles'!$G$19=$B$10,7,0)+IF('Standard Profiles'!$G$19=$B$17,14,0)+IF('Standard Profiles'!$G$19=$B$24,21,0),0)),0)</f>
        <v>33.986725567193659</v>
      </c>
      <c r="F7891" cm="1">
        <f t="array" ref="F7891">IFERROR(INDEX(Jesper!AJ$2:AJ$366,ROUNDDOWN($C7891/24,0)+1,1)*INDEX($D$3:$AA$30,INDEX(Jesper!$R$2:$R$366,ROW(INDEX(Jesper!AJ$2:AJ$366,ROUNDDOWN($C7891/24,0)+1,1))-1)+IF('Standard Profiles'!$G$20=$B$10,7,0)+IF('Standard Profiles'!$G$20=$B$17,14,0)+IF('Standard Profiles'!$G$20=$B$24,21,0),MOD($C7891,24)+1)/SUM(INDEX($D$3:$AA$30,INDEX(Jesper!$R$2:$R$366,ROW(INDEX(Jesper!AJ$2:AJ$366,ROUNDDOWN($C7891/24,0)+1,1))-1)+IF('Standard Profiles'!$G$20=$B$10,7,0)+IF('Standard Profiles'!$G$20=$B$17,14,0)+IF('Standard Profiles'!$G$20=$B$24,21,0),0)),0)</f>
        <v>0</v>
      </c>
      <c r="G7891" cm="1">
        <f t="array" ref="G7891">IFERROR(INDEX(Jesper!AK$2:AK$366,ROUNDDOWN($C7891/24,0)+1,1)*INDEX($D$3:$AA$30,INDEX(Jesper!$R$2:$R$366,ROW(INDEX(Jesper!AK$2:AK$366,ROUNDDOWN($C7891/24,0)+1,1))-1)+IF('Standard Profiles'!$G$21=$B$10,7,0)+IF('Standard Profiles'!$G$21=$B$17,14,0)+IF('Standard Profiles'!$G$21=$B$24,21,0),MOD($C7891,24)+1)/SUM(INDEX($D$3:$AA$30,INDEX(Jesper!$R$2:$R$366,ROW(INDEX(Jesper!AK$2:AK$366,ROUNDDOWN($C7891/24,0)+1,1))-1)+IF('Standard Profiles'!$G$21=$B$10,7,0)+IF('Standard Profiles'!$G$21=$B$17,14,0)+IF('Standard Profiles'!$G$21=$B$24,21,0),0)),0)</f>
        <v>23.52902061229598</v>
      </c>
      <c r="H7891" cm="1">
        <f t="array" ref="H7891">IFERROR(INDEX(Jesper!AL$2:AL$366,ROUNDDOWN($C7891/24,0)+1,1)*INDEX($D$3:$AA$30,INDEX(Jesper!$R$2:$R$366,ROW(INDEX(Jesper!AL$2:AL$366,ROUNDDOWN($C7891/24,0)+1,1))-1)+IF('Standard Profiles'!$G$22=$B$10,7,0)+IF('Standard Profiles'!$G$22=$B$17,14,0)+IF('Standard Profiles'!$G$22=$B$24,21,0),MOD($C7891,24)+1)/SUM(INDEX($D$3:$AA$30,INDEX(Jesper!$R$2:$R$366,ROW(INDEX(Jesper!AL$2:AL$366,ROUNDDOWN($C7891/24,0)+1,1))-1)+IF('Standard Profiles'!$G$22=$B$10,7,0)+IF('Standard Profiles'!$G$22=$B$17,14,0)+IF('Standard Profiles'!$G$22=$B$24,21,0),0)),0)</f>
        <v>0</v>
      </c>
      <c r="I7891">
        <f t="shared" si="874"/>
        <v>11.293929893902066</v>
      </c>
      <c r="J7891">
        <f t="shared" si="875"/>
        <v>73.505347166696055</v>
      </c>
      <c r="K7891">
        <f t="shared" si="876"/>
        <v>3.4645753499820295</v>
      </c>
      <c r="L7891">
        <f t="shared" si="877"/>
        <v>1.7322876749910148</v>
      </c>
      <c r="M7891">
        <f t="shared" si="878"/>
        <v>0</v>
      </c>
      <c r="N7891" s="45">
        <f t="shared" si="879"/>
        <v>45254.374999980944</v>
      </c>
    </row>
    <row r="7892" spans="2:14" x14ac:dyDescent="0.25">
      <c r="B7892">
        <f t="shared" si="873"/>
        <v>5</v>
      </c>
      <c r="C7892" s="16">
        <v>7858</v>
      </c>
      <c r="D7892" cm="1">
        <f t="array" ref="D7892">IFERROR(INDEX(Jesper!AH$2:AH$366,ROUNDDOWN($C7892/24,0)+1,1)*INDEX($D$3:$AA$30,INDEX(Jesper!$R$2:$R$366,ROW(INDEX(Jesper!AH$2:AH$366,ROUNDDOWN($C7892/24,0)+1,1))-1)+IF('Standard Profiles'!$G$18=$B$10,7,0)+IF('Standard Profiles'!$G$18=$B$17,14,0)+IF('Standard Profiles'!$G$18=$B$24,21,0),MOD($C7892,24)+1)/SUM(INDEX($D$3:$AA$30,INDEX(Jesper!$R$2:$R$366,ROW(INDEX(Jesper!AH$2:AH$366,ROUNDDOWN($C7892/24,0)+1,1))-1)+IF('Standard Profiles'!$G$18=$B$10,7,0)+IF('Standard Profiles'!$G$18=$B$17,14,0)+IF('Standard Profiles'!$G$18=$B$24,21,0),0)),0)</f>
        <v>32.480393906081524</v>
      </c>
      <c r="E7892" cm="1">
        <f t="array" ref="E7892">IFERROR(INDEX(Jesper!AI$2:AI$366,ROUNDDOWN($C7892/24,0)+1,1)*INDEX($D$3:$AA$30,INDEX(Jesper!$R$2:$R$366,ROW(INDEX(Jesper!AI$2:AI$366,ROUNDDOWN($C7892/24,0)+1,1))-1)+IF('Standard Profiles'!$G$19=$B$10,7,0)+IF('Standard Profiles'!$G$19=$B$17,14,0)+IF('Standard Profiles'!$G$19=$B$24,21,0),MOD($C7892,24)+1)/SUM(INDEX($D$3:$AA$30,INDEX(Jesper!$R$2:$R$366,ROW(INDEX(Jesper!AI$2:AI$366,ROUNDDOWN($C7892/24,0)+1,1))-1)+IF('Standard Profiles'!$G$19=$B$10,7,0)+IF('Standard Profiles'!$G$19=$B$17,14,0)+IF('Standard Profiles'!$G$19=$B$24,21,0),0)),0)</f>
        <v>33.986725567193659</v>
      </c>
      <c r="F7892" cm="1">
        <f t="array" ref="F7892">IFERROR(INDEX(Jesper!AJ$2:AJ$366,ROUNDDOWN($C7892/24,0)+1,1)*INDEX($D$3:$AA$30,INDEX(Jesper!$R$2:$R$366,ROW(INDEX(Jesper!AJ$2:AJ$366,ROUNDDOWN($C7892/24,0)+1,1))-1)+IF('Standard Profiles'!$G$20=$B$10,7,0)+IF('Standard Profiles'!$G$20=$B$17,14,0)+IF('Standard Profiles'!$G$20=$B$24,21,0),MOD($C7892,24)+1)/SUM(INDEX($D$3:$AA$30,INDEX(Jesper!$R$2:$R$366,ROW(INDEX(Jesper!AJ$2:AJ$366,ROUNDDOWN($C7892/24,0)+1,1))-1)+IF('Standard Profiles'!$G$20=$B$10,7,0)+IF('Standard Profiles'!$G$20=$B$17,14,0)+IF('Standard Profiles'!$G$20=$B$24,21,0),0)),0)</f>
        <v>0</v>
      </c>
      <c r="G7892" cm="1">
        <f t="array" ref="G7892">IFERROR(INDEX(Jesper!AK$2:AK$366,ROUNDDOWN($C7892/24,0)+1,1)*INDEX($D$3:$AA$30,INDEX(Jesper!$R$2:$R$366,ROW(INDEX(Jesper!AK$2:AK$366,ROUNDDOWN($C7892/24,0)+1,1))-1)+IF('Standard Profiles'!$G$21=$B$10,7,0)+IF('Standard Profiles'!$G$21=$B$17,14,0)+IF('Standard Profiles'!$G$21=$B$24,21,0),MOD($C7892,24)+1)/SUM(INDEX($D$3:$AA$30,INDEX(Jesper!$R$2:$R$366,ROW(INDEX(Jesper!AK$2:AK$366,ROUNDDOWN($C7892/24,0)+1,1))-1)+IF('Standard Profiles'!$G$21=$B$10,7,0)+IF('Standard Profiles'!$G$21=$B$17,14,0)+IF('Standard Profiles'!$G$21=$B$24,21,0),0)),0)</f>
        <v>23.52902061229598</v>
      </c>
      <c r="H7892" cm="1">
        <f t="array" ref="H7892">IFERROR(INDEX(Jesper!AL$2:AL$366,ROUNDDOWN($C7892/24,0)+1,1)*INDEX($D$3:$AA$30,INDEX(Jesper!$R$2:$R$366,ROW(INDEX(Jesper!AL$2:AL$366,ROUNDDOWN($C7892/24,0)+1,1))-1)+IF('Standard Profiles'!$G$22=$B$10,7,0)+IF('Standard Profiles'!$G$22=$B$17,14,0)+IF('Standard Profiles'!$G$22=$B$24,21,0),MOD($C7892,24)+1)/SUM(INDEX($D$3:$AA$30,INDEX(Jesper!$R$2:$R$366,ROW(INDEX(Jesper!AL$2:AL$366,ROUNDDOWN($C7892/24,0)+1,1))-1)+IF('Standard Profiles'!$G$22=$B$10,7,0)+IF('Standard Profiles'!$G$22=$B$17,14,0)+IF('Standard Profiles'!$G$22=$B$24,21,0),0)),0)</f>
        <v>0</v>
      </c>
      <c r="I7892">
        <f t="shared" si="874"/>
        <v>11.293929893902066</v>
      </c>
      <c r="J7892">
        <f t="shared" si="875"/>
        <v>73.505347166696055</v>
      </c>
      <c r="K7892">
        <f t="shared" si="876"/>
        <v>3.4645753499820295</v>
      </c>
      <c r="L7892">
        <f t="shared" si="877"/>
        <v>1.7322876749910148</v>
      </c>
      <c r="M7892">
        <f t="shared" si="878"/>
        <v>0</v>
      </c>
      <c r="N7892" s="45">
        <f t="shared" si="879"/>
        <v>45254.416666647609</v>
      </c>
    </row>
    <row r="7893" spans="2:14" x14ac:dyDescent="0.25">
      <c r="B7893">
        <f t="shared" si="873"/>
        <v>5</v>
      </c>
      <c r="C7893" s="16">
        <v>7859</v>
      </c>
      <c r="D7893" cm="1">
        <f t="array" ref="D7893">IFERROR(INDEX(Jesper!AH$2:AH$366,ROUNDDOWN($C7893/24,0)+1,1)*INDEX($D$3:$AA$30,INDEX(Jesper!$R$2:$R$366,ROW(INDEX(Jesper!AH$2:AH$366,ROUNDDOWN($C7893/24,0)+1,1))-1)+IF('Standard Profiles'!$G$18=$B$10,7,0)+IF('Standard Profiles'!$G$18=$B$17,14,0)+IF('Standard Profiles'!$G$18=$B$24,21,0),MOD($C7893,24)+1)/SUM(INDEX($D$3:$AA$30,INDEX(Jesper!$R$2:$R$366,ROW(INDEX(Jesper!AH$2:AH$366,ROUNDDOWN($C7893/24,0)+1,1))-1)+IF('Standard Profiles'!$G$18=$B$10,7,0)+IF('Standard Profiles'!$G$18=$B$17,14,0)+IF('Standard Profiles'!$G$18=$B$24,21,0),0)),0)</f>
        <v>38.385920070823623</v>
      </c>
      <c r="E7893" cm="1">
        <f t="array" ref="E7893">IFERROR(INDEX(Jesper!AI$2:AI$366,ROUNDDOWN($C7893/24,0)+1,1)*INDEX($D$3:$AA$30,INDEX(Jesper!$R$2:$R$366,ROW(INDEX(Jesper!AI$2:AI$366,ROUNDDOWN($C7893/24,0)+1,1))-1)+IF('Standard Profiles'!$G$19=$B$10,7,0)+IF('Standard Profiles'!$G$19=$B$17,14,0)+IF('Standard Profiles'!$G$19=$B$24,21,0),MOD($C7893,24)+1)/SUM(INDEX($D$3:$AA$30,INDEX(Jesper!$R$2:$R$366,ROW(INDEX(Jesper!AI$2:AI$366,ROUNDDOWN($C7893/24,0)+1,1))-1)+IF('Standard Profiles'!$G$19=$B$10,7,0)+IF('Standard Profiles'!$G$19=$B$17,14,0)+IF('Standard Profiles'!$G$19=$B$24,21,0),0)),0)</f>
        <v>40.166130215774331</v>
      </c>
      <c r="F7893" cm="1">
        <f t="array" ref="F7893">IFERROR(INDEX(Jesper!AJ$2:AJ$366,ROUNDDOWN($C7893/24,0)+1,1)*INDEX($D$3:$AA$30,INDEX(Jesper!$R$2:$R$366,ROW(INDEX(Jesper!AJ$2:AJ$366,ROUNDDOWN($C7893/24,0)+1,1))-1)+IF('Standard Profiles'!$G$20=$B$10,7,0)+IF('Standard Profiles'!$G$20=$B$17,14,0)+IF('Standard Profiles'!$G$20=$B$24,21,0),MOD($C7893,24)+1)/SUM(INDEX($D$3:$AA$30,INDEX(Jesper!$R$2:$R$366,ROW(INDEX(Jesper!AJ$2:AJ$366,ROUNDDOWN($C7893/24,0)+1,1))-1)+IF('Standard Profiles'!$G$20=$B$10,7,0)+IF('Standard Profiles'!$G$20=$B$17,14,0)+IF('Standard Profiles'!$G$20=$B$24,21,0),0)),0)</f>
        <v>0</v>
      </c>
      <c r="G7893" cm="1">
        <f t="array" ref="G7893">IFERROR(INDEX(Jesper!AK$2:AK$366,ROUNDDOWN($C7893/24,0)+1,1)*INDEX($D$3:$AA$30,INDEX(Jesper!$R$2:$R$366,ROW(INDEX(Jesper!AK$2:AK$366,ROUNDDOWN($C7893/24,0)+1,1))-1)+IF('Standard Profiles'!$G$21=$B$10,7,0)+IF('Standard Profiles'!$G$21=$B$17,14,0)+IF('Standard Profiles'!$G$21=$B$24,21,0),MOD($C7893,24)+1)/SUM(INDEX($D$3:$AA$30,INDEX(Jesper!$R$2:$R$366,ROW(INDEX(Jesper!AK$2:AK$366,ROUNDDOWN($C7893/24,0)+1,1))-1)+IF('Standard Profiles'!$G$21=$B$10,7,0)+IF('Standard Profiles'!$G$21=$B$17,14,0)+IF('Standard Profiles'!$G$21=$B$24,21,0),0)),0)</f>
        <v>27.807024359986158</v>
      </c>
      <c r="H7893" cm="1">
        <f t="array" ref="H7893">IFERROR(INDEX(Jesper!AL$2:AL$366,ROUNDDOWN($C7893/24,0)+1,1)*INDEX($D$3:$AA$30,INDEX(Jesper!$R$2:$R$366,ROW(INDEX(Jesper!AL$2:AL$366,ROUNDDOWN($C7893/24,0)+1,1))-1)+IF('Standard Profiles'!$G$22=$B$10,7,0)+IF('Standard Profiles'!$G$22=$B$17,14,0)+IF('Standard Profiles'!$G$22=$B$24,21,0),MOD($C7893,24)+1)/SUM(INDEX($D$3:$AA$30,INDEX(Jesper!$R$2:$R$366,ROW(INDEX(Jesper!AL$2:AL$366,ROUNDDOWN($C7893/24,0)+1,1))-1)+IF('Standard Profiles'!$G$22=$B$10,7,0)+IF('Standard Profiles'!$G$22=$B$17,14,0)+IF('Standard Profiles'!$G$22=$B$24,21,0),0)),0)</f>
        <v>0</v>
      </c>
      <c r="I7893">
        <f t="shared" si="874"/>
        <v>13.347371692793349</v>
      </c>
      <c r="J7893">
        <f t="shared" si="875"/>
        <v>86.869955742458984</v>
      </c>
      <c r="K7893">
        <f t="shared" si="876"/>
        <v>4.0944981408878531</v>
      </c>
      <c r="L7893">
        <f t="shared" si="877"/>
        <v>2.0472490704439266</v>
      </c>
      <c r="M7893">
        <f t="shared" si="878"/>
        <v>0</v>
      </c>
      <c r="N7893" s="45">
        <f t="shared" si="879"/>
        <v>45254.458333314273</v>
      </c>
    </row>
    <row r="7894" spans="2:14" x14ac:dyDescent="0.25">
      <c r="B7894">
        <f t="shared" si="873"/>
        <v>5</v>
      </c>
      <c r="C7894" s="16">
        <v>7860</v>
      </c>
      <c r="D7894" cm="1">
        <f t="array" ref="D7894">IFERROR(INDEX(Jesper!AH$2:AH$366,ROUNDDOWN($C7894/24,0)+1,1)*INDEX($D$3:$AA$30,INDEX(Jesper!$R$2:$R$366,ROW(INDEX(Jesper!AH$2:AH$366,ROUNDDOWN($C7894/24,0)+1,1))-1)+IF('Standard Profiles'!$G$18=$B$10,7,0)+IF('Standard Profiles'!$G$18=$B$17,14,0)+IF('Standard Profiles'!$G$18=$B$24,21,0),MOD($C7894,24)+1)/SUM(INDEX($D$3:$AA$30,INDEX(Jesper!$R$2:$R$366,ROW(INDEX(Jesper!AH$2:AH$366,ROUNDDOWN($C7894/24,0)+1,1))-1)+IF('Standard Profiles'!$G$18=$B$10,7,0)+IF('Standard Profiles'!$G$18=$B$17,14,0)+IF('Standard Profiles'!$G$18=$B$24,21,0),0)),0)</f>
        <v>38.385920070823623</v>
      </c>
      <c r="E7894" cm="1">
        <f t="array" ref="E7894">IFERROR(INDEX(Jesper!AI$2:AI$366,ROUNDDOWN($C7894/24,0)+1,1)*INDEX($D$3:$AA$30,INDEX(Jesper!$R$2:$R$366,ROW(INDEX(Jesper!AI$2:AI$366,ROUNDDOWN($C7894/24,0)+1,1))-1)+IF('Standard Profiles'!$G$19=$B$10,7,0)+IF('Standard Profiles'!$G$19=$B$17,14,0)+IF('Standard Profiles'!$G$19=$B$24,21,0),MOD($C7894,24)+1)/SUM(INDEX($D$3:$AA$30,INDEX(Jesper!$R$2:$R$366,ROW(INDEX(Jesper!AI$2:AI$366,ROUNDDOWN($C7894/24,0)+1,1))-1)+IF('Standard Profiles'!$G$19=$B$10,7,0)+IF('Standard Profiles'!$G$19=$B$17,14,0)+IF('Standard Profiles'!$G$19=$B$24,21,0),0)),0)</f>
        <v>40.166130215774331</v>
      </c>
      <c r="F7894" cm="1">
        <f t="array" ref="F7894">IFERROR(INDEX(Jesper!AJ$2:AJ$366,ROUNDDOWN($C7894/24,0)+1,1)*INDEX($D$3:$AA$30,INDEX(Jesper!$R$2:$R$366,ROW(INDEX(Jesper!AJ$2:AJ$366,ROUNDDOWN($C7894/24,0)+1,1))-1)+IF('Standard Profiles'!$G$20=$B$10,7,0)+IF('Standard Profiles'!$G$20=$B$17,14,0)+IF('Standard Profiles'!$G$20=$B$24,21,0),MOD($C7894,24)+1)/SUM(INDEX($D$3:$AA$30,INDEX(Jesper!$R$2:$R$366,ROW(INDEX(Jesper!AJ$2:AJ$366,ROUNDDOWN($C7894/24,0)+1,1))-1)+IF('Standard Profiles'!$G$20=$B$10,7,0)+IF('Standard Profiles'!$G$20=$B$17,14,0)+IF('Standard Profiles'!$G$20=$B$24,21,0),0)),0)</f>
        <v>0</v>
      </c>
      <c r="G7894" cm="1">
        <f t="array" ref="G7894">IFERROR(INDEX(Jesper!AK$2:AK$366,ROUNDDOWN($C7894/24,0)+1,1)*INDEX($D$3:$AA$30,INDEX(Jesper!$R$2:$R$366,ROW(INDEX(Jesper!AK$2:AK$366,ROUNDDOWN($C7894/24,0)+1,1))-1)+IF('Standard Profiles'!$G$21=$B$10,7,0)+IF('Standard Profiles'!$G$21=$B$17,14,0)+IF('Standard Profiles'!$G$21=$B$24,21,0),MOD($C7894,24)+1)/SUM(INDEX($D$3:$AA$30,INDEX(Jesper!$R$2:$R$366,ROW(INDEX(Jesper!AK$2:AK$366,ROUNDDOWN($C7894/24,0)+1,1))-1)+IF('Standard Profiles'!$G$21=$B$10,7,0)+IF('Standard Profiles'!$G$21=$B$17,14,0)+IF('Standard Profiles'!$G$21=$B$24,21,0),0)),0)</f>
        <v>27.807024359986158</v>
      </c>
      <c r="H7894" cm="1">
        <f t="array" ref="H7894">IFERROR(INDEX(Jesper!AL$2:AL$366,ROUNDDOWN($C7894/24,0)+1,1)*INDEX($D$3:$AA$30,INDEX(Jesper!$R$2:$R$366,ROW(INDEX(Jesper!AL$2:AL$366,ROUNDDOWN($C7894/24,0)+1,1))-1)+IF('Standard Profiles'!$G$22=$B$10,7,0)+IF('Standard Profiles'!$G$22=$B$17,14,0)+IF('Standard Profiles'!$G$22=$B$24,21,0),MOD($C7894,24)+1)/SUM(INDEX($D$3:$AA$30,INDEX(Jesper!$R$2:$R$366,ROW(INDEX(Jesper!AL$2:AL$366,ROUNDDOWN($C7894/24,0)+1,1))-1)+IF('Standard Profiles'!$G$22=$B$10,7,0)+IF('Standard Profiles'!$G$22=$B$17,14,0)+IF('Standard Profiles'!$G$22=$B$24,21,0),0)),0)</f>
        <v>0</v>
      </c>
      <c r="I7894">
        <f t="shared" si="874"/>
        <v>13.347371692793349</v>
      </c>
      <c r="J7894">
        <f t="shared" si="875"/>
        <v>86.869955742458984</v>
      </c>
      <c r="K7894">
        <f t="shared" si="876"/>
        <v>4.0944981408878531</v>
      </c>
      <c r="L7894">
        <f t="shared" si="877"/>
        <v>2.0472490704439266</v>
      </c>
      <c r="M7894">
        <f t="shared" si="878"/>
        <v>0</v>
      </c>
      <c r="N7894" s="45">
        <f t="shared" si="879"/>
        <v>45254.499999980937</v>
      </c>
    </row>
    <row r="7895" spans="2:14" x14ac:dyDescent="0.25">
      <c r="B7895">
        <f t="shared" si="873"/>
        <v>5</v>
      </c>
      <c r="C7895" s="16">
        <v>7861</v>
      </c>
      <c r="D7895" cm="1">
        <f t="array" ref="D7895">IFERROR(INDEX(Jesper!AH$2:AH$366,ROUNDDOWN($C7895/24,0)+1,1)*INDEX($D$3:$AA$30,INDEX(Jesper!$R$2:$R$366,ROW(INDEX(Jesper!AH$2:AH$366,ROUNDDOWN($C7895/24,0)+1,1))-1)+IF('Standard Profiles'!$G$18=$B$10,7,0)+IF('Standard Profiles'!$G$18=$B$17,14,0)+IF('Standard Profiles'!$G$18=$B$24,21,0),MOD($C7895,24)+1)/SUM(INDEX($D$3:$AA$30,INDEX(Jesper!$R$2:$R$366,ROW(INDEX(Jesper!AH$2:AH$366,ROUNDDOWN($C7895/24,0)+1,1))-1)+IF('Standard Profiles'!$G$18=$B$10,7,0)+IF('Standard Profiles'!$G$18=$B$17,14,0)+IF('Standard Profiles'!$G$18=$B$24,21,0),0)),0)</f>
        <v>26.574867741339428</v>
      </c>
      <c r="E7895" cm="1">
        <f t="array" ref="E7895">IFERROR(INDEX(Jesper!AI$2:AI$366,ROUNDDOWN($C7895/24,0)+1,1)*INDEX($D$3:$AA$30,INDEX(Jesper!$R$2:$R$366,ROW(INDEX(Jesper!AI$2:AI$366,ROUNDDOWN($C7895/24,0)+1,1))-1)+IF('Standard Profiles'!$G$19=$B$10,7,0)+IF('Standard Profiles'!$G$19=$B$17,14,0)+IF('Standard Profiles'!$G$19=$B$24,21,0),MOD($C7895,24)+1)/SUM(INDEX($D$3:$AA$30,INDEX(Jesper!$R$2:$R$366,ROW(INDEX(Jesper!AI$2:AI$366,ROUNDDOWN($C7895/24,0)+1,1))-1)+IF('Standard Profiles'!$G$19=$B$10,7,0)+IF('Standard Profiles'!$G$19=$B$17,14,0)+IF('Standard Profiles'!$G$19=$B$24,21,0),0)),0)</f>
        <v>27.807320918612994</v>
      </c>
      <c r="F7895" cm="1">
        <f t="array" ref="F7895">IFERROR(INDEX(Jesper!AJ$2:AJ$366,ROUNDDOWN($C7895/24,0)+1,1)*INDEX($D$3:$AA$30,INDEX(Jesper!$R$2:$R$366,ROW(INDEX(Jesper!AJ$2:AJ$366,ROUNDDOWN($C7895/24,0)+1,1))-1)+IF('Standard Profiles'!$G$20=$B$10,7,0)+IF('Standard Profiles'!$G$20=$B$17,14,0)+IF('Standard Profiles'!$G$20=$B$24,21,0),MOD($C7895,24)+1)/SUM(INDEX($D$3:$AA$30,INDEX(Jesper!$R$2:$R$366,ROW(INDEX(Jesper!AJ$2:AJ$366,ROUNDDOWN($C7895/24,0)+1,1))-1)+IF('Standard Profiles'!$G$20=$B$10,7,0)+IF('Standard Profiles'!$G$20=$B$17,14,0)+IF('Standard Profiles'!$G$20=$B$24,21,0),0)),0)</f>
        <v>0</v>
      </c>
      <c r="G7895" cm="1">
        <f t="array" ref="G7895">IFERROR(INDEX(Jesper!AK$2:AK$366,ROUNDDOWN($C7895/24,0)+1,1)*INDEX($D$3:$AA$30,INDEX(Jesper!$R$2:$R$366,ROW(INDEX(Jesper!AK$2:AK$366,ROUNDDOWN($C7895/24,0)+1,1))-1)+IF('Standard Profiles'!$G$21=$B$10,7,0)+IF('Standard Profiles'!$G$21=$B$17,14,0)+IF('Standard Profiles'!$G$21=$B$24,21,0),MOD($C7895,24)+1)/SUM(INDEX($D$3:$AA$30,INDEX(Jesper!$R$2:$R$366,ROW(INDEX(Jesper!AK$2:AK$366,ROUNDDOWN($C7895/24,0)+1,1))-1)+IF('Standard Profiles'!$G$21=$B$10,7,0)+IF('Standard Profiles'!$G$21=$B$17,14,0)+IF('Standard Profiles'!$G$21=$B$24,21,0),0)),0)</f>
        <v>19.251016864605806</v>
      </c>
      <c r="H7895" cm="1">
        <f t="array" ref="H7895">IFERROR(INDEX(Jesper!AL$2:AL$366,ROUNDDOWN($C7895/24,0)+1,1)*INDEX($D$3:$AA$30,INDEX(Jesper!$R$2:$R$366,ROW(INDEX(Jesper!AL$2:AL$366,ROUNDDOWN($C7895/24,0)+1,1))-1)+IF('Standard Profiles'!$G$22=$B$10,7,0)+IF('Standard Profiles'!$G$22=$B$17,14,0)+IF('Standard Profiles'!$G$22=$B$24,21,0),MOD($C7895,24)+1)/SUM(INDEX($D$3:$AA$30,INDEX(Jesper!$R$2:$R$366,ROW(INDEX(Jesper!AL$2:AL$366,ROUNDDOWN($C7895/24,0)+1,1))-1)+IF('Standard Profiles'!$G$22=$B$10,7,0)+IF('Standard Profiles'!$G$22=$B$17,14,0)+IF('Standard Profiles'!$G$22=$B$24,21,0),0)),0)</f>
        <v>0</v>
      </c>
      <c r="I7895">
        <f t="shared" si="874"/>
        <v>9.2404880950107824</v>
      </c>
      <c r="J7895">
        <f t="shared" si="875"/>
        <v>60.14073859093314</v>
      </c>
      <c r="K7895">
        <f t="shared" si="876"/>
        <v>2.8346525590762059</v>
      </c>
      <c r="L7895">
        <f t="shared" si="877"/>
        <v>1.417326279538103</v>
      </c>
      <c r="M7895">
        <f t="shared" si="878"/>
        <v>0</v>
      </c>
      <c r="N7895" s="45">
        <f t="shared" si="879"/>
        <v>45254.541666647601</v>
      </c>
    </row>
    <row r="7896" spans="2:14" x14ac:dyDescent="0.25">
      <c r="B7896">
        <f t="shared" si="873"/>
        <v>5</v>
      </c>
      <c r="C7896" s="16">
        <v>7862</v>
      </c>
      <c r="D7896" cm="1">
        <f t="array" ref="D7896">IFERROR(INDEX(Jesper!AH$2:AH$366,ROUNDDOWN($C7896/24,0)+1,1)*INDEX($D$3:$AA$30,INDEX(Jesper!$R$2:$R$366,ROW(INDEX(Jesper!AH$2:AH$366,ROUNDDOWN($C7896/24,0)+1,1))-1)+IF('Standard Profiles'!$G$18=$B$10,7,0)+IF('Standard Profiles'!$G$18=$B$17,14,0)+IF('Standard Profiles'!$G$18=$B$24,21,0),MOD($C7896,24)+1)/SUM(INDEX($D$3:$AA$30,INDEX(Jesper!$R$2:$R$366,ROW(INDEX(Jesper!AH$2:AH$366,ROUNDDOWN($C7896/24,0)+1,1))-1)+IF('Standard Profiles'!$G$18=$B$10,7,0)+IF('Standard Profiles'!$G$18=$B$17,14,0)+IF('Standard Profiles'!$G$18=$B$24,21,0),0)),0)</f>
        <v>38.385920070823623</v>
      </c>
      <c r="E7896" cm="1">
        <f t="array" ref="E7896">IFERROR(INDEX(Jesper!AI$2:AI$366,ROUNDDOWN($C7896/24,0)+1,1)*INDEX($D$3:$AA$30,INDEX(Jesper!$R$2:$R$366,ROW(INDEX(Jesper!AI$2:AI$366,ROUNDDOWN($C7896/24,0)+1,1))-1)+IF('Standard Profiles'!$G$19=$B$10,7,0)+IF('Standard Profiles'!$G$19=$B$17,14,0)+IF('Standard Profiles'!$G$19=$B$24,21,0),MOD($C7896,24)+1)/SUM(INDEX($D$3:$AA$30,INDEX(Jesper!$R$2:$R$366,ROW(INDEX(Jesper!AI$2:AI$366,ROUNDDOWN($C7896/24,0)+1,1))-1)+IF('Standard Profiles'!$G$19=$B$10,7,0)+IF('Standard Profiles'!$G$19=$B$17,14,0)+IF('Standard Profiles'!$G$19=$B$24,21,0),0)),0)</f>
        <v>40.166130215774331</v>
      </c>
      <c r="F7896" cm="1">
        <f t="array" ref="F7896">IFERROR(INDEX(Jesper!AJ$2:AJ$366,ROUNDDOWN($C7896/24,0)+1,1)*INDEX($D$3:$AA$30,INDEX(Jesper!$R$2:$R$366,ROW(INDEX(Jesper!AJ$2:AJ$366,ROUNDDOWN($C7896/24,0)+1,1))-1)+IF('Standard Profiles'!$G$20=$B$10,7,0)+IF('Standard Profiles'!$G$20=$B$17,14,0)+IF('Standard Profiles'!$G$20=$B$24,21,0),MOD($C7896,24)+1)/SUM(INDEX($D$3:$AA$30,INDEX(Jesper!$R$2:$R$366,ROW(INDEX(Jesper!AJ$2:AJ$366,ROUNDDOWN($C7896/24,0)+1,1))-1)+IF('Standard Profiles'!$G$20=$B$10,7,0)+IF('Standard Profiles'!$G$20=$B$17,14,0)+IF('Standard Profiles'!$G$20=$B$24,21,0),0)),0)</f>
        <v>0</v>
      </c>
      <c r="G7896" cm="1">
        <f t="array" ref="G7896">IFERROR(INDEX(Jesper!AK$2:AK$366,ROUNDDOWN($C7896/24,0)+1,1)*INDEX($D$3:$AA$30,INDEX(Jesper!$R$2:$R$366,ROW(INDEX(Jesper!AK$2:AK$366,ROUNDDOWN($C7896/24,0)+1,1))-1)+IF('Standard Profiles'!$G$21=$B$10,7,0)+IF('Standard Profiles'!$G$21=$B$17,14,0)+IF('Standard Profiles'!$G$21=$B$24,21,0),MOD($C7896,24)+1)/SUM(INDEX($D$3:$AA$30,INDEX(Jesper!$R$2:$R$366,ROW(INDEX(Jesper!AK$2:AK$366,ROUNDDOWN($C7896/24,0)+1,1))-1)+IF('Standard Profiles'!$G$21=$B$10,7,0)+IF('Standard Profiles'!$G$21=$B$17,14,0)+IF('Standard Profiles'!$G$21=$B$24,21,0),0)),0)</f>
        <v>27.807024359986158</v>
      </c>
      <c r="H7896" cm="1">
        <f t="array" ref="H7896">IFERROR(INDEX(Jesper!AL$2:AL$366,ROUNDDOWN($C7896/24,0)+1,1)*INDEX($D$3:$AA$30,INDEX(Jesper!$R$2:$R$366,ROW(INDEX(Jesper!AL$2:AL$366,ROUNDDOWN($C7896/24,0)+1,1))-1)+IF('Standard Profiles'!$G$22=$B$10,7,0)+IF('Standard Profiles'!$G$22=$B$17,14,0)+IF('Standard Profiles'!$G$22=$B$24,21,0),MOD($C7896,24)+1)/SUM(INDEX($D$3:$AA$30,INDEX(Jesper!$R$2:$R$366,ROW(INDEX(Jesper!AL$2:AL$366,ROUNDDOWN($C7896/24,0)+1,1))-1)+IF('Standard Profiles'!$G$22=$B$10,7,0)+IF('Standard Profiles'!$G$22=$B$17,14,0)+IF('Standard Profiles'!$G$22=$B$24,21,0),0)),0)</f>
        <v>0</v>
      </c>
      <c r="I7896">
        <f t="shared" si="874"/>
        <v>13.347371692793349</v>
      </c>
      <c r="J7896">
        <f t="shared" si="875"/>
        <v>86.869955742458984</v>
      </c>
      <c r="K7896">
        <f t="shared" si="876"/>
        <v>4.0944981408878531</v>
      </c>
      <c r="L7896">
        <f t="shared" si="877"/>
        <v>2.0472490704439266</v>
      </c>
      <c r="M7896">
        <f t="shared" si="878"/>
        <v>0</v>
      </c>
      <c r="N7896" s="45">
        <f t="shared" si="879"/>
        <v>45254.583333314265</v>
      </c>
    </row>
    <row r="7897" spans="2:14" x14ac:dyDescent="0.25">
      <c r="B7897">
        <f t="shared" si="873"/>
        <v>5</v>
      </c>
      <c r="C7897" s="16">
        <v>7863</v>
      </c>
      <c r="D7897" cm="1">
        <f t="array" ref="D7897">IFERROR(INDEX(Jesper!AH$2:AH$366,ROUNDDOWN($C7897/24,0)+1,1)*INDEX($D$3:$AA$30,INDEX(Jesper!$R$2:$R$366,ROW(INDEX(Jesper!AH$2:AH$366,ROUNDDOWN($C7897/24,0)+1,1))-1)+IF('Standard Profiles'!$G$18=$B$10,7,0)+IF('Standard Profiles'!$G$18=$B$17,14,0)+IF('Standard Profiles'!$G$18=$B$24,21,0),MOD($C7897,24)+1)/SUM(INDEX($D$3:$AA$30,INDEX(Jesper!$R$2:$R$366,ROW(INDEX(Jesper!AH$2:AH$366,ROUNDDOWN($C7897/24,0)+1,1))-1)+IF('Standard Profiles'!$G$18=$B$10,7,0)+IF('Standard Profiles'!$G$18=$B$17,14,0)+IF('Standard Profiles'!$G$18=$B$24,21,0),0)),0)</f>
        <v>29.527630823710474</v>
      </c>
      <c r="E7897" cm="1">
        <f t="array" ref="E7897">IFERROR(INDEX(Jesper!AI$2:AI$366,ROUNDDOWN($C7897/24,0)+1,1)*INDEX($D$3:$AA$30,INDEX(Jesper!$R$2:$R$366,ROW(INDEX(Jesper!AI$2:AI$366,ROUNDDOWN($C7897/24,0)+1,1))-1)+IF('Standard Profiles'!$G$19=$B$10,7,0)+IF('Standard Profiles'!$G$19=$B$17,14,0)+IF('Standard Profiles'!$G$19=$B$24,21,0),MOD($C7897,24)+1)/SUM(INDEX($D$3:$AA$30,INDEX(Jesper!$R$2:$R$366,ROW(INDEX(Jesper!AI$2:AI$366,ROUNDDOWN($C7897/24,0)+1,1))-1)+IF('Standard Profiles'!$G$19=$B$10,7,0)+IF('Standard Profiles'!$G$19=$B$17,14,0)+IF('Standard Profiles'!$G$19=$B$24,21,0),0)),0)</f>
        <v>30.897023242903327</v>
      </c>
      <c r="F7897" cm="1">
        <f t="array" ref="F7897">IFERROR(INDEX(Jesper!AJ$2:AJ$366,ROUNDDOWN($C7897/24,0)+1,1)*INDEX($D$3:$AA$30,INDEX(Jesper!$R$2:$R$366,ROW(INDEX(Jesper!AJ$2:AJ$366,ROUNDDOWN($C7897/24,0)+1,1))-1)+IF('Standard Profiles'!$G$20=$B$10,7,0)+IF('Standard Profiles'!$G$20=$B$17,14,0)+IF('Standard Profiles'!$G$20=$B$24,21,0),MOD($C7897,24)+1)/SUM(INDEX($D$3:$AA$30,INDEX(Jesper!$R$2:$R$366,ROW(INDEX(Jesper!AJ$2:AJ$366,ROUNDDOWN($C7897/24,0)+1,1))-1)+IF('Standard Profiles'!$G$20=$B$10,7,0)+IF('Standard Profiles'!$G$20=$B$17,14,0)+IF('Standard Profiles'!$G$20=$B$24,21,0),0)),0)</f>
        <v>0</v>
      </c>
      <c r="G7897" cm="1">
        <f t="array" ref="G7897">IFERROR(INDEX(Jesper!AK$2:AK$366,ROUNDDOWN($C7897/24,0)+1,1)*INDEX($D$3:$AA$30,INDEX(Jesper!$R$2:$R$366,ROW(INDEX(Jesper!AK$2:AK$366,ROUNDDOWN($C7897/24,0)+1,1))-1)+IF('Standard Profiles'!$G$21=$B$10,7,0)+IF('Standard Profiles'!$G$21=$B$17,14,0)+IF('Standard Profiles'!$G$21=$B$24,21,0),MOD($C7897,24)+1)/SUM(INDEX($D$3:$AA$30,INDEX(Jesper!$R$2:$R$366,ROW(INDEX(Jesper!AK$2:AK$366,ROUNDDOWN($C7897/24,0)+1,1))-1)+IF('Standard Profiles'!$G$21=$B$10,7,0)+IF('Standard Profiles'!$G$21=$B$17,14,0)+IF('Standard Profiles'!$G$21=$B$24,21,0),0)),0)</f>
        <v>23.52902061229598</v>
      </c>
      <c r="H7897" cm="1">
        <f t="array" ref="H7897">IFERROR(INDEX(Jesper!AL$2:AL$366,ROUNDDOWN($C7897/24,0)+1,1)*INDEX($D$3:$AA$30,INDEX(Jesper!$R$2:$R$366,ROW(INDEX(Jesper!AL$2:AL$366,ROUNDDOWN($C7897/24,0)+1,1))-1)+IF('Standard Profiles'!$G$22=$B$10,7,0)+IF('Standard Profiles'!$G$22=$B$17,14,0)+IF('Standard Profiles'!$G$22=$B$24,21,0),MOD($C7897,24)+1)/SUM(INDEX($D$3:$AA$30,INDEX(Jesper!$R$2:$R$366,ROW(INDEX(Jesper!AL$2:AL$366,ROUNDDOWN($C7897/24,0)+1,1))-1)+IF('Standard Profiles'!$G$22=$B$10,7,0)+IF('Standard Profiles'!$G$22=$B$17,14,0)+IF('Standard Profiles'!$G$22=$B$24,21,0),0)),0)</f>
        <v>0</v>
      </c>
      <c r="I7897">
        <f t="shared" si="874"/>
        <v>11.293929893902066</v>
      </c>
      <c r="J7897">
        <f t="shared" si="875"/>
        <v>67.935323853214044</v>
      </c>
      <c r="K7897">
        <f t="shared" si="876"/>
        <v>3.1496139545291175</v>
      </c>
      <c r="L7897">
        <f t="shared" si="877"/>
        <v>1.5748069772645588</v>
      </c>
      <c r="M7897">
        <f t="shared" si="878"/>
        <v>0</v>
      </c>
      <c r="N7897" s="45">
        <f t="shared" si="879"/>
        <v>45254.62499998093</v>
      </c>
    </row>
    <row r="7898" spans="2:14" x14ac:dyDescent="0.25">
      <c r="B7898">
        <f t="shared" si="873"/>
        <v>5</v>
      </c>
      <c r="C7898" s="16">
        <v>7864</v>
      </c>
      <c r="D7898" cm="1">
        <f t="array" ref="D7898">IFERROR(INDEX(Jesper!AH$2:AH$366,ROUNDDOWN($C7898/24,0)+1,1)*INDEX($D$3:$AA$30,INDEX(Jesper!$R$2:$R$366,ROW(INDEX(Jesper!AH$2:AH$366,ROUNDDOWN($C7898/24,0)+1,1))-1)+IF('Standard Profiles'!$G$18=$B$10,7,0)+IF('Standard Profiles'!$G$18=$B$17,14,0)+IF('Standard Profiles'!$G$18=$B$24,21,0),MOD($C7898,24)+1)/SUM(INDEX($D$3:$AA$30,INDEX(Jesper!$R$2:$R$366,ROW(INDEX(Jesper!AH$2:AH$366,ROUNDDOWN($C7898/24,0)+1,1))-1)+IF('Standard Profiles'!$G$18=$B$10,7,0)+IF('Standard Profiles'!$G$18=$B$17,14,0)+IF('Standard Profiles'!$G$18=$B$24,21,0),0)),0)</f>
        <v>13.862737475920412</v>
      </c>
      <c r="E7898" cm="1">
        <f t="array" ref="E7898">IFERROR(INDEX(Jesper!AI$2:AI$366,ROUNDDOWN($C7898/24,0)+1,1)*INDEX($D$3:$AA$30,INDEX(Jesper!$R$2:$R$366,ROW(INDEX(Jesper!AI$2:AI$366,ROUNDDOWN($C7898/24,0)+1,1))-1)+IF('Standard Profiles'!$G$19=$B$10,7,0)+IF('Standard Profiles'!$G$19=$B$17,14,0)+IF('Standard Profiles'!$G$19=$B$24,21,0),MOD($C7898,24)+1)/SUM(INDEX($D$3:$AA$30,INDEX(Jesper!$R$2:$R$366,ROW(INDEX(Jesper!AI$2:AI$366,ROUNDDOWN($C7898/24,0)+1,1))-1)+IF('Standard Profiles'!$G$19=$B$10,7,0)+IF('Standard Profiles'!$G$19=$B$17,14,0)+IF('Standard Profiles'!$G$19=$B$24,21,0),0)),0)</f>
        <v>14.505644714978089</v>
      </c>
      <c r="F7898" cm="1">
        <f t="array" ref="F7898">IFERROR(INDEX(Jesper!AJ$2:AJ$366,ROUNDDOWN($C7898/24,0)+1,1)*INDEX($D$3:$AA$30,INDEX(Jesper!$R$2:$R$366,ROW(INDEX(Jesper!AJ$2:AJ$366,ROUNDDOWN($C7898/24,0)+1,1))-1)+IF('Standard Profiles'!$G$20=$B$10,7,0)+IF('Standard Profiles'!$G$20=$B$17,14,0)+IF('Standard Profiles'!$G$20=$B$24,21,0),MOD($C7898,24)+1)/SUM(INDEX($D$3:$AA$30,INDEX(Jesper!$R$2:$R$366,ROW(INDEX(Jesper!AJ$2:AJ$366,ROUNDDOWN($C7898/24,0)+1,1))-1)+IF('Standard Profiles'!$G$20=$B$10,7,0)+IF('Standard Profiles'!$G$20=$B$17,14,0)+IF('Standard Profiles'!$G$20=$B$24,21,0),0)),0)</f>
        <v>0</v>
      </c>
      <c r="G7898" cm="1">
        <f t="array" ref="G7898">IFERROR(INDEX(Jesper!AK$2:AK$366,ROUNDDOWN($C7898/24,0)+1,1)*INDEX($D$3:$AA$30,INDEX(Jesper!$R$2:$R$366,ROW(INDEX(Jesper!AK$2:AK$366,ROUNDDOWN($C7898/24,0)+1,1))-1)+IF('Standard Profiles'!$G$21=$B$10,7,0)+IF('Standard Profiles'!$G$21=$B$17,14,0)+IF('Standard Profiles'!$G$21=$B$24,21,0),MOD($C7898,24)+1)/SUM(INDEX($D$3:$AA$30,INDEX(Jesper!$R$2:$R$366,ROW(INDEX(Jesper!AK$2:AK$366,ROUNDDOWN($C7898/24,0)+1,1))-1)+IF('Standard Profiles'!$G$21=$B$10,7,0)+IF('Standard Profiles'!$G$21=$B$17,14,0)+IF('Standard Profiles'!$G$21=$B$24,21,0),0)),0)</f>
        <v>20.37144641757228</v>
      </c>
      <c r="H7898" cm="1">
        <f t="array" ref="H7898">IFERROR(INDEX(Jesper!AL$2:AL$366,ROUNDDOWN($C7898/24,0)+1,1)*INDEX($D$3:$AA$30,INDEX(Jesper!$R$2:$R$366,ROW(INDEX(Jesper!AL$2:AL$366,ROUNDDOWN($C7898/24,0)+1,1))-1)+IF('Standard Profiles'!$G$22=$B$10,7,0)+IF('Standard Profiles'!$G$22=$B$17,14,0)+IF('Standard Profiles'!$G$22=$B$24,21,0),MOD($C7898,24)+1)/SUM(INDEX($D$3:$AA$30,INDEX(Jesper!$R$2:$R$366,ROW(INDEX(Jesper!AL$2:AL$366,ROUNDDOWN($C7898/24,0)+1,1))-1)+IF('Standard Profiles'!$G$22=$B$10,7,0)+IF('Standard Profiles'!$G$22=$B$17,14,0)+IF('Standard Profiles'!$G$22=$B$24,21,0),0)),0)</f>
        <v>0</v>
      </c>
      <c r="I7898">
        <f t="shared" si="874"/>
        <v>9.7782942804346895</v>
      </c>
      <c r="J7898">
        <f t="shared" si="875"/>
        <v>36.743496331888821</v>
      </c>
      <c r="K7898">
        <f t="shared" si="876"/>
        <v>1.4786919974315107</v>
      </c>
      <c r="L7898">
        <f t="shared" si="877"/>
        <v>0.73934599871575535</v>
      </c>
      <c r="M7898">
        <f t="shared" si="878"/>
        <v>0</v>
      </c>
      <c r="N7898" s="45">
        <f t="shared" si="879"/>
        <v>45254.666666647594</v>
      </c>
    </row>
    <row r="7899" spans="2:14" x14ac:dyDescent="0.25">
      <c r="B7899">
        <f t="shared" si="873"/>
        <v>5</v>
      </c>
      <c r="C7899" s="16">
        <v>7865</v>
      </c>
      <c r="D7899" cm="1">
        <f t="array" ref="D7899">IFERROR(INDEX(Jesper!AH$2:AH$366,ROUNDDOWN($C7899/24,0)+1,1)*INDEX($D$3:$AA$30,INDEX(Jesper!$R$2:$R$366,ROW(INDEX(Jesper!AH$2:AH$366,ROUNDDOWN($C7899/24,0)+1,1))-1)+IF('Standard Profiles'!$G$18=$B$10,7,0)+IF('Standard Profiles'!$G$18=$B$17,14,0)+IF('Standard Profiles'!$G$18=$B$24,21,0),MOD($C7899,24)+1)/SUM(INDEX($D$3:$AA$30,INDEX(Jesper!$R$2:$R$366,ROW(INDEX(Jesper!AH$2:AH$366,ROUNDDOWN($C7899/24,0)+1,1))-1)+IF('Standard Profiles'!$G$18=$B$10,7,0)+IF('Standard Profiles'!$G$18=$B$17,14,0)+IF('Standard Profiles'!$G$18=$B$24,21,0),0)),0)</f>
        <v>9.1494067341074707</v>
      </c>
      <c r="E7899" cm="1">
        <f t="array" ref="E7899">IFERROR(INDEX(Jesper!AI$2:AI$366,ROUNDDOWN($C7899/24,0)+1,1)*INDEX($D$3:$AA$30,INDEX(Jesper!$R$2:$R$366,ROW(INDEX(Jesper!AI$2:AI$366,ROUNDDOWN($C7899/24,0)+1,1))-1)+IF('Standard Profiles'!$G$19=$B$10,7,0)+IF('Standard Profiles'!$G$19=$B$17,14,0)+IF('Standard Profiles'!$G$19=$B$24,21,0),MOD($C7899,24)+1)/SUM(INDEX($D$3:$AA$30,INDEX(Jesper!$R$2:$R$366,ROW(INDEX(Jesper!AI$2:AI$366,ROUNDDOWN($C7899/24,0)+1,1))-1)+IF('Standard Profiles'!$G$19=$B$10,7,0)+IF('Standard Profiles'!$G$19=$B$17,14,0)+IF('Standard Profiles'!$G$19=$B$24,21,0),0)),0)</f>
        <v>9.573725511885538</v>
      </c>
      <c r="F7899" cm="1">
        <f t="array" ref="F7899">IFERROR(INDEX(Jesper!AJ$2:AJ$366,ROUNDDOWN($C7899/24,0)+1,1)*INDEX($D$3:$AA$30,INDEX(Jesper!$R$2:$R$366,ROW(INDEX(Jesper!AJ$2:AJ$366,ROUNDDOWN($C7899/24,0)+1,1))-1)+IF('Standard Profiles'!$G$20=$B$10,7,0)+IF('Standard Profiles'!$G$20=$B$17,14,0)+IF('Standard Profiles'!$G$20=$B$24,21,0),MOD($C7899,24)+1)/SUM(INDEX($D$3:$AA$30,INDEX(Jesper!$R$2:$R$366,ROW(INDEX(Jesper!AJ$2:AJ$366,ROUNDDOWN($C7899/24,0)+1,1))-1)+IF('Standard Profiles'!$G$20=$B$10,7,0)+IF('Standard Profiles'!$G$20=$B$17,14,0)+IF('Standard Profiles'!$G$20=$B$24,21,0),0)),0)</f>
        <v>0</v>
      </c>
      <c r="G7899" cm="1">
        <f t="array" ref="G7899">IFERROR(INDEX(Jesper!AK$2:AK$366,ROUNDDOWN($C7899/24,0)+1,1)*INDEX($D$3:$AA$30,INDEX(Jesper!$R$2:$R$366,ROW(INDEX(Jesper!AK$2:AK$366,ROUNDDOWN($C7899/24,0)+1,1))-1)+IF('Standard Profiles'!$G$21=$B$10,7,0)+IF('Standard Profiles'!$G$21=$B$17,14,0)+IF('Standard Profiles'!$G$21=$B$24,21,0),MOD($C7899,24)+1)/SUM(INDEX($D$3:$AA$30,INDEX(Jesper!$R$2:$R$366,ROW(INDEX(Jesper!AK$2:AK$366,ROUNDDOWN($C7899/24,0)+1,1))-1)+IF('Standard Profiles'!$G$21=$B$10,7,0)+IF('Standard Profiles'!$G$21=$B$17,14,0)+IF('Standard Profiles'!$G$21=$B$24,21,0),0)),0)</f>
        <v>17.112014990760713</v>
      </c>
      <c r="H7899" cm="1">
        <f t="array" ref="H7899">IFERROR(INDEX(Jesper!AL$2:AL$366,ROUNDDOWN($C7899/24,0)+1,1)*INDEX($D$3:$AA$30,INDEX(Jesper!$R$2:$R$366,ROW(INDEX(Jesper!AL$2:AL$366,ROUNDDOWN($C7899/24,0)+1,1))-1)+IF('Standard Profiles'!$G$22=$B$10,7,0)+IF('Standard Profiles'!$G$22=$B$17,14,0)+IF('Standard Profiles'!$G$22=$B$24,21,0),MOD($C7899,24)+1)/SUM(INDEX($D$3:$AA$30,INDEX(Jesper!$R$2:$R$366,ROW(INDEX(Jesper!AL$2:AL$366,ROUNDDOWN($C7899/24,0)+1,1))-1)+IF('Standard Profiles'!$G$22=$B$10,7,0)+IF('Standard Profiles'!$G$22=$B$17,14,0)+IF('Standard Profiles'!$G$22=$B$24,21,0),0)),0)</f>
        <v>0</v>
      </c>
      <c r="I7899">
        <f t="shared" si="874"/>
        <v>8.2137671955651381</v>
      </c>
      <c r="J7899">
        <f t="shared" si="875"/>
        <v>26.157474963731389</v>
      </c>
      <c r="K7899">
        <f t="shared" si="876"/>
        <v>0.97593671830479689</v>
      </c>
      <c r="L7899">
        <f t="shared" si="877"/>
        <v>0.48796835915239845</v>
      </c>
      <c r="M7899">
        <f t="shared" si="878"/>
        <v>0</v>
      </c>
      <c r="N7899" s="45">
        <f t="shared" si="879"/>
        <v>45254.708333314258</v>
      </c>
    </row>
    <row r="7900" spans="2:14" x14ac:dyDescent="0.25">
      <c r="B7900">
        <f t="shared" si="873"/>
        <v>5</v>
      </c>
      <c r="C7900" s="16">
        <v>7866</v>
      </c>
      <c r="D7900" cm="1">
        <f t="array" ref="D7900">IFERROR(INDEX(Jesper!AH$2:AH$366,ROUNDDOWN($C7900/24,0)+1,1)*INDEX($D$3:$AA$30,INDEX(Jesper!$R$2:$R$366,ROW(INDEX(Jesper!AH$2:AH$366,ROUNDDOWN($C7900/24,0)+1,1))-1)+IF('Standard Profiles'!$G$18=$B$10,7,0)+IF('Standard Profiles'!$G$18=$B$17,14,0)+IF('Standard Profiles'!$G$18=$B$24,21,0),MOD($C7900,24)+1)/SUM(INDEX($D$3:$AA$30,INDEX(Jesper!$R$2:$R$366,ROW(INDEX(Jesper!AH$2:AH$366,ROUNDDOWN($C7900/24,0)+1,1))-1)+IF('Standard Profiles'!$G$18=$B$10,7,0)+IF('Standard Profiles'!$G$18=$B$17,14,0)+IF('Standard Profiles'!$G$18=$B$24,21,0),0)),0)</f>
        <v>5.8223497398865725</v>
      </c>
      <c r="E7900" cm="1">
        <f t="array" ref="E7900">IFERROR(INDEX(Jesper!AI$2:AI$366,ROUNDDOWN($C7900/24,0)+1,1)*INDEX($D$3:$AA$30,INDEX(Jesper!$R$2:$R$366,ROW(INDEX(Jesper!AI$2:AI$366,ROUNDDOWN($C7900/24,0)+1,1))-1)+IF('Standard Profiles'!$G$19=$B$10,7,0)+IF('Standard Profiles'!$G$19=$B$17,14,0)+IF('Standard Profiles'!$G$19=$B$24,21,0),MOD($C7900,24)+1)/SUM(INDEX($D$3:$AA$30,INDEX(Jesper!$R$2:$R$366,ROW(INDEX(Jesper!AI$2:AI$366,ROUNDDOWN($C7900/24,0)+1,1))-1)+IF('Standard Profiles'!$G$19=$B$10,7,0)+IF('Standard Profiles'!$G$19=$B$17,14,0)+IF('Standard Profiles'!$G$19=$B$24,21,0),0)),0)</f>
        <v>6.0923707802907971</v>
      </c>
      <c r="F7900" cm="1">
        <f t="array" ref="F7900">IFERROR(INDEX(Jesper!AJ$2:AJ$366,ROUNDDOWN($C7900/24,0)+1,1)*INDEX($D$3:$AA$30,INDEX(Jesper!$R$2:$R$366,ROW(INDEX(Jesper!AJ$2:AJ$366,ROUNDDOWN($C7900/24,0)+1,1))-1)+IF('Standard Profiles'!$G$20=$B$10,7,0)+IF('Standard Profiles'!$G$20=$B$17,14,0)+IF('Standard Profiles'!$G$20=$B$24,21,0),MOD($C7900,24)+1)/SUM(INDEX($D$3:$AA$30,INDEX(Jesper!$R$2:$R$366,ROW(INDEX(Jesper!AJ$2:AJ$366,ROUNDDOWN($C7900/24,0)+1,1))-1)+IF('Standard Profiles'!$G$20=$B$10,7,0)+IF('Standard Profiles'!$G$20=$B$17,14,0)+IF('Standard Profiles'!$G$20=$B$24,21,0),0)),0)</f>
        <v>0</v>
      </c>
      <c r="G7900" cm="1">
        <f t="array" ref="G7900">IFERROR(INDEX(Jesper!AK$2:AK$366,ROUNDDOWN($C7900/24,0)+1,1)*INDEX($D$3:$AA$30,INDEX(Jesper!$R$2:$R$366,ROW(INDEX(Jesper!AK$2:AK$366,ROUNDDOWN($C7900/24,0)+1,1))-1)+IF('Standard Profiles'!$G$21=$B$10,7,0)+IF('Standard Profiles'!$G$21=$B$17,14,0)+IF('Standard Profiles'!$G$21=$B$24,21,0),MOD($C7900,24)+1)/SUM(INDEX($D$3:$AA$30,INDEX(Jesper!$R$2:$R$366,ROW(INDEX(Jesper!AK$2:AK$366,ROUNDDOWN($C7900/24,0)+1,1))-1)+IF('Standard Profiles'!$G$21=$B$10,7,0)+IF('Standard Profiles'!$G$21=$B$17,14,0)+IF('Standard Profiles'!$G$21=$B$24,21,0),0)),0)</f>
        <v>6.3151483894474065</v>
      </c>
      <c r="H7900" cm="1">
        <f t="array" ref="H7900">IFERROR(INDEX(Jesper!AL$2:AL$366,ROUNDDOWN($C7900/24,0)+1,1)*INDEX($D$3:$AA$30,INDEX(Jesper!$R$2:$R$366,ROW(INDEX(Jesper!AL$2:AL$366,ROUNDDOWN($C7900/24,0)+1,1))-1)+IF('Standard Profiles'!$G$22=$B$10,7,0)+IF('Standard Profiles'!$G$22=$B$17,14,0)+IF('Standard Profiles'!$G$22=$B$24,21,0),MOD($C7900,24)+1)/SUM(INDEX($D$3:$AA$30,INDEX(Jesper!$R$2:$R$366,ROW(INDEX(Jesper!AL$2:AL$366,ROUNDDOWN($C7900/24,0)+1,1))-1)+IF('Standard Profiles'!$G$22=$B$10,7,0)+IF('Standard Profiles'!$G$22=$B$17,14,0)+IF('Standard Profiles'!$G$22=$B$24,21,0),0)),0)</f>
        <v>0</v>
      </c>
      <c r="I7900">
        <f t="shared" si="874"/>
        <v>3.0312712269347535</v>
      </c>
      <c r="J7900">
        <f t="shared" si="875"/>
        <v>14.267021724308171</v>
      </c>
      <c r="K7900">
        <f t="shared" si="876"/>
        <v>0.62105063892123447</v>
      </c>
      <c r="L7900">
        <f t="shared" si="877"/>
        <v>0.31052531946061723</v>
      </c>
      <c r="M7900">
        <f t="shared" si="878"/>
        <v>0</v>
      </c>
      <c r="N7900" s="45">
        <f t="shared" si="879"/>
        <v>45254.749999980922</v>
      </c>
    </row>
    <row r="7901" spans="2:14" x14ac:dyDescent="0.25">
      <c r="B7901">
        <f t="shared" si="873"/>
        <v>5</v>
      </c>
      <c r="C7901" s="16">
        <v>7867</v>
      </c>
      <c r="D7901" cm="1">
        <f t="array" ref="D7901">IFERROR(INDEX(Jesper!AH$2:AH$366,ROUNDDOWN($C7901/24,0)+1,1)*INDEX($D$3:$AA$30,INDEX(Jesper!$R$2:$R$366,ROW(INDEX(Jesper!AH$2:AH$366,ROUNDDOWN($C7901/24,0)+1,1))-1)+IF('Standard Profiles'!$G$18=$B$10,7,0)+IF('Standard Profiles'!$G$18=$B$17,14,0)+IF('Standard Profiles'!$G$18=$B$24,21,0),MOD($C7901,24)+1)/SUM(INDEX($D$3:$AA$30,INDEX(Jesper!$R$2:$R$366,ROW(INDEX(Jesper!AH$2:AH$366,ROUNDDOWN($C7901/24,0)+1,1))-1)+IF('Standard Profiles'!$G$18=$B$10,7,0)+IF('Standard Profiles'!$G$18=$B$17,14,0)+IF('Standard Profiles'!$G$18=$B$24,21,0),0)),0)</f>
        <v>5.545094990368165</v>
      </c>
      <c r="E7901" cm="1">
        <f t="array" ref="E7901">IFERROR(INDEX(Jesper!AI$2:AI$366,ROUNDDOWN($C7901/24,0)+1,1)*INDEX($D$3:$AA$30,INDEX(Jesper!$R$2:$R$366,ROW(INDEX(Jesper!AI$2:AI$366,ROUNDDOWN($C7901/24,0)+1,1))-1)+IF('Standard Profiles'!$G$19=$B$10,7,0)+IF('Standard Profiles'!$G$19=$B$17,14,0)+IF('Standard Profiles'!$G$19=$B$24,21,0),MOD($C7901,24)+1)/SUM(INDEX($D$3:$AA$30,INDEX(Jesper!$R$2:$R$366,ROW(INDEX(Jesper!AI$2:AI$366,ROUNDDOWN($C7901/24,0)+1,1))-1)+IF('Standard Profiles'!$G$19=$B$10,7,0)+IF('Standard Profiles'!$G$19=$B$17,14,0)+IF('Standard Profiles'!$G$19=$B$24,21,0),0)),0)</f>
        <v>5.802257885991235</v>
      </c>
      <c r="F7901" cm="1">
        <f t="array" ref="F7901">IFERROR(INDEX(Jesper!AJ$2:AJ$366,ROUNDDOWN($C7901/24,0)+1,1)*INDEX($D$3:$AA$30,INDEX(Jesper!$R$2:$R$366,ROW(INDEX(Jesper!AJ$2:AJ$366,ROUNDDOWN($C7901/24,0)+1,1))-1)+IF('Standard Profiles'!$G$20=$B$10,7,0)+IF('Standard Profiles'!$G$20=$B$17,14,0)+IF('Standard Profiles'!$G$20=$B$24,21,0),MOD($C7901,24)+1)/SUM(INDEX($D$3:$AA$30,INDEX(Jesper!$R$2:$R$366,ROW(INDEX(Jesper!AJ$2:AJ$366,ROUNDDOWN($C7901/24,0)+1,1))-1)+IF('Standard Profiles'!$G$20=$B$10,7,0)+IF('Standard Profiles'!$G$20=$B$17,14,0)+IF('Standard Profiles'!$G$20=$B$24,21,0),0)),0)</f>
        <v>0</v>
      </c>
      <c r="G7901" cm="1">
        <f t="array" ref="G7901">IFERROR(INDEX(Jesper!AK$2:AK$366,ROUNDDOWN($C7901/24,0)+1,1)*INDEX($D$3:$AA$30,INDEX(Jesper!$R$2:$R$366,ROW(INDEX(Jesper!AK$2:AK$366,ROUNDDOWN($C7901/24,0)+1,1))-1)+IF('Standard Profiles'!$G$21=$B$10,7,0)+IF('Standard Profiles'!$G$21=$B$17,14,0)+IF('Standard Profiles'!$G$21=$B$24,21,0),MOD($C7901,24)+1)/SUM(INDEX($D$3:$AA$30,INDEX(Jesper!$R$2:$R$366,ROW(INDEX(Jesper!AK$2:AK$366,ROUNDDOWN($C7901/24,0)+1,1))-1)+IF('Standard Profiles'!$G$21=$B$10,7,0)+IF('Standard Profiles'!$G$21=$B$17,14,0)+IF('Standard Profiles'!$G$21=$B$24,21,0),0)),0)</f>
        <v>6.3151483894474065</v>
      </c>
      <c r="H7901" cm="1">
        <f t="array" ref="H7901">IFERROR(INDEX(Jesper!AL$2:AL$366,ROUNDDOWN($C7901/24,0)+1,1)*INDEX($D$3:$AA$30,INDEX(Jesper!$R$2:$R$366,ROW(INDEX(Jesper!AL$2:AL$366,ROUNDDOWN($C7901/24,0)+1,1))-1)+IF('Standard Profiles'!$G$22=$B$10,7,0)+IF('Standard Profiles'!$G$22=$B$17,14,0)+IF('Standard Profiles'!$G$22=$B$24,21,0),MOD($C7901,24)+1)/SUM(INDEX($D$3:$AA$30,INDEX(Jesper!$R$2:$R$366,ROW(INDEX(Jesper!AL$2:AL$366,ROUNDDOWN($C7901/24,0)+1,1))-1)+IF('Standard Profiles'!$G$22=$B$10,7,0)+IF('Standard Profiles'!$G$22=$B$17,14,0)+IF('Standard Profiles'!$G$22=$B$24,21,0),0)),0)</f>
        <v>0</v>
      </c>
      <c r="I7901">
        <f t="shared" si="874"/>
        <v>3.0312712269347535</v>
      </c>
      <c r="J7901">
        <f t="shared" si="875"/>
        <v>13.744014840413147</v>
      </c>
      <c r="K7901">
        <f t="shared" si="876"/>
        <v>0.5914767989726043</v>
      </c>
      <c r="L7901">
        <f t="shared" si="877"/>
        <v>0.29573839948630215</v>
      </c>
      <c r="M7901">
        <f t="shared" si="878"/>
        <v>0</v>
      </c>
      <c r="N7901" s="45">
        <f t="shared" si="879"/>
        <v>45254.791666647587</v>
      </c>
    </row>
    <row r="7902" spans="2:14" x14ac:dyDescent="0.25">
      <c r="B7902">
        <f t="shared" si="873"/>
        <v>5</v>
      </c>
      <c r="C7902" s="16">
        <v>7868</v>
      </c>
      <c r="D7902" cm="1">
        <f t="array" ref="D7902">IFERROR(INDEX(Jesper!AH$2:AH$366,ROUNDDOWN($C7902/24,0)+1,1)*INDEX($D$3:$AA$30,INDEX(Jesper!$R$2:$R$366,ROW(INDEX(Jesper!AH$2:AH$366,ROUNDDOWN($C7902/24,0)+1,1))-1)+IF('Standard Profiles'!$G$18=$B$10,7,0)+IF('Standard Profiles'!$G$18=$B$17,14,0)+IF('Standard Profiles'!$G$18=$B$24,21,0),MOD($C7902,24)+1)/SUM(INDEX($D$3:$AA$30,INDEX(Jesper!$R$2:$R$366,ROW(INDEX(Jesper!AH$2:AH$366,ROUNDDOWN($C7902/24,0)+1,1))-1)+IF('Standard Profiles'!$G$18=$B$10,7,0)+IF('Standard Profiles'!$G$18=$B$17,14,0)+IF('Standard Profiles'!$G$18=$B$24,21,0),0)),0)</f>
        <v>5.545094990368165</v>
      </c>
      <c r="E7902" cm="1">
        <f t="array" ref="E7902">IFERROR(INDEX(Jesper!AI$2:AI$366,ROUNDDOWN($C7902/24,0)+1,1)*INDEX($D$3:$AA$30,INDEX(Jesper!$R$2:$R$366,ROW(INDEX(Jesper!AI$2:AI$366,ROUNDDOWN($C7902/24,0)+1,1))-1)+IF('Standard Profiles'!$G$19=$B$10,7,0)+IF('Standard Profiles'!$G$19=$B$17,14,0)+IF('Standard Profiles'!$G$19=$B$24,21,0),MOD($C7902,24)+1)/SUM(INDEX($D$3:$AA$30,INDEX(Jesper!$R$2:$R$366,ROW(INDEX(Jesper!AI$2:AI$366,ROUNDDOWN($C7902/24,0)+1,1))-1)+IF('Standard Profiles'!$G$19=$B$10,7,0)+IF('Standard Profiles'!$G$19=$B$17,14,0)+IF('Standard Profiles'!$G$19=$B$24,21,0),0)),0)</f>
        <v>5.802257885991235</v>
      </c>
      <c r="F7902" cm="1">
        <f t="array" ref="F7902">IFERROR(INDEX(Jesper!AJ$2:AJ$366,ROUNDDOWN($C7902/24,0)+1,1)*INDEX($D$3:$AA$30,INDEX(Jesper!$R$2:$R$366,ROW(INDEX(Jesper!AJ$2:AJ$366,ROUNDDOWN($C7902/24,0)+1,1))-1)+IF('Standard Profiles'!$G$20=$B$10,7,0)+IF('Standard Profiles'!$G$20=$B$17,14,0)+IF('Standard Profiles'!$G$20=$B$24,21,0),MOD($C7902,24)+1)/SUM(INDEX($D$3:$AA$30,INDEX(Jesper!$R$2:$R$366,ROW(INDEX(Jesper!AJ$2:AJ$366,ROUNDDOWN($C7902/24,0)+1,1))-1)+IF('Standard Profiles'!$G$20=$B$10,7,0)+IF('Standard Profiles'!$G$20=$B$17,14,0)+IF('Standard Profiles'!$G$20=$B$24,21,0),0)),0)</f>
        <v>0</v>
      </c>
      <c r="G7902" cm="1">
        <f t="array" ref="G7902">IFERROR(INDEX(Jesper!AK$2:AK$366,ROUNDDOWN($C7902/24,0)+1,1)*INDEX($D$3:$AA$30,INDEX(Jesper!$R$2:$R$366,ROW(INDEX(Jesper!AK$2:AK$366,ROUNDDOWN($C7902/24,0)+1,1))-1)+IF('Standard Profiles'!$G$21=$B$10,7,0)+IF('Standard Profiles'!$G$21=$B$17,14,0)+IF('Standard Profiles'!$G$21=$B$24,21,0),MOD($C7902,24)+1)/SUM(INDEX($D$3:$AA$30,INDEX(Jesper!$R$2:$R$366,ROW(INDEX(Jesper!AK$2:AK$366,ROUNDDOWN($C7902/24,0)+1,1))-1)+IF('Standard Profiles'!$G$21=$B$10,7,0)+IF('Standard Profiles'!$G$21=$B$17,14,0)+IF('Standard Profiles'!$G$21=$B$24,21,0),0)),0)</f>
        <v>6.3151483894474065</v>
      </c>
      <c r="H7902" cm="1">
        <f t="array" ref="H7902">IFERROR(INDEX(Jesper!AL$2:AL$366,ROUNDDOWN($C7902/24,0)+1,1)*INDEX($D$3:$AA$30,INDEX(Jesper!$R$2:$R$366,ROW(INDEX(Jesper!AL$2:AL$366,ROUNDDOWN($C7902/24,0)+1,1))-1)+IF('Standard Profiles'!$G$22=$B$10,7,0)+IF('Standard Profiles'!$G$22=$B$17,14,0)+IF('Standard Profiles'!$G$22=$B$24,21,0),MOD($C7902,24)+1)/SUM(INDEX($D$3:$AA$30,INDEX(Jesper!$R$2:$R$366,ROW(INDEX(Jesper!AL$2:AL$366,ROUNDDOWN($C7902/24,0)+1,1))-1)+IF('Standard Profiles'!$G$22=$B$10,7,0)+IF('Standard Profiles'!$G$22=$B$17,14,0)+IF('Standard Profiles'!$G$22=$B$24,21,0),0)),0)</f>
        <v>0</v>
      </c>
      <c r="I7902">
        <f t="shared" si="874"/>
        <v>3.0312712269347535</v>
      </c>
      <c r="J7902">
        <f t="shared" si="875"/>
        <v>13.744014840413147</v>
      </c>
      <c r="K7902">
        <f t="shared" si="876"/>
        <v>0.5914767989726043</v>
      </c>
      <c r="L7902">
        <f t="shared" si="877"/>
        <v>0.29573839948630215</v>
      </c>
      <c r="M7902">
        <f t="shared" si="878"/>
        <v>0</v>
      </c>
      <c r="N7902" s="45">
        <f t="shared" si="879"/>
        <v>45254.833333314251</v>
      </c>
    </row>
    <row r="7903" spans="2:14" x14ac:dyDescent="0.25">
      <c r="B7903">
        <f t="shared" si="873"/>
        <v>5</v>
      </c>
      <c r="C7903" s="16">
        <v>7869</v>
      </c>
      <c r="D7903" cm="1">
        <f t="array" ref="D7903">IFERROR(INDEX(Jesper!AH$2:AH$366,ROUNDDOWN($C7903/24,0)+1,1)*INDEX($D$3:$AA$30,INDEX(Jesper!$R$2:$R$366,ROW(INDEX(Jesper!AH$2:AH$366,ROUNDDOWN($C7903/24,0)+1,1))-1)+IF('Standard Profiles'!$G$18=$B$10,7,0)+IF('Standard Profiles'!$G$18=$B$17,14,0)+IF('Standard Profiles'!$G$18=$B$24,21,0),MOD($C7903,24)+1)/SUM(INDEX($D$3:$AA$30,INDEX(Jesper!$R$2:$R$366,ROW(INDEX(Jesper!AH$2:AH$366,ROUNDDOWN($C7903/24,0)+1,1))-1)+IF('Standard Profiles'!$G$18=$B$10,7,0)+IF('Standard Profiles'!$G$18=$B$17,14,0)+IF('Standard Profiles'!$G$18=$B$24,21,0),0)),0)</f>
        <v>5.545094990368165</v>
      </c>
      <c r="E7903" cm="1">
        <f t="array" ref="E7903">IFERROR(INDEX(Jesper!AI$2:AI$366,ROUNDDOWN($C7903/24,0)+1,1)*INDEX($D$3:$AA$30,INDEX(Jesper!$R$2:$R$366,ROW(INDEX(Jesper!AI$2:AI$366,ROUNDDOWN($C7903/24,0)+1,1))-1)+IF('Standard Profiles'!$G$19=$B$10,7,0)+IF('Standard Profiles'!$G$19=$B$17,14,0)+IF('Standard Profiles'!$G$19=$B$24,21,0),MOD($C7903,24)+1)/SUM(INDEX($D$3:$AA$30,INDEX(Jesper!$R$2:$R$366,ROW(INDEX(Jesper!AI$2:AI$366,ROUNDDOWN($C7903/24,0)+1,1))-1)+IF('Standard Profiles'!$G$19=$B$10,7,0)+IF('Standard Profiles'!$G$19=$B$17,14,0)+IF('Standard Profiles'!$G$19=$B$24,21,0),0)),0)</f>
        <v>5.802257885991235</v>
      </c>
      <c r="F7903" cm="1">
        <f t="array" ref="F7903">IFERROR(INDEX(Jesper!AJ$2:AJ$366,ROUNDDOWN($C7903/24,0)+1,1)*INDEX($D$3:$AA$30,INDEX(Jesper!$R$2:$R$366,ROW(INDEX(Jesper!AJ$2:AJ$366,ROUNDDOWN($C7903/24,0)+1,1))-1)+IF('Standard Profiles'!$G$20=$B$10,7,0)+IF('Standard Profiles'!$G$20=$B$17,14,0)+IF('Standard Profiles'!$G$20=$B$24,21,0),MOD($C7903,24)+1)/SUM(INDEX($D$3:$AA$30,INDEX(Jesper!$R$2:$R$366,ROW(INDEX(Jesper!AJ$2:AJ$366,ROUNDDOWN($C7903/24,0)+1,1))-1)+IF('Standard Profiles'!$G$20=$B$10,7,0)+IF('Standard Profiles'!$G$20=$B$17,14,0)+IF('Standard Profiles'!$G$20=$B$24,21,0),0)),0)</f>
        <v>0</v>
      </c>
      <c r="G7903" cm="1">
        <f t="array" ref="G7903">IFERROR(INDEX(Jesper!AK$2:AK$366,ROUNDDOWN($C7903/24,0)+1,1)*INDEX($D$3:$AA$30,INDEX(Jesper!$R$2:$R$366,ROW(INDEX(Jesper!AK$2:AK$366,ROUNDDOWN($C7903/24,0)+1,1))-1)+IF('Standard Profiles'!$G$21=$B$10,7,0)+IF('Standard Profiles'!$G$21=$B$17,14,0)+IF('Standard Profiles'!$G$21=$B$24,21,0),MOD($C7903,24)+1)/SUM(INDEX($D$3:$AA$30,INDEX(Jesper!$R$2:$R$366,ROW(INDEX(Jesper!AK$2:AK$366,ROUNDDOWN($C7903/24,0)+1,1))-1)+IF('Standard Profiles'!$G$21=$B$10,7,0)+IF('Standard Profiles'!$G$21=$B$17,14,0)+IF('Standard Profiles'!$G$21=$B$24,21,0),0)),0)</f>
        <v>6.3151483894474065</v>
      </c>
      <c r="H7903" cm="1">
        <f t="array" ref="H7903">IFERROR(INDEX(Jesper!AL$2:AL$366,ROUNDDOWN($C7903/24,0)+1,1)*INDEX($D$3:$AA$30,INDEX(Jesper!$R$2:$R$366,ROW(INDEX(Jesper!AL$2:AL$366,ROUNDDOWN($C7903/24,0)+1,1))-1)+IF('Standard Profiles'!$G$22=$B$10,7,0)+IF('Standard Profiles'!$G$22=$B$17,14,0)+IF('Standard Profiles'!$G$22=$B$24,21,0),MOD($C7903,24)+1)/SUM(INDEX($D$3:$AA$30,INDEX(Jesper!$R$2:$R$366,ROW(INDEX(Jesper!AL$2:AL$366,ROUNDDOWN($C7903/24,0)+1,1))-1)+IF('Standard Profiles'!$G$22=$B$10,7,0)+IF('Standard Profiles'!$G$22=$B$17,14,0)+IF('Standard Profiles'!$G$22=$B$24,21,0),0)),0)</f>
        <v>0</v>
      </c>
      <c r="I7903">
        <f t="shared" si="874"/>
        <v>3.0312712269347535</v>
      </c>
      <c r="J7903">
        <f t="shared" si="875"/>
        <v>13.744014840413147</v>
      </c>
      <c r="K7903">
        <f t="shared" si="876"/>
        <v>0.5914767989726043</v>
      </c>
      <c r="L7903">
        <f t="shared" si="877"/>
        <v>0.29573839948630215</v>
      </c>
      <c r="M7903">
        <f t="shared" si="878"/>
        <v>0</v>
      </c>
      <c r="N7903" s="45">
        <f t="shared" si="879"/>
        <v>45254.874999980915</v>
      </c>
    </row>
    <row r="7904" spans="2:14" x14ac:dyDescent="0.25">
      <c r="B7904">
        <f t="shared" si="873"/>
        <v>5</v>
      </c>
      <c r="C7904" s="16">
        <v>7870</v>
      </c>
      <c r="D7904" cm="1">
        <f t="array" ref="D7904">IFERROR(INDEX(Jesper!AH$2:AH$366,ROUNDDOWN($C7904/24,0)+1,1)*INDEX($D$3:$AA$30,INDEX(Jesper!$R$2:$R$366,ROW(INDEX(Jesper!AH$2:AH$366,ROUNDDOWN($C7904/24,0)+1,1))-1)+IF('Standard Profiles'!$G$18=$B$10,7,0)+IF('Standard Profiles'!$G$18=$B$17,14,0)+IF('Standard Profiles'!$G$18=$B$24,21,0),MOD($C7904,24)+1)/SUM(INDEX($D$3:$AA$30,INDEX(Jesper!$R$2:$R$366,ROW(INDEX(Jesper!AH$2:AH$366,ROUNDDOWN($C7904/24,0)+1,1))-1)+IF('Standard Profiles'!$G$18=$B$10,7,0)+IF('Standard Profiles'!$G$18=$B$17,14,0)+IF('Standard Profiles'!$G$18=$B$24,21,0),0)),0)</f>
        <v>5.545094990368165</v>
      </c>
      <c r="E7904" cm="1">
        <f t="array" ref="E7904">IFERROR(INDEX(Jesper!AI$2:AI$366,ROUNDDOWN($C7904/24,0)+1,1)*INDEX($D$3:$AA$30,INDEX(Jesper!$R$2:$R$366,ROW(INDEX(Jesper!AI$2:AI$366,ROUNDDOWN($C7904/24,0)+1,1))-1)+IF('Standard Profiles'!$G$19=$B$10,7,0)+IF('Standard Profiles'!$G$19=$B$17,14,0)+IF('Standard Profiles'!$G$19=$B$24,21,0),MOD($C7904,24)+1)/SUM(INDEX($D$3:$AA$30,INDEX(Jesper!$R$2:$R$366,ROW(INDEX(Jesper!AI$2:AI$366,ROUNDDOWN($C7904/24,0)+1,1))-1)+IF('Standard Profiles'!$G$19=$B$10,7,0)+IF('Standard Profiles'!$G$19=$B$17,14,0)+IF('Standard Profiles'!$G$19=$B$24,21,0),0)),0)</f>
        <v>5.802257885991235</v>
      </c>
      <c r="F7904" cm="1">
        <f t="array" ref="F7904">IFERROR(INDEX(Jesper!AJ$2:AJ$366,ROUNDDOWN($C7904/24,0)+1,1)*INDEX($D$3:$AA$30,INDEX(Jesper!$R$2:$R$366,ROW(INDEX(Jesper!AJ$2:AJ$366,ROUNDDOWN($C7904/24,0)+1,1))-1)+IF('Standard Profiles'!$G$20=$B$10,7,0)+IF('Standard Profiles'!$G$20=$B$17,14,0)+IF('Standard Profiles'!$G$20=$B$24,21,0),MOD($C7904,24)+1)/SUM(INDEX($D$3:$AA$30,INDEX(Jesper!$R$2:$R$366,ROW(INDEX(Jesper!AJ$2:AJ$366,ROUNDDOWN($C7904/24,0)+1,1))-1)+IF('Standard Profiles'!$G$20=$B$10,7,0)+IF('Standard Profiles'!$G$20=$B$17,14,0)+IF('Standard Profiles'!$G$20=$B$24,21,0),0)),0)</f>
        <v>0</v>
      </c>
      <c r="G7904" cm="1">
        <f t="array" ref="G7904">IFERROR(INDEX(Jesper!AK$2:AK$366,ROUNDDOWN($C7904/24,0)+1,1)*INDEX($D$3:$AA$30,INDEX(Jesper!$R$2:$R$366,ROW(INDEX(Jesper!AK$2:AK$366,ROUNDDOWN($C7904/24,0)+1,1))-1)+IF('Standard Profiles'!$G$21=$B$10,7,0)+IF('Standard Profiles'!$G$21=$B$17,14,0)+IF('Standard Profiles'!$G$21=$B$24,21,0),MOD($C7904,24)+1)/SUM(INDEX($D$3:$AA$30,INDEX(Jesper!$R$2:$R$366,ROW(INDEX(Jesper!AK$2:AK$366,ROUNDDOWN($C7904/24,0)+1,1))-1)+IF('Standard Profiles'!$G$21=$B$10,7,0)+IF('Standard Profiles'!$G$21=$B$17,14,0)+IF('Standard Profiles'!$G$21=$B$24,21,0),0)),0)</f>
        <v>6.3151483894474065</v>
      </c>
      <c r="H7904" cm="1">
        <f t="array" ref="H7904">IFERROR(INDEX(Jesper!AL$2:AL$366,ROUNDDOWN($C7904/24,0)+1,1)*INDEX($D$3:$AA$30,INDEX(Jesper!$R$2:$R$366,ROW(INDEX(Jesper!AL$2:AL$366,ROUNDDOWN($C7904/24,0)+1,1))-1)+IF('Standard Profiles'!$G$22=$B$10,7,0)+IF('Standard Profiles'!$G$22=$B$17,14,0)+IF('Standard Profiles'!$G$22=$B$24,21,0),MOD($C7904,24)+1)/SUM(INDEX($D$3:$AA$30,INDEX(Jesper!$R$2:$R$366,ROW(INDEX(Jesper!AL$2:AL$366,ROUNDDOWN($C7904/24,0)+1,1))-1)+IF('Standard Profiles'!$G$22=$B$10,7,0)+IF('Standard Profiles'!$G$22=$B$17,14,0)+IF('Standard Profiles'!$G$22=$B$24,21,0),0)),0)</f>
        <v>0</v>
      </c>
      <c r="I7904">
        <f t="shared" si="874"/>
        <v>3.0312712269347535</v>
      </c>
      <c r="J7904">
        <f t="shared" si="875"/>
        <v>13.744014840413147</v>
      </c>
      <c r="K7904">
        <f t="shared" si="876"/>
        <v>0.5914767989726043</v>
      </c>
      <c r="L7904">
        <f t="shared" si="877"/>
        <v>0.29573839948630215</v>
      </c>
      <c r="M7904">
        <f t="shared" si="878"/>
        <v>0</v>
      </c>
      <c r="N7904" s="45">
        <f t="shared" si="879"/>
        <v>45254.916666647579</v>
      </c>
    </row>
    <row r="7905" spans="2:14" x14ac:dyDescent="0.25">
      <c r="B7905">
        <f t="shared" si="873"/>
        <v>5</v>
      </c>
      <c r="C7905" s="16">
        <v>7871</v>
      </c>
      <c r="D7905" cm="1">
        <f t="array" ref="D7905">IFERROR(INDEX(Jesper!AH$2:AH$366,ROUNDDOWN($C7905/24,0)+1,1)*INDEX($D$3:$AA$30,INDEX(Jesper!$R$2:$R$366,ROW(INDEX(Jesper!AH$2:AH$366,ROUNDDOWN($C7905/24,0)+1,1))-1)+IF('Standard Profiles'!$G$18=$B$10,7,0)+IF('Standard Profiles'!$G$18=$B$17,14,0)+IF('Standard Profiles'!$G$18=$B$24,21,0),MOD($C7905,24)+1)/SUM(INDEX($D$3:$AA$30,INDEX(Jesper!$R$2:$R$366,ROW(INDEX(Jesper!AH$2:AH$366,ROUNDDOWN($C7905/24,0)+1,1))-1)+IF('Standard Profiles'!$G$18=$B$10,7,0)+IF('Standard Profiles'!$G$18=$B$17,14,0)+IF('Standard Profiles'!$G$18=$B$24,21,0),0)),0)</f>
        <v>5.545094990368165</v>
      </c>
      <c r="E7905" cm="1">
        <f t="array" ref="E7905">IFERROR(INDEX(Jesper!AI$2:AI$366,ROUNDDOWN($C7905/24,0)+1,1)*INDEX($D$3:$AA$30,INDEX(Jesper!$R$2:$R$366,ROW(INDEX(Jesper!AI$2:AI$366,ROUNDDOWN($C7905/24,0)+1,1))-1)+IF('Standard Profiles'!$G$19=$B$10,7,0)+IF('Standard Profiles'!$G$19=$B$17,14,0)+IF('Standard Profiles'!$G$19=$B$24,21,0),MOD($C7905,24)+1)/SUM(INDEX($D$3:$AA$30,INDEX(Jesper!$R$2:$R$366,ROW(INDEX(Jesper!AI$2:AI$366,ROUNDDOWN($C7905/24,0)+1,1))-1)+IF('Standard Profiles'!$G$19=$B$10,7,0)+IF('Standard Profiles'!$G$19=$B$17,14,0)+IF('Standard Profiles'!$G$19=$B$24,21,0),0)),0)</f>
        <v>5.802257885991235</v>
      </c>
      <c r="F7905" cm="1">
        <f t="array" ref="F7905">IFERROR(INDEX(Jesper!AJ$2:AJ$366,ROUNDDOWN($C7905/24,0)+1,1)*INDEX($D$3:$AA$30,INDEX(Jesper!$R$2:$R$366,ROW(INDEX(Jesper!AJ$2:AJ$366,ROUNDDOWN($C7905/24,0)+1,1))-1)+IF('Standard Profiles'!$G$20=$B$10,7,0)+IF('Standard Profiles'!$G$20=$B$17,14,0)+IF('Standard Profiles'!$G$20=$B$24,21,0),MOD($C7905,24)+1)/SUM(INDEX($D$3:$AA$30,INDEX(Jesper!$R$2:$R$366,ROW(INDEX(Jesper!AJ$2:AJ$366,ROUNDDOWN($C7905/24,0)+1,1))-1)+IF('Standard Profiles'!$G$20=$B$10,7,0)+IF('Standard Profiles'!$G$20=$B$17,14,0)+IF('Standard Profiles'!$G$20=$B$24,21,0),0)),0)</f>
        <v>0</v>
      </c>
      <c r="G7905" cm="1">
        <f t="array" ref="G7905">IFERROR(INDEX(Jesper!AK$2:AK$366,ROUNDDOWN($C7905/24,0)+1,1)*INDEX($D$3:$AA$30,INDEX(Jesper!$R$2:$R$366,ROW(INDEX(Jesper!AK$2:AK$366,ROUNDDOWN($C7905/24,0)+1,1))-1)+IF('Standard Profiles'!$G$21=$B$10,7,0)+IF('Standard Profiles'!$G$21=$B$17,14,0)+IF('Standard Profiles'!$G$21=$B$24,21,0),MOD($C7905,24)+1)/SUM(INDEX($D$3:$AA$30,INDEX(Jesper!$R$2:$R$366,ROW(INDEX(Jesper!AK$2:AK$366,ROUNDDOWN($C7905/24,0)+1,1))-1)+IF('Standard Profiles'!$G$21=$B$10,7,0)+IF('Standard Profiles'!$G$21=$B$17,14,0)+IF('Standard Profiles'!$G$21=$B$24,21,0),0)),0)</f>
        <v>6.3151483894474065</v>
      </c>
      <c r="H7905" cm="1">
        <f t="array" ref="H7905">IFERROR(INDEX(Jesper!AL$2:AL$366,ROUNDDOWN($C7905/24,0)+1,1)*INDEX($D$3:$AA$30,INDEX(Jesper!$R$2:$R$366,ROW(INDEX(Jesper!AL$2:AL$366,ROUNDDOWN($C7905/24,0)+1,1))-1)+IF('Standard Profiles'!$G$22=$B$10,7,0)+IF('Standard Profiles'!$G$22=$B$17,14,0)+IF('Standard Profiles'!$G$22=$B$24,21,0),MOD($C7905,24)+1)/SUM(INDEX($D$3:$AA$30,INDEX(Jesper!$R$2:$R$366,ROW(INDEX(Jesper!AL$2:AL$366,ROUNDDOWN($C7905/24,0)+1,1))-1)+IF('Standard Profiles'!$G$22=$B$10,7,0)+IF('Standard Profiles'!$G$22=$B$17,14,0)+IF('Standard Profiles'!$G$22=$B$24,21,0),0)),0)</f>
        <v>0</v>
      </c>
      <c r="I7905">
        <f t="shared" si="874"/>
        <v>3.0312712269347535</v>
      </c>
      <c r="J7905">
        <f t="shared" si="875"/>
        <v>13.744014840413147</v>
      </c>
      <c r="K7905">
        <f t="shared" si="876"/>
        <v>0.5914767989726043</v>
      </c>
      <c r="L7905">
        <f t="shared" si="877"/>
        <v>0.29573839948630215</v>
      </c>
      <c r="M7905">
        <f t="shared" si="878"/>
        <v>0</v>
      </c>
      <c r="N7905" s="45">
        <f t="shared" si="879"/>
        <v>45254.958333314244</v>
      </c>
    </row>
    <row r="7906" spans="2:14" x14ac:dyDescent="0.25">
      <c r="B7906">
        <f t="shared" si="873"/>
        <v>6</v>
      </c>
      <c r="C7906" s="16">
        <v>7872</v>
      </c>
      <c r="D7906" cm="1">
        <f t="array" ref="D7906">IFERROR(INDEX(Jesper!AH$2:AH$366,ROUNDDOWN($C7906/24,0)+1,1)*INDEX($D$3:$AA$30,INDEX(Jesper!$R$2:$R$366,ROW(INDEX(Jesper!AH$2:AH$366,ROUNDDOWN($C7906/24,0)+1,1))-1)+IF('Standard Profiles'!$G$18=$B$10,7,0)+IF('Standard Profiles'!$G$18=$B$17,14,0)+IF('Standard Profiles'!$G$18=$B$24,21,0),MOD($C7906,24)+1)/SUM(INDEX($D$3:$AA$30,INDEX(Jesper!$R$2:$R$366,ROW(INDEX(Jesper!AH$2:AH$366,ROUNDDOWN($C7906/24,0)+1,1))-1)+IF('Standard Profiles'!$G$18=$B$10,7,0)+IF('Standard Profiles'!$G$18=$B$17,14,0)+IF('Standard Profiles'!$G$18=$B$24,21,0),0)),0)</f>
        <v>0</v>
      </c>
      <c r="E7906" cm="1">
        <f t="array" ref="E7906">IFERROR(INDEX(Jesper!AI$2:AI$366,ROUNDDOWN($C7906/24,0)+1,1)*INDEX($D$3:$AA$30,INDEX(Jesper!$R$2:$R$366,ROW(INDEX(Jesper!AI$2:AI$366,ROUNDDOWN($C7906/24,0)+1,1))-1)+IF('Standard Profiles'!$G$19=$B$10,7,0)+IF('Standard Profiles'!$G$19=$B$17,14,0)+IF('Standard Profiles'!$G$19=$B$24,21,0),MOD($C7906,24)+1)/SUM(INDEX($D$3:$AA$30,INDEX(Jesper!$R$2:$R$366,ROW(INDEX(Jesper!AI$2:AI$366,ROUNDDOWN($C7906/24,0)+1,1))-1)+IF('Standard Profiles'!$G$19=$B$10,7,0)+IF('Standard Profiles'!$G$19=$B$17,14,0)+IF('Standard Profiles'!$G$19=$B$24,21,0),0)),0)</f>
        <v>5.9511840109887251</v>
      </c>
      <c r="F7906" cm="1">
        <f t="array" ref="F7906">IFERROR(INDEX(Jesper!AJ$2:AJ$366,ROUNDDOWN($C7906/24,0)+1,1)*INDEX($D$3:$AA$30,INDEX(Jesper!$R$2:$R$366,ROW(INDEX(Jesper!AJ$2:AJ$366,ROUNDDOWN($C7906/24,0)+1,1))-1)+IF('Standard Profiles'!$G$20=$B$10,7,0)+IF('Standard Profiles'!$G$20=$B$17,14,0)+IF('Standard Profiles'!$G$20=$B$24,21,0),MOD($C7906,24)+1)/SUM(INDEX($D$3:$AA$30,INDEX(Jesper!$R$2:$R$366,ROW(INDEX(Jesper!AJ$2:AJ$366,ROUNDDOWN($C7906/24,0)+1,1))-1)+IF('Standard Profiles'!$G$20=$B$10,7,0)+IF('Standard Profiles'!$G$20=$B$17,14,0)+IF('Standard Profiles'!$G$20=$B$24,21,0),0)),0)</f>
        <v>5.1793055594842192</v>
      </c>
      <c r="G7906" cm="1">
        <f t="array" ref="G7906">IFERROR(INDEX(Jesper!AK$2:AK$366,ROUNDDOWN($C7906/24,0)+1,1)*INDEX($D$3:$AA$30,INDEX(Jesper!$R$2:$R$366,ROW(INDEX(Jesper!AK$2:AK$366,ROUNDDOWN($C7906/24,0)+1,1))-1)+IF('Standard Profiles'!$G$21=$B$10,7,0)+IF('Standard Profiles'!$G$21=$B$17,14,0)+IF('Standard Profiles'!$G$21=$B$24,21,0),MOD($C7906,24)+1)/SUM(INDEX($D$3:$AA$30,INDEX(Jesper!$R$2:$R$366,ROW(INDEX(Jesper!AK$2:AK$366,ROUNDDOWN($C7906/24,0)+1,1))-1)+IF('Standard Profiles'!$G$21=$B$10,7,0)+IF('Standard Profiles'!$G$21=$B$17,14,0)+IF('Standard Profiles'!$G$21=$B$24,21,0),0)),0)</f>
        <v>7.8788456648931575</v>
      </c>
      <c r="H7906" cm="1">
        <f t="array" ref="H7906">IFERROR(INDEX(Jesper!AL$2:AL$366,ROUNDDOWN($C7906/24,0)+1,1)*INDEX($D$3:$AA$30,INDEX(Jesper!$R$2:$R$366,ROW(INDEX(Jesper!AL$2:AL$366,ROUNDDOWN($C7906/24,0)+1,1))-1)+IF('Standard Profiles'!$G$22=$B$10,7,0)+IF('Standard Profiles'!$G$22=$B$17,14,0)+IF('Standard Profiles'!$G$22=$B$24,21,0),MOD($C7906,24)+1)/SUM(INDEX($D$3:$AA$30,INDEX(Jesper!$R$2:$R$366,ROW(INDEX(Jesper!AL$2:AL$366,ROUNDDOWN($C7906/24,0)+1,1))-1)+IF('Standard Profiles'!$G$22=$B$10,7,0)+IF('Standard Profiles'!$G$22=$B$17,14,0)+IF('Standard Profiles'!$G$22=$B$24,21,0),0)),0)</f>
        <v>2.2519169554705534</v>
      </c>
      <c r="I7906">
        <f t="shared" si="874"/>
        <v>2.1618402772517324</v>
      </c>
      <c r="J7906">
        <f t="shared" si="875"/>
        <v>18.385269832266275</v>
      </c>
      <c r="K7906">
        <f t="shared" si="876"/>
        <v>0.47609472087909799</v>
      </c>
      <c r="L7906">
        <f t="shared" si="877"/>
        <v>0.23804736043954899</v>
      </c>
      <c r="M7906">
        <f t="shared" si="878"/>
        <v>0</v>
      </c>
      <c r="N7906" s="45">
        <f t="shared" si="879"/>
        <v>45254.999999980908</v>
      </c>
    </row>
    <row r="7907" spans="2:14" x14ac:dyDescent="0.25">
      <c r="B7907">
        <f t="shared" ref="B7907:B7970" si="880">WEEKDAY(N7907,2)</f>
        <v>6</v>
      </c>
      <c r="C7907" s="16">
        <v>7873</v>
      </c>
      <c r="D7907" cm="1">
        <f t="array" ref="D7907">IFERROR(INDEX(Jesper!AH$2:AH$366,ROUNDDOWN($C7907/24,0)+1,1)*INDEX($D$3:$AA$30,INDEX(Jesper!$R$2:$R$366,ROW(INDEX(Jesper!AH$2:AH$366,ROUNDDOWN($C7907/24,0)+1,1))-1)+IF('Standard Profiles'!$G$18=$B$10,7,0)+IF('Standard Profiles'!$G$18=$B$17,14,0)+IF('Standard Profiles'!$G$18=$B$24,21,0),MOD($C7907,24)+1)/SUM(INDEX($D$3:$AA$30,INDEX(Jesper!$R$2:$R$366,ROW(INDEX(Jesper!AH$2:AH$366,ROUNDDOWN($C7907/24,0)+1,1))-1)+IF('Standard Profiles'!$G$18=$B$10,7,0)+IF('Standard Profiles'!$G$18=$B$17,14,0)+IF('Standard Profiles'!$G$18=$B$24,21,0),0)),0)</f>
        <v>0</v>
      </c>
      <c r="E7907" cm="1">
        <f t="array" ref="E7907">IFERROR(INDEX(Jesper!AI$2:AI$366,ROUNDDOWN($C7907/24,0)+1,1)*INDEX($D$3:$AA$30,INDEX(Jesper!$R$2:$R$366,ROW(INDEX(Jesper!AI$2:AI$366,ROUNDDOWN($C7907/24,0)+1,1))-1)+IF('Standard Profiles'!$G$19=$B$10,7,0)+IF('Standard Profiles'!$G$19=$B$17,14,0)+IF('Standard Profiles'!$G$19=$B$24,21,0),MOD($C7907,24)+1)/SUM(INDEX($D$3:$AA$30,INDEX(Jesper!$R$2:$R$366,ROW(INDEX(Jesper!AI$2:AI$366,ROUNDDOWN($C7907/24,0)+1,1))-1)+IF('Standard Profiles'!$G$19=$B$10,7,0)+IF('Standard Profiles'!$G$19=$B$17,14,0)+IF('Standard Profiles'!$G$19=$B$24,21,0),0)),0)</f>
        <v>5.3560656098898525</v>
      </c>
      <c r="F7907" cm="1">
        <f t="array" ref="F7907">IFERROR(INDEX(Jesper!AJ$2:AJ$366,ROUNDDOWN($C7907/24,0)+1,1)*INDEX($D$3:$AA$30,INDEX(Jesper!$R$2:$R$366,ROW(INDEX(Jesper!AJ$2:AJ$366,ROUNDDOWN($C7907/24,0)+1,1))-1)+IF('Standard Profiles'!$G$20=$B$10,7,0)+IF('Standard Profiles'!$G$20=$B$17,14,0)+IF('Standard Profiles'!$G$20=$B$24,21,0),MOD($C7907,24)+1)/SUM(INDEX($D$3:$AA$30,INDEX(Jesper!$R$2:$R$366,ROW(INDEX(Jesper!AJ$2:AJ$366,ROUNDDOWN($C7907/24,0)+1,1))-1)+IF('Standard Profiles'!$G$20=$B$10,7,0)+IF('Standard Profiles'!$G$20=$B$17,14,0)+IF('Standard Profiles'!$G$20=$B$24,21,0),0)),0)</f>
        <v>4.661375003535797</v>
      </c>
      <c r="G7907" cm="1">
        <f t="array" ref="G7907">IFERROR(INDEX(Jesper!AK$2:AK$366,ROUNDDOWN($C7907/24,0)+1,1)*INDEX($D$3:$AA$30,INDEX(Jesper!$R$2:$R$366,ROW(INDEX(Jesper!AK$2:AK$366,ROUNDDOWN($C7907/24,0)+1,1))-1)+IF('Standard Profiles'!$G$21=$B$10,7,0)+IF('Standard Profiles'!$G$21=$B$17,14,0)+IF('Standard Profiles'!$G$21=$B$24,21,0),MOD($C7907,24)+1)/SUM(INDEX($D$3:$AA$30,INDEX(Jesper!$R$2:$R$366,ROW(INDEX(Jesper!AK$2:AK$366,ROUNDDOWN($C7907/24,0)+1,1))-1)+IF('Standard Profiles'!$G$21=$B$10,7,0)+IF('Standard Profiles'!$G$21=$B$17,14,0)+IF('Standard Profiles'!$G$21=$B$24,21,0),0)),0)</f>
        <v>7.8788456648931575</v>
      </c>
      <c r="H7907" cm="1">
        <f t="array" ref="H7907">IFERROR(INDEX(Jesper!AL$2:AL$366,ROUNDDOWN($C7907/24,0)+1,1)*INDEX($D$3:$AA$30,INDEX(Jesper!$R$2:$R$366,ROW(INDEX(Jesper!AL$2:AL$366,ROUNDDOWN($C7907/24,0)+1,1))-1)+IF('Standard Profiles'!$G$22=$B$10,7,0)+IF('Standard Profiles'!$G$22=$B$17,14,0)+IF('Standard Profiles'!$G$22=$B$24,21,0),MOD($C7907,24)+1)/SUM(INDEX($D$3:$AA$30,INDEX(Jesper!$R$2:$R$366,ROW(INDEX(Jesper!AL$2:AL$366,ROUNDDOWN($C7907/24,0)+1,1))-1)+IF('Standard Profiles'!$G$22=$B$10,7,0)+IF('Standard Profiles'!$G$22=$B$17,14,0)+IF('Standard Profiles'!$G$22=$B$24,21,0),0)),0)</f>
        <v>4.3965997702044142</v>
      </c>
      <c r="I7907">
        <f t="shared" ref="I7907:I7970" si="881">IF($B7907&lt;6,AC$37*$D7907+AC$38*$E7907+AC$39*$F7907+AC$40*$G7907,AC$46*$D7907+AC$47*$E7907+AC$48*$F7907+AC$49*$G7907+AC$50*$H7907)</f>
        <v>4.2207357793962395</v>
      </c>
      <c r="J7907">
        <f t="shared" ref="J7907:J7970" si="882">IF($B7907&lt;6,AD$37*$D7907+AD$38*$E7907+AD$39*$F7907+AD$40*$G7907,AD$46*$D7907+AD$47*$E7907+AD$48*$F7907+AD$49*$G7907+AD$50*$H7907)</f>
        <v>17.4294223959402</v>
      </c>
      <c r="K7907">
        <f t="shared" ref="K7907:K7970" si="883">IF($B7907&lt;6,AE$37*$D7907+AE$38*$E7907+AE$39*$F7907+AE$40*$G7907,AE$46*$D7907+AE$47*$E7907+AE$48*$F7907+AE$49*$G7907+AE$50*$H7907)</f>
        <v>0.42848524879118821</v>
      </c>
      <c r="L7907">
        <f t="shared" ref="L7907:L7970" si="884">IF($B7907&lt;6,AF$37*$D7907+AF$38*$E7907+AF$39*$F7907+AF$40*$G7907,AF$46*$D7907+AF$47*$E7907+AF$48*$F7907+AF$49*$G7907+AF$50*$H7907)</f>
        <v>0.21424262439559411</v>
      </c>
      <c r="M7907">
        <f t="shared" ref="M7907:M7970" si="885">IF($B7907&lt;6,AG$37*$D7907+AG$38*$E7907+AG$39*$F7907+AG$40*$G7907,AG$46*$D7907+AG$47*$E7907+AG$48*$F7907+AG$49*$G7907+AG$50*$H7907)</f>
        <v>0</v>
      </c>
      <c r="N7907" s="45">
        <f t="shared" si="879"/>
        <v>45255.041666647572</v>
      </c>
    </row>
    <row r="7908" spans="2:14" x14ac:dyDescent="0.25">
      <c r="B7908">
        <f t="shared" si="880"/>
        <v>6</v>
      </c>
      <c r="C7908" s="16">
        <v>7874</v>
      </c>
      <c r="D7908" cm="1">
        <f t="array" ref="D7908">IFERROR(INDEX(Jesper!AH$2:AH$366,ROUNDDOWN($C7908/24,0)+1,1)*INDEX($D$3:$AA$30,INDEX(Jesper!$R$2:$R$366,ROW(INDEX(Jesper!AH$2:AH$366,ROUNDDOWN($C7908/24,0)+1,1))-1)+IF('Standard Profiles'!$G$18=$B$10,7,0)+IF('Standard Profiles'!$G$18=$B$17,14,0)+IF('Standard Profiles'!$G$18=$B$24,21,0),MOD($C7908,24)+1)/SUM(INDEX($D$3:$AA$30,INDEX(Jesper!$R$2:$R$366,ROW(INDEX(Jesper!AH$2:AH$366,ROUNDDOWN($C7908/24,0)+1,1))-1)+IF('Standard Profiles'!$G$18=$B$10,7,0)+IF('Standard Profiles'!$G$18=$B$17,14,0)+IF('Standard Profiles'!$G$18=$B$24,21,0),0)),0)</f>
        <v>0</v>
      </c>
      <c r="E7908" cm="1">
        <f t="array" ref="E7908">IFERROR(INDEX(Jesper!AI$2:AI$366,ROUNDDOWN($C7908/24,0)+1,1)*INDEX($D$3:$AA$30,INDEX(Jesper!$R$2:$R$366,ROW(INDEX(Jesper!AI$2:AI$366,ROUNDDOWN($C7908/24,0)+1,1))-1)+IF('Standard Profiles'!$G$19=$B$10,7,0)+IF('Standard Profiles'!$G$19=$B$17,14,0)+IF('Standard Profiles'!$G$19=$B$24,21,0),MOD($C7908,24)+1)/SUM(INDEX($D$3:$AA$30,INDEX(Jesper!$R$2:$R$366,ROW(INDEX(Jesper!AI$2:AI$366,ROUNDDOWN($C7908/24,0)+1,1))-1)+IF('Standard Profiles'!$G$19=$B$10,7,0)+IF('Standard Profiles'!$G$19=$B$17,14,0)+IF('Standard Profiles'!$G$19=$B$24,21,0),0)),0)</f>
        <v>5.3560656098898525</v>
      </c>
      <c r="F7908" cm="1">
        <f t="array" ref="F7908">IFERROR(INDEX(Jesper!AJ$2:AJ$366,ROUNDDOWN($C7908/24,0)+1,1)*INDEX($D$3:$AA$30,INDEX(Jesper!$R$2:$R$366,ROW(INDEX(Jesper!AJ$2:AJ$366,ROUNDDOWN($C7908/24,0)+1,1))-1)+IF('Standard Profiles'!$G$20=$B$10,7,0)+IF('Standard Profiles'!$G$20=$B$17,14,0)+IF('Standard Profiles'!$G$20=$B$24,21,0),MOD($C7908,24)+1)/SUM(INDEX($D$3:$AA$30,INDEX(Jesper!$R$2:$R$366,ROW(INDEX(Jesper!AJ$2:AJ$366,ROUNDDOWN($C7908/24,0)+1,1))-1)+IF('Standard Profiles'!$G$20=$B$10,7,0)+IF('Standard Profiles'!$G$20=$B$17,14,0)+IF('Standard Profiles'!$G$20=$B$24,21,0),0)),0)</f>
        <v>4.661375003535797</v>
      </c>
      <c r="G7908" cm="1">
        <f t="array" ref="G7908">IFERROR(INDEX(Jesper!AK$2:AK$366,ROUNDDOWN($C7908/24,0)+1,1)*INDEX($D$3:$AA$30,INDEX(Jesper!$R$2:$R$366,ROW(INDEX(Jesper!AK$2:AK$366,ROUNDDOWN($C7908/24,0)+1,1))-1)+IF('Standard Profiles'!$G$21=$B$10,7,0)+IF('Standard Profiles'!$G$21=$B$17,14,0)+IF('Standard Profiles'!$G$21=$B$24,21,0),MOD($C7908,24)+1)/SUM(INDEX($D$3:$AA$30,INDEX(Jesper!$R$2:$R$366,ROW(INDEX(Jesper!AK$2:AK$366,ROUNDDOWN($C7908/24,0)+1,1))-1)+IF('Standard Profiles'!$G$21=$B$10,7,0)+IF('Standard Profiles'!$G$21=$B$17,14,0)+IF('Standard Profiles'!$G$21=$B$24,21,0),0)),0)</f>
        <v>7.8788456648931575</v>
      </c>
      <c r="H7908" cm="1">
        <f t="array" ref="H7908">IFERROR(INDEX(Jesper!AL$2:AL$366,ROUNDDOWN($C7908/24,0)+1,1)*INDEX($D$3:$AA$30,INDEX(Jesper!$R$2:$R$366,ROW(INDEX(Jesper!AL$2:AL$366,ROUNDDOWN($C7908/24,0)+1,1))-1)+IF('Standard Profiles'!$G$22=$B$10,7,0)+IF('Standard Profiles'!$G$22=$B$17,14,0)+IF('Standard Profiles'!$G$22=$B$24,21,0),MOD($C7908,24)+1)/SUM(INDEX($D$3:$AA$30,INDEX(Jesper!$R$2:$R$366,ROW(INDEX(Jesper!AL$2:AL$366,ROUNDDOWN($C7908/24,0)+1,1))-1)+IF('Standard Profiles'!$G$22=$B$10,7,0)+IF('Standard Profiles'!$G$22=$B$17,14,0)+IF('Standard Profiles'!$G$22=$B$24,21,0),0)),0)</f>
        <v>4.3965997702044142</v>
      </c>
      <c r="I7908">
        <f t="shared" si="881"/>
        <v>4.2207357793962395</v>
      </c>
      <c r="J7908">
        <f t="shared" si="882"/>
        <v>17.4294223959402</v>
      </c>
      <c r="K7908">
        <f t="shared" si="883"/>
        <v>0.42848524879118821</v>
      </c>
      <c r="L7908">
        <f t="shared" si="884"/>
        <v>0.21424262439559411</v>
      </c>
      <c r="M7908">
        <f t="shared" si="885"/>
        <v>0</v>
      </c>
      <c r="N7908" s="45">
        <f t="shared" ref="N7908:N7971" si="886">N7907+1/24</f>
        <v>45255.083333314236</v>
      </c>
    </row>
    <row r="7909" spans="2:14" x14ac:dyDescent="0.25">
      <c r="B7909">
        <f t="shared" si="880"/>
        <v>6</v>
      </c>
      <c r="C7909" s="16">
        <v>7875</v>
      </c>
      <c r="D7909" cm="1">
        <f t="array" ref="D7909">IFERROR(INDEX(Jesper!AH$2:AH$366,ROUNDDOWN($C7909/24,0)+1,1)*INDEX($D$3:$AA$30,INDEX(Jesper!$R$2:$R$366,ROW(INDEX(Jesper!AH$2:AH$366,ROUNDDOWN($C7909/24,0)+1,1))-1)+IF('Standard Profiles'!$G$18=$B$10,7,0)+IF('Standard Profiles'!$G$18=$B$17,14,0)+IF('Standard Profiles'!$G$18=$B$24,21,0),MOD($C7909,24)+1)/SUM(INDEX($D$3:$AA$30,INDEX(Jesper!$R$2:$R$366,ROW(INDEX(Jesper!AH$2:AH$366,ROUNDDOWN($C7909/24,0)+1,1))-1)+IF('Standard Profiles'!$G$18=$B$10,7,0)+IF('Standard Profiles'!$G$18=$B$17,14,0)+IF('Standard Profiles'!$G$18=$B$24,21,0),0)),0)</f>
        <v>0</v>
      </c>
      <c r="E7909" cm="1">
        <f t="array" ref="E7909">IFERROR(INDEX(Jesper!AI$2:AI$366,ROUNDDOWN($C7909/24,0)+1,1)*INDEX($D$3:$AA$30,INDEX(Jesper!$R$2:$R$366,ROW(INDEX(Jesper!AI$2:AI$366,ROUNDDOWN($C7909/24,0)+1,1))-1)+IF('Standard Profiles'!$G$19=$B$10,7,0)+IF('Standard Profiles'!$G$19=$B$17,14,0)+IF('Standard Profiles'!$G$19=$B$24,21,0),MOD($C7909,24)+1)/SUM(INDEX($D$3:$AA$30,INDEX(Jesper!$R$2:$R$366,ROW(INDEX(Jesper!AI$2:AI$366,ROUNDDOWN($C7909/24,0)+1,1))-1)+IF('Standard Profiles'!$G$19=$B$10,7,0)+IF('Standard Profiles'!$G$19=$B$17,14,0)+IF('Standard Profiles'!$G$19=$B$24,21,0),0)),0)</f>
        <v>5.3560656098898525</v>
      </c>
      <c r="F7909" cm="1">
        <f t="array" ref="F7909">IFERROR(INDEX(Jesper!AJ$2:AJ$366,ROUNDDOWN($C7909/24,0)+1,1)*INDEX($D$3:$AA$30,INDEX(Jesper!$R$2:$R$366,ROW(INDEX(Jesper!AJ$2:AJ$366,ROUNDDOWN($C7909/24,0)+1,1))-1)+IF('Standard Profiles'!$G$20=$B$10,7,0)+IF('Standard Profiles'!$G$20=$B$17,14,0)+IF('Standard Profiles'!$G$20=$B$24,21,0),MOD($C7909,24)+1)/SUM(INDEX($D$3:$AA$30,INDEX(Jesper!$R$2:$R$366,ROW(INDEX(Jesper!AJ$2:AJ$366,ROUNDDOWN($C7909/24,0)+1,1))-1)+IF('Standard Profiles'!$G$20=$B$10,7,0)+IF('Standard Profiles'!$G$20=$B$17,14,0)+IF('Standard Profiles'!$G$20=$B$24,21,0),0)),0)</f>
        <v>4.661375003535797</v>
      </c>
      <c r="G7909" cm="1">
        <f t="array" ref="G7909">IFERROR(INDEX(Jesper!AK$2:AK$366,ROUNDDOWN($C7909/24,0)+1,1)*INDEX($D$3:$AA$30,INDEX(Jesper!$R$2:$R$366,ROW(INDEX(Jesper!AK$2:AK$366,ROUNDDOWN($C7909/24,0)+1,1))-1)+IF('Standard Profiles'!$G$21=$B$10,7,0)+IF('Standard Profiles'!$G$21=$B$17,14,0)+IF('Standard Profiles'!$G$21=$B$24,21,0),MOD($C7909,24)+1)/SUM(INDEX($D$3:$AA$30,INDEX(Jesper!$R$2:$R$366,ROW(INDEX(Jesper!AK$2:AK$366,ROUNDDOWN($C7909/24,0)+1,1))-1)+IF('Standard Profiles'!$G$21=$B$10,7,0)+IF('Standard Profiles'!$G$21=$B$17,14,0)+IF('Standard Profiles'!$G$21=$B$24,21,0),0)),0)</f>
        <v>7.8788456648931575</v>
      </c>
      <c r="H7909" cm="1">
        <f t="array" ref="H7909">IFERROR(INDEX(Jesper!AL$2:AL$366,ROUNDDOWN($C7909/24,0)+1,1)*INDEX($D$3:$AA$30,INDEX(Jesper!$R$2:$R$366,ROW(INDEX(Jesper!AL$2:AL$366,ROUNDDOWN($C7909/24,0)+1,1))-1)+IF('Standard Profiles'!$G$22=$B$10,7,0)+IF('Standard Profiles'!$G$22=$B$17,14,0)+IF('Standard Profiles'!$G$22=$B$24,21,0),MOD($C7909,24)+1)/SUM(INDEX($D$3:$AA$30,INDEX(Jesper!$R$2:$R$366,ROW(INDEX(Jesper!AL$2:AL$366,ROUNDDOWN($C7909/24,0)+1,1))-1)+IF('Standard Profiles'!$G$22=$B$10,7,0)+IF('Standard Profiles'!$G$22=$B$17,14,0)+IF('Standard Profiles'!$G$22=$B$24,21,0),0)),0)</f>
        <v>4.3965997702044142</v>
      </c>
      <c r="I7909">
        <f t="shared" si="881"/>
        <v>4.2207357793962395</v>
      </c>
      <c r="J7909">
        <f t="shared" si="882"/>
        <v>17.4294223959402</v>
      </c>
      <c r="K7909">
        <f t="shared" si="883"/>
        <v>0.42848524879118821</v>
      </c>
      <c r="L7909">
        <f t="shared" si="884"/>
        <v>0.21424262439559411</v>
      </c>
      <c r="M7909">
        <f t="shared" si="885"/>
        <v>0</v>
      </c>
      <c r="N7909" s="45">
        <f t="shared" si="886"/>
        <v>45255.124999980901</v>
      </c>
    </row>
    <row r="7910" spans="2:14" x14ac:dyDescent="0.25">
      <c r="B7910">
        <f t="shared" si="880"/>
        <v>6</v>
      </c>
      <c r="C7910" s="16">
        <v>7876</v>
      </c>
      <c r="D7910" cm="1">
        <f t="array" ref="D7910">IFERROR(INDEX(Jesper!AH$2:AH$366,ROUNDDOWN($C7910/24,0)+1,1)*INDEX($D$3:$AA$30,INDEX(Jesper!$R$2:$R$366,ROW(INDEX(Jesper!AH$2:AH$366,ROUNDDOWN($C7910/24,0)+1,1))-1)+IF('Standard Profiles'!$G$18=$B$10,7,0)+IF('Standard Profiles'!$G$18=$B$17,14,0)+IF('Standard Profiles'!$G$18=$B$24,21,0),MOD($C7910,24)+1)/SUM(INDEX($D$3:$AA$30,INDEX(Jesper!$R$2:$R$366,ROW(INDEX(Jesper!AH$2:AH$366,ROUNDDOWN($C7910/24,0)+1,1))-1)+IF('Standard Profiles'!$G$18=$B$10,7,0)+IF('Standard Profiles'!$G$18=$B$17,14,0)+IF('Standard Profiles'!$G$18=$B$24,21,0),0)),0)</f>
        <v>0</v>
      </c>
      <c r="E7910" cm="1">
        <f t="array" ref="E7910">IFERROR(INDEX(Jesper!AI$2:AI$366,ROUNDDOWN($C7910/24,0)+1,1)*INDEX($D$3:$AA$30,INDEX(Jesper!$R$2:$R$366,ROW(INDEX(Jesper!AI$2:AI$366,ROUNDDOWN($C7910/24,0)+1,1))-1)+IF('Standard Profiles'!$G$19=$B$10,7,0)+IF('Standard Profiles'!$G$19=$B$17,14,0)+IF('Standard Profiles'!$G$19=$B$24,21,0),MOD($C7910,24)+1)/SUM(INDEX($D$3:$AA$30,INDEX(Jesper!$R$2:$R$366,ROW(INDEX(Jesper!AI$2:AI$366,ROUNDDOWN($C7910/24,0)+1,1))-1)+IF('Standard Profiles'!$G$19=$B$10,7,0)+IF('Standard Profiles'!$G$19=$B$17,14,0)+IF('Standard Profiles'!$G$19=$B$24,21,0),0)),0)</f>
        <v>5.3560656098898525</v>
      </c>
      <c r="F7910" cm="1">
        <f t="array" ref="F7910">IFERROR(INDEX(Jesper!AJ$2:AJ$366,ROUNDDOWN($C7910/24,0)+1,1)*INDEX($D$3:$AA$30,INDEX(Jesper!$R$2:$R$366,ROW(INDEX(Jesper!AJ$2:AJ$366,ROUNDDOWN($C7910/24,0)+1,1))-1)+IF('Standard Profiles'!$G$20=$B$10,7,0)+IF('Standard Profiles'!$G$20=$B$17,14,0)+IF('Standard Profiles'!$G$20=$B$24,21,0),MOD($C7910,24)+1)/SUM(INDEX($D$3:$AA$30,INDEX(Jesper!$R$2:$R$366,ROW(INDEX(Jesper!AJ$2:AJ$366,ROUNDDOWN($C7910/24,0)+1,1))-1)+IF('Standard Profiles'!$G$20=$B$10,7,0)+IF('Standard Profiles'!$G$20=$B$17,14,0)+IF('Standard Profiles'!$G$20=$B$24,21,0),0)),0)</f>
        <v>4.661375003535797</v>
      </c>
      <c r="G7910" cm="1">
        <f t="array" ref="G7910">IFERROR(INDEX(Jesper!AK$2:AK$366,ROUNDDOWN($C7910/24,0)+1,1)*INDEX($D$3:$AA$30,INDEX(Jesper!$R$2:$R$366,ROW(INDEX(Jesper!AK$2:AK$366,ROUNDDOWN($C7910/24,0)+1,1))-1)+IF('Standard Profiles'!$G$21=$B$10,7,0)+IF('Standard Profiles'!$G$21=$B$17,14,0)+IF('Standard Profiles'!$G$21=$B$24,21,0),MOD($C7910,24)+1)/SUM(INDEX($D$3:$AA$30,INDEX(Jesper!$R$2:$R$366,ROW(INDEX(Jesper!AK$2:AK$366,ROUNDDOWN($C7910/24,0)+1,1))-1)+IF('Standard Profiles'!$G$21=$B$10,7,0)+IF('Standard Profiles'!$G$21=$B$17,14,0)+IF('Standard Profiles'!$G$21=$B$24,21,0),0)),0)</f>
        <v>7.8788456648931575</v>
      </c>
      <c r="H7910" cm="1">
        <f t="array" ref="H7910">IFERROR(INDEX(Jesper!AL$2:AL$366,ROUNDDOWN($C7910/24,0)+1,1)*INDEX($D$3:$AA$30,INDEX(Jesper!$R$2:$R$366,ROW(INDEX(Jesper!AL$2:AL$366,ROUNDDOWN($C7910/24,0)+1,1))-1)+IF('Standard Profiles'!$G$22=$B$10,7,0)+IF('Standard Profiles'!$G$22=$B$17,14,0)+IF('Standard Profiles'!$G$22=$B$24,21,0),MOD($C7910,24)+1)/SUM(INDEX($D$3:$AA$30,INDEX(Jesper!$R$2:$R$366,ROW(INDEX(Jesper!AL$2:AL$366,ROUNDDOWN($C7910/24,0)+1,1))-1)+IF('Standard Profiles'!$G$22=$B$10,7,0)+IF('Standard Profiles'!$G$22=$B$17,14,0)+IF('Standard Profiles'!$G$22=$B$24,21,0),0)),0)</f>
        <v>4.3965997702044142</v>
      </c>
      <c r="I7910">
        <f t="shared" si="881"/>
        <v>4.2207357793962395</v>
      </c>
      <c r="J7910">
        <f t="shared" si="882"/>
        <v>17.4294223959402</v>
      </c>
      <c r="K7910">
        <f t="shared" si="883"/>
        <v>0.42848524879118821</v>
      </c>
      <c r="L7910">
        <f t="shared" si="884"/>
        <v>0.21424262439559411</v>
      </c>
      <c r="M7910">
        <f t="shared" si="885"/>
        <v>0</v>
      </c>
      <c r="N7910" s="45">
        <f t="shared" si="886"/>
        <v>45255.166666647565</v>
      </c>
    </row>
    <row r="7911" spans="2:14" x14ac:dyDescent="0.25">
      <c r="B7911">
        <f t="shared" si="880"/>
        <v>6</v>
      </c>
      <c r="C7911" s="16">
        <v>7877</v>
      </c>
      <c r="D7911" cm="1">
        <f t="array" ref="D7911">IFERROR(INDEX(Jesper!AH$2:AH$366,ROUNDDOWN($C7911/24,0)+1,1)*INDEX($D$3:$AA$30,INDEX(Jesper!$R$2:$R$366,ROW(INDEX(Jesper!AH$2:AH$366,ROUNDDOWN($C7911/24,0)+1,1))-1)+IF('Standard Profiles'!$G$18=$B$10,7,0)+IF('Standard Profiles'!$G$18=$B$17,14,0)+IF('Standard Profiles'!$G$18=$B$24,21,0),MOD($C7911,24)+1)/SUM(INDEX($D$3:$AA$30,INDEX(Jesper!$R$2:$R$366,ROW(INDEX(Jesper!AH$2:AH$366,ROUNDDOWN($C7911/24,0)+1,1))-1)+IF('Standard Profiles'!$G$18=$B$10,7,0)+IF('Standard Profiles'!$G$18=$B$17,14,0)+IF('Standard Profiles'!$G$18=$B$24,21,0),0)),0)</f>
        <v>0</v>
      </c>
      <c r="E7911" cm="1">
        <f t="array" ref="E7911">IFERROR(INDEX(Jesper!AI$2:AI$366,ROUNDDOWN($C7911/24,0)+1,1)*INDEX($D$3:$AA$30,INDEX(Jesper!$R$2:$R$366,ROW(INDEX(Jesper!AI$2:AI$366,ROUNDDOWN($C7911/24,0)+1,1))-1)+IF('Standard Profiles'!$G$19=$B$10,7,0)+IF('Standard Profiles'!$G$19=$B$17,14,0)+IF('Standard Profiles'!$G$19=$B$24,21,0),MOD($C7911,24)+1)/SUM(INDEX($D$3:$AA$30,INDEX(Jesper!$R$2:$R$366,ROW(INDEX(Jesper!AI$2:AI$366,ROUNDDOWN($C7911/24,0)+1,1))-1)+IF('Standard Profiles'!$G$19=$B$10,7,0)+IF('Standard Profiles'!$G$19=$B$17,14,0)+IF('Standard Profiles'!$G$19=$B$24,21,0),0)),0)</f>
        <v>5.3560656098898525</v>
      </c>
      <c r="F7911" cm="1">
        <f t="array" ref="F7911">IFERROR(INDEX(Jesper!AJ$2:AJ$366,ROUNDDOWN($C7911/24,0)+1,1)*INDEX($D$3:$AA$30,INDEX(Jesper!$R$2:$R$366,ROW(INDEX(Jesper!AJ$2:AJ$366,ROUNDDOWN($C7911/24,0)+1,1))-1)+IF('Standard Profiles'!$G$20=$B$10,7,0)+IF('Standard Profiles'!$G$20=$B$17,14,0)+IF('Standard Profiles'!$G$20=$B$24,21,0),MOD($C7911,24)+1)/SUM(INDEX($D$3:$AA$30,INDEX(Jesper!$R$2:$R$366,ROW(INDEX(Jesper!AJ$2:AJ$366,ROUNDDOWN($C7911/24,0)+1,1))-1)+IF('Standard Profiles'!$G$20=$B$10,7,0)+IF('Standard Profiles'!$G$20=$B$17,14,0)+IF('Standard Profiles'!$G$20=$B$24,21,0),0)),0)</f>
        <v>4.661375003535797</v>
      </c>
      <c r="G7911" cm="1">
        <f t="array" ref="G7911">IFERROR(INDEX(Jesper!AK$2:AK$366,ROUNDDOWN($C7911/24,0)+1,1)*INDEX($D$3:$AA$30,INDEX(Jesper!$R$2:$R$366,ROW(INDEX(Jesper!AK$2:AK$366,ROUNDDOWN($C7911/24,0)+1,1))-1)+IF('Standard Profiles'!$G$21=$B$10,7,0)+IF('Standard Profiles'!$G$21=$B$17,14,0)+IF('Standard Profiles'!$G$21=$B$24,21,0),MOD($C7911,24)+1)/SUM(INDEX($D$3:$AA$30,INDEX(Jesper!$R$2:$R$366,ROW(INDEX(Jesper!AK$2:AK$366,ROUNDDOWN($C7911/24,0)+1,1))-1)+IF('Standard Profiles'!$G$21=$B$10,7,0)+IF('Standard Profiles'!$G$21=$B$17,14,0)+IF('Standard Profiles'!$G$21=$B$24,21,0),0)),0)</f>
        <v>7.8788456648931575</v>
      </c>
      <c r="H7911" cm="1">
        <f t="array" ref="H7911">IFERROR(INDEX(Jesper!AL$2:AL$366,ROUNDDOWN($C7911/24,0)+1,1)*INDEX($D$3:$AA$30,INDEX(Jesper!$R$2:$R$366,ROW(INDEX(Jesper!AL$2:AL$366,ROUNDDOWN($C7911/24,0)+1,1))-1)+IF('Standard Profiles'!$G$22=$B$10,7,0)+IF('Standard Profiles'!$G$22=$B$17,14,0)+IF('Standard Profiles'!$G$22=$B$24,21,0),MOD($C7911,24)+1)/SUM(INDEX($D$3:$AA$30,INDEX(Jesper!$R$2:$R$366,ROW(INDEX(Jesper!AL$2:AL$366,ROUNDDOWN($C7911/24,0)+1,1))-1)+IF('Standard Profiles'!$G$22=$B$10,7,0)+IF('Standard Profiles'!$G$22=$B$17,14,0)+IF('Standard Profiles'!$G$22=$B$24,21,0),0)),0)</f>
        <v>5.4689411775713435</v>
      </c>
      <c r="I7911">
        <f t="shared" si="881"/>
        <v>5.250183530468493</v>
      </c>
      <c r="J7911">
        <f t="shared" si="882"/>
        <v>17.472316052234877</v>
      </c>
      <c r="K7911">
        <f t="shared" si="883"/>
        <v>0.42848524879118821</v>
      </c>
      <c r="L7911">
        <f t="shared" si="884"/>
        <v>0.21424262439559411</v>
      </c>
      <c r="M7911">
        <f t="shared" si="885"/>
        <v>0</v>
      </c>
      <c r="N7911" s="45">
        <f t="shared" si="886"/>
        <v>45255.208333314229</v>
      </c>
    </row>
    <row r="7912" spans="2:14" x14ac:dyDescent="0.25">
      <c r="B7912">
        <f t="shared" si="880"/>
        <v>6</v>
      </c>
      <c r="C7912" s="16">
        <v>7878</v>
      </c>
      <c r="D7912" cm="1">
        <f t="array" ref="D7912">IFERROR(INDEX(Jesper!AH$2:AH$366,ROUNDDOWN($C7912/24,0)+1,1)*INDEX($D$3:$AA$30,INDEX(Jesper!$R$2:$R$366,ROW(INDEX(Jesper!AH$2:AH$366,ROUNDDOWN($C7912/24,0)+1,1))-1)+IF('Standard Profiles'!$G$18=$B$10,7,0)+IF('Standard Profiles'!$G$18=$B$17,14,0)+IF('Standard Profiles'!$G$18=$B$24,21,0),MOD($C7912,24)+1)/SUM(INDEX($D$3:$AA$30,INDEX(Jesper!$R$2:$R$366,ROW(INDEX(Jesper!AH$2:AH$366,ROUNDDOWN($C7912/24,0)+1,1))-1)+IF('Standard Profiles'!$G$18=$B$10,7,0)+IF('Standard Profiles'!$G$18=$B$17,14,0)+IF('Standard Profiles'!$G$18=$B$24,21,0),0)),0)</f>
        <v>0</v>
      </c>
      <c r="E7912" cm="1">
        <f t="array" ref="E7912">IFERROR(INDEX(Jesper!AI$2:AI$366,ROUNDDOWN($C7912/24,0)+1,1)*INDEX($D$3:$AA$30,INDEX(Jesper!$R$2:$R$366,ROW(INDEX(Jesper!AI$2:AI$366,ROUNDDOWN($C7912/24,0)+1,1))-1)+IF('Standard Profiles'!$G$19=$B$10,7,0)+IF('Standard Profiles'!$G$19=$B$17,14,0)+IF('Standard Profiles'!$G$19=$B$24,21,0),MOD($C7912,24)+1)/SUM(INDEX($D$3:$AA$30,INDEX(Jesper!$R$2:$R$366,ROW(INDEX(Jesper!AI$2:AI$366,ROUNDDOWN($C7912/24,0)+1,1))-1)+IF('Standard Profiles'!$G$19=$B$10,7,0)+IF('Standard Profiles'!$G$19=$B$17,14,0)+IF('Standard Profiles'!$G$19=$B$24,21,0),0)),0)</f>
        <v>5.3560656098898525</v>
      </c>
      <c r="F7912" cm="1">
        <f t="array" ref="F7912">IFERROR(INDEX(Jesper!AJ$2:AJ$366,ROUNDDOWN($C7912/24,0)+1,1)*INDEX($D$3:$AA$30,INDEX(Jesper!$R$2:$R$366,ROW(INDEX(Jesper!AJ$2:AJ$366,ROUNDDOWN($C7912/24,0)+1,1))-1)+IF('Standard Profiles'!$G$20=$B$10,7,0)+IF('Standard Profiles'!$G$20=$B$17,14,0)+IF('Standard Profiles'!$G$20=$B$24,21,0),MOD($C7912,24)+1)/SUM(INDEX($D$3:$AA$30,INDEX(Jesper!$R$2:$R$366,ROW(INDEX(Jesper!AJ$2:AJ$366,ROUNDDOWN($C7912/24,0)+1,1))-1)+IF('Standard Profiles'!$G$20=$B$10,7,0)+IF('Standard Profiles'!$G$20=$B$17,14,0)+IF('Standard Profiles'!$G$20=$B$24,21,0),0)),0)</f>
        <v>4.661375003535797</v>
      </c>
      <c r="G7912" cm="1">
        <f t="array" ref="G7912">IFERROR(INDEX(Jesper!AK$2:AK$366,ROUNDDOWN($C7912/24,0)+1,1)*INDEX($D$3:$AA$30,INDEX(Jesper!$R$2:$R$366,ROW(INDEX(Jesper!AK$2:AK$366,ROUNDDOWN($C7912/24,0)+1,1))-1)+IF('Standard Profiles'!$G$21=$B$10,7,0)+IF('Standard Profiles'!$G$21=$B$17,14,0)+IF('Standard Profiles'!$G$21=$B$24,21,0),MOD($C7912,24)+1)/SUM(INDEX($D$3:$AA$30,INDEX(Jesper!$R$2:$R$366,ROW(INDEX(Jesper!AK$2:AK$366,ROUNDDOWN($C7912/24,0)+1,1))-1)+IF('Standard Profiles'!$G$21=$B$10,7,0)+IF('Standard Profiles'!$G$21=$B$17,14,0)+IF('Standard Profiles'!$G$21=$B$24,21,0),0)),0)</f>
        <v>7.8788456648931575</v>
      </c>
      <c r="H7912" cm="1">
        <f t="array" ref="H7912">IFERROR(INDEX(Jesper!AL$2:AL$366,ROUNDDOWN($C7912/24,0)+1,1)*INDEX($D$3:$AA$30,INDEX(Jesper!$R$2:$R$366,ROW(INDEX(Jesper!AL$2:AL$366,ROUNDDOWN($C7912/24,0)+1,1))-1)+IF('Standard Profiles'!$G$22=$B$10,7,0)+IF('Standard Profiles'!$G$22=$B$17,14,0)+IF('Standard Profiles'!$G$22=$B$24,21,0),MOD($C7912,24)+1)/SUM(INDEX($D$3:$AA$30,INDEX(Jesper!$R$2:$R$366,ROW(INDEX(Jesper!AL$2:AL$366,ROUNDDOWN($C7912/24,0)+1,1))-1)+IF('Standard Profiles'!$G$22=$B$10,7,0)+IF('Standard Profiles'!$G$22=$B$17,14,0)+IF('Standard Profiles'!$G$22=$B$24,21,0),0)),0)</f>
        <v>6.8629850071483531</v>
      </c>
      <c r="I7912">
        <f t="shared" si="881"/>
        <v>6.5884656068624228</v>
      </c>
      <c r="J7912">
        <f t="shared" si="882"/>
        <v>17.528077805417954</v>
      </c>
      <c r="K7912">
        <f t="shared" si="883"/>
        <v>0.42848524879118821</v>
      </c>
      <c r="L7912">
        <f t="shared" si="884"/>
        <v>0.21424262439559411</v>
      </c>
      <c r="M7912">
        <f t="shared" si="885"/>
        <v>0</v>
      </c>
      <c r="N7912" s="45">
        <f t="shared" si="886"/>
        <v>45255.249999980893</v>
      </c>
    </row>
    <row r="7913" spans="2:14" x14ac:dyDescent="0.25">
      <c r="B7913">
        <f t="shared" si="880"/>
        <v>6</v>
      </c>
      <c r="C7913" s="16">
        <v>7879</v>
      </c>
      <c r="D7913" cm="1">
        <f t="array" ref="D7913">IFERROR(INDEX(Jesper!AH$2:AH$366,ROUNDDOWN($C7913/24,0)+1,1)*INDEX($D$3:$AA$30,INDEX(Jesper!$R$2:$R$366,ROW(INDEX(Jesper!AH$2:AH$366,ROUNDDOWN($C7913/24,0)+1,1))-1)+IF('Standard Profiles'!$G$18=$B$10,7,0)+IF('Standard Profiles'!$G$18=$B$17,14,0)+IF('Standard Profiles'!$G$18=$B$24,21,0),MOD($C7913,24)+1)/SUM(INDEX($D$3:$AA$30,INDEX(Jesper!$R$2:$R$366,ROW(INDEX(Jesper!AH$2:AH$366,ROUNDDOWN($C7913/24,0)+1,1))-1)+IF('Standard Profiles'!$G$18=$B$10,7,0)+IF('Standard Profiles'!$G$18=$B$17,14,0)+IF('Standard Profiles'!$G$18=$B$24,21,0),0)),0)</f>
        <v>0</v>
      </c>
      <c r="E7913" cm="1">
        <f t="array" ref="E7913">IFERROR(INDEX(Jesper!AI$2:AI$366,ROUNDDOWN($C7913/24,0)+1,1)*INDEX($D$3:$AA$30,INDEX(Jesper!$R$2:$R$366,ROW(INDEX(Jesper!AI$2:AI$366,ROUNDDOWN($C7913/24,0)+1,1))-1)+IF('Standard Profiles'!$G$19=$B$10,7,0)+IF('Standard Profiles'!$G$19=$B$17,14,0)+IF('Standard Profiles'!$G$19=$B$24,21,0),MOD($C7913,24)+1)/SUM(INDEX($D$3:$AA$30,INDEX(Jesper!$R$2:$R$366,ROW(INDEX(Jesper!AI$2:AI$366,ROUNDDOWN($C7913/24,0)+1,1))-1)+IF('Standard Profiles'!$G$19=$B$10,7,0)+IF('Standard Profiles'!$G$19=$B$17,14,0)+IF('Standard Profiles'!$G$19=$B$24,21,0),0)),0)</f>
        <v>5.3560656098898525</v>
      </c>
      <c r="F7913" cm="1">
        <f t="array" ref="F7913">IFERROR(INDEX(Jesper!AJ$2:AJ$366,ROUNDDOWN($C7913/24,0)+1,1)*INDEX($D$3:$AA$30,INDEX(Jesper!$R$2:$R$366,ROW(INDEX(Jesper!AJ$2:AJ$366,ROUNDDOWN($C7913/24,0)+1,1))-1)+IF('Standard Profiles'!$G$20=$B$10,7,0)+IF('Standard Profiles'!$G$20=$B$17,14,0)+IF('Standard Profiles'!$G$20=$B$24,21,0),MOD($C7913,24)+1)/SUM(INDEX($D$3:$AA$30,INDEX(Jesper!$R$2:$R$366,ROW(INDEX(Jesper!AJ$2:AJ$366,ROUNDDOWN($C7913/24,0)+1,1))-1)+IF('Standard Profiles'!$G$20=$B$10,7,0)+IF('Standard Profiles'!$G$20=$B$17,14,0)+IF('Standard Profiles'!$G$20=$B$24,21,0),0)),0)</f>
        <v>4.661375003535797</v>
      </c>
      <c r="G7913" cm="1">
        <f t="array" ref="G7913">IFERROR(INDEX(Jesper!AK$2:AK$366,ROUNDDOWN($C7913/24,0)+1,1)*INDEX($D$3:$AA$30,INDEX(Jesper!$R$2:$R$366,ROW(INDEX(Jesper!AK$2:AK$366,ROUNDDOWN($C7913/24,0)+1,1))-1)+IF('Standard Profiles'!$G$21=$B$10,7,0)+IF('Standard Profiles'!$G$21=$B$17,14,0)+IF('Standard Profiles'!$G$21=$B$24,21,0),MOD($C7913,24)+1)/SUM(INDEX($D$3:$AA$30,INDEX(Jesper!$R$2:$R$366,ROW(INDEX(Jesper!AK$2:AK$366,ROUNDDOWN($C7913/24,0)+1,1))-1)+IF('Standard Profiles'!$G$21=$B$10,7,0)+IF('Standard Profiles'!$G$21=$B$17,14,0)+IF('Standard Profiles'!$G$21=$B$24,21,0),0)),0)</f>
        <v>7.8788456648931575</v>
      </c>
      <c r="H7913" cm="1">
        <f t="array" ref="H7913">IFERROR(INDEX(Jesper!AL$2:AL$366,ROUNDDOWN($C7913/24,0)+1,1)*INDEX($D$3:$AA$30,INDEX(Jesper!$R$2:$R$366,ROW(INDEX(Jesper!AL$2:AL$366,ROUNDDOWN($C7913/24,0)+1,1))-1)+IF('Standard Profiles'!$G$22=$B$10,7,0)+IF('Standard Profiles'!$G$22=$B$17,14,0)+IF('Standard Profiles'!$G$22=$B$24,21,0),MOD($C7913,24)+1)/SUM(INDEX($D$3:$AA$30,INDEX(Jesper!$R$2:$R$366,ROW(INDEX(Jesper!AL$2:AL$366,ROUNDDOWN($C7913/24,0)+1,1))-1)+IF('Standard Profiles'!$G$22=$B$10,7,0)+IF('Standard Profiles'!$G$22=$B$17,14,0)+IF('Standard Profiles'!$G$22=$B$24,21,0),0)),0)</f>
        <v>7.828092273778589</v>
      </c>
      <c r="I7913">
        <f t="shared" si="881"/>
        <v>7.5149685828274491</v>
      </c>
      <c r="J7913">
        <f t="shared" si="882"/>
        <v>17.566682096083166</v>
      </c>
      <c r="K7913">
        <f t="shared" si="883"/>
        <v>0.42848524879118821</v>
      </c>
      <c r="L7913">
        <f t="shared" si="884"/>
        <v>0.21424262439559411</v>
      </c>
      <c r="M7913">
        <f t="shared" si="885"/>
        <v>0</v>
      </c>
      <c r="N7913" s="45">
        <f t="shared" si="886"/>
        <v>45255.291666647558</v>
      </c>
    </row>
    <row r="7914" spans="2:14" x14ac:dyDescent="0.25">
      <c r="B7914">
        <f t="shared" si="880"/>
        <v>6</v>
      </c>
      <c r="C7914" s="16">
        <v>7880</v>
      </c>
      <c r="D7914" cm="1">
        <f t="array" ref="D7914">IFERROR(INDEX(Jesper!AH$2:AH$366,ROUNDDOWN($C7914/24,0)+1,1)*INDEX($D$3:$AA$30,INDEX(Jesper!$R$2:$R$366,ROW(INDEX(Jesper!AH$2:AH$366,ROUNDDOWN($C7914/24,0)+1,1))-1)+IF('Standard Profiles'!$G$18=$B$10,7,0)+IF('Standard Profiles'!$G$18=$B$17,14,0)+IF('Standard Profiles'!$G$18=$B$24,21,0),MOD($C7914,24)+1)/SUM(INDEX($D$3:$AA$30,INDEX(Jesper!$R$2:$R$366,ROW(INDEX(Jesper!AH$2:AH$366,ROUNDDOWN($C7914/24,0)+1,1))-1)+IF('Standard Profiles'!$G$18=$B$10,7,0)+IF('Standard Profiles'!$G$18=$B$17,14,0)+IF('Standard Profiles'!$G$18=$B$24,21,0),0)),0)</f>
        <v>0</v>
      </c>
      <c r="E7914" cm="1">
        <f t="array" ref="E7914">IFERROR(INDEX(Jesper!AI$2:AI$366,ROUNDDOWN($C7914/24,0)+1,1)*INDEX($D$3:$AA$30,INDEX(Jesper!$R$2:$R$366,ROW(INDEX(Jesper!AI$2:AI$366,ROUNDDOWN($C7914/24,0)+1,1))-1)+IF('Standard Profiles'!$G$19=$B$10,7,0)+IF('Standard Profiles'!$G$19=$B$17,14,0)+IF('Standard Profiles'!$G$19=$B$24,21,0),MOD($C7914,24)+1)/SUM(INDEX($D$3:$AA$30,INDEX(Jesper!$R$2:$R$366,ROW(INDEX(Jesper!AI$2:AI$366,ROUNDDOWN($C7914/24,0)+1,1))-1)+IF('Standard Profiles'!$G$19=$B$10,7,0)+IF('Standard Profiles'!$G$19=$B$17,14,0)+IF('Standard Profiles'!$G$19=$B$24,21,0),0)),0)</f>
        <v>5.3560656098898525</v>
      </c>
      <c r="F7914" cm="1">
        <f t="array" ref="F7914">IFERROR(INDEX(Jesper!AJ$2:AJ$366,ROUNDDOWN($C7914/24,0)+1,1)*INDEX($D$3:$AA$30,INDEX(Jesper!$R$2:$R$366,ROW(INDEX(Jesper!AJ$2:AJ$366,ROUNDDOWN($C7914/24,0)+1,1))-1)+IF('Standard Profiles'!$G$20=$B$10,7,0)+IF('Standard Profiles'!$G$20=$B$17,14,0)+IF('Standard Profiles'!$G$20=$B$24,21,0),MOD($C7914,24)+1)/SUM(INDEX($D$3:$AA$30,INDEX(Jesper!$R$2:$R$366,ROW(INDEX(Jesper!AJ$2:AJ$366,ROUNDDOWN($C7914/24,0)+1,1))-1)+IF('Standard Profiles'!$G$20=$B$10,7,0)+IF('Standard Profiles'!$G$20=$B$17,14,0)+IF('Standard Profiles'!$G$20=$B$24,21,0),0)),0)</f>
        <v>4.661375003535797</v>
      </c>
      <c r="G7914" cm="1">
        <f t="array" ref="G7914">IFERROR(INDEX(Jesper!AK$2:AK$366,ROUNDDOWN($C7914/24,0)+1,1)*INDEX($D$3:$AA$30,INDEX(Jesper!$R$2:$R$366,ROW(INDEX(Jesper!AK$2:AK$366,ROUNDDOWN($C7914/24,0)+1,1))-1)+IF('Standard Profiles'!$G$21=$B$10,7,0)+IF('Standard Profiles'!$G$21=$B$17,14,0)+IF('Standard Profiles'!$G$21=$B$24,21,0),MOD($C7914,24)+1)/SUM(INDEX($D$3:$AA$30,INDEX(Jesper!$R$2:$R$366,ROW(INDEX(Jesper!AK$2:AK$366,ROUNDDOWN($C7914/24,0)+1,1))-1)+IF('Standard Profiles'!$G$21=$B$10,7,0)+IF('Standard Profiles'!$G$21=$B$17,14,0)+IF('Standard Profiles'!$G$21=$B$24,21,0),0)),0)</f>
        <v>7.8788456648931575</v>
      </c>
      <c r="H7914" cm="1">
        <f t="array" ref="H7914">IFERROR(INDEX(Jesper!AL$2:AL$366,ROUNDDOWN($C7914/24,0)+1,1)*INDEX($D$3:$AA$30,INDEX(Jesper!$R$2:$R$366,ROW(INDEX(Jesper!AL$2:AL$366,ROUNDDOWN($C7914/24,0)+1,1))-1)+IF('Standard Profiles'!$G$22=$B$10,7,0)+IF('Standard Profiles'!$G$22=$B$17,14,0)+IF('Standard Profiles'!$G$22=$B$24,21,0),MOD($C7914,24)+1)/SUM(INDEX($D$3:$AA$30,INDEX(Jesper!$R$2:$R$366,ROW(INDEX(Jesper!AL$2:AL$366,ROUNDDOWN($C7914/24,0)+1,1))-1)+IF('Standard Profiles'!$G$22=$B$10,7,0)+IF('Standard Profiles'!$G$22=$B$17,14,0)+IF('Standard Profiles'!$G$22=$B$24,21,0),0)),0)</f>
        <v>7.828092273778589</v>
      </c>
      <c r="I7914">
        <f t="shared" si="881"/>
        <v>7.5149685828274491</v>
      </c>
      <c r="J7914">
        <f t="shared" si="882"/>
        <v>17.566682096083166</v>
      </c>
      <c r="K7914">
        <f t="shared" si="883"/>
        <v>0.42848524879118821</v>
      </c>
      <c r="L7914">
        <f t="shared" si="884"/>
        <v>0.21424262439559411</v>
      </c>
      <c r="M7914">
        <f t="shared" si="885"/>
        <v>0</v>
      </c>
      <c r="N7914" s="45">
        <f t="shared" si="886"/>
        <v>45255.333333314222</v>
      </c>
    </row>
    <row r="7915" spans="2:14" x14ac:dyDescent="0.25">
      <c r="B7915">
        <f t="shared" si="880"/>
        <v>6</v>
      </c>
      <c r="C7915" s="16">
        <v>7881</v>
      </c>
      <c r="D7915" cm="1">
        <f t="array" ref="D7915">IFERROR(INDEX(Jesper!AH$2:AH$366,ROUNDDOWN($C7915/24,0)+1,1)*INDEX($D$3:$AA$30,INDEX(Jesper!$R$2:$R$366,ROW(INDEX(Jesper!AH$2:AH$366,ROUNDDOWN($C7915/24,0)+1,1))-1)+IF('Standard Profiles'!$G$18=$B$10,7,0)+IF('Standard Profiles'!$G$18=$B$17,14,0)+IF('Standard Profiles'!$G$18=$B$24,21,0),MOD($C7915,24)+1)/SUM(INDEX($D$3:$AA$30,INDEX(Jesper!$R$2:$R$366,ROW(INDEX(Jesper!AH$2:AH$366,ROUNDDOWN($C7915/24,0)+1,1))-1)+IF('Standard Profiles'!$G$18=$B$10,7,0)+IF('Standard Profiles'!$G$18=$B$17,14,0)+IF('Standard Profiles'!$G$18=$B$24,21,0),0)),0)</f>
        <v>0</v>
      </c>
      <c r="E7915" cm="1">
        <f t="array" ref="E7915">IFERROR(INDEX(Jesper!AI$2:AI$366,ROUNDDOWN($C7915/24,0)+1,1)*INDEX($D$3:$AA$30,INDEX(Jesper!$R$2:$R$366,ROW(INDEX(Jesper!AI$2:AI$366,ROUNDDOWN($C7915/24,0)+1,1))-1)+IF('Standard Profiles'!$G$19=$B$10,7,0)+IF('Standard Profiles'!$G$19=$B$17,14,0)+IF('Standard Profiles'!$G$19=$B$24,21,0),MOD($C7915,24)+1)/SUM(INDEX($D$3:$AA$30,INDEX(Jesper!$R$2:$R$366,ROW(INDEX(Jesper!AI$2:AI$366,ROUNDDOWN($C7915/24,0)+1,1))-1)+IF('Standard Profiles'!$G$19=$B$10,7,0)+IF('Standard Profiles'!$G$19=$B$17,14,0)+IF('Standard Profiles'!$G$19=$B$24,21,0),0)),0)</f>
        <v>5.3560656098898525</v>
      </c>
      <c r="F7915" cm="1">
        <f t="array" ref="F7915">IFERROR(INDEX(Jesper!AJ$2:AJ$366,ROUNDDOWN($C7915/24,0)+1,1)*INDEX($D$3:$AA$30,INDEX(Jesper!$R$2:$R$366,ROW(INDEX(Jesper!AJ$2:AJ$366,ROUNDDOWN($C7915/24,0)+1,1))-1)+IF('Standard Profiles'!$G$20=$B$10,7,0)+IF('Standard Profiles'!$G$20=$B$17,14,0)+IF('Standard Profiles'!$G$20=$B$24,21,0),MOD($C7915,24)+1)/SUM(INDEX($D$3:$AA$30,INDEX(Jesper!$R$2:$R$366,ROW(INDEX(Jesper!AJ$2:AJ$366,ROUNDDOWN($C7915/24,0)+1,1))-1)+IF('Standard Profiles'!$G$20=$B$10,7,0)+IF('Standard Profiles'!$G$20=$B$17,14,0)+IF('Standard Profiles'!$G$20=$B$24,21,0),0)),0)</f>
        <v>4.661375003535797</v>
      </c>
      <c r="G7915" cm="1">
        <f t="array" ref="G7915">IFERROR(INDEX(Jesper!AK$2:AK$366,ROUNDDOWN($C7915/24,0)+1,1)*INDEX($D$3:$AA$30,INDEX(Jesper!$R$2:$R$366,ROW(INDEX(Jesper!AK$2:AK$366,ROUNDDOWN($C7915/24,0)+1,1))-1)+IF('Standard Profiles'!$G$21=$B$10,7,0)+IF('Standard Profiles'!$G$21=$B$17,14,0)+IF('Standard Profiles'!$G$21=$B$24,21,0),MOD($C7915,24)+1)/SUM(INDEX($D$3:$AA$30,INDEX(Jesper!$R$2:$R$366,ROW(INDEX(Jesper!AK$2:AK$366,ROUNDDOWN($C7915/24,0)+1,1))-1)+IF('Standard Profiles'!$G$21=$B$10,7,0)+IF('Standard Profiles'!$G$21=$B$17,14,0)+IF('Standard Profiles'!$G$21=$B$24,21,0),0)),0)</f>
        <v>7.8788456648931575</v>
      </c>
      <c r="H7915" cm="1">
        <f t="array" ref="H7915">IFERROR(INDEX(Jesper!AL$2:AL$366,ROUNDDOWN($C7915/24,0)+1,1)*INDEX($D$3:$AA$30,INDEX(Jesper!$R$2:$R$366,ROW(INDEX(Jesper!AL$2:AL$366,ROUNDDOWN($C7915/24,0)+1,1))-1)+IF('Standard Profiles'!$G$22=$B$10,7,0)+IF('Standard Profiles'!$G$22=$B$17,14,0)+IF('Standard Profiles'!$G$22=$B$24,21,0),MOD($C7915,24)+1)/SUM(INDEX($D$3:$AA$30,INDEX(Jesper!$R$2:$R$366,ROW(INDEX(Jesper!AL$2:AL$366,ROUNDDOWN($C7915/24,0)+1,1))-1)+IF('Standard Profiles'!$G$22=$B$10,7,0)+IF('Standard Profiles'!$G$22=$B$17,14,0)+IF('Standard Profiles'!$G$22=$B$24,21,0),0)),0)</f>
        <v>7.828092273778589</v>
      </c>
      <c r="I7915">
        <f t="shared" si="881"/>
        <v>7.5149685828274491</v>
      </c>
      <c r="J7915">
        <f t="shared" si="882"/>
        <v>17.566682096083166</v>
      </c>
      <c r="K7915">
        <f t="shared" si="883"/>
        <v>0.42848524879118821</v>
      </c>
      <c r="L7915">
        <f t="shared" si="884"/>
        <v>0.21424262439559411</v>
      </c>
      <c r="M7915">
        <f t="shared" si="885"/>
        <v>0</v>
      </c>
      <c r="N7915" s="45">
        <f t="shared" si="886"/>
        <v>45255.374999980886</v>
      </c>
    </row>
    <row r="7916" spans="2:14" x14ac:dyDescent="0.25">
      <c r="B7916">
        <f t="shared" si="880"/>
        <v>6</v>
      </c>
      <c r="C7916" s="16">
        <v>7882</v>
      </c>
      <c r="D7916" cm="1">
        <f t="array" ref="D7916">IFERROR(INDEX(Jesper!AH$2:AH$366,ROUNDDOWN($C7916/24,0)+1,1)*INDEX($D$3:$AA$30,INDEX(Jesper!$R$2:$R$366,ROW(INDEX(Jesper!AH$2:AH$366,ROUNDDOWN($C7916/24,0)+1,1))-1)+IF('Standard Profiles'!$G$18=$B$10,7,0)+IF('Standard Profiles'!$G$18=$B$17,14,0)+IF('Standard Profiles'!$G$18=$B$24,21,0),MOD($C7916,24)+1)/SUM(INDEX($D$3:$AA$30,INDEX(Jesper!$R$2:$R$366,ROW(INDEX(Jesper!AH$2:AH$366,ROUNDDOWN($C7916/24,0)+1,1))-1)+IF('Standard Profiles'!$G$18=$B$10,7,0)+IF('Standard Profiles'!$G$18=$B$17,14,0)+IF('Standard Profiles'!$G$18=$B$24,21,0),0)),0)</f>
        <v>0</v>
      </c>
      <c r="E7916" cm="1">
        <f t="array" ref="E7916">IFERROR(INDEX(Jesper!AI$2:AI$366,ROUNDDOWN($C7916/24,0)+1,1)*INDEX($D$3:$AA$30,INDEX(Jesper!$R$2:$R$366,ROW(INDEX(Jesper!AI$2:AI$366,ROUNDDOWN($C7916/24,0)+1,1))-1)+IF('Standard Profiles'!$G$19=$B$10,7,0)+IF('Standard Profiles'!$G$19=$B$17,14,0)+IF('Standard Profiles'!$G$19=$B$24,21,0),MOD($C7916,24)+1)/SUM(INDEX($D$3:$AA$30,INDEX(Jesper!$R$2:$R$366,ROW(INDEX(Jesper!AI$2:AI$366,ROUNDDOWN($C7916/24,0)+1,1))-1)+IF('Standard Profiles'!$G$19=$B$10,7,0)+IF('Standard Profiles'!$G$19=$B$17,14,0)+IF('Standard Profiles'!$G$19=$B$24,21,0),0)),0)</f>
        <v>5.3560656098898525</v>
      </c>
      <c r="F7916" cm="1">
        <f t="array" ref="F7916">IFERROR(INDEX(Jesper!AJ$2:AJ$366,ROUNDDOWN($C7916/24,0)+1,1)*INDEX($D$3:$AA$30,INDEX(Jesper!$R$2:$R$366,ROW(INDEX(Jesper!AJ$2:AJ$366,ROUNDDOWN($C7916/24,0)+1,1))-1)+IF('Standard Profiles'!$G$20=$B$10,7,0)+IF('Standard Profiles'!$G$20=$B$17,14,0)+IF('Standard Profiles'!$G$20=$B$24,21,0),MOD($C7916,24)+1)/SUM(INDEX($D$3:$AA$30,INDEX(Jesper!$R$2:$R$366,ROW(INDEX(Jesper!AJ$2:AJ$366,ROUNDDOWN($C7916/24,0)+1,1))-1)+IF('Standard Profiles'!$G$20=$B$10,7,0)+IF('Standard Profiles'!$G$20=$B$17,14,0)+IF('Standard Profiles'!$G$20=$B$24,21,0),0)),0)</f>
        <v>4.661375003535797</v>
      </c>
      <c r="G7916" cm="1">
        <f t="array" ref="G7916">IFERROR(INDEX(Jesper!AK$2:AK$366,ROUNDDOWN($C7916/24,0)+1,1)*INDEX($D$3:$AA$30,INDEX(Jesper!$R$2:$R$366,ROW(INDEX(Jesper!AK$2:AK$366,ROUNDDOWN($C7916/24,0)+1,1))-1)+IF('Standard Profiles'!$G$21=$B$10,7,0)+IF('Standard Profiles'!$G$21=$B$17,14,0)+IF('Standard Profiles'!$G$21=$B$24,21,0),MOD($C7916,24)+1)/SUM(INDEX($D$3:$AA$30,INDEX(Jesper!$R$2:$R$366,ROW(INDEX(Jesper!AK$2:AK$366,ROUNDDOWN($C7916/24,0)+1,1))-1)+IF('Standard Profiles'!$G$21=$B$10,7,0)+IF('Standard Profiles'!$G$21=$B$17,14,0)+IF('Standard Profiles'!$G$21=$B$24,21,0),0)),0)</f>
        <v>7.8788456648931575</v>
      </c>
      <c r="H7916" cm="1">
        <f t="array" ref="H7916">IFERROR(INDEX(Jesper!AL$2:AL$366,ROUNDDOWN($C7916/24,0)+1,1)*INDEX($D$3:$AA$30,INDEX(Jesper!$R$2:$R$366,ROW(INDEX(Jesper!AL$2:AL$366,ROUNDDOWN($C7916/24,0)+1,1))-1)+IF('Standard Profiles'!$G$22=$B$10,7,0)+IF('Standard Profiles'!$G$22=$B$17,14,0)+IF('Standard Profiles'!$G$22=$B$24,21,0),MOD($C7916,24)+1)/SUM(INDEX($D$3:$AA$30,INDEX(Jesper!$R$2:$R$366,ROW(INDEX(Jesper!AL$2:AL$366,ROUNDDOWN($C7916/24,0)+1,1))-1)+IF('Standard Profiles'!$G$22=$B$10,7,0)+IF('Standard Profiles'!$G$22=$B$17,14,0)+IF('Standard Profiles'!$G$22=$B$24,21,0),0)),0)</f>
        <v>7.828092273778589</v>
      </c>
      <c r="I7916">
        <f t="shared" si="881"/>
        <v>7.5149685828274491</v>
      </c>
      <c r="J7916">
        <f t="shared" si="882"/>
        <v>17.566682096083166</v>
      </c>
      <c r="K7916">
        <f t="shared" si="883"/>
        <v>0.42848524879118821</v>
      </c>
      <c r="L7916">
        <f t="shared" si="884"/>
        <v>0.21424262439559411</v>
      </c>
      <c r="M7916">
        <f t="shared" si="885"/>
        <v>0</v>
      </c>
      <c r="N7916" s="45">
        <f t="shared" si="886"/>
        <v>45255.41666664755</v>
      </c>
    </row>
    <row r="7917" spans="2:14" x14ac:dyDescent="0.25">
      <c r="B7917">
        <f t="shared" si="880"/>
        <v>6</v>
      </c>
      <c r="C7917" s="16">
        <v>7883</v>
      </c>
      <c r="D7917" cm="1">
        <f t="array" ref="D7917">IFERROR(INDEX(Jesper!AH$2:AH$366,ROUNDDOWN($C7917/24,0)+1,1)*INDEX($D$3:$AA$30,INDEX(Jesper!$R$2:$R$366,ROW(INDEX(Jesper!AH$2:AH$366,ROUNDDOWN($C7917/24,0)+1,1))-1)+IF('Standard Profiles'!$G$18=$B$10,7,0)+IF('Standard Profiles'!$G$18=$B$17,14,0)+IF('Standard Profiles'!$G$18=$B$24,21,0),MOD($C7917,24)+1)/SUM(INDEX($D$3:$AA$30,INDEX(Jesper!$R$2:$R$366,ROW(INDEX(Jesper!AH$2:AH$366,ROUNDDOWN($C7917/24,0)+1,1))-1)+IF('Standard Profiles'!$G$18=$B$10,7,0)+IF('Standard Profiles'!$G$18=$B$17,14,0)+IF('Standard Profiles'!$G$18=$B$24,21,0),0)),0)</f>
        <v>0</v>
      </c>
      <c r="E7917" cm="1">
        <f t="array" ref="E7917">IFERROR(INDEX(Jesper!AI$2:AI$366,ROUNDDOWN($C7917/24,0)+1,1)*INDEX($D$3:$AA$30,INDEX(Jesper!$R$2:$R$366,ROW(INDEX(Jesper!AI$2:AI$366,ROUNDDOWN($C7917/24,0)+1,1))-1)+IF('Standard Profiles'!$G$19=$B$10,7,0)+IF('Standard Profiles'!$G$19=$B$17,14,0)+IF('Standard Profiles'!$G$19=$B$24,21,0),MOD($C7917,24)+1)/SUM(INDEX($D$3:$AA$30,INDEX(Jesper!$R$2:$R$366,ROW(INDEX(Jesper!AI$2:AI$366,ROUNDDOWN($C7917/24,0)+1,1))-1)+IF('Standard Profiles'!$G$19=$B$10,7,0)+IF('Standard Profiles'!$G$19=$B$17,14,0)+IF('Standard Profiles'!$G$19=$B$24,21,0),0)),0)</f>
        <v>5.3560656098898525</v>
      </c>
      <c r="F7917" cm="1">
        <f t="array" ref="F7917">IFERROR(INDEX(Jesper!AJ$2:AJ$366,ROUNDDOWN($C7917/24,0)+1,1)*INDEX($D$3:$AA$30,INDEX(Jesper!$R$2:$R$366,ROW(INDEX(Jesper!AJ$2:AJ$366,ROUNDDOWN($C7917/24,0)+1,1))-1)+IF('Standard Profiles'!$G$20=$B$10,7,0)+IF('Standard Profiles'!$G$20=$B$17,14,0)+IF('Standard Profiles'!$G$20=$B$24,21,0),MOD($C7917,24)+1)/SUM(INDEX($D$3:$AA$30,INDEX(Jesper!$R$2:$R$366,ROW(INDEX(Jesper!AJ$2:AJ$366,ROUNDDOWN($C7917/24,0)+1,1))-1)+IF('Standard Profiles'!$G$20=$B$10,7,0)+IF('Standard Profiles'!$G$20=$B$17,14,0)+IF('Standard Profiles'!$G$20=$B$24,21,0),0)),0)</f>
        <v>4.661375003535797</v>
      </c>
      <c r="G7917" cm="1">
        <f t="array" ref="G7917">IFERROR(INDEX(Jesper!AK$2:AK$366,ROUNDDOWN($C7917/24,0)+1,1)*INDEX($D$3:$AA$30,INDEX(Jesper!$R$2:$R$366,ROW(INDEX(Jesper!AK$2:AK$366,ROUNDDOWN($C7917/24,0)+1,1))-1)+IF('Standard Profiles'!$G$21=$B$10,7,0)+IF('Standard Profiles'!$G$21=$B$17,14,0)+IF('Standard Profiles'!$G$21=$B$24,21,0),MOD($C7917,24)+1)/SUM(INDEX($D$3:$AA$30,INDEX(Jesper!$R$2:$R$366,ROW(INDEX(Jesper!AK$2:AK$366,ROUNDDOWN($C7917/24,0)+1,1))-1)+IF('Standard Profiles'!$G$21=$B$10,7,0)+IF('Standard Profiles'!$G$21=$B$17,14,0)+IF('Standard Profiles'!$G$21=$B$24,21,0),0)),0)</f>
        <v>7.8788456648931575</v>
      </c>
      <c r="H7917" cm="1">
        <f t="array" ref="H7917">IFERROR(INDEX(Jesper!AL$2:AL$366,ROUNDDOWN($C7917/24,0)+1,1)*INDEX($D$3:$AA$30,INDEX(Jesper!$R$2:$R$366,ROW(INDEX(Jesper!AL$2:AL$366,ROUNDDOWN($C7917/24,0)+1,1))-1)+IF('Standard Profiles'!$G$22=$B$10,7,0)+IF('Standard Profiles'!$G$22=$B$17,14,0)+IF('Standard Profiles'!$G$22=$B$24,21,0),MOD($C7917,24)+1)/SUM(INDEX($D$3:$AA$30,INDEX(Jesper!$R$2:$R$366,ROW(INDEX(Jesper!AL$2:AL$366,ROUNDDOWN($C7917/24,0)+1,1))-1)+IF('Standard Profiles'!$G$22=$B$10,7,0)+IF('Standard Profiles'!$G$22=$B$17,14,0)+IF('Standard Profiles'!$G$22=$B$24,21,0),0)),0)</f>
        <v>7.828092273778589</v>
      </c>
      <c r="I7917">
        <f t="shared" si="881"/>
        <v>7.5149685828274491</v>
      </c>
      <c r="J7917">
        <f t="shared" si="882"/>
        <v>17.566682096083166</v>
      </c>
      <c r="K7917">
        <f t="shared" si="883"/>
        <v>0.42848524879118821</v>
      </c>
      <c r="L7917">
        <f t="shared" si="884"/>
        <v>0.21424262439559411</v>
      </c>
      <c r="M7917">
        <f t="shared" si="885"/>
        <v>0</v>
      </c>
      <c r="N7917" s="45">
        <f t="shared" si="886"/>
        <v>45255.458333314215</v>
      </c>
    </row>
    <row r="7918" spans="2:14" x14ac:dyDescent="0.25">
      <c r="B7918">
        <f t="shared" si="880"/>
        <v>6</v>
      </c>
      <c r="C7918" s="16">
        <v>7884</v>
      </c>
      <c r="D7918" cm="1">
        <f t="array" ref="D7918">IFERROR(INDEX(Jesper!AH$2:AH$366,ROUNDDOWN($C7918/24,0)+1,1)*INDEX($D$3:$AA$30,INDEX(Jesper!$R$2:$R$366,ROW(INDEX(Jesper!AH$2:AH$366,ROUNDDOWN($C7918/24,0)+1,1))-1)+IF('Standard Profiles'!$G$18=$B$10,7,0)+IF('Standard Profiles'!$G$18=$B$17,14,0)+IF('Standard Profiles'!$G$18=$B$24,21,0),MOD($C7918,24)+1)/SUM(INDEX($D$3:$AA$30,INDEX(Jesper!$R$2:$R$366,ROW(INDEX(Jesper!AH$2:AH$366,ROUNDDOWN($C7918/24,0)+1,1))-1)+IF('Standard Profiles'!$G$18=$B$10,7,0)+IF('Standard Profiles'!$G$18=$B$17,14,0)+IF('Standard Profiles'!$G$18=$B$24,21,0),0)),0)</f>
        <v>0</v>
      </c>
      <c r="E7918" cm="1">
        <f t="array" ref="E7918">IFERROR(INDEX(Jesper!AI$2:AI$366,ROUNDDOWN($C7918/24,0)+1,1)*INDEX($D$3:$AA$30,INDEX(Jesper!$R$2:$R$366,ROW(INDEX(Jesper!AI$2:AI$366,ROUNDDOWN($C7918/24,0)+1,1))-1)+IF('Standard Profiles'!$G$19=$B$10,7,0)+IF('Standard Profiles'!$G$19=$B$17,14,0)+IF('Standard Profiles'!$G$19=$B$24,21,0),MOD($C7918,24)+1)/SUM(INDEX($D$3:$AA$30,INDEX(Jesper!$R$2:$R$366,ROW(INDEX(Jesper!AI$2:AI$366,ROUNDDOWN($C7918/24,0)+1,1))-1)+IF('Standard Profiles'!$G$19=$B$10,7,0)+IF('Standard Profiles'!$G$19=$B$17,14,0)+IF('Standard Profiles'!$G$19=$B$24,21,0),0)),0)</f>
        <v>5.3560656098898525</v>
      </c>
      <c r="F7918" cm="1">
        <f t="array" ref="F7918">IFERROR(INDEX(Jesper!AJ$2:AJ$366,ROUNDDOWN($C7918/24,0)+1,1)*INDEX($D$3:$AA$30,INDEX(Jesper!$R$2:$R$366,ROW(INDEX(Jesper!AJ$2:AJ$366,ROUNDDOWN($C7918/24,0)+1,1))-1)+IF('Standard Profiles'!$G$20=$B$10,7,0)+IF('Standard Profiles'!$G$20=$B$17,14,0)+IF('Standard Profiles'!$G$20=$B$24,21,0),MOD($C7918,24)+1)/SUM(INDEX($D$3:$AA$30,INDEX(Jesper!$R$2:$R$366,ROW(INDEX(Jesper!AJ$2:AJ$366,ROUNDDOWN($C7918/24,0)+1,1))-1)+IF('Standard Profiles'!$G$20=$B$10,7,0)+IF('Standard Profiles'!$G$20=$B$17,14,0)+IF('Standard Profiles'!$G$20=$B$24,21,0),0)),0)</f>
        <v>4.661375003535797</v>
      </c>
      <c r="G7918" cm="1">
        <f t="array" ref="G7918">IFERROR(INDEX(Jesper!AK$2:AK$366,ROUNDDOWN($C7918/24,0)+1,1)*INDEX($D$3:$AA$30,INDEX(Jesper!$R$2:$R$366,ROW(INDEX(Jesper!AK$2:AK$366,ROUNDDOWN($C7918/24,0)+1,1))-1)+IF('Standard Profiles'!$G$21=$B$10,7,0)+IF('Standard Profiles'!$G$21=$B$17,14,0)+IF('Standard Profiles'!$G$21=$B$24,21,0),MOD($C7918,24)+1)/SUM(INDEX($D$3:$AA$30,INDEX(Jesper!$R$2:$R$366,ROW(INDEX(Jesper!AK$2:AK$366,ROUNDDOWN($C7918/24,0)+1,1))-1)+IF('Standard Profiles'!$G$21=$B$10,7,0)+IF('Standard Profiles'!$G$21=$B$17,14,0)+IF('Standard Profiles'!$G$21=$B$24,21,0),0)),0)</f>
        <v>7.8788456648931575</v>
      </c>
      <c r="H7918" cm="1">
        <f t="array" ref="H7918">IFERROR(INDEX(Jesper!AL$2:AL$366,ROUNDDOWN($C7918/24,0)+1,1)*INDEX($D$3:$AA$30,INDEX(Jesper!$R$2:$R$366,ROW(INDEX(Jesper!AL$2:AL$366,ROUNDDOWN($C7918/24,0)+1,1))-1)+IF('Standard Profiles'!$G$22=$B$10,7,0)+IF('Standard Profiles'!$G$22=$B$17,14,0)+IF('Standard Profiles'!$G$22=$B$24,21,0),MOD($C7918,24)+1)/SUM(INDEX($D$3:$AA$30,INDEX(Jesper!$R$2:$R$366,ROW(INDEX(Jesper!AL$2:AL$366,ROUNDDOWN($C7918/24,0)+1,1))-1)+IF('Standard Profiles'!$G$22=$B$10,7,0)+IF('Standard Profiles'!$G$22=$B$17,14,0)+IF('Standard Profiles'!$G$22=$B$24,21,0),0)),0)</f>
        <v>7.828092273778589</v>
      </c>
      <c r="I7918">
        <f t="shared" si="881"/>
        <v>7.5149685828274491</v>
      </c>
      <c r="J7918">
        <f t="shared" si="882"/>
        <v>17.566682096083166</v>
      </c>
      <c r="K7918">
        <f t="shared" si="883"/>
        <v>0.42848524879118821</v>
      </c>
      <c r="L7918">
        <f t="shared" si="884"/>
        <v>0.21424262439559411</v>
      </c>
      <c r="M7918">
        <f t="shared" si="885"/>
        <v>0</v>
      </c>
      <c r="N7918" s="45">
        <f t="shared" si="886"/>
        <v>45255.499999980879</v>
      </c>
    </row>
    <row r="7919" spans="2:14" x14ac:dyDescent="0.25">
      <c r="B7919">
        <f t="shared" si="880"/>
        <v>6</v>
      </c>
      <c r="C7919" s="16">
        <v>7885</v>
      </c>
      <c r="D7919" cm="1">
        <f t="array" ref="D7919">IFERROR(INDEX(Jesper!AH$2:AH$366,ROUNDDOWN($C7919/24,0)+1,1)*INDEX($D$3:$AA$30,INDEX(Jesper!$R$2:$R$366,ROW(INDEX(Jesper!AH$2:AH$366,ROUNDDOWN($C7919/24,0)+1,1))-1)+IF('Standard Profiles'!$G$18=$B$10,7,0)+IF('Standard Profiles'!$G$18=$B$17,14,0)+IF('Standard Profiles'!$G$18=$B$24,21,0),MOD($C7919,24)+1)/SUM(INDEX($D$3:$AA$30,INDEX(Jesper!$R$2:$R$366,ROW(INDEX(Jesper!AH$2:AH$366,ROUNDDOWN($C7919/24,0)+1,1))-1)+IF('Standard Profiles'!$G$18=$B$10,7,0)+IF('Standard Profiles'!$G$18=$B$17,14,0)+IF('Standard Profiles'!$G$18=$B$24,21,0),0)),0)</f>
        <v>0</v>
      </c>
      <c r="E7919" cm="1">
        <f t="array" ref="E7919">IFERROR(INDEX(Jesper!AI$2:AI$366,ROUNDDOWN($C7919/24,0)+1,1)*INDEX($D$3:$AA$30,INDEX(Jesper!$R$2:$R$366,ROW(INDEX(Jesper!AI$2:AI$366,ROUNDDOWN($C7919/24,0)+1,1))-1)+IF('Standard Profiles'!$G$19=$B$10,7,0)+IF('Standard Profiles'!$G$19=$B$17,14,0)+IF('Standard Profiles'!$G$19=$B$24,21,0),MOD($C7919,24)+1)/SUM(INDEX($D$3:$AA$30,INDEX(Jesper!$R$2:$R$366,ROW(INDEX(Jesper!AI$2:AI$366,ROUNDDOWN($C7919/24,0)+1,1))-1)+IF('Standard Profiles'!$G$19=$B$10,7,0)+IF('Standard Profiles'!$G$19=$B$17,14,0)+IF('Standard Profiles'!$G$19=$B$24,21,0),0)),0)</f>
        <v>5.3560656098898525</v>
      </c>
      <c r="F7919" cm="1">
        <f t="array" ref="F7919">IFERROR(INDEX(Jesper!AJ$2:AJ$366,ROUNDDOWN($C7919/24,0)+1,1)*INDEX($D$3:$AA$30,INDEX(Jesper!$R$2:$R$366,ROW(INDEX(Jesper!AJ$2:AJ$366,ROUNDDOWN($C7919/24,0)+1,1))-1)+IF('Standard Profiles'!$G$20=$B$10,7,0)+IF('Standard Profiles'!$G$20=$B$17,14,0)+IF('Standard Profiles'!$G$20=$B$24,21,0),MOD($C7919,24)+1)/SUM(INDEX($D$3:$AA$30,INDEX(Jesper!$R$2:$R$366,ROW(INDEX(Jesper!AJ$2:AJ$366,ROUNDDOWN($C7919/24,0)+1,1))-1)+IF('Standard Profiles'!$G$20=$B$10,7,0)+IF('Standard Profiles'!$G$20=$B$17,14,0)+IF('Standard Profiles'!$G$20=$B$24,21,0),0)),0)</f>
        <v>4.661375003535797</v>
      </c>
      <c r="G7919" cm="1">
        <f t="array" ref="G7919">IFERROR(INDEX(Jesper!AK$2:AK$366,ROUNDDOWN($C7919/24,0)+1,1)*INDEX($D$3:$AA$30,INDEX(Jesper!$R$2:$R$366,ROW(INDEX(Jesper!AK$2:AK$366,ROUNDDOWN($C7919/24,0)+1,1))-1)+IF('Standard Profiles'!$G$21=$B$10,7,0)+IF('Standard Profiles'!$G$21=$B$17,14,0)+IF('Standard Profiles'!$G$21=$B$24,21,0),MOD($C7919,24)+1)/SUM(INDEX($D$3:$AA$30,INDEX(Jesper!$R$2:$R$366,ROW(INDEX(Jesper!AK$2:AK$366,ROUNDDOWN($C7919/24,0)+1,1))-1)+IF('Standard Profiles'!$G$21=$B$10,7,0)+IF('Standard Profiles'!$G$21=$B$17,14,0)+IF('Standard Profiles'!$G$21=$B$24,21,0),0)),0)</f>
        <v>7.8788456648931575</v>
      </c>
      <c r="H7919" cm="1">
        <f t="array" ref="H7919">IFERROR(INDEX(Jesper!AL$2:AL$366,ROUNDDOWN($C7919/24,0)+1,1)*INDEX($D$3:$AA$30,INDEX(Jesper!$R$2:$R$366,ROW(INDEX(Jesper!AL$2:AL$366,ROUNDDOWN($C7919/24,0)+1,1))-1)+IF('Standard Profiles'!$G$22=$B$10,7,0)+IF('Standard Profiles'!$G$22=$B$17,14,0)+IF('Standard Profiles'!$G$22=$B$24,21,0),MOD($C7919,24)+1)/SUM(INDEX($D$3:$AA$30,INDEX(Jesper!$R$2:$R$366,ROW(INDEX(Jesper!AL$2:AL$366,ROUNDDOWN($C7919/24,0)+1,1))-1)+IF('Standard Profiles'!$G$22=$B$10,7,0)+IF('Standard Profiles'!$G$22=$B$17,14,0)+IF('Standard Profiles'!$G$22=$B$24,21,0),0)),0)</f>
        <v>7.828092273778589</v>
      </c>
      <c r="I7919">
        <f t="shared" si="881"/>
        <v>7.5149685828274491</v>
      </c>
      <c r="J7919">
        <f t="shared" si="882"/>
        <v>17.566682096083166</v>
      </c>
      <c r="K7919">
        <f t="shared" si="883"/>
        <v>0.42848524879118821</v>
      </c>
      <c r="L7919">
        <f t="shared" si="884"/>
        <v>0.21424262439559411</v>
      </c>
      <c r="M7919">
        <f t="shared" si="885"/>
        <v>0</v>
      </c>
      <c r="N7919" s="45">
        <f t="shared" si="886"/>
        <v>45255.541666647543</v>
      </c>
    </row>
    <row r="7920" spans="2:14" x14ac:dyDescent="0.25">
      <c r="B7920">
        <f t="shared" si="880"/>
        <v>6</v>
      </c>
      <c r="C7920" s="16">
        <v>7886</v>
      </c>
      <c r="D7920" cm="1">
        <f t="array" ref="D7920">IFERROR(INDEX(Jesper!AH$2:AH$366,ROUNDDOWN($C7920/24,0)+1,1)*INDEX($D$3:$AA$30,INDEX(Jesper!$R$2:$R$366,ROW(INDEX(Jesper!AH$2:AH$366,ROUNDDOWN($C7920/24,0)+1,1))-1)+IF('Standard Profiles'!$G$18=$B$10,7,0)+IF('Standard Profiles'!$G$18=$B$17,14,0)+IF('Standard Profiles'!$G$18=$B$24,21,0),MOD($C7920,24)+1)/SUM(INDEX($D$3:$AA$30,INDEX(Jesper!$R$2:$R$366,ROW(INDEX(Jesper!AH$2:AH$366,ROUNDDOWN($C7920/24,0)+1,1))-1)+IF('Standard Profiles'!$G$18=$B$10,7,0)+IF('Standard Profiles'!$G$18=$B$17,14,0)+IF('Standard Profiles'!$G$18=$B$24,21,0),0)),0)</f>
        <v>0</v>
      </c>
      <c r="E7920" cm="1">
        <f t="array" ref="E7920">IFERROR(INDEX(Jesper!AI$2:AI$366,ROUNDDOWN($C7920/24,0)+1,1)*INDEX($D$3:$AA$30,INDEX(Jesper!$R$2:$R$366,ROW(INDEX(Jesper!AI$2:AI$366,ROUNDDOWN($C7920/24,0)+1,1))-1)+IF('Standard Profiles'!$G$19=$B$10,7,0)+IF('Standard Profiles'!$G$19=$B$17,14,0)+IF('Standard Profiles'!$G$19=$B$24,21,0),MOD($C7920,24)+1)/SUM(INDEX($D$3:$AA$30,INDEX(Jesper!$R$2:$R$366,ROW(INDEX(Jesper!AI$2:AI$366,ROUNDDOWN($C7920/24,0)+1,1))-1)+IF('Standard Profiles'!$G$19=$B$10,7,0)+IF('Standard Profiles'!$G$19=$B$17,14,0)+IF('Standard Profiles'!$G$19=$B$24,21,0),0)),0)</f>
        <v>5.3560656098898525</v>
      </c>
      <c r="F7920" cm="1">
        <f t="array" ref="F7920">IFERROR(INDEX(Jesper!AJ$2:AJ$366,ROUNDDOWN($C7920/24,0)+1,1)*INDEX($D$3:$AA$30,INDEX(Jesper!$R$2:$R$366,ROW(INDEX(Jesper!AJ$2:AJ$366,ROUNDDOWN($C7920/24,0)+1,1))-1)+IF('Standard Profiles'!$G$20=$B$10,7,0)+IF('Standard Profiles'!$G$20=$B$17,14,0)+IF('Standard Profiles'!$G$20=$B$24,21,0),MOD($C7920,24)+1)/SUM(INDEX($D$3:$AA$30,INDEX(Jesper!$R$2:$R$366,ROW(INDEX(Jesper!AJ$2:AJ$366,ROUNDDOWN($C7920/24,0)+1,1))-1)+IF('Standard Profiles'!$G$20=$B$10,7,0)+IF('Standard Profiles'!$G$20=$B$17,14,0)+IF('Standard Profiles'!$G$20=$B$24,21,0),0)),0)</f>
        <v>4.661375003535797</v>
      </c>
      <c r="G7920" cm="1">
        <f t="array" ref="G7920">IFERROR(INDEX(Jesper!AK$2:AK$366,ROUNDDOWN($C7920/24,0)+1,1)*INDEX($D$3:$AA$30,INDEX(Jesper!$R$2:$R$366,ROW(INDEX(Jesper!AK$2:AK$366,ROUNDDOWN($C7920/24,0)+1,1))-1)+IF('Standard Profiles'!$G$21=$B$10,7,0)+IF('Standard Profiles'!$G$21=$B$17,14,0)+IF('Standard Profiles'!$G$21=$B$24,21,0),MOD($C7920,24)+1)/SUM(INDEX($D$3:$AA$30,INDEX(Jesper!$R$2:$R$366,ROW(INDEX(Jesper!AK$2:AK$366,ROUNDDOWN($C7920/24,0)+1,1))-1)+IF('Standard Profiles'!$G$21=$B$10,7,0)+IF('Standard Profiles'!$G$21=$B$17,14,0)+IF('Standard Profiles'!$G$21=$B$24,21,0),0)),0)</f>
        <v>7.8788456648931575</v>
      </c>
      <c r="H7920" cm="1">
        <f t="array" ref="H7920">IFERROR(INDEX(Jesper!AL$2:AL$366,ROUNDDOWN($C7920/24,0)+1,1)*INDEX($D$3:$AA$30,INDEX(Jesper!$R$2:$R$366,ROW(INDEX(Jesper!AL$2:AL$366,ROUNDDOWN($C7920/24,0)+1,1))-1)+IF('Standard Profiles'!$G$22=$B$10,7,0)+IF('Standard Profiles'!$G$22=$B$17,14,0)+IF('Standard Profiles'!$G$22=$B$24,21,0),MOD($C7920,24)+1)/SUM(INDEX($D$3:$AA$30,INDEX(Jesper!$R$2:$R$366,ROW(INDEX(Jesper!AL$2:AL$366,ROUNDDOWN($C7920/24,0)+1,1))-1)+IF('Standard Profiles'!$G$22=$B$10,7,0)+IF('Standard Profiles'!$G$22=$B$17,14,0)+IF('Standard Profiles'!$G$22=$B$24,21,0),0)),0)</f>
        <v>7.828092273778589</v>
      </c>
      <c r="I7920">
        <f t="shared" si="881"/>
        <v>7.5149685828274491</v>
      </c>
      <c r="J7920">
        <f t="shared" si="882"/>
        <v>17.566682096083166</v>
      </c>
      <c r="K7920">
        <f t="shared" si="883"/>
        <v>0.42848524879118821</v>
      </c>
      <c r="L7920">
        <f t="shared" si="884"/>
        <v>0.21424262439559411</v>
      </c>
      <c r="M7920">
        <f t="shared" si="885"/>
        <v>0</v>
      </c>
      <c r="N7920" s="45">
        <f t="shared" si="886"/>
        <v>45255.583333314207</v>
      </c>
    </row>
    <row r="7921" spans="2:14" x14ac:dyDescent="0.25">
      <c r="B7921">
        <f t="shared" si="880"/>
        <v>6</v>
      </c>
      <c r="C7921" s="16">
        <v>7887</v>
      </c>
      <c r="D7921" cm="1">
        <f t="array" ref="D7921">IFERROR(INDEX(Jesper!AH$2:AH$366,ROUNDDOWN($C7921/24,0)+1,1)*INDEX($D$3:$AA$30,INDEX(Jesper!$R$2:$R$366,ROW(INDEX(Jesper!AH$2:AH$366,ROUNDDOWN($C7921/24,0)+1,1))-1)+IF('Standard Profiles'!$G$18=$B$10,7,0)+IF('Standard Profiles'!$G$18=$B$17,14,0)+IF('Standard Profiles'!$G$18=$B$24,21,0),MOD($C7921,24)+1)/SUM(INDEX($D$3:$AA$30,INDEX(Jesper!$R$2:$R$366,ROW(INDEX(Jesper!AH$2:AH$366,ROUNDDOWN($C7921/24,0)+1,1))-1)+IF('Standard Profiles'!$G$18=$B$10,7,0)+IF('Standard Profiles'!$G$18=$B$17,14,0)+IF('Standard Profiles'!$G$18=$B$24,21,0),0)),0)</f>
        <v>0</v>
      </c>
      <c r="E7921" cm="1">
        <f t="array" ref="E7921">IFERROR(INDEX(Jesper!AI$2:AI$366,ROUNDDOWN($C7921/24,0)+1,1)*INDEX($D$3:$AA$30,INDEX(Jesper!$R$2:$R$366,ROW(INDEX(Jesper!AI$2:AI$366,ROUNDDOWN($C7921/24,0)+1,1))-1)+IF('Standard Profiles'!$G$19=$B$10,7,0)+IF('Standard Profiles'!$G$19=$B$17,14,0)+IF('Standard Profiles'!$G$19=$B$24,21,0),MOD($C7921,24)+1)/SUM(INDEX($D$3:$AA$30,INDEX(Jesper!$R$2:$R$366,ROW(INDEX(Jesper!AI$2:AI$366,ROUNDDOWN($C7921/24,0)+1,1))-1)+IF('Standard Profiles'!$G$19=$B$10,7,0)+IF('Standard Profiles'!$G$19=$B$17,14,0)+IF('Standard Profiles'!$G$19=$B$24,21,0),0)),0)</f>
        <v>5.3560656098898525</v>
      </c>
      <c r="F7921" cm="1">
        <f t="array" ref="F7921">IFERROR(INDEX(Jesper!AJ$2:AJ$366,ROUNDDOWN($C7921/24,0)+1,1)*INDEX($D$3:$AA$30,INDEX(Jesper!$R$2:$R$366,ROW(INDEX(Jesper!AJ$2:AJ$366,ROUNDDOWN($C7921/24,0)+1,1))-1)+IF('Standard Profiles'!$G$20=$B$10,7,0)+IF('Standard Profiles'!$G$20=$B$17,14,0)+IF('Standard Profiles'!$G$20=$B$24,21,0),MOD($C7921,24)+1)/SUM(INDEX($D$3:$AA$30,INDEX(Jesper!$R$2:$R$366,ROW(INDEX(Jesper!AJ$2:AJ$366,ROUNDDOWN($C7921/24,0)+1,1))-1)+IF('Standard Profiles'!$G$20=$B$10,7,0)+IF('Standard Profiles'!$G$20=$B$17,14,0)+IF('Standard Profiles'!$G$20=$B$24,21,0),0)),0)</f>
        <v>4.661375003535797</v>
      </c>
      <c r="G7921" cm="1">
        <f t="array" ref="G7921">IFERROR(INDEX(Jesper!AK$2:AK$366,ROUNDDOWN($C7921/24,0)+1,1)*INDEX($D$3:$AA$30,INDEX(Jesper!$R$2:$R$366,ROW(INDEX(Jesper!AK$2:AK$366,ROUNDDOWN($C7921/24,0)+1,1))-1)+IF('Standard Profiles'!$G$21=$B$10,7,0)+IF('Standard Profiles'!$G$21=$B$17,14,0)+IF('Standard Profiles'!$G$21=$B$24,21,0),MOD($C7921,24)+1)/SUM(INDEX($D$3:$AA$30,INDEX(Jesper!$R$2:$R$366,ROW(INDEX(Jesper!AK$2:AK$366,ROUNDDOWN($C7921/24,0)+1,1))-1)+IF('Standard Profiles'!$G$21=$B$10,7,0)+IF('Standard Profiles'!$G$21=$B$17,14,0)+IF('Standard Profiles'!$G$21=$B$24,21,0),0)),0)</f>
        <v>7.8788456648931575</v>
      </c>
      <c r="H7921" cm="1">
        <f t="array" ref="H7921">IFERROR(INDEX(Jesper!AL$2:AL$366,ROUNDDOWN($C7921/24,0)+1,1)*INDEX($D$3:$AA$30,INDEX(Jesper!$R$2:$R$366,ROW(INDEX(Jesper!AL$2:AL$366,ROUNDDOWN($C7921/24,0)+1,1))-1)+IF('Standard Profiles'!$G$22=$B$10,7,0)+IF('Standard Profiles'!$G$22=$B$17,14,0)+IF('Standard Profiles'!$G$22=$B$24,21,0),MOD($C7921,24)+1)/SUM(INDEX($D$3:$AA$30,INDEX(Jesper!$R$2:$R$366,ROW(INDEX(Jesper!AL$2:AL$366,ROUNDDOWN($C7921/24,0)+1,1))-1)+IF('Standard Profiles'!$G$22=$B$10,7,0)+IF('Standard Profiles'!$G$22=$B$17,14,0)+IF('Standard Profiles'!$G$22=$B$24,21,0),0)),0)</f>
        <v>7.0774532886217383</v>
      </c>
      <c r="I7921">
        <f t="shared" si="881"/>
        <v>6.7943551570768728</v>
      </c>
      <c r="J7921">
        <f t="shared" si="882"/>
        <v>17.53665653667689</v>
      </c>
      <c r="K7921">
        <f t="shared" si="883"/>
        <v>0.42848524879118821</v>
      </c>
      <c r="L7921">
        <f t="shared" si="884"/>
        <v>0.21424262439559411</v>
      </c>
      <c r="M7921">
        <f t="shared" si="885"/>
        <v>0</v>
      </c>
      <c r="N7921" s="45">
        <f t="shared" si="886"/>
        <v>45255.624999980872</v>
      </c>
    </row>
    <row r="7922" spans="2:14" x14ac:dyDescent="0.25">
      <c r="B7922">
        <f t="shared" si="880"/>
        <v>6</v>
      </c>
      <c r="C7922" s="16">
        <v>7888</v>
      </c>
      <c r="D7922" cm="1">
        <f t="array" ref="D7922">IFERROR(INDEX(Jesper!AH$2:AH$366,ROUNDDOWN($C7922/24,0)+1,1)*INDEX($D$3:$AA$30,INDEX(Jesper!$R$2:$R$366,ROW(INDEX(Jesper!AH$2:AH$366,ROUNDDOWN($C7922/24,0)+1,1))-1)+IF('Standard Profiles'!$G$18=$B$10,7,0)+IF('Standard Profiles'!$G$18=$B$17,14,0)+IF('Standard Profiles'!$G$18=$B$24,21,0),MOD($C7922,24)+1)/SUM(INDEX($D$3:$AA$30,INDEX(Jesper!$R$2:$R$366,ROW(INDEX(Jesper!AH$2:AH$366,ROUNDDOWN($C7922/24,0)+1,1))-1)+IF('Standard Profiles'!$G$18=$B$10,7,0)+IF('Standard Profiles'!$G$18=$B$17,14,0)+IF('Standard Profiles'!$G$18=$B$24,21,0),0)),0)</f>
        <v>0</v>
      </c>
      <c r="E7922" cm="1">
        <f t="array" ref="E7922">IFERROR(INDEX(Jesper!AI$2:AI$366,ROUNDDOWN($C7922/24,0)+1,1)*INDEX($D$3:$AA$30,INDEX(Jesper!$R$2:$R$366,ROW(INDEX(Jesper!AI$2:AI$366,ROUNDDOWN($C7922/24,0)+1,1))-1)+IF('Standard Profiles'!$G$19=$B$10,7,0)+IF('Standard Profiles'!$G$19=$B$17,14,0)+IF('Standard Profiles'!$G$19=$B$24,21,0),MOD($C7922,24)+1)/SUM(INDEX($D$3:$AA$30,INDEX(Jesper!$R$2:$R$366,ROW(INDEX(Jesper!AI$2:AI$366,ROUNDDOWN($C7922/24,0)+1,1))-1)+IF('Standard Profiles'!$G$19=$B$10,7,0)+IF('Standard Profiles'!$G$19=$B$17,14,0)+IF('Standard Profiles'!$G$19=$B$24,21,0),0)),0)</f>
        <v>5.3560656098898525</v>
      </c>
      <c r="F7922" cm="1">
        <f t="array" ref="F7922">IFERROR(INDEX(Jesper!AJ$2:AJ$366,ROUNDDOWN($C7922/24,0)+1,1)*INDEX($D$3:$AA$30,INDEX(Jesper!$R$2:$R$366,ROW(INDEX(Jesper!AJ$2:AJ$366,ROUNDDOWN($C7922/24,0)+1,1))-1)+IF('Standard Profiles'!$G$20=$B$10,7,0)+IF('Standard Profiles'!$G$20=$B$17,14,0)+IF('Standard Profiles'!$G$20=$B$24,21,0),MOD($C7922,24)+1)/SUM(INDEX($D$3:$AA$30,INDEX(Jesper!$R$2:$R$366,ROW(INDEX(Jesper!AJ$2:AJ$366,ROUNDDOWN($C7922/24,0)+1,1))-1)+IF('Standard Profiles'!$G$20=$B$10,7,0)+IF('Standard Profiles'!$G$20=$B$17,14,0)+IF('Standard Profiles'!$G$20=$B$24,21,0),0)),0)</f>
        <v>4.661375003535797</v>
      </c>
      <c r="G7922" cm="1">
        <f t="array" ref="G7922">IFERROR(INDEX(Jesper!AK$2:AK$366,ROUNDDOWN($C7922/24,0)+1,1)*INDEX($D$3:$AA$30,INDEX(Jesper!$R$2:$R$366,ROW(INDEX(Jesper!AK$2:AK$366,ROUNDDOWN($C7922/24,0)+1,1))-1)+IF('Standard Profiles'!$G$21=$B$10,7,0)+IF('Standard Profiles'!$G$21=$B$17,14,0)+IF('Standard Profiles'!$G$21=$B$24,21,0),MOD($C7922,24)+1)/SUM(INDEX($D$3:$AA$30,INDEX(Jesper!$R$2:$R$366,ROW(INDEX(Jesper!AK$2:AK$366,ROUNDDOWN($C7922/24,0)+1,1))-1)+IF('Standard Profiles'!$G$21=$B$10,7,0)+IF('Standard Profiles'!$G$21=$B$17,14,0)+IF('Standard Profiles'!$G$21=$B$24,21,0),0)),0)</f>
        <v>7.8788456648931575</v>
      </c>
      <c r="H7922" cm="1">
        <f t="array" ref="H7922">IFERROR(INDEX(Jesper!AL$2:AL$366,ROUNDDOWN($C7922/24,0)+1,1)*INDEX($D$3:$AA$30,INDEX(Jesper!$R$2:$R$366,ROW(INDEX(Jesper!AL$2:AL$366,ROUNDDOWN($C7922/24,0)+1,1))-1)+IF('Standard Profiles'!$G$22=$B$10,7,0)+IF('Standard Profiles'!$G$22=$B$17,14,0)+IF('Standard Profiles'!$G$22=$B$24,21,0),MOD($C7922,24)+1)/SUM(INDEX($D$3:$AA$30,INDEX(Jesper!$R$2:$R$366,ROW(INDEX(Jesper!AL$2:AL$366,ROUNDDOWN($C7922/24,0)+1,1))-1)+IF('Standard Profiles'!$G$22=$B$10,7,0)+IF('Standard Profiles'!$G$22=$B$17,14,0)+IF('Standard Profiles'!$G$22=$B$24,21,0),0)),0)</f>
        <v>6.4340484442015811</v>
      </c>
      <c r="I7922">
        <f t="shared" si="881"/>
        <v>6.176686506433521</v>
      </c>
      <c r="J7922">
        <f t="shared" si="882"/>
        <v>17.510920342900086</v>
      </c>
      <c r="K7922">
        <f t="shared" si="883"/>
        <v>0.42848524879118821</v>
      </c>
      <c r="L7922">
        <f t="shared" si="884"/>
        <v>0.21424262439559411</v>
      </c>
      <c r="M7922">
        <f t="shared" si="885"/>
        <v>0</v>
      </c>
      <c r="N7922" s="45">
        <f t="shared" si="886"/>
        <v>45255.666666647536</v>
      </c>
    </row>
    <row r="7923" spans="2:14" x14ac:dyDescent="0.25">
      <c r="B7923">
        <f t="shared" si="880"/>
        <v>6</v>
      </c>
      <c r="C7923" s="16">
        <v>7889</v>
      </c>
      <c r="D7923" cm="1">
        <f t="array" ref="D7923">IFERROR(INDEX(Jesper!AH$2:AH$366,ROUNDDOWN($C7923/24,0)+1,1)*INDEX($D$3:$AA$30,INDEX(Jesper!$R$2:$R$366,ROW(INDEX(Jesper!AH$2:AH$366,ROUNDDOWN($C7923/24,0)+1,1))-1)+IF('Standard Profiles'!$G$18=$B$10,7,0)+IF('Standard Profiles'!$G$18=$B$17,14,0)+IF('Standard Profiles'!$G$18=$B$24,21,0),MOD($C7923,24)+1)/SUM(INDEX($D$3:$AA$30,INDEX(Jesper!$R$2:$R$366,ROW(INDEX(Jesper!AH$2:AH$366,ROUNDDOWN($C7923/24,0)+1,1))-1)+IF('Standard Profiles'!$G$18=$B$10,7,0)+IF('Standard Profiles'!$G$18=$B$17,14,0)+IF('Standard Profiles'!$G$18=$B$24,21,0),0)),0)</f>
        <v>0</v>
      </c>
      <c r="E7923" cm="1">
        <f t="array" ref="E7923">IFERROR(INDEX(Jesper!AI$2:AI$366,ROUNDDOWN($C7923/24,0)+1,1)*INDEX($D$3:$AA$30,INDEX(Jesper!$R$2:$R$366,ROW(INDEX(Jesper!AI$2:AI$366,ROUNDDOWN($C7923/24,0)+1,1))-1)+IF('Standard Profiles'!$G$19=$B$10,7,0)+IF('Standard Profiles'!$G$19=$B$17,14,0)+IF('Standard Profiles'!$G$19=$B$24,21,0),MOD($C7923,24)+1)/SUM(INDEX($D$3:$AA$30,INDEX(Jesper!$R$2:$R$366,ROW(INDEX(Jesper!AI$2:AI$366,ROUNDDOWN($C7923/24,0)+1,1))-1)+IF('Standard Profiles'!$G$19=$B$10,7,0)+IF('Standard Profiles'!$G$19=$B$17,14,0)+IF('Standard Profiles'!$G$19=$B$24,21,0),0)),0)</f>
        <v>5.3560656098898525</v>
      </c>
      <c r="F7923" cm="1">
        <f t="array" ref="F7923">IFERROR(INDEX(Jesper!AJ$2:AJ$366,ROUNDDOWN($C7923/24,0)+1,1)*INDEX($D$3:$AA$30,INDEX(Jesper!$R$2:$R$366,ROW(INDEX(Jesper!AJ$2:AJ$366,ROUNDDOWN($C7923/24,0)+1,1))-1)+IF('Standard Profiles'!$G$20=$B$10,7,0)+IF('Standard Profiles'!$G$20=$B$17,14,0)+IF('Standard Profiles'!$G$20=$B$24,21,0),MOD($C7923,24)+1)/SUM(INDEX($D$3:$AA$30,INDEX(Jesper!$R$2:$R$366,ROW(INDEX(Jesper!AJ$2:AJ$366,ROUNDDOWN($C7923/24,0)+1,1))-1)+IF('Standard Profiles'!$G$20=$B$10,7,0)+IF('Standard Profiles'!$G$20=$B$17,14,0)+IF('Standard Profiles'!$G$20=$B$24,21,0),0)),0)</f>
        <v>4.661375003535797</v>
      </c>
      <c r="G7923" cm="1">
        <f t="array" ref="G7923">IFERROR(INDEX(Jesper!AK$2:AK$366,ROUNDDOWN($C7923/24,0)+1,1)*INDEX($D$3:$AA$30,INDEX(Jesper!$R$2:$R$366,ROW(INDEX(Jesper!AK$2:AK$366,ROUNDDOWN($C7923/24,0)+1,1))-1)+IF('Standard Profiles'!$G$21=$B$10,7,0)+IF('Standard Profiles'!$G$21=$B$17,14,0)+IF('Standard Profiles'!$G$21=$B$24,21,0),MOD($C7923,24)+1)/SUM(INDEX($D$3:$AA$30,INDEX(Jesper!$R$2:$R$366,ROW(INDEX(Jesper!AK$2:AK$366,ROUNDDOWN($C7923/24,0)+1,1))-1)+IF('Standard Profiles'!$G$21=$B$10,7,0)+IF('Standard Profiles'!$G$21=$B$17,14,0)+IF('Standard Profiles'!$G$21=$B$24,21,0),0)),0)</f>
        <v>7.8788456648931575</v>
      </c>
      <c r="H7923" cm="1">
        <f t="array" ref="H7923">IFERROR(INDEX(Jesper!AL$2:AL$366,ROUNDDOWN($C7923/24,0)+1,1)*INDEX($D$3:$AA$30,INDEX(Jesper!$R$2:$R$366,ROW(INDEX(Jesper!AL$2:AL$366,ROUNDDOWN($C7923/24,0)+1,1))-1)+IF('Standard Profiles'!$G$22=$B$10,7,0)+IF('Standard Profiles'!$G$22=$B$17,14,0)+IF('Standard Profiles'!$G$22=$B$24,21,0),MOD($C7923,24)+1)/SUM(INDEX($D$3:$AA$30,INDEX(Jesper!$R$2:$R$366,ROW(INDEX(Jesper!AL$2:AL$366,ROUNDDOWN($C7923/24,0)+1,1))-1)+IF('Standard Profiles'!$G$22=$B$10,7,0)+IF('Standard Profiles'!$G$22=$B$17,14,0)+IF('Standard Profiles'!$G$22=$B$24,21,0),0)),0)</f>
        <v>5.790643599781423</v>
      </c>
      <c r="I7923">
        <f t="shared" si="881"/>
        <v>5.5590178557901693</v>
      </c>
      <c r="J7923">
        <f t="shared" si="882"/>
        <v>17.485184149123278</v>
      </c>
      <c r="K7923">
        <f t="shared" si="883"/>
        <v>0.42848524879118821</v>
      </c>
      <c r="L7923">
        <f t="shared" si="884"/>
        <v>0.21424262439559411</v>
      </c>
      <c r="M7923">
        <f t="shared" si="885"/>
        <v>0</v>
      </c>
      <c r="N7923" s="45">
        <f t="shared" si="886"/>
        <v>45255.7083333142</v>
      </c>
    </row>
    <row r="7924" spans="2:14" x14ac:dyDescent="0.25">
      <c r="B7924">
        <f t="shared" si="880"/>
        <v>6</v>
      </c>
      <c r="C7924" s="16">
        <v>7890</v>
      </c>
      <c r="D7924" cm="1">
        <f t="array" ref="D7924">IFERROR(INDEX(Jesper!AH$2:AH$366,ROUNDDOWN($C7924/24,0)+1,1)*INDEX($D$3:$AA$30,INDEX(Jesper!$R$2:$R$366,ROW(INDEX(Jesper!AH$2:AH$366,ROUNDDOWN($C7924/24,0)+1,1))-1)+IF('Standard Profiles'!$G$18=$B$10,7,0)+IF('Standard Profiles'!$G$18=$B$17,14,0)+IF('Standard Profiles'!$G$18=$B$24,21,0),MOD($C7924,24)+1)/SUM(INDEX($D$3:$AA$30,INDEX(Jesper!$R$2:$R$366,ROW(INDEX(Jesper!AH$2:AH$366,ROUNDDOWN($C7924/24,0)+1,1))-1)+IF('Standard Profiles'!$G$18=$B$10,7,0)+IF('Standard Profiles'!$G$18=$B$17,14,0)+IF('Standard Profiles'!$G$18=$B$24,21,0),0)),0)</f>
        <v>0</v>
      </c>
      <c r="E7924" cm="1">
        <f t="array" ref="E7924">IFERROR(INDEX(Jesper!AI$2:AI$366,ROUNDDOWN($C7924/24,0)+1,1)*INDEX($D$3:$AA$30,INDEX(Jesper!$R$2:$R$366,ROW(INDEX(Jesper!AI$2:AI$366,ROUNDDOWN($C7924/24,0)+1,1))-1)+IF('Standard Profiles'!$G$19=$B$10,7,0)+IF('Standard Profiles'!$G$19=$B$17,14,0)+IF('Standard Profiles'!$G$19=$B$24,21,0),MOD($C7924,24)+1)/SUM(INDEX($D$3:$AA$30,INDEX(Jesper!$R$2:$R$366,ROW(INDEX(Jesper!AI$2:AI$366,ROUNDDOWN($C7924/24,0)+1,1))-1)+IF('Standard Profiles'!$G$19=$B$10,7,0)+IF('Standard Profiles'!$G$19=$B$17,14,0)+IF('Standard Profiles'!$G$19=$B$24,21,0),0)),0)</f>
        <v>5.3560656098898525</v>
      </c>
      <c r="F7924" cm="1">
        <f t="array" ref="F7924">IFERROR(INDEX(Jesper!AJ$2:AJ$366,ROUNDDOWN($C7924/24,0)+1,1)*INDEX($D$3:$AA$30,INDEX(Jesper!$R$2:$R$366,ROW(INDEX(Jesper!AJ$2:AJ$366,ROUNDDOWN($C7924/24,0)+1,1))-1)+IF('Standard Profiles'!$G$20=$B$10,7,0)+IF('Standard Profiles'!$G$20=$B$17,14,0)+IF('Standard Profiles'!$G$20=$B$24,21,0),MOD($C7924,24)+1)/SUM(INDEX($D$3:$AA$30,INDEX(Jesper!$R$2:$R$366,ROW(INDEX(Jesper!AJ$2:AJ$366,ROUNDDOWN($C7924/24,0)+1,1))-1)+IF('Standard Profiles'!$G$20=$B$10,7,0)+IF('Standard Profiles'!$G$20=$B$17,14,0)+IF('Standard Profiles'!$G$20=$B$24,21,0),0)),0)</f>
        <v>4.661375003535797</v>
      </c>
      <c r="G7924" cm="1">
        <f t="array" ref="G7924">IFERROR(INDEX(Jesper!AK$2:AK$366,ROUNDDOWN($C7924/24,0)+1,1)*INDEX($D$3:$AA$30,INDEX(Jesper!$R$2:$R$366,ROW(INDEX(Jesper!AK$2:AK$366,ROUNDDOWN($C7924/24,0)+1,1))-1)+IF('Standard Profiles'!$G$21=$B$10,7,0)+IF('Standard Profiles'!$G$21=$B$17,14,0)+IF('Standard Profiles'!$G$21=$B$24,21,0),MOD($C7924,24)+1)/SUM(INDEX($D$3:$AA$30,INDEX(Jesper!$R$2:$R$366,ROW(INDEX(Jesper!AK$2:AK$366,ROUNDDOWN($C7924/24,0)+1,1))-1)+IF('Standard Profiles'!$G$21=$B$10,7,0)+IF('Standard Profiles'!$G$21=$B$17,14,0)+IF('Standard Profiles'!$G$21=$B$24,21,0),0)),0)</f>
        <v>7.8788456648931575</v>
      </c>
      <c r="H7924" cm="1">
        <f t="array" ref="H7924">IFERROR(INDEX(Jesper!AL$2:AL$366,ROUNDDOWN($C7924/24,0)+1,1)*INDEX($D$3:$AA$30,INDEX(Jesper!$R$2:$R$366,ROW(INDEX(Jesper!AL$2:AL$366,ROUNDDOWN($C7924/24,0)+1,1))-1)+IF('Standard Profiles'!$G$22=$B$10,7,0)+IF('Standard Profiles'!$G$22=$B$17,14,0)+IF('Standard Profiles'!$G$22=$B$24,21,0),MOD($C7924,24)+1)/SUM(INDEX($D$3:$AA$30,INDEX(Jesper!$R$2:$R$366,ROW(INDEX(Jesper!AL$2:AL$366,ROUNDDOWN($C7924/24,0)+1,1))-1)+IF('Standard Profiles'!$G$22=$B$10,7,0)+IF('Standard Profiles'!$G$22=$B$17,14,0)+IF('Standard Profiles'!$G$22=$B$24,21,0),0)),0)</f>
        <v>5.576175318308036</v>
      </c>
      <c r="I7924">
        <f t="shared" si="881"/>
        <v>5.3531283055757175</v>
      </c>
      <c r="J7924">
        <f t="shared" si="882"/>
        <v>17.476605417864345</v>
      </c>
      <c r="K7924">
        <f t="shared" si="883"/>
        <v>0.42848524879118821</v>
      </c>
      <c r="L7924">
        <f t="shared" si="884"/>
        <v>0.21424262439559411</v>
      </c>
      <c r="M7924">
        <f t="shared" si="885"/>
        <v>0</v>
      </c>
      <c r="N7924" s="45">
        <f t="shared" si="886"/>
        <v>45255.749999980864</v>
      </c>
    </row>
    <row r="7925" spans="2:14" x14ac:dyDescent="0.25">
      <c r="B7925">
        <f t="shared" si="880"/>
        <v>6</v>
      </c>
      <c r="C7925" s="16">
        <v>7891</v>
      </c>
      <c r="D7925" cm="1">
        <f t="array" ref="D7925">IFERROR(INDEX(Jesper!AH$2:AH$366,ROUNDDOWN($C7925/24,0)+1,1)*INDEX($D$3:$AA$30,INDEX(Jesper!$R$2:$R$366,ROW(INDEX(Jesper!AH$2:AH$366,ROUNDDOWN($C7925/24,0)+1,1))-1)+IF('Standard Profiles'!$G$18=$B$10,7,0)+IF('Standard Profiles'!$G$18=$B$17,14,0)+IF('Standard Profiles'!$G$18=$B$24,21,0),MOD($C7925,24)+1)/SUM(INDEX($D$3:$AA$30,INDEX(Jesper!$R$2:$R$366,ROW(INDEX(Jesper!AH$2:AH$366,ROUNDDOWN($C7925/24,0)+1,1))-1)+IF('Standard Profiles'!$G$18=$B$10,7,0)+IF('Standard Profiles'!$G$18=$B$17,14,0)+IF('Standard Profiles'!$G$18=$B$24,21,0),0)),0)</f>
        <v>0</v>
      </c>
      <c r="E7925" cm="1">
        <f t="array" ref="E7925">IFERROR(INDEX(Jesper!AI$2:AI$366,ROUNDDOWN($C7925/24,0)+1,1)*INDEX($D$3:$AA$30,INDEX(Jesper!$R$2:$R$366,ROW(INDEX(Jesper!AI$2:AI$366,ROUNDDOWN($C7925/24,0)+1,1))-1)+IF('Standard Profiles'!$G$19=$B$10,7,0)+IF('Standard Profiles'!$G$19=$B$17,14,0)+IF('Standard Profiles'!$G$19=$B$24,21,0),MOD($C7925,24)+1)/SUM(INDEX($D$3:$AA$30,INDEX(Jesper!$R$2:$R$366,ROW(INDEX(Jesper!AI$2:AI$366,ROUNDDOWN($C7925/24,0)+1,1))-1)+IF('Standard Profiles'!$G$19=$B$10,7,0)+IF('Standard Profiles'!$G$19=$B$17,14,0)+IF('Standard Profiles'!$G$19=$B$24,21,0),0)),0)</f>
        <v>5.3560656098898525</v>
      </c>
      <c r="F7925" cm="1">
        <f t="array" ref="F7925">IFERROR(INDEX(Jesper!AJ$2:AJ$366,ROUNDDOWN($C7925/24,0)+1,1)*INDEX($D$3:$AA$30,INDEX(Jesper!$R$2:$R$366,ROW(INDEX(Jesper!AJ$2:AJ$366,ROUNDDOWN($C7925/24,0)+1,1))-1)+IF('Standard Profiles'!$G$20=$B$10,7,0)+IF('Standard Profiles'!$G$20=$B$17,14,0)+IF('Standard Profiles'!$G$20=$B$24,21,0),MOD($C7925,24)+1)/SUM(INDEX($D$3:$AA$30,INDEX(Jesper!$R$2:$R$366,ROW(INDEX(Jesper!AJ$2:AJ$366,ROUNDDOWN($C7925/24,0)+1,1))-1)+IF('Standard Profiles'!$G$20=$B$10,7,0)+IF('Standard Profiles'!$G$20=$B$17,14,0)+IF('Standard Profiles'!$G$20=$B$24,21,0),0)),0)</f>
        <v>4.661375003535797</v>
      </c>
      <c r="G7925" cm="1">
        <f t="array" ref="G7925">IFERROR(INDEX(Jesper!AK$2:AK$366,ROUNDDOWN($C7925/24,0)+1,1)*INDEX($D$3:$AA$30,INDEX(Jesper!$R$2:$R$366,ROW(INDEX(Jesper!AK$2:AK$366,ROUNDDOWN($C7925/24,0)+1,1))-1)+IF('Standard Profiles'!$G$21=$B$10,7,0)+IF('Standard Profiles'!$G$21=$B$17,14,0)+IF('Standard Profiles'!$G$21=$B$24,21,0),MOD($C7925,24)+1)/SUM(INDEX($D$3:$AA$30,INDEX(Jesper!$R$2:$R$366,ROW(INDEX(Jesper!AK$2:AK$366,ROUNDDOWN($C7925/24,0)+1,1))-1)+IF('Standard Profiles'!$G$21=$B$10,7,0)+IF('Standard Profiles'!$G$21=$B$17,14,0)+IF('Standard Profiles'!$G$21=$B$24,21,0),0)),0)</f>
        <v>7.8788456648931575</v>
      </c>
      <c r="H7925" cm="1">
        <f t="array" ref="H7925">IFERROR(INDEX(Jesper!AL$2:AL$366,ROUNDDOWN($C7925/24,0)+1,1)*INDEX($D$3:$AA$30,INDEX(Jesper!$R$2:$R$366,ROW(INDEX(Jesper!AL$2:AL$366,ROUNDDOWN($C7925/24,0)+1,1))-1)+IF('Standard Profiles'!$G$22=$B$10,7,0)+IF('Standard Profiles'!$G$22=$B$17,14,0)+IF('Standard Profiles'!$G$22=$B$24,21,0),MOD($C7925,24)+1)/SUM(INDEX($D$3:$AA$30,INDEX(Jesper!$R$2:$R$366,ROW(INDEX(Jesper!AL$2:AL$366,ROUNDDOWN($C7925/24,0)+1,1))-1)+IF('Standard Profiles'!$G$22=$B$10,7,0)+IF('Standard Profiles'!$G$22=$B$17,14,0)+IF('Standard Profiles'!$G$22=$B$24,21,0),0)),0)</f>
        <v>4.5038339109411067</v>
      </c>
      <c r="I7925">
        <f t="shared" si="881"/>
        <v>4.3236805545034649</v>
      </c>
      <c r="J7925">
        <f t="shared" si="882"/>
        <v>17.433711761569668</v>
      </c>
      <c r="K7925">
        <f t="shared" si="883"/>
        <v>0.42848524879118821</v>
      </c>
      <c r="L7925">
        <f t="shared" si="884"/>
        <v>0.21424262439559411</v>
      </c>
      <c r="M7925">
        <f t="shared" si="885"/>
        <v>0</v>
      </c>
      <c r="N7925" s="45">
        <f t="shared" si="886"/>
        <v>45255.791666647528</v>
      </c>
    </row>
    <row r="7926" spans="2:14" x14ac:dyDescent="0.25">
      <c r="B7926">
        <f t="shared" si="880"/>
        <v>6</v>
      </c>
      <c r="C7926" s="16">
        <v>7892</v>
      </c>
      <c r="D7926" cm="1">
        <f t="array" ref="D7926">IFERROR(INDEX(Jesper!AH$2:AH$366,ROUNDDOWN($C7926/24,0)+1,1)*INDEX($D$3:$AA$30,INDEX(Jesper!$R$2:$R$366,ROW(INDEX(Jesper!AH$2:AH$366,ROUNDDOWN($C7926/24,0)+1,1))-1)+IF('Standard Profiles'!$G$18=$B$10,7,0)+IF('Standard Profiles'!$G$18=$B$17,14,0)+IF('Standard Profiles'!$G$18=$B$24,21,0),MOD($C7926,24)+1)/SUM(INDEX($D$3:$AA$30,INDEX(Jesper!$R$2:$R$366,ROW(INDEX(Jesper!AH$2:AH$366,ROUNDDOWN($C7926/24,0)+1,1))-1)+IF('Standard Profiles'!$G$18=$B$10,7,0)+IF('Standard Profiles'!$G$18=$B$17,14,0)+IF('Standard Profiles'!$G$18=$B$24,21,0),0)),0)</f>
        <v>0</v>
      </c>
      <c r="E7926" cm="1">
        <f t="array" ref="E7926">IFERROR(INDEX(Jesper!AI$2:AI$366,ROUNDDOWN($C7926/24,0)+1,1)*INDEX($D$3:$AA$30,INDEX(Jesper!$R$2:$R$366,ROW(INDEX(Jesper!AI$2:AI$366,ROUNDDOWN($C7926/24,0)+1,1))-1)+IF('Standard Profiles'!$G$19=$B$10,7,0)+IF('Standard Profiles'!$G$19=$B$17,14,0)+IF('Standard Profiles'!$G$19=$B$24,21,0),MOD($C7926,24)+1)/SUM(INDEX($D$3:$AA$30,INDEX(Jesper!$R$2:$R$366,ROW(INDEX(Jesper!AI$2:AI$366,ROUNDDOWN($C7926/24,0)+1,1))-1)+IF('Standard Profiles'!$G$19=$B$10,7,0)+IF('Standard Profiles'!$G$19=$B$17,14,0)+IF('Standard Profiles'!$G$19=$B$24,21,0),0)),0)</f>
        <v>5.3560656098898525</v>
      </c>
      <c r="F7926" cm="1">
        <f t="array" ref="F7926">IFERROR(INDEX(Jesper!AJ$2:AJ$366,ROUNDDOWN($C7926/24,0)+1,1)*INDEX($D$3:$AA$30,INDEX(Jesper!$R$2:$R$366,ROW(INDEX(Jesper!AJ$2:AJ$366,ROUNDDOWN($C7926/24,0)+1,1))-1)+IF('Standard Profiles'!$G$20=$B$10,7,0)+IF('Standard Profiles'!$G$20=$B$17,14,0)+IF('Standard Profiles'!$G$20=$B$24,21,0),MOD($C7926,24)+1)/SUM(INDEX($D$3:$AA$30,INDEX(Jesper!$R$2:$R$366,ROW(INDEX(Jesper!AJ$2:AJ$366,ROUNDDOWN($C7926/24,0)+1,1))-1)+IF('Standard Profiles'!$G$20=$B$10,7,0)+IF('Standard Profiles'!$G$20=$B$17,14,0)+IF('Standard Profiles'!$G$20=$B$24,21,0),0)),0)</f>
        <v>4.661375003535797</v>
      </c>
      <c r="G7926" cm="1">
        <f t="array" ref="G7926">IFERROR(INDEX(Jesper!AK$2:AK$366,ROUNDDOWN($C7926/24,0)+1,1)*INDEX($D$3:$AA$30,INDEX(Jesper!$R$2:$R$366,ROW(INDEX(Jesper!AK$2:AK$366,ROUNDDOWN($C7926/24,0)+1,1))-1)+IF('Standard Profiles'!$G$21=$B$10,7,0)+IF('Standard Profiles'!$G$21=$B$17,14,0)+IF('Standard Profiles'!$G$21=$B$24,21,0),MOD($C7926,24)+1)/SUM(INDEX($D$3:$AA$30,INDEX(Jesper!$R$2:$R$366,ROW(INDEX(Jesper!AK$2:AK$366,ROUNDDOWN($C7926/24,0)+1,1))-1)+IF('Standard Profiles'!$G$21=$B$10,7,0)+IF('Standard Profiles'!$G$21=$B$17,14,0)+IF('Standard Profiles'!$G$21=$B$24,21,0),0)),0)</f>
        <v>7.8788456648931575</v>
      </c>
      <c r="H7926" cm="1">
        <f t="array" ref="H7926">IFERROR(INDEX(Jesper!AL$2:AL$366,ROUNDDOWN($C7926/24,0)+1,1)*INDEX($D$3:$AA$30,INDEX(Jesper!$R$2:$R$366,ROW(INDEX(Jesper!AL$2:AL$366,ROUNDDOWN($C7926/24,0)+1,1))-1)+IF('Standard Profiles'!$G$22=$B$10,7,0)+IF('Standard Profiles'!$G$22=$B$17,14,0)+IF('Standard Profiles'!$G$22=$B$24,21,0),MOD($C7926,24)+1)/SUM(INDEX($D$3:$AA$30,INDEX(Jesper!$R$2:$R$366,ROW(INDEX(Jesper!AL$2:AL$366,ROUNDDOWN($C7926/24,0)+1,1))-1)+IF('Standard Profiles'!$G$22=$B$10,7,0)+IF('Standard Profiles'!$G$22=$B$17,14,0)+IF('Standard Profiles'!$G$22=$B$24,21,0),0)),0)</f>
        <v>3.3242583628374831</v>
      </c>
      <c r="I7926">
        <f t="shared" si="881"/>
        <v>3.1912880283239855</v>
      </c>
      <c r="J7926">
        <f t="shared" si="882"/>
        <v>17.386528739645524</v>
      </c>
      <c r="K7926">
        <f t="shared" si="883"/>
        <v>0.42848524879118821</v>
      </c>
      <c r="L7926">
        <f t="shared" si="884"/>
        <v>0.21424262439559411</v>
      </c>
      <c r="M7926">
        <f t="shared" si="885"/>
        <v>0</v>
      </c>
      <c r="N7926" s="45">
        <f t="shared" si="886"/>
        <v>45255.833333314193</v>
      </c>
    </row>
    <row r="7927" spans="2:14" x14ac:dyDescent="0.25">
      <c r="B7927">
        <f t="shared" si="880"/>
        <v>6</v>
      </c>
      <c r="C7927" s="16">
        <v>7893</v>
      </c>
      <c r="D7927" cm="1">
        <f t="array" ref="D7927">IFERROR(INDEX(Jesper!AH$2:AH$366,ROUNDDOWN($C7927/24,0)+1,1)*INDEX($D$3:$AA$30,INDEX(Jesper!$R$2:$R$366,ROW(INDEX(Jesper!AH$2:AH$366,ROUNDDOWN($C7927/24,0)+1,1))-1)+IF('Standard Profiles'!$G$18=$B$10,7,0)+IF('Standard Profiles'!$G$18=$B$17,14,0)+IF('Standard Profiles'!$G$18=$B$24,21,0),MOD($C7927,24)+1)/SUM(INDEX($D$3:$AA$30,INDEX(Jesper!$R$2:$R$366,ROW(INDEX(Jesper!AH$2:AH$366,ROUNDDOWN($C7927/24,0)+1,1))-1)+IF('Standard Profiles'!$G$18=$B$10,7,0)+IF('Standard Profiles'!$G$18=$B$17,14,0)+IF('Standard Profiles'!$G$18=$B$24,21,0),0)),0)</f>
        <v>0</v>
      </c>
      <c r="E7927" cm="1">
        <f t="array" ref="E7927">IFERROR(INDEX(Jesper!AI$2:AI$366,ROUNDDOWN($C7927/24,0)+1,1)*INDEX($D$3:$AA$30,INDEX(Jesper!$R$2:$R$366,ROW(INDEX(Jesper!AI$2:AI$366,ROUNDDOWN($C7927/24,0)+1,1))-1)+IF('Standard Profiles'!$G$19=$B$10,7,0)+IF('Standard Profiles'!$G$19=$B$17,14,0)+IF('Standard Profiles'!$G$19=$B$24,21,0),MOD($C7927,24)+1)/SUM(INDEX($D$3:$AA$30,INDEX(Jesper!$R$2:$R$366,ROW(INDEX(Jesper!AI$2:AI$366,ROUNDDOWN($C7927/24,0)+1,1))-1)+IF('Standard Profiles'!$G$19=$B$10,7,0)+IF('Standard Profiles'!$G$19=$B$17,14,0)+IF('Standard Profiles'!$G$19=$B$24,21,0),0)),0)</f>
        <v>5.3560656098898525</v>
      </c>
      <c r="F7927" cm="1">
        <f t="array" ref="F7927">IFERROR(INDEX(Jesper!AJ$2:AJ$366,ROUNDDOWN($C7927/24,0)+1,1)*INDEX($D$3:$AA$30,INDEX(Jesper!$R$2:$R$366,ROW(INDEX(Jesper!AJ$2:AJ$366,ROUNDDOWN($C7927/24,0)+1,1))-1)+IF('Standard Profiles'!$G$20=$B$10,7,0)+IF('Standard Profiles'!$G$20=$B$17,14,0)+IF('Standard Profiles'!$G$20=$B$24,21,0),MOD($C7927,24)+1)/SUM(INDEX($D$3:$AA$30,INDEX(Jesper!$R$2:$R$366,ROW(INDEX(Jesper!AJ$2:AJ$366,ROUNDDOWN($C7927/24,0)+1,1))-1)+IF('Standard Profiles'!$G$20=$B$10,7,0)+IF('Standard Profiles'!$G$20=$B$17,14,0)+IF('Standard Profiles'!$G$20=$B$24,21,0),0)),0)</f>
        <v>4.661375003535797</v>
      </c>
      <c r="G7927" cm="1">
        <f t="array" ref="G7927">IFERROR(INDEX(Jesper!AK$2:AK$366,ROUNDDOWN($C7927/24,0)+1,1)*INDEX($D$3:$AA$30,INDEX(Jesper!$R$2:$R$366,ROW(INDEX(Jesper!AK$2:AK$366,ROUNDDOWN($C7927/24,0)+1,1))-1)+IF('Standard Profiles'!$G$21=$B$10,7,0)+IF('Standard Profiles'!$G$21=$B$17,14,0)+IF('Standard Profiles'!$G$21=$B$24,21,0),MOD($C7927,24)+1)/SUM(INDEX($D$3:$AA$30,INDEX(Jesper!$R$2:$R$366,ROW(INDEX(Jesper!AK$2:AK$366,ROUNDDOWN($C7927/24,0)+1,1))-1)+IF('Standard Profiles'!$G$21=$B$10,7,0)+IF('Standard Profiles'!$G$21=$B$17,14,0)+IF('Standard Profiles'!$G$21=$B$24,21,0),0)),0)</f>
        <v>7.8788456648931575</v>
      </c>
      <c r="H7927" cm="1">
        <f t="array" ref="H7927">IFERROR(INDEX(Jesper!AL$2:AL$366,ROUNDDOWN($C7927/24,0)+1,1)*INDEX($D$3:$AA$30,INDEX(Jesper!$R$2:$R$366,ROW(INDEX(Jesper!AL$2:AL$366,ROUNDDOWN($C7927/24,0)+1,1))-1)+IF('Standard Profiles'!$G$22=$B$10,7,0)+IF('Standard Profiles'!$G$22=$B$17,14,0)+IF('Standard Profiles'!$G$22=$B$24,21,0),MOD($C7927,24)+1)/SUM(INDEX($D$3:$AA$30,INDEX(Jesper!$R$2:$R$366,ROW(INDEX(Jesper!AL$2:AL$366,ROUNDDOWN($C7927/24,0)+1,1))-1)+IF('Standard Profiles'!$G$22=$B$10,7,0)+IF('Standard Profiles'!$G$22=$B$17,14,0)+IF('Standard Profiles'!$G$22=$B$24,21,0),0)),0)</f>
        <v>3.3242583628374831</v>
      </c>
      <c r="I7927">
        <f t="shared" si="881"/>
        <v>3.1912880283239855</v>
      </c>
      <c r="J7927">
        <f t="shared" si="882"/>
        <v>17.386528739645524</v>
      </c>
      <c r="K7927">
        <f t="shared" si="883"/>
        <v>0.42848524879118821</v>
      </c>
      <c r="L7927">
        <f t="shared" si="884"/>
        <v>0.21424262439559411</v>
      </c>
      <c r="M7927">
        <f t="shared" si="885"/>
        <v>0</v>
      </c>
      <c r="N7927" s="45">
        <f t="shared" si="886"/>
        <v>45255.874999980857</v>
      </c>
    </row>
    <row r="7928" spans="2:14" x14ac:dyDescent="0.25">
      <c r="B7928">
        <f t="shared" si="880"/>
        <v>6</v>
      </c>
      <c r="C7928" s="16">
        <v>7894</v>
      </c>
      <c r="D7928" cm="1">
        <f t="array" ref="D7928">IFERROR(INDEX(Jesper!AH$2:AH$366,ROUNDDOWN($C7928/24,0)+1,1)*INDEX($D$3:$AA$30,INDEX(Jesper!$R$2:$R$366,ROW(INDEX(Jesper!AH$2:AH$366,ROUNDDOWN($C7928/24,0)+1,1))-1)+IF('Standard Profiles'!$G$18=$B$10,7,0)+IF('Standard Profiles'!$G$18=$B$17,14,0)+IF('Standard Profiles'!$G$18=$B$24,21,0),MOD($C7928,24)+1)/SUM(INDEX($D$3:$AA$30,INDEX(Jesper!$R$2:$R$366,ROW(INDEX(Jesper!AH$2:AH$366,ROUNDDOWN($C7928/24,0)+1,1))-1)+IF('Standard Profiles'!$G$18=$B$10,7,0)+IF('Standard Profiles'!$G$18=$B$17,14,0)+IF('Standard Profiles'!$G$18=$B$24,21,0),0)),0)</f>
        <v>0</v>
      </c>
      <c r="E7928" cm="1">
        <f t="array" ref="E7928">IFERROR(INDEX(Jesper!AI$2:AI$366,ROUNDDOWN($C7928/24,0)+1,1)*INDEX($D$3:$AA$30,INDEX(Jesper!$R$2:$R$366,ROW(INDEX(Jesper!AI$2:AI$366,ROUNDDOWN($C7928/24,0)+1,1))-1)+IF('Standard Profiles'!$G$19=$B$10,7,0)+IF('Standard Profiles'!$G$19=$B$17,14,0)+IF('Standard Profiles'!$G$19=$B$24,21,0),MOD($C7928,24)+1)/SUM(INDEX($D$3:$AA$30,INDEX(Jesper!$R$2:$R$366,ROW(INDEX(Jesper!AI$2:AI$366,ROUNDDOWN($C7928/24,0)+1,1))-1)+IF('Standard Profiles'!$G$19=$B$10,7,0)+IF('Standard Profiles'!$G$19=$B$17,14,0)+IF('Standard Profiles'!$G$19=$B$24,21,0),0)),0)</f>
        <v>5.3560656098898525</v>
      </c>
      <c r="F7928" cm="1">
        <f t="array" ref="F7928">IFERROR(INDEX(Jesper!AJ$2:AJ$366,ROUNDDOWN($C7928/24,0)+1,1)*INDEX($D$3:$AA$30,INDEX(Jesper!$R$2:$R$366,ROW(INDEX(Jesper!AJ$2:AJ$366,ROUNDDOWN($C7928/24,0)+1,1))-1)+IF('Standard Profiles'!$G$20=$B$10,7,0)+IF('Standard Profiles'!$G$20=$B$17,14,0)+IF('Standard Profiles'!$G$20=$B$24,21,0),MOD($C7928,24)+1)/SUM(INDEX($D$3:$AA$30,INDEX(Jesper!$R$2:$R$366,ROW(INDEX(Jesper!AJ$2:AJ$366,ROUNDDOWN($C7928/24,0)+1,1))-1)+IF('Standard Profiles'!$G$20=$B$10,7,0)+IF('Standard Profiles'!$G$20=$B$17,14,0)+IF('Standard Profiles'!$G$20=$B$24,21,0),0)),0)</f>
        <v>4.661375003535797</v>
      </c>
      <c r="G7928" cm="1">
        <f t="array" ref="G7928">IFERROR(INDEX(Jesper!AK$2:AK$366,ROUNDDOWN($C7928/24,0)+1,1)*INDEX($D$3:$AA$30,INDEX(Jesper!$R$2:$R$366,ROW(INDEX(Jesper!AK$2:AK$366,ROUNDDOWN($C7928/24,0)+1,1))-1)+IF('Standard Profiles'!$G$21=$B$10,7,0)+IF('Standard Profiles'!$G$21=$B$17,14,0)+IF('Standard Profiles'!$G$21=$B$24,21,0),MOD($C7928,24)+1)/SUM(INDEX($D$3:$AA$30,INDEX(Jesper!$R$2:$R$366,ROW(INDEX(Jesper!AK$2:AK$366,ROUNDDOWN($C7928/24,0)+1,1))-1)+IF('Standard Profiles'!$G$21=$B$10,7,0)+IF('Standard Profiles'!$G$21=$B$17,14,0)+IF('Standard Profiles'!$G$21=$B$24,21,0),0)),0)</f>
        <v>7.8788456648931575</v>
      </c>
      <c r="H7928" cm="1">
        <f t="array" ref="H7928">IFERROR(INDEX(Jesper!AL$2:AL$366,ROUNDDOWN($C7928/24,0)+1,1)*INDEX($D$3:$AA$30,INDEX(Jesper!$R$2:$R$366,ROW(INDEX(Jesper!AL$2:AL$366,ROUNDDOWN($C7928/24,0)+1,1))-1)+IF('Standard Profiles'!$G$22=$B$10,7,0)+IF('Standard Profiles'!$G$22=$B$17,14,0)+IF('Standard Profiles'!$G$22=$B$24,21,0),MOD($C7928,24)+1)/SUM(INDEX($D$3:$AA$30,INDEX(Jesper!$R$2:$R$366,ROW(INDEX(Jesper!AL$2:AL$366,ROUNDDOWN($C7928/24,0)+1,1))-1)+IF('Standard Profiles'!$G$22=$B$10,7,0)+IF('Standard Profiles'!$G$22=$B$17,14,0)+IF('Standard Profiles'!$G$22=$B$24,21,0),0)),0)</f>
        <v>3.3242583628374831</v>
      </c>
      <c r="I7928">
        <f t="shared" si="881"/>
        <v>3.1912880283239855</v>
      </c>
      <c r="J7928">
        <f t="shared" si="882"/>
        <v>17.386528739645524</v>
      </c>
      <c r="K7928">
        <f t="shared" si="883"/>
        <v>0.42848524879118821</v>
      </c>
      <c r="L7928">
        <f t="shared" si="884"/>
        <v>0.21424262439559411</v>
      </c>
      <c r="M7928">
        <f t="shared" si="885"/>
        <v>0</v>
      </c>
      <c r="N7928" s="45">
        <f t="shared" si="886"/>
        <v>45255.916666647521</v>
      </c>
    </row>
    <row r="7929" spans="2:14" x14ac:dyDescent="0.25">
      <c r="B7929">
        <f t="shared" si="880"/>
        <v>6</v>
      </c>
      <c r="C7929" s="16">
        <v>7895</v>
      </c>
      <c r="D7929" cm="1">
        <f t="array" ref="D7929">IFERROR(INDEX(Jesper!AH$2:AH$366,ROUNDDOWN($C7929/24,0)+1,1)*INDEX($D$3:$AA$30,INDEX(Jesper!$R$2:$R$366,ROW(INDEX(Jesper!AH$2:AH$366,ROUNDDOWN($C7929/24,0)+1,1))-1)+IF('Standard Profiles'!$G$18=$B$10,7,0)+IF('Standard Profiles'!$G$18=$B$17,14,0)+IF('Standard Profiles'!$G$18=$B$24,21,0),MOD($C7929,24)+1)/SUM(INDEX($D$3:$AA$30,INDEX(Jesper!$R$2:$R$366,ROW(INDEX(Jesper!AH$2:AH$366,ROUNDDOWN($C7929/24,0)+1,1))-1)+IF('Standard Profiles'!$G$18=$B$10,7,0)+IF('Standard Profiles'!$G$18=$B$17,14,0)+IF('Standard Profiles'!$G$18=$B$24,21,0),0)),0)</f>
        <v>0</v>
      </c>
      <c r="E7929" cm="1">
        <f t="array" ref="E7929">IFERROR(INDEX(Jesper!AI$2:AI$366,ROUNDDOWN($C7929/24,0)+1,1)*INDEX($D$3:$AA$30,INDEX(Jesper!$R$2:$R$366,ROW(INDEX(Jesper!AI$2:AI$366,ROUNDDOWN($C7929/24,0)+1,1))-1)+IF('Standard Profiles'!$G$19=$B$10,7,0)+IF('Standard Profiles'!$G$19=$B$17,14,0)+IF('Standard Profiles'!$G$19=$B$24,21,0),MOD($C7929,24)+1)/SUM(INDEX($D$3:$AA$30,INDEX(Jesper!$R$2:$R$366,ROW(INDEX(Jesper!AI$2:AI$366,ROUNDDOWN($C7929/24,0)+1,1))-1)+IF('Standard Profiles'!$G$19=$B$10,7,0)+IF('Standard Profiles'!$G$19=$B$17,14,0)+IF('Standard Profiles'!$G$19=$B$24,21,0),0)),0)</f>
        <v>5.3560656098898525</v>
      </c>
      <c r="F7929" cm="1">
        <f t="array" ref="F7929">IFERROR(INDEX(Jesper!AJ$2:AJ$366,ROUNDDOWN($C7929/24,0)+1,1)*INDEX($D$3:$AA$30,INDEX(Jesper!$R$2:$R$366,ROW(INDEX(Jesper!AJ$2:AJ$366,ROUNDDOWN($C7929/24,0)+1,1))-1)+IF('Standard Profiles'!$G$20=$B$10,7,0)+IF('Standard Profiles'!$G$20=$B$17,14,0)+IF('Standard Profiles'!$G$20=$B$24,21,0),MOD($C7929,24)+1)/SUM(INDEX($D$3:$AA$30,INDEX(Jesper!$R$2:$R$366,ROW(INDEX(Jesper!AJ$2:AJ$366,ROUNDDOWN($C7929/24,0)+1,1))-1)+IF('Standard Profiles'!$G$20=$B$10,7,0)+IF('Standard Profiles'!$G$20=$B$17,14,0)+IF('Standard Profiles'!$G$20=$B$24,21,0),0)),0)</f>
        <v>4.661375003535797</v>
      </c>
      <c r="G7929" cm="1">
        <f t="array" ref="G7929">IFERROR(INDEX(Jesper!AK$2:AK$366,ROUNDDOWN($C7929/24,0)+1,1)*INDEX($D$3:$AA$30,INDEX(Jesper!$R$2:$R$366,ROW(INDEX(Jesper!AK$2:AK$366,ROUNDDOWN($C7929/24,0)+1,1))-1)+IF('Standard Profiles'!$G$21=$B$10,7,0)+IF('Standard Profiles'!$G$21=$B$17,14,0)+IF('Standard Profiles'!$G$21=$B$24,21,0),MOD($C7929,24)+1)/SUM(INDEX($D$3:$AA$30,INDEX(Jesper!$R$2:$R$366,ROW(INDEX(Jesper!AK$2:AK$366,ROUNDDOWN($C7929/24,0)+1,1))-1)+IF('Standard Profiles'!$G$21=$B$10,7,0)+IF('Standard Profiles'!$G$21=$B$17,14,0)+IF('Standard Profiles'!$G$21=$B$24,21,0),0)),0)</f>
        <v>7.8788456648931575</v>
      </c>
      <c r="H7929" cm="1">
        <f t="array" ref="H7929">IFERROR(INDEX(Jesper!AL$2:AL$366,ROUNDDOWN($C7929/24,0)+1,1)*INDEX($D$3:$AA$30,INDEX(Jesper!$R$2:$R$366,ROW(INDEX(Jesper!AL$2:AL$366,ROUNDDOWN($C7929/24,0)+1,1))-1)+IF('Standard Profiles'!$G$22=$B$10,7,0)+IF('Standard Profiles'!$G$22=$B$17,14,0)+IF('Standard Profiles'!$G$22=$B$24,21,0),MOD($C7929,24)+1)/SUM(INDEX($D$3:$AA$30,INDEX(Jesper!$R$2:$R$366,ROW(INDEX(Jesper!AL$2:AL$366,ROUNDDOWN($C7929/24,0)+1,1))-1)+IF('Standard Profiles'!$G$22=$B$10,7,0)+IF('Standard Profiles'!$G$22=$B$17,14,0)+IF('Standard Profiles'!$G$22=$B$24,21,0),0)),0)</f>
        <v>3.3242583628374831</v>
      </c>
      <c r="I7929">
        <f t="shared" si="881"/>
        <v>3.1912880283239855</v>
      </c>
      <c r="J7929">
        <f t="shared" si="882"/>
        <v>17.386528739645524</v>
      </c>
      <c r="K7929">
        <f t="shared" si="883"/>
        <v>0.42848524879118821</v>
      </c>
      <c r="L7929">
        <f t="shared" si="884"/>
        <v>0.21424262439559411</v>
      </c>
      <c r="M7929">
        <f t="shared" si="885"/>
        <v>0</v>
      </c>
      <c r="N7929" s="45">
        <f t="shared" si="886"/>
        <v>45255.958333314185</v>
      </c>
    </row>
    <row r="7930" spans="2:14" x14ac:dyDescent="0.25">
      <c r="B7930">
        <f t="shared" si="880"/>
        <v>7</v>
      </c>
      <c r="C7930" s="16">
        <v>7896</v>
      </c>
      <c r="D7930" cm="1">
        <f t="array" ref="D7930">IFERROR(INDEX(Jesper!AH$2:AH$366,ROUNDDOWN($C7930/24,0)+1,1)*INDEX($D$3:$AA$30,INDEX(Jesper!$R$2:$R$366,ROW(INDEX(Jesper!AH$2:AH$366,ROUNDDOWN($C7930/24,0)+1,1))-1)+IF('Standard Profiles'!$G$18=$B$10,7,0)+IF('Standard Profiles'!$G$18=$B$17,14,0)+IF('Standard Profiles'!$G$18=$B$24,21,0),MOD($C7930,24)+1)/SUM(INDEX($D$3:$AA$30,INDEX(Jesper!$R$2:$R$366,ROW(INDEX(Jesper!AH$2:AH$366,ROUNDDOWN($C7930/24,0)+1,1))-1)+IF('Standard Profiles'!$G$18=$B$10,7,0)+IF('Standard Profiles'!$G$18=$B$17,14,0)+IF('Standard Profiles'!$G$18=$B$24,21,0),0)),0)</f>
        <v>0</v>
      </c>
      <c r="E7930" cm="1">
        <f t="array" ref="E7930">IFERROR(INDEX(Jesper!AI$2:AI$366,ROUNDDOWN($C7930/24,0)+1,1)*INDEX($D$3:$AA$30,INDEX(Jesper!$R$2:$R$366,ROW(INDEX(Jesper!AI$2:AI$366,ROUNDDOWN($C7930/24,0)+1,1))-1)+IF('Standard Profiles'!$G$19=$B$10,7,0)+IF('Standard Profiles'!$G$19=$B$17,14,0)+IF('Standard Profiles'!$G$19=$B$24,21,0),MOD($C7930,24)+1)/SUM(INDEX($D$3:$AA$30,INDEX(Jesper!$R$2:$R$366,ROW(INDEX(Jesper!AI$2:AI$366,ROUNDDOWN($C7930/24,0)+1,1))-1)+IF('Standard Profiles'!$G$19=$B$10,7,0)+IF('Standard Profiles'!$G$19=$B$17,14,0)+IF('Standard Profiles'!$G$19=$B$24,21,0),0)),0)</f>
        <v>5.4796198438861907</v>
      </c>
      <c r="F7930" cm="1">
        <f t="array" ref="F7930">IFERROR(INDEX(Jesper!AJ$2:AJ$366,ROUNDDOWN($C7930/24,0)+1,1)*INDEX($D$3:$AA$30,INDEX(Jesper!$R$2:$R$366,ROW(INDEX(Jesper!AJ$2:AJ$366,ROUNDDOWN($C7930/24,0)+1,1))-1)+IF('Standard Profiles'!$G$20=$B$10,7,0)+IF('Standard Profiles'!$G$20=$B$17,14,0)+IF('Standard Profiles'!$G$20=$B$24,21,0),MOD($C7930,24)+1)/SUM(INDEX($D$3:$AA$30,INDEX(Jesper!$R$2:$R$366,ROW(INDEX(Jesper!AJ$2:AJ$366,ROUNDDOWN($C7930/24,0)+1,1))-1)+IF('Standard Profiles'!$G$20=$B$10,7,0)+IF('Standard Profiles'!$G$20=$B$17,14,0)+IF('Standard Profiles'!$G$20=$B$24,21,0),0)),0)</f>
        <v>4.8063806563860014</v>
      </c>
      <c r="G7930" cm="1">
        <f t="array" ref="G7930">IFERROR(INDEX(Jesper!AK$2:AK$366,ROUNDDOWN($C7930/24,0)+1,1)*INDEX($D$3:$AA$30,INDEX(Jesper!$R$2:$R$366,ROW(INDEX(Jesper!AK$2:AK$366,ROUNDDOWN($C7930/24,0)+1,1))-1)+IF('Standard Profiles'!$G$21=$B$10,7,0)+IF('Standard Profiles'!$G$21=$B$17,14,0)+IF('Standard Profiles'!$G$21=$B$24,21,0),MOD($C7930,24)+1)/SUM(INDEX($D$3:$AA$30,INDEX(Jesper!$R$2:$R$366,ROW(INDEX(Jesper!AK$2:AK$366,ROUNDDOWN($C7930/24,0)+1,1))-1)+IF('Standard Profiles'!$G$21=$B$10,7,0)+IF('Standard Profiles'!$G$21=$B$17,14,0)+IF('Standard Profiles'!$G$21=$B$24,21,0),0)),0)</f>
        <v>8.160008955484189</v>
      </c>
      <c r="H7930" cm="1">
        <f t="array" ref="H7930">IFERROR(INDEX(Jesper!AL$2:AL$366,ROUNDDOWN($C7930/24,0)+1,1)*INDEX($D$3:$AA$30,INDEX(Jesper!$R$2:$R$366,ROW(INDEX(Jesper!AL$2:AL$366,ROUNDDOWN($C7930/24,0)+1,1))-1)+IF('Standard Profiles'!$G$22=$B$10,7,0)+IF('Standard Profiles'!$G$22=$B$17,14,0)+IF('Standard Profiles'!$G$22=$B$24,21,0),MOD($C7930,24)+1)/SUM(INDEX($D$3:$AA$30,INDEX(Jesper!$R$2:$R$366,ROW(INDEX(Jesper!AL$2:AL$366,ROUNDDOWN($C7930/24,0)+1,1))-1)+IF('Standard Profiles'!$G$22=$B$10,7,0)+IF('Standard Profiles'!$G$22=$B$17,14,0)+IF('Standard Profiles'!$G$22=$B$24,21,0),0)),0)</f>
        <v>3.9259218400555373</v>
      </c>
      <c r="I7930">
        <f t="shared" si="881"/>
        <v>3.7688849664533177</v>
      </c>
      <c r="J7930">
        <f t="shared" si="882"/>
        <v>17.945491948092258</v>
      </c>
      <c r="K7930">
        <f t="shared" si="883"/>
        <v>0.43836958751089528</v>
      </c>
      <c r="L7930">
        <f t="shared" si="884"/>
        <v>0.21918479375544764</v>
      </c>
      <c r="M7930">
        <f t="shared" si="885"/>
        <v>0</v>
      </c>
      <c r="N7930" s="45">
        <f t="shared" si="886"/>
        <v>45255.99999998085</v>
      </c>
    </row>
    <row r="7931" spans="2:14" x14ac:dyDescent="0.25">
      <c r="B7931">
        <f t="shared" si="880"/>
        <v>7</v>
      </c>
      <c r="C7931" s="16">
        <v>7897</v>
      </c>
      <c r="D7931" cm="1">
        <f t="array" ref="D7931">IFERROR(INDEX(Jesper!AH$2:AH$366,ROUNDDOWN($C7931/24,0)+1,1)*INDEX($D$3:$AA$30,INDEX(Jesper!$R$2:$R$366,ROW(INDEX(Jesper!AH$2:AH$366,ROUNDDOWN($C7931/24,0)+1,1))-1)+IF('Standard Profiles'!$G$18=$B$10,7,0)+IF('Standard Profiles'!$G$18=$B$17,14,0)+IF('Standard Profiles'!$G$18=$B$24,21,0),MOD($C7931,24)+1)/SUM(INDEX($D$3:$AA$30,INDEX(Jesper!$R$2:$R$366,ROW(INDEX(Jesper!AH$2:AH$366,ROUNDDOWN($C7931/24,0)+1,1))-1)+IF('Standard Profiles'!$G$18=$B$10,7,0)+IF('Standard Profiles'!$G$18=$B$17,14,0)+IF('Standard Profiles'!$G$18=$B$24,21,0),0)),0)</f>
        <v>0</v>
      </c>
      <c r="E7931" cm="1">
        <f t="array" ref="E7931">IFERROR(INDEX(Jesper!AI$2:AI$366,ROUNDDOWN($C7931/24,0)+1,1)*INDEX($D$3:$AA$30,INDEX(Jesper!$R$2:$R$366,ROW(INDEX(Jesper!AI$2:AI$366,ROUNDDOWN($C7931/24,0)+1,1))-1)+IF('Standard Profiles'!$G$19=$B$10,7,0)+IF('Standard Profiles'!$G$19=$B$17,14,0)+IF('Standard Profiles'!$G$19=$B$24,21,0),MOD($C7931,24)+1)/SUM(INDEX($D$3:$AA$30,INDEX(Jesper!$R$2:$R$366,ROW(INDEX(Jesper!AI$2:AI$366,ROUNDDOWN($C7931/24,0)+1,1))-1)+IF('Standard Profiles'!$G$19=$B$10,7,0)+IF('Standard Profiles'!$G$19=$B$17,14,0)+IF('Standard Profiles'!$G$19=$B$24,21,0),0)),0)</f>
        <v>5.4796198438861907</v>
      </c>
      <c r="F7931" cm="1">
        <f t="array" ref="F7931">IFERROR(INDEX(Jesper!AJ$2:AJ$366,ROUNDDOWN($C7931/24,0)+1,1)*INDEX($D$3:$AA$30,INDEX(Jesper!$R$2:$R$366,ROW(INDEX(Jesper!AJ$2:AJ$366,ROUNDDOWN($C7931/24,0)+1,1))-1)+IF('Standard Profiles'!$G$20=$B$10,7,0)+IF('Standard Profiles'!$G$20=$B$17,14,0)+IF('Standard Profiles'!$G$20=$B$24,21,0),MOD($C7931,24)+1)/SUM(INDEX($D$3:$AA$30,INDEX(Jesper!$R$2:$R$366,ROW(INDEX(Jesper!AJ$2:AJ$366,ROUNDDOWN($C7931/24,0)+1,1))-1)+IF('Standard Profiles'!$G$20=$B$10,7,0)+IF('Standard Profiles'!$G$20=$B$17,14,0)+IF('Standard Profiles'!$G$20=$B$24,21,0),0)),0)</f>
        <v>4.8063806563860014</v>
      </c>
      <c r="G7931" cm="1">
        <f t="array" ref="G7931">IFERROR(INDEX(Jesper!AK$2:AK$366,ROUNDDOWN($C7931/24,0)+1,1)*INDEX($D$3:$AA$30,INDEX(Jesper!$R$2:$R$366,ROW(INDEX(Jesper!AK$2:AK$366,ROUNDDOWN($C7931/24,0)+1,1))-1)+IF('Standard Profiles'!$G$21=$B$10,7,0)+IF('Standard Profiles'!$G$21=$B$17,14,0)+IF('Standard Profiles'!$G$21=$B$24,21,0),MOD($C7931,24)+1)/SUM(INDEX($D$3:$AA$30,INDEX(Jesper!$R$2:$R$366,ROW(INDEX(Jesper!AK$2:AK$366,ROUNDDOWN($C7931/24,0)+1,1))-1)+IF('Standard Profiles'!$G$21=$B$10,7,0)+IF('Standard Profiles'!$G$21=$B$17,14,0)+IF('Standard Profiles'!$G$21=$B$24,21,0),0)),0)</f>
        <v>8.160008955484189</v>
      </c>
      <c r="H7931" cm="1">
        <f t="array" ref="H7931">IFERROR(INDEX(Jesper!AL$2:AL$366,ROUNDDOWN($C7931/24,0)+1,1)*INDEX($D$3:$AA$30,INDEX(Jesper!$R$2:$R$366,ROW(INDEX(Jesper!AL$2:AL$366,ROUNDDOWN($C7931/24,0)+1,1))-1)+IF('Standard Profiles'!$G$22=$B$10,7,0)+IF('Standard Profiles'!$G$22=$B$17,14,0)+IF('Standard Profiles'!$G$22=$B$24,21,0),MOD($C7931,24)+1)/SUM(INDEX($D$3:$AA$30,INDEX(Jesper!$R$2:$R$366,ROW(INDEX(Jesper!AL$2:AL$366,ROUNDDOWN($C7931/24,0)+1,1))-1)+IF('Standard Profiles'!$G$22=$B$10,7,0)+IF('Standard Profiles'!$G$22=$B$17,14,0)+IF('Standard Profiles'!$G$22=$B$24,21,0),0)),0)</f>
        <v>4.5591350400644952</v>
      </c>
      <c r="I7931">
        <f t="shared" si="881"/>
        <v>4.3767696384619175</v>
      </c>
      <c r="J7931">
        <f t="shared" si="882"/>
        <v>17.970820476092616</v>
      </c>
      <c r="K7931">
        <f t="shared" si="883"/>
        <v>0.43836958751089528</v>
      </c>
      <c r="L7931">
        <f t="shared" si="884"/>
        <v>0.21918479375544764</v>
      </c>
      <c r="M7931">
        <f t="shared" si="885"/>
        <v>0</v>
      </c>
      <c r="N7931" s="45">
        <f t="shared" si="886"/>
        <v>45256.041666647514</v>
      </c>
    </row>
    <row r="7932" spans="2:14" x14ac:dyDescent="0.25">
      <c r="B7932">
        <f t="shared" si="880"/>
        <v>7</v>
      </c>
      <c r="C7932" s="16">
        <v>7898</v>
      </c>
      <c r="D7932" cm="1">
        <f t="array" ref="D7932">IFERROR(INDEX(Jesper!AH$2:AH$366,ROUNDDOWN($C7932/24,0)+1,1)*INDEX($D$3:$AA$30,INDEX(Jesper!$R$2:$R$366,ROW(INDEX(Jesper!AH$2:AH$366,ROUNDDOWN($C7932/24,0)+1,1))-1)+IF('Standard Profiles'!$G$18=$B$10,7,0)+IF('Standard Profiles'!$G$18=$B$17,14,0)+IF('Standard Profiles'!$G$18=$B$24,21,0),MOD($C7932,24)+1)/SUM(INDEX($D$3:$AA$30,INDEX(Jesper!$R$2:$R$366,ROW(INDEX(Jesper!AH$2:AH$366,ROUNDDOWN($C7932/24,0)+1,1))-1)+IF('Standard Profiles'!$G$18=$B$10,7,0)+IF('Standard Profiles'!$G$18=$B$17,14,0)+IF('Standard Profiles'!$G$18=$B$24,21,0),0)),0)</f>
        <v>0</v>
      </c>
      <c r="E7932" cm="1">
        <f t="array" ref="E7932">IFERROR(INDEX(Jesper!AI$2:AI$366,ROUNDDOWN($C7932/24,0)+1,1)*INDEX($D$3:$AA$30,INDEX(Jesper!$R$2:$R$366,ROW(INDEX(Jesper!AI$2:AI$366,ROUNDDOWN($C7932/24,0)+1,1))-1)+IF('Standard Profiles'!$G$19=$B$10,7,0)+IF('Standard Profiles'!$G$19=$B$17,14,0)+IF('Standard Profiles'!$G$19=$B$24,21,0),MOD($C7932,24)+1)/SUM(INDEX($D$3:$AA$30,INDEX(Jesper!$R$2:$R$366,ROW(INDEX(Jesper!AI$2:AI$366,ROUNDDOWN($C7932/24,0)+1,1))-1)+IF('Standard Profiles'!$G$19=$B$10,7,0)+IF('Standard Profiles'!$G$19=$B$17,14,0)+IF('Standard Profiles'!$G$19=$B$24,21,0),0)),0)</f>
        <v>5.4796198438861907</v>
      </c>
      <c r="F7932" cm="1">
        <f t="array" ref="F7932">IFERROR(INDEX(Jesper!AJ$2:AJ$366,ROUNDDOWN($C7932/24,0)+1,1)*INDEX($D$3:$AA$30,INDEX(Jesper!$R$2:$R$366,ROW(INDEX(Jesper!AJ$2:AJ$366,ROUNDDOWN($C7932/24,0)+1,1))-1)+IF('Standard Profiles'!$G$20=$B$10,7,0)+IF('Standard Profiles'!$G$20=$B$17,14,0)+IF('Standard Profiles'!$G$20=$B$24,21,0),MOD($C7932,24)+1)/SUM(INDEX($D$3:$AA$30,INDEX(Jesper!$R$2:$R$366,ROW(INDEX(Jesper!AJ$2:AJ$366,ROUNDDOWN($C7932/24,0)+1,1))-1)+IF('Standard Profiles'!$G$20=$B$10,7,0)+IF('Standard Profiles'!$G$20=$B$17,14,0)+IF('Standard Profiles'!$G$20=$B$24,21,0),0)),0)</f>
        <v>4.8063806563860014</v>
      </c>
      <c r="G7932" cm="1">
        <f t="array" ref="G7932">IFERROR(INDEX(Jesper!AK$2:AK$366,ROUNDDOWN($C7932/24,0)+1,1)*INDEX($D$3:$AA$30,INDEX(Jesper!$R$2:$R$366,ROW(INDEX(Jesper!AK$2:AK$366,ROUNDDOWN($C7932/24,0)+1,1))-1)+IF('Standard Profiles'!$G$21=$B$10,7,0)+IF('Standard Profiles'!$G$21=$B$17,14,0)+IF('Standard Profiles'!$G$21=$B$24,21,0),MOD($C7932,24)+1)/SUM(INDEX($D$3:$AA$30,INDEX(Jesper!$R$2:$R$366,ROW(INDEX(Jesper!AK$2:AK$366,ROUNDDOWN($C7932/24,0)+1,1))-1)+IF('Standard Profiles'!$G$21=$B$10,7,0)+IF('Standard Profiles'!$G$21=$B$17,14,0)+IF('Standard Profiles'!$G$21=$B$24,21,0),0)),0)</f>
        <v>8.160008955484189</v>
      </c>
      <c r="H7932" cm="1">
        <f t="array" ref="H7932">IFERROR(INDEX(Jesper!AL$2:AL$366,ROUNDDOWN($C7932/24,0)+1,1)*INDEX($D$3:$AA$30,INDEX(Jesper!$R$2:$R$366,ROW(INDEX(Jesper!AL$2:AL$366,ROUNDDOWN($C7932/24,0)+1,1))-1)+IF('Standard Profiles'!$G$22=$B$10,7,0)+IF('Standard Profiles'!$G$22=$B$17,14,0)+IF('Standard Profiles'!$G$22=$B$24,21,0),MOD($C7932,24)+1)/SUM(INDEX($D$3:$AA$30,INDEX(Jesper!$R$2:$R$366,ROW(INDEX(Jesper!AL$2:AL$366,ROUNDDOWN($C7932/24,0)+1,1))-1)+IF('Standard Profiles'!$G$22=$B$10,7,0)+IF('Standard Profiles'!$G$22=$B$17,14,0)+IF('Standard Profiles'!$G$22=$B$24,21,0),0)),0)</f>
        <v>4.5591350400644952</v>
      </c>
      <c r="I7932">
        <f t="shared" si="881"/>
        <v>4.3767696384619175</v>
      </c>
      <c r="J7932">
        <f t="shared" si="882"/>
        <v>17.970820476092616</v>
      </c>
      <c r="K7932">
        <f t="shared" si="883"/>
        <v>0.43836958751089528</v>
      </c>
      <c r="L7932">
        <f t="shared" si="884"/>
        <v>0.21918479375544764</v>
      </c>
      <c r="M7932">
        <f t="shared" si="885"/>
        <v>0</v>
      </c>
      <c r="N7932" s="45">
        <f t="shared" si="886"/>
        <v>45256.083333314178</v>
      </c>
    </row>
    <row r="7933" spans="2:14" x14ac:dyDescent="0.25">
      <c r="B7933">
        <f t="shared" si="880"/>
        <v>7</v>
      </c>
      <c r="C7933" s="16">
        <v>7899</v>
      </c>
      <c r="D7933" cm="1">
        <f t="array" ref="D7933">IFERROR(INDEX(Jesper!AH$2:AH$366,ROUNDDOWN($C7933/24,0)+1,1)*INDEX($D$3:$AA$30,INDEX(Jesper!$R$2:$R$366,ROW(INDEX(Jesper!AH$2:AH$366,ROUNDDOWN($C7933/24,0)+1,1))-1)+IF('Standard Profiles'!$G$18=$B$10,7,0)+IF('Standard Profiles'!$G$18=$B$17,14,0)+IF('Standard Profiles'!$G$18=$B$24,21,0),MOD($C7933,24)+1)/SUM(INDEX($D$3:$AA$30,INDEX(Jesper!$R$2:$R$366,ROW(INDEX(Jesper!AH$2:AH$366,ROUNDDOWN($C7933/24,0)+1,1))-1)+IF('Standard Profiles'!$G$18=$B$10,7,0)+IF('Standard Profiles'!$G$18=$B$17,14,0)+IF('Standard Profiles'!$G$18=$B$24,21,0),0)),0)</f>
        <v>0</v>
      </c>
      <c r="E7933" cm="1">
        <f t="array" ref="E7933">IFERROR(INDEX(Jesper!AI$2:AI$366,ROUNDDOWN($C7933/24,0)+1,1)*INDEX($D$3:$AA$30,INDEX(Jesper!$R$2:$R$366,ROW(INDEX(Jesper!AI$2:AI$366,ROUNDDOWN($C7933/24,0)+1,1))-1)+IF('Standard Profiles'!$G$19=$B$10,7,0)+IF('Standard Profiles'!$G$19=$B$17,14,0)+IF('Standard Profiles'!$G$19=$B$24,21,0),MOD($C7933,24)+1)/SUM(INDEX($D$3:$AA$30,INDEX(Jesper!$R$2:$R$366,ROW(INDEX(Jesper!AI$2:AI$366,ROUNDDOWN($C7933/24,0)+1,1))-1)+IF('Standard Profiles'!$G$19=$B$10,7,0)+IF('Standard Profiles'!$G$19=$B$17,14,0)+IF('Standard Profiles'!$G$19=$B$24,21,0),0)),0)</f>
        <v>5.4796198438861907</v>
      </c>
      <c r="F7933" cm="1">
        <f t="array" ref="F7933">IFERROR(INDEX(Jesper!AJ$2:AJ$366,ROUNDDOWN($C7933/24,0)+1,1)*INDEX($D$3:$AA$30,INDEX(Jesper!$R$2:$R$366,ROW(INDEX(Jesper!AJ$2:AJ$366,ROUNDDOWN($C7933/24,0)+1,1))-1)+IF('Standard Profiles'!$G$20=$B$10,7,0)+IF('Standard Profiles'!$G$20=$B$17,14,0)+IF('Standard Profiles'!$G$20=$B$24,21,0),MOD($C7933,24)+1)/SUM(INDEX($D$3:$AA$30,INDEX(Jesper!$R$2:$R$366,ROW(INDEX(Jesper!AJ$2:AJ$366,ROUNDDOWN($C7933/24,0)+1,1))-1)+IF('Standard Profiles'!$G$20=$B$10,7,0)+IF('Standard Profiles'!$G$20=$B$17,14,0)+IF('Standard Profiles'!$G$20=$B$24,21,0),0)),0)</f>
        <v>4.8063806563860014</v>
      </c>
      <c r="G7933" cm="1">
        <f t="array" ref="G7933">IFERROR(INDEX(Jesper!AK$2:AK$366,ROUNDDOWN($C7933/24,0)+1,1)*INDEX($D$3:$AA$30,INDEX(Jesper!$R$2:$R$366,ROW(INDEX(Jesper!AK$2:AK$366,ROUNDDOWN($C7933/24,0)+1,1))-1)+IF('Standard Profiles'!$G$21=$B$10,7,0)+IF('Standard Profiles'!$G$21=$B$17,14,0)+IF('Standard Profiles'!$G$21=$B$24,21,0),MOD($C7933,24)+1)/SUM(INDEX($D$3:$AA$30,INDEX(Jesper!$R$2:$R$366,ROW(INDEX(Jesper!AK$2:AK$366,ROUNDDOWN($C7933/24,0)+1,1))-1)+IF('Standard Profiles'!$G$21=$B$10,7,0)+IF('Standard Profiles'!$G$21=$B$17,14,0)+IF('Standard Profiles'!$G$21=$B$24,21,0),0)),0)</f>
        <v>8.160008955484189</v>
      </c>
      <c r="H7933" cm="1">
        <f t="array" ref="H7933">IFERROR(INDEX(Jesper!AL$2:AL$366,ROUNDDOWN($C7933/24,0)+1,1)*INDEX($D$3:$AA$30,INDEX(Jesper!$R$2:$R$366,ROW(INDEX(Jesper!AL$2:AL$366,ROUNDDOWN($C7933/24,0)+1,1))-1)+IF('Standard Profiles'!$G$22=$B$10,7,0)+IF('Standard Profiles'!$G$22=$B$17,14,0)+IF('Standard Profiles'!$G$22=$B$24,21,0),MOD($C7933,24)+1)/SUM(INDEX($D$3:$AA$30,INDEX(Jesper!$R$2:$R$366,ROW(INDEX(Jesper!AL$2:AL$366,ROUNDDOWN($C7933/24,0)+1,1))-1)+IF('Standard Profiles'!$G$22=$B$10,7,0)+IF('Standard Profiles'!$G$22=$B$17,14,0)+IF('Standard Profiles'!$G$22=$B$24,21,0),0)),0)</f>
        <v>4.5591350400644952</v>
      </c>
      <c r="I7933">
        <f t="shared" si="881"/>
        <v>4.3767696384619175</v>
      </c>
      <c r="J7933">
        <f t="shared" si="882"/>
        <v>17.970820476092616</v>
      </c>
      <c r="K7933">
        <f t="shared" si="883"/>
        <v>0.43836958751089528</v>
      </c>
      <c r="L7933">
        <f t="shared" si="884"/>
        <v>0.21918479375544764</v>
      </c>
      <c r="M7933">
        <f t="shared" si="885"/>
        <v>0</v>
      </c>
      <c r="N7933" s="45">
        <f t="shared" si="886"/>
        <v>45256.124999980842</v>
      </c>
    </row>
    <row r="7934" spans="2:14" x14ac:dyDescent="0.25">
      <c r="B7934">
        <f t="shared" si="880"/>
        <v>7</v>
      </c>
      <c r="C7934" s="16">
        <v>7900</v>
      </c>
      <c r="D7934" cm="1">
        <f t="array" ref="D7934">IFERROR(INDEX(Jesper!AH$2:AH$366,ROUNDDOWN($C7934/24,0)+1,1)*INDEX($D$3:$AA$30,INDEX(Jesper!$R$2:$R$366,ROW(INDEX(Jesper!AH$2:AH$366,ROUNDDOWN($C7934/24,0)+1,1))-1)+IF('Standard Profiles'!$G$18=$B$10,7,0)+IF('Standard Profiles'!$G$18=$B$17,14,0)+IF('Standard Profiles'!$G$18=$B$24,21,0),MOD($C7934,24)+1)/SUM(INDEX($D$3:$AA$30,INDEX(Jesper!$R$2:$R$366,ROW(INDEX(Jesper!AH$2:AH$366,ROUNDDOWN($C7934/24,0)+1,1))-1)+IF('Standard Profiles'!$G$18=$B$10,7,0)+IF('Standard Profiles'!$G$18=$B$17,14,0)+IF('Standard Profiles'!$G$18=$B$24,21,0),0)),0)</f>
        <v>0</v>
      </c>
      <c r="E7934" cm="1">
        <f t="array" ref="E7934">IFERROR(INDEX(Jesper!AI$2:AI$366,ROUNDDOWN($C7934/24,0)+1,1)*INDEX($D$3:$AA$30,INDEX(Jesper!$R$2:$R$366,ROW(INDEX(Jesper!AI$2:AI$366,ROUNDDOWN($C7934/24,0)+1,1))-1)+IF('Standard Profiles'!$G$19=$B$10,7,0)+IF('Standard Profiles'!$G$19=$B$17,14,0)+IF('Standard Profiles'!$G$19=$B$24,21,0),MOD($C7934,24)+1)/SUM(INDEX($D$3:$AA$30,INDEX(Jesper!$R$2:$R$366,ROW(INDEX(Jesper!AI$2:AI$366,ROUNDDOWN($C7934/24,0)+1,1))-1)+IF('Standard Profiles'!$G$19=$B$10,7,0)+IF('Standard Profiles'!$G$19=$B$17,14,0)+IF('Standard Profiles'!$G$19=$B$24,21,0),0)),0)</f>
        <v>5.4796198438861907</v>
      </c>
      <c r="F7934" cm="1">
        <f t="array" ref="F7934">IFERROR(INDEX(Jesper!AJ$2:AJ$366,ROUNDDOWN($C7934/24,0)+1,1)*INDEX($D$3:$AA$30,INDEX(Jesper!$R$2:$R$366,ROW(INDEX(Jesper!AJ$2:AJ$366,ROUNDDOWN($C7934/24,0)+1,1))-1)+IF('Standard Profiles'!$G$20=$B$10,7,0)+IF('Standard Profiles'!$G$20=$B$17,14,0)+IF('Standard Profiles'!$G$20=$B$24,21,0),MOD($C7934,24)+1)/SUM(INDEX($D$3:$AA$30,INDEX(Jesper!$R$2:$R$366,ROW(INDEX(Jesper!AJ$2:AJ$366,ROUNDDOWN($C7934/24,0)+1,1))-1)+IF('Standard Profiles'!$G$20=$B$10,7,0)+IF('Standard Profiles'!$G$20=$B$17,14,0)+IF('Standard Profiles'!$G$20=$B$24,21,0),0)),0)</f>
        <v>4.8063806563860014</v>
      </c>
      <c r="G7934" cm="1">
        <f t="array" ref="G7934">IFERROR(INDEX(Jesper!AK$2:AK$366,ROUNDDOWN($C7934/24,0)+1,1)*INDEX($D$3:$AA$30,INDEX(Jesper!$R$2:$R$366,ROW(INDEX(Jesper!AK$2:AK$366,ROUNDDOWN($C7934/24,0)+1,1))-1)+IF('Standard Profiles'!$G$21=$B$10,7,0)+IF('Standard Profiles'!$G$21=$B$17,14,0)+IF('Standard Profiles'!$G$21=$B$24,21,0),MOD($C7934,24)+1)/SUM(INDEX($D$3:$AA$30,INDEX(Jesper!$R$2:$R$366,ROW(INDEX(Jesper!AK$2:AK$366,ROUNDDOWN($C7934/24,0)+1,1))-1)+IF('Standard Profiles'!$G$21=$B$10,7,0)+IF('Standard Profiles'!$G$21=$B$17,14,0)+IF('Standard Profiles'!$G$21=$B$24,21,0),0)),0)</f>
        <v>8.160008955484189</v>
      </c>
      <c r="H7934" cm="1">
        <f t="array" ref="H7934">IFERROR(INDEX(Jesper!AL$2:AL$366,ROUNDDOWN($C7934/24,0)+1,1)*INDEX($D$3:$AA$30,INDEX(Jesper!$R$2:$R$366,ROW(INDEX(Jesper!AL$2:AL$366,ROUNDDOWN($C7934/24,0)+1,1))-1)+IF('Standard Profiles'!$G$22=$B$10,7,0)+IF('Standard Profiles'!$G$22=$B$17,14,0)+IF('Standard Profiles'!$G$22=$B$24,21,0),MOD($C7934,24)+1)/SUM(INDEX($D$3:$AA$30,INDEX(Jesper!$R$2:$R$366,ROW(INDEX(Jesper!AL$2:AL$366,ROUNDDOWN($C7934/24,0)+1,1))-1)+IF('Standard Profiles'!$G$22=$B$10,7,0)+IF('Standard Profiles'!$G$22=$B$17,14,0)+IF('Standard Profiles'!$G$22=$B$24,21,0),0)),0)</f>
        <v>4.5591350400644952</v>
      </c>
      <c r="I7934">
        <f t="shared" si="881"/>
        <v>4.3767696384619175</v>
      </c>
      <c r="J7934">
        <f t="shared" si="882"/>
        <v>17.970820476092616</v>
      </c>
      <c r="K7934">
        <f t="shared" si="883"/>
        <v>0.43836958751089528</v>
      </c>
      <c r="L7934">
        <f t="shared" si="884"/>
        <v>0.21918479375544764</v>
      </c>
      <c r="M7934">
        <f t="shared" si="885"/>
        <v>0</v>
      </c>
      <c r="N7934" s="45">
        <f t="shared" si="886"/>
        <v>45256.166666647507</v>
      </c>
    </row>
    <row r="7935" spans="2:14" x14ac:dyDescent="0.25">
      <c r="B7935">
        <f t="shared" si="880"/>
        <v>7</v>
      </c>
      <c r="C7935" s="16">
        <v>7901</v>
      </c>
      <c r="D7935" cm="1">
        <f t="array" ref="D7935">IFERROR(INDEX(Jesper!AH$2:AH$366,ROUNDDOWN($C7935/24,0)+1,1)*INDEX($D$3:$AA$30,INDEX(Jesper!$R$2:$R$366,ROW(INDEX(Jesper!AH$2:AH$366,ROUNDDOWN($C7935/24,0)+1,1))-1)+IF('Standard Profiles'!$G$18=$B$10,7,0)+IF('Standard Profiles'!$G$18=$B$17,14,0)+IF('Standard Profiles'!$G$18=$B$24,21,0),MOD($C7935,24)+1)/SUM(INDEX($D$3:$AA$30,INDEX(Jesper!$R$2:$R$366,ROW(INDEX(Jesper!AH$2:AH$366,ROUNDDOWN($C7935/24,0)+1,1))-1)+IF('Standard Profiles'!$G$18=$B$10,7,0)+IF('Standard Profiles'!$G$18=$B$17,14,0)+IF('Standard Profiles'!$G$18=$B$24,21,0),0)),0)</f>
        <v>0</v>
      </c>
      <c r="E7935" cm="1">
        <f t="array" ref="E7935">IFERROR(INDEX(Jesper!AI$2:AI$366,ROUNDDOWN($C7935/24,0)+1,1)*INDEX($D$3:$AA$30,INDEX(Jesper!$R$2:$R$366,ROW(INDEX(Jesper!AI$2:AI$366,ROUNDDOWN($C7935/24,0)+1,1))-1)+IF('Standard Profiles'!$G$19=$B$10,7,0)+IF('Standard Profiles'!$G$19=$B$17,14,0)+IF('Standard Profiles'!$G$19=$B$24,21,0),MOD($C7935,24)+1)/SUM(INDEX($D$3:$AA$30,INDEX(Jesper!$R$2:$R$366,ROW(INDEX(Jesper!AI$2:AI$366,ROUNDDOWN($C7935/24,0)+1,1))-1)+IF('Standard Profiles'!$G$19=$B$10,7,0)+IF('Standard Profiles'!$G$19=$B$17,14,0)+IF('Standard Profiles'!$G$19=$B$24,21,0),0)),0)</f>
        <v>5.4796198438861907</v>
      </c>
      <c r="F7935" cm="1">
        <f t="array" ref="F7935">IFERROR(INDEX(Jesper!AJ$2:AJ$366,ROUNDDOWN($C7935/24,0)+1,1)*INDEX($D$3:$AA$30,INDEX(Jesper!$R$2:$R$366,ROW(INDEX(Jesper!AJ$2:AJ$366,ROUNDDOWN($C7935/24,0)+1,1))-1)+IF('Standard Profiles'!$G$20=$B$10,7,0)+IF('Standard Profiles'!$G$20=$B$17,14,0)+IF('Standard Profiles'!$G$20=$B$24,21,0),MOD($C7935,24)+1)/SUM(INDEX($D$3:$AA$30,INDEX(Jesper!$R$2:$R$366,ROW(INDEX(Jesper!AJ$2:AJ$366,ROUNDDOWN($C7935/24,0)+1,1))-1)+IF('Standard Profiles'!$G$20=$B$10,7,0)+IF('Standard Profiles'!$G$20=$B$17,14,0)+IF('Standard Profiles'!$G$20=$B$24,21,0),0)),0)</f>
        <v>4.8063806563860014</v>
      </c>
      <c r="G7935" cm="1">
        <f t="array" ref="G7935">IFERROR(INDEX(Jesper!AK$2:AK$366,ROUNDDOWN($C7935/24,0)+1,1)*INDEX($D$3:$AA$30,INDEX(Jesper!$R$2:$R$366,ROW(INDEX(Jesper!AK$2:AK$366,ROUNDDOWN($C7935/24,0)+1,1))-1)+IF('Standard Profiles'!$G$21=$B$10,7,0)+IF('Standard Profiles'!$G$21=$B$17,14,0)+IF('Standard Profiles'!$G$21=$B$24,21,0),MOD($C7935,24)+1)/SUM(INDEX($D$3:$AA$30,INDEX(Jesper!$R$2:$R$366,ROW(INDEX(Jesper!AK$2:AK$366,ROUNDDOWN($C7935/24,0)+1,1))-1)+IF('Standard Profiles'!$G$21=$B$10,7,0)+IF('Standard Profiles'!$G$21=$B$17,14,0)+IF('Standard Profiles'!$G$21=$B$24,21,0),0)),0)</f>
        <v>8.160008955484189</v>
      </c>
      <c r="H7935" cm="1">
        <f t="array" ref="H7935">IFERROR(INDEX(Jesper!AL$2:AL$366,ROUNDDOWN($C7935/24,0)+1,1)*INDEX($D$3:$AA$30,INDEX(Jesper!$R$2:$R$366,ROW(INDEX(Jesper!AL$2:AL$366,ROUNDDOWN($C7935/24,0)+1,1))-1)+IF('Standard Profiles'!$G$22=$B$10,7,0)+IF('Standard Profiles'!$G$22=$B$17,14,0)+IF('Standard Profiles'!$G$22=$B$24,21,0),MOD($C7935,24)+1)/SUM(INDEX($D$3:$AA$30,INDEX(Jesper!$R$2:$R$366,ROW(INDEX(Jesper!AL$2:AL$366,ROUNDDOWN($C7935/24,0)+1,1))-1)+IF('Standard Profiles'!$G$22=$B$10,7,0)+IF('Standard Profiles'!$G$22=$B$17,14,0)+IF('Standard Profiles'!$G$22=$B$24,21,0),0)),0)</f>
        <v>5.6989188000806195</v>
      </c>
      <c r="I7935">
        <f t="shared" si="881"/>
        <v>5.4709620480773973</v>
      </c>
      <c r="J7935">
        <f t="shared" si="882"/>
        <v>18.016411826493261</v>
      </c>
      <c r="K7935">
        <f t="shared" si="883"/>
        <v>0.43836958751089528</v>
      </c>
      <c r="L7935">
        <f t="shared" si="884"/>
        <v>0.21918479375544764</v>
      </c>
      <c r="M7935">
        <f t="shared" si="885"/>
        <v>0</v>
      </c>
      <c r="N7935" s="45">
        <f t="shared" si="886"/>
        <v>45256.208333314171</v>
      </c>
    </row>
    <row r="7936" spans="2:14" x14ac:dyDescent="0.25">
      <c r="B7936">
        <f t="shared" si="880"/>
        <v>7</v>
      </c>
      <c r="C7936" s="16">
        <v>7902</v>
      </c>
      <c r="D7936" cm="1">
        <f t="array" ref="D7936">IFERROR(INDEX(Jesper!AH$2:AH$366,ROUNDDOWN($C7936/24,0)+1,1)*INDEX($D$3:$AA$30,INDEX(Jesper!$R$2:$R$366,ROW(INDEX(Jesper!AH$2:AH$366,ROUNDDOWN($C7936/24,0)+1,1))-1)+IF('Standard Profiles'!$G$18=$B$10,7,0)+IF('Standard Profiles'!$G$18=$B$17,14,0)+IF('Standard Profiles'!$G$18=$B$24,21,0),MOD($C7936,24)+1)/SUM(INDEX($D$3:$AA$30,INDEX(Jesper!$R$2:$R$366,ROW(INDEX(Jesper!AH$2:AH$366,ROUNDDOWN($C7936/24,0)+1,1))-1)+IF('Standard Profiles'!$G$18=$B$10,7,0)+IF('Standard Profiles'!$G$18=$B$17,14,0)+IF('Standard Profiles'!$G$18=$B$24,21,0),0)),0)</f>
        <v>0</v>
      </c>
      <c r="E7936" cm="1">
        <f t="array" ref="E7936">IFERROR(INDEX(Jesper!AI$2:AI$366,ROUNDDOWN($C7936/24,0)+1,1)*INDEX($D$3:$AA$30,INDEX(Jesper!$R$2:$R$366,ROW(INDEX(Jesper!AI$2:AI$366,ROUNDDOWN($C7936/24,0)+1,1))-1)+IF('Standard Profiles'!$G$19=$B$10,7,0)+IF('Standard Profiles'!$G$19=$B$17,14,0)+IF('Standard Profiles'!$G$19=$B$24,21,0),MOD($C7936,24)+1)/SUM(INDEX($D$3:$AA$30,INDEX(Jesper!$R$2:$R$366,ROW(INDEX(Jesper!AI$2:AI$366,ROUNDDOWN($C7936/24,0)+1,1))-1)+IF('Standard Profiles'!$G$19=$B$10,7,0)+IF('Standard Profiles'!$G$19=$B$17,14,0)+IF('Standard Profiles'!$G$19=$B$24,21,0),0)),0)</f>
        <v>5.4796198438861907</v>
      </c>
      <c r="F7936" cm="1">
        <f t="array" ref="F7936">IFERROR(INDEX(Jesper!AJ$2:AJ$366,ROUNDDOWN($C7936/24,0)+1,1)*INDEX($D$3:$AA$30,INDEX(Jesper!$R$2:$R$366,ROW(INDEX(Jesper!AJ$2:AJ$366,ROUNDDOWN($C7936/24,0)+1,1))-1)+IF('Standard Profiles'!$G$20=$B$10,7,0)+IF('Standard Profiles'!$G$20=$B$17,14,0)+IF('Standard Profiles'!$G$20=$B$24,21,0),MOD($C7936,24)+1)/SUM(INDEX($D$3:$AA$30,INDEX(Jesper!$R$2:$R$366,ROW(INDEX(Jesper!AJ$2:AJ$366,ROUNDDOWN($C7936/24,0)+1,1))-1)+IF('Standard Profiles'!$G$20=$B$10,7,0)+IF('Standard Profiles'!$G$20=$B$17,14,0)+IF('Standard Profiles'!$G$20=$B$24,21,0),0)),0)</f>
        <v>4.8063806563860014</v>
      </c>
      <c r="G7936" cm="1">
        <f t="array" ref="G7936">IFERROR(INDEX(Jesper!AK$2:AK$366,ROUNDDOWN($C7936/24,0)+1,1)*INDEX($D$3:$AA$30,INDEX(Jesper!$R$2:$R$366,ROW(INDEX(Jesper!AK$2:AK$366,ROUNDDOWN($C7936/24,0)+1,1))-1)+IF('Standard Profiles'!$G$21=$B$10,7,0)+IF('Standard Profiles'!$G$21=$B$17,14,0)+IF('Standard Profiles'!$G$21=$B$24,21,0),MOD($C7936,24)+1)/SUM(INDEX($D$3:$AA$30,INDEX(Jesper!$R$2:$R$366,ROW(INDEX(Jesper!AK$2:AK$366,ROUNDDOWN($C7936/24,0)+1,1))-1)+IF('Standard Profiles'!$G$21=$B$10,7,0)+IF('Standard Profiles'!$G$21=$B$17,14,0)+IF('Standard Profiles'!$G$21=$B$24,21,0),0)),0)</f>
        <v>8.160008955484189</v>
      </c>
      <c r="H7936" cm="1">
        <f t="array" ref="H7936">IFERROR(INDEX(Jesper!AL$2:AL$366,ROUNDDOWN($C7936/24,0)+1,1)*INDEX($D$3:$AA$30,INDEX(Jesper!$R$2:$R$366,ROW(INDEX(Jesper!AL$2:AL$366,ROUNDDOWN($C7936/24,0)+1,1))-1)+IF('Standard Profiles'!$G$22=$B$10,7,0)+IF('Standard Profiles'!$G$22=$B$17,14,0)+IF('Standard Profiles'!$G$22=$B$24,21,0),MOD($C7936,24)+1)/SUM(INDEX($D$3:$AA$30,INDEX(Jesper!$R$2:$R$366,ROW(INDEX(Jesper!AL$2:AL$366,ROUNDDOWN($C7936/24,0)+1,1))-1)+IF('Standard Profiles'!$G$22=$B$10,7,0)+IF('Standard Profiles'!$G$22=$B$17,14,0)+IF('Standard Profiles'!$G$22=$B$24,21,0),0)),0)</f>
        <v>6.7120599200949522</v>
      </c>
      <c r="I7936">
        <f t="shared" si="881"/>
        <v>6.4435775232911574</v>
      </c>
      <c r="J7936">
        <f t="shared" si="882"/>
        <v>18.056937471293832</v>
      </c>
      <c r="K7936">
        <f t="shared" si="883"/>
        <v>0.43836958751089528</v>
      </c>
      <c r="L7936">
        <f t="shared" si="884"/>
        <v>0.21918479375544764</v>
      </c>
      <c r="M7936">
        <f t="shared" si="885"/>
        <v>0</v>
      </c>
      <c r="N7936" s="45">
        <f t="shared" si="886"/>
        <v>45256.249999980835</v>
      </c>
    </row>
    <row r="7937" spans="2:14" x14ac:dyDescent="0.25">
      <c r="B7937">
        <f t="shared" si="880"/>
        <v>7</v>
      </c>
      <c r="C7937" s="16">
        <v>7903</v>
      </c>
      <c r="D7937" cm="1">
        <f t="array" ref="D7937">IFERROR(INDEX(Jesper!AH$2:AH$366,ROUNDDOWN($C7937/24,0)+1,1)*INDEX($D$3:$AA$30,INDEX(Jesper!$R$2:$R$366,ROW(INDEX(Jesper!AH$2:AH$366,ROUNDDOWN($C7937/24,0)+1,1))-1)+IF('Standard Profiles'!$G$18=$B$10,7,0)+IF('Standard Profiles'!$G$18=$B$17,14,0)+IF('Standard Profiles'!$G$18=$B$24,21,0),MOD($C7937,24)+1)/SUM(INDEX($D$3:$AA$30,INDEX(Jesper!$R$2:$R$366,ROW(INDEX(Jesper!AH$2:AH$366,ROUNDDOWN($C7937/24,0)+1,1))-1)+IF('Standard Profiles'!$G$18=$B$10,7,0)+IF('Standard Profiles'!$G$18=$B$17,14,0)+IF('Standard Profiles'!$G$18=$B$24,21,0),0)),0)</f>
        <v>0</v>
      </c>
      <c r="E7937" cm="1">
        <f t="array" ref="E7937">IFERROR(INDEX(Jesper!AI$2:AI$366,ROUNDDOWN($C7937/24,0)+1,1)*INDEX($D$3:$AA$30,INDEX(Jesper!$R$2:$R$366,ROW(INDEX(Jesper!AI$2:AI$366,ROUNDDOWN($C7937/24,0)+1,1))-1)+IF('Standard Profiles'!$G$19=$B$10,7,0)+IF('Standard Profiles'!$G$19=$B$17,14,0)+IF('Standard Profiles'!$G$19=$B$24,21,0),MOD($C7937,24)+1)/SUM(INDEX($D$3:$AA$30,INDEX(Jesper!$R$2:$R$366,ROW(INDEX(Jesper!AI$2:AI$366,ROUNDDOWN($C7937/24,0)+1,1))-1)+IF('Standard Profiles'!$G$19=$B$10,7,0)+IF('Standard Profiles'!$G$19=$B$17,14,0)+IF('Standard Profiles'!$G$19=$B$24,21,0),0)),0)</f>
        <v>5.4796198438861907</v>
      </c>
      <c r="F7937" cm="1">
        <f t="array" ref="F7937">IFERROR(INDEX(Jesper!AJ$2:AJ$366,ROUNDDOWN($C7937/24,0)+1,1)*INDEX($D$3:$AA$30,INDEX(Jesper!$R$2:$R$366,ROW(INDEX(Jesper!AJ$2:AJ$366,ROUNDDOWN($C7937/24,0)+1,1))-1)+IF('Standard Profiles'!$G$20=$B$10,7,0)+IF('Standard Profiles'!$G$20=$B$17,14,0)+IF('Standard Profiles'!$G$20=$B$24,21,0),MOD($C7937,24)+1)/SUM(INDEX($D$3:$AA$30,INDEX(Jesper!$R$2:$R$366,ROW(INDEX(Jesper!AJ$2:AJ$366,ROUNDDOWN($C7937/24,0)+1,1))-1)+IF('Standard Profiles'!$G$20=$B$10,7,0)+IF('Standard Profiles'!$G$20=$B$17,14,0)+IF('Standard Profiles'!$G$20=$B$24,21,0),0)),0)</f>
        <v>4.8063806563860014</v>
      </c>
      <c r="G7937" cm="1">
        <f t="array" ref="G7937">IFERROR(INDEX(Jesper!AK$2:AK$366,ROUNDDOWN($C7937/24,0)+1,1)*INDEX($D$3:$AA$30,INDEX(Jesper!$R$2:$R$366,ROW(INDEX(Jesper!AK$2:AK$366,ROUNDDOWN($C7937/24,0)+1,1))-1)+IF('Standard Profiles'!$G$21=$B$10,7,0)+IF('Standard Profiles'!$G$21=$B$17,14,0)+IF('Standard Profiles'!$G$21=$B$24,21,0),MOD($C7937,24)+1)/SUM(INDEX($D$3:$AA$30,INDEX(Jesper!$R$2:$R$366,ROW(INDEX(Jesper!AK$2:AK$366,ROUNDDOWN($C7937/24,0)+1,1))-1)+IF('Standard Profiles'!$G$21=$B$10,7,0)+IF('Standard Profiles'!$G$21=$B$17,14,0)+IF('Standard Profiles'!$G$21=$B$24,21,0),0)),0)</f>
        <v>8.160008955484189</v>
      </c>
      <c r="H7937" cm="1">
        <f t="array" ref="H7937">IFERROR(INDEX(Jesper!AL$2:AL$366,ROUNDDOWN($C7937/24,0)+1,1)*INDEX($D$3:$AA$30,INDEX(Jesper!$R$2:$R$366,ROW(INDEX(Jesper!AL$2:AL$366,ROUNDDOWN($C7937/24,0)+1,1))-1)+IF('Standard Profiles'!$G$22=$B$10,7,0)+IF('Standard Profiles'!$G$22=$B$17,14,0)+IF('Standard Profiles'!$G$22=$B$24,21,0),MOD($C7937,24)+1)/SUM(INDEX($D$3:$AA$30,INDEX(Jesper!$R$2:$R$366,ROW(INDEX(Jesper!AL$2:AL$366,ROUNDDOWN($C7937/24,0)+1,1))-1)+IF('Standard Profiles'!$G$22=$B$10,7,0)+IF('Standard Profiles'!$G$22=$B$17,14,0)+IF('Standard Profiles'!$G$22=$B$24,21,0),0)),0)</f>
        <v>7.9784863201128671</v>
      </c>
      <c r="I7937">
        <f t="shared" si="881"/>
        <v>7.6593468673083569</v>
      </c>
      <c r="J7937">
        <f t="shared" si="882"/>
        <v>18.107594527294548</v>
      </c>
      <c r="K7937">
        <f t="shared" si="883"/>
        <v>0.43836958751089528</v>
      </c>
      <c r="L7937">
        <f t="shared" si="884"/>
        <v>0.21918479375544764</v>
      </c>
      <c r="M7937">
        <f t="shared" si="885"/>
        <v>0</v>
      </c>
      <c r="N7937" s="45">
        <f t="shared" si="886"/>
        <v>45256.291666647499</v>
      </c>
    </row>
    <row r="7938" spans="2:14" x14ac:dyDescent="0.25">
      <c r="B7938">
        <f t="shared" si="880"/>
        <v>7</v>
      </c>
      <c r="C7938" s="16">
        <v>7904</v>
      </c>
      <c r="D7938" cm="1">
        <f t="array" ref="D7938">IFERROR(INDEX(Jesper!AH$2:AH$366,ROUNDDOWN($C7938/24,0)+1,1)*INDEX($D$3:$AA$30,INDEX(Jesper!$R$2:$R$366,ROW(INDEX(Jesper!AH$2:AH$366,ROUNDDOWN($C7938/24,0)+1,1))-1)+IF('Standard Profiles'!$G$18=$B$10,7,0)+IF('Standard Profiles'!$G$18=$B$17,14,0)+IF('Standard Profiles'!$G$18=$B$24,21,0),MOD($C7938,24)+1)/SUM(INDEX($D$3:$AA$30,INDEX(Jesper!$R$2:$R$366,ROW(INDEX(Jesper!AH$2:AH$366,ROUNDDOWN($C7938/24,0)+1,1))-1)+IF('Standard Profiles'!$G$18=$B$10,7,0)+IF('Standard Profiles'!$G$18=$B$17,14,0)+IF('Standard Profiles'!$G$18=$B$24,21,0),0)),0)</f>
        <v>0</v>
      </c>
      <c r="E7938" cm="1">
        <f t="array" ref="E7938">IFERROR(INDEX(Jesper!AI$2:AI$366,ROUNDDOWN($C7938/24,0)+1,1)*INDEX($D$3:$AA$30,INDEX(Jesper!$R$2:$R$366,ROW(INDEX(Jesper!AI$2:AI$366,ROUNDDOWN($C7938/24,0)+1,1))-1)+IF('Standard Profiles'!$G$19=$B$10,7,0)+IF('Standard Profiles'!$G$19=$B$17,14,0)+IF('Standard Profiles'!$G$19=$B$24,21,0),MOD($C7938,24)+1)/SUM(INDEX($D$3:$AA$30,INDEX(Jesper!$R$2:$R$366,ROW(INDEX(Jesper!AI$2:AI$366,ROUNDDOWN($C7938/24,0)+1,1))-1)+IF('Standard Profiles'!$G$19=$B$10,7,0)+IF('Standard Profiles'!$G$19=$B$17,14,0)+IF('Standard Profiles'!$G$19=$B$24,21,0),0)),0)</f>
        <v>5.4796198438861907</v>
      </c>
      <c r="F7938" cm="1">
        <f t="array" ref="F7938">IFERROR(INDEX(Jesper!AJ$2:AJ$366,ROUNDDOWN($C7938/24,0)+1,1)*INDEX($D$3:$AA$30,INDEX(Jesper!$R$2:$R$366,ROW(INDEX(Jesper!AJ$2:AJ$366,ROUNDDOWN($C7938/24,0)+1,1))-1)+IF('Standard Profiles'!$G$20=$B$10,7,0)+IF('Standard Profiles'!$G$20=$B$17,14,0)+IF('Standard Profiles'!$G$20=$B$24,21,0),MOD($C7938,24)+1)/SUM(INDEX($D$3:$AA$30,INDEX(Jesper!$R$2:$R$366,ROW(INDEX(Jesper!AJ$2:AJ$366,ROUNDDOWN($C7938/24,0)+1,1))-1)+IF('Standard Profiles'!$G$20=$B$10,7,0)+IF('Standard Profiles'!$G$20=$B$17,14,0)+IF('Standard Profiles'!$G$20=$B$24,21,0),0)),0)</f>
        <v>4.8063806563860014</v>
      </c>
      <c r="G7938" cm="1">
        <f t="array" ref="G7938">IFERROR(INDEX(Jesper!AK$2:AK$366,ROUNDDOWN($C7938/24,0)+1,1)*INDEX($D$3:$AA$30,INDEX(Jesper!$R$2:$R$366,ROW(INDEX(Jesper!AK$2:AK$366,ROUNDDOWN($C7938/24,0)+1,1))-1)+IF('Standard Profiles'!$G$21=$B$10,7,0)+IF('Standard Profiles'!$G$21=$B$17,14,0)+IF('Standard Profiles'!$G$21=$B$24,21,0),MOD($C7938,24)+1)/SUM(INDEX($D$3:$AA$30,INDEX(Jesper!$R$2:$R$366,ROW(INDEX(Jesper!AK$2:AK$366,ROUNDDOWN($C7938/24,0)+1,1))-1)+IF('Standard Profiles'!$G$21=$B$10,7,0)+IF('Standard Profiles'!$G$21=$B$17,14,0)+IF('Standard Profiles'!$G$21=$B$24,21,0),0)),0)</f>
        <v>8.160008955484189</v>
      </c>
      <c r="H7938" cm="1">
        <f t="array" ref="H7938">IFERROR(INDEX(Jesper!AL$2:AL$366,ROUNDDOWN($C7938/24,0)+1,1)*INDEX($D$3:$AA$30,INDEX(Jesper!$R$2:$R$366,ROW(INDEX(Jesper!AL$2:AL$366,ROUNDDOWN($C7938/24,0)+1,1))-1)+IF('Standard Profiles'!$G$22=$B$10,7,0)+IF('Standard Profiles'!$G$22=$B$17,14,0)+IF('Standard Profiles'!$G$22=$B$24,21,0),MOD($C7938,24)+1)/SUM(INDEX($D$3:$AA$30,INDEX(Jesper!$R$2:$R$366,ROW(INDEX(Jesper!AL$2:AL$366,ROUNDDOWN($C7938/24,0)+1,1))-1)+IF('Standard Profiles'!$G$22=$B$10,7,0)+IF('Standard Profiles'!$G$22=$B$17,14,0)+IF('Standard Profiles'!$G$22=$B$24,21,0),0)),0)</f>
        <v>7.9784863201128671</v>
      </c>
      <c r="I7938">
        <f t="shared" si="881"/>
        <v>7.6593468673083569</v>
      </c>
      <c r="J7938">
        <f t="shared" si="882"/>
        <v>18.107594527294548</v>
      </c>
      <c r="K7938">
        <f t="shared" si="883"/>
        <v>0.43836958751089528</v>
      </c>
      <c r="L7938">
        <f t="shared" si="884"/>
        <v>0.21918479375544764</v>
      </c>
      <c r="M7938">
        <f t="shared" si="885"/>
        <v>0</v>
      </c>
      <c r="N7938" s="45">
        <f t="shared" si="886"/>
        <v>45256.333333314164</v>
      </c>
    </row>
    <row r="7939" spans="2:14" x14ac:dyDescent="0.25">
      <c r="B7939">
        <f t="shared" si="880"/>
        <v>7</v>
      </c>
      <c r="C7939" s="16">
        <v>7905</v>
      </c>
      <c r="D7939" cm="1">
        <f t="array" ref="D7939">IFERROR(INDEX(Jesper!AH$2:AH$366,ROUNDDOWN($C7939/24,0)+1,1)*INDEX($D$3:$AA$30,INDEX(Jesper!$R$2:$R$366,ROW(INDEX(Jesper!AH$2:AH$366,ROUNDDOWN($C7939/24,0)+1,1))-1)+IF('Standard Profiles'!$G$18=$B$10,7,0)+IF('Standard Profiles'!$G$18=$B$17,14,0)+IF('Standard Profiles'!$G$18=$B$24,21,0),MOD($C7939,24)+1)/SUM(INDEX($D$3:$AA$30,INDEX(Jesper!$R$2:$R$366,ROW(INDEX(Jesper!AH$2:AH$366,ROUNDDOWN($C7939/24,0)+1,1))-1)+IF('Standard Profiles'!$G$18=$B$10,7,0)+IF('Standard Profiles'!$G$18=$B$17,14,0)+IF('Standard Profiles'!$G$18=$B$24,21,0),0)),0)</f>
        <v>0</v>
      </c>
      <c r="E7939" cm="1">
        <f t="array" ref="E7939">IFERROR(INDEX(Jesper!AI$2:AI$366,ROUNDDOWN($C7939/24,0)+1,1)*INDEX($D$3:$AA$30,INDEX(Jesper!$R$2:$R$366,ROW(INDEX(Jesper!AI$2:AI$366,ROUNDDOWN($C7939/24,0)+1,1))-1)+IF('Standard Profiles'!$G$19=$B$10,7,0)+IF('Standard Profiles'!$G$19=$B$17,14,0)+IF('Standard Profiles'!$G$19=$B$24,21,0),MOD($C7939,24)+1)/SUM(INDEX($D$3:$AA$30,INDEX(Jesper!$R$2:$R$366,ROW(INDEX(Jesper!AI$2:AI$366,ROUNDDOWN($C7939/24,0)+1,1))-1)+IF('Standard Profiles'!$G$19=$B$10,7,0)+IF('Standard Profiles'!$G$19=$B$17,14,0)+IF('Standard Profiles'!$G$19=$B$24,21,0),0)),0)</f>
        <v>5.4796198438861907</v>
      </c>
      <c r="F7939" cm="1">
        <f t="array" ref="F7939">IFERROR(INDEX(Jesper!AJ$2:AJ$366,ROUNDDOWN($C7939/24,0)+1,1)*INDEX($D$3:$AA$30,INDEX(Jesper!$R$2:$R$366,ROW(INDEX(Jesper!AJ$2:AJ$366,ROUNDDOWN($C7939/24,0)+1,1))-1)+IF('Standard Profiles'!$G$20=$B$10,7,0)+IF('Standard Profiles'!$G$20=$B$17,14,0)+IF('Standard Profiles'!$G$20=$B$24,21,0),MOD($C7939,24)+1)/SUM(INDEX($D$3:$AA$30,INDEX(Jesper!$R$2:$R$366,ROW(INDEX(Jesper!AJ$2:AJ$366,ROUNDDOWN($C7939/24,0)+1,1))-1)+IF('Standard Profiles'!$G$20=$B$10,7,0)+IF('Standard Profiles'!$G$20=$B$17,14,0)+IF('Standard Profiles'!$G$20=$B$24,21,0),0)),0)</f>
        <v>4.8063806563860014</v>
      </c>
      <c r="G7939" cm="1">
        <f t="array" ref="G7939">IFERROR(INDEX(Jesper!AK$2:AK$366,ROUNDDOWN($C7939/24,0)+1,1)*INDEX($D$3:$AA$30,INDEX(Jesper!$R$2:$R$366,ROW(INDEX(Jesper!AK$2:AK$366,ROUNDDOWN($C7939/24,0)+1,1))-1)+IF('Standard Profiles'!$G$21=$B$10,7,0)+IF('Standard Profiles'!$G$21=$B$17,14,0)+IF('Standard Profiles'!$G$21=$B$24,21,0),MOD($C7939,24)+1)/SUM(INDEX($D$3:$AA$30,INDEX(Jesper!$R$2:$R$366,ROW(INDEX(Jesper!AK$2:AK$366,ROUNDDOWN($C7939/24,0)+1,1))-1)+IF('Standard Profiles'!$G$21=$B$10,7,0)+IF('Standard Profiles'!$G$21=$B$17,14,0)+IF('Standard Profiles'!$G$21=$B$24,21,0),0)),0)</f>
        <v>8.160008955484189</v>
      </c>
      <c r="H7939" cm="1">
        <f t="array" ref="H7939">IFERROR(INDEX(Jesper!AL$2:AL$366,ROUNDDOWN($C7939/24,0)+1,1)*INDEX($D$3:$AA$30,INDEX(Jesper!$R$2:$R$366,ROW(INDEX(Jesper!AL$2:AL$366,ROUNDDOWN($C7939/24,0)+1,1))-1)+IF('Standard Profiles'!$G$22=$B$10,7,0)+IF('Standard Profiles'!$G$22=$B$17,14,0)+IF('Standard Profiles'!$G$22=$B$24,21,0),MOD($C7939,24)+1)/SUM(INDEX($D$3:$AA$30,INDEX(Jesper!$R$2:$R$366,ROW(INDEX(Jesper!AL$2:AL$366,ROUNDDOWN($C7939/24,0)+1,1))-1)+IF('Standard Profiles'!$G$22=$B$10,7,0)+IF('Standard Profiles'!$G$22=$B$17,14,0)+IF('Standard Profiles'!$G$22=$B$24,21,0),0)),0)</f>
        <v>7.9784863201128671</v>
      </c>
      <c r="I7939">
        <f t="shared" si="881"/>
        <v>7.6593468673083569</v>
      </c>
      <c r="J7939">
        <f t="shared" si="882"/>
        <v>18.107594527294548</v>
      </c>
      <c r="K7939">
        <f t="shared" si="883"/>
        <v>0.43836958751089528</v>
      </c>
      <c r="L7939">
        <f t="shared" si="884"/>
        <v>0.21918479375544764</v>
      </c>
      <c r="M7939">
        <f t="shared" si="885"/>
        <v>0</v>
      </c>
      <c r="N7939" s="45">
        <f t="shared" si="886"/>
        <v>45256.374999980828</v>
      </c>
    </row>
    <row r="7940" spans="2:14" x14ac:dyDescent="0.25">
      <c r="B7940">
        <f t="shared" si="880"/>
        <v>7</v>
      </c>
      <c r="C7940" s="16">
        <v>7906</v>
      </c>
      <c r="D7940" cm="1">
        <f t="array" ref="D7940">IFERROR(INDEX(Jesper!AH$2:AH$366,ROUNDDOWN($C7940/24,0)+1,1)*INDEX($D$3:$AA$30,INDEX(Jesper!$R$2:$R$366,ROW(INDEX(Jesper!AH$2:AH$366,ROUNDDOWN($C7940/24,0)+1,1))-1)+IF('Standard Profiles'!$G$18=$B$10,7,0)+IF('Standard Profiles'!$G$18=$B$17,14,0)+IF('Standard Profiles'!$G$18=$B$24,21,0),MOD($C7940,24)+1)/SUM(INDEX($D$3:$AA$30,INDEX(Jesper!$R$2:$R$366,ROW(INDEX(Jesper!AH$2:AH$366,ROUNDDOWN($C7940/24,0)+1,1))-1)+IF('Standard Profiles'!$G$18=$B$10,7,0)+IF('Standard Profiles'!$G$18=$B$17,14,0)+IF('Standard Profiles'!$G$18=$B$24,21,0),0)),0)</f>
        <v>0</v>
      </c>
      <c r="E7940" cm="1">
        <f t="array" ref="E7940">IFERROR(INDEX(Jesper!AI$2:AI$366,ROUNDDOWN($C7940/24,0)+1,1)*INDEX($D$3:$AA$30,INDEX(Jesper!$R$2:$R$366,ROW(INDEX(Jesper!AI$2:AI$366,ROUNDDOWN($C7940/24,0)+1,1))-1)+IF('Standard Profiles'!$G$19=$B$10,7,0)+IF('Standard Profiles'!$G$19=$B$17,14,0)+IF('Standard Profiles'!$G$19=$B$24,21,0),MOD($C7940,24)+1)/SUM(INDEX($D$3:$AA$30,INDEX(Jesper!$R$2:$R$366,ROW(INDEX(Jesper!AI$2:AI$366,ROUNDDOWN($C7940/24,0)+1,1))-1)+IF('Standard Profiles'!$G$19=$B$10,7,0)+IF('Standard Profiles'!$G$19=$B$17,14,0)+IF('Standard Profiles'!$G$19=$B$24,21,0),0)),0)</f>
        <v>5.4796198438861907</v>
      </c>
      <c r="F7940" cm="1">
        <f t="array" ref="F7940">IFERROR(INDEX(Jesper!AJ$2:AJ$366,ROUNDDOWN($C7940/24,0)+1,1)*INDEX($D$3:$AA$30,INDEX(Jesper!$R$2:$R$366,ROW(INDEX(Jesper!AJ$2:AJ$366,ROUNDDOWN($C7940/24,0)+1,1))-1)+IF('Standard Profiles'!$G$20=$B$10,7,0)+IF('Standard Profiles'!$G$20=$B$17,14,0)+IF('Standard Profiles'!$G$20=$B$24,21,0),MOD($C7940,24)+1)/SUM(INDEX($D$3:$AA$30,INDEX(Jesper!$R$2:$R$366,ROW(INDEX(Jesper!AJ$2:AJ$366,ROUNDDOWN($C7940/24,0)+1,1))-1)+IF('Standard Profiles'!$G$20=$B$10,7,0)+IF('Standard Profiles'!$G$20=$B$17,14,0)+IF('Standard Profiles'!$G$20=$B$24,21,0),0)),0)</f>
        <v>4.8063806563860014</v>
      </c>
      <c r="G7940" cm="1">
        <f t="array" ref="G7940">IFERROR(INDEX(Jesper!AK$2:AK$366,ROUNDDOWN($C7940/24,0)+1,1)*INDEX($D$3:$AA$30,INDEX(Jesper!$R$2:$R$366,ROW(INDEX(Jesper!AK$2:AK$366,ROUNDDOWN($C7940/24,0)+1,1))-1)+IF('Standard Profiles'!$G$21=$B$10,7,0)+IF('Standard Profiles'!$G$21=$B$17,14,0)+IF('Standard Profiles'!$G$21=$B$24,21,0),MOD($C7940,24)+1)/SUM(INDEX($D$3:$AA$30,INDEX(Jesper!$R$2:$R$366,ROW(INDEX(Jesper!AK$2:AK$366,ROUNDDOWN($C7940/24,0)+1,1))-1)+IF('Standard Profiles'!$G$21=$B$10,7,0)+IF('Standard Profiles'!$G$21=$B$17,14,0)+IF('Standard Profiles'!$G$21=$B$24,21,0),0)),0)</f>
        <v>8.160008955484189</v>
      </c>
      <c r="H7940" cm="1">
        <f t="array" ref="H7940">IFERROR(INDEX(Jesper!AL$2:AL$366,ROUNDDOWN($C7940/24,0)+1,1)*INDEX($D$3:$AA$30,INDEX(Jesper!$R$2:$R$366,ROW(INDEX(Jesper!AL$2:AL$366,ROUNDDOWN($C7940/24,0)+1,1))-1)+IF('Standard Profiles'!$G$22=$B$10,7,0)+IF('Standard Profiles'!$G$22=$B$17,14,0)+IF('Standard Profiles'!$G$22=$B$24,21,0),MOD($C7940,24)+1)/SUM(INDEX($D$3:$AA$30,INDEX(Jesper!$R$2:$R$366,ROW(INDEX(Jesper!AL$2:AL$366,ROUNDDOWN($C7940/24,0)+1,1))-1)+IF('Standard Profiles'!$G$22=$B$10,7,0)+IF('Standard Profiles'!$G$22=$B$17,14,0)+IF('Standard Profiles'!$G$22=$B$24,21,0),0)),0)</f>
        <v>7.9784863201128671</v>
      </c>
      <c r="I7940">
        <f t="shared" si="881"/>
        <v>7.6593468673083569</v>
      </c>
      <c r="J7940">
        <f t="shared" si="882"/>
        <v>18.107594527294548</v>
      </c>
      <c r="K7940">
        <f t="shared" si="883"/>
        <v>0.43836958751089528</v>
      </c>
      <c r="L7940">
        <f t="shared" si="884"/>
        <v>0.21918479375544764</v>
      </c>
      <c r="M7940">
        <f t="shared" si="885"/>
        <v>0</v>
      </c>
      <c r="N7940" s="45">
        <f t="shared" si="886"/>
        <v>45256.416666647492</v>
      </c>
    </row>
    <row r="7941" spans="2:14" x14ac:dyDescent="0.25">
      <c r="B7941">
        <f t="shared" si="880"/>
        <v>7</v>
      </c>
      <c r="C7941" s="16">
        <v>7907</v>
      </c>
      <c r="D7941" cm="1">
        <f t="array" ref="D7941">IFERROR(INDEX(Jesper!AH$2:AH$366,ROUNDDOWN($C7941/24,0)+1,1)*INDEX($D$3:$AA$30,INDEX(Jesper!$R$2:$R$366,ROW(INDEX(Jesper!AH$2:AH$366,ROUNDDOWN($C7941/24,0)+1,1))-1)+IF('Standard Profiles'!$G$18=$B$10,7,0)+IF('Standard Profiles'!$G$18=$B$17,14,0)+IF('Standard Profiles'!$G$18=$B$24,21,0),MOD($C7941,24)+1)/SUM(INDEX($D$3:$AA$30,INDEX(Jesper!$R$2:$R$366,ROW(INDEX(Jesper!AH$2:AH$366,ROUNDDOWN($C7941/24,0)+1,1))-1)+IF('Standard Profiles'!$G$18=$B$10,7,0)+IF('Standard Profiles'!$G$18=$B$17,14,0)+IF('Standard Profiles'!$G$18=$B$24,21,0),0)),0)</f>
        <v>0</v>
      </c>
      <c r="E7941" cm="1">
        <f t="array" ref="E7941">IFERROR(INDEX(Jesper!AI$2:AI$366,ROUNDDOWN($C7941/24,0)+1,1)*INDEX($D$3:$AA$30,INDEX(Jesper!$R$2:$R$366,ROW(INDEX(Jesper!AI$2:AI$366,ROUNDDOWN($C7941/24,0)+1,1))-1)+IF('Standard Profiles'!$G$19=$B$10,7,0)+IF('Standard Profiles'!$G$19=$B$17,14,0)+IF('Standard Profiles'!$G$19=$B$24,21,0),MOD($C7941,24)+1)/SUM(INDEX($D$3:$AA$30,INDEX(Jesper!$R$2:$R$366,ROW(INDEX(Jesper!AI$2:AI$366,ROUNDDOWN($C7941/24,0)+1,1))-1)+IF('Standard Profiles'!$G$19=$B$10,7,0)+IF('Standard Profiles'!$G$19=$B$17,14,0)+IF('Standard Profiles'!$G$19=$B$24,21,0),0)),0)</f>
        <v>5.4796198438861907</v>
      </c>
      <c r="F7941" cm="1">
        <f t="array" ref="F7941">IFERROR(INDEX(Jesper!AJ$2:AJ$366,ROUNDDOWN($C7941/24,0)+1,1)*INDEX($D$3:$AA$30,INDEX(Jesper!$R$2:$R$366,ROW(INDEX(Jesper!AJ$2:AJ$366,ROUNDDOWN($C7941/24,0)+1,1))-1)+IF('Standard Profiles'!$G$20=$B$10,7,0)+IF('Standard Profiles'!$G$20=$B$17,14,0)+IF('Standard Profiles'!$G$20=$B$24,21,0),MOD($C7941,24)+1)/SUM(INDEX($D$3:$AA$30,INDEX(Jesper!$R$2:$R$366,ROW(INDEX(Jesper!AJ$2:AJ$366,ROUNDDOWN($C7941/24,0)+1,1))-1)+IF('Standard Profiles'!$G$20=$B$10,7,0)+IF('Standard Profiles'!$G$20=$B$17,14,0)+IF('Standard Profiles'!$G$20=$B$24,21,0),0)),0)</f>
        <v>4.8063806563860014</v>
      </c>
      <c r="G7941" cm="1">
        <f t="array" ref="G7941">IFERROR(INDEX(Jesper!AK$2:AK$366,ROUNDDOWN($C7941/24,0)+1,1)*INDEX($D$3:$AA$30,INDEX(Jesper!$R$2:$R$366,ROW(INDEX(Jesper!AK$2:AK$366,ROUNDDOWN($C7941/24,0)+1,1))-1)+IF('Standard Profiles'!$G$21=$B$10,7,0)+IF('Standard Profiles'!$G$21=$B$17,14,0)+IF('Standard Profiles'!$G$21=$B$24,21,0),MOD($C7941,24)+1)/SUM(INDEX($D$3:$AA$30,INDEX(Jesper!$R$2:$R$366,ROW(INDEX(Jesper!AK$2:AK$366,ROUNDDOWN($C7941/24,0)+1,1))-1)+IF('Standard Profiles'!$G$21=$B$10,7,0)+IF('Standard Profiles'!$G$21=$B$17,14,0)+IF('Standard Profiles'!$G$21=$B$24,21,0),0)),0)</f>
        <v>8.160008955484189</v>
      </c>
      <c r="H7941" cm="1">
        <f t="array" ref="H7941">IFERROR(INDEX(Jesper!AL$2:AL$366,ROUNDDOWN($C7941/24,0)+1,1)*INDEX($D$3:$AA$30,INDEX(Jesper!$R$2:$R$366,ROW(INDEX(Jesper!AL$2:AL$366,ROUNDDOWN($C7941/24,0)+1,1))-1)+IF('Standard Profiles'!$G$22=$B$10,7,0)+IF('Standard Profiles'!$G$22=$B$17,14,0)+IF('Standard Profiles'!$G$22=$B$24,21,0),MOD($C7941,24)+1)/SUM(INDEX($D$3:$AA$30,INDEX(Jesper!$R$2:$R$366,ROW(INDEX(Jesper!AL$2:AL$366,ROUNDDOWN($C7941/24,0)+1,1))-1)+IF('Standard Profiles'!$G$22=$B$10,7,0)+IF('Standard Profiles'!$G$22=$B$17,14,0)+IF('Standard Profiles'!$G$22=$B$24,21,0),0)),0)</f>
        <v>7.9784863201128671</v>
      </c>
      <c r="I7941">
        <f t="shared" si="881"/>
        <v>7.6593468673083569</v>
      </c>
      <c r="J7941">
        <f t="shared" si="882"/>
        <v>18.107594527294548</v>
      </c>
      <c r="K7941">
        <f t="shared" si="883"/>
        <v>0.43836958751089528</v>
      </c>
      <c r="L7941">
        <f t="shared" si="884"/>
        <v>0.21918479375544764</v>
      </c>
      <c r="M7941">
        <f t="shared" si="885"/>
        <v>0</v>
      </c>
      <c r="N7941" s="45">
        <f t="shared" si="886"/>
        <v>45256.458333314156</v>
      </c>
    </row>
    <row r="7942" spans="2:14" x14ac:dyDescent="0.25">
      <c r="B7942">
        <f t="shared" si="880"/>
        <v>7</v>
      </c>
      <c r="C7942" s="16">
        <v>7908</v>
      </c>
      <c r="D7942" cm="1">
        <f t="array" ref="D7942">IFERROR(INDEX(Jesper!AH$2:AH$366,ROUNDDOWN($C7942/24,0)+1,1)*INDEX($D$3:$AA$30,INDEX(Jesper!$R$2:$R$366,ROW(INDEX(Jesper!AH$2:AH$366,ROUNDDOWN($C7942/24,0)+1,1))-1)+IF('Standard Profiles'!$G$18=$B$10,7,0)+IF('Standard Profiles'!$G$18=$B$17,14,0)+IF('Standard Profiles'!$G$18=$B$24,21,0),MOD($C7942,24)+1)/SUM(INDEX($D$3:$AA$30,INDEX(Jesper!$R$2:$R$366,ROW(INDEX(Jesper!AH$2:AH$366,ROUNDDOWN($C7942/24,0)+1,1))-1)+IF('Standard Profiles'!$G$18=$B$10,7,0)+IF('Standard Profiles'!$G$18=$B$17,14,0)+IF('Standard Profiles'!$G$18=$B$24,21,0),0)),0)</f>
        <v>0</v>
      </c>
      <c r="E7942" cm="1">
        <f t="array" ref="E7942">IFERROR(INDEX(Jesper!AI$2:AI$366,ROUNDDOWN($C7942/24,0)+1,1)*INDEX($D$3:$AA$30,INDEX(Jesper!$R$2:$R$366,ROW(INDEX(Jesper!AI$2:AI$366,ROUNDDOWN($C7942/24,0)+1,1))-1)+IF('Standard Profiles'!$G$19=$B$10,7,0)+IF('Standard Profiles'!$G$19=$B$17,14,0)+IF('Standard Profiles'!$G$19=$B$24,21,0),MOD($C7942,24)+1)/SUM(INDEX($D$3:$AA$30,INDEX(Jesper!$R$2:$R$366,ROW(INDEX(Jesper!AI$2:AI$366,ROUNDDOWN($C7942/24,0)+1,1))-1)+IF('Standard Profiles'!$G$19=$B$10,7,0)+IF('Standard Profiles'!$G$19=$B$17,14,0)+IF('Standard Profiles'!$G$19=$B$24,21,0),0)),0)</f>
        <v>5.4796198438861907</v>
      </c>
      <c r="F7942" cm="1">
        <f t="array" ref="F7942">IFERROR(INDEX(Jesper!AJ$2:AJ$366,ROUNDDOWN($C7942/24,0)+1,1)*INDEX($D$3:$AA$30,INDEX(Jesper!$R$2:$R$366,ROW(INDEX(Jesper!AJ$2:AJ$366,ROUNDDOWN($C7942/24,0)+1,1))-1)+IF('Standard Profiles'!$G$20=$B$10,7,0)+IF('Standard Profiles'!$G$20=$B$17,14,0)+IF('Standard Profiles'!$G$20=$B$24,21,0),MOD($C7942,24)+1)/SUM(INDEX($D$3:$AA$30,INDEX(Jesper!$R$2:$R$366,ROW(INDEX(Jesper!AJ$2:AJ$366,ROUNDDOWN($C7942/24,0)+1,1))-1)+IF('Standard Profiles'!$G$20=$B$10,7,0)+IF('Standard Profiles'!$G$20=$B$17,14,0)+IF('Standard Profiles'!$G$20=$B$24,21,0),0)),0)</f>
        <v>4.8063806563860014</v>
      </c>
      <c r="G7942" cm="1">
        <f t="array" ref="G7942">IFERROR(INDEX(Jesper!AK$2:AK$366,ROUNDDOWN($C7942/24,0)+1,1)*INDEX($D$3:$AA$30,INDEX(Jesper!$R$2:$R$366,ROW(INDEX(Jesper!AK$2:AK$366,ROUNDDOWN($C7942/24,0)+1,1))-1)+IF('Standard Profiles'!$G$21=$B$10,7,0)+IF('Standard Profiles'!$G$21=$B$17,14,0)+IF('Standard Profiles'!$G$21=$B$24,21,0),MOD($C7942,24)+1)/SUM(INDEX($D$3:$AA$30,INDEX(Jesper!$R$2:$R$366,ROW(INDEX(Jesper!AK$2:AK$366,ROUNDDOWN($C7942/24,0)+1,1))-1)+IF('Standard Profiles'!$G$21=$B$10,7,0)+IF('Standard Profiles'!$G$21=$B$17,14,0)+IF('Standard Profiles'!$G$21=$B$24,21,0),0)),0)</f>
        <v>8.160008955484189</v>
      </c>
      <c r="H7942" cm="1">
        <f t="array" ref="H7942">IFERROR(INDEX(Jesper!AL$2:AL$366,ROUNDDOWN($C7942/24,0)+1,1)*INDEX($D$3:$AA$30,INDEX(Jesper!$R$2:$R$366,ROW(INDEX(Jesper!AL$2:AL$366,ROUNDDOWN($C7942/24,0)+1,1))-1)+IF('Standard Profiles'!$G$22=$B$10,7,0)+IF('Standard Profiles'!$G$22=$B$17,14,0)+IF('Standard Profiles'!$G$22=$B$24,21,0),MOD($C7942,24)+1)/SUM(INDEX($D$3:$AA$30,INDEX(Jesper!$R$2:$R$366,ROW(INDEX(Jesper!AL$2:AL$366,ROUNDDOWN($C7942/24,0)+1,1))-1)+IF('Standard Profiles'!$G$22=$B$10,7,0)+IF('Standard Profiles'!$G$22=$B$17,14,0)+IF('Standard Profiles'!$G$22=$B$24,21,0),0)),0)</f>
        <v>7.9784863201128671</v>
      </c>
      <c r="I7942">
        <f t="shared" si="881"/>
        <v>7.6593468673083569</v>
      </c>
      <c r="J7942">
        <f t="shared" si="882"/>
        <v>18.107594527294548</v>
      </c>
      <c r="K7942">
        <f t="shared" si="883"/>
        <v>0.43836958751089528</v>
      </c>
      <c r="L7942">
        <f t="shared" si="884"/>
        <v>0.21918479375544764</v>
      </c>
      <c r="M7942">
        <f t="shared" si="885"/>
        <v>0</v>
      </c>
      <c r="N7942" s="45">
        <f t="shared" si="886"/>
        <v>45256.499999980821</v>
      </c>
    </row>
    <row r="7943" spans="2:14" x14ac:dyDescent="0.25">
      <c r="B7943">
        <f t="shared" si="880"/>
        <v>7</v>
      </c>
      <c r="C7943" s="16">
        <v>7909</v>
      </c>
      <c r="D7943" cm="1">
        <f t="array" ref="D7943">IFERROR(INDEX(Jesper!AH$2:AH$366,ROUNDDOWN($C7943/24,0)+1,1)*INDEX($D$3:$AA$30,INDEX(Jesper!$R$2:$R$366,ROW(INDEX(Jesper!AH$2:AH$366,ROUNDDOWN($C7943/24,0)+1,1))-1)+IF('Standard Profiles'!$G$18=$B$10,7,0)+IF('Standard Profiles'!$G$18=$B$17,14,0)+IF('Standard Profiles'!$G$18=$B$24,21,0),MOD($C7943,24)+1)/SUM(INDEX($D$3:$AA$30,INDEX(Jesper!$R$2:$R$366,ROW(INDEX(Jesper!AH$2:AH$366,ROUNDDOWN($C7943/24,0)+1,1))-1)+IF('Standard Profiles'!$G$18=$B$10,7,0)+IF('Standard Profiles'!$G$18=$B$17,14,0)+IF('Standard Profiles'!$G$18=$B$24,21,0),0)),0)</f>
        <v>0</v>
      </c>
      <c r="E7943" cm="1">
        <f t="array" ref="E7943">IFERROR(INDEX(Jesper!AI$2:AI$366,ROUNDDOWN($C7943/24,0)+1,1)*INDEX($D$3:$AA$30,INDEX(Jesper!$R$2:$R$366,ROW(INDEX(Jesper!AI$2:AI$366,ROUNDDOWN($C7943/24,0)+1,1))-1)+IF('Standard Profiles'!$G$19=$B$10,7,0)+IF('Standard Profiles'!$G$19=$B$17,14,0)+IF('Standard Profiles'!$G$19=$B$24,21,0),MOD($C7943,24)+1)/SUM(INDEX($D$3:$AA$30,INDEX(Jesper!$R$2:$R$366,ROW(INDEX(Jesper!AI$2:AI$366,ROUNDDOWN($C7943/24,0)+1,1))-1)+IF('Standard Profiles'!$G$19=$B$10,7,0)+IF('Standard Profiles'!$G$19=$B$17,14,0)+IF('Standard Profiles'!$G$19=$B$24,21,0),0)),0)</f>
        <v>5.4796198438861907</v>
      </c>
      <c r="F7943" cm="1">
        <f t="array" ref="F7943">IFERROR(INDEX(Jesper!AJ$2:AJ$366,ROUNDDOWN($C7943/24,0)+1,1)*INDEX($D$3:$AA$30,INDEX(Jesper!$R$2:$R$366,ROW(INDEX(Jesper!AJ$2:AJ$366,ROUNDDOWN($C7943/24,0)+1,1))-1)+IF('Standard Profiles'!$G$20=$B$10,7,0)+IF('Standard Profiles'!$G$20=$B$17,14,0)+IF('Standard Profiles'!$G$20=$B$24,21,0),MOD($C7943,24)+1)/SUM(INDEX($D$3:$AA$30,INDEX(Jesper!$R$2:$R$366,ROW(INDEX(Jesper!AJ$2:AJ$366,ROUNDDOWN($C7943/24,0)+1,1))-1)+IF('Standard Profiles'!$G$20=$B$10,7,0)+IF('Standard Profiles'!$G$20=$B$17,14,0)+IF('Standard Profiles'!$G$20=$B$24,21,0),0)),0)</f>
        <v>4.8063806563860014</v>
      </c>
      <c r="G7943" cm="1">
        <f t="array" ref="G7943">IFERROR(INDEX(Jesper!AK$2:AK$366,ROUNDDOWN($C7943/24,0)+1,1)*INDEX($D$3:$AA$30,INDEX(Jesper!$R$2:$R$366,ROW(INDEX(Jesper!AK$2:AK$366,ROUNDDOWN($C7943/24,0)+1,1))-1)+IF('Standard Profiles'!$G$21=$B$10,7,0)+IF('Standard Profiles'!$G$21=$B$17,14,0)+IF('Standard Profiles'!$G$21=$B$24,21,0),MOD($C7943,24)+1)/SUM(INDEX($D$3:$AA$30,INDEX(Jesper!$R$2:$R$366,ROW(INDEX(Jesper!AK$2:AK$366,ROUNDDOWN($C7943/24,0)+1,1))-1)+IF('Standard Profiles'!$G$21=$B$10,7,0)+IF('Standard Profiles'!$G$21=$B$17,14,0)+IF('Standard Profiles'!$G$21=$B$24,21,0),0)),0)</f>
        <v>8.160008955484189</v>
      </c>
      <c r="H7943" cm="1">
        <f t="array" ref="H7943">IFERROR(INDEX(Jesper!AL$2:AL$366,ROUNDDOWN($C7943/24,0)+1,1)*INDEX($D$3:$AA$30,INDEX(Jesper!$R$2:$R$366,ROW(INDEX(Jesper!AL$2:AL$366,ROUNDDOWN($C7943/24,0)+1,1))-1)+IF('Standard Profiles'!$G$22=$B$10,7,0)+IF('Standard Profiles'!$G$22=$B$17,14,0)+IF('Standard Profiles'!$G$22=$B$24,21,0),MOD($C7943,24)+1)/SUM(INDEX($D$3:$AA$30,INDEX(Jesper!$R$2:$R$366,ROW(INDEX(Jesper!AL$2:AL$366,ROUNDDOWN($C7943/24,0)+1,1))-1)+IF('Standard Profiles'!$G$22=$B$10,7,0)+IF('Standard Profiles'!$G$22=$B$17,14,0)+IF('Standard Profiles'!$G$22=$B$24,21,0),0)),0)</f>
        <v>7.9784863201128671</v>
      </c>
      <c r="I7943">
        <f t="shared" si="881"/>
        <v>7.6593468673083569</v>
      </c>
      <c r="J7943">
        <f t="shared" si="882"/>
        <v>18.107594527294548</v>
      </c>
      <c r="K7943">
        <f t="shared" si="883"/>
        <v>0.43836958751089528</v>
      </c>
      <c r="L7943">
        <f t="shared" si="884"/>
        <v>0.21918479375544764</v>
      </c>
      <c r="M7943">
        <f t="shared" si="885"/>
        <v>0</v>
      </c>
      <c r="N7943" s="45">
        <f t="shared" si="886"/>
        <v>45256.541666647485</v>
      </c>
    </row>
    <row r="7944" spans="2:14" x14ac:dyDescent="0.25">
      <c r="B7944">
        <f t="shared" si="880"/>
        <v>7</v>
      </c>
      <c r="C7944" s="16">
        <v>7910</v>
      </c>
      <c r="D7944" cm="1">
        <f t="array" ref="D7944">IFERROR(INDEX(Jesper!AH$2:AH$366,ROUNDDOWN($C7944/24,0)+1,1)*INDEX($D$3:$AA$30,INDEX(Jesper!$R$2:$R$366,ROW(INDEX(Jesper!AH$2:AH$366,ROUNDDOWN($C7944/24,0)+1,1))-1)+IF('Standard Profiles'!$G$18=$B$10,7,0)+IF('Standard Profiles'!$G$18=$B$17,14,0)+IF('Standard Profiles'!$G$18=$B$24,21,0),MOD($C7944,24)+1)/SUM(INDEX($D$3:$AA$30,INDEX(Jesper!$R$2:$R$366,ROW(INDEX(Jesper!AH$2:AH$366,ROUNDDOWN($C7944/24,0)+1,1))-1)+IF('Standard Profiles'!$G$18=$B$10,7,0)+IF('Standard Profiles'!$G$18=$B$17,14,0)+IF('Standard Profiles'!$G$18=$B$24,21,0),0)),0)</f>
        <v>0</v>
      </c>
      <c r="E7944" cm="1">
        <f t="array" ref="E7944">IFERROR(INDEX(Jesper!AI$2:AI$366,ROUNDDOWN($C7944/24,0)+1,1)*INDEX($D$3:$AA$30,INDEX(Jesper!$R$2:$R$366,ROW(INDEX(Jesper!AI$2:AI$366,ROUNDDOWN($C7944/24,0)+1,1))-1)+IF('Standard Profiles'!$G$19=$B$10,7,0)+IF('Standard Profiles'!$G$19=$B$17,14,0)+IF('Standard Profiles'!$G$19=$B$24,21,0),MOD($C7944,24)+1)/SUM(INDEX($D$3:$AA$30,INDEX(Jesper!$R$2:$R$366,ROW(INDEX(Jesper!AI$2:AI$366,ROUNDDOWN($C7944/24,0)+1,1))-1)+IF('Standard Profiles'!$G$19=$B$10,7,0)+IF('Standard Profiles'!$G$19=$B$17,14,0)+IF('Standard Profiles'!$G$19=$B$24,21,0),0)),0)</f>
        <v>5.4796198438861907</v>
      </c>
      <c r="F7944" cm="1">
        <f t="array" ref="F7944">IFERROR(INDEX(Jesper!AJ$2:AJ$366,ROUNDDOWN($C7944/24,0)+1,1)*INDEX($D$3:$AA$30,INDEX(Jesper!$R$2:$R$366,ROW(INDEX(Jesper!AJ$2:AJ$366,ROUNDDOWN($C7944/24,0)+1,1))-1)+IF('Standard Profiles'!$G$20=$B$10,7,0)+IF('Standard Profiles'!$G$20=$B$17,14,0)+IF('Standard Profiles'!$G$20=$B$24,21,0),MOD($C7944,24)+1)/SUM(INDEX($D$3:$AA$30,INDEX(Jesper!$R$2:$R$366,ROW(INDEX(Jesper!AJ$2:AJ$366,ROUNDDOWN($C7944/24,0)+1,1))-1)+IF('Standard Profiles'!$G$20=$B$10,7,0)+IF('Standard Profiles'!$G$20=$B$17,14,0)+IF('Standard Profiles'!$G$20=$B$24,21,0),0)),0)</f>
        <v>4.8063806563860014</v>
      </c>
      <c r="G7944" cm="1">
        <f t="array" ref="G7944">IFERROR(INDEX(Jesper!AK$2:AK$366,ROUNDDOWN($C7944/24,0)+1,1)*INDEX($D$3:$AA$30,INDEX(Jesper!$R$2:$R$366,ROW(INDEX(Jesper!AK$2:AK$366,ROUNDDOWN($C7944/24,0)+1,1))-1)+IF('Standard Profiles'!$G$21=$B$10,7,0)+IF('Standard Profiles'!$G$21=$B$17,14,0)+IF('Standard Profiles'!$G$21=$B$24,21,0),MOD($C7944,24)+1)/SUM(INDEX($D$3:$AA$30,INDEX(Jesper!$R$2:$R$366,ROW(INDEX(Jesper!AK$2:AK$366,ROUNDDOWN($C7944/24,0)+1,1))-1)+IF('Standard Profiles'!$G$21=$B$10,7,0)+IF('Standard Profiles'!$G$21=$B$17,14,0)+IF('Standard Profiles'!$G$21=$B$24,21,0),0)),0)</f>
        <v>8.160008955484189</v>
      </c>
      <c r="H7944" cm="1">
        <f t="array" ref="H7944">IFERROR(INDEX(Jesper!AL$2:AL$366,ROUNDDOWN($C7944/24,0)+1,1)*INDEX($D$3:$AA$30,INDEX(Jesper!$R$2:$R$366,ROW(INDEX(Jesper!AL$2:AL$366,ROUNDDOWN($C7944/24,0)+1,1))-1)+IF('Standard Profiles'!$G$22=$B$10,7,0)+IF('Standard Profiles'!$G$22=$B$17,14,0)+IF('Standard Profiles'!$G$22=$B$24,21,0),MOD($C7944,24)+1)/SUM(INDEX($D$3:$AA$30,INDEX(Jesper!$R$2:$R$366,ROW(INDEX(Jesper!AL$2:AL$366,ROUNDDOWN($C7944/24,0)+1,1))-1)+IF('Standard Profiles'!$G$22=$B$10,7,0)+IF('Standard Profiles'!$G$22=$B$17,14,0)+IF('Standard Profiles'!$G$22=$B$24,21,0),0)),0)</f>
        <v>7.9784863201128671</v>
      </c>
      <c r="I7944">
        <f t="shared" si="881"/>
        <v>7.6593468673083569</v>
      </c>
      <c r="J7944">
        <f t="shared" si="882"/>
        <v>18.107594527294548</v>
      </c>
      <c r="K7944">
        <f t="shared" si="883"/>
        <v>0.43836958751089528</v>
      </c>
      <c r="L7944">
        <f t="shared" si="884"/>
        <v>0.21918479375544764</v>
      </c>
      <c r="M7944">
        <f t="shared" si="885"/>
        <v>0</v>
      </c>
      <c r="N7944" s="45">
        <f t="shared" si="886"/>
        <v>45256.583333314149</v>
      </c>
    </row>
    <row r="7945" spans="2:14" x14ac:dyDescent="0.25">
      <c r="B7945">
        <f t="shared" si="880"/>
        <v>7</v>
      </c>
      <c r="C7945" s="16">
        <v>7911</v>
      </c>
      <c r="D7945" cm="1">
        <f t="array" ref="D7945">IFERROR(INDEX(Jesper!AH$2:AH$366,ROUNDDOWN($C7945/24,0)+1,1)*INDEX($D$3:$AA$30,INDEX(Jesper!$R$2:$R$366,ROW(INDEX(Jesper!AH$2:AH$366,ROUNDDOWN($C7945/24,0)+1,1))-1)+IF('Standard Profiles'!$G$18=$B$10,7,0)+IF('Standard Profiles'!$G$18=$B$17,14,0)+IF('Standard Profiles'!$G$18=$B$24,21,0),MOD($C7945,24)+1)/SUM(INDEX($D$3:$AA$30,INDEX(Jesper!$R$2:$R$366,ROW(INDEX(Jesper!AH$2:AH$366,ROUNDDOWN($C7945/24,0)+1,1))-1)+IF('Standard Profiles'!$G$18=$B$10,7,0)+IF('Standard Profiles'!$G$18=$B$17,14,0)+IF('Standard Profiles'!$G$18=$B$24,21,0),0)),0)</f>
        <v>0</v>
      </c>
      <c r="E7945" cm="1">
        <f t="array" ref="E7945">IFERROR(INDEX(Jesper!AI$2:AI$366,ROUNDDOWN($C7945/24,0)+1,1)*INDEX($D$3:$AA$30,INDEX(Jesper!$R$2:$R$366,ROW(INDEX(Jesper!AI$2:AI$366,ROUNDDOWN($C7945/24,0)+1,1))-1)+IF('Standard Profiles'!$G$19=$B$10,7,0)+IF('Standard Profiles'!$G$19=$B$17,14,0)+IF('Standard Profiles'!$G$19=$B$24,21,0),MOD($C7945,24)+1)/SUM(INDEX($D$3:$AA$30,INDEX(Jesper!$R$2:$R$366,ROW(INDEX(Jesper!AI$2:AI$366,ROUNDDOWN($C7945/24,0)+1,1))-1)+IF('Standard Profiles'!$G$19=$B$10,7,0)+IF('Standard Profiles'!$G$19=$B$17,14,0)+IF('Standard Profiles'!$G$19=$B$24,21,0),0)),0)</f>
        <v>5.4796198438861907</v>
      </c>
      <c r="F7945" cm="1">
        <f t="array" ref="F7945">IFERROR(INDEX(Jesper!AJ$2:AJ$366,ROUNDDOWN($C7945/24,0)+1,1)*INDEX($D$3:$AA$30,INDEX(Jesper!$R$2:$R$366,ROW(INDEX(Jesper!AJ$2:AJ$366,ROUNDDOWN($C7945/24,0)+1,1))-1)+IF('Standard Profiles'!$G$20=$B$10,7,0)+IF('Standard Profiles'!$G$20=$B$17,14,0)+IF('Standard Profiles'!$G$20=$B$24,21,0),MOD($C7945,24)+1)/SUM(INDEX($D$3:$AA$30,INDEX(Jesper!$R$2:$R$366,ROW(INDEX(Jesper!AJ$2:AJ$366,ROUNDDOWN($C7945/24,0)+1,1))-1)+IF('Standard Profiles'!$G$20=$B$10,7,0)+IF('Standard Profiles'!$G$20=$B$17,14,0)+IF('Standard Profiles'!$G$20=$B$24,21,0),0)),0)</f>
        <v>4.8063806563860014</v>
      </c>
      <c r="G7945" cm="1">
        <f t="array" ref="G7945">IFERROR(INDEX(Jesper!AK$2:AK$366,ROUNDDOWN($C7945/24,0)+1,1)*INDEX($D$3:$AA$30,INDEX(Jesper!$R$2:$R$366,ROW(INDEX(Jesper!AK$2:AK$366,ROUNDDOWN($C7945/24,0)+1,1))-1)+IF('Standard Profiles'!$G$21=$B$10,7,0)+IF('Standard Profiles'!$G$21=$B$17,14,0)+IF('Standard Profiles'!$G$21=$B$24,21,0),MOD($C7945,24)+1)/SUM(INDEX($D$3:$AA$30,INDEX(Jesper!$R$2:$R$366,ROW(INDEX(Jesper!AK$2:AK$366,ROUNDDOWN($C7945/24,0)+1,1))-1)+IF('Standard Profiles'!$G$21=$B$10,7,0)+IF('Standard Profiles'!$G$21=$B$17,14,0)+IF('Standard Profiles'!$G$21=$B$24,21,0),0)),0)</f>
        <v>8.160008955484189</v>
      </c>
      <c r="H7945" cm="1">
        <f t="array" ref="H7945">IFERROR(INDEX(Jesper!AL$2:AL$366,ROUNDDOWN($C7945/24,0)+1,1)*INDEX($D$3:$AA$30,INDEX(Jesper!$R$2:$R$366,ROW(INDEX(Jesper!AL$2:AL$366,ROUNDDOWN($C7945/24,0)+1,1))-1)+IF('Standard Profiles'!$G$22=$B$10,7,0)+IF('Standard Profiles'!$G$22=$B$17,14,0)+IF('Standard Profiles'!$G$22=$B$24,21,0),MOD($C7945,24)+1)/SUM(INDEX($D$3:$AA$30,INDEX(Jesper!$R$2:$R$366,ROW(INDEX(Jesper!AL$2:AL$366,ROUNDDOWN($C7945/24,0)+1,1))-1)+IF('Standard Profiles'!$G$22=$B$10,7,0)+IF('Standard Profiles'!$G$22=$B$17,14,0)+IF('Standard Profiles'!$G$22=$B$24,21,0),0)),0)</f>
        <v>7.0919878401003267</v>
      </c>
      <c r="I7945">
        <f t="shared" si="881"/>
        <v>6.8083083264963173</v>
      </c>
      <c r="J7945">
        <f t="shared" si="882"/>
        <v>18.072134588094048</v>
      </c>
      <c r="K7945">
        <f t="shared" si="883"/>
        <v>0.43836958751089528</v>
      </c>
      <c r="L7945">
        <f t="shared" si="884"/>
        <v>0.21918479375544764</v>
      </c>
      <c r="M7945">
        <f t="shared" si="885"/>
        <v>0</v>
      </c>
      <c r="N7945" s="45">
        <f t="shared" si="886"/>
        <v>45256.624999980813</v>
      </c>
    </row>
    <row r="7946" spans="2:14" x14ac:dyDescent="0.25">
      <c r="B7946">
        <f t="shared" si="880"/>
        <v>7</v>
      </c>
      <c r="C7946" s="16">
        <v>7912</v>
      </c>
      <c r="D7946" cm="1">
        <f t="array" ref="D7946">IFERROR(INDEX(Jesper!AH$2:AH$366,ROUNDDOWN($C7946/24,0)+1,1)*INDEX($D$3:$AA$30,INDEX(Jesper!$R$2:$R$366,ROW(INDEX(Jesper!AH$2:AH$366,ROUNDDOWN($C7946/24,0)+1,1))-1)+IF('Standard Profiles'!$G$18=$B$10,7,0)+IF('Standard Profiles'!$G$18=$B$17,14,0)+IF('Standard Profiles'!$G$18=$B$24,21,0),MOD($C7946,24)+1)/SUM(INDEX($D$3:$AA$30,INDEX(Jesper!$R$2:$R$366,ROW(INDEX(Jesper!AH$2:AH$366,ROUNDDOWN($C7946/24,0)+1,1))-1)+IF('Standard Profiles'!$G$18=$B$10,7,0)+IF('Standard Profiles'!$G$18=$B$17,14,0)+IF('Standard Profiles'!$G$18=$B$24,21,0),0)),0)</f>
        <v>0</v>
      </c>
      <c r="E7946" cm="1">
        <f t="array" ref="E7946">IFERROR(INDEX(Jesper!AI$2:AI$366,ROUNDDOWN($C7946/24,0)+1,1)*INDEX($D$3:$AA$30,INDEX(Jesper!$R$2:$R$366,ROW(INDEX(Jesper!AI$2:AI$366,ROUNDDOWN($C7946/24,0)+1,1))-1)+IF('Standard Profiles'!$G$19=$B$10,7,0)+IF('Standard Profiles'!$G$19=$B$17,14,0)+IF('Standard Profiles'!$G$19=$B$24,21,0),MOD($C7946,24)+1)/SUM(INDEX($D$3:$AA$30,INDEX(Jesper!$R$2:$R$366,ROW(INDEX(Jesper!AI$2:AI$366,ROUNDDOWN($C7946/24,0)+1,1))-1)+IF('Standard Profiles'!$G$19=$B$10,7,0)+IF('Standard Profiles'!$G$19=$B$17,14,0)+IF('Standard Profiles'!$G$19=$B$24,21,0),0)),0)</f>
        <v>5.4796198438861907</v>
      </c>
      <c r="F7946" cm="1">
        <f t="array" ref="F7946">IFERROR(INDEX(Jesper!AJ$2:AJ$366,ROUNDDOWN($C7946/24,0)+1,1)*INDEX($D$3:$AA$30,INDEX(Jesper!$R$2:$R$366,ROW(INDEX(Jesper!AJ$2:AJ$366,ROUNDDOWN($C7946/24,0)+1,1))-1)+IF('Standard Profiles'!$G$20=$B$10,7,0)+IF('Standard Profiles'!$G$20=$B$17,14,0)+IF('Standard Profiles'!$G$20=$B$24,21,0),MOD($C7946,24)+1)/SUM(INDEX($D$3:$AA$30,INDEX(Jesper!$R$2:$R$366,ROW(INDEX(Jesper!AJ$2:AJ$366,ROUNDDOWN($C7946/24,0)+1,1))-1)+IF('Standard Profiles'!$G$20=$B$10,7,0)+IF('Standard Profiles'!$G$20=$B$17,14,0)+IF('Standard Profiles'!$G$20=$B$24,21,0),0)),0)</f>
        <v>4.8063806563860014</v>
      </c>
      <c r="G7946" cm="1">
        <f t="array" ref="G7946">IFERROR(INDEX(Jesper!AK$2:AK$366,ROUNDDOWN($C7946/24,0)+1,1)*INDEX($D$3:$AA$30,INDEX(Jesper!$R$2:$R$366,ROW(INDEX(Jesper!AK$2:AK$366,ROUNDDOWN($C7946/24,0)+1,1))-1)+IF('Standard Profiles'!$G$21=$B$10,7,0)+IF('Standard Profiles'!$G$21=$B$17,14,0)+IF('Standard Profiles'!$G$21=$B$24,21,0),MOD($C7946,24)+1)/SUM(INDEX($D$3:$AA$30,INDEX(Jesper!$R$2:$R$366,ROW(INDEX(Jesper!AK$2:AK$366,ROUNDDOWN($C7946/24,0)+1,1))-1)+IF('Standard Profiles'!$G$21=$B$10,7,0)+IF('Standard Profiles'!$G$21=$B$17,14,0)+IF('Standard Profiles'!$G$21=$B$24,21,0),0)),0)</f>
        <v>8.160008955484189</v>
      </c>
      <c r="H7946" cm="1">
        <f t="array" ref="H7946">IFERROR(INDEX(Jesper!AL$2:AL$366,ROUNDDOWN($C7946/24,0)+1,1)*INDEX($D$3:$AA$30,INDEX(Jesper!$R$2:$R$366,ROW(INDEX(Jesper!AL$2:AL$366,ROUNDDOWN($C7946/24,0)+1,1))-1)+IF('Standard Profiles'!$G$22=$B$10,7,0)+IF('Standard Profiles'!$G$22=$B$17,14,0)+IF('Standard Profiles'!$G$22=$B$24,21,0),MOD($C7946,24)+1)/SUM(INDEX($D$3:$AA$30,INDEX(Jesper!$R$2:$R$366,ROW(INDEX(Jesper!AL$2:AL$366,ROUNDDOWN($C7946/24,0)+1,1))-1)+IF('Standard Profiles'!$G$22=$B$10,7,0)+IF('Standard Profiles'!$G$22=$B$17,14,0)+IF('Standard Profiles'!$G$22=$B$24,21,0),0)),0)</f>
        <v>6.9653452000985343</v>
      </c>
      <c r="I7946">
        <f t="shared" si="881"/>
        <v>6.6867313920945968</v>
      </c>
      <c r="J7946">
        <f t="shared" si="882"/>
        <v>18.067068882493974</v>
      </c>
      <c r="K7946">
        <f t="shared" si="883"/>
        <v>0.43836958751089528</v>
      </c>
      <c r="L7946">
        <f t="shared" si="884"/>
        <v>0.21918479375544764</v>
      </c>
      <c r="M7946">
        <f t="shared" si="885"/>
        <v>0</v>
      </c>
      <c r="N7946" s="45">
        <f t="shared" si="886"/>
        <v>45256.666666647478</v>
      </c>
    </row>
    <row r="7947" spans="2:14" x14ac:dyDescent="0.25">
      <c r="B7947">
        <f t="shared" si="880"/>
        <v>7</v>
      </c>
      <c r="C7947" s="16">
        <v>7913</v>
      </c>
      <c r="D7947" cm="1">
        <f t="array" ref="D7947">IFERROR(INDEX(Jesper!AH$2:AH$366,ROUNDDOWN($C7947/24,0)+1,1)*INDEX($D$3:$AA$30,INDEX(Jesper!$R$2:$R$366,ROW(INDEX(Jesper!AH$2:AH$366,ROUNDDOWN($C7947/24,0)+1,1))-1)+IF('Standard Profiles'!$G$18=$B$10,7,0)+IF('Standard Profiles'!$G$18=$B$17,14,0)+IF('Standard Profiles'!$G$18=$B$24,21,0),MOD($C7947,24)+1)/SUM(INDEX($D$3:$AA$30,INDEX(Jesper!$R$2:$R$366,ROW(INDEX(Jesper!AH$2:AH$366,ROUNDDOWN($C7947/24,0)+1,1))-1)+IF('Standard Profiles'!$G$18=$B$10,7,0)+IF('Standard Profiles'!$G$18=$B$17,14,0)+IF('Standard Profiles'!$G$18=$B$24,21,0),0)),0)</f>
        <v>0</v>
      </c>
      <c r="E7947" cm="1">
        <f t="array" ref="E7947">IFERROR(INDEX(Jesper!AI$2:AI$366,ROUNDDOWN($C7947/24,0)+1,1)*INDEX($D$3:$AA$30,INDEX(Jesper!$R$2:$R$366,ROW(INDEX(Jesper!AI$2:AI$366,ROUNDDOWN($C7947/24,0)+1,1))-1)+IF('Standard Profiles'!$G$19=$B$10,7,0)+IF('Standard Profiles'!$G$19=$B$17,14,0)+IF('Standard Profiles'!$G$19=$B$24,21,0),MOD($C7947,24)+1)/SUM(INDEX($D$3:$AA$30,INDEX(Jesper!$R$2:$R$366,ROW(INDEX(Jesper!AI$2:AI$366,ROUNDDOWN($C7947/24,0)+1,1))-1)+IF('Standard Profiles'!$G$19=$B$10,7,0)+IF('Standard Profiles'!$G$19=$B$17,14,0)+IF('Standard Profiles'!$G$19=$B$24,21,0),0)),0)</f>
        <v>5.4796198438861907</v>
      </c>
      <c r="F7947" cm="1">
        <f t="array" ref="F7947">IFERROR(INDEX(Jesper!AJ$2:AJ$366,ROUNDDOWN($C7947/24,0)+1,1)*INDEX($D$3:$AA$30,INDEX(Jesper!$R$2:$R$366,ROW(INDEX(Jesper!AJ$2:AJ$366,ROUNDDOWN($C7947/24,0)+1,1))-1)+IF('Standard Profiles'!$G$20=$B$10,7,0)+IF('Standard Profiles'!$G$20=$B$17,14,0)+IF('Standard Profiles'!$G$20=$B$24,21,0),MOD($C7947,24)+1)/SUM(INDEX($D$3:$AA$30,INDEX(Jesper!$R$2:$R$366,ROW(INDEX(Jesper!AJ$2:AJ$366,ROUNDDOWN($C7947/24,0)+1,1))-1)+IF('Standard Profiles'!$G$20=$B$10,7,0)+IF('Standard Profiles'!$G$20=$B$17,14,0)+IF('Standard Profiles'!$G$20=$B$24,21,0),0)),0)</f>
        <v>4.8063806563860014</v>
      </c>
      <c r="G7947" cm="1">
        <f t="array" ref="G7947">IFERROR(INDEX(Jesper!AK$2:AK$366,ROUNDDOWN($C7947/24,0)+1,1)*INDEX($D$3:$AA$30,INDEX(Jesper!$R$2:$R$366,ROW(INDEX(Jesper!AK$2:AK$366,ROUNDDOWN($C7947/24,0)+1,1))-1)+IF('Standard Profiles'!$G$21=$B$10,7,0)+IF('Standard Profiles'!$G$21=$B$17,14,0)+IF('Standard Profiles'!$G$21=$B$24,21,0),MOD($C7947,24)+1)/SUM(INDEX($D$3:$AA$30,INDEX(Jesper!$R$2:$R$366,ROW(INDEX(Jesper!AK$2:AK$366,ROUNDDOWN($C7947/24,0)+1,1))-1)+IF('Standard Profiles'!$G$21=$B$10,7,0)+IF('Standard Profiles'!$G$21=$B$17,14,0)+IF('Standard Profiles'!$G$21=$B$24,21,0),0)),0)</f>
        <v>8.160008955484189</v>
      </c>
      <c r="H7947" cm="1">
        <f t="array" ref="H7947">IFERROR(INDEX(Jesper!AL$2:AL$366,ROUNDDOWN($C7947/24,0)+1,1)*INDEX($D$3:$AA$30,INDEX(Jesper!$R$2:$R$366,ROW(INDEX(Jesper!AL$2:AL$366,ROUNDDOWN($C7947/24,0)+1,1))-1)+IF('Standard Profiles'!$G$22=$B$10,7,0)+IF('Standard Profiles'!$G$22=$B$17,14,0)+IF('Standard Profiles'!$G$22=$B$24,21,0),MOD($C7947,24)+1)/SUM(INDEX($D$3:$AA$30,INDEX(Jesper!$R$2:$R$366,ROW(INDEX(Jesper!AL$2:AL$366,ROUNDDOWN($C7947/24,0)+1,1))-1)+IF('Standard Profiles'!$G$22=$B$10,7,0)+IF('Standard Profiles'!$G$22=$B$17,14,0)+IF('Standard Profiles'!$G$22=$B$24,21,0),0)),0)</f>
        <v>5.9522040800842024</v>
      </c>
      <c r="I7947">
        <f t="shared" si="881"/>
        <v>5.7141159168808375</v>
      </c>
      <c r="J7947">
        <f t="shared" si="882"/>
        <v>18.026543237693403</v>
      </c>
      <c r="K7947">
        <f t="shared" si="883"/>
        <v>0.43836958751089528</v>
      </c>
      <c r="L7947">
        <f t="shared" si="884"/>
        <v>0.21918479375544764</v>
      </c>
      <c r="M7947">
        <f t="shared" si="885"/>
        <v>0</v>
      </c>
      <c r="N7947" s="45">
        <f t="shared" si="886"/>
        <v>45256.708333314142</v>
      </c>
    </row>
    <row r="7948" spans="2:14" x14ac:dyDescent="0.25">
      <c r="B7948">
        <f t="shared" si="880"/>
        <v>7</v>
      </c>
      <c r="C7948" s="16">
        <v>7914</v>
      </c>
      <c r="D7948" cm="1">
        <f t="array" ref="D7948">IFERROR(INDEX(Jesper!AH$2:AH$366,ROUNDDOWN($C7948/24,0)+1,1)*INDEX($D$3:$AA$30,INDEX(Jesper!$R$2:$R$366,ROW(INDEX(Jesper!AH$2:AH$366,ROUNDDOWN($C7948/24,0)+1,1))-1)+IF('Standard Profiles'!$G$18=$B$10,7,0)+IF('Standard Profiles'!$G$18=$B$17,14,0)+IF('Standard Profiles'!$G$18=$B$24,21,0),MOD($C7948,24)+1)/SUM(INDEX($D$3:$AA$30,INDEX(Jesper!$R$2:$R$366,ROW(INDEX(Jesper!AH$2:AH$366,ROUNDDOWN($C7948/24,0)+1,1))-1)+IF('Standard Profiles'!$G$18=$B$10,7,0)+IF('Standard Profiles'!$G$18=$B$17,14,0)+IF('Standard Profiles'!$G$18=$B$24,21,0),0)),0)</f>
        <v>0</v>
      </c>
      <c r="E7948" cm="1">
        <f t="array" ref="E7948">IFERROR(INDEX(Jesper!AI$2:AI$366,ROUNDDOWN($C7948/24,0)+1,1)*INDEX($D$3:$AA$30,INDEX(Jesper!$R$2:$R$366,ROW(INDEX(Jesper!AI$2:AI$366,ROUNDDOWN($C7948/24,0)+1,1))-1)+IF('Standard Profiles'!$G$19=$B$10,7,0)+IF('Standard Profiles'!$G$19=$B$17,14,0)+IF('Standard Profiles'!$G$19=$B$24,21,0),MOD($C7948,24)+1)/SUM(INDEX($D$3:$AA$30,INDEX(Jesper!$R$2:$R$366,ROW(INDEX(Jesper!AI$2:AI$366,ROUNDDOWN($C7948/24,0)+1,1))-1)+IF('Standard Profiles'!$G$19=$B$10,7,0)+IF('Standard Profiles'!$G$19=$B$17,14,0)+IF('Standard Profiles'!$G$19=$B$24,21,0),0)),0)</f>
        <v>5.4796198438861907</v>
      </c>
      <c r="F7948" cm="1">
        <f t="array" ref="F7948">IFERROR(INDEX(Jesper!AJ$2:AJ$366,ROUNDDOWN($C7948/24,0)+1,1)*INDEX($D$3:$AA$30,INDEX(Jesper!$R$2:$R$366,ROW(INDEX(Jesper!AJ$2:AJ$366,ROUNDDOWN($C7948/24,0)+1,1))-1)+IF('Standard Profiles'!$G$20=$B$10,7,0)+IF('Standard Profiles'!$G$20=$B$17,14,0)+IF('Standard Profiles'!$G$20=$B$24,21,0),MOD($C7948,24)+1)/SUM(INDEX($D$3:$AA$30,INDEX(Jesper!$R$2:$R$366,ROW(INDEX(Jesper!AJ$2:AJ$366,ROUNDDOWN($C7948/24,0)+1,1))-1)+IF('Standard Profiles'!$G$20=$B$10,7,0)+IF('Standard Profiles'!$G$20=$B$17,14,0)+IF('Standard Profiles'!$G$20=$B$24,21,0),0)),0)</f>
        <v>4.8063806563860014</v>
      </c>
      <c r="G7948" cm="1">
        <f t="array" ref="G7948">IFERROR(INDEX(Jesper!AK$2:AK$366,ROUNDDOWN($C7948/24,0)+1,1)*INDEX($D$3:$AA$30,INDEX(Jesper!$R$2:$R$366,ROW(INDEX(Jesper!AK$2:AK$366,ROUNDDOWN($C7948/24,0)+1,1))-1)+IF('Standard Profiles'!$G$21=$B$10,7,0)+IF('Standard Profiles'!$G$21=$B$17,14,0)+IF('Standard Profiles'!$G$21=$B$24,21,0),MOD($C7948,24)+1)/SUM(INDEX($D$3:$AA$30,INDEX(Jesper!$R$2:$R$366,ROW(INDEX(Jesper!AK$2:AK$366,ROUNDDOWN($C7948/24,0)+1,1))-1)+IF('Standard Profiles'!$G$21=$B$10,7,0)+IF('Standard Profiles'!$G$21=$B$17,14,0)+IF('Standard Profiles'!$G$21=$B$24,21,0),0)),0)</f>
        <v>8.160008955484189</v>
      </c>
      <c r="H7948" cm="1">
        <f t="array" ref="H7948">IFERROR(INDEX(Jesper!AL$2:AL$366,ROUNDDOWN($C7948/24,0)+1,1)*INDEX($D$3:$AA$30,INDEX(Jesper!$R$2:$R$366,ROW(INDEX(Jesper!AL$2:AL$366,ROUNDDOWN($C7948/24,0)+1,1))-1)+IF('Standard Profiles'!$G$22=$B$10,7,0)+IF('Standard Profiles'!$G$22=$B$17,14,0)+IF('Standard Profiles'!$G$22=$B$24,21,0),MOD($C7948,24)+1)/SUM(INDEX($D$3:$AA$30,INDEX(Jesper!$R$2:$R$366,ROW(INDEX(Jesper!AL$2:AL$366,ROUNDDOWN($C7948/24,0)+1,1))-1)+IF('Standard Profiles'!$G$22=$B$10,7,0)+IF('Standard Profiles'!$G$22=$B$17,14,0)+IF('Standard Profiles'!$G$22=$B$24,21,0),0)),0)</f>
        <v>5.572276160078828</v>
      </c>
      <c r="I7948">
        <f t="shared" si="881"/>
        <v>5.3493851136756776</v>
      </c>
      <c r="J7948">
        <f t="shared" si="882"/>
        <v>18.011346120893187</v>
      </c>
      <c r="K7948">
        <f t="shared" si="883"/>
        <v>0.43836958751089528</v>
      </c>
      <c r="L7948">
        <f t="shared" si="884"/>
        <v>0.21918479375544764</v>
      </c>
      <c r="M7948">
        <f t="shared" si="885"/>
        <v>0</v>
      </c>
      <c r="N7948" s="45">
        <f t="shared" si="886"/>
        <v>45256.749999980806</v>
      </c>
    </row>
    <row r="7949" spans="2:14" x14ac:dyDescent="0.25">
      <c r="B7949">
        <f t="shared" si="880"/>
        <v>7</v>
      </c>
      <c r="C7949" s="16">
        <v>7915</v>
      </c>
      <c r="D7949" cm="1">
        <f t="array" ref="D7949">IFERROR(INDEX(Jesper!AH$2:AH$366,ROUNDDOWN($C7949/24,0)+1,1)*INDEX($D$3:$AA$30,INDEX(Jesper!$R$2:$R$366,ROW(INDEX(Jesper!AH$2:AH$366,ROUNDDOWN($C7949/24,0)+1,1))-1)+IF('Standard Profiles'!$G$18=$B$10,7,0)+IF('Standard Profiles'!$G$18=$B$17,14,0)+IF('Standard Profiles'!$G$18=$B$24,21,0),MOD($C7949,24)+1)/SUM(INDEX($D$3:$AA$30,INDEX(Jesper!$R$2:$R$366,ROW(INDEX(Jesper!AH$2:AH$366,ROUNDDOWN($C7949/24,0)+1,1))-1)+IF('Standard Profiles'!$G$18=$B$10,7,0)+IF('Standard Profiles'!$G$18=$B$17,14,0)+IF('Standard Profiles'!$G$18=$B$24,21,0),0)),0)</f>
        <v>0</v>
      </c>
      <c r="E7949" cm="1">
        <f t="array" ref="E7949">IFERROR(INDEX(Jesper!AI$2:AI$366,ROUNDDOWN($C7949/24,0)+1,1)*INDEX($D$3:$AA$30,INDEX(Jesper!$R$2:$R$366,ROW(INDEX(Jesper!AI$2:AI$366,ROUNDDOWN($C7949/24,0)+1,1))-1)+IF('Standard Profiles'!$G$19=$B$10,7,0)+IF('Standard Profiles'!$G$19=$B$17,14,0)+IF('Standard Profiles'!$G$19=$B$24,21,0),MOD($C7949,24)+1)/SUM(INDEX($D$3:$AA$30,INDEX(Jesper!$R$2:$R$366,ROW(INDEX(Jesper!AI$2:AI$366,ROUNDDOWN($C7949/24,0)+1,1))-1)+IF('Standard Profiles'!$G$19=$B$10,7,0)+IF('Standard Profiles'!$G$19=$B$17,14,0)+IF('Standard Profiles'!$G$19=$B$24,21,0),0)),0)</f>
        <v>5.4796198438861907</v>
      </c>
      <c r="F7949" cm="1">
        <f t="array" ref="F7949">IFERROR(INDEX(Jesper!AJ$2:AJ$366,ROUNDDOWN($C7949/24,0)+1,1)*INDEX($D$3:$AA$30,INDEX(Jesper!$R$2:$R$366,ROW(INDEX(Jesper!AJ$2:AJ$366,ROUNDDOWN($C7949/24,0)+1,1))-1)+IF('Standard Profiles'!$G$20=$B$10,7,0)+IF('Standard Profiles'!$G$20=$B$17,14,0)+IF('Standard Profiles'!$G$20=$B$24,21,0),MOD($C7949,24)+1)/SUM(INDEX($D$3:$AA$30,INDEX(Jesper!$R$2:$R$366,ROW(INDEX(Jesper!AJ$2:AJ$366,ROUNDDOWN($C7949/24,0)+1,1))-1)+IF('Standard Profiles'!$G$20=$B$10,7,0)+IF('Standard Profiles'!$G$20=$B$17,14,0)+IF('Standard Profiles'!$G$20=$B$24,21,0),0)),0)</f>
        <v>4.8063806563860014</v>
      </c>
      <c r="G7949" cm="1">
        <f t="array" ref="G7949">IFERROR(INDEX(Jesper!AK$2:AK$366,ROUNDDOWN($C7949/24,0)+1,1)*INDEX($D$3:$AA$30,INDEX(Jesper!$R$2:$R$366,ROW(INDEX(Jesper!AK$2:AK$366,ROUNDDOWN($C7949/24,0)+1,1))-1)+IF('Standard Profiles'!$G$21=$B$10,7,0)+IF('Standard Profiles'!$G$21=$B$17,14,0)+IF('Standard Profiles'!$G$21=$B$24,21,0),MOD($C7949,24)+1)/SUM(INDEX($D$3:$AA$30,INDEX(Jesper!$R$2:$R$366,ROW(INDEX(Jesper!AK$2:AK$366,ROUNDDOWN($C7949/24,0)+1,1))-1)+IF('Standard Profiles'!$G$21=$B$10,7,0)+IF('Standard Profiles'!$G$21=$B$17,14,0)+IF('Standard Profiles'!$G$21=$B$24,21,0),0)),0)</f>
        <v>8.160008955484189</v>
      </c>
      <c r="H7949" cm="1">
        <f t="array" ref="H7949">IFERROR(INDEX(Jesper!AL$2:AL$366,ROUNDDOWN($C7949/24,0)+1,1)*INDEX($D$3:$AA$30,INDEX(Jesper!$R$2:$R$366,ROW(INDEX(Jesper!AL$2:AL$366,ROUNDDOWN($C7949/24,0)+1,1))-1)+IF('Standard Profiles'!$G$22=$B$10,7,0)+IF('Standard Profiles'!$G$22=$B$17,14,0)+IF('Standard Profiles'!$G$22=$B$24,21,0),MOD($C7949,24)+1)/SUM(INDEX($D$3:$AA$30,INDEX(Jesper!$R$2:$R$366,ROW(INDEX(Jesper!AL$2:AL$366,ROUNDDOWN($C7949/24,0)+1,1))-1)+IF('Standard Profiles'!$G$22=$B$10,7,0)+IF('Standard Profiles'!$G$22=$B$17,14,0)+IF('Standard Profiles'!$G$22=$B$24,21,0),0)),0)</f>
        <v>4.6857776800662876</v>
      </c>
      <c r="I7949">
        <f t="shared" si="881"/>
        <v>4.4983465728636389</v>
      </c>
      <c r="J7949">
        <f t="shared" si="882"/>
        <v>17.975886181692687</v>
      </c>
      <c r="K7949">
        <f t="shared" si="883"/>
        <v>0.43836958751089528</v>
      </c>
      <c r="L7949">
        <f t="shared" si="884"/>
        <v>0.21918479375544764</v>
      </c>
      <c r="M7949">
        <f t="shared" si="885"/>
        <v>0</v>
      </c>
      <c r="N7949" s="45">
        <f t="shared" si="886"/>
        <v>45256.79166664747</v>
      </c>
    </row>
    <row r="7950" spans="2:14" x14ac:dyDescent="0.25">
      <c r="B7950">
        <f t="shared" si="880"/>
        <v>7</v>
      </c>
      <c r="C7950" s="16">
        <v>7916</v>
      </c>
      <c r="D7950" cm="1">
        <f t="array" ref="D7950">IFERROR(INDEX(Jesper!AH$2:AH$366,ROUNDDOWN($C7950/24,0)+1,1)*INDEX($D$3:$AA$30,INDEX(Jesper!$R$2:$R$366,ROW(INDEX(Jesper!AH$2:AH$366,ROUNDDOWN($C7950/24,0)+1,1))-1)+IF('Standard Profiles'!$G$18=$B$10,7,0)+IF('Standard Profiles'!$G$18=$B$17,14,0)+IF('Standard Profiles'!$G$18=$B$24,21,0),MOD($C7950,24)+1)/SUM(INDEX($D$3:$AA$30,INDEX(Jesper!$R$2:$R$366,ROW(INDEX(Jesper!AH$2:AH$366,ROUNDDOWN($C7950/24,0)+1,1))-1)+IF('Standard Profiles'!$G$18=$B$10,7,0)+IF('Standard Profiles'!$G$18=$B$17,14,0)+IF('Standard Profiles'!$G$18=$B$24,21,0),0)),0)</f>
        <v>0</v>
      </c>
      <c r="E7950" cm="1">
        <f t="array" ref="E7950">IFERROR(INDEX(Jesper!AI$2:AI$366,ROUNDDOWN($C7950/24,0)+1,1)*INDEX($D$3:$AA$30,INDEX(Jesper!$R$2:$R$366,ROW(INDEX(Jesper!AI$2:AI$366,ROUNDDOWN($C7950/24,0)+1,1))-1)+IF('Standard Profiles'!$G$19=$B$10,7,0)+IF('Standard Profiles'!$G$19=$B$17,14,0)+IF('Standard Profiles'!$G$19=$B$24,21,0),MOD($C7950,24)+1)/SUM(INDEX($D$3:$AA$30,INDEX(Jesper!$R$2:$R$366,ROW(INDEX(Jesper!AI$2:AI$366,ROUNDDOWN($C7950/24,0)+1,1))-1)+IF('Standard Profiles'!$G$19=$B$10,7,0)+IF('Standard Profiles'!$G$19=$B$17,14,0)+IF('Standard Profiles'!$G$19=$B$24,21,0),0)),0)</f>
        <v>5.4796198438861907</v>
      </c>
      <c r="F7950" cm="1">
        <f t="array" ref="F7950">IFERROR(INDEX(Jesper!AJ$2:AJ$366,ROUNDDOWN($C7950/24,0)+1,1)*INDEX($D$3:$AA$30,INDEX(Jesper!$R$2:$R$366,ROW(INDEX(Jesper!AJ$2:AJ$366,ROUNDDOWN($C7950/24,0)+1,1))-1)+IF('Standard Profiles'!$G$20=$B$10,7,0)+IF('Standard Profiles'!$G$20=$B$17,14,0)+IF('Standard Profiles'!$G$20=$B$24,21,0),MOD($C7950,24)+1)/SUM(INDEX($D$3:$AA$30,INDEX(Jesper!$R$2:$R$366,ROW(INDEX(Jesper!AJ$2:AJ$366,ROUNDDOWN($C7950/24,0)+1,1))-1)+IF('Standard Profiles'!$G$20=$B$10,7,0)+IF('Standard Profiles'!$G$20=$B$17,14,0)+IF('Standard Profiles'!$G$20=$B$24,21,0),0)),0)</f>
        <v>4.8063806563860014</v>
      </c>
      <c r="G7950" cm="1">
        <f t="array" ref="G7950">IFERROR(INDEX(Jesper!AK$2:AK$366,ROUNDDOWN($C7950/24,0)+1,1)*INDEX($D$3:$AA$30,INDEX(Jesper!$R$2:$R$366,ROW(INDEX(Jesper!AK$2:AK$366,ROUNDDOWN($C7950/24,0)+1,1))-1)+IF('Standard Profiles'!$G$21=$B$10,7,0)+IF('Standard Profiles'!$G$21=$B$17,14,0)+IF('Standard Profiles'!$G$21=$B$24,21,0),MOD($C7950,24)+1)/SUM(INDEX($D$3:$AA$30,INDEX(Jesper!$R$2:$R$366,ROW(INDEX(Jesper!AK$2:AK$366,ROUNDDOWN($C7950/24,0)+1,1))-1)+IF('Standard Profiles'!$G$21=$B$10,7,0)+IF('Standard Profiles'!$G$21=$B$17,14,0)+IF('Standard Profiles'!$G$21=$B$24,21,0),0)),0)</f>
        <v>8.160008955484189</v>
      </c>
      <c r="H7950" cm="1">
        <f t="array" ref="H7950">IFERROR(INDEX(Jesper!AL$2:AL$366,ROUNDDOWN($C7950/24,0)+1,1)*INDEX($D$3:$AA$30,INDEX(Jesper!$R$2:$R$366,ROW(INDEX(Jesper!AL$2:AL$366,ROUNDDOWN($C7950/24,0)+1,1))-1)+IF('Standard Profiles'!$G$22=$B$10,7,0)+IF('Standard Profiles'!$G$22=$B$17,14,0)+IF('Standard Profiles'!$G$22=$B$24,21,0),MOD($C7950,24)+1)/SUM(INDEX($D$3:$AA$30,INDEX(Jesper!$R$2:$R$366,ROW(INDEX(Jesper!AL$2:AL$366,ROUNDDOWN($C7950/24,0)+1,1))-1)+IF('Standard Profiles'!$G$22=$B$10,7,0)+IF('Standard Profiles'!$G$22=$B$17,14,0)+IF('Standard Profiles'!$G$22=$B$24,21,0),0)),0)</f>
        <v>3.9259218400555373</v>
      </c>
      <c r="I7950">
        <f t="shared" si="881"/>
        <v>3.7688849664533177</v>
      </c>
      <c r="J7950">
        <f t="shared" si="882"/>
        <v>17.945491948092258</v>
      </c>
      <c r="K7950">
        <f t="shared" si="883"/>
        <v>0.43836958751089528</v>
      </c>
      <c r="L7950">
        <f t="shared" si="884"/>
        <v>0.21918479375544764</v>
      </c>
      <c r="M7950">
        <f t="shared" si="885"/>
        <v>0</v>
      </c>
      <c r="N7950" s="45">
        <f t="shared" si="886"/>
        <v>45256.833333314135</v>
      </c>
    </row>
    <row r="7951" spans="2:14" x14ac:dyDescent="0.25">
      <c r="B7951">
        <f t="shared" si="880"/>
        <v>7</v>
      </c>
      <c r="C7951" s="16">
        <v>7917</v>
      </c>
      <c r="D7951" cm="1">
        <f t="array" ref="D7951">IFERROR(INDEX(Jesper!AH$2:AH$366,ROUNDDOWN($C7951/24,0)+1,1)*INDEX($D$3:$AA$30,INDEX(Jesper!$R$2:$R$366,ROW(INDEX(Jesper!AH$2:AH$366,ROUNDDOWN($C7951/24,0)+1,1))-1)+IF('Standard Profiles'!$G$18=$B$10,7,0)+IF('Standard Profiles'!$G$18=$B$17,14,0)+IF('Standard Profiles'!$G$18=$B$24,21,0),MOD($C7951,24)+1)/SUM(INDEX($D$3:$AA$30,INDEX(Jesper!$R$2:$R$366,ROW(INDEX(Jesper!AH$2:AH$366,ROUNDDOWN($C7951/24,0)+1,1))-1)+IF('Standard Profiles'!$G$18=$B$10,7,0)+IF('Standard Profiles'!$G$18=$B$17,14,0)+IF('Standard Profiles'!$G$18=$B$24,21,0),0)),0)</f>
        <v>0</v>
      </c>
      <c r="E7951" cm="1">
        <f t="array" ref="E7951">IFERROR(INDEX(Jesper!AI$2:AI$366,ROUNDDOWN($C7951/24,0)+1,1)*INDEX($D$3:$AA$30,INDEX(Jesper!$R$2:$R$366,ROW(INDEX(Jesper!AI$2:AI$366,ROUNDDOWN($C7951/24,0)+1,1))-1)+IF('Standard Profiles'!$G$19=$B$10,7,0)+IF('Standard Profiles'!$G$19=$B$17,14,0)+IF('Standard Profiles'!$G$19=$B$24,21,0),MOD($C7951,24)+1)/SUM(INDEX($D$3:$AA$30,INDEX(Jesper!$R$2:$R$366,ROW(INDEX(Jesper!AI$2:AI$366,ROUNDDOWN($C7951/24,0)+1,1))-1)+IF('Standard Profiles'!$G$19=$B$10,7,0)+IF('Standard Profiles'!$G$19=$B$17,14,0)+IF('Standard Profiles'!$G$19=$B$24,21,0),0)),0)</f>
        <v>5.4796198438861907</v>
      </c>
      <c r="F7951" cm="1">
        <f t="array" ref="F7951">IFERROR(INDEX(Jesper!AJ$2:AJ$366,ROUNDDOWN($C7951/24,0)+1,1)*INDEX($D$3:$AA$30,INDEX(Jesper!$R$2:$R$366,ROW(INDEX(Jesper!AJ$2:AJ$366,ROUNDDOWN($C7951/24,0)+1,1))-1)+IF('Standard Profiles'!$G$20=$B$10,7,0)+IF('Standard Profiles'!$G$20=$B$17,14,0)+IF('Standard Profiles'!$G$20=$B$24,21,0),MOD($C7951,24)+1)/SUM(INDEX($D$3:$AA$30,INDEX(Jesper!$R$2:$R$366,ROW(INDEX(Jesper!AJ$2:AJ$366,ROUNDDOWN($C7951/24,0)+1,1))-1)+IF('Standard Profiles'!$G$20=$B$10,7,0)+IF('Standard Profiles'!$G$20=$B$17,14,0)+IF('Standard Profiles'!$G$20=$B$24,21,0),0)),0)</f>
        <v>4.8063806563860014</v>
      </c>
      <c r="G7951" cm="1">
        <f t="array" ref="G7951">IFERROR(INDEX(Jesper!AK$2:AK$366,ROUNDDOWN($C7951/24,0)+1,1)*INDEX($D$3:$AA$30,INDEX(Jesper!$R$2:$R$366,ROW(INDEX(Jesper!AK$2:AK$366,ROUNDDOWN($C7951/24,0)+1,1))-1)+IF('Standard Profiles'!$G$21=$B$10,7,0)+IF('Standard Profiles'!$G$21=$B$17,14,0)+IF('Standard Profiles'!$G$21=$B$24,21,0),MOD($C7951,24)+1)/SUM(INDEX($D$3:$AA$30,INDEX(Jesper!$R$2:$R$366,ROW(INDEX(Jesper!AK$2:AK$366,ROUNDDOWN($C7951/24,0)+1,1))-1)+IF('Standard Profiles'!$G$21=$B$10,7,0)+IF('Standard Profiles'!$G$21=$B$17,14,0)+IF('Standard Profiles'!$G$21=$B$24,21,0),0)),0)</f>
        <v>8.160008955484189</v>
      </c>
      <c r="H7951" cm="1">
        <f t="array" ref="H7951">IFERROR(INDEX(Jesper!AL$2:AL$366,ROUNDDOWN($C7951/24,0)+1,1)*INDEX($D$3:$AA$30,INDEX(Jesper!$R$2:$R$366,ROW(INDEX(Jesper!AL$2:AL$366,ROUNDDOWN($C7951/24,0)+1,1))-1)+IF('Standard Profiles'!$G$22=$B$10,7,0)+IF('Standard Profiles'!$G$22=$B$17,14,0)+IF('Standard Profiles'!$G$22=$B$24,21,0),MOD($C7951,24)+1)/SUM(INDEX($D$3:$AA$30,INDEX(Jesper!$R$2:$R$366,ROW(INDEX(Jesper!AL$2:AL$366,ROUNDDOWN($C7951/24,0)+1,1))-1)+IF('Standard Profiles'!$G$22=$B$10,7,0)+IF('Standard Profiles'!$G$22=$B$17,14,0)+IF('Standard Profiles'!$G$22=$B$24,21,0),0)),0)</f>
        <v>3.4193512800483719</v>
      </c>
      <c r="I7951">
        <f t="shared" si="881"/>
        <v>3.2825772288464385</v>
      </c>
      <c r="J7951">
        <f t="shared" si="882"/>
        <v>17.92522912569197</v>
      </c>
      <c r="K7951">
        <f t="shared" si="883"/>
        <v>0.43836958751089528</v>
      </c>
      <c r="L7951">
        <f t="shared" si="884"/>
        <v>0.21918479375544764</v>
      </c>
      <c r="M7951">
        <f t="shared" si="885"/>
        <v>0</v>
      </c>
      <c r="N7951" s="45">
        <f t="shared" si="886"/>
        <v>45256.874999980799</v>
      </c>
    </row>
    <row r="7952" spans="2:14" x14ac:dyDescent="0.25">
      <c r="B7952">
        <f t="shared" si="880"/>
        <v>7</v>
      </c>
      <c r="C7952" s="16">
        <v>7918</v>
      </c>
      <c r="D7952" cm="1">
        <f t="array" ref="D7952">IFERROR(INDEX(Jesper!AH$2:AH$366,ROUNDDOWN($C7952/24,0)+1,1)*INDEX($D$3:$AA$30,INDEX(Jesper!$R$2:$R$366,ROW(INDEX(Jesper!AH$2:AH$366,ROUNDDOWN($C7952/24,0)+1,1))-1)+IF('Standard Profiles'!$G$18=$B$10,7,0)+IF('Standard Profiles'!$G$18=$B$17,14,0)+IF('Standard Profiles'!$G$18=$B$24,21,0),MOD($C7952,24)+1)/SUM(INDEX($D$3:$AA$30,INDEX(Jesper!$R$2:$R$366,ROW(INDEX(Jesper!AH$2:AH$366,ROUNDDOWN($C7952/24,0)+1,1))-1)+IF('Standard Profiles'!$G$18=$B$10,7,0)+IF('Standard Profiles'!$G$18=$B$17,14,0)+IF('Standard Profiles'!$G$18=$B$24,21,0),0)),0)</f>
        <v>0</v>
      </c>
      <c r="E7952" cm="1">
        <f t="array" ref="E7952">IFERROR(INDEX(Jesper!AI$2:AI$366,ROUNDDOWN($C7952/24,0)+1,1)*INDEX($D$3:$AA$30,INDEX(Jesper!$R$2:$R$366,ROW(INDEX(Jesper!AI$2:AI$366,ROUNDDOWN($C7952/24,0)+1,1))-1)+IF('Standard Profiles'!$G$19=$B$10,7,0)+IF('Standard Profiles'!$G$19=$B$17,14,0)+IF('Standard Profiles'!$G$19=$B$24,21,0),MOD($C7952,24)+1)/SUM(INDEX($D$3:$AA$30,INDEX(Jesper!$R$2:$R$366,ROW(INDEX(Jesper!AI$2:AI$366,ROUNDDOWN($C7952/24,0)+1,1))-1)+IF('Standard Profiles'!$G$19=$B$10,7,0)+IF('Standard Profiles'!$G$19=$B$17,14,0)+IF('Standard Profiles'!$G$19=$B$24,21,0),0)),0)</f>
        <v>5.4796198438861907</v>
      </c>
      <c r="F7952" cm="1">
        <f t="array" ref="F7952">IFERROR(INDEX(Jesper!AJ$2:AJ$366,ROUNDDOWN($C7952/24,0)+1,1)*INDEX($D$3:$AA$30,INDEX(Jesper!$R$2:$R$366,ROW(INDEX(Jesper!AJ$2:AJ$366,ROUNDDOWN($C7952/24,0)+1,1))-1)+IF('Standard Profiles'!$G$20=$B$10,7,0)+IF('Standard Profiles'!$G$20=$B$17,14,0)+IF('Standard Profiles'!$G$20=$B$24,21,0),MOD($C7952,24)+1)/SUM(INDEX($D$3:$AA$30,INDEX(Jesper!$R$2:$R$366,ROW(INDEX(Jesper!AJ$2:AJ$366,ROUNDDOWN($C7952/24,0)+1,1))-1)+IF('Standard Profiles'!$G$20=$B$10,7,0)+IF('Standard Profiles'!$G$20=$B$17,14,0)+IF('Standard Profiles'!$G$20=$B$24,21,0),0)),0)</f>
        <v>4.8063806563860014</v>
      </c>
      <c r="G7952" cm="1">
        <f t="array" ref="G7952">IFERROR(INDEX(Jesper!AK$2:AK$366,ROUNDDOWN($C7952/24,0)+1,1)*INDEX($D$3:$AA$30,INDEX(Jesper!$R$2:$R$366,ROW(INDEX(Jesper!AK$2:AK$366,ROUNDDOWN($C7952/24,0)+1,1))-1)+IF('Standard Profiles'!$G$21=$B$10,7,0)+IF('Standard Profiles'!$G$21=$B$17,14,0)+IF('Standard Profiles'!$G$21=$B$24,21,0),MOD($C7952,24)+1)/SUM(INDEX($D$3:$AA$30,INDEX(Jesper!$R$2:$R$366,ROW(INDEX(Jesper!AK$2:AK$366,ROUNDDOWN($C7952/24,0)+1,1))-1)+IF('Standard Profiles'!$G$21=$B$10,7,0)+IF('Standard Profiles'!$G$21=$B$17,14,0)+IF('Standard Profiles'!$G$21=$B$24,21,0),0)),0)</f>
        <v>8.160008955484189</v>
      </c>
      <c r="H7952" cm="1">
        <f t="array" ref="H7952">IFERROR(INDEX(Jesper!AL$2:AL$366,ROUNDDOWN($C7952/24,0)+1,1)*INDEX($D$3:$AA$30,INDEX(Jesper!$R$2:$R$366,ROW(INDEX(Jesper!AL$2:AL$366,ROUNDDOWN($C7952/24,0)+1,1))-1)+IF('Standard Profiles'!$G$22=$B$10,7,0)+IF('Standard Profiles'!$G$22=$B$17,14,0)+IF('Standard Profiles'!$G$22=$B$24,21,0),MOD($C7952,24)+1)/SUM(INDEX($D$3:$AA$30,INDEX(Jesper!$R$2:$R$366,ROW(INDEX(Jesper!AL$2:AL$366,ROUNDDOWN($C7952/24,0)+1,1))-1)+IF('Standard Profiles'!$G$22=$B$10,7,0)+IF('Standard Profiles'!$G$22=$B$17,14,0)+IF('Standard Profiles'!$G$22=$B$24,21,0),0)),0)</f>
        <v>3.4193512800483719</v>
      </c>
      <c r="I7952">
        <f t="shared" si="881"/>
        <v>3.2825772288464385</v>
      </c>
      <c r="J7952">
        <f t="shared" si="882"/>
        <v>17.92522912569197</v>
      </c>
      <c r="K7952">
        <f t="shared" si="883"/>
        <v>0.43836958751089528</v>
      </c>
      <c r="L7952">
        <f t="shared" si="884"/>
        <v>0.21918479375544764</v>
      </c>
      <c r="M7952">
        <f t="shared" si="885"/>
        <v>0</v>
      </c>
      <c r="N7952" s="45">
        <f t="shared" si="886"/>
        <v>45256.916666647463</v>
      </c>
    </row>
    <row r="7953" spans="2:14" x14ac:dyDescent="0.25">
      <c r="B7953">
        <f t="shared" si="880"/>
        <v>7</v>
      </c>
      <c r="C7953" s="16">
        <v>7919</v>
      </c>
      <c r="D7953" cm="1">
        <f t="array" ref="D7953">IFERROR(INDEX(Jesper!AH$2:AH$366,ROUNDDOWN($C7953/24,0)+1,1)*INDEX($D$3:$AA$30,INDEX(Jesper!$R$2:$R$366,ROW(INDEX(Jesper!AH$2:AH$366,ROUNDDOWN($C7953/24,0)+1,1))-1)+IF('Standard Profiles'!$G$18=$B$10,7,0)+IF('Standard Profiles'!$G$18=$B$17,14,0)+IF('Standard Profiles'!$G$18=$B$24,21,0),MOD($C7953,24)+1)/SUM(INDEX($D$3:$AA$30,INDEX(Jesper!$R$2:$R$366,ROW(INDEX(Jesper!AH$2:AH$366,ROUNDDOWN($C7953/24,0)+1,1))-1)+IF('Standard Profiles'!$G$18=$B$10,7,0)+IF('Standard Profiles'!$G$18=$B$17,14,0)+IF('Standard Profiles'!$G$18=$B$24,21,0),0)),0)</f>
        <v>0</v>
      </c>
      <c r="E7953" cm="1">
        <f t="array" ref="E7953">IFERROR(INDEX(Jesper!AI$2:AI$366,ROUNDDOWN($C7953/24,0)+1,1)*INDEX($D$3:$AA$30,INDEX(Jesper!$R$2:$R$366,ROW(INDEX(Jesper!AI$2:AI$366,ROUNDDOWN($C7953/24,0)+1,1))-1)+IF('Standard Profiles'!$G$19=$B$10,7,0)+IF('Standard Profiles'!$G$19=$B$17,14,0)+IF('Standard Profiles'!$G$19=$B$24,21,0),MOD($C7953,24)+1)/SUM(INDEX($D$3:$AA$30,INDEX(Jesper!$R$2:$R$366,ROW(INDEX(Jesper!AI$2:AI$366,ROUNDDOWN($C7953/24,0)+1,1))-1)+IF('Standard Profiles'!$G$19=$B$10,7,0)+IF('Standard Profiles'!$G$19=$B$17,14,0)+IF('Standard Profiles'!$G$19=$B$24,21,0),0)),0)</f>
        <v>5.4796198438861907</v>
      </c>
      <c r="F7953" cm="1">
        <f t="array" ref="F7953">IFERROR(INDEX(Jesper!AJ$2:AJ$366,ROUNDDOWN($C7953/24,0)+1,1)*INDEX($D$3:$AA$30,INDEX(Jesper!$R$2:$R$366,ROW(INDEX(Jesper!AJ$2:AJ$366,ROUNDDOWN($C7953/24,0)+1,1))-1)+IF('Standard Profiles'!$G$20=$B$10,7,0)+IF('Standard Profiles'!$G$20=$B$17,14,0)+IF('Standard Profiles'!$G$20=$B$24,21,0),MOD($C7953,24)+1)/SUM(INDEX($D$3:$AA$30,INDEX(Jesper!$R$2:$R$366,ROW(INDEX(Jesper!AJ$2:AJ$366,ROUNDDOWN($C7953/24,0)+1,1))-1)+IF('Standard Profiles'!$G$20=$B$10,7,0)+IF('Standard Profiles'!$G$20=$B$17,14,0)+IF('Standard Profiles'!$G$20=$B$24,21,0),0)),0)</f>
        <v>4.8063806563860014</v>
      </c>
      <c r="G7953" cm="1">
        <f t="array" ref="G7953">IFERROR(INDEX(Jesper!AK$2:AK$366,ROUNDDOWN($C7953/24,0)+1,1)*INDEX($D$3:$AA$30,INDEX(Jesper!$R$2:$R$366,ROW(INDEX(Jesper!AK$2:AK$366,ROUNDDOWN($C7953/24,0)+1,1))-1)+IF('Standard Profiles'!$G$21=$B$10,7,0)+IF('Standard Profiles'!$G$21=$B$17,14,0)+IF('Standard Profiles'!$G$21=$B$24,21,0),MOD($C7953,24)+1)/SUM(INDEX($D$3:$AA$30,INDEX(Jesper!$R$2:$R$366,ROW(INDEX(Jesper!AK$2:AK$366,ROUNDDOWN($C7953/24,0)+1,1))-1)+IF('Standard Profiles'!$G$21=$B$10,7,0)+IF('Standard Profiles'!$G$21=$B$17,14,0)+IF('Standard Profiles'!$G$21=$B$24,21,0),0)),0)</f>
        <v>8.160008955484189</v>
      </c>
      <c r="H7953" cm="1">
        <f t="array" ref="H7953">IFERROR(INDEX(Jesper!AL$2:AL$366,ROUNDDOWN($C7953/24,0)+1,1)*INDEX($D$3:$AA$30,INDEX(Jesper!$R$2:$R$366,ROW(INDEX(Jesper!AL$2:AL$366,ROUNDDOWN($C7953/24,0)+1,1))-1)+IF('Standard Profiles'!$G$22=$B$10,7,0)+IF('Standard Profiles'!$G$22=$B$17,14,0)+IF('Standard Profiles'!$G$22=$B$24,21,0),MOD($C7953,24)+1)/SUM(INDEX($D$3:$AA$30,INDEX(Jesper!$R$2:$R$366,ROW(INDEX(Jesper!AL$2:AL$366,ROUNDDOWN($C7953/24,0)+1,1))-1)+IF('Standard Profiles'!$G$22=$B$10,7,0)+IF('Standard Profiles'!$G$22=$B$17,14,0)+IF('Standard Profiles'!$G$22=$B$24,21,0),0)),0)</f>
        <v>3.4193512800483719</v>
      </c>
      <c r="I7953">
        <f t="shared" si="881"/>
        <v>3.2825772288464385</v>
      </c>
      <c r="J7953">
        <f t="shared" si="882"/>
        <v>17.92522912569197</v>
      </c>
      <c r="K7953">
        <f t="shared" si="883"/>
        <v>0.43836958751089528</v>
      </c>
      <c r="L7953">
        <f t="shared" si="884"/>
        <v>0.21918479375544764</v>
      </c>
      <c r="M7953">
        <f t="shared" si="885"/>
        <v>0</v>
      </c>
      <c r="N7953" s="45">
        <f t="shared" si="886"/>
        <v>45256.958333314127</v>
      </c>
    </row>
    <row r="7954" spans="2:14" x14ac:dyDescent="0.25">
      <c r="B7954">
        <f t="shared" si="880"/>
        <v>1</v>
      </c>
      <c r="C7954" s="16">
        <v>7920</v>
      </c>
      <c r="D7954" cm="1">
        <f t="array" ref="D7954">IFERROR(INDEX(Jesper!AH$2:AH$366,ROUNDDOWN($C7954/24,0)+1,1)*INDEX($D$3:$AA$30,INDEX(Jesper!$R$2:$R$366,ROW(INDEX(Jesper!AH$2:AH$366,ROUNDDOWN($C7954/24,0)+1,1))-1)+IF('Standard Profiles'!$G$18=$B$10,7,0)+IF('Standard Profiles'!$G$18=$B$17,14,0)+IF('Standard Profiles'!$G$18=$B$24,21,0),MOD($C7954,24)+1)/SUM(INDEX($D$3:$AA$30,INDEX(Jesper!$R$2:$R$366,ROW(INDEX(Jesper!AH$2:AH$366,ROUNDDOWN($C7954/24,0)+1,1))-1)+IF('Standard Profiles'!$G$18=$B$10,7,0)+IF('Standard Profiles'!$G$18=$B$17,14,0)+IF('Standard Profiles'!$G$18=$B$24,21,0),0)),0)</f>
        <v>5.8160922059176485</v>
      </c>
      <c r="E7954" cm="1">
        <f t="array" ref="E7954">IFERROR(INDEX(Jesper!AI$2:AI$366,ROUNDDOWN($C7954/24,0)+1,1)*INDEX($D$3:$AA$30,INDEX(Jesper!$R$2:$R$366,ROW(INDEX(Jesper!AI$2:AI$366,ROUNDDOWN($C7954/24,0)+1,1))-1)+IF('Standard Profiles'!$G$19=$B$10,7,0)+IF('Standard Profiles'!$G$19=$B$17,14,0)+IF('Standard Profiles'!$G$19=$B$24,21,0),MOD($C7954,24)+1)/SUM(INDEX($D$3:$AA$30,INDEX(Jesper!$R$2:$R$366,ROW(INDEX(Jesper!AI$2:AI$366,ROUNDDOWN($C7954/24,0)+1,1))-1)+IF('Standard Profiles'!$G$19=$B$10,7,0)+IF('Standard Profiles'!$G$19=$B$17,14,0)+IF('Standard Profiles'!$G$19=$B$24,21,0),0)),0)</f>
        <v>6.6106036484648545</v>
      </c>
      <c r="F7954" cm="1">
        <f t="array" ref="F7954">IFERROR(INDEX(Jesper!AJ$2:AJ$366,ROUNDDOWN($C7954/24,0)+1,1)*INDEX($D$3:$AA$30,INDEX(Jesper!$R$2:$R$366,ROW(INDEX(Jesper!AJ$2:AJ$366,ROUNDDOWN($C7954/24,0)+1,1))-1)+IF('Standard Profiles'!$G$20=$B$10,7,0)+IF('Standard Profiles'!$G$20=$B$17,14,0)+IF('Standard Profiles'!$G$20=$B$24,21,0),MOD($C7954,24)+1)/SUM(INDEX($D$3:$AA$30,INDEX(Jesper!$R$2:$R$366,ROW(INDEX(Jesper!AJ$2:AJ$366,ROUNDDOWN($C7954/24,0)+1,1))-1)+IF('Standard Profiles'!$G$20=$B$10,7,0)+IF('Standard Profiles'!$G$20=$B$17,14,0)+IF('Standard Profiles'!$G$20=$B$24,21,0),0)),0)</f>
        <v>0</v>
      </c>
      <c r="G7954" cm="1">
        <f t="array" ref="G7954">IFERROR(INDEX(Jesper!AK$2:AK$366,ROUNDDOWN($C7954/24,0)+1,1)*INDEX($D$3:$AA$30,INDEX(Jesper!$R$2:$R$366,ROW(INDEX(Jesper!AK$2:AK$366,ROUNDDOWN($C7954/24,0)+1,1))-1)+IF('Standard Profiles'!$G$21=$B$10,7,0)+IF('Standard Profiles'!$G$21=$B$17,14,0)+IF('Standard Profiles'!$G$21=$B$24,21,0),MOD($C7954,24)+1)/SUM(INDEX($D$3:$AA$30,INDEX(Jesper!$R$2:$R$366,ROW(INDEX(Jesper!AK$2:AK$366,ROUNDDOWN($C7954/24,0)+1,1))-1)+IF('Standard Profiles'!$G$21=$B$10,7,0)+IF('Standard Profiles'!$G$21=$B$17,14,0)+IF('Standard Profiles'!$G$21=$B$24,21,0),0)),0)</f>
        <v>5.3855206349555349</v>
      </c>
      <c r="H7954" cm="1">
        <f t="array" ref="H7954">IFERROR(INDEX(Jesper!AL$2:AL$366,ROUNDDOWN($C7954/24,0)+1,1)*INDEX($D$3:$AA$30,INDEX(Jesper!$R$2:$R$366,ROW(INDEX(Jesper!AL$2:AL$366,ROUNDDOWN($C7954/24,0)+1,1))-1)+IF('Standard Profiles'!$G$22=$B$10,7,0)+IF('Standard Profiles'!$G$22=$B$17,14,0)+IF('Standard Profiles'!$G$22=$B$24,21,0),MOD($C7954,24)+1)/SUM(INDEX($D$3:$AA$30,INDEX(Jesper!$R$2:$R$366,ROW(INDEX(Jesper!AL$2:AL$366,ROUNDDOWN($C7954/24,0)+1,1))-1)+IF('Standard Profiles'!$G$22=$B$10,7,0)+IF('Standard Profiles'!$G$22=$B$17,14,0)+IF('Standard Profiles'!$G$22=$B$24,21,0),0)),0)</f>
        <v>0</v>
      </c>
      <c r="I7954">
        <f t="shared" si="881"/>
        <v>2.5850499047786553</v>
      </c>
      <c r="J7954">
        <f t="shared" si="882"/>
        <v>14.29659183161256</v>
      </c>
      <c r="K7954">
        <f t="shared" si="883"/>
        <v>0.6203831686312159</v>
      </c>
      <c r="L7954">
        <f t="shared" si="884"/>
        <v>0.31019158431560795</v>
      </c>
      <c r="M7954">
        <f t="shared" si="885"/>
        <v>0</v>
      </c>
      <c r="N7954" s="45">
        <f t="shared" si="886"/>
        <v>45256.999999980791</v>
      </c>
    </row>
    <row r="7955" spans="2:14" x14ac:dyDescent="0.25">
      <c r="B7955">
        <f t="shared" si="880"/>
        <v>1</v>
      </c>
      <c r="C7955" s="16">
        <v>7921</v>
      </c>
      <c r="D7955" cm="1">
        <f t="array" ref="D7955">IFERROR(INDEX(Jesper!AH$2:AH$366,ROUNDDOWN($C7955/24,0)+1,1)*INDEX($D$3:$AA$30,INDEX(Jesper!$R$2:$R$366,ROW(INDEX(Jesper!AH$2:AH$366,ROUNDDOWN($C7955/24,0)+1,1))-1)+IF('Standard Profiles'!$G$18=$B$10,7,0)+IF('Standard Profiles'!$G$18=$B$17,14,0)+IF('Standard Profiles'!$G$18=$B$24,21,0),MOD($C7955,24)+1)/SUM(INDEX($D$3:$AA$30,INDEX(Jesper!$R$2:$R$366,ROW(INDEX(Jesper!AH$2:AH$366,ROUNDDOWN($C7955/24,0)+1,1))-1)+IF('Standard Profiles'!$G$18=$B$10,7,0)+IF('Standard Profiles'!$G$18=$B$17,14,0)+IF('Standard Profiles'!$G$18=$B$24,21,0),0)),0)</f>
        <v>5.8160922059176485</v>
      </c>
      <c r="E7955" cm="1">
        <f t="array" ref="E7955">IFERROR(INDEX(Jesper!AI$2:AI$366,ROUNDDOWN($C7955/24,0)+1,1)*INDEX($D$3:$AA$30,INDEX(Jesper!$R$2:$R$366,ROW(INDEX(Jesper!AI$2:AI$366,ROUNDDOWN($C7955/24,0)+1,1))-1)+IF('Standard Profiles'!$G$19=$B$10,7,0)+IF('Standard Profiles'!$G$19=$B$17,14,0)+IF('Standard Profiles'!$G$19=$B$24,21,0),MOD($C7955,24)+1)/SUM(INDEX($D$3:$AA$30,INDEX(Jesper!$R$2:$R$366,ROW(INDEX(Jesper!AI$2:AI$366,ROUNDDOWN($C7955/24,0)+1,1))-1)+IF('Standard Profiles'!$G$19=$B$10,7,0)+IF('Standard Profiles'!$G$19=$B$17,14,0)+IF('Standard Profiles'!$G$19=$B$24,21,0),0)),0)</f>
        <v>6.6106036484648545</v>
      </c>
      <c r="F7955" cm="1">
        <f t="array" ref="F7955">IFERROR(INDEX(Jesper!AJ$2:AJ$366,ROUNDDOWN($C7955/24,0)+1,1)*INDEX($D$3:$AA$30,INDEX(Jesper!$R$2:$R$366,ROW(INDEX(Jesper!AJ$2:AJ$366,ROUNDDOWN($C7955/24,0)+1,1))-1)+IF('Standard Profiles'!$G$20=$B$10,7,0)+IF('Standard Profiles'!$G$20=$B$17,14,0)+IF('Standard Profiles'!$G$20=$B$24,21,0),MOD($C7955,24)+1)/SUM(INDEX($D$3:$AA$30,INDEX(Jesper!$R$2:$R$366,ROW(INDEX(Jesper!AJ$2:AJ$366,ROUNDDOWN($C7955/24,0)+1,1))-1)+IF('Standard Profiles'!$G$20=$B$10,7,0)+IF('Standard Profiles'!$G$20=$B$17,14,0)+IF('Standard Profiles'!$G$20=$B$24,21,0),0)),0)</f>
        <v>0</v>
      </c>
      <c r="G7955" cm="1">
        <f t="array" ref="G7955">IFERROR(INDEX(Jesper!AK$2:AK$366,ROUNDDOWN($C7955/24,0)+1,1)*INDEX($D$3:$AA$30,INDEX(Jesper!$R$2:$R$366,ROW(INDEX(Jesper!AK$2:AK$366,ROUNDDOWN($C7955/24,0)+1,1))-1)+IF('Standard Profiles'!$G$21=$B$10,7,0)+IF('Standard Profiles'!$G$21=$B$17,14,0)+IF('Standard Profiles'!$G$21=$B$24,21,0),MOD($C7955,24)+1)/SUM(INDEX($D$3:$AA$30,INDEX(Jesper!$R$2:$R$366,ROW(INDEX(Jesper!AK$2:AK$366,ROUNDDOWN($C7955/24,0)+1,1))-1)+IF('Standard Profiles'!$G$21=$B$10,7,0)+IF('Standard Profiles'!$G$21=$B$17,14,0)+IF('Standard Profiles'!$G$21=$B$24,21,0),0)),0)</f>
        <v>5.3855206349555349</v>
      </c>
      <c r="H7955" cm="1">
        <f t="array" ref="H7955">IFERROR(INDEX(Jesper!AL$2:AL$366,ROUNDDOWN($C7955/24,0)+1,1)*INDEX($D$3:$AA$30,INDEX(Jesper!$R$2:$R$366,ROW(INDEX(Jesper!AL$2:AL$366,ROUNDDOWN($C7955/24,0)+1,1))-1)+IF('Standard Profiles'!$G$22=$B$10,7,0)+IF('Standard Profiles'!$G$22=$B$17,14,0)+IF('Standard Profiles'!$G$22=$B$24,21,0),MOD($C7955,24)+1)/SUM(INDEX($D$3:$AA$30,INDEX(Jesper!$R$2:$R$366,ROW(INDEX(Jesper!AL$2:AL$366,ROUNDDOWN($C7955/24,0)+1,1))-1)+IF('Standard Profiles'!$G$22=$B$10,7,0)+IF('Standard Profiles'!$G$22=$B$17,14,0)+IF('Standard Profiles'!$G$22=$B$24,21,0),0)),0)</f>
        <v>0</v>
      </c>
      <c r="I7955">
        <f t="shared" si="881"/>
        <v>2.5850499047786553</v>
      </c>
      <c r="J7955">
        <f t="shared" si="882"/>
        <v>14.29659183161256</v>
      </c>
      <c r="K7955">
        <f t="shared" si="883"/>
        <v>0.6203831686312159</v>
      </c>
      <c r="L7955">
        <f t="shared" si="884"/>
        <v>0.31019158431560795</v>
      </c>
      <c r="M7955">
        <f t="shared" si="885"/>
        <v>0</v>
      </c>
      <c r="N7955" s="45">
        <f t="shared" si="886"/>
        <v>45257.041666647456</v>
      </c>
    </row>
    <row r="7956" spans="2:14" x14ac:dyDescent="0.25">
      <c r="B7956">
        <f t="shared" si="880"/>
        <v>1</v>
      </c>
      <c r="C7956" s="16">
        <v>7922</v>
      </c>
      <c r="D7956" cm="1">
        <f t="array" ref="D7956">IFERROR(INDEX(Jesper!AH$2:AH$366,ROUNDDOWN($C7956/24,0)+1,1)*INDEX($D$3:$AA$30,INDEX(Jesper!$R$2:$R$366,ROW(INDEX(Jesper!AH$2:AH$366,ROUNDDOWN($C7956/24,0)+1,1))-1)+IF('Standard Profiles'!$G$18=$B$10,7,0)+IF('Standard Profiles'!$G$18=$B$17,14,0)+IF('Standard Profiles'!$G$18=$B$24,21,0),MOD($C7956,24)+1)/SUM(INDEX($D$3:$AA$30,INDEX(Jesper!$R$2:$R$366,ROW(INDEX(Jesper!AH$2:AH$366,ROUNDDOWN($C7956/24,0)+1,1))-1)+IF('Standard Profiles'!$G$18=$B$10,7,0)+IF('Standard Profiles'!$G$18=$B$17,14,0)+IF('Standard Profiles'!$G$18=$B$24,21,0),0)),0)</f>
        <v>5.8160922059176485</v>
      </c>
      <c r="E7956" cm="1">
        <f t="array" ref="E7956">IFERROR(INDEX(Jesper!AI$2:AI$366,ROUNDDOWN($C7956/24,0)+1,1)*INDEX($D$3:$AA$30,INDEX(Jesper!$R$2:$R$366,ROW(INDEX(Jesper!AI$2:AI$366,ROUNDDOWN($C7956/24,0)+1,1))-1)+IF('Standard Profiles'!$G$19=$B$10,7,0)+IF('Standard Profiles'!$G$19=$B$17,14,0)+IF('Standard Profiles'!$G$19=$B$24,21,0),MOD($C7956,24)+1)/SUM(INDEX($D$3:$AA$30,INDEX(Jesper!$R$2:$R$366,ROW(INDEX(Jesper!AI$2:AI$366,ROUNDDOWN($C7956/24,0)+1,1))-1)+IF('Standard Profiles'!$G$19=$B$10,7,0)+IF('Standard Profiles'!$G$19=$B$17,14,0)+IF('Standard Profiles'!$G$19=$B$24,21,0),0)),0)</f>
        <v>6.6106036484648545</v>
      </c>
      <c r="F7956" cm="1">
        <f t="array" ref="F7956">IFERROR(INDEX(Jesper!AJ$2:AJ$366,ROUNDDOWN($C7956/24,0)+1,1)*INDEX($D$3:$AA$30,INDEX(Jesper!$R$2:$R$366,ROW(INDEX(Jesper!AJ$2:AJ$366,ROUNDDOWN($C7956/24,0)+1,1))-1)+IF('Standard Profiles'!$G$20=$B$10,7,0)+IF('Standard Profiles'!$G$20=$B$17,14,0)+IF('Standard Profiles'!$G$20=$B$24,21,0),MOD($C7956,24)+1)/SUM(INDEX($D$3:$AA$30,INDEX(Jesper!$R$2:$R$366,ROW(INDEX(Jesper!AJ$2:AJ$366,ROUNDDOWN($C7956/24,0)+1,1))-1)+IF('Standard Profiles'!$G$20=$B$10,7,0)+IF('Standard Profiles'!$G$20=$B$17,14,0)+IF('Standard Profiles'!$G$20=$B$24,21,0),0)),0)</f>
        <v>0</v>
      </c>
      <c r="G7956" cm="1">
        <f t="array" ref="G7956">IFERROR(INDEX(Jesper!AK$2:AK$366,ROUNDDOWN($C7956/24,0)+1,1)*INDEX($D$3:$AA$30,INDEX(Jesper!$R$2:$R$366,ROW(INDEX(Jesper!AK$2:AK$366,ROUNDDOWN($C7956/24,0)+1,1))-1)+IF('Standard Profiles'!$G$21=$B$10,7,0)+IF('Standard Profiles'!$G$21=$B$17,14,0)+IF('Standard Profiles'!$G$21=$B$24,21,0),MOD($C7956,24)+1)/SUM(INDEX($D$3:$AA$30,INDEX(Jesper!$R$2:$R$366,ROW(INDEX(Jesper!AK$2:AK$366,ROUNDDOWN($C7956/24,0)+1,1))-1)+IF('Standard Profiles'!$G$21=$B$10,7,0)+IF('Standard Profiles'!$G$21=$B$17,14,0)+IF('Standard Profiles'!$G$21=$B$24,21,0),0)),0)</f>
        <v>5.3855206349555349</v>
      </c>
      <c r="H7956" cm="1">
        <f t="array" ref="H7956">IFERROR(INDEX(Jesper!AL$2:AL$366,ROUNDDOWN($C7956/24,0)+1,1)*INDEX($D$3:$AA$30,INDEX(Jesper!$R$2:$R$366,ROW(INDEX(Jesper!AL$2:AL$366,ROUNDDOWN($C7956/24,0)+1,1))-1)+IF('Standard Profiles'!$G$22=$B$10,7,0)+IF('Standard Profiles'!$G$22=$B$17,14,0)+IF('Standard Profiles'!$G$22=$B$24,21,0),MOD($C7956,24)+1)/SUM(INDEX($D$3:$AA$30,INDEX(Jesper!$R$2:$R$366,ROW(INDEX(Jesper!AL$2:AL$366,ROUNDDOWN($C7956/24,0)+1,1))-1)+IF('Standard Profiles'!$G$22=$B$10,7,0)+IF('Standard Profiles'!$G$22=$B$17,14,0)+IF('Standard Profiles'!$G$22=$B$24,21,0),0)),0)</f>
        <v>0</v>
      </c>
      <c r="I7956">
        <f t="shared" si="881"/>
        <v>2.5850499047786553</v>
      </c>
      <c r="J7956">
        <f t="shared" si="882"/>
        <v>14.29659183161256</v>
      </c>
      <c r="K7956">
        <f t="shared" si="883"/>
        <v>0.6203831686312159</v>
      </c>
      <c r="L7956">
        <f t="shared" si="884"/>
        <v>0.31019158431560795</v>
      </c>
      <c r="M7956">
        <f t="shared" si="885"/>
        <v>0</v>
      </c>
      <c r="N7956" s="45">
        <f t="shared" si="886"/>
        <v>45257.08333331412</v>
      </c>
    </row>
    <row r="7957" spans="2:14" x14ac:dyDescent="0.25">
      <c r="B7957">
        <f t="shared" si="880"/>
        <v>1</v>
      </c>
      <c r="C7957" s="16">
        <v>7923</v>
      </c>
      <c r="D7957" cm="1">
        <f t="array" ref="D7957">IFERROR(INDEX(Jesper!AH$2:AH$366,ROUNDDOWN($C7957/24,0)+1,1)*INDEX($D$3:$AA$30,INDEX(Jesper!$R$2:$R$366,ROW(INDEX(Jesper!AH$2:AH$366,ROUNDDOWN($C7957/24,0)+1,1))-1)+IF('Standard Profiles'!$G$18=$B$10,7,0)+IF('Standard Profiles'!$G$18=$B$17,14,0)+IF('Standard Profiles'!$G$18=$B$24,21,0),MOD($C7957,24)+1)/SUM(INDEX($D$3:$AA$30,INDEX(Jesper!$R$2:$R$366,ROW(INDEX(Jesper!AH$2:AH$366,ROUNDDOWN($C7957/24,0)+1,1))-1)+IF('Standard Profiles'!$G$18=$B$10,7,0)+IF('Standard Profiles'!$G$18=$B$17,14,0)+IF('Standard Profiles'!$G$18=$B$24,21,0),0)),0)</f>
        <v>5.8160922059176485</v>
      </c>
      <c r="E7957" cm="1">
        <f t="array" ref="E7957">IFERROR(INDEX(Jesper!AI$2:AI$366,ROUNDDOWN($C7957/24,0)+1,1)*INDEX($D$3:$AA$30,INDEX(Jesper!$R$2:$R$366,ROW(INDEX(Jesper!AI$2:AI$366,ROUNDDOWN($C7957/24,0)+1,1))-1)+IF('Standard Profiles'!$G$19=$B$10,7,0)+IF('Standard Profiles'!$G$19=$B$17,14,0)+IF('Standard Profiles'!$G$19=$B$24,21,0),MOD($C7957,24)+1)/SUM(INDEX($D$3:$AA$30,INDEX(Jesper!$R$2:$R$366,ROW(INDEX(Jesper!AI$2:AI$366,ROUNDDOWN($C7957/24,0)+1,1))-1)+IF('Standard Profiles'!$G$19=$B$10,7,0)+IF('Standard Profiles'!$G$19=$B$17,14,0)+IF('Standard Profiles'!$G$19=$B$24,21,0),0)),0)</f>
        <v>6.6106036484648545</v>
      </c>
      <c r="F7957" cm="1">
        <f t="array" ref="F7957">IFERROR(INDEX(Jesper!AJ$2:AJ$366,ROUNDDOWN($C7957/24,0)+1,1)*INDEX($D$3:$AA$30,INDEX(Jesper!$R$2:$R$366,ROW(INDEX(Jesper!AJ$2:AJ$366,ROUNDDOWN($C7957/24,0)+1,1))-1)+IF('Standard Profiles'!$G$20=$B$10,7,0)+IF('Standard Profiles'!$G$20=$B$17,14,0)+IF('Standard Profiles'!$G$20=$B$24,21,0),MOD($C7957,24)+1)/SUM(INDEX($D$3:$AA$30,INDEX(Jesper!$R$2:$R$366,ROW(INDEX(Jesper!AJ$2:AJ$366,ROUNDDOWN($C7957/24,0)+1,1))-1)+IF('Standard Profiles'!$G$20=$B$10,7,0)+IF('Standard Profiles'!$G$20=$B$17,14,0)+IF('Standard Profiles'!$G$20=$B$24,21,0),0)),0)</f>
        <v>0</v>
      </c>
      <c r="G7957" cm="1">
        <f t="array" ref="G7957">IFERROR(INDEX(Jesper!AK$2:AK$366,ROUNDDOWN($C7957/24,0)+1,1)*INDEX($D$3:$AA$30,INDEX(Jesper!$R$2:$R$366,ROW(INDEX(Jesper!AK$2:AK$366,ROUNDDOWN($C7957/24,0)+1,1))-1)+IF('Standard Profiles'!$G$21=$B$10,7,0)+IF('Standard Profiles'!$G$21=$B$17,14,0)+IF('Standard Profiles'!$G$21=$B$24,21,0),MOD($C7957,24)+1)/SUM(INDEX($D$3:$AA$30,INDEX(Jesper!$R$2:$R$366,ROW(INDEX(Jesper!AK$2:AK$366,ROUNDDOWN($C7957/24,0)+1,1))-1)+IF('Standard Profiles'!$G$21=$B$10,7,0)+IF('Standard Profiles'!$G$21=$B$17,14,0)+IF('Standard Profiles'!$G$21=$B$24,21,0),0)),0)</f>
        <v>5.3855206349555349</v>
      </c>
      <c r="H7957" cm="1">
        <f t="array" ref="H7957">IFERROR(INDEX(Jesper!AL$2:AL$366,ROUNDDOWN($C7957/24,0)+1,1)*INDEX($D$3:$AA$30,INDEX(Jesper!$R$2:$R$366,ROW(INDEX(Jesper!AL$2:AL$366,ROUNDDOWN($C7957/24,0)+1,1))-1)+IF('Standard Profiles'!$G$22=$B$10,7,0)+IF('Standard Profiles'!$G$22=$B$17,14,0)+IF('Standard Profiles'!$G$22=$B$24,21,0),MOD($C7957,24)+1)/SUM(INDEX($D$3:$AA$30,INDEX(Jesper!$R$2:$R$366,ROW(INDEX(Jesper!AL$2:AL$366,ROUNDDOWN($C7957/24,0)+1,1))-1)+IF('Standard Profiles'!$G$22=$B$10,7,0)+IF('Standard Profiles'!$G$22=$B$17,14,0)+IF('Standard Profiles'!$G$22=$B$24,21,0),0)),0)</f>
        <v>0</v>
      </c>
      <c r="I7957">
        <f t="shared" si="881"/>
        <v>2.5850499047786553</v>
      </c>
      <c r="J7957">
        <f t="shared" si="882"/>
        <v>14.29659183161256</v>
      </c>
      <c r="K7957">
        <f t="shared" si="883"/>
        <v>0.6203831686312159</v>
      </c>
      <c r="L7957">
        <f t="shared" si="884"/>
        <v>0.31019158431560795</v>
      </c>
      <c r="M7957">
        <f t="shared" si="885"/>
        <v>0</v>
      </c>
      <c r="N7957" s="45">
        <f t="shared" si="886"/>
        <v>45257.124999980784</v>
      </c>
    </row>
    <row r="7958" spans="2:14" x14ac:dyDescent="0.25">
      <c r="B7958">
        <f t="shared" si="880"/>
        <v>1</v>
      </c>
      <c r="C7958" s="16">
        <v>7924</v>
      </c>
      <c r="D7958" cm="1">
        <f t="array" ref="D7958">IFERROR(INDEX(Jesper!AH$2:AH$366,ROUNDDOWN($C7958/24,0)+1,1)*INDEX($D$3:$AA$30,INDEX(Jesper!$R$2:$R$366,ROW(INDEX(Jesper!AH$2:AH$366,ROUNDDOWN($C7958/24,0)+1,1))-1)+IF('Standard Profiles'!$G$18=$B$10,7,0)+IF('Standard Profiles'!$G$18=$B$17,14,0)+IF('Standard Profiles'!$G$18=$B$24,21,0),MOD($C7958,24)+1)/SUM(INDEX($D$3:$AA$30,INDEX(Jesper!$R$2:$R$366,ROW(INDEX(Jesper!AH$2:AH$366,ROUNDDOWN($C7958/24,0)+1,1))-1)+IF('Standard Profiles'!$G$18=$B$10,7,0)+IF('Standard Profiles'!$G$18=$B$17,14,0)+IF('Standard Profiles'!$G$18=$B$24,21,0),0)),0)</f>
        <v>5.8160922059176485</v>
      </c>
      <c r="E7958" cm="1">
        <f t="array" ref="E7958">IFERROR(INDEX(Jesper!AI$2:AI$366,ROUNDDOWN($C7958/24,0)+1,1)*INDEX($D$3:$AA$30,INDEX(Jesper!$R$2:$R$366,ROW(INDEX(Jesper!AI$2:AI$366,ROUNDDOWN($C7958/24,0)+1,1))-1)+IF('Standard Profiles'!$G$19=$B$10,7,0)+IF('Standard Profiles'!$G$19=$B$17,14,0)+IF('Standard Profiles'!$G$19=$B$24,21,0),MOD($C7958,24)+1)/SUM(INDEX($D$3:$AA$30,INDEX(Jesper!$R$2:$R$366,ROW(INDEX(Jesper!AI$2:AI$366,ROUNDDOWN($C7958/24,0)+1,1))-1)+IF('Standard Profiles'!$G$19=$B$10,7,0)+IF('Standard Profiles'!$G$19=$B$17,14,0)+IF('Standard Profiles'!$G$19=$B$24,21,0),0)),0)</f>
        <v>6.6106036484648545</v>
      </c>
      <c r="F7958" cm="1">
        <f t="array" ref="F7958">IFERROR(INDEX(Jesper!AJ$2:AJ$366,ROUNDDOWN($C7958/24,0)+1,1)*INDEX($D$3:$AA$30,INDEX(Jesper!$R$2:$R$366,ROW(INDEX(Jesper!AJ$2:AJ$366,ROUNDDOWN($C7958/24,0)+1,1))-1)+IF('Standard Profiles'!$G$20=$B$10,7,0)+IF('Standard Profiles'!$G$20=$B$17,14,0)+IF('Standard Profiles'!$G$20=$B$24,21,0),MOD($C7958,24)+1)/SUM(INDEX($D$3:$AA$30,INDEX(Jesper!$R$2:$R$366,ROW(INDEX(Jesper!AJ$2:AJ$366,ROUNDDOWN($C7958/24,0)+1,1))-1)+IF('Standard Profiles'!$G$20=$B$10,7,0)+IF('Standard Profiles'!$G$20=$B$17,14,0)+IF('Standard Profiles'!$G$20=$B$24,21,0),0)),0)</f>
        <v>0</v>
      </c>
      <c r="G7958" cm="1">
        <f t="array" ref="G7958">IFERROR(INDEX(Jesper!AK$2:AK$366,ROUNDDOWN($C7958/24,0)+1,1)*INDEX($D$3:$AA$30,INDEX(Jesper!$R$2:$R$366,ROW(INDEX(Jesper!AK$2:AK$366,ROUNDDOWN($C7958/24,0)+1,1))-1)+IF('Standard Profiles'!$G$21=$B$10,7,0)+IF('Standard Profiles'!$G$21=$B$17,14,0)+IF('Standard Profiles'!$G$21=$B$24,21,0),MOD($C7958,24)+1)/SUM(INDEX($D$3:$AA$30,INDEX(Jesper!$R$2:$R$366,ROW(INDEX(Jesper!AK$2:AK$366,ROUNDDOWN($C7958/24,0)+1,1))-1)+IF('Standard Profiles'!$G$21=$B$10,7,0)+IF('Standard Profiles'!$G$21=$B$17,14,0)+IF('Standard Profiles'!$G$21=$B$24,21,0),0)),0)</f>
        <v>5.3855206349555349</v>
      </c>
      <c r="H7958" cm="1">
        <f t="array" ref="H7958">IFERROR(INDEX(Jesper!AL$2:AL$366,ROUNDDOWN($C7958/24,0)+1,1)*INDEX($D$3:$AA$30,INDEX(Jesper!$R$2:$R$366,ROW(INDEX(Jesper!AL$2:AL$366,ROUNDDOWN($C7958/24,0)+1,1))-1)+IF('Standard Profiles'!$G$22=$B$10,7,0)+IF('Standard Profiles'!$G$22=$B$17,14,0)+IF('Standard Profiles'!$G$22=$B$24,21,0),MOD($C7958,24)+1)/SUM(INDEX($D$3:$AA$30,INDEX(Jesper!$R$2:$R$366,ROW(INDEX(Jesper!AL$2:AL$366,ROUNDDOWN($C7958/24,0)+1,1))-1)+IF('Standard Profiles'!$G$22=$B$10,7,0)+IF('Standard Profiles'!$G$22=$B$17,14,0)+IF('Standard Profiles'!$G$22=$B$24,21,0),0)),0)</f>
        <v>0</v>
      </c>
      <c r="I7958">
        <f t="shared" si="881"/>
        <v>2.5850499047786553</v>
      </c>
      <c r="J7958">
        <f t="shared" si="882"/>
        <v>14.29659183161256</v>
      </c>
      <c r="K7958">
        <f t="shared" si="883"/>
        <v>0.6203831686312159</v>
      </c>
      <c r="L7958">
        <f t="shared" si="884"/>
        <v>0.31019158431560795</v>
      </c>
      <c r="M7958">
        <f t="shared" si="885"/>
        <v>0</v>
      </c>
      <c r="N7958" s="45">
        <f t="shared" si="886"/>
        <v>45257.166666647448</v>
      </c>
    </row>
    <row r="7959" spans="2:14" x14ac:dyDescent="0.25">
      <c r="B7959">
        <f t="shared" si="880"/>
        <v>1</v>
      </c>
      <c r="C7959" s="16">
        <v>7925</v>
      </c>
      <c r="D7959" cm="1">
        <f t="array" ref="D7959">IFERROR(INDEX(Jesper!AH$2:AH$366,ROUNDDOWN($C7959/24,0)+1,1)*INDEX($D$3:$AA$30,INDEX(Jesper!$R$2:$R$366,ROW(INDEX(Jesper!AH$2:AH$366,ROUNDDOWN($C7959/24,0)+1,1))-1)+IF('Standard Profiles'!$G$18=$B$10,7,0)+IF('Standard Profiles'!$G$18=$B$17,14,0)+IF('Standard Profiles'!$G$18=$B$24,21,0),MOD($C7959,24)+1)/SUM(INDEX($D$3:$AA$30,INDEX(Jesper!$R$2:$R$366,ROW(INDEX(Jesper!AH$2:AH$366,ROUNDDOWN($C7959/24,0)+1,1))-1)+IF('Standard Profiles'!$G$18=$B$10,7,0)+IF('Standard Profiles'!$G$18=$B$17,14,0)+IF('Standard Profiles'!$G$18=$B$24,21,0),0)),0)</f>
        <v>5.8160922059176485</v>
      </c>
      <c r="E7959" cm="1">
        <f t="array" ref="E7959">IFERROR(INDEX(Jesper!AI$2:AI$366,ROUNDDOWN($C7959/24,0)+1,1)*INDEX($D$3:$AA$30,INDEX(Jesper!$R$2:$R$366,ROW(INDEX(Jesper!AI$2:AI$366,ROUNDDOWN($C7959/24,0)+1,1))-1)+IF('Standard Profiles'!$G$19=$B$10,7,0)+IF('Standard Profiles'!$G$19=$B$17,14,0)+IF('Standard Profiles'!$G$19=$B$24,21,0),MOD($C7959,24)+1)/SUM(INDEX($D$3:$AA$30,INDEX(Jesper!$R$2:$R$366,ROW(INDEX(Jesper!AI$2:AI$366,ROUNDDOWN($C7959/24,0)+1,1))-1)+IF('Standard Profiles'!$G$19=$B$10,7,0)+IF('Standard Profiles'!$G$19=$B$17,14,0)+IF('Standard Profiles'!$G$19=$B$24,21,0),0)),0)</f>
        <v>6.6106036484648545</v>
      </c>
      <c r="F7959" cm="1">
        <f t="array" ref="F7959">IFERROR(INDEX(Jesper!AJ$2:AJ$366,ROUNDDOWN($C7959/24,0)+1,1)*INDEX($D$3:$AA$30,INDEX(Jesper!$R$2:$R$366,ROW(INDEX(Jesper!AJ$2:AJ$366,ROUNDDOWN($C7959/24,0)+1,1))-1)+IF('Standard Profiles'!$G$20=$B$10,7,0)+IF('Standard Profiles'!$G$20=$B$17,14,0)+IF('Standard Profiles'!$G$20=$B$24,21,0),MOD($C7959,24)+1)/SUM(INDEX($D$3:$AA$30,INDEX(Jesper!$R$2:$R$366,ROW(INDEX(Jesper!AJ$2:AJ$366,ROUNDDOWN($C7959/24,0)+1,1))-1)+IF('Standard Profiles'!$G$20=$B$10,7,0)+IF('Standard Profiles'!$G$20=$B$17,14,0)+IF('Standard Profiles'!$G$20=$B$24,21,0),0)),0)</f>
        <v>0</v>
      </c>
      <c r="G7959" cm="1">
        <f t="array" ref="G7959">IFERROR(INDEX(Jesper!AK$2:AK$366,ROUNDDOWN($C7959/24,0)+1,1)*INDEX($D$3:$AA$30,INDEX(Jesper!$R$2:$R$366,ROW(INDEX(Jesper!AK$2:AK$366,ROUNDDOWN($C7959/24,0)+1,1))-1)+IF('Standard Profiles'!$G$21=$B$10,7,0)+IF('Standard Profiles'!$G$21=$B$17,14,0)+IF('Standard Profiles'!$G$21=$B$24,21,0),MOD($C7959,24)+1)/SUM(INDEX($D$3:$AA$30,INDEX(Jesper!$R$2:$R$366,ROW(INDEX(Jesper!AK$2:AK$366,ROUNDDOWN($C7959/24,0)+1,1))-1)+IF('Standard Profiles'!$G$21=$B$10,7,0)+IF('Standard Profiles'!$G$21=$B$17,14,0)+IF('Standard Profiles'!$G$21=$B$24,21,0),0)),0)</f>
        <v>5.3855206349555349</v>
      </c>
      <c r="H7959" cm="1">
        <f t="array" ref="H7959">IFERROR(INDEX(Jesper!AL$2:AL$366,ROUNDDOWN($C7959/24,0)+1,1)*INDEX($D$3:$AA$30,INDEX(Jesper!$R$2:$R$366,ROW(INDEX(Jesper!AL$2:AL$366,ROUNDDOWN($C7959/24,0)+1,1))-1)+IF('Standard Profiles'!$G$22=$B$10,7,0)+IF('Standard Profiles'!$G$22=$B$17,14,0)+IF('Standard Profiles'!$G$22=$B$24,21,0),MOD($C7959,24)+1)/SUM(INDEX($D$3:$AA$30,INDEX(Jesper!$R$2:$R$366,ROW(INDEX(Jesper!AL$2:AL$366,ROUNDDOWN($C7959/24,0)+1,1))-1)+IF('Standard Profiles'!$G$22=$B$10,7,0)+IF('Standard Profiles'!$G$22=$B$17,14,0)+IF('Standard Profiles'!$G$22=$B$24,21,0),0)),0)</f>
        <v>0</v>
      </c>
      <c r="I7959">
        <f t="shared" si="881"/>
        <v>2.5850499047786553</v>
      </c>
      <c r="J7959">
        <f t="shared" si="882"/>
        <v>14.29659183161256</v>
      </c>
      <c r="K7959">
        <f t="shared" si="883"/>
        <v>0.6203831686312159</v>
      </c>
      <c r="L7959">
        <f t="shared" si="884"/>
        <v>0.31019158431560795</v>
      </c>
      <c r="M7959">
        <f t="shared" si="885"/>
        <v>0</v>
      </c>
      <c r="N7959" s="45">
        <f t="shared" si="886"/>
        <v>45257.208333314113</v>
      </c>
    </row>
    <row r="7960" spans="2:14" x14ac:dyDescent="0.25">
      <c r="B7960">
        <f t="shared" si="880"/>
        <v>1</v>
      </c>
      <c r="C7960" s="16">
        <v>7926</v>
      </c>
      <c r="D7960" cm="1">
        <f t="array" ref="D7960">IFERROR(INDEX(Jesper!AH$2:AH$366,ROUNDDOWN($C7960/24,0)+1,1)*INDEX($D$3:$AA$30,INDEX(Jesper!$R$2:$R$366,ROW(INDEX(Jesper!AH$2:AH$366,ROUNDDOWN($C7960/24,0)+1,1))-1)+IF('Standard Profiles'!$G$18=$B$10,7,0)+IF('Standard Profiles'!$G$18=$B$17,14,0)+IF('Standard Profiles'!$G$18=$B$24,21,0),MOD($C7960,24)+1)/SUM(INDEX($D$3:$AA$30,INDEX(Jesper!$R$2:$R$366,ROW(INDEX(Jesper!AH$2:AH$366,ROUNDDOWN($C7960/24,0)+1,1))-1)+IF('Standard Profiles'!$G$18=$B$10,7,0)+IF('Standard Profiles'!$G$18=$B$17,14,0)+IF('Standard Profiles'!$G$18=$B$24,21,0),0)),0)</f>
        <v>5.8160922059176485</v>
      </c>
      <c r="E7960" cm="1">
        <f t="array" ref="E7960">IFERROR(INDEX(Jesper!AI$2:AI$366,ROUNDDOWN($C7960/24,0)+1,1)*INDEX($D$3:$AA$30,INDEX(Jesper!$R$2:$R$366,ROW(INDEX(Jesper!AI$2:AI$366,ROUNDDOWN($C7960/24,0)+1,1))-1)+IF('Standard Profiles'!$G$19=$B$10,7,0)+IF('Standard Profiles'!$G$19=$B$17,14,0)+IF('Standard Profiles'!$G$19=$B$24,21,0),MOD($C7960,24)+1)/SUM(INDEX($D$3:$AA$30,INDEX(Jesper!$R$2:$R$366,ROW(INDEX(Jesper!AI$2:AI$366,ROUNDDOWN($C7960/24,0)+1,1))-1)+IF('Standard Profiles'!$G$19=$B$10,7,0)+IF('Standard Profiles'!$G$19=$B$17,14,0)+IF('Standard Profiles'!$G$19=$B$24,21,0),0)),0)</f>
        <v>6.6106036484648545</v>
      </c>
      <c r="F7960" cm="1">
        <f t="array" ref="F7960">IFERROR(INDEX(Jesper!AJ$2:AJ$366,ROUNDDOWN($C7960/24,0)+1,1)*INDEX($D$3:$AA$30,INDEX(Jesper!$R$2:$R$366,ROW(INDEX(Jesper!AJ$2:AJ$366,ROUNDDOWN($C7960/24,0)+1,1))-1)+IF('Standard Profiles'!$G$20=$B$10,7,0)+IF('Standard Profiles'!$G$20=$B$17,14,0)+IF('Standard Profiles'!$G$20=$B$24,21,0),MOD($C7960,24)+1)/SUM(INDEX($D$3:$AA$30,INDEX(Jesper!$R$2:$R$366,ROW(INDEX(Jesper!AJ$2:AJ$366,ROUNDDOWN($C7960/24,0)+1,1))-1)+IF('Standard Profiles'!$G$20=$B$10,7,0)+IF('Standard Profiles'!$G$20=$B$17,14,0)+IF('Standard Profiles'!$G$20=$B$24,21,0),0)),0)</f>
        <v>0</v>
      </c>
      <c r="G7960" cm="1">
        <f t="array" ref="G7960">IFERROR(INDEX(Jesper!AK$2:AK$366,ROUNDDOWN($C7960/24,0)+1,1)*INDEX($D$3:$AA$30,INDEX(Jesper!$R$2:$R$366,ROW(INDEX(Jesper!AK$2:AK$366,ROUNDDOWN($C7960/24,0)+1,1))-1)+IF('Standard Profiles'!$G$21=$B$10,7,0)+IF('Standard Profiles'!$G$21=$B$17,14,0)+IF('Standard Profiles'!$G$21=$B$24,21,0),MOD($C7960,24)+1)/SUM(INDEX($D$3:$AA$30,INDEX(Jesper!$R$2:$R$366,ROW(INDEX(Jesper!AK$2:AK$366,ROUNDDOWN($C7960/24,0)+1,1))-1)+IF('Standard Profiles'!$G$21=$B$10,7,0)+IF('Standard Profiles'!$G$21=$B$17,14,0)+IF('Standard Profiles'!$G$21=$B$24,21,0),0)),0)</f>
        <v>5.3855206349555349</v>
      </c>
      <c r="H7960" cm="1">
        <f t="array" ref="H7960">IFERROR(INDEX(Jesper!AL$2:AL$366,ROUNDDOWN($C7960/24,0)+1,1)*INDEX($D$3:$AA$30,INDEX(Jesper!$R$2:$R$366,ROW(INDEX(Jesper!AL$2:AL$366,ROUNDDOWN($C7960/24,0)+1,1))-1)+IF('Standard Profiles'!$G$22=$B$10,7,0)+IF('Standard Profiles'!$G$22=$B$17,14,0)+IF('Standard Profiles'!$G$22=$B$24,21,0),MOD($C7960,24)+1)/SUM(INDEX($D$3:$AA$30,INDEX(Jesper!$R$2:$R$366,ROW(INDEX(Jesper!AL$2:AL$366,ROUNDDOWN($C7960/24,0)+1,1))-1)+IF('Standard Profiles'!$G$22=$B$10,7,0)+IF('Standard Profiles'!$G$22=$B$17,14,0)+IF('Standard Profiles'!$G$22=$B$24,21,0),0)),0)</f>
        <v>0</v>
      </c>
      <c r="I7960">
        <f t="shared" si="881"/>
        <v>2.5850499047786553</v>
      </c>
      <c r="J7960">
        <f t="shared" si="882"/>
        <v>14.29659183161256</v>
      </c>
      <c r="K7960">
        <f t="shared" si="883"/>
        <v>0.6203831686312159</v>
      </c>
      <c r="L7960">
        <f t="shared" si="884"/>
        <v>0.31019158431560795</v>
      </c>
      <c r="M7960">
        <f t="shared" si="885"/>
        <v>0</v>
      </c>
      <c r="N7960" s="45">
        <f t="shared" si="886"/>
        <v>45257.249999980777</v>
      </c>
    </row>
    <row r="7961" spans="2:14" x14ac:dyDescent="0.25">
      <c r="B7961">
        <f t="shared" si="880"/>
        <v>1</v>
      </c>
      <c r="C7961" s="16">
        <v>7927</v>
      </c>
      <c r="D7961" cm="1">
        <f t="array" ref="D7961">IFERROR(INDEX(Jesper!AH$2:AH$366,ROUNDDOWN($C7961/24,0)+1,1)*INDEX($D$3:$AA$30,INDEX(Jesper!$R$2:$R$366,ROW(INDEX(Jesper!AH$2:AH$366,ROUNDDOWN($C7961/24,0)+1,1))-1)+IF('Standard Profiles'!$G$18=$B$10,7,0)+IF('Standard Profiles'!$G$18=$B$17,14,0)+IF('Standard Profiles'!$G$18=$B$24,21,0),MOD($C7961,24)+1)/SUM(INDEX($D$3:$AA$30,INDEX(Jesper!$R$2:$R$366,ROW(INDEX(Jesper!AH$2:AH$366,ROUNDDOWN($C7961/24,0)+1,1))-1)+IF('Standard Profiles'!$G$18=$B$10,7,0)+IF('Standard Profiles'!$G$18=$B$17,14,0)+IF('Standard Profiles'!$G$18=$B$24,21,0),0)),0)</f>
        <v>24.776552797209181</v>
      </c>
      <c r="E7961" cm="1">
        <f t="array" ref="E7961">IFERROR(INDEX(Jesper!AI$2:AI$366,ROUNDDOWN($C7961/24,0)+1,1)*INDEX($D$3:$AA$30,INDEX(Jesper!$R$2:$R$366,ROW(INDEX(Jesper!AI$2:AI$366,ROUNDDOWN($C7961/24,0)+1,1))-1)+IF('Standard Profiles'!$G$19=$B$10,7,0)+IF('Standard Profiles'!$G$19=$B$17,14,0)+IF('Standard Profiles'!$G$19=$B$24,21,0),MOD($C7961,24)+1)/SUM(INDEX($D$3:$AA$30,INDEX(Jesper!$R$2:$R$366,ROW(INDEX(Jesper!AI$2:AI$366,ROUNDDOWN($C7961/24,0)+1,1))-1)+IF('Standard Profiles'!$G$19=$B$10,7,0)+IF('Standard Profiles'!$G$19=$B$17,14,0)+IF('Standard Profiles'!$G$19=$B$24,21,0),0)),0)</f>
        <v>28.161171542460281</v>
      </c>
      <c r="F7961" cm="1">
        <f t="array" ref="F7961">IFERROR(INDEX(Jesper!AJ$2:AJ$366,ROUNDDOWN($C7961/24,0)+1,1)*INDEX($D$3:$AA$30,INDEX(Jesper!$R$2:$R$366,ROW(INDEX(Jesper!AJ$2:AJ$366,ROUNDDOWN($C7961/24,0)+1,1))-1)+IF('Standard Profiles'!$G$20=$B$10,7,0)+IF('Standard Profiles'!$G$20=$B$17,14,0)+IF('Standard Profiles'!$G$20=$B$24,21,0),MOD($C7961,24)+1)/SUM(INDEX($D$3:$AA$30,INDEX(Jesper!$R$2:$R$366,ROW(INDEX(Jesper!AJ$2:AJ$366,ROUNDDOWN($C7961/24,0)+1,1))-1)+IF('Standard Profiles'!$G$20=$B$10,7,0)+IF('Standard Profiles'!$G$20=$B$17,14,0)+IF('Standard Profiles'!$G$20=$B$24,21,0),0)),0)</f>
        <v>0</v>
      </c>
      <c r="G7961" cm="1">
        <f t="array" ref="G7961">IFERROR(INDEX(Jesper!AK$2:AK$366,ROUNDDOWN($C7961/24,0)+1,1)*INDEX($D$3:$AA$30,INDEX(Jesper!$R$2:$R$366,ROW(INDEX(Jesper!AK$2:AK$366,ROUNDDOWN($C7961/24,0)+1,1))-1)+IF('Standard Profiles'!$G$21=$B$10,7,0)+IF('Standard Profiles'!$G$21=$B$17,14,0)+IF('Standard Profiles'!$G$21=$B$24,21,0),MOD($C7961,24)+1)/SUM(INDEX($D$3:$AA$30,INDEX(Jesper!$R$2:$R$366,ROW(INDEX(Jesper!AK$2:AK$366,ROUNDDOWN($C7961/24,0)+1,1))-1)+IF('Standard Profiles'!$G$21=$B$10,7,0)+IF('Standard Profiles'!$G$21=$B$17,14,0)+IF('Standard Profiles'!$G$21=$B$24,21,0),0)),0)</f>
        <v>23.427014762056576</v>
      </c>
      <c r="H7961" cm="1">
        <f t="array" ref="H7961">IFERROR(INDEX(Jesper!AL$2:AL$366,ROUNDDOWN($C7961/24,0)+1,1)*INDEX($D$3:$AA$30,INDEX(Jesper!$R$2:$R$366,ROW(INDEX(Jesper!AL$2:AL$366,ROUNDDOWN($C7961/24,0)+1,1))-1)+IF('Standard Profiles'!$G$22=$B$10,7,0)+IF('Standard Profiles'!$G$22=$B$17,14,0)+IF('Standard Profiles'!$G$22=$B$24,21,0),MOD($C7961,24)+1)/SUM(INDEX($D$3:$AA$30,INDEX(Jesper!$R$2:$R$366,ROW(INDEX(Jesper!AL$2:AL$366,ROUNDDOWN($C7961/24,0)+1,1))-1)+IF('Standard Profiles'!$G$22=$B$10,7,0)+IF('Standard Profiles'!$G$22=$B$17,14,0)+IF('Standard Profiles'!$G$22=$B$24,21,0),0)),0)</f>
        <v>0</v>
      </c>
      <c r="I7961">
        <f t="shared" si="881"/>
        <v>11.244967085787151</v>
      </c>
      <c r="J7961">
        <f t="shared" si="882"/>
        <v>61.155523568385419</v>
      </c>
      <c r="K7961">
        <f t="shared" si="883"/>
        <v>2.6428322983689796</v>
      </c>
      <c r="L7961">
        <f t="shared" si="884"/>
        <v>1.3214161491844898</v>
      </c>
      <c r="M7961">
        <f t="shared" si="885"/>
        <v>0</v>
      </c>
      <c r="N7961" s="45">
        <f t="shared" si="886"/>
        <v>45257.291666647441</v>
      </c>
    </row>
    <row r="7962" spans="2:14" x14ac:dyDescent="0.25">
      <c r="B7962">
        <f t="shared" si="880"/>
        <v>1</v>
      </c>
      <c r="C7962" s="16">
        <v>7928</v>
      </c>
      <c r="D7962" cm="1">
        <f t="array" ref="D7962">IFERROR(INDEX(Jesper!AH$2:AH$366,ROUNDDOWN($C7962/24,0)+1,1)*INDEX($D$3:$AA$30,INDEX(Jesper!$R$2:$R$366,ROW(INDEX(Jesper!AH$2:AH$366,ROUNDDOWN($C7962/24,0)+1,1))-1)+IF('Standard Profiles'!$G$18=$B$10,7,0)+IF('Standard Profiles'!$G$18=$B$17,14,0)+IF('Standard Profiles'!$G$18=$B$24,21,0),MOD($C7962,24)+1)/SUM(INDEX($D$3:$AA$30,INDEX(Jesper!$R$2:$R$366,ROW(INDEX(Jesper!AH$2:AH$366,ROUNDDOWN($C7962/24,0)+1,1))-1)+IF('Standard Profiles'!$G$18=$B$10,7,0)+IF('Standard Profiles'!$G$18=$B$17,14,0)+IF('Standard Profiles'!$G$18=$B$24,21,0),0)),0)</f>
        <v>27.873621896860332</v>
      </c>
      <c r="E7962" cm="1">
        <f t="array" ref="E7962">IFERROR(INDEX(Jesper!AI$2:AI$366,ROUNDDOWN($C7962/24,0)+1,1)*INDEX($D$3:$AA$30,INDEX(Jesper!$R$2:$R$366,ROW(INDEX(Jesper!AI$2:AI$366,ROUNDDOWN($C7962/24,0)+1,1))-1)+IF('Standard Profiles'!$G$19=$B$10,7,0)+IF('Standard Profiles'!$G$19=$B$17,14,0)+IF('Standard Profiles'!$G$19=$B$24,21,0),MOD($C7962,24)+1)/SUM(INDEX($D$3:$AA$30,INDEX(Jesper!$R$2:$R$366,ROW(INDEX(Jesper!AI$2:AI$366,ROUNDDOWN($C7962/24,0)+1,1))-1)+IF('Standard Profiles'!$G$19=$B$10,7,0)+IF('Standard Profiles'!$G$19=$B$17,14,0)+IF('Standard Profiles'!$G$19=$B$24,21,0),0)),0)</f>
        <v>31.681317985267814</v>
      </c>
      <c r="F7962" cm="1">
        <f t="array" ref="F7962">IFERROR(INDEX(Jesper!AJ$2:AJ$366,ROUNDDOWN($C7962/24,0)+1,1)*INDEX($D$3:$AA$30,INDEX(Jesper!$R$2:$R$366,ROW(INDEX(Jesper!AJ$2:AJ$366,ROUNDDOWN($C7962/24,0)+1,1))-1)+IF('Standard Profiles'!$G$20=$B$10,7,0)+IF('Standard Profiles'!$G$20=$B$17,14,0)+IF('Standard Profiles'!$G$20=$B$24,21,0),MOD($C7962,24)+1)/SUM(INDEX($D$3:$AA$30,INDEX(Jesper!$R$2:$R$366,ROW(INDEX(Jesper!AJ$2:AJ$366,ROUNDDOWN($C7962/24,0)+1,1))-1)+IF('Standard Profiles'!$G$20=$B$10,7,0)+IF('Standard Profiles'!$G$20=$B$17,14,0)+IF('Standard Profiles'!$G$20=$B$24,21,0),0)),0)</f>
        <v>0</v>
      </c>
      <c r="G7962" cm="1">
        <f t="array" ref="G7962">IFERROR(INDEX(Jesper!AK$2:AK$366,ROUNDDOWN($C7962/24,0)+1,1)*INDEX($D$3:$AA$30,INDEX(Jesper!$R$2:$R$366,ROW(INDEX(Jesper!AK$2:AK$366,ROUNDDOWN($C7962/24,0)+1,1))-1)+IF('Standard Profiles'!$G$21=$B$10,7,0)+IF('Standard Profiles'!$G$21=$B$17,14,0)+IF('Standard Profiles'!$G$21=$B$24,21,0),MOD($C7962,24)+1)/SUM(INDEX($D$3:$AA$30,INDEX(Jesper!$R$2:$R$366,ROW(INDEX(Jesper!AK$2:AK$366,ROUNDDOWN($C7962/24,0)+1,1))-1)+IF('Standard Profiles'!$G$21=$B$10,7,0)+IF('Standard Profiles'!$G$21=$B$17,14,0)+IF('Standard Profiles'!$G$21=$B$24,21,0),0)),0)</f>
        <v>26.355391607313649</v>
      </c>
      <c r="H7962" cm="1">
        <f t="array" ref="H7962">IFERROR(INDEX(Jesper!AL$2:AL$366,ROUNDDOWN($C7962/24,0)+1,1)*INDEX($D$3:$AA$30,INDEX(Jesper!$R$2:$R$366,ROW(INDEX(Jesper!AL$2:AL$366,ROUNDDOWN($C7962/24,0)+1,1))-1)+IF('Standard Profiles'!$G$22=$B$10,7,0)+IF('Standard Profiles'!$G$22=$B$17,14,0)+IF('Standard Profiles'!$G$22=$B$24,21,0),MOD($C7962,24)+1)/SUM(INDEX($D$3:$AA$30,INDEX(Jesper!$R$2:$R$366,ROW(INDEX(Jesper!AL$2:AL$366,ROUNDDOWN($C7962/24,0)+1,1))-1)+IF('Standard Profiles'!$G$22=$B$10,7,0)+IF('Standard Profiles'!$G$22=$B$17,14,0)+IF('Standard Profiles'!$G$22=$B$24,21,0),0)),0)</f>
        <v>0</v>
      </c>
      <c r="I7962">
        <f t="shared" si="881"/>
        <v>12.650587971510545</v>
      </c>
      <c r="J7962">
        <f t="shared" si="882"/>
        <v>68.799964014433598</v>
      </c>
      <c r="K7962">
        <f t="shared" si="883"/>
        <v>2.973186335665102</v>
      </c>
      <c r="L7962">
        <f t="shared" si="884"/>
        <v>1.486593167832551</v>
      </c>
      <c r="M7962">
        <f t="shared" si="885"/>
        <v>0</v>
      </c>
      <c r="N7962" s="45">
        <f t="shared" si="886"/>
        <v>45257.333333314105</v>
      </c>
    </row>
    <row r="7963" spans="2:14" x14ac:dyDescent="0.25">
      <c r="B7963">
        <f t="shared" si="880"/>
        <v>1</v>
      </c>
      <c r="C7963" s="16">
        <v>7929</v>
      </c>
      <c r="D7963" cm="1">
        <f t="array" ref="D7963">IFERROR(INDEX(Jesper!AH$2:AH$366,ROUNDDOWN($C7963/24,0)+1,1)*INDEX($D$3:$AA$30,INDEX(Jesper!$R$2:$R$366,ROW(INDEX(Jesper!AH$2:AH$366,ROUNDDOWN($C7963/24,0)+1,1))-1)+IF('Standard Profiles'!$G$18=$B$10,7,0)+IF('Standard Profiles'!$G$18=$B$17,14,0)+IF('Standard Profiles'!$G$18=$B$24,21,0),MOD($C7963,24)+1)/SUM(INDEX($D$3:$AA$30,INDEX(Jesper!$R$2:$R$366,ROW(INDEX(Jesper!AH$2:AH$366,ROUNDDOWN($C7963/24,0)+1,1))-1)+IF('Standard Profiles'!$G$18=$B$10,7,0)+IF('Standard Profiles'!$G$18=$B$17,14,0)+IF('Standard Profiles'!$G$18=$B$24,21,0),0)),0)</f>
        <v>30.970690996511479</v>
      </c>
      <c r="E7963" cm="1">
        <f t="array" ref="E7963">IFERROR(INDEX(Jesper!AI$2:AI$366,ROUNDDOWN($C7963/24,0)+1,1)*INDEX($D$3:$AA$30,INDEX(Jesper!$R$2:$R$366,ROW(INDEX(Jesper!AI$2:AI$366,ROUNDDOWN($C7963/24,0)+1,1))-1)+IF('Standard Profiles'!$G$19=$B$10,7,0)+IF('Standard Profiles'!$G$19=$B$17,14,0)+IF('Standard Profiles'!$G$19=$B$24,21,0),MOD($C7963,24)+1)/SUM(INDEX($D$3:$AA$30,INDEX(Jesper!$R$2:$R$366,ROW(INDEX(Jesper!AI$2:AI$366,ROUNDDOWN($C7963/24,0)+1,1))-1)+IF('Standard Profiles'!$G$19=$B$10,7,0)+IF('Standard Profiles'!$G$19=$B$17,14,0)+IF('Standard Profiles'!$G$19=$B$24,21,0),0)),0)</f>
        <v>35.201464428075347</v>
      </c>
      <c r="F7963" cm="1">
        <f t="array" ref="F7963">IFERROR(INDEX(Jesper!AJ$2:AJ$366,ROUNDDOWN($C7963/24,0)+1,1)*INDEX($D$3:$AA$30,INDEX(Jesper!$R$2:$R$366,ROW(INDEX(Jesper!AJ$2:AJ$366,ROUNDDOWN($C7963/24,0)+1,1))-1)+IF('Standard Profiles'!$G$20=$B$10,7,0)+IF('Standard Profiles'!$G$20=$B$17,14,0)+IF('Standard Profiles'!$G$20=$B$24,21,0),MOD($C7963,24)+1)/SUM(INDEX($D$3:$AA$30,INDEX(Jesper!$R$2:$R$366,ROW(INDEX(Jesper!AJ$2:AJ$366,ROUNDDOWN($C7963/24,0)+1,1))-1)+IF('Standard Profiles'!$G$20=$B$10,7,0)+IF('Standard Profiles'!$G$20=$B$17,14,0)+IF('Standard Profiles'!$G$20=$B$24,21,0),0)),0)</f>
        <v>0</v>
      </c>
      <c r="G7963" cm="1">
        <f t="array" ref="G7963">IFERROR(INDEX(Jesper!AK$2:AK$366,ROUNDDOWN($C7963/24,0)+1,1)*INDEX($D$3:$AA$30,INDEX(Jesper!$R$2:$R$366,ROW(INDEX(Jesper!AK$2:AK$366,ROUNDDOWN($C7963/24,0)+1,1))-1)+IF('Standard Profiles'!$G$21=$B$10,7,0)+IF('Standard Profiles'!$G$21=$B$17,14,0)+IF('Standard Profiles'!$G$21=$B$24,21,0),MOD($C7963,24)+1)/SUM(INDEX($D$3:$AA$30,INDEX(Jesper!$R$2:$R$366,ROW(INDEX(Jesper!AK$2:AK$366,ROUNDDOWN($C7963/24,0)+1,1))-1)+IF('Standard Profiles'!$G$21=$B$10,7,0)+IF('Standard Profiles'!$G$21=$B$17,14,0)+IF('Standard Profiles'!$G$21=$B$24,21,0),0)),0)</f>
        <v>29.283768452570715</v>
      </c>
      <c r="H7963" cm="1">
        <f t="array" ref="H7963">IFERROR(INDEX(Jesper!AL$2:AL$366,ROUNDDOWN($C7963/24,0)+1,1)*INDEX($D$3:$AA$30,INDEX(Jesper!$R$2:$R$366,ROW(INDEX(Jesper!AL$2:AL$366,ROUNDDOWN($C7963/24,0)+1,1))-1)+IF('Standard Profiles'!$G$22=$B$10,7,0)+IF('Standard Profiles'!$G$22=$B$17,14,0)+IF('Standard Profiles'!$G$22=$B$24,21,0),MOD($C7963,24)+1)/SUM(INDEX($D$3:$AA$30,INDEX(Jesper!$R$2:$R$366,ROW(INDEX(Jesper!AL$2:AL$366,ROUNDDOWN($C7963/24,0)+1,1))-1)+IF('Standard Profiles'!$G$22=$B$10,7,0)+IF('Standard Profiles'!$G$22=$B$17,14,0)+IF('Standard Profiles'!$G$22=$B$24,21,0),0)),0)</f>
        <v>0</v>
      </c>
      <c r="I7963">
        <f t="shared" si="881"/>
        <v>14.056208857233937</v>
      </c>
      <c r="J7963">
        <f t="shared" si="882"/>
        <v>76.444404460481763</v>
      </c>
      <c r="K7963">
        <f t="shared" si="883"/>
        <v>3.3035403729612245</v>
      </c>
      <c r="L7963">
        <f t="shared" si="884"/>
        <v>1.6517701864806122</v>
      </c>
      <c r="M7963">
        <f t="shared" si="885"/>
        <v>0</v>
      </c>
      <c r="N7963" s="45">
        <f t="shared" si="886"/>
        <v>45257.37499998077</v>
      </c>
    </row>
    <row r="7964" spans="2:14" x14ac:dyDescent="0.25">
      <c r="B7964">
        <f t="shared" si="880"/>
        <v>1</v>
      </c>
      <c r="C7964" s="16">
        <v>7930</v>
      </c>
      <c r="D7964" cm="1">
        <f t="array" ref="D7964">IFERROR(INDEX(Jesper!AH$2:AH$366,ROUNDDOWN($C7964/24,0)+1,1)*INDEX($D$3:$AA$30,INDEX(Jesper!$R$2:$R$366,ROW(INDEX(Jesper!AH$2:AH$366,ROUNDDOWN($C7964/24,0)+1,1))-1)+IF('Standard Profiles'!$G$18=$B$10,7,0)+IF('Standard Profiles'!$G$18=$B$17,14,0)+IF('Standard Profiles'!$G$18=$B$24,21,0),MOD($C7964,24)+1)/SUM(INDEX($D$3:$AA$30,INDEX(Jesper!$R$2:$R$366,ROW(INDEX(Jesper!AH$2:AH$366,ROUNDDOWN($C7964/24,0)+1,1))-1)+IF('Standard Profiles'!$G$18=$B$10,7,0)+IF('Standard Profiles'!$G$18=$B$17,14,0)+IF('Standard Profiles'!$G$18=$B$24,21,0),0)),0)</f>
        <v>30.970690996511479</v>
      </c>
      <c r="E7964" cm="1">
        <f t="array" ref="E7964">IFERROR(INDEX(Jesper!AI$2:AI$366,ROUNDDOWN($C7964/24,0)+1,1)*INDEX($D$3:$AA$30,INDEX(Jesper!$R$2:$R$366,ROW(INDEX(Jesper!AI$2:AI$366,ROUNDDOWN($C7964/24,0)+1,1))-1)+IF('Standard Profiles'!$G$19=$B$10,7,0)+IF('Standard Profiles'!$G$19=$B$17,14,0)+IF('Standard Profiles'!$G$19=$B$24,21,0),MOD($C7964,24)+1)/SUM(INDEX($D$3:$AA$30,INDEX(Jesper!$R$2:$R$366,ROW(INDEX(Jesper!AI$2:AI$366,ROUNDDOWN($C7964/24,0)+1,1))-1)+IF('Standard Profiles'!$G$19=$B$10,7,0)+IF('Standard Profiles'!$G$19=$B$17,14,0)+IF('Standard Profiles'!$G$19=$B$24,21,0),0)),0)</f>
        <v>35.201464428075347</v>
      </c>
      <c r="F7964" cm="1">
        <f t="array" ref="F7964">IFERROR(INDEX(Jesper!AJ$2:AJ$366,ROUNDDOWN($C7964/24,0)+1,1)*INDEX($D$3:$AA$30,INDEX(Jesper!$R$2:$R$366,ROW(INDEX(Jesper!AJ$2:AJ$366,ROUNDDOWN($C7964/24,0)+1,1))-1)+IF('Standard Profiles'!$G$20=$B$10,7,0)+IF('Standard Profiles'!$G$20=$B$17,14,0)+IF('Standard Profiles'!$G$20=$B$24,21,0),MOD($C7964,24)+1)/SUM(INDEX($D$3:$AA$30,INDEX(Jesper!$R$2:$R$366,ROW(INDEX(Jesper!AJ$2:AJ$366,ROUNDDOWN($C7964/24,0)+1,1))-1)+IF('Standard Profiles'!$G$20=$B$10,7,0)+IF('Standard Profiles'!$G$20=$B$17,14,0)+IF('Standard Profiles'!$G$20=$B$24,21,0),0)),0)</f>
        <v>0</v>
      </c>
      <c r="G7964" cm="1">
        <f t="array" ref="G7964">IFERROR(INDEX(Jesper!AK$2:AK$366,ROUNDDOWN($C7964/24,0)+1,1)*INDEX($D$3:$AA$30,INDEX(Jesper!$R$2:$R$366,ROW(INDEX(Jesper!AK$2:AK$366,ROUNDDOWN($C7964/24,0)+1,1))-1)+IF('Standard Profiles'!$G$21=$B$10,7,0)+IF('Standard Profiles'!$G$21=$B$17,14,0)+IF('Standard Profiles'!$G$21=$B$24,21,0),MOD($C7964,24)+1)/SUM(INDEX($D$3:$AA$30,INDEX(Jesper!$R$2:$R$366,ROW(INDEX(Jesper!AK$2:AK$366,ROUNDDOWN($C7964/24,0)+1,1))-1)+IF('Standard Profiles'!$G$21=$B$10,7,0)+IF('Standard Profiles'!$G$21=$B$17,14,0)+IF('Standard Profiles'!$G$21=$B$24,21,0),0)),0)</f>
        <v>29.283768452570715</v>
      </c>
      <c r="H7964" cm="1">
        <f t="array" ref="H7964">IFERROR(INDEX(Jesper!AL$2:AL$366,ROUNDDOWN($C7964/24,0)+1,1)*INDEX($D$3:$AA$30,INDEX(Jesper!$R$2:$R$366,ROW(INDEX(Jesper!AL$2:AL$366,ROUNDDOWN($C7964/24,0)+1,1))-1)+IF('Standard Profiles'!$G$22=$B$10,7,0)+IF('Standard Profiles'!$G$22=$B$17,14,0)+IF('Standard Profiles'!$G$22=$B$24,21,0),MOD($C7964,24)+1)/SUM(INDEX($D$3:$AA$30,INDEX(Jesper!$R$2:$R$366,ROW(INDEX(Jesper!AL$2:AL$366,ROUNDDOWN($C7964/24,0)+1,1))-1)+IF('Standard Profiles'!$G$22=$B$10,7,0)+IF('Standard Profiles'!$G$22=$B$17,14,0)+IF('Standard Profiles'!$G$22=$B$24,21,0),0)),0)</f>
        <v>0</v>
      </c>
      <c r="I7964">
        <f t="shared" si="881"/>
        <v>14.056208857233937</v>
      </c>
      <c r="J7964">
        <f t="shared" si="882"/>
        <v>76.444404460481763</v>
      </c>
      <c r="K7964">
        <f t="shared" si="883"/>
        <v>3.3035403729612245</v>
      </c>
      <c r="L7964">
        <f t="shared" si="884"/>
        <v>1.6517701864806122</v>
      </c>
      <c r="M7964">
        <f t="shared" si="885"/>
        <v>0</v>
      </c>
      <c r="N7964" s="45">
        <f t="shared" si="886"/>
        <v>45257.416666647434</v>
      </c>
    </row>
    <row r="7965" spans="2:14" x14ac:dyDescent="0.25">
      <c r="B7965">
        <f t="shared" si="880"/>
        <v>1</v>
      </c>
      <c r="C7965" s="16">
        <v>7931</v>
      </c>
      <c r="D7965" cm="1">
        <f t="array" ref="D7965">IFERROR(INDEX(Jesper!AH$2:AH$366,ROUNDDOWN($C7965/24,0)+1,1)*INDEX($D$3:$AA$30,INDEX(Jesper!$R$2:$R$366,ROW(INDEX(Jesper!AH$2:AH$366,ROUNDDOWN($C7965/24,0)+1,1))-1)+IF('Standard Profiles'!$G$18=$B$10,7,0)+IF('Standard Profiles'!$G$18=$B$17,14,0)+IF('Standard Profiles'!$G$18=$B$24,21,0),MOD($C7965,24)+1)/SUM(INDEX($D$3:$AA$30,INDEX(Jesper!$R$2:$R$366,ROW(INDEX(Jesper!AH$2:AH$366,ROUNDDOWN($C7965/24,0)+1,1))-1)+IF('Standard Profiles'!$G$18=$B$10,7,0)+IF('Standard Profiles'!$G$18=$B$17,14,0)+IF('Standard Profiles'!$G$18=$B$24,21,0),0)),0)</f>
        <v>37.164829195813773</v>
      </c>
      <c r="E7965" cm="1">
        <f t="array" ref="E7965">IFERROR(INDEX(Jesper!AI$2:AI$366,ROUNDDOWN($C7965/24,0)+1,1)*INDEX($D$3:$AA$30,INDEX(Jesper!$R$2:$R$366,ROW(INDEX(Jesper!AI$2:AI$366,ROUNDDOWN($C7965/24,0)+1,1))-1)+IF('Standard Profiles'!$G$19=$B$10,7,0)+IF('Standard Profiles'!$G$19=$B$17,14,0)+IF('Standard Profiles'!$G$19=$B$24,21,0),MOD($C7965,24)+1)/SUM(INDEX($D$3:$AA$30,INDEX(Jesper!$R$2:$R$366,ROW(INDEX(Jesper!AI$2:AI$366,ROUNDDOWN($C7965/24,0)+1,1))-1)+IF('Standard Profiles'!$G$19=$B$10,7,0)+IF('Standard Profiles'!$G$19=$B$17,14,0)+IF('Standard Profiles'!$G$19=$B$24,21,0),0)),0)</f>
        <v>42.241757313690414</v>
      </c>
      <c r="F7965" cm="1">
        <f t="array" ref="F7965">IFERROR(INDEX(Jesper!AJ$2:AJ$366,ROUNDDOWN($C7965/24,0)+1,1)*INDEX($D$3:$AA$30,INDEX(Jesper!$R$2:$R$366,ROW(INDEX(Jesper!AJ$2:AJ$366,ROUNDDOWN($C7965/24,0)+1,1))-1)+IF('Standard Profiles'!$G$20=$B$10,7,0)+IF('Standard Profiles'!$G$20=$B$17,14,0)+IF('Standard Profiles'!$G$20=$B$24,21,0),MOD($C7965,24)+1)/SUM(INDEX($D$3:$AA$30,INDEX(Jesper!$R$2:$R$366,ROW(INDEX(Jesper!AJ$2:AJ$366,ROUNDDOWN($C7965/24,0)+1,1))-1)+IF('Standard Profiles'!$G$20=$B$10,7,0)+IF('Standard Profiles'!$G$20=$B$17,14,0)+IF('Standard Profiles'!$G$20=$B$24,21,0),0)),0)</f>
        <v>0</v>
      </c>
      <c r="G7965" cm="1">
        <f t="array" ref="G7965">IFERROR(INDEX(Jesper!AK$2:AK$366,ROUNDDOWN($C7965/24,0)+1,1)*INDEX($D$3:$AA$30,INDEX(Jesper!$R$2:$R$366,ROW(INDEX(Jesper!AK$2:AK$366,ROUNDDOWN($C7965/24,0)+1,1))-1)+IF('Standard Profiles'!$G$21=$B$10,7,0)+IF('Standard Profiles'!$G$21=$B$17,14,0)+IF('Standard Profiles'!$G$21=$B$24,21,0),MOD($C7965,24)+1)/SUM(INDEX($D$3:$AA$30,INDEX(Jesper!$R$2:$R$366,ROW(INDEX(Jesper!AK$2:AK$366,ROUNDDOWN($C7965/24,0)+1,1))-1)+IF('Standard Profiles'!$G$21=$B$10,7,0)+IF('Standard Profiles'!$G$21=$B$17,14,0)+IF('Standard Profiles'!$G$21=$B$24,21,0),0)),0)</f>
        <v>35.140522143084851</v>
      </c>
      <c r="H7965" cm="1">
        <f t="array" ref="H7965">IFERROR(INDEX(Jesper!AL$2:AL$366,ROUNDDOWN($C7965/24,0)+1,1)*INDEX($D$3:$AA$30,INDEX(Jesper!$R$2:$R$366,ROW(INDEX(Jesper!AL$2:AL$366,ROUNDDOWN($C7965/24,0)+1,1))-1)+IF('Standard Profiles'!$G$22=$B$10,7,0)+IF('Standard Profiles'!$G$22=$B$17,14,0)+IF('Standard Profiles'!$G$22=$B$24,21,0),MOD($C7965,24)+1)/SUM(INDEX($D$3:$AA$30,INDEX(Jesper!$R$2:$R$366,ROW(INDEX(Jesper!AL$2:AL$366,ROUNDDOWN($C7965/24,0)+1,1))-1)+IF('Standard Profiles'!$G$22=$B$10,7,0)+IF('Standard Profiles'!$G$22=$B$17,14,0)+IF('Standard Profiles'!$G$22=$B$24,21,0),0)),0)</f>
        <v>0</v>
      </c>
      <c r="I7965">
        <f t="shared" si="881"/>
        <v>16.867450628680722</v>
      </c>
      <c r="J7965">
        <f t="shared" si="882"/>
        <v>91.733285352578122</v>
      </c>
      <c r="K7965">
        <f t="shared" si="883"/>
        <v>3.9642484475534694</v>
      </c>
      <c r="L7965">
        <f t="shared" si="884"/>
        <v>1.9821242237767347</v>
      </c>
      <c r="M7965">
        <f t="shared" si="885"/>
        <v>0</v>
      </c>
      <c r="N7965" s="45">
        <f t="shared" si="886"/>
        <v>45257.458333314098</v>
      </c>
    </row>
    <row r="7966" spans="2:14" x14ac:dyDescent="0.25">
      <c r="B7966">
        <f t="shared" si="880"/>
        <v>1</v>
      </c>
      <c r="C7966" s="16">
        <v>7932</v>
      </c>
      <c r="D7966" cm="1">
        <f t="array" ref="D7966">IFERROR(INDEX(Jesper!AH$2:AH$366,ROUNDDOWN($C7966/24,0)+1,1)*INDEX($D$3:$AA$30,INDEX(Jesper!$R$2:$R$366,ROW(INDEX(Jesper!AH$2:AH$366,ROUNDDOWN($C7966/24,0)+1,1))-1)+IF('Standard Profiles'!$G$18=$B$10,7,0)+IF('Standard Profiles'!$G$18=$B$17,14,0)+IF('Standard Profiles'!$G$18=$B$24,21,0),MOD($C7966,24)+1)/SUM(INDEX($D$3:$AA$30,INDEX(Jesper!$R$2:$R$366,ROW(INDEX(Jesper!AH$2:AH$366,ROUNDDOWN($C7966/24,0)+1,1))-1)+IF('Standard Profiles'!$G$18=$B$10,7,0)+IF('Standard Profiles'!$G$18=$B$17,14,0)+IF('Standard Profiles'!$G$18=$B$24,21,0),0)),0)</f>
        <v>37.164829195813773</v>
      </c>
      <c r="E7966" cm="1">
        <f t="array" ref="E7966">IFERROR(INDEX(Jesper!AI$2:AI$366,ROUNDDOWN($C7966/24,0)+1,1)*INDEX($D$3:$AA$30,INDEX(Jesper!$R$2:$R$366,ROW(INDEX(Jesper!AI$2:AI$366,ROUNDDOWN($C7966/24,0)+1,1))-1)+IF('Standard Profiles'!$G$19=$B$10,7,0)+IF('Standard Profiles'!$G$19=$B$17,14,0)+IF('Standard Profiles'!$G$19=$B$24,21,0),MOD($C7966,24)+1)/SUM(INDEX($D$3:$AA$30,INDEX(Jesper!$R$2:$R$366,ROW(INDEX(Jesper!AI$2:AI$366,ROUNDDOWN($C7966/24,0)+1,1))-1)+IF('Standard Profiles'!$G$19=$B$10,7,0)+IF('Standard Profiles'!$G$19=$B$17,14,0)+IF('Standard Profiles'!$G$19=$B$24,21,0),0)),0)</f>
        <v>42.241757313690414</v>
      </c>
      <c r="F7966" cm="1">
        <f t="array" ref="F7966">IFERROR(INDEX(Jesper!AJ$2:AJ$366,ROUNDDOWN($C7966/24,0)+1,1)*INDEX($D$3:$AA$30,INDEX(Jesper!$R$2:$R$366,ROW(INDEX(Jesper!AJ$2:AJ$366,ROUNDDOWN($C7966/24,0)+1,1))-1)+IF('Standard Profiles'!$G$20=$B$10,7,0)+IF('Standard Profiles'!$G$20=$B$17,14,0)+IF('Standard Profiles'!$G$20=$B$24,21,0),MOD($C7966,24)+1)/SUM(INDEX($D$3:$AA$30,INDEX(Jesper!$R$2:$R$366,ROW(INDEX(Jesper!AJ$2:AJ$366,ROUNDDOWN($C7966/24,0)+1,1))-1)+IF('Standard Profiles'!$G$20=$B$10,7,0)+IF('Standard Profiles'!$G$20=$B$17,14,0)+IF('Standard Profiles'!$G$20=$B$24,21,0),0)),0)</f>
        <v>0</v>
      </c>
      <c r="G7966" cm="1">
        <f t="array" ref="G7966">IFERROR(INDEX(Jesper!AK$2:AK$366,ROUNDDOWN($C7966/24,0)+1,1)*INDEX($D$3:$AA$30,INDEX(Jesper!$R$2:$R$366,ROW(INDEX(Jesper!AK$2:AK$366,ROUNDDOWN($C7966/24,0)+1,1))-1)+IF('Standard Profiles'!$G$21=$B$10,7,0)+IF('Standard Profiles'!$G$21=$B$17,14,0)+IF('Standard Profiles'!$G$21=$B$24,21,0),MOD($C7966,24)+1)/SUM(INDEX($D$3:$AA$30,INDEX(Jesper!$R$2:$R$366,ROW(INDEX(Jesper!AK$2:AK$366,ROUNDDOWN($C7966/24,0)+1,1))-1)+IF('Standard Profiles'!$G$21=$B$10,7,0)+IF('Standard Profiles'!$G$21=$B$17,14,0)+IF('Standard Profiles'!$G$21=$B$24,21,0),0)),0)</f>
        <v>35.140522143084851</v>
      </c>
      <c r="H7966" cm="1">
        <f t="array" ref="H7966">IFERROR(INDEX(Jesper!AL$2:AL$366,ROUNDDOWN($C7966/24,0)+1,1)*INDEX($D$3:$AA$30,INDEX(Jesper!$R$2:$R$366,ROW(INDEX(Jesper!AL$2:AL$366,ROUNDDOWN($C7966/24,0)+1,1))-1)+IF('Standard Profiles'!$G$22=$B$10,7,0)+IF('Standard Profiles'!$G$22=$B$17,14,0)+IF('Standard Profiles'!$G$22=$B$24,21,0),MOD($C7966,24)+1)/SUM(INDEX($D$3:$AA$30,INDEX(Jesper!$R$2:$R$366,ROW(INDEX(Jesper!AL$2:AL$366,ROUNDDOWN($C7966/24,0)+1,1))-1)+IF('Standard Profiles'!$G$22=$B$10,7,0)+IF('Standard Profiles'!$G$22=$B$17,14,0)+IF('Standard Profiles'!$G$22=$B$24,21,0),0)),0)</f>
        <v>0</v>
      </c>
      <c r="I7966">
        <f t="shared" si="881"/>
        <v>16.867450628680722</v>
      </c>
      <c r="J7966">
        <f t="shared" si="882"/>
        <v>91.733285352578122</v>
      </c>
      <c r="K7966">
        <f t="shared" si="883"/>
        <v>3.9642484475534694</v>
      </c>
      <c r="L7966">
        <f t="shared" si="884"/>
        <v>1.9821242237767347</v>
      </c>
      <c r="M7966">
        <f t="shared" si="885"/>
        <v>0</v>
      </c>
      <c r="N7966" s="45">
        <f t="shared" si="886"/>
        <v>45257.499999980762</v>
      </c>
    </row>
    <row r="7967" spans="2:14" x14ac:dyDescent="0.25">
      <c r="B7967">
        <f t="shared" si="880"/>
        <v>1</v>
      </c>
      <c r="C7967" s="16">
        <v>7933</v>
      </c>
      <c r="D7967" cm="1">
        <f t="array" ref="D7967">IFERROR(INDEX(Jesper!AH$2:AH$366,ROUNDDOWN($C7967/24,0)+1,1)*INDEX($D$3:$AA$30,INDEX(Jesper!$R$2:$R$366,ROW(INDEX(Jesper!AH$2:AH$366,ROUNDDOWN($C7967/24,0)+1,1))-1)+IF('Standard Profiles'!$G$18=$B$10,7,0)+IF('Standard Profiles'!$G$18=$B$17,14,0)+IF('Standard Profiles'!$G$18=$B$24,21,0),MOD($C7967,24)+1)/SUM(INDEX($D$3:$AA$30,INDEX(Jesper!$R$2:$R$366,ROW(INDEX(Jesper!AH$2:AH$366,ROUNDDOWN($C7967/24,0)+1,1))-1)+IF('Standard Profiles'!$G$18=$B$10,7,0)+IF('Standard Profiles'!$G$18=$B$17,14,0)+IF('Standard Profiles'!$G$18=$B$24,21,0),0)),0)</f>
        <v>24.776552797209181</v>
      </c>
      <c r="E7967" cm="1">
        <f t="array" ref="E7967">IFERROR(INDEX(Jesper!AI$2:AI$366,ROUNDDOWN($C7967/24,0)+1,1)*INDEX($D$3:$AA$30,INDEX(Jesper!$R$2:$R$366,ROW(INDEX(Jesper!AI$2:AI$366,ROUNDDOWN($C7967/24,0)+1,1))-1)+IF('Standard Profiles'!$G$19=$B$10,7,0)+IF('Standard Profiles'!$G$19=$B$17,14,0)+IF('Standard Profiles'!$G$19=$B$24,21,0),MOD($C7967,24)+1)/SUM(INDEX($D$3:$AA$30,INDEX(Jesper!$R$2:$R$366,ROW(INDEX(Jesper!AI$2:AI$366,ROUNDDOWN($C7967/24,0)+1,1))-1)+IF('Standard Profiles'!$G$19=$B$10,7,0)+IF('Standard Profiles'!$G$19=$B$17,14,0)+IF('Standard Profiles'!$G$19=$B$24,21,0),0)),0)</f>
        <v>28.161171542460281</v>
      </c>
      <c r="F7967" cm="1">
        <f t="array" ref="F7967">IFERROR(INDEX(Jesper!AJ$2:AJ$366,ROUNDDOWN($C7967/24,0)+1,1)*INDEX($D$3:$AA$30,INDEX(Jesper!$R$2:$R$366,ROW(INDEX(Jesper!AJ$2:AJ$366,ROUNDDOWN($C7967/24,0)+1,1))-1)+IF('Standard Profiles'!$G$20=$B$10,7,0)+IF('Standard Profiles'!$G$20=$B$17,14,0)+IF('Standard Profiles'!$G$20=$B$24,21,0),MOD($C7967,24)+1)/SUM(INDEX($D$3:$AA$30,INDEX(Jesper!$R$2:$R$366,ROW(INDEX(Jesper!AJ$2:AJ$366,ROUNDDOWN($C7967/24,0)+1,1))-1)+IF('Standard Profiles'!$G$20=$B$10,7,0)+IF('Standard Profiles'!$G$20=$B$17,14,0)+IF('Standard Profiles'!$G$20=$B$24,21,0),0)),0)</f>
        <v>0</v>
      </c>
      <c r="G7967" cm="1">
        <f t="array" ref="G7967">IFERROR(INDEX(Jesper!AK$2:AK$366,ROUNDDOWN($C7967/24,0)+1,1)*INDEX($D$3:$AA$30,INDEX(Jesper!$R$2:$R$366,ROW(INDEX(Jesper!AK$2:AK$366,ROUNDDOWN($C7967/24,0)+1,1))-1)+IF('Standard Profiles'!$G$21=$B$10,7,0)+IF('Standard Profiles'!$G$21=$B$17,14,0)+IF('Standard Profiles'!$G$21=$B$24,21,0),MOD($C7967,24)+1)/SUM(INDEX($D$3:$AA$30,INDEX(Jesper!$R$2:$R$366,ROW(INDEX(Jesper!AK$2:AK$366,ROUNDDOWN($C7967/24,0)+1,1))-1)+IF('Standard Profiles'!$G$21=$B$10,7,0)+IF('Standard Profiles'!$G$21=$B$17,14,0)+IF('Standard Profiles'!$G$21=$B$24,21,0),0)),0)</f>
        <v>23.427014762056576</v>
      </c>
      <c r="H7967" cm="1">
        <f t="array" ref="H7967">IFERROR(INDEX(Jesper!AL$2:AL$366,ROUNDDOWN($C7967/24,0)+1,1)*INDEX($D$3:$AA$30,INDEX(Jesper!$R$2:$R$366,ROW(INDEX(Jesper!AL$2:AL$366,ROUNDDOWN($C7967/24,0)+1,1))-1)+IF('Standard Profiles'!$G$22=$B$10,7,0)+IF('Standard Profiles'!$G$22=$B$17,14,0)+IF('Standard Profiles'!$G$22=$B$24,21,0),MOD($C7967,24)+1)/SUM(INDEX($D$3:$AA$30,INDEX(Jesper!$R$2:$R$366,ROW(INDEX(Jesper!AL$2:AL$366,ROUNDDOWN($C7967/24,0)+1,1))-1)+IF('Standard Profiles'!$G$22=$B$10,7,0)+IF('Standard Profiles'!$G$22=$B$17,14,0)+IF('Standard Profiles'!$G$22=$B$24,21,0),0)),0)</f>
        <v>0</v>
      </c>
      <c r="I7967">
        <f t="shared" si="881"/>
        <v>11.244967085787151</v>
      </c>
      <c r="J7967">
        <f t="shared" si="882"/>
        <v>61.155523568385419</v>
      </c>
      <c r="K7967">
        <f t="shared" si="883"/>
        <v>2.6428322983689796</v>
      </c>
      <c r="L7967">
        <f t="shared" si="884"/>
        <v>1.3214161491844898</v>
      </c>
      <c r="M7967">
        <f t="shared" si="885"/>
        <v>0</v>
      </c>
      <c r="N7967" s="45">
        <f t="shared" si="886"/>
        <v>45257.541666647427</v>
      </c>
    </row>
    <row r="7968" spans="2:14" x14ac:dyDescent="0.25">
      <c r="B7968">
        <f t="shared" si="880"/>
        <v>1</v>
      </c>
      <c r="C7968" s="16">
        <v>7934</v>
      </c>
      <c r="D7968" cm="1">
        <f t="array" ref="D7968">IFERROR(INDEX(Jesper!AH$2:AH$366,ROUNDDOWN($C7968/24,0)+1,1)*INDEX($D$3:$AA$30,INDEX(Jesper!$R$2:$R$366,ROW(INDEX(Jesper!AH$2:AH$366,ROUNDDOWN($C7968/24,0)+1,1))-1)+IF('Standard Profiles'!$G$18=$B$10,7,0)+IF('Standard Profiles'!$G$18=$B$17,14,0)+IF('Standard Profiles'!$G$18=$B$24,21,0),MOD($C7968,24)+1)/SUM(INDEX($D$3:$AA$30,INDEX(Jesper!$R$2:$R$366,ROW(INDEX(Jesper!AH$2:AH$366,ROUNDDOWN($C7968/24,0)+1,1))-1)+IF('Standard Profiles'!$G$18=$B$10,7,0)+IF('Standard Profiles'!$G$18=$B$17,14,0)+IF('Standard Profiles'!$G$18=$B$24,21,0),0)),0)</f>
        <v>37.164829195813773</v>
      </c>
      <c r="E7968" cm="1">
        <f t="array" ref="E7968">IFERROR(INDEX(Jesper!AI$2:AI$366,ROUNDDOWN($C7968/24,0)+1,1)*INDEX($D$3:$AA$30,INDEX(Jesper!$R$2:$R$366,ROW(INDEX(Jesper!AI$2:AI$366,ROUNDDOWN($C7968/24,0)+1,1))-1)+IF('Standard Profiles'!$G$19=$B$10,7,0)+IF('Standard Profiles'!$G$19=$B$17,14,0)+IF('Standard Profiles'!$G$19=$B$24,21,0),MOD($C7968,24)+1)/SUM(INDEX($D$3:$AA$30,INDEX(Jesper!$R$2:$R$366,ROW(INDEX(Jesper!AI$2:AI$366,ROUNDDOWN($C7968/24,0)+1,1))-1)+IF('Standard Profiles'!$G$19=$B$10,7,0)+IF('Standard Profiles'!$G$19=$B$17,14,0)+IF('Standard Profiles'!$G$19=$B$24,21,0),0)),0)</f>
        <v>42.241757313690414</v>
      </c>
      <c r="F7968" cm="1">
        <f t="array" ref="F7968">IFERROR(INDEX(Jesper!AJ$2:AJ$366,ROUNDDOWN($C7968/24,0)+1,1)*INDEX($D$3:$AA$30,INDEX(Jesper!$R$2:$R$366,ROW(INDEX(Jesper!AJ$2:AJ$366,ROUNDDOWN($C7968/24,0)+1,1))-1)+IF('Standard Profiles'!$G$20=$B$10,7,0)+IF('Standard Profiles'!$G$20=$B$17,14,0)+IF('Standard Profiles'!$G$20=$B$24,21,0),MOD($C7968,24)+1)/SUM(INDEX($D$3:$AA$30,INDEX(Jesper!$R$2:$R$366,ROW(INDEX(Jesper!AJ$2:AJ$366,ROUNDDOWN($C7968/24,0)+1,1))-1)+IF('Standard Profiles'!$G$20=$B$10,7,0)+IF('Standard Profiles'!$G$20=$B$17,14,0)+IF('Standard Profiles'!$G$20=$B$24,21,0),0)),0)</f>
        <v>0</v>
      </c>
      <c r="G7968" cm="1">
        <f t="array" ref="G7968">IFERROR(INDEX(Jesper!AK$2:AK$366,ROUNDDOWN($C7968/24,0)+1,1)*INDEX($D$3:$AA$30,INDEX(Jesper!$R$2:$R$366,ROW(INDEX(Jesper!AK$2:AK$366,ROUNDDOWN($C7968/24,0)+1,1))-1)+IF('Standard Profiles'!$G$21=$B$10,7,0)+IF('Standard Profiles'!$G$21=$B$17,14,0)+IF('Standard Profiles'!$G$21=$B$24,21,0),MOD($C7968,24)+1)/SUM(INDEX($D$3:$AA$30,INDEX(Jesper!$R$2:$R$366,ROW(INDEX(Jesper!AK$2:AK$366,ROUNDDOWN($C7968/24,0)+1,1))-1)+IF('Standard Profiles'!$G$21=$B$10,7,0)+IF('Standard Profiles'!$G$21=$B$17,14,0)+IF('Standard Profiles'!$G$21=$B$24,21,0),0)),0)</f>
        <v>35.140522143084851</v>
      </c>
      <c r="H7968" cm="1">
        <f t="array" ref="H7968">IFERROR(INDEX(Jesper!AL$2:AL$366,ROUNDDOWN($C7968/24,0)+1,1)*INDEX($D$3:$AA$30,INDEX(Jesper!$R$2:$R$366,ROW(INDEX(Jesper!AL$2:AL$366,ROUNDDOWN($C7968/24,0)+1,1))-1)+IF('Standard Profiles'!$G$22=$B$10,7,0)+IF('Standard Profiles'!$G$22=$B$17,14,0)+IF('Standard Profiles'!$G$22=$B$24,21,0),MOD($C7968,24)+1)/SUM(INDEX($D$3:$AA$30,INDEX(Jesper!$R$2:$R$366,ROW(INDEX(Jesper!AL$2:AL$366,ROUNDDOWN($C7968/24,0)+1,1))-1)+IF('Standard Profiles'!$G$22=$B$10,7,0)+IF('Standard Profiles'!$G$22=$B$17,14,0)+IF('Standard Profiles'!$G$22=$B$24,21,0),0)),0)</f>
        <v>0</v>
      </c>
      <c r="I7968">
        <f t="shared" si="881"/>
        <v>16.867450628680722</v>
      </c>
      <c r="J7968">
        <f t="shared" si="882"/>
        <v>91.733285352578122</v>
      </c>
      <c r="K7968">
        <f t="shared" si="883"/>
        <v>3.9642484475534694</v>
      </c>
      <c r="L7968">
        <f t="shared" si="884"/>
        <v>1.9821242237767347</v>
      </c>
      <c r="M7968">
        <f t="shared" si="885"/>
        <v>0</v>
      </c>
      <c r="N7968" s="45">
        <f t="shared" si="886"/>
        <v>45257.583333314091</v>
      </c>
    </row>
    <row r="7969" spans="2:14" x14ac:dyDescent="0.25">
      <c r="B7969">
        <f t="shared" si="880"/>
        <v>1</v>
      </c>
      <c r="C7969" s="16">
        <v>7935</v>
      </c>
      <c r="D7969" cm="1">
        <f t="array" ref="D7969">IFERROR(INDEX(Jesper!AH$2:AH$366,ROUNDDOWN($C7969/24,0)+1,1)*INDEX($D$3:$AA$30,INDEX(Jesper!$R$2:$R$366,ROW(INDEX(Jesper!AH$2:AH$366,ROUNDDOWN($C7969/24,0)+1,1))-1)+IF('Standard Profiles'!$G$18=$B$10,7,0)+IF('Standard Profiles'!$G$18=$B$17,14,0)+IF('Standard Profiles'!$G$18=$B$24,21,0),MOD($C7969,24)+1)/SUM(INDEX($D$3:$AA$30,INDEX(Jesper!$R$2:$R$366,ROW(INDEX(Jesper!AH$2:AH$366,ROUNDDOWN($C7969/24,0)+1,1))-1)+IF('Standard Profiles'!$G$18=$B$10,7,0)+IF('Standard Profiles'!$G$18=$B$17,14,0)+IF('Standard Profiles'!$G$18=$B$24,21,0),0)),0)</f>
        <v>37.164829195813773</v>
      </c>
      <c r="E7969" cm="1">
        <f t="array" ref="E7969">IFERROR(INDEX(Jesper!AI$2:AI$366,ROUNDDOWN($C7969/24,0)+1,1)*INDEX($D$3:$AA$30,INDEX(Jesper!$R$2:$R$366,ROW(INDEX(Jesper!AI$2:AI$366,ROUNDDOWN($C7969/24,0)+1,1))-1)+IF('Standard Profiles'!$G$19=$B$10,7,0)+IF('Standard Profiles'!$G$19=$B$17,14,0)+IF('Standard Profiles'!$G$19=$B$24,21,0),MOD($C7969,24)+1)/SUM(INDEX($D$3:$AA$30,INDEX(Jesper!$R$2:$R$366,ROW(INDEX(Jesper!AI$2:AI$366,ROUNDDOWN($C7969/24,0)+1,1))-1)+IF('Standard Profiles'!$G$19=$B$10,7,0)+IF('Standard Profiles'!$G$19=$B$17,14,0)+IF('Standard Profiles'!$G$19=$B$24,21,0),0)),0)</f>
        <v>42.241757313690414</v>
      </c>
      <c r="F7969" cm="1">
        <f t="array" ref="F7969">IFERROR(INDEX(Jesper!AJ$2:AJ$366,ROUNDDOWN($C7969/24,0)+1,1)*INDEX($D$3:$AA$30,INDEX(Jesper!$R$2:$R$366,ROW(INDEX(Jesper!AJ$2:AJ$366,ROUNDDOWN($C7969/24,0)+1,1))-1)+IF('Standard Profiles'!$G$20=$B$10,7,0)+IF('Standard Profiles'!$G$20=$B$17,14,0)+IF('Standard Profiles'!$G$20=$B$24,21,0),MOD($C7969,24)+1)/SUM(INDEX($D$3:$AA$30,INDEX(Jesper!$R$2:$R$366,ROW(INDEX(Jesper!AJ$2:AJ$366,ROUNDDOWN($C7969/24,0)+1,1))-1)+IF('Standard Profiles'!$G$20=$B$10,7,0)+IF('Standard Profiles'!$G$20=$B$17,14,0)+IF('Standard Profiles'!$G$20=$B$24,21,0),0)),0)</f>
        <v>0</v>
      </c>
      <c r="G7969" cm="1">
        <f t="array" ref="G7969">IFERROR(INDEX(Jesper!AK$2:AK$366,ROUNDDOWN($C7969/24,0)+1,1)*INDEX($D$3:$AA$30,INDEX(Jesper!$R$2:$R$366,ROW(INDEX(Jesper!AK$2:AK$366,ROUNDDOWN($C7969/24,0)+1,1))-1)+IF('Standard Profiles'!$G$21=$B$10,7,0)+IF('Standard Profiles'!$G$21=$B$17,14,0)+IF('Standard Profiles'!$G$21=$B$24,21,0),MOD($C7969,24)+1)/SUM(INDEX($D$3:$AA$30,INDEX(Jesper!$R$2:$R$366,ROW(INDEX(Jesper!AK$2:AK$366,ROUNDDOWN($C7969/24,0)+1,1))-1)+IF('Standard Profiles'!$G$21=$B$10,7,0)+IF('Standard Profiles'!$G$21=$B$17,14,0)+IF('Standard Profiles'!$G$21=$B$24,21,0),0)),0)</f>
        <v>35.140522143084851</v>
      </c>
      <c r="H7969" cm="1">
        <f t="array" ref="H7969">IFERROR(INDEX(Jesper!AL$2:AL$366,ROUNDDOWN($C7969/24,0)+1,1)*INDEX($D$3:$AA$30,INDEX(Jesper!$R$2:$R$366,ROW(INDEX(Jesper!AL$2:AL$366,ROUNDDOWN($C7969/24,0)+1,1))-1)+IF('Standard Profiles'!$G$22=$B$10,7,0)+IF('Standard Profiles'!$G$22=$B$17,14,0)+IF('Standard Profiles'!$G$22=$B$24,21,0),MOD($C7969,24)+1)/SUM(INDEX($D$3:$AA$30,INDEX(Jesper!$R$2:$R$366,ROW(INDEX(Jesper!AL$2:AL$366,ROUNDDOWN($C7969/24,0)+1,1))-1)+IF('Standard Profiles'!$G$22=$B$10,7,0)+IF('Standard Profiles'!$G$22=$B$17,14,0)+IF('Standard Profiles'!$G$22=$B$24,21,0),0)),0)</f>
        <v>0</v>
      </c>
      <c r="I7969">
        <f t="shared" si="881"/>
        <v>16.867450628680722</v>
      </c>
      <c r="J7969">
        <f t="shared" si="882"/>
        <v>91.733285352578122</v>
      </c>
      <c r="K7969">
        <f t="shared" si="883"/>
        <v>3.9642484475534694</v>
      </c>
      <c r="L7969">
        <f t="shared" si="884"/>
        <v>1.9821242237767347</v>
      </c>
      <c r="M7969">
        <f t="shared" si="885"/>
        <v>0</v>
      </c>
      <c r="N7969" s="45">
        <f t="shared" si="886"/>
        <v>45257.624999980755</v>
      </c>
    </row>
    <row r="7970" spans="2:14" x14ac:dyDescent="0.25">
      <c r="B7970">
        <f t="shared" si="880"/>
        <v>1</v>
      </c>
      <c r="C7970" s="16">
        <v>7936</v>
      </c>
      <c r="D7970" cm="1">
        <f t="array" ref="D7970">IFERROR(INDEX(Jesper!AH$2:AH$366,ROUNDDOWN($C7970/24,0)+1,1)*INDEX($D$3:$AA$30,INDEX(Jesper!$R$2:$R$366,ROW(INDEX(Jesper!AH$2:AH$366,ROUNDDOWN($C7970/24,0)+1,1))-1)+IF('Standard Profiles'!$G$18=$B$10,7,0)+IF('Standard Profiles'!$G$18=$B$17,14,0)+IF('Standard Profiles'!$G$18=$B$24,21,0),MOD($C7970,24)+1)/SUM(INDEX($D$3:$AA$30,INDEX(Jesper!$R$2:$R$366,ROW(INDEX(Jesper!AH$2:AH$366,ROUNDDOWN($C7970/24,0)+1,1))-1)+IF('Standard Profiles'!$G$18=$B$10,7,0)+IF('Standard Profiles'!$G$18=$B$17,14,0)+IF('Standard Profiles'!$G$18=$B$24,21,0),0)),0)</f>
        <v>21.679483697558034</v>
      </c>
      <c r="E7970" cm="1">
        <f t="array" ref="E7970">IFERROR(INDEX(Jesper!AI$2:AI$366,ROUNDDOWN($C7970/24,0)+1,1)*INDEX($D$3:$AA$30,INDEX(Jesper!$R$2:$R$366,ROW(INDEX(Jesper!AI$2:AI$366,ROUNDDOWN($C7970/24,0)+1,1))-1)+IF('Standard Profiles'!$G$19=$B$10,7,0)+IF('Standard Profiles'!$G$19=$B$17,14,0)+IF('Standard Profiles'!$G$19=$B$24,21,0),MOD($C7970,24)+1)/SUM(INDEX($D$3:$AA$30,INDEX(Jesper!$R$2:$R$366,ROW(INDEX(Jesper!AI$2:AI$366,ROUNDDOWN($C7970/24,0)+1,1))-1)+IF('Standard Profiles'!$G$19=$B$10,7,0)+IF('Standard Profiles'!$G$19=$B$17,14,0)+IF('Standard Profiles'!$G$19=$B$24,21,0),0)),0)</f>
        <v>24.64102509965274</v>
      </c>
      <c r="F7970" cm="1">
        <f t="array" ref="F7970">IFERROR(INDEX(Jesper!AJ$2:AJ$366,ROUNDDOWN($C7970/24,0)+1,1)*INDEX($D$3:$AA$30,INDEX(Jesper!$R$2:$R$366,ROW(INDEX(Jesper!AJ$2:AJ$366,ROUNDDOWN($C7970/24,0)+1,1))-1)+IF('Standard Profiles'!$G$20=$B$10,7,0)+IF('Standard Profiles'!$G$20=$B$17,14,0)+IF('Standard Profiles'!$G$20=$B$24,21,0),MOD($C7970,24)+1)/SUM(INDEX($D$3:$AA$30,INDEX(Jesper!$R$2:$R$366,ROW(INDEX(Jesper!AJ$2:AJ$366,ROUNDDOWN($C7970/24,0)+1,1))-1)+IF('Standard Profiles'!$G$20=$B$10,7,0)+IF('Standard Profiles'!$G$20=$B$17,14,0)+IF('Standard Profiles'!$G$20=$B$24,21,0),0)),0)</f>
        <v>0</v>
      </c>
      <c r="G7970" cm="1">
        <f t="array" ref="G7970">IFERROR(INDEX(Jesper!AK$2:AK$366,ROUNDDOWN($C7970/24,0)+1,1)*INDEX($D$3:$AA$30,INDEX(Jesper!$R$2:$R$366,ROW(INDEX(Jesper!AK$2:AK$366,ROUNDDOWN($C7970/24,0)+1,1))-1)+IF('Standard Profiles'!$G$21=$B$10,7,0)+IF('Standard Profiles'!$G$21=$B$17,14,0)+IF('Standard Profiles'!$G$21=$B$24,21,0),MOD($C7970,24)+1)/SUM(INDEX($D$3:$AA$30,INDEX(Jesper!$R$2:$R$366,ROW(INDEX(Jesper!AK$2:AK$366,ROUNDDOWN($C7970/24,0)+1,1))-1)+IF('Standard Profiles'!$G$21=$B$10,7,0)+IF('Standard Profiles'!$G$21=$B$17,14,0)+IF('Standard Profiles'!$G$21=$B$24,21,0),0)),0)</f>
        <v>29.283768452570715</v>
      </c>
      <c r="H7970" cm="1">
        <f t="array" ref="H7970">IFERROR(INDEX(Jesper!AL$2:AL$366,ROUNDDOWN($C7970/24,0)+1,1)*INDEX($D$3:$AA$30,INDEX(Jesper!$R$2:$R$366,ROW(INDEX(Jesper!AL$2:AL$366,ROUNDDOWN($C7970/24,0)+1,1))-1)+IF('Standard Profiles'!$G$22=$B$10,7,0)+IF('Standard Profiles'!$G$22=$B$17,14,0)+IF('Standard Profiles'!$G$22=$B$24,21,0),MOD($C7970,24)+1)/SUM(INDEX($D$3:$AA$30,INDEX(Jesper!$R$2:$R$366,ROW(INDEX(Jesper!AL$2:AL$366,ROUNDDOWN($C7970/24,0)+1,1))-1)+IF('Standard Profiles'!$G$22=$B$10,7,0)+IF('Standard Profiles'!$G$22=$B$17,14,0)+IF('Standard Profiles'!$G$22=$B$24,21,0),0)),0)</f>
        <v>0</v>
      </c>
      <c r="I7970">
        <f t="shared" si="881"/>
        <v>14.056208857233937</v>
      </c>
      <c r="J7970">
        <f t="shared" si="882"/>
        <v>58.079351000938267</v>
      </c>
      <c r="K7970">
        <f t="shared" si="883"/>
        <v>2.3124782610728571</v>
      </c>
      <c r="L7970">
        <f t="shared" si="884"/>
        <v>1.1562391305364286</v>
      </c>
      <c r="M7970">
        <f t="shared" si="885"/>
        <v>0</v>
      </c>
      <c r="N7970" s="45">
        <f t="shared" si="886"/>
        <v>45257.666666647419</v>
      </c>
    </row>
    <row r="7971" spans="2:14" x14ac:dyDescent="0.25">
      <c r="B7971">
        <f t="shared" ref="B7971:B8034" si="887">WEEKDAY(N7971,2)</f>
        <v>1</v>
      </c>
      <c r="C7971" s="16">
        <v>7937</v>
      </c>
      <c r="D7971" cm="1">
        <f t="array" ref="D7971">IFERROR(INDEX(Jesper!AH$2:AH$366,ROUNDDOWN($C7971/24,0)+1,1)*INDEX($D$3:$AA$30,INDEX(Jesper!$R$2:$R$366,ROW(INDEX(Jesper!AH$2:AH$366,ROUNDDOWN($C7971/24,0)+1,1))-1)+IF('Standard Profiles'!$G$18=$B$10,7,0)+IF('Standard Profiles'!$G$18=$B$17,14,0)+IF('Standard Profiles'!$G$18=$B$24,21,0),MOD($C7971,24)+1)/SUM(INDEX($D$3:$AA$30,INDEX(Jesper!$R$2:$R$366,ROW(INDEX(Jesper!AH$2:AH$366,ROUNDDOWN($C7971/24,0)+1,1))-1)+IF('Standard Profiles'!$G$18=$B$10,7,0)+IF('Standard Profiles'!$G$18=$B$17,14,0)+IF('Standard Profiles'!$G$18=$B$24,21,0),0)),0)</f>
        <v>6.1941381993022953</v>
      </c>
      <c r="E7971" cm="1">
        <f t="array" ref="E7971">IFERROR(INDEX(Jesper!AI$2:AI$366,ROUNDDOWN($C7971/24,0)+1,1)*INDEX($D$3:$AA$30,INDEX(Jesper!$R$2:$R$366,ROW(INDEX(Jesper!AI$2:AI$366,ROUNDDOWN($C7971/24,0)+1,1))-1)+IF('Standard Profiles'!$G$19=$B$10,7,0)+IF('Standard Profiles'!$G$19=$B$17,14,0)+IF('Standard Profiles'!$G$19=$B$24,21,0),MOD($C7971,24)+1)/SUM(INDEX($D$3:$AA$30,INDEX(Jesper!$R$2:$R$366,ROW(INDEX(Jesper!AI$2:AI$366,ROUNDDOWN($C7971/24,0)+1,1))-1)+IF('Standard Profiles'!$G$19=$B$10,7,0)+IF('Standard Profiles'!$G$19=$B$17,14,0)+IF('Standard Profiles'!$G$19=$B$24,21,0),0)),0)</f>
        <v>7.0402928856150702</v>
      </c>
      <c r="F7971" cm="1">
        <f t="array" ref="F7971">IFERROR(INDEX(Jesper!AJ$2:AJ$366,ROUNDDOWN($C7971/24,0)+1,1)*INDEX($D$3:$AA$30,INDEX(Jesper!$R$2:$R$366,ROW(INDEX(Jesper!AJ$2:AJ$366,ROUNDDOWN($C7971/24,0)+1,1))-1)+IF('Standard Profiles'!$G$20=$B$10,7,0)+IF('Standard Profiles'!$G$20=$B$17,14,0)+IF('Standard Profiles'!$G$20=$B$24,21,0),MOD($C7971,24)+1)/SUM(INDEX($D$3:$AA$30,INDEX(Jesper!$R$2:$R$366,ROW(INDEX(Jesper!AJ$2:AJ$366,ROUNDDOWN($C7971/24,0)+1,1))-1)+IF('Standard Profiles'!$G$20=$B$10,7,0)+IF('Standard Profiles'!$G$20=$B$17,14,0)+IF('Standard Profiles'!$G$20=$B$24,21,0),0)),0)</f>
        <v>0</v>
      </c>
      <c r="G7971" cm="1">
        <f t="array" ref="G7971">IFERROR(INDEX(Jesper!AK$2:AK$366,ROUNDDOWN($C7971/24,0)+1,1)*INDEX($D$3:$AA$30,INDEX(Jesper!$R$2:$R$366,ROW(INDEX(Jesper!AK$2:AK$366,ROUNDDOWN($C7971/24,0)+1,1))-1)+IF('Standard Profiles'!$G$21=$B$10,7,0)+IF('Standard Profiles'!$G$21=$B$17,14,0)+IF('Standard Profiles'!$G$21=$B$24,21,0),MOD($C7971,24)+1)/SUM(INDEX($D$3:$AA$30,INDEX(Jesper!$R$2:$R$366,ROW(INDEX(Jesper!AK$2:AK$366,ROUNDDOWN($C7971/24,0)+1,1))-1)+IF('Standard Profiles'!$G$21=$B$10,7,0)+IF('Standard Profiles'!$G$21=$B$17,14,0)+IF('Standard Profiles'!$G$21=$B$24,21,0),0)),0)</f>
        <v>23.561652777930465</v>
      </c>
      <c r="H7971" cm="1">
        <f t="array" ref="H7971">IFERROR(INDEX(Jesper!AL$2:AL$366,ROUNDDOWN($C7971/24,0)+1,1)*INDEX($D$3:$AA$30,INDEX(Jesper!$R$2:$R$366,ROW(INDEX(Jesper!AL$2:AL$366,ROUNDDOWN($C7971/24,0)+1,1))-1)+IF('Standard Profiles'!$G$22=$B$10,7,0)+IF('Standard Profiles'!$G$22=$B$17,14,0)+IF('Standard Profiles'!$G$22=$B$24,21,0),MOD($C7971,24)+1)/SUM(INDEX($D$3:$AA$30,INDEX(Jesper!$R$2:$R$366,ROW(INDEX(Jesper!AL$2:AL$366,ROUNDDOWN($C7971/24,0)+1,1))-1)+IF('Standard Profiles'!$G$22=$B$10,7,0)+IF('Standard Profiles'!$G$22=$B$17,14,0)+IF('Standard Profiles'!$G$22=$B$24,21,0),0)),0)</f>
        <v>0</v>
      </c>
      <c r="I7971">
        <f t="shared" ref="I7971:I8034" si="888">IF($B7971&lt;6,AC$37*$D7971+AC$38*$E7971+AC$39*$F7971+AC$40*$G7971,AC$46*$D7971+AC$47*$E7971+AC$48*$F7971+AC$49*$G7971+AC$50*$H7971)</f>
        <v>11.309593333406617</v>
      </c>
      <c r="J7971">
        <f t="shared" ref="J7971:J8034" si="889">IF($B7971&lt;6,AD$37*$D7971+AD$38*$E7971+AD$39*$F7971+AD$40*$G7971,AD$46*$D7971+AD$47*$E7971+AD$48*$F7971+AD$49*$G7971+AD$50*$H7971)</f>
        <v>24.495428417552844</v>
      </c>
      <c r="K7971">
        <f t="shared" ref="K7971:K8034" si="890">IF($B7971&lt;6,AE$37*$D7971+AE$38*$E7971+AE$39*$F7971+AE$40*$G7971,AE$46*$D7971+AE$47*$E7971+AE$48*$F7971+AE$49*$G7971+AE$50*$H7971)</f>
        <v>0.6607080745922449</v>
      </c>
      <c r="L7971">
        <f t="shared" ref="L7971:L8034" si="891">IF($B7971&lt;6,AF$37*$D7971+AF$38*$E7971+AF$39*$F7971+AF$40*$G7971,AF$46*$D7971+AF$47*$E7971+AF$48*$F7971+AF$49*$G7971+AF$50*$H7971)</f>
        <v>0.33035403729612245</v>
      </c>
      <c r="M7971">
        <f t="shared" ref="M7971:M8034" si="892">IF($B7971&lt;6,AG$37*$D7971+AG$38*$E7971+AG$39*$F7971+AG$40*$G7971,AG$46*$D7971+AG$47*$E7971+AG$48*$F7971+AG$49*$G7971+AG$50*$H7971)</f>
        <v>0</v>
      </c>
      <c r="N7971" s="45">
        <f t="shared" si="886"/>
        <v>45257.708333314084</v>
      </c>
    </row>
    <row r="7972" spans="2:14" x14ac:dyDescent="0.25">
      <c r="B7972">
        <f t="shared" si="887"/>
        <v>1</v>
      </c>
      <c r="C7972" s="16">
        <v>7938</v>
      </c>
      <c r="D7972" cm="1">
        <f t="array" ref="D7972">IFERROR(INDEX(Jesper!AH$2:AH$366,ROUNDDOWN($C7972/24,0)+1,1)*INDEX($D$3:$AA$30,INDEX(Jesper!$R$2:$R$366,ROW(INDEX(Jesper!AH$2:AH$366,ROUNDDOWN($C7972/24,0)+1,1))-1)+IF('Standard Profiles'!$G$18=$B$10,7,0)+IF('Standard Profiles'!$G$18=$B$17,14,0)+IF('Standard Profiles'!$G$18=$B$24,21,0),MOD($C7972,24)+1)/SUM(INDEX($D$3:$AA$30,INDEX(Jesper!$R$2:$R$366,ROW(INDEX(Jesper!AH$2:AH$366,ROUNDDOWN($C7972/24,0)+1,1))-1)+IF('Standard Profiles'!$G$18=$B$10,7,0)+IF('Standard Profiles'!$G$18=$B$17,14,0)+IF('Standard Profiles'!$G$18=$B$24,21,0),0)),0)</f>
        <v>6.1068968162135313</v>
      </c>
      <c r="E7972" cm="1">
        <f t="array" ref="E7972">IFERROR(INDEX(Jesper!AI$2:AI$366,ROUNDDOWN($C7972/24,0)+1,1)*INDEX($D$3:$AA$30,INDEX(Jesper!$R$2:$R$366,ROW(INDEX(Jesper!AI$2:AI$366,ROUNDDOWN($C7972/24,0)+1,1))-1)+IF('Standard Profiles'!$G$19=$B$10,7,0)+IF('Standard Profiles'!$G$19=$B$17,14,0)+IF('Standard Profiles'!$G$19=$B$24,21,0),MOD($C7972,24)+1)/SUM(INDEX($D$3:$AA$30,INDEX(Jesper!$R$2:$R$366,ROW(INDEX(Jesper!AI$2:AI$366,ROUNDDOWN($C7972/24,0)+1,1))-1)+IF('Standard Profiles'!$G$19=$B$10,7,0)+IF('Standard Profiles'!$G$19=$B$17,14,0)+IF('Standard Profiles'!$G$19=$B$24,21,0),0)),0)</f>
        <v>6.9411338308880959</v>
      </c>
      <c r="F7972" cm="1">
        <f t="array" ref="F7972">IFERROR(INDEX(Jesper!AJ$2:AJ$366,ROUNDDOWN($C7972/24,0)+1,1)*INDEX($D$3:$AA$30,INDEX(Jesper!$R$2:$R$366,ROW(INDEX(Jesper!AJ$2:AJ$366,ROUNDDOWN($C7972/24,0)+1,1))-1)+IF('Standard Profiles'!$G$20=$B$10,7,0)+IF('Standard Profiles'!$G$20=$B$17,14,0)+IF('Standard Profiles'!$G$20=$B$24,21,0),MOD($C7972,24)+1)/SUM(INDEX($D$3:$AA$30,INDEX(Jesper!$R$2:$R$366,ROW(INDEX(Jesper!AJ$2:AJ$366,ROUNDDOWN($C7972/24,0)+1,1))-1)+IF('Standard Profiles'!$G$20=$B$10,7,0)+IF('Standard Profiles'!$G$20=$B$17,14,0)+IF('Standard Profiles'!$G$20=$B$24,21,0),0)),0)</f>
        <v>0</v>
      </c>
      <c r="G7972" cm="1">
        <f t="array" ref="G7972">IFERROR(INDEX(Jesper!AK$2:AK$366,ROUNDDOWN($C7972/24,0)+1,1)*INDEX($D$3:$AA$30,INDEX(Jesper!$R$2:$R$366,ROW(INDEX(Jesper!AK$2:AK$366,ROUNDDOWN($C7972/24,0)+1,1))-1)+IF('Standard Profiles'!$G$21=$B$10,7,0)+IF('Standard Profiles'!$G$21=$B$17,14,0)+IF('Standard Profiles'!$G$21=$B$24,21,0),MOD($C7972,24)+1)/SUM(INDEX($D$3:$AA$30,INDEX(Jesper!$R$2:$R$366,ROW(INDEX(Jesper!AK$2:AK$366,ROUNDDOWN($C7972/24,0)+1,1))-1)+IF('Standard Profiles'!$G$21=$B$10,7,0)+IF('Standard Profiles'!$G$21=$B$17,14,0)+IF('Standard Profiles'!$G$21=$B$24,21,0),0)),0)</f>
        <v>8.4148759921180218</v>
      </c>
      <c r="H7972" cm="1">
        <f t="array" ref="H7972">IFERROR(INDEX(Jesper!AL$2:AL$366,ROUNDDOWN($C7972/24,0)+1,1)*INDEX($D$3:$AA$30,INDEX(Jesper!$R$2:$R$366,ROW(INDEX(Jesper!AL$2:AL$366,ROUNDDOWN($C7972/24,0)+1,1))-1)+IF('Standard Profiles'!$G$22=$B$10,7,0)+IF('Standard Profiles'!$G$22=$B$17,14,0)+IF('Standard Profiles'!$G$22=$B$24,21,0),MOD($C7972,24)+1)/SUM(INDEX($D$3:$AA$30,INDEX(Jesper!$R$2:$R$366,ROW(INDEX(Jesper!AL$2:AL$366,ROUNDDOWN($C7972/24,0)+1,1))-1)+IF('Standard Profiles'!$G$22=$B$10,7,0)+IF('Standard Profiles'!$G$22=$B$17,14,0)+IF('Standard Profiles'!$G$22=$B$24,21,0),0)),0)</f>
        <v>0</v>
      </c>
      <c r="I7972">
        <f t="shared" si="888"/>
        <v>4.0391404762166481</v>
      </c>
      <c r="J7972">
        <f t="shared" si="889"/>
        <v>16.446662672408834</v>
      </c>
      <c r="K7972">
        <f t="shared" si="890"/>
        <v>0.65140232706277668</v>
      </c>
      <c r="L7972">
        <f t="shared" si="891"/>
        <v>0.32570116353138834</v>
      </c>
      <c r="M7972">
        <f t="shared" si="892"/>
        <v>0</v>
      </c>
      <c r="N7972" s="45">
        <f t="shared" ref="N7972:N8035" si="893">N7971+1/24</f>
        <v>45257.749999980748</v>
      </c>
    </row>
    <row r="7973" spans="2:14" x14ac:dyDescent="0.25">
      <c r="B7973">
        <f t="shared" si="887"/>
        <v>1</v>
      </c>
      <c r="C7973" s="16">
        <v>7939</v>
      </c>
      <c r="D7973" cm="1">
        <f t="array" ref="D7973">IFERROR(INDEX(Jesper!AH$2:AH$366,ROUNDDOWN($C7973/24,0)+1,1)*INDEX($D$3:$AA$30,INDEX(Jesper!$R$2:$R$366,ROW(INDEX(Jesper!AH$2:AH$366,ROUNDDOWN($C7973/24,0)+1,1))-1)+IF('Standard Profiles'!$G$18=$B$10,7,0)+IF('Standard Profiles'!$G$18=$B$17,14,0)+IF('Standard Profiles'!$G$18=$B$24,21,0),MOD($C7973,24)+1)/SUM(INDEX($D$3:$AA$30,INDEX(Jesper!$R$2:$R$366,ROW(INDEX(Jesper!AH$2:AH$366,ROUNDDOWN($C7973/24,0)+1,1))-1)+IF('Standard Profiles'!$G$18=$B$10,7,0)+IF('Standard Profiles'!$G$18=$B$17,14,0)+IF('Standard Profiles'!$G$18=$B$24,21,0),0)),0)</f>
        <v>6.1068968162135313</v>
      </c>
      <c r="E7973" cm="1">
        <f t="array" ref="E7973">IFERROR(INDEX(Jesper!AI$2:AI$366,ROUNDDOWN($C7973/24,0)+1,1)*INDEX($D$3:$AA$30,INDEX(Jesper!$R$2:$R$366,ROW(INDEX(Jesper!AI$2:AI$366,ROUNDDOWN($C7973/24,0)+1,1))-1)+IF('Standard Profiles'!$G$19=$B$10,7,0)+IF('Standard Profiles'!$G$19=$B$17,14,0)+IF('Standard Profiles'!$G$19=$B$24,21,0),MOD($C7973,24)+1)/SUM(INDEX($D$3:$AA$30,INDEX(Jesper!$R$2:$R$366,ROW(INDEX(Jesper!AI$2:AI$366,ROUNDDOWN($C7973/24,0)+1,1))-1)+IF('Standard Profiles'!$G$19=$B$10,7,0)+IF('Standard Profiles'!$G$19=$B$17,14,0)+IF('Standard Profiles'!$G$19=$B$24,21,0),0)),0)</f>
        <v>6.9411338308880959</v>
      </c>
      <c r="F7973" cm="1">
        <f t="array" ref="F7973">IFERROR(INDEX(Jesper!AJ$2:AJ$366,ROUNDDOWN($C7973/24,0)+1,1)*INDEX($D$3:$AA$30,INDEX(Jesper!$R$2:$R$366,ROW(INDEX(Jesper!AJ$2:AJ$366,ROUNDDOWN($C7973/24,0)+1,1))-1)+IF('Standard Profiles'!$G$20=$B$10,7,0)+IF('Standard Profiles'!$G$20=$B$17,14,0)+IF('Standard Profiles'!$G$20=$B$24,21,0),MOD($C7973,24)+1)/SUM(INDEX($D$3:$AA$30,INDEX(Jesper!$R$2:$R$366,ROW(INDEX(Jesper!AJ$2:AJ$366,ROUNDDOWN($C7973/24,0)+1,1))-1)+IF('Standard Profiles'!$G$20=$B$10,7,0)+IF('Standard Profiles'!$G$20=$B$17,14,0)+IF('Standard Profiles'!$G$20=$B$24,21,0),0)),0)</f>
        <v>0</v>
      </c>
      <c r="G7973" cm="1">
        <f t="array" ref="G7973">IFERROR(INDEX(Jesper!AK$2:AK$366,ROUNDDOWN($C7973/24,0)+1,1)*INDEX($D$3:$AA$30,INDEX(Jesper!$R$2:$R$366,ROW(INDEX(Jesper!AK$2:AK$366,ROUNDDOWN($C7973/24,0)+1,1))-1)+IF('Standard Profiles'!$G$21=$B$10,7,0)+IF('Standard Profiles'!$G$21=$B$17,14,0)+IF('Standard Profiles'!$G$21=$B$24,21,0),MOD($C7973,24)+1)/SUM(INDEX($D$3:$AA$30,INDEX(Jesper!$R$2:$R$366,ROW(INDEX(Jesper!AK$2:AK$366,ROUNDDOWN($C7973/24,0)+1,1))-1)+IF('Standard Profiles'!$G$21=$B$10,7,0)+IF('Standard Profiles'!$G$21=$B$17,14,0)+IF('Standard Profiles'!$G$21=$B$24,21,0),0)),0)</f>
        <v>8.4148759921180218</v>
      </c>
      <c r="H7973" cm="1">
        <f t="array" ref="H7973">IFERROR(INDEX(Jesper!AL$2:AL$366,ROUNDDOWN($C7973/24,0)+1,1)*INDEX($D$3:$AA$30,INDEX(Jesper!$R$2:$R$366,ROW(INDEX(Jesper!AL$2:AL$366,ROUNDDOWN($C7973/24,0)+1,1))-1)+IF('Standard Profiles'!$G$22=$B$10,7,0)+IF('Standard Profiles'!$G$22=$B$17,14,0)+IF('Standard Profiles'!$G$22=$B$24,21,0),MOD($C7973,24)+1)/SUM(INDEX($D$3:$AA$30,INDEX(Jesper!$R$2:$R$366,ROW(INDEX(Jesper!AL$2:AL$366,ROUNDDOWN($C7973/24,0)+1,1))-1)+IF('Standard Profiles'!$G$22=$B$10,7,0)+IF('Standard Profiles'!$G$22=$B$17,14,0)+IF('Standard Profiles'!$G$22=$B$24,21,0),0)),0)</f>
        <v>0</v>
      </c>
      <c r="I7973">
        <f t="shared" si="888"/>
        <v>4.0391404762166481</v>
      </c>
      <c r="J7973">
        <f t="shared" si="889"/>
        <v>16.446662672408834</v>
      </c>
      <c r="K7973">
        <f t="shared" si="890"/>
        <v>0.65140232706277668</v>
      </c>
      <c r="L7973">
        <f t="shared" si="891"/>
        <v>0.32570116353138834</v>
      </c>
      <c r="M7973">
        <f t="shared" si="892"/>
        <v>0</v>
      </c>
      <c r="N7973" s="45">
        <f t="shared" si="893"/>
        <v>45257.791666647412</v>
      </c>
    </row>
    <row r="7974" spans="2:14" x14ac:dyDescent="0.25">
      <c r="B7974">
        <f t="shared" si="887"/>
        <v>1</v>
      </c>
      <c r="C7974" s="16">
        <v>7940</v>
      </c>
      <c r="D7974" cm="1">
        <f t="array" ref="D7974">IFERROR(INDEX(Jesper!AH$2:AH$366,ROUNDDOWN($C7974/24,0)+1,1)*INDEX($D$3:$AA$30,INDEX(Jesper!$R$2:$R$366,ROW(INDEX(Jesper!AH$2:AH$366,ROUNDDOWN($C7974/24,0)+1,1))-1)+IF('Standard Profiles'!$G$18=$B$10,7,0)+IF('Standard Profiles'!$G$18=$B$17,14,0)+IF('Standard Profiles'!$G$18=$B$24,21,0),MOD($C7974,24)+1)/SUM(INDEX($D$3:$AA$30,INDEX(Jesper!$R$2:$R$366,ROW(INDEX(Jesper!AH$2:AH$366,ROUNDDOWN($C7974/24,0)+1,1))-1)+IF('Standard Profiles'!$G$18=$B$10,7,0)+IF('Standard Profiles'!$G$18=$B$17,14,0)+IF('Standard Profiles'!$G$18=$B$24,21,0),0)),0)</f>
        <v>6.1068968162135313</v>
      </c>
      <c r="E7974" cm="1">
        <f t="array" ref="E7974">IFERROR(INDEX(Jesper!AI$2:AI$366,ROUNDDOWN($C7974/24,0)+1,1)*INDEX($D$3:$AA$30,INDEX(Jesper!$R$2:$R$366,ROW(INDEX(Jesper!AI$2:AI$366,ROUNDDOWN($C7974/24,0)+1,1))-1)+IF('Standard Profiles'!$G$19=$B$10,7,0)+IF('Standard Profiles'!$G$19=$B$17,14,0)+IF('Standard Profiles'!$G$19=$B$24,21,0),MOD($C7974,24)+1)/SUM(INDEX($D$3:$AA$30,INDEX(Jesper!$R$2:$R$366,ROW(INDEX(Jesper!AI$2:AI$366,ROUNDDOWN($C7974/24,0)+1,1))-1)+IF('Standard Profiles'!$G$19=$B$10,7,0)+IF('Standard Profiles'!$G$19=$B$17,14,0)+IF('Standard Profiles'!$G$19=$B$24,21,0),0)),0)</f>
        <v>6.9411338308880959</v>
      </c>
      <c r="F7974" cm="1">
        <f t="array" ref="F7974">IFERROR(INDEX(Jesper!AJ$2:AJ$366,ROUNDDOWN($C7974/24,0)+1,1)*INDEX($D$3:$AA$30,INDEX(Jesper!$R$2:$R$366,ROW(INDEX(Jesper!AJ$2:AJ$366,ROUNDDOWN($C7974/24,0)+1,1))-1)+IF('Standard Profiles'!$G$20=$B$10,7,0)+IF('Standard Profiles'!$G$20=$B$17,14,0)+IF('Standard Profiles'!$G$20=$B$24,21,0),MOD($C7974,24)+1)/SUM(INDEX($D$3:$AA$30,INDEX(Jesper!$R$2:$R$366,ROW(INDEX(Jesper!AJ$2:AJ$366,ROUNDDOWN($C7974/24,0)+1,1))-1)+IF('Standard Profiles'!$G$20=$B$10,7,0)+IF('Standard Profiles'!$G$20=$B$17,14,0)+IF('Standard Profiles'!$G$20=$B$24,21,0),0)),0)</f>
        <v>0</v>
      </c>
      <c r="G7974" cm="1">
        <f t="array" ref="G7974">IFERROR(INDEX(Jesper!AK$2:AK$366,ROUNDDOWN($C7974/24,0)+1,1)*INDEX($D$3:$AA$30,INDEX(Jesper!$R$2:$R$366,ROW(INDEX(Jesper!AK$2:AK$366,ROUNDDOWN($C7974/24,0)+1,1))-1)+IF('Standard Profiles'!$G$21=$B$10,7,0)+IF('Standard Profiles'!$G$21=$B$17,14,0)+IF('Standard Profiles'!$G$21=$B$24,21,0),MOD($C7974,24)+1)/SUM(INDEX($D$3:$AA$30,INDEX(Jesper!$R$2:$R$366,ROW(INDEX(Jesper!AK$2:AK$366,ROUNDDOWN($C7974/24,0)+1,1))-1)+IF('Standard Profiles'!$G$21=$B$10,7,0)+IF('Standard Profiles'!$G$21=$B$17,14,0)+IF('Standard Profiles'!$G$21=$B$24,21,0),0)),0)</f>
        <v>8.4148759921180218</v>
      </c>
      <c r="H7974" cm="1">
        <f t="array" ref="H7974">IFERROR(INDEX(Jesper!AL$2:AL$366,ROUNDDOWN($C7974/24,0)+1,1)*INDEX($D$3:$AA$30,INDEX(Jesper!$R$2:$R$366,ROW(INDEX(Jesper!AL$2:AL$366,ROUNDDOWN($C7974/24,0)+1,1))-1)+IF('Standard Profiles'!$G$22=$B$10,7,0)+IF('Standard Profiles'!$G$22=$B$17,14,0)+IF('Standard Profiles'!$G$22=$B$24,21,0),MOD($C7974,24)+1)/SUM(INDEX($D$3:$AA$30,INDEX(Jesper!$R$2:$R$366,ROW(INDEX(Jesper!AL$2:AL$366,ROUNDDOWN($C7974/24,0)+1,1))-1)+IF('Standard Profiles'!$G$22=$B$10,7,0)+IF('Standard Profiles'!$G$22=$B$17,14,0)+IF('Standard Profiles'!$G$22=$B$24,21,0),0)),0)</f>
        <v>0</v>
      </c>
      <c r="I7974">
        <f t="shared" si="888"/>
        <v>4.0391404762166481</v>
      </c>
      <c r="J7974">
        <f t="shared" si="889"/>
        <v>16.446662672408834</v>
      </c>
      <c r="K7974">
        <f t="shared" si="890"/>
        <v>0.65140232706277668</v>
      </c>
      <c r="L7974">
        <f t="shared" si="891"/>
        <v>0.32570116353138834</v>
      </c>
      <c r="M7974">
        <f t="shared" si="892"/>
        <v>0</v>
      </c>
      <c r="N7974" s="45">
        <f t="shared" si="893"/>
        <v>45257.833333314076</v>
      </c>
    </row>
    <row r="7975" spans="2:14" x14ac:dyDescent="0.25">
      <c r="B7975">
        <f t="shared" si="887"/>
        <v>1</v>
      </c>
      <c r="C7975" s="16">
        <v>7941</v>
      </c>
      <c r="D7975" cm="1">
        <f t="array" ref="D7975">IFERROR(INDEX(Jesper!AH$2:AH$366,ROUNDDOWN($C7975/24,0)+1,1)*INDEX($D$3:$AA$30,INDEX(Jesper!$R$2:$R$366,ROW(INDEX(Jesper!AH$2:AH$366,ROUNDDOWN($C7975/24,0)+1,1))-1)+IF('Standard Profiles'!$G$18=$B$10,7,0)+IF('Standard Profiles'!$G$18=$B$17,14,0)+IF('Standard Profiles'!$G$18=$B$24,21,0),MOD($C7975,24)+1)/SUM(INDEX($D$3:$AA$30,INDEX(Jesper!$R$2:$R$366,ROW(INDEX(Jesper!AH$2:AH$366,ROUNDDOWN($C7975/24,0)+1,1))-1)+IF('Standard Profiles'!$G$18=$B$10,7,0)+IF('Standard Profiles'!$G$18=$B$17,14,0)+IF('Standard Profiles'!$G$18=$B$24,21,0),0)),0)</f>
        <v>6.1068968162135313</v>
      </c>
      <c r="E7975" cm="1">
        <f t="array" ref="E7975">IFERROR(INDEX(Jesper!AI$2:AI$366,ROUNDDOWN($C7975/24,0)+1,1)*INDEX($D$3:$AA$30,INDEX(Jesper!$R$2:$R$366,ROW(INDEX(Jesper!AI$2:AI$366,ROUNDDOWN($C7975/24,0)+1,1))-1)+IF('Standard Profiles'!$G$19=$B$10,7,0)+IF('Standard Profiles'!$G$19=$B$17,14,0)+IF('Standard Profiles'!$G$19=$B$24,21,0),MOD($C7975,24)+1)/SUM(INDEX($D$3:$AA$30,INDEX(Jesper!$R$2:$R$366,ROW(INDEX(Jesper!AI$2:AI$366,ROUNDDOWN($C7975/24,0)+1,1))-1)+IF('Standard Profiles'!$G$19=$B$10,7,0)+IF('Standard Profiles'!$G$19=$B$17,14,0)+IF('Standard Profiles'!$G$19=$B$24,21,0),0)),0)</f>
        <v>6.9411338308880959</v>
      </c>
      <c r="F7975" cm="1">
        <f t="array" ref="F7975">IFERROR(INDEX(Jesper!AJ$2:AJ$366,ROUNDDOWN($C7975/24,0)+1,1)*INDEX($D$3:$AA$30,INDEX(Jesper!$R$2:$R$366,ROW(INDEX(Jesper!AJ$2:AJ$366,ROUNDDOWN($C7975/24,0)+1,1))-1)+IF('Standard Profiles'!$G$20=$B$10,7,0)+IF('Standard Profiles'!$G$20=$B$17,14,0)+IF('Standard Profiles'!$G$20=$B$24,21,0),MOD($C7975,24)+1)/SUM(INDEX($D$3:$AA$30,INDEX(Jesper!$R$2:$R$366,ROW(INDEX(Jesper!AJ$2:AJ$366,ROUNDDOWN($C7975/24,0)+1,1))-1)+IF('Standard Profiles'!$G$20=$B$10,7,0)+IF('Standard Profiles'!$G$20=$B$17,14,0)+IF('Standard Profiles'!$G$20=$B$24,21,0),0)),0)</f>
        <v>0</v>
      </c>
      <c r="G7975" cm="1">
        <f t="array" ref="G7975">IFERROR(INDEX(Jesper!AK$2:AK$366,ROUNDDOWN($C7975/24,0)+1,1)*INDEX($D$3:$AA$30,INDEX(Jesper!$R$2:$R$366,ROW(INDEX(Jesper!AK$2:AK$366,ROUNDDOWN($C7975/24,0)+1,1))-1)+IF('Standard Profiles'!$G$21=$B$10,7,0)+IF('Standard Profiles'!$G$21=$B$17,14,0)+IF('Standard Profiles'!$G$21=$B$24,21,0),MOD($C7975,24)+1)/SUM(INDEX($D$3:$AA$30,INDEX(Jesper!$R$2:$R$366,ROW(INDEX(Jesper!AK$2:AK$366,ROUNDDOWN($C7975/24,0)+1,1))-1)+IF('Standard Profiles'!$G$21=$B$10,7,0)+IF('Standard Profiles'!$G$21=$B$17,14,0)+IF('Standard Profiles'!$G$21=$B$24,21,0),0)),0)</f>
        <v>8.4148759921180218</v>
      </c>
      <c r="H7975" cm="1">
        <f t="array" ref="H7975">IFERROR(INDEX(Jesper!AL$2:AL$366,ROUNDDOWN($C7975/24,0)+1,1)*INDEX($D$3:$AA$30,INDEX(Jesper!$R$2:$R$366,ROW(INDEX(Jesper!AL$2:AL$366,ROUNDDOWN($C7975/24,0)+1,1))-1)+IF('Standard Profiles'!$G$22=$B$10,7,0)+IF('Standard Profiles'!$G$22=$B$17,14,0)+IF('Standard Profiles'!$G$22=$B$24,21,0),MOD($C7975,24)+1)/SUM(INDEX($D$3:$AA$30,INDEX(Jesper!$R$2:$R$366,ROW(INDEX(Jesper!AL$2:AL$366,ROUNDDOWN($C7975/24,0)+1,1))-1)+IF('Standard Profiles'!$G$22=$B$10,7,0)+IF('Standard Profiles'!$G$22=$B$17,14,0)+IF('Standard Profiles'!$G$22=$B$24,21,0),0)),0)</f>
        <v>0</v>
      </c>
      <c r="I7975">
        <f t="shared" si="888"/>
        <v>4.0391404762166481</v>
      </c>
      <c r="J7975">
        <f t="shared" si="889"/>
        <v>16.446662672408834</v>
      </c>
      <c r="K7975">
        <f t="shared" si="890"/>
        <v>0.65140232706277668</v>
      </c>
      <c r="L7975">
        <f t="shared" si="891"/>
        <v>0.32570116353138834</v>
      </c>
      <c r="M7975">
        <f t="shared" si="892"/>
        <v>0</v>
      </c>
      <c r="N7975" s="45">
        <f t="shared" si="893"/>
        <v>45257.874999980741</v>
      </c>
    </row>
    <row r="7976" spans="2:14" x14ac:dyDescent="0.25">
      <c r="B7976">
        <f t="shared" si="887"/>
        <v>1</v>
      </c>
      <c r="C7976" s="16">
        <v>7942</v>
      </c>
      <c r="D7976" cm="1">
        <f t="array" ref="D7976">IFERROR(INDEX(Jesper!AH$2:AH$366,ROUNDDOWN($C7976/24,0)+1,1)*INDEX($D$3:$AA$30,INDEX(Jesper!$R$2:$R$366,ROW(INDEX(Jesper!AH$2:AH$366,ROUNDDOWN($C7976/24,0)+1,1))-1)+IF('Standard Profiles'!$G$18=$B$10,7,0)+IF('Standard Profiles'!$G$18=$B$17,14,0)+IF('Standard Profiles'!$G$18=$B$24,21,0),MOD($C7976,24)+1)/SUM(INDEX($D$3:$AA$30,INDEX(Jesper!$R$2:$R$366,ROW(INDEX(Jesper!AH$2:AH$366,ROUNDDOWN($C7976/24,0)+1,1))-1)+IF('Standard Profiles'!$G$18=$B$10,7,0)+IF('Standard Profiles'!$G$18=$B$17,14,0)+IF('Standard Profiles'!$G$18=$B$24,21,0),0)),0)</f>
        <v>6.1068968162135313</v>
      </c>
      <c r="E7976" cm="1">
        <f t="array" ref="E7976">IFERROR(INDEX(Jesper!AI$2:AI$366,ROUNDDOWN($C7976/24,0)+1,1)*INDEX($D$3:$AA$30,INDEX(Jesper!$R$2:$R$366,ROW(INDEX(Jesper!AI$2:AI$366,ROUNDDOWN($C7976/24,0)+1,1))-1)+IF('Standard Profiles'!$G$19=$B$10,7,0)+IF('Standard Profiles'!$G$19=$B$17,14,0)+IF('Standard Profiles'!$G$19=$B$24,21,0),MOD($C7976,24)+1)/SUM(INDEX($D$3:$AA$30,INDEX(Jesper!$R$2:$R$366,ROW(INDEX(Jesper!AI$2:AI$366,ROUNDDOWN($C7976/24,0)+1,1))-1)+IF('Standard Profiles'!$G$19=$B$10,7,0)+IF('Standard Profiles'!$G$19=$B$17,14,0)+IF('Standard Profiles'!$G$19=$B$24,21,0),0)),0)</f>
        <v>6.9411338308880959</v>
      </c>
      <c r="F7976" cm="1">
        <f t="array" ref="F7976">IFERROR(INDEX(Jesper!AJ$2:AJ$366,ROUNDDOWN($C7976/24,0)+1,1)*INDEX($D$3:$AA$30,INDEX(Jesper!$R$2:$R$366,ROW(INDEX(Jesper!AJ$2:AJ$366,ROUNDDOWN($C7976/24,0)+1,1))-1)+IF('Standard Profiles'!$G$20=$B$10,7,0)+IF('Standard Profiles'!$G$20=$B$17,14,0)+IF('Standard Profiles'!$G$20=$B$24,21,0),MOD($C7976,24)+1)/SUM(INDEX($D$3:$AA$30,INDEX(Jesper!$R$2:$R$366,ROW(INDEX(Jesper!AJ$2:AJ$366,ROUNDDOWN($C7976/24,0)+1,1))-1)+IF('Standard Profiles'!$G$20=$B$10,7,0)+IF('Standard Profiles'!$G$20=$B$17,14,0)+IF('Standard Profiles'!$G$20=$B$24,21,0),0)),0)</f>
        <v>0</v>
      </c>
      <c r="G7976" cm="1">
        <f t="array" ref="G7976">IFERROR(INDEX(Jesper!AK$2:AK$366,ROUNDDOWN($C7976/24,0)+1,1)*INDEX($D$3:$AA$30,INDEX(Jesper!$R$2:$R$366,ROW(INDEX(Jesper!AK$2:AK$366,ROUNDDOWN($C7976/24,0)+1,1))-1)+IF('Standard Profiles'!$G$21=$B$10,7,0)+IF('Standard Profiles'!$G$21=$B$17,14,0)+IF('Standard Profiles'!$G$21=$B$24,21,0),MOD($C7976,24)+1)/SUM(INDEX($D$3:$AA$30,INDEX(Jesper!$R$2:$R$366,ROW(INDEX(Jesper!AK$2:AK$366,ROUNDDOWN($C7976/24,0)+1,1))-1)+IF('Standard Profiles'!$G$21=$B$10,7,0)+IF('Standard Profiles'!$G$21=$B$17,14,0)+IF('Standard Profiles'!$G$21=$B$24,21,0),0)),0)</f>
        <v>8.4148759921180218</v>
      </c>
      <c r="H7976" cm="1">
        <f t="array" ref="H7976">IFERROR(INDEX(Jesper!AL$2:AL$366,ROUNDDOWN($C7976/24,0)+1,1)*INDEX($D$3:$AA$30,INDEX(Jesper!$R$2:$R$366,ROW(INDEX(Jesper!AL$2:AL$366,ROUNDDOWN($C7976/24,0)+1,1))-1)+IF('Standard Profiles'!$G$22=$B$10,7,0)+IF('Standard Profiles'!$G$22=$B$17,14,0)+IF('Standard Profiles'!$G$22=$B$24,21,0),MOD($C7976,24)+1)/SUM(INDEX($D$3:$AA$30,INDEX(Jesper!$R$2:$R$366,ROW(INDEX(Jesper!AL$2:AL$366,ROUNDDOWN($C7976/24,0)+1,1))-1)+IF('Standard Profiles'!$G$22=$B$10,7,0)+IF('Standard Profiles'!$G$22=$B$17,14,0)+IF('Standard Profiles'!$G$22=$B$24,21,0),0)),0)</f>
        <v>0</v>
      </c>
      <c r="I7976">
        <f t="shared" si="888"/>
        <v>4.0391404762166481</v>
      </c>
      <c r="J7976">
        <f t="shared" si="889"/>
        <v>16.446662672408834</v>
      </c>
      <c r="K7976">
        <f t="shared" si="890"/>
        <v>0.65140232706277668</v>
      </c>
      <c r="L7976">
        <f t="shared" si="891"/>
        <v>0.32570116353138834</v>
      </c>
      <c r="M7976">
        <f t="shared" si="892"/>
        <v>0</v>
      </c>
      <c r="N7976" s="45">
        <f t="shared" si="893"/>
        <v>45257.916666647405</v>
      </c>
    </row>
    <row r="7977" spans="2:14" x14ac:dyDescent="0.25">
      <c r="B7977">
        <f t="shared" si="887"/>
        <v>1</v>
      </c>
      <c r="C7977" s="16">
        <v>7943</v>
      </c>
      <c r="D7977" cm="1">
        <f t="array" ref="D7977">IFERROR(INDEX(Jesper!AH$2:AH$366,ROUNDDOWN($C7977/24,0)+1,1)*INDEX($D$3:$AA$30,INDEX(Jesper!$R$2:$R$366,ROW(INDEX(Jesper!AH$2:AH$366,ROUNDDOWN($C7977/24,0)+1,1))-1)+IF('Standard Profiles'!$G$18=$B$10,7,0)+IF('Standard Profiles'!$G$18=$B$17,14,0)+IF('Standard Profiles'!$G$18=$B$24,21,0),MOD($C7977,24)+1)/SUM(INDEX($D$3:$AA$30,INDEX(Jesper!$R$2:$R$366,ROW(INDEX(Jesper!AH$2:AH$366,ROUNDDOWN($C7977/24,0)+1,1))-1)+IF('Standard Profiles'!$G$18=$B$10,7,0)+IF('Standard Profiles'!$G$18=$B$17,14,0)+IF('Standard Profiles'!$G$18=$B$24,21,0),0)),0)</f>
        <v>6.1068968162135313</v>
      </c>
      <c r="E7977" cm="1">
        <f t="array" ref="E7977">IFERROR(INDEX(Jesper!AI$2:AI$366,ROUNDDOWN($C7977/24,0)+1,1)*INDEX($D$3:$AA$30,INDEX(Jesper!$R$2:$R$366,ROW(INDEX(Jesper!AI$2:AI$366,ROUNDDOWN($C7977/24,0)+1,1))-1)+IF('Standard Profiles'!$G$19=$B$10,7,0)+IF('Standard Profiles'!$G$19=$B$17,14,0)+IF('Standard Profiles'!$G$19=$B$24,21,0),MOD($C7977,24)+1)/SUM(INDEX($D$3:$AA$30,INDEX(Jesper!$R$2:$R$366,ROW(INDEX(Jesper!AI$2:AI$366,ROUNDDOWN($C7977/24,0)+1,1))-1)+IF('Standard Profiles'!$G$19=$B$10,7,0)+IF('Standard Profiles'!$G$19=$B$17,14,0)+IF('Standard Profiles'!$G$19=$B$24,21,0),0)),0)</f>
        <v>6.9411338308880959</v>
      </c>
      <c r="F7977" cm="1">
        <f t="array" ref="F7977">IFERROR(INDEX(Jesper!AJ$2:AJ$366,ROUNDDOWN($C7977/24,0)+1,1)*INDEX($D$3:$AA$30,INDEX(Jesper!$R$2:$R$366,ROW(INDEX(Jesper!AJ$2:AJ$366,ROUNDDOWN($C7977/24,0)+1,1))-1)+IF('Standard Profiles'!$G$20=$B$10,7,0)+IF('Standard Profiles'!$G$20=$B$17,14,0)+IF('Standard Profiles'!$G$20=$B$24,21,0),MOD($C7977,24)+1)/SUM(INDEX($D$3:$AA$30,INDEX(Jesper!$R$2:$R$366,ROW(INDEX(Jesper!AJ$2:AJ$366,ROUNDDOWN($C7977/24,0)+1,1))-1)+IF('Standard Profiles'!$G$20=$B$10,7,0)+IF('Standard Profiles'!$G$20=$B$17,14,0)+IF('Standard Profiles'!$G$20=$B$24,21,0),0)),0)</f>
        <v>0</v>
      </c>
      <c r="G7977" cm="1">
        <f t="array" ref="G7977">IFERROR(INDEX(Jesper!AK$2:AK$366,ROUNDDOWN($C7977/24,0)+1,1)*INDEX($D$3:$AA$30,INDEX(Jesper!$R$2:$R$366,ROW(INDEX(Jesper!AK$2:AK$366,ROUNDDOWN($C7977/24,0)+1,1))-1)+IF('Standard Profiles'!$G$21=$B$10,7,0)+IF('Standard Profiles'!$G$21=$B$17,14,0)+IF('Standard Profiles'!$G$21=$B$24,21,0),MOD($C7977,24)+1)/SUM(INDEX($D$3:$AA$30,INDEX(Jesper!$R$2:$R$366,ROW(INDEX(Jesper!AK$2:AK$366,ROUNDDOWN($C7977/24,0)+1,1))-1)+IF('Standard Profiles'!$G$21=$B$10,7,0)+IF('Standard Profiles'!$G$21=$B$17,14,0)+IF('Standard Profiles'!$G$21=$B$24,21,0),0)),0)</f>
        <v>8.4148759921180218</v>
      </c>
      <c r="H7977" cm="1">
        <f t="array" ref="H7977">IFERROR(INDEX(Jesper!AL$2:AL$366,ROUNDDOWN($C7977/24,0)+1,1)*INDEX($D$3:$AA$30,INDEX(Jesper!$R$2:$R$366,ROW(INDEX(Jesper!AL$2:AL$366,ROUNDDOWN($C7977/24,0)+1,1))-1)+IF('Standard Profiles'!$G$22=$B$10,7,0)+IF('Standard Profiles'!$G$22=$B$17,14,0)+IF('Standard Profiles'!$G$22=$B$24,21,0),MOD($C7977,24)+1)/SUM(INDEX($D$3:$AA$30,INDEX(Jesper!$R$2:$R$366,ROW(INDEX(Jesper!AL$2:AL$366,ROUNDDOWN($C7977/24,0)+1,1))-1)+IF('Standard Profiles'!$G$22=$B$10,7,0)+IF('Standard Profiles'!$G$22=$B$17,14,0)+IF('Standard Profiles'!$G$22=$B$24,21,0),0)),0)</f>
        <v>0</v>
      </c>
      <c r="I7977">
        <f t="shared" si="888"/>
        <v>4.0391404762166481</v>
      </c>
      <c r="J7977">
        <f t="shared" si="889"/>
        <v>16.446662672408834</v>
      </c>
      <c r="K7977">
        <f t="shared" si="890"/>
        <v>0.65140232706277668</v>
      </c>
      <c r="L7977">
        <f t="shared" si="891"/>
        <v>0.32570116353138834</v>
      </c>
      <c r="M7977">
        <f t="shared" si="892"/>
        <v>0</v>
      </c>
      <c r="N7977" s="45">
        <f t="shared" si="893"/>
        <v>45257.958333314069</v>
      </c>
    </row>
    <row r="7978" spans="2:14" x14ac:dyDescent="0.25">
      <c r="B7978">
        <f t="shared" si="887"/>
        <v>2</v>
      </c>
      <c r="C7978" s="16">
        <v>7944</v>
      </c>
      <c r="D7978" cm="1">
        <f t="array" ref="D7978">IFERROR(INDEX(Jesper!AH$2:AH$366,ROUNDDOWN($C7978/24,0)+1,1)*INDEX($D$3:$AA$30,INDEX(Jesper!$R$2:$R$366,ROW(INDEX(Jesper!AH$2:AH$366,ROUNDDOWN($C7978/24,0)+1,1))-1)+IF('Standard Profiles'!$G$18=$B$10,7,0)+IF('Standard Profiles'!$G$18=$B$17,14,0)+IF('Standard Profiles'!$G$18=$B$24,21,0),MOD($C7978,24)+1)/SUM(INDEX($D$3:$AA$30,INDEX(Jesper!$R$2:$R$366,ROW(INDEX(Jesper!AH$2:AH$366,ROUNDDOWN($C7978/24,0)+1,1))-1)+IF('Standard Profiles'!$G$18=$B$10,7,0)+IF('Standard Profiles'!$G$18=$B$17,14,0)+IF('Standard Profiles'!$G$18=$B$24,21,0),0)),0)</f>
        <v>3.8978299657342106</v>
      </c>
      <c r="E7978" cm="1">
        <f t="array" ref="E7978">IFERROR(INDEX(Jesper!AI$2:AI$366,ROUNDDOWN($C7978/24,0)+1,1)*INDEX($D$3:$AA$30,INDEX(Jesper!$R$2:$R$366,ROW(INDEX(Jesper!AI$2:AI$366,ROUNDDOWN($C7978/24,0)+1,1))-1)+IF('Standard Profiles'!$G$19=$B$10,7,0)+IF('Standard Profiles'!$G$19=$B$17,14,0)+IF('Standard Profiles'!$G$19=$B$24,21,0),MOD($C7978,24)+1)/SUM(INDEX($D$3:$AA$30,INDEX(Jesper!$R$2:$R$366,ROW(INDEX(Jesper!AI$2:AI$366,ROUNDDOWN($C7978/24,0)+1,1))-1)+IF('Standard Profiles'!$G$19=$B$10,7,0)+IF('Standard Profiles'!$G$19=$B$17,14,0)+IF('Standard Profiles'!$G$19=$B$24,21,0),0)),0)</f>
        <v>4.4880610052090626</v>
      </c>
      <c r="F7978" cm="1">
        <f t="array" ref="F7978">IFERROR(INDEX(Jesper!AJ$2:AJ$366,ROUNDDOWN($C7978/24,0)+1,1)*INDEX($D$3:$AA$30,INDEX(Jesper!$R$2:$R$366,ROW(INDEX(Jesper!AJ$2:AJ$366,ROUNDDOWN($C7978/24,0)+1,1))-1)+IF('Standard Profiles'!$G$20=$B$10,7,0)+IF('Standard Profiles'!$G$20=$B$17,14,0)+IF('Standard Profiles'!$G$20=$B$24,21,0),MOD($C7978,24)+1)/SUM(INDEX($D$3:$AA$30,INDEX(Jesper!$R$2:$R$366,ROW(INDEX(Jesper!AJ$2:AJ$366,ROUNDDOWN($C7978/24,0)+1,1))-1)+IF('Standard Profiles'!$G$20=$B$10,7,0)+IF('Standard Profiles'!$G$20=$B$17,14,0)+IF('Standard Profiles'!$G$20=$B$24,21,0),0)),0)</f>
        <v>0</v>
      </c>
      <c r="G7978" cm="1">
        <f t="array" ref="G7978">IFERROR(INDEX(Jesper!AK$2:AK$366,ROUNDDOWN($C7978/24,0)+1,1)*INDEX($D$3:$AA$30,INDEX(Jesper!$R$2:$R$366,ROW(INDEX(Jesper!AK$2:AK$366,ROUNDDOWN($C7978/24,0)+1,1))-1)+IF('Standard Profiles'!$G$21=$B$10,7,0)+IF('Standard Profiles'!$G$21=$B$17,14,0)+IF('Standard Profiles'!$G$21=$B$24,21,0),MOD($C7978,24)+1)/SUM(INDEX($D$3:$AA$30,INDEX(Jesper!$R$2:$R$366,ROW(INDEX(Jesper!AK$2:AK$366,ROUNDDOWN($C7978/24,0)+1,1))-1)+IF('Standard Profiles'!$G$21=$B$10,7,0)+IF('Standard Profiles'!$G$21=$B$17,14,0)+IF('Standard Profiles'!$G$21=$B$24,21,0),0)),0)</f>
        <v>8.1561247321979362</v>
      </c>
      <c r="H7978" cm="1">
        <f t="array" ref="H7978">IFERROR(INDEX(Jesper!AL$2:AL$366,ROUNDDOWN($C7978/24,0)+1,1)*INDEX($D$3:$AA$30,INDEX(Jesper!$R$2:$R$366,ROW(INDEX(Jesper!AL$2:AL$366,ROUNDDOWN($C7978/24,0)+1,1))-1)+IF('Standard Profiles'!$G$22=$B$10,7,0)+IF('Standard Profiles'!$G$22=$B$17,14,0)+IF('Standard Profiles'!$G$22=$B$24,21,0),MOD($C7978,24)+1)/SUM(INDEX($D$3:$AA$30,INDEX(Jesper!$R$2:$R$366,ROW(INDEX(Jesper!AL$2:AL$366,ROUNDDOWN($C7978/24,0)+1,1))-1)+IF('Standard Profiles'!$G$22=$B$10,7,0)+IF('Standard Profiles'!$G$22=$B$17,14,0)+IF('Standard Profiles'!$G$22=$B$24,21,0),0)),0)</f>
        <v>0</v>
      </c>
      <c r="I7978">
        <f t="shared" si="888"/>
        <v>3.9149398714550072</v>
      </c>
      <c r="J7978">
        <f t="shared" si="889"/>
        <v>12.003423037168728</v>
      </c>
      <c r="K7978">
        <f t="shared" si="890"/>
        <v>0.41576852967831585</v>
      </c>
      <c r="L7978">
        <f t="shared" si="891"/>
        <v>0.20788426483915792</v>
      </c>
      <c r="M7978">
        <f t="shared" si="892"/>
        <v>0</v>
      </c>
      <c r="N7978" s="45">
        <f t="shared" si="893"/>
        <v>45257.999999980733</v>
      </c>
    </row>
    <row r="7979" spans="2:14" x14ac:dyDescent="0.25">
      <c r="B7979">
        <f t="shared" si="887"/>
        <v>2</v>
      </c>
      <c r="C7979" s="16">
        <v>7945</v>
      </c>
      <c r="D7979" cm="1">
        <f t="array" ref="D7979">IFERROR(INDEX(Jesper!AH$2:AH$366,ROUNDDOWN($C7979/24,0)+1,1)*INDEX($D$3:$AA$30,INDEX(Jesper!$R$2:$R$366,ROW(INDEX(Jesper!AH$2:AH$366,ROUNDDOWN($C7979/24,0)+1,1))-1)+IF('Standard Profiles'!$G$18=$B$10,7,0)+IF('Standard Profiles'!$G$18=$B$17,14,0)+IF('Standard Profiles'!$G$18=$B$24,21,0),MOD($C7979,24)+1)/SUM(INDEX($D$3:$AA$30,INDEX(Jesper!$R$2:$R$366,ROW(INDEX(Jesper!AH$2:AH$366,ROUNDDOWN($C7979/24,0)+1,1))-1)+IF('Standard Profiles'!$G$18=$B$10,7,0)+IF('Standard Profiles'!$G$18=$B$17,14,0)+IF('Standard Profiles'!$G$18=$B$24,21,0),0)),0)</f>
        <v>5.9395504239759402</v>
      </c>
      <c r="E7979" cm="1">
        <f t="array" ref="E7979">IFERROR(INDEX(Jesper!AI$2:AI$366,ROUNDDOWN($C7979/24,0)+1,1)*INDEX($D$3:$AA$30,INDEX(Jesper!$R$2:$R$366,ROW(INDEX(Jesper!AI$2:AI$366,ROUNDDOWN($C7979/24,0)+1,1))-1)+IF('Standard Profiles'!$G$19=$B$10,7,0)+IF('Standard Profiles'!$G$19=$B$17,14,0)+IF('Standard Profiles'!$G$19=$B$24,21,0),MOD($C7979,24)+1)/SUM(INDEX($D$3:$AA$30,INDEX(Jesper!$R$2:$R$366,ROW(INDEX(Jesper!AI$2:AI$366,ROUNDDOWN($C7979/24,0)+1,1))-1)+IF('Standard Profiles'!$G$19=$B$10,7,0)+IF('Standard Profiles'!$G$19=$B$17,14,0)+IF('Standard Profiles'!$G$19=$B$24,21,0),0)),0)</f>
        <v>6.8389501031757147</v>
      </c>
      <c r="F7979" cm="1">
        <f t="array" ref="F7979">IFERROR(INDEX(Jesper!AJ$2:AJ$366,ROUNDDOWN($C7979/24,0)+1,1)*INDEX($D$3:$AA$30,INDEX(Jesper!$R$2:$R$366,ROW(INDEX(Jesper!AJ$2:AJ$366,ROUNDDOWN($C7979/24,0)+1,1))-1)+IF('Standard Profiles'!$G$20=$B$10,7,0)+IF('Standard Profiles'!$G$20=$B$17,14,0)+IF('Standard Profiles'!$G$20=$B$24,21,0),MOD($C7979,24)+1)/SUM(INDEX($D$3:$AA$30,INDEX(Jesper!$R$2:$R$366,ROW(INDEX(Jesper!AJ$2:AJ$366,ROUNDDOWN($C7979/24,0)+1,1))-1)+IF('Standard Profiles'!$G$20=$B$10,7,0)+IF('Standard Profiles'!$G$20=$B$17,14,0)+IF('Standard Profiles'!$G$20=$B$24,21,0),0)),0)</f>
        <v>0</v>
      </c>
      <c r="G7979" cm="1">
        <f t="array" ref="G7979">IFERROR(INDEX(Jesper!AK$2:AK$366,ROUNDDOWN($C7979/24,0)+1,1)*INDEX($D$3:$AA$30,INDEX(Jesper!$R$2:$R$366,ROW(INDEX(Jesper!AK$2:AK$366,ROUNDDOWN($C7979/24,0)+1,1))-1)+IF('Standard Profiles'!$G$21=$B$10,7,0)+IF('Standard Profiles'!$G$21=$B$17,14,0)+IF('Standard Profiles'!$G$21=$B$24,21,0),MOD($C7979,24)+1)/SUM(INDEX($D$3:$AA$30,INDEX(Jesper!$R$2:$R$366,ROW(INDEX(Jesper!AK$2:AK$366,ROUNDDOWN($C7979/24,0)+1,1))-1)+IF('Standard Profiles'!$G$21=$B$10,7,0)+IF('Standard Profiles'!$G$21=$B$17,14,0)+IF('Standard Profiles'!$G$21=$B$24,21,0),0)),0)</f>
        <v>8.1561247321979362</v>
      </c>
      <c r="H7979" cm="1">
        <f t="array" ref="H7979">IFERROR(INDEX(Jesper!AL$2:AL$366,ROUNDDOWN($C7979/24,0)+1,1)*INDEX($D$3:$AA$30,INDEX(Jesper!$R$2:$R$366,ROW(INDEX(Jesper!AL$2:AL$366,ROUNDDOWN($C7979/24,0)+1,1))-1)+IF('Standard Profiles'!$G$22=$B$10,7,0)+IF('Standard Profiles'!$G$22=$B$17,14,0)+IF('Standard Profiles'!$G$22=$B$24,21,0),MOD($C7979,24)+1)/SUM(INDEX($D$3:$AA$30,INDEX(Jesper!$R$2:$R$366,ROW(INDEX(Jesper!AL$2:AL$366,ROUNDDOWN($C7979/24,0)+1,1))-1)+IF('Standard Profiles'!$G$22=$B$10,7,0)+IF('Standard Profiles'!$G$22=$B$17,14,0)+IF('Standard Profiles'!$G$22=$B$24,21,0),0)),0)</f>
        <v>0</v>
      </c>
      <c r="I7979">
        <f t="shared" si="888"/>
        <v>3.9149398714550072</v>
      </c>
      <c r="J7979">
        <f t="shared" si="889"/>
        <v>16.069357320058433</v>
      </c>
      <c r="K7979">
        <f t="shared" si="890"/>
        <v>0.63355204522410036</v>
      </c>
      <c r="L7979">
        <f t="shared" si="891"/>
        <v>0.31677602261205018</v>
      </c>
      <c r="M7979">
        <f t="shared" si="892"/>
        <v>0</v>
      </c>
      <c r="N7979" s="45">
        <f t="shared" si="893"/>
        <v>45258.041666647398</v>
      </c>
    </row>
    <row r="7980" spans="2:14" x14ac:dyDescent="0.25">
      <c r="B7980">
        <f t="shared" si="887"/>
        <v>2</v>
      </c>
      <c r="C7980" s="16">
        <v>7946</v>
      </c>
      <c r="D7980" cm="1">
        <f t="array" ref="D7980">IFERROR(INDEX(Jesper!AH$2:AH$366,ROUNDDOWN($C7980/24,0)+1,1)*INDEX($D$3:$AA$30,INDEX(Jesper!$R$2:$R$366,ROW(INDEX(Jesper!AH$2:AH$366,ROUNDDOWN($C7980/24,0)+1,1))-1)+IF('Standard Profiles'!$G$18=$B$10,7,0)+IF('Standard Profiles'!$G$18=$B$17,14,0)+IF('Standard Profiles'!$G$18=$B$24,21,0),MOD($C7980,24)+1)/SUM(INDEX($D$3:$AA$30,INDEX(Jesper!$R$2:$R$366,ROW(INDEX(Jesper!AH$2:AH$366,ROUNDDOWN($C7980/24,0)+1,1))-1)+IF('Standard Profiles'!$G$18=$B$10,7,0)+IF('Standard Profiles'!$G$18=$B$17,14,0)+IF('Standard Profiles'!$G$18=$B$24,21,0),0)),0)</f>
        <v>5.9395504239759402</v>
      </c>
      <c r="E7980" cm="1">
        <f t="array" ref="E7980">IFERROR(INDEX(Jesper!AI$2:AI$366,ROUNDDOWN($C7980/24,0)+1,1)*INDEX($D$3:$AA$30,INDEX(Jesper!$R$2:$R$366,ROW(INDEX(Jesper!AI$2:AI$366,ROUNDDOWN($C7980/24,0)+1,1))-1)+IF('Standard Profiles'!$G$19=$B$10,7,0)+IF('Standard Profiles'!$G$19=$B$17,14,0)+IF('Standard Profiles'!$G$19=$B$24,21,0),MOD($C7980,24)+1)/SUM(INDEX($D$3:$AA$30,INDEX(Jesper!$R$2:$R$366,ROW(INDEX(Jesper!AI$2:AI$366,ROUNDDOWN($C7980/24,0)+1,1))-1)+IF('Standard Profiles'!$G$19=$B$10,7,0)+IF('Standard Profiles'!$G$19=$B$17,14,0)+IF('Standard Profiles'!$G$19=$B$24,21,0),0)),0)</f>
        <v>6.8389501031757147</v>
      </c>
      <c r="F7980" cm="1">
        <f t="array" ref="F7980">IFERROR(INDEX(Jesper!AJ$2:AJ$366,ROUNDDOWN($C7980/24,0)+1,1)*INDEX($D$3:$AA$30,INDEX(Jesper!$R$2:$R$366,ROW(INDEX(Jesper!AJ$2:AJ$366,ROUNDDOWN($C7980/24,0)+1,1))-1)+IF('Standard Profiles'!$G$20=$B$10,7,0)+IF('Standard Profiles'!$G$20=$B$17,14,0)+IF('Standard Profiles'!$G$20=$B$24,21,0),MOD($C7980,24)+1)/SUM(INDEX($D$3:$AA$30,INDEX(Jesper!$R$2:$R$366,ROW(INDEX(Jesper!AJ$2:AJ$366,ROUNDDOWN($C7980/24,0)+1,1))-1)+IF('Standard Profiles'!$G$20=$B$10,7,0)+IF('Standard Profiles'!$G$20=$B$17,14,0)+IF('Standard Profiles'!$G$20=$B$24,21,0),0)),0)</f>
        <v>0</v>
      </c>
      <c r="G7980" cm="1">
        <f t="array" ref="G7980">IFERROR(INDEX(Jesper!AK$2:AK$366,ROUNDDOWN($C7980/24,0)+1,1)*INDEX($D$3:$AA$30,INDEX(Jesper!$R$2:$R$366,ROW(INDEX(Jesper!AK$2:AK$366,ROUNDDOWN($C7980/24,0)+1,1))-1)+IF('Standard Profiles'!$G$21=$B$10,7,0)+IF('Standard Profiles'!$G$21=$B$17,14,0)+IF('Standard Profiles'!$G$21=$B$24,21,0),MOD($C7980,24)+1)/SUM(INDEX($D$3:$AA$30,INDEX(Jesper!$R$2:$R$366,ROW(INDEX(Jesper!AK$2:AK$366,ROUNDDOWN($C7980/24,0)+1,1))-1)+IF('Standard Profiles'!$G$21=$B$10,7,0)+IF('Standard Profiles'!$G$21=$B$17,14,0)+IF('Standard Profiles'!$G$21=$B$24,21,0),0)),0)</f>
        <v>8.1561247321979362</v>
      </c>
      <c r="H7980" cm="1">
        <f t="array" ref="H7980">IFERROR(INDEX(Jesper!AL$2:AL$366,ROUNDDOWN($C7980/24,0)+1,1)*INDEX($D$3:$AA$30,INDEX(Jesper!$R$2:$R$366,ROW(INDEX(Jesper!AL$2:AL$366,ROUNDDOWN($C7980/24,0)+1,1))-1)+IF('Standard Profiles'!$G$22=$B$10,7,0)+IF('Standard Profiles'!$G$22=$B$17,14,0)+IF('Standard Profiles'!$G$22=$B$24,21,0),MOD($C7980,24)+1)/SUM(INDEX($D$3:$AA$30,INDEX(Jesper!$R$2:$R$366,ROW(INDEX(Jesper!AL$2:AL$366,ROUNDDOWN($C7980/24,0)+1,1))-1)+IF('Standard Profiles'!$G$22=$B$10,7,0)+IF('Standard Profiles'!$G$22=$B$17,14,0)+IF('Standard Profiles'!$G$22=$B$24,21,0),0)),0)</f>
        <v>0</v>
      </c>
      <c r="I7980">
        <f t="shared" si="888"/>
        <v>3.9149398714550072</v>
      </c>
      <c r="J7980">
        <f t="shared" si="889"/>
        <v>16.069357320058433</v>
      </c>
      <c r="K7980">
        <f t="shared" si="890"/>
        <v>0.63355204522410036</v>
      </c>
      <c r="L7980">
        <f t="shared" si="891"/>
        <v>0.31677602261205018</v>
      </c>
      <c r="M7980">
        <f t="shared" si="892"/>
        <v>0</v>
      </c>
      <c r="N7980" s="45">
        <f t="shared" si="893"/>
        <v>45258.083333314062</v>
      </c>
    </row>
    <row r="7981" spans="2:14" x14ac:dyDescent="0.25">
      <c r="B7981">
        <f t="shared" si="887"/>
        <v>2</v>
      </c>
      <c r="C7981" s="16">
        <v>7947</v>
      </c>
      <c r="D7981" cm="1">
        <f t="array" ref="D7981">IFERROR(INDEX(Jesper!AH$2:AH$366,ROUNDDOWN($C7981/24,0)+1,1)*INDEX($D$3:$AA$30,INDEX(Jesper!$R$2:$R$366,ROW(INDEX(Jesper!AH$2:AH$366,ROUNDDOWN($C7981/24,0)+1,1))-1)+IF('Standard Profiles'!$G$18=$B$10,7,0)+IF('Standard Profiles'!$G$18=$B$17,14,0)+IF('Standard Profiles'!$G$18=$B$24,21,0),MOD($C7981,24)+1)/SUM(INDEX($D$3:$AA$30,INDEX(Jesper!$R$2:$R$366,ROW(INDEX(Jesper!AH$2:AH$366,ROUNDDOWN($C7981/24,0)+1,1))-1)+IF('Standard Profiles'!$G$18=$B$10,7,0)+IF('Standard Profiles'!$G$18=$B$17,14,0)+IF('Standard Profiles'!$G$18=$B$24,21,0),0)),0)</f>
        <v>5.9395504239759402</v>
      </c>
      <c r="E7981" cm="1">
        <f t="array" ref="E7981">IFERROR(INDEX(Jesper!AI$2:AI$366,ROUNDDOWN($C7981/24,0)+1,1)*INDEX($D$3:$AA$30,INDEX(Jesper!$R$2:$R$366,ROW(INDEX(Jesper!AI$2:AI$366,ROUNDDOWN($C7981/24,0)+1,1))-1)+IF('Standard Profiles'!$G$19=$B$10,7,0)+IF('Standard Profiles'!$G$19=$B$17,14,0)+IF('Standard Profiles'!$G$19=$B$24,21,0),MOD($C7981,24)+1)/SUM(INDEX($D$3:$AA$30,INDEX(Jesper!$R$2:$R$366,ROW(INDEX(Jesper!AI$2:AI$366,ROUNDDOWN($C7981/24,0)+1,1))-1)+IF('Standard Profiles'!$G$19=$B$10,7,0)+IF('Standard Profiles'!$G$19=$B$17,14,0)+IF('Standard Profiles'!$G$19=$B$24,21,0),0)),0)</f>
        <v>6.8389501031757147</v>
      </c>
      <c r="F7981" cm="1">
        <f t="array" ref="F7981">IFERROR(INDEX(Jesper!AJ$2:AJ$366,ROUNDDOWN($C7981/24,0)+1,1)*INDEX($D$3:$AA$30,INDEX(Jesper!$R$2:$R$366,ROW(INDEX(Jesper!AJ$2:AJ$366,ROUNDDOWN($C7981/24,0)+1,1))-1)+IF('Standard Profiles'!$G$20=$B$10,7,0)+IF('Standard Profiles'!$G$20=$B$17,14,0)+IF('Standard Profiles'!$G$20=$B$24,21,0),MOD($C7981,24)+1)/SUM(INDEX($D$3:$AA$30,INDEX(Jesper!$R$2:$R$366,ROW(INDEX(Jesper!AJ$2:AJ$366,ROUNDDOWN($C7981/24,0)+1,1))-1)+IF('Standard Profiles'!$G$20=$B$10,7,0)+IF('Standard Profiles'!$G$20=$B$17,14,0)+IF('Standard Profiles'!$G$20=$B$24,21,0),0)),0)</f>
        <v>0</v>
      </c>
      <c r="G7981" cm="1">
        <f t="array" ref="G7981">IFERROR(INDEX(Jesper!AK$2:AK$366,ROUNDDOWN($C7981/24,0)+1,1)*INDEX($D$3:$AA$30,INDEX(Jesper!$R$2:$R$366,ROW(INDEX(Jesper!AK$2:AK$366,ROUNDDOWN($C7981/24,0)+1,1))-1)+IF('Standard Profiles'!$G$21=$B$10,7,0)+IF('Standard Profiles'!$G$21=$B$17,14,0)+IF('Standard Profiles'!$G$21=$B$24,21,0),MOD($C7981,24)+1)/SUM(INDEX($D$3:$AA$30,INDEX(Jesper!$R$2:$R$366,ROW(INDEX(Jesper!AK$2:AK$366,ROUNDDOWN($C7981/24,0)+1,1))-1)+IF('Standard Profiles'!$G$21=$B$10,7,0)+IF('Standard Profiles'!$G$21=$B$17,14,0)+IF('Standard Profiles'!$G$21=$B$24,21,0),0)),0)</f>
        <v>8.1561247321979362</v>
      </c>
      <c r="H7981" cm="1">
        <f t="array" ref="H7981">IFERROR(INDEX(Jesper!AL$2:AL$366,ROUNDDOWN($C7981/24,0)+1,1)*INDEX($D$3:$AA$30,INDEX(Jesper!$R$2:$R$366,ROW(INDEX(Jesper!AL$2:AL$366,ROUNDDOWN($C7981/24,0)+1,1))-1)+IF('Standard Profiles'!$G$22=$B$10,7,0)+IF('Standard Profiles'!$G$22=$B$17,14,0)+IF('Standard Profiles'!$G$22=$B$24,21,0),MOD($C7981,24)+1)/SUM(INDEX($D$3:$AA$30,INDEX(Jesper!$R$2:$R$366,ROW(INDEX(Jesper!AL$2:AL$366,ROUNDDOWN($C7981/24,0)+1,1))-1)+IF('Standard Profiles'!$G$22=$B$10,7,0)+IF('Standard Profiles'!$G$22=$B$17,14,0)+IF('Standard Profiles'!$G$22=$B$24,21,0),0)),0)</f>
        <v>0</v>
      </c>
      <c r="I7981">
        <f t="shared" si="888"/>
        <v>3.9149398714550072</v>
      </c>
      <c r="J7981">
        <f t="shared" si="889"/>
        <v>16.069357320058433</v>
      </c>
      <c r="K7981">
        <f t="shared" si="890"/>
        <v>0.63355204522410036</v>
      </c>
      <c r="L7981">
        <f t="shared" si="891"/>
        <v>0.31677602261205018</v>
      </c>
      <c r="M7981">
        <f t="shared" si="892"/>
        <v>0</v>
      </c>
      <c r="N7981" s="45">
        <f t="shared" si="893"/>
        <v>45258.124999980726</v>
      </c>
    </row>
    <row r="7982" spans="2:14" x14ac:dyDescent="0.25">
      <c r="B7982">
        <f t="shared" si="887"/>
        <v>2</v>
      </c>
      <c r="C7982" s="16">
        <v>7948</v>
      </c>
      <c r="D7982" cm="1">
        <f t="array" ref="D7982">IFERROR(INDEX(Jesper!AH$2:AH$366,ROUNDDOWN($C7982/24,0)+1,1)*INDEX($D$3:$AA$30,INDEX(Jesper!$R$2:$R$366,ROW(INDEX(Jesper!AH$2:AH$366,ROUNDDOWN($C7982/24,0)+1,1))-1)+IF('Standard Profiles'!$G$18=$B$10,7,0)+IF('Standard Profiles'!$G$18=$B$17,14,0)+IF('Standard Profiles'!$G$18=$B$24,21,0),MOD($C7982,24)+1)/SUM(INDEX($D$3:$AA$30,INDEX(Jesper!$R$2:$R$366,ROW(INDEX(Jesper!AH$2:AH$366,ROUNDDOWN($C7982/24,0)+1,1))-1)+IF('Standard Profiles'!$G$18=$B$10,7,0)+IF('Standard Profiles'!$G$18=$B$17,14,0)+IF('Standard Profiles'!$G$18=$B$24,21,0),0)),0)</f>
        <v>5.9395504239759402</v>
      </c>
      <c r="E7982" cm="1">
        <f t="array" ref="E7982">IFERROR(INDEX(Jesper!AI$2:AI$366,ROUNDDOWN($C7982/24,0)+1,1)*INDEX($D$3:$AA$30,INDEX(Jesper!$R$2:$R$366,ROW(INDEX(Jesper!AI$2:AI$366,ROUNDDOWN($C7982/24,0)+1,1))-1)+IF('Standard Profiles'!$G$19=$B$10,7,0)+IF('Standard Profiles'!$G$19=$B$17,14,0)+IF('Standard Profiles'!$G$19=$B$24,21,0),MOD($C7982,24)+1)/SUM(INDEX($D$3:$AA$30,INDEX(Jesper!$R$2:$R$366,ROW(INDEX(Jesper!AI$2:AI$366,ROUNDDOWN($C7982/24,0)+1,1))-1)+IF('Standard Profiles'!$G$19=$B$10,7,0)+IF('Standard Profiles'!$G$19=$B$17,14,0)+IF('Standard Profiles'!$G$19=$B$24,21,0),0)),0)</f>
        <v>6.8389501031757147</v>
      </c>
      <c r="F7982" cm="1">
        <f t="array" ref="F7982">IFERROR(INDEX(Jesper!AJ$2:AJ$366,ROUNDDOWN($C7982/24,0)+1,1)*INDEX($D$3:$AA$30,INDEX(Jesper!$R$2:$R$366,ROW(INDEX(Jesper!AJ$2:AJ$366,ROUNDDOWN($C7982/24,0)+1,1))-1)+IF('Standard Profiles'!$G$20=$B$10,7,0)+IF('Standard Profiles'!$G$20=$B$17,14,0)+IF('Standard Profiles'!$G$20=$B$24,21,0),MOD($C7982,24)+1)/SUM(INDEX($D$3:$AA$30,INDEX(Jesper!$R$2:$R$366,ROW(INDEX(Jesper!AJ$2:AJ$366,ROUNDDOWN($C7982/24,0)+1,1))-1)+IF('Standard Profiles'!$G$20=$B$10,7,0)+IF('Standard Profiles'!$G$20=$B$17,14,0)+IF('Standard Profiles'!$G$20=$B$24,21,0),0)),0)</f>
        <v>0</v>
      </c>
      <c r="G7982" cm="1">
        <f t="array" ref="G7982">IFERROR(INDEX(Jesper!AK$2:AK$366,ROUNDDOWN($C7982/24,0)+1,1)*INDEX($D$3:$AA$30,INDEX(Jesper!$R$2:$R$366,ROW(INDEX(Jesper!AK$2:AK$366,ROUNDDOWN($C7982/24,0)+1,1))-1)+IF('Standard Profiles'!$G$21=$B$10,7,0)+IF('Standard Profiles'!$G$21=$B$17,14,0)+IF('Standard Profiles'!$G$21=$B$24,21,0),MOD($C7982,24)+1)/SUM(INDEX($D$3:$AA$30,INDEX(Jesper!$R$2:$R$366,ROW(INDEX(Jesper!AK$2:AK$366,ROUNDDOWN($C7982/24,0)+1,1))-1)+IF('Standard Profiles'!$G$21=$B$10,7,0)+IF('Standard Profiles'!$G$21=$B$17,14,0)+IF('Standard Profiles'!$G$21=$B$24,21,0),0)),0)</f>
        <v>8.1561247321979362</v>
      </c>
      <c r="H7982" cm="1">
        <f t="array" ref="H7982">IFERROR(INDEX(Jesper!AL$2:AL$366,ROUNDDOWN($C7982/24,0)+1,1)*INDEX($D$3:$AA$30,INDEX(Jesper!$R$2:$R$366,ROW(INDEX(Jesper!AL$2:AL$366,ROUNDDOWN($C7982/24,0)+1,1))-1)+IF('Standard Profiles'!$G$22=$B$10,7,0)+IF('Standard Profiles'!$G$22=$B$17,14,0)+IF('Standard Profiles'!$G$22=$B$24,21,0),MOD($C7982,24)+1)/SUM(INDEX($D$3:$AA$30,INDEX(Jesper!$R$2:$R$366,ROW(INDEX(Jesper!AL$2:AL$366,ROUNDDOWN($C7982/24,0)+1,1))-1)+IF('Standard Profiles'!$G$22=$B$10,7,0)+IF('Standard Profiles'!$G$22=$B$17,14,0)+IF('Standard Profiles'!$G$22=$B$24,21,0),0)),0)</f>
        <v>0</v>
      </c>
      <c r="I7982">
        <f t="shared" si="888"/>
        <v>3.9149398714550072</v>
      </c>
      <c r="J7982">
        <f t="shared" si="889"/>
        <v>16.069357320058433</v>
      </c>
      <c r="K7982">
        <f t="shared" si="890"/>
        <v>0.63355204522410036</v>
      </c>
      <c r="L7982">
        <f t="shared" si="891"/>
        <v>0.31677602261205018</v>
      </c>
      <c r="M7982">
        <f t="shared" si="892"/>
        <v>0</v>
      </c>
      <c r="N7982" s="45">
        <f t="shared" si="893"/>
        <v>45258.16666664739</v>
      </c>
    </row>
    <row r="7983" spans="2:14" x14ac:dyDescent="0.25">
      <c r="B7983">
        <f t="shared" si="887"/>
        <v>2</v>
      </c>
      <c r="C7983" s="16">
        <v>7949</v>
      </c>
      <c r="D7983" cm="1">
        <f t="array" ref="D7983">IFERROR(INDEX(Jesper!AH$2:AH$366,ROUNDDOWN($C7983/24,0)+1,1)*INDEX($D$3:$AA$30,INDEX(Jesper!$R$2:$R$366,ROW(INDEX(Jesper!AH$2:AH$366,ROUNDDOWN($C7983/24,0)+1,1))-1)+IF('Standard Profiles'!$G$18=$B$10,7,0)+IF('Standard Profiles'!$G$18=$B$17,14,0)+IF('Standard Profiles'!$G$18=$B$24,21,0),MOD($C7983,24)+1)/SUM(INDEX($D$3:$AA$30,INDEX(Jesper!$R$2:$R$366,ROW(INDEX(Jesper!AH$2:AH$366,ROUNDDOWN($C7983/24,0)+1,1))-1)+IF('Standard Profiles'!$G$18=$B$10,7,0)+IF('Standard Profiles'!$G$18=$B$17,14,0)+IF('Standard Profiles'!$G$18=$B$24,21,0),0)),0)</f>
        <v>5.9395504239759402</v>
      </c>
      <c r="E7983" cm="1">
        <f t="array" ref="E7983">IFERROR(INDEX(Jesper!AI$2:AI$366,ROUNDDOWN($C7983/24,0)+1,1)*INDEX($D$3:$AA$30,INDEX(Jesper!$R$2:$R$366,ROW(INDEX(Jesper!AI$2:AI$366,ROUNDDOWN($C7983/24,0)+1,1))-1)+IF('Standard Profiles'!$G$19=$B$10,7,0)+IF('Standard Profiles'!$G$19=$B$17,14,0)+IF('Standard Profiles'!$G$19=$B$24,21,0),MOD($C7983,24)+1)/SUM(INDEX($D$3:$AA$30,INDEX(Jesper!$R$2:$R$366,ROW(INDEX(Jesper!AI$2:AI$366,ROUNDDOWN($C7983/24,0)+1,1))-1)+IF('Standard Profiles'!$G$19=$B$10,7,0)+IF('Standard Profiles'!$G$19=$B$17,14,0)+IF('Standard Profiles'!$G$19=$B$24,21,0),0)),0)</f>
        <v>6.8389501031757147</v>
      </c>
      <c r="F7983" cm="1">
        <f t="array" ref="F7983">IFERROR(INDEX(Jesper!AJ$2:AJ$366,ROUNDDOWN($C7983/24,0)+1,1)*INDEX($D$3:$AA$30,INDEX(Jesper!$R$2:$R$366,ROW(INDEX(Jesper!AJ$2:AJ$366,ROUNDDOWN($C7983/24,0)+1,1))-1)+IF('Standard Profiles'!$G$20=$B$10,7,0)+IF('Standard Profiles'!$G$20=$B$17,14,0)+IF('Standard Profiles'!$G$20=$B$24,21,0),MOD($C7983,24)+1)/SUM(INDEX($D$3:$AA$30,INDEX(Jesper!$R$2:$R$366,ROW(INDEX(Jesper!AJ$2:AJ$366,ROUNDDOWN($C7983/24,0)+1,1))-1)+IF('Standard Profiles'!$G$20=$B$10,7,0)+IF('Standard Profiles'!$G$20=$B$17,14,0)+IF('Standard Profiles'!$G$20=$B$24,21,0),0)),0)</f>
        <v>0</v>
      </c>
      <c r="G7983" cm="1">
        <f t="array" ref="G7983">IFERROR(INDEX(Jesper!AK$2:AK$366,ROUNDDOWN($C7983/24,0)+1,1)*INDEX($D$3:$AA$30,INDEX(Jesper!$R$2:$R$366,ROW(INDEX(Jesper!AK$2:AK$366,ROUNDDOWN($C7983/24,0)+1,1))-1)+IF('Standard Profiles'!$G$21=$B$10,7,0)+IF('Standard Profiles'!$G$21=$B$17,14,0)+IF('Standard Profiles'!$G$21=$B$24,21,0),MOD($C7983,24)+1)/SUM(INDEX($D$3:$AA$30,INDEX(Jesper!$R$2:$R$366,ROW(INDEX(Jesper!AK$2:AK$366,ROUNDDOWN($C7983/24,0)+1,1))-1)+IF('Standard Profiles'!$G$21=$B$10,7,0)+IF('Standard Profiles'!$G$21=$B$17,14,0)+IF('Standard Profiles'!$G$21=$B$24,21,0),0)),0)</f>
        <v>8.1561247321979362</v>
      </c>
      <c r="H7983" cm="1">
        <f t="array" ref="H7983">IFERROR(INDEX(Jesper!AL$2:AL$366,ROUNDDOWN($C7983/24,0)+1,1)*INDEX($D$3:$AA$30,INDEX(Jesper!$R$2:$R$366,ROW(INDEX(Jesper!AL$2:AL$366,ROUNDDOWN($C7983/24,0)+1,1))-1)+IF('Standard Profiles'!$G$22=$B$10,7,0)+IF('Standard Profiles'!$G$22=$B$17,14,0)+IF('Standard Profiles'!$G$22=$B$24,21,0),MOD($C7983,24)+1)/SUM(INDEX($D$3:$AA$30,INDEX(Jesper!$R$2:$R$366,ROW(INDEX(Jesper!AL$2:AL$366,ROUNDDOWN($C7983/24,0)+1,1))-1)+IF('Standard Profiles'!$G$22=$B$10,7,0)+IF('Standard Profiles'!$G$22=$B$17,14,0)+IF('Standard Profiles'!$G$22=$B$24,21,0),0)),0)</f>
        <v>0</v>
      </c>
      <c r="I7983">
        <f t="shared" si="888"/>
        <v>3.9149398714550072</v>
      </c>
      <c r="J7983">
        <f t="shared" si="889"/>
        <v>16.069357320058433</v>
      </c>
      <c r="K7983">
        <f t="shared" si="890"/>
        <v>0.63355204522410036</v>
      </c>
      <c r="L7983">
        <f t="shared" si="891"/>
        <v>0.31677602261205018</v>
      </c>
      <c r="M7983">
        <f t="shared" si="892"/>
        <v>0</v>
      </c>
      <c r="N7983" s="45">
        <f t="shared" si="893"/>
        <v>45258.208333314054</v>
      </c>
    </row>
    <row r="7984" spans="2:14" x14ac:dyDescent="0.25">
      <c r="B7984">
        <f t="shared" si="887"/>
        <v>2</v>
      </c>
      <c r="C7984" s="16">
        <v>7950</v>
      </c>
      <c r="D7984" cm="1">
        <f t="array" ref="D7984">IFERROR(INDEX(Jesper!AH$2:AH$366,ROUNDDOWN($C7984/24,0)+1,1)*INDEX($D$3:$AA$30,INDEX(Jesper!$R$2:$R$366,ROW(INDEX(Jesper!AH$2:AH$366,ROUNDDOWN($C7984/24,0)+1,1))-1)+IF('Standard Profiles'!$G$18=$B$10,7,0)+IF('Standard Profiles'!$G$18=$B$17,14,0)+IF('Standard Profiles'!$G$18=$B$24,21,0),MOD($C7984,24)+1)/SUM(INDEX($D$3:$AA$30,INDEX(Jesper!$R$2:$R$366,ROW(INDEX(Jesper!AH$2:AH$366,ROUNDDOWN($C7984/24,0)+1,1))-1)+IF('Standard Profiles'!$G$18=$B$10,7,0)+IF('Standard Profiles'!$G$18=$B$17,14,0)+IF('Standard Profiles'!$G$18=$B$24,21,0),0)),0)</f>
        <v>5.9395504239759402</v>
      </c>
      <c r="E7984" cm="1">
        <f t="array" ref="E7984">IFERROR(INDEX(Jesper!AI$2:AI$366,ROUNDDOWN($C7984/24,0)+1,1)*INDEX($D$3:$AA$30,INDEX(Jesper!$R$2:$R$366,ROW(INDEX(Jesper!AI$2:AI$366,ROUNDDOWN($C7984/24,0)+1,1))-1)+IF('Standard Profiles'!$G$19=$B$10,7,0)+IF('Standard Profiles'!$G$19=$B$17,14,0)+IF('Standard Profiles'!$G$19=$B$24,21,0),MOD($C7984,24)+1)/SUM(INDEX($D$3:$AA$30,INDEX(Jesper!$R$2:$R$366,ROW(INDEX(Jesper!AI$2:AI$366,ROUNDDOWN($C7984/24,0)+1,1))-1)+IF('Standard Profiles'!$G$19=$B$10,7,0)+IF('Standard Profiles'!$G$19=$B$17,14,0)+IF('Standard Profiles'!$G$19=$B$24,21,0),0)),0)</f>
        <v>6.8389501031757147</v>
      </c>
      <c r="F7984" cm="1">
        <f t="array" ref="F7984">IFERROR(INDEX(Jesper!AJ$2:AJ$366,ROUNDDOWN($C7984/24,0)+1,1)*INDEX($D$3:$AA$30,INDEX(Jesper!$R$2:$R$366,ROW(INDEX(Jesper!AJ$2:AJ$366,ROUNDDOWN($C7984/24,0)+1,1))-1)+IF('Standard Profiles'!$G$20=$B$10,7,0)+IF('Standard Profiles'!$G$20=$B$17,14,0)+IF('Standard Profiles'!$G$20=$B$24,21,0),MOD($C7984,24)+1)/SUM(INDEX($D$3:$AA$30,INDEX(Jesper!$R$2:$R$366,ROW(INDEX(Jesper!AJ$2:AJ$366,ROUNDDOWN($C7984/24,0)+1,1))-1)+IF('Standard Profiles'!$G$20=$B$10,7,0)+IF('Standard Profiles'!$G$20=$B$17,14,0)+IF('Standard Profiles'!$G$20=$B$24,21,0),0)),0)</f>
        <v>0</v>
      </c>
      <c r="G7984" cm="1">
        <f t="array" ref="G7984">IFERROR(INDEX(Jesper!AK$2:AK$366,ROUNDDOWN($C7984/24,0)+1,1)*INDEX($D$3:$AA$30,INDEX(Jesper!$R$2:$R$366,ROW(INDEX(Jesper!AK$2:AK$366,ROUNDDOWN($C7984/24,0)+1,1))-1)+IF('Standard Profiles'!$G$21=$B$10,7,0)+IF('Standard Profiles'!$G$21=$B$17,14,0)+IF('Standard Profiles'!$G$21=$B$24,21,0),MOD($C7984,24)+1)/SUM(INDEX($D$3:$AA$30,INDEX(Jesper!$R$2:$R$366,ROW(INDEX(Jesper!AK$2:AK$366,ROUNDDOWN($C7984/24,0)+1,1))-1)+IF('Standard Profiles'!$G$21=$B$10,7,0)+IF('Standard Profiles'!$G$21=$B$17,14,0)+IF('Standard Profiles'!$G$21=$B$24,21,0),0)),0)</f>
        <v>8.1561247321979362</v>
      </c>
      <c r="H7984" cm="1">
        <f t="array" ref="H7984">IFERROR(INDEX(Jesper!AL$2:AL$366,ROUNDDOWN($C7984/24,0)+1,1)*INDEX($D$3:$AA$30,INDEX(Jesper!$R$2:$R$366,ROW(INDEX(Jesper!AL$2:AL$366,ROUNDDOWN($C7984/24,0)+1,1))-1)+IF('Standard Profiles'!$G$22=$B$10,7,0)+IF('Standard Profiles'!$G$22=$B$17,14,0)+IF('Standard Profiles'!$G$22=$B$24,21,0),MOD($C7984,24)+1)/SUM(INDEX($D$3:$AA$30,INDEX(Jesper!$R$2:$R$366,ROW(INDEX(Jesper!AL$2:AL$366,ROUNDDOWN($C7984/24,0)+1,1))-1)+IF('Standard Profiles'!$G$22=$B$10,7,0)+IF('Standard Profiles'!$G$22=$B$17,14,0)+IF('Standard Profiles'!$G$22=$B$24,21,0),0)),0)</f>
        <v>0</v>
      </c>
      <c r="I7984">
        <f t="shared" si="888"/>
        <v>3.9149398714550072</v>
      </c>
      <c r="J7984">
        <f t="shared" si="889"/>
        <v>16.069357320058433</v>
      </c>
      <c r="K7984">
        <f t="shared" si="890"/>
        <v>0.63355204522410036</v>
      </c>
      <c r="L7984">
        <f t="shared" si="891"/>
        <v>0.31677602261205018</v>
      </c>
      <c r="M7984">
        <f t="shared" si="892"/>
        <v>0</v>
      </c>
      <c r="N7984" s="45">
        <f t="shared" si="893"/>
        <v>45258.249999980719</v>
      </c>
    </row>
    <row r="7985" spans="2:14" x14ac:dyDescent="0.25">
      <c r="B7985">
        <f t="shared" si="887"/>
        <v>2</v>
      </c>
      <c r="C7985" s="16">
        <v>7951</v>
      </c>
      <c r="D7985" cm="1">
        <f t="array" ref="D7985">IFERROR(INDEX(Jesper!AH$2:AH$366,ROUNDDOWN($C7985/24,0)+1,1)*INDEX($D$3:$AA$30,INDEX(Jesper!$R$2:$R$366,ROW(INDEX(Jesper!AH$2:AH$366,ROUNDDOWN($C7985/24,0)+1,1))-1)+IF('Standard Profiles'!$G$18=$B$10,7,0)+IF('Standard Profiles'!$G$18=$B$17,14,0)+IF('Standard Profiles'!$G$18=$B$24,21,0),MOD($C7985,24)+1)/SUM(INDEX($D$3:$AA$30,INDEX(Jesper!$R$2:$R$366,ROW(INDEX(Jesper!AH$2:AH$366,ROUNDDOWN($C7985/24,0)+1,1))-1)+IF('Standard Profiles'!$G$18=$B$10,7,0)+IF('Standard Profiles'!$G$18=$B$17,14,0)+IF('Standard Profiles'!$G$18=$B$24,21,0),0)),0)</f>
        <v>25.038917256073571</v>
      </c>
      <c r="E7985" cm="1">
        <f t="array" ref="E7985">IFERROR(INDEX(Jesper!AI$2:AI$366,ROUNDDOWN($C7985/24,0)+1,1)*INDEX($D$3:$AA$30,INDEX(Jesper!$R$2:$R$366,ROW(INDEX(Jesper!AI$2:AI$366,ROUNDDOWN($C7985/24,0)+1,1))-1)+IF('Standard Profiles'!$G$19=$B$10,7,0)+IF('Standard Profiles'!$G$19=$B$17,14,0)+IF('Standard Profiles'!$G$19=$B$24,21,0),MOD($C7985,24)+1)/SUM(INDEX($D$3:$AA$30,INDEX(Jesper!$R$2:$R$366,ROW(INDEX(Jesper!AI$2:AI$366,ROUNDDOWN($C7985/24,0)+1,1))-1)+IF('Standard Profiles'!$G$19=$B$10,7,0)+IF('Standard Profiles'!$G$19=$B$17,14,0)+IF('Standard Profiles'!$G$19=$B$24,21,0),0)),0)</f>
        <v>28.830449028700119</v>
      </c>
      <c r="F7985" cm="1">
        <f t="array" ref="F7985">IFERROR(INDEX(Jesper!AJ$2:AJ$366,ROUNDDOWN($C7985/24,0)+1,1)*INDEX($D$3:$AA$30,INDEX(Jesper!$R$2:$R$366,ROW(INDEX(Jesper!AJ$2:AJ$366,ROUNDDOWN($C7985/24,0)+1,1))-1)+IF('Standard Profiles'!$G$20=$B$10,7,0)+IF('Standard Profiles'!$G$20=$B$17,14,0)+IF('Standard Profiles'!$G$20=$B$24,21,0),MOD($C7985,24)+1)/SUM(INDEX($D$3:$AA$30,INDEX(Jesper!$R$2:$R$366,ROW(INDEX(Jesper!AJ$2:AJ$366,ROUNDDOWN($C7985/24,0)+1,1))-1)+IF('Standard Profiles'!$G$20=$B$10,7,0)+IF('Standard Profiles'!$G$20=$B$17,14,0)+IF('Standard Profiles'!$G$20=$B$24,21,0),0)),0)</f>
        <v>0</v>
      </c>
      <c r="G7985" cm="1">
        <f t="array" ref="G7985">IFERROR(INDEX(Jesper!AK$2:AK$366,ROUNDDOWN($C7985/24,0)+1,1)*INDEX($D$3:$AA$30,INDEX(Jesper!$R$2:$R$366,ROW(INDEX(Jesper!AK$2:AK$366,ROUNDDOWN($C7985/24,0)+1,1))-1)+IF('Standard Profiles'!$G$21=$B$10,7,0)+IF('Standard Profiles'!$G$21=$B$17,14,0)+IF('Standard Profiles'!$G$21=$B$24,21,0),MOD($C7985,24)+1)/SUM(INDEX($D$3:$AA$30,INDEX(Jesper!$R$2:$R$366,ROW(INDEX(Jesper!AK$2:AK$366,ROUNDDOWN($C7985/24,0)+1,1))-1)+IF('Standard Profiles'!$G$21=$B$10,7,0)+IF('Standard Profiles'!$G$21=$B$17,14,0)+IF('Standard Profiles'!$G$21=$B$24,21,0),0)),0)</f>
        <v>23.494901244686307</v>
      </c>
      <c r="H7985" cm="1">
        <f t="array" ref="H7985">IFERROR(INDEX(Jesper!AL$2:AL$366,ROUNDDOWN($C7985/24,0)+1,1)*INDEX($D$3:$AA$30,INDEX(Jesper!$R$2:$R$366,ROW(INDEX(Jesper!AL$2:AL$366,ROUNDDOWN($C7985/24,0)+1,1))-1)+IF('Standard Profiles'!$G$22=$B$10,7,0)+IF('Standard Profiles'!$G$22=$B$17,14,0)+IF('Standard Profiles'!$G$22=$B$24,21,0),MOD($C7985,24)+1)/SUM(INDEX($D$3:$AA$30,INDEX(Jesper!$R$2:$R$366,ROW(INDEX(Jesper!AL$2:AL$366,ROUNDDOWN($C7985/24,0)+1,1))-1)+IF('Standard Profiles'!$G$22=$B$10,7,0)+IF('Standard Profiles'!$G$22=$B$17,14,0)+IF('Standard Profiles'!$G$22=$B$24,21,0),0)),0)</f>
        <v>0</v>
      </c>
      <c r="I7985">
        <f t="shared" si="888"/>
        <v>11.277552597449422</v>
      </c>
      <c r="J7985">
        <f t="shared" si="889"/>
        <v>62.080488171038809</v>
      </c>
      <c r="K7985">
        <f t="shared" si="890"/>
        <v>2.6708178406478478</v>
      </c>
      <c r="L7985">
        <f t="shared" si="891"/>
        <v>1.3354089203239239</v>
      </c>
      <c r="M7985">
        <f t="shared" si="892"/>
        <v>0</v>
      </c>
      <c r="N7985" s="45">
        <f t="shared" si="893"/>
        <v>45258.291666647383</v>
      </c>
    </row>
    <row r="7986" spans="2:14" x14ac:dyDescent="0.25">
      <c r="B7986">
        <f t="shared" si="887"/>
        <v>2</v>
      </c>
      <c r="C7986" s="16">
        <v>7952</v>
      </c>
      <c r="D7986" cm="1">
        <f t="array" ref="D7986">IFERROR(INDEX(Jesper!AH$2:AH$366,ROUNDDOWN($C7986/24,0)+1,1)*INDEX($D$3:$AA$30,INDEX(Jesper!$R$2:$R$366,ROW(INDEX(Jesper!AH$2:AH$366,ROUNDDOWN($C7986/24,0)+1,1))-1)+IF('Standard Profiles'!$G$18=$B$10,7,0)+IF('Standard Profiles'!$G$18=$B$17,14,0)+IF('Standard Profiles'!$G$18=$B$24,21,0),MOD($C7986,24)+1)/SUM(INDEX($D$3:$AA$30,INDEX(Jesper!$R$2:$R$366,ROW(INDEX(Jesper!AH$2:AH$366,ROUNDDOWN($C7986/24,0)+1,1))-1)+IF('Standard Profiles'!$G$18=$B$10,7,0)+IF('Standard Profiles'!$G$18=$B$17,14,0)+IF('Standard Profiles'!$G$18=$B$24,21,0),0)),0)</f>
        <v>27.93816030677683</v>
      </c>
      <c r="E7986" cm="1">
        <f t="array" ref="E7986">IFERROR(INDEX(Jesper!AI$2:AI$366,ROUNDDOWN($C7986/24,0)+1,1)*INDEX($D$3:$AA$30,INDEX(Jesper!$R$2:$R$366,ROW(INDEX(Jesper!AI$2:AI$366,ROUNDDOWN($C7986/24,0)+1,1))-1)+IF('Standard Profiles'!$G$19=$B$10,7,0)+IF('Standard Profiles'!$G$19=$B$17,14,0)+IF('Standard Profiles'!$G$19=$B$24,21,0),MOD($C7986,24)+1)/SUM(INDEX($D$3:$AA$30,INDEX(Jesper!$R$2:$R$366,ROW(INDEX(Jesper!AI$2:AI$366,ROUNDDOWN($C7986/24,0)+1,1))-1)+IF('Standard Profiles'!$G$19=$B$10,7,0)+IF('Standard Profiles'!$G$19=$B$17,14,0)+IF('Standard Profiles'!$G$19=$B$24,21,0),0)),0)</f>
        <v>32.168711547812769</v>
      </c>
      <c r="F7986" cm="1">
        <f t="array" ref="F7986">IFERROR(INDEX(Jesper!AJ$2:AJ$366,ROUNDDOWN($C7986/24,0)+1,1)*INDEX($D$3:$AA$30,INDEX(Jesper!$R$2:$R$366,ROW(INDEX(Jesper!AJ$2:AJ$366,ROUNDDOWN($C7986/24,0)+1,1))-1)+IF('Standard Profiles'!$G$20=$B$10,7,0)+IF('Standard Profiles'!$G$20=$B$17,14,0)+IF('Standard Profiles'!$G$20=$B$24,21,0),MOD($C7986,24)+1)/SUM(INDEX($D$3:$AA$30,INDEX(Jesper!$R$2:$R$366,ROW(INDEX(Jesper!AJ$2:AJ$366,ROUNDDOWN($C7986/24,0)+1,1))-1)+IF('Standard Profiles'!$G$20=$B$10,7,0)+IF('Standard Profiles'!$G$20=$B$17,14,0)+IF('Standard Profiles'!$G$20=$B$24,21,0),0)),0)</f>
        <v>0</v>
      </c>
      <c r="G7986" cm="1">
        <f t="array" ref="G7986">IFERROR(INDEX(Jesper!AK$2:AK$366,ROUNDDOWN($C7986/24,0)+1,1)*INDEX($D$3:$AA$30,INDEX(Jesper!$R$2:$R$366,ROW(INDEX(Jesper!AK$2:AK$366,ROUNDDOWN($C7986/24,0)+1,1))-1)+IF('Standard Profiles'!$G$21=$B$10,7,0)+IF('Standard Profiles'!$G$21=$B$17,14,0)+IF('Standard Profiles'!$G$21=$B$24,21,0),MOD($C7986,24)+1)/SUM(INDEX($D$3:$AA$30,INDEX(Jesper!$R$2:$R$366,ROW(INDEX(Jesper!AK$2:AK$366,ROUNDDOWN($C7986/24,0)+1,1))-1)+IF('Standard Profiles'!$G$21=$B$10,7,0)+IF('Standard Profiles'!$G$21=$B$17,14,0)+IF('Standard Profiles'!$G$21=$B$24,21,0),0)),0)</f>
        <v>26.215363494071042</v>
      </c>
      <c r="H7986" cm="1">
        <f t="array" ref="H7986">IFERROR(INDEX(Jesper!AL$2:AL$366,ROUNDDOWN($C7986/24,0)+1,1)*INDEX($D$3:$AA$30,INDEX(Jesper!$R$2:$R$366,ROW(INDEX(Jesper!AL$2:AL$366,ROUNDDOWN($C7986/24,0)+1,1))-1)+IF('Standard Profiles'!$G$22=$B$10,7,0)+IF('Standard Profiles'!$G$22=$B$17,14,0)+IF('Standard Profiles'!$G$22=$B$24,21,0),MOD($C7986,24)+1)/SUM(INDEX($D$3:$AA$30,INDEX(Jesper!$R$2:$R$366,ROW(INDEX(Jesper!AL$2:AL$366,ROUNDDOWN($C7986/24,0)+1,1))-1)+IF('Standard Profiles'!$G$22=$B$10,7,0)+IF('Standard Profiles'!$G$22=$B$17,14,0)+IF('Standard Profiles'!$G$22=$B$24,21,0),0)),0)</f>
        <v>0</v>
      </c>
      <c r="I7986">
        <f t="shared" si="888"/>
        <v>12.583374477154093</v>
      </c>
      <c r="J7986">
        <f t="shared" si="889"/>
        <v>69.268755222422257</v>
      </c>
      <c r="K7986">
        <f t="shared" si="890"/>
        <v>2.980070432722862</v>
      </c>
      <c r="L7986">
        <f t="shared" si="891"/>
        <v>1.490035216361431</v>
      </c>
      <c r="M7986">
        <f t="shared" si="892"/>
        <v>0</v>
      </c>
      <c r="N7986" s="45">
        <f t="shared" si="893"/>
        <v>45258.333333314047</v>
      </c>
    </row>
    <row r="7987" spans="2:14" x14ac:dyDescent="0.25">
      <c r="B7987">
        <f t="shared" si="887"/>
        <v>2</v>
      </c>
      <c r="C7987" s="16">
        <v>7953</v>
      </c>
      <c r="D7987" cm="1">
        <f t="array" ref="D7987">IFERROR(INDEX(Jesper!AH$2:AH$366,ROUNDDOWN($C7987/24,0)+1,1)*INDEX($D$3:$AA$30,INDEX(Jesper!$R$2:$R$366,ROW(INDEX(Jesper!AH$2:AH$366,ROUNDDOWN($C7987/24,0)+1,1))-1)+IF('Standard Profiles'!$G$18=$B$10,7,0)+IF('Standard Profiles'!$G$18=$B$17,14,0)+IF('Standard Profiles'!$G$18=$B$24,21,0),MOD($C7987,24)+1)/SUM(INDEX($D$3:$AA$30,INDEX(Jesper!$R$2:$R$366,ROW(INDEX(Jesper!AH$2:AH$366,ROUNDDOWN($C7987/24,0)+1,1))-1)+IF('Standard Profiles'!$G$18=$B$10,7,0)+IF('Standard Profiles'!$G$18=$B$17,14,0)+IF('Standard Profiles'!$G$18=$B$24,21,0),0)),0)</f>
        <v>30.837403357480085</v>
      </c>
      <c r="E7987" cm="1">
        <f t="array" ref="E7987">IFERROR(INDEX(Jesper!AI$2:AI$366,ROUNDDOWN($C7987/24,0)+1,1)*INDEX($D$3:$AA$30,INDEX(Jesper!$R$2:$R$366,ROW(INDEX(Jesper!AI$2:AI$366,ROUNDDOWN($C7987/24,0)+1,1))-1)+IF('Standard Profiles'!$G$19=$B$10,7,0)+IF('Standard Profiles'!$G$19=$B$17,14,0)+IF('Standard Profiles'!$G$19=$B$24,21,0),MOD($C7987,24)+1)/SUM(INDEX($D$3:$AA$30,INDEX(Jesper!$R$2:$R$366,ROW(INDEX(Jesper!AI$2:AI$366,ROUNDDOWN($C7987/24,0)+1,1))-1)+IF('Standard Profiles'!$G$19=$B$10,7,0)+IF('Standard Profiles'!$G$19=$B$17,14,0)+IF('Standard Profiles'!$G$19=$B$24,21,0),0)),0)</f>
        <v>35.506974066925416</v>
      </c>
      <c r="F7987" cm="1">
        <f t="array" ref="F7987">IFERROR(INDEX(Jesper!AJ$2:AJ$366,ROUNDDOWN($C7987/24,0)+1,1)*INDEX($D$3:$AA$30,INDEX(Jesper!$R$2:$R$366,ROW(INDEX(Jesper!AJ$2:AJ$366,ROUNDDOWN($C7987/24,0)+1,1))-1)+IF('Standard Profiles'!$G$20=$B$10,7,0)+IF('Standard Profiles'!$G$20=$B$17,14,0)+IF('Standard Profiles'!$G$20=$B$24,21,0),MOD($C7987,24)+1)/SUM(INDEX($D$3:$AA$30,INDEX(Jesper!$R$2:$R$366,ROW(INDEX(Jesper!AJ$2:AJ$366,ROUNDDOWN($C7987/24,0)+1,1))-1)+IF('Standard Profiles'!$G$20=$B$10,7,0)+IF('Standard Profiles'!$G$20=$B$17,14,0)+IF('Standard Profiles'!$G$20=$B$24,21,0),0)),0)</f>
        <v>0</v>
      </c>
      <c r="G7987" cm="1">
        <f t="array" ref="G7987">IFERROR(INDEX(Jesper!AK$2:AK$366,ROUNDDOWN($C7987/24,0)+1,1)*INDEX($D$3:$AA$30,INDEX(Jesper!$R$2:$R$366,ROW(INDEX(Jesper!AK$2:AK$366,ROUNDDOWN($C7987/24,0)+1,1))-1)+IF('Standard Profiles'!$G$21=$B$10,7,0)+IF('Standard Profiles'!$G$21=$B$17,14,0)+IF('Standard Profiles'!$G$21=$B$24,21,0),MOD($C7987,24)+1)/SUM(INDEX($D$3:$AA$30,INDEX(Jesper!$R$2:$R$366,ROW(INDEX(Jesper!AK$2:AK$366,ROUNDDOWN($C7987/24,0)+1,1))-1)+IF('Standard Profiles'!$G$21=$B$10,7,0)+IF('Standard Profiles'!$G$21=$B$17,14,0)+IF('Standard Profiles'!$G$21=$B$24,21,0),0)),0)</f>
        <v>28.935825743455773</v>
      </c>
      <c r="H7987" cm="1">
        <f t="array" ref="H7987">IFERROR(INDEX(Jesper!AL$2:AL$366,ROUNDDOWN($C7987/24,0)+1,1)*INDEX($D$3:$AA$30,INDEX(Jesper!$R$2:$R$366,ROW(INDEX(Jesper!AL$2:AL$366,ROUNDDOWN($C7987/24,0)+1,1))-1)+IF('Standard Profiles'!$G$22=$B$10,7,0)+IF('Standard Profiles'!$G$22=$B$17,14,0)+IF('Standard Profiles'!$G$22=$B$24,21,0),MOD($C7987,24)+1)/SUM(INDEX($D$3:$AA$30,INDEX(Jesper!$R$2:$R$366,ROW(INDEX(Jesper!AL$2:AL$366,ROUNDDOWN($C7987/24,0)+1,1))-1)+IF('Standard Profiles'!$G$22=$B$10,7,0)+IF('Standard Profiles'!$G$22=$B$17,14,0)+IF('Standard Profiles'!$G$22=$B$24,21,0),0)),0)</f>
        <v>0</v>
      </c>
      <c r="I7987">
        <f t="shared" si="888"/>
        <v>13.889196356858765</v>
      </c>
      <c r="J7987">
        <f t="shared" si="889"/>
        <v>76.457022273805691</v>
      </c>
      <c r="K7987">
        <f t="shared" si="890"/>
        <v>3.2893230247978757</v>
      </c>
      <c r="L7987">
        <f t="shared" si="891"/>
        <v>1.6446615123989379</v>
      </c>
      <c r="M7987">
        <f t="shared" si="892"/>
        <v>0</v>
      </c>
      <c r="N7987" s="45">
        <f t="shared" si="893"/>
        <v>45258.374999980711</v>
      </c>
    </row>
    <row r="7988" spans="2:14" x14ac:dyDescent="0.25">
      <c r="B7988">
        <f t="shared" si="887"/>
        <v>2</v>
      </c>
      <c r="C7988" s="16">
        <v>7954</v>
      </c>
      <c r="D7988" cm="1">
        <f t="array" ref="D7988">IFERROR(INDEX(Jesper!AH$2:AH$366,ROUNDDOWN($C7988/24,0)+1,1)*INDEX($D$3:$AA$30,INDEX(Jesper!$R$2:$R$366,ROW(INDEX(Jesper!AH$2:AH$366,ROUNDDOWN($C7988/24,0)+1,1))-1)+IF('Standard Profiles'!$G$18=$B$10,7,0)+IF('Standard Profiles'!$G$18=$B$17,14,0)+IF('Standard Profiles'!$G$18=$B$24,21,0),MOD($C7988,24)+1)/SUM(INDEX($D$3:$AA$30,INDEX(Jesper!$R$2:$R$366,ROW(INDEX(Jesper!AH$2:AH$366,ROUNDDOWN($C7988/24,0)+1,1))-1)+IF('Standard Profiles'!$G$18=$B$10,7,0)+IF('Standard Profiles'!$G$18=$B$17,14,0)+IF('Standard Profiles'!$G$18=$B$24,21,0),0)),0)</f>
        <v>30.837403357480085</v>
      </c>
      <c r="E7988" cm="1">
        <f t="array" ref="E7988">IFERROR(INDEX(Jesper!AI$2:AI$366,ROUNDDOWN($C7988/24,0)+1,1)*INDEX($D$3:$AA$30,INDEX(Jesper!$R$2:$R$366,ROW(INDEX(Jesper!AI$2:AI$366,ROUNDDOWN($C7988/24,0)+1,1))-1)+IF('Standard Profiles'!$G$19=$B$10,7,0)+IF('Standard Profiles'!$G$19=$B$17,14,0)+IF('Standard Profiles'!$G$19=$B$24,21,0),MOD($C7988,24)+1)/SUM(INDEX($D$3:$AA$30,INDEX(Jesper!$R$2:$R$366,ROW(INDEX(Jesper!AI$2:AI$366,ROUNDDOWN($C7988/24,0)+1,1))-1)+IF('Standard Profiles'!$G$19=$B$10,7,0)+IF('Standard Profiles'!$G$19=$B$17,14,0)+IF('Standard Profiles'!$G$19=$B$24,21,0),0)),0)</f>
        <v>35.506974066925416</v>
      </c>
      <c r="F7988" cm="1">
        <f t="array" ref="F7988">IFERROR(INDEX(Jesper!AJ$2:AJ$366,ROUNDDOWN($C7988/24,0)+1,1)*INDEX($D$3:$AA$30,INDEX(Jesper!$R$2:$R$366,ROW(INDEX(Jesper!AJ$2:AJ$366,ROUNDDOWN($C7988/24,0)+1,1))-1)+IF('Standard Profiles'!$G$20=$B$10,7,0)+IF('Standard Profiles'!$G$20=$B$17,14,0)+IF('Standard Profiles'!$G$20=$B$24,21,0),MOD($C7988,24)+1)/SUM(INDEX($D$3:$AA$30,INDEX(Jesper!$R$2:$R$366,ROW(INDEX(Jesper!AJ$2:AJ$366,ROUNDDOWN($C7988/24,0)+1,1))-1)+IF('Standard Profiles'!$G$20=$B$10,7,0)+IF('Standard Profiles'!$G$20=$B$17,14,0)+IF('Standard Profiles'!$G$20=$B$24,21,0),0)),0)</f>
        <v>0</v>
      </c>
      <c r="G7988" cm="1">
        <f t="array" ref="G7988">IFERROR(INDEX(Jesper!AK$2:AK$366,ROUNDDOWN($C7988/24,0)+1,1)*INDEX($D$3:$AA$30,INDEX(Jesper!$R$2:$R$366,ROW(INDEX(Jesper!AK$2:AK$366,ROUNDDOWN($C7988/24,0)+1,1))-1)+IF('Standard Profiles'!$G$21=$B$10,7,0)+IF('Standard Profiles'!$G$21=$B$17,14,0)+IF('Standard Profiles'!$G$21=$B$24,21,0),MOD($C7988,24)+1)/SUM(INDEX($D$3:$AA$30,INDEX(Jesper!$R$2:$R$366,ROW(INDEX(Jesper!AK$2:AK$366,ROUNDDOWN($C7988/24,0)+1,1))-1)+IF('Standard Profiles'!$G$21=$B$10,7,0)+IF('Standard Profiles'!$G$21=$B$17,14,0)+IF('Standard Profiles'!$G$21=$B$24,21,0),0)),0)</f>
        <v>28.935825743455773</v>
      </c>
      <c r="H7988" cm="1">
        <f t="array" ref="H7988">IFERROR(INDEX(Jesper!AL$2:AL$366,ROUNDDOWN($C7988/24,0)+1,1)*INDEX($D$3:$AA$30,INDEX(Jesper!$R$2:$R$366,ROW(INDEX(Jesper!AL$2:AL$366,ROUNDDOWN($C7988/24,0)+1,1))-1)+IF('Standard Profiles'!$G$22=$B$10,7,0)+IF('Standard Profiles'!$G$22=$B$17,14,0)+IF('Standard Profiles'!$G$22=$B$24,21,0),MOD($C7988,24)+1)/SUM(INDEX($D$3:$AA$30,INDEX(Jesper!$R$2:$R$366,ROW(INDEX(Jesper!AL$2:AL$366,ROUNDDOWN($C7988/24,0)+1,1))-1)+IF('Standard Profiles'!$G$22=$B$10,7,0)+IF('Standard Profiles'!$G$22=$B$17,14,0)+IF('Standard Profiles'!$G$22=$B$24,21,0),0)),0)</f>
        <v>0</v>
      </c>
      <c r="I7988">
        <f t="shared" si="888"/>
        <v>13.889196356858765</v>
      </c>
      <c r="J7988">
        <f t="shared" si="889"/>
        <v>76.457022273805691</v>
      </c>
      <c r="K7988">
        <f t="shared" si="890"/>
        <v>3.2893230247978757</v>
      </c>
      <c r="L7988">
        <f t="shared" si="891"/>
        <v>1.6446615123989379</v>
      </c>
      <c r="M7988">
        <f t="shared" si="892"/>
        <v>0</v>
      </c>
      <c r="N7988" s="45">
        <f t="shared" si="893"/>
        <v>45258.416666647376</v>
      </c>
    </row>
    <row r="7989" spans="2:14" x14ac:dyDescent="0.25">
      <c r="B7989">
        <f t="shared" si="887"/>
        <v>2</v>
      </c>
      <c r="C7989" s="16">
        <v>7955</v>
      </c>
      <c r="D7989" cm="1">
        <f t="array" ref="D7989">IFERROR(INDEX(Jesper!AH$2:AH$366,ROUNDDOWN($C7989/24,0)+1,1)*INDEX($D$3:$AA$30,INDEX(Jesper!$R$2:$R$366,ROW(INDEX(Jesper!AH$2:AH$366,ROUNDDOWN($C7989/24,0)+1,1))-1)+IF('Standard Profiles'!$G$18=$B$10,7,0)+IF('Standard Profiles'!$G$18=$B$17,14,0)+IF('Standard Profiles'!$G$18=$B$24,21,0),MOD($C7989,24)+1)/SUM(INDEX($D$3:$AA$30,INDEX(Jesper!$R$2:$R$366,ROW(INDEX(Jesper!AH$2:AH$366,ROUNDDOWN($C7989/24,0)+1,1))-1)+IF('Standard Profiles'!$G$18=$B$10,7,0)+IF('Standard Profiles'!$G$18=$B$17,14,0)+IF('Standard Profiles'!$G$18=$B$24,21,0),0)),0)</f>
        <v>36.899457008950527</v>
      </c>
      <c r="E7989" cm="1">
        <f t="array" ref="E7989">IFERROR(INDEX(Jesper!AI$2:AI$366,ROUNDDOWN($C7989/24,0)+1,1)*INDEX($D$3:$AA$30,INDEX(Jesper!$R$2:$R$366,ROW(INDEX(Jesper!AI$2:AI$366,ROUNDDOWN($C7989/24,0)+1,1))-1)+IF('Standard Profiles'!$G$19=$B$10,7,0)+IF('Standard Profiles'!$G$19=$B$17,14,0)+IF('Standard Profiles'!$G$19=$B$24,21,0),MOD($C7989,24)+1)/SUM(INDEX($D$3:$AA$30,INDEX(Jesper!$R$2:$R$366,ROW(INDEX(Jesper!AI$2:AI$366,ROUNDDOWN($C7989/24,0)+1,1))-1)+IF('Standard Profiles'!$G$19=$B$10,7,0)+IF('Standard Profiles'!$G$19=$B$17,14,0)+IF('Standard Profiles'!$G$19=$B$24,21,0),0)),0)</f>
        <v>42.486977515979127</v>
      </c>
      <c r="F7989" cm="1">
        <f t="array" ref="F7989">IFERROR(INDEX(Jesper!AJ$2:AJ$366,ROUNDDOWN($C7989/24,0)+1,1)*INDEX($D$3:$AA$30,INDEX(Jesper!$R$2:$R$366,ROW(INDEX(Jesper!AJ$2:AJ$366,ROUNDDOWN($C7989/24,0)+1,1))-1)+IF('Standard Profiles'!$G$20=$B$10,7,0)+IF('Standard Profiles'!$G$20=$B$17,14,0)+IF('Standard Profiles'!$G$20=$B$24,21,0),MOD($C7989,24)+1)/SUM(INDEX($D$3:$AA$30,INDEX(Jesper!$R$2:$R$366,ROW(INDEX(Jesper!AJ$2:AJ$366,ROUNDDOWN($C7989/24,0)+1,1))-1)+IF('Standard Profiles'!$G$20=$B$10,7,0)+IF('Standard Profiles'!$G$20=$B$17,14,0)+IF('Standard Profiles'!$G$20=$B$24,21,0),0)),0)</f>
        <v>0</v>
      </c>
      <c r="G7989" cm="1">
        <f t="array" ref="G7989">IFERROR(INDEX(Jesper!AK$2:AK$366,ROUNDDOWN($C7989/24,0)+1,1)*INDEX($D$3:$AA$30,INDEX(Jesper!$R$2:$R$366,ROW(INDEX(Jesper!AK$2:AK$366,ROUNDDOWN($C7989/24,0)+1,1))-1)+IF('Standard Profiles'!$G$21=$B$10,7,0)+IF('Standard Profiles'!$G$21=$B$17,14,0)+IF('Standard Profiles'!$G$21=$B$24,21,0),MOD($C7989,24)+1)/SUM(INDEX($D$3:$AA$30,INDEX(Jesper!$R$2:$R$366,ROW(INDEX(Jesper!AK$2:AK$366,ROUNDDOWN($C7989/24,0)+1,1))-1)+IF('Standard Profiles'!$G$21=$B$10,7,0)+IF('Standard Profiles'!$G$21=$B$17,14,0)+IF('Standard Profiles'!$G$21=$B$24,21,0),0)),0)</f>
        <v>34.624064992169302</v>
      </c>
      <c r="H7989" cm="1">
        <f t="array" ref="H7989">IFERROR(INDEX(Jesper!AL$2:AL$366,ROUNDDOWN($C7989/24,0)+1,1)*INDEX($D$3:$AA$30,INDEX(Jesper!$R$2:$R$366,ROW(INDEX(Jesper!AL$2:AL$366,ROUNDDOWN($C7989/24,0)+1,1))-1)+IF('Standard Profiles'!$G$22=$B$10,7,0)+IF('Standard Profiles'!$G$22=$B$17,14,0)+IF('Standard Profiles'!$G$22=$B$24,21,0),MOD($C7989,24)+1)/SUM(INDEX($D$3:$AA$30,INDEX(Jesper!$R$2:$R$366,ROW(INDEX(Jesper!AL$2:AL$366,ROUNDDOWN($C7989/24,0)+1,1))-1)+IF('Standard Profiles'!$G$22=$B$10,7,0)+IF('Standard Profiles'!$G$22=$B$17,14,0)+IF('Standard Profiles'!$G$22=$B$24,21,0),0)),0)</f>
        <v>0</v>
      </c>
      <c r="I7989">
        <f t="shared" si="888"/>
        <v>16.619551196241257</v>
      </c>
      <c r="J7989">
        <f t="shared" si="889"/>
        <v>91.48703519942562</v>
      </c>
      <c r="K7989">
        <f t="shared" si="890"/>
        <v>3.9359420809547232</v>
      </c>
      <c r="L7989">
        <f t="shared" si="891"/>
        <v>1.9679710404773616</v>
      </c>
      <c r="M7989">
        <f t="shared" si="892"/>
        <v>0</v>
      </c>
      <c r="N7989" s="45">
        <f t="shared" si="893"/>
        <v>45258.45833331404</v>
      </c>
    </row>
    <row r="7990" spans="2:14" x14ac:dyDescent="0.25">
      <c r="B7990">
        <f t="shared" si="887"/>
        <v>2</v>
      </c>
      <c r="C7990" s="16">
        <v>7956</v>
      </c>
      <c r="D7990" cm="1">
        <f t="array" ref="D7990">IFERROR(INDEX(Jesper!AH$2:AH$366,ROUNDDOWN($C7990/24,0)+1,1)*INDEX($D$3:$AA$30,INDEX(Jesper!$R$2:$R$366,ROW(INDEX(Jesper!AH$2:AH$366,ROUNDDOWN($C7990/24,0)+1,1))-1)+IF('Standard Profiles'!$G$18=$B$10,7,0)+IF('Standard Profiles'!$G$18=$B$17,14,0)+IF('Standard Profiles'!$G$18=$B$24,21,0),MOD($C7990,24)+1)/SUM(INDEX($D$3:$AA$30,INDEX(Jesper!$R$2:$R$366,ROW(INDEX(Jesper!AH$2:AH$366,ROUNDDOWN($C7990/24,0)+1,1))-1)+IF('Standard Profiles'!$G$18=$B$10,7,0)+IF('Standard Profiles'!$G$18=$B$17,14,0)+IF('Standard Profiles'!$G$18=$B$24,21,0),0)),0)</f>
        <v>36.899457008950527</v>
      </c>
      <c r="E7990" cm="1">
        <f t="array" ref="E7990">IFERROR(INDEX(Jesper!AI$2:AI$366,ROUNDDOWN($C7990/24,0)+1,1)*INDEX($D$3:$AA$30,INDEX(Jesper!$R$2:$R$366,ROW(INDEX(Jesper!AI$2:AI$366,ROUNDDOWN($C7990/24,0)+1,1))-1)+IF('Standard Profiles'!$G$19=$B$10,7,0)+IF('Standard Profiles'!$G$19=$B$17,14,0)+IF('Standard Profiles'!$G$19=$B$24,21,0),MOD($C7990,24)+1)/SUM(INDEX($D$3:$AA$30,INDEX(Jesper!$R$2:$R$366,ROW(INDEX(Jesper!AI$2:AI$366,ROUNDDOWN($C7990/24,0)+1,1))-1)+IF('Standard Profiles'!$G$19=$B$10,7,0)+IF('Standard Profiles'!$G$19=$B$17,14,0)+IF('Standard Profiles'!$G$19=$B$24,21,0),0)),0)</f>
        <v>42.486977515979127</v>
      </c>
      <c r="F7990" cm="1">
        <f t="array" ref="F7990">IFERROR(INDEX(Jesper!AJ$2:AJ$366,ROUNDDOWN($C7990/24,0)+1,1)*INDEX($D$3:$AA$30,INDEX(Jesper!$R$2:$R$366,ROW(INDEX(Jesper!AJ$2:AJ$366,ROUNDDOWN($C7990/24,0)+1,1))-1)+IF('Standard Profiles'!$G$20=$B$10,7,0)+IF('Standard Profiles'!$G$20=$B$17,14,0)+IF('Standard Profiles'!$G$20=$B$24,21,0),MOD($C7990,24)+1)/SUM(INDEX($D$3:$AA$30,INDEX(Jesper!$R$2:$R$366,ROW(INDEX(Jesper!AJ$2:AJ$366,ROUNDDOWN($C7990/24,0)+1,1))-1)+IF('Standard Profiles'!$G$20=$B$10,7,0)+IF('Standard Profiles'!$G$20=$B$17,14,0)+IF('Standard Profiles'!$G$20=$B$24,21,0),0)),0)</f>
        <v>0</v>
      </c>
      <c r="G7990" cm="1">
        <f t="array" ref="G7990">IFERROR(INDEX(Jesper!AK$2:AK$366,ROUNDDOWN($C7990/24,0)+1,1)*INDEX($D$3:$AA$30,INDEX(Jesper!$R$2:$R$366,ROW(INDEX(Jesper!AK$2:AK$366,ROUNDDOWN($C7990/24,0)+1,1))-1)+IF('Standard Profiles'!$G$21=$B$10,7,0)+IF('Standard Profiles'!$G$21=$B$17,14,0)+IF('Standard Profiles'!$G$21=$B$24,21,0),MOD($C7990,24)+1)/SUM(INDEX($D$3:$AA$30,INDEX(Jesper!$R$2:$R$366,ROW(INDEX(Jesper!AK$2:AK$366,ROUNDDOWN($C7990/24,0)+1,1))-1)+IF('Standard Profiles'!$G$21=$B$10,7,0)+IF('Standard Profiles'!$G$21=$B$17,14,0)+IF('Standard Profiles'!$G$21=$B$24,21,0),0)),0)</f>
        <v>34.624064992169302</v>
      </c>
      <c r="H7990" cm="1">
        <f t="array" ref="H7990">IFERROR(INDEX(Jesper!AL$2:AL$366,ROUNDDOWN($C7990/24,0)+1,1)*INDEX($D$3:$AA$30,INDEX(Jesper!$R$2:$R$366,ROW(INDEX(Jesper!AL$2:AL$366,ROUNDDOWN($C7990/24,0)+1,1))-1)+IF('Standard Profiles'!$G$22=$B$10,7,0)+IF('Standard Profiles'!$G$22=$B$17,14,0)+IF('Standard Profiles'!$G$22=$B$24,21,0),MOD($C7990,24)+1)/SUM(INDEX($D$3:$AA$30,INDEX(Jesper!$R$2:$R$366,ROW(INDEX(Jesper!AL$2:AL$366,ROUNDDOWN($C7990/24,0)+1,1))-1)+IF('Standard Profiles'!$G$22=$B$10,7,0)+IF('Standard Profiles'!$G$22=$B$17,14,0)+IF('Standard Profiles'!$G$22=$B$24,21,0),0)),0)</f>
        <v>0</v>
      </c>
      <c r="I7990">
        <f t="shared" si="888"/>
        <v>16.619551196241257</v>
      </c>
      <c r="J7990">
        <f t="shared" si="889"/>
        <v>91.48703519942562</v>
      </c>
      <c r="K7990">
        <f t="shared" si="890"/>
        <v>3.9359420809547232</v>
      </c>
      <c r="L7990">
        <f t="shared" si="891"/>
        <v>1.9679710404773616</v>
      </c>
      <c r="M7990">
        <f t="shared" si="892"/>
        <v>0</v>
      </c>
      <c r="N7990" s="45">
        <f t="shared" si="893"/>
        <v>45258.499999980704</v>
      </c>
    </row>
    <row r="7991" spans="2:14" x14ac:dyDescent="0.25">
      <c r="B7991">
        <f t="shared" si="887"/>
        <v>2</v>
      </c>
      <c r="C7991" s="16">
        <v>7957</v>
      </c>
      <c r="D7991" cm="1">
        <f t="array" ref="D7991">IFERROR(INDEX(Jesper!AH$2:AH$366,ROUNDDOWN($C7991/24,0)+1,1)*INDEX($D$3:$AA$30,INDEX(Jesper!$R$2:$R$366,ROW(INDEX(Jesper!AH$2:AH$366,ROUNDDOWN($C7991/24,0)+1,1))-1)+IF('Standard Profiles'!$G$18=$B$10,7,0)+IF('Standard Profiles'!$G$18=$B$17,14,0)+IF('Standard Profiles'!$G$18=$B$24,21,0),MOD($C7991,24)+1)/SUM(INDEX($D$3:$AA$30,INDEX(Jesper!$R$2:$R$366,ROW(INDEX(Jesper!AH$2:AH$366,ROUNDDOWN($C7991/24,0)+1,1))-1)+IF('Standard Profiles'!$G$18=$B$10,7,0)+IF('Standard Profiles'!$G$18=$B$17,14,0)+IF('Standard Profiles'!$G$18=$B$24,21,0),0)),0)</f>
        <v>24.511782155945706</v>
      </c>
      <c r="E7991" cm="1">
        <f t="array" ref="E7991">IFERROR(INDEX(Jesper!AI$2:AI$366,ROUNDDOWN($C7991/24,0)+1,1)*INDEX($D$3:$AA$30,INDEX(Jesper!$R$2:$R$366,ROW(INDEX(Jesper!AI$2:AI$366,ROUNDDOWN($C7991/24,0)+1,1))-1)+IF('Standard Profiles'!$G$19=$B$10,7,0)+IF('Standard Profiles'!$G$19=$B$17,14,0)+IF('Standard Profiles'!$G$19=$B$24,21,0),MOD($C7991,24)+1)/SUM(INDEX($D$3:$AA$30,INDEX(Jesper!$R$2:$R$366,ROW(INDEX(Jesper!AI$2:AI$366,ROUNDDOWN($C7991/24,0)+1,1))-1)+IF('Standard Profiles'!$G$19=$B$10,7,0)+IF('Standard Profiles'!$G$19=$B$17,14,0)+IF('Standard Profiles'!$G$19=$B$24,21,0),0)),0)</f>
        <v>28.223492207043275</v>
      </c>
      <c r="F7991" cm="1">
        <f t="array" ref="F7991">IFERROR(INDEX(Jesper!AJ$2:AJ$366,ROUNDDOWN($C7991/24,0)+1,1)*INDEX($D$3:$AA$30,INDEX(Jesper!$R$2:$R$366,ROW(INDEX(Jesper!AJ$2:AJ$366,ROUNDDOWN($C7991/24,0)+1,1))-1)+IF('Standard Profiles'!$G$20=$B$10,7,0)+IF('Standard Profiles'!$G$20=$B$17,14,0)+IF('Standard Profiles'!$G$20=$B$24,21,0),MOD($C7991,24)+1)/SUM(INDEX($D$3:$AA$30,INDEX(Jesper!$R$2:$R$366,ROW(INDEX(Jesper!AJ$2:AJ$366,ROUNDDOWN($C7991/24,0)+1,1))-1)+IF('Standard Profiles'!$G$20=$B$10,7,0)+IF('Standard Profiles'!$G$20=$B$17,14,0)+IF('Standard Profiles'!$G$20=$B$24,21,0),0)),0)</f>
        <v>0</v>
      </c>
      <c r="G7991" cm="1">
        <f t="array" ref="G7991">IFERROR(INDEX(Jesper!AK$2:AK$366,ROUNDDOWN($C7991/24,0)+1,1)*INDEX($D$3:$AA$30,INDEX(Jesper!$R$2:$R$366,ROW(INDEX(Jesper!AK$2:AK$366,ROUNDDOWN($C7991/24,0)+1,1))-1)+IF('Standard Profiles'!$G$21=$B$10,7,0)+IF('Standard Profiles'!$G$21=$B$17,14,0)+IF('Standard Profiles'!$G$21=$B$24,21,0),MOD($C7991,24)+1)/SUM(INDEX($D$3:$AA$30,INDEX(Jesper!$R$2:$R$366,ROW(INDEX(Jesper!AK$2:AK$366,ROUNDDOWN($C7991/24,0)+1,1))-1)+IF('Standard Profiles'!$G$21=$B$10,7,0)+IF('Standard Profiles'!$G$21=$B$17,14,0)+IF('Standard Profiles'!$G$21=$B$24,21,0),0)),0)</f>
        <v>23.000271744798173</v>
      </c>
      <c r="H7991" cm="1">
        <f t="array" ref="H7991">IFERROR(INDEX(Jesper!AL$2:AL$366,ROUNDDOWN($C7991/24,0)+1,1)*INDEX($D$3:$AA$30,INDEX(Jesper!$R$2:$R$366,ROW(INDEX(Jesper!AL$2:AL$366,ROUNDDOWN($C7991/24,0)+1,1))-1)+IF('Standard Profiles'!$G$22=$B$10,7,0)+IF('Standard Profiles'!$G$22=$B$17,14,0)+IF('Standard Profiles'!$G$22=$B$24,21,0),MOD($C7991,24)+1)/SUM(INDEX($D$3:$AA$30,INDEX(Jesper!$R$2:$R$366,ROW(INDEX(Jesper!AL$2:AL$366,ROUNDDOWN($C7991/24,0)+1,1))-1)+IF('Standard Profiles'!$G$22=$B$10,7,0)+IF('Standard Profiles'!$G$22=$B$17,14,0)+IF('Standard Profiles'!$G$22=$B$24,21,0),0)),0)</f>
        <v>0</v>
      </c>
      <c r="I7991">
        <f t="shared" si="888"/>
        <v>11.040130437503118</v>
      </c>
      <c r="J7991">
        <f t="shared" si="889"/>
        <v>60.773530525332724</v>
      </c>
      <c r="K7991">
        <f t="shared" si="890"/>
        <v>2.6145900966342088</v>
      </c>
      <c r="L7991">
        <f t="shared" si="891"/>
        <v>1.3072950483171044</v>
      </c>
      <c r="M7991">
        <f t="shared" si="892"/>
        <v>0</v>
      </c>
      <c r="N7991" s="45">
        <f t="shared" si="893"/>
        <v>45258.541666647368</v>
      </c>
    </row>
    <row r="7992" spans="2:14" x14ac:dyDescent="0.25">
      <c r="B7992">
        <f t="shared" si="887"/>
        <v>2</v>
      </c>
      <c r="C7992" s="16">
        <v>7958</v>
      </c>
      <c r="D7992" cm="1">
        <f t="array" ref="D7992">IFERROR(INDEX(Jesper!AH$2:AH$366,ROUNDDOWN($C7992/24,0)+1,1)*INDEX($D$3:$AA$30,INDEX(Jesper!$R$2:$R$366,ROW(INDEX(Jesper!AH$2:AH$366,ROUNDDOWN($C7992/24,0)+1,1))-1)+IF('Standard Profiles'!$G$18=$B$10,7,0)+IF('Standard Profiles'!$G$18=$B$17,14,0)+IF('Standard Profiles'!$G$18=$B$24,21,0),MOD($C7992,24)+1)/SUM(INDEX($D$3:$AA$30,INDEX(Jesper!$R$2:$R$366,ROW(INDEX(Jesper!AH$2:AH$366,ROUNDDOWN($C7992/24,0)+1,1))-1)+IF('Standard Profiles'!$G$18=$B$10,7,0)+IF('Standard Profiles'!$G$18=$B$17,14,0)+IF('Standard Profiles'!$G$18=$B$24,21,0),0)),0)</f>
        <v>36.899457008950527</v>
      </c>
      <c r="E7992" cm="1">
        <f t="array" ref="E7992">IFERROR(INDEX(Jesper!AI$2:AI$366,ROUNDDOWN($C7992/24,0)+1,1)*INDEX($D$3:$AA$30,INDEX(Jesper!$R$2:$R$366,ROW(INDEX(Jesper!AI$2:AI$366,ROUNDDOWN($C7992/24,0)+1,1))-1)+IF('Standard Profiles'!$G$19=$B$10,7,0)+IF('Standard Profiles'!$G$19=$B$17,14,0)+IF('Standard Profiles'!$G$19=$B$24,21,0),MOD($C7992,24)+1)/SUM(INDEX($D$3:$AA$30,INDEX(Jesper!$R$2:$R$366,ROW(INDEX(Jesper!AI$2:AI$366,ROUNDDOWN($C7992/24,0)+1,1))-1)+IF('Standard Profiles'!$G$19=$B$10,7,0)+IF('Standard Profiles'!$G$19=$B$17,14,0)+IF('Standard Profiles'!$G$19=$B$24,21,0),0)),0)</f>
        <v>42.486977515979127</v>
      </c>
      <c r="F7992" cm="1">
        <f t="array" ref="F7992">IFERROR(INDEX(Jesper!AJ$2:AJ$366,ROUNDDOWN($C7992/24,0)+1,1)*INDEX($D$3:$AA$30,INDEX(Jesper!$R$2:$R$366,ROW(INDEX(Jesper!AJ$2:AJ$366,ROUNDDOWN($C7992/24,0)+1,1))-1)+IF('Standard Profiles'!$G$20=$B$10,7,0)+IF('Standard Profiles'!$G$20=$B$17,14,0)+IF('Standard Profiles'!$G$20=$B$24,21,0),MOD($C7992,24)+1)/SUM(INDEX($D$3:$AA$30,INDEX(Jesper!$R$2:$R$366,ROW(INDEX(Jesper!AJ$2:AJ$366,ROUNDDOWN($C7992/24,0)+1,1))-1)+IF('Standard Profiles'!$G$20=$B$10,7,0)+IF('Standard Profiles'!$G$20=$B$17,14,0)+IF('Standard Profiles'!$G$20=$B$24,21,0),0)),0)</f>
        <v>0</v>
      </c>
      <c r="G7992" cm="1">
        <f t="array" ref="G7992">IFERROR(INDEX(Jesper!AK$2:AK$366,ROUNDDOWN($C7992/24,0)+1,1)*INDEX($D$3:$AA$30,INDEX(Jesper!$R$2:$R$366,ROW(INDEX(Jesper!AK$2:AK$366,ROUNDDOWN($C7992/24,0)+1,1))-1)+IF('Standard Profiles'!$G$21=$B$10,7,0)+IF('Standard Profiles'!$G$21=$B$17,14,0)+IF('Standard Profiles'!$G$21=$B$24,21,0),MOD($C7992,24)+1)/SUM(INDEX($D$3:$AA$30,INDEX(Jesper!$R$2:$R$366,ROW(INDEX(Jesper!AK$2:AK$366,ROUNDDOWN($C7992/24,0)+1,1))-1)+IF('Standard Profiles'!$G$21=$B$10,7,0)+IF('Standard Profiles'!$G$21=$B$17,14,0)+IF('Standard Profiles'!$G$21=$B$24,21,0),0)),0)</f>
        <v>34.624064992169302</v>
      </c>
      <c r="H7992" cm="1">
        <f t="array" ref="H7992">IFERROR(INDEX(Jesper!AL$2:AL$366,ROUNDDOWN($C7992/24,0)+1,1)*INDEX($D$3:$AA$30,INDEX(Jesper!$R$2:$R$366,ROW(INDEX(Jesper!AL$2:AL$366,ROUNDDOWN($C7992/24,0)+1,1))-1)+IF('Standard Profiles'!$G$22=$B$10,7,0)+IF('Standard Profiles'!$G$22=$B$17,14,0)+IF('Standard Profiles'!$G$22=$B$24,21,0),MOD($C7992,24)+1)/SUM(INDEX($D$3:$AA$30,INDEX(Jesper!$R$2:$R$366,ROW(INDEX(Jesper!AL$2:AL$366,ROUNDDOWN($C7992/24,0)+1,1))-1)+IF('Standard Profiles'!$G$22=$B$10,7,0)+IF('Standard Profiles'!$G$22=$B$17,14,0)+IF('Standard Profiles'!$G$22=$B$24,21,0),0)),0)</f>
        <v>0</v>
      </c>
      <c r="I7992">
        <f t="shared" si="888"/>
        <v>16.619551196241257</v>
      </c>
      <c r="J7992">
        <f t="shared" si="889"/>
        <v>91.48703519942562</v>
      </c>
      <c r="K7992">
        <f t="shared" si="890"/>
        <v>3.9359420809547232</v>
      </c>
      <c r="L7992">
        <f t="shared" si="891"/>
        <v>1.9679710404773616</v>
      </c>
      <c r="M7992">
        <f t="shared" si="892"/>
        <v>0</v>
      </c>
      <c r="N7992" s="45">
        <f t="shared" si="893"/>
        <v>45258.583333314033</v>
      </c>
    </row>
    <row r="7993" spans="2:14" x14ac:dyDescent="0.25">
      <c r="B7993">
        <f t="shared" si="887"/>
        <v>2</v>
      </c>
      <c r="C7993" s="16">
        <v>7959</v>
      </c>
      <c r="D7993" cm="1">
        <f t="array" ref="D7993">IFERROR(INDEX(Jesper!AH$2:AH$366,ROUNDDOWN($C7993/24,0)+1,1)*INDEX($D$3:$AA$30,INDEX(Jesper!$R$2:$R$366,ROW(INDEX(Jesper!AH$2:AH$366,ROUNDDOWN($C7993/24,0)+1,1))-1)+IF('Standard Profiles'!$G$18=$B$10,7,0)+IF('Standard Profiles'!$G$18=$B$17,14,0)+IF('Standard Profiles'!$G$18=$B$24,21,0),MOD($C7993,24)+1)/SUM(INDEX($D$3:$AA$30,INDEX(Jesper!$R$2:$R$366,ROW(INDEX(Jesper!AH$2:AH$366,ROUNDDOWN($C7993/24,0)+1,1))-1)+IF('Standard Profiles'!$G$18=$B$10,7,0)+IF('Standard Profiles'!$G$18=$B$17,14,0)+IF('Standard Profiles'!$G$18=$B$24,21,0),0)),0)</f>
        <v>36.899457008950527</v>
      </c>
      <c r="E7993" cm="1">
        <f t="array" ref="E7993">IFERROR(INDEX(Jesper!AI$2:AI$366,ROUNDDOWN($C7993/24,0)+1,1)*INDEX($D$3:$AA$30,INDEX(Jesper!$R$2:$R$366,ROW(INDEX(Jesper!AI$2:AI$366,ROUNDDOWN($C7993/24,0)+1,1))-1)+IF('Standard Profiles'!$G$19=$B$10,7,0)+IF('Standard Profiles'!$G$19=$B$17,14,0)+IF('Standard Profiles'!$G$19=$B$24,21,0),MOD($C7993,24)+1)/SUM(INDEX($D$3:$AA$30,INDEX(Jesper!$R$2:$R$366,ROW(INDEX(Jesper!AI$2:AI$366,ROUNDDOWN($C7993/24,0)+1,1))-1)+IF('Standard Profiles'!$G$19=$B$10,7,0)+IF('Standard Profiles'!$G$19=$B$17,14,0)+IF('Standard Profiles'!$G$19=$B$24,21,0),0)),0)</f>
        <v>42.486977515979127</v>
      </c>
      <c r="F7993" cm="1">
        <f t="array" ref="F7993">IFERROR(INDEX(Jesper!AJ$2:AJ$366,ROUNDDOWN($C7993/24,0)+1,1)*INDEX($D$3:$AA$30,INDEX(Jesper!$R$2:$R$366,ROW(INDEX(Jesper!AJ$2:AJ$366,ROUNDDOWN($C7993/24,0)+1,1))-1)+IF('Standard Profiles'!$G$20=$B$10,7,0)+IF('Standard Profiles'!$G$20=$B$17,14,0)+IF('Standard Profiles'!$G$20=$B$24,21,0),MOD($C7993,24)+1)/SUM(INDEX($D$3:$AA$30,INDEX(Jesper!$R$2:$R$366,ROW(INDEX(Jesper!AJ$2:AJ$366,ROUNDDOWN($C7993/24,0)+1,1))-1)+IF('Standard Profiles'!$G$20=$B$10,7,0)+IF('Standard Profiles'!$G$20=$B$17,14,0)+IF('Standard Profiles'!$G$20=$B$24,21,0),0)),0)</f>
        <v>0</v>
      </c>
      <c r="G7993" cm="1">
        <f t="array" ref="G7993">IFERROR(INDEX(Jesper!AK$2:AK$366,ROUNDDOWN($C7993/24,0)+1,1)*INDEX($D$3:$AA$30,INDEX(Jesper!$R$2:$R$366,ROW(INDEX(Jesper!AK$2:AK$366,ROUNDDOWN($C7993/24,0)+1,1))-1)+IF('Standard Profiles'!$G$21=$B$10,7,0)+IF('Standard Profiles'!$G$21=$B$17,14,0)+IF('Standard Profiles'!$G$21=$B$24,21,0),MOD($C7993,24)+1)/SUM(INDEX($D$3:$AA$30,INDEX(Jesper!$R$2:$R$366,ROW(INDEX(Jesper!AK$2:AK$366,ROUNDDOWN($C7993/24,0)+1,1))-1)+IF('Standard Profiles'!$G$21=$B$10,7,0)+IF('Standard Profiles'!$G$21=$B$17,14,0)+IF('Standard Profiles'!$G$21=$B$24,21,0),0)),0)</f>
        <v>34.624064992169302</v>
      </c>
      <c r="H7993" cm="1">
        <f t="array" ref="H7993">IFERROR(INDEX(Jesper!AL$2:AL$366,ROUNDDOWN($C7993/24,0)+1,1)*INDEX($D$3:$AA$30,INDEX(Jesper!$R$2:$R$366,ROW(INDEX(Jesper!AL$2:AL$366,ROUNDDOWN($C7993/24,0)+1,1))-1)+IF('Standard Profiles'!$G$22=$B$10,7,0)+IF('Standard Profiles'!$G$22=$B$17,14,0)+IF('Standard Profiles'!$G$22=$B$24,21,0),MOD($C7993,24)+1)/SUM(INDEX($D$3:$AA$30,INDEX(Jesper!$R$2:$R$366,ROW(INDEX(Jesper!AL$2:AL$366,ROUNDDOWN($C7993/24,0)+1,1))-1)+IF('Standard Profiles'!$G$22=$B$10,7,0)+IF('Standard Profiles'!$G$22=$B$17,14,0)+IF('Standard Profiles'!$G$22=$B$24,21,0),0)),0)</f>
        <v>0</v>
      </c>
      <c r="I7993">
        <f t="shared" si="888"/>
        <v>16.619551196241257</v>
      </c>
      <c r="J7993">
        <f t="shared" si="889"/>
        <v>91.48703519942562</v>
      </c>
      <c r="K7993">
        <f t="shared" si="890"/>
        <v>3.9359420809547232</v>
      </c>
      <c r="L7993">
        <f t="shared" si="891"/>
        <v>1.9679710404773616</v>
      </c>
      <c r="M7993">
        <f t="shared" si="892"/>
        <v>0</v>
      </c>
      <c r="N7993" s="45">
        <f t="shared" si="893"/>
        <v>45258.624999980697</v>
      </c>
    </row>
    <row r="7994" spans="2:14" x14ac:dyDescent="0.25">
      <c r="B7994">
        <f t="shared" si="887"/>
        <v>2</v>
      </c>
      <c r="C7994" s="16">
        <v>7960</v>
      </c>
      <c r="D7994" cm="1">
        <f t="array" ref="D7994">IFERROR(INDEX(Jesper!AH$2:AH$366,ROUNDDOWN($C7994/24,0)+1,1)*INDEX($D$3:$AA$30,INDEX(Jesper!$R$2:$R$366,ROW(INDEX(Jesper!AH$2:AH$366,ROUNDDOWN($C7994/24,0)+1,1))-1)+IF('Standard Profiles'!$G$18=$B$10,7,0)+IF('Standard Profiles'!$G$18=$B$17,14,0)+IF('Standard Profiles'!$G$18=$B$24,21,0),MOD($C7994,24)+1)/SUM(INDEX($D$3:$AA$30,INDEX(Jesper!$R$2:$R$366,ROW(INDEX(Jesper!AH$2:AH$366,ROUNDDOWN($C7994/24,0)+1,1))-1)+IF('Standard Profiles'!$G$18=$B$10,7,0)+IF('Standard Profiles'!$G$18=$B$17,14,0)+IF('Standard Profiles'!$G$18=$B$24,21,0),0)),0)</f>
        <v>21.744322880274421</v>
      </c>
      <c r="E7994" cm="1">
        <f t="array" ref="E7994">IFERROR(INDEX(Jesper!AI$2:AI$366,ROUNDDOWN($C7994/24,0)+1,1)*INDEX($D$3:$AA$30,INDEX(Jesper!$R$2:$R$366,ROW(INDEX(Jesper!AI$2:AI$366,ROUNDDOWN($C7994/24,0)+1,1))-1)+IF('Standard Profiles'!$G$19=$B$10,7,0)+IF('Standard Profiles'!$G$19=$B$17,14,0)+IF('Standard Profiles'!$G$19=$B$24,21,0),MOD($C7994,24)+1)/SUM(INDEX($D$3:$AA$30,INDEX(Jesper!$R$2:$R$366,ROW(INDEX(Jesper!AI$2:AI$366,ROUNDDOWN($C7994/24,0)+1,1))-1)+IF('Standard Profiles'!$G$19=$B$10,7,0)+IF('Standard Profiles'!$G$19=$B$17,14,0)+IF('Standard Profiles'!$G$19=$B$24,21,0),0)),0)</f>
        <v>25.036968893344842</v>
      </c>
      <c r="F7994" cm="1">
        <f t="array" ref="F7994">IFERROR(INDEX(Jesper!AJ$2:AJ$366,ROUNDDOWN($C7994/24,0)+1,1)*INDEX($D$3:$AA$30,INDEX(Jesper!$R$2:$R$366,ROW(INDEX(Jesper!AJ$2:AJ$366,ROUNDDOWN($C7994/24,0)+1,1))-1)+IF('Standard Profiles'!$G$20=$B$10,7,0)+IF('Standard Profiles'!$G$20=$B$17,14,0)+IF('Standard Profiles'!$G$20=$B$24,21,0),MOD($C7994,24)+1)/SUM(INDEX($D$3:$AA$30,INDEX(Jesper!$R$2:$R$366,ROW(INDEX(Jesper!AJ$2:AJ$366,ROUNDDOWN($C7994/24,0)+1,1))-1)+IF('Standard Profiles'!$G$20=$B$10,7,0)+IF('Standard Profiles'!$G$20=$B$17,14,0)+IF('Standard Profiles'!$G$20=$B$24,21,0),0)),0)</f>
        <v>0</v>
      </c>
      <c r="G7994" cm="1">
        <f t="array" ref="G7994">IFERROR(INDEX(Jesper!AK$2:AK$366,ROUNDDOWN($C7994/24,0)+1,1)*INDEX($D$3:$AA$30,INDEX(Jesper!$R$2:$R$366,ROW(INDEX(Jesper!AK$2:AK$366,ROUNDDOWN($C7994/24,0)+1,1))-1)+IF('Standard Profiles'!$G$21=$B$10,7,0)+IF('Standard Profiles'!$G$21=$B$17,14,0)+IF('Standard Profiles'!$G$21=$B$24,21,0),MOD($C7994,24)+1)/SUM(INDEX($D$3:$AA$30,INDEX(Jesper!$R$2:$R$366,ROW(INDEX(Jesper!AK$2:AK$366,ROUNDDOWN($C7994/24,0)+1,1))-1)+IF('Standard Profiles'!$G$21=$B$10,7,0)+IF('Standard Profiles'!$G$21=$B$17,14,0)+IF('Standard Profiles'!$G$21=$B$24,21,0),0)),0)</f>
        <v>28.941087759412028</v>
      </c>
      <c r="H7994" cm="1">
        <f t="array" ref="H7994">IFERROR(INDEX(Jesper!AL$2:AL$366,ROUNDDOWN($C7994/24,0)+1,1)*INDEX($D$3:$AA$30,INDEX(Jesper!$R$2:$R$366,ROW(INDEX(Jesper!AL$2:AL$366,ROUNDDOWN($C7994/24,0)+1,1))-1)+IF('Standard Profiles'!$G$22=$B$10,7,0)+IF('Standard Profiles'!$G$22=$B$17,14,0)+IF('Standard Profiles'!$G$22=$B$24,21,0),MOD($C7994,24)+1)/SUM(INDEX($D$3:$AA$30,INDEX(Jesper!$R$2:$R$366,ROW(INDEX(Jesper!AL$2:AL$366,ROUNDDOWN($C7994/24,0)+1,1))-1)+IF('Standard Profiles'!$G$22=$B$10,7,0)+IF('Standard Profiles'!$G$22=$B$17,14,0)+IF('Standard Profiles'!$G$22=$B$24,21,0),0)),0)</f>
        <v>0</v>
      </c>
      <c r="I7994">
        <f t="shared" si="888"/>
        <v>13.891722124517766</v>
      </c>
      <c r="J7994">
        <f t="shared" si="889"/>
        <v>58.351565747669611</v>
      </c>
      <c r="K7994">
        <f t="shared" si="890"/>
        <v>2.319394440562605</v>
      </c>
      <c r="L7994">
        <f t="shared" si="891"/>
        <v>1.1596972202813025</v>
      </c>
      <c r="M7994">
        <f t="shared" si="892"/>
        <v>0</v>
      </c>
      <c r="N7994" s="45">
        <f t="shared" si="893"/>
        <v>45258.666666647361</v>
      </c>
    </row>
    <row r="7995" spans="2:14" x14ac:dyDescent="0.25">
      <c r="B7995">
        <f t="shared" si="887"/>
        <v>2</v>
      </c>
      <c r="C7995" s="16">
        <v>7961</v>
      </c>
      <c r="D7995" cm="1">
        <f t="array" ref="D7995">IFERROR(INDEX(Jesper!AH$2:AH$366,ROUNDDOWN($C7995/24,0)+1,1)*INDEX($D$3:$AA$30,INDEX(Jesper!$R$2:$R$366,ROW(INDEX(Jesper!AH$2:AH$366,ROUNDDOWN($C7995/24,0)+1,1))-1)+IF('Standard Profiles'!$G$18=$B$10,7,0)+IF('Standard Profiles'!$G$18=$B$17,14,0)+IF('Standard Profiles'!$G$18=$B$24,21,0),MOD($C7995,24)+1)/SUM(INDEX($D$3:$AA$30,INDEX(Jesper!$R$2:$R$366,ROW(INDEX(Jesper!AH$2:AH$366,ROUNDDOWN($C7995/24,0)+1,1))-1)+IF('Standard Profiles'!$G$18=$B$10,7,0)+IF('Standard Profiles'!$G$18=$B$17,14,0)+IF('Standard Profiles'!$G$18=$B$24,21,0),0)),0)</f>
        <v>9.2805475374624073</v>
      </c>
      <c r="E7995" cm="1">
        <f t="array" ref="E7995">IFERROR(INDEX(Jesper!AI$2:AI$366,ROUNDDOWN($C7995/24,0)+1,1)*INDEX($D$3:$AA$30,INDEX(Jesper!$R$2:$R$366,ROW(INDEX(Jesper!AI$2:AI$366,ROUNDDOWN($C7995/24,0)+1,1))-1)+IF('Standard Profiles'!$G$19=$B$10,7,0)+IF('Standard Profiles'!$G$19=$B$17,14,0)+IF('Standard Profiles'!$G$19=$B$24,21,0),MOD($C7995,24)+1)/SUM(INDEX($D$3:$AA$30,INDEX(Jesper!$R$2:$R$366,ROW(INDEX(Jesper!AI$2:AI$366,ROUNDDOWN($C7995/24,0)+1,1))-1)+IF('Standard Profiles'!$G$19=$B$10,7,0)+IF('Standard Profiles'!$G$19=$B$17,14,0)+IF('Standard Profiles'!$G$19=$B$24,21,0),0)),0)</f>
        <v>10.685859536212055</v>
      </c>
      <c r="F7995" cm="1">
        <f t="array" ref="F7995">IFERROR(INDEX(Jesper!AJ$2:AJ$366,ROUNDDOWN($C7995/24,0)+1,1)*INDEX($D$3:$AA$30,INDEX(Jesper!$R$2:$R$366,ROW(INDEX(Jesper!AJ$2:AJ$366,ROUNDDOWN($C7995/24,0)+1,1))-1)+IF('Standard Profiles'!$G$20=$B$10,7,0)+IF('Standard Profiles'!$G$20=$B$17,14,0)+IF('Standard Profiles'!$G$20=$B$24,21,0),MOD($C7995,24)+1)/SUM(INDEX($D$3:$AA$30,INDEX(Jesper!$R$2:$R$366,ROW(INDEX(Jesper!AJ$2:AJ$366,ROUNDDOWN($C7995/24,0)+1,1))-1)+IF('Standard Profiles'!$G$20=$B$10,7,0)+IF('Standard Profiles'!$G$20=$B$17,14,0)+IF('Standard Profiles'!$G$20=$B$24,21,0),0)),0)</f>
        <v>0</v>
      </c>
      <c r="G7995" cm="1">
        <f t="array" ref="G7995">IFERROR(INDEX(Jesper!AK$2:AK$366,ROUNDDOWN($C7995/24,0)+1,1)*INDEX($D$3:$AA$30,INDEX(Jesper!$R$2:$R$366,ROW(INDEX(Jesper!AK$2:AK$366,ROUNDDOWN($C7995/24,0)+1,1))-1)+IF('Standard Profiles'!$G$21=$B$10,7,0)+IF('Standard Profiles'!$G$21=$B$17,14,0)+IF('Standard Profiles'!$G$21=$B$24,21,0),MOD($C7995,24)+1)/SUM(INDEX($D$3:$AA$30,INDEX(Jesper!$R$2:$R$366,ROW(INDEX(Jesper!AK$2:AK$366,ROUNDDOWN($C7995/24,0)+1,1))-1)+IF('Standard Profiles'!$G$21=$B$10,7,0)+IF('Standard Profiles'!$G$21=$B$17,14,0)+IF('Standard Profiles'!$G$21=$B$24,21,0),0)),0)</f>
        <v>22.995009728841922</v>
      </c>
      <c r="H7995" cm="1">
        <f t="array" ref="H7995">IFERROR(INDEX(Jesper!AL$2:AL$366,ROUNDDOWN($C7995/24,0)+1,1)*INDEX($D$3:$AA$30,INDEX(Jesper!$R$2:$R$366,ROW(INDEX(Jesper!AL$2:AL$366,ROUNDDOWN($C7995/24,0)+1,1))-1)+IF('Standard Profiles'!$G$22=$B$10,7,0)+IF('Standard Profiles'!$G$22=$B$17,14,0)+IF('Standard Profiles'!$G$22=$B$24,21,0),MOD($C7995,24)+1)/SUM(INDEX($D$3:$AA$30,INDEX(Jesper!$R$2:$R$366,ROW(INDEX(Jesper!AL$2:AL$366,ROUNDDOWN($C7995/24,0)+1,1))-1)+IF('Standard Profiles'!$G$22=$B$10,7,0)+IF('Standard Profiles'!$G$22=$B$17,14,0)+IF('Standard Profiles'!$G$22=$B$24,21,0),0)),0)</f>
        <v>0</v>
      </c>
      <c r="I7995">
        <f t="shared" si="888"/>
        <v>11.037604669844116</v>
      </c>
      <c r="J7995">
        <f t="shared" si="889"/>
        <v>30.438924526678285</v>
      </c>
      <c r="K7995">
        <f t="shared" si="890"/>
        <v>0.98992507066265689</v>
      </c>
      <c r="L7995">
        <f t="shared" si="891"/>
        <v>0.49496253533132845</v>
      </c>
      <c r="M7995">
        <f t="shared" si="892"/>
        <v>0</v>
      </c>
      <c r="N7995" s="45">
        <f t="shared" si="893"/>
        <v>45258.708333314025</v>
      </c>
    </row>
    <row r="7996" spans="2:14" x14ac:dyDescent="0.25">
      <c r="B7996">
        <f t="shared" si="887"/>
        <v>2</v>
      </c>
      <c r="C7996" s="16">
        <v>7962</v>
      </c>
      <c r="D7996" cm="1">
        <f t="array" ref="D7996">IFERROR(INDEX(Jesper!AH$2:AH$366,ROUNDDOWN($C7996/24,0)+1,1)*INDEX($D$3:$AA$30,INDEX(Jesper!$R$2:$R$366,ROW(INDEX(Jesper!AH$2:AH$366,ROUNDDOWN($C7996/24,0)+1,1))-1)+IF('Standard Profiles'!$G$18=$B$10,7,0)+IF('Standard Profiles'!$G$18=$B$17,14,0)+IF('Standard Profiles'!$G$18=$B$24,21,0),MOD($C7996,24)+1)/SUM(INDEX($D$3:$AA$30,INDEX(Jesper!$R$2:$R$366,ROW(INDEX(Jesper!AH$2:AH$366,ROUNDDOWN($C7996/24,0)+1,1))-1)+IF('Standard Profiles'!$G$18=$B$10,7,0)+IF('Standard Profiles'!$G$18=$B$17,14,0)+IF('Standard Profiles'!$G$18=$B$24,21,0),0)),0)</f>
        <v>6.125161374725189</v>
      </c>
      <c r="E7996" cm="1">
        <f t="array" ref="E7996">IFERROR(INDEX(Jesper!AI$2:AI$366,ROUNDDOWN($C7996/24,0)+1,1)*INDEX($D$3:$AA$30,INDEX(Jesper!$R$2:$R$366,ROW(INDEX(Jesper!AI$2:AI$366,ROUNDDOWN($C7996/24,0)+1,1))-1)+IF('Standard Profiles'!$G$19=$B$10,7,0)+IF('Standard Profiles'!$G$19=$B$17,14,0)+IF('Standard Profiles'!$G$19=$B$24,21,0),MOD($C7996,24)+1)/SUM(INDEX($D$3:$AA$30,INDEX(Jesper!$R$2:$R$366,ROW(INDEX(Jesper!AI$2:AI$366,ROUNDDOWN($C7996/24,0)+1,1))-1)+IF('Standard Profiles'!$G$19=$B$10,7,0)+IF('Standard Profiles'!$G$19=$B$17,14,0)+IF('Standard Profiles'!$G$19=$B$24,21,0),0)),0)</f>
        <v>7.0526672938999555</v>
      </c>
      <c r="F7996" cm="1">
        <f t="array" ref="F7996">IFERROR(INDEX(Jesper!AJ$2:AJ$366,ROUNDDOWN($C7996/24,0)+1,1)*INDEX($D$3:$AA$30,INDEX(Jesper!$R$2:$R$366,ROW(INDEX(Jesper!AJ$2:AJ$366,ROUNDDOWN($C7996/24,0)+1,1))-1)+IF('Standard Profiles'!$G$20=$B$10,7,0)+IF('Standard Profiles'!$G$20=$B$17,14,0)+IF('Standard Profiles'!$G$20=$B$24,21,0),MOD($C7996,24)+1)/SUM(INDEX($D$3:$AA$30,INDEX(Jesper!$R$2:$R$366,ROW(INDEX(Jesper!AJ$2:AJ$366,ROUNDDOWN($C7996/24,0)+1,1))-1)+IF('Standard Profiles'!$G$20=$B$10,7,0)+IF('Standard Profiles'!$G$20=$B$17,14,0)+IF('Standard Profiles'!$G$20=$B$24,21,0),0)),0)</f>
        <v>0</v>
      </c>
      <c r="G7996" cm="1">
        <f t="array" ref="G7996">IFERROR(INDEX(Jesper!AK$2:AK$366,ROUNDDOWN($C7996/24,0)+1,1)*INDEX($D$3:$AA$30,INDEX(Jesper!$R$2:$R$366,ROW(INDEX(Jesper!AK$2:AK$366,ROUNDDOWN($C7996/24,0)+1,1))-1)+IF('Standard Profiles'!$G$21=$B$10,7,0)+IF('Standard Profiles'!$G$21=$B$17,14,0)+IF('Standard Profiles'!$G$21=$B$24,21,0),MOD($C7996,24)+1)/SUM(INDEX($D$3:$AA$30,INDEX(Jesper!$R$2:$R$366,ROW(INDEX(Jesper!AK$2:AK$366,ROUNDDOWN($C7996/24,0)+1,1))-1)+IF('Standard Profiles'!$G$21=$B$10,7,0)+IF('Standard Profiles'!$G$21=$B$17,14,0)+IF('Standard Profiles'!$G$21=$B$24,21,0),0)),0)</f>
        <v>8.1561247321979362</v>
      </c>
      <c r="H7996" cm="1">
        <f t="array" ref="H7996">IFERROR(INDEX(Jesper!AL$2:AL$366,ROUNDDOWN($C7996/24,0)+1,1)*INDEX($D$3:$AA$30,INDEX(Jesper!$R$2:$R$366,ROW(INDEX(Jesper!AL$2:AL$366,ROUNDDOWN($C7996/24,0)+1,1))-1)+IF('Standard Profiles'!$G$22=$B$10,7,0)+IF('Standard Profiles'!$G$22=$B$17,14,0)+IF('Standard Profiles'!$G$22=$B$24,21,0),MOD($C7996,24)+1)/SUM(INDEX($D$3:$AA$30,INDEX(Jesper!$R$2:$R$366,ROW(INDEX(Jesper!AL$2:AL$366,ROUNDDOWN($C7996/24,0)+1,1))-1)+IF('Standard Profiles'!$G$22=$B$10,7,0)+IF('Standard Profiles'!$G$22=$B$17,14,0)+IF('Standard Profiles'!$G$22=$B$24,21,0),0)),0)</f>
        <v>0</v>
      </c>
      <c r="I7996">
        <f t="shared" si="888"/>
        <v>3.9149398714550072</v>
      </c>
      <c r="J7996">
        <f t="shared" si="889"/>
        <v>16.438987709412043</v>
      </c>
      <c r="K7996">
        <f t="shared" si="890"/>
        <v>0.65335054663735348</v>
      </c>
      <c r="L7996">
        <f t="shared" si="891"/>
        <v>0.32667527331867674</v>
      </c>
      <c r="M7996">
        <f t="shared" si="892"/>
        <v>0</v>
      </c>
      <c r="N7996" s="45">
        <f t="shared" si="893"/>
        <v>45258.74999998069</v>
      </c>
    </row>
    <row r="7997" spans="2:14" x14ac:dyDescent="0.25">
      <c r="B7997">
        <f t="shared" si="887"/>
        <v>2</v>
      </c>
      <c r="C7997" s="16">
        <v>7963</v>
      </c>
      <c r="D7997" cm="1">
        <f t="array" ref="D7997">IFERROR(INDEX(Jesper!AH$2:AH$366,ROUNDDOWN($C7997/24,0)+1,1)*INDEX($D$3:$AA$30,INDEX(Jesper!$R$2:$R$366,ROW(INDEX(Jesper!AH$2:AH$366,ROUNDDOWN($C7997/24,0)+1,1))-1)+IF('Standard Profiles'!$G$18=$B$10,7,0)+IF('Standard Profiles'!$G$18=$B$17,14,0)+IF('Standard Profiles'!$G$18=$B$24,21,0),MOD($C7997,24)+1)/SUM(INDEX($D$3:$AA$30,INDEX(Jesper!$R$2:$R$366,ROW(INDEX(Jesper!AH$2:AH$366,ROUNDDOWN($C7997/24,0)+1,1))-1)+IF('Standard Profiles'!$G$18=$B$10,7,0)+IF('Standard Profiles'!$G$18=$B$17,14,0)+IF('Standard Profiles'!$G$18=$B$24,21,0),0)),0)</f>
        <v>6.125161374725189</v>
      </c>
      <c r="E7997" cm="1">
        <f t="array" ref="E7997">IFERROR(INDEX(Jesper!AI$2:AI$366,ROUNDDOWN($C7997/24,0)+1,1)*INDEX($D$3:$AA$30,INDEX(Jesper!$R$2:$R$366,ROW(INDEX(Jesper!AI$2:AI$366,ROUNDDOWN($C7997/24,0)+1,1))-1)+IF('Standard Profiles'!$G$19=$B$10,7,0)+IF('Standard Profiles'!$G$19=$B$17,14,0)+IF('Standard Profiles'!$G$19=$B$24,21,0),MOD($C7997,24)+1)/SUM(INDEX($D$3:$AA$30,INDEX(Jesper!$R$2:$R$366,ROW(INDEX(Jesper!AI$2:AI$366,ROUNDDOWN($C7997/24,0)+1,1))-1)+IF('Standard Profiles'!$G$19=$B$10,7,0)+IF('Standard Profiles'!$G$19=$B$17,14,0)+IF('Standard Profiles'!$G$19=$B$24,21,0),0)),0)</f>
        <v>7.0526672938999555</v>
      </c>
      <c r="F7997" cm="1">
        <f t="array" ref="F7997">IFERROR(INDEX(Jesper!AJ$2:AJ$366,ROUNDDOWN($C7997/24,0)+1,1)*INDEX($D$3:$AA$30,INDEX(Jesper!$R$2:$R$366,ROW(INDEX(Jesper!AJ$2:AJ$366,ROUNDDOWN($C7997/24,0)+1,1))-1)+IF('Standard Profiles'!$G$20=$B$10,7,0)+IF('Standard Profiles'!$G$20=$B$17,14,0)+IF('Standard Profiles'!$G$20=$B$24,21,0),MOD($C7997,24)+1)/SUM(INDEX($D$3:$AA$30,INDEX(Jesper!$R$2:$R$366,ROW(INDEX(Jesper!AJ$2:AJ$366,ROUNDDOWN($C7997/24,0)+1,1))-1)+IF('Standard Profiles'!$G$20=$B$10,7,0)+IF('Standard Profiles'!$G$20=$B$17,14,0)+IF('Standard Profiles'!$G$20=$B$24,21,0),0)),0)</f>
        <v>0</v>
      </c>
      <c r="G7997" cm="1">
        <f t="array" ref="G7997">IFERROR(INDEX(Jesper!AK$2:AK$366,ROUNDDOWN($C7997/24,0)+1,1)*INDEX($D$3:$AA$30,INDEX(Jesper!$R$2:$R$366,ROW(INDEX(Jesper!AK$2:AK$366,ROUNDDOWN($C7997/24,0)+1,1))-1)+IF('Standard Profiles'!$G$21=$B$10,7,0)+IF('Standard Profiles'!$G$21=$B$17,14,0)+IF('Standard Profiles'!$G$21=$B$24,21,0),MOD($C7997,24)+1)/SUM(INDEX($D$3:$AA$30,INDEX(Jesper!$R$2:$R$366,ROW(INDEX(Jesper!AK$2:AK$366,ROUNDDOWN($C7997/24,0)+1,1))-1)+IF('Standard Profiles'!$G$21=$B$10,7,0)+IF('Standard Profiles'!$G$21=$B$17,14,0)+IF('Standard Profiles'!$G$21=$B$24,21,0),0)),0)</f>
        <v>8.1561247321979362</v>
      </c>
      <c r="H7997" cm="1">
        <f t="array" ref="H7997">IFERROR(INDEX(Jesper!AL$2:AL$366,ROUNDDOWN($C7997/24,0)+1,1)*INDEX($D$3:$AA$30,INDEX(Jesper!$R$2:$R$366,ROW(INDEX(Jesper!AL$2:AL$366,ROUNDDOWN($C7997/24,0)+1,1))-1)+IF('Standard Profiles'!$G$22=$B$10,7,0)+IF('Standard Profiles'!$G$22=$B$17,14,0)+IF('Standard Profiles'!$G$22=$B$24,21,0),MOD($C7997,24)+1)/SUM(INDEX($D$3:$AA$30,INDEX(Jesper!$R$2:$R$366,ROW(INDEX(Jesper!AL$2:AL$366,ROUNDDOWN($C7997/24,0)+1,1))-1)+IF('Standard Profiles'!$G$22=$B$10,7,0)+IF('Standard Profiles'!$G$22=$B$17,14,0)+IF('Standard Profiles'!$G$22=$B$24,21,0),0)),0)</f>
        <v>0</v>
      </c>
      <c r="I7997">
        <f t="shared" si="888"/>
        <v>3.9149398714550072</v>
      </c>
      <c r="J7997">
        <f t="shared" si="889"/>
        <v>16.438987709412043</v>
      </c>
      <c r="K7997">
        <f t="shared" si="890"/>
        <v>0.65335054663735348</v>
      </c>
      <c r="L7997">
        <f t="shared" si="891"/>
        <v>0.32667527331867674</v>
      </c>
      <c r="M7997">
        <f t="shared" si="892"/>
        <v>0</v>
      </c>
      <c r="N7997" s="45">
        <f t="shared" si="893"/>
        <v>45258.791666647354</v>
      </c>
    </row>
    <row r="7998" spans="2:14" x14ac:dyDescent="0.25">
      <c r="B7998">
        <f t="shared" si="887"/>
        <v>2</v>
      </c>
      <c r="C7998" s="16">
        <v>7964</v>
      </c>
      <c r="D7998" cm="1">
        <f t="array" ref="D7998">IFERROR(INDEX(Jesper!AH$2:AH$366,ROUNDDOWN($C7998/24,0)+1,1)*INDEX($D$3:$AA$30,INDEX(Jesper!$R$2:$R$366,ROW(INDEX(Jesper!AH$2:AH$366,ROUNDDOWN($C7998/24,0)+1,1))-1)+IF('Standard Profiles'!$G$18=$B$10,7,0)+IF('Standard Profiles'!$G$18=$B$17,14,0)+IF('Standard Profiles'!$G$18=$B$24,21,0),MOD($C7998,24)+1)/SUM(INDEX($D$3:$AA$30,INDEX(Jesper!$R$2:$R$366,ROW(INDEX(Jesper!AH$2:AH$366,ROUNDDOWN($C7998/24,0)+1,1))-1)+IF('Standard Profiles'!$G$18=$B$10,7,0)+IF('Standard Profiles'!$G$18=$B$17,14,0)+IF('Standard Profiles'!$G$18=$B$24,21,0),0)),0)</f>
        <v>6.125161374725189</v>
      </c>
      <c r="E7998" cm="1">
        <f t="array" ref="E7998">IFERROR(INDEX(Jesper!AI$2:AI$366,ROUNDDOWN($C7998/24,0)+1,1)*INDEX($D$3:$AA$30,INDEX(Jesper!$R$2:$R$366,ROW(INDEX(Jesper!AI$2:AI$366,ROUNDDOWN($C7998/24,0)+1,1))-1)+IF('Standard Profiles'!$G$19=$B$10,7,0)+IF('Standard Profiles'!$G$19=$B$17,14,0)+IF('Standard Profiles'!$G$19=$B$24,21,0),MOD($C7998,24)+1)/SUM(INDEX($D$3:$AA$30,INDEX(Jesper!$R$2:$R$366,ROW(INDEX(Jesper!AI$2:AI$366,ROUNDDOWN($C7998/24,0)+1,1))-1)+IF('Standard Profiles'!$G$19=$B$10,7,0)+IF('Standard Profiles'!$G$19=$B$17,14,0)+IF('Standard Profiles'!$G$19=$B$24,21,0),0)),0)</f>
        <v>7.0526672938999555</v>
      </c>
      <c r="F7998" cm="1">
        <f t="array" ref="F7998">IFERROR(INDEX(Jesper!AJ$2:AJ$366,ROUNDDOWN($C7998/24,0)+1,1)*INDEX($D$3:$AA$30,INDEX(Jesper!$R$2:$R$366,ROW(INDEX(Jesper!AJ$2:AJ$366,ROUNDDOWN($C7998/24,0)+1,1))-1)+IF('Standard Profiles'!$G$20=$B$10,7,0)+IF('Standard Profiles'!$G$20=$B$17,14,0)+IF('Standard Profiles'!$G$20=$B$24,21,0),MOD($C7998,24)+1)/SUM(INDEX($D$3:$AA$30,INDEX(Jesper!$R$2:$R$366,ROW(INDEX(Jesper!AJ$2:AJ$366,ROUNDDOWN($C7998/24,0)+1,1))-1)+IF('Standard Profiles'!$G$20=$B$10,7,0)+IF('Standard Profiles'!$G$20=$B$17,14,0)+IF('Standard Profiles'!$G$20=$B$24,21,0),0)),0)</f>
        <v>0</v>
      </c>
      <c r="G7998" cm="1">
        <f t="array" ref="G7998">IFERROR(INDEX(Jesper!AK$2:AK$366,ROUNDDOWN($C7998/24,0)+1,1)*INDEX($D$3:$AA$30,INDEX(Jesper!$R$2:$R$366,ROW(INDEX(Jesper!AK$2:AK$366,ROUNDDOWN($C7998/24,0)+1,1))-1)+IF('Standard Profiles'!$G$21=$B$10,7,0)+IF('Standard Profiles'!$G$21=$B$17,14,0)+IF('Standard Profiles'!$G$21=$B$24,21,0),MOD($C7998,24)+1)/SUM(INDEX($D$3:$AA$30,INDEX(Jesper!$R$2:$R$366,ROW(INDEX(Jesper!AK$2:AK$366,ROUNDDOWN($C7998/24,0)+1,1))-1)+IF('Standard Profiles'!$G$21=$B$10,7,0)+IF('Standard Profiles'!$G$21=$B$17,14,0)+IF('Standard Profiles'!$G$21=$B$24,21,0),0)),0)</f>
        <v>8.1561247321979362</v>
      </c>
      <c r="H7998" cm="1">
        <f t="array" ref="H7998">IFERROR(INDEX(Jesper!AL$2:AL$366,ROUNDDOWN($C7998/24,0)+1,1)*INDEX($D$3:$AA$30,INDEX(Jesper!$R$2:$R$366,ROW(INDEX(Jesper!AL$2:AL$366,ROUNDDOWN($C7998/24,0)+1,1))-1)+IF('Standard Profiles'!$G$22=$B$10,7,0)+IF('Standard Profiles'!$G$22=$B$17,14,0)+IF('Standard Profiles'!$G$22=$B$24,21,0),MOD($C7998,24)+1)/SUM(INDEX($D$3:$AA$30,INDEX(Jesper!$R$2:$R$366,ROW(INDEX(Jesper!AL$2:AL$366,ROUNDDOWN($C7998/24,0)+1,1))-1)+IF('Standard Profiles'!$G$22=$B$10,7,0)+IF('Standard Profiles'!$G$22=$B$17,14,0)+IF('Standard Profiles'!$G$22=$B$24,21,0),0)),0)</f>
        <v>0</v>
      </c>
      <c r="I7998">
        <f t="shared" si="888"/>
        <v>3.9149398714550072</v>
      </c>
      <c r="J7998">
        <f t="shared" si="889"/>
        <v>16.438987709412043</v>
      </c>
      <c r="K7998">
        <f t="shared" si="890"/>
        <v>0.65335054663735348</v>
      </c>
      <c r="L7998">
        <f t="shared" si="891"/>
        <v>0.32667527331867674</v>
      </c>
      <c r="M7998">
        <f t="shared" si="892"/>
        <v>0</v>
      </c>
      <c r="N7998" s="45">
        <f t="shared" si="893"/>
        <v>45258.833333314018</v>
      </c>
    </row>
    <row r="7999" spans="2:14" x14ac:dyDescent="0.25">
      <c r="B7999">
        <f t="shared" si="887"/>
        <v>2</v>
      </c>
      <c r="C7999" s="16">
        <v>7965</v>
      </c>
      <c r="D7999" cm="1">
        <f t="array" ref="D7999">IFERROR(INDEX(Jesper!AH$2:AH$366,ROUNDDOWN($C7999/24,0)+1,1)*INDEX($D$3:$AA$30,INDEX(Jesper!$R$2:$R$366,ROW(INDEX(Jesper!AH$2:AH$366,ROUNDDOWN($C7999/24,0)+1,1))-1)+IF('Standard Profiles'!$G$18=$B$10,7,0)+IF('Standard Profiles'!$G$18=$B$17,14,0)+IF('Standard Profiles'!$G$18=$B$24,21,0),MOD($C7999,24)+1)/SUM(INDEX($D$3:$AA$30,INDEX(Jesper!$R$2:$R$366,ROW(INDEX(Jesper!AH$2:AH$366,ROUNDDOWN($C7999/24,0)+1,1))-1)+IF('Standard Profiles'!$G$18=$B$10,7,0)+IF('Standard Profiles'!$G$18=$B$17,14,0)+IF('Standard Profiles'!$G$18=$B$24,21,0),0)),0)</f>
        <v>6.125161374725189</v>
      </c>
      <c r="E7999" cm="1">
        <f t="array" ref="E7999">IFERROR(INDEX(Jesper!AI$2:AI$366,ROUNDDOWN($C7999/24,0)+1,1)*INDEX($D$3:$AA$30,INDEX(Jesper!$R$2:$R$366,ROW(INDEX(Jesper!AI$2:AI$366,ROUNDDOWN($C7999/24,0)+1,1))-1)+IF('Standard Profiles'!$G$19=$B$10,7,0)+IF('Standard Profiles'!$G$19=$B$17,14,0)+IF('Standard Profiles'!$G$19=$B$24,21,0),MOD($C7999,24)+1)/SUM(INDEX($D$3:$AA$30,INDEX(Jesper!$R$2:$R$366,ROW(INDEX(Jesper!AI$2:AI$366,ROUNDDOWN($C7999/24,0)+1,1))-1)+IF('Standard Profiles'!$G$19=$B$10,7,0)+IF('Standard Profiles'!$G$19=$B$17,14,0)+IF('Standard Profiles'!$G$19=$B$24,21,0),0)),0)</f>
        <v>7.0526672938999555</v>
      </c>
      <c r="F7999" cm="1">
        <f t="array" ref="F7999">IFERROR(INDEX(Jesper!AJ$2:AJ$366,ROUNDDOWN($C7999/24,0)+1,1)*INDEX($D$3:$AA$30,INDEX(Jesper!$R$2:$R$366,ROW(INDEX(Jesper!AJ$2:AJ$366,ROUNDDOWN($C7999/24,0)+1,1))-1)+IF('Standard Profiles'!$G$20=$B$10,7,0)+IF('Standard Profiles'!$G$20=$B$17,14,0)+IF('Standard Profiles'!$G$20=$B$24,21,0),MOD($C7999,24)+1)/SUM(INDEX($D$3:$AA$30,INDEX(Jesper!$R$2:$R$366,ROW(INDEX(Jesper!AJ$2:AJ$366,ROUNDDOWN($C7999/24,0)+1,1))-1)+IF('Standard Profiles'!$G$20=$B$10,7,0)+IF('Standard Profiles'!$G$20=$B$17,14,0)+IF('Standard Profiles'!$G$20=$B$24,21,0),0)),0)</f>
        <v>0</v>
      </c>
      <c r="G7999" cm="1">
        <f t="array" ref="G7999">IFERROR(INDEX(Jesper!AK$2:AK$366,ROUNDDOWN($C7999/24,0)+1,1)*INDEX($D$3:$AA$30,INDEX(Jesper!$R$2:$R$366,ROW(INDEX(Jesper!AK$2:AK$366,ROUNDDOWN($C7999/24,0)+1,1))-1)+IF('Standard Profiles'!$G$21=$B$10,7,0)+IF('Standard Profiles'!$G$21=$B$17,14,0)+IF('Standard Profiles'!$G$21=$B$24,21,0),MOD($C7999,24)+1)/SUM(INDEX($D$3:$AA$30,INDEX(Jesper!$R$2:$R$366,ROW(INDEX(Jesper!AK$2:AK$366,ROUNDDOWN($C7999/24,0)+1,1))-1)+IF('Standard Profiles'!$G$21=$B$10,7,0)+IF('Standard Profiles'!$G$21=$B$17,14,0)+IF('Standard Profiles'!$G$21=$B$24,21,0),0)),0)</f>
        <v>8.1561247321979362</v>
      </c>
      <c r="H7999" cm="1">
        <f t="array" ref="H7999">IFERROR(INDEX(Jesper!AL$2:AL$366,ROUNDDOWN($C7999/24,0)+1,1)*INDEX($D$3:$AA$30,INDEX(Jesper!$R$2:$R$366,ROW(INDEX(Jesper!AL$2:AL$366,ROUNDDOWN($C7999/24,0)+1,1))-1)+IF('Standard Profiles'!$G$22=$B$10,7,0)+IF('Standard Profiles'!$G$22=$B$17,14,0)+IF('Standard Profiles'!$G$22=$B$24,21,0),MOD($C7999,24)+1)/SUM(INDEX($D$3:$AA$30,INDEX(Jesper!$R$2:$R$366,ROW(INDEX(Jesper!AL$2:AL$366,ROUNDDOWN($C7999/24,0)+1,1))-1)+IF('Standard Profiles'!$G$22=$B$10,7,0)+IF('Standard Profiles'!$G$22=$B$17,14,0)+IF('Standard Profiles'!$G$22=$B$24,21,0),0)),0)</f>
        <v>0</v>
      </c>
      <c r="I7999">
        <f t="shared" si="888"/>
        <v>3.9149398714550072</v>
      </c>
      <c r="J7999">
        <f t="shared" si="889"/>
        <v>16.438987709412043</v>
      </c>
      <c r="K7999">
        <f t="shared" si="890"/>
        <v>0.65335054663735348</v>
      </c>
      <c r="L7999">
        <f t="shared" si="891"/>
        <v>0.32667527331867674</v>
      </c>
      <c r="M7999">
        <f t="shared" si="892"/>
        <v>0</v>
      </c>
      <c r="N7999" s="45">
        <f t="shared" si="893"/>
        <v>45258.874999980682</v>
      </c>
    </row>
    <row r="8000" spans="2:14" x14ac:dyDescent="0.25">
      <c r="B8000">
        <f t="shared" si="887"/>
        <v>2</v>
      </c>
      <c r="C8000" s="16">
        <v>7966</v>
      </c>
      <c r="D8000" cm="1">
        <f t="array" ref="D8000">IFERROR(INDEX(Jesper!AH$2:AH$366,ROUNDDOWN($C8000/24,0)+1,1)*INDEX($D$3:$AA$30,INDEX(Jesper!$R$2:$R$366,ROW(INDEX(Jesper!AH$2:AH$366,ROUNDDOWN($C8000/24,0)+1,1))-1)+IF('Standard Profiles'!$G$18=$B$10,7,0)+IF('Standard Profiles'!$G$18=$B$17,14,0)+IF('Standard Profiles'!$G$18=$B$24,21,0),MOD($C8000,24)+1)/SUM(INDEX($D$3:$AA$30,INDEX(Jesper!$R$2:$R$366,ROW(INDEX(Jesper!AH$2:AH$366,ROUNDDOWN($C8000/24,0)+1,1))-1)+IF('Standard Profiles'!$G$18=$B$10,7,0)+IF('Standard Profiles'!$G$18=$B$17,14,0)+IF('Standard Profiles'!$G$18=$B$24,21,0),0)),0)</f>
        <v>6.125161374725189</v>
      </c>
      <c r="E8000" cm="1">
        <f t="array" ref="E8000">IFERROR(INDEX(Jesper!AI$2:AI$366,ROUNDDOWN($C8000/24,0)+1,1)*INDEX($D$3:$AA$30,INDEX(Jesper!$R$2:$R$366,ROW(INDEX(Jesper!AI$2:AI$366,ROUNDDOWN($C8000/24,0)+1,1))-1)+IF('Standard Profiles'!$G$19=$B$10,7,0)+IF('Standard Profiles'!$G$19=$B$17,14,0)+IF('Standard Profiles'!$G$19=$B$24,21,0),MOD($C8000,24)+1)/SUM(INDEX($D$3:$AA$30,INDEX(Jesper!$R$2:$R$366,ROW(INDEX(Jesper!AI$2:AI$366,ROUNDDOWN($C8000/24,0)+1,1))-1)+IF('Standard Profiles'!$G$19=$B$10,7,0)+IF('Standard Profiles'!$G$19=$B$17,14,0)+IF('Standard Profiles'!$G$19=$B$24,21,0),0)),0)</f>
        <v>7.0526672938999555</v>
      </c>
      <c r="F8000" cm="1">
        <f t="array" ref="F8000">IFERROR(INDEX(Jesper!AJ$2:AJ$366,ROUNDDOWN($C8000/24,0)+1,1)*INDEX($D$3:$AA$30,INDEX(Jesper!$R$2:$R$366,ROW(INDEX(Jesper!AJ$2:AJ$366,ROUNDDOWN($C8000/24,0)+1,1))-1)+IF('Standard Profiles'!$G$20=$B$10,7,0)+IF('Standard Profiles'!$G$20=$B$17,14,0)+IF('Standard Profiles'!$G$20=$B$24,21,0),MOD($C8000,24)+1)/SUM(INDEX($D$3:$AA$30,INDEX(Jesper!$R$2:$R$366,ROW(INDEX(Jesper!AJ$2:AJ$366,ROUNDDOWN($C8000/24,0)+1,1))-1)+IF('Standard Profiles'!$G$20=$B$10,7,0)+IF('Standard Profiles'!$G$20=$B$17,14,0)+IF('Standard Profiles'!$G$20=$B$24,21,0),0)),0)</f>
        <v>0</v>
      </c>
      <c r="G8000" cm="1">
        <f t="array" ref="G8000">IFERROR(INDEX(Jesper!AK$2:AK$366,ROUNDDOWN($C8000/24,0)+1,1)*INDEX($D$3:$AA$30,INDEX(Jesper!$R$2:$R$366,ROW(INDEX(Jesper!AK$2:AK$366,ROUNDDOWN($C8000/24,0)+1,1))-1)+IF('Standard Profiles'!$G$21=$B$10,7,0)+IF('Standard Profiles'!$G$21=$B$17,14,0)+IF('Standard Profiles'!$G$21=$B$24,21,0),MOD($C8000,24)+1)/SUM(INDEX($D$3:$AA$30,INDEX(Jesper!$R$2:$R$366,ROW(INDEX(Jesper!AK$2:AK$366,ROUNDDOWN($C8000/24,0)+1,1))-1)+IF('Standard Profiles'!$G$21=$B$10,7,0)+IF('Standard Profiles'!$G$21=$B$17,14,0)+IF('Standard Profiles'!$G$21=$B$24,21,0),0)),0)</f>
        <v>8.1561247321979362</v>
      </c>
      <c r="H8000" cm="1">
        <f t="array" ref="H8000">IFERROR(INDEX(Jesper!AL$2:AL$366,ROUNDDOWN($C8000/24,0)+1,1)*INDEX($D$3:$AA$30,INDEX(Jesper!$R$2:$R$366,ROW(INDEX(Jesper!AL$2:AL$366,ROUNDDOWN($C8000/24,0)+1,1))-1)+IF('Standard Profiles'!$G$22=$B$10,7,0)+IF('Standard Profiles'!$G$22=$B$17,14,0)+IF('Standard Profiles'!$G$22=$B$24,21,0),MOD($C8000,24)+1)/SUM(INDEX($D$3:$AA$30,INDEX(Jesper!$R$2:$R$366,ROW(INDEX(Jesper!AL$2:AL$366,ROUNDDOWN($C8000/24,0)+1,1))-1)+IF('Standard Profiles'!$G$22=$B$10,7,0)+IF('Standard Profiles'!$G$22=$B$17,14,0)+IF('Standard Profiles'!$G$22=$B$24,21,0),0)),0)</f>
        <v>0</v>
      </c>
      <c r="I8000">
        <f t="shared" si="888"/>
        <v>3.9149398714550072</v>
      </c>
      <c r="J8000">
        <f t="shared" si="889"/>
        <v>16.438987709412043</v>
      </c>
      <c r="K8000">
        <f t="shared" si="890"/>
        <v>0.65335054663735348</v>
      </c>
      <c r="L8000">
        <f t="shared" si="891"/>
        <v>0.32667527331867674</v>
      </c>
      <c r="M8000">
        <f t="shared" si="892"/>
        <v>0</v>
      </c>
      <c r="N8000" s="45">
        <f t="shared" si="893"/>
        <v>45258.916666647347</v>
      </c>
    </row>
    <row r="8001" spans="2:14" x14ac:dyDescent="0.25">
      <c r="B8001">
        <f t="shared" si="887"/>
        <v>2</v>
      </c>
      <c r="C8001" s="16">
        <v>7967</v>
      </c>
      <c r="D8001" cm="1">
        <f t="array" ref="D8001">IFERROR(INDEX(Jesper!AH$2:AH$366,ROUNDDOWN($C8001/24,0)+1,1)*INDEX($D$3:$AA$30,INDEX(Jesper!$R$2:$R$366,ROW(INDEX(Jesper!AH$2:AH$366,ROUNDDOWN($C8001/24,0)+1,1))-1)+IF('Standard Profiles'!$G$18=$B$10,7,0)+IF('Standard Profiles'!$G$18=$B$17,14,0)+IF('Standard Profiles'!$G$18=$B$24,21,0),MOD($C8001,24)+1)/SUM(INDEX($D$3:$AA$30,INDEX(Jesper!$R$2:$R$366,ROW(INDEX(Jesper!AH$2:AH$366,ROUNDDOWN($C8001/24,0)+1,1))-1)+IF('Standard Profiles'!$G$18=$B$10,7,0)+IF('Standard Profiles'!$G$18=$B$17,14,0)+IF('Standard Profiles'!$G$18=$B$24,21,0),0)),0)</f>
        <v>6.125161374725189</v>
      </c>
      <c r="E8001" cm="1">
        <f t="array" ref="E8001">IFERROR(INDEX(Jesper!AI$2:AI$366,ROUNDDOWN($C8001/24,0)+1,1)*INDEX($D$3:$AA$30,INDEX(Jesper!$R$2:$R$366,ROW(INDEX(Jesper!AI$2:AI$366,ROUNDDOWN($C8001/24,0)+1,1))-1)+IF('Standard Profiles'!$G$19=$B$10,7,0)+IF('Standard Profiles'!$G$19=$B$17,14,0)+IF('Standard Profiles'!$G$19=$B$24,21,0),MOD($C8001,24)+1)/SUM(INDEX($D$3:$AA$30,INDEX(Jesper!$R$2:$R$366,ROW(INDEX(Jesper!AI$2:AI$366,ROUNDDOWN($C8001/24,0)+1,1))-1)+IF('Standard Profiles'!$G$19=$B$10,7,0)+IF('Standard Profiles'!$G$19=$B$17,14,0)+IF('Standard Profiles'!$G$19=$B$24,21,0),0)),0)</f>
        <v>7.0526672938999555</v>
      </c>
      <c r="F8001" cm="1">
        <f t="array" ref="F8001">IFERROR(INDEX(Jesper!AJ$2:AJ$366,ROUNDDOWN($C8001/24,0)+1,1)*INDEX($D$3:$AA$30,INDEX(Jesper!$R$2:$R$366,ROW(INDEX(Jesper!AJ$2:AJ$366,ROUNDDOWN($C8001/24,0)+1,1))-1)+IF('Standard Profiles'!$G$20=$B$10,7,0)+IF('Standard Profiles'!$G$20=$B$17,14,0)+IF('Standard Profiles'!$G$20=$B$24,21,0),MOD($C8001,24)+1)/SUM(INDEX($D$3:$AA$30,INDEX(Jesper!$R$2:$R$366,ROW(INDEX(Jesper!AJ$2:AJ$366,ROUNDDOWN($C8001/24,0)+1,1))-1)+IF('Standard Profiles'!$G$20=$B$10,7,0)+IF('Standard Profiles'!$G$20=$B$17,14,0)+IF('Standard Profiles'!$G$20=$B$24,21,0),0)),0)</f>
        <v>0</v>
      </c>
      <c r="G8001" cm="1">
        <f t="array" ref="G8001">IFERROR(INDEX(Jesper!AK$2:AK$366,ROUNDDOWN($C8001/24,0)+1,1)*INDEX($D$3:$AA$30,INDEX(Jesper!$R$2:$R$366,ROW(INDEX(Jesper!AK$2:AK$366,ROUNDDOWN($C8001/24,0)+1,1))-1)+IF('Standard Profiles'!$G$21=$B$10,7,0)+IF('Standard Profiles'!$G$21=$B$17,14,0)+IF('Standard Profiles'!$G$21=$B$24,21,0),MOD($C8001,24)+1)/SUM(INDEX($D$3:$AA$30,INDEX(Jesper!$R$2:$R$366,ROW(INDEX(Jesper!AK$2:AK$366,ROUNDDOWN($C8001/24,0)+1,1))-1)+IF('Standard Profiles'!$G$21=$B$10,7,0)+IF('Standard Profiles'!$G$21=$B$17,14,0)+IF('Standard Profiles'!$G$21=$B$24,21,0),0)),0)</f>
        <v>8.1561247321979362</v>
      </c>
      <c r="H8001" cm="1">
        <f t="array" ref="H8001">IFERROR(INDEX(Jesper!AL$2:AL$366,ROUNDDOWN($C8001/24,0)+1,1)*INDEX($D$3:$AA$30,INDEX(Jesper!$R$2:$R$366,ROW(INDEX(Jesper!AL$2:AL$366,ROUNDDOWN($C8001/24,0)+1,1))-1)+IF('Standard Profiles'!$G$22=$B$10,7,0)+IF('Standard Profiles'!$G$22=$B$17,14,0)+IF('Standard Profiles'!$G$22=$B$24,21,0),MOD($C8001,24)+1)/SUM(INDEX($D$3:$AA$30,INDEX(Jesper!$R$2:$R$366,ROW(INDEX(Jesper!AL$2:AL$366,ROUNDDOWN($C8001/24,0)+1,1))-1)+IF('Standard Profiles'!$G$22=$B$10,7,0)+IF('Standard Profiles'!$G$22=$B$17,14,0)+IF('Standard Profiles'!$G$22=$B$24,21,0),0)),0)</f>
        <v>0</v>
      </c>
      <c r="I8001">
        <f t="shared" si="888"/>
        <v>3.9149398714550072</v>
      </c>
      <c r="J8001">
        <f t="shared" si="889"/>
        <v>16.438987709412043</v>
      </c>
      <c r="K8001">
        <f t="shared" si="890"/>
        <v>0.65335054663735348</v>
      </c>
      <c r="L8001">
        <f t="shared" si="891"/>
        <v>0.32667527331867674</v>
      </c>
      <c r="M8001">
        <f t="shared" si="892"/>
        <v>0</v>
      </c>
      <c r="N8001" s="45">
        <f t="shared" si="893"/>
        <v>45258.958333314011</v>
      </c>
    </row>
    <row r="8002" spans="2:14" x14ac:dyDescent="0.25">
      <c r="B8002">
        <f t="shared" si="887"/>
        <v>3</v>
      </c>
      <c r="C8002" s="16">
        <v>7968</v>
      </c>
      <c r="D8002" cm="1">
        <f t="array" ref="D8002">IFERROR(INDEX(Jesper!AH$2:AH$366,ROUNDDOWN($C8002/24,0)+1,1)*INDEX($D$3:$AA$30,INDEX(Jesper!$R$2:$R$366,ROW(INDEX(Jesper!AH$2:AH$366,ROUNDDOWN($C8002/24,0)+1,1))-1)+IF('Standard Profiles'!$G$18=$B$10,7,0)+IF('Standard Profiles'!$G$18=$B$17,14,0)+IF('Standard Profiles'!$G$18=$B$24,21,0),MOD($C8002,24)+1)/SUM(INDEX($D$3:$AA$30,INDEX(Jesper!$R$2:$R$366,ROW(INDEX(Jesper!AH$2:AH$366,ROUNDDOWN($C8002/24,0)+1,1))-1)+IF('Standard Profiles'!$G$18=$B$10,7,0)+IF('Standard Profiles'!$G$18=$B$17,14,0)+IF('Standard Profiles'!$G$18=$B$24,21,0),0)),0)</f>
        <v>6.2581892301962911</v>
      </c>
      <c r="E8002" cm="1">
        <f t="array" ref="E8002">IFERROR(INDEX(Jesper!AI$2:AI$366,ROUNDDOWN($C8002/24,0)+1,1)*INDEX($D$3:$AA$30,INDEX(Jesper!$R$2:$R$366,ROW(INDEX(Jesper!AI$2:AI$366,ROUNDDOWN($C8002/24,0)+1,1))-1)+IF('Standard Profiles'!$G$19=$B$10,7,0)+IF('Standard Profiles'!$G$19=$B$17,14,0)+IF('Standard Profiles'!$G$19=$B$24,21,0),MOD($C8002,24)+1)/SUM(INDEX($D$3:$AA$30,INDEX(Jesper!$R$2:$R$366,ROW(INDEX(Jesper!AI$2:AI$366,ROUNDDOWN($C8002/24,0)+1,1))-1)+IF('Standard Profiles'!$G$19=$B$10,7,0)+IF('Standard Profiles'!$G$19=$B$17,14,0)+IF('Standard Profiles'!$G$19=$B$24,21,0),0)),0)</f>
        <v>8.071451207103312</v>
      </c>
      <c r="F8002" cm="1">
        <f t="array" ref="F8002">IFERROR(INDEX(Jesper!AJ$2:AJ$366,ROUNDDOWN($C8002/24,0)+1,1)*INDEX($D$3:$AA$30,INDEX(Jesper!$R$2:$R$366,ROW(INDEX(Jesper!AJ$2:AJ$366,ROUNDDOWN($C8002/24,0)+1,1))-1)+IF('Standard Profiles'!$G$20=$B$10,7,0)+IF('Standard Profiles'!$G$20=$B$17,14,0)+IF('Standard Profiles'!$G$20=$B$24,21,0),MOD($C8002,24)+1)/SUM(INDEX($D$3:$AA$30,INDEX(Jesper!$R$2:$R$366,ROW(INDEX(Jesper!AJ$2:AJ$366,ROUNDDOWN($C8002/24,0)+1,1))-1)+IF('Standard Profiles'!$G$20=$B$10,7,0)+IF('Standard Profiles'!$G$20=$B$17,14,0)+IF('Standard Profiles'!$G$20=$B$24,21,0),0)),0)</f>
        <v>0</v>
      </c>
      <c r="G8002" cm="1">
        <f t="array" ref="G8002">IFERROR(INDEX(Jesper!AK$2:AK$366,ROUNDDOWN($C8002/24,0)+1,1)*INDEX($D$3:$AA$30,INDEX(Jesper!$R$2:$R$366,ROW(INDEX(Jesper!AK$2:AK$366,ROUNDDOWN($C8002/24,0)+1,1))-1)+IF('Standard Profiles'!$G$21=$B$10,7,0)+IF('Standard Profiles'!$G$21=$B$17,14,0)+IF('Standard Profiles'!$G$21=$B$24,21,0),MOD($C8002,24)+1)/SUM(INDEX($D$3:$AA$30,INDEX(Jesper!$R$2:$R$366,ROW(INDEX(Jesper!AK$2:AK$366,ROUNDDOWN($C8002/24,0)+1,1))-1)+IF('Standard Profiles'!$G$21=$B$10,7,0)+IF('Standard Profiles'!$G$21=$B$17,14,0)+IF('Standard Profiles'!$G$21=$B$24,21,0),0)),0)</f>
        <v>11.222294148612111</v>
      </c>
      <c r="H8002" cm="1">
        <f t="array" ref="H8002">IFERROR(INDEX(Jesper!AL$2:AL$366,ROUNDDOWN($C8002/24,0)+1,1)*INDEX($D$3:$AA$30,INDEX(Jesper!$R$2:$R$366,ROW(INDEX(Jesper!AL$2:AL$366,ROUNDDOWN($C8002/24,0)+1,1))-1)+IF('Standard Profiles'!$G$22=$B$10,7,0)+IF('Standard Profiles'!$G$22=$B$17,14,0)+IF('Standard Profiles'!$G$22=$B$24,21,0),MOD($C8002,24)+1)/SUM(INDEX($D$3:$AA$30,INDEX(Jesper!$R$2:$R$366,ROW(INDEX(Jesper!AL$2:AL$366,ROUNDDOWN($C8002/24,0)+1,1))-1)+IF('Standard Profiles'!$G$22=$B$10,7,0)+IF('Standard Profiles'!$G$22=$B$17,14,0)+IF('Standard Profiles'!$G$22=$B$24,21,0),0)),0)</f>
        <v>0</v>
      </c>
      <c r="I8002">
        <f t="shared" si="888"/>
        <v>5.3867011913338105</v>
      </c>
      <c r="J8002">
        <f t="shared" si="889"/>
        <v>19.163923117746496</v>
      </c>
      <c r="K8002">
        <f t="shared" si="890"/>
        <v>0.66754018455427111</v>
      </c>
      <c r="L8002">
        <f t="shared" si="891"/>
        <v>0.33377009227713555</v>
      </c>
      <c r="M8002">
        <f t="shared" si="892"/>
        <v>0</v>
      </c>
      <c r="N8002" s="45">
        <f t="shared" si="893"/>
        <v>45258.999999980675</v>
      </c>
    </row>
    <row r="8003" spans="2:14" x14ac:dyDescent="0.25">
      <c r="B8003">
        <f t="shared" si="887"/>
        <v>3</v>
      </c>
      <c r="C8003" s="16">
        <v>7969</v>
      </c>
      <c r="D8003" cm="1">
        <f t="array" ref="D8003">IFERROR(INDEX(Jesper!AH$2:AH$366,ROUNDDOWN($C8003/24,0)+1,1)*INDEX($D$3:$AA$30,INDEX(Jesper!$R$2:$R$366,ROW(INDEX(Jesper!AH$2:AH$366,ROUNDDOWN($C8003/24,0)+1,1))-1)+IF('Standard Profiles'!$G$18=$B$10,7,0)+IF('Standard Profiles'!$G$18=$B$17,14,0)+IF('Standard Profiles'!$G$18=$B$24,21,0),MOD($C8003,24)+1)/SUM(INDEX($D$3:$AA$30,INDEX(Jesper!$R$2:$R$366,ROW(INDEX(Jesper!AH$2:AH$366,ROUNDDOWN($C8003/24,0)+1,1))-1)+IF('Standard Profiles'!$G$18=$B$10,7,0)+IF('Standard Profiles'!$G$18=$B$17,14,0)+IF('Standard Profiles'!$G$18=$B$24,21,0),0)),0)</f>
        <v>6.2581892301962911</v>
      </c>
      <c r="E8003" cm="1">
        <f t="array" ref="E8003">IFERROR(INDEX(Jesper!AI$2:AI$366,ROUNDDOWN($C8003/24,0)+1,1)*INDEX($D$3:$AA$30,INDEX(Jesper!$R$2:$R$366,ROW(INDEX(Jesper!AI$2:AI$366,ROUNDDOWN($C8003/24,0)+1,1))-1)+IF('Standard Profiles'!$G$19=$B$10,7,0)+IF('Standard Profiles'!$G$19=$B$17,14,0)+IF('Standard Profiles'!$G$19=$B$24,21,0),MOD($C8003,24)+1)/SUM(INDEX($D$3:$AA$30,INDEX(Jesper!$R$2:$R$366,ROW(INDEX(Jesper!AI$2:AI$366,ROUNDDOWN($C8003/24,0)+1,1))-1)+IF('Standard Profiles'!$G$19=$B$10,7,0)+IF('Standard Profiles'!$G$19=$B$17,14,0)+IF('Standard Profiles'!$G$19=$B$24,21,0),0)),0)</f>
        <v>8.071451207103312</v>
      </c>
      <c r="F8003" cm="1">
        <f t="array" ref="F8003">IFERROR(INDEX(Jesper!AJ$2:AJ$366,ROUNDDOWN($C8003/24,0)+1,1)*INDEX($D$3:$AA$30,INDEX(Jesper!$R$2:$R$366,ROW(INDEX(Jesper!AJ$2:AJ$366,ROUNDDOWN($C8003/24,0)+1,1))-1)+IF('Standard Profiles'!$G$20=$B$10,7,0)+IF('Standard Profiles'!$G$20=$B$17,14,0)+IF('Standard Profiles'!$G$20=$B$24,21,0),MOD($C8003,24)+1)/SUM(INDEX($D$3:$AA$30,INDEX(Jesper!$R$2:$R$366,ROW(INDEX(Jesper!AJ$2:AJ$366,ROUNDDOWN($C8003/24,0)+1,1))-1)+IF('Standard Profiles'!$G$20=$B$10,7,0)+IF('Standard Profiles'!$G$20=$B$17,14,0)+IF('Standard Profiles'!$G$20=$B$24,21,0),0)),0)</f>
        <v>0</v>
      </c>
      <c r="G8003" cm="1">
        <f t="array" ref="G8003">IFERROR(INDEX(Jesper!AK$2:AK$366,ROUNDDOWN($C8003/24,0)+1,1)*INDEX($D$3:$AA$30,INDEX(Jesper!$R$2:$R$366,ROW(INDEX(Jesper!AK$2:AK$366,ROUNDDOWN($C8003/24,0)+1,1))-1)+IF('Standard Profiles'!$G$21=$B$10,7,0)+IF('Standard Profiles'!$G$21=$B$17,14,0)+IF('Standard Profiles'!$G$21=$B$24,21,0),MOD($C8003,24)+1)/SUM(INDEX($D$3:$AA$30,INDEX(Jesper!$R$2:$R$366,ROW(INDEX(Jesper!AK$2:AK$366,ROUNDDOWN($C8003/24,0)+1,1))-1)+IF('Standard Profiles'!$G$21=$B$10,7,0)+IF('Standard Profiles'!$G$21=$B$17,14,0)+IF('Standard Profiles'!$G$21=$B$24,21,0),0)),0)</f>
        <v>11.222294148612111</v>
      </c>
      <c r="H8003" cm="1">
        <f t="array" ref="H8003">IFERROR(INDEX(Jesper!AL$2:AL$366,ROUNDDOWN($C8003/24,0)+1,1)*INDEX($D$3:$AA$30,INDEX(Jesper!$R$2:$R$366,ROW(INDEX(Jesper!AL$2:AL$366,ROUNDDOWN($C8003/24,0)+1,1))-1)+IF('Standard Profiles'!$G$22=$B$10,7,0)+IF('Standard Profiles'!$G$22=$B$17,14,0)+IF('Standard Profiles'!$G$22=$B$24,21,0),MOD($C8003,24)+1)/SUM(INDEX($D$3:$AA$30,INDEX(Jesper!$R$2:$R$366,ROW(INDEX(Jesper!AL$2:AL$366,ROUNDDOWN($C8003/24,0)+1,1))-1)+IF('Standard Profiles'!$G$22=$B$10,7,0)+IF('Standard Profiles'!$G$22=$B$17,14,0)+IF('Standard Profiles'!$G$22=$B$24,21,0),0)),0)</f>
        <v>0</v>
      </c>
      <c r="I8003">
        <f t="shared" si="888"/>
        <v>5.3867011913338105</v>
      </c>
      <c r="J8003">
        <f t="shared" si="889"/>
        <v>19.163923117746496</v>
      </c>
      <c r="K8003">
        <f t="shared" si="890"/>
        <v>0.66754018455427111</v>
      </c>
      <c r="L8003">
        <f t="shared" si="891"/>
        <v>0.33377009227713555</v>
      </c>
      <c r="M8003">
        <f t="shared" si="892"/>
        <v>0</v>
      </c>
      <c r="N8003" s="45">
        <f t="shared" si="893"/>
        <v>45259.041666647339</v>
      </c>
    </row>
    <row r="8004" spans="2:14" x14ac:dyDescent="0.25">
      <c r="B8004">
        <f t="shared" si="887"/>
        <v>3</v>
      </c>
      <c r="C8004" s="16">
        <v>7970</v>
      </c>
      <c r="D8004" cm="1">
        <f t="array" ref="D8004">IFERROR(INDEX(Jesper!AH$2:AH$366,ROUNDDOWN($C8004/24,0)+1,1)*INDEX($D$3:$AA$30,INDEX(Jesper!$R$2:$R$366,ROW(INDEX(Jesper!AH$2:AH$366,ROUNDDOWN($C8004/24,0)+1,1))-1)+IF('Standard Profiles'!$G$18=$B$10,7,0)+IF('Standard Profiles'!$G$18=$B$17,14,0)+IF('Standard Profiles'!$G$18=$B$24,21,0),MOD($C8004,24)+1)/SUM(INDEX($D$3:$AA$30,INDEX(Jesper!$R$2:$R$366,ROW(INDEX(Jesper!AH$2:AH$366,ROUNDDOWN($C8004/24,0)+1,1))-1)+IF('Standard Profiles'!$G$18=$B$10,7,0)+IF('Standard Profiles'!$G$18=$B$17,14,0)+IF('Standard Profiles'!$G$18=$B$24,21,0),0)),0)</f>
        <v>6.2581892301962911</v>
      </c>
      <c r="E8004" cm="1">
        <f t="array" ref="E8004">IFERROR(INDEX(Jesper!AI$2:AI$366,ROUNDDOWN($C8004/24,0)+1,1)*INDEX($D$3:$AA$30,INDEX(Jesper!$R$2:$R$366,ROW(INDEX(Jesper!AI$2:AI$366,ROUNDDOWN($C8004/24,0)+1,1))-1)+IF('Standard Profiles'!$G$19=$B$10,7,0)+IF('Standard Profiles'!$G$19=$B$17,14,0)+IF('Standard Profiles'!$G$19=$B$24,21,0),MOD($C8004,24)+1)/SUM(INDEX($D$3:$AA$30,INDEX(Jesper!$R$2:$R$366,ROW(INDEX(Jesper!AI$2:AI$366,ROUNDDOWN($C8004/24,0)+1,1))-1)+IF('Standard Profiles'!$G$19=$B$10,7,0)+IF('Standard Profiles'!$G$19=$B$17,14,0)+IF('Standard Profiles'!$G$19=$B$24,21,0),0)),0)</f>
        <v>8.071451207103312</v>
      </c>
      <c r="F8004" cm="1">
        <f t="array" ref="F8004">IFERROR(INDEX(Jesper!AJ$2:AJ$366,ROUNDDOWN($C8004/24,0)+1,1)*INDEX($D$3:$AA$30,INDEX(Jesper!$R$2:$R$366,ROW(INDEX(Jesper!AJ$2:AJ$366,ROUNDDOWN($C8004/24,0)+1,1))-1)+IF('Standard Profiles'!$G$20=$B$10,7,0)+IF('Standard Profiles'!$G$20=$B$17,14,0)+IF('Standard Profiles'!$G$20=$B$24,21,0),MOD($C8004,24)+1)/SUM(INDEX($D$3:$AA$30,INDEX(Jesper!$R$2:$R$366,ROW(INDEX(Jesper!AJ$2:AJ$366,ROUNDDOWN($C8004/24,0)+1,1))-1)+IF('Standard Profiles'!$G$20=$B$10,7,0)+IF('Standard Profiles'!$G$20=$B$17,14,0)+IF('Standard Profiles'!$G$20=$B$24,21,0),0)),0)</f>
        <v>0</v>
      </c>
      <c r="G8004" cm="1">
        <f t="array" ref="G8004">IFERROR(INDEX(Jesper!AK$2:AK$366,ROUNDDOWN($C8004/24,0)+1,1)*INDEX($D$3:$AA$30,INDEX(Jesper!$R$2:$R$366,ROW(INDEX(Jesper!AK$2:AK$366,ROUNDDOWN($C8004/24,0)+1,1))-1)+IF('Standard Profiles'!$G$21=$B$10,7,0)+IF('Standard Profiles'!$G$21=$B$17,14,0)+IF('Standard Profiles'!$G$21=$B$24,21,0),MOD($C8004,24)+1)/SUM(INDEX($D$3:$AA$30,INDEX(Jesper!$R$2:$R$366,ROW(INDEX(Jesper!AK$2:AK$366,ROUNDDOWN($C8004/24,0)+1,1))-1)+IF('Standard Profiles'!$G$21=$B$10,7,0)+IF('Standard Profiles'!$G$21=$B$17,14,0)+IF('Standard Profiles'!$G$21=$B$24,21,0),0)),0)</f>
        <v>11.222294148612111</v>
      </c>
      <c r="H8004" cm="1">
        <f t="array" ref="H8004">IFERROR(INDEX(Jesper!AL$2:AL$366,ROUNDDOWN($C8004/24,0)+1,1)*INDEX($D$3:$AA$30,INDEX(Jesper!$R$2:$R$366,ROW(INDEX(Jesper!AL$2:AL$366,ROUNDDOWN($C8004/24,0)+1,1))-1)+IF('Standard Profiles'!$G$22=$B$10,7,0)+IF('Standard Profiles'!$G$22=$B$17,14,0)+IF('Standard Profiles'!$G$22=$B$24,21,0),MOD($C8004,24)+1)/SUM(INDEX($D$3:$AA$30,INDEX(Jesper!$R$2:$R$366,ROW(INDEX(Jesper!AL$2:AL$366,ROUNDDOWN($C8004/24,0)+1,1))-1)+IF('Standard Profiles'!$G$22=$B$10,7,0)+IF('Standard Profiles'!$G$22=$B$17,14,0)+IF('Standard Profiles'!$G$22=$B$24,21,0),0)),0)</f>
        <v>0</v>
      </c>
      <c r="I8004">
        <f t="shared" si="888"/>
        <v>5.3867011913338105</v>
      </c>
      <c r="J8004">
        <f t="shared" si="889"/>
        <v>19.163923117746496</v>
      </c>
      <c r="K8004">
        <f t="shared" si="890"/>
        <v>0.66754018455427111</v>
      </c>
      <c r="L8004">
        <f t="shared" si="891"/>
        <v>0.33377009227713555</v>
      </c>
      <c r="M8004">
        <f t="shared" si="892"/>
        <v>0</v>
      </c>
      <c r="N8004" s="45">
        <f t="shared" si="893"/>
        <v>45259.083333314004</v>
      </c>
    </row>
    <row r="8005" spans="2:14" x14ac:dyDescent="0.25">
      <c r="B8005">
        <f t="shared" si="887"/>
        <v>3</v>
      </c>
      <c r="C8005" s="16">
        <v>7971</v>
      </c>
      <c r="D8005" cm="1">
        <f t="array" ref="D8005">IFERROR(INDEX(Jesper!AH$2:AH$366,ROUNDDOWN($C8005/24,0)+1,1)*INDEX($D$3:$AA$30,INDEX(Jesper!$R$2:$R$366,ROW(INDEX(Jesper!AH$2:AH$366,ROUNDDOWN($C8005/24,0)+1,1))-1)+IF('Standard Profiles'!$G$18=$B$10,7,0)+IF('Standard Profiles'!$G$18=$B$17,14,0)+IF('Standard Profiles'!$G$18=$B$24,21,0),MOD($C8005,24)+1)/SUM(INDEX($D$3:$AA$30,INDEX(Jesper!$R$2:$R$366,ROW(INDEX(Jesper!AH$2:AH$366,ROUNDDOWN($C8005/24,0)+1,1))-1)+IF('Standard Profiles'!$G$18=$B$10,7,0)+IF('Standard Profiles'!$G$18=$B$17,14,0)+IF('Standard Profiles'!$G$18=$B$24,21,0),0)),0)</f>
        <v>6.2581892301962911</v>
      </c>
      <c r="E8005" cm="1">
        <f t="array" ref="E8005">IFERROR(INDEX(Jesper!AI$2:AI$366,ROUNDDOWN($C8005/24,0)+1,1)*INDEX($D$3:$AA$30,INDEX(Jesper!$R$2:$R$366,ROW(INDEX(Jesper!AI$2:AI$366,ROUNDDOWN($C8005/24,0)+1,1))-1)+IF('Standard Profiles'!$G$19=$B$10,7,0)+IF('Standard Profiles'!$G$19=$B$17,14,0)+IF('Standard Profiles'!$G$19=$B$24,21,0),MOD($C8005,24)+1)/SUM(INDEX($D$3:$AA$30,INDEX(Jesper!$R$2:$R$366,ROW(INDEX(Jesper!AI$2:AI$366,ROUNDDOWN($C8005/24,0)+1,1))-1)+IF('Standard Profiles'!$G$19=$B$10,7,0)+IF('Standard Profiles'!$G$19=$B$17,14,0)+IF('Standard Profiles'!$G$19=$B$24,21,0),0)),0)</f>
        <v>8.071451207103312</v>
      </c>
      <c r="F8005" cm="1">
        <f t="array" ref="F8005">IFERROR(INDEX(Jesper!AJ$2:AJ$366,ROUNDDOWN($C8005/24,0)+1,1)*INDEX($D$3:$AA$30,INDEX(Jesper!$R$2:$R$366,ROW(INDEX(Jesper!AJ$2:AJ$366,ROUNDDOWN($C8005/24,0)+1,1))-1)+IF('Standard Profiles'!$G$20=$B$10,7,0)+IF('Standard Profiles'!$G$20=$B$17,14,0)+IF('Standard Profiles'!$G$20=$B$24,21,0),MOD($C8005,24)+1)/SUM(INDEX($D$3:$AA$30,INDEX(Jesper!$R$2:$R$366,ROW(INDEX(Jesper!AJ$2:AJ$366,ROUNDDOWN($C8005/24,0)+1,1))-1)+IF('Standard Profiles'!$G$20=$B$10,7,0)+IF('Standard Profiles'!$G$20=$B$17,14,0)+IF('Standard Profiles'!$G$20=$B$24,21,0),0)),0)</f>
        <v>0</v>
      </c>
      <c r="G8005" cm="1">
        <f t="array" ref="G8005">IFERROR(INDEX(Jesper!AK$2:AK$366,ROUNDDOWN($C8005/24,0)+1,1)*INDEX($D$3:$AA$30,INDEX(Jesper!$R$2:$R$366,ROW(INDEX(Jesper!AK$2:AK$366,ROUNDDOWN($C8005/24,0)+1,1))-1)+IF('Standard Profiles'!$G$21=$B$10,7,0)+IF('Standard Profiles'!$G$21=$B$17,14,0)+IF('Standard Profiles'!$G$21=$B$24,21,0),MOD($C8005,24)+1)/SUM(INDEX($D$3:$AA$30,INDEX(Jesper!$R$2:$R$366,ROW(INDEX(Jesper!AK$2:AK$366,ROUNDDOWN($C8005/24,0)+1,1))-1)+IF('Standard Profiles'!$G$21=$B$10,7,0)+IF('Standard Profiles'!$G$21=$B$17,14,0)+IF('Standard Profiles'!$G$21=$B$24,21,0),0)),0)</f>
        <v>11.222294148612111</v>
      </c>
      <c r="H8005" cm="1">
        <f t="array" ref="H8005">IFERROR(INDEX(Jesper!AL$2:AL$366,ROUNDDOWN($C8005/24,0)+1,1)*INDEX($D$3:$AA$30,INDEX(Jesper!$R$2:$R$366,ROW(INDEX(Jesper!AL$2:AL$366,ROUNDDOWN($C8005/24,0)+1,1))-1)+IF('Standard Profiles'!$G$22=$B$10,7,0)+IF('Standard Profiles'!$G$22=$B$17,14,0)+IF('Standard Profiles'!$G$22=$B$24,21,0),MOD($C8005,24)+1)/SUM(INDEX($D$3:$AA$30,INDEX(Jesper!$R$2:$R$366,ROW(INDEX(Jesper!AL$2:AL$366,ROUNDDOWN($C8005/24,0)+1,1))-1)+IF('Standard Profiles'!$G$22=$B$10,7,0)+IF('Standard Profiles'!$G$22=$B$17,14,0)+IF('Standard Profiles'!$G$22=$B$24,21,0),0)),0)</f>
        <v>0</v>
      </c>
      <c r="I8005">
        <f t="shared" si="888"/>
        <v>5.3867011913338105</v>
      </c>
      <c r="J8005">
        <f t="shared" si="889"/>
        <v>19.163923117746496</v>
      </c>
      <c r="K8005">
        <f t="shared" si="890"/>
        <v>0.66754018455427111</v>
      </c>
      <c r="L8005">
        <f t="shared" si="891"/>
        <v>0.33377009227713555</v>
      </c>
      <c r="M8005">
        <f t="shared" si="892"/>
        <v>0</v>
      </c>
      <c r="N8005" s="45">
        <f t="shared" si="893"/>
        <v>45259.124999980668</v>
      </c>
    </row>
    <row r="8006" spans="2:14" x14ac:dyDescent="0.25">
      <c r="B8006">
        <f t="shared" si="887"/>
        <v>3</v>
      </c>
      <c r="C8006" s="16">
        <v>7972</v>
      </c>
      <c r="D8006" cm="1">
        <f t="array" ref="D8006">IFERROR(INDEX(Jesper!AH$2:AH$366,ROUNDDOWN($C8006/24,0)+1,1)*INDEX($D$3:$AA$30,INDEX(Jesper!$R$2:$R$366,ROW(INDEX(Jesper!AH$2:AH$366,ROUNDDOWN($C8006/24,0)+1,1))-1)+IF('Standard Profiles'!$G$18=$B$10,7,0)+IF('Standard Profiles'!$G$18=$B$17,14,0)+IF('Standard Profiles'!$G$18=$B$24,21,0),MOD($C8006,24)+1)/SUM(INDEX($D$3:$AA$30,INDEX(Jesper!$R$2:$R$366,ROW(INDEX(Jesper!AH$2:AH$366,ROUNDDOWN($C8006/24,0)+1,1))-1)+IF('Standard Profiles'!$G$18=$B$10,7,0)+IF('Standard Profiles'!$G$18=$B$17,14,0)+IF('Standard Profiles'!$G$18=$B$24,21,0),0)),0)</f>
        <v>6.2581892301962911</v>
      </c>
      <c r="E8006" cm="1">
        <f t="array" ref="E8006">IFERROR(INDEX(Jesper!AI$2:AI$366,ROUNDDOWN($C8006/24,0)+1,1)*INDEX($D$3:$AA$30,INDEX(Jesper!$R$2:$R$366,ROW(INDEX(Jesper!AI$2:AI$366,ROUNDDOWN($C8006/24,0)+1,1))-1)+IF('Standard Profiles'!$G$19=$B$10,7,0)+IF('Standard Profiles'!$G$19=$B$17,14,0)+IF('Standard Profiles'!$G$19=$B$24,21,0),MOD($C8006,24)+1)/SUM(INDEX($D$3:$AA$30,INDEX(Jesper!$R$2:$R$366,ROW(INDEX(Jesper!AI$2:AI$366,ROUNDDOWN($C8006/24,0)+1,1))-1)+IF('Standard Profiles'!$G$19=$B$10,7,0)+IF('Standard Profiles'!$G$19=$B$17,14,0)+IF('Standard Profiles'!$G$19=$B$24,21,0),0)),0)</f>
        <v>8.071451207103312</v>
      </c>
      <c r="F8006" cm="1">
        <f t="array" ref="F8006">IFERROR(INDEX(Jesper!AJ$2:AJ$366,ROUNDDOWN($C8006/24,0)+1,1)*INDEX($D$3:$AA$30,INDEX(Jesper!$R$2:$R$366,ROW(INDEX(Jesper!AJ$2:AJ$366,ROUNDDOWN($C8006/24,0)+1,1))-1)+IF('Standard Profiles'!$G$20=$B$10,7,0)+IF('Standard Profiles'!$G$20=$B$17,14,0)+IF('Standard Profiles'!$G$20=$B$24,21,0),MOD($C8006,24)+1)/SUM(INDEX($D$3:$AA$30,INDEX(Jesper!$R$2:$R$366,ROW(INDEX(Jesper!AJ$2:AJ$366,ROUNDDOWN($C8006/24,0)+1,1))-1)+IF('Standard Profiles'!$G$20=$B$10,7,0)+IF('Standard Profiles'!$G$20=$B$17,14,0)+IF('Standard Profiles'!$G$20=$B$24,21,0),0)),0)</f>
        <v>0</v>
      </c>
      <c r="G8006" cm="1">
        <f t="array" ref="G8006">IFERROR(INDEX(Jesper!AK$2:AK$366,ROUNDDOWN($C8006/24,0)+1,1)*INDEX($D$3:$AA$30,INDEX(Jesper!$R$2:$R$366,ROW(INDEX(Jesper!AK$2:AK$366,ROUNDDOWN($C8006/24,0)+1,1))-1)+IF('Standard Profiles'!$G$21=$B$10,7,0)+IF('Standard Profiles'!$G$21=$B$17,14,0)+IF('Standard Profiles'!$G$21=$B$24,21,0),MOD($C8006,24)+1)/SUM(INDEX($D$3:$AA$30,INDEX(Jesper!$R$2:$R$366,ROW(INDEX(Jesper!AK$2:AK$366,ROUNDDOWN($C8006/24,0)+1,1))-1)+IF('Standard Profiles'!$G$21=$B$10,7,0)+IF('Standard Profiles'!$G$21=$B$17,14,0)+IF('Standard Profiles'!$G$21=$B$24,21,0),0)),0)</f>
        <v>11.222294148612111</v>
      </c>
      <c r="H8006" cm="1">
        <f t="array" ref="H8006">IFERROR(INDEX(Jesper!AL$2:AL$366,ROUNDDOWN($C8006/24,0)+1,1)*INDEX($D$3:$AA$30,INDEX(Jesper!$R$2:$R$366,ROW(INDEX(Jesper!AL$2:AL$366,ROUNDDOWN($C8006/24,0)+1,1))-1)+IF('Standard Profiles'!$G$22=$B$10,7,0)+IF('Standard Profiles'!$G$22=$B$17,14,0)+IF('Standard Profiles'!$G$22=$B$24,21,0),MOD($C8006,24)+1)/SUM(INDEX($D$3:$AA$30,INDEX(Jesper!$R$2:$R$366,ROW(INDEX(Jesper!AL$2:AL$366,ROUNDDOWN($C8006/24,0)+1,1))-1)+IF('Standard Profiles'!$G$22=$B$10,7,0)+IF('Standard Profiles'!$G$22=$B$17,14,0)+IF('Standard Profiles'!$G$22=$B$24,21,0),0)),0)</f>
        <v>0</v>
      </c>
      <c r="I8006">
        <f t="shared" si="888"/>
        <v>5.3867011913338105</v>
      </c>
      <c r="J8006">
        <f t="shared" si="889"/>
        <v>19.163923117746496</v>
      </c>
      <c r="K8006">
        <f t="shared" si="890"/>
        <v>0.66754018455427111</v>
      </c>
      <c r="L8006">
        <f t="shared" si="891"/>
        <v>0.33377009227713555</v>
      </c>
      <c r="M8006">
        <f t="shared" si="892"/>
        <v>0</v>
      </c>
      <c r="N8006" s="45">
        <f t="shared" si="893"/>
        <v>45259.166666647332</v>
      </c>
    </row>
    <row r="8007" spans="2:14" x14ac:dyDescent="0.25">
      <c r="B8007">
        <f t="shared" si="887"/>
        <v>3</v>
      </c>
      <c r="C8007" s="16">
        <v>7973</v>
      </c>
      <c r="D8007" cm="1">
        <f t="array" ref="D8007">IFERROR(INDEX(Jesper!AH$2:AH$366,ROUNDDOWN($C8007/24,0)+1,1)*INDEX($D$3:$AA$30,INDEX(Jesper!$R$2:$R$366,ROW(INDEX(Jesper!AH$2:AH$366,ROUNDDOWN($C8007/24,0)+1,1))-1)+IF('Standard Profiles'!$G$18=$B$10,7,0)+IF('Standard Profiles'!$G$18=$B$17,14,0)+IF('Standard Profiles'!$G$18=$B$24,21,0),MOD($C8007,24)+1)/SUM(INDEX($D$3:$AA$30,INDEX(Jesper!$R$2:$R$366,ROW(INDEX(Jesper!AH$2:AH$366,ROUNDDOWN($C8007/24,0)+1,1))-1)+IF('Standard Profiles'!$G$18=$B$10,7,0)+IF('Standard Profiles'!$G$18=$B$17,14,0)+IF('Standard Profiles'!$G$18=$B$24,21,0),0)),0)</f>
        <v>6.2581892301962911</v>
      </c>
      <c r="E8007" cm="1">
        <f t="array" ref="E8007">IFERROR(INDEX(Jesper!AI$2:AI$366,ROUNDDOWN($C8007/24,0)+1,1)*INDEX($D$3:$AA$30,INDEX(Jesper!$R$2:$R$366,ROW(INDEX(Jesper!AI$2:AI$366,ROUNDDOWN($C8007/24,0)+1,1))-1)+IF('Standard Profiles'!$G$19=$B$10,7,0)+IF('Standard Profiles'!$G$19=$B$17,14,0)+IF('Standard Profiles'!$G$19=$B$24,21,0),MOD($C8007,24)+1)/SUM(INDEX($D$3:$AA$30,INDEX(Jesper!$R$2:$R$366,ROW(INDEX(Jesper!AI$2:AI$366,ROUNDDOWN($C8007/24,0)+1,1))-1)+IF('Standard Profiles'!$G$19=$B$10,7,0)+IF('Standard Profiles'!$G$19=$B$17,14,0)+IF('Standard Profiles'!$G$19=$B$24,21,0),0)),0)</f>
        <v>8.071451207103312</v>
      </c>
      <c r="F8007" cm="1">
        <f t="array" ref="F8007">IFERROR(INDEX(Jesper!AJ$2:AJ$366,ROUNDDOWN($C8007/24,0)+1,1)*INDEX($D$3:$AA$30,INDEX(Jesper!$R$2:$R$366,ROW(INDEX(Jesper!AJ$2:AJ$366,ROUNDDOWN($C8007/24,0)+1,1))-1)+IF('Standard Profiles'!$G$20=$B$10,7,0)+IF('Standard Profiles'!$G$20=$B$17,14,0)+IF('Standard Profiles'!$G$20=$B$24,21,0),MOD($C8007,24)+1)/SUM(INDEX($D$3:$AA$30,INDEX(Jesper!$R$2:$R$366,ROW(INDEX(Jesper!AJ$2:AJ$366,ROUNDDOWN($C8007/24,0)+1,1))-1)+IF('Standard Profiles'!$G$20=$B$10,7,0)+IF('Standard Profiles'!$G$20=$B$17,14,0)+IF('Standard Profiles'!$G$20=$B$24,21,0),0)),0)</f>
        <v>0</v>
      </c>
      <c r="G8007" cm="1">
        <f t="array" ref="G8007">IFERROR(INDEX(Jesper!AK$2:AK$366,ROUNDDOWN($C8007/24,0)+1,1)*INDEX($D$3:$AA$30,INDEX(Jesper!$R$2:$R$366,ROW(INDEX(Jesper!AK$2:AK$366,ROUNDDOWN($C8007/24,0)+1,1))-1)+IF('Standard Profiles'!$G$21=$B$10,7,0)+IF('Standard Profiles'!$G$21=$B$17,14,0)+IF('Standard Profiles'!$G$21=$B$24,21,0),MOD($C8007,24)+1)/SUM(INDEX($D$3:$AA$30,INDEX(Jesper!$R$2:$R$366,ROW(INDEX(Jesper!AK$2:AK$366,ROUNDDOWN($C8007/24,0)+1,1))-1)+IF('Standard Profiles'!$G$21=$B$10,7,0)+IF('Standard Profiles'!$G$21=$B$17,14,0)+IF('Standard Profiles'!$G$21=$B$24,21,0),0)),0)</f>
        <v>11.222294148612111</v>
      </c>
      <c r="H8007" cm="1">
        <f t="array" ref="H8007">IFERROR(INDEX(Jesper!AL$2:AL$366,ROUNDDOWN($C8007/24,0)+1,1)*INDEX($D$3:$AA$30,INDEX(Jesper!$R$2:$R$366,ROW(INDEX(Jesper!AL$2:AL$366,ROUNDDOWN($C8007/24,0)+1,1))-1)+IF('Standard Profiles'!$G$22=$B$10,7,0)+IF('Standard Profiles'!$G$22=$B$17,14,0)+IF('Standard Profiles'!$G$22=$B$24,21,0),MOD($C8007,24)+1)/SUM(INDEX($D$3:$AA$30,INDEX(Jesper!$R$2:$R$366,ROW(INDEX(Jesper!AL$2:AL$366,ROUNDDOWN($C8007/24,0)+1,1))-1)+IF('Standard Profiles'!$G$22=$B$10,7,0)+IF('Standard Profiles'!$G$22=$B$17,14,0)+IF('Standard Profiles'!$G$22=$B$24,21,0),0)),0)</f>
        <v>0</v>
      </c>
      <c r="I8007">
        <f t="shared" si="888"/>
        <v>5.3867011913338105</v>
      </c>
      <c r="J8007">
        <f t="shared" si="889"/>
        <v>19.163923117746496</v>
      </c>
      <c r="K8007">
        <f t="shared" si="890"/>
        <v>0.66754018455427111</v>
      </c>
      <c r="L8007">
        <f t="shared" si="891"/>
        <v>0.33377009227713555</v>
      </c>
      <c r="M8007">
        <f t="shared" si="892"/>
        <v>0</v>
      </c>
      <c r="N8007" s="45">
        <f t="shared" si="893"/>
        <v>45259.208333313996</v>
      </c>
    </row>
    <row r="8008" spans="2:14" x14ac:dyDescent="0.25">
      <c r="B8008">
        <f t="shared" si="887"/>
        <v>3</v>
      </c>
      <c r="C8008" s="16">
        <v>7974</v>
      </c>
      <c r="D8008" cm="1">
        <f t="array" ref="D8008">IFERROR(INDEX(Jesper!AH$2:AH$366,ROUNDDOWN($C8008/24,0)+1,1)*INDEX($D$3:$AA$30,INDEX(Jesper!$R$2:$R$366,ROW(INDEX(Jesper!AH$2:AH$366,ROUNDDOWN($C8008/24,0)+1,1))-1)+IF('Standard Profiles'!$G$18=$B$10,7,0)+IF('Standard Profiles'!$G$18=$B$17,14,0)+IF('Standard Profiles'!$G$18=$B$24,21,0),MOD($C8008,24)+1)/SUM(INDEX($D$3:$AA$30,INDEX(Jesper!$R$2:$R$366,ROW(INDEX(Jesper!AH$2:AH$366,ROUNDDOWN($C8008/24,0)+1,1))-1)+IF('Standard Profiles'!$G$18=$B$10,7,0)+IF('Standard Profiles'!$G$18=$B$17,14,0)+IF('Standard Profiles'!$G$18=$B$24,21,0),0)),0)</f>
        <v>6.2581892301962911</v>
      </c>
      <c r="E8008" cm="1">
        <f t="array" ref="E8008">IFERROR(INDEX(Jesper!AI$2:AI$366,ROUNDDOWN($C8008/24,0)+1,1)*INDEX($D$3:$AA$30,INDEX(Jesper!$R$2:$R$366,ROW(INDEX(Jesper!AI$2:AI$366,ROUNDDOWN($C8008/24,0)+1,1))-1)+IF('Standard Profiles'!$G$19=$B$10,7,0)+IF('Standard Profiles'!$G$19=$B$17,14,0)+IF('Standard Profiles'!$G$19=$B$24,21,0),MOD($C8008,24)+1)/SUM(INDEX($D$3:$AA$30,INDEX(Jesper!$R$2:$R$366,ROW(INDEX(Jesper!AI$2:AI$366,ROUNDDOWN($C8008/24,0)+1,1))-1)+IF('Standard Profiles'!$G$19=$B$10,7,0)+IF('Standard Profiles'!$G$19=$B$17,14,0)+IF('Standard Profiles'!$G$19=$B$24,21,0),0)),0)</f>
        <v>8.071451207103312</v>
      </c>
      <c r="F8008" cm="1">
        <f t="array" ref="F8008">IFERROR(INDEX(Jesper!AJ$2:AJ$366,ROUNDDOWN($C8008/24,0)+1,1)*INDEX($D$3:$AA$30,INDEX(Jesper!$R$2:$R$366,ROW(INDEX(Jesper!AJ$2:AJ$366,ROUNDDOWN($C8008/24,0)+1,1))-1)+IF('Standard Profiles'!$G$20=$B$10,7,0)+IF('Standard Profiles'!$G$20=$B$17,14,0)+IF('Standard Profiles'!$G$20=$B$24,21,0),MOD($C8008,24)+1)/SUM(INDEX($D$3:$AA$30,INDEX(Jesper!$R$2:$R$366,ROW(INDEX(Jesper!AJ$2:AJ$366,ROUNDDOWN($C8008/24,0)+1,1))-1)+IF('Standard Profiles'!$G$20=$B$10,7,0)+IF('Standard Profiles'!$G$20=$B$17,14,0)+IF('Standard Profiles'!$G$20=$B$24,21,0),0)),0)</f>
        <v>0</v>
      </c>
      <c r="G8008" cm="1">
        <f t="array" ref="G8008">IFERROR(INDEX(Jesper!AK$2:AK$366,ROUNDDOWN($C8008/24,0)+1,1)*INDEX($D$3:$AA$30,INDEX(Jesper!$R$2:$R$366,ROW(INDEX(Jesper!AK$2:AK$366,ROUNDDOWN($C8008/24,0)+1,1))-1)+IF('Standard Profiles'!$G$21=$B$10,7,0)+IF('Standard Profiles'!$G$21=$B$17,14,0)+IF('Standard Profiles'!$G$21=$B$24,21,0),MOD($C8008,24)+1)/SUM(INDEX($D$3:$AA$30,INDEX(Jesper!$R$2:$R$366,ROW(INDEX(Jesper!AK$2:AK$366,ROUNDDOWN($C8008/24,0)+1,1))-1)+IF('Standard Profiles'!$G$21=$B$10,7,0)+IF('Standard Profiles'!$G$21=$B$17,14,0)+IF('Standard Profiles'!$G$21=$B$24,21,0),0)),0)</f>
        <v>11.222294148612111</v>
      </c>
      <c r="H8008" cm="1">
        <f t="array" ref="H8008">IFERROR(INDEX(Jesper!AL$2:AL$366,ROUNDDOWN($C8008/24,0)+1,1)*INDEX($D$3:$AA$30,INDEX(Jesper!$R$2:$R$366,ROW(INDEX(Jesper!AL$2:AL$366,ROUNDDOWN($C8008/24,0)+1,1))-1)+IF('Standard Profiles'!$G$22=$B$10,7,0)+IF('Standard Profiles'!$G$22=$B$17,14,0)+IF('Standard Profiles'!$G$22=$B$24,21,0),MOD($C8008,24)+1)/SUM(INDEX($D$3:$AA$30,INDEX(Jesper!$R$2:$R$366,ROW(INDEX(Jesper!AL$2:AL$366,ROUNDDOWN($C8008/24,0)+1,1))-1)+IF('Standard Profiles'!$G$22=$B$10,7,0)+IF('Standard Profiles'!$G$22=$B$17,14,0)+IF('Standard Profiles'!$G$22=$B$24,21,0),0)),0)</f>
        <v>0</v>
      </c>
      <c r="I8008">
        <f t="shared" si="888"/>
        <v>5.3867011913338105</v>
      </c>
      <c r="J8008">
        <f t="shared" si="889"/>
        <v>19.163923117746496</v>
      </c>
      <c r="K8008">
        <f t="shared" si="890"/>
        <v>0.66754018455427111</v>
      </c>
      <c r="L8008">
        <f t="shared" si="891"/>
        <v>0.33377009227713555</v>
      </c>
      <c r="M8008">
        <f t="shared" si="892"/>
        <v>0</v>
      </c>
      <c r="N8008" s="45">
        <f t="shared" si="893"/>
        <v>45259.249999980661</v>
      </c>
    </row>
    <row r="8009" spans="2:14" x14ac:dyDescent="0.25">
      <c r="B8009">
        <f t="shared" si="887"/>
        <v>3</v>
      </c>
      <c r="C8009" s="16">
        <v>7975</v>
      </c>
      <c r="D8009" cm="1">
        <f t="array" ref="D8009">IFERROR(INDEX(Jesper!AH$2:AH$366,ROUNDDOWN($C8009/24,0)+1,1)*INDEX($D$3:$AA$30,INDEX(Jesper!$R$2:$R$366,ROW(INDEX(Jesper!AH$2:AH$366,ROUNDDOWN($C8009/24,0)+1,1))-1)+IF('Standard Profiles'!$G$18=$B$10,7,0)+IF('Standard Profiles'!$G$18=$B$17,14,0)+IF('Standard Profiles'!$G$18=$B$24,21,0),MOD($C8009,24)+1)/SUM(INDEX($D$3:$AA$30,INDEX(Jesper!$R$2:$R$366,ROW(INDEX(Jesper!AH$2:AH$366,ROUNDDOWN($C8009/24,0)+1,1))-1)+IF('Standard Profiles'!$G$18=$B$10,7,0)+IF('Standard Profiles'!$G$18=$B$17,14,0)+IF('Standard Profiles'!$G$18=$B$24,21,0),0)),0)</f>
        <v>25.582719004650894</v>
      </c>
      <c r="E8009" cm="1">
        <f t="array" ref="E8009">IFERROR(INDEX(Jesper!AI$2:AI$366,ROUNDDOWN($C8009/24,0)+1,1)*INDEX($D$3:$AA$30,INDEX(Jesper!$R$2:$R$366,ROW(INDEX(Jesper!AI$2:AI$366,ROUNDDOWN($C8009/24,0)+1,1))-1)+IF('Standard Profiles'!$G$19=$B$10,7,0)+IF('Standard Profiles'!$G$19=$B$17,14,0)+IF('Standard Profiles'!$G$19=$B$24,21,0),MOD($C8009,24)+1)/SUM(INDEX($D$3:$AA$30,INDEX(Jesper!$R$2:$R$366,ROW(INDEX(Jesper!AI$2:AI$366,ROUNDDOWN($C8009/24,0)+1,1))-1)+IF('Standard Profiles'!$G$19=$B$10,7,0)+IF('Standard Profiles'!$G$19=$B$17,14,0)+IF('Standard Profiles'!$G$19=$B$24,21,0),0)),0)</f>
        <v>32.99511417691626</v>
      </c>
      <c r="F8009" cm="1">
        <f t="array" ref="F8009">IFERROR(INDEX(Jesper!AJ$2:AJ$366,ROUNDDOWN($C8009/24,0)+1,1)*INDEX($D$3:$AA$30,INDEX(Jesper!$R$2:$R$366,ROW(INDEX(Jesper!AJ$2:AJ$366,ROUNDDOWN($C8009/24,0)+1,1))-1)+IF('Standard Profiles'!$G$20=$B$10,7,0)+IF('Standard Profiles'!$G$20=$B$17,14,0)+IF('Standard Profiles'!$G$20=$B$24,21,0),MOD($C8009,24)+1)/SUM(INDEX($D$3:$AA$30,INDEX(Jesper!$R$2:$R$366,ROW(INDEX(Jesper!AJ$2:AJ$366,ROUNDDOWN($C8009/24,0)+1,1))-1)+IF('Standard Profiles'!$G$20=$B$10,7,0)+IF('Standard Profiles'!$G$20=$B$17,14,0)+IF('Standard Profiles'!$G$20=$B$24,21,0),0)),0)</f>
        <v>0</v>
      </c>
      <c r="G8009" cm="1">
        <f t="array" ref="G8009">IFERROR(INDEX(Jesper!AK$2:AK$366,ROUNDDOWN($C8009/24,0)+1,1)*INDEX($D$3:$AA$30,INDEX(Jesper!$R$2:$R$366,ROW(INDEX(Jesper!AK$2:AK$366,ROUNDDOWN($C8009/24,0)+1,1))-1)+IF('Standard Profiles'!$G$21=$B$10,7,0)+IF('Standard Profiles'!$G$21=$B$17,14,0)+IF('Standard Profiles'!$G$21=$B$24,21,0),MOD($C8009,24)+1)/SUM(INDEX($D$3:$AA$30,INDEX(Jesper!$R$2:$R$366,ROW(INDEX(Jesper!AK$2:AK$366,ROUNDDOWN($C8009/24,0)+1,1))-1)+IF('Standard Profiles'!$G$21=$B$10,7,0)+IF('Standard Profiles'!$G$21=$B$17,14,0)+IF('Standard Profiles'!$G$21=$B$24,21,0),0)),0)</f>
        <v>30.917420379426364</v>
      </c>
      <c r="H8009" cm="1">
        <f t="array" ref="H8009">IFERROR(INDEX(Jesper!AL$2:AL$366,ROUNDDOWN($C8009/24,0)+1,1)*INDEX($D$3:$AA$30,INDEX(Jesper!$R$2:$R$366,ROW(INDEX(Jesper!AL$2:AL$366,ROUNDDOWN($C8009/24,0)+1,1))-1)+IF('Standard Profiles'!$G$22=$B$10,7,0)+IF('Standard Profiles'!$G$22=$B$17,14,0)+IF('Standard Profiles'!$G$22=$B$24,21,0),MOD($C8009,24)+1)/SUM(INDEX($D$3:$AA$30,INDEX(Jesper!$R$2:$R$366,ROW(INDEX(Jesper!AL$2:AL$366,ROUNDDOWN($C8009/24,0)+1,1))-1)+IF('Standard Profiles'!$G$22=$B$10,7,0)+IF('Standard Profiles'!$G$22=$B$17,14,0)+IF('Standard Profiles'!$G$22=$B$24,21,0),0)),0)</f>
        <v>0</v>
      </c>
      <c r="I8009">
        <f t="shared" si="888"/>
        <v>14.840361782124647</v>
      </c>
      <c r="J8009">
        <f t="shared" si="889"/>
        <v>70.561656738124725</v>
      </c>
      <c r="K8009">
        <f t="shared" si="890"/>
        <v>2.7288233604960954</v>
      </c>
      <c r="L8009">
        <f t="shared" si="891"/>
        <v>1.3644116802480477</v>
      </c>
      <c r="M8009">
        <f t="shared" si="892"/>
        <v>0</v>
      </c>
      <c r="N8009" s="45">
        <f t="shared" si="893"/>
        <v>45259.291666647325</v>
      </c>
    </row>
    <row r="8010" spans="2:14" x14ac:dyDescent="0.25">
      <c r="B8010">
        <f t="shared" si="887"/>
        <v>3</v>
      </c>
      <c r="C8010" s="16">
        <v>7976</v>
      </c>
      <c r="D8010" cm="1">
        <f t="array" ref="D8010">IFERROR(INDEX(Jesper!AH$2:AH$366,ROUNDDOWN($C8010/24,0)+1,1)*INDEX($D$3:$AA$30,INDEX(Jesper!$R$2:$R$366,ROW(INDEX(Jesper!AH$2:AH$366,ROUNDDOWN($C8010/24,0)+1,1))-1)+IF('Standard Profiles'!$G$18=$B$10,7,0)+IF('Standard Profiles'!$G$18=$B$17,14,0)+IF('Standard Profiles'!$G$18=$B$24,21,0),MOD($C8010,24)+1)/SUM(INDEX($D$3:$AA$30,INDEX(Jesper!$R$2:$R$366,ROW(INDEX(Jesper!AH$2:AH$366,ROUNDDOWN($C8010/24,0)+1,1))-1)+IF('Standard Profiles'!$G$18=$B$10,7,0)+IF('Standard Profiles'!$G$18=$B$17,14,0)+IF('Standard Profiles'!$G$18=$B$24,21,0),0)),0)</f>
        <v>28.544928573610473</v>
      </c>
      <c r="E8010" cm="1">
        <f t="array" ref="E8010">IFERROR(INDEX(Jesper!AI$2:AI$366,ROUNDDOWN($C8010/24,0)+1,1)*INDEX($D$3:$AA$30,INDEX(Jesper!$R$2:$R$366,ROW(INDEX(Jesper!AI$2:AI$366,ROUNDDOWN($C8010/24,0)+1,1))-1)+IF('Standard Profiles'!$G$19=$B$10,7,0)+IF('Standard Profiles'!$G$19=$B$17,14,0)+IF('Standard Profiles'!$G$19=$B$24,21,0),MOD($C8010,24)+1)/SUM(INDEX($D$3:$AA$30,INDEX(Jesper!$R$2:$R$366,ROW(INDEX(Jesper!AI$2:AI$366,ROUNDDOWN($C8010/24,0)+1,1))-1)+IF('Standard Profiles'!$G$19=$B$10,7,0)+IF('Standard Profiles'!$G$19=$B$17,14,0)+IF('Standard Profiles'!$G$19=$B$24,21,0),0)),0)</f>
        <v>36.815601081611831</v>
      </c>
      <c r="F8010" cm="1">
        <f t="array" ref="F8010">IFERROR(INDEX(Jesper!AJ$2:AJ$366,ROUNDDOWN($C8010/24,0)+1,1)*INDEX($D$3:$AA$30,INDEX(Jesper!$R$2:$R$366,ROW(INDEX(Jesper!AJ$2:AJ$366,ROUNDDOWN($C8010/24,0)+1,1))-1)+IF('Standard Profiles'!$G$20=$B$10,7,0)+IF('Standard Profiles'!$G$20=$B$17,14,0)+IF('Standard Profiles'!$G$20=$B$24,21,0),MOD($C8010,24)+1)/SUM(INDEX($D$3:$AA$30,INDEX(Jesper!$R$2:$R$366,ROW(INDEX(Jesper!AJ$2:AJ$366,ROUNDDOWN($C8010/24,0)+1,1))-1)+IF('Standard Profiles'!$G$20=$B$10,7,0)+IF('Standard Profiles'!$G$20=$B$17,14,0)+IF('Standard Profiles'!$G$20=$B$24,21,0),0)),0)</f>
        <v>0</v>
      </c>
      <c r="G8010" cm="1">
        <f t="array" ref="G8010">IFERROR(INDEX(Jesper!AK$2:AK$366,ROUNDDOWN($C8010/24,0)+1,1)*INDEX($D$3:$AA$30,INDEX(Jesper!$R$2:$R$366,ROW(INDEX(Jesper!AK$2:AK$366,ROUNDDOWN($C8010/24,0)+1,1))-1)+IF('Standard Profiles'!$G$21=$B$10,7,0)+IF('Standard Profiles'!$G$21=$B$17,14,0)+IF('Standard Profiles'!$G$21=$B$24,21,0),MOD($C8010,24)+1)/SUM(INDEX($D$3:$AA$30,INDEX(Jesper!$R$2:$R$366,ROW(INDEX(Jesper!AK$2:AK$366,ROUNDDOWN($C8010/24,0)+1,1))-1)+IF('Standard Profiles'!$G$21=$B$10,7,0)+IF('Standard Profiles'!$G$21=$B$17,14,0)+IF('Standard Profiles'!$G$21=$B$24,21,0),0)),0)</f>
        <v>34.497332212833626</v>
      </c>
      <c r="H8010" cm="1">
        <f t="array" ref="H8010">IFERROR(INDEX(Jesper!AL$2:AL$366,ROUNDDOWN($C8010/24,0)+1,1)*INDEX($D$3:$AA$30,INDEX(Jesper!$R$2:$R$366,ROW(INDEX(Jesper!AL$2:AL$366,ROUNDDOWN($C8010/24,0)+1,1))-1)+IF('Standard Profiles'!$G$22=$B$10,7,0)+IF('Standard Profiles'!$G$22=$B$17,14,0)+IF('Standard Profiles'!$G$22=$B$24,21,0),MOD($C8010,24)+1)/SUM(INDEX($D$3:$AA$30,INDEX(Jesper!$R$2:$R$366,ROW(INDEX(Jesper!AL$2:AL$366,ROUNDDOWN($C8010/24,0)+1,1))-1)+IF('Standard Profiles'!$G$22=$B$10,7,0)+IF('Standard Profiles'!$G$22=$B$17,14,0)+IF('Standard Profiles'!$G$22=$B$24,21,0),0)),0)</f>
        <v>0</v>
      </c>
      <c r="I8010">
        <f t="shared" si="888"/>
        <v>16.558719462160134</v>
      </c>
      <c r="J8010">
        <f t="shared" si="889"/>
        <v>78.731953834118116</v>
      </c>
      <c r="K8010">
        <f t="shared" si="890"/>
        <v>3.0447923811851174</v>
      </c>
      <c r="L8010">
        <f t="shared" si="891"/>
        <v>1.5223961905925587</v>
      </c>
      <c r="M8010">
        <f t="shared" si="892"/>
        <v>0</v>
      </c>
      <c r="N8010" s="45">
        <f t="shared" si="893"/>
        <v>45259.333333313989</v>
      </c>
    </row>
    <row r="8011" spans="2:14" x14ac:dyDescent="0.25">
      <c r="B8011">
        <f t="shared" si="887"/>
        <v>3</v>
      </c>
      <c r="C8011" s="16">
        <v>7977</v>
      </c>
      <c r="D8011" cm="1">
        <f t="array" ref="D8011">IFERROR(INDEX(Jesper!AH$2:AH$366,ROUNDDOWN($C8011/24,0)+1,1)*INDEX($D$3:$AA$30,INDEX(Jesper!$R$2:$R$366,ROW(INDEX(Jesper!AH$2:AH$366,ROUNDDOWN($C8011/24,0)+1,1))-1)+IF('Standard Profiles'!$G$18=$B$10,7,0)+IF('Standard Profiles'!$G$18=$B$17,14,0)+IF('Standard Profiles'!$G$18=$B$24,21,0),MOD($C8011,24)+1)/SUM(INDEX($D$3:$AA$30,INDEX(Jesper!$R$2:$R$366,ROW(INDEX(Jesper!AH$2:AH$366,ROUNDDOWN($C8011/24,0)+1,1))-1)+IF('Standard Profiles'!$G$18=$B$10,7,0)+IF('Standard Profiles'!$G$18=$B$17,14,0)+IF('Standard Profiles'!$G$18=$B$24,21,0),0)),0)</f>
        <v>31.507138142570053</v>
      </c>
      <c r="E8011" cm="1">
        <f t="array" ref="E8011">IFERROR(INDEX(Jesper!AI$2:AI$366,ROUNDDOWN($C8011/24,0)+1,1)*INDEX($D$3:$AA$30,INDEX(Jesper!$R$2:$R$366,ROW(INDEX(Jesper!AI$2:AI$366,ROUNDDOWN($C8011/24,0)+1,1))-1)+IF('Standard Profiles'!$G$19=$B$10,7,0)+IF('Standard Profiles'!$G$19=$B$17,14,0)+IF('Standard Profiles'!$G$19=$B$24,21,0),MOD($C8011,24)+1)/SUM(INDEX($D$3:$AA$30,INDEX(Jesper!$R$2:$R$366,ROW(INDEX(Jesper!AI$2:AI$366,ROUNDDOWN($C8011/24,0)+1,1))-1)+IF('Standard Profiles'!$G$19=$B$10,7,0)+IF('Standard Profiles'!$G$19=$B$17,14,0)+IF('Standard Profiles'!$G$19=$B$24,21,0),0)),0)</f>
        <v>40.636087986307395</v>
      </c>
      <c r="F8011" cm="1">
        <f t="array" ref="F8011">IFERROR(INDEX(Jesper!AJ$2:AJ$366,ROUNDDOWN($C8011/24,0)+1,1)*INDEX($D$3:$AA$30,INDEX(Jesper!$R$2:$R$366,ROW(INDEX(Jesper!AJ$2:AJ$366,ROUNDDOWN($C8011/24,0)+1,1))-1)+IF('Standard Profiles'!$G$20=$B$10,7,0)+IF('Standard Profiles'!$G$20=$B$17,14,0)+IF('Standard Profiles'!$G$20=$B$24,21,0),MOD($C8011,24)+1)/SUM(INDEX($D$3:$AA$30,INDEX(Jesper!$R$2:$R$366,ROW(INDEX(Jesper!AJ$2:AJ$366,ROUNDDOWN($C8011/24,0)+1,1))-1)+IF('Standard Profiles'!$G$20=$B$10,7,0)+IF('Standard Profiles'!$G$20=$B$17,14,0)+IF('Standard Profiles'!$G$20=$B$24,21,0),0)),0)</f>
        <v>0</v>
      </c>
      <c r="G8011" cm="1">
        <f t="array" ref="G8011">IFERROR(INDEX(Jesper!AK$2:AK$366,ROUNDDOWN($C8011/24,0)+1,1)*INDEX($D$3:$AA$30,INDEX(Jesper!$R$2:$R$366,ROW(INDEX(Jesper!AK$2:AK$366,ROUNDDOWN($C8011/24,0)+1,1))-1)+IF('Standard Profiles'!$G$21=$B$10,7,0)+IF('Standard Profiles'!$G$21=$B$17,14,0)+IF('Standard Profiles'!$G$21=$B$24,21,0),MOD($C8011,24)+1)/SUM(INDEX($D$3:$AA$30,INDEX(Jesper!$R$2:$R$366,ROW(INDEX(Jesper!AK$2:AK$366,ROUNDDOWN($C8011/24,0)+1,1))-1)+IF('Standard Profiles'!$G$21=$B$10,7,0)+IF('Standard Profiles'!$G$21=$B$17,14,0)+IF('Standard Profiles'!$G$21=$B$24,21,0),0)),0)</f>
        <v>38.077244046240892</v>
      </c>
      <c r="H8011" cm="1">
        <f t="array" ref="H8011">IFERROR(INDEX(Jesper!AL$2:AL$366,ROUNDDOWN($C8011/24,0)+1,1)*INDEX($D$3:$AA$30,INDEX(Jesper!$R$2:$R$366,ROW(INDEX(Jesper!AL$2:AL$366,ROUNDDOWN($C8011/24,0)+1,1))-1)+IF('Standard Profiles'!$G$22=$B$10,7,0)+IF('Standard Profiles'!$G$22=$B$17,14,0)+IF('Standard Profiles'!$G$22=$B$24,21,0),MOD($C8011,24)+1)/SUM(INDEX($D$3:$AA$30,INDEX(Jesper!$R$2:$R$366,ROW(INDEX(Jesper!AL$2:AL$366,ROUNDDOWN($C8011/24,0)+1,1))-1)+IF('Standard Profiles'!$G$22=$B$10,7,0)+IF('Standard Profiles'!$G$22=$B$17,14,0)+IF('Standard Profiles'!$G$22=$B$24,21,0),0)),0)</f>
        <v>0</v>
      </c>
      <c r="I8011">
        <f t="shared" si="888"/>
        <v>18.277077142195619</v>
      </c>
      <c r="J8011">
        <f t="shared" si="889"/>
        <v>86.902250930111506</v>
      </c>
      <c r="K8011">
        <f t="shared" si="890"/>
        <v>3.3607614018741394</v>
      </c>
      <c r="L8011">
        <f t="shared" si="891"/>
        <v>1.6803807009370697</v>
      </c>
      <c r="M8011">
        <f t="shared" si="892"/>
        <v>0</v>
      </c>
      <c r="N8011" s="45">
        <f t="shared" si="893"/>
        <v>45259.374999980653</v>
      </c>
    </row>
    <row r="8012" spans="2:14" x14ac:dyDescent="0.25">
      <c r="B8012">
        <f t="shared" si="887"/>
        <v>3</v>
      </c>
      <c r="C8012" s="16">
        <v>7978</v>
      </c>
      <c r="D8012" cm="1">
        <f t="array" ref="D8012">IFERROR(INDEX(Jesper!AH$2:AH$366,ROUNDDOWN($C8012/24,0)+1,1)*INDEX($D$3:$AA$30,INDEX(Jesper!$R$2:$R$366,ROW(INDEX(Jesper!AH$2:AH$366,ROUNDDOWN($C8012/24,0)+1,1))-1)+IF('Standard Profiles'!$G$18=$B$10,7,0)+IF('Standard Profiles'!$G$18=$B$17,14,0)+IF('Standard Profiles'!$G$18=$B$24,21,0),MOD($C8012,24)+1)/SUM(INDEX($D$3:$AA$30,INDEX(Jesper!$R$2:$R$366,ROW(INDEX(Jesper!AH$2:AH$366,ROUNDDOWN($C8012/24,0)+1,1))-1)+IF('Standard Profiles'!$G$18=$B$10,7,0)+IF('Standard Profiles'!$G$18=$B$17,14,0)+IF('Standard Profiles'!$G$18=$B$24,21,0),0)),0)</f>
        <v>31.507138142570053</v>
      </c>
      <c r="E8012" cm="1">
        <f t="array" ref="E8012">IFERROR(INDEX(Jesper!AI$2:AI$366,ROUNDDOWN($C8012/24,0)+1,1)*INDEX($D$3:$AA$30,INDEX(Jesper!$R$2:$R$366,ROW(INDEX(Jesper!AI$2:AI$366,ROUNDDOWN($C8012/24,0)+1,1))-1)+IF('Standard Profiles'!$G$19=$B$10,7,0)+IF('Standard Profiles'!$G$19=$B$17,14,0)+IF('Standard Profiles'!$G$19=$B$24,21,0),MOD($C8012,24)+1)/SUM(INDEX($D$3:$AA$30,INDEX(Jesper!$R$2:$R$366,ROW(INDEX(Jesper!AI$2:AI$366,ROUNDDOWN($C8012/24,0)+1,1))-1)+IF('Standard Profiles'!$G$19=$B$10,7,0)+IF('Standard Profiles'!$G$19=$B$17,14,0)+IF('Standard Profiles'!$G$19=$B$24,21,0),0)),0)</f>
        <v>40.636087986307395</v>
      </c>
      <c r="F8012" cm="1">
        <f t="array" ref="F8012">IFERROR(INDEX(Jesper!AJ$2:AJ$366,ROUNDDOWN($C8012/24,0)+1,1)*INDEX($D$3:$AA$30,INDEX(Jesper!$R$2:$R$366,ROW(INDEX(Jesper!AJ$2:AJ$366,ROUNDDOWN($C8012/24,0)+1,1))-1)+IF('Standard Profiles'!$G$20=$B$10,7,0)+IF('Standard Profiles'!$G$20=$B$17,14,0)+IF('Standard Profiles'!$G$20=$B$24,21,0),MOD($C8012,24)+1)/SUM(INDEX($D$3:$AA$30,INDEX(Jesper!$R$2:$R$366,ROW(INDEX(Jesper!AJ$2:AJ$366,ROUNDDOWN($C8012/24,0)+1,1))-1)+IF('Standard Profiles'!$G$20=$B$10,7,0)+IF('Standard Profiles'!$G$20=$B$17,14,0)+IF('Standard Profiles'!$G$20=$B$24,21,0),0)),0)</f>
        <v>0</v>
      </c>
      <c r="G8012" cm="1">
        <f t="array" ref="G8012">IFERROR(INDEX(Jesper!AK$2:AK$366,ROUNDDOWN($C8012/24,0)+1,1)*INDEX($D$3:$AA$30,INDEX(Jesper!$R$2:$R$366,ROW(INDEX(Jesper!AK$2:AK$366,ROUNDDOWN($C8012/24,0)+1,1))-1)+IF('Standard Profiles'!$G$21=$B$10,7,0)+IF('Standard Profiles'!$G$21=$B$17,14,0)+IF('Standard Profiles'!$G$21=$B$24,21,0),MOD($C8012,24)+1)/SUM(INDEX($D$3:$AA$30,INDEX(Jesper!$R$2:$R$366,ROW(INDEX(Jesper!AK$2:AK$366,ROUNDDOWN($C8012/24,0)+1,1))-1)+IF('Standard Profiles'!$G$21=$B$10,7,0)+IF('Standard Profiles'!$G$21=$B$17,14,0)+IF('Standard Profiles'!$G$21=$B$24,21,0),0)),0)</f>
        <v>38.077244046240892</v>
      </c>
      <c r="H8012" cm="1">
        <f t="array" ref="H8012">IFERROR(INDEX(Jesper!AL$2:AL$366,ROUNDDOWN($C8012/24,0)+1,1)*INDEX($D$3:$AA$30,INDEX(Jesper!$R$2:$R$366,ROW(INDEX(Jesper!AL$2:AL$366,ROUNDDOWN($C8012/24,0)+1,1))-1)+IF('Standard Profiles'!$G$22=$B$10,7,0)+IF('Standard Profiles'!$G$22=$B$17,14,0)+IF('Standard Profiles'!$G$22=$B$24,21,0),MOD($C8012,24)+1)/SUM(INDEX($D$3:$AA$30,INDEX(Jesper!$R$2:$R$366,ROW(INDEX(Jesper!AL$2:AL$366,ROUNDDOWN($C8012/24,0)+1,1))-1)+IF('Standard Profiles'!$G$22=$B$10,7,0)+IF('Standard Profiles'!$G$22=$B$17,14,0)+IF('Standard Profiles'!$G$22=$B$24,21,0),0)),0)</f>
        <v>0</v>
      </c>
      <c r="I8012">
        <f t="shared" si="888"/>
        <v>18.277077142195619</v>
      </c>
      <c r="J8012">
        <f t="shared" si="889"/>
        <v>86.902250930111506</v>
      </c>
      <c r="K8012">
        <f t="shared" si="890"/>
        <v>3.3607614018741394</v>
      </c>
      <c r="L8012">
        <f t="shared" si="891"/>
        <v>1.6803807009370697</v>
      </c>
      <c r="M8012">
        <f t="shared" si="892"/>
        <v>0</v>
      </c>
      <c r="N8012" s="45">
        <f t="shared" si="893"/>
        <v>45259.416666647317</v>
      </c>
    </row>
    <row r="8013" spans="2:14" x14ac:dyDescent="0.25">
      <c r="B8013">
        <f t="shared" si="887"/>
        <v>3</v>
      </c>
      <c r="C8013" s="16">
        <v>7979</v>
      </c>
      <c r="D8013" cm="1">
        <f t="array" ref="D8013">IFERROR(INDEX(Jesper!AH$2:AH$366,ROUNDDOWN($C8013/24,0)+1,1)*INDEX($D$3:$AA$30,INDEX(Jesper!$R$2:$R$366,ROW(INDEX(Jesper!AH$2:AH$366,ROUNDDOWN($C8013/24,0)+1,1))-1)+IF('Standard Profiles'!$G$18=$B$10,7,0)+IF('Standard Profiles'!$G$18=$B$17,14,0)+IF('Standard Profiles'!$G$18=$B$24,21,0),MOD($C8013,24)+1)/SUM(INDEX($D$3:$AA$30,INDEX(Jesper!$R$2:$R$366,ROW(INDEX(Jesper!AH$2:AH$366,ROUNDDOWN($C8013/24,0)+1,1))-1)+IF('Standard Profiles'!$G$18=$B$10,7,0)+IF('Standard Profiles'!$G$18=$B$17,14,0)+IF('Standard Profiles'!$G$18=$B$24,21,0),0)),0)</f>
        <v>37.700849059485535</v>
      </c>
      <c r="E8013" cm="1">
        <f t="array" ref="E8013">IFERROR(INDEX(Jesper!AI$2:AI$366,ROUNDDOWN($C8013/24,0)+1,1)*INDEX($D$3:$AA$30,INDEX(Jesper!$R$2:$R$366,ROW(INDEX(Jesper!AI$2:AI$366,ROUNDDOWN($C8013/24,0)+1,1))-1)+IF('Standard Profiles'!$G$19=$B$10,7,0)+IF('Standard Profiles'!$G$19=$B$17,14,0)+IF('Standard Profiles'!$G$19=$B$24,21,0),MOD($C8013,24)+1)/SUM(INDEX($D$3:$AA$30,INDEX(Jesper!$R$2:$R$366,ROW(INDEX(Jesper!AI$2:AI$366,ROUNDDOWN($C8013/24,0)+1,1))-1)+IF('Standard Profiles'!$G$19=$B$10,7,0)+IF('Standard Profiles'!$G$19=$B$17,14,0)+IF('Standard Profiles'!$G$19=$B$24,21,0),0)),0)</f>
        <v>48.624378787034487</v>
      </c>
      <c r="F8013" cm="1">
        <f t="array" ref="F8013">IFERROR(INDEX(Jesper!AJ$2:AJ$366,ROUNDDOWN($C8013/24,0)+1,1)*INDEX($D$3:$AA$30,INDEX(Jesper!$R$2:$R$366,ROW(INDEX(Jesper!AJ$2:AJ$366,ROUNDDOWN($C8013/24,0)+1,1))-1)+IF('Standard Profiles'!$G$20=$B$10,7,0)+IF('Standard Profiles'!$G$20=$B$17,14,0)+IF('Standard Profiles'!$G$20=$B$24,21,0),MOD($C8013,24)+1)/SUM(INDEX($D$3:$AA$30,INDEX(Jesper!$R$2:$R$366,ROW(INDEX(Jesper!AJ$2:AJ$366,ROUNDDOWN($C8013/24,0)+1,1))-1)+IF('Standard Profiles'!$G$20=$B$10,7,0)+IF('Standard Profiles'!$G$20=$B$17,14,0)+IF('Standard Profiles'!$G$20=$B$24,21,0),0)),0)</f>
        <v>0</v>
      </c>
      <c r="G8013" cm="1">
        <f t="array" ref="G8013">IFERROR(INDEX(Jesper!AK$2:AK$366,ROUNDDOWN($C8013/24,0)+1,1)*INDEX($D$3:$AA$30,INDEX(Jesper!$R$2:$R$366,ROW(INDEX(Jesper!AK$2:AK$366,ROUNDDOWN($C8013/24,0)+1,1))-1)+IF('Standard Profiles'!$G$21=$B$10,7,0)+IF('Standard Profiles'!$G$21=$B$17,14,0)+IF('Standard Profiles'!$G$21=$B$24,21,0),MOD($C8013,24)+1)/SUM(INDEX($D$3:$AA$30,INDEX(Jesper!$R$2:$R$366,ROW(INDEX(Jesper!AK$2:AK$366,ROUNDDOWN($C8013/24,0)+1,1))-1)+IF('Standard Profiles'!$G$21=$B$10,7,0)+IF('Standard Profiles'!$G$21=$B$17,14,0)+IF('Standard Profiles'!$G$21=$B$24,21,0),0)),0)</f>
        <v>45.562514243365172</v>
      </c>
      <c r="H8013" cm="1">
        <f t="array" ref="H8013">IFERROR(INDEX(Jesper!AL$2:AL$366,ROUNDDOWN($C8013/24,0)+1,1)*INDEX($D$3:$AA$30,INDEX(Jesper!$R$2:$R$366,ROW(INDEX(Jesper!AL$2:AL$366,ROUNDDOWN($C8013/24,0)+1,1))-1)+IF('Standard Profiles'!$G$22=$B$10,7,0)+IF('Standard Profiles'!$G$22=$B$17,14,0)+IF('Standard Profiles'!$G$22=$B$24,21,0),MOD($C8013,24)+1)/SUM(INDEX($D$3:$AA$30,INDEX(Jesper!$R$2:$R$366,ROW(INDEX(Jesper!AL$2:AL$366,ROUNDDOWN($C8013/24,0)+1,1))-1)+IF('Standard Profiles'!$G$22=$B$10,7,0)+IF('Standard Profiles'!$G$22=$B$17,14,0)+IF('Standard Profiles'!$G$22=$B$24,21,0),0)),0)</f>
        <v>0</v>
      </c>
      <c r="I8013">
        <f t="shared" si="888"/>
        <v>21.870006836815271</v>
      </c>
      <c r="J8013">
        <f t="shared" si="889"/>
        <v>103.98559940355224</v>
      </c>
      <c r="K8013">
        <f t="shared" si="890"/>
        <v>4.0214238996784575</v>
      </c>
      <c r="L8013">
        <f t="shared" si="891"/>
        <v>2.0107119498392287</v>
      </c>
      <c r="M8013">
        <f t="shared" si="892"/>
        <v>0</v>
      </c>
      <c r="N8013" s="45">
        <f t="shared" si="893"/>
        <v>45259.458333313982</v>
      </c>
    </row>
    <row r="8014" spans="2:14" x14ac:dyDescent="0.25">
      <c r="B8014">
        <f t="shared" si="887"/>
        <v>3</v>
      </c>
      <c r="C8014" s="16">
        <v>7980</v>
      </c>
      <c r="D8014" cm="1">
        <f t="array" ref="D8014">IFERROR(INDEX(Jesper!AH$2:AH$366,ROUNDDOWN($C8014/24,0)+1,1)*INDEX($D$3:$AA$30,INDEX(Jesper!$R$2:$R$366,ROW(INDEX(Jesper!AH$2:AH$366,ROUNDDOWN($C8014/24,0)+1,1))-1)+IF('Standard Profiles'!$G$18=$B$10,7,0)+IF('Standard Profiles'!$G$18=$B$17,14,0)+IF('Standard Profiles'!$G$18=$B$24,21,0),MOD($C8014,24)+1)/SUM(INDEX($D$3:$AA$30,INDEX(Jesper!$R$2:$R$366,ROW(INDEX(Jesper!AH$2:AH$366,ROUNDDOWN($C8014/24,0)+1,1))-1)+IF('Standard Profiles'!$G$18=$B$10,7,0)+IF('Standard Profiles'!$G$18=$B$17,14,0)+IF('Standard Profiles'!$G$18=$B$24,21,0),0)),0)</f>
        <v>37.700849059485535</v>
      </c>
      <c r="E8014" cm="1">
        <f t="array" ref="E8014">IFERROR(INDEX(Jesper!AI$2:AI$366,ROUNDDOWN($C8014/24,0)+1,1)*INDEX($D$3:$AA$30,INDEX(Jesper!$R$2:$R$366,ROW(INDEX(Jesper!AI$2:AI$366,ROUNDDOWN($C8014/24,0)+1,1))-1)+IF('Standard Profiles'!$G$19=$B$10,7,0)+IF('Standard Profiles'!$G$19=$B$17,14,0)+IF('Standard Profiles'!$G$19=$B$24,21,0),MOD($C8014,24)+1)/SUM(INDEX($D$3:$AA$30,INDEX(Jesper!$R$2:$R$366,ROW(INDEX(Jesper!AI$2:AI$366,ROUNDDOWN($C8014/24,0)+1,1))-1)+IF('Standard Profiles'!$G$19=$B$10,7,0)+IF('Standard Profiles'!$G$19=$B$17,14,0)+IF('Standard Profiles'!$G$19=$B$24,21,0),0)),0)</f>
        <v>48.624378787034487</v>
      </c>
      <c r="F8014" cm="1">
        <f t="array" ref="F8014">IFERROR(INDEX(Jesper!AJ$2:AJ$366,ROUNDDOWN($C8014/24,0)+1,1)*INDEX($D$3:$AA$30,INDEX(Jesper!$R$2:$R$366,ROW(INDEX(Jesper!AJ$2:AJ$366,ROUNDDOWN($C8014/24,0)+1,1))-1)+IF('Standard Profiles'!$G$20=$B$10,7,0)+IF('Standard Profiles'!$G$20=$B$17,14,0)+IF('Standard Profiles'!$G$20=$B$24,21,0),MOD($C8014,24)+1)/SUM(INDEX($D$3:$AA$30,INDEX(Jesper!$R$2:$R$366,ROW(INDEX(Jesper!AJ$2:AJ$366,ROUNDDOWN($C8014/24,0)+1,1))-1)+IF('Standard Profiles'!$G$20=$B$10,7,0)+IF('Standard Profiles'!$G$20=$B$17,14,0)+IF('Standard Profiles'!$G$20=$B$24,21,0),0)),0)</f>
        <v>0</v>
      </c>
      <c r="G8014" cm="1">
        <f t="array" ref="G8014">IFERROR(INDEX(Jesper!AK$2:AK$366,ROUNDDOWN($C8014/24,0)+1,1)*INDEX($D$3:$AA$30,INDEX(Jesper!$R$2:$R$366,ROW(INDEX(Jesper!AK$2:AK$366,ROUNDDOWN($C8014/24,0)+1,1))-1)+IF('Standard Profiles'!$G$21=$B$10,7,0)+IF('Standard Profiles'!$G$21=$B$17,14,0)+IF('Standard Profiles'!$G$21=$B$24,21,0),MOD($C8014,24)+1)/SUM(INDEX($D$3:$AA$30,INDEX(Jesper!$R$2:$R$366,ROW(INDEX(Jesper!AK$2:AK$366,ROUNDDOWN($C8014/24,0)+1,1))-1)+IF('Standard Profiles'!$G$21=$B$10,7,0)+IF('Standard Profiles'!$G$21=$B$17,14,0)+IF('Standard Profiles'!$G$21=$B$24,21,0),0)),0)</f>
        <v>45.562514243365172</v>
      </c>
      <c r="H8014" cm="1">
        <f t="array" ref="H8014">IFERROR(INDEX(Jesper!AL$2:AL$366,ROUNDDOWN($C8014/24,0)+1,1)*INDEX($D$3:$AA$30,INDEX(Jesper!$R$2:$R$366,ROW(INDEX(Jesper!AL$2:AL$366,ROUNDDOWN($C8014/24,0)+1,1))-1)+IF('Standard Profiles'!$G$22=$B$10,7,0)+IF('Standard Profiles'!$G$22=$B$17,14,0)+IF('Standard Profiles'!$G$22=$B$24,21,0),MOD($C8014,24)+1)/SUM(INDEX($D$3:$AA$30,INDEX(Jesper!$R$2:$R$366,ROW(INDEX(Jesper!AL$2:AL$366,ROUNDDOWN($C8014/24,0)+1,1))-1)+IF('Standard Profiles'!$G$22=$B$10,7,0)+IF('Standard Profiles'!$G$22=$B$17,14,0)+IF('Standard Profiles'!$G$22=$B$24,21,0),0)),0)</f>
        <v>0</v>
      </c>
      <c r="I8014">
        <f t="shared" si="888"/>
        <v>21.870006836815271</v>
      </c>
      <c r="J8014">
        <f t="shared" si="889"/>
        <v>103.98559940355224</v>
      </c>
      <c r="K8014">
        <f t="shared" si="890"/>
        <v>4.0214238996784575</v>
      </c>
      <c r="L8014">
        <f t="shared" si="891"/>
        <v>2.0107119498392287</v>
      </c>
      <c r="M8014">
        <f t="shared" si="892"/>
        <v>0</v>
      </c>
      <c r="N8014" s="45">
        <f t="shared" si="893"/>
        <v>45259.499999980646</v>
      </c>
    </row>
    <row r="8015" spans="2:14" x14ac:dyDescent="0.25">
      <c r="B8015">
        <f t="shared" si="887"/>
        <v>3</v>
      </c>
      <c r="C8015" s="16">
        <v>7981</v>
      </c>
      <c r="D8015" cm="1">
        <f t="array" ref="D8015">IFERROR(INDEX(Jesper!AH$2:AH$366,ROUNDDOWN($C8015/24,0)+1,1)*INDEX($D$3:$AA$30,INDEX(Jesper!$R$2:$R$366,ROW(INDEX(Jesper!AH$2:AH$366,ROUNDDOWN($C8015/24,0)+1,1))-1)+IF('Standard Profiles'!$G$18=$B$10,7,0)+IF('Standard Profiles'!$G$18=$B$17,14,0)+IF('Standard Profiles'!$G$18=$B$24,21,0),MOD($C8015,24)+1)/SUM(INDEX($D$3:$AA$30,INDEX(Jesper!$R$2:$R$366,ROW(INDEX(Jesper!AH$2:AH$366,ROUNDDOWN($C8015/24,0)+1,1))-1)+IF('Standard Profiles'!$G$18=$B$10,7,0)+IF('Standard Profiles'!$G$18=$B$17,14,0)+IF('Standard Profiles'!$G$18=$B$24,21,0),0)),0)</f>
        <v>25.044135446658242</v>
      </c>
      <c r="E8015" cm="1">
        <f t="array" ref="E8015">IFERROR(INDEX(Jesper!AI$2:AI$366,ROUNDDOWN($C8015/24,0)+1,1)*INDEX($D$3:$AA$30,INDEX(Jesper!$R$2:$R$366,ROW(INDEX(Jesper!AI$2:AI$366,ROUNDDOWN($C8015/24,0)+1,1))-1)+IF('Standard Profiles'!$G$19=$B$10,7,0)+IF('Standard Profiles'!$G$19=$B$17,14,0)+IF('Standard Profiles'!$G$19=$B$24,21,0),MOD($C8015,24)+1)/SUM(INDEX($D$3:$AA$30,INDEX(Jesper!$R$2:$R$366,ROW(INDEX(Jesper!AI$2:AI$366,ROUNDDOWN($C8015/24,0)+1,1))-1)+IF('Standard Profiles'!$G$19=$B$10,7,0)+IF('Standard Profiles'!$G$19=$B$17,14,0)+IF('Standard Profiles'!$G$19=$B$24,21,0),0)),0)</f>
        <v>32.300480194244336</v>
      </c>
      <c r="F8015" cm="1">
        <f t="array" ref="F8015">IFERROR(INDEX(Jesper!AJ$2:AJ$366,ROUNDDOWN($C8015/24,0)+1,1)*INDEX($D$3:$AA$30,INDEX(Jesper!$R$2:$R$366,ROW(INDEX(Jesper!AJ$2:AJ$366,ROUNDDOWN($C8015/24,0)+1,1))-1)+IF('Standard Profiles'!$G$20=$B$10,7,0)+IF('Standard Profiles'!$G$20=$B$17,14,0)+IF('Standard Profiles'!$G$20=$B$24,21,0),MOD($C8015,24)+1)/SUM(INDEX($D$3:$AA$30,INDEX(Jesper!$R$2:$R$366,ROW(INDEX(Jesper!AJ$2:AJ$366,ROUNDDOWN($C8015/24,0)+1,1))-1)+IF('Standard Profiles'!$G$20=$B$10,7,0)+IF('Standard Profiles'!$G$20=$B$17,14,0)+IF('Standard Profiles'!$G$20=$B$24,21,0),0)),0)</f>
        <v>0</v>
      </c>
      <c r="G8015" cm="1">
        <f t="array" ref="G8015">IFERROR(INDEX(Jesper!AK$2:AK$366,ROUNDDOWN($C8015/24,0)+1,1)*INDEX($D$3:$AA$30,INDEX(Jesper!$R$2:$R$366,ROW(INDEX(Jesper!AK$2:AK$366,ROUNDDOWN($C8015/24,0)+1,1))-1)+IF('Standard Profiles'!$G$21=$B$10,7,0)+IF('Standard Profiles'!$G$21=$B$17,14,0)+IF('Standard Profiles'!$G$21=$B$24,21,0),MOD($C8015,24)+1)/SUM(INDEX($D$3:$AA$30,INDEX(Jesper!$R$2:$R$366,ROW(INDEX(Jesper!AK$2:AK$366,ROUNDDOWN($C8015/24,0)+1,1))-1)+IF('Standard Profiles'!$G$21=$B$10,7,0)+IF('Standard Profiles'!$G$21=$B$17,14,0)+IF('Standard Profiles'!$G$21=$B$24,21,0),0)),0)</f>
        <v>30.266527318806862</v>
      </c>
      <c r="H8015" cm="1">
        <f t="array" ref="H8015">IFERROR(INDEX(Jesper!AL$2:AL$366,ROUNDDOWN($C8015/24,0)+1,1)*INDEX($D$3:$AA$30,INDEX(Jesper!$R$2:$R$366,ROW(INDEX(Jesper!AL$2:AL$366,ROUNDDOWN($C8015/24,0)+1,1))-1)+IF('Standard Profiles'!$G$22=$B$10,7,0)+IF('Standard Profiles'!$G$22=$B$17,14,0)+IF('Standard Profiles'!$G$22=$B$24,21,0),MOD($C8015,24)+1)/SUM(INDEX($D$3:$AA$30,INDEX(Jesper!$R$2:$R$366,ROW(INDEX(Jesper!AL$2:AL$366,ROUNDDOWN($C8015/24,0)+1,1))-1)+IF('Standard Profiles'!$G$22=$B$10,7,0)+IF('Standard Profiles'!$G$22=$B$17,14,0)+IF('Standard Profiles'!$G$22=$B$24,21,0),0)),0)</f>
        <v>0</v>
      </c>
      <c r="I8015">
        <f t="shared" si="888"/>
        <v>14.527933113027286</v>
      </c>
      <c r="J8015">
        <f t="shared" si="889"/>
        <v>69.076148175216829</v>
      </c>
      <c r="K8015">
        <f t="shared" si="890"/>
        <v>2.6713744476435459</v>
      </c>
      <c r="L8015">
        <f t="shared" si="891"/>
        <v>1.335687223821773</v>
      </c>
      <c r="M8015">
        <f t="shared" si="892"/>
        <v>0</v>
      </c>
      <c r="N8015" s="45">
        <f t="shared" si="893"/>
        <v>45259.54166664731</v>
      </c>
    </row>
    <row r="8016" spans="2:14" x14ac:dyDescent="0.25">
      <c r="B8016">
        <f t="shared" si="887"/>
        <v>3</v>
      </c>
      <c r="C8016" s="16">
        <v>7982</v>
      </c>
      <c r="D8016" cm="1">
        <f t="array" ref="D8016">IFERROR(INDEX(Jesper!AH$2:AH$366,ROUNDDOWN($C8016/24,0)+1,1)*INDEX($D$3:$AA$30,INDEX(Jesper!$R$2:$R$366,ROW(INDEX(Jesper!AH$2:AH$366,ROUNDDOWN($C8016/24,0)+1,1))-1)+IF('Standard Profiles'!$G$18=$B$10,7,0)+IF('Standard Profiles'!$G$18=$B$17,14,0)+IF('Standard Profiles'!$G$18=$B$24,21,0),MOD($C8016,24)+1)/SUM(INDEX($D$3:$AA$30,INDEX(Jesper!$R$2:$R$366,ROW(INDEX(Jesper!AH$2:AH$366,ROUNDDOWN($C8016/24,0)+1,1))-1)+IF('Standard Profiles'!$G$18=$B$10,7,0)+IF('Standard Profiles'!$G$18=$B$17,14,0)+IF('Standard Profiles'!$G$18=$B$24,21,0),0)),0)</f>
        <v>37.700849059485535</v>
      </c>
      <c r="E8016" cm="1">
        <f t="array" ref="E8016">IFERROR(INDEX(Jesper!AI$2:AI$366,ROUNDDOWN($C8016/24,0)+1,1)*INDEX($D$3:$AA$30,INDEX(Jesper!$R$2:$R$366,ROW(INDEX(Jesper!AI$2:AI$366,ROUNDDOWN($C8016/24,0)+1,1))-1)+IF('Standard Profiles'!$G$19=$B$10,7,0)+IF('Standard Profiles'!$G$19=$B$17,14,0)+IF('Standard Profiles'!$G$19=$B$24,21,0),MOD($C8016,24)+1)/SUM(INDEX($D$3:$AA$30,INDEX(Jesper!$R$2:$R$366,ROW(INDEX(Jesper!AI$2:AI$366,ROUNDDOWN($C8016/24,0)+1,1))-1)+IF('Standard Profiles'!$G$19=$B$10,7,0)+IF('Standard Profiles'!$G$19=$B$17,14,0)+IF('Standard Profiles'!$G$19=$B$24,21,0),0)),0)</f>
        <v>48.624378787034487</v>
      </c>
      <c r="F8016" cm="1">
        <f t="array" ref="F8016">IFERROR(INDEX(Jesper!AJ$2:AJ$366,ROUNDDOWN($C8016/24,0)+1,1)*INDEX($D$3:$AA$30,INDEX(Jesper!$R$2:$R$366,ROW(INDEX(Jesper!AJ$2:AJ$366,ROUNDDOWN($C8016/24,0)+1,1))-1)+IF('Standard Profiles'!$G$20=$B$10,7,0)+IF('Standard Profiles'!$G$20=$B$17,14,0)+IF('Standard Profiles'!$G$20=$B$24,21,0),MOD($C8016,24)+1)/SUM(INDEX($D$3:$AA$30,INDEX(Jesper!$R$2:$R$366,ROW(INDEX(Jesper!AJ$2:AJ$366,ROUNDDOWN($C8016/24,0)+1,1))-1)+IF('Standard Profiles'!$G$20=$B$10,7,0)+IF('Standard Profiles'!$G$20=$B$17,14,0)+IF('Standard Profiles'!$G$20=$B$24,21,0),0)),0)</f>
        <v>0</v>
      </c>
      <c r="G8016" cm="1">
        <f t="array" ref="G8016">IFERROR(INDEX(Jesper!AK$2:AK$366,ROUNDDOWN($C8016/24,0)+1,1)*INDEX($D$3:$AA$30,INDEX(Jesper!$R$2:$R$366,ROW(INDEX(Jesper!AK$2:AK$366,ROUNDDOWN($C8016/24,0)+1,1))-1)+IF('Standard Profiles'!$G$21=$B$10,7,0)+IF('Standard Profiles'!$G$21=$B$17,14,0)+IF('Standard Profiles'!$G$21=$B$24,21,0),MOD($C8016,24)+1)/SUM(INDEX($D$3:$AA$30,INDEX(Jesper!$R$2:$R$366,ROW(INDEX(Jesper!AK$2:AK$366,ROUNDDOWN($C8016/24,0)+1,1))-1)+IF('Standard Profiles'!$G$21=$B$10,7,0)+IF('Standard Profiles'!$G$21=$B$17,14,0)+IF('Standard Profiles'!$G$21=$B$24,21,0),0)),0)</f>
        <v>45.562514243365172</v>
      </c>
      <c r="H8016" cm="1">
        <f t="array" ref="H8016">IFERROR(INDEX(Jesper!AL$2:AL$366,ROUNDDOWN($C8016/24,0)+1,1)*INDEX($D$3:$AA$30,INDEX(Jesper!$R$2:$R$366,ROW(INDEX(Jesper!AL$2:AL$366,ROUNDDOWN($C8016/24,0)+1,1))-1)+IF('Standard Profiles'!$G$22=$B$10,7,0)+IF('Standard Profiles'!$G$22=$B$17,14,0)+IF('Standard Profiles'!$G$22=$B$24,21,0),MOD($C8016,24)+1)/SUM(INDEX($D$3:$AA$30,INDEX(Jesper!$R$2:$R$366,ROW(INDEX(Jesper!AL$2:AL$366,ROUNDDOWN($C8016/24,0)+1,1))-1)+IF('Standard Profiles'!$G$22=$B$10,7,0)+IF('Standard Profiles'!$G$22=$B$17,14,0)+IF('Standard Profiles'!$G$22=$B$24,21,0),0)),0)</f>
        <v>0</v>
      </c>
      <c r="I8016">
        <f t="shared" si="888"/>
        <v>21.870006836815271</v>
      </c>
      <c r="J8016">
        <f t="shared" si="889"/>
        <v>103.98559940355224</v>
      </c>
      <c r="K8016">
        <f t="shared" si="890"/>
        <v>4.0214238996784575</v>
      </c>
      <c r="L8016">
        <f t="shared" si="891"/>
        <v>2.0107119498392287</v>
      </c>
      <c r="M8016">
        <f t="shared" si="892"/>
        <v>0</v>
      </c>
      <c r="N8016" s="45">
        <f t="shared" si="893"/>
        <v>45259.583333313974</v>
      </c>
    </row>
    <row r="8017" spans="2:14" x14ac:dyDescent="0.25">
      <c r="B8017">
        <f t="shared" si="887"/>
        <v>3</v>
      </c>
      <c r="C8017" s="16">
        <v>7983</v>
      </c>
      <c r="D8017" cm="1">
        <f t="array" ref="D8017">IFERROR(INDEX(Jesper!AH$2:AH$366,ROUNDDOWN($C8017/24,0)+1,1)*INDEX($D$3:$AA$30,INDEX(Jesper!$R$2:$R$366,ROW(INDEX(Jesper!AH$2:AH$366,ROUNDDOWN($C8017/24,0)+1,1))-1)+IF('Standard Profiles'!$G$18=$B$10,7,0)+IF('Standard Profiles'!$G$18=$B$17,14,0)+IF('Standard Profiles'!$G$18=$B$24,21,0),MOD($C8017,24)+1)/SUM(INDEX($D$3:$AA$30,INDEX(Jesper!$R$2:$R$366,ROW(INDEX(Jesper!AH$2:AH$366,ROUNDDOWN($C8017/24,0)+1,1))-1)+IF('Standard Profiles'!$G$18=$B$10,7,0)+IF('Standard Profiles'!$G$18=$B$17,14,0)+IF('Standard Profiles'!$G$18=$B$24,21,0),0)),0)</f>
        <v>37.700849059485535</v>
      </c>
      <c r="E8017" cm="1">
        <f t="array" ref="E8017">IFERROR(INDEX(Jesper!AI$2:AI$366,ROUNDDOWN($C8017/24,0)+1,1)*INDEX($D$3:$AA$30,INDEX(Jesper!$R$2:$R$366,ROW(INDEX(Jesper!AI$2:AI$366,ROUNDDOWN($C8017/24,0)+1,1))-1)+IF('Standard Profiles'!$G$19=$B$10,7,0)+IF('Standard Profiles'!$G$19=$B$17,14,0)+IF('Standard Profiles'!$G$19=$B$24,21,0),MOD($C8017,24)+1)/SUM(INDEX($D$3:$AA$30,INDEX(Jesper!$R$2:$R$366,ROW(INDEX(Jesper!AI$2:AI$366,ROUNDDOWN($C8017/24,0)+1,1))-1)+IF('Standard Profiles'!$G$19=$B$10,7,0)+IF('Standard Profiles'!$G$19=$B$17,14,0)+IF('Standard Profiles'!$G$19=$B$24,21,0),0)),0)</f>
        <v>48.624378787034487</v>
      </c>
      <c r="F8017" cm="1">
        <f t="array" ref="F8017">IFERROR(INDEX(Jesper!AJ$2:AJ$366,ROUNDDOWN($C8017/24,0)+1,1)*INDEX($D$3:$AA$30,INDEX(Jesper!$R$2:$R$366,ROW(INDEX(Jesper!AJ$2:AJ$366,ROUNDDOWN($C8017/24,0)+1,1))-1)+IF('Standard Profiles'!$G$20=$B$10,7,0)+IF('Standard Profiles'!$G$20=$B$17,14,0)+IF('Standard Profiles'!$G$20=$B$24,21,0),MOD($C8017,24)+1)/SUM(INDEX($D$3:$AA$30,INDEX(Jesper!$R$2:$R$366,ROW(INDEX(Jesper!AJ$2:AJ$366,ROUNDDOWN($C8017/24,0)+1,1))-1)+IF('Standard Profiles'!$G$20=$B$10,7,0)+IF('Standard Profiles'!$G$20=$B$17,14,0)+IF('Standard Profiles'!$G$20=$B$24,21,0),0)),0)</f>
        <v>0</v>
      </c>
      <c r="G8017" cm="1">
        <f t="array" ref="G8017">IFERROR(INDEX(Jesper!AK$2:AK$366,ROUNDDOWN($C8017/24,0)+1,1)*INDEX($D$3:$AA$30,INDEX(Jesper!$R$2:$R$366,ROW(INDEX(Jesper!AK$2:AK$366,ROUNDDOWN($C8017/24,0)+1,1))-1)+IF('Standard Profiles'!$G$21=$B$10,7,0)+IF('Standard Profiles'!$G$21=$B$17,14,0)+IF('Standard Profiles'!$G$21=$B$24,21,0),MOD($C8017,24)+1)/SUM(INDEX($D$3:$AA$30,INDEX(Jesper!$R$2:$R$366,ROW(INDEX(Jesper!AK$2:AK$366,ROUNDDOWN($C8017/24,0)+1,1))-1)+IF('Standard Profiles'!$G$21=$B$10,7,0)+IF('Standard Profiles'!$G$21=$B$17,14,0)+IF('Standard Profiles'!$G$21=$B$24,21,0),0)),0)</f>
        <v>45.562514243365172</v>
      </c>
      <c r="H8017" cm="1">
        <f t="array" ref="H8017">IFERROR(INDEX(Jesper!AL$2:AL$366,ROUNDDOWN($C8017/24,0)+1,1)*INDEX($D$3:$AA$30,INDEX(Jesper!$R$2:$R$366,ROW(INDEX(Jesper!AL$2:AL$366,ROUNDDOWN($C8017/24,0)+1,1))-1)+IF('Standard Profiles'!$G$22=$B$10,7,0)+IF('Standard Profiles'!$G$22=$B$17,14,0)+IF('Standard Profiles'!$G$22=$B$24,21,0),MOD($C8017,24)+1)/SUM(INDEX($D$3:$AA$30,INDEX(Jesper!$R$2:$R$366,ROW(INDEX(Jesper!AL$2:AL$366,ROUNDDOWN($C8017/24,0)+1,1))-1)+IF('Standard Profiles'!$G$22=$B$10,7,0)+IF('Standard Profiles'!$G$22=$B$17,14,0)+IF('Standard Profiles'!$G$22=$B$24,21,0),0)),0)</f>
        <v>0</v>
      </c>
      <c r="I8017">
        <f t="shared" si="888"/>
        <v>21.870006836815271</v>
      </c>
      <c r="J8017">
        <f t="shared" si="889"/>
        <v>103.98559940355224</v>
      </c>
      <c r="K8017">
        <f t="shared" si="890"/>
        <v>4.0214238996784575</v>
      </c>
      <c r="L8017">
        <f t="shared" si="891"/>
        <v>2.0107119498392287</v>
      </c>
      <c r="M8017">
        <f t="shared" si="892"/>
        <v>0</v>
      </c>
      <c r="N8017" s="45">
        <f t="shared" si="893"/>
        <v>45259.624999980639</v>
      </c>
    </row>
    <row r="8018" spans="2:14" x14ac:dyDescent="0.25">
      <c r="B8018">
        <f t="shared" si="887"/>
        <v>3</v>
      </c>
      <c r="C8018" s="16">
        <v>7984</v>
      </c>
      <c r="D8018" cm="1">
        <f t="array" ref="D8018">IFERROR(INDEX(Jesper!AH$2:AH$366,ROUNDDOWN($C8018/24,0)+1,1)*INDEX($D$3:$AA$30,INDEX(Jesper!$R$2:$R$366,ROW(INDEX(Jesper!AH$2:AH$366,ROUNDDOWN($C8018/24,0)+1,1))-1)+IF('Standard Profiles'!$G$18=$B$10,7,0)+IF('Standard Profiles'!$G$18=$B$17,14,0)+IF('Standard Profiles'!$G$18=$B$24,21,0),MOD($C8018,24)+1)/SUM(INDEX($D$3:$AA$30,INDEX(Jesper!$R$2:$R$366,ROW(INDEX(Jesper!AH$2:AH$366,ROUNDDOWN($C8018/24,0)+1,1))-1)+IF('Standard Profiles'!$G$18=$B$10,7,0)+IF('Standard Profiles'!$G$18=$B$17,14,0)+IF('Standard Profiles'!$G$18=$B$24,21,0),0)),0)</f>
        <v>22.216571767196829</v>
      </c>
      <c r="E8018" cm="1">
        <f t="array" ref="E8018">IFERROR(INDEX(Jesper!AI$2:AI$366,ROUNDDOWN($C8018/24,0)+1,1)*INDEX($D$3:$AA$30,INDEX(Jesper!$R$2:$R$366,ROW(INDEX(Jesper!AI$2:AI$366,ROUNDDOWN($C8018/24,0)+1,1))-1)+IF('Standard Profiles'!$G$19=$B$10,7,0)+IF('Standard Profiles'!$G$19=$B$17,14,0)+IF('Standard Profiles'!$G$19=$B$24,21,0),MOD($C8018,24)+1)/SUM(INDEX($D$3:$AA$30,INDEX(Jesper!$R$2:$R$366,ROW(INDEX(Jesper!AI$2:AI$366,ROUNDDOWN($C8018/24,0)+1,1))-1)+IF('Standard Profiles'!$G$19=$B$10,7,0)+IF('Standard Profiles'!$G$19=$B$17,14,0)+IF('Standard Profiles'!$G$19=$B$24,21,0),0)),0)</f>
        <v>28.653651785216752</v>
      </c>
      <c r="F8018" cm="1">
        <f t="array" ref="F8018">IFERROR(INDEX(Jesper!AJ$2:AJ$366,ROUNDDOWN($C8018/24,0)+1,1)*INDEX($D$3:$AA$30,INDEX(Jesper!$R$2:$R$366,ROW(INDEX(Jesper!AJ$2:AJ$366,ROUNDDOWN($C8018/24,0)+1,1))-1)+IF('Standard Profiles'!$G$20=$B$10,7,0)+IF('Standard Profiles'!$G$20=$B$17,14,0)+IF('Standard Profiles'!$G$20=$B$24,21,0),MOD($C8018,24)+1)/SUM(INDEX($D$3:$AA$30,INDEX(Jesper!$R$2:$R$366,ROW(INDEX(Jesper!AJ$2:AJ$366,ROUNDDOWN($C8018/24,0)+1,1))-1)+IF('Standard Profiles'!$G$20=$B$10,7,0)+IF('Standard Profiles'!$G$20=$B$17,14,0)+IF('Standard Profiles'!$G$20=$B$24,21,0),0)),0)</f>
        <v>0</v>
      </c>
      <c r="G8018" cm="1">
        <f t="array" ref="G8018">IFERROR(INDEX(Jesper!AK$2:AK$366,ROUNDDOWN($C8018/24,0)+1,1)*INDEX($D$3:$AA$30,INDEX(Jesper!$R$2:$R$366,ROW(INDEX(Jesper!AK$2:AK$366,ROUNDDOWN($C8018/24,0)+1,1))-1)+IF('Standard Profiles'!$G$21=$B$10,7,0)+IF('Standard Profiles'!$G$21=$B$17,14,0)+IF('Standard Profiles'!$G$21=$B$24,21,0),MOD($C8018,24)+1)/SUM(INDEX($D$3:$AA$30,INDEX(Jesper!$R$2:$R$366,ROW(INDEX(Jesper!AK$2:AK$366,ROUNDDOWN($C8018/24,0)+1,1))-1)+IF('Standard Profiles'!$G$21=$B$10,7,0)+IF('Standard Profiles'!$G$21=$B$17,14,0)+IF('Standard Profiles'!$G$21=$B$24,21,0),0)),0)</f>
        <v>38.071632899166595</v>
      </c>
      <c r="H8018" cm="1">
        <f t="array" ref="H8018">IFERROR(INDEX(Jesper!AL$2:AL$366,ROUNDDOWN($C8018/24,0)+1,1)*INDEX($D$3:$AA$30,INDEX(Jesper!$R$2:$R$366,ROW(INDEX(Jesper!AL$2:AL$366,ROUNDDOWN($C8018/24,0)+1,1))-1)+IF('Standard Profiles'!$G$22=$B$10,7,0)+IF('Standard Profiles'!$G$22=$B$17,14,0)+IF('Standard Profiles'!$G$22=$B$24,21,0),MOD($C8018,24)+1)/SUM(INDEX($D$3:$AA$30,INDEX(Jesper!$R$2:$R$366,ROW(INDEX(Jesper!AL$2:AL$366,ROUNDDOWN($C8018/24,0)+1,1))-1)+IF('Standard Profiles'!$G$22=$B$10,7,0)+IF('Standard Profiles'!$G$22=$B$17,14,0)+IF('Standard Profiles'!$G$22=$B$24,21,0),0)),0)</f>
        <v>0</v>
      </c>
      <c r="I8018">
        <f t="shared" si="888"/>
        <v>18.274383791599956</v>
      </c>
      <c r="J8018">
        <f t="shared" si="889"/>
        <v>67.112821177228724</v>
      </c>
      <c r="K8018">
        <f t="shared" si="890"/>
        <v>2.3697676551676619</v>
      </c>
      <c r="L8018">
        <f t="shared" si="891"/>
        <v>1.1848838275838309</v>
      </c>
      <c r="M8018">
        <f t="shared" si="892"/>
        <v>0</v>
      </c>
      <c r="N8018" s="45">
        <f t="shared" si="893"/>
        <v>45259.666666647303</v>
      </c>
    </row>
    <row r="8019" spans="2:14" x14ac:dyDescent="0.25">
      <c r="B8019">
        <f t="shared" si="887"/>
        <v>3</v>
      </c>
      <c r="C8019" s="16">
        <v>7985</v>
      </c>
      <c r="D8019" cm="1">
        <f t="array" ref="D8019">IFERROR(INDEX(Jesper!AH$2:AH$366,ROUNDDOWN($C8019/24,0)+1,1)*INDEX($D$3:$AA$30,INDEX(Jesper!$R$2:$R$366,ROW(INDEX(Jesper!AH$2:AH$366,ROUNDDOWN($C8019/24,0)+1,1))-1)+IF('Standard Profiles'!$G$18=$B$10,7,0)+IF('Standard Profiles'!$G$18=$B$17,14,0)+IF('Standard Profiles'!$G$18=$B$24,21,0),MOD($C8019,24)+1)/SUM(INDEX($D$3:$AA$30,INDEX(Jesper!$R$2:$R$366,ROW(INDEX(Jesper!AH$2:AH$366,ROUNDDOWN($C8019/24,0)+1,1))-1)+IF('Standard Profiles'!$G$18=$B$10,7,0)+IF('Standard Profiles'!$G$18=$B$17,14,0)+IF('Standard Profiles'!$G$18=$B$24,21,0),0)),0)</f>
        <v>9.4821048942368034</v>
      </c>
      <c r="E8019" cm="1">
        <f t="array" ref="E8019">IFERROR(INDEX(Jesper!AI$2:AI$366,ROUNDDOWN($C8019/24,0)+1,1)*INDEX($D$3:$AA$30,INDEX(Jesper!$R$2:$R$366,ROW(INDEX(Jesper!AI$2:AI$366,ROUNDDOWN($C8019/24,0)+1,1))-1)+IF('Standard Profiles'!$G$19=$B$10,7,0)+IF('Standard Profiles'!$G$19=$B$17,14,0)+IF('Standard Profiles'!$G$19=$B$24,21,0),MOD($C8019,24)+1)/SUM(INDEX($D$3:$AA$30,INDEX(Jesper!$R$2:$R$366,ROW(INDEX(Jesper!AI$2:AI$366,ROUNDDOWN($C8019/24,0)+1,1))-1)+IF('Standard Profiles'!$G$19=$B$10,7,0)+IF('Standard Profiles'!$G$19=$B$17,14,0)+IF('Standard Profiles'!$G$19=$B$24,21,0),0)),0)</f>
        <v>12.229471525914109</v>
      </c>
      <c r="F8019" cm="1">
        <f t="array" ref="F8019">IFERROR(INDEX(Jesper!AJ$2:AJ$366,ROUNDDOWN($C8019/24,0)+1,1)*INDEX($D$3:$AA$30,INDEX(Jesper!$R$2:$R$366,ROW(INDEX(Jesper!AJ$2:AJ$366,ROUNDDOWN($C8019/24,0)+1,1))-1)+IF('Standard Profiles'!$G$20=$B$10,7,0)+IF('Standard Profiles'!$G$20=$B$17,14,0)+IF('Standard Profiles'!$G$20=$B$24,21,0),MOD($C8019,24)+1)/SUM(INDEX($D$3:$AA$30,INDEX(Jesper!$R$2:$R$366,ROW(INDEX(Jesper!AJ$2:AJ$366,ROUNDDOWN($C8019/24,0)+1,1))-1)+IF('Standard Profiles'!$G$20=$B$10,7,0)+IF('Standard Profiles'!$G$20=$B$17,14,0)+IF('Standard Profiles'!$G$20=$B$24,21,0),0)),0)</f>
        <v>0</v>
      </c>
      <c r="G8019" cm="1">
        <f t="array" ref="G8019">IFERROR(INDEX(Jesper!AK$2:AK$366,ROUNDDOWN($C8019/24,0)+1,1)*INDEX($D$3:$AA$30,INDEX(Jesper!$R$2:$R$366,ROW(INDEX(Jesper!AK$2:AK$366,ROUNDDOWN($C8019/24,0)+1,1))-1)+IF('Standard Profiles'!$G$21=$B$10,7,0)+IF('Standard Profiles'!$G$21=$B$17,14,0)+IF('Standard Profiles'!$G$21=$B$24,21,0),MOD($C8019,24)+1)/SUM(INDEX($D$3:$AA$30,INDEX(Jesper!$R$2:$R$366,ROW(INDEX(Jesper!AK$2:AK$366,ROUNDDOWN($C8019/24,0)+1,1))-1)+IF('Standard Profiles'!$G$21=$B$10,7,0)+IF('Standard Profiles'!$G$21=$B$17,14,0)+IF('Standard Profiles'!$G$21=$B$24,21,0),0)),0)</f>
        <v>30.27213846588117</v>
      </c>
      <c r="H8019" cm="1">
        <f t="array" ref="H8019">IFERROR(INDEX(Jesper!AL$2:AL$366,ROUNDDOWN($C8019/24,0)+1,1)*INDEX($D$3:$AA$30,INDEX(Jesper!$R$2:$R$366,ROW(INDEX(Jesper!AL$2:AL$366,ROUNDDOWN($C8019/24,0)+1,1))-1)+IF('Standard Profiles'!$G$22=$B$10,7,0)+IF('Standard Profiles'!$G$22=$B$17,14,0)+IF('Standard Profiles'!$G$22=$B$24,21,0),MOD($C8019,24)+1)/SUM(INDEX($D$3:$AA$30,INDEX(Jesper!$R$2:$R$366,ROW(INDEX(Jesper!AL$2:AL$366,ROUNDDOWN($C8019/24,0)+1,1))-1)+IF('Standard Profiles'!$G$22=$B$10,7,0)+IF('Standard Profiles'!$G$22=$B$17,14,0)+IF('Standard Profiles'!$G$22=$B$24,21,0),0)),0)</f>
        <v>0</v>
      </c>
      <c r="I8019">
        <f t="shared" si="888"/>
        <v>14.530626463622955</v>
      </c>
      <c r="J8019">
        <f t="shared" si="889"/>
        <v>35.935951639331236</v>
      </c>
      <c r="K8019">
        <f t="shared" si="890"/>
        <v>1.0114245220519258</v>
      </c>
      <c r="L8019">
        <f t="shared" si="891"/>
        <v>0.50571226102596289</v>
      </c>
      <c r="M8019">
        <f t="shared" si="892"/>
        <v>0</v>
      </c>
      <c r="N8019" s="45">
        <f t="shared" si="893"/>
        <v>45259.708333313967</v>
      </c>
    </row>
    <row r="8020" spans="2:14" x14ac:dyDescent="0.25">
      <c r="B8020">
        <f t="shared" si="887"/>
        <v>3</v>
      </c>
      <c r="C8020" s="16">
        <v>7986</v>
      </c>
      <c r="D8020" cm="1">
        <f t="array" ref="D8020">IFERROR(INDEX(Jesper!AH$2:AH$366,ROUNDDOWN($C8020/24,0)+1,1)*INDEX($D$3:$AA$30,INDEX(Jesper!$R$2:$R$366,ROW(INDEX(Jesper!AH$2:AH$366,ROUNDDOWN($C8020/24,0)+1,1))-1)+IF('Standard Profiles'!$G$18=$B$10,7,0)+IF('Standard Profiles'!$G$18=$B$17,14,0)+IF('Standard Profiles'!$G$18=$B$24,21,0),MOD($C8020,24)+1)/SUM(INDEX($D$3:$AA$30,INDEX(Jesper!$R$2:$R$366,ROW(INDEX(Jesper!AH$2:AH$366,ROUNDDOWN($C8020/24,0)+1,1))-1)+IF('Standard Profiles'!$G$18=$B$10,7,0)+IF('Standard Profiles'!$G$18=$B$17,14,0)+IF('Standard Profiles'!$G$18=$B$24,21,0),0)),0)</f>
        <v>6.2581892301962911</v>
      </c>
      <c r="E8020" cm="1">
        <f t="array" ref="E8020">IFERROR(INDEX(Jesper!AI$2:AI$366,ROUNDDOWN($C8020/24,0)+1,1)*INDEX($D$3:$AA$30,INDEX(Jesper!$R$2:$R$366,ROW(INDEX(Jesper!AI$2:AI$366,ROUNDDOWN($C8020/24,0)+1,1))-1)+IF('Standard Profiles'!$G$19=$B$10,7,0)+IF('Standard Profiles'!$G$19=$B$17,14,0)+IF('Standard Profiles'!$G$19=$B$24,21,0),MOD($C8020,24)+1)/SUM(INDEX($D$3:$AA$30,INDEX(Jesper!$R$2:$R$366,ROW(INDEX(Jesper!AI$2:AI$366,ROUNDDOWN($C8020/24,0)+1,1))-1)+IF('Standard Profiles'!$G$19=$B$10,7,0)+IF('Standard Profiles'!$G$19=$B$17,14,0)+IF('Standard Profiles'!$G$19=$B$24,21,0),0)),0)</f>
        <v>8.071451207103312</v>
      </c>
      <c r="F8020" cm="1">
        <f t="array" ref="F8020">IFERROR(INDEX(Jesper!AJ$2:AJ$366,ROUNDDOWN($C8020/24,0)+1,1)*INDEX($D$3:$AA$30,INDEX(Jesper!$R$2:$R$366,ROW(INDEX(Jesper!AJ$2:AJ$366,ROUNDDOWN($C8020/24,0)+1,1))-1)+IF('Standard Profiles'!$G$20=$B$10,7,0)+IF('Standard Profiles'!$G$20=$B$17,14,0)+IF('Standard Profiles'!$G$20=$B$24,21,0),MOD($C8020,24)+1)/SUM(INDEX($D$3:$AA$30,INDEX(Jesper!$R$2:$R$366,ROW(INDEX(Jesper!AJ$2:AJ$366,ROUNDDOWN($C8020/24,0)+1,1))-1)+IF('Standard Profiles'!$G$20=$B$10,7,0)+IF('Standard Profiles'!$G$20=$B$17,14,0)+IF('Standard Profiles'!$G$20=$B$24,21,0),0)),0)</f>
        <v>0</v>
      </c>
      <c r="G8020" cm="1">
        <f t="array" ref="G8020">IFERROR(INDEX(Jesper!AK$2:AK$366,ROUNDDOWN($C8020/24,0)+1,1)*INDEX($D$3:$AA$30,INDEX(Jesper!$R$2:$R$366,ROW(INDEX(Jesper!AK$2:AK$366,ROUNDDOWN($C8020/24,0)+1,1))-1)+IF('Standard Profiles'!$G$21=$B$10,7,0)+IF('Standard Profiles'!$G$21=$B$17,14,0)+IF('Standard Profiles'!$G$21=$B$24,21,0),MOD($C8020,24)+1)/SUM(INDEX($D$3:$AA$30,INDEX(Jesper!$R$2:$R$366,ROW(INDEX(Jesper!AK$2:AK$366,ROUNDDOWN($C8020/24,0)+1,1))-1)+IF('Standard Profiles'!$G$21=$B$10,7,0)+IF('Standard Profiles'!$G$21=$B$17,14,0)+IF('Standard Profiles'!$G$21=$B$24,21,0),0)),0)</f>
        <v>11.222294148612111</v>
      </c>
      <c r="H8020" cm="1">
        <f t="array" ref="H8020">IFERROR(INDEX(Jesper!AL$2:AL$366,ROUNDDOWN($C8020/24,0)+1,1)*INDEX($D$3:$AA$30,INDEX(Jesper!$R$2:$R$366,ROW(INDEX(Jesper!AL$2:AL$366,ROUNDDOWN($C8020/24,0)+1,1))-1)+IF('Standard Profiles'!$G$22=$B$10,7,0)+IF('Standard Profiles'!$G$22=$B$17,14,0)+IF('Standard Profiles'!$G$22=$B$24,21,0),MOD($C8020,24)+1)/SUM(INDEX($D$3:$AA$30,INDEX(Jesper!$R$2:$R$366,ROW(INDEX(Jesper!AL$2:AL$366,ROUNDDOWN($C8020/24,0)+1,1))-1)+IF('Standard Profiles'!$G$22=$B$10,7,0)+IF('Standard Profiles'!$G$22=$B$17,14,0)+IF('Standard Profiles'!$G$22=$B$24,21,0),0)),0)</f>
        <v>0</v>
      </c>
      <c r="I8020">
        <f t="shared" si="888"/>
        <v>5.3867011913338105</v>
      </c>
      <c r="J8020">
        <f t="shared" si="889"/>
        <v>19.163923117746496</v>
      </c>
      <c r="K8020">
        <f t="shared" si="890"/>
        <v>0.66754018455427111</v>
      </c>
      <c r="L8020">
        <f t="shared" si="891"/>
        <v>0.33377009227713555</v>
      </c>
      <c r="M8020">
        <f t="shared" si="892"/>
        <v>0</v>
      </c>
      <c r="N8020" s="45">
        <f t="shared" si="893"/>
        <v>45259.749999980631</v>
      </c>
    </row>
    <row r="8021" spans="2:14" x14ac:dyDescent="0.25">
      <c r="B8021">
        <f t="shared" si="887"/>
        <v>3</v>
      </c>
      <c r="C8021" s="16">
        <v>7987</v>
      </c>
      <c r="D8021" cm="1">
        <f t="array" ref="D8021">IFERROR(INDEX(Jesper!AH$2:AH$366,ROUNDDOWN($C8021/24,0)+1,1)*INDEX($D$3:$AA$30,INDEX(Jesper!$R$2:$R$366,ROW(INDEX(Jesper!AH$2:AH$366,ROUNDDOWN($C8021/24,0)+1,1))-1)+IF('Standard Profiles'!$G$18=$B$10,7,0)+IF('Standard Profiles'!$G$18=$B$17,14,0)+IF('Standard Profiles'!$G$18=$B$24,21,0),MOD($C8021,24)+1)/SUM(INDEX($D$3:$AA$30,INDEX(Jesper!$R$2:$R$366,ROW(INDEX(Jesper!AH$2:AH$366,ROUNDDOWN($C8021/24,0)+1,1))-1)+IF('Standard Profiles'!$G$18=$B$10,7,0)+IF('Standard Profiles'!$G$18=$B$17,14,0)+IF('Standard Profiles'!$G$18=$B$24,21,0),0)),0)</f>
        <v>6.2581892301962911</v>
      </c>
      <c r="E8021" cm="1">
        <f t="array" ref="E8021">IFERROR(INDEX(Jesper!AI$2:AI$366,ROUNDDOWN($C8021/24,0)+1,1)*INDEX($D$3:$AA$30,INDEX(Jesper!$R$2:$R$366,ROW(INDEX(Jesper!AI$2:AI$366,ROUNDDOWN($C8021/24,0)+1,1))-1)+IF('Standard Profiles'!$G$19=$B$10,7,0)+IF('Standard Profiles'!$G$19=$B$17,14,0)+IF('Standard Profiles'!$G$19=$B$24,21,0),MOD($C8021,24)+1)/SUM(INDEX($D$3:$AA$30,INDEX(Jesper!$R$2:$R$366,ROW(INDEX(Jesper!AI$2:AI$366,ROUNDDOWN($C8021/24,0)+1,1))-1)+IF('Standard Profiles'!$G$19=$B$10,7,0)+IF('Standard Profiles'!$G$19=$B$17,14,0)+IF('Standard Profiles'!$G$19=$B$24,21,0),0)),0)</f>
        <v>8.071451207103312</v>
      </c>
      <c r="F8021" cm="1">
        <f t="array" ref="F8021">IFERROR(INDEX(Jesper!AJ$2:AJ$366,ROUNDDOWN($C8021/24,0)+1,1)*INDEX($D$3:$AA$30,INDEX(Jesper!$R$2:$R$366,ROW(INDEX(Jesper!AJ$2:AJ$366,ROUNDDOWN($C8021/24,0)+1,1))-1)+IF('Standard Profiles'!$G$20=$B$10,7,0)+IF('Standard Profiles'!$G$20=$B$17,14,0)+IF('Standard Profiles'!$G$20=$B$24,21,0),MOD($C8021,24)+1)/SUM(INDEX($D$3:$AA$30,INDEX(Jesper!$R$2:$R$366,ROW(INDEX(Jesper!AJ$2:AJ$366,ROUNDDOWN($C8021/24,0)+1,1))-1)+IF('Standard Profiles'!$G$20=$B$10,7,0)+IF('Standard Profiles'!$G$20=$B$17,14,0)+IF('Standard Profiles'!$G$20=$B$24,21,0),0)),0)</f>
        <v>0</v>
      </c>
      <c r="G8021" cm="1">
        <f t="array" ref="G8021">IFERROR(INDEX(Jesper!AK$2:AK$366,ROUNDDOWN($C8021/24,0)+1,1)*INDEX($D$3:$AA$30,INDEX(Jesper!$R$2:$R$366,ROW(INDEX(Jesper!AK$2:AK$366,ROUNDDOWN($C8021/24,0)+1,1))-1)+IF('Standard Profiles'!$G$21=$B$10,7,0)+IF('Standard Profiles'!$G$21=$B$17,14,0)+IF('Standard Profiles'!$G$21=$B$24,21,0),MOD($C8021,24)+1)/SUM(INDEX($D$3:$AA$30,INDEX(Jesper!$R$2:$R$366,ROW(INDEX(Jesper!AK$2:AK$366,ROUNDDOWN($C8021/24,0)+1,1))-1)+IF('Standard Profiles'!$G$21=$B$10,7,0)+IF('Standard Profiles'!$G$21=$B$17,14,0)+IF('Standard Profiles'!$G$21=$B$24,21,0),0)),0)</f>
        <v>11.222294148612111</v>
      </c>
      <c r="H8021" cm="1">
        <f t="array" ref="H8021">IFERROR(INDEX(Jesper!AL$2:AL$366,ROUNDDOWN($C8021/24,0)+1,1)*INDEX($D$3:$AA$30,INDEX(Jesper!$R$2:$R$366,ROW(INDEX(Jesper!AL$2:AL$366,ROUNDDOWN($C8021/24,0)+1,1))-1)+IF('Standard Profiles'!$G$22=$B$10,7,0)+IF('Standard Profiles'!$G$22=$B$17,14,0)+IF('Standard Profiles'!$G$22=$B$24,21,0),MOD($C8021,24)+1)/SUM(INDEX($D$3:$AA$30,INDEX(Jesper!$R$2:$R$366,ROW(INDEX(Jesper!AL$2:AL$366,ROUNDDOWN($C8021/24,0)+1,1))-1)+IF('Standard Profiles'!$G$22=$B$10,7,0)+IF('Standard Profiles'!$G$22=$B$17,14,0)+IF('Standard Profiles'!$G$22=$B$24,21,0),0)),0)</f>
        <v>0</v>
      </c>
      <c r="I8021">
        <f t="shared" si="888"/>
        <v>5.3867011913338105</v>
      </c>
      <c r="J8021">
        <f t="shared" si="889"/>
        <v>19.163923117746496</v>
      </c>
      <c r="K8021">
        <f t="shared" si="890"/>
        <v>0.66754018455427111</v>
      </c>
      <c r="L8021">
        <f t="shared" si="891"/>
        <v>0.33377009227713555</v>
      </c>
      <c r="M8021">
        <f t="shared" si="892"/>
        <v>0</v>
      </c>
      <c r="N8021" s="45">
        <f t="shared" si="893"/>
        <v>45259.791666647296</v>
      </c>
    </row>
    <row r="8022" spans="2:14" x14ac:dyDescent="0.25">
      <c r="B8022">
        <f t="shared" si="887"/>
        <v>3</v>
      </c>
      <c r="C8022" s="16">
        <v>7988</v>
      </c>
      <c r="D8022" cm="1">
        <f t="array" ref="D8022">IFERROR(INDEX(Jesper!AH$2:AH$366,ROUNDDOWN($C8022/24,0)+1,1)*INDEX($D$3:$AA$30,INDEX(Jesper!$R$2:$R$366,ROW(INDEX(Jesper!AH$2:AH$366,ROUNDDOWN($C8022/24,0)+1,1))-1)+IF('Standard Profiles'!$G$18=$B$10,7,0)+IF('Standard Profiles'!$G$18=$B$17,14,0)+IF('Standard Profiles'!$G$18=$B$24,21,0),MOD($C8022,24)+1)/SUM(INDEX($D$3:$AA$30,INDEX(Jesper!$R$2:$R$366,ROW(INDEX(Jesper!AH$2:AH$366,ROUNDDOWN($C8022/24,0)+1,1))-1)+IF('Standard Profiles'!$G$18=$B$10,7,0)+IF('Standard Profiles'!$G$18=$B$17,14,0)+IF('Standard Profiles'!$G$18=$B$24,21,0),0)),0)</f>
        <v>6.2581892301962911</v>
      </c>
      <c r="E8022" cm="1">
        <f t="array" ref="E8022">IFERROR(INDEX(Jesper!AI$2:AI$366,ROUNDDOWN($C8022/24,0)+1,1)*INDEX($D$3:$AA$30,INDEX(Jesper!$R$2:$R$366,ROW(INDEX(Jesper!AI$2:AI$366,ROUNDDOWN($C8022/24,0)+1,1))-1)+IF('Standard Profiles'!$G$19=$B$10,7,0)+IF('Standard Profiles'!$G$19=$B$17,14,0)+IF('Standard Profiles'!$G$19=$B$24,21,0),MOD($C8022,24)+1)/SUM(INDEX($D$3:$AA$30,INDEX(Jesper!$R$2:$R$366,ROW(INDEX(Jesper!AI$2:AI$366,ROUNDDOWN($C8022/24,0)+1,1))-1)+IF('Standard Profiles'!$G$19=$B$10,7,0)+IF('Standard Profiles'!$G$19=$B$17,14,0)+IF('Standard Profiles'!$G$19=$B$24,21,0),0)),0)</f>
        <v>8.071451207103312</v>
      </c>
      <c r="F8022" cm="1">
        <f t="array" ref="F8022">IFERROR(INDEX(Jesper!AJ$2:AJ$366,ROUNDDOWN($C8022/24,0)+1,1)*INDEX($D$3:$AA$30,INDEX(Jesper!$R$2:$R$366,ROW(INDEX(Jesper!AJ$2:AJ$366,ROUNDDOWN($C8022/24,0)+1,1))-1)+IF('Standard Profiles'!$G$20=$B$10,7,0)+IF('Standard Profiles'!$G$20=$B$17,14,0)+IF('Standard Profiles'!$G$20=$B$24,21,0),MOD($C8022,24)+1)/SUM(INDEX($D$3:$AA$30,INDEX(Jesper!$R$2:$R$366,ROW(INDEX(Jesper!AJ$2:AJ$366,ROUNDDOWN($C8022/24,0)+1,1))-1)+IF('Standard Profiles'!$G$20=$B$10,7,0)+IF('Standard Profiles'!$G$20=$B$17,14,0)+IF('Standard Profiles'!$G$20=$B$24,21,0),0)),0)</f>
        <v>0</v>
      </c>
      <c r="G8022" cm="1">
        <f t="array" ref="G8022">IFERROR(INDEX(Jesper!AK$2:AK$366,ROUNDDOWN($C8022/24,0)+1,1)*INDEX($D$3:$AA$30,INDEX(Jesper!$R$2:$R$366,ROW(INDEX(Jesper!AK$2:AK$366,ROUNDDOWN($C8022/24,0)+1,1))-1)+IF('Standard Profiles'!$G$21=$B$10,7,0)+IF('Standard Profiles'!$G$21=$B$17,14,0)+IF('Standard Profiles'!$G$21=$B$24,21,0),MOD($C8022,24)+1)/SUM(INDEX($D$3:$AA$30,INDEX(Jesper!$R$2:$R$366,ROW(INDEX(Jesper!AK$2:AK$366,ROUNDDOWN($C8022/24,0)+1,1))-1)+IF('Standard Profiles'!$G$21=$B$10,7,0)+IF('Standard Profiles'!$G$21=$B$17,14,0)+IF('Standard Profiles'!$G$21=$B$24,21,0),0)),0)</f>
        <v>11.222294148612111</v>
      </c>
      <c r="H8022" cm="1">
        <f t="array" ref="H8022">IFERROR(INDEX(Jesper!AL$2:AL$366,ROUNDDOWN($C8022/24,0)+1,1)*INDEX($D$3:$AA$30,INDEX(Jesper!$R$2:$R$366,ROW(INDEX(Jesper!AL$2:AL$366,ROUNDDOWN($C8022/24,0)+1,1))-1)+IF('Standard Profiles'!$G$22=$B$10,7,0)+IF('Standard Profiles'!$G$22=$B$17,14,0)+IF('Standard Profiles'!$G$22=$B$24,21,0),MOD($C8022,24)+1)/SUM(INDEX($D$3:$AA$30,INDEX(Jesper!$R$2:$R$366,ROW(INDEX(Jesper!AL$2:AL$366,ROUNDDOWN($C8022/24,0)+1,1))-1)+IF('Standard Profiles'!$G$22=$B$10,7,0)+IF('Standard Profiles'!$G$22=$B$17,14,0)+IF('Standard Profiles'!$G$22=$B$24,21,0),0)),0)</f>
        <v>0</v>
      </c>
      <c r="I8022">
        <f t="shared" si="888"/>
        <v>5.3867011913338105</v>
      </c>
      <c r="J8022">
        <f t="shared" si="889"/>
        <v>19.163923117746496</v>
      </c>
      <c r="K8022">
        <f t="shared" si="890"/>
        <v>0.66754018455427111</v>
      </c>
      <c r="L8022">
        <f t="shared" si="891"/>
        <v>0.33377009227713555</v>
      </c>
      <c r="M8022">
        <f t="shared" si="892"/>
        <v>0</v>
      </c>
      <c r="N8022" s="45">
        <f t="shared" si="893"/>
        <v>45259.83333331396</v>
      </c>
    </row>
    <row r="8023" spans="2:14" x14ac:dyDescent="0.25">
      <c r="B8023">
        <f t="shared" si="887"/>
        <v>3</v>
      </c>
      <c r="C8023" s="16">
        <v>7989</v>
      </c>
      <c r="D8023" cm="1">
        <f t="array" ref="D8023">IFERROR(INDEX(Jesper!AH$2:AH$366,ROUNDDOWN($C8023/24,0)+1,1)*INDEX($D$3:$AA$30,INDEX(Jesper!$R$2:$R$366,ROW(INDEX(Jesper!AH$2:AH$366,ROUNDDOWN($C8023/24,0)+1,1))-1)+IF('Standard Profiles'!$G$18=$B$10,7,0)+IF('Standard Profiles'!$G$18=$B$17,14,0)+IF('Standard Profiles'!$G$18=$B$24,21,0),MOD($C8023,24)+1)/SUM(INDEX($D$3:$AA$30,INDEX(Jesper!$R$2:$R$366,ROW(INDEX(Jesper!AH$2:AH$366,ROUNDDOWN($C8023/24,0)+1,1))-1)+IF('Standard Profiles'!$G$18=$B$10,7,0)+IF('Standard Profiles'!$G$18=$B$17,14,0)+IF('Standard Profiles'!$G$18=$B$24,21,0),0)),0)</f>
        <v>6.2581892301962911</v>
      </c>
      <c r="E8023" cm="1">
        <f t="array" ref="E8023">IFERROR(INDEX(Jesper!AI$2:AI$366,ROUNDDOWN($C8023/24,0)+1,1)*INDEX($D$3:$AA$30,INDEX(Jesper!$R$2:$R$366,ROW(INDEX(Jesper!AI$2:AI$366,ROUNDDOWN($C8023/24,0)+1,1))-1)+IF('Standard Profiles'!$G$19=$B$10,7,0)+IF('Standard Profiles'!$G$19=$B$17,14,0)+IF('Standard Profiles'!$G$19=$B$24,21,0),MOD($C8023,24)+1)/SUM(INDEX($D$3:$AA$30,INDEX(Jesper!$R$2:$R$366,ROW(INDEX(Jesper!AI$2:AI$366,ROUNDDOWN($C8023/24,0)+1,1))-1)+IF('Standard Profiles'!$G$19=$B$10,7,0)+IF('Standard Profiles'!$G$19=$B$17,14,0)+IF('Standard Profiles'!$G$19=$B$24,21,0),0)),0)</f>
        <v>8.071451207103312</v>
      </c>
      <c r="F8023" cm="1">
        <f t="array" ref="F8023">IFERROR(INDEX(Jesper!AJ$2:AJ$366,ROUNDDOWN($C8023/24,0)+1,1)*INDEX($D$3:$AA$30,INDEX(Jesper!$R$2:$R$366,ROW(INDEX(Jesper!AJ$2:AJ$366,ROUNDDOWN($C8023/24,0)+1,1))-1)+IF('Standard Profiles'!$G$20=$B$10,7,0)+IF('Standard Profiles'!$G$20=$B$17,14,0)+IF('Standard Profiles'!$G$20=$B$24,21,0),MOD($C8023,24)+1)/SUM(INDEX($D$3:$AA$30,INDEX(Jesper!$R$2:$R$366,ROW(INDEX(Jesper!AJ$2:AJ$366,ROUNDDOWN($C8023/24,0)+1,1))-1)+IF('Standard Profiles'!$G$20=$B$10,7,0)+IF('Standard Profiles'!$G$20=$B$17,14,0)+IF('Standard Profiles'!$G$20=$B$24,21,0),0)),0)</f>
        <v>0</v>
      </c>
      <c r="G8023" cm="1">
        <f t="array" ref="G8023">IFERROR(INDEX(Jesper!AK$2:AK$366,ROUNDDOWN($C8023/24,0)+1,1)*INDEX($D$3:$AA$30,INDEX(Jesper!$R$2:$R$366,ROW(INDEX(Jesper!AK$2:AK$366,ROUNDDOWN($C8023/24,0)+1,1))-1)+IF('Standard Profiles'!$G$21=$B$10,7,0)+IF('Standard Profiles'!$G$21=$B$17,14,0)+IF('Standard Profiles'!$G$21=$B$24,21,0),MOD($C8023,24)+1)/SUM(INDEX($D$3:$AA$30,INDEX(Jesper!$R$2:$R$366,ROW(INDEX(Jesper!AK$2:AK$366,ROUNDDOWN($C8023/24,0)+1,1))-1)+IF('Standard Profiles'!$G$21=$B$10,7,0)+IF('Standard Profiles'!$G$21=$B$17,14,0)+IF('Standard Profiles'!$G$21=$B$24,21,0),0)),0)</f>
        <v>11.222294148612111</v>
      </c>
      <c r="H8023" cm="1">
        <f t="array" ref="H8023">IFERROR(INDEX(Jesper!AL$2:AL$366,ROUNDDOWN($C8023/24,0)+1,1)*INDEX($D$3:$AA$30,INDEX(Jesper!$R$2:$R$366,ROW(INDEX(Jesper!AL$2:AL$366,ROUNDDOWN($C8023/24,0)+1,1))-1)+IF('Standard Profiles'!$G$22=$B$10,7,0)+IF('Standard Profiles'!$G$22=$B$17,14,0)+IF('Standard Profiles'!$G$22=$B$24,21,0),MOD($C8023,24)+1)/SUM(INDEX($D$3:$AA$30,INDEX(Jesper!$R$2:$R$366,ROW(INDEX(Jesper!AL$2:AL$366,ROUNDDOWN($C8023/24,0)+1,1))-1)+IF('Standard Profiles'!$G$22=$B$10,7,0)+IF('Standard Profiles'!$G$22=$B$17,14,0)+IF('Standard Profiles'!$G$22=$B$24,21,0),0)),0)</f>
        <v>0</v>
      </c>
      <c r="I8023">
        <f t="shared" si="888"/>
        <v>5.3867011913338105</v>
      </c>
      <c r="J8023">
        <f t="shared" si="889"/>
        <v>19.163923117746496</v>
      </c>
      <c r="K8023">
        <f t="shared" si="890"/>
        <v>0.66754018455427111</v>
      </c>
      <c r="L8023">
        <f t="shared" si="891"/>
        <v>0.33377009227713555</v>
      </c>
      <c r="M8023">
        <f t="shared" si="892"/>
        <v>0</v>
      </c>
      <c r="N8023" s="45">
        <f t="shared" si="893"/>
        <v>45259.874999980624</v>
      </c>
    </row>
    <row r="8024" spans="2:14" x14ac:dyDescent="0.25">
      <c r="B8024">
        <f t="shared" si="887"/>
        <v>3</v>
      </c>
      <c r="C8024" s="16">
        <v>7990</v>
      </c>
      <c r="D8024" cm="1">
        <f t="array" ref="D8024">IFERROR(INDEX(Jesper!AH$2:AH$366,ROUNDDOWN($C8024/24,0)+1,1)*INDEX($D$3:$AA$30,INDEX(Jesper!$R$2:$R$366,ROW(INDEX(Jesper!AH$2:AH$366,ROUNDDOWN($C8024/24,0)+1,1))-1)+IF('Standard Profiles'!$G$18=$B$10,7,0)+IF('Standard Profiles'!$G$18=$B$17,14,0)+IF('Standard Profiles'!$G$18=$B$24,21,0),MOD($C8024,24)+1)/SUM(INDEX($D$3:$AA$30,INDEX(Jesper!$R$2:$R$366,ROW(INDEX(Jesper!AH$2:AH$366,ROUNDDOWN($C8024/24,0)+1,1))-1)+IF('Standard Profiles'!$G$18=$B$10,7,0)+IF('Standard Profiles'!$G$18=$B$17,14,0)+IF('Standard Profiles'!$G$18=$B$24,21,0),0)),0)</f>
        <v>6.2581892301962911</v>
      </c>
      <c r="E8024" cm="1">
        <f t="array" ref="E8024">IFERROR(INDEX(Jesper!AI$2:AI$366,ROUNDDOWN($C8024/24,0)+1,1)*INDEX($D$3:$AA$30,INDEX(Jesper!$R$2:$R$366,ROW(INDEX(Jesper!AI$2:AI$366,ROUNDDOWN($C8024/24,0)+1,1))-1)+IF('Standard Profiles'!$G$19=$B$10,7,0)+IF('Standard Profiles'!$G$19=$B$17,14,0)+IF('Standard Profiles'!$G$19=$B$24,21,0),MOD($C8024,24)+1)/SUM(INDEX($D$3:$AA$30,INDEX(Jesper!$R$2:$R$366,ROW(INDEX(Jesper!AI$2:AI$366,ROUNDDOWN($C8024/24,0)+1,1))-1)+IF('Standard Profiles'!$G$19=$B$10,7,0)+IF('Standard Profiles'!$G$19=$B$17,14,0)+IF('Standard Profiles'!$G$19=$B$24,21,0),0)),0)</f>
        <v>8.071451207103312</v>
      </c>
      <c r="F8024" cm="1">
        <f t="array" ref="F8024">IFERROR(INDEX(Jesper!AJ$2:AJ$366,ROUNDDOWN($C8024/24,0)+1,1)*INDEX($D$3:$AA$30,INDEX(Jesper!$R$2:$R$366,ROW(INDEX(Jesper!AJ$2:AJ$366,ROUNDDOWN($C8024/24,0)+1,1))-1)+IF('Standard Profiles'!$G$20=$B$10,7,0)+IF('Standard Profiles'!$G$20=$B$17,14,0)+IF('Standard Profiles'!$G$20=$B$24,21,0),MOD($C8024,24)+1)/SUM(INDEX($D$3:$AA$30,INDEX(Jesper!$R$2:$R$366,ROW(INDEX(Jesper!AJ$2:AJ$366,ROUNDDOWN($C8024/24,0)+1,1))-1)+IF('Standard Profiles'!$G$20=$B$10,7,0)+IF('Standard Profiles'!$G$20=$B$17,14,0)+IF('Standard Profiles'!$G$20=$B$24,21,0),0)),0)</f>
        <v>0</v>
      </c>
      <c r="G8024" cm="1">
        <f t="array" ref="G8024">IFERROR(INDEX(Jesper!AK$2:AK$366,ROUNDDOWN($C8024/24,0)+1,1)*INDEX($D$3:$AA$30,INDEX(Jesper!$R$2:$R$366,ROW(INDEX(Jesper!AK$2:AK$366,ROUNDDOWN($C8024/24,0)+1,1))-1)+IF('Standard Profiles'!$G$21=$B$10,7,0)+IF('Standard Profiles'!$G$21=$B$17,14,0)+IF('Standard Profiles'!$G$21=$B$24,21,0),MOD($C8024,24)+1)/SUM(INDEX($D$3:$AA$30,INDEX(Jesper!$R$2:$R$366,ROW(INDEX(Jesper!AK$2:AK$366,ROUNDDOWN($C8024/24,0)+1,1))-1)+IF('Standard Profiles'!$G$21=$B$10,7,0)+IF('Standard Profiles'!$G$21=$B$17,14,0)+IF('Standard Profiles'!$G$21=$B$24,21,0),0)),0)</f>
        <v>11.222294148612111</v>
      </c>
      <c r="H8024" cm="1">
        <f t="array" ref="H8024">IFERROR(INDEX(Jesper!AL$2:AL$366,ROUNDDOWN($C8024/24,0)+1,1)*INDEX($D$3:$AA$30,INDEX(Jesper!$R$2:$R$366,ROW(INDEX(Jesper!AL$2:AL$366,ROUNDDOWN($C8024/24,0)+1,1))-1)+IF('Standard Profiles'!$G$22=$B$10,7,0)+IF('Standard Profiles'!$G$22=$B$17,14,0)+IF('Standard Profiles'!$G$22=$B$24,21,0),MOD($C8024,24)+1)/SUM(INDEX($D$3:$AA$30,INDEX(Jesper!$R$2:$R$366,ROW(INDEX(Jesper!AL$2:AL$366,ROUNDDOWN($C8024/24,0)+1,1))-1)+IF('Standard Profiles'!$G$22=$B$10,7,0)+IF('Standard Profiles'!$G$22=$B$17,14,0)+IF('Standard Profiles'!$G$22=$B$24,21,0),0)),0)</f>
        <v>0</v>
      </c>
      <c r="I8024">
        <f t="shared" si="888"/>
        <v>5.3867011913338105</v>
      </c>
      <c r="J8024">
        <f t="shared" si="889"/>
        <v>19.163923117746496</v>
      </c>
      <c r="K8024">
        <f t="shared" si="890"/>
        <v>0.66754018455427111</v>
      </c>
      <c r="L8024">
        <f t="shared" si="891"/>
        <v>0.33377009227713555</v>
      </c>
      <c r="M8024">
        <f t="shared" si="892"/>
        <v>0</v>
      </c>
      <c r="N8024" s="45">
        <f t="shared" si="893"/>
        <v>45259.916666647288</v>
      </c>
    </row>
    <row r="8025" spans="2:14" x14ac:dyDescent="0.25">
      <c r="B8025">
        <f t="shared" si="887"/>
        <v>3</v>
      </c>
      <c r="C8025" s="16">
        <v>7991</v>
      </c>
      <c r="D8025" cm="1">
        <f t="array" ref="D8025">IFERROR(INDEX(Jesper!AH$2:AH$366,ROUNDDOWN($C8025/24,0)+1,1)*INDEX($D$3:$AA$30,INDEX(Jesper!$R$2:$R$366,ROW(INDEX(Jesper!AH$2:AH$366,ROUNDDOWN($C8025/24,0)+1,1))-1)+IF('Standard Profiles'!$G$18=$B$10,7,0)+IF('Standard Profiles'!$G$18=$B$17,14,0)+IF('Standard Profiles'!$G$18=$B$24,21,0),MOD($C8025,24)+1)/SUM(INDEX($D$3:$AA$30,INDEX(Jesper!$R$2:$R$366,ROW(INDEX(Jesper!AH$2:AH$366,ROUNDDOWN($C8025/24,0)+1,1))-1)+IF('Standard Profiles'!$G$18=$B$10,7,0)+IF('Standard Profiles'!$G$18=$B$17,14,0)+IF('Standard Profiles'!$G$18=$B$24,21,0),0)),0)</f>
        <v>6.2581892301962911</v>
      </c>
      <c r="E8025" cm="1">
        <f t="array" ref="E8025">IFERROR(INDEX(Jesper!AI$2:AI$366,ROUNDDOWN($C8025/24,0)+1,1)*INDEX($D$3:$AA$30,INDEX(Jesper!$R$2:$R$366,ROW(INDEX(Jesper!AI$2:AI$366,ROUNDDOWN($C8025/24,0)+1,1))-1)+IF('Standard Profiles'!$G$19=$B$10,7,0)+IF('Standard Profiles'!$G$19=$B$17,14,0)+IF('Standard Profiles'!$G$19=$B$24,21,0),MOD($C8025,24)+1)/SUM(INDEX($D$3:$AA$30,INDEX(Jesper!$R$2:$R$366,ROW(INDEX(Jesper!AI$2:AI$366,ROUNDDOWN($C8025/24,0)+1,1))-1)+IF('Standard Profiles'!$G$19=$B$10,7,0)+IF('Standard Profiles'!$G$19=$B$17,14,0)+IF('Standard Profiles'!$G$19=$B$24,21,0),0)),0)</f>
        <v>8.071451207103312</v>
      </c>
      <c r="F8025" cm="1">
        <f t="array" ref="F8025">IFERROR(INDEX(Jesper!AJ$2:AJ$366,ROUNDDOWN($C8025/24,0)+1,1)*INDEX($D$3:$AA$30,INDEX(Jesper!$R$2:$R$366,ROW(INDEX(Jesper!AJ$2:AJ$366,ROUNDDOWN($C8025/24,0)+1,1))-1)+IF('Standard Profiles'!$G$20=$B$10,7,0)+IF('Standard Profiles'!$G$20=$B$17,14,0)+IF('Standard Profiles'!$G$20=$B$24,21,0),MOD($C8025,24)+1)/SUM(INDEX($D$3:$AA$30,INDEX(Jesper!$R$2:$R$366,ROW(INDEX(Jesper!AJ$2:AJ$366,ROUNDDOWN($C8025/24,0)+1,1))-1)+IF('Standard Profiles'!$G$20=$B$10,7,0)+IF('Standard Profiles'!$G$20=$B$17,14,0)+IF('Standard Profiles'!$G$20=$B$24,21,0),0)),0)</f>
        <v>0</v>
      </c>
      <c r="G8025" cm="1">
        <f t="array" ref="G8025">IFERROR(INDEX(Jesper!AK$2:AK$366,ROUNDDOWN($C8025/24,0)+1,1)*INDEX($D$3:$AA$30,INDEX(Jesper!$R$2:$R$366,ROW(INDEX(Jesper!AK$2:AK$366,ROUNDDOWN($C8025/24,0)+1,1))-1)+IF('Standard Profiles'!$G$21=$B$10,7,0)+IF('Standard Profiles'!$G$21=$B$17,14,0)+IF('Standard Profiles'!$G$21=$B$24,21,0),MOD($C8025,24)+1)/SUM(INDEX($D$3:$AA$30,INDEX(Jesper!$R$2:$R$366,ROW(INDEX(Jesper!AK$2:AK$366,ROUNDDOWN($C8025/24,0)+1,1))-1)+IF('Standard Profiles'!$G$21=$B$10,7,0)+IF('Standard Profiles'!$G$21=$B$17,14,0)+IF('Standard Profiles'!$G$21=$B$24,21,0),0)),0)</f>
        <v>11.222294148612111</v>
      </c>
      <c r="H8025" cm="1">
        <f t="array" ref="H8025">IFERROR(INDEX(Jesper!AL$2:AL$366,ROUNDDOWN($C8025/24,0)+1,1)*INDEX($D$3:$AA$30,INDEX(Jesper!$R$2:$R$366,ROW(INDEX(Jesper!AL$2:AL$366,ROUNDDOWN($C8025/24,0)+1,1))-1)+IF('Standard Profiles'!$G$22=$B$10,7,0)+IF('Standard Profiles'!$G$22=$B$17,14,0)+IF('Standard Profiles'!$G$22=$B$24,21,0),MOD($C8025,24)+1)/SUM(INDEX($D$3:$AA$30,INDEX(Jesper!$R$2:$R$366,ROW(INDEX(Jesper!AL$2:AL$366,ROUNDDOWN($C8025/24,0)+1,1))-1)+IF('Standard Profiles'!$G$22=$B$10,7,0)+IF('Standard Profiles'!$G$22=$B$17,14,0)+IF('Standard Profiles'!$G$22=$B$24,21,0),0)),0)</f>
        <v>0</v>
      </c>
      <c r="I8025">
        <f t="shared" si="888"/>
        <v>5.3867011913338105</v>
      </c>
      <c r="J8025">
        <f t="shared" si="889"/>
        <v>19.163923117746496</v>
      </c>
      <c r="K8025">
        <f t="shared" si="890"/>
        <v>0.66754018455427111</v>
      </c>
      <c r="L8025">
        <f t="shared" si="891"/>
        <v>0.33377009227713555</v>
      </c>
      <c r="M8025">
        <f t="shared" si="892"/>
        <v>0</v>
      </c>
      <c r="N8025" s="45">
        <f t="shared" si="893"/>
        <v>45259.958333313953</v>
      </c>
    </row>
    <row r="8026" spans="2:14" x14ac:dyDescent="0.25">
      <c r="B8026">
        <f t="shared" si="887"/>
        <v>4</v>
      </c>
      <c r="C8026" s="16">
        <v>7992</v>
      </c>
      <c r="D8026" cm="1">
        <f t="array" ref="D8026">IFERROR(INDEX(Jesper!AH$2:AH$366,ROUNDDOWN($C8026/24,0)+1,1)*INDEX($D$3:$AA$30,INDEX(Jesper!$R$2:$R$366,ROW(INDEX(Jesper!AH$2:AH$366,ROUNDDOWN($C8026/24,0)+1,1))-1)+IF('Standard Profiles'!$G$18=$B$10,7,0)+IF('Standard Profiles'!$G$18=$B$17,14,0)+IF('Standard Profiles'!$G$18=$B$24,21,0),MOD($C8026,24)+1)/SUM(INDEX($D$3:$AA$30,INDEX(Jesper!$R$2:$R$366,ROW(INDEX(Jesper!AH$2:AH$366,ROUNDDOWN($C8026/24,0)+1,1))-1)+IF('Standard Profiles'!$G$18=$B$10,7,0)+IF('Standard Profiles'!$G$18=$B$17,14,0)+IF('Standard Profiles'!$G$18=$B$24,21,0),0)),0)</f>
        <v>6.331304789239824</v>
      </c>
      <c r="E8026" cm="1">
        <f t="array" ref="E8026">IFERROR(INDEX(Jesper!AI$2:AI$366,ROUNDDOWN($C8026/24,0)+1,1)*INDEX($D$3:$AA$30,INDEX(Jesper!$R$2:$R$366,ROW(INDEX(Jesper!AI$2:AI$366,ROUNDDOWN($C8026/24,0)+1,1))-1)+IF('Standard Profiles'!$G$19=$B$10,7,0)+IF('Standard Profiles'!$G$19=$B$17,14,0)+IF('Standard Profiles'!$G$19=$B$24,21,0),MOD($C8026,24)+1)/SUM(INDEX($D$3:$AA$30,INDEX(Jesper!$R$2:$R$366,ROW(INDEX(Jesper!AI$2:AI$366,ROUNDDOWN($C8026/24,0)+1,1))-1)+IF('Standard Profiles'!$G$19=$B$10,7,0)+IF('Standard Profiles'!$G$19=$B$17,14,0)+IF('Standard Profiles'!$G$19=$B$24,21,0),0)),0)</f>
        <v>8.3496640226373735</v>
      </c>
      <c r="F8026" cm="1">
        <f t="array" ref="F8026">IFERROR(INDEX(Jesper!AJ$2:AJ$366,ROUNDDOWN($C8026/24,0)+1,1)*INDEX($D$3:$AA$30,INDEX(Jesper!$R$2:$R$366,ROW(INDEX(Jesper!AJ$2:AJ$366,ROUNDDOWN($C8026/24,0)+1,1))-1)+IF('Standard Profiles'!$G$20=$B$10,7,0)+IF('Standard Profiles'!$G$20=$B$17,14,0)+IF('Standard Profiles'!$G$20=$B$24,21,0),MOD($C8026,24)+1)/SUM(INDEX($D$3:$AA$30,INDEX(Jesper!$R$2:$R$366,ROW(INDEX(Jesper!AJ$2:AJ$366,ROUNDDOWN($C8026/24,0)+1,1))-1)+IF('Standard Profiles'!$G$20=$B$10,7,0)+IF('Standard Profiles'!$G$20=$B$17,14,0)+IF('Standard Profiles'!$G$20=$B$24,21,0),0)),0)</f>
        <v>0</v>
      </c>
      <c r="G8026" cm="1">
        <f t="array" ref="G8026">IFERROR(INDEX(Jesper!AK$2:AK$366,ROUNDDOWN($C8026/24,0)+1,1)*INDEX($D$3:$AA$30,INDEX(Jesper!$R$2:$R$366,ROW(INDEX(Jesper!AK$2:AK$366,ROUNDDOWN($C8026/24,0)+1,1))-1)+IF('Standard Profiles'!$G$21=$B$10,7,0)+IF('Standard Profiles'!$G$21=$B$17,14,0)+IF('Standard Profiles'!$G$21=$B$24,21,0),MOD($C8026,24)+1)/SUM(INDEX($D$3:$AA$30,INDEX(Jesper!$R$2:$R$366,ROW(INDEX(Jesper!AK$2:AK$366,ROUNDDOWN($C8026/24,0)+1,1))-1)+IF('Standard Profiles'!$G$21=$B$10,7,0)+IF('Standard Profiles'!$G$21=$B$17,14,0)+IF('Standard Profiles'!$G$21=$B$24,21,0),0)),0)</f>
        <v>11.942212988529729</v>
      </c>
      <c r="H8026" cm="1">
        <f t="array" ref="H8026">IFERROR(INDEX(Jesper!AL$2:AL$366,ROUNDDOWN($C8026/24,0)+1,1)*INDEX($D$3:$AA$30,INDEX(Jesper!$R$2:$R$366,ROW(INDEX(Jesper!AL$2:AL$366,ROUNDDOWN($C8026/24,0)+1,1))-1)+IF('Standard Profiles'!$G$22=$B$10,7,0)+IF('Standard Profiles'!$G$22=$B$17,14,0)+IF('Standard Profiles'!$G$22=$B$24,21,0),MOD($C8026,24)+1)/SUM(INDEX($D$3:$AA$30,INDEX(Jesper!$R$2:$R$366,ROW(INDEX(Jesper!AL$2:AL$366,ROUNDDOWN($C8026/24,0)+1,1))-1)+IF('Standard Profiles'!$G$22=$B$10,7,0)+IF('Standard Profiles'!$G$22=$B$17,14,0)+IF('Standard Profiles'!$G$22=$B$24,21,0),0)),0)</f>
        <v>0</v>
      </c>
      <c r="I8026">
        <f t="shared" si="888"/>
        <v>5.7322622344942671</v>
      </c>
      <c r="J8026">
        <f t="shared" si="889"/>
        <v>19.877910799634286</v>
      </c>
      <c r="K8026">
        <f t="shared" si="890"/>
        <v>0.67533917751891459</v>
      </c>
      <c r="L8026">
        <f t="shared" si="891"/>
        <v>0.3376695887594573</v>
      </c>
      <c r="M8026">
        <f t="shared" si="892"/>
        <v>0</v>
      </c>
      <c r="N8026" s="45">
        <f t="shared" si="893"/>
        <v>45259.999999980617</v>
      </c>
    </row>
    <row r="8027" spans="2:14" x14ac:dyDescent="0.25">
      <c r="B8027">
        <f t="shared" si="887"/>
        <v>4</v>
      </c>
      <c r="C8027" s="16">
        <v>7993</v>
      </c>
      <c r="D8027" cm="1">
        <f t="array" ref="D8027">IFERROR(INDEX(Jesper!AH$2:AH$366,ROUNDDOWN($C8027/24,0)+1,1)*INDEX($D$3:$AA$30,INDEX(Jesper!$R$2:$R$366,ROW(INDEX(Jesper!AH$2:AH$366,ROUNDDOWN($C8027/24,0)+1,1))-1)+IF('Standard Profiles'!$G$18=$B$10,7,0)+IF('Standard Profiles'!$G$18=$B$17,14,0)+IF('Standard Profiles'!$G$18=$B$24,21,0),MOD($C8027,24)+1)/SUM(INDEX($D$3:$AA$30,INDEX(Jesper!$R$2:$R$366,ROW(INDEX(Jesper!AH$2:AH$366,ROUNDDOWN($C8027/24,0)+1,1))-1)+IF('Standard Profiles'!$G$18=$B$10,7,0)+IF('Standard Profiles'!$G$18=$B$17,14,0)+IF('Standard Profiles'!$G$18=$B$24,21,0),0)),0)</f>
        <v>6.331304789239824</v>
      </c>
      <c r="E8027" cm="1">
        <f t="array" ref="E8027">IFERROR(INDEX(Jesper!AI$2:AI$366,ROUNDDOWN($C8027/24,0)+1,1)*INDEX($D$3:$AA$30,INDEX(Jesper!$R$2:$R$366,ROW(INDEX(Jesper!AI$2:AI$366,ROUNDDOWN($C8027/24,0)+1,1))-1)+IF('Standard Profiles'!$G$19=$B$10,7,0)+IF('Standard Profiles'!$G$19=$B$17,14,0)+IF('Standard Profiles'!$G$19=$B$24,21,0),MOD($C8027,24)+1)/SUM(INDEX($D$3:$AA$30,INDEX(Jesper!$R$2:$R$366,ROW(INDEX(Jesper!AI$2:AI$366,ROUNDDOWN($C8027/24,0)+1,1))-1)+IF('Standard Profiles'!$G$19=$B$10,7,0)+IF('Standard Profiles'!$G$19=$B$17,14,0)+IF('Standard Profiles'!$G$19=$B$24,21,0),0)),0)</f>
        <v>8.3496640226373735</v>
      </c>
      <c r="F8027" cm="1">
        <f t="array" ref="F8027">IFERROR(INDEX(Jesper!AJ$2:AJ$366,ROUNDDOWN($C8027/24,0)+1,1)*INDEX($D$3:$AA$30,INDEX(Jesper!$R$2:$R$366,ROW(INDEX(Jesper!AJ$2:AJ$366,ROUNDDOWN($C8027/24,0)+1,1))-1)+IF('Standard Profiles'!$G$20=$B$10,7,0)+IF('Standard Profiles'!$G$20=$B$17,14,0)+IF('Standard Profiles'!$G$20=$B$24,21,0),MOD($C8027,24)+1)/SUM(INDEX($D$3:$AA$30,INDEX(Jesper!$R$2:$R$366,ROW(INDEX(Jesper!AJ$2:AJ$366,ROUNDDOWN($C8027/24,0)+1,1))-1)+IF('Standard Profiles'!$G$20=$B$10,7,0)+IF('Standard Profiles'!$G$20=$B$17,14,0)+IF('Standard Profiles'!$G$20=$B$24,21,0),0)),0)</f>
        <v>0</v>
      </c>
      <c r="G8027" cm="1">
        <f t="array" ref="G8027">IFERROR(INDEX(Jesper!AK$2:AK$366,ROUNDDOWN($C8027/24,0)+1,1)*INDEX($D$3:$AA$30,INDEX(Jesper!$R$2:$R$366,ROW(INDEX(Jesper!AK$2:AK$366,ROUNDDOWN($C8027/24,0)+1,1))-1)+IF('Standard Profiles'!$G$21=$B$10,7,0)+IF('Standard Profiles'!$G$21=$B$17,14,0)+IF('Standard Profiles'!$G$21=$B$24,21,0),MOD($C8027,24)+1)/SUM(INDEX($D$3:$AA$30,INDEX(Jesper!$R$2:$R$366,ROW(INDEX(Jesper!AK$2:AK$366,ROUNDDOWN($C8027/24,0)+1,1))-1)+IF('Standard Profiles'!$G$21=$B$10,7,0)+IF('Standard Profiles'!$G$21=$B$17,14,0)+IF('Standard Profiles'!$G$21=$B$24,21,0),0)),0)</f>
        <v>11.942212988529729</v>
      </c>
      <c r="H8027" cm="1">
        <f t="array" ref="H8027">IFERROR(INDEX(Jesper!AL$2:AL$366,ROUNDDOWN($C8027/24,0)+1,1)*INDEX($D$3:$AA$30,INDEX(Jesper!$R$2:$R$366,ROW(INDEX(Jesper!AL$2:AL$366,ROUNDDOWN($C8027/24,0)+1,1))-1)+IF('Standard Profiles'!$G$22=$B$10,7,0)+IF('Standard Profiles'!$G$22=$B$17,14,0)+IF('Standard Profiles'!$G$22=$B$24,21,0),MOD($C8027,24)+1)/SUM(INDEX($D$3:$AA$30,INDEX(Jesper!$R$2:$R$366,ROW(INDEX(Jesper!AL$2:AL$366,ROUNDDOWN($C8027/24,0)+1,1))-1)+IF('Standard Profiles'!$G$22=$B$10,7,0)+IF('Standard Profiles'!$G$22=$B$17,14,0)+IF('Standard Profiles'!$G$22=$B$24,21,0),0)),0)</f>
        <v>0</v>
      </c>
      <c r="I8027">
        <f t="shared" si="888"/>
        <v>5.7322622344942671</v>
      </c>
      <c r="J8027">
        <f t="shared" si="889"/>
        <v>19.877910799634286</v>
      </c>
      <c r="K8027">
        <f t="shared" si="890"/>
        <v>0.67533917751891459</v>
      </c>
      <c r="L8027">
        <f t="shared" si="891"/>
        <v>0.3376695887594573</v>
      </c>
      <c r="M8027">
        <f t="shared" si="892"/>
        <v>0</v>
      </c>
      <c r="N8027" s="45">
        <f t="shared" si="893"/>
        <v>45260.041666647281</v>
      </c>
    </row>
    <row r="8028" spans="2:14" x14ac:dyDescent="0.25">
      <c r="B8028">
        <f t="shared" si="887"/>
        <v>4</v>
      </c>
      <c r="C8028" s="16">
        <v>7994</v>
      </c>
      <c r="D8028" cm="1">
        <f t="array" ref="D8028">IFERROR(INDEX(Jesper!AH$2:AH$366,ROUNDDOWN($C8028/24,0)+1,1)*INDEX($D$3:$AA$30,INDEX(Jesper!$R$2:$R$366,ROW(INDEX(Jesper!AH$2:AH$366,ROUNDDOWN($C8028/24,0)+1,1))-1)+IF('Standard Profiles'!$G$18=$B$10,7,0)+IF('Standard Profiles'!$G$18=$B$17,14,0)+IF('Standard Profiles'!$G$18=$B$24,21,0),MOD($C8028,24)+1)/SUM(INDEX($D$3:$AA$30,INDEX(Jesper!$R$2:$R$366,ROW(INDEX(Jesper!AH$2:AH$366,ROUNDDOWN($C8028/24,0)+1,1))-1)+IF('Standard Profiles'!$G$18=$B$10,7,0)+IF('Standard Profiles'!$G$18=$B$17,14,0)+IF('Standard Profiles'!$G$18=$B$24,21,0),0)),0)</f>
        <v>6.331304789239824</v>
      </c>
      <c r="E8028" cm="1">
        <f t="array" ref="E8028">IFERROR(INDEX(Jesper!AI$2:AI$366,ROUNDDOWN($C8028/24,0)+1,1)*INDEX($D$3:$AA$30,INDEX(Jesper!$R$2:$R$366,ROW(INDEX(Jesper!AI$2:AI$366,ROUNDDOWN($C8028/24,0)+1,1))-1)+IF('Standard Profiles'!$G$19=$B$10,7,0)+IF('Standard Profiles'!$G$19=$B$17,14,0)+IF('Standard Profiles'!$G$19=$B$24,21,0),MOD($C8028,24)+1)/SUM(INDEX($D$3:$AA$30,INDEX(Jesper!$R$2:$R$366,ROW(INDEX(Jesper!AI$2:AI$366,ROUNDDOWN($C8028/24,0)+1,1))-1)+IF('Standard Profiles'!$G$19=$B$10,7,0)+IF('Standard Profiles'!$G$19=$B$17,14,0)+IF('Standard Profiles'!$G$19=$B$24,21,0),0)),0)</f>
        <v>8.3496640226373735</v>
      </c>
      <c r="F8028" cm="1">
        <f t="array" ref="F8028">IFERROR(INDEX(Jesper!AJ$2:AJ$366,ROUNDDOWN($C8028/24,0)+1,1)*INDEX($D$3:$AA$30,INDEX(Jesper!$R$2:$R$366,ROW(INDEX(Jesper!AJ$2:AJ$366,ROUNDDOWN($C8028/24,0)+1,1))-1)+IF('Standard Profiles'!$G$20=$B$10,7,0)+IF('Standard Profiles'!$G$20=$B$17,14,0)+IF('Standard Profiles'!$G$20=$B$24,21,0),MOD($C8028,24)+1)/SUM(INDEX($D$3:$AA$30,INDEX(Jesper!$R$2:$R$366,ROW(INDEX(Jesper!AJ$2:AJ$366,ROUNDDOWN($C8028/24,0)+1,1))-1)+IF('Standard Profiles'!$G$20=$B$10,7,0)+IF('Standard Profiles'!$G$20=$B$17,14,0)+IF('Standard Profiles'!$G$20=$B$24,21,0),0)),0)</f>
        <v>0</v>
      </c>
      <c r="G8028" cm="1">
        <f t="array" ref="G8028">IFERROR(INDEX(Jesper!AK$2:AK$366,ROUNDDOWN($C8028/24,0)+1,1)*INDEX($D$3:$AA$30,INDEX(Jesper!$R$2:$R$366,ROW(INDEX(Jesper!AK$2:AK$366,ROUNDDOWN($C8028/24,0)+1,1))-1)+IF('Standard Profiles'!$G$21=$B$10,7,0)+IF('Standard Profiles'!$G$21=$B$17,14,0)+IF('Standard Profiles'!$G$21=$B$24,21,0),MOD($C8028,24)+1)/SUM(INDEX($D$3:$AA$30,INDEX(Jesper!$R$2:$R$366,ROW(INDEX(Jesper!AK$2:AK$366,ROUNDDOWN($C8028/24,0)+1,1))-1)+IF('Standard Profiles'!$G$21=$B$10,7,0)+IF('Standard Profiles'!$G$21=$B$17,14,0)+IF('Standard Profiles'!$G$21=$B$24,21,0),0)),0)</f>
        <v>11.942212988529729</v>
      </c>
      <c r="H8028" cm="1">
        <f t="array" ref="H8028">IFERROR(INDEX(Jesper!AL$2:AL$366,ROUNDDOWN($C8028/24,0)+1,1)*INDEX($D$3:$AA$30,INDEX(Jesper!$R$2:$R$366,ROW(INDEX(Jesper!AL$2:AL$366,ROUNDDOWN($C8028/24,0)+1,1))-1)+IF('Standard Profiles'!$G$22=$B$10,7,0)+IF('Standard Profiles'!$G$22=$B$17,14,0)+IF('Standard Profiles'!$G$22=$B$24,21,0),MOD($C8028,24)+1)/SUM(INDEX($D$3:$AA$30,INDEX(Jesper!$R$2:$R$366,ROW(INDEX(Jesper!AL$2:AL$366,ROUNDDOWN($C8028/24,0)+1,1))-1)+IF('Standard Profiles'!$G$22=$B$10,7,0)+IF('Standard Profiles'!$G$22=$B$17,14,0)+IF('Standard Profiles'!$G$22=$B$24,21,0),0)),0)</f>
        <v>0</v>
      </c>
      <c r="I8028">
        <f t="shared" si="888"/>
        <v>5.7322622344942671</v>
      </c>
      <c r="J8028">
        <f t="shared" si="889"/>
        <v>19.877910799634286</v>
      </c>
      <c r="K8028">
        <f t="shared" si="890"/>
        <v>0.67533917751891459</v>
      </c>
      <c r="L8028">
        <f t="shared" si="891"/>
        <v>0.3376695887594573</v>
      </c>
      <c r="M8028">
        <f t="shared" si="892"/>
        <v>0</v>
      </c>
      <c r="N8028" s="45">
        <f t="shared" si="893"/>
        <v>45260.083333313945</v>
      </c>
    </row>
    <row r="8029" spans="2:14" x14ac:dyDescent="0.25">
      <c r="B8029">
        <f t="shared" si="887"/>
        <v>4</v>
      </c>
      <c r="C8029" s="16">
        <v>7995</v>
      </c>
      <c r="D8029" cm="1">
        <f t="array" ref="D8029">IFERROR(INDEX(Jesper!AH$2:AH$366,ROUNDDOWN($C8029/24,0)+1,1)*INDEX($D$3:$AA$30,INDEX(Jesper!$R$2:$R$366,ROW(INDEX(Jesper!AH$2:AH$366,ROUNDDOWN($C8029/24,0)+1,1))-1)+IF('Standard Profiles'!$G$18=$B$10,7,0)+IF('Standard Profiles'!$G$18=$B$17,14,0)+IF('Standard Profiles'!$G$18=$B$24,21,0),MOD($C8029,24)+1)/SUM(INDEX($D$3:$AA$30,INDEX(Jesper!$R$2:$R$366,ROW(INDEX(Jesper!AH$2:AH$366,ROUNDDOWN($C8029/24,0)+1,1))-1)+IF('Standard Profiles'!$G$18=$B$10,7,0)+IF('Standard Profiles'!$G$18=$B$17,14,0)+IF('Standard Profiles'!$G$18=$B$24,21,0),0)),0)</f>
        <v>6.331304789239824</v>
      </c>
      <c r="E8029" cm="1">
        <f t="array" ref="E8029">IFERROR(INDEX(Jesper!AI$2:AI$366,ROUNDDOWN($C8029/24,0)+1,1)*INDEX($D$3:$AA$30,INDEX(Jesper!$R$2:$R$366,ROW(INDEX(Jesper!AI$2:AI$366,ROUNDDOWN($C8029/24,0)+1,1))-1)+IF('Standard Profiles'!$G$19=$B$10,7,0)+IF('Standard Profiles'!$G$19=$B$17,14,0)+IF('Standard Profiles'!$G$19=$B$24,21,0),MOD($C8029,24)+1)/SUM(INDEX($D$3:$AA$30,INDEX(Jesper!$R$2:$R$366,ROW(INDEX(Jesper!AI$2:AI$366,ROUNDDOWN($C8029/24,0)+1,1))-1)+IF('Standard Profiles'!$G$19=$B$10,7,0)+IF('Standard Profiles'!$G$19=$B$17,14,0)+IF('Standard Profiles'!$G$19=$B$24,21,0),0)),0)</f>
        <v>8.3496640226373735</v>
      </c>
      <c r="F8029" cm="1">
        <f t="array" ref="F8029">IFERROR(INDEX(Jesper!AJ$2:AJ$366,ROUNDDOWN($C8029/24,0)+1,1)*INDEX($D$3:$AA$30,INDEX(Jesper!$R$2:$R$366,ROW(INDEX(Jesper!AJ$2:AJ$366,ROUNDDOWN($C8029/24,0)+1,1))-1)+IF('Standard Profiles'!$G$20=$B$10,7,0)+IF('Standard Profiles'!$G$20=$B$17,14,0)+IF('Standard Profiles'!$G$20=$B$24,21,0),MOD($C8029,24)+1)/SUM(INDEX($D$3:$AA$30,INDEX(Jesper!$R$2:$R$366,ROW(INDEX(Jesper!AJ$2:AJ$366,ROUNDDOWN($C8029/24,0)+1,1))-1)+IF('Standard Profiles'!$G$20=$B$10,7,0)+IF('Standard Profiles'!$G$20=$B$17,14,0)+IF('Standard Profiles'!$G$20=$B$24,21,0),0)),0)</f>
        <v>0</v>
      </c>
      <c r="G8029" cm="1">
        <f t="array" ref="G8029">IFERROR(INDEX(Jesper!AK$2:AK$366,ROUNDDOWN($C8029/24,0)+1,1)*INDEX($D$3:$AA$30,INDEX(Jesper!$R$2:$R$366,ROW(INDEX(Jesper!AK$2:AK$366,ROUNDDOWN($C8029/24,0)+1,1))-1)+IF('Standard Profiles'!$G$21=$B$10,7,0)+IF('Standard Profiles'!$G$21=$B$17,14,0)+IF('Standard Profiles'!$G$21=$B$24,21,0),MOD($C8029,24)+1)/SUM(INDEX($D$3:$AA$30,INDEX(Jesper!$R$2:$R$366,ROW(INDEX(Jesper!AK$2:AK$366,ROUNDDOWN($C8029/24,0)+1,1))-1)+IF('Standard Profiles'!$G$21=$B$10,7,0)+IF('Standard Profiles'!$G$21=$B$17,14,0)+IF('Standard Profiles'!$G$21=$B$24,21,0),0)),0)</f>
        <v>11.942212988529729</v>
      </c>
      <c r="H8029" cm="1">
        <f t="array" ref="H8029">IFERROR(INDEX(Jesper!AL$2:AL$366,ROUNDDOWN($C8029/24,0)+1,1)*INDEX($D$3:$AA$30,INDEX(Jesper!$R$2:$R$366,ROW(INDEX(Jesper!AL$2:AL$366,ROUNDDOWN($C8029/24,0)+1,1))-1)+IF('Standard Profiles'!$G$22=$B$10,7,0)+IF('Standard Profiles'!$G$22=$B$17,14,0)+IF('Standard Profiles'!$G$22=$B$24,21,0),MOD($C8029,24)+1)/SUM(INDEX($D$3:$AA$30,INDEX(Jesper!$R$2:$R$366,ROW(INDEX(Jesper!AL$2:AL$366,ROUNDDOWN($C8029/24,0)+1,1))-1)+IF('Standard Profiles'!$G$22=$B$10,7,0)+IF('Standard Profiles'!$G$22=$B$17,14,0)+IF('Standard Profiles'!$G$22=$B$24,21,0),0)),0)</f>
        <v>0</v>
      </c>
      <c r="I8029">
        <f t="shared" si="888"/>
        <v>5.7322622344942671</v>
      </c>
      <c r="J8029">
        <f t="shared" si="889"/>
        <v>19.877910799634286</v>
      </c>
      <c r="K8029">
        <f t="shared" si="890"/>
        <v>0.67533917751891459</v>
      </c>
      <c r="L8029">
        <f t="shared" si="891"/>
        <v>0.3376695887594573</v>
      </c>
      <c r="M8029">
        <f t="shared" si="892"/>
        <v>0</v>
      </c>
      <c r="N8029" s="45">
        <f t="shared" si="893"/>
        <v>45260.12499998061</v>
      </c>
    </row>
    <row r="8030" spans="2:14" x14ac:dyDescent="0.25">
      <c r="B8030">
        <f t="shared" si="887"/>
        <v>4</v>
      </c>
      <c r="C8030" s="16">
        <v>7996</v>
      </c>
      <c r="D8030" cm="1">
        <f t="array" ref="D8030">IFERROR(INDEX(Jesper!AH$2:AH$366,ROUNDDOWN($C8030/24,0)+1,1)*INDEX($D$3:$AA$30,INDEX(Jesper!$R$2:$R$366,ROW(INDEX(Jesper!AH$2:AH$366,ROUNDDOWN($C8030/24,0)+1,1))-1)+IF('Standard Profiles'!$G$18=$B$10,7,0)+IF('Standard Profiles'!$G$18=$B$17,14,0)+IF('Standard Profiles'!$G$18=$B$24,21,0),MOD($C8030,24)+1)/SUM(INDEX($D$3:$AA$30,INDEX(Jesper!$R$2:$R$366,ROW(INDEX(Jesper!AH$2:AH$366,ROUNDDOWN($C8030/24,0)+1,1))-1)+IF('Standard Profiles'!$G$18=$B$10,7,0)+IF('Standard Profiles'!$G$18=$B$17,14,0)+IF('Standard Profiles'!$G$18=$B$24,21,0),0)),0)</f>
        <v>6.331304789239824</v>
      </c>
      <c r="E8030" cm="1">
        <f t="array" ref="E8030">IFERROR(INDEX(Jesper!AI$2:AI$366,ROUNDDOWN($C8030/24,0)+1,1)*INDEX($D$3:$AA$30,INDEX(Jesper!$R$2:$R$366,ROW(INDEX(Jesper!AI$2:AI$366,ROUNDDOWN($C8030/24,0)+1,1))-1)+IF('Standard Profiles'!$G$19=$B$10,7,0)+IF('Standard Profiles'!$G$19=$B$17,14,0)+IF('Standard Profiles'!$G$19=$B$24,21,0),MOD($C8030,24)+1)/SUM(INDEX($D$3:$AA$30,INDEX(Jesper!$R$2:$R$366,ROW(INDEX(Jesper!AI$2:AI$366,ROUNDDOWN($C8030/24,0)+1,1))-1)+IF('Standard Profiles'!$G$19=$B$10,7,0)+IF('Standard Profiles'!$G$19=$B$17,14,0)+IF('Standard Profiles'!$G$19=$B$24,21,0),0)),0)</f>
        <v>8.3496640226373735</v>
      </c>
      <c r="F8030" cm="1">
        <f t="array" ref="F8030">IFERROR(INDEX(Jesper!AJ$2:AJ$366,ROUNDDOWN($C8030/24,0)+1,1)*INDEX($D$3:$AA$30,INDEX(Jesper!$R$2:$R$366,ROW(INDEX(Jesper!AJ$2:AJ$366,ROUNDDOWN($C8030/24,0)+1,1))-1)+IF('Standard Profiles'!$G$20=$B$10,7,0)+IF('Standard Profiles'!$G$20=$B$17,14,0)+IF('Standard Profiles'!$G$20=$B$24,21,0),MOD($C8030,24)+1)/SUM(INDEX($D$3:$AA$30,INDEX(Jesper!$R$2:$R$366,ROW(INDEX(Jesper!AJ$2:AJ$366,ROUNDDOWN($C8030/24,0)+1,1))-1)+IF('Standard Profiles'!$G$20=$B$10,7,0)+IF('Standard Profiles'!$G$20=$B$17,14,0)+IF('Standard Profiles'!$G$20=$B$24,21,0),0)),0)</f>
        <v>0</v>
      </c>
      <c r="G8030" cm="1">
        <f t="array" ref="G8030">IFERROR(INDEX(Jesper!AK$2:AK$366,ROUNDDOWN($C8030/24,0)+1,1)*INDEX($D$3:$AA$30,INDEX(Jesper!$R$2:$R$366,ROW(INDEX(Jesper!AK$2:AK$366,ROUNDDOWN($C8030/24,0)+1,1))-1)+IF('Standard Profiles'!$G$21=$B$10,7,0)+IF('Standard Profiles'!$G$21=$B$17,14,0)+IF('Standard Profiles'!$G$21=$B$24,21,0),MOD($C8030,24)+1)/SUM(INDEX($D$3:$AA$30,INDEX(Jesper!$R$2:$R$366,ROW(INDEX(Jesper!AK$2:AK$366,ROUNDDOWN($C8030/24,0)+1,1))-1)+IF('Standard Profiles'!$G$21=$B$10,7,0)+IF('Standard Profiles'!$G$21=$B$17,14,0)+IF('Standard Profiles'!$G$21=$B$24,21,0),0)),0)</f>
        <v>11.942212988529729</v>
      </c>
      <c r="H8030" cm="1">
        <f t="array" ref="H8030">IFERROR(INDEX(Jesper!AL$2:AL$366,ROUNDDOWN($C8030/24,0)+1,1)*INDEX($D$3:$AA$30,INDEX(Jesper!$R$2:$R$366,ROW(INDEX(Jesper!AL$2:AL$366,ROUNDDOWN($C8030/24,0)+1,1))-1)+IF('Standard Profiles'!$G$22=$B$10,7,0)+IF('Standard Profiles'!$G$22=$B$17,14,0)+IF('Standard Profiles'!$G$22=$B$24,21,0),MOD($C8030,24)+1)/SUM(INDEX($D$3:$AA$30,INDEX(Jesper!$R$2:$R$366,ROW(INDEX(Jesper!AL$2:AL$366,ROUNDDOWN($C8030/24,0)+1,1))-1)+IF('Standard Profiles'!$G$22=$B$10,7,0)+IF('Standard Profiles'!$G$22=$B$17,14,0)+IF('Standard Profiles'!$G$22=$B$24,21,0),0)),0)</f>
        <v>0</v>
      </c>
      <c r="I8030">
        <f t="shared" si="888"/>
        <v>5.7322622344942671</v>
      </c>
      <c r="J8030">
        <f t="shared" si="889"/>
        <v>19.877910799634286</v>
      </c>
      <c r="K8030">
        <f t="shared" si="890"/>
        <v>0.67533917751891459</v>
      </c>
      <c r="L8030">
        <f t="shared" si="891"/>
        <v>0.3376695887594573</v>
      </c>
      <c r="M8030">
        <f t="shared" si="892"/>
        <v>0</v>
      </c>
      <c r="N8030" s="45">
        <f t="shared" si="893"/>
        <v>45260.166666647274</v>
      </c>
    </row>
    <row r="8031" spans="2:14" x14ac:dyDescent="0.25">
      <c r="B8031">
        <f t="shared" si="887"/>
        <v>4</v>
      </c>
      <c r="C8031" s="16">
        <v>7997</v>
      </c>
      <c r="D8031" cm="1">
        <f t="array" ref="D8031">IFERROR(INDEX(Jesper!AH$2:AH$366,ROUNDDOWN($C8031/24,0)+1,1)*INDEX($D$3:$AA$30,INDEX(Jesper!$R$2:$R$366,ROW(INDEX(Jesper!AH$2:AH$366,ROUNDDOWN($C8031/24,0)+1,1))-1)+IF('Standard Profiles'!$G$18=$B$10,7,0)+IF('Standard Profiles'!$G$18=$B$17,14,0)+IF('Standard Profiles'!$G$18=$B$24,21,0),MOD($C8031,24)+1)/SUM(INDEX($D$3:$AA$30,INDEX(Jesper!$R$2:$R$366,ROW(INDEX(Jesper!AH$2:AH$366,ROUNDDOWN($C8031/24,0)+1,1))-1)+IF('Standard Profiles'!$G$18=$B$10,7,0)+IF('Standard Profiles'!$G$18=$B$17,14,0)+IF('Standard Profiles'!$G$18=$B$24,21,0),0)),0)</f>
        <v>6.331304789239824</v>
      </c>
      <c r="E8031" cm="1">
        <f t="array" ref="E8031">IFERROR(INDEX(Jesper!AI$2:AI$366,ROUNDDOWN($C8031/24,0)+1,1)*INDEX($D$3:$AA$30,INDEX(Jesper!$R$2:$R$366,ROW(INDEX(Jesper!AI$2:AI$366,ROUNDDOWN($C8031/24,0)+1,1))-1)+IF('Standard Profiles'!$G$19=$B$10,7,0)+IF('Standard Profiles'!$G$19=$B$17,14,0)+IF('Standard Profiles'!$G$19=$B$24,21,0),MOD($C8031,24)+1)/SUM(INDEX($D$3:$AA$30,INDEX(Jesper!$R$2:$R$366,ROW(INDEX(Jesper!AI$2:AI$366,ROUNDDOWN($C8031/24,0)+1,1))-1)+IF('Standard Profiles'!$G$19=$B$10,7,0)+IF('Standard Profiles'!$G$19=$B$17,14,0)+IF('Standard Profiles'!$G$19=$B$24,21,0),0)),0)</f>
        <v>8.3496640226373735</v>
      </c>
      <c r="F8031" cm="1">
        <f t="array" ref="F8031">IFERROR(INDEX(Jesper!AJ$2:AJ$366,ROUNDDOWN($C8031/24,0)+1,1)*INDEX($D$3:$AA$30,INDEX(Jesper!$R$2:$R$366,ROW(INDEX(Jesper!AJ$2:AJ$366,ROUNDDOWN($C8031/24,0)+1,1))-1)+IF('Standard Profiles'!$G$20=$B$10,7,0)+IF('Standard Profiles'!$G$20=$B$17,14,0)+IF('Standard Profiles'!$G$20=$B$24,21,0),MOD($C8031,24)+1)/SUM(INDEX($D$3:$AA$30,INDEX(Jesper!$R$2:$R$366,ROW(INDEX(Jesper!AJ$2:AJ$366,ROUNDDOWN($C8031/24,0)+1,1))-1)+IF('Standard Profiles'!$G$20=$B$10,7,0)+IF('Standard Profiles'!$G$20=$B$17,14,0)+IF('Standard Profiles'!$G$20=$B$24,21,0),0)),0)</f>
        <v>0</v>
      </c>
      <c r="G8031" cm="1">
        <f t="array" ref="G8031">IFERROR(INDEX(Jesper!AK$2:AK$366,ROUNDDOWN($C8031/24,0)+1,1)*INDEX($D$3:$AA$30,INDEX(Jesper!$R$2:$R$366,ROW(INDEX(Jesper!AK$2:AK$366,ROUNDDOWN($C8031/24,0)+1,1))-1)+IF('Standard Profiles'!$G$21=$B$10,7,0)+IF('Standard Profiles'!$G$21=$B$17,14,0)+IF('Standard Profiles'!$G$21=$B$24,21,0),MOD($C8031,24)+1)/SUM(INDEX($D$3:$AA$30,INDEX(Jesper!$R$2:$R$366,ROW(INDEX(Jesper!AK$2:AK$366,ROUNDDOWN($C8031/24,0)+1,1))-1)+IF('Standard Profiles'!$G$21=$B$10,7,0)+IF('Standard Profiles'!$G$21=$B$17,14,0)+IF('Standard Profiles'!$G$21=$B$24,21,0),0)),0)</f>
        <v>11.942212988529729</v>
      </c>
      <c r="H8031" cm="1">
        <f t="array" ref="H8031">IFERROR(INDEX(Jesper!AL$2:AL$366,ROUNDDOWN($C8031/24,0)+1,1)*INDEX($D$3:$AA$30,INDEX(Jesper!$R$2:$R$366,ROW(INDEX(Jesper!AL$2:AL$366,ROUNDDOWN($C8031/24,0)+1,1))-1)+IF('Standard Profiles'!$G$22=$B$10,7,0)+IF('Standard Profiles'!$G$22=$B$17,14,0)+IF('Standard Profiles'!$G$22=$B$24,21,0),MOD($C8031,24)+1)/SUM(INDEX($D$3:$AA$30,INDEX(Jesper!$R$2:$R$366,ROW(INDEX(Jesper!AL$2:AL$366,ROUNDDOWN($C8031/24,0)+1,1))-1)+IF('Standard Profiles'!$G$22=$B$10,7,0)+IF('Standard Profiles'!$G$22=$B$17,14,0)+IF('Standard Profiles'!$G$22=$B$24,21,0),0)),0)</f>
        <v>0</v>
      </c>
      <c r="I8031">
        <f t="shared" si="888"/>
        <v>5.7322622344942671</v>
      </c>
      <c r="J8031">
        <f t="shared" si="889"/>
        <v>19.877910799634286</v>
      </c>
      <c r="K8031">
        <f t="shared" si="890"/>
        <v>0.67533917751891459</v>
      </c>
      <c r="L8031">
        <f t="shared" si="891"/>
        <v>0.3376695887594573</v>
      </c>
      <c r="M8031">
        <f t="shared" si="892"/>
        <v>0</v>
      </c>
      <c r="N8031" s="45">
        <f t="shared" si="893"/>
        <v>45260.208333313938</v>
      </c>
    </row>
    <row r="8032" spans="2:14" x14ac:dyDescent="0.25">
      <c r="B8032">
        <f t="shared" si="887"/>
        <v>4</v>
      </c>
      <c r="C8032" s="16">
        <v>7998</v>
      </c>
      <c r="D8032" cm="1">
        <f t="array" ref="D8032">IFERROR(INDEX(Jesper!AH$2:AH$366,ROUNDDOWN($C8032/24,0)+1,1)*INDEX($D$3:$AA$30,INDEX(Jesper!$R$2:$R$366,ROW(INDEX(Jesper!AH$2:AH$366,ROUNDDOWN($C8032/24,0)+1,1))-1)+IF('Standard Profiles'!$G$18=$B$10,7,0)+IF('Standard Profiles'!$G$18=$B$17,14,0)+IF('Standard Profiles'!$G$18=$B$24,21,0),MOD($C8032,24)+1)/SUM(INDEX($D$3:$AA$30,INDEX(Jesper!$R$2:$R$366,ROW(INDEX(Jesper!AH$2:AH$366,ROUNDDOWN($C8032/24,0)+1,1))-1)+IF('Standard Profiles'!$G$18=$B$10,7,0)+IF('Standard Profiles'!$G$18=$B$17,14,0)+IF('Standard Profiles'!$G$18=$B$24,21,0),0)),0)</f>
        <v>6.331304789239824</v>
      </c>
      <c r="E8032" cm="1">
        <f t="array" ref="E8032">IFERROR(INDEX(Jesper!AI$2:AI$366,ROUNDDOWN($C8032/24,0)+1,1)*INDEX($D$3:$AA$30,INDEX(Jesper!$R$2:$R$366,ROW(INDEX(Jesper!AI$2:AI$366,ROUNDDOWN($C8032/24,0)+1,1))-1)+IF('Standard Profiles'!$G$19=$B$10,7,0)+IF('Standard Profiles'!$G$19=$B$17,14,0)+IF('Standard Profiles'!$G$19=$B$24,21,0),MOD($C8032,24)+1)/SUM(INDEX($D$3:$AA$30,INDEX(Jesper!$R$2:$R$366,ROW(INDEX(Jesper!AI$2:AI$366,ROUNDDOWN($C8032/24,0)+1,1))-1)+IF('Standard Profiles'!$G$19=$B$10,7,0)+IF('Standard Profiles'!$G$19=$B$17,14,0)+IF('Standard Profiles'!$G$19=$B$24,21,0),0)),0)</f>
        <v>8.3496640226373735</v>
      </c>
      <c r="F8032" cm="1">
        <f t="array" ref="F8032">IFERROR(INDEX(Jesper!AJ$2:AJ$366,ROUNDDOWN($C8032/24,0)+1,1)*INDEX($D$3:$AA$30,INDEX(Jesper!$R$2:$R$366,ROW(INDEX(Jesper!AJ$2:AJ$366,ROUNDDOWN($C8032/24,0)+1,1))-1)+IF('Standard Profiles'!$G$20=$B$10,7,0)+IF('Standard Profiles'!$G$20=$B$17,14,0)+IF('Standard Profiles'!$G$20=$B$24,21,0),MOD($C8032,24)+1)/SUM(INDEX($D$3:$AA$30,INDEX(Jesper!$R$2:$R$366,ROW(INDEX(Jesper!AJ$2:AJ$366,ROUNDDOWN($C8032/24,0)+1,1))-1)+IF('Standard Profiles'!$G$20=$B$10,7,0)+IF('Standard Profiles'!$G$20=$B$17,14,0)+IF('Standard Profiles'!$G$20=$B$24,21,0),0)),0)</f>
        <v>0</v>
      </c>
      <c r="G8032" cm="1">
        <f t="array" ref="G8032">IFERROR(INDEX(Jesper!AK$2:AK$366,ROUNDDOWN($C8032/24,0)+1,1)*INDEX($D$3:$AA$30,INDEX(Jesper!$R$2:$R$366,ROW(INDEX(Jesper!AK$2:AK$366,ROUNDDOWN($C8032/24,0)+1,1))-1)+IF('Standard Profiles'!$G$21=$B$10,7,0)+IF('Standard Profiles'!$G$21=$B$17,14,0)+IF('Standard Profiles'!$G$21=$B$24,21,0),MOD($C8032,24)+1)/SUM(INDEX($D$3:$AA$30,INDEX(Jesper!$R$2:$R$366,ROW(INDEX(Jesper!AK$2:AK$366,ROUNDDOWN($C8032/24,0)+1,1))-1)+IF('Standard Profiles'!$G$21=$B$10,7,0)+IF('Standard Profiles'!$G$21=$B$17,14,0)+IF('Standard Profiles'!$G$21=$B$24,21,0),0)),0)</f>
        <v>11.942212988529729</v>
      </c>
      <c r="H8032" cm="1">
        <f t="array" ref="H8032">IFERROR(INDEX(Jesper!AL$2:AL$366,ROUNDDOWN($C8032/24,0)+1,1)*INDEX($D$3:$AA$30,INDEX(Jesper!$R$2:$R$366,ROW(INDEX(Jesper!AL$2:AL$366,ROUNDDOWN($C8032/24,0)+1,1))-1)+IF('Standard Profiles'!$G$22=$B$10,7,0)+IF('Standard Profiles'!$G$22=$B$17,14,0)+IF('Standard Profiles'!$G$22=$B$24,21,0),MOD($C8032,24)+1)/SUM(INDEX($D$3:$AA$30,INDEX(Jesper!$R$2:$R$366,ROW(INDEX(Jesper!AL$2:AL$366,ROUNDDOWN($C8032/24,0)+1,1))-1)+IF('Standard Profiles'!$G$22=$B$10,7,0)+IF('Standard Profiles'!$G$22=$B$17,14,0)+IF('Standard Profiles'!$G$22=$B$24,21,0),0)),0)</f>
        <v>0</v>
      </c>
      <c r="I8032">
        <f t="shared" si="888"/>
        <v>5.7322622344942671</v>
      </c>
      <c r="J8032">
        <f t="shared" si="889"/>
        <v>19.877910799634286</v>
      </c>
      <c r="K8032">
        <f t="shared" si="890"/>
        <v>0.67533917751891459</v>
      </c>
      <c r="L8032">
        <f t="shared" si="891"/>
        <v>0.3376695887594573</v>
      </c>
      <c r="M8032">
        <f t="shared" si="892"/>
        <v>0</v>
      </c>
      <c r="N8032" s="45">
        <f t="shared" si="893"/>
        <v>45260.249999980602</v>
      </c>
    </row>
    <row r="8033" spans="2:14" x14ac:dyDescent="0.25">
      <c r="B8033">
        <f t="shared" si="887"/>
        <v>4</v>
      </c>
      <c r="C8033" s="16">
        <v>7999</v>
      </c>
      <c r="D8033" cm="1">
        <f t="array" ref="D8033">IFERROR(INDEX(Jesper!AH$2:AH$366,ROUNDDOWN($C8033/24,0)+1,1)*INDEX($D$3:$AA$30,INDEX(Jesper!$R$2:$R$366,ROW(INDEX(Jesper!AH$2:AH$366,ROUNDDOWN($C8033/24,0)+1,1))-1)+IF('Standard Profiles'!$G$18=$B$10,7,0)+IF('Standard Profiles'!$G$18=$B$17,14,0)+IF('Standard Profiles'!$G$18=$B$24,21,0),MOD($C8033,24)+1)/SUM(INDEX($D$3:$AA$30,INDEX(Jesper!$R$2:$R$366,ROW(INDEX(Jesper!AH$2:AH$366,ROUNDDOWN($C8033/24,0)+1,1))-1)+IF('Standard Profiles'!$G$18=$B$10,7,0)+IF('Standard Profiles'!$G$18=$B$17,14,0)+IF('Standard Profiles'!$G$18=$B$24,21,0),0)),0)</f>
        <v>25.881606547528854</v>
      </c>
      <c r="E8033" cm="1">
        <f t="array" ref="E8033">IFERROR(INDEX(Jesper!AI$2:AI$366,ROUNDDOWN($C8033/24,0)+1,1)*INDEX($D$3:$AA$30,INDEX(Jesper!$R$2:$R$366,ROW(INDEX(Jesper!AI$2:AI$366,ROUNDDOWN($C8033/24,0)+1,1))-1)+IF('Standard Profiles'!$G$19=$B$10,7,0)+IF('Standard Profiles'!$G$19=$B$17,14,0)+IF('Standard Profiles'!$G$19=$B$24,21,0),MOD($C8033,24)+1)/SUM(INDEX($D$3:$AA$30,INDEX(Jesper!$R$2:$R$366,ROW(INDEX(Jesper!AI$2:AI$366,ROUNDDOWN($C8033/24,0)+1,1))-1)+IF('Standard Profiles'!$G$19=$B$10,7,0)+IF('Standard Profiles'!$G$19=$B$17,14,0)+IF('Standard Profiles'!$G$19=$B$24,21,0),0)),0)</f>
        <v>34.132414444053992</v>
      </c>
      <c r="F8033" cm="1">
        <f t="array" ref="F8033">IFERROR(INDEX(Jesper!AJ$2:AJ$366,ROUNDDOWN($C8033/24,0)+1,1)*INDEX($D$3:$AA$30,INDEX(Jesper!$R$2:$R$366,ROW(INDEX(Jesper!AJ$2:AJ$366,ROUNDDOWN($C8033/24,0)+1,1))-1)+IF('Standard Profiles'!$G$20=$B$10,7,0)+IF('Standard Profiles'!$G$20=$B$17,14,0)+IF('Standard Profiles'!$G$20=$B$24,21,0),MOD($C8033,24)+1)/SUM(INDEX($D$3:$AA$30,INDEX(Jesper!$R$2:$R$366,ROW(INDEX(Jesper!AJ$2:AJ$366,ROUNDDOWN($C8033/24,0)+1,1))-1)+IF('Standard Profiles'!$G$20=$B$10,7,0)+IF('Standard Profiles'!$G$20=$B$17,14,0)+IF('Standard Profiles'!$G$20=$B$24,21,0),0)),0)</f>
        <v>0</v>
      </c>
      <c r="G8033" cm="1">
        <f t="array" ref="G8033">IFERROR(INDEX(Jesper!AK$2:AK$366,ROUNDDOWN($C8033/24,0)+1,1)*INDEX($D$3:$AA$30,INDEX(Jesper!$R$2:$R$366,ROW(INDEX(Jesper!AK$2:AK$366,ROUNDDOWN($C8033/24,0)+1,1))-1)+IF('Standard Profiles'!$G$21=$B$10,7,0)+IF('Standard Profiles'!$G$21=$B$17,14,0)+IF('Standard Profiles'!$G$21=$B$24,21,0),MOD($C8033,24)+1)/SUM(INDEX($D$3:$AA$30,INDEX(Jesper!$R$2:$R$366,ROW(INDEX(Jesper!AK$2:AK$366,ROUNDDOWN($C8033/24,0)+1,1))-1)+IF('Standard Profiles'!$G$21=$B$10,7,0)+IF('Standard Profiles'!$G$21=$B$17,14,0)+IF('Standard Profiles'!$G$21=$B$24,21,0),0)),0)</f>
        <v>32.9007967833994</v>
      </c>
      <c r="H8033" cm="1">
        <f t="array" ref="H8033">IFERROR(INDEX(Jesper!AL$2:AL$366,ROUNDDOWN($C8033/24,0)+1,1)*INDEX($D$3:$AA$30,INDEX(Jesper!$R$2:$R$366,ROW(INDEX(Jesper!AL$2:AL$366,ROUNDDOWN($C8033/24,0)+1,1))-1)+IF('Standard Profiles'!$G$22=$B$10,7,0)+IF('Standard Profiles'!$G$22=$B$17,14,0)+IF('Standard Profiles'!$G$22=$B$24,21,0),MOD($C8033,24)+1)/SUM(INDEX($D$3:$AA$30,INDEX(Jesper!$R$2:$R$366,ROW(INDEX(Jesper!AL$2:AL$366,ROUNDDOWN($C8033/24,0)+1,1))-1)+IF('Standard Profiles'!$G$22=$B$10,7,0)+IF('Standard Profiles'!$G$22=$B$17,14,0)+IF('Standard Profiles'!$G$22=$B$24,21,0),0)),0)</f>
        <v>0</v>
      </c>
      <c r="I8033">
        <f t="shared" si="888"/>
        <v>15.792382456031705</v>
      </c>
      <c r="J8033">
        <f t="shared" si="889"/>
        <v>72.981378271345932</v>
      </c>
      <c r="K8033">
        <f t="shared" si="890"/>
        <v>2.7607046984030781</v>
      </c>
      <c r="L8033">
        <f t="shared" si="891"/>
        <v>1.380352349201539</v>
      </c>
      <c r="M8033">
        <f t="shared" si="892"/>
        <v>0</v>
      </c>
      <c r="N8033" s="45">
        <f t="shared" si="893"/>
        <v>45260.291666647267</v>
      </c>
    </row>
    <row r="8034" spans="2:14" x14ac:dyDescent="0.25">
      <c r="B8034">
        <f t="shared" si="887"/>
        <v>4</v>
      </c>
      <c r="C8034" s="16">
        <v>8000</v>
      </c>
      <c r="D8034" cm="1">
        <f t="array" ref="D8034">IFERROR(INDEX(Jesper!AH$2:AH$366,ROUNDDOWN($C8034/24,0)+1,1)*INDEX($D$3:$AA$30,INDEX(Jesper!$R$2:$R$366,ROW(INDEX(Jesper!AH$2:AH$366,ROUNDDOWN($C8034/24,0)+1,1))-1)+IF('Standard Profiles'!$G$18=$B$10,7,0)+IF('Standard Profiles'!$G$18=$B$17,14,0)+IF('Standard Profiles'!$G$18=$B$24,21,0),MOD($C8034,24)+1)/SUM(INDEX($D$3:$AA$30,INDEX(Jesper!$R$2:$R$366,ROW(INDEX(Jesper!AH$2:AH$366,ROUNDDOWN($C8034/24,0)+1,1))-1)+IF('Standard Profiles'!$G$18=$B$10,7,0)+IF('Standard Profiles'!$G$18=$B$17,14,0)+IF('Standard Profiles'!$G$18=$B$24,21,0),0)),0)</f>
        <v>28.878424147769042</v>
      </c>
      <c r="E8034" cm="1">
        <f t="array" ref="E8034">IFERROR(INDEX(Jesper!AI$2:AI$366,ROUNDDOWN($C8034/24,0)+1,1)*INDEX($D$3:$AA$30,INDEX(Jesper!$R$2:$R$366,ROW(INDEX(Jesper!AI$2:AI$366,ROUNDDOWN($C8034/24,0)+1,1))-1)+IF('Standard Profiles'!$G$19=$B$10,7,0)+IF('Standard Profiles'!$G$19=$B$17,14,0)+IF('Standard Profiles'!$G$19=$B$24,21,0),MOD($C8034,24)+1)/SUM(INDEX($D$3:$AA$30,INDEX(Jesper!$R$2:$R$366,ROW(INDEX(Jesper!AI$2:AI$366,ROUNDDOWN($C8034/24,0)+1,1))-1)+IF('Standard Profiles'!$G$19=$B$10,7,0)+IF('Standard Profiles'!$G$19=$B$17,14,0)+IF('Standard Profiles'!$G$19=$B$24,21,0),0)),0)</f>
        <v>38.084588748102348</v>
      </c>
      <c r="F8034" cm="1">
        <f t="array" ref="F8034">IFERROR(INDEX(Jesper!AJ$2:AJ$366,ROUNDDOWN($C8034/24,0)+1,1)*INDEX($D$3:$AA$30,INDEX(Jesper!$R$2:$R$366,ROW(INDEX(Jesper!AJ$2:AJ$366,ROUNDDOWN($C8034/24,0)+1,1))-1)+IF('Standard Profiles'!$G$20=$B$10,7,0)+IF('Standard Profiles'!$G$20=$B$17,14,0)+IF('Standard Profiles'!$G$20=$B$24,21,0),MOD($C8034,24)+1)/SUM(INDEX($D$3:$AA$30,INDEX(Jesper!$R$2:$R$366,ROW(INDEX(Jesper!AJ$2:AJ$366,ROUNDDOWN($C8034/24,0)+1,1))-1)+IF('Standard Profiles'!$G$20=$B$10,7,0)+IF('Standard Profiles'!$G$20=$B$17,14,0)+IF('Standard Profiles'!$G$20=$B$24,21,0),0)),0)</f>
        <v>0</v>
      </c>
      <c r="G8034" cm="1">
        <f t="array" ref="G8034">IFERROR(INDEX(Jesper!AK$2:AK$366,ROUNDDOWN($C8034/24,0)+1,1)*INDEX($D$3:$AA$30,INDEX(Jesper!$R$2:$R$366,ROW(INDEX(Jesper!AK$2:AK$366,ROUNDDOWN($C8034/24,0)+1,1))-1)+IF('Standard Profiles'!$G$21=$B$10,7,0)+IF('Standard Profiles'!$G$21=$B$17,14,0)+IF('Standard Profiles'!$G$21=$B$24,21,0),MOD($C8034,24)+1)/SUM(INDEX($D$3:$AA$30,INDEX(Jesper!$R$2:$R$366,ROW(INDEX(Jesper!AK$2:AK$366,ROUNDDOWN($C8034/24,0)+1,1))-1)+IF('Standard Profiles'!$G$21=$B$10,7,0)+IF('Standard Profiles'!$G$21=$B$17,14,0)+IF('Standard Profiles'!$G$21=$B$24,21,0),0)),0)</f>
        <v>36.710362726740385</v>
      </c>
      <c r="H8034" cm="1">
        <f t="array" ref="H8034">IFERROR(INDEX(Jesper!AL$2:AL$366,ROUNDDOWN($C8034/24,0)+1,1)*INDEX($D$3:$AA$30,INDEX(Jesper!$R$2:$R$366,ROW(INDEX(Jesper!AL$2:AL$366,ROUNDDOWN($C8034/24,0)+1,1))-1)+IF('Standard Profiles'!$G$22=$B$10,7,0)+IF('Standard Profiles'!$G$22=$B$17,14,0)+IF('Standard Profiles'!$G$22=$B$24,21,0),MOD($C8034,24)+1)/SUM(INDEX($D$3:$AA$30,INDEX(Jesper!$R$2:$R$366,ROW(INDEX(Jesper!AL$2:AL$366,ROUNDDOWN($C8034/24,0)+1,1))-1)+IF('Standard Profiles'!$G$22=$B$10,7,0)+IF('Standard Profiles'!$G$22=$B$17,14,0)+IF('Standard Profiles'!$G$22=$B$24,21,0),0)),0)</f>
        <v>0</v>
      </c>
      <c r="I8034">
        <f t="shared" si="888"/>
        <v>17.620974108835377</v>
      </c>
      <c r="J8034">
        <f t="shared" si="889"/>
        <v>81.431853650133348</v>
      </c>
      <c r="K8034">
        <f t="shared" si="890"/>
        <v>3.080365242428698</v>
      </c>
      <c r="L8034">
        <f t="shared" si="891"/>
        <v>1.540182621214349</v>
      </c>
      <c r="M8034">
        <f t="shared" si="892"/>
        <v>0</v>
      </c>
      <c r="N8034" s="45">
        <f t="shared" si="893"/>
        <v>45260.333333313931</v>
      </c>
    </row>
    <row r="8035" spans="2:14" x14ac:dyDescent="0.25">
      <c r="B8035">
        <f t="shared" ref="B8035:B8098" si="894">WEEKDAY(N8035,2)</f>
        <v>4</v>
      </c>
      <c r="C8035" s="16">
        <v>8001</v>
      </c>
      <c r="D8035" cm="1">
        <f t="array" ref="D8035">IFERROR(INDEX(Jesper!AH$2:AH$366,ROUNDDOWN($C8035/24,0)+1,1)*INDEX($D$3:$AA$30,INDEX(Jesper!$R$2:$R$366,ROW(INDEX(Jesper!AH$2:AH$366,ROUNDDOWN($C8035/24,0)+1,1))-1)+IF('Standard Profiles'!$G$18=$B$10,7,0)+IF('Standard Profiles'!$G$18=$B$17,14,0)+IF('Standard Profiles'!$G$18=$B$24,21,0),MOD($C8035,24)+1)/SUM(INDEX($D$3:$AA$30,INDEX(Jesper!$R$2:$R$366,ROW(INDEX(Jesper!AH$2:AH$366,ROUNDDOWN($C8035/24,0)+1,1))-1)+IF('Standard Profiles'!$G$18=$B$10,7,0)+IF('Standard Profiles'!$G$18=$B$17,14,0)+IF('Standard Profiles'!$G$18=$B$24,21,0),0)),0)</f>
        <v>31.875241748009223</v>
      </c>
      <c r="E8035" cm="1">
        <f t="array" ref="E8035">IFERROR(INDEX(Jesper!AI$2:AI$366,ROUNDDOWN($C8035/24,0)+1,1)*INDEX($D$3:$AA$30,INDEX(Jesper!$R$2:$R$366,ROW(INDEX(Jesper!AI$2:AI$366,ROUNDDOWN($C8035/24,0)+1,1))-1)+IF('Standard Profiles'!$G$19=$B$10,7,0)+IF('Standard Profiles'!$G$19=$B$17,14,0)+IF('Standard Profiles'!$G$19=$B$24,21,0),MOD($C8035,24)+1)/SUM(INDEX($D$3:$AA$30,INDEX(Jesper!$R$2:$R$366,ROW(INDEX(Jesper!AI$2:AI$366,ROUNDDOWN($C8035/24,0)+1,1))-1)+IF('Standard Profiles'!$G$19=$B$10,7,0)+IF('Standard Profiles'!$G$19=$B$17,14,0)+IF('Standard Profiles'!$G$19=$B$24,21,0),0)),0)</f>
        <v>42.036763052150704</v>
      </c>
      <c r="F8035" cm="1">
        <f t="array" ref="F8035">IFERROR(INDEX(Jesper!AJ$2:AJ$366,ROUNDDOWN($C8035/24,0)+1,1)*INDEX($D$3:$AA$30,INDEX(Jesper!$R$2:$R$366,ROW(INDEX(Jesper!AJ$2:AJ$366,ROUNDDOWN($C8035/24,0)+1,1))-1)+IF('Standard Profiles'!$G$20=$B$10,7,0)+IF('Standard Profiles'!$G$20=$B$17,14,0)+IF('Standard Profiles'!$G$20=$B$24,21,0),MOD($C8035,24)+1)/SUM(INDEX($D$3:$AA$30,INDEX(Jesper!$R$2:$R$366,ROW(INDEX(Jesper!AJ$2:AJ$366,ROUNDDOWN($C8035/24,0)+1,1))-1)+IF('Standard Profiles'!$G$20=$B$10,7,0)+IF('Standard Profiles'!$G$20=$B$17,14,0)+IF('Standard Profiles'!$G$20=$B$24,21,0),0)),0)</f>
        <v>0</v>
      </c>
      <c r="G8035" cm="1">
        <f t="array" ref="G8035">IFERROR(INDEX(Jesper!AK$2:AK$366,ROUNDDOWN($C8035/24,0)+1,1)*INDEX($D$3:$AA$30,INDEX(Jesper!$R$2:$R$366,ROW(INDEX(Jesper!AK$2:AK$366,ROUNDDOWN($C8035/24,0)+1,1))-1)+IF('Standard Profiles'!$G$21=$B$10,7,0)+IF('Standard Profiles'!$G$21=$B$17,14,0)+IF('Standard Profiles'!$G$21=$B$24,21,0),MOD($C8035,24)+1)/SUM(INDEX($D$3:$AA$30,INDEX(Jesper!$R$2:$R$366,ROW(INDEX(Jesper!AK$2:AK$366,ROUNDDOWN($C8035/24,0)+1,1))-1)+IF('Standard Profiles'!$G$21=$B$10,7,0)+IF('Standard Profiles'!$G$21=$B$17,14,0)+IF('Standard Profiles'!$G$21=$B$24,21,0),0)),0)</f>
        <v>40.519928670081363</v>
      </c>
      <c r="H8035" cm="1">
        <f t="array" ref="H8035">IFERROR(INDEX(Jesper!AL$2:AL$366,ROUNDDOWN($C8035/24,0)+1,1)*INDEX($D$3:$AA$30,INDEX(Jesper!$R$2:$R$366,ROW(INDEX(Jesper!AL$2:AL$366,ROUNDDOWN($C8035/24,0)+1,1))-1)+IF('Standard Profiles'!$G$22=$B$10,7,0)+IF('Standard Profiles'!$G$22=$B$17,14,0)+IF('Standard Profiles'!$G$22=$B$24,21,0),MOD($C8035,24)+1)/SUM(INDEX($D$3:$AA$30,INDEX(Jesper!$R$2:$R$366,ROW(INDEX(Jesper!AL$2:AL$366,ROUNDDOWN($C8035/24,0)+1,1))-1)+IF('Standard Profiles'!$G$22=$B$10,7,0)+IF('Standard Profiles'!$G$22=$B$17,14,0)+IF('Standard Profiles'!$G$22=$B$24,21,0),0)),0)</f>
        <v>0</v>
      </c>
      <c r="I8035">
        <f t="shared" ref="I8035:I8098" si="895">IF($B8035&lt;6,AC$37*$D8035+AC$38*$E8035+AC$39*$F8035+AC$40*$G8035,AC$46*$D8035+AC$47*$E8035+AC$48*$F8035+AC$49*$G8035+AC$50*$H8035)</f>
        <v>19.449565761639043</v>
      </c>
      <c r="J8035">
        <f t="shared" ref="J8035:J8098" si="896">IF($B8035&lt;6,AD$37*$D8035+AD$38*$E8035+AD$39*$F8035+AD$40*$G8035,AD$46*$D8035+AD$47*$E8035+AD$48*$F8035+AD$49*$G8035+AD$50*$H8035)</f>
        <v>89.882329028920765</v>
      </c>
      <c r="K8035">
        <f t="shared" ref="K8035:K8098" si="897">IF($B8035&lt;6,AE$37*$D8035+AE$38*$E8035+AE$39*$F8035+AE$40*$G8035,AE$46*$D8035+AE$47*$E8035+AE$48*$F8035+AE$49*$G8035+AE$50*$H8035)</f>
        <v>3.4000257864543175</v>
      </c>
      <c r="L8035">
        <f t="shared" ref="L8035:L8098" si="898">IF($B8035&lt;6,AF$37*$D8035+AF$38*$E8035+AF$39*$F8035+AF$40*$G8035,AF$46*$D8035+AF$47*$E8035+AF$48*$F8035+AF$49*$G8035+AF$50*$H8035)</f>
        <v>1.7000128932271588</v>
      </c>
      <c r="M8035">
        <f t="shared" ref="M8035:M8098" si="899">IF($B8035&lt;6,AG$37*$D8035+AG$38*$E8035+AG$39*$F8035+AG$40*$G8035,AG$46*$D8035+AG$47*$E8035+AG$48*$F8035+AG$49*$G8035+AG$50*$H8035)</f>
        <v>0</v>
      </c>
      <c r="N8035" s="45">
        <f t="shared" si="893"/>
        <v>45260.374999980595</v>
      </c>
    </row>
    <row r="8036" spans="2:14" x14ac:dyDescent="0.25">
      <c r="B8036">
        <f t="shared" si="894"/>
        <v>4</v>
      </c>
      <c r="C8036" s="16">
        <v>8002</v>
      </c>
      <c r="D8036" cm="1">
        <f t="array" ref="D8036">IFERROR(INDEX(Jesper!AH$2:AH$366,ROUNDDOWN($C8036/24,0)+1,1)*INDEX($D$3:$AA$30,INDEX(Jesper!$R$2:$R$366,ROW(INDEX(Jesper!AH$2:AH$366,ROUNDDOWN($C8036/24,0)+1,1))-1)+IF('Standard Profiles'!$G$18=$B$10,7,0)+IF('Standard Profiles'!$G$18=$B$17,14,0)+IF('Standard Profiles'!$G$18=$B$24,21,0),MOD($C8036,24)+1)/SUM(INDEX($D$3:$AA$30,INDEX(Jesper!$R$2:$R$366,ROW(INDEX(Jesper!AH$2:AH$366,ROUNDDOWN($C8036/24,0)+1,1))-1)+IF('Standard Profiles'!$G$18=$B$10,7,0)+IF('Standard Profiles'!$G$18=$B$17,14,0)+IF('Standard Profiles'!$G$18=$B$24,21,0),0)),0)</f>
        <v>31.875241748009223</v>
      </c>
      <c r="E8036" cm="1">
        <f t="array" ref="E8036">IFERROR(INDEX(Jesper!AI$2:AI$366,ROUNDDOWN($C8036/24,0)+1,1)*INDEX($D$3:$AA$30,INDEX(Jesper!$R$2:$R$366,ROW(INDEX(Jesper!AI$2:AI$366,ROUNDDOWN($C8036/24,0)+1,1))-1)+IF('Standard Profiles'!$G$19=$B$10,7,0)+IF('Standard Profiles'!$G$19=$B$17,14,0)+IF('Standard Profiles'!$G$19=$B$24,21,0),MOD($C8036,24)+1)/SUM(INDEX($D$3:$AA$30,INDEX(Jesper!$R$2:$R$366,ROW(INDEX(Jesper!AI$2:AI$366,ROUNDDOWN($C8036/24,0)+1,1))-1)+IF('Standard Profiles'!$G$19=$B$10,7,0)+IF('Standard Profiles'!$G$19=$B$17,14,0)+IF('Standard Profiles'!$G$19=$B$24,21,0),0)),0)</f>
        <v>42.036763052150704</v>
      </c>
      <c r="F8036" cm="1">
        <f t="array" ref="F8036">IFERROR(INDEX(Jesper!AJ$2:AJ$366,ROUNDDOWN($C8036/24,0)+1,1)*INDEX($D$3:$AA$30,INDEX(Jesper!$R$2:$R$366,ROW(INDEX(Jesper!AJ$2:AJ$366,ROUNDDOWN($C8036/24,0)+1,1))-1)+IF('Standard Profiles'!$G$20=$B$10,7,0)+IF('Standard Profiles'!$G$20=$B$17,14,0)+IF('Standard Profiles'!$G$20=$B$24,21,0),MOD($C8036,24)+1)/SUM(INDEX($D$3:$AA$30,INDEX(Jesper!$R$2:$R$366,ROW(INDEX(Jesper!AJ$2:AJ$366,ROUNDDOWN($C8036/24,0)+1,1))-1)+IF('Standard Profiles'!$G$20=$B$10,7,0)+IF('Standard Profiles'!$G$20=$B$17,14,0)+IF('Standard Profiles'!$G$20=$B$24,21,0),0)),0)</f>
        <v>0</v>
      </c>
      <c r="G8036" cm="1">
        <f t="array" ref="G8036">IFERROR(INDEX(Jesper!AK$2:AK$366,ROUNDDOWN($C8036/24,0)+1,1)*INDEX($D$3:$AA$30,INDEX(Jesper!$R$2:$R$366,ROW(INDEX(Jesper!AK$2:AK$366,ROUNDDOWN($C8036/24,0)+1,1))-1)+IF('Standard Profiles'!$G$21=$B$10,7,0)+IF('Standard Profiles'!$G$21=$B$17,14,0)+IF('Standard Profiles'!$G$21=$B$24,21,0),MOD($C8036,24)+1)/SUM(INDEX($D$3:$AA$30,INDEX(Jesper!$R$2:$R$366,ROW(INDEX(Jesper!AK$2:AK$366,ROUNDDOWN($C8036/24,0)+1,1))-1)+IF('Standard Profiles'!$G$21=$B$10,7,0)+IF('Standard Profiles'!$G$21=$B$17,14,0)+IF('Standard Profiles'!$G$21=$B$24,21,0),0)),0)</f>
        <v>40.519928670081363</v>
      </c>
      <c r="H8036" cm="1">
        <f t="array" ref="H8036">IFERROR(INDEX(Jesper!AL$2:AL$366,ROUNDDOWN($C8036/24,0)+1,1)*INDEX($D$3:$AA$30,INDEX(Jesper!$R$2:$R$366,ROW(INDEX(Jesper!AL$2:AL$366,ROUNDDOWN($C8036/24,0)+1,1))-1)+IF('Standard Profiles'!$G$22=$B$10,7,0)+IF('Standard Profiles'!$G$22=$B$17,14,0)+IF('Standard Profiles'!$G$22=$B$24,21,0),MOD($C8036,24)+1)/SUM(INDEX($D$3:$AA$30,INDEX(Jesper!$R$2:$R$366,ROW(INDEX(Jesper!AL$2:AL$366,ROUNDDOWN($C8036/24,0)+1,1))-1)+IF('Standard Profiles'!$G$22=$B$10,7,0)+IF('Standard Profiles'!$G$22=$B$17,14,0)+IF('Standard Profiles'!$G$22=$B$24,21,0),0)),0)</f>
        <v>0</v>
      </c>
      <c r="I8036">
        <f t="shared" si="895"/>
        <v>19.449565761639043</v>
      </c>
      <c r="J8036">
        <f t="shared" si="896"/>
        <v>89.882329028920765</v>
      </c>
      <c r="K8036">
        <f t="shared" si="897"/>
        <v>3.4000257864543175</v>
      </c>
      <c r="L8036">
        <f t="shared" si="898"/>
        <v>1.7000128932271588</v>
      </c>
      <c r="M8036">
        <f t="shared" si="899"/>
        <v>0</v>
      </c>
      <c r="N8036" s="45">
        <f t="shared" ref="N8036:N8099" si="900">N8035+1/24</f>
        <v>45260.416666647259</v>
      </c>
    </row>
    <row r="8037" spans="2:14" x14ac:dyDescent="0.25">
      <c r="B8037">
        <f t="shared" si="894"/>
        <v>4</v>
      </c>
      <c r="C8037" s="16">
        <v>8003</v>
      </c>
      <c r="D8037" cm="1">
        <f t="array" ref="D8037">IFERROR(INDEX(Jesper!AH$2:AH$366,ROUNDDOWN($C8037/24,0)+1,1)*INDEX($D$3:$AA$30,INDEX(Jesper!$R$2:$R$366,ROW(INDEX(Jesper!AH$2:AH$366,ROUNDDOWN($C8037/24,0)+1,1))-1)+IF('Standard Profiles'!$G$18=$B$10,7,0)+IF('Standard Profiles'!$G$18=$B$17,14,0)+IF('Standard Profiles'!$G$18=$B$24,21,0),MOD($C8037,24)+1)/SUM(INDEX($D$3:$AA$30,INDEX(Jesper!$R$2:$R$366,ROW(INDEX(Jesper!AH$2:AH$366,ROUNDDOWN($C8037/24,0)+1,1))-1)+IF('Standard Profiles'!$G$18=$B$10,7,0)+IF('Standard Profiles'!$G$18=$B$17,14,0)+IF('Standard Profiles'!$G$18=$B$24,21,0),0)),0)</f>
        <v>38.141314912147784</v>
      </c>
      <c r="E8037" cm="1">
        <f t="array" ref="E8037">IFERROR(INDEX(Jesper!AI$2:AI$366,ROUNDDOWN($C8037/24,0)+1,1)*INDEX($D$3:$AA$30,INDEX(Jesper!$R$2:$R$366,ROW(INDEX(Jesper!AI$2:AI$366,ROUNDDOWN($C8037/24,0)+1,1))-1)+IF('Standard Profiles'!$G$19=$B$10,7,0)+IF('Standard Profiles'!$G$19=$B$17,14,0)+IF('Standard Profiles'!$G$19=$B$24,21,0),MOD($C8037,24)+1)/SUM(INDEX($D$3:$AA$30,INDEX(Jesper!$R$2:$R$366,ROW(INDEX(Jesper!AI$2:AI$366,ROUNDDOWN($C8037/24,0)+1,1))-1)+IF('Standard Profiles'!$G$19=$B$10,7,0)+IF('Standard Profiles'!$G$19=$B$17,14,0)+IF('Standard Profiles'!$G$19=$B$24,21,0),0)),0)</f>
        <v>50.300400233342721</v>
      </c>
      <c r="F8037" cm="1">
        <f t="array" ref="F8037">IFERROR(INDEX(Jesper!AJ$2:AJ$366,ROUNDDOWN($C8037/24,0)+1,1)*INDEX($D$3:$AA$30,INDEX(Jesper!$R$2:$R$366,ROW(INDEX(Jesper!AJ$2:AJ$366,ROUNDDOWN($C8037/24,0)+1,1))-1)+IF('Standard Profiles'!$G$20=$B$10,7,0)+IF('Standard Profiles'!$G$20=$B$17,14,0)+IF('Standard Profiles'!$G$20=$B$24,21,0),MOD($C8037,24)+1)/SUM(INDEX($D$3:$AA$30,INDEX(Jesper!$R$2:$R$366,ROW(INDEX(Jesper!AJ$2:AJ$366,ROUNDDOWN($C8037/24,0)+1,1))-1)+IF('Standard Profiles'!$G$20=$B$10,7,0)+IF('Standard Profiles'!$G$20=$B$17,14,0)+IF('Standard Profiles'!$G$20=$B$24,21,0),0)),0)</f>
        <v>0</v>
      </c>
      <c r="G8037" cm="1">
        <f t="array" ref="G8037">IFERROR(INDEX(Jesper!AK$2:AK$366,ROUNDDOWN($C8037/24,0)+1,1)*INDEX($D$3:$AA$30,INDEX(Jesper!$R$2:$R$366,ROW(INDEX(Jesper!AK$2:AK$366,ROUNDDOWN($C8037/24,0)+1,1))-1)+IF('Standard Profiles'!$G$21=$B$10,7,0)+IF('Standard Profiles'!$G$21=$B$17,14,0)+IF('Standard Profiles'!$G$21=$B$24,21,0),MOD($C8037,24)+1)/SUM(INDEX($D$3:$AA$30,INDEX(Jesper!$R$2:$R$366,ROW(INDEX(Jesper!AK$2:AK$366,ROUNDDOWN($C8037/24,0)+1,1))-1)+IF('Standard Profiles'!$G$21=$B$10,7,0)+IF('Standard Profiles'!$G$21=$B$17,14,0)+IF('Standard Profiles'!$G$21=$B$24,21,0),0)),0)</f>
        <v>48.485384733430685</v>
      </c>
      <c r="H8037" cm="1">
        <f t="array" ref="H8037">IFERROR(INDEX(Jesper!AL$2:AL$366,ROUNDDOWN($C8037/24,0)+1,1)*INDEX($D$3:$AA$30,INDEX(Jesper!$R$2:$R$366,ROW(INDEX(Jesper!AL$2:AL$366,ROUNDDOWN($C8037/24,0)+1,1))-1)+IF('Standard Profiles'!$G$22=$B$10,7,0)+IF('Standard Profiles'!$G$22=$B$17,14,0)+IF('Standard Profiles'!$G$22=$B$24,21,0),MOD($C8037,24)+1)/SUM(INDEX($D$3:$AA$30,INDEX(Jesper!$R$2:$R$366,ROW(INDEX(Jesper!AL$2:AL$366,ROUNDDOWN($C8037/24,0)+1,1))-1)+IF('Standard Profiles'!$G$22=$B$10,7,0)+IF('Standard Profiles'!$G$22=$B$17,14,0)+IF('Standard Profiles'!$G$22=$B$24,21,0),0)),0)</f>
        <v>0</v>
      </c>
      <c r="I8037">
        <f t="shared" si="895"/>
        <v>23.272984672046718</v>
      </c>
      <c r="J8037">
        <f t="shared" si="896"/>
        <v>107.55150482093083</v>
      </c>
      <c r="K8037">
        <f t="shared" si="897"/>
        <v>4.0684069239624305</v>
      </c>
      <c r="L8037">
        <f t="shared" si="898"/>
        <v>2.0342034619812153</v>
      </c>
      <c r="M8037">
        <f t="shared" si="899"/>
        <v>0</v>
      </c>
      <c r="N8037" s="45">
        <f t="shared" si="900"/>
        <v>45260.458333313924</v>
      </c>
    </row>
    <row r="8038" spans="2:14" x14ac:dyDescent="0.25">
      <c r="B8038">
        <f t="shared" si="894"/>
        <v>4</v>
      </c>
      <c r="C8038" s="16">
        <v>8004</v>
      </c>
      <c r="D8038" cm="1">
        <f t="array" ref="D8038">IFERROR(INDEX(Jesper!AH$2:AH$366,ROUNDDOWN($C8038/24,0)+1,1)*INDEX($D$3:$AA$30,INDEX(Jesper!$R$2:$R$366,ROW(INDEX(Jesper!AH$2:AH$366,ROUNDDOWN($C8038/24,0)+1,1))-1)+IF('Standard Profiles'!$G$18=$B$10,7,0)+IF('Standard Profiles'!$G$18=$B$17,14,0)+IF('Standard Profiles'!$G$18=$B$24,21,0),MOD($C8038,24)+1)/SUM(INDEX($D$3:$AA$30,INDEX(Jesper!$R$2:$R$366,ROW(INDEX(Jesper!AH$2:AH$366,ROUNDDOWN($C8038/24,0)+1,1))-1)+IF('Standard Profiles'!$G$18=$B$10,7,0)+IF('Standard Profiles'!$G$18=$B$17,14,0)+IF('Standard Profiles'!$G$18=$B$24,21,0),0)),0)</f>
        <v>38.141314912147784</v>
      </c>
      <c r="E8038" cm="1">
        <f t="array" ref="E8038">IFERROR(INDEX(Jesper!AI$2:AI$366,ROUNDDOWN($C8038/24,0)+1,1)*INDEX($D$3:$AA$30,INDEX(Jesper!$R$2:$R$366,ROW(INDEX(Jesper!AI$2:AI$366,ROUNDDOWN($C8038/24,0)+1,1))-1)+IF('Standard Profiles'!$G$19=$B$10,7,0)+IF('Standard Profiles'!$G$19=$B$17,14,0)+IF('Standard Profiles'!$G$19=$B$24,21,0),MOD($C8038,24)+1)/SUM(INDEX($D$3:$AA$30,INDEX(Jesper!$R$2:$R$366,ROW(INDEX(Jesper!AI$2:AI$366,ROUNDDOWN($C8038/24,0)+1,1))-1)+IF('Standard Profiles'!$G$19=$B$10,7,0)+IF('Standard Profiles'!$G$19=$B$17,14,0)+IF('Standard Profiles'!$G$19=$B$24,21,0),0)),0)</f>
        <v>50.300400233342721</v>
      </c>
      <c r="F8038" cm="1">
        <f t="array" ref="F8038">IFERROR(INDEX(Jesper!AJ$2:AJ$366,ROUNDDOWN($C8038/24,0)+1,1)*INDEX($D$3:$AA$30,INDEX(Jesper!$R$2:$R$366,ROW(INDEX(Jesper!AJ$2:AJ$366,ROUNDDOWN($C8038/24,0)+1,1))-1)+IF('Standard Profiles'!$G$20=$B$10,7,0)+IF('Standard Profiles'!$G$20=$B$17,14,0)+IF('Standard Profiles'!$G$20=$B$24,21,0),MOD($C8038,24)+1)/SUM(INDEX($D$3:$AA$30,INDEX(Jesper!$R$2:$R$366,ROW(INDEX(Jesper!AJ$2:AJ$366,ROUNDDOWN($C8038/24,0)+1,1))-1)+IF('Standard Profiles'!$G$20=$B$10,7,0)+IF('Standard Profiles'!$G$20=$B$17,14,0)+IF('Standard Profiles'!$G$20=$B$24,21,0),0)),0)</f>
        <v>0</v>
      </c>
      <c r="G8038" cm="1">
        <f t="array" ref="G8038">IFERROR(INDEX(Jesper!AK$2:AK$366,ROUNDDOWN($C8038/24,0)+1,1)*INDEX($D$3:$AA$30,INDEX(Jesper!$R$2:$R$366,ROW(INDEX(Jesper!AK$2:AK$366,ROUNDDOWN($C8038/24,0)+1,1))-1)+IF('Standard Profiles'!$G$21=$B$10,7,0)+IF('Standard Profiles'!$G$21=$B$17,14,0)+IF('Standard Profiles'!$G$21=$B$24,21,0),MOD($C8038,24)+1)/SUM(INDEX($D$3:$AA$30,INDEX(Jesper!$R$2:$R$366,ROW(INDEX(Jesper!AK$2:AK$366,ROUNDDOWN($C8038/24,0)+1,1))-1)+IF('Standard Profiles'!$G$21=$B$10,7,0)+IF('Standard Profiles'!$G$21=$B$17,14,0)+IF('Standard Profiles'!$G$21=$B$24,21,0),0)),0)</f>
        <v>48.485384733430685</v>
      </c>
      <c r="H8038" cm="1">
        <f t="array" ref="H8038">IFERROR(INDEX(Jesper!AL$2:AL$366,ROUNDDOWN($C8038/24,0)+1,1)*INDEX($D$3:$AA$30,INDEX(Jesper!$R$2:$R$366,ROW(INDEX(Jesper!AL$2:AL$366,ROUNDDOWN($C8038/24,0)+1,1))-1)+IF('Standard Profiles'!$G$22=$B$10,7,0)+IF('Standard Profiles'!$G$22=$B$17,14,0)+IF('Standard Profiles'!$G$22=$B$24,21,0),MOD($C8038,24)+1)/SUM(INDEX($D$3:$AA$30,INDEX(Jesper!$R$2:$R$366,ROW(INDEX(Jesper!AL$2:AL$366,ROUNDDOWN($C8038/24,0)+1,1))-1)+IF('Standard Profiles'!$G$22=$B$10,7,0)+IF('Standard Profiles'!$G$22=$B$17,14,0)+IF('Standard Profiles'!$G$22=$B$24,21,0),0)),0)</f>
        <v>0</v>
      </c>
      <c r="I8038">
        <f t="shared" si="895"/>
        <v>23.272984672046718</v>
      </c>
      <c r="J8038">
        <f t="shared" si="896"/>
        <v>107.55150482093083</v>
      </c>
      <c r="K8038">
        <f t="shared" si="897"/>
        <v>4.0684069239624305</v>
      </c>
      <c r="L8038">
        <f t="shared" si="898"/>
        <v>2.0342034619812153</v>
      </c>
      <c r="M8038">
        <f t="shared" si="899"/>
        <v>0</v>
      </c>
      <c r="N8038" s="45">
        <f t="shared" si="900"/>
        <v>45260.499999980588</v>
      </c>
    </row>
    <row r="8039" spans="2:14" x14ac:dyDescent="0.25">
      <c r="B8039">
        <f t="shared" si="894"/>
        <v>4</v>
      </c>
      <c r="C8039" s="16">
        <v>8005</v>
      </c>
      <c r="D8039" cm="1">
        <f t="array" ref="D8039">IFERROR(INDEX(Jesper!AH$2:AH$366,ROUNDDOWN($C8039/24,0)+1,1)*INDEX($D$3:$AA$30,INDEX(Jesper!$R$2:$R$366,ROW(INDEX(Jesper!AH$2:AH$366,ROUNDDOWN($C8039/24,0)+1,1))-1)+IF('Standard Profiles'!$G$18=$B$10,7,0)+IF('Standard Profiles'!$G$18=$B$17,14,0)+IF('Standard Profiles'!$G$18=$B$24,21,0),MOD($C8039,24)+1)/SUM(INDEX($D$3:$AA$30,INDEX(Jesper!$R$2:$R$366,ROW(INDEX(Jesper!AH$2:AH$366,ROUNDDOWN($C8039/24,0)+1,1))-1)+IF('Standard Profiles'!$G$18=$B$10,7,0)+IF('Standard Profiles'!$G$18=$B$17,14,0)+IF('Standard Profiles'!$G$18=$B$24,21,0),0)),0)</f>
        <v>25.336730620212457</v>
      </c>
      <c r="E8039" cm="1">
        <f t="array" ref="E8039">IFERROR(INDEX(Jesper!AI$2:AI$366,ROUNDDOWN($C8039/24,0)+1,1)*INDEX($D$3:$AA$30,INDEX(Jesper!$R$2:$R$366,ROW(INDEX(Jesper!AI$2:AI$366,ROUNDDOWN($C8039/24,0)+1,1))-1)+IF('Standard Profiles'!$G$19=$B$10,7,0)+IF('Standard Profiles'!$G$19=$B$17,14,0)+IF('Standard Profiles'!$G$19=$B$24,21,0),MOD($C8039,24)+1)/SUM(INDEX($D$3:$AA$30,INDEX(Jesper!$R$2:$R$366,ROW(INDEX(Jesper!AI$2:AI$366,ROUNDDOWN($C8039/24,0)+1,1))-1)+IF('Standard Profiles'!$G$19=$B$10,7,0)+IF('Standard Profiles'!$G$19=$B$17,14,0)+IF('Standard Profiles'!$G$19=$B$24,21,0),0)),0)</f>
        <v>33.413837297863381</v>
      </c>
      <c r="F8039" cm="1">
        <f t="array" ref="F8039">IFERROR(INDEX(Jesper!AJ$2:AJ$366,ROUNDDOWN($C8039/24,0)+1,1)*INDEX($D$3:$AA$30,INDEX(Jesper!$R$2:$R$366,ROW(INDEX(Jesper!AJ$2:AJ$366,ROUNDDOWN($C8039/24,0)+1,1))-1)+IF('Standard Profiles'!$G$20=$B$10,7,0)+IF('Standard Profiles'!$G$20=$B$17,14,0)+IF('Standard Profiles'!$G$20=$B$24,21,0),MOD($C8039,24)+1)/SUM(INDEX($D$3:$AA$30,INDEX(Jesper!$R$2:$R$366,ROW(INDEX(Jesper!AJ$2:AJ$366,ROUNDDOWN($C8039/24,0)+1,1))-1)+IF('Standard Profiles'!$G$20=$B$10,7,0)+IF('Standard Profiles'!$G$20=$B$17,14,0)+IF('Standard Profiles'!$G$20=$B$24,21,0),0)),0)</f>
        <v>0</v>
      </c>
      <c r="G8039" cm="1">
        <f t="array" ref="G8039">IFERROR(INDEX(Jesper!AK$2:AK$366,ROUNDDOWN($C8039/24,0)+1,1)*INDEX($D$3:$AA$30,INDEX(Jesper!$R$2:$R$366,ROW(INDEX(Jesper!AK$2:AK$366,ROUNDDOWN($C8039/24,0)+1,1))-1)+IF('Standard Profiles'!$G$21=$B$10,7,0)+IF('Standard Profiles'!$G$21=$B$17,14,0)+IF('Standard Profiles'!$G$21=$B$24,21,0),MOD($C8039,24)+1)/SUM(INDEX($D$3:$AA$30,INDEX(Jesper!$R$2:$R$366,ROW(INDEX(Jesper!AK$2:AK$366,ROUNDDOWN($C8039/24,0)+1,1))-1)+IF('Standard Profiles'!$G$21=$B$10,7,0)+IF('Standard Profiles'!$G$21=$B$17,14,0)+IF('Standard Profiles'!$G$21=$B$24,21,0),0)),0)</f>
        <v>32.208148430064675</v>
      </c>
      <c r="H8039" cm="1">
        <f t="array" ref="H8039">IFERROR(INDEX(Jesper!AL$2:AL$366,ROUNDDOWN($C8039/24,0)+1,1)*INDEX($D$3:$AA$30,INDEX(Jesper!$R$2:$R$366,ROW(INDEX(Jesper!AL$2:AL$366,ROUNDDOWN($C8039/24,0)+1,1))-1)+IF('Standard Profiles'!$G$22=$B$10,7,0)+IF('Standard Profiles'!$G$22=$B$17,14,0)+IF('Standard Profiles'!$G$22=$B$24,21,0),MOD($C8039,24)+1)/SUM(INDEX($D$3:$AA$30,INDEX(Jesper!$R$2:$R$366,ROW(INDEX(Jesper!AL$2:AL$366,ROUNDDOWN($C8039/24,0)+1,1))-1)+IF('Standard Profiles'!$G$22=$B$10,7,0)+IF('Standard Profiles'!$G$22=$B$17,14,0)+IF('Standard Profiles'!$G$22=$B$24,21,0),0)),0)</f>
        <v>0</v>
      </c>
      <c r="I8039">
        <f t="shared" si="895"/>
        <v>15.459911246431036</v>
      </c>
      <c r="J8039">
        <f t="shared" si="896"/>
        <v>71.444928202475481</v>
      </c>
      <c r="K8039">
        <f t="shared" si="897"/>
        <v>2.7025845994893287</v>
      </c>
      <c r="L8039">
        <f t="shared" si="898"/>
        <v>1.3512922997446644</v>
      </c>
      <c r="M8039">
        <f t="shared" si="899"/>
        <v>0</v>
      </c>
      <c r="N8039" s="45">
        <f t="shared" si="900"/>
        <v>45260.541666647252</v>
      </c>
    </row>
    <row r="8040" spans="2:14" x14ac:dyDescent="0.25">
      <c r="B8040">
        <f t="shared" si="894"/>
        <v>4</v>
      </c>
      <c r="C8040" s="16">
        <v>8006</v>
      </c>
      <c r="D8040" cm="1">
        <f t="array" ref="D8040">IFERROR(INDEX(Jesper!AH$2:AH$366,ROUNDDOWN($C8040/24,0)+1,1)*INDEX($D$3:$AA$30,INDEX(Jesper!$R$2:$R$366,ROW(INDEX(Jesper!AH$2:AH$366,ROUNDDOWN($C8040/24,0)+1,1))-1)+IF('Standard Profiles'!$G$18=$B$10,7,0)+IF('Standard Profiles'!$G$18=$B$17,14,0)+IF('Standard Profiles'!$G$18=$B$24,21,0),MOD($C8040,24)+1)/SUM(INDEX($D$3:$AA$30,INDEX(Jesper!$R$2:$R$366,ROW(INDEX(Jesper!AH$2:AH$366,ROUNDDOWN($C8040/24,0)+1,1))-1)+IF('Standard Profiles'!$G$18=$B$10,7,0)+IF('Standard Profiles'!$G$18=$B$17,14,0)+IF('Standard Profiles'!$G$18=$B$24,21,0),0)),0)</f>
        <v>38.141314912147784</v>
      </c>
      <c r="E8040" cm="1">
        <f t="array" ref="E8040">IFERROR(INDEX(Jesper!AI$2:AI$366,ROUNDDOWN($C8040/24,0)+1,1)*INDEX($D$3:$AA$30,INDEX(Jesper!$R$2:$R$366,ROW(INDEX(Jesper!AI$2:AI$366,ROUNDDOWN($C8040/24,0)+1,1))-1)+IF('Standard Profiles'!$G$19=$B$10,7,0)+IF('Standard Profiles'!$G$19=$B$17,14,0)+IF('Standard Profiles'!$G$19=$B$24,21,0),MOD($C8040,24)+1)/SUM(INDEX($D$3:$AA$30,INDEX(Jesper!$R$2:$R$366,ROW(INDEX(Jesper!AI$2:AI$366,ROUNDDOWN($C8040/24,0)+1,1))-1)+IF('Standard Profiles'!$G$19=$B$10,7,0)+IF('Standard Profiles'!$G$19=$B$17,14,0)+IF('Standard Profiles'!$G$19=$B$24,21,0),0)),0)</f>
        <v>50.300400233342721</v>
      </c>
      <c r="F8040" cm="1">
        <f t="array" ref="F8040">IFERROR(INDEX(Jesper!AJ$2:AJ$366,ROUNDDOWN($C8040/24,0)+1,1)*INDEX($D$3:$AA$30,INDEX(Jesper!$R$2:$R$366,ROW(INDEX(Jesper!AJ$2:AJ$366,ROUNDDOWN($C8040/24,0)+1,1))-1)+IF('Standard Profiles'!$G$20=$B$10,7,0)+IF('Standard Profiles'!$G$20=$B$17,14,0)+IF('Standard Profiles'!$G$20=$B$24,21,0),MOD($C8040,24)+1)/SUM(INDEX($D$3:$AA$30,INDEX(Jesper!$R$2:$R$366,ROW(INDEX(Jesper!AJ$2:AJ$366,ROUNDDOWN($C8040/24,0)+1,1))-1)+IF('Standard Profiles'!$G$20=$B$10,7,0)+IF('Standard Profiles'!$G$20=$B$17,14,0)+IF('Standard Profiles'!$G$20=$B$24,21,0),0)),0)</f>
        <v>0</v>
      </c>
      <c r="G8040" cm="1">
        <f t="array" ref="G8040">IFERROR(INDEX(Jesper!AK$2:AK$366,ROUNDDOWN($C8040/24,0)+1,1)*INDEX($D$3:$AA$30,INDEX(Jesper!$R$2:$R$366,ROW(INDEX(Jesper!AK$2:AK$366,ROUNDDOWN($C8040/24,0)+1,1))-1)+IF('Standard Profiles'!$G$21=$B$10,7,0)+IF('Standard Profiles'!$G$21=$B$17,14,0)+IF('Standard Profiles'!$G$21=$B$24,21,0),MOD($C8040,24)+1)/SUM(INDEX($D$3:$AA$30,INDEX(Jesper!$R$2:$R$366,ROW(INDEX(Jesper!AK$2:AK$366,ROUNDDOWN($C8040/24,0)+1,1))-1)+IF('Standard Profiles'!$G$21=$B$10,7,0)+IF('Standard Profiles'!$G$21=$B$17,14,0)+IF('Standard Profiles'!$G$21=$B$24,21,0),0)),0)</f>
        <v>48.485384733430685</v>
      </c>
      <c r="H8040" cm="1">
        <f t="array" ref="H8040">IFERROR(INDEX(Jesper!AL$2:AL$366,ROUNDDOWN($C8040/24,0)+1,1)*INDEX($D$3:$AA$30,INDEX(Jesper!$R$2:$R$366,ROW(INDEX(Jesper!AL$2:AL$366,ROUNDDOWN($C8040/24,0)+1,1))-1)+IF('Standard Profiles'!$G$22=$B$10,7,0)+IF('Standard Profiles'!$G$22=$B$17,14,0)+IF('Standard Profiles'!$G$22=$B$24,21,0),MOD($C8040,24)+1)/SUM(INDEX($D$3:$AA$30,INDEX(Jesper!$R$2:$R$366,ROW(INDEX(Jesper!AL$2:AL$366,ROUNDDOWN($C8040/24,0)+1,1))-1)+IF('Standard Profiles'!$G$22=$B$10,7,0)+IF('Standard Profiles'!$G$22=$B$17,14,0)+IF('Standard Profiles'!$G$22=$B$24,21,0),0)),0)</f>
        <v>0</v>
      </c>
      <c r="I8040">
        <f t="shared" si="895"/>
        <v>23.272984672046718</v>
      </c>
      <c r="J8040">
        <f t="shared" si="896"/>
        <v>107.55150482093083</v>
      </c>
      <c r="K8040">
        <f t="shared" si="897"/>
        <v>4.0684069239624305</v>
      </c>
      <c r="L8040">
        <f t="shared" si="898"/>
        <v>2.0342034619812153</v>
      </c>
      <c r="M8040">
        <f t="shared" si="899"/>
        <v>0</v>
      </c>
      <c r="N8040" s="45">
        <f t="shared" si="900"/>
        <v>45260.583333313916</v>
      </c>
    </row>
    <row r="8041" spans="2:14" x14ac:dyDescent="0.25">
      <c r="B8041">
        <f t="shared" si="894"/>
        <v>4</v>
      </c>
      <c r="C8041" s="16">
        <v>8007</v>
      </c>
      <c r="D8041" cm="1">
        <f t="array" ref="D8041">IFERROR(INDEX(Jesper!AH$2:AH$366,ROUNDDOWN($C8041/24,0)+1,1)*INDEX($D$3:$AA$30,INDEX(Jesper!$R$2:$R$366,ROW(INDEX(Jesper!AH$2:AH$366,ROUNDDOWN($C8041/24,0)+1,1))-1)+IF('Standard Profiles'!$G$18=$B$10,7,0)+IF('Standard Profiles'!$G$18=$B$17,14,0)+IF('Standard Profiles'!$G$18=$B$24,21,0),MOD($C8041,24)+1)/SUM(INDEX($D$3:$AA$30,INDEX(Jesper!$R$2:$R$366,ROW(INDEX(Jesper!AH$2:AH$366,ROUNDDOWN($C8041/24,0)+1,1))-1)+IF('Standard Profiles'!$G$18=$B$10,7,0)+IF('Standard Profiles'!$G$18=$B$17,14,0)+IF('Standard Profiles'!$G$18=$B$24,21,0),0)),0)</f>
        <v>38.141314912147784</v>
      </c>
      <c r="E8041" cm="1">
        <f t="array" ref="E8041">IFERROR(INDEX(Jesper!AI$2:AI$366,ROUNDDOWN($C8041/24,0)+1,1)*INDEX($D$3:$AA$30,INDEX(Jesper!$R$2:$R$366,ROW(INDEX(Jesper!AI$2:AI$366,ROUNDDOWN($C8041/24,0)+1,1))-1)+IF('Standard Profiles'!$G$19=$B$10,7,0)+IF('Standard Profiles'!$G$19=$B$17,14,0)+IF('Standard Profiles'!$G$19=$B$24,21,0),MOD($C8041,24)+1)/SUM(INDEX($D$3:$AA$30,INDEX(Jesper!$R$2:$R$366,ROW(INDEX(Jesper!AI$2:AI$366,ROUNDDOWN($C8041/24,0)+1,1))-1)+IF('Standard Profiles'!$G$19=$B$10,7,0)+IF('Standard Profiles'!$G$19=$B$17,14,0)+IF('Standard Profiles'!$G$19=$B$24,21,0),0)),0)</f>
        <v>50.300400233342721</v>
      </c>
      <c r="F8041" cm="1">
        <f t="array" ref="F8041">IFERROR(INDEX(Jesper!AJ$2:AJ$366,ROUNDDOWN($C8041/24,0)+1,1)*INDEX($D$3:$AA$30,INDEX(Jesper!$R$2:$R$366,ROW(INDEX(Jesper!AJ$2:AJ$366,ROUNDDOWN($C8041/24,0)+1,1))-1)+IF('Standard Profiles'!$G$20=$B$10,7,0)+IF('Standard Profiles'!$G$20=$B$17,14,0)+IF('Standard Profiles'!$G$20=$B$24,21,0),MOD($C8041,24)+1)/SUM(INDEX($D$3:$AA$30,INDEX(Jesper!$R$2:$R$366,ROW(INDEX(Jesper!AJ$2:AJ$366,ROUNDDOWN($C8041/24,0)+1,1))-1)+IF('Standard Profiles'!$G$20=$B$10,7,0)+IF('Standard Profiles'!$G$20=$B$17,14,0)+IF('Standard Profiles'!$G$20=$B$24,21,0),0)),0)</f>
        <v>0</v>
      </c>
      <c r="G8041" cm="1">
        <f t="array" ref="G8041">IFERROR(INDEX(Jesper!AK$2:AK$366,ROUNDDOWN($C8041/24,0)+1,1)*INDEX($D$3:$AA$30,INDEX(Jesper!$R$2:$R$366,ROW(INDEX(Jesper!AK$2:AK$366,ROUNDDOWN($C8041/24,0)+1,1))-1)+IF('Standard Profiles'!$G$21=$B$10,7,0)+IF('Standard Profiles'!$G$21=$B$17,14,0)+IF('Standard Profiles'!$G$21=$B$24,21,0),MOD($C8041,24)+1)/SUM(INDEX($D$3:$AA$30,INDEX(Jesper!$R$2:$R$366,ROW(INDEX(Jesper!AK$2:AK$366,ROUNDDOWN($C8041/24,0)+1,1))-1)+IF('Standard Profiles'!$G$21=$B$10,7,0)+IF('Standard Profiles'!$G$21=$B$17,14,0)+IF('Standard Profiles'!$G$21=$B$24,21,0),0)),0)</f>
        <v>48.485384733430685</v>
      </c>
      <c r="H8041" cm="1">
        <f t="array" ref="H8041">IFERROR(INDEX(Jesper!AL$2:AL$366,ROUNDDOWN($C8041/24,0)+1,1)*INDEX($D$3:$AA$30,INDEX(Jesper!$R$2:$R$366,ROW(INDEX(Jesper!AL$2:AL$366,ROUNDDOWN($C8041/24,0)+1,1))-1)+IF('Standard Profiles'!$G$22=$B$10,7,0)+IF('Standard Profiles'!$G$22=$B$17,14,0)+IF('Standard Profiles'!$G$22=$B$24,21,0),MOD($C8041,24)+1)/SUM(INDEX($D$3:$AA$30,INDEX(Jesper!$R$2:$R$366,ROW(INDEX(Jesper!AL$2:AL$366,ROUNDDOWN($C8041/24,0)+1,1))-1)+IF('Standard Profiles'!$G$22=$B$10,7,0)+IF('Standard Profiles'!$G$22=$B$17,14,0)+IF('Standard Profiles'!$G$22=$B$24,21,0),0)),0)</f>
        <v>0</v>
      </c>
      <c r="I8041">
        <f t="shared" si="895"/>
        <v>23.272984672046718</v>
      </c>
      <c r="J8041">
        <f t="shared" si="896"/>
        <v>107.55150482093083</v>
      </c>
      <c r="K8041">
        <f t="shared" si="897"/>
        <v>4.0684069239624305</v>
      </c>
      <c r="L8041">
        <f t="shared" si="898"/>
        <v>2.0342034619812153</v>
      </c>
      <c r="M8041">
        <f t="shared" si="899"/>
        <v>0</v>
      </c>
      <c r="N8041" s="45">
        <f t="shared" si="900"/>
        <v>45260.62499998058</v>
      </c>
    </row>
    <row r="8042" spans="2:14" x14ac:dyDescent="0.25">
      <c r="B8042">
        <f t="shared" si="894"/>
        <v>4</v>
      </c>
      <c r="C8042" s="16">
        <v>8008</v>
      </c>
      <c r="D8042" cm="1">
        <f t="array" ref="D8042">IFERROR(INDEX(Jesper!AH$2:AH$366,ROUNDDOWN($C8042/24,0)+1,1)*INDEX($D$3:$AA$30,INDEX(Jesper!$R$2:$R$366,ROW(INDEX(Jesper!AH$2:AH$366,ROUNDDOWN($C8042/24,0)+1,1))-1)+IF('Standard Profiles'!$G$18=$B$10,7,0)+IF('Standard Profiles'!$G$18=$B$17,14,0)+IF('Standard Profiles'!$G$18=$B$24,21,0),MOD($C8042,24)+1)/SUM(INDEX($D$3:$AA$30,INDEX(Jesper!$R$2:$R$366,ROW(INDEX(Jesper!AH$2:AH$366,ROUNDDOWN($C8042/24,0)+1,1))-1)+IF('Standard Profiles'!$G$18=$B$10,7,0)+IF('Standard Profiles'!$G$18=$B$17,14,0)+IF('Standard Profiles'!$G$18=$B$24,21,0),0)),0)</f>
        <v>22.476132001801375</v>
      </c>
      <c r="E8042" cm="1">
        <f t="array" ref="E8042">IFERROR(INDEX(Jesper!AI$2:AI$366,ROUNDDOWN($C8042/24,0)+1,1)*INDEX($D$3:$AA$30,INDEX(Jesper!$R$2:$R$366,ROW(INDEX(Jesper!AI$2:AI$366,ROUNDDOWN($C8042/24,0)+1,1))-1)+IF('Standard Profiles'!$G$19=$B$10,7,0)+IF('Standard Profiles'!$G$19=$B$17,14,0)+IF('Standard Profiles'!$G$19=$B$24,21,0),MOD($C8042,24)+1)/SUM(INDEX($D$3:$AA$30,INDEX(Jesper!$R$2:$R$366,ROW(INDEX(Jesper!AI$2:AI$366,ROUNDDOWN($C8042/24,0)+1,1))-1)+IF('Standard Profiles'!$G$19=$B$10,7,0)+IF('Standard Profiles'!$G$19=$B$17,14,0)+IF('Standard Profiles'!$G$19=$B$24,21,0),0)),0)</f>
        <v>29.641307280362675</v>
      </c>
      <c r="F8042" cm="1">
        <f t="array" ref="F8042">IFERROR(INDEX(Jesper!AJ$2:AJ$366,ROUNDDOWN($C8042/24,0)+1,1)*INDEX($D$3:$AA$30,INDEX(Jesper!$R$2:$R$366,ROW(INDEX(Jesper!AJ$2:AJ$366,ROUNDDOWN($C8042/24,0)+1,1))-1)+IF('Standard Profiles'!$G$20=$B$10,7,0)+IF('Standard Profiles'!$G$20=$B$17,14,0)+IF('Standard Profiles'!$G$20=$B$24,21,0),MOD($C8042,24)+1)/SUM(INDEX($D$3:$AA$30,INDEX(Jesper!$R$2:$R$366,ROW(INDEX(Jesper!AJ$2:AJ$366,ROUNDDOWN($C8042/24,0)+1,1))-1)+IF('Standard Profiles'!$G$20=$B$10,7,0)+IF('Standard Profiles'!$G$20=$B$17,14,0)+IF('Standard Profiles'!$G$20=$B$24,21,0),0)),0)</f>
        <v>0</v>
      </c>
      <c r="G8042" cm="1">
        <f t="array" ref="G8042">IFERROR(INDEX(Jesper!AK$2:AK$366,ROUNDDOWN($C8042/24,0)+1,1)*INDEX($D$3:$AA$30,INDEX(Jesper!$R$2:$R$366,ROW(INDEX(Jesper!AK$2:AK$366,ROUNDDOWN($C8042/24,0)+1,1))-1)+IF('Standard Profiles'!$G$21=$B$10,7,0)+IF('Standard Profiles'!$G$21=$B$17,14,0)+IF('Standard Profiles'!$G$21=$B$24,21,0),MOD($C8042,24)+1)/SUM(INDEX($D$3:$AA$30,INDEX(Jesper!$R$2:$R$366,ROW(INDEX(Jesper!AK$2:AK$366,ROUNDDOWN($C8042/24,0)+1,1))-1)+IF('Standard Profiles'!$G$21=$B$10,7,0)+IF('Standard Profiles'!$G$21=$B$17,14,0)+IF('Standard Profiles'!$G$21=$B$24,21,0),0)),0)</f>
        <v>40.513957563587098</v>
      </c>
      <c r="H8042" cm="1">
        <f t="array" ref="H8042">IFERROR(INDEX(Jesper!AL$2:AL$366,ROUNDDOWN($C8042/24,0)+1,1)*INDEX($D$3:$AA$30,INDEX(Jesper!$R$2:$R$366,ROW(INDEX(Jesper!AL$2:AL$366,ROUNDDOWN($C8042/24,0)+1,1))-1)+IF('Standard Profiles'!$G$22=$B$10,7,0)+IF('Standard Profiles'!$G$22=$B$17,14,0)+IF('Standard Profiles'!$G$22=$B$24,21,0),MOD($C8042,24)+1)/SUM(INDEX($D$3:$AA$30,INDEX(Jesper!$R$2:$R$366,ROW(INDEX(Jesper!AL$2:AL$366,ROUNDDOWN($C8042/24,0)+1,1))-1)+IF('Standard Profiles'!$G$22=$B$10,7,0)+IF('Standard Profiles'!$G$22=$B$17,14,0)+IF('Standard Profiles'!$G$22=$B$24,21,0),0)),0)</f>
        <v>0</v>
      </c>
      <c r="I8042">
        <f t="shared" si="895"/>
        <v>19.446699630521799</v>
      </c>
      <c r="J8042">
        <f t="shared" si="896"/>
        <v>69.588516094941127</v>
      </c>
      <c r="K8042">
        <f t="shared" si="897"/>
        <v>2.3974540801921469</v>
      </c>
      <c r="L8042">
        <f t="shared" si="898"/>
        <v>1.1987270400960734</v>
      </c>
      <c r="M8042">
        <f t="shared" si="899"/>
        <v>0</v>
      </c>
      <c r="N8042" s="45">
        <f t="shared" si="900"/>
        <v>45260.666666647245</v>
      </c>
    </row>
    <row r="8043" spans="2:14" x14ac:dyDescent="0.25">
      <c r="B8043">
        <f t="shared" si="894"/>
        <v>4</v>
      </c>
      <c r="C8043" s="16">
        <v>8009</v>
      </c>
      <c r="D8043" cm="1">
        <f t="array" ref="D8043">IFERROR(INDEX(Jesper!AH$2:AH$366,ROUNDDOWN($C8043/24,0)+1,1)*INDEX($D$3:$AA$30,INDEX(Jesper!$R$2:$R$366,ROW(INDEX(Jesper!AH$2:AH$366,ROUNDDOWN($C8043/24,0)+1,1))-1)+IF('Standard Profiles'!$G$18=$B$10,7,0)+IF('Standard Profiles'!$G$18=$B$17,14,0)+IF('Standard Profiles'!$G$18=$B$24,21,0),MOD($C8043,24)+1)/SUM(INDEX($D$3:$AA$30,INDEX(Jesper!$R$2:$R$366,ROW(INDEX(Jesper!AH$2:AH$366,ROUNDDOWN($C8043/24,0)+1,1))-1)+IF('Standard Profiles'!$G$18=$B$10,7,0)+IF('Standard Profiles'!$G$18=$B$17,14,0)+IF('Standard Profiles'!$G$18=$B$24,21,0),0)),0)</f>
        <v>9.5928860443027641</v>
      </c>
      <c r="E8043" cm="1">
        <f t="array" ref="E8043">IFERROR(INDEX(Jesper!AI$2:AI$366,ROUNDDOWN($C8043/24,0)+1,1)*INDEX($D$3:$AA$30,INDEX(Jesper!$R$2:$R$366,ROW(INDEX(Jesper!AI$2:AI$366,ROUNDDOWN($C8043/24,0)+1,1))-1)+IF('Standard Profiles'!$G$19=$B$10,7,0)+IF('Standard Profiles'!$G$19=$B$17,14,0)+IF('Standard Profiles'!$G$19=$B$24,21,0),MOD($C8043,24)+1)/SUM(INDEX($D$3:$AA$30,INDEX(Jesper!$R$2:$R$366,ROW(INDEX(Jesper!AI$2:AI$366,ROUNDDOWN($C8043/24,0)+1,1))-1)+IF('Standard Profiles'!$G$19=$B$10,7,0)+IF('Standard Profiles'!$G$19=$B$17,14,0)+IF('Standard Profiles'!$G$19=$B$24,21,0),0)),0)</f>
        <v>12.651006094905112</v>
      </c>
      <c r="F8043" cm="1">
        <f t="array" ref="F8043">IFERROR(INDEX(Jesper!AJ$2:AJ$366,ROUNDDOWN($C8043/24,0)+1,1)*INDEX($D$3:$AA$30,INDEX(Jesper!$R$2:$R$366,ROW(INDEX(Jesper!AJ$2:AJ$366,ROUNDDOWN($C8043/24,0)+1,1))-1)+IF('Standard Profiles'!$G$20=$B$10,7,0)+IF('Standard Profiles'!$G$20=$B$17,14,0)+IF('Standard Profiles'!$G$20=$B$24,21,0),MOD($C8043,24)+1)/SUM(INDEX($D$3:$AA$30,INDEX(Jesper!$R$2:$R$366,ROW(INDEX(Jesper!AJ$2:AJ$366,ROUNDDOWN($C8043/24,0)+1,1))-1)+IF('Standard Profiles'!$G$20=$B$10,7,0)+IF('Standard Profiles'!$G$20=$B$17,14,0)+IF('Standard Profiles'!$G$20=$B$24,21,0),0)),0)</f>
        <v>0</v>
      </c>
      <c r="G8043" cm="1">
        <f t="array" ref="G8043">IFERROR(INDEX(Jesper!AK$2:AK$366,ROUNDDOWN($C8043/24,0)+1,1)*INDEX($D$3:$AA$30,INDEX(Jesper!$R$2:$R$366,ROW(INDEX(Jesper!AK$2:AK$366,ROUNDDOWN($C8043/24,0)+1,1))-1)+IF('Standard Profiles'!$G$21=$B$10,7,0)+IF('Standard Profiles'!$G$21=$B$17,14,0)+IF('Standard Profiles'!$G$21=$B$24,21,0),MOD($C8043,24)+1)/SUM(INDEX($D$3:$AA$30,INDEX(Jesper!$R$2:$R$366,ROW(INDEX(Jesper!AK$2:AK$366,ROUNDDOWN($C8043/24,0)+1,1))-1)+IF('Standard Profiles'!$G$21=$B$10,7,0)+IF('Standard Profiles'!$G$21=$B$17,14,0)+IF('Standard Profiles'!$G$21=$B$24,21,0),0)),0)</f>
        <v>32.21411953655894</v>
      </c>
      <c r="H8043" cm="1">
        <f t="array" ref="H8043">IFERROR(INDEX(Jesper!AL$2:AL$366,ROUNDDOWN($C8043/24,0)+1,1)*INDEX($D$3:$AA$30,INDEX(Jesper!$R$2:$R$366,ROW(INDEX(Jesper!AL$2:AL$366,ROUNDDOWN($C8043/24,0)+1,1))-1)+IF('Standard Profiles'!$G$22=$B$10,7,0)+IF('Standard Profiles'!$G$22=$B$17,14,0)+IF('Standard Profiles'!$G$22=$B$24,21,0),MOD($C8043,24)+1)/SUM(INDEX($D$3:$AA$30,INDEX(Jesper!$R$2:$R$366,ROW(INDEX(Jesper!AL$2:AL$366,ROUNDDOWN($C8043/24,0)+1,1))-1)+IF('Standard Profiles'!$G$22=$B$10,7,0)+IF('Standard Profiles'!$G$22=$B$17,14,0)+IF('Standard Profiles'!$G$22=$B$24,21,0),0)),0)</f>
        <v>0</v>
      </c>
      <c r="I8043">
        <f t="shared" si="895"/>
        <v>15.462777377548283</v>
      </c>
      <c r="J8043">
        <f t="shared" si="896"/>
        <v>37.460372531130091</v>
      </c>
      <c r="K8043">
        <f t="shared" si="897"/>
        <v>1.0232411780589616</v>
      </c>
      <c r="L8043">
        <f t="shared" si="898"/>
        <v>0.51162058902948082</v>
      </c>
      <c r="M8043">
        <f t="shared" si="899"/>
        <v>0</v>
      </c>
      <c r="N8043" s="45">
        <f t="shared" si="900"/>
        <v>45260.708333313909</v>
      </c>
    </row>
    <row r="8044" spans="2:14" x14ac:dyDescent="0.25">
      <c r="B8044">
        <f t="shared" si="894"/>
        <v>4</v>
      </c>
      <c r="C8044" s="16">
        <v>8010</v>
      </c>
      <c r="D8044" cm="1">
        <f t="array" ref="D8044">IFERROR(INDEX(Jesper!AH$2:AH$366,ROUNDDOWN($C8044/24,0)+1,1)*INDEX($D$3:$AA$30,INDEX(Jesper!$R$2:$R$366,ROW(INDEX(Jesper!AH$2:AH$366,ROUNDDOWN($C8044/24,0)+1,1))-1)+IF('Standard Profiles'!$G$18=$B$10,7,0)+IF('Standard Profiles'!$G$18=$B$17,14,0)+IF('Standard Profiles'!$G$18=$B$24,21,0),MOD($C8044,24)+1)/SUM(INDEX($D$3:$AA$30,INDEX(Jesper!$R$2:$R$366,ROW(INDEX(Jesper!AH$2:AH$366,ROUNDDOWN($C8044/24,0)+1,1))-1)+IF('Standard Profiles'!$G$18=$B$10,7,0)+IF('Standard Profiles'!$G$18=$B$17,14,0)+IF('Standard Profiles'!$G$18=$B$24,21,0),0)),0)</f>
        <v>6.331304789239824</v>
      </c>
      <c r="E8044" cm="1">
        <f t="array" ref="E8044">IFERROR(INDEX(Jesper!AI$2:AI$366,ROUNDDOWN($C8044/24,0)+1,1)*INDEX($D$3:$AA$30,INDEX(Jesper!$R$2:$R$366,ROW(INDEX(Jesper!AI$2:AI$366,ROUNDDOWN($C8044/24,0)+1,1))-1)+IF('Standard Profiles'!$G$19=$B$10,7,0)+IF('Standard Profiles'!$G$19=$B$17,14,0)+IF('Standard Profiles'!$G$19=$B$24,21,0),MOD($C8044,24)+1)/SUM(INDEX($D$3:$AA$30,INDEX(Jesper!$R$2:$R$366,ROW(INDEX(Jesper!AI$2:AI$366,ROUNDDOWN($C8044/24,0)+1,1))-1)+IF('Standard Profiles'!$G$19=$B$10,7,0)+IF('Standard Profiles'!$G$19=$B$17,14,0)+IF('Standard Profiles'!$G$19=$B$24,21,0),0)),0)</f>
        <v>8.3496640226373735</v>
      </c>
      <c r="F8044" cm="1">
        <f t="array" ref="F8044">IFERROR(INDEX(Jesper!AJ$2:AJ$366,ROUNDDOWN($C8044/24,0)+1,1)*INDEX($D$3:$AA$30,INDEX(Jesper!$R$2:$R$366,ROW(INDEX(Jesper!AJ$2:AJ$366,ROUNDDOWN($C8044/24,0)+1,1))-1)+IF('Standard Profiles'!$G$20=$B$10,7,0)+IF('Standard Profiles'!$G$20=$B$17,14,0)+IF('Standard Profiles'!$G$20=$B$24,21,0),MOD($C8044,24)+1)/SUM(INDEX($D$3:$AA$30,INDEX(Jesper!$R$2:$R$366,ROW(INDEX(Jesper!AJ$2:AJ$366,ROUNDDOWN($C8044/24,0)+1,1))-1)+IF('Standard Profiles'!$G$20=$B$10,7,0)+IF('Standard Profiles'!$G$20=$B$17,14,0)+IF('Standard Profiles'!$G$20=$B$24,21,0),0)),0)</f>
        <v>0</v>
      </c>
      <c r="G8044" cm="1">
        <f t="array" ref="G8044">IFERROR(INDEX(Jesper!AK$2:AK$366,ROUNDDOWN($C8044/24,0)+1,1)*INDEX($D$3:$AA$30,INDEX(Jesper!$R$2:$R$366,ROW(INDEX(Jesper!AK$2:AK$366,ROUNDDOWN($C8044/24,0)+1,1))-1)+IF('Standard Profiles'!$G$21=$B$10,7,0)+IF('Standard Profiles'!$G$21=$B$17,14,0)+IF('Standard Profiles'!$G$21=$B$24,21,0),MOD($C8044,24)+1)/SUM(INDEX($D$3:$AA$30,INDEX(Jesper!$R$2:$R$366,ROW(INDEX(Jesper!AK$2:AK$366,ROUNDDOWN($C8044/24,0)+1,1))-1)+IF('Standard Profiles'!$G$21=$B$10,7,0)+IF('Standard Profiles'!$G$21=$B$17,14,0)+IF('Standard Profiles'!$G$21=$B$24,21,0),0)),0)</f>
        <v>11.942212988529729</v>
      </c>
      <c r="H8044" cm="1">
        <f t="array" ref="H8044">IFERROR(INDEX(Jesper!AL$2:AL$366,ROUNDDOWN($C8044/24,0)+1,1)*INDEX($D$3:$AA$30,INDEX(Jesper!$R$2:$R$366,ROW(INDEX(Jesper!AL$2:AL$366,ROUNDDOWN($C8044/24,0)+1,1))-1)+IF('Standard Profiles'!$G$22=$B$10,7,0)+IF('Standard Profiles'!$G$22=$B$17,14,0)+IF('Standard Profiles'!$G$22=$B$24,21,0),MOD($C8044,24)+1)/SUM(INDEX($D$3:$AA$30,INDEX(Jesper!$R$2:$R$366,ROW(INDEX(Jesper!AL$2:AL$366,ROUNDDOWN($C8044/24,0)+1,1))-1)+IF('Standard Profiles'!$G$22=$B$10,7,0)+IF('Standard Profiles'!$G$22=$B$17,14,0)+IF('Standard Profiles'!$G$22=$B$24,21,0),0)),0)</f>
        <v>0</v>
      </c>
      <c r="I8044">
        <f t="shared" si="895"/>
        <v>5.7322622344942671</v>
      </c>
      <c r="J8044">
        <f t="shared" si="896"/>
        <v>19.877910799634286</v>
      </c>
      <c r="K8044">
        <f t="shared" si="897"/>
        <v>0.67533917751891459</v>
      </c>
      <c r="L8044">
        <f t="shared" si="898"/>
        <v>0.3376695887594573</v>
      </c>
      <c r="M8044">
        <f t="shared" si="899"/>
        <v>0</v>
      </c>
      <c r="N8044" s="45">
        <f t="shared" si="900"/>
        <v>45260.749999980573</v>
      </c>
    </row>
    <row r="8045" spans="2:14" x14ac:dyDescent="0.25">
      <c r="B8045">
        <f t="shared" si="894"/>
        <v>4</v>
      </c>
      <c r="C8045" s="16">
        <v>8011</v>
      </c>
      <c r="D8045" cm="1">
        <f t="array" ref="D8045">IFERROR(INDEX(Jesper!AH$2:AH$366,ROUNDDOWN($C8045/24,0)+1,1)*INDEX($D$3:$AA$30,INDEX(Jesper!$R$2:$R$366,ROW(INDEX(Jesper!AH$2:AH$366,ROUNDDOWN($C8045/24,0)+1,1))-1)+IF('Standard Profiles'!$G$18=$B$10,7,0)+IF('Standard Profiles'!$G$18=$B$17,14,0)+IF('Standard Profiles'!$G$18=$B$24,21,0),MOD($C8045,24)+1)/SUM(INDEX($D$3:$AA$30,INDEX(Jesper!$R$2:$R$366,ROW(INDEX(Jesper!AH$2:AH$366,ROUNDDOWN($C8045/24,0)+1,1))-1)+IF('Standard Profiles'!$G$18=$B$10,7,0)+IF('Standard Profiles'!$G$18=$B$17,14,0)+IF('Standard Profiles'!$G$18=$B$24,21,0),0)),0)</f>
        <v>6.331304789239824</v>
      </c>
      <c r="E8045" cm="1">
        <f t="array" ref="E8045">IFERROR(INDEX(Jesper!AI$2:AI$366,ROUNDDOWN($C8045/24,0)+1,1)*INDEX($D$3:$AA$30,INDEX(Jesper!$R$2:$R$366,ROW(INDEX(Jesper!AI$2:AI$366,ROUNDDOWN($C8045/24,0)+1,1))-1)+IF('Standard Profiles'!$G$19=$B$10,7,0)+IF('Standard Profiles'!$G$19=$B$17,14,0)+IF('Standard Profiles'!$G$19=$B$24,21,0),MOD($C8045,24)+1)/SUM(INDEX($D$3:$AA$30,INDEX(Jesper!$R$2:$R$366,ROW(INDEX(Jesper!AI$2:AI$366,ROUNDDOWN($C8045/24,0)+1,1))-1)+IF('Standard Profiles'!$G$19=$B$10,7,0)+IF('Standard Profiles'!$G$19=$B$17,14,0)+IF('Standard Profiles'!$G$19=$B$24,21,0),0)),0)</f>
        <v>8.3496640226373735</v>
      </c>
      <c r="F8045" cm="1">
        <f t="array" ref="F8045">IFERROR(INDEX(Jesper!AJ$2:AJ$366,ROUNDDOWN($C8045/24,0)+1,1)*INDEX($D$3:$AA$30,INDEX(Jesper!$R$2:$R$366,ROW(INDEX(Jesper!AJ$2:AJ$366,ROUNDDOWN($C8045/24,0)+1,1))-1)+IF('Standard Profiles'!$G$20=$B$10,7,0)+IF('Standard Profiles'!$G$20=$B$17,14,0)+IF('Standard Profiles'!$G$20=$B$24,21,0),MOD($C8045,24)+1)/SUM(INDEX($D$3:$AA$30,INDEX(Jesper!$R$2:$R$366,ROW(INDEX(Jesper!AJ$2:AJ$366,ROUNDDOWN($C8045/24,0)+1,1))-1)+IF('Standard Profiles'!$G$20=$B$10,7,0)+IF('Standard Profiles'!$G$20=$B$17,14,0)+IF('Standard Profiles'!$G$20=$B$24,21,0),0)),0)</f>
        <v>0</v>
      </c>
      <c r="G8045" cm="1">
        <f t="array" ref="G8045">IFERROR(INDEX(Jesper!AK$2:AK$366,ROUNDDOWN($C8045/24,0)+1,1)*INDEX($D$3:$AA$30,INDEX(Jesper!$R$2:$R$366,ROW(INDEX(Jesper!AK$2:AK$366,ROUNDDOWN($C8045/24,0)+1,1))-1)+IF('Standard Profiles'!$G$21=$B$10,7,0)+IF('Standard Profiles'!$G$21=$B$17,14,0)+IF('Standard Profiles'!$G$21=$B$24,21,0),MOD($C8045,24)+1)/SUM(INDEX($D$3:$AA$30,INDEX(Jesper!$R$2:$R$366,ROW(INDEX(Jesper!AK$2:AK$366,ROUNDDOWN($C8045/24,0)+1,1))-1)+IF('Standard Profiles'!$G$21=$B$10,7,0)+IF('Standard Profiles'!$G$21=$B$17,14,0)+IF('Standard Profiles'!$G$21=$B$24,21,0),0)),0)</f>
        <v>11.942212988529729</v>
      </c>
      <c r="H8045" cm="1">
        <f t="array" ref="H8045">IFERROR(INDEX(Jesper!AL$2:AL$366,ROUNDDOWN($C8045/24,0)+1,1)*INDEX($D$3:$AA$30,INDEX(Jesper!$R$2:$R$366,ROW(INDEX(Jesper!AL$2:AL$366,ROUNDDOWN($C8045/24,0)+1,1))-1)+IF('Standard Profiles'!$G$22=$B$10,7,0)+IF('Standard Profiles'!$G$22=$B$17,14,0)+IF('Standard Profiles'!$G$22=$B$24,21,0),MOD($C8045,24)+1)/SUM(INDEX($D$3:$AA$30,INDEX(Jesper!$R$2:$R$366,ROW(INDEX(Jesper!AL$2:AL$366,ROUNDDOWN($C8045/24,0)+1,1))-1)+IF('Standard Profiles'!$G$22=$B$10,7,0)+IF('Standard Profiles'!$G$22=$B$17,14,0)+IF('Standard Profiles'!$G$22=$B$24,21,0),0)),0)</f>
        <v>0</v>
      </c>
      <c r="I8045">
        <f t="shared" si="895"/>
        <v>5.7322622344942671</v>
      </c>
      <c r="J8045">
        <f t="shared" si="896"/>
        <v>19.877910799634286</v>
      </c>
      <c r="K8045">
        <f t="shared" si="897"/>
        <v>0.67533917751891459</v>
      </c>
      <c r="L8045">
        <f t="shared" si="898"/>
        <v>0.3376695887594573</v>
      </c>
      <c r="M8045">
        <f t="shared" si="899"/>
        <v>0</v>
      </c>
      <c r="N8045" s="45">
        <f t="shared" si="900"/>
        <v>45260.791666647237</v>
      </c>
    </row>
    <row r="8046" spans="2:14" x14ac:dyDescent="0.25">
      <c r="B8046">
        <f t="shared" si="894"/>
        <v>4</v>
      </c>
      <c r="C8046" s="16">
        <v>8012</v>
      </c>
      <c r="D8046" cm="1">
        <f t="array" ref="D8046">IFERROR(INDEX(Jesper!AH$2:AH$366,ROUNDDOWN($C8046/24,0)+1,1)*INDEX($D$3:$AA$30,INDEX(Jesper!$R$2:$R$366,ROW(INDEX(Jesper!AH$2:AH$366,ROUNDDOWN($C8046/24,0)+1,1))-1)+IF('Standard Profiles'!$G$18=$B$10,7,0)+IF('Standard Profiles'!$G$18=$B$17,14,0)+IF('Standard Profiles'!$G$18=$B$24,21,0),MOD($C8046,24)+1)/SUM(INDEX($D$3:$AA$30,INDEX(Jesper!$R$2:$R$366,ROW(INDEX(Jesper!AH$2:AH$366,ROUNDDOWN($C8046/24,0)+1,1))-1)+IF('Standard Profiles'!$G$18=$B$10,7,0)+IF('Standard Profiles'!$G$18=$B$17,14,0)+IF('Standard Profiles'!$G$18=$B$24,21,0),0)),0)</f>
        <v>6.331304789239824</v>
      </c>
      <c r="E8046" cm="1">
        <f t="array" ref="E8046">IFERROR(INDEX(Jesper!AI$2:AI$366,ROUNDDOWN($C8046/24,0)+1,1)*INDEX($D$3:$AA$30,INDEX(Jesper!$R$2:$R$366,ROW(INDEX(Jesper!AI$2:AI$366,ROUNDDOWN($C8046/24,0)+1,1))-1)+IF('Standard Profiles'!$G$19=$B$10,7,0)+IF('Standard Profiles'!$G$19=$B$17,14,0)+IF('Standard Profiles'!$G$19=$B$24,21,0),MOD($C8046,24)+1)/SUM(INDEX($D$3:$AA$30,INDEX(Jesper!$R$2:$R$366,ROW(INDEX(Jesper!AI$2:AI$366,ROUNDDOWN($C8046/24,0)+1,1))-1)+IF('Standard Profiles'!$G$19=$B$10,7,0)+IF('Standard Profiles'!$G$19=$B$17,14,0)+IF('Standard Profiles'!$G$19=$B$24,21,0),0)),0)</f>
        <v>8.3496640226373735</v>
      </c>
      <c r="F8046" cm="1">
        <f t="array" ref="F8046">IFERROR(INDEX(Jesper!AJ$2:AJ$366,ROUNDDOWN($C8046/24,0)+1,1)*INDEX($D$3:$AA$30,INDEX(Jesper!$R$2:$R$366,ROW(INDEX(Jesper!AJ$2:AJ$366,ROUNDDOWN($C8046/24,0)+1,1))-1)+IF('Standard Profiles'!$G$20=$B$10,7,0)+IF('Standard Profiles'!$G$20=$B$17,14,0)+IF('Standard Profiles'!$G$20=$B$24,21,0),MOD($C8046,24)+1)/SUM(INDEX($D$3:$AA$30,INDEX(Jesper!$R$2:$R$366,ROW(INDEX(Jesper!AJ$2:AJ$366,ROUNDDOWN($C8046/24,0)+1,1))-1)+IF('Standard Profiles'!$G$20=$B$10,7,0)+IF('Standard Profiles'!$G$20=$B$17,14,0)+IF('Standard Profiles'!$G$20=$B$24,21,0),0)),0)</f>
        <v>0</v>
      </c>
      <c r="G8046" cm="1">
        <f t="array" ref="G8046">IFERROR(INDEX(Jesper!AK$2:AK$366,ROUNDDOWN($C8046/24,0)+1,1)*INDEX($D$3:$AA$30,INDEX(Jesper!$R$2:$R$366,ROW(INDEX(Jesper!AK$2:AK$366,ROUNDDOWN($C8046/24,0)+1,1))-1)+IF('Standard Profiles'!$G$21=$B$10,7,0)+IF('Standard Profiles'!$G$21=$B$17,14,0)+IF('Standard Profiles'!$G$21=$B$24,21,0),MOD($C8046,24)+1)/SUM(INDEX($D$3:$AA$30,INDEX(Jesper!$R$2:$R$366,ROW(INDEX(Jesper!AK$2:AK$366,ROUNDDOWN($C8046/24,0)+1,1))-1)+IF('Standard Profiles'!$G$21=$B$10,7,0)+IF('Standard Profiles'!$G$21=$B$17,14,0)+IF('Standard Profiles'!$G$21=$B$24,21,0),0)),0)</f>
        <v>11.942212988529729</v>
      </c>
      <c r="H8046" cm="1">
        <f t="array" ref="H8046">IFERROR(INDEX(Jesper!AL$2:AL$366,ROUNDDOWN($C8046/24,0)+1,1)*INDEX($D$3:$AA$30,INDEX(Jesper!$R$2:$R$366,ROW(INDEX(Jesper!AL$2:AL$366,ROUNDDOWN($C8046/24,0)+1,1))-1)+IF('Standard Profiles'!$G$22=$B$10,7,0)+IF('Standard Profiles'!$G$22=$B$17,14,0)+IF('Standard Profiles'!$G$22=$B$24,21,0),MOD($C8046,24)+1)/SUM(INDEX($D$3:$AA$30,INDEX(Jesper!$R$2:$R$366,ROW(INDEX(Jesper!AL$2:AL$366,ROUNDDOWN($C8046/24,0)+1,1))-1)+IF('Standard Profiles'!$G$22=$B$10,7,0)+IF('Standard Profiles'!$G$22=$B$17,14,0)+IF('Standard Profiles'!$G$22=$B$24,21,0),0)),0)</f>
        <v>0</v>
      </c>
      <c r="I8046">
        <f t="shared" si="895"/>
        <v>5.7322622344942671</v>
      </c>
      <c r="J8046">
        <f t="shared" si="896"/>
        <v>19.877910799634286</v>
      </c>
      <c r="K8046">
        <f t="shared" si="897"/>
        <v>0.67533917751891459</v>
      </c>
      <c r="L8046">
        <f t="shared" si="898"/>
        <v>0.3376695887594573</v>
      </c>
      <c r="M8046">
        <f t="shared" si="899"/>
        <v>0</v>
      </c>
      <c r="N8046" s="45">
        <f t="shared" si="900"/>
        <v>45260.833333313902</v>
      </c>
    </row>
    <row r="8047" spans="2:14" x14ac:dyDescent="0.25">
      <c r="B8047">
        <f t="shared" si="894"/>
        <v>4</v>
      </c>
      <c r="C8047" s="16">
        <v>8013</v>
      </c>
      <c r="D8047" cm="1">
        <f t="array" ref="D8047">IFERROR(INDEX(Jesper!AH$2:AH$366,ROUNDDOWN($C8047/24,0)+1,1)*INDEX($D$3:$AA$30,INDEX(Jesper!$R$2:$R$366,ROW(INDEX(Jesper!AH$2:AH$366,ROUNDDOWN($C8047/24,0)+1,1))-1)+IF('Standard Profiles'!$G$18=$B$10,7,0)+IF('Standard Profiles'!$G$18=$B$17,14,0)+IF('Standard Profiles'!$G$18=$B$24,21,0),MOD($C8047,24)+1)/SUM(INDEX($D$3:$AA$30,INDEX(Jesper!$R$2:$R$366,ROW(INDEX(Jesper!AH$2:AH$366,ROUNDDOWN($C8047/24,0)+1,1))-1)+IF('Standard Profiles'!$G$18=$B$10,7,0)+IF('Standard Profiles'!$G$18=$B$17,14,0)+IF('Standard Profiles'!$G$18=$B$24,21,0),0)),0)</f>
        <v>6.331304789239824</v>
      </c>
      <c r="E8047" cm="1">
        <f t="array" ref="E8047">IFERROR(INDEX(Jesper!AI$2:AI$366,ROUNDDOWN($C8047/24,0)+1,1)*INDEX($D$3:$AA$30,INDEX(Jesper!$R$2:$R$366,ROW(INDEX(Jesper!AI$2:AI$366,ROUNDDOWN($C8047/24,0)+1,1))-1)+IF('Standard Profiles'!$G$19=$B$10,7,0)+IF('Standard Profiles'!$G$19=$B$17,14,0)+IF('Standard Profiles'!$G$19=$B$24,21,0),MOD($C8047,24)+1)/SUM(INDEX($D$3:$AA$30,INDEX(Jesper!$R$2:$R$366,ROW(INDEX(Jesper!AI$2:AI$366,ROUNDDOWN($C8047/24,0)+1,1))-1)+IF('Standard Profiles'!$G$19=$B$10,7,0)+IF('Standard Profiles'!$G$19=$B$17,14,0)+IF('Standard Profiles'!$G$19=$B$24,21,0),0)),0)</f>
        <v>8.3496640226373735</v>
      </c>
      <c r="F8047" cm="1">
        <f t="array" ref="F8047">IFERROR(INDEX(Jesper!AJ$2:AJ$366,ROUNDDOWN($C8047/24,0)+1,1)*INDEX($D$3:$AA$30,INDEX(Jesper!$R$2:$R$366,ROW(INDEX(Jesper!AJ$2:AJ$366,ROUNDDOWN($C8047/24,0)+1,1))-1)+IF('Standard Profiles'!$G$20=$B$10,7,0)+IF('Standard Profiles'!$G$20=$B$17,14,0)+IF('Standard Profiles'!$G$20=$B$24,21,0),MOD($C8047,24)+1)/SUM(INDEX($D$3:$AA$30,INDEX(Jesper!$R$2:$R$366,ROW(INDEX(Jesper!AJ$2:AJ$366,ROUNDDOWN($C8047/24,0)+1,1))-1)+IF('Standard Profiles'!$G$20=$B$10,7,0)+IF('Standard Profiles'!$G$20=$B$17,14,0)+IF('Standard Profiles'!$G$20=$B$24,21,0),0)),0)</f>
        <v>0</v>
      </c>
      <c r="G8047" cm="1">
        <f t="array" ref="G8047">IFERROR(INDEX(Jesper!AK$2:AK$366,ROUNDDOWN($C8047/24,0)+1,1)*INDEX($D$3:$AA$30,INDEX(Jesper!$R$2:$R$366,ROW(INDEX(Jesper!AK$2:AK$366,ROUNDDOWN($C8047/24,0)+1,1))-1)+IF('Standard Profiles'!$G$21=$B$10,7,0)+IF('Standard Profiles'!$G$21=$B$17,14,0)+IF('Standard Profiles'!$G$21=$B$24,21,0),MOD($C8047,24)+1)/SUM(INDEX($D$3:$AA$30,INDEX(Jesper!$R$2:$R$366,ROW(INDEX(Jesper!AK$2:AK$366,ROUNDDOWN($C8047/24,0)+1,1))-1)+IF('Standard Profiles'!$G$21=$B$10,7,0)+IF('Standard Profiles'!$G$21=$B$17,14,0)+IF('Standard Profiles'!$G$21=$B$24,21,0),0)),0)</f>
        <v>11.942212988529729</v>
      </c>
      <c r="H8047" cm="1">
        <f t="array" ref="H8047">IFERROR(INDEX(Jesper!AL$2:AL$366,ROUNDDOWN($C8047/24,0)+1,1)*INDEX($D$3:$AA$30,INDEX(Jesper!$R$2:$R$366,ROW(INDEX(Jesper!AL$2:AL$366,ROUNDDOWN($C8047/24,0)+1,1))-1)+IF('Standard Profiles'!$G$22=$B$10,7,0)+IF('Standard Profiles'!$G$22=$B$17,14,0)+IF('Standard Profiles'!$G$22=$B$24,21,0),MOD($C8047,24)+1)/SUM(INDEX($D$3:$AA$30,INDEX(Jesper!$R$2:$R$366,ROW(INDEX(Jesper!AL$2:AL$366,ROUNDDOWN($C8047/24,0)+1,1))-1)+IF('Standard Profiles'!$G$22=$B$10,7,0)+IF('Standard Profiles'!$G$22=$B$17,14,0)+IF('Standard Profiles'!$G$22=$B$24,21,0),0)),0)</f>
        <v>0</v>
      </c>
      <c r="I8047">
        <f t="shared" si="895"/>
        <v>5.7322622344942671</v>
      </c>
      <c r="J8047">
        <f t="shared" si="896"/>
        <v>19.877910799634286</v>
      </c>
      <c r="K8047">
        <f t="shared" si="897"/>
        <v>0.67533917751891459</v>
      </c>
      <c r="L8047">
        <f t="shared" si="898"/>
        <v>0.3376695887594573</v>
      </c>
      <c r="M8047">
        <f t="shared" si="899"/>
        <v>0</v>
      </c>
      <c r="N8047" s="45">
        <f t="shared" si="900"/>
        <v>45260.874999980566</v>
      </c>
    </row>
    <row r="8048" spans="2:14" x14ac:dyDescent="0.25">
      <c r="B8048">
        <f t="shared" si="894"/>
        <v>4</v>
      </c>
      <c r="C8048" s="16">
        <v>8014</v>
      </c>
      <c r="D8048" cm="1">
        <f t="array" ref="D8048">IFERROR(INDEX(Jesper!AH$2:AH$366,ROUNDDOWN($C8048/24,0)+1,1)*INDEX($D$3:$AA$30,INDEX(Jesper!$R$2:$R$366,ROW(INDEX(Jesper!AH$2:AH$366,ROUNDDOWN($C8048/24,0)+1,1))-1)+IF('Standard Profiles'!$G$18=$B$10,7,0)+IF('Standard Profiles'!$G$18=$B$17,14,0)+IF('Standard Profiles'!$G$18=$B$24,21,0),MOD($C8048,24)+1)/SUM(INDEX($D$3:$AA$30,INDEX(Jesper!$R$2:$R$366,ROW(INDEX(Jesper!AH$2:AH$366,ROUNDDOWN($C8048/24,0)+1,1))-1)+IF('Standard Profiles'!$G$18=$B$10,7,0)+IF('Standard Profiles'!$G$18=$B$17,14,0)+IF('Standard Profiles'!$G$18=$B$24,21,0),0)),0)</f>
        <v>6.331304789239824</v>
      </c>
      <c r="E8048" cm="1">
        <f t="array" ref="E8048">IFERROR(INDEX(Jesper!AI$2:AI$366,ROUNDDOWN($C8048/24,0)+1,1)*INDEX($D$3:$AA$30,INDEX(Jesper!$R$2:$R$366,ROW(INDEX(Jesper!AI$2:AI$366,ROUNDDOWN($C8048/24,0)+1,1))-1)+IF('Standard Profiles'!$G$19=$B$10,7,0)+IF('Standard Profiles'!$G$19=$B$17,14,0)+IF('Standard Profiles'!$G$19=$B$24,21,0),MOD($C8048,24)+1)/SUM(INDEX($D$3:$AA$30,INDEX(Jesper!$R$2:$R$366,ROW(INDEX(Jesper!AI$2:AI$366,ROUNDDOWN($C8048/24,0)+1,1))-1)+IF('Standard Profiles'!$G$19=$B$10,7,0)+IF('Standard Profiles'!$G$19=$B$17,14,0)+IF('Standard Profiles'!$G$19=$B$24,21,0),0)),0)</f>
        <v>8.3496640226373735</v>
      </c>
      <c r="F8048" cm="1">
        <f t="array" ref="F8048">IFERROR(INDEX(Jesper!AJ$2:AJ$366,ROUNDDOWN($C8048/24,0)+1,1)*INDEX($D$3:$AA$30,INDEX(Jesper!$R$2:$R$366,ROW(INDEX(Jesper!AJ$2:AJ$366,ROUNDDOWN($C8048/24,0)+1,1))-1)+IF('Standard Profiles'!$G$20=$B$10,7,0)+IF('Standard Profiles'!$G$20=$B$17,14,0)+IF('Standard Profiles'!$G$20=$B$24,21,0),MOD($C8048,24)+1)/SUM(INDEX($D$3:$AA$30,INDEX(Jesper!$R$2:$R$366,ROW(INDEX(Jesper!AJ$2:AJ$366,ROUNDDOWN($C8048/24,0)+1,1))-1)+IF('Standard Profiles'!$G$20=$B$10,7,0)+IF('Standard Profiles'!$G$20=$B$17,14,0)+IF('Standard Profiles'!$G$20=$B$24,21,0),0)),0)</f>
        <v>0</v>
      </c>
      <c r="G8048" cm="1">
        <f t="array" ref="G8048">IFERROR(INDEX(Jesper!AK$2:AK$366,ROUNDDOWN($C8048/24,0)+1,1)*INDEX($D$3:$AA$30,INDEX(Jesper!$R$2:$R$366,ROW(INDEX(Jesper!AK$2:AK$366,ROUNDDOWN($C8048/24,0)+1,1))-1)+IF('Standard Profiles'!$G$21=$B$10,7,0)+IF('Standard Profiles'!$G$21=$B$17,14,0)+IF('Standard Profiles'!$G$21=$B$24,21,0),MOD($C8048,24)+1)/SUM(INDEX($D$3:$AA$30,INDEX(Jesper!$R$2:$R$366,ROW(INDEX(Jesper!AK$2:AK$366,ROUNDDOWN($C8048/24,0)+1,1))-1)+IF('Standard Profiles'!$G$21=$B$10,7,0)+IF('Standard Profiles'!$G$21=$B$17,14,0)+IF('Standard Profiles'!$G$21=$B$24,21,0),0)),0)</f>
        <v>11.942212988529729</v>
      </c>
      <c r="H8048" cm="1">
        <f t="array" ref="H8048">IFERROR(INDEX(Jesper!AL$2:AL$366,ROUNDDOWN($C8048/24,0)+1,1)*INDEX($D$3:$AA$30,INDEX(Jesper!$R$2:$R$366,ROW(INDEX(Jesper!AL$2:AL$366,ROUNDDOWN($C8048/24,0)+1,1))-1)+IF('Standard Profiles'!$G$22=$B$10,7,0)+IF('Standard Profiles'!$G$22=$B$17,14,0)+IF('Standard Profiles'!$G$22=$B$24,21,0),MOD($C8048,24)+1)/SUM(INDEX($D$3:$AA$30,INDEX(Jesper!$R$2:$R$366,ROW(INDEX(Jesper!AL$2:AL$366,ROUNDDOWN($C8048/24,0)+1,1))-1)+IF('Standard Profiles'!$G$22=$B$10,7,0)+IF('Standard Profiles'!$G$22=$B$17,14,0)+IF('Standard Profiles'!$G$22=$B$24,21,0),0)),0)</f>
        <v>0</v>
      </c>
      <c r="I8048">
        <f t="shared" si="895"/>
        <v>5.7322622344942671</v>
      </c>
      <c r="J8048">
        <f t="shared" si="896"/>
        <v>19.877910799634286</v>
      </c>
      <c r="K8048">
        <f t="shared" si="897"/>
        <v>0.67533917751891459</v>
      </c>
      <c r="L8048">
        <f t="shared" si="898"/>
        <v>0.3376695887594573</v>
      </c>
      <c r="M8048">
        <f t="shared" si="899"/>
        <v>0</v>
      </c>
      <c r="N8048" s="45">
        <f t="shared" si="900"/>
        <v>45260.91666664723</v>
      </c>
    </row>
    <row r="8049" spans="2:14" x14ac:dyDescent="0.25">
      <c r="B8049">
        <f t="shared" si="894"/>
        <v>4</v>
      </c>
      <c r="C8049" s="16">
        <v>8015</v>
      </c>
      <c r="D8049" cm="1">
        <f t="array" ref="D8049">IFERROR(INDEX(Jesper!AH$2:AH$366,ROUNDDOWN($C8049/24,0)+1,1)*INDEX($D$3:$AA$30,INDEX(Jesper!$R$2:$R$366,ROW(INDEX(Jesper!AH$2:AH$366,ROUNDDOWN($C8049/24,0)+1,1))-1)+IF('Standard Profiles'!$G$18=$B$10,7,0)+IF('Standard Profiles'!$G$18=$B$17,14,0)+IF('Standard Profiles'!$G$18=$B$24,21,0),MOD($C8049,24)+1)/SUM(INDEX($D$3:$AA$30,INDEX(Jesper!$R$2:$R$366,ROW(INDEX(Jesper!AH$2:AH$366,ROUNDDOWN($C8049/24,0)+1,1))-1)+IF('Standard Profiles'!$G$18=$B$10,7,0)+IF('Standard Profiles'!$G$18=$B$17,14,0)+IF('Standard Profiles'!$G$18=$B$24,21,0),0)),0)</f>
        <v>6.331304789239824</v>
      </c>
      <c r="E8049" cm="1">
        <f t="array" ref="E8049">IFERROR(INDEX(Jesper!AI$2:AI$366,ROUNDDOWN($C8049/24,0)+1,1)*INDEX($D$3:$AA$30,INDEX(Jesper!$R$2:$R$366,ROW(INDEX(Jesper!AI$2:AI$366,ROUNDDOWN($C8049/24,0)+1,1))-1)+IF('Standard Profiles'!$G$19=$B$10,7,0)+IF('Standard Profiles'!$G$19=$B$17,14,0)+IF('Standard Profiles'!$G$19=$B$24,21,0),MOD($C8049,24)+1)/SUM(INDEX($D$3:$AA$30,INDEX(Jesper!$R$2:$R$366,ROW(INDEX(Jesper!AI$2:AI$366,ROUNDDOWN($C8049/24,0)+1,1))-1)+IF('Standard Profiles'!$G$19=$B$10,7,0)+IF('Standard Profiles'!$G$19=$B$17,14,0)+IF('Standard Profiles'!$G$19=$B$24,21,0),0)),0)</f>
        <v>8.3496640226373735</v>
      </c>
      <c r="F8049" cm="1">
        <f t="array" ref="F8049">IFERROR(INDEX(Jesper!AJ$2:AJ$366,ROUNDDOWN($C8049/24,0)+1,1)*INDEX($D$3:$AA$30,INDEX(Jesper!$R$2:$R$366,ROW(INDEX(Jesper!AJ$2:AJ$366,ROUNDDOWN($C8049/24,0)+1,1))-1)+IF('Standard Profiles'!$G$20=$B$10,7,0)+IF('Standard Profiles'!$G$20=$B$17,14,0)+IF('Standard Profiles'!$G$20=$B$24,21,0),MOD($C8049,24)+1)/SUM(INDEX($D$3:$AA$30,INDEX(Jesper!$R$2:$R$366,ROW(INDEX(Jesper!AJ$2:AJ$366,ROUNDDOWN($C8049/24,0)+1,1))-1)+IF('Standard Profiles'!$G$20=$B$10,7,0)+IF('Standard Profiles'!$G$20=$B$17,14,0)+IF('Standard Profiles'!$G$20=$B$24,21,0),0)),0)</f>
        <v>0</v>
      </c>
      <c r="G8049" cm="1">
        <f t="array" ref="G8049">IFERROR(INDEX(Jesper!AK$2:AK$366,ROUNDDOWN($C8049/24,0)+1,1)*INDEX($D$3:$AA$30,INDEX(Jesper!$R$2:$R$366,ROW(INDEX(Jesper!AK$2:AK$366,ROUNDDOWN($C8049/24,0)+1,1))-1)+IF('Standard Profiles'!$G$21=$B$10,7,0)+IF('Standard Profiles'!$G$21=$B$17,14,0)+IF('Standard Profiles'!$G$21=$B$24,21,0),MOD($C8049,24)+1)/SUM(INDEX($D$3:$AA$30,INDEX(Jesper!$R$2:$R$366,ROW(INDEX(Jesper!AK$2:AK$366,ROUNDDOWN($C8049/24,0)+1,1))-1)+IF('Standard Profiles'!$G$21=$B$10,7,0)+IF('Standard Profiles'!$G$21=$B$17,14,0)+IF('Standard Profiles'!$G$21=$B$24,21,0),0)),0)</f>
        <v>11.942212988529729</v>
      </c>
      <c r="H8049" cm="1">
        <f t="array" ref="H8049">IFERROR(INDEX(Jesper!AL$2:AL$366,ROUNDDOWN($C8049/24,0)+1,1)*INDEX($D$3:$AA$30,INDEX(Jesper!$R$2:$R$366,ROW(INDEX(Jesper!AL$2:AL$366,ROUNDDOWN($C8049/24,0)+1,1))-1)+IF('Standard Profiles'!$G$22=$B$10,7,0)+IF('Standard Profiles'!$G$22=$B$17,14,0)+IF('Standard Profiles'!$G$22=$B$24,21,0),MOD($C8049,24)+1)/SUM(INDEX($D$3:$AA$30,INDEX(Jesper!$R$2:$R$366,ROW(INDEX(Jesper!AL$2:AL$366,ROUNDDOWN($C8049/24,0)+1,1))-1)+IF('Standard Profiles'!$G$22=$B$10,7,0)+IF('Standard Profiles'!$G$22=$B$17,14,0)+IF('Standard Profiles'!$G$22=$B$24,21,0),0)),0)</f>
        <v>0</v>
      </c>
      <c r="I8049">
        <f t="shared" si="895"/>
        <v>5.7322622344942671</v>
      </c>
      <c r="J8049">
        <f t="shared" si="896"/>
        <v>19.877910799634286</v>
      </c>
      <c r="K8049">
        <f t="shared" si="897"/>
        <v>0.67533917751891459</v>
      </c>
      <c r="L8049">
        <f t="shared" si="898"/>
        <v>0.3376695887594573</v>
      </c>
      <c r="M8049">
        <f t="shared" si="899"/>
        <v>0</v>
      </c>
      <c r="N8049" s="45">
        <f t="shared" si="900"/>
        <v>45260.958333313894</v>
      </c>
    </row>
    <row r="8050" spans="2:14" x14ac:dyDescent="0.25">
      <c r="B8050">
        <f t="shared" si="894"/>
        <v>5</v>
      </c>
      <c r="C8050" s="16">
        <v>8016</v>
      </c>
      <c r="D8050" cm="1">
        <f t="array" ref="D8050">IFERROR(INDEX(Jesper!AH$2:AH$366,ROUNDDOWN($C8050/24,0)+1,1)*INDEX($D$3:$AA$30,INDEX(Jesper!$R$2:$R$366,ROW(INDEX(Jesper!AH$2:AH$366,ROUNDDOWN($C8050/24,0)+1,1))-1)+IF('Standard Profiles'!$G$18=$B$10,7,0)+IF('Standard Profiles'!$G$18=$B$17,14,0)+IF('Standard Profiles'!$G$18=$B$24,21,0),MOD($C8050,24)+1)/SUM(INDEX($D$3:$AA$30,INDEX(Jesper!$R$2:$R$366,ROW(INDEX(Jesper!AH$2:AH$366,ROUNDDOWN($C8050/24,0)+1,1))-1)+IF('Standard Profiles'!$G$18=$B$10,7,0)+IF('Standard Profiles'!$G$18=$B$17,14,0)+IF('Standard Profiles'!$G$18=$B$24,21,0),0)),0)</f>
        <v>9.5942090785475145</v>
      </c>
      <c r="E8050" cm="1">
        <f t="array" ref="E8050">IFERROR(INDEX(Jesper!AI$2:AI$366,ROUNDDOWN($C8050/24,0)+1,1)*INDEX($D$3:$AA$30,INDEX(Jesper!$R$2:$R$366,ROW(INDEX(Jesper!AI$2:AI$366,ROUNDDOWN($C8050/24,0)+1,1))-1)+IF('Standard Profiles'!$G$19=$B$10,7,0)+IF('Standard Profiles'!$G$19=$B$17,14,0)+IF('Standard Profiles'!$G$19=$B$24,21,0),MOD($C8050,24)+1)/SUM(INDEX($D$3:$AA$30,INDEX(Jesper!$R$2:$R$366,ROW(INDEX(Jesper!AI$2:AI$366,ROUNDDOWN($C8050/24,0)+1,1))-1)+IF('Standard Profiles'!$G$19=$B$10,7,0)+IF('Standard Profiles'!$G$19=$B$17,14,0)+IF('Standard Profiles'!$G$19=$B$24,21,0),0)),0)</f>
        <v>12.44433922639252</v>
      </c>
      <c r="F8050" cm="1">
        <f t="array" ref="F8050">IFERROR(INDEX(Jesper!AJ$2:AJ$366,ROUNDDOWN($C8050/24,0)+1,1)*INDEX($D$3:$AA$30,INDEX(Jesper!$R$2:$R$366,ROW(INDEX(Jesper!AJ$2:AJ$366,ROUNDDOWN($C8050/24,0)+1,1))-1)+IF('Standard Profiles'!$G$20=$B$10,7,0)+IF('Standard Profiles'!$G$20=$B$17,14,0)+IF('Standard Profiles'!$G$20=$B$24,21,0),MOD($C8050,24)+1)/SUM(INDEX($D$3:$AA$30,INDEX(Jesper!$R$2:$R$366,ROW(INDEX(Jesper!AJ$2:AJ$366,ROUNDDOWN($C8050/24,0)+1,1))-1)+IF('Standard Profiles'!$G$20=$B$10,7,0)+IF('Standard Profiles'!$G$20=$B$17,14,0)+IF('Standard Profiles'!$G$20=$B$24,21,0),0)),0)</f>
        <v>0</v>
      </c>
      <c r="G8050" cm="1">
        <f t="array" ref="G8050">IFERROR(INDEX(Jesper!AK$2:AK$366,ROUNDDOWN($C8050/24,0)+1,1)*INDEX($D$3:$AA$30,INDEX(Jesper!$R$2:$R$366,ROW(INDEX(Jesper!AK$2:AK$366,ROUNDDOWN($C8050/24,0)+1,1))-1)+IF('Standard Profiles'!$G$21=$B$10,7,0)+IF('Standard Profiles'!$G$21=$B$17,14,0)+IF('Standard Profiles'!$G$21=$B$24,21,0),MOD($C8050,24)+1)/SUM(INDEX($D$3:$AA$30,INDEX(Jesper!$R$2:$R$366,ROW(INDEX(Jesper!AK$2:AK$366,ROUNDDOWN($C8050/24,0)+1,1))-1)+IF('Standard Profiles'!$G$21=$B$10,7,0)+IF('Standard Profiles'!$G$21=$B$17,14,0)+IF('Standard Profiles'!$G$21=$B$24,21,0),0)),0)</f>
        <v>11.005504171626526</v>
      </c>
      <c r="H8050" cm="1">
        <f t="array" ref="H8050">IFERROR(INDEX(Jesper!AL$2:AL$366,ROUNDDOWN($C8050/24,0)+1,1)*INDEX($D$3:$AA$30,INDEX(Jesper!$R$2:$R$366,ROW(INDEX(Jesper!AL$2:AL$366,ROUNDDOWN($C8050/24,0)+1,1))-1)+IF('Standard Profiles'!$G$22=$B$10,7,0)+IF('Standard Profiles'!$G$22=$B$17,14,0)+IF('Standard Profiles'!$G$22=$B$24,21,0),MOD($C8050,24)+1)/SUM(INDEX($D$3:$AA$30,INDEX(Jesper!$R$2:$R$366,ROW(INDEX(Jesper!AL$2:AL$366,ROUNDDOWN($C8050/24,0)+1,1))-1)+IF('Standard Profiles'!$G$22=$B$10,7,0)+IF('Standard Profiles'!$G$22=$B$17,14,0)+IF('Standard Profiles'!$G$22=$B$24,21,0),0)),0)</f>
        <v>0</v>
      </c>
      <c r="I8050">
        <f t="shared" si="895"/>
        <v>5.2826420023807303</v>
      </c>
      <c r="J8050">
        <f t="shared" si="896"/>
        <v>26.226337021618232</v>
      </c>
      <c r="K8050">
        <f t="shared" si="897"/>
        <v>1.0233823017117349</v>
      </c>
      <c r="L8050">
        <f t="shared" si="898"/>
        <v>0.51169115085586747</v>
      </c>
      <c r="M8050">
        <f t="shared" si="899"/>
        <v>0</v>
      </c>
      <c r="N8050" s="45">
        <f t="shared" si="900"/>
        <v>45260.999999980559</v>
      </c>
    </row>
    <row r="8051" spans="2:14" x14ac:dyDescent="0.25">
      <c r="B8051">
        <f t="shared" si="894"/>
        <v>5</v>
      </c>
      <c r="C8051" s="16">
        <v>8017</v>
      </c>
      <c r="D8051" cm="1">
        <f t="array" ref="D8051">IFERROR(INDEX(Jesper!AH$2:AH$366,ROUNDDOWN($C8051/24,0)+1,1)*INDEX($D$3:$AA$30,INDEX(Jesper!$R$2:$R$366,ROW(INDEX(Jesper!AH$2:AH$366,ROUNDDOWN($C8051/24,0)+1,1))-1)+IF('Standard Profiles'!$G$18=$B$10,7,0)+IF('Standard Profiles'!$G$18=$B$17,14,0)+IF('Standard Profiles'!$G$18=$B$24,21,0),MOD($C8051,24)+1)/SUM(INDEX($D$3:$AA$30,INDEX(Jesper!$R$2:$R$366,ROW(INDEX(Jesper!AH$2:AH$366,ROUNDDOWN($C8051/24,0)+1,1))-1)+IF('Standard Profiles'!$G$18=$B$10,7,0)+IF('Standard Profiles'!$G$18=$B$17,14,0)+IF('Standard Profiles'!$G$18=$B$24,21,0),0)),0)</f>
        <v>5.8146721688166751</v>
      </c>
      <c r="E8051" cm="1">
        <f t="array" ref="E8051">IFERROR(INDEX(Jesper!AI$2:AI$366,ROUNDDOWN($C8051/24,0)+1,1)*INDEX($D$3:$AA$30,INDEX(Jesper!$R$2:$R$366,ROW(INDEX(Jesper!AI$2:AI$366,ROUNDDOWN($C8051/24,0)+1,1))-1)+IF('Standard Profiles'!$G$19=$B$10,7,0)+IF('Standard Profiles'!$G$19=$B$17,14,0)+IF('Standard Profiles'!$G$19=$B$24,21,0),MOD($C8051,24)+1)/SUM(INDEX($D$3:$AA$30,INDEX(Jesper!$R$2:$R$366,ROW(INDEX(Jesper!AI$2:AI$366,ROUNDDOWN($C8051/24,0)+1,1))-1)+IF('Standard Profiles'!$G$19=$B$10,7,0)+IF('Standard Profiles'!$G$19=$B$17,14,0)+IF('Standard Profiles'!$G$19=$B$24,21,0),0)),0)</f>
        <v>7.5420237735712252</v>
      </c>
      <c r="F8051" cm="1">
        <f t="array" ref="F8051">IFERROR(INDEX(Jesper!AJ$2:AJ$366,ROUNDDOWN($C8051/24,0)+1,1)*INDEX($D$3:$AA$30,INDEX(Jesper!$R$2:$R$366,ROW(INDEX(Jesper!AJ$2:AJ$366,ROUNDDOWN($C8051/24,0)+1,1))-1)+IF('Standard Profiles'!$G$20=$B$10,7,0)+IF('Standard Profiles'!$G$20=$B$17,14,0)+IF('Standard Profiles'!$G$20=$B$24,21,0),MOD($C8051,24)+1)/SUM(INDEX($D$3:$AA$30,INDEX(Jesper!$R$2:$R$366,ROW(INDEX(Jesper!AJ$2:AJ$366,ROUNDDOWN($C8051/24,0)+1,1))-1)+IF('Standard Profiles'!$G$20=$B$10,7,0)+IF('Standard Profiles'!$G$20=$B$17,14,0)+IF('Standard Profiles'!$G$20=$B$24,21,0),0)),0)</f>
        <v>0</v>
      </c>
      <c r="G8051" cm="1">
        <f t="array" ref="G8051">IFERROR(INDEX(Jesper!AK$2:AK$366,ROUNDDOWN($C8051/24,0)+1,1)*INDEX($D$3:$AA$30,INDEX(Jesper!$R$2:$R$366,ROW(INDEX(Jesper!AK$2:AK$366,ROUNDDOWN($C8051/24,0)+1,1))-1)+IF('Standard Profiles'!$G$21=$B$10,7,0)+IF('Standard Profiles'!$G$21=$B$17,14,0)+IF('Standard Profiles'!$G$21=$B$24,21,0),MOD($C8051,24)+1)/SUM(INDEX($D$3:$AA$30,INDEX(Jesper!$R$2:$R$366,ROW(INDEX(Jesper!AK$2:AK$366,ROUNDDOWN($C8051/24,0)+1,1))-1)+IF('Standard Profiles'!$G$21=$B$10,7,0)+IF('Standard Profiles'!$G$21=$B$17,14,0)+IF('Standard Profiles'!$G$21=$B$24,21,0),0)),0)</f>
        <v>11.005504171626526</v>
      </c>
      <c r="H8051" cm="1">
        <f t="array" ref="H8051">IFERROR(INDEX(Jesper!AL$2:AL$366,ROUNDDOWN($C8051/24,0)+1,1)*INDEX($D$3:$AA$30,INDEX(Jesper!$R$2:$R$366,ROW(INDEX(Jesper!AL$2:AL$366,ROUNDDOWN($C8051/24,0)+1,1))-1)+IF('Standard Profiles'!$G$22=$B$10,7,0)+IF('Standard Profiles'!$G$22=$B$17,14,0)+IF('Standard Profiles'!$G$22=$B$24,21,0),MOD($C8051,24)+1)/SUM(INDEX($D$3:$AA$30,INDEX(Jesper!$R$2:$R$366,ROW(INDEX(Jesper!AL$2:AL$366,ROUNDDOWN($C8051/24,0)+1,1))-1)+IF('Standard Profiles'!$G$22=$B$10,7,0)+IF('Standard Profiles'!$G$22=$B$17,14,0)+IF('Standard Profiles'!$G$22=$B$24,21,0),0)),0)</f>
        <v>0</v>
      </c>
      <c r="I8051">
        <f t="shared" si="895"/>
        <v>5.2826420023807303</v>
      </c>
      <c r="J8051">
        <f t="shared" si="896"/>
        <v>18.149210564623029</v>
      </c>
      <c r="K8051">
        <f t="shared" si="897"/>
        <v>0.62023169800711209</v>
      </c>
      <c r="L8051">
        <f t="shared" si="898"/>
        <v>0.31011584900355604</v>
      </c>
      <c r="M8051">
        <f t="shared" si="899"/>
        <v>0</v>
      </c>
      <c r="N8051" s="45">
        <f t="shared" si="900"/>
        <v>45261.041666647223</v>
      </c>
    </row>
    <row r="8052" spans="2:14" x14ac:dyDescent="0.25">
      <c r="B8052">
        <f t="shared" si="894"/>
        <v>5</v>
      </c>
      <c r="C8052" s="16">
        <v>8018</v>
      </c>
      <c r="D8052" cm="1">
        <f t="array" ref="D8052">IFERROR(INDEX(Jesper!AH$2:AH$366,ROUNDDOWN($C8052/24,0)+1,1)*INDEX($D$3:$AA$30,INDEX(Jesper!$R$2:$R$366,ROW(INDEX(Jesper!AH$2:AH$366,ROUNDDOWN($C8052/24,0)+1,1))-1)+IF('Standard Profiles'!$G$18=$B$10,7,0)+IF('Standard Profiles'!$G$18=$B$17,14,0)+IF('Standard Profiles'!$G$18=$B$24,21,0),MOD($C8052,24)+1)/SUM(INDEX($D$3:$AA$30,INDEX(Jesper!$R$2:$R$366,ROW(INDEX(Jesper!AH$2:AH$366,ROUNDDOWN($C8052/24,0)+1,1))-1)+IF('Standard Profiles'!$G$18=$B$10,7,0)+IF('Standard Profiles'!$G$18=$B$17,14,0)+IF('Standard Profiles'!$G$18=$B$24,21,0),0)),0)</f>
        <v>5.8146721688166751</v>
      </c>
      <c r="E8052" cm="1">
        <f t="array" ref="E8052">IFERROR(INDEX(Jesper!AI$2:AI$366,ROUNDDOWN($C8052/24,0)+1,1)*INDEX($D$3:$AA$30,INDEX(Jesper!$R$2:$R$366,ROW(INDEX(Jesper!AI$2:AI$366,ROUNDDOWN($C8052/24,0)+1,1))-1)+IF('Standard Profiles'!$G$19=$B$10,7,0)+IF('Standard Profiles'!$G$19=$B$17,14,0)+IF('Standard Profiles'!$G$19=$B$24,21,0),MOD($C8052,24)+1)/SUM(INDEX($D$3:$AA$30,INDEX(Jesper!$R$2:$R$366,ROW(INDEX(Jesper!AI$2:AI$366,ROUNDDOWN($C8052/24,0)+1,1))-1)+IF('Standard Profiles'!$G$19=$B$10,7,0)+IF('Standard Profiles'!$G$19=$B$17,14,0)+IF('Standard Profiles'!$G$19=$B$24,21,0),0)),0)</f>
        <v>7.5420237735712252</v>
      </c>
      <c r="F8052" cm="1">
        <f t="array" ref="F8052">IFERROR(INDEX(Jesper!AJ$2:AJ$366,ROUNDDOWN($C8052/24,0)+1,1)*INDEX($D$3:$AA$30,INDEX(Jesper!$R$2:$R$366,ROW(INDEX(Jesper!AJ$2:AJ$366,ROUNDDOWN($C8052/24,0)+1,1))-1)+IF('Standard Profiles'!$G$20=$B$10,7,0)+IF('Standard Profiles'!$G$20=$B$17,14,0)+IF('Standard Profiles'!$G$20=$B$24,21,0),MOD($C8052,24)+1)/SUM(INDEX($D$3:$AA$30,INDEX(Jesper!$R$2:$R$366,ROW(INDEX(Jesper!AJ$2:AJ$366,ROUNDDOWN($C8052/24,0)+1,1))-1)+IF('Standard Profiles'!$G$20=$B$10,7,0)+IF('Standard Profiles'!$G$20=$B$17,14,0)+IF('Standard Profiles'!$G$20=$B$24,21,0),0)),0)</f>
        <v>0</v>
      </c>
      <c r="G8052" cm="1">
        <f t="array" ref="G8052">IFERROR(INDEX(Jesper!AK$2:AK$366,ROUNDDOWN($C8052/24,0)+1,1)*INDEX($D$3:$AA$30,INDEX(Jesper!$R$2:$R$366,ROW(INDEX(Jesper!AK$2:AK$366,ROUNDDOWN($C8052/24,0)+1,1))-1)+IF('Standard Profiles'!$G$21=$B$10,7,0)+IF('Standard Profiles'!$G$21=$B$17,14,0)+IF('Standard Profiles'!$G$21=$B$24,21,0),MOD($C8052,24)+1)/SUM(INDEX($D$3:$AA$30,INDEX(Jesper!$R$2:$R$366,ROW(INDEX(Jesper!AK$2:AK$366,ROUNDDOWN($C8052/24,0)+1,1))-1)+IF('Standard Profiles'!$G$21=$B$10,7,0)+IF('Standard Profiles'!$G$21=$B$17,14,0)+IF('Standard Profiles'!$G$21=$B$24,21,0),0)),0)</f>
        <v>11.005504171626526</v>
      </c>
      <c r="H8052" cm="1">
        <f t="array" ref="H8052">IFERROR(INDEX(Jesper!AL$2:AL$366,ROUNDDOWN($C8052/24,0)+1,1)*INDEX($D$3:$AA$30,INDEX(Jesper!$R$2:$R$366,ROW(INDEX(Jesper!AL$2:AL$366,ROUNDDOWN($C8052/24,0)+1,1))-1)+IF('Standard Profiles'!$G$22=$B$10,7,0)+IF('Standard Profiles'!$G$22=$B$17,14,0)+IF('Standard Profiles'!$G$22=$B$24,21,0),MOD($C8052,24)+1)/SUM(INDEX($D$3:$AA$30,INDEX(Jesper!$R$2:$R$366,ROW(INDEX(Jesper!AL$2:AL$366,ROUNDDOWN($C8052/24,0)+1,1))-1)+IF('Standard Profiles'!$G$22=$B$10,7,0)+IF('Standard Profiles'!$G$22=$B$17,14,0)+IF('Standard Profiles'!$G$22=$B$24,21,0),0)),0)</f>
        <v>0</v>
      </c>
      <c r="I8052">
        <f t="shared" si="895"/>
        <v>5.2826420023807303</v>
      </c>
      <c r="J8052">
        <f t="shared" si="896"/>
        <v>18.149210564623029</v>
      </c>
      <c r="K8052">
        <f t="shared" si="897"/>
        <v>0.62023169800711209</v>
      </c>
      <c r="L8052">
        <f t="shared" si="898"/>
        <v>0.31011584900355604</v>
      </c>
      <c r="M8052">
        <f t="shared" si="899"/>
        <v>0</v>
      </c>
      <c r="N8052" s="45">
        <f t="shared" si="900"/>
        <v>45261.083333313887</v>
      </c>
    </row>
    <row r="8053" spans="2:14" x14ac:dyDescent="0.25">
      <c r="B8053">
        <f t="shared" si="894"/>
        <v>5</v>
      </c>
      <c r="C8053" s="16">
        <v>8019</v>
      </c>
      <c r="D8053" cm="1">
        <f t="array" ref="D8053">IFERROR(INDEX(Jesper!AH$2:AH$366,ROUNDDOWN($C8053/24,0)+1,1)*INDEX($D$3:$AA$30,INDEX(Jesper!$R$2:$R$366,ROW(INDEX(Jesper!AH$2:AH$366,ROUNDDOWN($C8053/24,0)+1,1))-1)+IF('Standard Profiles'!$G$18=$B$10,7,0)+IF('Standard Profiles'!$G$18=$B$17,14,0)+IF('Standard Profiles'!$G$18=$B$24,21,0),MOD($C8053,24)+1)/SUM(INDEX($D$3:$AA$30,INDEX(Jesper!$R$2:$R$366,ROW(INDEX(Jesper!AH$2:AH$366,ROUNDDOWN($C8053/24,0)+1,1))-1)+IF('Standard Profiles'!$G$18=$B$10,7,0)+IF('Standard Profiles'!$G$18=$B$17,14,0)+IF('Standard Profiles'!$G$18=$B$24,21,0),0)),0)</f>
        <v>5.8146721688166751</v>
      </c>
      <c r="E8053" cm="1">
        <f t="array" ref="E8053">IFERROR(INDEX(Jesper!AI$2:AI$366,ROUNDDOWN($C8053/24,0)+1,1)*INDEX($D$3:$AA$30,INDEX(Jesper!$R$2:$R$366,ROW(INDEX(Jesper!AI$2:AI$366,ROUNDDOWN($C8053/24,0)+1,1))-1)+IF('Standard Profiles'!$G$19=$B$10,7,0)+IF('Standard Profiles'!$G$19=$B$17,14,0)+IF('Standard Profiles'!$G$19=$B$24,21,0),MOD($C8053,24)+1)/SUM(INDEX($D$3:$AA$30,INDEX(Jesper!$R$2:$R$366,ROW(INDEX(Jesper!AI$2:AI$366,ROUNDDOWN($C8053/24,0)+1,1))-1)+IF('Standard Profiles'!$G$19=$B$10,7,0)+IF('Standard Profiles'!$G$19=$B$17,14,0)+IF('Standard Profiles'!$G$19=$B$24,21,0),0)),0)</f>
        <v>7.5420237735712252</v>
      </c>
      <c r="F8053" cm="1">
        <f t="array" ref="F8053">IFERROR(INDEX(Jesper!AJ$2:AJ$366,ROUNDDOWN($C8053/24,0)+1,1)*INDEX($D$3:$AA$30,INDEX(Jesper!$R$2:$R$366,ROW(INDEX(Jesper!AJ$2:AJ$366,ROUNDDOWN($C8053/24,0)+1,1))-1)+IF('Standard Profiles'!$G$20=$B$10,7,0)+IF('Standard Profiles'!$G$20=$B$17,14,0)+IF('Standard Profiles'!$G$20=$B$24,21,0),MOD($C8053,24)+1)/SUM(INDEX($D$3:$AA$30,INDEX(Jesper!$R$2:$R$366,ROW(INDEX(Jesper!AJ$2:AJ$366,ROUNDDOWN($C8053/24,0)+1,1))-1)+IF('Standard Profiles'!$G$20=$B$10,7,0)+IF('Standard Profiles'!$G$20=$B$17,14,0)+IF('Standard Profiles'!$G$20=$B$24,21,0),0)),0)</f>
        <v>0</v>
      </c>
      <c r="G8053" cm="1">
        <f t="array" ref="G8053">IFERROR(INDEX(Jesper!AK$2:AK$366,ROUNDDOWN($C8053/24,0)+1,1)*INDEX($D$3:$AA$30,INDEX(Jesper!$R$2:$R$366,ROW(INDEX(Jesper!AK$2:AK$366,ROUNDDOWN($C8053/24,0)+1,1))-1)+IF('Standard Profiles'!$G$21=$B$10,7,0)+IF('Standard Profiles'!$G$21=$B$17,14,0)+IF('Standard Profiles'!$G$21=$B$24,21,0),MOD($C8053,24)+1)/SUM(INDEX($D$3:$AA$30,INDEX(Jesper!$R$2:$R$366,ROW(INDEX(Jesper!AK$2:AK$366,ROUNDDOWN($C8053/24,0)+1,1))-1)+IF('Standard Profiles'!$G$21=$B$10,7,0)+IF('Standard Profiles'!$G$21=$B$17,14,0)+IF('Standard Profiles'!$G$21=$B$24,21,0),0)),0)</f>
        <v>11.005504171626526</v>
      </c>
      <c r="H8053" cm="1">
        <f t="array" ref="H8053">IFERROR(INDEX(Jesper!AL$2:AL$366,ROUNDDOWN($C8053/24,0)+1,1)*INDEX($D$3:$AA$30,INDEX(Jesper!$R$2:$R$366,ROW(INDEX(Jesper!AL$2:AL$366,ROUNDDOWN($C8053/24,0)+1,1))-1)+IF('Standard Profiles'!$G$22=$B$10,7,0)+IF('Standard Profiles'!$G$22=$B$17,14,0)+IF('Standard Profiles'!$G$22=$B$24,21,0),MOD($C8053,24)+1)/SUM(INDEX($D$3:$AA$30,INDEX(Jesper!$R$2:$R$366,ROW(INDEX(Jesper!AL$2:AL$366,ROUNDDOWN($C8053/24,0)+1,1))-1)+IF('Standard Profiles'!$G$22=$B$10,7,0)+IF('Standard Profiles'!$G$22=$B$17,14,0)+IF('Standard Profiles'!$G$22=$B$24,21,0),0)),0)</f>
        <v>0</v>
      </c>
      <c r="I8053">
        <f t="shared" si="895"/>
        <v>5.2826420023807303</v>
      </c>
      <c r="J8053">
        <f t="shared" si="896"/>
        <v>18.149210564623029</v>
      </c>
      <c r="K8053">
        <f t="shared" si="897"/>
        <v>0.62023169800711209</v>
      </c>
      <c r="L8053">
        <f t="shared" si="898"/>
        <v>0.31011584900355604</v>
      </c>
      <c r="M8053">
        <f t="shared" si="899"/>
        <v>0</v>
      </c>
      <c r="N8053" s="45">
        <f t="shared" si="900"/>
        <v>45261.124999980551</v>
      </c>
    </row>
    <row r="8054" spans="2:14" x14ac:dyDescent="0.25">
      <c r="B8054">
        <f t="shared" si="894"/>
        <v>5</v>
      </c>
      <c r="C8054" s="16">
        <v>8020</v>
      </c>
      <c r="D8054" cm="1">
        <f t="array" ref="D8054">IFERROR(INDEX(Jesper!AH$2:AH$366,ROUNDDOWN($C8054/24,0)+1,1)*INDEX($D$3:$AA$30,INDEX(Jesper!$R$2:$R$366,ROW(INDEX(Jesper!AH$2:AH$366,ROUNDDOWN($C8054/24,0)+1,1))-1)+IF('Standard Profiles'!$G$18=$B$10,7,0)+IF('Standard Profiles'!$G$18=$B$17,14,0)+IF('Standard Profiles'!$G$18=$B$24,21,0),MOD($C8054,24)+1)/SUM(INDEX($D$3:$AA$30,INDEX(Jesper!$R$2:$R$366,ROW(INDEX(Jesper!AH$2:AH$366,ROUNDDOWN($C8054/24,0)+1,1))-1)+IF('Standard Profiles'!$G$18=$B$10,7,0)+IF('Standard Profiles'!$G$18=$B$17,14,0)+IF('Standard Profiles'!$G$18=$B$24,21,0),0)),0)</f>
        <v>5.8146721688166751</v>
      </c>
      <c r="E8054" cm="1">
        <f t="array" ref="E8054">IFERROR(INDEX(Jesper!AI$2:AI$366,ROUNDDOWN($C8054/24,0)+1,1)*INDEX($D$3:$AA$30,INDEX(Jesper!$R$2:$R$366,ROW(INDEX(Jesper!AI$2:AI$366,ROUNDDOWN($C8054/24,0)+1,1))-1)+IF('Standard Profiles'!$G$19=$B$10,7,0)+IF('Standard Profiles'!$G$19=$B$17,14,0)+IF('Standard Profiles'!$G$19=$B$24,21,0),MOD($C8054,24)+1)/SUM(INDEX($D$3:$AA$30,INDEX(Jesper!$R$2:$R$366,ROW(INDEX(Jesper!AI$2:AI$366,ROUNDDOWN($C8054/24,0)+1,1))-1)+IF('Standard Profiles'!$G$19=$B$10,7,0)+IF('Standard Profiles'!$G$19=$B$17,14,0)+IF('Standard Profiles'!$G$19=$B$24,21,0),0)),0)</f>
        <v>7.5420237735712252</v>
      </c>
      <c r="F8054" cm="1">
        <f t="array" ref="F8054">IFERROR(INDEX(Jesper!AJ$2:AJ$366,ROUNDDOWN($C8054/24,0)+1,1)*INDEX($D$3:$AA$30,INDEX(Jesper!$R$2:$R$366,ROW(INDEX(Jesper!AJ$2:AJ$366,ROUNDDOWN($C8054/24,0)+1,1))-1)+IF('Standard Profiles'!$G$20=$B$10,7,0)+IF('Standard Profiles'!$G$20=$B$17,14,0)+IF('Standard Profiles'!$G$20=$B$24,21,0),MOD($C8054,24)+1)/SUM(INDEX($D$3:$AA$30,INDEX(Jesper!$R$2:$R$366,ROW(INDEX(Jesper!AJ$2:AJ$366,ROUNDDOWN($C8054/24,0)+1,1))-1)+IF('Standard Profiles'!$G$20=$B$10,7,0)+IF('Standard Profiles'!$G$20=$B$17,14,0)+IF('Standard Profiles'!$G$20=$B$24,21,0),0)),0)</f>
        <v>0</v>
      </c>
      <c r="G8054" cm="1">
        <f t="array" ref="G8054">IFERROR(INDEX(Jesper!AK$2:AK$366,ROUNDDOWN($C8054/24,0)+1,1)*INDEX($D$3:$AA$30,INDEX(Jesper!$R$2:$R$366,ROW(INDEX(Jesper!AK$2:AK$366,ROUNDDOWN($C8054/24,0)+1,1))-1)+IF('Standard Profiles'!$G$21=$B$10,7,0)+IF('Standard Profiles'!$G$21=$B$17,14,0)+IF('Standard Profiles'!$G$21=$B$24,21,0),MOD($C8054,24)+1)/SUM(INDEX($D$3:$AA$30,INDEX(Jesper!$R$2:$R$366,ROW(INDEX(Jesper!AK$2:AK$366,ROUNDDOWN($C8054/24,0)+1,1))-1)+IF('Standard Profiles'!$G$21=$B$10,7,0)+IF('Standard Profiles'!$G$21=$B$17,14,0)+IF('Standard Profiles'!$G$21=$B$24,21,0),0)),0)</f>
        <v>11.005504171626526</v>
      </c>
      <c r="H8054" cm="1">
        <f t="array" ref="H8054">IFERROR(INDEX(Jesper!AL$2:AL$366,ROUNDDOWN($C8054/24,0)+1,1)*INDEX($D$3:$AA$30,INDEX(Jesper!$R$2:$R$366,ROW(INDEX(Jesper!AL$2:AL$366,ROUNDDOWN($C8054/24,0)+1,1))-1)+IF('Standard Profiles'!$G$22=$B$10,7,0)+IF('Standard Profiles'!$G$22=$B$17,14,0)+IF('Standard Profiles'!$G$22=$B$24,21,0),MOD($C8054,24)+1)/SUM(INDEX($D$3:$AA$30,INDEX(Jesper!$R$2:$R$366,ROW(INDEX(Jesper!AL$2:AL$366,ROUNDDOWN($C8054/24,0)+1,1))-1)+IF('Standard Profiles'!$G$22=$B$10,7,0)+IF('Standard Profiles'!$G$22=$B$17,14,0)+IF('Standard Profiles'!$G$22=$B$24,21,0),0)),0)</f>
        <v>0</v>
      </c>
      <c r="I8054">
        <f t="shared" si="895"/>
        <v>5.2826420023807303</v>
      </c>
      <c r="J8054">
        <f t="shared" si="896"/>
        <v>18.149210564623029</v>
      </c>
      <c r="K8054">
        <f t="shared" si="897"/>
        <v>0.62023169800711209</v>
      </c>
      <c r="L8054">
        <f t="shared" si="898"/>
        <v>0.31011584900355604</v>
      </c>
      <c r="M8054">
        <f t="shared" si="899"/>
        <v>0</v>
      </c>
      <c r="N8054" s="45">
        <f t="shared" si="900"/>
        <v>45261.166666647216</v>
      </c>
    </row>
    <row r="8055" spans="2:14" x14ac:dyDescent="0.25">
      <c r="B8055">
        <f t="shared" si="894"/>
        <v>5</v>
      </c>
      <c r="C8055" s="16">
        <v>8021</v>
      </c>
      <c r="D8055" cm="1">
        <f t="array" ref="D8055">IFERROR(INDEX(Jesper!AH$2:AH$366,ROUNDDOWN($C8055/24,0)+1,1)*INDEX($D$3:$AA$30,INDEX(Jesper!$R$2:$R$366,ROW(INDEX(Jesper!AH$2:AH$366,ROUNDDOWN($C8055/24,0)+1,1))-1)+IF('Standard Profiles'!$G$18=$B$10,7,0)+IF('Standard Profiles'!$G$18=$B$17,14,0)+IF('Standard Profiles'!$G$18=$B$24,21,0),MOD($C8055,24)+1)/SUM(INDEX($D$3:$AA$30,INDEX(Jesper!$R$2:$R$366,ROW(INDEX(Jesper!AH$2:AH$366,ROUNDDOWN($C8055/24,0)+1,1))-1)+IF('Standard Profiles'!$G$18=$B$10,7,0)+IF('Standard Profiles'!$G$18=$B$17,14,0)+IF('Standard Profiles'!$G$18=$B$24,21,0),0)),0)</f>
        <v>5.8146721688166751</v>
      </c>
      <c r="E8055" cm="1">
        <f t="array" ref="E8055">IFERROR(INDEX(Jesper!AI$2:AI$366,ROUNDDOWN($C8055/24,0)+1,1)*INDEX($D$3:$AA$30,INDEX(Jesper!$R$2:$R$366,ROW(INDEX(Jesper!AI$2:AI$366,ROUNDDOWN($C8055/24,0)+1,1))-1)+IF('Standard Profiles'!$G$19=$B$10,7,0)+IF('Standard Profiles'!$G$19=$B$17,14,0)+IF('Standard Profiles'!$G$19=$B$24,21,0),MOD($C8055,24)+1)/SUM(INDEX($D$3:$AA$30,INDEX(Jesper!$R$2:$R$366,ROW(INDEX(Jesper!AI$2:AI$366,ROUNDDOWN($C8055/24,0)+1,1))-1)+IF('Standard Profiles'!$G$19=$B$10,7,0)+IF('Standard Profiles'!$G$19=$B$17,14,0)+IF('Standard Profiles'!$G$19=$B$24,21,0),0)),0)</f>
        <v>7.5420237735712252</v>
      </c>
      <c r="F8055" cm="1">
        <f t="array" ref="F8055">IFERROR(INDEX(Jesper!AJ$2:AJ$366,ROUNDDOWN($C8055/24,0)+1,1)*INDEX($D$3:$AA$30,INDEX(Jesper!$R$2:$R$366,ROW(INDEX(Jesper!AJ$2:AJ$366,ROUNDDOWN($C8055/24,0)+1,1))-1)+IF('Standard Profiles'!$G$20=$B$10,7,0)+IF('Standard Profiles'!$G$20=$B$17,14,0)+IF('Standard Profiles'!$G$20=$B$24,21,0),MOD($C8055,24)+1)/SUM(INDEX($D$3:$AA$30,INDEX(Jesper!$R$2:$R$366,ROW(INDEX(Jesper!AJ$2:AJ$366,ROUNDDOWN($C8055/24,0)+1,1))-1)+IF('Standard Profiles'!$G$20=$B$10,7,0)+IF('Standard Profiles'!$G$20=$B$17,14,0)+IF('Standard Profiles'!$G$20=$B$24,21,0),0)),0)</f>
        <v>0</v>
      </c>
      <c r="G8055" cm="1">
        <f t="array" ref="G8055">IFERROR(INDEX(Jesper!AK$2:AK$366,ROUNDDOWN($C8055/24,0)+1,1)*INDEX($D$3:$AA$30,INDEX(Jesper!$R$2:$R$366,ROW(INDEX(Jesper!AK$2:AK$366,ROUNDDOWN($C8055/24,0)+1,1))-1)+IF('Standard Profiles'!$G$21=$B$10,7,0)+IF('Standard Profiles'!$G$21=$B$17,14,0)+IF('Standard Profiles'!$G$21=$B$24,21,0),MOD($C8055,24)+1)/SUM(INDEX($D$3:$AA$30,INDEX(Jesper!$R$2:$R$366,ROW(INDEX(Jesper!AK$2:AK$366,ROUNDDOWN($C8055/24,0)+1,1))-1)+IF('Standard Profiles'!$G$21=$B$10,7,0)+IF('Standard Profiles'!$G$21=$B$17,14,0)+IF('Standard Profiles'!$G$21=$B$24,21,0),0)),0)</f>
        <v>11.005504171626526</v>
      </c>
      <c r="H8055" cm="1">
        <f t="array" ref="H8055">IFERROR(INDEX(Jesper!AL$2:AL$366,ROUNDDOWN($C8055/24,0)+1,1)*INDEX($D$3:$AA$30,INDEX(Jesper!$R$2:$R$366,ROW(INDEX(Jesper!AL$2:AL$366,ROUNDDOWN($C8055/24,0)+1,1))-1)+IF('Standard Profiles'!$G$22=$B$10,7,0)+IF('Standard Profiles'!$G$22=$B$17,14,0)+IF('Standard Profiles'!$G$22=$B$24,21,0),MOD($C8055,24)+1)/SUM(INDEX($D$3:$AA$30,INDEX(Jesper!$R$2:$R$366,ROW(INDEX(Jesper!AL$2:AL$366,ROUNDDOWN($C8055/24,0)+1,1))-1)+IF('Standard Profiles'!$G$22=$B$10,7,0)+IF('Standard Profiles'!$G$22=$B$17,14,0)+IF('Standard Profiles'!$G$22=$B$24,21,0),0)),0)</f>
        <v>0</v>
      </c>
      <c r="I8055">
        <f t="shared" si="895"/>
        <v>5.2826420023807303</v>
      </c>
      <c r="J8055">
        <f t="shared" si="896"/>
        <v>18.149210564623029</v>
      </c>
      <c r="K8055">
        <f t="shared" si="897"/>
        <v>0.62023169800711209</v>
      </c>
      <c r="L8055">
        <f t="shared" si="898"/>
        <v>0.31011584900355604</v>
      </c>
      <c r="M8055">
        <f t="shared" si="899"/>
        <v>0</v>
      </c>
      <c r="N8055" s="45">
        <f t="shared" si="900"/>
        <v>45261.20833331388</v>
      </c>
    </row>
    <row r="8056" spans="2:14" x14ac:dyDescent="0.25">
      <c r="B8056">
        <f t="shared" si="894"/>
        <v>5</v>
      </c>
      <c r="C8056" s="16">
        <v>8022</v>
      </c>
      <c r="D8056" cm="1">
        <f t="array" ref="D8056">IFERROR(INDEX(Jesper!AH$2:AH$366,ROUNDDOWN($C8056/24,0)+1,1)*INDEX($D$3:$AA$30,INDEX(Jesper!$R$2:$R$366,ROW(INDEX(Jesper!AH$2:AH$366,ROUNDDOWN($C8056/24,0)+1,1))-1)+IF('Standard Profiles'!$G$18=$B$10,7,0)+IF('Standard Profiles'!$G$18=$B$17,14,0)+IF('Standard Profiles'!$G$18=$B$24,21,0),MOD($C8056,24)+1)/SUM(INDEX($D$3:$AA$30,INDEX(Jesper!$R$2:$R$366,ROW(INDEX(Jesper!AH$2:AH$366,ROUNDDOWN($C8056/24,0)+1,1))-1)+IF('Standard Profiles'!$G$18=$B$10,7,0)+IF('Standard Profiles'!$G$18=$B$17,14,0)+IF('Standard Profiles'!$G$18=$B$24,21,0),0)),0)</f>
        <v>5.8146721688166751</v>
      </c>
      <c r="E8056" cm="1">
        <f t="array" ref="E8056">IFERROR(INDEX(Jesper!AI$2:AI$366,ROUNDDOWN($C8056/24,0)+1,1)*INDEX($D$3:$AA$30,INDEX(Jesper!$R$2:$R$366,ROW(INDEX(Jesper!AI$2:AI$366,ROUNDDOWN($C8056/24,0)+1,1))-1)+IF('Standard Profiles'!$G$19=$B$10,7,0)+IF('Standard Profiles'!$G$19=$B$17,14,0)+IF('Standard Profiles'!$G$19=$B$24,21,0),MOD($C8056,24)+1)/SUM(INDEX($D$3:$AA$30,INDEX(Jesper!$R$2:$R$366,ROW(INDEX(Jesper!AI$2:AI$366,ROUNDDOWN($C8056/24,0)+1,1))-1)+IF('Standard Profiles'!$G$19=$B$10,7,0)+IF('Standard Profiles'!$G$19=$B$17,14,0)+IF('Standard Profiles'!$G$19=$B$24,21,0),0)),0)</f>
        <v>7.5420237735712252</v>
      </c>
      <c r="F8056" cm="1">
        <f t="array" ref="F8056">IFERROR(INDEX(Jesper!AJ$2:AJ$366,ROUNDDOWN($C8056/24,0)+1,1)*INDEX($D$3:$AA$30,INDEX(Jesper!$R$2:$R$366,ROW(INDEX(Jesper!AJ$2:AJ$366,ROUNDDOWN($C8056/24,0)+1,1))-1)+IF('Standard Profiles'!$G$20=$B$10,7,0)+IF('Standard Profiles'!$G$20=$B$17,14,0)+IF('Standard Profiles'!$G$20=$B$24,21,0),MOD($C8056,24)+1)/SUM(INDEX($D$3:$AA$30,INDEX(Jesper!$R$2:$R$366,ROW(INDEX(Jesper!AJ$2:AJ$366,ROUNDDOWN($C8056/24,0)+1,1))-1)+IF('Standard Profiles'!$G$20=$B$10,7,0)+IF('Standard Profiles'!$G$20=$B$17,14,0)+IF('Standard Profiles'!$G$20=$B$24,21,0),0)),0)</f>
        <v>0</v>
      </c>
      <c r="G8056" cm="1">
        <f t="array" ref="G8056">IFERROR(INDEX(Jesper!AK$2:AK$366,ROUNDDOWN($C8056/24,0)+1,1)*INDEX($D$3:$AA$30,INDEX(Jesper!$R$2:$R$366,ROW(INDEX(Jesper!AK$2:AK$366,ROUNDDOWN($C8056/24,0)+1,1))-1)+IF('Standard Profiles'!$G$21=$B$10,7,0)+IF('Standard Profiles'!$G$21=$B$17,14,0)+IF('Standard Profiles'!$G$21=$B$24,21,0),MOD($C8056,24)+1)/SUM(INDEX($D$3:$AA$30,INDEX(Jesper!$R$2:$R$366,ROW(INDEX(Jesper!AK$2:AK$366,ROUNDDOWN($C8056/24,0)+1,1))-1)+IF('Standard Profiles'!$G$21=$B$10,7,0)+IF('Standard Profiles'!$G$21=$B$17,14,0)+IF('Standard Profiles'!$G$21=$B$24,21,0),0)),0)</f>
        <v>11.005504171626526</v>
      </c>
      <c r="H8056" cm="1">
        <f t="array" ref="H8056">IFERROR(INDEX(Jesper!AL$2:AL$366,ROUNDDOWN($C8056/24,0)+1,1)*INDEX($D$3:$AA$30,INDEX(Jesper!$R$2:$R$366,ROW(INDEX(Jesper!AL$2:AL$366,ROUNDDOWN($C8056/24,0)+1,1))-1)+IF('Standard Profiles'!$G$22=$B$10,7,0)+IF('Standard Profiles'!$G$22=$B$17,14,0)+IF('Standard Profiles'!$G$22=$B$24,21,0),MOD($C8056,24)+1)/SUM(INDEX($D$3:$AA$30,INDEX(Jesper!$R$2:$R$366,ROW(INDEX(Jesper!AL$2:AL$366,ROUNDDOWN($C8056/24,0)+1,1))-1)+IF('Standard Profiles'!$G$22=$B$10,7,0)+IF('Standard Profiles'!$G$22=$B$17,14,0)+IF('Standard Profiles'!$G$22=$B$24,21,0),0)),0)</f>
        <v>0</v>
      </c>
      <c r="I8056">
        <f t="shared" si="895"/>
        <v>5.2826420023807303</v>
      </c>
      <c r="J8056">
        <f t="shared" si="896"/>
        <v>18.149210564623029</v>
      </c>
      <c r="K8056">
        <f t="shared" si="897"/>
        <v>0.62023169800711209</v>
      </c>
      <c r="L8056">
        <f t="shared" si="898"/>
        <v>0.31011584900355604</v>
      </c>
      <c r="M8056">
        <f t="shared" si="899"/>
        <v>0</v>
      </c>
      <c r="N8056" s="45">
        <f t="shared" si="900"/>
        <v>45261.249999980544</v>
      </c>
    </row>
    <row r="8057" spans="2:14" x14ac:dyDescent="0.25">
      <c r="B8057">
        <f t="shared" si="894"/>
        <v>5</v>
      </c>
      <c r="C8057" s="16">
        <v>8023</v>
      </c>
      <c r="D8057" cm="1">
        <f t="array" ref="D8057">IFERROR(INDEX(Jesper!AH$2:AH$366,ROUNDDOWN($C8057/24,0)+1,1)*INDEX($D$3:$AA$30,INDEX(Jesper!$R$2:$R$366,ROW(INDEX(Jesper!AH$2:AH$366,ROUNDDOWN($C8057/24,0)+1,1))-1)+IF('Standard Profiles'!$G$18=$B$10,7,0)+IF('Standard Profiles'!$G$18=$B$17,14,0)+IF('Standard Profiles'!$G$18=$B$24,21,0),MOD($C8057,24)+1)/SUM(INDEX($D$3:$AA$30,INDEX(Jesper!$R$2:$R$366,ROW(INDEX(Jesper!AH$2:AH$366,ROUNDDOWN($C8057/24,0)+1,1))-1)+IF('Standard Profiles'!$G$18=$B$10,7,0)+IF('Standard Profiles'!$G$18=$B$17,14,0)+IF('Standard Profiles'!$G$18=$B$24,21,0),0)),0)</f>
        <v>24.770503439159036</v>
      </c>
      <c r="E8057" cm="1">
        <f t="array" ref="E8057">IFERROR(INDEX(Jesper!AI$2:AI$366,ROUNDDOWN($C8057/24,0)+1,1)*INDEX($D$3:$AA$30,INDEX(Jesper!$R$2:$R$366,ROW(INDEX(Jesper!AI$2:AI$366,ROUNDDOWN($C8057/24,0)+1,1))-1)+IF('Standard Profiles'!$G$19=$B$10,7,0)+IF('Standard Profiles'!$G$19=$B$17,14,0)+IF('Standard Profiles'!$G$19=$B$24,21,0),MOD($C8057,24)+1)/SUM(INDEX($D$3:$AA$30,INDEX(Jesper!$R$2:$R$366,ROW(INDEX(Jesper!AI$2:AI$366,ROUNDDOWN($C8057/24,0)+1,1))-1)+IF('Standard Profiles'!$G$19=$B$10,7,0)+IF('Standard Profiles'!$G$19=$B$17,14,0)+IF('Standard Profiles'!$G$19=$B$24,21,0),0)),0)</f>
        <v>32.129021275413415</v>
      </c>
      <c r="F8057" cm="1">
        <f t="array" ref="F8057">IFERROR(INDEX(Jesper!AJ$2:AJ$366,ROUNDDOWN($C8057/24,0)+1,1)*INDEX($D$3:$AA$30,INDEX(Jesper!$R$2:$R$366,ROW(INDEX(Jesper!AJ$2:AJ$366,ROUNDDOWN($C8057/24,0)+1,1))-1)+IF('Standard Profiles'!$G$20=$B$10,7,0)+IF('Standard Profiles'!$G$20=$B$17,14,0)+IF('Standard Profiles'!$G$20=$B$24,21,0),MOD($C8057,24)+1)/SUM(INDEX($D$3:$AA$30,INDEX(Jesper!$R$2:$R$366,ROW(INDEX(Jesper!AJ$2:AJ$366,ROUNDDOWN($C8057/24,0)+1,1))-1)+IF('Standard Profiles'!$G$20=$B$10,7,0)+IF('Standard Profiles'!$G$20=$B$17,14,0)+IF('Standard Profiles'!$G$20=$B$24,21,0),0)),0)</f>
        <v>0</v>
      </c>
      <c r="G8057" cm="1">
        <f t="array" ref="G8057">IFERROR(INDEX(Jesper!AK$2:AK$366,ROUNDDOWN($C8057/24,0)+1,1)*INDEX($D$3:$AA$30,INDEX(Jesper!$R$2:$R$366,ROW(INDEX(Jesper!AK$2:AK$366,ROUNDDOWN($C8057/24,0)+1,1))-1)+IF('Standard Profiles'!$G$21=$B$10,7,0)+IF('Standard Profiles'!$G$21=$B$17,14,0)+IF('Standard Profiles'!$G$21=$B$24,21,0),MOD($C8057,24)+1)/SUM(INDEX($D$3:$AA$30,INDEX(Jesper!$R$2:$R$366,ROW(INDEX(Jesper!AK$2:AK$366,ROUNDDOWN($C8057/24,0)+1,1))-1)+IF('Standard Profiles'!$G$21=$B$10,7,0)+IF('Standard Profiles'!$G$21=$B$17,14,0)+IF('Standard Profiles'!$G$21=$B$24,21,0),0)),0)</f>
        <v>29.821366142471881</v>
      </c>
      <c r="H8057" cm="1">
        <f t="array" ref="H8057">IFERROR(INDEX(Jesper!AL$2:AL$366,ROUNDDOWN($C8057/24,0)+1,1)*INDEX($D$3:$AA$30,INDEX(Jesper!$R$2:$R$366,ROW(INDEX(Jesper!AL$2:AL$366,ROUNDDOWN($C8057/24,0)+1,1))-1)+IF('Standard Profiles'!$G$22=$B$10,7,0)+IF('Standard Profiles'!$G$22=$B$17,14,0)+IF('Standard Profiles'!$G$22=$B$24,21,0),MOD($C8057,24)+1)/SUM(INDEX($D$3:$AA$30,INDEX(Jesper!$R$2:$R$366,ROW(INDEX(Jesper!AL$2:AL$366,ROUNDDOWN($C8057/24,0)+1,1))-1)+IF('Standard Profiles'!$G$22=$B$10,7,0)+IF('Standard Profiles'!$G$22=$B$17,14,0)+IF('Standard Profiles'!$G$22=$B$24,21,0),0)),0)</f>
        <v>0</v>
      </c>
      <c r="I8057">
        <f t="shared" si="895"/>
        <v>14.314255748386495</v>
      </c>
      <c r="J8057">
        <f t="shared" si="896"/>
        <v>68.443354558392386</v>
      </c>
      <c r="K8057">
        <f t="shared" si="897"/>
        <v>2.6421870335102975</v>
      </c>
      <c r="L8057">
        <f t="shared" si="898"/>
        <v>1.3210935167551487</v>
      </c>
      <c r="M8057">
        <f t="shared" si="899"/>
        <v>0</v>
      </c>
      <c r="N8057" s="45">
        <f t="shared" si="900"/>
        <v>45261.291666647208</v>
      </c>
    </row>
    <row r="8058" spans="2:14" x14ac:dyDescent="0.25">
      <c r="B8058">
        <f t="shared" si="894"/>
        <v>5</v>
      </c>
      <c r="C8058" s="16">
        <v>8024</v>
      </c>
      <c r="D8058" cm="1">
        <f t="array" ref="D8058">IFERROR(INDEX(Jesper!AH$2:AH$366,ROUNDDOWN($C8058/24,0)+1,1)*INDEX($D$3:$AA$30,INDEX(Jesper!$R$2:$R$366,ROW(INDEX(Jesper!AH$2:AH$366,ROUNDDOWN($C8058/24,0)+1,1))-1)+IF('Standard Profiles'!$G$18=$B$10,7,0)+IF('Standard Profiles'!$G$18=$B$17,14,0)+IF('Standard Profiles'!$G$18=$B$24,21,0),MOD($C8058,24)+1)/SUM(INDEX($D$3:$AA$30,INDEX(Jesper!$R$2:$R$366,ROW(INDEX(Jesper!AH$2:AH$366,ROUNDDOWN($C8058/24,0)+1,1))-1)+IF('Standard Profiles'!$G$18=$B$10,7,0)+IF('Standard Profiles'!$G$18=$B$17,14,0)+IF('Standard Profiles'!$G$18=$B$24,21,0),0)),0)</f>
        <v>30.963129298948797</v>
      </c>
      <c r="E8058" cm="1">
        <f t="array" ref="E8058">IFERROR(INDEX(Jesper!AI$2:AI$366,ROUNDDOWN($C8058/24,0)+1,1)*INDEX($D$3:$AA$30,INDEX(Jesper!$R$2:$R$366,ROW(INDEX(Jesper!AI$2:AI$366,ROUNDDOWN($C8058/24,0)+1,1))-1)+IF('Standard Profiles'!$G$19=$B$10,7,0)+IF('Standard Profiles'!$G$19=$B$17,14,0)+IF('Standard Profiles'!$G$19=$B$24,21,0),MOD($C8058,24)+1)/SUM(INDEX($D$3:$AA$30,INDEX(Jesper!$R$2:$R$366,ROW(INDEX(Jesper!AI$2:AI$366,ROUNDDOWN($C8058/24,0)+1,1))-1)+IF('Standard Profiles'!$G$19=$B$10,7,0)+IF('Standard Profiles'!$G$19=$B$17,14,0)+IF('Standard Profiles'!$G$19=$B$24,21,0),0)),0)</f>
        <v>40.161276594266766</v>
      </c>
      <c r="F8058" cm="1">
        <f t="array" ref="F8058">IFERROR(INDEX(Jesper!AJ$2:AJ$366,ROUNDDOWN($C8058/24,0)+1,1)*INDEX($D$3:$AA$30,INDEX(Jesper!$R$2:$R$366,ROW(INDEX(Jesper!AJ$2:AJ$366,ROUNDDOWN($C8058/24,0)+1,1))-1)+IF('Standard Profiles'!$G$20=$B$10,7,0)+IF('Standard Profiles'!$G$20=$B$17,14,0)+IF('Standard Profiles'!$G$20=$B$24,21,0),MOD($C8058,24)+1)/SUM(INDEX($D$3:$AA$30,INDEX(Jesper!$R$2:$R$366,ROW(INDEX(Jesper!AJ$2:AJ$366,ROUNDDOWN($C8058/24,0)+1,1))-1)+IF('Standard Profiles'!$G$20=$B$10,7,0)+IF('Standard Profiles'!$G$20=$B$17,14,0)+IF('Standard Profiles'!$G$20=$B$24,21,0),0)),0)</f>
        <v>0</v>
      </c>
      <c r="G8058" cm="1">
        <f t="array" ref="G8058">IFERROR(INDEX(Jesper!AK$2:AK$366,ROUNDDOWN($C8058/24,0)+1,1)*INDEX($D$3:$AA$30,INDEX(Jesper!$R$2:$R$366,ROW(INDEX(Jesper!AK$2:AK$366,ROUNDDOWN($C8058/24,0)+1,1))-1)+IF('Standard Profiles'!$G$21=$B$10,7,0)+IF('Standard Profiles'!$G$21=$B$17,14,0)+IF('Standard Profiles'!$G$21=$B$24,21,0),MOD($C8058,24)+1)/SUM(INDEX($D$3:$AA$30,INDEX(Jesper!$R$2:$R$366,ROW(INDEX(Jesper!AK$2:AK$366,ROUNDDOWN($C8058/24,0)+1,1))-1)+IF('Standard Profiles'!$G$21=$B$10,7,0)+IF('Standard Profiles'!$G$21=$B$17,14,0)+IF('Standard Profiles'!$G$21=$B$24,21,0),0)),0)</f>
        <v>37.276707678089849</v>
      </c>
      <c r="H8058" cm="1">
        <f t="array" ref="H8058">IFERROR(INDEX(Jesper!AL$2:AL$366,ROUNDDOWN($C8058/24,0)+1,1)*INDEX($D$3:$AA$30,INDEX(Jesper!$R$2:$R$366,ROW(INDEX(Jesper!AL$2:AL$366,ROUNDDOWN($C8058/24,0)+1,1))-1)+IF('Standard Profiles'!$G$22=$B$10,7,0)+IF('Standard Profiles'!$G$22=$B$17,14,0)+IF('Standard Profiles'!$G$22=$B$24,21,0),MOD($C8058,24)+1)/SUM(INDEX($D$3:$AA$30,INDEX(Jesper!$R$2:$R$366,ROW(INDEX(Jesper!AL$2:AL$366,ROUNDDOWN($C8058/24,0)+1,1))-1)+IF('Standard Profiles'!$G$22=$B$10,7,0)+IF('Standard Profiles'!$G$22=$B$17,14,0)+IF('Standard Profiles'!$G$22=$B$24,21,0),0)),0)</f>
        <v>0</v>
      </c>
      <c r="I8058">
        <f t="shared" si="895"/>
        <v>17.892819685483119</v>
      </c>
      <c r="J8058">
        <f t="shared" si="896"/>
        <v>85.554193197990486</v>
      </c>
      <c r="K8058">
        <f t="shared" si="897"/>
        <v>3.3027337918878721</v>
      </c>
      <c r="L8058">
        <f t="shared" si="898"/>
        <v>1.651366895943936</v>
      </c>
      <c r="M8058">
        <f t="shared" si="899"/>
        <v>0</v>
      </c>
      <c r="N8058" s="45">
        <f t="shared" si="900"/>
        <v>45261.333333313873</v>
      </c>
    </row>
    <row r="8059" spans="2:14" x14ac:dyDescent="0.25">
      <c r="B8059">
        <f t="shared" si="894"/>
        <v>5</v>
      </c>
      <c r="C8059" s="16">
        <v>8025</v>
      </c>
      <c r="D8059" cm="1">
        <f t="array" ref="D8059">IFERROR(INDEX(Jesper!AH$2:AH$366,ROUNDDOWN($C8059/24,0)+1,1)*INDEX($D$3:$AA$30,INDEX(Jesper!$R$2:$R$366,ROW(INDEX(Jesper!AH$2:AH$366,ROUNDDOWN($C8059/24,0)+1,1))-1)+IF('Standard Profiles'!$G$18=$B$10,7,0)+IF('Standard Profiles'!$G$18=$B$17,14,0)+IF('Standard Profiles'!$G$18=$B$24,21,0),MOD($C8059,24)+1)/SUM(INDEX($D$3:$AA$30,INDEX(Jesper!$R$2:$R$366,ROW(INDEX(Jesper!AH$2:AH$366,ROUNDDOWN($C8059/24,0)+1,1))-1)+IF('Standard Profiles'!$G$18=$B$10,7,0)+IF('Standard Profiles'!$G$18=$B$17,14,0)+IF('Standard Profiles'!$G$18=$B$24,21,0),0)),0)</f>
        <v>34.059442228843672</v>
      </c>
      <c r="E8059" cm="1">
        <f t="array" ref="E8059">IFERROR(INDEX(Jesper!AI$2:AI$366,ROUNDDOWN($C8059/24,0)+1,1)*INDEX($D$3:$AA$30,INDEX(Jesper!$R$2:$R$366,ROW(INDEX(Jesper!AI$2:AI$366,ROUNDDOWN($C8059/24,0)+1,1))-1)+IF('Standard Profiles'!$G$19=$B$10,7,0)+IF('Standard Profiles'!$G$19=$B$17,14,0)+IF('Standard Profiles'!$G$19=$B$24,21,0),MOD($C8059,24)+1)/SUM(INDEX($D$3:$AA$30,INDEX(Jesper!$R$2:$R$366,ROW(INDEX(Jesper!AI$2:AI$366,ROUNDDOWN($C8059/24,0)+1,1))-1)+IF('Standard Profiles'!$G$19=$B$10,7,0)+IF('Standard Profiles'!$G$19=$B$17,14,0)+IF('Standard Profiles'!$G$19=$B$24,21,0),0)),0)</f>
        <v>44.177404253693446</v>
      </c>
      <c r="F8059" cm="1">
        <f t="array" ref="F8059">IFERROR(INDEX(Jesper!AJ$2:AJ$366,ROUNDDOWN($C8059/24,0)+1,1)*INDEX($D$3:$AA$30,INDEX(Jesper!$R$2:$R$366,ROW(INDEX(Jesper!AJ$2:AJ$366,ROUNDDOWN($C8059/24,0)+1,1))-1)+IF('Standard Profiles'!$G$20=$B$10,7,0)+IF('Standard Profiles'!$G$20=$B$17,14,0)+IF('Standard Profiles'!$G$20=$B$24,21,0),MOD($C8059,24)+1)/SUM(INDEX($D$3:$AA$30,INDEX(Jesper!$R$2:$R$366,ROW(INDEX(Jesper!AJ$2:AJ$366,ROUNDDOWN($C8059/24,0)+1,1))-1)+IF('Standard Profiles'!$G$20=$B$10,7,0)+IF('Standard Profiles'!$G$20=$B$17,14,0)+IF('Standard Profiles'!$G$20=$B$24,21,0),0)),0)</f>
        <v>0</v>
      </c>
      <c r="G8059" cm="1">
        <f t="array" ref="G8059">IFERROR(INDEX(Jesper!AK$2:AK$366,ROUNDDOWN($C8059/24,0)+1,1)*INDEX($D$3:$AA$30,INDEX(Jesper!$R$2:$R$366,ROW(INDEX(Jesper!AK$2:AK$366,ROUNDDOWN($C8059/24,0)+1,1))-1)+IF('Standard Profiles'!$G$21=$B$10,7,0)+IF('Standard Profiles'!$G$21=$B$17,14,0)+IF('Standard Profiles'!$G$21=$B$24,21,0),MOD($C8059,24)+1)/SUM(INDEX($D$3:$AA$30,INDEX(Jesper!$R$2:$R$366,ROW(INDEX(Jesper!AK$2:AK$366,ROUNDDOWN($C8059/24,0)+1,1))-1)+IF('Standard Profiles'!$G$21=$B$10,7,0)+IF('Standard Profiles'!$G$21=$B$17,14,0)+IF('Standard Profiles'!$G$21=$B$24,21,0),0)),0)</f>
        <v>41.004378445898837</v>
      </c>
      <c r="H8059" cm="1">
        <f t="array" ref="H8059">IFERROR(INDEX(Jesper!AL$2:AL$366,ROUNDDOWN($C8059/24,0)+1,1)*INDEX($D$3:$AA$30,INDEX(Jesper!$R$2:$R$366,ROW(INDEX(Jesper!AL$2:AL$366,ROUNDDOWN($C8059/24,0)+1,1))-1)+IF('Standard Profiles'!$G$22=$B$10,7,0)+IF('Standard Profiles'!$G$22=$B$17,14,0)+IF('Standard Profiles'!$G$22=$B$24,21,0),MOD($C8059,24)+1)/SUM(INDEX($D$3:$AA$30,INDEX(Jesper!$R$2:$R$366,ROW(INDEX(Jesper!AL$2:AL$366,ROUNDDOWN($C8059/24,0)+1,1))-1)+IF('Standard Profiles'!$G$22=$B$10,7,0)+IF('Standard Profiles'!$G$22=$B$17,14,0)+IF('Standard Profiles'!$G$22=$B$24,21,0),0)),0)</f>
        <v>0</v>
      </c>
      <c r="I8059">
        <f t="shared" si="895"/>
        <v>19.682101654031431</v>
      </c>
      <c r="J8059">
        <f t="shared" si="896"/>
        <v>94.109612517789543</v>
      </c>
      <c r="K8059">
        <f t="shared" si="897"/>
        <v>3.6330071710766587</v>
      </c>
      <c r="L8059">
        <f t="shared" si="898"/>
        <v>1.8165035855383294</v>
      </c>
      <c r="M8059">
        <f t="shared" si="899"/>
        <v>0</v>
      </c>
      <c r="N8059" s="45">
        <f t="shared" si="900"/>
        <v>45261.374999980537</v>
      </c>
    </row>
    <row r="8060" spans="2:14" x14ac:dyDescent="0.25">
      <c r="B8060">
        <f t="shared" si="894"/>
        <v>5</v>
      </c>
      <c r="C8060" s="16">
        <v>8026</v>
      </c>
      <c r="D8060" cm="1">
        <f t="array" ref="D8060">IFERROR(INDEX(Jesper!AH$2:AH$366,ROUNDDOWN($C8060/24,0)+1,1)*INDEX($D$3:$AA$30,INDEX(Jesper!$R$2:$R$366,ROW(INDEX(Jesper!AH$2:AH$366,ROUNDDOWN($C8060/24,0)+1,1))-1)+IF('Standard Profiles'!$G$18=$B$10,7,0)+IF('Standard Profiles'!$G$18=$B$17,14,0)+IF('Standard Profiles'!$G$18=$B$24,21,0),MOD($C8060,24)+1)/SUM(INDEX($D$3:$AA$30,INDEX(Jesper!$R$2:$R$366,ROW(INDEX(Jesper!AH$2:AH$366,ROUNDDOWN($C8060/24,0)+1,1))-1)+IF('Standard Profiles'!$G$18=$B$10,7,0)+IF('Standard Profiles'!$G$18=$B$17,14,0)+IF('Standard Profiles'!$G$18=$B$24,21,0),0)),0)</f>
        <v>34.059442228843672</v>
      </c>
      <c r="E8060" cm="1">
        <f t="array" ref="E8060">IFERROR(INDEX(Jesper!AI$2:AI$366,ROUNDDOWN($C8060/24,0)+1,1)*INDEX($D$3:$AA$30,INDEX(Jesper!$R$2:$R$366,ROW(INDEX(Jesper!AI$2:AI$366,ROUNDDOWN($C8060/24,0)+1,1))-1)+IF('Standard Profiles'!$G$19=$B$10,7,0)+IF('Standard Profiles'!$G$19=$B$17,14,0)+IF('Standard Profiles'!$G$19=$B$24,21,0),MOD($C8060,24)+1)/SUM(INDEX($D$3:$AA$30,INDEX(Jesper!$R$2:$R$366,ROW(INDEX(Jesper!AI$2:AI$366,ROUNDDOWN($C8060/24,0)+1,1))-1)+IF('Standard Profiles'!$G$19=$B$10,7,0)+IF('Standard Profiles'!$G$19=$B$17,14,0)+IF('Standard Profiles'!$G$19=$B$24,21,0),0)),0)</f>
        <v>44.177404253693446</v>
      </c>
      <c r="F8060" cm="1">
        <f t="array" ref="F8060">IFERROR(INDEX(Jesper!AJ$2:AJ$366,ROUNDDOWN($C8060/24,0)+1,1)*INDEX($D$3:$AA$30,INDEX(Jesper!$R$2:$R$366,ROW(INDEX(Jesper!AJ$2:AJ$366,ROUNDDOWN($C8060/24,0)+1,1))-1)+IF('Standard Profiles'!$G$20=$B$10,7,0)+IF('Standard Profiles'!$G$20=$B$17,14,0)+IF('Standard Profiles'!$G$20=$B$24,21,0),MOD($C8060,24)+1)/SUM(INDEX($D$3:$AA$30,INDEX(Jesper!$R$2:$R$366,ROW(INDEX(Jesper!AJ$2:AJ$366,ROUNDDOWN($C8060/24,0)+1,1))-1)+IF('Standard Profiles'!$G$20=$B$10,7,0)+IF('Standard Profiles'!$G$20=$B$17,14,0)+IF('Standard Profiles'!$G$20=$B$24,21,0),0)),0)</f>
        <v>0</v>
      </c>
      <c r="G8060" cm="1">
        <f t="array" ref="G8060">IFERROR(INDEX(Jesper!AK$2:AK$366,ROUNDDOWN($C8060/24,0)+1,1)*INDEX($D$3:$AA$30,INDEX(Jesper!$R$2:$R$366,ROW(INDEX(Jesper!AK$2:AK$366,ROUNDDOWN($C8060/24,0)+1,1))-1)+IF('Standard Profiles'!$G$21=$B$10,7,0)+IF('Standard Profiles'!$G$21=$B$17,14,0)+IF('Standard Profiles'!$G$21=$B$24,21,0),MOD($C8060,24)+1)/SUM(INDEX($D$3:$AA$30,INDEX(Jesper!$R$2:$R$366,ROW(INDEX(Jesper!AK$2:AK$366,ROUNDDOWN($C8060/24,0)+1,1))-1)+IF('Standard Profiles'!$G$21=$B$10,7,0)+IF('Standard Profiles'!$G$21=$B$17,14,0)+IF('Standard Profiles'!$G$21=$B$24,21,0),0)),0)</f>
        <v>41.004378445898837</v>
      </c>
      <c r="H8060" cm="1">
        <f t="array" ref="H8060">IFERROR(INDEX(Jesper!AL$2:AL$366,ROUNDDOWN($C8060/24,0)+1,1)*INDEX($D$3:$AA$30,INDEX(Jesper!$R$2:$R$366,ROW(INDEX(Jesper!AL$2:AL$366,ROUNDDOWN($C8060/24,0)+1,1))-1)+IF('Standard Profiles'!$G$22=$B$10,7,0)+IF('Standard Profiles'!$G$22=$B$17,14,0)+IF('Standard Profiles'!$G$22=$B$24,21,0),MOD($C8060,24)+1)/SUM(INDEX($D$3:$AA$30,INDEX(Jesper!$R$2:$R$366,ROW(INDEX(Jesper!AL$2:AL$366,ROUNDDOWN($C8060/24,0)+1,1))-1)+IF('Standard Profiles'!$G$22=$B$10,7,0)+IF('Standard Profiles'!$G$22=$B$17,14,0)+IF('Standard Profiles'!$G$22=$B$24,21,0),0)),0)</f>
        <v>0</v>
      </c>
      <c r="I8060">
        <f t="shared" si="895"/>
        <v>19.682101654031431</v>
      </c>
      <c r="J8060">
        <f t="shared" si="896"/>
        <v>94.109612517789543</v>
      </c>
      <c r="K8060">
        <f t="shared" si="897"/>
        <v>3.6330071710766587</v>
      </c>
      <c r="L8060">
        <f t="shared" si="898"/>
        <v>1.8165035855383294</v>
      </c>
      <c r="M8060">
        <f t="shared" si="899"/>
        <v>0</v>
      </c>
      <c r="N8060" s="45">
        <f t="shared" si="900"/>
        <v>45261.416666647201</v>
      </c>
    </row>
    <row r="8061" spans="2:14" x14ac:dyDescent="0.25">
      <c r="B8061">
        <f t="shared" si="894"/>
        <v>5</v>
      </c>
      <c r="C8061" s="16">
        <v>8027</v>
      </c>
      <c r="D8061" cm="1">
        <f t="array" ref="D8061">IFERROR(INDEX(Jesper!AH$2:AH$366,ROUNDDOWN($C8061/24,0)+1,1)*INDEX($D$3:$AA$30,INDEX(Jesper!$R$2:$R$366,ROW(INDEX(Jesper!AH$2:AH$366,ROUNDDOWN($C8061/24,0)+1,1))-1)+IF('Standard Profiles'!$G$18=$B$10,7,0)+IF('Standard Profiles'!$G$18=$B$17,14,0)+IF('Standard Profiles'!$G$18=$B$24,21,0),MOD($C8061,24)+1)/SUM(INDEX($D$3:$AA$30,INDEX(Jesper!$R$2:$R$366,ROW(INDEX(Jesper!AH$2:AH$366,ROUNDDOWN($C8061/24,0)+1,1))-1)+IF('Standard Profiles'!$G$18=$B$10,7,0)+IF('Standard Profiles'!$G$18=$B$17,14,0)+IF('Standard Profiles'!$G$18=$B$24,21,0),0)),0)</f>
        <v>40.252068088633436</v>
      </c>
      <c r="E8061" cm="1">
        <f t="array" ref="E8061">IFERROR(INDEX(Jesper!AI$2:AI$366,ROUNDDOWN($C8061/24,0)+1,1)*INDEX($D$3:$AA$30,INDEX(Jesper!$R$2:$R$366,ROW(INDEX(Jesper!AI$2:AI$366,ROUNDDOWN($C8061/24,0)+1,1))-1)+IF('Standard Profiles'!$G$19=$B$10,7,0)+IF('Standard Profiles'!$G$19=$B$17,14,0)+IF('Standard Profiles'!$G$19=$B$24,21,0),MOD($C8061,24)+1)/SUM(INDEX($D$3:$AA$30,INDEX(Jesper!$R$2:$R$366,ROW(INDEX(Jesper!AI$2:AI$366,ROUNDDOWN($C8061/24,0)+1,1))-1)+IF('Standard Profiles'!$G$19=$B$10,7,0)+IF('Standard Profiles'!$G$19=$B$17,14,0)+IF('Standard Profiles'!$G$19=$B$24,21,0),0)),0)</f>
        <v>52.209659572546805</v>
      </c>
      <c r="F8061" cm="1">
        <f t="array" ref="F8061">IFERROR(INDEX(Jesper!AJ$2:AJ$366,ROUNDDOWN($C8061/24,0)+1,1)*INDEX($D$3:$AA$30,INDEX(Jesper!$R$2:$R$366,ROW(INDEX(Jesper!AJ$2:AJ$366,ROUNDDOWN($C8061/24,0)+1,1))-1)+IF('Standard Profiles'!$G$20=$B$10,7,0)+IF('Standard Profiles'!$G$20=$B$17,14,0)+IF('Standard Profiles'!$G$20=$B$24,21,0),MOD($C8061,24)+1)/SUM(INDEX($D$3:$AA$30,INDEX(Jesper!$R$2:$R$366,ROW(INDEX(Jesper!AJ$2:AJ$366,ROUNDDOWN($C8061/24,0)+1,1))-1)+IF('Standard Profiles'!$G$20=$B$10,7,0)+IF('Standard Profiles'!$G$20=$B$17,14,0)+IF('Standard Profiles'!$G$20=$B$24,21,0),0)),0)</f>
        <v>0</v>
      </c>
      <c r="G8061" cm="1">
        <f t="array" ref="G8061">IFERROR(INDEX(Jesper!AK$2:AK$366,ROUNDDOWN($C8061/24,0)+1,1)*INDEX($D$3:$AA$30,INDEX(Jesper!$R$2:$R$366,ROW(INDEX(Jesper!AK$2:AK$366,ROUNDDOWN($C8061/24,0)+1,1))-1)+IF('Standard Profiles'!$G$21=$B$10,7,0)+IF('Standard Profiles'!$G$21=$B$17,14,0)+IF('Standard Profiles'!$G$21=$B$24,21,0),MOD($C8061,24)+1)/SUM(INDEX($D$3:$AA$30,INDEX(Jesper!$R$2:$R$366,ROW(INDEX(Jesper!AK$2:AK$366,ROUNDDOWN($C8061/24,0)+1,1))-1)+IF('Standard Profiles'!$G$21=$B$10,7,0)+IF('Standard Profiles'!$G$21=$B$17,14,0)+IF('Standard Profiles'!$G$21=$B$24,21,0),0)),0)</f>
        <v>48.459719981516805</v>
      </c>
      <c r="H8061" cm="1">
        <f t="array" ref="H8061">IFERROR(INDEX(Jesper!AL$2:AL$366,ROUNDDOWN($C8061/24,0)+1,1)*INDEX($D$3:$AA$30,INDEX(Jesper!$R$2:$R$366,ROW(INDEX(Jesper!AL$2:AL$366,ROUNDDOWN($C8061/24,0)+1,1))-1)+IF('Standard Profiles'!$G$22=$B$10,7,0)+IF('Standard Profiles'!$G$22=$B$17,14,0)+IF('Standard Profiles'!$G$22=$B$24,21,0),MOD($C8061,24)+1)/SUM(INDEX($D$3:$AA$30,INDEX(Jesper!$R$2:$R$366,ROW(INDEX(Jesper!AL$2:AL$366,ROUNDDOWN($C8061/24,0)+1,1))-1)+IF('Standard Profiles'!$G$22=$B$10,7,0)+IF('Standard Profiles'!$G$22=$B$17,14,0)+IF('Standard Profiles'!$G$22=$B$24,21,0),0)),0)</f>
        <v>0</v>
      </c>
      <c r="I8061">
        <f t="shared" si="895"/>
        <v>23.260665591128056</v>
      </c>
      <c r="J8061">
        <f t="shared" si="896"/>
        <v>111.22045115738764</v>
      </c>
      <c r="K8061">
        <f t="shared" si="897"/>
        <v>4.2935539294542338</v>
      </c>
      <c r="L8061">
        <f t="shared" si="898"/>
        <v>2.1467769647271169</v>
      </c>
      <c r="M8061">
        <f t="shared" si="899"/>
        <v>0</v>
      </c>
      <c r="N8061" s="45">
        <f t="shared" si="900"/>
        <v>45261.458333313865</v>
      </c>
    </row>
    <row r="8062" spans="2:14" x14ac:dyDescent="0.25">
      <c r="B8062">
        <f t="shared" si="894"/>
        <v>5</v>
      </c>
      <c r="C8062" s="16">
        <v>8028</v>
      </c>
      <c r="D8062" cm="1">
        <f t="array" ref="D8062">IFERROR(INDEX(Jesper!AH$2:AH$366,ROUNDDOWN($C8062/24,0)+1,1)*INDEX($D$3:$AA$30,INDEX(Jesper!$R$2:$R$366,ROW(INDEX(Jesper!AH$2:AH$366,ROUNDDOWN($C8062/24,0)+1,1))-1)+IF('Standard Profiles'!$G$18=$B$10,7,0)+IF('Standard Profiles'!$G$18=$B$17,14,0)+IF('Standard Profiles'!$G$18=$B$24,21,0),MOD($C8062,24)+1)/SUM(INDEX($D$3:$AA$30,INDEX(Jesper!$R$2:$R$366,ROW(INDEX(Jesper!AH$2:AH$366,ROUNDDOWN($C8062/24,0)+1,1))-1)+IF('Standard Profiles'!$G$18=$B$10,7,0)+IF('Standard Profiles'!$G$18=$B$17,14,0)+IF('Standard Profiles'!$G$18=$B$24,21,0),0)),0)</f>
        <v>40.252068088633436</v>
      </c>
      <c r="E8062" cm="1">
        <f t="array" ref="E8062">IFERROR(INDEX(Jesper!AI$2:AI$366,ROUNDDOWN($C8062/24,0)+1,1)*INDEX($D$3:$AA$30,INDEX(Jesper!$R$2:$R$366,ROW(INDEX(Jesper!AI$2:AI$366,ROUNDDOWN($C8062/24,0)+1,1))-1)+IF('Standard Profiles'!$G$19=$B$10,7,0)+IF('Standard Profiles'!$G$19=$B$17,14,0)+IF('Standard Profiles'!$G$19=$B$24,21,0),MOD($C8062,24)+1)/SUM(INDEX($D$3:$AA$30,INDEX(Jesper!$R$2:$R$366,ROW(INDEX(Jesper!AI$2:AI$366,ROUNDDOWN($C8062/24,0)+1,1))-1)+IF('Standard Profiles'!$G$19=$B$10,7,0)+IF('Standard Profiles'!$G$19=$B$17,14,0)+IF('Standard Profiles'!$G$19=$B$24,21,0),0)),0)</f>
        <v>52.209659572546805</v>
      </c>
      <c r="F8062" cm="1">
        <f t="array" ref="F8062">IFERROR(INDEX(Jesper!AJ$2:AJ$366,ROUNDDOWN($C8062/24,0)+1,1)*INDEX($D$3:$AA$30,INDEX(Jesper!$R$2:$R$366,ROW(INDEX(Jesper!AJ$2:AJ$366,ROUNDDOWN($C8062/24,0)+1,1))-1)+IF('Standard Profiles'!$G$20=$B$10,7,0)+IF('Standard Profiles'!$G$20=$B$17,14,0)+IF('Standard Profiles'!$G$20=$B$24,21,0),MOD($C8062,24)+1)/SUM(INDEX($D$3:$AA$30,INDEX(Jesper!$R$2:$R$366,ROW(INDEX(Jesper!AJ$2:AJ$366,ROUNDDOWN($C8062/24,0)+1,1))-1)+IF('Standard Profiles'!$G$20=$B$10,7,0)+IF('Standard Profiles'!$G$20=$B$17,14,0)+IF('Standard Profiles'!$G$20=$B$24,21,0),0)),0)</f>
        <v>0</v>
      </c>
      <c r="G8062" cm="1">
        <f t="array" ref="G8062">IFERROR(INDEX(Jesper!AK$2:AK$366,ROUNDDOWN($C8062/24,0)+1,1)*INDEX($D$3:$AA$30,INDEX(Jesper!$R$2:$R$366,ROW(INDEX(Jesper!AK$2:AK$366,ROUNDDOWN($C8062/24,0)+1,1))-1)+IF('Standard Profiles'!$G$21=$B$10,7,0)+IF('Standard Profiles'!$G$21=$B$17,14,0)+IF('Standard Profiles'!$G$21=$B$24,21,0),MOD($C8062,24)+1)/SUM(INDEX($D$3:$AA$30,INDEX(Jesper!$R$2:$R$366,ROW(INDEX(Jesper!AK$2:AK$366,ROUNDDOWN($C8062/24,0)+1,1))-1)+IF('Standard Profiles'!$G$21=$B$10,7,0)+IF('Standard Profiles'!$G$21=$B$17,14,0)+IF('Standard Profiles'!$G$21=$B$24,21,0),0)),0)</f>
        <v>48.459719981516805</v>
      </c>
      <c r="H8062" cm="1">
        <f t="array" ref="H8062">IFERROR(INDEX(Jesper!AL$2:AL$366,ROUNDDOWN($C8062/24,0)+1,1)*INDEX($D$3:$AA$30,INDEX(Jesper!$R$2:$R$366,ROW(INDEX(Jesper!AL$2:AL$366,ROUNDDOWN($C8062/24,0)+1,1))-1)+IF('Standard Profiles'!$G$22=$B$10,7,0)+IF('Standard Profiles'!$G$22=$B$17,14,0)+IF('Standard Profiles'!$G$22=$B$24,21,0),MOD($C8062,24)+1)/SUM(INDEX($D$3:$AA$30,INDEX(Jesper!$R$2:$R$366,ROW(INDEX(Jesper!AL$2:AL$366,ROUNDDOWN($C8062/24,0)+1,1))-1)+IF('Standard Profiles'!$G$22=$B$10,7,0)+IF('Standard Profiles'!$G$22=$B$17,14,0)+IF('Standard Profiles'!$G$22=$B$24,21,0),0)),0)</f>
        <v>0</v>
      </c>
      <c r="I8062">
        <f t="shared" si="895"/>
        <v>23.260665591128056</v>
      </c>
      <c r="J8062">
        <f t="shared" si="896"/>
        <v>111.22045115738764</v>
      </c>
      <c r="K8062">
        <f t="shared" si="897"/>
        <v>4.2935539294542338</v>
      </c>
      <c r="L8062">
        <f t="shared" si="898"/>
        <v>2.1467769647271169</v>
      </c>
      <c r="M8062">
        <f t="shared" si="899"/>
        <v>0</v>
      </c>
      <c r="N8062" s="45">
        <f t="shared" si="900"/>
        <v>45261.49999998053</v>
      </c>
    </row>
    <row r="8063" spans="2:14" x14ac:dyDescent="0.25">
      <c r="B8063">
        <f t="shared" si="894"/>
        <v>5</v>
      </c>
      <c r="C8063" s="16">
        <v>8029</v>
      </c>
      <c r="D8063" cm="1">
        <f t="array" ref="D8063">IFERROR(INDEX(Jesper!AH$2:AH$366,ROUNDDOWN($C8063/24,0)+1,1)*INDEX($D$3:$AA$30,INDEX(Jesper!$R$2:$R$366,ROW(INDEX(Jesper!AH$2:AH$366,ROUNDDOWN($C8063/24,0)+1,1))-1)+IF('Standard Profiles'!$G$18=$B$10,7,0)+IF('Standard Profiles'!$G$18=$B$17,14,0)+IF('Standard Profiles'!$G$18=$B$24,21,0),MOD($C8063,24)+1)/SUM(INDEX($D$3:$AA$30,INDEX(Jesper!$R$2:$R$366,ROW(INDEX(Jesper!AH$2:AH$366,ROUNDDOWN($C8063/24,0)+1,1))-1)+IF('Standard Profiles'!$G$18=$B$10,7,0)+IF('Standard Profiles'!$G$18=$B$17,14,0)+IF('Standard Profiles'!$G$18=$B$24,21,0),0)),0)</f>
        <v>27.866816369053915</v>
      </c>
      <c r="E8063" cm="1">
        <f t="array" ref="E8063">IFERROR(INDEX(Jesper!AI$2:AI$366,ROUNDDOWN($C8063/24,0)+1,1)*INDEX($D$3:$AA$30,INDEX(Jesper!$R$2:$R$366,ROW(INDEX(Jesper!AI$2:AI$366,ROUNDDOWN($C8063/24,0)+1,1))-1)+IF('Standard Profiles'!$G$19=$B$10,7,0)+IF('Standard Profiles'!$G$19=$B$17,14,0)+IF('Standard Profiles'!$G$19=$B$24,21,0),MOD($C8063,24)+1)/SUM(INDEX($D$3:$AA$30,INDEX(Jesper!$R$2:$R$366,ROW(INDEX(Jesper!AI$2:AI$366,ROUNDDOWN($C8063/24,0)+1,1))-1)+IF('Standard Profiles'!$G$19=$B$10,7,0)+IF('Standard Profiles'!$G$19=$B$17,14,0)+IF('Standard Profiles'!$G$19=$B$24,21,0),0)),0)</f>
        <v>36.145148934840094</v>
      </c>
      <c r="F8063" cm="1">
        <f t="array" ref="F8063">IFERROR(INDEX(Jesper!AJ$2:AJ$366,ROUNDDOWN($C8063/24,0)+1,1)*INDEX($D$3:$AA$30,INDEX(Jesper!$R$2:$R$366,ROW(INDEX(Jesper!AJ$2:AJ$366,ROUNDDOWN($C8063/24,0)+1,1))-1)+IF('Standard Profiles'!$G$20=$B$10,7,0)+IF('Standard Profiles'!$G$20=$B$17,14,0)+IF('Standard Profiles'!$G$20=$B$24,21,0),MOD($C8063,24)+1)/SUM(INDEX($D$3:$AA$30,INDEX(Jesper!$R$2:$R$366,ROW(INDEX(Jesper!AJ$2:AJ$366,ROUNDDOWN($C8063/24,0)+1,1))-1)+IF('Standard Profiles'!$G$20=$B$10,7,0)+IF('Standard Profiles'!$G$20=$B$17,14,0)+IF('Standard Profiles'!$G$20=$B$24,21,0),0)),0)</f>
        <v>0</v>
      </c>
      <c r="G8063" cm="1">
        <f t="array" ref="G8063">IFERROR(INDEX(Jesper!AK$2:AK$366,ROUNDDOWN($C8063/24,0)+1,1)*INDEX($D$3:$AA$30,INDEX(Jesper!$R$2:$R$366,ROW(INDEX(Jesper!AK$2:AK$366,ROUNDDOWN($C8063/24,0)+1,1))-1)+IF('Standard Profiles'!$G$21=$B$10,7,0)+IF('Standard Profiles'!$G$21=$B$17,14,0)+IF('Standard Profiles'!$G$21=$B$24,21,0),MOD($C8063,24)+1)/SUM(INDEX($D$3:$AA$30,INDEX(Jesper!$R$2:$R$366,ROW(INDEX(Jesper!AK$2:AK$366,ROUNDDOWN($C8063/24,0)+1,1))-1)+IF('Standard Profiles'!$G$21=$B$10,7,0)+IF('Standard Profiles'!$G$21=$B$17,14,0)+IF('Standard Profiles'!$G$21=$B$24,21,0),0)),0)</f>
        <v>33.549036910280869</v>
      </c>
      <c r="H8063" cm="1">
        <f t="array" ref="H8063">IFERROR(INDEX(Jesper!AL$2:AL$366,ROUNDDOWN($C8063/24,0)+1,1)*INDEX($D$3:$AA$30,INDEX(Jesper!$R$2:$R$366,ROW(INDEX(Jesper!AL$2:AL$366,ROUNDDOWN($C8063/24,0)+1,1))-1)+IF('Standard Profiles'!$G$22=$B$10,7,0)+IF('Standard Profiles'!$G$22=$B$17,14,0)+IF('Standard Profiles'!$G$22=$B$24,21,0),MOD($C8063,24)+1)/SUM(INDEX($D$3:$AA$30,INDEX(Jesper!$R$2:$R$366,ROW(INDEX(Jesper!AL$2:AL$366,ROUNDDOWN($C8063/24,0)+1,1))-1)+IF('Standard Profiles'!$G$22=$B$10,7,0)+IF('Standard Profiles'!$G$22=$B$17,14,0)+IF('Standard Profiles'!$G$22=$B$24,21,0),0)),0)</f>
        <v>0</v>
      </c>
      <c r="I8063">
        <f t="shared" si="895"/>
        <v>16.10353771693481</v>
      </c>
      <c r="J8063">
        <f t="shared" si="896"/>
        <v>76.998773878191429</v>
      </c>
      <c r="K8063">
        <f t="shared" si="897"/>
        <v>2.9724604126990846</v>
      </c>
      <c r="L8063">
        <f t="shared" si="898"/>
        <v>1.4862302063495423</v>
      </c>
      <c r="M8063">
        <f t="shared" si="899"/>
        <v>0</v>
      </c>
      <c r="N8063" s="45">
        <f t="shared" si="900"/>
        <v>45261.541666647194</v>
      </c>
    </row>
    <row r="8064" spans="2:14" x14ac:dyDescent="0.25">
      <c r="B8064">
        <f t="shared" si="894"/>
        <v>5</v>
      </c>
      <c r="C8064" s="16">
        <v>8030</v>
      </c>
      <c r="D8064" cm="1">
        <f t="array" ref="D8064">IFERROR(INDEX(Jesper!AH$2:AH$366,ROUNDDOWN($C8064/24,0)+1,1)*INDEX($D$3:$AA$30,INDEX(Jesper!$R$2:$R$366,ROW(INDEX(Jesper!AH$2:AH$366,ROUNDDOWN($C8064/24,0)+1,1))-1)+IF('Standard Profiles'!$G$18=$B$10,7,0)+IF('Standard Profiles'!$G$18=$B$17,14,0)+IF('Standard Profiles'!$G$18=$B$24,21,0),MOD($C8064,24)+1)/SUM(INDEX($D$3:$AA$30,INDEX(Jesper!$R$2:$R$366,ROW(INDEX(Jesper!AH$2:AH$366,ROUNDDOWN($C8064/24,0)+1,1))-1)+IF('Standard Profiles'!$G$18=$B$10,7,0)+IF('Standard Profiles'!$G$18=$B$17,14,0)+IF('Standard Profiles'!$G$18=$B$24,21,0),0)),0)</f>
        <v>40.252068088633436</v>
      </c>
      <c r="E8064" cm="1">
        <f t="array" ref="E8064">IFERROR(INDEX(Jesper!AI$2:AI$366,ROUNDDOWN($C8064/24,0)+1,1)*INDEX($D$3:$AA$30,INDEX(Jesper!$R$2:$R$366,ROW(INDEX(Jesper!AI$2:AI$366,ROUNDDOWN($C8064/24,0)+1,1))-1)+IF('Standard Profiles'!$G$19=$B$10,7,0)+IF('Standard Profiles'!$G$19=$B$17,14,0)+IF('Standard Profiles'!$G$19=$B$24,21,0),MOD($C8064,24)+1)/SUM(INDEX($D$3:$AA$30,INDEX(Jesper!$R$2:$R$366,ROW(INDEX(Jesper!AI$2:AI$366,ROUNDDOWN($C8064/24,0)+1,1))-1)+IF('Standard Profiles'!$G$19=$B$10,7,0)+IF('Standard Profiles'!$G$19=$B$17,14,0)+IF('Standard Profiles'!$G$19=$B$24,21,0),0)),0)</f>
        <v>52.209659572546805</v>
      </c>
      <c r="F8064" cm="1">
        <f t="array" ref="F8064">IFERROR(INDEX(Jesper!AJ$2:AJ$366,ROUNDDOWN($C8064/24,0)+1,1)*INDEX($D$3:$AA$30,INDEX(Jesper!$R$2:$R$366,ROW(INDEX(Jesper!AJ$2:AJ$366,ROUNDDOWN($C8064/24,0)+1,1))-1)+IF('Standard Profiles'!$G$20=$B$10,7,0)+IF('Standard Profiles'!$G$20=$B$17,14,0)+IF('Standard Profiles'!$G$20=$B$24,21,0),MOD($C8064,24)+1)/SUM(INDEX($D$3:$AA$30,INDEX(Jesper!$R$2:$R$366,ROW(INDEX(Jesper!AJ$2:AJ$366,ROUNDDOWN($C8064/24,0)+1,1))-1)+IF('Standard Profiles'!$G$20=$B$10,7,0)+IF('Standard Profiles'!$G$20=$B$17,14,0)+IF('Standard Profiles'!$G$20=$B$24,21,0),0)),0)</f>
        <v>0</v>
      </c>
      <c r="G8064" cm="1">
        <f t="array" ref="G8064">IFERROR(INDEX(Jesper!AK$2:AK$366,ROUNDDOWN($C8064/24,0)+1,1)*INDEX($D$3:$AA$30,INDEX(Jesper!$R$2:$R$366,ROW(INDEX(Jesper!AK$2:AK$366,ROUNDDOWN($C8064/24,0)+1,1))-1)+IF('Standard Profiles'!$G$21=$B$10,7,0)+IF('Standard Profiles'!$G$21=$B$17,14,0)+IF('Standard Profiles'!$G$21=$B$24,21,0),MOD($C8064,24)+1)/SUM(INDEX($D$3:$AA$30,INDEX(Jesper!$R$2:$R$366,ROW(INDEX(Jesper!AK$2:AK$366,ROUNDDOWN($C8064/24,0)+1,1))-1)+IF('Standard Profiles'!$G$21=$B$10,7,0)+IF('Standard Profiles'!$G$21=$B$17,14,0)+IF('Standard Profiles'!$G$21=$B$24,21,0),0)),0)</f>
        <v>48.459719981516805</v>
      </c>
      <c r="H8064" cm="1">
        <f t="array" ref="H8064">IFERROR(INDEX(Jesper!AL$2:AL$366,ROUNDDOWN($C8064/24,0)+1,1)*INDEX($D$3:$AA$30,INDEX(Jesper!$R$2:$R$366,ROW(INDEX(Jesper!AL$2:AL$366,ROUNDDOWN($C8064/24,0)+1,1))-1)+IF('Standard Profiles'!$G$22=$B$10,7,0)+IF('Standard Profiles'!$G$22=$B$17,14,0)+IF('Standard Profiles'!$G$22=$B$24,21,0),MOD($C8064,24)+1)/SUM(INDEX($D$3:$AA$30,INDEX(Jesper!$R$2:$R$366,ROW(INDEX(Jesper!AL$2:AL$366,ROUNDDOWN($C8064/24,0)+1,1))-1)+IF('Standard Profiles'!$G$22=$B$10,7,0)+IF('Standard Profiles'!$G$22=$B$17,14,0)+IF('Standard Profiles'!$G$22=$B$24,21,0),0)),0)</f>
        <v>0</v>
      </c>
      <c r="I8064">
        <f t="shared" si="895"/>
        <v>23.260665591128056</v>
      </c>
      <c r="J8064">
        <f t="shared" si="896"/>
        <v>111.22045115738764</v>
      </c>
      <c r="K8064">
        <f t="shared" si="897"/>
        <v>4.2935539294542338</v>
      </c>
      <c r="L8064">
        <f t="shared" si="898"/>
        <v>2.1467769647271169</v>
      </c>
      <c r="M8064">
        <f t="shared" si="899"/>
        <v>0</v>
      </c>
      <c r="N8064" s="45">
        <f t="shared" si="900"/>
        <v>45261.583333313858</v>
      </c>
    </row>
    <row r="8065" spans="2:14" x14ac:dyDescent="0.25">
      <c r="B8065">
        <f t="shared" si="894"/>
        <v>5</v>
      </c>
      <c r="C8065" s="16">
        <v>8031</v>
      </c>
      <c r="D8065" cm="1">
        <f t="array" ref="D8065">IFERROR(INDEX(Jesper!AH$2:AH$366,ROUNDDOWN($C8065/24,0)+1,1)*INDEX($D$3:$AA$30,INDEX(Jesper!$R$2:$R$366,ROW(INDEX(Jesper!AH$2:AH$366,ROUNDDOWN($C8065/24,0)+1,1))-1)+IF('Standard Profiles'!$G$18=$B$10,7,0)+IF('Standard Profiles'!$G$18=$B$17,14,0)+IF('Standard Profiles'!$G$18=$B$24,21,0),MOD($C8065,24)+1)/SUM(INDEX($D$3:$AA$30,INDEX(Jesper!$R$2:$R$366,ROW(INDEX(Jesper!AH$2:AH$366,ROUNDDOWN($C8065/24,0)+1,1))-1)+IF('Standard Profiles'!$G$18=$B$10,7,0)+IF('Standard Profiles'!$G$18=$B$17,14,0)+IF('Standard Profiles'!$G$18=$B$24,21,0),0)),0)</f>
        <v>30.963129298948797</v>
      </c>
      <c r="E8065" cm="1">
        <f t="array" ref="E8065">IFERROR(INDEX(Jesper!AI$2:AI$366,ROUNDDOWN($C8065/24,0)+1,1)*INDEX($D$3:$AA$30,INDEX(Jesper!$R$2:$R$366,ROW(INDEX(Jesper!AI$2:AI$366,ROUNDDOWN($C8065/24,0)+1,1))-1)+IF('Standard Profiles'!$G$19=$B$10,7,0)+IF('Standard Profiles'!$G$19=$B$17,14,0)+IF('Standard Profiles'!$G$19=$B$24,21,0),MOD($C8065,24)+1)/SUM(INDEX($D$3:$AA$30,INDEX(Jesper!$R$2:$R$366,ROW(INDEX(Jesper!AI$2:AI$366,ROUNDDOWN($C8065/24,0)+1,1))-1)+IF('Standard Profiles'!$G$19=$B$10,7,0)+IF('Standard Profiles'!$G$19=$B$17,14,0)+IF('Standard Profiles'!$G$19=$B$24,21,0),0)),0)</f>
        <v>40.161276594266766</v>
      </c>
      <c r="F8065" cm="1">
        <f t="array" ref="F8065">IFERROR(INDEX(Jesper!AJ$2:AJ$366,ROUNDDOWN($C8065/24,0)+1,1)*INDEX($D$3:$AA$30,INDEX(Jesper!$R$2:$R$366,ROW(INDEX(Jesper!AJ$2:AJ$366,ROUNDDOWN($C8065/24,0)+1,1))-1)+IF('Standard Profiles'!$G$20=$B$10,7,0)+IF('Standard Profiles'!$G$20=$B$17,14,0)+IF('Standard Profiles'!$G$20=$B$24,21,0),MOD($C8065,24)+1)/SUM(INDEX($D$3:$AA$30,INDEX(Jesper!$R$2:$R$366,ROW(INDEX(Jesper!AJ$2:AJ$366,ROUNDDOWN($C8065/24,0)+1,1))-1)+IF('Standard Profiles'!$G$20=$B$10,7,0)+IF('Standard Profiles'!$G$20=$B$17,14,0)+IF('Standard Profiles'!$G$20=$B$24,21,0),0)),0)</f>
        <v>0</v>
      </c>
      <c r="G8065" cm="1">
        <f t="array" ref="G8065">IFERROR(INDEX(Jesper!AK$2:AK$366,ROUNDDOWN($C8065/24,0)+1,1)*INDEX($D$3:$AA$30,INDEX(Jesper!$R$2:$R$366,ROW(INDEX(Jesper!AK$2:AK$366,ROUNDDOWN($C8065/24,0)+1,1))-1)+IF('Standard Profiles'!$G$21=$B$10,7,0)+IF('Standard Profiles'!$G$21=$B$17,14,0)+IF('Standard Profiles'!$G$21=$B$24,21,0),MOD($C8065,24)+1)/SUM(INDEX($D$3:$AA$30,INDEX(Jesper!$R$2:$R$366,ROW(INDEX(Jesper!AK$2:AK$366,ROUNDDOWN($C8065/24,0)+1,1))-1)+IF('Standard Profiles'!$G$21=$B$10,7,0)+IF('Standard Profiles'!$G$21=$B$17,14,0)+IF('Standard Profiles'!$G$21=$B$24,21,0),0)),0)</f>
        <v>41.004378445898837</v>
      </c>
      <c r="H8065" cm="1">
        <f t="array" ref="H8065">IFERROR(INDEX(Jesper!AL$2:AL$366,ROUNDDOWN($C8065/24,0)+1,1)*INDEX($D$3:$AA$30,INDEX(Jesper!$R$2:$R$366,ROW(INDEX(Jesper!AL$2:AL$366,ROUNDDOWN($C8065/24,0)+1,1))-1)+IF('Standard Profiles'!$G$22=$B$10,7,0)+IF('Standard Profiles'!$G$22=$B$17,14,0)+IF('Standard Profiles'!$G$22=$B$24,21,0),MOD($C8065,24)+1)/SUM(INDEX($D$3:$AA$30,INDEX(Jesper!$R$2:$R$366,ROW(INDEX(Jesper!AL$2:AL$366,ROUNDDOWN($C8065/24,0)+1,1))-1)+IF('Standard Profiles'!$G$22=$B$10,7,0)+IF('Standard Profiles'!$G$22=$B$17,14,0)+IF('Standard Profiles'!$G$22=$B$24,21,0),0)),0)</f>
        <v>0</v>
      </c>
      <c r="I8065">
        <f t="shared" si="895"/>
        <v>19.682101654031431</v>
      </c>
      <c r="J8065">
        <f t="shared" si="896"/>
        <v>87.492581997251165</v>
      </c>
      <c r="K8065">
        <f t="shared" si="897"/>
        <v>3.3027337918878721</v>
      </c>
      <c r="L8065">
        <f t="shared" si="898"/>
        <v>1.651366895943936</v>
      </c>
      <c r="M8065">
        <f t="shared" si="899"/>
        <v>0</v>
      </c>
      <c r="N8065" s="45">
        <f t="shared" si="900"/>
        <v>45261.624999980522</v>
      </c>
    </row>
    <row r="8066" spans="2:14" x14ac:dyDescent="0.25">
      <c r="B8066">
        <f t="shared" si="894"/>
        <v>5</v>
      </c>
      <c r="C8066" s="16">
        <v>8032</v>
      </c>
      <c r="D8066" cm="1">
        <f t="array" ref="D8066">IFERROR(INDEX(Jesper!AH$2:AH$366,ROUNDDOWN($C8066/24,0)+1,1)*INDEX($D$3:$AA$30,INDEX(Jesper!$R$2:$R$366,ROW(INDEX(Jesper!AH$2:AH$366,ROUNDDOWN($C8066/24,0)+1,1))-1)+IF('Standard Profiles'!$G$18=$B$10,7,0)+IF('Standard Profiles'!$G$18=$B$17,14,0)+IF('Standard Profiles'!$G$18=$B$24,21,0),MOD($C8066,24)+1)/SUM(INDEX($D$3:$AA$30,INDEX(Jesper!$R$2:$R$366,ROW(INDEX(Jesper!AH$2:AH$366,ROUNDDOWN($C8066/24,0)+1,1))-1)+IF('Standard Profiles'!$G$18=$B$10,7,0)+IF('Standard Profiles'!$G$18=$B$17,14,0)+IF('Standard Profiles'!$G$18=$B$24,21,0),0)),0)</f>
        <v>14.536680422041687</v>
      </c>
      <c r="E8066" cm="1">
        <f t="array" ref="E8066">IFERROR(INDEX(Jesper!AI$2:AI$366,ROUNDDOWN($C8066/24,0)+1,1)*INDEX($D$3:$AA$30,INDEX(Jesper!$R$2:$R$366,ROW(INDEX(Jesper!AI$2:AI$366,ROUNDDOWN($C8066/24,0)+1,1))-1)+IF('Standard Profiles'!$G$19=$B$10,7,0)+IF('Standard Profiles'!$G$19=$B$17,14,0)+IF('Standard Profiles'!$G$19=$B$24,21,0),MOD($C8066,24)+1)/SUM(INDEX($D$3:$AA$30,INDEX(Jesper!$R$2:$R$366,ROW(INDEX(Jesper!AI$2:AI$366,ROUNDDOWN($C8066/24,0)+1,1))-1)+IF('Standard Profiles'!$G$19=$B$10,7,0)+IF('Standard Profiles'!$G$19=$B$17,14,0)+IF('Standard Profiles'!$G$19=$B$24,21,0),0)),0)</f>
        <v>18.855059433928062</v>
      </c>
      <c r="F8066" cm="1">
        <f t="array" ref="F8066">IFERROR(INDEX(Jesper!AJ$2:AJ$366,ROUNDDOWN($C8066/24,0)+1,1)*INDEX($D$3:$AA$30,INDEX(Jesper!$R$2:$R$366,ROW(INDEX(Jesper!AJ$2:AJ$366,ROUNDDOWN($C8066/24,0)+1,1))-1)+IF('Standard Profiles'!$G$20=$B$10,7,0)+IF('Standard Profiles'!$G$20=$B$17,14,0)+IF('Standard Profiles'!$G$20=$B$24,21,0),MOD($C8066,24)+1)/SUM(INDEX($D$3:$AA$30,INDEX(Jesper!$R$2:$R$366,ROW(INDEX(Jesper!AJ$2:AJ$366,ROUNDDOWN($C8066/24,0)+1,1))-1)+IF('Standard Profiles'!$G$20=$B$10,7,0)+IF('Standard Profiles'!$G$20=$B$17,14,0)+IF('Standard Profiles'!$G$20=$B$24,21,0),0)),0)</f>
        <v>0</v>
      </c>
      <c r="G8066" cm="1">
        <f t="array" ref="G8066">IFERROR(INDEX(Jesper!AK$2:AK$366,ROUNDDOWN($C8066/24,0)+1,1)*INDEX($D$3:$AA$30,INDEX(Jesper!$R$2:$R$366,ROW(INDEX(Jesper!AK$2:AK$366,ROUNDDOWN($C8066/24,0)+1,1))-1)+IF('Standard Profiles'!$G$21=$B$10,7,0)+IF('Standard Profiles'!$G$21=$B$17,14,0)+IF('Standard Profiles'!$G$21=$B$24,21,0),MOD($C8066,24)+1)/SUM(INDEX($D$3:$AA$30,INDEX(Jesper!$R$2:$R$366,ROW(INDEX(Jesper!AK$2:AK$366,ROUNDDOWN($C8066/24,0)+1,1))-1)+IF('Standard Profiles'!$G$21=$B$10,7,0)+IF('Standard Profiles'!$G$21=$B$17,14,0)+IF('Standard Profiles'!$G$21=$B$24,21,0),0)),0)</f>
        <v>35.501626360085581</v>
      </c>
      <c r="H8066" cm="1">
        <f t="array" ref="H8066">IFERROR(INDEX(Jesper!AL$2:AL$366,ROUNDDOWN($C8066/24,0)+1,1)*INDEX($D$3:$AA$30,INDEX(Jesper!$R$2:$R$366,ROW(INDEX(Jesper!AL$2:AL$366,ROUNDDOWN($C8066/24,0)+1,1))-1)+IF('Standard Profiles'!$G$22=$B$10,7,0)+IF('Standard Profiles'!$G$22=$B$17,14,0)+IF('Standard Profiles'!$G$22=$B$24,21,0),MOD($C8066,24)+1)/SUM(INDEX($D$3:$AA$30,INDEX(Jesper!$R$2:$R$366,ROW(INDEX(Jesper!AL$2:AL$366,ROUNDDOWN($C8066/24,0)+1,1))-1)+IF('Standard Profiles'!$G$22=$B$10,7,0)+IF('Standard Profiles'!$G$22=$B$17,14,0)+IF('Standard Profiles'!$G$22=$B$24,21,0),0)),0)</f>
        <v>0</v>
      </c>
      <c r="I8066">
        <f t="shared" si="895"/>
        <v>17.040780652841072</v>
      </c>
      <c r="J8066">
        <f t="shared" si="896"/>
        <v>49.52671669568759</v>
      </c>
      <c r="K8066">
        <f t="shared" si="897"/>
        <v>1.55057924501778</v>
      </c>
      <c r="L8066">
        <f t="shared" si="898"/>
        <v>0.77528962250889</v>
      </c>
      <c r="M8066">
        <f t="shared" si="899"/>
        <v>0</v>
      </c>
      <c r="N8066" s="45">
        <f t="shared" si="900"/>
        <v>45261.666666647187</v>
      </c>
    </row>
    <row r="8067" spans="2:14" x14ac:dyDescent="0.25">
      <c r="B8067">
        <f t="shared" si="894"/>
        <v>5</v>
      </c>
      <c r="C8067" s="16">
        <v>8033</v>
      </c>
      <c r="D8067" cm="1">
        <f t="array" ref="D8067">IFERROR(INDEX(Jesper!AH$2:AH$366,ROUNDDOWN($C8067/24,0)+1,1)*INDEX($D$3:$AA$30,INDEX(Jesper!$R$2:$R$366,ROW(INDEX(Jesper!AH$2:AH$366,ROUNDDOWN($C8067/24,0)+1,1))-1)+IF('Standard Profiles'!$G$18=$B$10,7,0)+IF('Standard Profiles'!$G$18=$B$17,14,0)+IF('Standard Profiles'!$G$18=$B$24,21,0),MOD($C8067,24)+1)/SUM(INDEX($D$3:$AA$30,INDEX(Jesper!$R$2:$R$366,ROW(INDEX(Jesper!AH$2:AH$366,ROUNDDOWN($C8067/24,0)+1,1))-1)+IF('Standard Profiles'!$G$18=$B$10,7,0)+IF('Standard Profiles'!$G$18=$B$17,14,0)+IF('Standard Profiles'!$G$18=$B$24,21,0),0)),0)</f>
        <v>9.5942090785475145</v>
      </c>
      <c r="E8067" cm="1">
        <f t="array" ref="E8067">IFERROR(INDEX(Jesper!AI$2:AI$366,ROUNDDOWN($C8067/24,0)+1,1)*INDEX($D$3:$AA$30,INDEX(Jesper!$R$2:$R$366,ROW(INDEX(Jesper!AI$2:AI$366,ROUNDDOWN($C8067/24,0)+1,1))-1)+IF('Standard Profiles'!$G$19=$B$10,7,0)+IF('Standard Profiles'!$G$19=$B$17,14,0)+IF('Standard Profiles'!$G$19=$B$24,21,0),MOD($C8067,24)+1)/SUM(INDEX($D$3:$AA$30,INDEX(Jesper!$R$2:$R$366,ROW(INDEX(Jesper!AI$2:AI$366,ROUNDDOWN($C8067/24,0)+1,1))-1)+IF('Standard Profiles'!$G$19=$B$10,7,0)+IF('Standard Profiles'!$G$19=$B$17,14,0)+IF('Standard Profiles'!$G$19=$B$24,21,0),0)),0)</f>
        <v>12.44433922639252</v>
      </c>
      <c r="F8067" cm="1">
        <f t="array" ref="F8067">IFERROR(INDEX(Jesper!AJ$2:AJ$366,ROUNDDOWN($C8067/24,0)+1,1)*INDEX($D$3:$AA$30,INDEX(Jesper!$R$2:$R$366,ROW(INDEX(Jesper!AJ$2:AJ$366,ROUNDDOWN($C8067/24,0)+1,1))-1)+IF('Standard Profiles'!$G$20=$B$10,7,0)+IF('Standard Profiles'!$G$20=$B$17,14,0)+IF('Standard Profiles'!$G$20=$B$24,21,0),MOD($C8067,24)+1)/SUM(INDEX($D$3:$AA$30,INDEX(Jesper!$R$2:$R$366,ROW(INDEX(Jesper!AJ$2:AJ$366,ROUNDDOWN($C8067/24,0)+1,1))-1)+IF('Standard Profiles'!$G$20=$B$10,7,0)+IF('Standard Profiles'!$G$20=$B$17,14,0)+IF('Standard Profiles'!$G$20=$B$24,21,0),0)),0)</f>
        <v>0</v>
      </c>
      <c r="G8067" cm="1">
        <f t="array" ref="G8067">IFERROR(INDEX(Jesper!AK$2:AK$366,ROUNDDOWN($C8067/24,0)+1,1)*INDEX($D$3:$AA$30,INDEX(Jesper!$R$2:$R$366,ROW(INDEX(Jesper!AK$2:AK$366,ROUNDDOWN($C8067/24,0)+1,1))-1)+IF('Standard Profiles'!$G$21=$B$10,7,0)+IF('Standard Profiles'!$G$21=$B$17,14,0)+IF('Standard Profiles'!$G$21=$B$24,21,0),MOD($C8067,24)+1)/SUM(INDEX($D$3:$AA$30,INDEX(Jesper!$R$2:$R$366,ROW(INDEX(Jesper!AK$2:AK$366,ROUNDDOWN($C8067/24,0)+1,1))-1)+IF('Standard Profiles'!$G$21=$B$10,7,0)+IF('Standard Profiles'!$G$21=$B$17,14,0)+IF('Standard Profiles'!$G$21=$B$24,21,0),0)),0)</f>
        <v>29.821366142471881</v>
      </c>
      <c r="H8067" cm="1">
        <f t="array" ref="H8067">IFERROR(INDEX(Jesper!AL$2:AL$366,ROUNDDOWN($C8067/24,0)+1,1)*INDEX($D$3:$AA$30,INDEX(Jesper!$R$2:$R$366,ROW(INDEX(Jesper!AL$2:AL$366,ROUNDDOWN($C8067/24,0)+1,1))-1)+IF('Standard Profiles'!$G$22=$B$10,7,0)+IF('Standard Profiles'!$G$22=$B$17,14,0)+IF('Standard Profiles'!$G$22=$B$24,21,0),MOD($C8067,24)+1)/SUM(INDEX($D$3:$AA$30,INDEX(Jesper!$R$2:$R$366,ROW(INDEX(Jesper!AL$2:AL$366,ROUNDDOWN($C8067/24,0)+1,1))-1)+IF('Standard Profiles'!$G$22=$B$10,7,0)+IF('Standard Profiles'!$G$22=$B$17,14,0)+IF('Standard Profiles'!$G$22=$B$24,21,0),0)),0)</f>
        <v>0</v>
      </c>
      <c r="I8067">
        <f t="shared" si="895"/>
        <v>14.314255748386495</v>
      </c>
      <c r="J8067">
        <f t="shared" si="896"/>
        <v>36.010585246457822</v>
      </c>
      <c r="K8067">
        <f t="shared" si="897"/>
        <v>1.0233823017117349</v>
      </c>
      <c r="L8067">
        <f t="shared" si="898"/>
        <v>0.51169115085586747</v>
      </c>
      <c r="M8067">
        <f t="shared" si="899"/>
        <v>0</v>
      </c>
      <c r="N8067" s="45">
        <f t="shared" si="900"/>
        <v>45261.708333313851</v>
      </c>
    </row>
    <row r="8068" spans="2:14" x14ac:dyDescent="0.25">
      <c r="B8068">
        <f t="shared" si="894"/>
        <v>5</v>
      </c>
      <c r="C8068" s="16">
        <v>8034</v>
      </c>
      <c r="D8068" cm="1">
        <f t="array" ref="D8068">IFERROR(INDEX(Jesper!AH$2:AH$366,ROUNDDOWN($C8068/24,0)+1,1)*INDEX($D$3:$AA$30,INDEX(Jesper!$R$2:$R$366,ROW(INDEX(Jesper!AH$2:AH$366,ROUNDDOWN($C8068/24,0)+1,1))-1)+IF('Standard Profiles'!$G$18=$B$10,7,0)+IF('Standard Profiles'!$G$18=$B$17,14,0)+IF('Standard Profiles'!$G$18=$B$24,21,0),MOD($C8068,24)+1)/SUM(INDEX($D$3:$AA$30,INDEX(Jesper!$R$2:$R$366,ROW(INDEX(Jesper!AH$2:AH$366,ROUNDDOWN($C8068/24,0)+1,1))-1)+IF('Standard Profiles'!$G$18=$B$10,7,0)+IF('Standard Profiles'!$G$18=$B$17,14,0)+IF('Standard Profiles'!$G$18=$B$24,21,0),0)),0)</f>
        <v>6.1054057772575083</v>
      </c>
      <c r="E8068" cm="1">
        <f t="array" ref="E8068">IFERROR(INDEX(Jesper!AI$2:AI$366,ROUNDDOWN($C8068/24,0)+1,1)*INDEX($D$3:$AA$30,INDEX(Jesper!$R$2:$R$366,ROW(INDEX(Jesper!AI$2:AI$366,ROUNDDOWN($C8068/24,0)+1,1))-1)+IF('Standard Profiles'!$G$19=$B$10,7,0)+IF('Standard Profiles'!$G$19=$B$17,14,0)+IF('Standard Profiles'!$G$19=$B$24,21,0),MOD($C8068,24)+1)/SUM(INDEX($D$3:$AA$30,INDEX(Jesper!$R$2:$R$366,ROW(INDEX(Jesper!AI$2:AI$366,ROUNDDOWN($C8068/24,0)+1,1))-1)+IF('Standard Profiles'!$G$19=$B$10,7,0)+IF('Standard Profiles'!$G$19=$B$17,14,0)+IF('Standard Profiles'!$G$19=$B$24,21,0),0)),0)</f>
        <v>7.9191249622497857</v>
      </c>
      <c r="F8068" cm="1">
        <f t="array" ref="F8068">IFERROR(INDEX(Jesper!AJ$2:AJ$366,ROUNDDOWN($C8068/24,0)+1,1)*INDEX($D$3:$AA$30,INDEX(Jesper!$R$2:$R$366,ROW(INDEX(Jesper!AJ$2:AJ$366,ROUNDDOWN($C8068/24,0)+1,1))-1)+IF('Standard Profiles'!$G$20=$B$10,7,0)+IF('Standard Profiles'!$G$20=$B$17,14,0)+IF('Standard Profiles'!$G$20=$B$24,21,0),MOD($C8068,24)+1)/SUM(INDEX($D$3:$AA$30,INDEX(Jesper!$R$2:$R$366,ROW(INDEX(Jesper!AJ$2:AJ$366,ROUNDDOWN($C8068/24,0)+1,1))-1)+IF('Standard Profiles'!$G$20=$B$10,7,0)+IF('Standard Profiles'!$G$20=$B$17,14,0)+IF('Standard Profiles'!$G$20=$B$24,21,0),0)),0)</f>
        <v>0</v>
      </c>
      <c r="G8068" cm="1">
        <f t="array" ref="G8068">IFERROR(INDEX(Jesper!AK$2:AK$366,ROUNDDOWN($C8068/24,0)+1,1)*INDEX($D$3:$AA$30,INDEX(Jesper!$R$2:$R$366,ROW(INDEX(Jesper!AK$2:AK$366,ROUNDDOWN($C8068/24,0)+1,1))-1)+IF('Standard Profiles'!$G$21=$B$10,7,0)+IF('Standard Profiles'!$G$21=$B$17,14,0)+IF('Standard Profiles'!$G$21=$B$24,21,0),MOD($C8068,24)+1)/SUM(INDEX($D$3:$AA$30,INDEX(Jesper!$R$2:$R$366,ROW(INDEX(Jesper!AK$2:AK$366,ROUNDDOWN($C8068/24,0)+1,1))-1)+IF('Standard Profiles'!$G$21=$B$10,7,0)+IF('Standard Profiles'!$G$21=$B$17,14,0)+IF('Standard Profiles'!$G$21=$B$24,21,0),0)),0)</f>
        <v>11.005504171626526</v>
      </c>
      <c r="H8068" cm="1">
        <f t="array" ref="H8068">IFERROR(INDEX(Jesper!AL$2:AL$366,ROUNDDOWN($C8068/24,0)+1,1)*INDEX($D$3:$AA$30,INDEX(Jesper!$R$2:$R$366,ROW(INDEX(Jesper!AL$2:AL$366,ROUNDDOWN($C8068/24,0)+1,1))-1)+IF('Standard Profiles'!$G$22=$B$10,7,0)+IF('Standard Profiles'!$G$22=$B$17,14,0)+IF('Standard Profiles'!$G$22=$B$24,21,0),MOD($C8068,24)+1)/SUM(INDEX($D$3:$AA$30,INDEX(Jesper!$R$2:$R$366,ROW(INDEX(Jesper!AL$2:AL$366,ROUNDDOWN($C8068/24,0)+1,1))-1)+IF('Standard Profiles'!$G$22=$B$10,7,0)+IF('Standard Profiles'!$G$22=$B$17,14,0)+IF('Standard Profiles'!$G$22=$B$24,21,0),0)),0)</f>
        <v>0</v>
      </c>
      <c r="I8068">
        <f t="shared" si="895"/>
        <v>5.2826420023807303</v>
      </c>
      <c r="J8068">
        <f t="shared" si="896"/>
        <v>18.77052798439189</v>
      </c>
      <c r="K8068">
        <f t="shared" si="897"/>
        <v>0.65124328290746758</v>
      </c>
      <c r="L8068">
        <f t="shared" si="898"/>
        <v>0.32562164145373379</v>
      </c>
      <c r="M8068">
        <f t="shared" si="899"/>
        <v>0</v>
      </c>
      <c r="N8068" s="45">
        <f t="shared" si="900"/>
        <v>45261.749999980515</v>
      </c>
    </row>
    <row r="8069" spans="2:14" x14ac:dyDescent="0.25">
      <c r="B8069">
        <f t="shared" si="894"/>
        <v>5</v>
      </c>
      <c r="C8069" s="16">
        <v>8035</v>
      </c>
      <c r="D8069" cm="1">
        <f t="array" ref="D8069">IFERROR(INDEX(Jesper!AH$2:AH$366,ROUNDDOWN($C8069/24,0)+1,1)*INDEX($D$3:$AA$30,INDEX(Jesper!$R$2:$R$366,ROW(INDEX(Jesper!AH$2:AH$366,ROUNDDOWN($C8069/24,0)+1,1))-1)+IF('Standard Profiles'!$G$18=$B$10,7,0)+IF('Standard Profiles'!$G$18=$B$17,14,0)+IF('Standard Profiles'!$G$18=$B$24,21,0),MOD($C8069,24)+1)/SUM(INDEX($D$3:$AA$30,INDEX(Jesper!$R$2:$R$366,ROW(INDEX(Jesper!AH$2:AH$366,ROUNDDOWN($C8069/24,0)+1,1))-1)+IF('Standard Profiles'!$G$18=$B$10,7,0)+IF('Standard Profiles'!$G$18=$B$17,14,0)+IF('Standard Profiles'!$G$18=$B$24,21,0),0)),0)</f>
        <v>5.8146721688166751</v>
      </c>
      <c r="E8069" cm="1">
        <f t="array" ref="E8069">IFERROR(INDEX(Jesper!AI$2:AI$366,ROUNDDOWN($C8069/24,0)+1,1)*INDEX($D$3:$AA$30,INDEX(Jesper!$R$2:$R$366,ROW(INDEX(Jesper!AI$2:AI$366,ROUNDDOWN($C8069/24,0)+1,1))-1)+IF('Standard Profiles'!$G$19=$B$10,7,0)+IF('Standard Profiles'!$G$19=$B$17,14,0)+IF('Standard Profiles'!$G$19=$B$24,21,0),MOD($C8069,24)+1)/SUM(INDEX($D$3:$AA$30,INDEX(Jesper!$R$2:$R$366,ROW(INDEX(Jesper!AI$2:AI$366,ROUNDDOWN($C8069/24,0)+1,1))-1)+IF('Standard Profiles'!$G$19=$B$10,7,0)+IF('Standard Profiles'!$G$19=$B$17,14,0)+IF('Standard Profiles'!$G$19=$B$24,21,0),0)),0)</f>
        <v>7.5420237735712252</v>
      </c>
      <c r="F8069" cm="1">
        <f t="array" ref="F8069">IFERROR(INDEX(Jesper!AJ$2:AJ$366,ROUNDDOWN($C8069/24,0)+1,1)*INDEX($D$3:$AA$30,INDEX(Jesper!$R$2:$R$366,ROW(INDEX(Jesper!AJ$2:AJ$366,ROUNDDOWN($C8069/24,0)+1,1))-1)+IF('Standard Profiles'!$G$20=$B$10,7,0)+IF('Standard Profiles'!$G$20=$B$17,14,0)+IF('Standard Profiles'!$G$20=$B$24,21,0),MOD($C8069,24)+1)/SUM(INDEX($D$3:$AA$30,INDEX(Jesper!$R$2:$R$366,ROW(INDEX(Jesper!AJ$2:AJ$366,ROUNDDOWN($C8069/24,0)+1,1))-1)+IF('Standard Profiles'!$G$20=$B$10,7,0)+IF('Standard Profiles'!$G$20=$B$17,14,0)+IF('Standard Profiles'!$G$20=$B$24,21,0),0)),0)</f>
        <v>0</v>
      </c>
      <c r="G8069" cm="1">
        <f t="array" ref="G8069">IFERROR(INDEX(Jesper!AK$2:AK$366,ROUNDDOWN($C8069/24,0)+1,1)*INDEX($D$3:$AA$30,INDEX(Jesper!$R$2:$R$366,ROW(INDEX(Jesper!AK$2:AK$366,ROUNDDOWN($C8069/24,0)+1,1))-1)+IF('Standard Profiles'!$G$21=$B$10,7,0)+IF('Standard Profiles'!$G$21=$B$17,14,0)+IF('Standard Profiles'!$G$21=$B$24,21,0),MOD($C8069,24)+1)/SUM(INDEX($D$3:$AA$30,INDEX(Jesper!$R$2:$R$366,ROW(INDEX(Jesper!AK$2:AK$366,ROUNDDOWN($C8069/24,0)+1,1))-1)+IF('Standard Profiles'!$G$21=$B$10,7,0)+IF('Standard Profiles'!$G$21=$B$17,14,0)+IF('Standard Profiles'!$G$21=$B$24,21,0),0)),0)</f>
        <v>11.005504171626526</v>
      </c>
      <c r="H8069" cm="1">
        <f t="array" ref="H8069">IFERROR(INDEX(Jesper!AL$2:AL$366,ROUNDDOWN($C8069/24,0)+1,1)*INDEX($D$3:$AA$30,INDEX(Jesper!$R$2:$R$366,ROW(INDEX(Jesper!AL$2:AL$366,ROUNDDOWN($C8069/24,0)+1,1))-1)+IF('Standard Profiles'!$G$22=$B$10,7,0)+IF('Standard Profiles'!$G$22=$B$17,14,0)+IF('Standard Profiles'!$G$22=$B$24,21,0),MOD($C8069,24)+1)/SUM(INDEX($D$3:$AA$30,INDEX(Jesper!$R$2:$R$366,ROW(INDEX(Jesper!AL$2:AL$366,ROUNDDOWN($C8069/24,0)+1,1))-1)+IF('Standard Profiles'!$G$22=$B$10,7,0)+IF('Standard Profiles'!$G$22=$B$17,14,0)+IF('Standard Profiles'!$G$22=$B$24,21,0),0)),0)</f>
        <v>0</v>
      </c>
      <c r="I8069">
        <f t="shared" si="895"/>
        <v>5.2826420023807303</v>
      </c>
      <c r="J8069">
        <f t="shared" si="896"/>
        <v>18.149210564623029</v>
      </c>
      <c r="K8069">
        <f t="shared" si="897"/>
        <v>0.62023169800711209</v>
      </c>
      <c r="L8069">
        <f t="shared" si="898"/>
        <v>0.31011584900355604</v>
      </c>
      <c r="M8069">
        <f t="shared" si="899"/>
        <v>0</v>
      </c>
      <c r="N8069" s="45">
        <f t="shared" si="900"/>
        <v>45261.791666647179</v>
      </c>
    </row>
    <row r="8070" spans="2:14" x14ac:dyDescent="0.25">
      <c r="B8070">
        <f t="shared" si="894"/>
        <v>5</v>
      </c>
      <c r="C8070" s="16">
        <v>8036</v>
      </c>
      <c r="D8070" cm="1">
        <f t="array" ref="D8070">IFERROR(INDEX(Jesper!AH$2:AH$366,ROUNDDOWN($C8070/24,0)+1,1)*INDEX($D$3:$AA$30,INDEX(Jesper!$R$2:$R$366,ROW(INDEX(Jesper!AH$2:AH$366,ROUNDDOWN($C8070/24,0)+1,1))-1)+IF('Standard Profiles'!$G$18=$B$10,7,0)+IF('Standard Profiles'!$G$18=$B$17,14,0)+IF('Standard Profiles'!$G$18=$B$24,21,0),MOD($C8070,24)+1)/SUM(INDEX($D$3:$AA$30,INDEX(Jesper!$R$2:$R$366,ROW(INDEX(Jesper!AH$2:AH$366,ROUNDDOWN($C8070/24,0)+1,1))-1)+IF('Standard Profiles'!$G$18=$B$10,7,0)+IF('Standard Profiles'!$G$18=$B$17,14,0)+IF('Standard Profiles'!$G$18=$B$24,21,0),0)),0)</f>
        <v>5.8146721688166751</v>
      </c>
      <c r="E8070" cm="1">
        <f t="array" ref="E8070">IFERROR(INDEX(Jesper!AI$2:AI$366,ROUNDDOWN($C8070/24,0)+1,1)*INDEX($D$3:$AA$30,INDEX(Jesper!$R$2:$R$366,ROW(INDEX(Jesper!AI$2:AI$366,ROUNDDOWN($C8070/24,0)+1,1))-1)+IF('Standard Profiles'!$G$19=$B$10,7,0)+IF('Standard Profiles'!$G$19=$B$17,14,0)+IF('Standard Profiles'!$G$19=$B$24,21,0),MOD($C8070,24)+1)/SUM(INDEX($D$3:$AA$30,INDEX(Jesper!$R$2:$R$366,ROW(INDEX(Jesper!AI$2:AI$366,ROUNDDOWN($C8070/24,0)+1,1))-1)+IF('Standard Profiles'!$G$19=$B$10,7,0)+IF('Standard Profiles'!$G$19=$B$17,14,0)+IF('Standard Profiles'!$G$19=$B$24,21,0),0)),0)</f>
        <v>7.5420237735712252</v>
      </c>
      <c r="F8070" cm="1">
        <f t="array" ref="F8070">IFERROR(INDEX(Jesper!AJ$2:AJ$366,ROUNDDOWN($C8070/24,0)+1,1)*INDEX($D$3:$AA$30,INDEX(Jesper!$R$2:$R$366,ROW(INDEX(Jesper!AJ$2:AJ$366,ROUNDDOWN($C8070/24,0)+1,1))-1)+IF('Standard Profiles'!$G$20=$B$10,7,0)+IF('Standard Profiles'!$G$20=$B$17,14,0)+IF('Standard Profiles'!$G$20=$B$24,21,0),MOD($C8070,24)+1)/SUM(INDEX($D$3:$AA$30,INDEX(Jesper!$R$2:$R$366,ROW(INDEX(Jesper!AJ$2:AJ$366,ROUNDDOWN($C8070/24,0)+1,1))-1)+IF('Standard Profiles'!$G$20=$B$10,7,0)+IF('Standard Profiles'!$G$20=$B$17,14,0)+IF('Standard Profiles'!$G$20=$B$24,21,0),0)),0)</f>
        <v>0</v>
      </c>
      <c r="G8070" cm="1">
        <f t="array" ref="G8070">IFERROR(INDEX(Jesper!AK$2:AK$366,ROUNDDOWN($C8070/24,0)+1,1)*INDEX($D$3:$AA$30,INDEX(Jesper!$R$2:$R$366,ROW(INDEX(Jesper!AK$2:AK$366,ROUNDDOWN($C8070/24,0)+1,1))-1)+IF('Standard Profiles'!$G$21=$B$10,7,0)+IF('Standard Profiles'!$G$21=$B$17,14,0)+IF('Standard Profiles'!$G$21=$B$24,21,0),MOD($C8070,24)+1)/SUM(INDEX($D$3:$AA$30,INDEX(Jesper!$R$2:$R$366,ROW(INDEX(Jesper!AK$2:AK$366,ROUNDDOWN($C8070/24,0)+1,1))-1)+IF('Standard Profiles'!$G$21=$B$10,7,0)+IF('Standard Profiles'!$G$21=$B$17,14,0)+IF('Standard Profiles'!$G$21=$B$24,21,0),0)),0)</f>
        <v>11.005504171626526</v>
      </c>
      <c r="H8070" cm="1">
        <f t="array" ref="H8070">IFERROR(INDEX(Jesper!AL$2:AL$366,ROUNDDOWN($C8070/24,0)+1,1)*INDEX($D$3:$AA$30,INDEX(Jesper!$R$2:$R$366,ROW(INDEX(Jesper!AL$2:AL$366,ROUNDDOWN($C8070/24,0)+1,1))-1)+IF('Standard Profiles'!$G$22=$B$10,7,0)+IF('Standard Profiles'!$G$22=$B$17,14,0)+IF('Standard Profiles'!$G$22=$B$24,21,0),MOD($C8070,24)+1)/SUM(INDEX($D$3:$AA$30,INDEX(Jesper!$R$2:$R$366,ROW(INDEX(Jesper!AL$2:AL$366,ROUNDDOWN($C8070/24,0)+1,1))-1)+IF('Standard Profiles'!$G$22=$B$10,7,0)+IF('Standard Profiles'!$G$22=$B$17,14,0)+IF('Standard Profiles'!$G$22=$B$24,21,0),0)),0)</f>
        <v>0</v>
      </c>
      <c r="I8070">
        <f t="shared" si="895"/>
        <v>5.2826420023807303</v>
      </c>
      <c r="J8070">
        <f t="shared" si="896"/>
        <v>18.149210564623029</v>
      </c>
      <c r="K8070">
        <f t="shared" si="897"/>
        <v>0.62023169800711209</v>
      </c>
      <c r="L8070">
        <f t="shared" si="898"/>
        <v>0.31011584900355604</v>
      </c>
      <c r="M8070">
        <f t="shared" si="899"/>
        <v>0</v>
      </c>
      <c r="N8070" s="45">
        <f t="shared" si="900"/>
        <v>45261.833333313843</v>
      </c>
    </row>
    <row r="8071" spans="2:14" x14ac:dyDescent="0.25">
      <c r="B8071">
        <f t="shared" si="894"/>
        <v>5</v>
      </c>
      <c r="C8071" s="16">
        <v>8037</v>
      </c>
      <c r="D8071" cm="1">
        <f t="array" ref="D8071">IFERROR(INDEX(Jesper!AH$2:AH$366,ROUNDDOWN($C8071/24,0)+1,1)*INDEX($D$3:$AA$30,INDEX(Jesper!$R$2:$R$366,ROW(INDEX(Jesper!AH$2:AH$366,ROUNDDOWN($C8071/24,0)+1,1))-1)+IF('Standard Profiles'!$G$18=$B$10,7,0)+IF('Standard Profiles'!$G$18=$B$17,14,0)+IF('Standard Profiles'!$G$18=$B$24,21,0),MOD($C8071,24)+1)/SUM(INDEX($D$3:$AA$30,INDEX(Jesper!$R$2:$R$366,ROW(INDEX(Jesper!AH$2:AH$366,ROUNDDOWN($C8071/24,0)+1,1))-1)+IF('Standard Profiles'!$G$18=$B$10,7,0)+IF('Standard Profiles'!$G$18=$B$17,14,0)+IF('Standard Profiles'!$G$18=$B$24,21,0),0)),0)</f>
        <v>5.8146721688166751</v>
      </c>
      <c r="E8071" cm="1">
        <f t="array" ref="E8071">IFERROR(INDEX(Jesper!AI$2:AI$366,ROUNDDOWN($C8071/24,0)+1,1)*INDEX($D$3:$AA$30,INDEX(Jesper!$R$2:$R$366,ROW(INDEX(Jesper!AI$2:AI$366,ROUNDDOWN($C8071/24,0)+1,1))-1)+IF('Standard Profiles'!$G$19=$B$10,7,0)+IF('Standard Profiles'!$G$19=$B$17,14,0)+IF('Standard Profiles'!$G$19=$B$24,21,0),MOD($C8071,24)+1)/SUM(INDEX($D$3:$AA$30,INDEX(Jesper!$R$2:$R$366,ROW(INDEX(Jesper!AI$2:AI$366,ROUNDDOWN($C8071/24,0)+1,1))-1)+IF('Standard Profiles'!$G$19=$B$10,7,0)+IF('Standard Profiles'!$G$19=$B$17,14,0)+IF('Standard Profiles'!$G$19=$B$24,21,0),0)),0)</f>
        <v>7.5420237735712252</v>
      </c>
      <c r="F8071" cm="1">
        <f t="array" ref="F8071">IFERROR(INDEX(Jesper!AJ$2:AJ$366,ROUNDDOWN($C8071/24,0)+1,1)*INDEX($D$3:$AA$30,INDEX(Jesper!$R$2:$R$366,ROW(INDEX(Jesper!AJ$2:AJ$366,ROUNDDOWN($C8071/24,0)+1,1))-1)+IF('Standard Profiles'!$G$20=$B$10,7,0)+IF('Standard Profiles'!$G$20=$B$17,14,0)+IF('Standard Profiles'!$G$20=$B$24,21,0),MOD($C8071,24)+1)/SUM(INDEX($D$3:$AA$30,INDEX(Jesper!$R$2:$R$366,ROW(INDEX(Jesper!AJ$2:AJ$366,ROUNDDOWN($C8071/24,0)+1,1))-1)+IF('Standard Profiles'!$G$20=$B$10,7,0)+IF('Standard Profiles'!$G$20=$B$17,14,0)+IF('Standard Profiles'!$G$20=$B$24,21,0),0)),0)</f>
        <v>0</v>
      </c>
      <c r="G8071" cm="1">
        <f t="array" ref="G8071">IFERROR(INDEX(Jesper!AK$2:AK$366,ROUNDDOWN($C8071/24,0)+1,1)*INDEX($D$3:$AA$30,INDEX(Jesper!$R$2:$R$366,ROW(INDEX(Jesper!AK$2:AK$366,ROUNDDOWN($C8071/24,0)+1,1))-1)+IF('Standard Profiles'!$G$21=$B$10,7,0)+IF('Standard Profiles'!$G$21=$B$17,14,0)+IF('Standard Profiles'!$G$21=$B$24,21,0),MOD($C8071,24)+1)/SUM(INDEX($D$3:$AA$30,INDEX(Jesper!$R$2:$R$366,ROW(INDEX(Jesper!AK$2:AK$366,ROUNDDOWN($C8071/24,0)+1,1))-1)+IF('Standard Profiles'!$G$21=$B$10,7,0)+IF('Standard Profiles'!$G$21=$B$17,14,0)+IF('Standard Profiles'!$G$21=$B$24,21,0),0)),0)</f>
        <v>11.005504171626526</v>
      </c>
      <c r="H8071" cm="1">
        <f t="array" ref="H8071">IFERROR(INDEX(Jesper!AL$2:AL$366,ROUNDDOWN($C8071/24,0)+1,1)*INDEX($D$3:$AA$30,INDEX(Jesper!$R$2:$R$366,ROW(INDEX(Jesper!AL$2:AL$366,ROUNDDOWN($C8071/24,0)+1,1))-1)+IF('Standard Profiles'!$G$22=$B$10,7,0)+IF('Standard Profiles'!$G$22=$B$17,14,0)+IF('Standard Profiles'!$G$22=$B$24,21,0),MOD($C8071,24)+1)/SUM(INDEX($D$3:$AA$30,INDEX(Jesper!$R$2:$R$366,ROW(INDEX(Jesper!AL$2:AL$366,ROUNDDOWN($C8071/24,0)+1,1))-1)+IF('Standard Profiles'!$G$22=$B$10,7,0)+IF('Standard Profiles'!$G$22=$B$17,14,0)+IF('Standard Profiles'!$G$22=$B$24,21,0),0)),0)</f>
        <v>0</v>
      </c>
      <c r="I8071">
        <f t="shared" si="895"/>
        <v>5.2826420023807303</v>
      </c>
      <c r="J8071">
        <f t="shared" si="896"/>
        <v>18.149210564623029</v>
      </c>
      <c r="K8071">
        <f t="shared" si="897"/>
        <v>0.62023169800711209</v>
      </c>
      <c r="L8071">
        <f t="shared" si="898"/>
        <v>0.31011584900355604</v>
      </c>
      <c r="M8071">
        <f t="shared" si="899"/>
        <v>0</v>
      </c>
      <c r="N8071" s="45">
        <f t="shared" si="900"/>
        <v>45261.874999980508</v>
      </c>
    </row>
    <row r="8072" spans="2:14" x14ac:dyDescent="0.25">
      <c r="B8072">
        <f t="shared" si="894"/>
        <v>5</v>
      </c>
      <c r="C8072" s="16">
        <v>8038</v>
      </c>
      <c r="D8072" cm="1">
        <f t="array" ref="D8072">IFERROR(INDEX(Jesper!AH$2:AH$366,ROUNDDOWN($C8072/24,0)+1,1)*INDEX($D$3:$AA$30,INDEX(Jesper!$R$2:$R$366,ROW(INDEX(Jesper!AH$2:AH$366,ROUNDDOWN($C8072/24,0)+1,1))-1)+IF('Standard Profiles'!$G$18=$B$10,7,0)+IF('Standard Profiles'!$G$18=$B$17,14,0)+IF('Standard Profiles'!$G$18=$B$24,21,0),MOD($C8072,24)+1)/SUM(INDEX($D$3:$AA$30,INDEX(Jesper!$R$2:$R$366,ROW(INDEX(Jesper!AH$2:AH$366,ROUNDDOWN($C8072/24,0)+1,1))-1)+IF('Standard Profiles'!$G$18=$B$10,7,0)+IF('Standard Profiles'!$G$18=$B$17,14,0)+IF('Standard Profiles'!$G$18=$B$24,21,0),0)),0)</f>
        <v>5.8146721688166751</v>
      </c>
      <c r="E8072" cm="1">
        <f t="array" ref="E8072">IFERROR(INDEX(Jesper!AI$2:AI$366,ROUNDDOWN($C8072/24,0)+1,1)*INDEX($D$3:$AA$30,INDEX(Jesper!$R$2:$R$366,ROW(INDEX(Jesper!AI$2:AI$366,ROUNDDOWN($C8072/24,0)+1,1))-1)+IF('Standard Profiles'!$G$19=$B$10,7,0)+IF('Standard Profiles'!$G$19=$B$17,14,0)+IF('Standard Profiles'!$G$19=$B$24,21,0),MOD($C8072,24)+1)/SUM(INDEX($D$3:$AA$30,INDEX(Jesper!$R$2:$R$366,ROW(INDEX(Jesper!AI$2:AI$366,ROUNDDOWN($C8072/24,0)+1,1))-1)+IF('Standard Profiles'!$G$19=$B$10,7,0)+IF('Standard Profiles'!$G$19=$B$17,14,0)+IF('Standard Profiles'!$G$19=$B$24,21,0),0)),0)</f>
        <v>7.5420237735712252</v>
      </c>
      <c r="F8072" cm="1">
        <f t="array" ref="F8072">IFERROR(INDEX(Jesper!AJ$2:AJ$366,ROUNDDOWN($C8072/24,0)+1,1)*INDEX($D$3:$AA$30,INDEX(Jesper!$R$2:$R$366,ROW(INDEX(Jesper!AJ$2:AJ$366,ROUNDDOWN($C8072/24,0)+1,1))-1)+IF('Standard Profiles'!$G$20=$B$10,7,0)+IF('Standard Profiles'!$G$20=$B$17,14,0)+IF('Standard Profiles'!$G$20=$B$24,21,0),MOD($C8072,24)+1)/SUM(INDEX($D$3:$AA$30,INDEX(Jesper!$R$2:$R$366,ROW(INDEX(Jesper!AJ$2:AJ$366,ROUNDDOWN($C8072/24,0)+1,1))-1)+IF('Standard Profiles'!$G$20=$B$10,7,0)+IF('Standard Profiles'!$G$20=$B$17,14,0)+IF('Standard Profiles'!$G$20=$B$24,21,0),0)),0)</f>
        <v>0</v>
      </c>
      <c r="G8072" cm="1">
        <f t="array" ref="G8072">IFERROR(INDEX(Jesper!AK$2:AK$366,ROUNDDOWN($C8072/24,0)+1,1)*INDEX($D$3:$AA$30,INDEX(Jesper!$R$2:$R$366,ROW(INDEX(Jesper!AK$2:AK$366,ROUNDDOWN($C8072/24,0)+1,1))-1)+IF('Standard Profiles'!$G$21=$B$10,7,0)+IF('Standard Profiles'!$G$21=$B$17,14,0)+IF('Standard Profiles'!$G$21=$B$24,21,0),MOD($C8072,24)+1)/SUM(INDEX($D$3:$AA$30,INDEX(Jesper!$R$2:$R$366,ROW(INDEX(Jesper!AK$2:AK$366,ROUNDDOWN($C8072/24,0)+1,1))-1)+IF('Standard Profiles'!$G$21=$B$10,7,0)+IF('Standard Profiles'!$G$21=$B$17,14,0)+IF('Standard Profiles'!$G$21=$B$24,21,0),0)),0)</f>
        <v>11.005504171626526</v>
      </c>
      <c r="H8072" cm="1">
        <f t="array" ref="H8072">IFERROR(INDEX(Jesper!AL$2:AL$366,ROUNDDOWN($C8072/24,0)+1,1)*INDEX($D$3:$AA$30,INDEX(Jesper!$R$2:$R$366,ROW(INDEX(Jesper!AL$2:AL$366,ROUNDDOWN($C8072/24,0)+1,1))-1)+IF('Standard Profiles'!$G$22=$B$10,7,0)+IF('Standard Profiles'!$G$22=$B$17,14,0)+IF('Standard Profiles'!$G$22=$B$24,21,0),MOD($C8072,24)+1)/SUM(INDEX($D$3:$AA$30,INDEX(Jesper!$R$2:$R$366,ROW(INDEX(Jesper!AL$2:AL$366,ROUNDDOWN($C8072/24,0)+1,1))-1)+IF('Standard Profiles'!$G$22=$B$10,7,0)+IF('Standard Profiles'!$G$22=$B$17,14,0)+IF('Standard Profiles'!$G$22=$B$24,21,0),0)),0)</f>
        <v>0</v>
      </c>
      <c r="I8072">
        <f t="shared" si="895"/>
        <v>5.2826420023807303</v>
      </c>
      <c r="J8072">
        <f t="shared" si="896"/>
        <v>18.149210564623029</v>
      </c>
      <c r="K8072">
        <f t="shared" si="897"/>
        <v>0.62023169800711209</v>
      </c>
      <c r="L8072">
        <f t="shared" si="898"/>
        <v>0.31011584900355604</v>
      </c>
      <c r="M8072">
        <f t="shared" si="899"/>
        <v>0</v>
      </c>
      <c r="N8072" s="45">
        <f t="shared" si="900"/>
        <v>45261.916666647172</v>
      </c>
    </row>
    <row r="8073" spans="2:14" x14ac:dyDescent="0.25">
      <c r="B8073">
        <f t="shared" si="894"/>
        <v>5</v>
      </c>
      <c r="C8073" s="16">
        <v>8039</v>
      </c>
      <c r="D8073" cm="1">
        <f t="array" ref="D8073">IFERROR(INDEX(Jesper!AH$2:AH$366,ROUNDDOWN($C8073/24,0)+1,1)*INDEX($D$3:$AA$30,INDEX(Jesper!$R$2:$R$366,ROW(INDEX(Jesper!AH$2:AH$366,ROUNDDOWN($C8073/24,0)+1,1))-1)+IF('Standard Profiles'!$G$18=$B$10,7,0)+IF('Standard Profiles'!$G$18=$B$17,14,0)+IF('Standard Profiles'!$G$18=$B$24,21,0),MOD($C8073,24)+1)/SUM(INDEX($D$3:$AA$30,INDEX(Jesper!$R$2:$R$366,ROW(INDEX(Jesper!AH$2:AH$366,ROUNDDOWN($C8073/24,0)+1,1))-1)+IF('Standard Profiles'!$G$18=$B$10,7,0)+IF('Standard Profiles'!$G$18=$B$17,14,0)+IF('Standard Profiles'!$G$18=$B$24,21,0),0)),0)</f>
        <v>5.8146721688166751</v>
      </c>
      <c r="E8073" cm="1">
        <f t="array" ref="E8073">IFERROR(INDEX(Jesper!AI$2:AI$366,ROUNDDOWN($C8073/24,0)+1,1)*INDEX($D$3:$AA$30,INDEX(Jesper!$R$2:$R$366,ROW(INDEX(Jesper!AI$2:AI$366,ROUNDDOWN($C8073/24,0)+1,1))-1)+IF('Standard Profiles'!$G$19=$B$10,7,0)+IF('Standard Profiles'!$G$19=$B$17,14,0)+IF('Standard Profiles'!$G$19=$B$24,21,0),MOD($C8073,24)+1)/SUM(INDEX($D$3:$AA$30,INDEX(Jesper!$R$2:$R$366,ROW(INDEX(Jesper!AI$2:AI$366,ROUNDDOWN($C8073/24,0)+1,1))-1)+IF('Standard Profiles'!$G$19=$B$10,7,0)+IF('Standard Profiles'!$G$19=$B$17,14,0)+IF('Standard Profiles'!$G$19=$B$24,21,0),0)),0)</f>
        <v>7.5420237735712252</v>
      </c>
      <c r="F8073" cm="1">
        <f t="array" ref="F8073">IFERROR(INDEX(Jesper!AJ$2:AJ$366,ROUNDDOWN($C8073/24,0)+1,1)*INDEX($D$3:$AA$30,INDEX(Jesper!$R$2:$R$366,ROW(INDEX(Jesper!AJ$2:AJ$366,ROUNDDOWN($C8073/24,0)+1,1))-1)+IF('Standard Profiles'!$G$20=$B$10,7,0)+IF('Standard Profiles'!$G$20=$B$17,14,0)+IF('Standard Profiles'!$G$20=$B$24,21,0),MOD($C8073,24)+1)/SUM(INDEX($D$3:$AA$30,INDEX(Jesper!$R$2:$R$366,ROW(INDEX(Jesper!AJ$2:AJ$366,ROUNDDOWN($C8073/24,0)+1,1))-1)+IF('Standard Profiles'!$G$20=$B$10,7,0)+IF('Standard Profiles'!$G$20=$B$17,14,0)+IF('Standard Profiles'!$G$20=$B$24,21,0),0)),0)</f>
        <v>0</v>
      </c>
      <c r="G8073" cm="1">
        <f t="array" ref="G8073">IFERROR(INDEX(Jesper!AK$2:AK$366,ROUNDDOWN($C8073/24,0)+1,1)*INDEX($D$3:$AA$30,INDEX(Jesper!$R$2:$R$366,ROW(INDEX(Jesper!AK$2:AK$366,ROUNDDOWN($C8073/24,0)+1,1))-1)+IF('Standard Profiles'!$G$21=$B$10,7,0)+IF('Standard Profiles'!$G$21=$B$17,14,0)+IF('Standard Profiles'!$G$21=$B$24,21,0),MOD($C8073,24)+1)/SUM(INDEX($D$3:$AA$30,INDEX(Jesper!$R$2:$R$366,ROW(INDEX(Jesper!AK$2:AK$366,ROUNDDOWN($C8073/24,0)+1,1))-1)+IF('Standard Profiles'!$G$21=$B$10,7,0)+IF('Standard Profiles'!$G$21=$B$17,14,0)+IF('Standard Profiles'!$G$21=$B$24,21,0),0)),0)</f>
        <v>11.005504171626526</v>
      </c>
      <c r="H8073" cm="1">
        <f t="array" ref="H8073">IFERROR(INDEX(Jesper!AL$2:AL$366,ROUNDDOWN($C8073/24,0)+1,1)*INDEX($D$3:$AA$30,INDEX(Jesper!$R$2:$R$366,ROW(INDEX(Jesper!AL$2:AL$366,ROUNDDOWN($C8073/24,0)+1,1))-1)+IF('Standard Profiles'!$G$22=$B$10,7,0)+IF('Standard Profiles'!$G$22=$B$17,14,0)+IF('Standard Profiles'!$G$22=$B$24,21,0),MOD($C8073,24)+1)/SUM(INDEX($D$3:$AA$30,INDEX(Jesper!$R$2:$R$366,ROW(INDEX(Jesper!AL$2:AL$366,ROUNDDOWN($C8073/24,0)+1,1))-1)+IF('Standard Profiles'!$G$22=$B$10,7,0)+IF('Standard Profiles'!$G$22=$B$17,14,0)+IF('Standard Profiles'!$G$22=$B$24,21,0),0)),0)</f>
        <v>0</v>
      </c>
      <c r="I8073">
        <f t="shared" si="895"/>
        <v>5.2826420023807303</v>
      </c>
      <c r="J8073">
        <f t="shared" si="896"/>
        <v>18.149210564623029</v>
      </c>
      <c r="K8073">
        <f t="shared" si="897"/>
        <v>0.62023169800711209</v>
      </c>
      <c r="L8073">
        <f t="shared" si="898"/>
        <v>0.31011584900355604</v>
      </c>
      <c r="M8073">
        <f t="shared" si="899"/>
        <v>0</v>
      </c>
      <c r="N8073" s="45">
        <f t="shared" si="900"/>
        <v>45261.958333313836</v>
      </c>
    </row>
    <row r="8074" spans="2:14" x14ac:dyDescent="0.25">
      <c r="B8074">
        <f t="shared" si="894"/>
        <v>6</v>
      </c>
      <c r="C8074" s="16">
        <v>8040</v>
      </c>
      <c r="D8074" cm="1">
        <f t="array" ref="D8074">IFERROR(INDEX(Jesper!AH$2:AH$366,ROUNDDOWN($C8074/24,0)+1,1)*INDEX($D$3:$AA$30,INDEX(Jesper!$R$2:$R$366,ROW(INDEX(Jesper!AH$2:AH$366,ROUNDDOWN($C8074/24,0)+1,1))-1)+IF('Standard Profiles'!$G$18=$B$10,7,0)+IF('Standard Profiles'!$G$18=$B$17,14,0)+IF('Standard Profiles'!$G$18=$B$24,21,0),MOD($C8074,24)+1)/SUM(INDEX($D$3:$AA$30,INDEX(Jesper!$R$2:$R$366,ROW(INDEX(Jesper!AH$2:AH$366,ROUNDDOWN($C8074/24,0)+1,1))-1)+IF('Standard Profiles'!$G$18=$B$10,7,0)+IF('Standard Profiles'!$G$18=$B$17,14,0)+IF('Standard Profiles'!$G$18=$B$24,21,0),0)),0)</f>
        <v>0</v>
      </c>
      <c r="E8074" cm="1">
        <f t="array" ref="E8074">IFERROR(INDEX(Jesper!AI$2:AI$366,ROUNDDOWN($C8074/24,0)+1,1)*INDEX($D$3:$AA$30,INDEX(Jesper!$R$2:$R$366,ROW(INDEX(Jesper!AI$2:AI$366,ROUNDDOWN($C8074/24,0)+1,1))-1)+IF('Standard Profiles'!$G$19=$B$10,7,0)+IF('Standard Profiles'!$G$19=$B$17,14,0)+IF('Standard Profiles'!$G$19=$B$24,21,0),MOD($C8074,24)+1)/SUM(INDEX($D$3:$AA$30,INDEX(Jesper!$R$2:$R$366,ROW(INDEX(Jesper!AI$2:AI$366,ROUNDDOWN($C8074/24,0)+1,1))-1)+IF('Standard Profiles'!$G$19=$B$10,7,0)+IF('Standard Profiles'!$G$19=$B$17,14,0)+IF('Standard Profiles'!$G$19=$B$24,21,0),0)),0)</f>
        <v>6.5628441954566661</v>
      </c>
      <c r="F8074" cm="1">
        <f t="array" ref="F8074">IFERROR(INDEX(Jesper!AJ$2:AJ$366,ROUNDDOWN($C8074/24,0)+1,1)*INDEX($D$3:$AA$30,INDEX(Jesper!$R$2:$R$366,ROW(INDEX(Jesper!AJ$2:AJ$366,ROUNDDOWN($C8074/24,0)+1,1))-1)+IF('Standard Profiles'!$G$20=$B$10,7,0)+IF('Standard Profiles'!$G$20=$B$17,14,0)+IF('Standard Profiles'!$G$20=$B$24,21,0),MOD($C8074,24)+1)/SUM(INDEX($D$3:$AA$30,INDEX(Jesper!$R$2:$R$366,ROW(INDEX(Jesper!AJ$2:AJ$366,ROUNDDOWN($C8074/24,0)+1,1))-1)+IF('Standard Profiles'!$G$20=$B$10,7,0)+IF('Standard Profiles'!$G$20=$B$17,14,0)+IF('Standard Profiles'!$G$20=$B$24,21,0),0)),0)</f>
        <v>5.9437455885052444</v>
      </c>
      <c r="G8074" cm="1">
        <f t="array" ref="G8074">IFERROR(INDEX(Jesper!AK$2:AK$366,ROUNDDOWN($C8074/24,0)+1,1)*INDEX($D$3:$AA$30,INDEX(Jesper!$R$2:$R$366,ROW(INDEX(Jesper!AK$2:AK$366,ROUNDDOWN($C8074/24,0)+1,1))-1)+IF('Standard Profiles'!$G$21=$B$10,7,0)+IF('Standard Profiles'!$G$21=$B$17,14,0)+IF('Standard Profiles'!$G$21=$B$24,21,0),MOD($C8074,24)+1)/SUM(INDEX($D$3:$AA$30,INDEX(Jesper!$R$2:$R$366,ROW(INDEX(Jesper!AK$2:AK$366,ROUNDDOWN($C8074/24,0)+1,1))-1)+IF('Standard Profiles'!$G$21=$B$10,7,0)+IF('Standard Profiles'!$G$21=$B$17,14,0)+IF('Standard Profiles'!$G$21=$B$24,21,0),0)),0)</f>
        <v>9.4533600922029368</v>
      </c>
      <c r="H8074" cm="1">
        <f t="array" ref="H8074">IFERROR(INDEX(Jesper!AL$2:AL$366,ROUNDDOWN($C8074/24,0)+1,1)*INDEX($D$3:$AA$30,INDEX(Jesper!$R$2:$R$366,ROW(INDEX(Jesper!AL$2:AL$366,ROUNDDOWN($C8074/24,0)+1,1))-1)+IF('Standard Profiles'!$G$22=$B$10,7,0)+IF('Standard Profiles'!$G$22=$B$17,14,0)+IF('Standard Profiles'!$G$22=$B$24,21,0),MOD($C8074,24)+1)/SUM(INDEX($D$3:$AA$30,INDEX(Jesper!$R$2:$R$366,ROW(INDEX(Jesper!AL$2:AL$366,ROUNDDOWN($C8074/24,0)+1,1))-1)+IF('Standard Profiles'!$G$22=$B$10,7,0)+IF('Standard Profiles'!$G$22=$B$17,14,0)+IF('Standard Profiles'!$G$22=$B$24,21,0),0)),0)</f>
        <v>2.7453167908180172</v>
      </c>
      <c r="I8074">
        <f t="shared" si="895"/>
        <v>2.6355041191852977</v>
      </c>
      <c r="J8074">
        <f t="shared" si="896"/>
        <v>21.282221244342768</v>
      </c>
      <c r="K8074">
        <f t="shared" si="897"/>
        <v>0.52502753563653326</v>
      </c>
      <c r="L8074">
        <f t="shared" si="898"/>
        <v>0.26251376781826663</v>
      </c>
      <c r="M8074">
        <f t="shared" si="899"/>
        <v>0</v>
      </c>
      <c r="N8074" s="45">
        <f t="shared" si="900"/>
        <v>45261.9999999805</v>
      </c>
    </row>
    <row r="8075" spans="2:14" x14ac:dyDescent="0.25">
      <c r="B8075">
        <f t="shared" si="894"/>
        <v>6</v>
      </c>
      <c r="C8075" s="16">
        <v>8041</v>
      </c>
      <c r="D8075" cm="1">
        <f t="array" ref="D8075">IFERROR(INDEX(Jesper!AH$2:AH$366,ROUNDDOWN($C8075/24,0)+1,1)*INDEX($D$3:$AA$30,INDEX(Jesper!$R$2:$R$366,ROW(INDEX(Jesper!AH$2:AH$366,ROUNDDOWN($C8075/24,0)+1,1))-1)+IF('Standard Profiles'!$G$18=$B$10,7,0)+IF('Standard Profiles'!$G$18=$B$17,14,0)+IF('Standard Profiles'!$G$18=$B$24,21,0),MOD($C8075,24)+1)/SUM(INDEX($D$3:$AA$30,INDEX(Jesper!$R$2:$R$366,ROW(INDEX(Jesper!AH$2:AH$366,ROUNDDOWN($C8075/24,0)+1,1))-1)+IF('Standard Profiles'!$G$18=$B$10,7,0)+IF('Standard Profiles'!$G$18=$B$17,14,0)+IF('Standard Profiles'!$G$18=$B$24,21,0),0)),0)</f>
        <v>0</v>
      </c>
      <c r="E8075" cm="1">
        <f t="array" ref="E8075">IFERROR(INDEX(Jesper!AI$2:AI$366,ROUNDDOWN($C8075/24,0)+1,1)*INDEX($D$3:$AA$30,INDEX(Jesper!$R$2:$R$366,ROW(INDEX(Jesper!AI$2:AI$366,ROUNDDOWN($C8075/24,0)+1,1))-1)+IF('Standard Profiles'!$G$19=$B$10,7,0)+IF('Standard Profiles'!$G$19=$B$17,14,0)+IF('Standard Profiles'!$G$19=$B$24,21,0),MOD($C8075,24)+1)/SUM(INDEX($D$3:$AA$30,INDEX(Jesper!$R$2:$R$366,ROW(INDEX(Jesper!AI$2:AI$366,ROUNDDOWN($C8075/24,0)+1,1))-1)+IF('Standard Profiles'!$G$19=$B$10,7,0)+IF('Standard Profiles'!$G$19=$B$17,14,0)+IF('Standard Profiles'!$G$19=$B$24,21,0),0)),0)</f>
        <v>5.906559775911</v>
      </c>
      <c r="F8075" cm="1">
        <f t="array" ref="F8075">IFERROR(INDEX(Jesper!AJ$2:AJ$366,ROUNDDOWN($C8075/24,0)+1,1)*INDEX($D$3:$AA$30,INDEX(Jesper!$R$2:$R$366,ROW(INDEX(Jesper!AJ$2:AJ$366,ROUNDDOWN($C8075/24,0)+1,1))-1)+IF('Standard Profiles'!$G$20=$B$10,7,0)+IF('Standard Profiles'!$G$20=$B$17,14,0)+IF('Standard Profiles'!$G$20=$B$24,21,0),MOD($C8075,24)+1)/SUM(INDEX($D$3:$AA$30,INDEX(Jesper!$R$2:$R$366,ROW(INDEX(Jesper!AJ$2:AJ$366,ROUNDDOWN($C8075/24,0)+1,1))-1)+IF('Standard Profiles'!$G$20=$B$10,7,0)+IF('Standard Profiles'!$G$20=$B$17,14,0)+IF('Standard Profiles'!$G$20=$B$24,21,0),0)),0)</f>
        <v>5.3493710296547192</v>
      </c>
      <c r="G8075" cm="1">
        <f t="array" ref="G8075">IFERROR(INDEX(Jesper!AK$2:AK$366,ROUNDDOWN($C8075/24,0)+1,1)*INDEX($D$3:$AA$30,INDEX(Jesper!$R$2:$R$366,ROW(INDEX(Jesper!AK$2:AK$366,ROUNDDOWN($C8075/24,0)+1,1))-1)+IF('Standard Profiles'!$G$21=$B$10,7,0)+IF('Standard Profiles'!$G$21=$B$17,14,0)+IF('Standard Profiles'!$G$21=$B$24,21,0),MOD($C8075,24)+1)/SUM(INDEX($D$3:$AA$30,INDEX(Jesper!$R$2:$R$366,ROW(INDEX(Jesper!AK$2:AK$366,ROUNDDOWN($C8075/24,0)+1,1))-1)+IF('Standard Profiles'!$G$21=$B$10,7,0)+IF('Standard Profiles'!$G$21=$B$17,14,0)+IF('Standard Profiles'!$G$21=$B$24,21,0),0)),0)</f>
        <v>9.4533600922029368</v>
      </c>
      <c r="H8075" cm="1">
        <f t="array" ref="H8075">IFERROR(INDEX(Jesper!AL$2:AL$366,ROUNDDOWN($C8075/24,0)+1,1)*INDEX($D$3:$AA$30,INDEX(Jesper!$R$2:$R$366,ROW(INDEX(Jesper!AL$2:AL$366,ROUNDDOWN($C8075/24,0)+1,1))-1)+IF('Standard Profiles'!$G$22=$B$10,7,0)+IF('Standard Profiles'!$G$22=$B$17,14,0)+IF('Standard Profiles'!$G$22=$B$24,21,0),MOD($C8075,24)+1)/SUM(INDEX($D$3:$AA$30,INDEX(Jesper!$R$2:$R$366,ROW(INDEX(Jesper!AL$2:AL$366,ROUNDDOWN($C8075/24,0)+1,1))-1)+IF('Standard Profiles'!$G$22=$B$10,7,0)+IF('Standard Profiles'!$G$22=$B$17,14,0)+IF('Standard Profiles'!$G$22=$B$24,21,0),0)),0)</f>
        <v>5.359904210644701</v>
      </c>
      <c r="I8075">
        <f t="shared" si="895"/>
        <v>5.1455080422189159</v>
      </c>
      <c r="J8075">
        <f t="shared" si="896"/>
        <v>20.214899893085125</v>
      </c>
      <c r="K8075">
        <f t="shared" si="897"/>
        <v>0.47252478207288001</v>
      </c>
      <c r="L8075">
        <f t="shared" si="898"/>
        <v>0.23626239103644001</v>
      </c>
      <c r="M8075">
        <f t="shared" si="899"/>
        <v>0</v>
      </c>
      <c r="N8075" s="45">
        <f t="shared" si="900"/>
        <v>45262.041666647165</v>
      </c>
    </row>
    <row r="8076" spans="2:14" x14ac:dyDescent="0.25">
      <c r="B8076">
        <f t="shared" si="894"/>
        <v>6</v>
      </c>
      <c r="C8076" s="16">
        <v>8042</v>
      </c>
      <c r="D8076" cm="1">
        <f t="array" ref="D8076">IFERROR(INDEX(Jesper!AH$2:AH$366,ROUNDDOWN($C8076/24,0)+1,1)*INDEX($D$3:$AA$30,INDEX(Jesper!$R$2:$R$366,ROW(INDEX(Jesper!AH$2:AH$366,ROUNDDOWN($C8076/24,0)+1,1))-1)+IF('Standard Profiles'!$G$18=$B$10,7,0)+IF('Standard Profiles'!$G$18=$B$17,14,0)+IF('Standard Profiles'!$G$18=$B$24,21,0),MOD($C8076,24)+1)/SUM(INDEX($D$3:$AA$30,INDEX(Jesper!$R$2:$R$366,ROW(INDEX(Jesper!AH$2:AH$366,ROUNDDOWN($C8076/24,0)+1,1))-1)+IF('Standard Profiles'!$G$18=$B$10,7,0)+IF('Standard Profiles'!$G$18=$B$17,14,0)+IF('Standard Profiles'!$G$18=$B$24,21,0),0)),0)</f>
        <v>0</v>
      </c>
      <c r="E8076" cm="1">
        <f t="array" ref="E8076">IFERROR(INDEX(Jesper!AI$2:AI$366,ROUNDDOWN($C8076/24,0)+1,1)*INDEX($D$3:$AA$30,INDEX(Jesper!$R$2:$R$366,ROW(INDEX(Jesper!AI$2:AI$366,ROUNDDOWN($C8076/24,0)+1,1))-1)+IF('Standard Profiles'!$G$19=$B$10,7,0)+IF('Standard Profiles'!$G$19=$B$17,14,0)+IF('Standard Profiles'!$G$19=$B$24,21,0),MOD($C8076,24)+1)/SUM(INDEX($D$3:$AA$30,INDEX(Jesper!$R$2:$R$366,ROW(INDEX(Jesper!AI$2:AI$366,ROUNDDOWN($C8076/24,0)+1,1))-1)+IF('Standard Profiles'!$G$19=$B$10,7,0)+IF('Standard Profiles'!$G$19=$B$17,14,0)+IF('Standard Profiles'!$G$19=$B$24,21,0),0)),0)</f>
        <v>5.906559775911</v>
      </c>
      <c r="F8076" cm="1">
        <f t="array" ref="F8076">IFERROR(INDEX(Jesper!AJ$2:AJ$366,ROUNDDOWN($C8076/24,0)+1,1)*INDEX($D$3:$AA$30,INDEX(Jesper!$R$2:$R$366,ROW(INDEX(Jesper!AJ$2:AJ$366,ROUNDDOWN($C8076/24,0)+1,1))-1)+IF('Standard Profiles'!$G$20=$B$10,7,0)+IF('Standard Profiles'!$G$20=$B$17,14,0)+IF('Standard Profiles'!$G$20=$B$24,21,0),MOD($C8076,24)+1)/SUM(INDEX($D$3:$AA$30,INDEX(Jesper!$R$2:$R$366,ROW(INDEX(Jesper!AJ$2:AJ$366,ROUNDDOWN($C8076/24,0)+1,1))-1)+IF('Standard Profiles'!$G$20=$B$10,7,0)+IF('Standard Profiles'!$G$20=$B$17,14,0)+IF('Standard Profiles'!$G$20=$B$24,21,0),0)),0)</f>
        <v>5.3493710296547192</v>
      </c>
      <c r="G8076" cm="1">
        <f t="array" ref="G8076">IFERROR(INDEX(Jesper!AK$2:AK$366,ROUNDDOWN($C8076/24,0)+1,1)*INDEX($D$3:$AA$30,INDEX(Jesper!$R$2:$R$366,ROW(INDEX(Jesper!AK$2:AK$366,ROUNDDOWN($C8076/24,0)+1,1))-1)+IF('Standard Profiles'!$G$21=$B$10,7,0)+IF('Standard Profiles'!$G$21=$B$17,14,0)+IF('Standard Profiles'!$G$21=$B$24,21,0),MOD($C8076,24)+1)/SUM(INDEX($D$3:$AA$30,INDEX(Jesper!$R$2:$R$366,ROW(INDEX(Jesper!AK$2:AK$366,ROUNDDOWN($C8076/24,0)+1,1))-1)+IF('Standard Profiles'!$G$21=$B$10,7,0)+IF('Standard Profiles'!$G$21=$B$17,14,0)+IF('Standard Profiles'!$G$21=$B$24,21,0),0)),0)</f>
        <v>9.4533600922029368</v>
      </c>
      <c r="H8076" cm="1">
        <f t="array" ref="H8076">IFERROR(INDEX(Jesper!AL$2:AL$366,ROUNDDOWN($C8076/24,0)+1,1)*INDEX($D$3:$AA$30,INDEX(Jesper!$R$2:$R$366,ROW(INDEX(Jesper!AL$2:AL$366,ROUNDDOWN($C8076/24,0)+1,1))-1)+IF('Standard Profiles'!$G$22=$B$10,7,0)+IF('Standard Profiles'!$G$22=$B$17,14,0)+IF('Standard Profiles'!$G$22=$B$24,21,0),MOD($C8076,24)+1)/SUM(INDEX($D$3:$AA$30,INDEX(Jesper!$R$2:$R$366,ROW(INDEX(Jesper!AL$2:AL$366,ROUNDDOWN($C8076/24,0)+1,1))-1)+IF('Standard Profiles'!$G$22=$B$10,7,0)+IF('Standard Profiles'!$G$22=$B$17,14,0)+IF('Standard Profiles'!$G$22=$B$24,21,0),0)),0)</f>
        <v>5.359904210644701</v>
      </c>
      <c r="I8076">
        <f t="shared" si="895"/>
        <v>5.1455080422189159</v>
      </c>
      <c r="J8076">
        <f t="shared" si="896"/>
        <v>20.214899893085125</v>
      </c>
      <c r="K8076">
        <f t="shared" si="897"/>
        <v>0.47252478207288001</v>
      </c>
      <c r="L8076">
        <f t="shared" si="898"/>
        <v>0.23626239103644001</v>
      </c>
      <c r="M8076">
        <f t="shared" si="899"/>
        <v>0</v>
      </c>
      <c r="N8076" s="45">
        <f t="shared" si="900"/>
        <v>45262.083333313829</v>
      </c>
    </row>
    <row r="8077" spans="2:14" x14ac:dyDescent="0.25">
      <c r="B8077">
        <f t="shared" si="894"/>
        <v>6</v>
      </c>
      <c r="C8077" s="16">
        <v>8043</v>
      </c>
      <c r="D8077" cm="1">
        <f t="array" ref="D8077">IFERROR(INDEX(Jesper!AH$2:AH$366,ROUNDDOWN($C8077/24,0)+1,1)*INDEX($D$3:$AA$30,INDEX(Jesper!$R$2:$R$366,ROW(INDEX(Jesper!AH$2:AH$366,ROUNDDOWN($C8077/24,0)+1,1))-1)+IF('Standard Profiles'!$G$18=$B$10,7,0)+IF('Standard Profiles'!$G$18=$B$17,14,0)+IF('Standard Profiles'!$G$18=$B$24,21,0),MOD($C8077,24)+1)/SUM(INDEX($D$3:$AA$30,INDEX(Jesper!$R$2:$R$366,ROW(INDEX(Jesper!AH$2:AH$366,ROUNDDOWN($C8077/24,0)+1,1))-1)+IF('Standard Profiles'!$G$18=$B$10,7,0)+IF('Standard Profiles'!$G$18=$B$17,14,0)+IF('Standard Profiles'!$G$18=$B$24,21,0),0)),0)</f>
        <v>0</v>
      </c>
      <c r="E8077" cm="1">
        <f t="array" ref="E8077">IFERROR(INDEX(Jesper!AI$2:AI$366,ROUNDDOWN($C8077/24,0)+1,1)*INDEX($D$3:$AA$30,INDEX(Jesper!$R$2:$R$366,ROW(INDEX(Jesper!AI$2:AI$366,ROUNDDOWN($C8077/24,0)+1,1))-1)+IF('Standard Profiles'!$G$19=$B$10,7,0)+IF('Standard Profiles'!$G$19=$B$17,14,0)+IF('Standard Profiles'!$G$19=$B$24,21,0),MOD($C8077,24)+1)/SUM(INDEX($D$3:$AA$30,INDEX(Jesper!$R$2:$R$366,ROW(INDEX(Jesper!AI$2:AI$366,ROUNDDOWN($C8077/24,0)+1,1))-1)+IF('Standard Profiles'!$G$19=$B$10,7,0)+IF('Standard Profiles'!$G$19=$B$17,14,0)+IF('Standard Profiles'!$G$19=$B$24,21,0),0)),0)</f>
        <v>5.906559775911</v>
      </c>
      <c r="F8077" cm="1">
        <f t="array" ref="F8077">IFERROR(INDEX(Jesper!AJ$2:AJ$366,ROUNDDOWN($C8077/24,0)+1,1)*INDEX($D$3:$AA$30,INDEX(Jesper!$R$2:$R$366,ROW(INDEX(Jesper!AJ$2:AJ$366,ROUNDDOWN($C8077/24,0)+1,1))-1)+IF('Standard Profiles'!$G$20=$B$10,7,0)+IF('Standard Profiles'!$G$20=$B$17,14,0)+IF('Standard Profiles'!$G$20=$B$24,21,0),MOD($C8077,24)+1)/SUM(INDEX($D$3:$AA$30,INDEX(Jesper!$R$2:$R$366,ROW(INDEX(Jesper!AJ$2:AJ$366,ROUNDDOWN($C8077/24,0)+1,1))-1)+IF('Standard Profiles'!$G$20=$B$10,7,0)+IF('Standard Profiles'!$G$20=$B$17,14,0)+IF('Standard Profiles'!$G$20=$B$24,21,0),0)),0)</f>
        <v>5.3493710296547192</v>
      </c>
      <c r="G8077" cm="1">
        <f t="array" ref="G8077">IFERROR(INDEX(Jesper!AK$2:AK$366,ROUNDDOWN($C8077/24,0)+1,1)*INDEX($D$3:$AA$30,INDEX(Jesper!$R$2:$R$366,ROW(INDEX(Jesper!AK$2:AK$366,ROUNDDOWN($C8077/24,0)+1,1))-1)+IF('Standard Profiles'!$G$21=$B$10,7,0)+IF('Standard Profiles'!$G$21=$B$17,14,0)+IF('Standard Profiles'!$G$21=$B$24,21,0),MOD($C8077,24)+1)/SUM(INDEX($D$3:$AA$30,INDEX(Jesper!$R$2:$R$366,ROW(INDEX(Jesper!AK$2:AK$366,ROUNDDOWN($C8077/24,0)+1,1))-1)+IF('Standard Profiles'!$G$21=$B$10,7,0)+IF('Standard Profiles'!$G$21=$B$17,14,0)+IF('Standard Profiles'!$G$21=$B$24,21,0),0)),0)</f>
        <v>9.4533600922029368</v>
      </c>
      <c r="H8077" cm="1">
        <f t="array" ref="H8077">IFERROR(INDEX(Jesper!AL$2:AL$366,ROUNDDOWN($C8077/24,0)+1,1)*INDEX($D$3:$AA$30,INDEX(Jesper!$R$2:$R$366,ROW(INDEX(Jesper!AL$2:AL$366,ROUNDDOWN($C8077/24,0)+1,1))-1)+IF('Standard Profiles'!$G$22=$B$10,7,0)+IF('Standard Profiles'!$G$22=$B$17,14,0)+IF('Standard Profiles'!$G$22=$B$24,21,0),MOD($C8077,24)+1)/SUM(INDEX($D$3:$AA$30,INDEX(Jesper!$R$2:$R$366,ROW(INDEX(Jesper!AL$2:AL$366,ROUNDDOWN($C8077/24,0)+1,1))-1)+IF('Standard Profiles'!$G$22=$B$10,7,0)+IF('Standard Profiles'!$G$22=$B$17,14,0)+IF('Standard Profiles'!$G$22=$B$24,21,0),0)),0)</f>
        <v>5.359904210644701</v>
      </c>
      <c r="I8077">
        <f t="shared" si="895"/>
        <v>5.1455080422189159</v>
      </c>
      <c r="J8077">
        <f t="shared" si="896"/>
        <v>20.214899893085125</v>
      </c>
      <c r="K8077">
        <f t="shared" si="897"/>
        <v>0.47252478207288001</v>
      </c>
      <c r="L8077">
        <f t="shared" si="898"/>
        <v>0.23626239103644001</v>
      </c>
      <c r="M8077">
        <f t="shared" si="899"/>
        <v>0</v>
      </c>
      <c r="N8077" s="45">
        <f t="shared" si="900"/>
        <v>45262.124999980493</v>
      </c>
    </row>
    <row r="8078" spans="2:14" x14ac:dyDescent="0.25">
      <c r="B8078">
        <f t="shared" si="894"/>
        <v>6</v>
      </c>
      <c r="C8078" s="16">
        <v>8044</v>
      </c>
      <c r="D8078" cm="1">
        <f t="array" ref="D8078">IFERROR(INDEX(Jesper!AH$2:AH$366,ROUNDDOWN($C8078/24,0)+1,1)*INDEX($D$3:$AA$30,INDEX(Jesper!$R$2:$R$366,ROW(INDEX(Jesper!AH$2:AH$366,ROUNDDOWN($C8078/24,0)+1,1))-1)+IF('Standard Profiles'!$G$18=$B$10,7,0)+IF('Standard Profiles'!$G$18=$B$17,14,0)+IF('Standard Profiles'!$G$18=$B$24,21,0),MOD($C8078,24)+1)/SUM(INDEX($D$3:$AA$30,INDEX(Jesper!$R$2:$R$366,ROW(INDEX(Jesper!AH$2:AH$366,ROUNDDOWN($C8078/24,0)+1,1))-1)+IF('Standard Profiles'!$G$18=$B$10,7,0)+IF('Standard Profiles'!$G$18=$B$17,14,0)+IF('Standard Profiles'!$G$18=$B$24,21,0),0)),0)</f>
        <v>0</v>
      </c>
      <c r="E8078" cm="1">
        <f t="array" ref="E8078">IFERROR(INDEX(Jesper!AI$2:AI$366,ROUNDDOWN($C8078/24,0)+1,1)*INDEX($D$3:$AA$30,INDEX(Jesper!$R$2:$R$366,ROW(INDEX(Jesper!AI$2:AI$366,ROUNDDOWN($C8078/24,0)+1,1))-1)+IF('Standard Profiles'!$G$19=$B$10,7,0)+IF('Standard Profiles'!$G$19=$B$17,14,0)+IF('Standard Profiles'!$G$19=$B$24,21,0),MOD($C8078,24)+1)/SUM(INDEX($D$3:$AA$30,INDEX(Jesper!$R$2:$R$366,ROW(INDEX(Jesper!AI$2:AI$366,ROUNDDOWN($C8078/24,0)+1,1))-1)+IF('Standard Profiles'!$G$19=$B$10,7,0)+IF('Standard Profiles'!$G$19=$B$17,14,0)+IF('Standard Profiles'!$G$19=$B$24,21,0),0)),0)</f>
        <v>5.906559775911</v>
      </c>
      <c r="F8078" cm="1">
        <f t="array" ref="F8078">IFERROR(INDEX(Jesper!AJ$2:AJ$366,ROUNDDOWN($C8078/24,0)+1,1)*INDEX($D$3:$AA$30,INDEX(Jesper!$R$2:$R$366,ROW(INDEX(Jesper!AJ$2:AJ$366,ROUNDDOWN($C8078/24,0)+1,1))-1)+IF('Standard Profiles'!$G$20=$B$10,7,0)+IF('Standard Profiles'!$G$20=$B$17,14,0)+IF('Standard Profiles'!$G$20=$B$24,21,0),MOD($C8078,24)+1)/SUM(INDEX($D$3:$AA$30,INDEX(Jesper!$R$2:$R$366,ROW(INDEX(Jesper!AJ$2:AJ$366,ROUNDDOWN($C8078/24,0)+1,1))-1)+IF('Standard Profiles'!$G$20=$B$10,7,0)+IF('Standard Profiles'!$G$20=$B$17,14,0)+IF('Standard Profiles'!$G$20=$B$24,21,0),0)),0)</f>
        <v>5.3493710296547192</v>
      </c>
      <c r="G8078" cm="1">
        <f t="array" ref="G8078">IFERROR(INDEX(Jesper!AK$2:AK$366,ROUNDDOWN($C8078/24,0)+1,1)*INDEX($D$3:$AA$30,INDEX(Jesper!$R$2:$R$366,ROW(INDEX(Jesper!AK$2:AK$366,ROUNDDOWN($C8078/24,0)+1,1))-1)+IF('Standard Profiles'!$G$21=$B$10,7,0)+IF('Standard Profiles'!$G$21=$B$17,14,0)+IF('Standard Profiles'!$G$21=$B$24,21,0),MOD($C8078,24)+1)/SUM(INDEX($D$3:$AA$30,INDEX(Jesper!$R$2:$R$366,ROW(INDEX(Jesper!AK$2:AK$366,ROUNDDOWN($C8078/24,0)+1,1))-1)+IF('Standard Profiles'!$G$21=$B$10,7,0)+IF('Standard Profiles'!$G$21=$B$17,14,0)+IF('Standard Profiles'!$G$21=$B$24,21,0),0)),0)</f>
        <v>9.4533600922029368</v>
      </c>
      <c r="H8078" cm="1">
        <f t="array" ref="H8078">IFERROR(INDEX(Jesper!AL$2:AL$366,ROUNDDOWN($C8078/24,0)+1,1)*INDEX($D$3:$AA$30,INDEX(Jesper!$R$2:$R$366,ROW(INDEX(Jesper!AL$2:AL$366,ROUNDDOWN($C8078/24,0)+1,1))-1)+IF('Standard Profiles'!$G$22=$B$10,7,0)+IF('Standard Profiles'!$G$22=$B$17,14,0)+IF('Standard Profiles'!$G$22=$B$24,21,0),MOD($C8078,24)+1)/SUM(INDEX($D$3:$AA$30,INDEX(Jesper!$R$2:$R$366,ROW(INDEX(Jesper!AL$2:AL$366,ROUNDDOWN($C8078/24,0)+1,1))-1)+IF('Standard Profiles'!$G$22=$B$10,7,0)+IF('Standard Profiles'!$G$22=$B$17,14,0)+IF('Standard Profiles'!$G$22=$B$24,21,0),0)),0)</f>
        <v>5.359904210644701</v>
      </c>
      <c r="I8078">
        <f t="shared" si="895"/>
        <v>5.1455080422189159</v>
      </c>
      <c r="J8078">
        <f t="shared" si="896"/>
        <v>20.214899893085125</v>
      </c>
      <c r="K8078">
        <f t="shared" si="897"/>
        <v>0.47252478207288001</v>
      </c>
      <c r="L8078">
        <f t="shared" si="898"/>
        <v>0.23626239103644001</v>
      </c>
      <c r="M8078">
        <f t="shared" si="899"/>
        <v>0</v>
      </c>
      <c r="N8078" s="45">
        <f t="shared" si="900"/>
        <v>45262.166666647157</v>
      </c>
    </row>
    <row r="8079" spans="2:14" x14ac:dyDescent="0.25">
      <c r="B8079">
        <f t="shared" si="894"/>
        <v>6</v>
      </c>
      <c r="C8079" s="16">
        <v>8045</v>
      </c>
      <c r="D8079" cm="1">
        <f t="array" ref="D8079">IFERROR(INDEX(Jesper!AH$2:AH$366,ROUNDDOWN($C8079/24,0)+1,1)*INDEX($D$3:$AA$30,INDEX(Jesper!$R$2:$R$366,ROW(INDEX(Jesper!AH$2:AH$366,ROUNDDOWN($C8079/24,0)+1,1))-1)+IF('Standard Profiles'!$G$18=$B$10,7,0)+IF('Standard Profiles'!$G$18=$B$17,14,0)+IF('Standard Profiles'!$G$18=$B$24,21,0),MOD($C8079,24)+1)/SUM(INDEX($D$3:$AA$30,INDEX(Jesper!$R$2:$R$366,ROW(INDEX(Jesper!AH$2:AH$366,ROUNDDOWN($C8079/24,0)+1,1))-1)+IF('Standard Profiles'!$G$18=$B$10,7,0)+IF('Standard Profiles'!$G$18=$B$17,14,0)+IF('Standard Profiles'!$G$18=$B$24,21,0),0)),0)</f>
        <v>0</v>
      </c>
      <c r="E8079" cm="1">
        <f t="array" ref="E8079">IFERROR(INDEX(Jesper!AI$2:AI$366,ROUNDDOWN($C8079/24,0)+1,1)*INDEX($D$3:$AA$30,INDEX(Jesper!$R$2:$R$366,ROW(INDEX(Jesper!AI$2:AI$366,ROUNDDOWN($C8079/24,0)+1,1))-1)+IF('Standard Profiles'!$G$19=$B$10,7,0)+IF('Standard Profiles'!$G$19=$B$17,14,0)+IF('Standard Profiles'!$G$19=$B$24,21,0),MOD($C8079,24)+1)/SUM(INDEX($D$3:$AA$30,INDEX(Jesper!$R$2:$R$366,ROW(INDEX(Jesper!AI$2:AI$366,ROUNDDOWN($C8079/24,0)+1,1))-1)+IF('Standard Profiles'!$G$19=$B$10,7,0)+IF('Standard Profiles'!$G$19=$B$17,14,0)+IF('Standard Profiles'!$G$19=$B$24,21,0),0)),0)</f>
        <v>5.906559775911</v>
      </c>
      <c r="F8079" cm="1">
        <f t="array" ref="F8079">IFERROR(INDEX(Jesper!AJ$2:AJ$366,ROUNDDOWN($C8079/24,0)+1,1)*INDEX($D$3:$AA$30,INDEX(Jesper!$R$2:$R$366,ROW(INDEX(Jesper!AJ$2:AJ$366,ROUNDDOWN($C8079/24,0)+1,1))-1)+IF('Standard Profiles'!$G$20=$B$10,7,0)+IF('Standard Profiles'!$G$20=$B$17,14,0)+IF('Standard Profiles'!$G$20=$B$24,21,0),MOD($C8079,24)+1)/SUM(INDEX($D$3:$AA$30,INDEX(Jesper!$R$2:$R$366,ROW(INDEX(Jesper!AJ$2:AJ$366,ROUNDDOWN($C8079/24,0)+1,1))-1)+IF('Standard Profiles'!$G$20=$B$10,7,0)+IF('Standard Profiles'!$G$20=$B$17,14,0)+IF('Standard Profiles'!$G$20=$B$24,21,0),0)),0)</f>
        <v>5.3493710296547192</v>
      </c>
      <c r="G8079" cm="1">
        <f t="array" ref="G8079">IFERROR(INDEX(Jesper!AK$2:AK$366,ROUNDDOWN($C8079/24,0)+1,1)*INDEX($D$3:$AA$30,INDEX(Jesper!$R$2:$R$366,ROW(INDEX(Jesper!AK$2:AK$366,ROUNDDOWN($C8079/24,0)+1,1))-1)+IF('Standard Profiles'!$G$21=$B$10,7,0)+IF('Standard Profiles'!$G$21=$B$17,14,0)+IF('Standard Profiles'!$G$21=$B$24,21,0),MOD($C8079,24)+1)/SUM(INDEX($D$3:$AA$30,INDEX(Jesper!$R$2:$R$366,ROW(INDEX(Jesper!AK$2:AK$366,ROUNDDOWN($C8079/24,0)+1,1))-1)+IF('Standard Profiles'!$G$21=$B$10,7,0)+IF('Standard Profiles'!$G$21=$B$17,14,0)+IF('Standard Profiles'!$G$21=$B$24,21,0),0)),0)</f>
        <v>9.4533600922029368</v>
      </c>
      <c r="H8079" cm="1">
        <f t="array" ref="H8079">IFERROR(INDEX(Jesper!AL$2:AL$366,ROUNDDOWN($C8079/24,0)+1,1)*INDEX($D$3:$AA$30,INDEX(Jesper!$R$2:$R$366,ROW(INDEX(Jesper!AL$2:AL$366,ROUNDDOWN($C8079/24,0)+1,1))-1)+IF('Standard Profiles'!$G$22=$B$10,7,0)+IF('Standard Profiles'!$G$22=$B$17,14,0)+IF('Standard Profiles'!$G$22=$B$24,21,0),MOD($C8079,24)+1)/SUM(INDEX($D$3:$AA$30,INDEX(Jesper!$R$2:$R$366,ROW(INDEX(Jesper!AL$2:AL$366,ROUNDDOWN($C8079/24,0)+1,1))-1)+IF('Standard Profiles'!$G$22=$B$10,7,0)+IF('Standard Profiles'!$G$22=$B$17,14,0)+IF('Standard Profiles'!$G$22=$B$24,21,0),0)),0)</f>
        <v>6.6671979205580429</v>
      </c>
      <c r="I8079">
        <f t="shared" si="895"/>
        <v>6.4005100037357243</v>
      </c>
      <c r="J8079">
        <f t="shared" si="896"/>
        <v>20.267191641481656</v>
      </c>
      <c r="K8079">
        <f t="shared" si="897"/>
        <v>0.47252478207288001</v>
      </c>
      <c r="L8079">
        <f t="shared" si="898"/>
        <v>0.23626239103644001</v>
      </c>
      <c r="M8079">
        <f t="shared" si="899"/>
        <v>0</v>
      </c>
      <c r="N8079" s="45">
        <f t="shared" si="900"/>
        <v>45262.208333313822</v>
      </c>
    </row>
    <row r="8080" spans="2:14" x14ac:dyDescent="0.25">
      <c r="B8080">
        <f t="shared" si="894"/>
        <v>6</v>
      </c>
      <c r="C8080" s="16">
        <v>8046</v>
      </c>
      <c r="D8080" cm="1">
        <f t="array" ref="D8080">IFERROR(INDEX(Jesper!AH$2:AH$366,ROUNDDOWN($C8080/24,0)+1,1)*INDEX($D$3:$AA$30,INDEX(Jesper!$R$2:$R$366,ROW(INDEX(Jesper!AH$2:AH$366,ROUNDDOWN($C8080/24,0)+1,1))-1)+IF('Standard Profiles'!$G$18=$B$10,7,0)+IF('Standard Profiles'!$G$18=$B$17,14,0)+IF('Standard Profiles'!$G$18=$B$24,21,0),MOD($C8080,24)+1)/SUM(INDEX($D$3:$AA$30,INDEX(Jesper!$R$2:$R$366,ROW(INDEX(Jesper!AH$2:AH$366,ROUNDDOWN($C8080/24,0)+1,1))-1)+IF('Standard Profiles'!$G$18=$B$10,7,0)+IF('Standard Profiles'!$G$18=$B$17,14,0)+IF('Standard Profiles'!$G$18=$B$24,21,0),0)),0)</f>
        <v>0</v>
      </c>
      <c r="E8080" cm="1">
        <f t="array" ref="E8080">IFERROR(INDEX(Jesper!AI$2:AI$366,ROUNDDOWN($C8080/24,0)+1,1)*INDEX($D$3:$AA$30,INDEX(Jesper!$R$2:$R$366,ROW(INDEX(Jesper!AI$2:AI$366,ROUNDDOWN($C8080/24,0)+1,1))-1)+IF('Standard Profiles'!$G$19=$B$10,7,0)+IF('Standard Profiles'!$G$19=$B$17,14,0)+IF('Standard Profiles'!$G$19=$B$24,21,0),MOD($C8080,24)+1)/SUM(INDEX($D$3:$AA$30,INDEX(Jesper!$R$2:$R$366,ROW(INDEX(Jesper!AI$2:AI$366,ROUNDDOWN($C8080/24,0)+1,1))-1)+IF('Standard Profiles'!$G$19=$B$10,7,0)+IF('Standard Profiles'!$G$19=$B$17,14,0)+IF('Standard Profiles'!$G$19=$B$24,21,0),0)),0)</f>
        <v>5.906559775911</v>
      </c>
      <c r="F8080" cm="1">
        <f t="array" ref="F8080">IFERROR(INDEX(Jesper!AJ$2:AJ$366,ROUNDDOWN($C8080/24,0)+1,1)*INDEX($D$3:$AA$30,INDEX(Jesper!$R$2:$R$366,ROW(INDEX(Jesper!AJ$2:AJ$366,ROUNDDOWN($C8080/24,0)+1,1))-1)+IF('Standard Profiles'!$G$20=$B$10,7,0)+IF('Standard Profiles'!$G$20=$B$17,14,0)+IF('Standard Profiles'!$G$20=$B$24,21,0),MOD($C8080,24)+1)/SUM(INDEX($D$3:$AA$30,INDEX(Jesper!$R$2:$R$366,ROW(INDEX(Jesper!AJ$2:AJ$366,ROUNDDOWN($C8080/24,0)+1,1))-1)+IF('Standard Profiles'!$G$20=$B$10,7,0)+IF('Standard Profiles'!$G$20=$B$17,14,0)+IF('Standard Profiles'!$G$20=$B$24,21,0),0)),0)</f>
        <v>5.3493710296547192</v>
      </c>
      <c r="G8080" cm="1">
        <f t="array" ref="G8080">IFERROR(INDEX(Jesper!AK$2:AK$366,ROUNDDOWN($C8080/24,0)+1,1)*INDEX($D$3:$AA$30,INDEX(Jesper!$R$2:$R$366,ROW(INDEX(Jesper!AK$2:AK$366,ROUNDDOWN($C8080/24,0)+1,1))-1)+IF('Standard Profiles'!$G$21=$B$10,7,0)+IF('Standard Profiles'!$G$21=$B$17,14,0)+IF('Standard Profiles'!$G$21=$B$24,21,0),MOD($C8080,24)+1)/SUM(INDEX($D$3:$AA$30,INDEX(Jesper!$R$2:$R$366,ROW(INDEX(Jesper!AK$2:AK$366,ROUNDDOWN($C8080/24,0)+1,1))-1)+IF('Standard Profiles'!$G$21=$B$10,7,0)+IF('Standard Profiles'!$G$21=$B$17,14,0)+IF('Standard Profiles'!$G$21=$B$24,21,0),0)),0)</f>
        <v>9.4533600922029368</v>
      </c>
      <c r="H8080" cm="1">
        <f t="array" ref="H8080">IFERROR(INDEX(Jesper!AL$2:AL$366,ROUNDDOWN($C8080/24,0)+1,1)*INDEX($D$3:$AA$30,INDEX(Jesper!$R$2:$R$366,ROW(INDEX(Jesper!AL$2:AL$366,ROUNDDOWN($C8080/24,0)+1,1))-1)+IF('Standard Profiles'!$G$22=$B$10,7,0)+IF('Standard Profiles'!$G$22=$B$17,14,0)+IF('Standard Profiles'!$G$22=$B$24,21,0),MOD($C8080,24)+1)/SUM(INDEX($D$3:$AA$30,INDEX(Jesper!$R$2:$R$366,ROW(INDEX(Jesper!AL$2:AL$366,ROUNDDOWN($C8080/24,0)+1,1))-1)+IF('Standard Profiles'!$G$22=$B$10,7,0)+IF('Standard Profiles'!$G$22=$B$17,14,0)+IF('Standard Profiles'!$G$22=$B$24,21,0),0)),0)</f>
        <v>8.3666797434453866</v>
      </c>
      <c r="I8080">
        <f t="shared" si="895"/>
        <v>8.0320125537075757</v>
      </c>
      <c r="J8080">
        <f t="shared" si="896"/>
        <v>20.33517091439715</v>
      </c>
      <c r="K8080">
        <f t="shared" si="897"/>
        <v>0.47252478207288001</v>
      </c>
      <c r="L8080">
        <f t="shared" si="898"/>
        <v>0.23626239103644001</v>
      </c>
      <c r="M8080">
        <f t="shared" si="899"/>
        <v>0</v>
      </c>
      <c r="N8080" s="45">
        <f t="shared" si="900"/>
        <v>45262.249999980486</v>
      </c>
    </row>
    <row r="8081" spans="2:14" x14ac:dyDescent="0.25">
      <c r="B8081">
        <f t="shared" si="894"/>
        <v>6</v>
      </c>
      <c r="C8081" s="16">
        <v>8047</v>
      </c>
      <c r="D8081" cm="1">
        <f t="array" ref="D8081">IFERROR(INDEX(Jesper!AH$2:AH$366,ROUNDDOWN($C8081/24,0)+1,1)*INDEX($D$3:$AA$30,INDEX(Jesper!$R$2:$R$366,ROW(INDEX(Jesper!AH$2:AH$366,ROUNDDOWN($C8081/24,0)+1,1))-1)+IF('Standard Profiles'!$G$18=$B$10,7,0)+IF('Standard Profiles'!$G$18=$B$17,14,0)+IF('Standard Profiles'!$G$18=$B$24,21,0),MOD($C8081,24)+1)/SUM(INDEX($D$3:$AA$30,INDEX(Jesper!$R$2:$R$366,ROW(INDEX(Jesper!AH$2:AH$366,ROUNDDOWN($C8081/24,0)+1,1))-1)+IF('Standard Profiles'!$G$18=$B$10,7,0)+IF('Standard Profiles'!$G$18=$B$17,14,0)+IF('Standard Profiles'!$G$18=$B$24,21,0),0)),0)</f>
        <v>0</v>
      </c>
      <c r="E8081" cm="1">
        <f t="array" ref="E8081">IFERROR(INDEX(Jesper!AI$2:AI$366,ROUNDDOWN($C8081/24,0)+1,1)*INDEX($D$3:$AA$30,INDEX(Jesper!$R$2:$R$366,ROW(INDEX(Jesper!AI$2:AI$366,ROUNDDOWN($C8081/24,0)+1,1))-1)+IF('Standard Profiles'!$G$19=$B$10,7,0)+IF('Standard Profiles'!$G$19=$B$17,14,0)+IF('Standard Profiles'!$G$19=$B$24,21,0),MOD($C8081,24)+1)/SUM(INDEX($D$3:$AA$30,INDEX(Jesper!$R$2:$R$366,ROW(INDEX(Jesper!AI$2:AI$366,ROUNDDOWN($C8081/24,0)+1,1))-1)+IF('Standard Profiles'!$G$19=$B$10,7,0)+IF('Standard Profiles'!$G$19=$B$17,14,0)+IF('Standard Profiles'!$G$19=$B$24,21,0),0)),0)</f>
        <v>5.906559775911</v>
      </c>
      <c r="F8081" cm="1">
        <f t="array" ref="F8081">IFERROR(INDEX(Jesper!AJ$2:AJ$366,ROUNDDOWN($C8081/24,0)+1,1)*INDEX($D$3:$AA$30,INDEX(Jesper!$R$2:$R$366,ROW(INDEX(Jesper!AJ$2:AJ$366,ROUNDDOWN($C8081/24,0)+1,1))-1)+IF('Standard Profiles'!$G$20=$B$10,7,0)+IF('Standard Profiles'!$G$20=$B$17,14,0)+IF('Standard Profiles'!$G$20=$B$24,21,0),MOD($C8081,24)+1)/SUM(INDEX($D$3:$AA$30,INDEX(Jesper!$R$2:$R$366,ROW(INDEX(Jesper!AJ$2:AJ$366,ROUNDDOWN($C8081/24,0)+1,1))-1)+IF('Standard Profiles'!$G$20=$B$10,7,0)+IF('Standard Profiles'!$G$20=$B$17,14,0)+IF('Standard Profiles'!$G$20=$B$24,21,0),0)),0)</f>
        <v>5.3493710296547192</v>
      </c>
      <c r="G8081" cm="1">
        <f t="array" ref="G8081">IFERROR(INDEX(Jesper!AK$2:AK$366,ROUNDDOWN($C8081/24,0)+1,1)*INDEX($D$3:$AA$30,INDEX(Jesper!$R$2:$R$366,ROW(INDEX(Jesper!AK$2:AK$366,ROUNDDOWN($C8081/24,0)+1,1))-1)+IF('Standard Profiles'!$G$21=$B$10,7,0)+IF('Standard Profiles'!$G$21=$B$17,14,0)+IF('Standard Profiles'!$G$21=$B$24,21,0),MOD($C8081,24)+1)/SUM(INDEX($D$3:$AA$30,INDEX(Jesper!$R$2:$R$366,ROW(INDEX(Jesper!AK$2:AK$366,ROUNDDOWN($C8081/24,0)+1,1))-1)+IF('Standard Profiles'!$G$21=$B$10,7,0)+IF('Standard Profiles'!$G$21=$B$17,14,0)+IF('Standard Profiles'!$G$21=$B$24,21,0),0)),0)</f>
        <v>9.4533600922029368</v>
      </c>
      <c r="H8081" cm="1">
        <f t="array" ref="H8081">IFERROR(INDEX(Jesper!AL$2:AL$366,ROUNDDOWN($C8081/24,0)+1,1)*INDEX($D$3:$AA$30,INDEX(Jesper!$R$2:$R$366,ROW(INDEX(Jesper!AL$2:AL$366,ROUNDDOWN($C8081/24,0)+1,1))-1)+IF('Standard Profiles'!$G$22=$B$10,7,0)+IF('Standard Profiles'!$G$22=$B$17,14,0)+IF('Standard Profiles'!$G$22=$B$24,21,0),MOD($C8081,24)+1)/SUM(INDEX($D$3:$AA$30,INDEX(Jesper!$R$2:$R$366,ROW(INDEX(Jesper!AL$2:AL$366,ROUNDDOWN($C8081/24,0)+1,1))-1)+IF('Standard Profiles'!$G$22=$B$10,7,0)+IF('Standard Profiles'!$G$22=$B$17,14,0)+IF('Standard Profiles'!$G$22=$B$24,21,0),0)),0)</f>
        <v>9.5432440823673943</v>
      </c>
      <c r="I8081">
        <f t="shared" si="895"/>
        <v>9.1615143190727029</v>
      </c>
      <c r="J8081">
        <f t="shared" si="896"/>
        <v>20.382233487954029</v>
      </c>
      <c r="K8081">
        <f t="shared" si="897"/>
        <v>0.47252478207288001</v>
      </c>
      <c r="L8081">
        <f t="shared" si="898"/>
        <v>0.23626239103644001</v>
      </c>
      <c r="M8081">
        <f t="shared" si="899"/>
        <v>0</v>
      </c>
      <c r="N8081" s="45">
        <f t="shared" si="900"/>
        <v>45262.29166664715</v>
      </c>
    </row>
    <row r="8082" spans="2:14" x14ac:dyDescent="0.25">
      <c r="B8082">
        <f t="shared" si="894"/>
        <v>6</v>
      </c>
      <c r="C8082" s="16">
        <v>8048</v>
      </c>
      <c r="D8082" cm="1">
        <f t="array" ref="D8082">IFERROR(INDEX(Jesper!AH$2:AH$366,ROUNDDOWN($C8082/24,0)+1,1)*INDEX($D$3:$AA$30,INDEX(Jesper!$R$2:$R$366,ROW(INDEX(Jesper!AH$2:AH$366,ROUNDDOWN($C8082/24,0)+1,1))-1)+IF('Standard Profiles'!$G$18=$B$10,7,0)+IF('Standard Profiles'!$G$18=$B$17,14,0)+IF('Standard Profiles'!$G$18=$B$24,21,0),MOD($C8082,24)+1)/SUM(INDEX($D$3:$AA$30,INDEX(Jesper!$R$2:$R$366,ROW(INDEX(Jesper!AH$2:AH$366,ROUNDDOWN($C8082/24,0)+1,1))-1)+IF('Standard Profiles'!$G$18=$B$10,7,0)+IF('Standard Profiles'!$G$18=$B$17,14,0)+IF('Standard Profiles'!$G$18=$B$24,21,0),0)),0)</f>
        <v>0</v>
      </c>
      <c r="E8082" cm="1">
        <f t="array" ref="E8082">IFERROR(INDEX(Jesper!AI$2:AI$366,ROUNDDOWN($C8082/24,0)+1,1)*INDEX($D$3:$AA$30,INDEX(Jesper!$R$2:$R$366,ROW(INDEX(Jesper!AI$2:AI$366,ROUNDDOWN($C8082/24,0)+1,1))-1)+IF('Standard Profiles'!$G$19=$B$10,7,0)+IF('Standard Profiles'!$G$19=$B$17,14,0)+IF('Standard Profiles'!$G$19=$B$24,21,0),MOD($C8082,24)+1)/SUM(INDEX($D$3:$AA$30,INDEX(Jesper!$R$2:$R$366,ROW(INDEX(Jesper!AI$2:AI$366,ROUNDDOWN($C8082/24,0)+1,1))-1)+IF('Standard Profiles'!$G$19=$B$10,7,0)+IF('Standard Profiles'!$G$19=$B$17,14,0)+IF('Standard Profiles'!$G$19=$B$24,21,0),0)),0)</f>
        <v>5.906559775911</v>
      </c>
      <c r="F8082" cm="1">
        <f t="array" ref="F8082">IFERROR(INDEX(Jesper!AJ$2:AJ$366,ROUNDDOWN($C8082/24,0)+1,1)*INDEX($D$3:$AA$30,INDEX(Jesper!$R$2:$R$366,ROW(INDEX(Jesper!AJ$2:AJ$366,ROUNDDOWN($C8082/24,0)+1,1))-1)+IF('Standard Profiles'!$G$20=$B$10,7,0)+IF('Standard Profiles'!$G$20=$B$17,14,0)+IF('Standard Profiles'!$G$20=$B$24,21,0),MOD($C8082,24)+1)/SUM(INDEX($D$3:$AA$30,INDEX(Jesper!$R$2:$R$366,ROW(INDEX(Jesper!AJ$2:AJ$366,ROUNDDOWN($C8082/24,0)+1,1))-1)+IF('Standard Profiles'!$G$20=$B$10,7,0)+IF('Standard Profiles'!$G$20=$B$17,14,0)+IF('Standard Profiles'!$G$20=$B$24,21,0),0)),0)</f>
        <v>5.3493710296547192</v>
      </c>
      <c r="G8082" cm="1">
        <f t="array" ref="G8082">IFERROR(INDEX(Jesper!AK$2:AK$366,ROUNDDOWN($C8082/24,0)+1,1)*INDEX($D$3:$AA$30,INDEX(Jesper!$R$2:$R$366,ROW(INDEX(Jesper!AK$2:AK$366,ROUNDDOWN($C8082/24,0)+1,1))-1)+IF('Standard Profiles'!$G$21=$B$10,7,0)+IF('Standard Profiles'!$G$21=$B$17,14,0)+IF('Standard Profiles'!$G$21=$B$24,21,0),MOD($C8082,24)+1)/SUM(INDEX($D$3:$AA$30,INDEX(Jesper!$R$2:$R$366,ROW(INDEX(Jesper!AK$2:AK$366,ROUNDDOWN($C8082/24,0)+1,1))-1)+IF('Standard Profiles'!$G$21=$B$10,7,0)+IF('Standard Profiles'!$G$21=$B$17,14,0)+IF('Standard Profiles'!$G$21=$B$24,21,0),0)),0)</f>
        <v>9.4533600922029368</v>
      </c>
      <c r="H8082" cm="1">
        <f t="array" ref="H8082">IFERROR(INDEX(Jesper!AL$2:AL$366,ROUNDDOWN($C8082/24,0)+1,1)*INDEX($D$3:$AA$30,INDEX(Jesper!$R$2:$R$366,ROW(INDEX(Jesper!AL$2:AL$366,ROUNDDOWN($C8082/24,0)+1,1))-1)+IF('Standard Profiles'!$G$22=$B$10,7,0)+IF('Standard Profiles'!$G$22=$B$17,14,0)+IF('Standard Profiles'!$G$22=$B$24,21,0),MOD($C8082,24)+1)/SUM(INDEX($D$3:$AA$30,INDEX(Jesper!$R$2:$R$366,ROW(INDEX(Jesper!AL$2:AL$366,ROUNDDOWN($C8082/24,0)+1,1))-1)+IF('Standard Profiles'!$G$22=$B$10,7,0)+IF('Standard Profiles'!$G$22=$B$17,14,0)+IF('Standard Profiles'!$G$22=$B$24,21,0),0)),0)</f>
        <v>9.5432440823673943</v>
      </c>
      <c r="I8082">
        <f t="shared" si="895"/>
        <v>9.1615143190727029</v>
      </c>
      <c r="J8082">
        <f t="shared" si="896"/>
        <v>20.382233487954029</v>
      </c>
      <c r="K8082">
        <f t="shared" si="897"/>
        <v>0.47252478207288001</v>
      </c>
      <c r="L8082">
        <f t="shared" si="898"/>
        <v>0.23626239103644001</v>
      </c>
      <c r="M8082">
        <f t="shared" si="899"/>
        <v>0</v>
      </c>
      <c r="N8082" s="45">
        <f t="shared" si="900"/>
        <v>45262.333333313814</v>
      </c>
    </row>
    <row r="8083" spans="2:14" x14ac:dyDescent="0.25">
      <c r="B8083">
        <f t="shared" si="894"/>
        <v>6</v>
      </c>
      <c r="C8083" s="16">
        <v>8049</v>
      </c>
      <c r="D8083" cm="1">
        <f t="array" ref="D8083">IFERROR(INDEX(Jesper!AH$2:AH$366,ROUNDDOWN($C8083/24,0)+1,1)*INDEX($D$3:$AA$30,INDEX(Jesper!$R$2:$R$366,ROW(INDEX(Jesper!AH$2:AH$366,ROUNDDOWN($C8083/24,0)+1,1))-1)+IF('Standard Profiles'!$G$18=$B$10,7,0)+IF('Standard Profiles'!$G$18=$B$17,14,0)+IF('Standard Profiles'!$G$18=$B$24,21,0),MOD($C8083,24)+1)/SUM(INDEX($D$3:$AA$30,INDEX(Jesper!$R$2:$R$366,ROW(INDEX(Jesper!AH$2:AH$366,ROUNDDOWN($C8083/24,0)+1,1))-1)+IF('Standard Profiles'!$G$18=$B$10,7,0)+IF('Standard Profiles'!$G$18=$B$17,14,0)+IF('Standard Profiles'!$G$18=$B$24,21,0),0)),0)</f>
        <v>0</v>
      </c>
      <c r="E8083" cm="1">
        <f t="array" ref="E8083">IFERROR(INDEX(Jesper!AI$2:AI$366,ROUNDDOWN($C8083/24,0)+1,1)*INDEX($D$3:$AA$30,INDEX(Jesper!$R$2:$R$366,ROW(INDEX(Jesper!AI$2:AI$366,ROUNDDOWN($C8083/24,0)+1,1))-1)+IF('Standard Profiles'!$G$19=$B$10,7,0)+IF('Standard Profiles'!$G$19=$B$17,14,0)+IF('Standard Profiles'!$G$19=$B$24,21,0),MOD($C8083,24)+1)/SUM(INDEX($D$3:$AA$30,INDEX(Jesper!$R$2:$R$366,ROW(INDEX(Jesper!AI$2:AI$366,ROUNDDOWN($C8083/24,0)+1,1))-1)+IF('Standard Profiles'!$G$19=$B$10,7,0)+IF('Standard Profiles'!$G$19=$B$17,14,0)+IF('Standard Profiles'!$G$19=$B$24,21,0),0)),0)</f>
        <v>5.906559775911</v>
      </c>
      <c r="F8083" cm="1">
        <f t="array" ref="F8083">IFERROR(INDEX(Jesper!AJ$2:AJ$366,ROUNDDOWN($C8083/24,0)+1,1)*INDEX($D$3:$AA$30,INDEX(Jesper!$R$2:$R$366,ROW(INDEX(Jesper!AJ$2:AJ$366,ROUNDDOWN($C8083/24,0)+1,1))-1)+IF('Standard Profiles'!$G$20=$B$10,7,0)+IF('Standard Profiles'!$G$20=$B$17,14,0)+IF('Standard Profiles'!$G$20=$B$24,21,0),MOD($C8083,24)+1)/SUM(INDEX($D$3:$AA$30,INDEX(Jesper!$R$2:$R$366,ROW(INDEX(Jesper!AJ$2:AJ$366,ROUNDDOWN($C8083/24,0)+1,1))-1)+IF('Standard Profiles'!$G$20=$B$10,7,0)+IF('Standard Profiles'!$G$20=$B$17,14,0)+IF('Standard Profiles'!$G$20=$B$24,21,0),0)),0)</f>
        <v>5.3493710296547192</v>
      </c>
      <c r="G8083" cm="1">
        <f t="array" ref="G8083">IFERROR(INDEX(Jesper!AK$2:AK$366,ROUNDDOWN($C8083/24,0)+1,1)*INDEX($D$3:$AA$30,INDEX(Jesper!$R$2:$R$366,ROW(INDEX(Jesper!AK$2:AK$366,ROUNDDOWN($C8083/24,0)+1,1))-1)+IF('Standard Profiles'!$G$21=$B$10,7,0)+IF('Standard Profiles'!$G$21=$B$17,14,0)+IF('Standard Profiles'!$G$21=$B$24,21,0),MOD($C8083,24)+1)/SUM(INDEX($D$3:$AA$30,INDEX(Jesper!$R$2:$R$366,ROW(INDEX(Jesper!AK$2:AK$366,ROUNDDOWN($C8083/24,0)+1,1))-1)+IF('Standard Profiles'!$G$21=$B$10,7,0)+IF('Standard Profiles'!$G$21=$B$17,14,0)+IF('Standard Profiles'!$G$21=$B$24,21,0),0)),0)</f>
        <v>9.4533600922029368</v>
      </c>
      <c r="H8083" cm="1">
        <f t="array" ref="H8083">IFERROR(INDEX(Jesper!AL$2:AL$366,ROUNDDOWN($C8083/24,0)+1,1)*INDEX($D$3:$AA$30,INDEX(Jesper!$R$2:$R$366,ROW(INDEX(Jesper!AL$2:AL$366,ROUNDDOWN($C8083/24,0)+1,1))-1)+IF('Standard Profiles'!$G$22=$B$10,7,0)+IF('Standard Profiles'!$G$22=$B$17,14,0)+IF('Standard Profiles'!$G$22=$B$24,21,0),MOD($C8083,24)+1)/SUM(INDEX($D$3:$AA$30,INDEX(Jesper!$R$2:$R$366,ROW(INDEX(Jesper!AL$2:AL$366,ROUNDDOWN($C8083/24,0)+1,1))-1)+IF('Standard Profiles'!$G$22=$B$10,7,0)+IF('Standard Profiles'!$G$22=$B$17,14,0)+IF('Standard Profiles'!$G$22=$B$24,21,0),0)),0)</f>
        <v>9.5432440823673943</v>
      </c>
      <c r="I8083">
        <f t="shared" si="895"/>
        <v>9.1615143190727029</v>
      </c>
      <c r="J8083">
        <f t="shared" si="896"/>
        <v>20.382233487954029</v>
      </c>
      <c r="K8083">
        <f t="shared" si="897"/>
        <v>0.47252478207288001</v>
      </c>
      <c r="L8083">
        <f t="shared" si="898"/>
        <v>0.23626239103644001</v>
      </c>
      <c r="M8083">
        <f t="shared" si="899"/>
        <v>0</v>
      </c>
      <c r="N8083" s="45">
        <f t="shared" si="900"/>
        <v>45262.374999980479</v>
      </c>
    </row>
    <row r="8084" spans="2:14" x14ac:dyDescent="0.25">
      <c r="B8084">
        <f t="shared" si="894"/>
        <v>6</v>
      </c>
      <c r="C8084" s="16">
        <v>8050</v>
      </c>
      <c r="D8084" cm="1">
        <f t="array" ref="D8084">IFERROR(INDEX(Jesper!AH$2:AH$366,ROUNDDOWN($C8084/24,0)+1,1)*INDEX($D$3:$AA$30,INDEX(Jesper!$R$2:$R$366,ROW(INDEX(Jesper!AH$2:AH$366,ROUNDDOWN($C8084/24,0)+1,1))-1)+IF('Standard Profiles'!$G$18=$B$10,7,0)+IF('Standard Profiles'!$G$18=$B$17,14,0)+IF('Standard Profiles'!$G$18=$B$24,21,0),MOD($C8084,24)+1)/SUM(INDEX($D$3:$AA$30,INDEX(Jesper!$R$2:$R$366,ROW(INDEX(Jesper!AH$2:AH$366,ROUNDDOWN($C8084/24,0)+1,1))-1)+IF('Standard Profiles'!$G$18=$B$10,7,0)+IF('Standard Profiles'!$G$18=$B$17,14,0)+IF('Standard Profiles'!$G$18=$B$24,21,0),0)),0)</f>
        <v>0</v>
      </c>
      <c r="E8084" cm="1">
        <f t="array" ref="E8084">IFERROR(INDEX(Jesper!AI$2:AI$366,ROUNDDOWN($C8084/24,0)+1,1)*INDEX($D$3:$AA$30,INDEX(Jesper!$R$2:$R$366,ROW(INDEX(Jesper!AI$2:AI$366,ROUNDDOWN($C8084/24,0)+1,1))-1)+IF('Standard Profiles'!$G$19=$B$10,7,0)+IF('Standard Profiles'!$G$19=$B$17,14,0)+IF('Standard Profiles'!$G$19=$B$24,21,0),MOD($C8084,24)+1)/SUM(INDEX($D$3:$AA$30,INDEX(Jesper!$R$2:$R$366,ROW(INDEX(Jesper!AI$2:AI$366,ROUNDDOWN($C8084/24,0)+1,1))-1)+IF('Standard Profiles'!$G$19=$B$10,7,0)+IF('Standard Profiles'!$G$19=$B$17,14,0)+IF('Standard Profiles'!$G$19=$B$24,21,0),0)),0)</f>
        <v>5.906559775911</v>
      </c>
      <c r="F8084" cm="1">
        <f t="array" ref="F8084">IFERROR(INDEX(Jesper!AJ$2:AJ$366,ROUNDDOWN($C8084/24,0)+1,1)*INDEX($D$3:$AA$30,INDEX(Jesper!$R$2:$R$366,ROW(INDEX(Jesper!AJ$2:AJ$366,ROUNDDOWN($C8084/24,0)+1,1))-1)+IF('Standard Profiles'!$G$20=$B$10,7,0)+IF('Standard Profiles'!$G$20=$B$17,14,0)+IF('Standard Profiles'!$G$20=$B$24,21,0),MOD($C8084,24)+1)/SUM(INDEX($D$3:$AA$30,INDEX(Jesper!$R$2:$R$366,ROW(INDEX(Jesper!AJ$2:AJ$366,ROUNDDOWN($C8084/24,0)+1,1))-1)+IF('Standard Profiles'!$G$20=$B$10,7,0)+IF('Standard Profiles'!$G$20=$B$17,14,0)+IF('Standard Profiles'!$G$20=$B$24,21,0),0)),0)</f>
        <v>5.3493710296547192</v>
      </c>
      <c r="G8084" cm="1">
        <f t="array" ref="G8084">IFERROR(INDEX(Jesper!AK$2:AK$366,ROUNDDOWN($C8084/24,0)+1,1)*INDEX($D$3:$AA$30,INDEX(Jesper!$R$2:$R$366,ROW(INDEX(Jesper!AK$2:AK$366,ROUNDDOWN($C8084/24,0)+1,1))-1)+IF('Standard Profiles'!$G$21=$B$10,7,0)+IF('Standard Profiles'!$G$21=$B$17,14,0)+IF('Standard Profiles'!$G$21=$B$24,21,0),MOD($C8084,24)+1)/SUM(INDEX($D$3:$AA$30,INDEX(Jesper!$R$2:$R$366,ROW(INDEX(Jesper!AK$2:AK$366,ROUNDDOWN($C8084/24,0)+1,1))-1)+IF('Standard Profiles'!$G$21=$B$10,7,0)+IF('Standard Profiles'!$G$21=$B$17,14,0)+IF('Standard Profiles'!$G$21=$B$24,21,0),0)),0)</f>
        <v>9.4533600922029368</v>
      </c>
      <c r="H8084" cm="1">
        <f t="array" ref="H8084">IFERROR(INDEX(Jesper!AL$2:AL$366,ROUNDDOWN($C8084/24,0)+1,1)*INDEX($D$3:$AA$30,INDEX(Jesper!$R$2:$R$366,ROW(INDEX(Jesper!AL$2:AL$366,ROUNDDOWN($C8084/24,0)+1,1))-1)+IF('Standard Profiles'!$G$22=$B$10,7,0)+IF('Standard Profiles'!$G$22=$B$17,14,0)+IF('Standard Profiles'!$G$22=$B$24,21,0),MOD($C8084,24)+1)/SUM(INDEX($D$3:$AA$30,INDEX(Jesper!$R$2:$R$366,ROW(INDEX(Jesper!AL$2:AL$366,ROUNDDOWN($C8084/24,0)+1,1))-1)+IF('Standard Profiles'!$G$22=$B$10,7,0)+IF('Standard Profiles'!$G$22=$B$17,14,0)+IF('Standard Profiles'!$G$22=$B$24,21,0),0)),0)</f>
        <v>9.5432440823673943</v>
      </c>
      <c r="I8084">
        <f t="shared" si="895"/>
        <v>9.1615143190727029</v>
      </c>
      <c r="J8084">
        <f t="shared" si="896"/>
        <v>20.382233487954029</v>
      </c>
      <c r="K8084">
        <f t="shared" si="897"/>
        <v>0.47252478207288001</v>
      </c>
      <c r="L8084">
        <f t="shared" si="898"/>
        <v>0.23626239103644001</v>
      </c>
      <c r="M8084">
        <f t="shared" si="899"/>
        <v>0</v>
      </c>
      <c r="N8084" s="45">
        <f t="shared" si="900"/>
        <v>45262.416666647143</v>
      </c>
    </row>
    <row r="8085" spans="2:14" x14ac:dyDescent="0.25">
      <c r="B8085">
        <f t="shared" si="894"/>
        <v>6</v>
      </c>
      <c r="C8085" s="16">
        <v>8051</v>
      </c>
      <c r="D8085" cm="1">
        <f t="array" ref="D8085">IFERROR(INDEX(Jesper!AH$2:AH$366,ROUNDDOWN($C8085/24,0)+1,1)*INDEX($D$3:$AA$30,INDEX(Jesper!$R$2:$R$366,ROW(INDEX(Jesper!AH$2:AH$366,ROUNDDOWN($C8085/24,0)+1,1))-1)+IF('Standard Profiles'!$G$18=$B$10,7,0)+IF('Standard Profiles'!$G$18=$B$17,14,0)+IF('Standard Profiles'!$G$18=$B$24,21,0),MOD($C8085,24)+1)/SUM(INDEX($D$3:$AA$30,INDEX(Jesper!$R$2:$R$366,ROW(INDEX(Jesper!AH$2:AH$366,ROUNDDOWN($C8085/24,0)+1,1))-1)+IF('Standard Profiles'!$G$18=$B$10,7,0)+IF('Standard Profiles'!$G$18=$B$17,14,0)+IF('Standard Profiles'!$G$18=$B$24,21,0),0)),0)</f>
        <v>0</v>
      </c>
      <c r="E8085" cm="1">
        <f t="array" ref="E8085">IFERROR(INDEX(Jesper!AI$2:AI$366,ROUNDDOWN($C8085/24,0)+1,1)*INDEX($D$3:$AA$30,INDEX(Jesper!$R$2:$R$366,ROW(INDEX(Jesper!AI$2:AI$366,ROUNDDOWN($C8085/24,0)+1,1))-1)+IF('Standard Profiles'!$G$19=$B$10,7,0)+IF('Standard Profiles'!$G$19=$B$17,14,0)+IF('Standard Profiles'!$G$19=$B$24,21,0),MOD($C8085,24)+1)/SUM(INDEX($D$3:$AA$30,INDEX(Jesper!$R$2:$R$366,ROW(INDEX(Jesper!AI$2:AI$366,ROUNDDOWN($C8085/24,0)+1,1))-1)+IF('Standard Profiles'!$G$19=$B$10,7,0)+IF('Standard Profiles'!$G$19=$B$17,14,0)+IF('Standard Profiles'!$G$19=$B$24,21,0),0)),0)</f>
        <v>5.906559775911</v>
      </c>
      <c r="F8085" cm="1">
        <f t="array" ref="F8085">IFERROR(INDEX(Jesper!AJ$2:AJ$366,ROUNDDOWN($C8085/24,0)+1,1)*INDEX($D$3:$AA$30,INDEX(Jesper!$R$2:$R$366,ROW(INDEX(Jesper!AJ$2:AJ$366,ROUNDDOWN($C8085/24,0)+1,1))-1)+IF('Standard Profiles'!$G$20=$B$10,7,0)+IF('Standard Profiles'!$G$20=$B$17,14,0)+IF('Standard Profiles'!$G$20=$B$24,21,0),MOD($C8085,24)+1)/SUM(INDEX($D$3:$AA$30,INDEX(Jesper!$R$2:$R$366,ROW(INDEX(Jesper!AJ$2:AJ$366,ROUNDDOWN($C8085/24,0)+1,1))-1)+IF('Standard Profiles'!$G$20=$B$10,7,0)+IF('Standard Profiles'!$G$20=$B$17,14,0)+IF('Standard Profiles'!$G$20=$B$24,21,0),0)),0)</f>
        <v>5.3493710296547192</v>
      </c>
      <c r="G8085" cm="1">
        <f t="array" ref="G8085">IFERROR(INDEX(Jesper!AK$2:AK$366,ROUNDDOWN($C8085/24,0)+1,1)*INDEX($D$3:$AA$30,INDEX(Jesper!$R$2:$R$366,ROW(INDEX(Jesper!AK$2:AK$366,ROUNDDOWN($C8085/24,0)+1,1))-1)+IF('Standard Profiles'!$G$21=$B$10,7,0)+IF('Standard Profiles'!$G$21=$B$17,14,0)+IF('Standard Profiles'!$G$21=$B$24,21,0),MOD($C8085,24)+1)/SUM(INDEX($D$3:$AA$30,INDEX(Jesper!$R$2:$R$366,ROW(INDEX(Jesper!AK$2:AK$366,ROUNDDOWN($C8085/24,0)+1,1))-1)+IF('Standard Profiles'!$G$21=$B$10,7,0)+IF('Standard Profiles'!$G$21=$B$17,14,0)+IF('Standard Profiles'!$G$21=$B$24,21,0),0)),0)</f>
        <v>9.4533600922029368</v>
      </c>
      <c r="H8085" cm="1">
        <f t="array" ref="H8085">IFERROR(INDEX(Jesper!AL$2:AL$366,ROUNDDOWN($C8085/24,0)+1,1)*INDEX($D$3:$AA$30,INDEX(Jesper!$R$2:$R$366,ROW(INDEX(Jesper!AL$2:AL$366,ROUNDDOWN($C8085/24,0)+1,1))-1)+IF('Standard Profiles'!$G$22=$B$10,7,0)+IF('Standard Profiles'!$G$22=$B$17,14,0)+IF('Standard Profiles'!$G$22=$B$24,21,0),MOD($C8085,24)+1)/SUM(INDEX($D$3:$AA$30,INDEX(Jesper!$R$2:$R$366,ROW(INDEX(Jesper!AL$2:AL$366,ROUNDDOWN($C8085/24,0)+1,1))-1)+IF('Standard Profiles'!$G$22=$B$10,7,0)+IF('Standard Profiles'!$G$22=$B$17,14,0)+IF('Standard Profiles'!$G$22=$B$24,21,0),0)),0)</f>
        <v>9.5432440823673943</v>
      </c>
      <c r="I8085">
        <f t="shared" si="895"/>
        <v>9.1615143190727029</v>
      </c>
      <c r="J8085">
        <f t="shared" si="896"/>
        <v>20.382233487954029</v>
      </c>
      <c r="K8085">
        <f t="shared" si="897"/>
        <v>0.47252478207288001</v>
      </c>
      <c r="L8085">
        <f t="shared" si="898"/>
        <v>0.23626239103644001</v>
      </c>
      <c r="M8085">
        <f t="shared" si="899"/>
        <v>0</v>
      </c>
      <c r="N8085" s="45">
        <f t="shared" si="900"/>
        <v>45262.458333313807</v>
      </c>
    </row>
    <row r="8086" spans="2:14" x14ac:dyDescent="0.25">
      <c r="B8086">
        <f t="shared" si="894"/>
        <v>6</v>
      </c>
      <c r="C8086" s="16">
        <v>8052</v>
      </c>
      <c r="D8086" cm="1">
        <f t="array" ref="D8086">IFERROR(INDEX(Jesper!AH$2:AH$366,ROUNDDOWN($C8086/24,0)+1,1)*INDEX($D$3:$AA$30,INDEX(Jesper!$R$2:$R$366,ROW(INDEX(Jesper!AH$2:AH$366,ROUNDDOWN($C8086/24,0)+1,1))-1)+IF('Standard Profiles'!$G$18=$B$10,7,0)+IF('Standard Profiles'!$G$18=$B$17,14,0)+IF('Standard Profiles'!$G$18=$B$24,21,0),MOD($C8086,24)+1)/SUM(INDEX($D$3:$AA$30,INDEX(Jesper!$R$2:$R$366,ROW(INDEX(Jesper!AH$2:AH$366,ROUNDDOWN($C8086/24,0)+1,1))-1)+IF('Standard Profiles'!$G$18=$B$10,7,0)+IF('Standard Profiles'!$G$18=$B$17,14,0)+IF('Standard Profiles'!$G$18=$B$24,21,0),0)),0)</f>
        <v>0</v>
      </c>
      <c r="E8086" cm="1">
        <f t="array" ref="E8086">IFERROR(INDEX(Jesper!AI$2:AI$366,ROUNDDOWN($C8086/24,0)+1,1)*INDEX($D$3:$AA$30,INDEX(Jesper!$R$2:$R$366,ROW(INDEX(Jesper!AI$2:AI$366,ROUNDDOWN($C8086/24,0)+1,1))-1)+IF('Standard Profiles'!$G$19=$B$10,7,0)+IF('Standard Profiles'!$G$19=$B$17,14,0)+IF('Standard Profiles'!$G$19=$B$24,21,0),MOD($C8086,24)+1)/SUM(INDEX($D$3:$AA$30,INDEX(Jesper!$R$2:$R$366,ROW(INDEX(Jesper!AI$2:AI$366,ROUNDDOWN($C8086/24,0)+1,1))-1)+IF('Standard Profiles'!$G$19=$B$10,7,0)+IF('Standard Profiles'!$G$19=$B$17,14,0)+IF('Standard Profiles'!$G$19=$B$24,21,0),0)),0)</f>
        <v>5.906559775911</v>
      </c>
      <c r="F8086" cm="1">
        <f t="array" ref="F8086">IFERROR(INDEX(Jesper!AJ$2:AJ$366,ROUNDDOWN($C8086/24,0)+1,1)*INDEX($D$3:$AA$30,INDEX(Jesper!$R$2:$R$366,ROW(INDEX(Jesper!AJ$2:AJ$366,ROUNDDOWN($C8086/24,0)+1,1))-1)+IF('Standard Profiles'!$G$20=$B$10,7,0)+IF('Standard Profiles'!$G$20=$B$17,14,0)+IF('Standard Profiles'!$G$20=$B$24,21,0),MOD($C8086,24)+1)/SUM(INDEX($D$3:$AA$30,INDEX(Jesper!$R$2:$R$366,ROW(INDEX(Jesper!AJ$2:AJ$366,ROUNDDOWN($C8086/24,0)+1,1))-1)+IF('Standard Profiles'!$G$20=$B$10,7,0)+IF('Standard Profiles'!$G$20=$B$17,14,0)+IF('Standard Profiles'!$G$20=$B$24,21,0),0)),0)</f>
        <v>5.3493710296547192</v>
      </c>
      <c r="G8086" cm="1">
        <f t="array" ref="G8086">IFERROR(INDEX(Jesper!AK$2:AK$366,ROUNDDOWN($C8086/24,0)+1,1)*INDEX($D$3:$AA$30,INDEX(Jesper!$R$2:$R$366,ROW(INDEX(Jesper!AK$2:AK$366,ROUNDDOWN($C8086/24,0)+1,1))-1)+IF('Standard Profiles'!$G$21=$B$10,7,0)+IF('Standard Profiles'!$G$21=$B$17,14,0)+IF('Standard Profiles'!$G$21=$B$24,21,0),MOD($C8086,24)+1)/SUM(INDEX($D$3:$AA$30,INDEX(Jesper!$R$2:$R$366,ROW(INDEX(Jesper!AK$2:AK$366,ROUNDDOWN($C8086/24,0)+1,1))-1)+IF('Standard Profiles'!$G$21=$B$10,7,0)+IF('Standard Profiles'!$G$21=$B$17,14,0)+IF('Standard Profiles'!$G$21=$B$24,21,0),0)),0)</f>
        <v>9.4533600922029368</v>
      </c>
      <c r="H8086" cm="1">
        <f t="array" ref="H8086">IFERROR(INDEX(Jesper!AL$2:AL$366,ROUNDDOWN($C8086/24,0)+1,1)*INDEX($D$3:$AA$30,INDEX(Jesper!$R$2:$R$366,ROW(INDEX(Jesper!AL$2:AL$366,ROUNDDOWN($C8086/24,0)+1,1))-1)+IF('Standard Profiles'!$G$22=$B$10,7,0)+IF('Standard Profiles'!$G$22=$B$17,14,0)+IF('Standard Profiles'!$G$22=$B$24,21,0),MOD($C8086,24)+1)/SUM(INDEX($D$3:$AA$30,INDEX(Jesper!$R$2:$R$366,ROW(INDEX(Jesper!AL$2:AL$366,ROUNDDOWN($C8086/24,0)+1,1))-1)+IF('Standard Profiles'!$G$22=$B$10,7,0)+IF('Standard Profiles'!$G$22=$B$17,14,0)+IF('Standard Profiles'!$G$22=$B$24,21,0),0)),0)</f>
        <v>9.5432440823673943</v>
      </c>
      <c r="I8086">
        <f t="shared" si="895"/>
        <v>9.1615143190727029</v>
      </c>
      <c r="J8086">
        <f t="shared" si="896"/>
        <v>20.382233487954029</v>
      </c>
      <c r="K8086">
        <f t="shared" si="897"/>
        <v>0.47252478207288001</v>
      </c>
      <c r="L8086">
        <f t="shared" si="898"/>
        <v>0.23626239103644001</v>
      </c>
      <c r="M8086">
        <f t="shared" si="899"/>
        <v>0</v>
      </c>
      <c r="N8086" s="45">
        <f t="shared" si="900"/>
        <v>45262.499999980471</v>
      </c>
    </row>
    <row r="8087" spans="2:14" x14ac:dyDescent="0.25">
      <c r="B8087">
        <f t="shared" si="894"/>
        <v>6</v>
      </c>
      <c r="C8087" s="16">
        <v>8053</v>
      </c>
      <c r="D8087" cm="1">
        <f t="array" ref="D8087">IFERROR(INDEX(Jesper!AH$2:AH$366,ROUNDDOWN($C8087/24,0)+1,1)*INDEX($D$3:$AA$30,INDEX(Jesper!$R$2:$R$366,ROW(INDEX(Jesper!AH$2:AH$366,ROUNDDOWN($C8087/24,0)+1,1))-1)+IF('Standard Profiles'!$G$18=$B$10,7,0)+IF('Standard Profiles'!$G$18=$B$17,14,0)+IF('Standard Profiles'!$G$18=$B$24,21,0),MOD($C8087,24)+1)/SUM(INDEX($D$3:$AA$30,INDEX(Jesper!$R$2:$R$366,ROW(INDEX(Jesper!AH$2:AH$366,ROUNDDOWN($C8087/24,0)+1,1))-1)+IF('Standard Profiles'!$G$18=$B$10,7,0)+IF('Standard Profiles'!$G$18=$B$17,14,0)+IF('Standard Profiles'!$G$18=$B$24,21,0),0)),0)</f>
        <v>0</v>
      </c>
      <c r="E8087" cm="1">
        <f t="array" ref="E8087">IFERROR(INDEX(Jesper!AI$2:AI$366,ROUNDDOWN($C8087/24,0)+1,1)*INDEX($D$3:$AA$30,INDEX(Jesper!$R$2:$R$366,ROW(INDEX(Jesper!AI$2:AI$366,ROUNDDOWN($C8087/24,0)+1,1))-1)+IF('Standard Profiles'!$G$19=$B$10,7,0)+IF('Standard Profiles'!$G$19=$B$17,14,0)+IF('Standard Profiles'!$G$19=$B$24,21,0),MOD($C8087,24)+1)/SUM(INDEX($D$3:$AA$30,INDEX(Jesper!$R$2:$R$366,ROW(INDEX(Jesper!AI$2:AI$366,ROUNDDOWN($C8087/24,0)+1,1))-1)+IF('Standard Profiles'!$G$19=$B$10,7,0)+IF('Standard Profiles'!$G$19=$B$17,14,0)+IF('Standard Profiles'!$G$19=$B$24,21,0),0)),0)</f>
        <v>5.906559775911</v>
      </c>
      <c r="F8087" cm="1">
        <f t="array" ref="F8087">IFERROR(INDEX(Jesper!AJ$2:AJ$366,ROUNDDOWN($C8087/24,0)+1,1)*INDEX($D$3:$AA$30,INDEX(Jesper!$R$2:$R$366,ROW(INDEX(Jesper!AJ$2:AJ$366,ROUNDDOWN($C8087/24,0)+1,1))-1)+IF('Standard Profiles'!$G$20=$B$10,7,0)+IF('Standard Profiles'!$G$20=$B$17,14,0)+IF('Standard Profiles'!$G$20=$B$24,21,0),MOD($C8087,24)+1)/SUM(INDEX($D$3:$AA$30,INDEX(Jesper!$R$2:$R$366,ROW(INDEX(Jesper!AJ$2:AJ$366,ROUNDDOWN($C8087/24,0)+1,1))-1)+IF('Standard Profiles'!$G$20=$B$10,7,0)+IF('Standard Profiles'!$G$20=$B$17,14,0)+IF('Standard Profiles'!$G$20=$B$24,21,0),0)),0)</f>
        <v>5.3493710296547192</v>
      </c>
      <c r="G8087" cm="1">
        <f t="array" ref="G8087">IFERROR(INDEX(Jesper!AK$2:AK$366,ROUNDDOWN($C8087/24,0)+1,1)*INDEX($D$3:$AA$30,INDEX(Jesper!$R$2:$R$366,ROW(INDEX(Jesper!AK$2:AK$366,ROUNDDOWN($C8087/24,0)+1,1))-1)+IF('Standard Profiles'!$G$21=$B$10,7,0)+IF('Standard Profiles'!$G$21=$B$17,14,0)+IF('Standard Profiles'!$G$21=$B$24,21,0),MOD($C8087,24)+1)/SUM(INDEX($D$3:$AA$30,INDEX(Jesper!$R$2:$R$366,ROW(INDEX(Jesper!AK$2:AK$366,ROUNDDOWN($C8087/24,0)+1,1))-1)+IF('Standard Profiles'!$G$21=$B$10,7,0)+IF('Standard Profiles'!$G$21=$B$17,14,0)+IF('Standard Profiles'!$G$21=$B$24,21,0),0)),0)</f>
        <v>9.4533600922029368</v>
      </c>
      <c r="H8087" cm="1">
        <f t="array" ref="H8087">IFERROR(INDEX(Jesper!AL$2:AL$366,ROUNDDOWN($C8087/24,0)+1,1)*INDEX($D$3:$AA$30,INDEX(Jesper!$R$2:$R$366,ROW(INDEX(Jesper!AL$2:AL$366,ROUNDDOWN($C8087/24,0)+1,1))-1)+IF('Standard Profiles'!$G$22=$B$10,7,0)+IF('Standard Profiles'!$G$22=$B$17,14,0)+IF('Standard Profiles'!$G$22=$B$24,21,0),MOD($C8087,24)+1)/SUM(INDEX($D$3:$AA$30,INDEX(Jesper!$R$2:$R$366,ROW(INDEX(Jesper!AL$2:AL$366,ROUNDDOWN($C8087/24,0)+1,1))-1)+IF('Standard Profiles'!$G$22=$B$10,7,0)+IF('Standard Profiles'!$G$22=$B$17,14,0)+IF('Standard Profiles'!$G$22=$B$24,21,0),0)),0)</f>
        <v>9.5432440823673943</v>
      </c>
      <c r="I8087">
        <f t="shared" si="895"/>
        <v>9.1615143190727029</v>
      </c>
      <c r="J8087">
        <f t="shared" si="896"/>
        <v>20.382233487954029</v>
      </c>
      <c r="K8087">
        <f t="shared" si="897"/>
        <v>0.47252478207288001</v>
      </c>
      <c r="L8087">
        <f t="shared" si="898"/>
        <v>0.23626239103644001</v>
      </c>
      <c r="M8087">
        <f t="shared" si="899"/>
        <v>0</v>
      </c>
      <c r="N8087" s="45">
        <f t="shared" si="900"/>
        <v>45262.541666647136</v>
      </c>
    </row>
    <row r="8088" spans="2:14" x14ac:dyDescent="0.25">
      <c r="B8088">
        <f t="shared" si="894"/>
        <v>6</v>
      </c>
      <c r="C8088" s="16">
        <v>8054</v>
      </c>
      <c r="D8088" cm="1">
        <f t="array" ref="D8088">IFERROR(INDEX(Jesper!AH$2:AH$366,ROUNDDOWN($C8088/24,0)+1,1)*INDEX($D$3:$AA$30,INDEX(Jesper!$R$2:$R$366,ROW(INDEX(Jesper!AH$2:AH$366,ROUNDDOWN($C8088/24,0)+1,1))-1)+IF('Standard Profiles'!$G$18=$B$10,7,0)+IF('Standard Profiles'!$G$18=$B$17,14,0)+IF('Standard Profiles'!$G$18=$B$24,21,0),MOD($C8088,24)+1)/SUM(INDEX($D$3:$AA$30,INDEX(Jesper!$R$2:$R$366,ROW(INDEX(Jesper!AH$2:AH$366,ROUNDDOWN($C8088/24,0)+1,1))-1)+IF('Standard Profiles'!$G$18=$B$10,7,0)+IF('Standard Profiles'!$G$18=$B$17,14,0)+IF('Standard Profiles'!$G$18=$B$24,21,0),0)),0)</f>
        <v>0</v>
      </c>
      <c r="E8088" cm="1">
        <f t="array" ref="E8088">IFERROR(INDEX(Jesper!AI$2:AI$366,ROUNDDOWN($C8088/24,0)+1,1)*INDEX($D$3:$AA$30,INDEX(Jesper!$R$2:$R$366,ROW(INDEX(Jesper!AI$2:AI$366,ROUNDDOWN($C8088/24,0)+1,1))-1)+IF('Standard Profiles'!$G$19=$B$10,7,0)+IF('Standard Profiles'!$G$19=$B$17,14,0)+IF('Standard Profiles'!$G$19=$B$24,21,0),MOD($C8088,24)+1)/SUM(INDEX($D$3:$AA$30,INDEX(Jesper!$R$2:$R$366,ROW(INDEX(Jesper!AI$2:AI$366,ROUNDDOWN($C8088/24,0)+1,1))-1)+IF('Standard Profiles'!$G$19=$B$10,7,0)+IF('Standard Profiles'!$G$19=$B$17,14,0)+IF('Standard Profiles'!$G$19=$B$24,21,0),0)),0)</f>
        <v>5.906559775911</v>
      </c>
      <c r="F8088" cm="1">
        <f t="array" ref="F8088">IFERROR(INDEX(Jesper!AJ$2:AJ$366,ROUNDDOWN($C8088/24,0)+1,1)*INDEX($D$3:$AA$30,INDEX(Jesper!$R$2:$R$366,ROW(INDEX(Jesper!AJ$2:AJ$366,ROUNDDOWN($C8088/24,0)+1,1))-1)+IF('Standard Profiles'!$G$20=$B$10,7,0)+IF('Standard Profiles'!$G$20=$B$17,14,0)+IF('Standard Profiles'!$G$20=$B$24,21,0),MOD($C8088,24)+1)/SUM(INDEX($D$3:$AA$30,INDEX(Jesper!$R$2:$R$366,ROW(INDEX(Jesper!AJ$2:AJ$366,ROUNDDOWN($C8088/24,0)+1,1))-1)+IF('Standard Profiles'!$G$20=$B$10,7,0)+IF('Standard Profiles'!$G$20=$B$17,14,0)+IF('Standard Profiles'!$G$20=$B$24,21,0),0)),0)</f>
        <v>5.3493710296547192</v>
      </c>
      <c r="G8088" cm="1">
        <f t="array" ref="G8088">IFERROR(INDEX(Jesper!AK$2:AK$366,ROUNDDOWN($C8088/24,0)+1,1)*INDEX($D$3:$AA$30,INDEX(Jesper!$R$2:$R$366,ROW(INDEX(Jesper!AK$2:AK$366,ROUNDDOWN($C8088/24,0)+1,1))-1)+IF('Standard Profiles'!$G$21=$B$10,7,0)+IF('Standard Profiles'!$G$21=$B$17,14,0)+IF('Standard Profiles'!$G$21=$B$24,21,0),MOD($C8088,24)+1)/SUM(INDEX($D$3:$AA$30,INDEX(Jesper!$R$2:$R$366,ROW(INDEX(Jesper!AK$2:AK$366,ROUNDDOWN($C8088/24,0)+1,1))-1)+IF('Standard Profiles'!$G$21=$B$10,7,0)+IF('Standard Profiles'!$G$21=$B$17,14,0)+IF('Standard Profiles'!$G$21=$B$24,21,0),0)),0)</f>
        <v>9.4533600922029368</v>
      </c>
      <c r="H8088" cm="1">
        <f t="array" ref="H8088">IFERROR(INDEX(Jesper!AL$2:AL$366,ROUNDDOWN($C8088/24,0)+1,1)*INDEX($D$3:$AA$30,INDEX(Jesper!$R$2:$R$366,ROW(INDEX(Jesper!AL$2:AL$366,ROUNDDOWN($C8088/24,0)+1,1))-1)+IF('Standard Profiles'!$G$22=$B$10,7,0)+IF('Standard Profiles'!$G$22=$B$17,14,0)+IF('Standard Profiles'!$G$22=$B$24,21,0),MOD($C8088,24)+1)/SUM(INDEX($D$3:$AA$30,INDEX(Jesper!$R$2:$R$366,ROW(INDEX(Jesper!AL$2:AL$366,ROUNDDOWN($C8088/24,0)+1,1))-1)+IF('Standard Profiles'!$G$22=$B$10,7,0)+IF('Standard Profiles'!$G$22=$B$17,14,0)+IF('Standard Profiles'!$G$22=$B$24,21,0),0)),0)</f>
        <v>9.5432440823673943</v>
      </c>
      <c r="I8088">
        <f t="shared" si="895"/>
        <v>9.1615143190727029</v>
      </c>
      <c r="J8088">
        <f t="shared" si="896"/>
        <v>20.382233487954029</v>
      </c>
      <c r="K8088">
        <f t="shared" si="897"/>
        <v>0.47252478207288001</v>
      </c>
      <c r="L8088">
        <f t="shared" si="898"/>
        <v>0.23626239103644001</v>
      </c>
      <c r="M8088">
        <f t="shared" si="899"/>
        <v>0</v>
      </c>
      <c r="N8088" s="45">
        <f t="shared" si="900"/>
        <v>45262.5833333138</v>
      </c>
    </row>
    <row r="8089" spans="2:14" x14ac:dyDescent="0.25">
      <c r="B8089">
        <f t="shared" si="894"/>
        <v>6</v>
      </c>
      <c r="C8089" s="16">
        <v>8055</v>
      </c>
      <c r="D8089" cm="1">
        <f t="array" ref="D8089">IFERROR(INDEX(Jesper!AH$2:AH$366,ROUNDDOWN($C8089/24,0)+1,1)*INDEX($D$3:$AA$30,INDEX(Jesper!$R$2:$R$366,ROW(INDEX(Jesper!AH$2:AH$366,ROUNDDOWN($C8089/24,0)+1,1))-1)+IF('Standard Profiles'!$G$18=$B$10,7,0)+IF('Standard Profiles'!$G$18=$B$17,14,0)+IF('Standard Profiles'!$G$18=$B$24,21,0),MOD($C8089,24)+1)/SUM(INDEX($D$3:$AA$30,INDEX(Jesper!$R$2:$R$366,ROW(INDEX(Jesper!AH$2:AH$366,ROUNDDOWN($C8089/24,0)+1,1))-1)+IF('Standard Profiles'!$G$18=$B$10,7,0)+IF('Standard Profiles'!$G$18=$B$17,14,0)+IF('Standard Profiles'!$G$18=$B$24,21,0),0)),0)</f>
        <v>0</v>
      </c>
      <c r="E8089" cm="1">
        <f t="array" ref="E8089">IFERROR(INDEX(Jesper!AI$2:AI$366,ROUNDDOWN($C8089/24,0)+1,1)*INDEX($D$3:$AA$30,INDEX(Jesper!$R$2:$R$366,ROW(INDEX(Jesper!AI$2:AI$366,ROUNDDOWN($C8089/24,0)+1,1))-1)+IF('Standard Profiles'!$G$19=$B$10,7,0)+IF('Standard Profiles'!$G$19=$B$17,14,0)+IF('Standard Profiles'!$G$19=$B$24,21,0),MOD($C8089,24)+1)/SUM(INDEX($D$3:$AA$30,INDEX(Jesper!$R$2:$R$366,ROW(INDEX(Jesper!AI$2:AI$366,ROUNDDOWN($C8089/24,0)+1,1))-1)+IF('Standard Profiles'!$G$19=$B$10,7,0)+IF('Standard Profiles'!$G$19=$B$17,14,0)+IF('Standard Profiles'!$G$19=$B$24,21,0),0)),0)</f>
        <v>5.906559775911</v>
      </c>
      <c r="F8089" cm="1">
        <f t="array" ref="F8089">IFERROR(INDEX(Jesper!AJ$2:AJ$366,ROUNDDOWN($C8089/24,0)+1,1)*INDEX($D$3:$AA$30,INDEX(Jesper!$R$2:$R$366,ROW(INDEX(Jesper!AJ$2:AJ$366,ROUNDDOWN($C8089/24,0)+1,1))-1)+IF('Standard Profiles'!$G$20=$B$10,7,0)+IF('Standard Profiles'!$G$20=$B$17,14,0)+IF('Standard Profiles'!$G$20=$B$24,21,0),MOD($C8089,24)+1)/SUM(INDEX($D$3:$AA$30,INDEX(Jesper!$R$2:$R$366,ROW(INDEX(Jesper!AJ$2:AJ$366,ROUNDDOWN($C8089/24,0)+1,1))-1)+IF('Standard Profiles'!$G$20=$B$10,7,0)+IF('Standard Profiles'!$G$20=$B$17,14,0)+IF('Standard Profiles'!$G$20=$B$24,21,0),0)),0)</f>
        <v>5.3493710296547192</v>
      </c>
      <c r="G8089" cm="1">
        <f t="array" ref="G8089">IFERROR(INDEX(Jesper!AK$2:AK$366,ROUNDDOWN($C8089/24,0)+1,1)*INDEX($D$3:$AA$30,INDEX(Jesper!$R$2:$R$366,ROW(INDEX(Jesper!AK$2:AK$366,ROUNDDOWN($C8089/24,0)+1,1))-1)+IF('Standard Profiles'!$G$21=$B$10,7,0)+IF('Standard Profiles'!$G$21=$B$17,14,0)+IF('Standard Profiles'!$G$21=$B$24,21,0),MOD($C8089,24)+1)/SUM(INDEX($D$3:$AA$30,INDEX(Jesper!$R$2:$R$366,ROW(INDEX(Jesper!AK$2:AK$366,ROUNDDOWN($C8089/24,0)+1,1))-1)+IF('Standard Profiles'!$G$21=$B$10,7,0)+IF('Standard Profiles'!$G$21=$B$17,14,0)+IF('Standard Profiles'!$G$21=$B$24,21,0),0)),0)</f>
        <v>9.4533600922029368</v>
      </c>
      <c r="H8089" cm="1">
        <f t="array" ref="H8089">IFERROR(INDEX(Jesper!AL$2:AL$366,ROUNDDOWN($C8089/24,0)+1,1)*INDEX($D$3:$AA$30,INDEX(Jesper!$R$2:$R$366,ROW(INDEX(Jesper!AL$2:AL$366,ROUNDDOWN($C8089/24,0)+1,1))-1)+IF('Standard Profiles'!$G$22=$B$10,7,0)+IF('Standard Profiles'!$G$22=$B$17,14,0)+IF('Standard Profiles'!$G$22=$B$24,21,0),MOD($C8089,24)+1)/SUM(INDEX($D$3:$AA$30,INDEX(Jesper!$R$2:$R$366,ROW(INDEX(Jesper!AL$2:AL$366,ROUNDDOWN($C8089/24,0)+1,1))-1)+IF('Standard Profiles'!$G$22=$B$10,7,0)+IF('Standard Profiles'!$G$22=$B$17,14,0)+IF('Standard Profiles'!$G$22=$B$24,21,0),0)),0)</f>
        <v>8.6281384854280532</v>
      </c>
      <c r="I8089">
        <f t="shared" si="895"/>
        <v>8.2830129460109347</v>
      </c>
      <c r="J8089">
        <f t="shared" si="896"/>
        <v>20.345629264076457</v>
      </c>
      <c r="K8089">
        <f t="shared" si="897"/>
        <v>0.47252478207288001</v>
      </c>
      <c r="L8089">
        <f t="shared" si="898"/>
        <v>0.23626239103644001</v>
      </c>
      <c r="M8089">
        <f t="shared" si="899"/>
        <v>0</v>
      </c>
      <c r="N8089" s="45">
        <f t="shared" si="900"/>
        <v>45262.624999980464</v>
      </c>
    </row>
    <row r="8090" spans="2:14" x14ac:dyDescent="0.25">
      <c r="B8090">
        <f t="shared" si="894"/>
        <v>6</v>
      </c>
      <c r="C8090" s="16">
        <v>8056</v>
      </c>
      <c r="D8090" cm="1">
        <f t="array" ref="D8090">IFERROR(INDEX(Jesper!AH$2:AH$366,ROUNDDOWN($C8090/24,0)+1,1)*INDEX($D$3:$AA$30,INDEX(Jesper!$R$2:$R$366,ROW(INDEX(Jesper!AH$2:AH$366,ROUNDDOWN($C8090/24,0)+1,1))-1)+IF('Standard Profiles'!$G$18=$B$10,7,0)+IF('Standard Profiles'!$G$18=$B$17,14,0)+IF('Standard Profiles'!$G$18=$B$24,21,0),MOD($C8090,24)+1)/SUM(INDEX($D$3:$AA$30,INDEX(Jesper!$R$2:$R$366,ROW(INDEX(Jesper!AH$2:AH$366,ROUNDDOWN($C8090/24,0)+1,1))-1)+IF('Standard Profiles'!$G$18=$B$10,7,0)+IF('Standard Profiles'!$G$18=$B$17,14,0)+IF('Standard Profiles'!$G$18=$B$24,21,0),0)),0)</f>
        <v>0</v>
      </c>
      <c r="E8090" cm="1">
        <f t="array" ref="E8090">IFERROR(INDEX(Jesper!AI$2:AI$366,ROUNDDOWN($C8090/24,0)+1,1)*INDEX($D$3:$AA$30,INDEX(Jesper!$R$2:$R$366,ROW(INDEX(Jesper!AI$2:AI$366,ROUNDDOWN($C8090/24,0)+1,1))-1)+IF('Standard Profiles'!$G$19=$B$10,7,0)+IF('Standard Profiles'!$G$19=$B$17,14,0)+IF('Standard Profiles'!$G$19=$B$24,21,0),MOD($C8090,24)+1)/SUM(INDEX($D$3:$AA$30,INDEX(Jesper!$R$2:$R$366,ROW(INDEX(Jesper!AI$2:AI$366,ROUNDDOWN($C8090/24,0)+1,1))-1)+IF('Standard Profiles'!$G$19=$B$10,7,0)+IF('Standard Profiles'!$G$19=$B$17,14,0)+IF('Standard Profiles'!$G$19=$B$24,21,0),0)),0)</f>
        <v>5.906559775911</v>
      </c>
      <c r="F8090" cm="1">
        <f t="array" ref="F8090">IFERROR(INDEX(Jesper!AJ$2:AJ$366,ROUNDDOWN($C8090/24,0)+1,1)*INDEX($D$3:$AA$30,INDEX(Jesper!$R$2:$R$366,ROW(INDEX(Jesper!AJ$2:AJ$366,ROUNDDOWN($C8090/24,0)+1,1))-1)+IF('Standard Profiles'!$G$20=$B$10,7,0)+IF('Standard Profiles'!$G$20=$B$17,14,0)+IF('Standard Profiles'!$G$20=$B$24,21,0),MOD($C8090,24)+1)/SUM(INDEX($D$3:$AA$30,INDEX(Jesper!$R$2:$R$366,ROW(INDEX(Jesper!AJ$2:AJ$366,ROUNDDOWN($C8090/24,0)+1,1))-1)+IF('Standard Profiles'!$G$20=$B$10,7,0)+IF('Standard Profiles'!$G$20=$B$17,14,0)+IF('Standard Profiles'!$G$20=$B$24,21,0),0)),0)</f>
        <v>5.3493710296547192</v>
      </c>
      <c r="G8090" cm="1">
        <f t="array" ref="G8090">IFERROR(INDEX(Jesper!AK$2:AK$366,ROUNDDOWN($C8090/24,0)+1,1)*INDEX($D$3:$AA$30,INDEX(Jesper!$R$2:$R$366,ROW(INDEX(Jesper!AK$2:AK$366,ROUNDDOWN($C8090/24,0)+1,1))-1)+IF('Standard Profiles'!$G$21=$B$10,7,0)+IF('Standard Profiles'!$G$21=$B$17,14,0)+IF('Standard Profiles'!$G$21=$B$24,21,0),MOD($C8090,24)+1)/SUM(INDEX($D$3:$AA$30,INDEX(Jesper!$R$2:$R$366,ROW(INDEX(Jesper!AK$2:AK$366,ROUNDDOWN($C8090/24,0)+1,1))-1)+IF('Standard Profiles'!$G$21=$B$10,7,0)+IF('Standard Profiles'!$G$21=$B$17,14,0)+IF('Standard Profiles'!$G$21=$B$24,21,0),0)),0)</f>
        <v>9.4533600922029368</v>
      </c>
      <c r="H8090" cm="1">
        <f t="array" ref="H8090">IFERROR(INDEX(Jesper!AL$2:AL$366,ROUNDDOWN($C8090/24,0)+1,1)*INDEX($D$3:$AA$30,INDEX(Jesper!$R$2:$R$366,ROW(INDEX(Jesper!AL$2:AL$366,ROUNDDOWN($C8090/24,0)+1,1))-1)+IF('Standard Profiles'!$G$22=$B$10,7,0)+IF('Standard Profiles'!$G$22=$B$17,14,0)+IF('Standard Profiles'!$G$22=$B$24,21,0),MOD($C8090,24)+1)/SUM(INDEX($D$3:$AA$30,INDEX(Jesper!$R$2:$R$366,ROW(INDEX(Jesper!AL$2:AL$366,ROUNDDOWN($C8090/24,0)+1,1))-1)+IF('Standard Profiles'!$G$22=$B$10,7,0)+IF('Standard Profiles'!$G$22=$B$17,14,0)+IF('Standard Profiles'!$G$22=$B$24,21,0),0)),0)</f>
        <v>7.8437622594800498</v>
      </c>
      <c r="I8090">
        <f t="shared" si="895"/>
        <v>7.5300117691008515</v>
      </c>
      <c r="J8090">
        <f t="shared" si="896"/>
        <v>20.314254215038538</v>
      </c>
      <c r="K8090">
        <f t="shared" si="897"/>
        <v>0.47252478207288001</v>
      </c>
      <c r="L8090">
        <f t="shared" si="898"/>
        <v>0.23626239103644001</v>
      </c>
      <c r="M8090">
        <f t="shared" si="899"/>
        <v>0</v>
      </c>
      <c r="N8090" s="45">
        <f t="shared" si="900"/>
        <v>45262.666666647128</v>
      </c>
    </row>
    <row r="8091" spans="2:14" x14ac:dyDescent="0.25">
      <c r="B8091">
        <f t="shared" si="894"/>
        <v>6</v>
      </c>
      <c r="C8091" s="16">
        <v>8057</v>
      </c>
      <c r="D8091" cm="1">
        <f t="array" ref="D8091">IFERROR(INDEX(Jesper!AH$2:AH$366,ROUNDDOWN($C8091/24,0)+1,1)*INDEX($D$3:$AA$30,INDEX(Jesper!$R$2:$R$366,ROW(INDEX(Jesper!AH$2:AH$366,ROUNDDOWN($C8091/24,0)+1,1))-1)+IF('Standard Profiles'!$G$18=$B$10,7,0)+IF('Standard Profiles'!$G$18=$B$17,14,0)+IF('Standard Profiles'!$G$18=$B$24,21,0),MOD($C8091,24)+1)/SUM(INDEX($D$3:$AA$30,INDEX(Jesper!$R$2:$R$366,ROW(INDEX(Jesper!AH$2:AH$366,ROUNDDOWN($C8091/24,0)+1,1))-1)+IF('Standard Profiles'!$G$18=$B$10,7,0)+IF('Standard Profiles'!$G$18=$B$17,14,0)+IF('Standard Profiles'!$G$18=$B$24,21,0),0)),0)</f>
        <v>0</v>
      </c>
      <c r="E8091" cm="1">
        <f t="array" ref="E8091">IFERROR(INDEX(Jesper!AI$2:AI$366,ROUNDDOWN($C8091/24,0)+1,1)*INDEX($D$3:$AA$30,INDEX(Jesper!$R$2:$R$366,ROW(INDEX(Jesper!AI$2:AI$366,ROUNDDOWN($C8091/24,0)+1,1))-1)+IF('Standard Profiles'!$G$19=$B$10,7,0)+IF('Standard Profiles'!$G$19=$B$17,14,0)+IF('Standard Profiles'!$G$19=$B$24,21,0),MOD($C8091,24)+1)/SUM(INDEX($D$3:$AA$30,INDEX(Jesper!$R$2:$R$366,ROW(INDEX(Jesper!AI$2:AI$366,ROUNDDOWN($C8091/24,0)+1,1))-1)+IF('Standard Profiles'!$G$19=$B$10,7,0)+IF('Standard Profiles'!$G$19=$B$17,14,0)+IF('Standard Profiles'!$G$19=$B$24,21,0),0)),0)</f>
        <v>5.906559775911</v>
      </c>
      <c r="F8091" cm="1">
        <f t="array" ref="F8091">IFERROR(INDEX(Jesper!AJ$2:AJ$366,ROUNDDOWN($C8091/24,0)+1,1)*INDEX($D$3:$AA$30,INDEX(Jesper!$R$2:$R$366,ROW(INDEX(Jesper!AJ$2:AJ$366,ROUNDDOWN($C8091/24,0)+1,1))-1)+IF('Standard Profiles'!$G$20=$B$10,7,0)+IF('Standard Profiles'!$G$20=$B$17,14,0)+IF('Standard Profiles'!$G$20=$B$24,21,0),MOD($C8091,24)+1)/SUM(INDEX($D$3:$AA$30,INDEX(Jesper!$R$2:$R$366,ROW(INDEX(Jesper!AJ$2:AJ$366,ROUNDDOWN($C8091/24,0)+1,1))-1)+IF('Standard Profiles'!$G$20=$B$10,7,0)+IF('Standard Profiles'!$G$20=$B$17,14,0)+IF('Standard Profiles'!$G$20=$B$24,21,0),0)),0)</f>
        <v>5.3493710296547192</v>
      </c>
      <c r="G8091" cm="1">
        <f t="array" ref="G8091">IFERROR(INDEX(Jesper!AK$2:AK$366,ROUNDDOWN($C8091/24,0)+1,1)*INDEX($D$3:$AA$30,INDEX(Jesper!$R$2:$R$366,ROW(INDEX(Jesper!AK$2:AK$366,ROUNDDOWN($C8091/24,0)+1,1))-1)+IF('Standard Profiles'!$G$21=$B$10,7,0)+IF('Standard Profiles'!$G$21=$B$17,14,0)+IF('Standard Profiles'!$G$21=$B$24,21,0),MOD($C8091,24)+1)/SUM(INDEX($D$3:$AA$30,INDEX(Jesper!$R$2:$R$366,ROW(INDEX(Jesper!AK$2:AK$366,ROUNDDOWN($C8091/24,0)+1,1))-1)+IF('Standard Profiles'!$G$21=$B$10,7,0)+IF('Standard Profiles'!$G$21=$B$17,14,0)+IF('Standard Profiles'!$G$21=$B$24,21,0),0)),0)</f>
        <v>9.4533600922029368</v>
      </c>
      <c r="H8091" cm="1">
        <f t="array" ref="H8091">IFERROR(INDEX(Jesper!AL$2:AL$366,ROUNDDOWN($C8091/24,0)+1,1)*INDEX($D$3:$AA$30,INDEX(Jesper!$R$2:$R$366,ROW(INDEX(Jesper!AL$2:AL$366,ROUNDDOWN($C8091/24,0)+1,1))-1)+IF('Standard Profiles'!$G$22=$B$10,7,0)+IF('Standard Profiles'!$G$22=$B$17,14,0)+IF('Standard Profiles'!$G$22=$B$24,21,0),MOD($C8091,24)+1)/SUM(INDEX($D$3:$AA$30,INDEX(Jesper!$R$2:$R$366,ROW(INDEX(Jesper!AL$2:AL$366,ROUNDDOWN($C8091/24,0)+1,1))-1)+IF('Standard Profiles'!$G$22=$B$10,7,0)+IF('Standard Profiles'!$G$22=$B$17,14,0)+IF('Standard Profiles'!$G$22=$B$24,21,0),0)),0)</f>
        <v>7.0593860335320446</v>
      </c>
      <c r="I8091">
        <f t="shared" si="895"/>
        <v>6.7770105921907664</v>
      </c>
      <c r="J8091">
        <f t="shared" si="896"/>
        <v>20.282879166000615</v>
      </c>
      <c r="K8091">
        <f t="shared" si="897"/>
        <v>0.47252478207288001</v>
      </c>
      <c r="L8091">
        <f t="shared" si="898"/>
        <v>0.23626239103644001</v>
      </c>
      <c r="M8091">
        <f t="shared" si="899"/>
        <v>0</v>
      </c>
      <c r="N8091" s="45">
        <f t="shared" si="900"/>
        <v>45262.708333313793</v>
      </c>
    </row>
    <row r="8092" spans="2:14" x14ac:dyDescent="0.25">
      <c r="B8092">
        <f t="shared" si="894"/>
        <v>6</v>
      </c>
      <c r="C8092" s="16">
        <v>8058</v>
      </c>
      <c r="D8092" cm="1">
        <f t="array" ref="D8092">IFERROR(INDEX(Jesper!AH$2:AH$366,ROUNDDOWN($C8092/24,0)+1,1)*INDEX($D$3:$AA$30,INDEX(Jesper!$R$2:$R$366,ROW(INDEX(Jesper!AH$2:AH$366,ROUNDDOWN($C8092/24,0)+1,1))-1)+IF('Standard Profiles'!$G$18=$B$10,7,0)+IF('Standard Profiles'!$G$18=$B$17,14,0)+IF('Standard Profiles'!$G$18=$B$24,21,0),MOD($C8092,24)+1)/SUM(INDEX($D$3:$AA$30,INDEX(Jesper!$R$2:$R$366,ROW(INDEX(Jesper!AH$2:AH$366,ROUNDDOWN($C8092/24,0)+1,1))-1)+IF('Standard Profiles'!$G$18=$B$10,7,0)+IF('Standard Profiles'!$G$18=$B$17,14,0)+IF('Standard Profiles'!$G$18=$B$24,21,0),0)),0)</f>
        <v>0</v>
      </c>
      <c r="E8092" cm="1">
        <f t="array" ref="E8092">IFERROR(INDEX(Jesper!AI$2:AI$366,ROUNDDOWN($C8092/24,0)+1,1)*INDEX($D$3:$AA$30,INDEX(Jesper!$R$2:$R$366,ROW(INDEX(Jesper!AI$2:AI$366,ROUNDDOWN($C8092/24,0)+1,1))-1)+IF('Standard Profiles'!$G$19=$B$10,7,0)+IF('Standard Profiles'!$G$19=$B$17,14,0)+IF('Standard Profiles'!$G$19=$B$24,21,0),MOD($C8092,24)+1)/SUM(INDEX($D$3:$AA$30,INDEX(Jesper!$R$2:$R$366,ROW(INDEX(Jesper!AI$2:AI$366,ROUNDDOWN($C8092/24,0)+1,1))-1)+IF('Standard Profiles'!$G$19=$B$10,7,0)+IF('Standard Profiles'!$G$19=$B$17,14,0)+IF('Standard Profiles'!$G$19=$B$24,21,0),0)),0)</f>
        <v>5.906559775911</v>
      </c>
      <c r="F8092" cm="1">
        <f t="array" ref="F8092">IFERROR(INDEX(Jesper!AJ$2:AJ$366,ROUNDDOWN($C8092/24,0)+1,1)*INDEX($D$3:$AA$30,INDEX(Jesper!$R$2:$R$366,ROW(INDEX(Jesper!AJ$2:AJ$366,ROUNDDOWN($C8092/24,0)+1,1))-1)+IF('Standard Profiles'!$G$20=$B$10,7,0)+IF('Standard Profiles'!$G$20=$B$17,14,0)+IF('Standard Profiles'!$G$20=$B$24,21,0),MOD($C8092,24)+1)/SUM(INDEX($D$3:$AA$30,INDEX(Jesper!$R$2:$R$366,ROW(INDEX(Jesper!AJ$2:AJ$366,ROUNDDOWN($C8092/24,0)+1,1))-1)+IF('Standard Profiles'!$G$20=$B$10,7,0)+IF('Standard Profiles'!$G$20=$B$17,14,0)+IF('Standard Profiles'!$G$20=$B$24,21,0),0)),0)</f>
        <v>5.3493710296547192</v>
      </c>
      <c r="G8092" cm="1">
        <f t="array" ref="G8092">IFERROR(INDEX(Jesper!AK$2:AK$366,ROUNDDOWN($C8092/24,0)+1,1)*INDEX($D$3:$AA$30,INDEX(Jesper!$R$2:$R$366,ROW(INDEX(Jesper!AK$2:AK$366,ROUNDDOWN($C8092/24,0)+1,1))-1)+IF('Standard Profiles'!$G$21=$B$10,7,0)+IF('Standard Profiles'!$G$21=$B$17,14,0)+IF('Standard Profiles'!$G$21=$B$24,21,0),MOD($C8092,24)+1)/SUM(INDEX($D$3:$AA$30,INDEX(Jesper!$R$2:$R$366,ROW(INDEX(Jesper!AK$2:AK$366,ROUNDDOWN($C8092/24,0)+1,1))-1)+IF('Standard Profiles'!$G$21=$B$10,7,0)+IF('Standard Profiles'!$G$21=$B$17,14,0)+IF('Standard Profiles'!$G$21=$B$24,21,0),0)),0)</f>
        <v>9.4533600922029368</v>
      </c>
      <c r="H8092" cm="1">
        <f t="array" ref="H8092">IFERROR(INDEX(Jesper!AL$2:AL$366,ROUNDDOWN($C8092/24,0)+1,1)*INDEX($D$3:$AA$30,INDEX(Jesper!$R$2:$R$366,ROW(INDEX(Jesper!AL$2:AL$366,ROUNDDOWN($C8092/24,0)+1,1))-1)+IF('Standard Profiles'!$G$22=$B$10,7,0)+IF('Standard Profiles'!$G$22=$B$17,14,0)+IF('Standard Profiles'!$G$22=$B$24,21,0),MOD($C8092,24)+1)/SUM(INDEX($D$3:$AA$30,INDEX(Jesper!$R$2:$R$366,ROW(INDEX(Jesper!AL$2:AL$366,ROUNDDOWN($C8092/24,0)+1,1))-1)+IF('Standard Profiles'!$G$22=$B$10,7,0)+IF('Standard Profiles'!$G$22=$B$17,14,0)+IF('Standard Profiles'!$G$22=$B$24,21,0),0)),0)</f>
        <v>6.7979272915493762</v>
      </c>
      <c r="I8092">
        <f t="shared" si="895"/>
        <v>6.5260101998874047</v>
      </c>
      <c r="J8092">
        <f t="shared" si="896"/>
        <v>20.272420816321311</v>
      </c>
      <c r="K8092">
        <f t="shared" si="897"/>
        <v>0.47252478207288001</v>
      </c>
      <c r="L8092">
        <f t="shared" si="898"/>
        <v>0.23626239103644001</v>
      </c>
      <c r="M8092">
        <f t="shared" si="899"/>
        <v>0</v>
      </c>
      <c r="N8092" s="45">
        <f t="shared" si="900"/>
        <v>45262.749999980457</v>
      </c>
    </row>
    <row r="8093" spans="2:14" x14ac:dyDescent="0.25">
      <c r="B8093">
        <f t="shared" si="894"/>
        <v>6</v>
      </c>
      <c r="C8093" s="16">
        <v>8059</v>
      </c>
      <c r="D8093" cm="1">
        <f t="array" ref="D8093">IFERROR(INDEX(Jesper!AH$2:AH$366,ROUNDDOWN($C8093/24,0)+1,1)*INDEX($D$3:$AA$30,INDEX(Jesper!$R$2:$R$366,ROW(INDEX(Jesper!AH$2:AH$366,ROUNDDOWN($C8093/24,0)+1,1))-1)+IF('Standard Profiles'!$G$18=$B$10,7,0)+IF('Standard Profiles'!$G$18=$B$17,14,0)+IF('Standard Profiles'!$G$18=$B$24,21,0),MOD($C8093,24)+1)/SUM(INDEX($D$3:$AA$30,INDEX(Jesper!$R$2:$R$366,ROW(INDEX(Jesper!AH$2:AH$366,ROUNDDOWN($C8093/24,0)+1,1))-1)+IF('Standard Profiles'!$G$18=$B$10,7,0)+IF('Standard Profiles'!$G$18=$B$17,14,0)+IF('Standard Profiles'!$G$18=$B$24,21,0),0)),0)</f>
        <v>0</v>
      </c>
      <c r="E8093" cm="1">
        <f t="array" ref="E8093">IFERROR(INDEX(Jesper!AI$2:AI$366,ROUNDDOWN($C8093/24,0)+1,1)*INDEX($D$3:$AA$30,INDEX(Jesper!$R$2:$R$366,ROW(INDEX(Jesper!AI$2:AI$366,ROUNDDOWN($C8093/24,0)+1,1))-1)+IF('Standard Profiles'!$G$19=$B$10,7,0)+IF('Standard Profiles'!$G$19=$B$17,14,0)+IF('Standard Profiles'!$G$19=$B$24,21,0),MOD($C8093,24)+1)/SUM(INDEX($D$3:$AA$30,INDEX(Jesper!$R$2:$R$366,ROW(INDEX(Jesper!AI$2:AI$366,ROUNDDOWN($C8093/24,0)+1,1))-1)+IF('Standard Profiles'!$G$19=$B$10,7,0)+IF('Standard Profiles'!$G$19=$B$17,14,0)+IF('Standard Profiles'!$G$19=$B$24,21,0),0)),0)</f>
        <v>5.906559775911</v>
      </c>
      <c r="F8093" cm="1">
        <f t="array" ref="F8093">IFERROR(INDEX(Jesper!AJ$2:AJ$366,ROUNDDOWN($C8093/24,0)+1,1)*INDEX($D$3:$AA$30,INDEX(Jesper!$R$2:$R$366,ROW(INDEX(Jesper!AJ$2:AJ$366,ROUNDDOWN($C8093/24,0)+1,1))-1)+IF('Standard Profiles'!$G$20=$B$10,7,0)+IF('Standard Profiles'!$G$20=$B$17,14,0)+IF('Standard Profiles'!$G$20=$B$24,21,0),MOD($C8093,24)+1)/SUM(INDEX($D$3:$AA$30,INDEX(Jesper!$R$2:$R$366,ROW(INDEX(Jesper!AJ$2:AJ$366,ROUNDDOWN($C8093/24,0)+1,1))-1)+IF('Standard Profiles'!$G$20=$B$10,7,0)+IF('Standard Profiles'!$G$20=$B$17,14,0)+IF('Standard Profiles'!$G$20=$B$24,21,0),0)),0)</f>
        <v>5.3493710296547192</v>
      </c>
      <c r="G8093" cm="1">
        <f t="array" ref="G8093">IFERROR(INDEX(Jesper!AK$2:AK$366,ROUNDDOWN($C8093/24,0)+1,1)*INDEX($D$3:$AA$30,INDEX(Jesper!$R$2:$R$366,ROW(INDEX(Jesper!AK$2:AK$366,ROUNDDOWN($C8093/24,0)+1,1))-1)+IF('Standard Profiles'!$G$21=$B$10,7,0)+IF('Standard Profiles'!$G$21=$B$17,14,0)+IF('Standard Profiles'!$G$21=$B$24,21,0),MOD($C8093,24)+1)/SUM(INDEX($D$3:$AA$30,INDEX(Jesper!$R$2:$R$366,ROW(INDEX(Jesper!AK$2:AK$366,ROUNDDOWN($C8093/24,0)+1,1))-1)+IF('Standard Profiles'!$G$21=$B$10,7,0)+IF('Standard Profiles'!$G$21=$B$17,14,0)+IF('Standard Profiles'!$G$21=$B$24,21,0),0)),0)</f>
        <v>9.4533600922029368</v>
      </c>
      <c r="H8093" cm="1">
        <f t="array" ref="H8093">IFERROR(INDEX(Jesper!AL$2:AL$366,ROUNDDOWN($C8093/24,0)+1,1)*INDEX($D$3:$AA$30,INDEX(Jesper!$R$2:$R$366,ROW(INDEX(Jesper!AL$2:AL$366,ROUNDDOWN($C8093/24,0)+1,1))-1)+IF('Standard Profiles'!$G$22=$B$10,7,0)+IF('Standard Profiles'!$G$22=$B$17,14,0)+IF('Standard Profiles'!$G$22=$B$24,21,0),MOD($C8093,24)+1)/SUM(INDEX($D$3:$AA$30,INDEX(Jesper!$R$2:$R$366,ROW(INDEX(Jesper!AL$2:AL$366,ROUNDDOWN($C8093/24,0)+1,1))-1)+IF('Standard Profiles'!$G$22=$B$10,7,0)+IF('Standard Profiles'!$G$22=$B$17,14,0)+IF('Standard Profiles'!$G$22=$B$24,21,0),0)),0)</f>
        <v>5.4906335816360343</v>
      </c>
      <c r="I8093">
        <f t="shared" si="895"/>
        <v>5.2710082383705954</v>
      </c>
      <c r="J8093">
        <f t="shared" si="896"/>
        <v>20.220129067924777</v>
      </c>
      <c r="K8093">
        <f t="shared" si="897"/>
        <v>0.47252478207288001</v>
      </c>
      <c r="L8093">
        <f t="shared" si="898"/>
        <v>0.23626239103644001</v>
      </c>
      <c r="M8093">
        <f t="shared" si="899"/>
        <v>0</v>
      </c>
      <c r="N8093" s="45">
        <f t="shared" si="900"/>
        <v>45262.791666647121</v>
      </c>
    </row>
    <row r="8094" spans="2:14" x14ac:dyDescent="0.25">
      <c r="B8094">
        <f t="shared" si="894"/>
        <v>6</v>
      </c>
      <c r="C8094" s="16">
        <v>8060</v>
      </c>
      <c r="D8094" cm="1">
        <f t="array" ref="D8094">IFERROR(INDEX(Jesper!AH$2:AH$366,ROUNDDOWN($C8094/24,0)+1,1)*INDEX($D$3:$AA$30,INDEX(Jesper!$R$2:$R$366,ROW(INDEX(Jesper!AH$2:AH$366,ROUNDDOWN($C8094/24,0)+1,1))-1)+IF('Standard Profiles'!$G$18=$B$10,7,0)+IF('Standard Profiles'!$G$18=$B$17,14,0)+IF('Standard Profiles'!$G$18=$B$24,21,0),MOD($C8094,24)+1)/SUM(INDEX($D$3:$AA$30,INDEX(Jesper!$R$2:$R$366,ROW(INDEX(Jesper!AH$2:AH$366,ROUNDDOWN($C8094/24,0)+1,1))-1)+IF('Standard Profiles'!$G$18=$B$10,7,0)+IF('Standard Profiles'!$G$18=$B$17,14,0)+IF('Standard Profiles'!$G$18=$B$24,21,0),0)),0)</f>
        <v>0</v>
      </c>
      <c r="E8094" cm="1">
        <f t="array" ref="E8094">IFERROR(INDEX(Jesper!AI$2:AI$366,ROUNDDOWN($C8094/24,0)+1,1)*INDEX($D$3:$AA$30,INDEX(Jesper!$R$2:$R$366,ROW(INDEX(Jesper!AI$2:AI$366,ROUNDDOWN($C8094/24,0)+1,1))-1)+IF('Standard Profiles'!$G$19=$B$10,7,0)+IF('Standard Profiles'!$G$19=$B$17,14,0)+IF('Standard Profiles'!$G$19=$B$24,21,0),MOD($C8094,24)+1)/SUM(INDEX($D$3:$AA$30,INDEX(Jesper!$R$2:$R$366,ROW(INDEX(Jesper!AI$2:AI$366,ROUNDDOWN($C8094/24,0)+1,1))-1)+IF('Standard Profiles'!$G$19=$B$10,7,0)+IF('Standard Profiles'!$G$19=$B$17,14,0)+IF('Standard Profiles'!$G$19=$B$24,21,0),0)),0)</f>
        <v>5.906559775911</v>
      </c>
      <c r="F8094" cm="1">
        <f t="array" ref="F8094">IFERROR(INDEX(Jesper!AJ$2:AJ$366,ROUNDDOWN($C8094/24,0)+1,1)*INDEX($D$3:$AA$30,INDEX(Jesper!$R$2:$R$366,ROW(INDEX(Jesper!AJ$2:AJ$366,ROUNDDOWN($C8094/24,0)+1,1))-1)+IF('Standard Profiles'!$G$20=$B$10,7,0)+IF('Standard Profiles'!$G$20=$B$17,14,0)+IF('Standard Profiles'!$G$20=$B$24,21,0),MOD($C8094,24)+1)/SUM(INDEX($D$3:$AA$30,INDEX(Jesper!$R$2:$R$366,ROW(INDEX(Jesper!AJ$2:AJ$366,ROUNDDOWN($C8094/24,0)+1,1))-1)+IF('Standard Profiles'!$G$20=$B$10,7,0)+IF('Standard Profiles'!$G$20=$B$17,14,0)+IF('Standard Profiles'!$G$20=$B$24,21,0),0)),0)</f>
        <v>5.3493710296547192</v>
      </c>
      <c r="G8094" cm="1">
        <f t="array" ref="G8094">IFERROR(INDEX(Jesper!AK$2:AK$366,ROUNDDOWN($C8094/24,0)+1,1)*INDEX($D$3:$AA$30,INDEX(Jesper!$R$2:$R$366,ROW(INDEX(Jesper!AK$2:AK$366,ROUNDDOWN($C8094/24,0)+1,1))-1)+IF('Standard Profiles'!$G$21=$B$10,7,0)+IF('Standard Profiles'!$G$21=$B$17,14,0)+IF('Standard Profiles'!$G$21=$B$24,21,0),MOD($C8094,24)+1)/SUM(INDEX($D$3:$AA$30,INDEX(Jesper!$R$2:$R$366,ROW(INDEX(Jesper!AK$2:AK$366,ROUNDDOWN($C8094/24,0)+1,1))-1)+IF('Standard Profiles'!$G$21=$B$10,7,0)+IF('Standard Profiles'!$G$21=$B$17,14,0)+IF('Standard Profiles'!$G$21=$B$24,21,0),0)),0)</f>
        <v>9.4533600922029368</v>
      </c>
      <c r="H8094" cm="1">
        <f t="array" ref="H8094">IFERROR(INDEX(Jesper!AL$2:AL$366,ROUNDDOWN($C8094/24,0)+1,1)*INDEX($D$3:$AA$30,INDEX(Jesper!$R$2:$R$366,ROW(INDEX(Jesper!AL$2:AL$366,ROUNDDOWN($C8094/24,0)+1,1))-1)+IF('Standard Profiles'!$G$22=$B$10,7,0)+IF('Standard Profiles'!$G$22=$B$17,14,0)+IF('Standard Profiles'!$G$22=$B$24,21,0),MOD($C8094,24)+1)/SUM(INDEX($D$3:$AA$30,INDEX(Jesper!$R$2:$R$366,ROW(INDEX(Jesper!AL$2:AL$366,ROUNDDOWN($C8094/24,0)+1,1))-1)+IF('Standard Profiles'!$G$22=$B$10,7,0)+IF('Standard Profiles'!$G$22=$B$17,14,0)+IF('Standard Profiles'!$G$22=$B$24,21,0),0)),0)</f>
        <v>4.0526105007313591</v>
      </c>
      <c r="I8094">
        <f t="shared" si="895"/>
        <v>3.890506080702107</v>
      </c>
      <c r="J8094">
        <f t="shared" si="896"/>
        <v>20.162608144688591</v>
      </c>
      <c r="K8094">
        <f t="shared" si="897"/>
        <v>0.47252478207288001</v>
      </c>
      <c r="L8094">
        <f t="shared" si="898"/>
        <v>0.23626239103644001</v>
      </c>
      <c r="M8094">
        <f t="shared" si="899"/>
        <v>0</v>
      </c>
      <c r="N8094" s="45">
        <f t="shared" si="900"/>
        <v>45262.833333313785</v>
      </c>
    </row>
    <row r="8095" spans="2:14" x14ac:dyDescent="0.25">
      <c r="B8095">
        <f t="shared" si="894"/>
        <v>6</v>
      </c>
      <c r="C8095" s="16">
        <v>8061</v>
      </c>
      <c r="D8095" cm="1">
        <f t="array" ref="D8095">IFERROR(INDEX(Jesper!AH$2:AH$366,ROUNDDOWN($C8095/24,0)+1,1)*INDEX($D$3:$AA$30,INDEX(Jesper!$R$2:$R$366,ROW(INDEX(Jesper!AH$2:AH$366,ROUNDDOWN($C8095/24,0)+1,1))-1)+IF('Standard Profiles'!$G$18=$B$10,7,0)+IF('Standard Profiles'!$G$18=$B$17,14,0)+IF('Standard Profiles'!$G$18=$B$24,21,0),MOD($C8095,24)+1)/SUM(INDEX($D$3:$AA$30,INDEX(Jesper!$R$2:$R$366,ROW(INDEX(Jesper!AH$2:AH$366,ROUNDDOWN($C8095/24,0)+1,1))-1)+IF('Standard Profiles'!$G$18=$B$10,7,0)+IF('Standard Profiles'!$G$18=$B$17,14,0)+IF('Standard Profiles'!$G$18=$B$24,21,0),0)),0)</f>
        <v>0</v>
      </c>
      <c r="E8095" cm="1">
        <f t="array" ref="E8095">IFERROR(INDEX(Jesper!AI$2:AI$366,ROUNDDOWN($C8095/24,0)+1,1)*INDEX($D$3:$AA$30,INDEX(Jesper!$R$2:$R$366,ROW(INDEX(Jesper!AI$2:AI$366,ROUNDDOWN($C8095/24,0)+1,1))-1)+IF('Standard Profiles'!$G$19=$B$10,7,0)+IF('Standard Profiles'!$G$19=$B$17,14,0)+IF('Standard Profiles'!$G$19=$B$24,21,0),MOD($C8095,24)+1)/SUM(INDEX($D$3:$AA$30,INDEX(Jesper!$R$2:$R$366,ROW(INDEX(Jesper!AI$2:AI$366,ROUNDDOWN($C8095/24,0)+1,1))-1)+IF('Standard Profiles'!$G$19=$B$10,7,0)+IF('Standard Profiles'!$G$19=$B$17,14,0)+IF('Standard Profiles'!$G$19=$B$24,21,0),0)),0)</f>
        <v>5.906559775911</v>
      </c>
      <c r="F8095" cm="1">
        <f t="array" ref="F8095">IFERROR(INDEX(Jesper!AJ$2:AJ$366,ROUNDDOWN($C8095/24,0)+1,1)*INDEX($D$3:$AA$30,INDEX(Jesper!$R$2:$R$366,ROW(INDEX(Jesper!AJ$2:AJ$366,ROUNDDOWN($C8095/24,0)+1,1))-1)+IF('Standard Profiles'!$G$20=$B$10,7,0)+IF('Standard Profiles'!$G$20=$B$17,14,0)+IF('Standard Profiles'!$G$20=$B$24,21,0),MOD($C8095,24)+1)/SUM(INDEX($D$3:$AA$30,INDEX(Jesper!$R$2:$R$366,ROW(INDEX(Jesper!AJ$2:AJ$366,ROUNDDOWN($C8095/24,0)+1,1))-1)+IF('Standard Profiles'!$G$20=$B$10,7,0)+IF('Standard Profiles'!$G$20=$B$17,14,0)+IF('Standard Profiles'!$G$20=$B$24,21,0),0)),0)</f>
        <v>5.3493710296547192</v>
      </c>
      <c r="G8095" cm="1">
        <f t="array" ref="G8095">IFERROR(INDEX(Jesper!AK$2:AK$366,ROUNDDOWN($C8095/24,0)+1,1)*INDEX($D$3:$AA$30,INDEX(Jesper!$R$2:$R$366,ROW(INDEX(Jesper!AK$2:AK$366,ROUNDDOWN($C8095/24,0)+1,1))-1)+IF('Standard Profiles'!$G$21=$B$10,7,0)+IF('Standard Profiles'!$G$21=$B$17,14,0)+IF('Standard Profiles'!$G$21=$B$24,21,0),MOD($C8095,24)+1)/SUM(INDEX($D$3:$AA$30,INDEX(Jesper!$R$2:$R$366,ROW(INDEX(Jesper!AK$2:AK$366,ROUNDDOWN($C8095/24,0)+1,1))-1)+IF('Standard Profiles'!$G$21=$B$10,7,0)+IF('Standard Profiles'!$G$21=$B$17,14,0)+IF('Standard Profiles'!$G$21=$B$24,21,0),0)),0)</f>
        <v>9.4533600922029368</v>
      </c>
      <c r="H8095" cm="1">
        <f t="array" ref="H8095">IFERROR(INDEX(Jesper!AL$2:AL$366,ROUNDDOWN($C8095/24,0)+1,1)*INDEX($D$3:$AA$30,INDEX(Jesper!$R$2:$R$366,ROW(INDEX(Jesper!AL$2:AL$366,ROUNDDOWN($C8095/24,0)+1,1))-1)+IF('Standard Profiles'!$G$22=$B$10,7,0)+IF('Standard Profiles'!$G$22=$B$17,14,0)+IF('Standard Profiles'!$G$22=$B$24,21,0),MOD($C8095,24)+1)/SUM(INDEX($D$3:$AA$30,INDEX(Jesper!$R$2:$R$366,ROW(INDEX(Jesper!AL$2:AL$366,ROUNDDOWN($C8095/24,0)+1,1))-1)+IF('Standard Profiles'!$G$22=$B$10,7,0)+IF('Standard Profiles'!$G$22=$B$17,14,0)+IF('Standard Profiles'!$G$22=$B$24,21,0),0)),0)</f>
        <v>4.0526105007313591</v>
      </c>
      <c r="I8095">
        <f t="shared" si="895"/>
        <v>3.890506080702107</v>
      </c>
      <c r="J8095">
        <f t="shared" si="896"/>
        <v>20.162608144688591</v>
      </c>
      <c r="K8095">
        <f t="shared" si="897"/>
        <v>0.47252478207288001</v>
      </c>
      <c r="L8095">
        <f t="shared" si="898"/>
        <v>0.23626239103644001</v>
      </c>
      <c r="M8095">
        <f t="shared" si="899"/>
        <v>0</v>
      </c>
      <c r="N8095" s="45">
        <f t="shared" si="900"/>
        <v>45262.87499998045</v>
      </c>
    </row>
    <row r="8096" spans="2:14" x14ac:dyDescent="0.25">
      <c r="B8096">
        <f t="shared" si="894"/>
        <v>6</v>
      </c>
      <c r="C8096" s="16">
        <v>8062</v>
      </c>
      <c r="D8096" cm="1">
        <f t="array" ref="D8096">IFERROR(INDEX(Jesper!AH$2:AH$366,ROUNDDOWN($C8096/24,0)+1,1)*INDEX($D$3:$AA$30,INDEX(Jesper!$R$2:$R$366,ROW(INDEX(Jesper!AH$2:AH$366,ROUNDDOWN($C8096/24,0)+1,1))-1)+IF('Standard Profiles'!$G$18=$B$10,7,0)+IF('Standard Profiles'!$G$18=$B$17,14,0)+IF('Standard Profiles'!$G$18=$B$24,21,0),MOD($C8096,24)+1)/SUM(INDEX($D$3:$AA$30,INDEX(Jesper!$R$2:$R$366,ROW(INDEX(Jesper!AH$2:AH$366,ROUNDDOWN($C8096/24,0)+1,1))-1)+IF('Standard Profiles'!$G$18=$B$10,7,0)+IF('Standard Profiles'!$G$18=$B$17,14,0)+IF('Standard Profiles'!$G$18=$B$24,21,0),0)),0)</f>
        <v>0</v>
      </c>
      <c r="E8096" cm="1">
        <f t="array" ref="E8096">IFERROR(INDEX(Jesper!AI$2:AI$366,ROUNDDOWN($C8096/24,0)+1,1)*INDEX($D$3:$AA$30,INDEX(Jesper!$R$2:$R$366,ROW(INDEX(Jesper!AI$2:AI$366,ROUNDDOWN($C8096/24,0)+1,1))-1)+IF('Standard Profiles'!$G$19=$B$10,7,0)+IF('Standard Profiles'!$G$19=$B$17,14,0)+IF('Standard Profiles'!$G$19=$B$24,21,0),MOD($C8096,24)+1)/SUM(INDEX($D$3:$AA$30,INDEX(Jesper!$R$2:$R$366,ROW(INDEX(Jesper!AI$2:AI$366,ROUNDDOWN($C8096/24,0)+1,1))-1)+IF('Standard Profiles'!$G$19=$B$10,7,0)+IF('Standard Profiles'!$G$19=$B$17,14,0)+IF('Standard Profiles'!$G$19=$B$24,21,0),0)),0)</f>
        <v>5.906559775911</v>
      </c>
      <c r="F8096" cm="1">
        <f t="array" ref="F8096">IFERROR(INDEX(Jesper!AJ$2:AJ$366,ROUNDDOWN($C8096/24,0)+1,1)*INDEX($D$3:$AA$30,INDEX(Jesper!$R$2:$R$366,ROW(INDEX(Jesper!AJ$2:AJ$366,ROUNDDOWN($C8096/24,0)+1,1))-1)+IF('Standard Profiles'!$G$20=$B$10,7,0)+IF('Standard Profiles'!$G$20=$B$17,14,0)+IF('Standard Profiles'!$G$20=$B$24,21,0),MOD($C8096,24)+1)/SUM(INDEX($D$3:$AA$30,INDEX(Jesper!$R$2:$R$366,ROW(INDEX(Jesper!AJ$2:AJ$366,ROUNDDOWN($C8096/24,0)+1,1))-1)+IF('Standard Profiles'!$G$20=$B$10,7,0)+IF('Standard Profiles'!$G$20=$B$17,14,0)+IF('Standard Profiles'!$G$20=$B$24,21,0),0)),0)</f>
        <v>5.3493710296547192</v>
      </c>
      <c r="G8096" cm="1">
        <f t="array" ref="G8096">IFERROR(INDEX(Jesper!AK$2:AK$366,ROUNDDOWN($C8096/24,0)+1,1)*INDEX($D$3:$AA$30,INDEX(Jesper!$R$2:$R$366,ROW(INDEX(Jesper!AK$2:AK$366,ROUNDDOWN($C8096/24,0)+1,1))-1)+IF('Standard Profiles'!$G$21=$B$10,7,0)+IF('Standard Profiles'!$G$21=$B$17,14,0)+IF('Standard Profiles'!$G$21=$B$24,21,0),MOD($C8096,24)+1)/SUM(INDEX($D$3:$AA$30,INDEX(Jesper!$R$2:$R$366,ROW(INDEX(Jesper!AK$2:AK$366,ROUNDDOWN($C8096/24,0)+1,1))-1)+IF('Standard Profiles'!$G$21=$B$10,7,0)+IF('Standard Profiles'!$G$21=$B$17,14,0)+IF('Standard Profiles'!$G$21=$B$24,21,0),0)),0)</f>
        <v>9.4533600922029368</v>
      </c>
      <c r="H8096" cm="1">
        <f t="array" ref="H8096">IFERROR(INDEX(Jesper!AL$2:AL$366,ROUNDDOWN($C8096/24,0)+1,1)*INDEX($D$3:$AA$30,INDEX(Jesper!$R$2:$R$366,ROW(INDEX(Jesper!AL$2:AL$366,ROUNDDOWN($C8096/24,0)+1,1))-1)+IF('Standard Profiles'!$G$22=$B$10,7,0)+IF('Standard Profiles'!$G$22=$B$17,14,0)+IF('Standard Profiles'!$G$22=$B$24,21,0),MOD($C8096,24)+1)/SUM(INDEX($D$3:$AA$30,INDEX(Jesper!$R$2:$R$366,ROW(INDEX(Jesper!AL$2:AL$366,ROUNDDOWN($C8096/24,0)+1,1))-1)+IF('Standard Profiles'!$G$22=$B$10,7,0)+IF('Standard Profiles'!$G$22=$B$17,14,0)+IF('Standard Profiles'!$G$22=$B$24,21,0),0)),0)</f>
        <v>4.0526105007313591</v>
      </c>
      <c r="I8096">
        <f t="shared" si="895"/>
        <v>3.890506080702107</v>
      </c>
      <c r="J8096">
        <f t="shared" si="896"/>
        <v>20.162608144688591</v>
      </c>
      <c r="K8096">
        <f t="shared" si="897"/>
        <v>0.47252478207288001</v>
      </c>
      <c r="L8096">
        <f t="shared" si="898"/>
        <v>0.23626239103644001</v>
      </c>
      <c r="M8096">
        <f t="shared" si="899"/>
        <v>0</v>
      </c>
      <c r="N8096" s="45">
        <f t="shared" si="900"/>
        <v>45262.916666647114</v>
      </c>
    </row>
    <row r="8097" spans="2:14" x14ac:dyDescent="0.25">
      <c r="B8097">
        <f t="shared" si="894"/>
        <v>6</v>
      </c>
      <c r="C8097" s="16">
        <v>8063</v>
      </c>
      <c r="D8097" cm="1">
        <f t="array" ref="D8097">IFERROR(INDEX(Jesper!AH$2:AH$366,ROUNDDOWN($C8097/24,0)+1,1)*INDEX($D$3:$AA$30,INDEX(Jesper!$R$2:$R$366,ROW(INDEX(Jesper!AH$2:AH$366,ROUNDDOWN($C8097/24,0)+1,1))-1)+IF('Standard Profiles'!$G$18=$B$10,7,0)+IF('Standard Profiles'!$G$18=$B$17,14,0)+IF('Standard Profiles'!$G$18=$B$24,21,0),MOD($C8097,24)+1)/SUM(INDEX($D$3:$AA$30,INDEX(Jesper!$R$2:$R$366,ROW(INDEX(Jesper!AH$2:AH$366,ROUNDDOWN($C8097/24,0)+1,1))-1)+IF('Standard Profiles'!$G$18=$B$10,7,0)+IF('Standard Profiles'!$G$18=$B$17,14,0)+IF('Standard Profiles'!$G$18=$B$24,21,0),0)),0)</f>
        <v>0</v>
      </c>
      <c r="E8097" cm="1">
        <f t="array" ref="E8097">IFERROR(INDEX(Jesper!AI$2:AI$366,ROUNDDOWN($C8097/24,0)+1,1)*INDEX($D$3:$AA$30,INDEX(Jesper!$R$2:$R$366,ROW(INDEX(Jesper!AI$2:AI$366,ROUNDDOWN($C8097/24,0)+1,1))-1)+IF('Standard Profiles'!$G$19=$B$10,7,0)+IF('Standard Profiles'!$G$19=$B$17,14,0)+IF('Standard Profiles'!$G$19=$B$24,21,0),MOD($C8097,24)+1)/SUM(INDEX($D$3:$AA$30,INDEX(Jesper!$R$2:$R$366,ROW(INDEX(Jesper!AI$2:AI$366,ROUNDDOWN($C8097/24,0)+1,1))-1)+IF('Standard Profiles'!$G$19=$B$10,7,0)+IF('Standard Profiles'!$G$19=$B$17,14,0)+IF('Standard Profiles'!$G$19=$B$24,21,0),0)),0)</f>
        <v>5.906559775911</v>
      </c>
      <c r="F8097" cm="1">
        <f t="array" ref="F8097">IFERROR(INDEX(Jesper!AJ$2:AJ$366,ROUNDDOWN($C8097/24,0)+1,1)*INDEX($D$3:$AA$30,INDEX(Jesper!$R$2:$R$366,ROW(INDEX(Jesper!AJ$2:AJ$366,ROUNDDOWN($C8097/24,0)+1,1))-1)+IF('Standard Profiles'!$G$20=$B$10,7,0)+IF('Standard Profiles'!$G$20=$B$17,14,0)+IF('Standard Profiles'!$G$20=$B$24,21,0),MOD($C8097,24)+1)/SUM(INDEX($D$3:$AA$30,INDEX(Jesper!$R$2:$R$366,ROW(INDEX(Jesper!AJ$2:AJ$366,ROUNDDOWN($C8097/24,0)+1,1))-1)+IF('Standard Profiles'!$G$20=$B$10,7,0)+IF('Standard Profiles'!$G$20=$B$17,14,0)+IF('Standard Profiles'!$G$20=$B$24,21,0),0)),0)</f>
        <v>5.3493710296547192</v>
      </c>
      <c r="G8097" cm="1">
        <f t="array" ref="G8097">IFERROR(INDEX(Jesper!AK$2:AK$366,ROUNDDOWN($C8097/24,0)+1,1)*INDEX($D$3:$AA$30,INDEX(Jesper!$R$2:$R$366,ROW(INDEX(Jesper!AK$2:AK$366,ROUNDDOWN($C8097/24,0)+1,1))-1)+IF('Standard Profiles'!$G$21=$B$10,7,0)+IF('Standard Profiles'!$G$21=$B$17,14,0)+IF('Standard Profiles'!$G$21=$B$24,21,0),MOD($C8097,24)+1)/SUM(INDEX($D$3:$AA$30,INDEX(Jesper!$R$2:$R$366,ROW(INDEX(Jesper!AK$2:AK$366,ROUNDDOWN($C8097/24,0)+1,1))-1)+IF('Standard Profiles'!$G$21=$B$10,7,0)+IF('Standard Profiles'!$G$21=$B$17,14,0)+IF('Standard Profiles'!$G$21=$B$24,21,0),0)),0)</f>
        <v>9.4533600922029368</v>
      </c>
      <c r="H8097" cm="1">
        <f t="array" ref="H8097">IFERROR(INDEX(Jesper!AL$2:AL$366,ROUNDDOWN($C8097/24,0)+1,1)*INDEX($D$3:$AA$30,INDEX(Jesper!$R$2:$R$366,ROW(INDEX(Jesper!AL$2:AL$366,ROUNDDOWN($C8097/24,0)+1,1))-1)+IF('Standard Profiles'!$G$22=$B$10,7,0)+IF('Standard Profiles'!$G$22=$B$17,14,0)+IF('Standard Profiles'!$G$22=$B$24,21,0),MOD($C8097,24)+1)/SUM(INDEX($D$3:$AA$30,INDEX(Jesper!$R$2:$R$366,ROW(INDEX(Jesper!AL$2:AL$366,ROUNDDOWN($C8097/24,0)+1,1))-1)+IF('Standard Profiles'!$G$22=$B$10,7,0)+IF('Standard Profiles'!$G$22=$B$17,14,0)+IF('Standard Profiles'!$G$22=$B$24,21,0),0)),0)</f>
        <v>4.0526105007313591</v>
      </c>
      <c r="I8097">
        <f t="shared" si="895"/>
        <v>3.890506080702107</v>
      </c>
      <c r="J8097">
        <f t="shared" si="896"/>
        <v>20.162608144688591</v>
      </c>
      <c r="K8097">
        <f t="shared" si="897"/>
        <v>0.47252478207288001</v>
      </c>
      <c r="L8097">
        <f t="shared" si="898"/>
        <v>0.23626239103644001</v>
      </c>
      <c r="M8097">
        <f t="shared" si="899"/>
        <v>0</v>
      </c>
      <c r="N8097" s="45">
        <f t="shared" si="900"/>
        <v>45262.958333313778</v>
      </c>
    </row>
    <row r="8098" spans="2:14" x14ac:dyDescent="0.25">
      <c r="B8098">
        <f t="shared" si="894"/>
        <v>7</v>
      </c>
      <c r="C8098" s="16">
        <v>8064</v>
      </c>
      <c r="D8098" cm="1">
        <f t="array" ref="D8098">IFERROR(INDEX(Jesper!AH$2:AH$366,ROUNDDOWN($C8098/24,0)+1,1)*INDEX($D$3:$AA$30,INDEX(Jesper!$R$2:$R$366,ROW(INDEX(Jesper!AH$2:AH$366,ROUNDDOWN($C8098/24,0)+1,1))-1)+IF('Standard Profiles'!$G$18=$B$10,7,0)+IF('Standard Profiles'!$G$18=$B$17,14,0)+IF('Standard Profiles'!$G$18=$B$24,21,0),MOD($C8098,24)+1)/SUM(INDEX($D$3:$AA$30,INDEX(Jesper!$R$2:$R$366,ROW(INDEX(Jesper!AH$2:AH$366,ROUNDDOWN($C8098/24,0)+1,1))-1)+IF('Standard Profiles'!$G$18=$B$10,7,0)+IF('Standard Profiles'!$G$18=$B$17,14,0)+IF('Standard Profiles'!$G$18=$B$24,21,0),0)),0)</f>
        <v>0</v>
      </c>
      <c r="E8098" cm="1">
        <f t="array" ref="E8098">IFERROR(INDEX(Jesper!AI$2:AI$366,ROUNDDOWN($C8098/24,0)+1,1)*INDEX($D$3:$AA$30,INDEX(Jesper!$R$2:$R$366,ROW(INDEX(Jesper!AI$2:AI$366,ROUNDDOWN($C8098/24,0)+1,1))-1)+IF('Standard Profiles'!$G$19=$B$10,7,0)+IF('Standard Profiles'!$G$19=$B$17,14,0)+IF('Standard Profiles'!$G$19=$B$24,21,0),MOD($C8098,24)+1)/SUM(INDEX($D$3:$AA$30,INDEX(Jesper!$R$2:$R$366,ROW(INDEX(Jesper!AI$2:AI$366,ROUNDDOWN($C8098/24,0)+1,1))-1)+IF('Standard Profiles'!$G$19=$B$10,7,0)+IF('Standard Profiles'!$G$19=$B$17,14,0)+IF('Standard Profiles'!$G$19=$B$24,21,0),0)),0)</f>
        <v>6.2696809154906186</v>
      </c>
      <c r="F8098" cm="1">
        <f t="array" ref="F8098">IFERROR(INDEX(Jesper!AJ$2:AJ$366,ROUNDDOWN($C8098/24,0)+1,1)*INDEX($D$3:$AA$30,INDEX(Jesper!$R$2:$R$366,ROW(INDEX(Jesper!AJ$2:AJ$366,ROUNDDOWN($C8098/24,0)+1,1))-1)+IF('Standard Profiles'!$G$20=$B$10,7,0)+IF('Standard Profiles'!$G$20=$B$17,14,0)+IF('Standard Profiles'!$G$20=$B$24,21,0),MOD($C8098,24)+1)/SUM(INDEX($D$3:$AA$30,INDEX(Jesper!$R$2:$R$366,ROW(INDEX(Jesper!AJ$2:AJ$366,ROUNDDOWN($C8098/24,0)+1,1))-1)+IF('Standard Profiles'!$G$20=$B$10,7,0)+IF('Standard Profiles'!$G$20=$B$17,14,0)+IF('Standard Profiles'!$G$20=$B$24,21,0),0)),0)</f>
        <v>5.7937823605381551</v>
      </c>
      <c r="G8098" cm="1">
        <f t="array" ref="G8098">IFERROR(INDEX(Jesper!AK$2:AK$366,ROUNDDOWN($C8098/24,0)+1,1)*INDEX($D$3:$AA$30,INDEX(Jesper!$R$2:$R$366,ROW(INDEX(Jesper!AK$2:AK$366,ROUNDDOWN($C8098/24,0)+1,1))-1)+IF('Standard Profiles'!$G$21=$B$10,7,0)+IF('Standard Profiles'!$G$21=$B$17,14,0)+IF('Standard Profiles'!$G$21=$B$24,21,0),MOD($C8098,24)+1)/SUM(INDEX($D$3:$AA$30,INDEX(Jesper!$R$2:$R$366,ROW(INDEX(Jesper!AK$2:AK$366,ROUNDDOWN($C8098/24,0)+1,1))-1)+IF('Standard Profiles'!$G$21=$B$10,7,0)+IF('Standard Profiles'!$G$21=$B$17,14,0)+IF('Standard Profiles'!$G$21=$B$24,21,0),0)),0)</f>
        <v>10.40931528021245</v>
      </c>
      <c r="H8098" cm="1">
        <f t="array" ref="H8098">IFERROR(INDEX(Jesper!AL$2:AL$366,ROUNDDOWN($C8098/24,0)+1,1)*INDEX($D$3:$AA$30,INDEX(Jesper!$R$2:$R$366,ROW(INDEX(Jesper!AL$2:AL$366,ROUNDDOWN($C8098/24,0)+1,1))-1)+IF('Standard Profiles'!$G$22=$B$10,7,0)+IF('Standard Profiles'!$G$22=$B$17,14,0)+IF('Standard Profiles'!$G$22=$B$24,21,0),MOD($C8098,24)+1)/SUM(INDEX($D$3:$AA$30,INDEX(Jesper!$R$2:$R$366,ROW(INDEX(Jesper!AL$2:AL$366,ROUNDDOWN($C8098/24,0)+1,1))-1)+IF('Standard Profiles'!$G$22=$B$10,7,0)+IF('Standard Profiles'!$G$22=$B$17,14,0)+IF('Standard Profiles'!$G$22=$B$24,21,0),0)),0)</f>
        <v>5.1084793891689477</v>
      </c>
      <c r="I8098">
        <f t="shared" si="895"/>
        <v>4.9041402136021928</v>
      </c>
      <c r="J8098">
        <f t="shared" si="896"/>
        <v>21.924756021949104</v>
      </c>
      <c r="K8098">
        <f t="shared" si="897"/>
        <v>0.50157447323924953</v>
      </c>
      <c r="L8098">
        <f t="shared" si="898"/>
        <v>0.25078723661962476</v>
      </c>
      <c r="M8098">
        <f t="shared" si="899"/>
        <v>0</v>
      </c>
      <c r="N8098" s="45">
        <f t="shared" si="900"/>
        <v>45262.999999980442</v>
      </c>
    </row>
    <row r="8099" spans="2:14" x14ac:dyDescent="0.25">
      <c r="B8099">
        <f t="shared" ref="B8099:B8162" si="901">WEEKDAY(N8099,2)</f>
        <v>7</v>
      </c>
      <c r="C8099" s="16">
        <v>8065</v>
      </c>
      <c r="D8099" cm="1">
        <f t="array" ref="D8099">IFERROR(INDEX(Jesper!AH$2:AH$366,ROUNDDOWN($C8099/24,0)+1,1)*INDEX($D$3:$AA$30,INDEX(Jesper!$R$2:$R$366,ROW(INDEX(Jesper!AH$2:AH$366,ROUNDDOWN($C8099/24,0)+1,1))-1)+IF('Standard Profiles'!$G$18=$B$10,7,0)+IF('Standard Profiles'!$G$18=$B$17,14,0)+IF('Standard Profiles'!$G$18=$B$24,21,0),MOD($C8099,24)+1)/SUM(INDEX($D$3:$AA$30,INDEX(Jesper!$R$2:$R$366,ROW(INDEX(Jesper!AH$2:AH$366,ROUNDDOWN($C8099/24,0)+1,1))-1)+IF('Standard Profiles'!$G$18=$B$10,7,0)+IF('Standard Profiles'!$G$18=$B$17,14,0)+IF('Standard Profiles'!$G$18=$B$24,21,0),0)),0)</f>
        <v>0</v>
      </c>
      <c r="E8099" cm="1">
        <f t="array" ref="E8099">IFERROR(INDEX(Jesper!AI$2:AI$366,ROUNDDOWN($C8099/24,0)+1,1)*INDEX($D$3:$AA$30,INDEX(Jesper!$R$2:$R$366,ROW(INDEX(Jesper!AI$2:AI$366,ROUNDDOWN($C8099/24,0)+1,1))-1)+IF('Standard Profiles'!$G$19=$B$10,7,0)+IF('Standard Profiles'!$G$19=$B$17,14,0)+IF('Standard Profiles'!$G$19=$B$24,21,0),MOD($C8099,24)+1)/SUM(INDEX($D$3:$AA$30,INDEX(Jesper!$R$2:$R$366,ROW(INDEX(Jesper!AI$2:AI$366,ROUNDDOWN($C8099/24,0)+1,1))-1)+IF('Standard Profiles'!$G$19=$B$10,7,0)+IF('Standard Profiles'!$G$19=$B$17,14,0)+IF('Standard Profiles'!$G$19=$B$24,21,0),0)),0)</f>
        <v>6.2696809154906186</v>
      </c>
      <c r="F8099" cm="1">
        <f t="array" ref="F8099">IFERROR(INDEX(Jesper!AJ$2:AJ$366,ROUNDDOWN($C8099/24,0)+1,1)*INDEX($D$3:$AA$30,INDEX(Jesper!$R$2:$R$366,ROW(INDEX(Jesper!AJ$2:AJ$366,ROUNDDOWN($C8099/24,0)+1,1))-1)+IF('Standard Profiles'!$G$20=$B$10,7,0)+IF('Standard Profiles'!$G$20=$B$17,14,0)+IF('Standard Profiles'!$G$20=$B$24,21,0),MOD($C8099,24)+1)/SUM(INDEX($D$3:$AA$30,INDEX(Jesper!$R$2:$R$366,ROW(INDEX(Jesper!AJ$2:AJ$366,ROUNDDOWN($C8099/24,0)+1,1))-1)+IF('Standard Profiles'!$G$20=$B$10,7,0)+IF('Standard Profiles'!$G$20=$B$17,14,0)+IF('Standard Profiles'!$G$20=$B$24,21,0),0)),0)</f>
        <v>5.7937823605381551</v>
      </c>
      <c r="G8099" cm="1">
        <f t="array" ref="G8099">IFERROR(INDEX(Jesper!AK$2:AK$366,ROUNDDOWN($C8099/24,0)+1,1)*INDEX($D$3:$AA$30,INDEX(Jesper!$R$2:$R$366,ROW(INDEX(Jesper!AK$2:AK$366,ROUNDDOWN($C8099/24,0)+1,1))-1)+IF('Standard Profiles'!$G$21=$B$10,7,0)+IF('Standard Profiles'!$G$21=$B$17,14,0)+IF('Standard Profiles'!$G$21=$B$24,21,0),MOD($C8099,24)+1)/SUM(INDEX($D$3:$AA$30,INDEX(Jesper!$R$2:$R$366,ROW(INDEX(Jesper!AK$2:AK$366,ROUNDDOWN($C8099/24,0)+1,1))-1)+IF('Standard Profiles'!$G$21=$B$10,7,0)+IF('Standard Profiles'!$G$21=$B$17,14,0)+IF('Standard Profiles'!$G$21=$B$24,21,0),0)),0)</f>
        <v>10.40931528021245</v>
      </c>
      <c r="H8099" cm="1">
        <f t="array" ref="H8099">IFERROR(INDEX(Jesper!AL$2:AL$366,ROUNDDOWN($C8099/24,0)+1,1)*INDEX($D$3:$AA$30,INDEX(Jesper!$R$2:$R$366,ROW(INDEX(Jesper!AL$2:AL$366,ROUNDDOWN($C8099/24,0)+1,1))-1)+IF('Standard Profiles'!$G$22=$B$10,7,0)+IF('Standard Profiles'!$G$22=$B$17,14,0)+IF('Standard Profiles'!$G$22=$B$24,21,0),MOD($C8099,24)+1)/SUM(INDEX($D$3:$AA$30,INDEX(Jesper!$R$2:$R$366,ROW(INDEX(Jesper!AL$2:AL$366,ROUNDDOWN($C8099/24,0)+1,1))-1)+IF('Standard Profiles'!$G$22=$B$10,7,0)+IF('Standard Profiles'!$G$22=$B$17,14,0)+IF('Standard Profiles'!$G$22=$B$24,21,0),0)),0)</f>
        <v>5.9324276777445846</v>
      </c>
      <c r="I8099">
        <f t="shared" ref="I8099:I8162" si="902">IF($B8099&lt;6,AC$37*$D8099+AC$38*$E8099+AC$39*$F8099+AC$40*$G8099,AC$46*$D8099+AC$47*$E8099+AC$48*$F8099+AC$49*$G8099+AC$50*$H8099)</f>
        <v>5.6951305706348041</v>
      </c>
      <c r="J8099">
        <f t="shared" ref="J8099:J8162" si="903">IF($B8099&lt;6,AD$37*$D8099+AD$38*$E8099+AD$39*$F8099+AD$40*$G8099,AD$46*$D8099+AD$47*$E8099+AD$48*$F8099+AD$49*$G8099+AD$50*$H8099)</f>
        <v>21.957713953492128</v>
      </c>
      <c r="K8099">
        <f t="shared" ref="K8099:K8162" si="904">IF($B8099&lt;6,AE$37*$D8099+AE$38*$E8099+AE$39*$F8099+AE$40*$G8099,AE$46*$D8099+AE$47*$E8099+AE$48*$F8099+AE$49*$G8099+AE$50*$H8099)</f>
        <v>0.50157447323924953</v>
      </c>
      <c r="L8099">
        <f t="shared" ref="L8099:L8162" si="905">IF($B8099&lt;6,AF$37*$D8099+AF$38*$E8099+AF$39*$F8099+AF$40*$G8099,AF$46*$D8099+AF$47*$E8099+AF$48*$F8099+AF$49*$G8099+AF$50*$H8099)</f>
        <v>0.25078723661962476</v>
      </c>
      <c r="M8099">
        <f t="shared" ref="M8099:M8162" si="906">IF($B8099&lt;6,AG$37*$D8099+AG$38*$E8099+AG$39*$F8099+AG$40*$G8099,AG$46*$D8099+AG$47*$E8099+AG$48*$F8099+AG$49*$G8099+AG$50*$H8099)</f>
        <v>0</v>
      </c>
      <c r="N8099" s="45">
        <f t="shared" si="900"/>
        <v>45263.041666647106</v>
      </c>
    </row>
    <row r="8100" spans="2:14" x14ac:dyDescent="0.25">
      <c r="B8100">
        <f t="shared" si="901"/>
        <v>7</v>
      </c>
      <c r="C8100" s="16">
        <v>8066</v>
      </c>
      <c r="D8100" cm="1">
        <f t="array" ref="D8100">IFERROR(INDEX(Jesper!AH$2:AH$366,ROUNDDOWN($C8100/24,0)+1,1)*INDEX($D$3:$AA$30,INDEX(Jesper!$R$2:$R$366,ROW(INDEX(Jesper!AH$2:AH$366,ROUNDDOWN($C8100/24,0)+1,1))-1)+IF('Standard Profiles'!$G$18=$B$10,7,0)+IF('Standard Profiles'!$G$18=$B$17,14,0)+IF('Standard Profiles'!$G$18=$B$24,21,0),MOD($C8100,24)+1)/SUM(INDEX($D$3:$AA$30,INDEX(Jesper!$R$2:$R$366,ROW(INDEX(Jesper!AH$2:AH$366,ROUNDDOWN($C8100/24,0)+1,1))-1)+IF('Standard Profiles'!$G$18=$B$10,7,0)+IF('Standard Profiles'!$G$18=$B$17,14,0)+IF('Standard Profiles'!$G$18=$B$24,21,0),0)),0)</f>
        <v>0</v>
      </c>
      <c r="E8100" cm="1">
        <f t="array" ref="E8100">IFERROR(INDEX(Jesper!AI$2:AI$366,ROUNDDOWN($C8100/24,0)+1,1)*INDEX($D$3:$AA$30,INDEX(Jesper!$R$2:$R$366,ROW(INDEX(Jesper!AI$2:AI$366,ROUNDDOWN($C8100/24,0)+1,1))-1)+IF('Standard Profiles'!$G$19=$B$10,7,0)+IF('Standard Profiles'!$G$19=$B$17,14,0)+IF('Standard Profiles'!$G$19=$B$24,21,0),MOD($C8100,24)+1)/SUM(INDEX($D$3:$AA$30,INDEX(Jesper!$R$2:$R$366,ROW(INDEX(Jesper!AI$2:AI$366,ROUNDDOWN($C8100/24,0)+1,1))-1)+IF('Standard Profiles'!$G$19=$B$10,7,0)+IF('Standard Profiles'!$G$19=$B$17,14,0)+IF('Standard Profiles'!$G$19=$B$24,21,0),0)),0)</f>
        <v>6.2696809154906186</v>
      </c>
      <c r="F8100" cm="1">
        <f t="array" ref="F8100">IFERROR(INDEX(Jesper!AJ$2:AJ$366,ROUNDDOWN($C8100/24,0)+1,1)*INDEX($D$3:$AA$30,INDEX(Jesper!$R$2:$R$366,ROW(INDEX(Jesper!AJ$2:AJ$366,ROUNDDOWN($C8100/24,0)+1,1))-1)+IF('Standard Profiles'!$G$20=$B$10,7,0)+IF('Standard Profiles'!$G$20=$B$17,14,0)+IF('Standard Profiles'!$G$20=$B$24,21,0),MOD($C8100,24)+1)/SUM(INDEX($D$3:$AA$30,INDEX(Jesper!$R$2:$R$366,ROW(INDEX(Jesper!AJ$2:AJ$366,ROUNDDOWN($C8100/24,0)+1,1))-1)+IF('Standard Profiles'!$G$20=$B$10,7,0)+IF('Standard Profiles'!$G$20=$B$17,14,0)+IF('Standard Profiles'!$G$20=$B$24,21,0),0)),0)</f>
        <v>5.7937823605381551</v>
      </c>
      <c r="G8100" cm="1">
        <f t="array" ref="G8100">IFERROR(INDEX(Jesper!AK$2:AK$366,ROUNDDOWN($C8100/24,0)+1,1)*INDEX($D$3:$AA$30,INDEX(Jesper!$R$2:$R$366,ROW(INDEX(Jesper!AK$2:AK$366,ROUNDDOWN($C8100/24,0)+1,1))-1)+IF('Standard Profiles'!$G$21=$B$10,7,0)+IF('Standard Profiles'!$G$21=$B$17,14,0)+IF('Standard Profiles'!$G$21=$B$24,21,0),MOD($C8100,24)+1)/SUM(INDEX($D$3:$AA$30,INDEX(Jesper!$R$2:$R$366,ROW(INDEX(Jesper!AK$2:AK$366,ROUNDDOWN($C8100/24,0)+1,1))-1)+IF('Standard Profiles'!$G$21=$B$10,7,0)+IF('Standard Profiles'!$G$21=$B$17,14,0)+IF('Standard Profiles'!$G$21=$B$24,21,0),0)),0)</f>
        <v>10.40931528021245</v>
      </c>
      <c r="H8100" cm="1">
        <f t="array" ref="H8100">IFERROR(INDEX(Jesper!AL$2:AL$366,ROUNDDOWN($C8100/24,0)+1,1)*INDEX($D$3:$AA$30,INDEX(Jesper!$R$2:$R$366,ROW(INDEX(Jesper!AL$2:AL$366,ROUNDDOWN($C8100/24,0)+1,1))-1)+IF('Standard Profiles'!$G$22=$B$10,7,0)+IF('Standard Profiles'!$G$22=$B$17,14,0)+IF('Standard Profiles'!$G$22=$B$24,21,0),MOD($C8100,24)+1)/SUM(INDEX($D$3:$AA$30,INDEX(Jesper!$R$2:$R$366,ROW(INDEX(Jesper!AL$2:AL$366,ROUNDDOWN($C8100/24,0)+1,1))-1)+IF('Standard Profiles'!$G$22=$B$10,7,0)+IF('Standard Profiles'!$G$22=$B$17,14,0)+IF('Standard Profiles'!$G$22=$B$24,21,0),0)),0)</f>
        <v>5.9324276777445846</v>
      </c>
      <c r="I8100">
        <f t="shared" si="902"/>
        <v>5.6951305706348041</v>
      </c>
      <c r="J8100">
        <f t="shared" si="903"/>
        <v>21.957713953492128</v>
      </c>
      <c r="K8100">
        <f t="shared" si="904"/>
        <v>0.50157447323924953</v>
      </c>
      <c r="L8100">
        <f t="shared" si="905"/>
        <v>0.25078723661962476</v>
      </c>
      <c r="M8100">
        <f t="shared" si="906"/>
        <v>0</v>
      </c>
      <c r="N8100" s="45">
        <f t="shared" ref="N8100:N8163" si="907">N8099+1/24</f>
        <v>45263.083333313771</v>
      </c>
    </row>
    <row r="8101" spans="2:14" x14ac:dyDescent="0.25">
      <c r="B8101">
        <f t="shared" si="901"/>
        <v>7</v>
      </c>
      <c r="C8101" s="16">
        <v>8067</v>
      </c>
      <c r="D8101" cm="1">
        <f t="array" ref="D8101">IFERROR(INDEX(Jesper!AH$2:AH$366,ROUNDDOWN($C8101/24,0)+1,1)*INDEX($D$3:$AA$30,INDEX(Jesper!$R$2:$R$366,ROW(INDEX(Jesper!AH$2:AH$366,ROUNDDOWN($C8101/24,0)+1,1))-1)+IF('Standard Profiles'!$G$18=$B$10,7,0)+IF('Standard Profiles'!$G$18=$B$17,14,0)+IF('Standard Profiles'!$G$18=$B$24,21,0),MOD($C8101,24)+1)/SUM(INDEX($D$3:$AA$30,INDEX(Jesper!$R$2:$R$366,ROW(INDEX(Jesper!AH$2:AH$366,ROUNDDOWN($C8101/24,0)+1,1))-1)+IF('Standard Profiles'!$G$18=$B$10,7,0)+IF('Standard Profiles'!$G$18=$B$17,14,0)+IF('Standard Profiles'!$G$18=$B$24,21,0),0)),0)</f>
        <v>0</v>
      </c>
      <c r="E8101" cm="1">
        <f t="array" ref="E8101">IFERROR(INDEX(Jesper!AI$2:AI$366,ROUNDDOWN($C8101/24,0)+1,1)*INDEX($D$3:$AA$30,INDEX(Jesper!$R$2:$R$366,ROW(INDEX(Jesper!AI$2:AI$366,ROUNDDOWN($C8101/24,0)+1,1))-1)+IF('Standard Profiles'!$G$19=$B$10,7,0)+IF('Standard Profiles'!$G$19=$B$17,14,0)+IF('Standard Profiles'!$G$19=$B$24,21,0),MOD($C8101,24)+1)/SUM(INDEX($D$3:$AA$30,INDEX(Jesper!$R$2:$R$366,ROW(INDEX(Jesper!AI$2:AI$366,ROUNDDOWN($C8101/24,0)+1,1))-1)+IF('Standard Profiles'!$G$19=$B$10,7,0)+IF('Standard Profiles'!$G$19=$B$17,14,0)+IF('Standard Profiles'!$G$19=$B$24,21,0),0)),0)</f>
        <v>6.2696809154906186</v>
      </c>
      <c r="F8101" cm="1">
        <f t="array" ref="F8101">IFERROR(INDEX(Jesper!AJ$2:AJ$366,ROUNDDOWN($C8101/24,0)+1,1)*INDEX($D$3:$AA$30,INDEX(Jesper!$R$2:$R$366,ROW(INDEX(Jesper!AJ$2:AJ$366,ROUNDDOWN($C8101/24,0)+1,1))-1)+IF('Standard Profiles'!$G$20=$B$10,7,0)+IF('Standard Profiles'!$G$20=$B$17,14,0)+IF('Standard Profiles'!$G$20=$B$24,21,0),MOD($C8101,24)+1)/SUM(INDEX($D$3:$AA$30,INDEX(Jesper!$R$2:$R$366,ROW(INDEX(Jesper!AJ$2:AJ$366,ROUNDDOWN($C8101/24,0)+1,1))-1)+IF('Standard Profiles'!$G$20=$B$10,7,0)+IF('Standard Profiles'!$G$20=$B$17,14,0)+IF('Standard Profiles'!$G$20=$B$24,21,0),0)),0)</f>
        <v>5.7937823605381551</v>
      </c>
      <c r="G8101" cm="1">
        <f t="array" ref="G8101">IFERROR(INDEX(Jesper!AK$2:AK$366,ROUNDDOWN($C8101/24,0)+1,1)*INDEX($D$3:$AA$30,INDEX(Jesper!$R$2:$R$366,ROW(INDEX(Jesper!AK$2:AK$366,ROUNDDOWN($C8101/24,0)+1,1))-1)+IF('Standard Profiles'!$G$21=$B$10,7,0)+IF('Standard Profiles'!$G$21=$B$17,14,0)+IF('Standard Profiles'!$G$21=$B$24,21,0),MOD($C8101,24)+1)/SUM(INDEX($D$3:$AA$30,INDEX(Jesper!$R$2:$R$366,ROW(INDEX(Jesper!AK$2:AK$366,ROUNDDOWN($C8101/24,0)+1,1))-1)+IF('Standard Profiles'!$G$21=$B$10,7,0)+IF('Standard Profiles'!$G$21=$B$17,14,0)+IF('Standard Profiles'!$G$21=$B$24,21,0),0)),0)</f>
        <v>10.40931528021245</v>
      </c>
      <c r="H8101" cm="1">
        <f t="array" ref="H8101">IFERROR(INDEX(Jesper!AL$2:AL$366,ROUNDDOWN($C8101/24,0)+1,1)*INDEX($D$3:$AA$30,INDEX(Jesper!$R$2:$R$366,ROW(INDEX(Jesper!AL$2:AL$366,ROUNDDOWN($C8101/24,0)+1,1))-1)+IF('Standard Profiles'!$G$22=$B$10,7,0)+IF('Standard Profiles'!$G$22=$B$17,14,0)+IF('Standard Profiles'!$G$22=$B$24,21,0),MOD($C8101,24)+1)/SUM(INDEX($D$3:$AA$30,INDEX(Jesper!$R$2:$R$366,ROW(INDEX(Jesper!AL$2:AL$366,ROUNDDOWN($C8101/24,0)+1,1))-1)+IF('Standard Profiles'!$G$22=$B$10,7,0)+IF('Standard Profiles'!$G$22=$B$17,14,0)+IF('Standard Profiles'!$G$22=$B$24,21,0),0)),0)</f>
        <v>5.9324276777445846</v>
      </c>
      <c r="I8101">
        <f t="shared" si="902"/>
        <v>5.6951305706348041</v>
      </c>
      <c r="J8101">
        <f t="shared" si="903"/>
        <v>21.957713953492128</v>
      </c>
      <c r="K8101">
        <f t="shared" si="904"/>
        <v>0.50157447323924953</v>
      </c>
      <c r="L8101">
        <f t="shared" si="905"/>
        <v>0.25078723661962476</v>
      </c>
      <c r="M8101">
        <f t="shared" si="906"/>
        <v>0</v>
      </c>
      <c r="N8101" s="45">
        <f t="shared" si="907"/>
        <v>45263.124999980435</v>
      </c>
    </row>
    <row r="8102" spans="2:14" x14ac:dyDescent="0.25">
      <c r="B8102">
        <f t="shared" si="901"/>
        <v>7</v>
      </c>
      <c r="C8102" s="16">
        <v>8068</v>
      </c>
      <c r="D8102" cm="1">
        <f t="array" ref="D8102">IFERROR(INDEX(Jesper!AH$2:AH$366,ROUNDDOWN($C8102/24,0)+1,1)*INDEX($D$3:$AA$30,INDEX(Jesper!$R$2:$R$366,ROW(INDEX(Jesper!AH$2:AH$366,ROUNDDOWN($C8102/24,0)+1,1))-1)+IF('Standard Profiles'!$G$18=$B$10,7,0)+IF('Standard Profiles'!$G$18=$B$17,14,0)+IF('Standard Profiles'!$G$18=$B$24,21,0),MOD($C8102,24)+1)/SUM(INDEX($D$3:$AA$30,INDEX(Jesper!$R$2:$R$366,ROW(INDEX(Jesper!AH$2:AH$366,ROUNDDOWN($C8102/24,0)+1,1))-1)+IF('Standard Profiles'!$G$18=$B$10,7,0)+IF('Standard Profiles'!$G$18=$B$17,14,0)+IF('Standard Profiles'!$G$18=$B$24,21,0),0)),0)</f>
        <v>0</v>
      </c>
      <c r="E8102" cm="1">
        <f t="array" ref="E8102">IFERROR(INDEX(Jesper!AI$2:AI$366,ROUNDDOWN($C8102/24,0)+1,1)*INDEX($D$3:$AA$30,INDEX(Jesper!$R$2:$R$366,ROW(INDEX(Jesper!AI$2:AI$366,ROUNDDOWN($C8102/24,0)+1,1))-1)+IF('Standard Profiles'!$G$19=$B$10,7,0)+IF('Standard Profiles'!$G$19=$B$17,14,0)+IF('Standard Profiles'!$G$19=$B$24,21,0),MOD($C8102,24)+1)/SUM(INDEX($D$3:$AA$30,INDEX(Jesper!$R$2:$R$366,ROW(INDEX(Jesper!AI$2:AI$366,ROUNDDOWN($C8102/24,0)+1,1))-1)+IF('Standard Profiles'!$G$19=$B$10,7,0)+IF('Standard Profiles'!$G$19=$B$17,14,0)+IF('Standard Profiles'!$G$19=$B$24,21,0),0)),0)</f>
        <v>6.2696809154906186</v>
      </c>
      <c r="F8102" cm="1">
        <f t="array" ref="F8102">IFERROR(INDEX(Jesper!AJ$2:AJ$366,ROUNDDOWN($C8102/24,0)+1,1)*INDEX($D$3:$AA$30,INDEX(Jesper!$R$2:$R$366,ROW(INDEX(Jesper!AJ$2:AJ$366,ROUNDDOWN($C8102/24,0)+1,1))-1)+IF('Standard Profiles'!$G$20=$B$10,7,0)+IF('Standard Profiles'!$G$20=$B$17,14,0)+IF('Standard Profiles'!$G$20=$B$24,21,0),MOD($C8102,24)+1)/SUM(INDEX($D$3:$AA$30,INDEX(Jesper!$R$2:$R$366,ROW(INDEX(Jesper!AJ$2:AJ$366,ROUNDDOWN($C8102/24,0)+1,1))-1)+IF('Standard Profiles'!$G$20=$B$10,7,0)+IF('Standard Profiles'!$G$20=$B$17,14,0)+IF('Standard Profiles'!$G$20=$B$24,21,0),0)),0)</f>
        <v>5.7937823605381551</v>
      </c>
      <c r="G8102" cm="1">
        <f t="array" ref="G8102">IFERROR(INDEX(Jesper!AK$2:AK$366,ROUNDDOWN($C8102/24,0)+1,1)*INDEX($D$3:$AA$30,INDEX(Jesper!$R$2:$R$366,ROW(INDEX(Jesper!AK$2:AK$366,ROUNDDOWN($C8102/24,0)+1,1))-1)+IF('Standard Profiles'!$G$21=$B$10,7,0)+IF('Standard Profiles'!$G$21=$B$17,14,0)+IF('Standard Profiles'!$G$21=$B$24,21,0),MOD($C8102,24)+1)/SUM(INDEX($D$3:$AA$30,INDEX(Jesper!$R$2:$R$366,ROW(INDEX(Jesper!AK$2:AK$366,ROUNDDOWN($C8102/24,0)+1,1))-1)+IF('Standard Profiles'!$G$21=$B$10,7,0)+IF('Standard Profiles'!$G$21=$B$17,14,0)+IF('Standard Profiles'!$G$21=$B$24,21,0),0)),0)</f>
        <v>10.40931528021245</v>
      </c>
      <c r="H8102" cm="1">
        <f t="array" ref="H8102">IFERROR(INDEX(Jesper!AL$2:AL$366,ROUNDDOWN($C8102/24,0)+1,1)*INDEX($D$3:$AA$30,INDEX(Jesper!$R$2:$R$366,ROW(INDEX(Jesper!AL$2:AL$366,ROUNDDOWN($C8102/24,0)+1,1))-1)+IF('Standard Profiles'!$G$22=$B$10,7,0)+IF('Standard Profiles'!$G$22=$B$17,14,0)+IF('Standard Profiles'!$G$22=$B$24,21,0),MOD($C8102,24)+1)/SUM(INDEX($D$3:$AA$30,INDEX(Jesper!$R$2:$R$366,ROW(INDEX(Jesper!AL$2:AL$366,ROUNDDOWN($C8102/24,0)+1,1))-1)+IF('Standard Profiles'!$G$22=$B$10,7,0)+IF('Standard Profiles'!$G$22=$B$17,14,0)+IF('Standard Profiles'!$G$22=$B$24,21,0),0)),0)</f>
        <v>5.9324276777445846</v>
      </c>
      <c r="I8102">
        <f t="shared" si="902"/>
        <v>5.6951305706348041</v>
      </c>
      <c r="J8102">
        <f t="shared" si="903"/>
        <v>21.957713953492128</v>
      </c>
      <c r="K8102">
        <f t="shared" si="904"/>
        <v>0.50157447323924953</v>
      </c>
      <c r="L8102">
        <f t="shared" si="905"/>
        <v>0.25078723661962476</v>
      </c>
      <c r="M8102">
        <f t="shared" si="906"/>
        <v>0</v>
      </c>
      <c r="N8102" s="45">
        <f t="shared" si="907"/>
        <v>45263.166666647099</v>
      </c>
    </row>
    <row r="8103" spans="2:14" x14ac:dyDescent="0.25">
      <c r="B8103">
        <f t="shared" si="901"/>
        <v>7</v>
      </c>
      <c r="C8103" s="16">
        <v>8069</v>
      </c>
      <c r="D8103" cm="1">
        <f t="array" ref="D8103">IFERROR(INDEX(Jesper!AH$2:AH$366,ROUNDDOWN($C8103/24,0)+1,1)*INDEX($D$3:$AA$30,INDEX(Jesper!$R$2:$R$366,ROW(INDEX(Jesper!AH$2:AH$366,ROUNDDOWN($C8103/24,0)+1,1))-1)+IF('Standard Profiles'!$G$18=$B$10,7,0)+IF('Standard Profiles'!$G$18=$B$17,14,0)+IF('Standard Profiles'!$G$18=$B$24,21,0),MOD($C8103,24)+1)/SUM(INDEX($D$3:$AA$30,INDEX(Jesper!$R$2:$R$366,ROW(INDEX(Jesper!AH$2:AH$366,ROUNDDOWN($C8103/24,0)+1,1))-1)+IF('Standard Profiles'!$G$18=$B$10,7,0)+IF('Standard Profiles'!$G$18=$B$17,14,0)+IF('Standard Profiles'!$G$18=$B$24,21,0),0)),0)</f>
        <v>0</v>
      </c>
      <c r="E8103" cm="1">
        <f t="array" ref="E8103">IFERROR(INDEX(Jesper!AI$2:AI$366,ROUNDDOWN($C8103/24,0)+1,1)*INDEX($D$3:$AA$30,INDEX(Jesper!$R$2:$R$366,ROW(INDEX(Jesper!AI$2:AI$366,ROUNDDOWN($C8103/24,0)+1,1))-1)+IF('Standard Profiles'!$G$19=$B$10,7,0)+IF('Standard Profiles'!$G$19=$B$17,14,0)+IF('Standard Profiles'!$G$19=$B$24,21,0),MOD($C8103,24)+1)/SUM(INDEX($D$3:$AA$30,INDEX(Jesper!$R$2:$R$366,ROW(INDEX(Jesper!AI$2:AI$366,ROUNDDOWN($C8103/24,0)+1,1))-1)+IF('Standard Profiles'!$G$19=$B$10,7,0)+IF('Standard Profiles'!$G$19=$B$17,14,0)+IF('Standard Profiles'!$G$19=$B$24,21,0),0)),0)</f>
        <v>6.2696809154906186</v>
      </c>
      <c r="F8103" cm="1">
        <f t="array" ref="F8103">IFERROR(INDEX(Jesper!AJ$2:AJ$366,ROUNDDOWN($C8103/24,0)+1,1)*INDEX($D$3:$AA$30,INDEX(Jesper!$R$2:$R$366,ROW(INDEX(Jesper!AJ$2:AJ$366,ROUNDDOWN($C8103/24,0)+1,1))-1)+IF('Standard Profiles'!$G$20=$B$10,7,0)+IF('Standard Profiles'!$G$20=$B$17,14,0)+IF('Standard Profiles'!$G$20=$B$24,21,0),MOD($C8103,24)+1)/SUM(INDEX($D$3:$AA$30,INDEX(Jesper!$R$2:$R$366,ROW(INDEX(Jesper!AJ$2:AJ$366,ROUNDDOWN($C8103/24,0)+1,1))-1)+IF('Standard Profiles'!$G$20=$B$10,7,0)+IF('Standard Profiles'!$G$20=$B$17,14,0)+IF('Standard Profiles'!$G$20=$B$24,21,0),0)),0)</f>
        <v>5.7937823605381551</v>
      </c>
      <c r="G8103" cm="1">
        <f t="array" ref="G8103">IFERROR(INDEX(Jesper!AK$2:AK$366,ROUNDDOWN($C8103/24,0)+1,1)*INDEX($D$3:$AA$30,INDEX(Jesper!$R$2:$R$366,ROW(INDEX(Jesper!AK$2:AK$366,ROUNDDOWN($C8103/24,0)+1,1))-1)+IF('Standard Profiles'!$G$21=$B$10,7,0)+IF('Standard Profiles'!$G$21=$B$17,14,0)+IF('Standard Profiles'!$G$21=$B$24,21,0),MOD($C8103,24)+1)/SUM(INDEX($D$3:$AA$30,INDEX(Jesper!$R$2:$R$366,ROW(INDEX(Jesper!AK$2:AK$366,ROUNDDOWN($C8103/24,0)+1,1))-1)+IF('Standard Profiles'!$G$21=$B$10,7,0)+IF('Standard Profiles'!$G$21=$B$17,14,0)+IF('Standard Profiles'!$G$21=$B$24,21,0),0)),0)</f>
        <v>10.40931528021245</v>
      </c>
      <c r="H8103" cm="1">
        <f t="array" ref="H8103">IFERROR(INDEX(Jesper!AL$2:AL$366,ROUNDDOWN($C8103/24,0)+1,1)*INDEX($D$3:$AA$30,INDEX(Jesper!$R$2:$R$366,ROW(INDEX(Jesper!AL$2:AL$366,ROUNDDOWN($C8103/24,0)+1,1))-1)+IF('Standard Profiles'!$G$22=$B$10,7,0)+IF('Standard Profiles'!$G$22=$B$17,14,0)+IF('Standard Profiles'!$G$22=$B$24,21,0),MOD($C8103,24)+1)/SUM(INDEX($D$3:$AA$30,INDEX(Jesper!$R$2:$R$366,ROW(INDEX(Jesper!AL$2:AL$366,ROUNDDOWN($C8103/24,0)+1,1))-1)+IF('Standard Profiles'!$G$22=$B$10,7,0)+IF('Standard Profiles'!$G$22=$B$17,14,0)+IF('Standard Profiles'!$G$22=$B$24,21,0),0)),0)</f>
        <v>7.4155345971807298</v>
      </c>
      <c r="I8103">
        <f t="shared" si="902"/>
        <v>7.1189132132935047</v>
      </c>
      <c r="J8103">
        <f t="shared" si="903"/>
        <v>22.017038230269574</v>
      </c>
      <c r="K8103">
        <f t="shared" si="904"/>
        <v>0.50157447323924953</v>
      </c>
      <c r="L8103">
        <f t="shared" si="905"/>
        <v>0.25078723661962476</v>
      </c>
      <c r="M8103">
        <f t="shared" si="906"/>
        <v>0</v>
      </c>
      <c r="N8103" s="45">
        <f t="shared" si="907"/>
        <v>45263.208333313763</v>
      </c>
    </row>
    <row r="8104" spans="2:14" x14ac:dyDescent="0.25">
      <c r="B8104">
        <f t="shared" si="901"/>
        <v>7</v>
      </c>
      <c r="C8104" s="16">
        <v>8070</v>
      </c>
      <c r="D8104" cm="1">
        <f t="array" ref="D8104">IFERROR(INDEX(Jesper!AH$2:AH$366,ROUNDDOWN($C8104/24,0)+1,1)*INDEX($D$3:$AA$30,INDEX(Jesper!$R$2:$R$366,ROW(INDEX(Jesper!AH$2:AH$366,ROUNDDOWN($C8104/24,0)+1,1))-1)+IF('Standard Profiles'!$G$18=$B$10,7,0)+IF('Standard Profiles'!$G$18=$B$17,14,0)+IF('Standard Profiles'!$G$18=$B$24,21,0),MOD($C8104,24)+1)/SUM(INDEX($D$3:$AA$30,INDEX(Jesper!$R$2:$R$366,ROW(INDEX(Jesper!AH$2:AH$366,ROUNDDOWN($C8104/24,0)+1,1))-1)+IF('Standard Profiles'!$G$18=$B$10,7,0)+IF('Standard Profiles'!$G$18=$B$17,14,0)+IF('Standard Profiles'!$G$18=$B$24,21,0),0)),0)</f>
        <v>0</v>
      </c>
      <c r="E8104" cm="1">
        <f t="array" ref="E8104">IFERROR(INDEX(Jesper!AI$2:AI$366,ROUNDDOWN($C8104/24,0)+1,1)*INDEX($D$3:$AA$30,INDEX(Jesper!$R$2:$R$366,ROW(INDEX(Jesper!AI$2:AI$366,ROUNDDOWN($C8104/24,0)+1,1))-1)+IF('Standard Profiles'!$G$19=$B$10,7,0)+IF('Standard Profiles'!$G$19=$B$17,14,0)+IF('Standard Profiles'!$G$19=$B$24,21,0),MOD($C8104,24)+1)/SUM(INDEX($D$3:$AA$30,INDEX(Jesper!$R$2:$R$366,ROW(INDEX(Jesper!AI$2:AI$366,ROUNDDOWN($C8104/24,0)+1,1))-1)+IF('Standard Profiles'!$G$19=$B$10,7,0)+IF('Standard Profiles'!$G$19=$B$17,14,0)+IF('Standard Profiles'!$G$19=$B$24,21,0),0)),0)</f>
        <v>6.2696809154906186</v>
      </c>
      <c r="F8104" cm="1">
        <f t="array" ref="F8104">IFERROR(INDEX(Jesper!AJ$2:AJ$366,ROUNDDOWN($C8104/24,0)+1,1)*INDEX($D$3:$AA$30,INDEX(Jesper!$R$2:$R$366,ROW(INDEX(Jesper!AJ$2:AJ$366,ROUNDDOWN($C8104/24,0)+1,1))-1)+IF('Standard Profiles'!$G$20=$B$10,7,0)+IF('Standard Profiles'!$G$20=$B$17,14,0)+IF('Standard Profiles'!$G$20=$B$24,21,0),MOD($C8104,24)+1)/SUM(INDEX($D$3:$AA$30,INDEX(Jesper!$R$2:$R$366,ROW(INDEX(Jesper!AJ$2:AJ$366,ROUNDDOWN($C8104/24,0)+1,1))-1)+IF('Standard Profiles'!$G$20=$B$10,7,0)+IF('Standard Profiles'!$G$20=$B$17,14,0)+IF('Standard Profiles'!$G$20=$B$24,21,0),0)),0)</f>
        <v>5.7937823605381551</v>
      </c>
      <c r="G8104" cm="1">
        <f t="array" ref="G8104">IFERROR(INDEX(Jesper!AK$2:AK$366,ROUNDDOWN($C8104/24,0)+1,1)*INDEX($D$3:$AA$30,INDEX(Jesper!$R$2:$R$366,ROW(INDEX(Jesper!AK$2:AK$366,ROUNDDOWN($C8104/24,0)+1,1))-1)+IF('Standard Profiles'!$G$21=$B$10,7,0)+IF('Standard Profiles'!$G$21=$B$17,14,0)+IF('Standard Profiles'!$G$21=$B$24,21,0),MOD($C8104,24)+1)/SUM(INDEX($D$3:$AA$30,INDEX(Jesper!$R$2:$R$366,ROW(INDEX(Jesper!AK$2:AK$366,ROUNDDOWN($C8104/24,0)+1,1))-1)+IF('Standard Profiles'!$G$21=$B$10,7,0)+IF('Standard Profiles'!$G$21=$B$17,14,0)+IF('Standard Profiles'!$G$21=$B$24,21,0),0)),0)</f>
        <v>10.40931528021245</v>
      </c>
      <c r="H8104" cm="1">
        <f t="array" ref="H8104">IFERROR(INDEX(Jesper!AL$2:AL$366,ROUNDDOWN($C8104/24,0)+1,1)*INDEX($D$3:$AA$30,INDEX(Jesper!$R$2:$R$366,ROW(INDEX(Jesper!AL$2:AL$366,ROUNDDOWN($C8104/24,0)+1,1))-1)+IF('Standard Profiles'!$G$22=$B$10,7,0)+IF('Standard Profiles'!$G$22=$B$17,14,0)+IF('Standard Profiles'!$G$22=$B$24,21,0),MOD($C8104,24)+1)/SUM(INDEX($D$3:$AA$30,INDEX(Jesper!$R$2:$R$366,ROW(INDEX(Jesper!AL$2:AL$366,ROUNDDOWN($C8104/24,0)+1,1))-1)+IF('Standard Profiles'!$G$22=$B$10,7,0)+IF('Standard Profiles'!$G$22=$B$17,14,0)+IF('Standard Profiles'!$G$22=$B$24,21,0),0)),0)</f>
        <v>8.7338518589017493</v>
      </c>
      <c r="I8104">
        <f t="shared" si="902"/>
        <v>8.3844977845456832</v>
      </c>
      <c r="J8104">
        <f t="shared" si="903"/>
        <v>22.069770920738414</v>
      </c>
      <c r="K8104">
        <f t="shared" si="904"/>
        <v>0.50157447323924953</v>
      </c>
      <c r="L8104">
        <f t="shared" si="905"/>
        <v>0.25078723661962476</v>
      </c>
      <c r="M8104">
        <f t="shared" si="906"/>
        <v>0</v>
      </c>
      <c r="N8104" s="45">
        <f t="shared" si="907"/>
        <v>45263.249999980428</v>
      </c>
    </row>
    <row r="8105" spans="2:14" x14ac:dyDescent="0.25">
      <c r="B8105">
        <f t="shared" si="901"/>
        <v>7</v>
      </c>
      <c r="C8105" s="16">
        <v>8071</v>
      </c>
      <c r="D8105" cm="1">
        <f t="array" ref="D8105">IFERROR(INDEX(Jesper!AH$2:AH$366,ROUNDDOWN($C8105/24,0)+1,1)*INDEX($D$3:$AA$30,INDEX(Jesper!$R$2:$R$366,ROW(INDEX(Jesper!AH$2:AH$366,ROUNDDOWN($C8105/24,0)+1,1))-1)+IF('Standard Profiles'!$G$18=$B$10,7,0)+IF('Standard Profiles'!$G$18=$B$17,14,0)+IF('Standard Profiles'!$G$18=$B$24,21,0),MOD($C8105,24)+1)/SUM(INDEX($D$3:$AA$30,INDEX(Jesper!$R$2:$R$366,ROW(INDEX(Jesper!AH$2:AH$366,ROUNDDOWN($C8105/24,0)+1,1))-1)+IF('Standard Profiles'!$G$18=$B$10,7,0)+IF('Standard Profiles'!$G$18=$B$17,14,0)+IF('Standard Profiles'!$G$18=$B$24,21,0),0)),0)</f>
        <v>0</v>
      </c>
      <c r="E8105" cm="1">
        <f t="array" ref="E8105">IFERROR(INDEX(Jesper!AI$2:AI$366,ROUNDDOWN($C8105/24,0)+1,1)*INDEX($D$3:$AA$30,INDEX(Jesper!$R$2:$R$366,ROW(INDEX(Jesper!AI$2:AI$366,ROUNDDOWN($C8105/24,0)+1,1))-1)+IF('Standard Profiles'!$G$19=$B$10,7,0)+IF('Standard Profiles'!$G$19=$B$17,14,0)+IF('Standard Profiles'!$G$19=$B$24,21,0),MOD($C8105,24)+1)/SUM(INDEX($D$3:$AA$30,INDEX(Jesper!$R$2:$R$366,ROW(INDEX(Jesper!AI$2:AI$366,ROUNDDOWN($C8105/24,0)+1,1))-1)+IF('Standard Profiles'!$G$19=$B$10,7,0)+IF('Standard Profiles'!$G$19=$B$17,14,0)+IF('Standard Profiles'!$G$19=$B$24,21,0),0)),0)</f>
        <v>6.2696809154906186</v>
      </c>
      <c r="F8105" cm="1">
        <f t="array" ref="F8105">IFERROR(INDEX(Jesper!AJ$2:AJ$366,ROUNDDOWN($C8105/24,0)+1,1)*INDEX($D$3:$AA$30,INDEX(Jesper!$R$2:$R$366,ROW(INDEX(Jesper!AJ$2:AJ$366,ROUNDDOWN($C8105/24,0)+1,1))-1)+IF('Standard Profiles'!$G$20=$B$10,7,0)+IF('Standard Profiles'!$G$20=$B$17,14,0)+IF('Standard Profiles'!$G$20=$B$24,21,0),MOD($C8105,24)+1)/SUM(INDEX($D$3:$AA$30,INDEX(Jesper!$R$2:$R$366,ROW(INDEX(Jesper!AJ$2:AJ$366,ROUNDDOWN($C8105/24,0)+1,1))-1)+IF('Standard Profiles'!$G$20=$B$10,7,0)+IF('Standard Profiles'!$G$20=$B$17,14,0)+IF('Standard Profiles'!$G$20=$B$24,21,0),0)),0)</f>
        <v>5.7937823605381551</v>
      </c>
      <c r="G8105" cm="1">
        <f t="array" ref="G8105">IFERROR(INDEX(Jesper!AK$2:AK$366,ROUNDDOWN($C8105/24,0)+1,1)*INDEX($D$3:$AA$30,INDEX(Jesper!$R$2:$R$366,ROW(INDEX(Jesper!AK$2:AK$366,ROUNDDOWN($C8105/24,0)+1,1))-1)+IF('Standard Profiles'!$G$21=$B$10,7,0)+IF('Standard Profiles'!$G$21=$B$17,14,0)+IF('Standard Profiles'!$G$21=$B$24,21,0),MOD($C8105,24)+1)/SUM(INDEX($D$3:$AA$30,INDEX(Jesper!$R$2:$R$366,ROW(INDEX(Jesper!AK$2:AK$366,ROUNDDOWN($C8105/24,0)+1,1))-1)+IF('Standard Profiles'!$G$21=$B$10,7,0)+IF('Standard Profiles'!$G$21=$B$17,14,0)+IF('Standard Profiles'!$G$21=$B$24,21,0),0)),0)</f>
        <v>10.40931528021245</v>
      </c>
      <c r="H8105" cm="1">
        <f t="array" ref="H8105">IFERROR(INDEX(Jesper!AL$2:AL$366,ROUNDDOWN($C8105/24,0)+1,1)*INDEX($D$3:$AA$30,INDEX(Jesper!$R$2:$R$366,ROW(INDEX(Jesper!AL$2:AL$366,ROUNDDOWN($C8105/24,0)+1,1))-1)+IF('Standard Profiles'!$G$22=$B$10,7,0)+IF('Standard Profiles'!$G$22=$B$17,14,0)+IF('Standard Profiles'!$G$22=$B$24,21,0),MOD($C8105,24)+1)/SUM(INDEX($D$3:$AA$30,INDEX(Jesper!$R$2:$R$366,ROW(INDEX(Jesper!AL$2:AL$366,ROUNDDOWN($C8105/24,0)+1,1))-1)+IF('Standard Profiles'!$G$22=$B$10,7,0)+IF('Standard Profiles'!$G$22=$B$17,14,0)+IF('Standard Profiles'!$G$22=$B$24,21,0),0)),0)</f>
        <v>10.381748436053023</v>
      </c>
      <c r="I8105">
        <f t="shared" si="902"/>
        <v>9.9664784986109076</v>
      </c>
      <c r="J8105">
        <f t="shared" si="903"/>
        <v>22.135686783824465</v>
      </c>
      <c r="K8105">
        <f t="shared" si="904"/>
        <v>0.50157447323924953</v>
      </c>
      <c r="L8105">
        <f t="shared" si="905"/>
        <v>0.25078723661962476</v>
      </c>
      <c r="M8105">
        <f t="shared" si="906"/>
        <v>0</v>
      </c>
      <c r="N8105" s="45">
        <f t="shared" si="907"/>
        <v>45263.291666647092</v>
      </c>
    </row>
    <row r="8106" spans="2:14" x14ac:dyDescent="0.25">
      <c r="B8106">
        <f t="shared" si="901"/>
        <v>7</v>
      </c>
      <c r="C8106" s="16">
        <v>8072</v>
      </c>
      <c r="D8106" cm="1">
        <f t="array" ref="D8106">IFERROR(INDEX(Jesper!AH$2:AH$366,ROUNDDOWN($C8106/24,0)+1,1)*INDEX($D$3:$AA$30,INDEX(Jesper!$R$2:$R$366,ROW(INDEX(Jesper!AH$2:AH$366,ROUNDDOWN($C8106/24,0)+1,1))-1)+IF('Standard Profiles'!$G$18=$B$10,7,0)+IF('Standard Profiles'!$G$18=$B$17,14,0)+IF('Standard Profiles'!$G$18=$B$24,21,0),MOD($C8106,24)+1)/SUM(INDEX($D$3:$AA$30,INDEX(Jesper!$R$2:$R$366,ROW(INDEX(Jesper!AH$2:AH$366,ROUNDDOWN($C8106/24,0)+1,1))-1)+IF('Standard Profiles'!$G$18=$B$10,7,0)+IF('Standard Profiles'!$G$18=$B$17,14,0)+IF('Standard Profiles'!$G$18=$B$24,21,0),0)),0)</f>
        <v>0</v>
      </c>
      <c r="E8106" cm="1">
        <f t="array" ref="E8106">IFERROR(INDEX(Jesper!AI$2:AI$366,ROUNDDOWN($C8106/24,0)+1,1)*INDEX($D$3:$AA$30,INDEX(Jesper!$R$2:$R$366,ROW(INDEX(Jesper!AI$2:AI$366,ROUNDDOWN($C8106/24,0)+1,1))-1)+IF('Standard Profiles'!$G$19=$B$10,7,0)+IF('Standard Profiles'!$G$19=$B$17,14,0)+IF('Standard Profiles'!$G$19=$B$24,21,0),MOD($C8106,24)+1)/SUM(INDEX($D$3:$AA$30,INDEX(Jesper!$R$2:$R$366,ROW(INDEX(Jesper!AI$2:AI$366,ROUNDDOWN($C8106/24,0)+1,1))-1)+IF('Standard Profiles'!$G$19=$B$10,7,0)+IF('Standard Profiles'!$G$19=$B$17,14,0)+IF('Standard Profiles'!$G$19=$B$24,21,0),0)),0)</f>
        <v>6.2696809154906186</v>
      </c>
      <c r="F8106" cm="1">
        <f t="array" ref="F8106">IFERROR(INDEX(Jesper!AJ$2:AJ$366,ROUNDDOWN($C8106/24,0)+1,1)*INDEX($D$3:$AA$30,INDEX(Jesper!$R$2:$R$366,ROW(INDEX(Jesper!AJ$2:AJ$366,ROUNDDOWN($C8106/24,0)+1,1))-1)+IF('Standard Profiles'!$G$20=$B$10,7,0)+IF('Standard Profiles'!$G$20=$B$17,14,0)+IF('Standard Profiles'!$G$20=$B$24,21,0),MOD($C8106,24)+1)/SUM(INDEX($D$3:$AA$30,INDEX(Jesper!$R$2:$R$366,ROW(INDEX(Jesper!AJ$2:AJ$366,ROUNDDOWN($C8106/24,0)+1,1))-1)+IF('Standard Profiles'!$G$20=$B$10,7,0)+IF('Standard Profiles'!$G$20=$B$17,14,0)+IF('Standard Profiles'!$G$20=$B$24,21,0),0)),0)</f>
        <v>5.7937823605381551</v>
      </c>
      <c r="G8106" cm="1">
        <f t="array" ref="G8106">IFERROR(INDEX(Jesper!AK$2:AK$366,ROUNDDOWN($C8106/24,0)+1,1)*INDEX($D$3:$AA$30,INDEX(Jesper!$R$2:$R$366,ROW(INDEX(Jesper!AK$2:AK$366,ROUNDDOWN($C8106/24,0)+1,1))-1)+IF('Standard Profiles'!$G$21=$B$10,7,0)+IF('Standard Profiles'!$G$21=$B$17,14,0)+IF('Standard Profiles'!$G$21=$B$24,21,0),MOD($C8106,24)+1)/SUM(INDEX($D$3:$AA$30,INDEX(Jesper!$R$2:$R$366,ROW(INDEX(Jesper!AK$2:AK$366,ROUNDDOWN($C8106/24,0)+1,1))-1)+IF('Standard Profiles'!$G$21=$B$10,7,0)+IF('Standard Profiles'!$G$21=$B$17,14,0)+IF('Standard Profiles'!$G$21=$B$24,21,0),0)),0)</f>
        <v>10.40931528021245</v>
      </c>
      <c r="H8106" cm="1">
        <f t="array" ref="H8106">IFERROR(INDEX(Jesper!AL$2:AL$366,ROUNDDOWN($C8106/24,0)+1,1)*INDEX($D$3:$AA$30,INDEX(Jesper!$R$2:$R$366,ROW(INDEX(Jesper!AL$2:AL$366,ROUNDDOWN($C8106/24,0)+1,1))-1)+IF('Standard Profiles'!$G$22=$B$10,7,0)+IF('Standard Profiles'!$G$22=$B$17,14,0)+IF('Standard Profiles'!$G$22=$B$24,21,0),MOD($C8106,24)+1)/SUM(INDEX($D$3:$AA$30,INDEX(Jesper!$R$2:$R$366,ROW(INDEX(Jesper!AL$2:AL$366,ROUNDDOWN($C8106/24,0)+1,1))-1)+IF('Standard Profiles'!$G$22=$B$10,7,0)+IF('Standard Profiles'!$G$22=$B$17,14,0)+IF('Standard Profiles'!$G$22=$B$24,21,0),0)),0)</f>
        <v>10.381748436053023</v>
      </c>
      <c r="I8106">
        <f t="shared" si="902"/>
        <v>9.9664784986109076</v>
      </c>
      <c r="J8106">
        <f t="shared" si="903"/>
        <v>22.135686783824465</v>
      </c>
      <c r="K8106">
        <f t="shared" si="904"/>
        <v>0.50157447323924953</v>
      </c>
      <c r="L8106">
        <f t="shared" si="905"/>
        <v>0.25078723661962476</v>
      </c>
      <c r="M8106">
        <f t="shared" si="906"/>
        <v>0</v>
      </c>
      <c r="N8106" s="45">
        <f t="shared" si="907"/>
        <v>45263.333333313756</v>
      </c>
    </row>
    <row r="8107" spans="2:14" x14ac:dyDescent="0.25">
      <c r="B8107">
        <f t="shared" si="901"/>
        <v>7</v>
      </c>
      <c r="C8107" s="16">
        <v>8073</v>
      </c>
      <c r="D8107" cm="1">
        <f t="array" ref="D8107">IFERROR(INDEX(Jesper!AH$2:AH$366,ROUNDDOWN($C8107/24,0)+1,1)*INDEX($D$3:$AA$30,INDEX(Jesper!$R$2:$R$366,ROW(INDEX(Jesper!AH$2:AH$366,ROUNDDOWN($C8107/24,0)+1,1))-1)+IF('Standard Profiles'!$G$18=$B$10,7,0)+IF('Standard Profiles'!$G$18=$B$17,14,0)+IF('Standard Profiles'!$G$18=$B$24,21,0),MOD($C8107,24)+1)/SUM(INDEX($D$3:$AA$30,INDEX(Jesper!$R$2:$R$366,ROW(INDEX(Jesper!AH$2:AH$366,ROUNDDOWN($C8107/24,0)+1,1))-1)+IF('Standard Profiles'!$G$18=$B$10,7,0)+IF('Standard Profiles'!$G$18=$B$17,14,0)+IF('Standard Profiles'!$G$18=$B$24,21,0),0)),0)</f>
        <v>0</v>
      </c>
      <c r="E8107" cm="1">
        <f t="array" ref="E8107">IFERROR(INDEX(Jesper!AI$2:AI$366,ROUNDDOWN($C8107/24,0)+1,1)*INDEX($D$3:$AA$30,INDEX(Jesper!$R$2:$R$366,ROW(INDEX(Jesper!AI$2:AI$366,ROUNDDOWN($C8107/24,0)+1,1))-1)+IF('Standard Profiles'!$G$19=$B$10,7,0)+IF('Standard Profiles'!$G$19=$B$17,14,0)+IF('Standard Profiles'!$G$19=$B$24,21,0),MOD($C8107,24)+1)/SUM(INDEX($D$3:$AA$30,INDEX(Jesper!$R$2:$R$366,ROW(INDEX(Jesper!AI$2:AI$366,ROUNDDOWN($C8107/24,0)+1,1))-1)+IF('Standard Profiles'!$G$19=$B$10,7,0)+IF('Standard Profiles'!$G$19=$B$17,14,0)+IF('Standard Profiles'!$G$19=$B$24,21,0),0)),0)</f>
        <v>6.2696809154906186</v>
      </c>
      <c r="F8107" cm="1">
        <f t="array" ref="F8107">IFERROR(INDEX(Jesper!AJ$2:AJ$366,ROUNDDOWN($C8107/24,0)+1,1)*INDEX($D$3:$AA$30,INDEX(Jesper!$R$2:$R$366,ROW(INDEX(Jesper!AJ$2:AJ$366,ROUNDDOWN($C8107/24,0)+1,1))-1)+IF('Standard Profiles'!$G$20=$B$10,7,0)+IF('Standard Profiles'!$G$20=$B$17,14,0)+IF('Standard Profiles'!$G$20=$B$24,21,0),MOD($C8107,24)+1)/SUM(INDEX($D$3:$AA$30,INDEX(Jesper!$R$2:$R$366,ROW(INDEX(Jesper!AJ$2:AJ$366,ROUNDDOWN($C8107/24,0)+1,1))-1)+IF('Standard Profiles'!$G$20=$B$10,7,0)+IF('Standard Profiles'!$G$20=$B$17,14,0)+IF('Standard Profiles'!$G$20=$B$24,21,0),0)),0)</f>
        <v>5.7937823605381551</v>
      </c>
      <c r="G8107" cm="1">
        <f t="array" ref="G8107">IFERROR(INDEX(Jesper!AK$2:AK$366,ROUNDDOWN($C8107/24,0)+1,1)*INDEX($D$3:$AA$30,INDEX(Jesper!$R$2:$R$366,ROW(INDEX(Jesper!AK$2:AK$366,ROUNDDOWN($C8107/24,0)+1,1))-1)+IF('Standard Profiles'!$G$21=$B$10,7,0)+IF('Standard Profiles'!$G$21=$B$17,14,0)+IF('Standard Profiles'!$G$21=$B$24,21,0),MOD($C8107,24)+1)/SUM(INDEX($D$3:$AA$30,INDEX(Jesper!$R$2:$R$366,ROW(INDEX(Jesper!AK$2:AK$366,ROUNDDOWN($C8107/24,0)+1,1))-1)+IF('Standard Profiles'!$G$21=$B$10,7,0)+IF('Standard Profiles'!$G$21=$B$17,14,0)+IF('Standard Profiles'!$G$21=$B$24,21,0),0)),0)</f>
        <v>10.40931528021245</v>
      </c>
      <c r="H8107" cm="1">
        <f t="array" ref="H8107">IFERROR(INDEX(Jesper!AL$2:AL$366,ROUNDDOWN($C8107/24,0)+1,1)*INDEX($D$3:$AA$30,INDEX(Jesper!$R$2:$R$366,ROW(INDEX(Jesper!AL$2:AL$366,ROUNDDOWN($C8107/24,0)+1,1))-1)+IF('Standard Profiles'!$G$22=$B$10,7,0)+IF('Standard Profiles'!$G$22=$B$17,14,0)+IF('Standard Profiles'!$G$22=$B$24,21,0),MOD($C8107,24)+1)/SUM(INDEX($D$3:$AA$30,INDEX(Jesper!$R$2:$R$366,ROW(INDEX(Jesper!AL$2:AL$366,ROUNDDOWN($C8107/24,0)+1,1))-1)+IF('Standard Profiles'!$G$22=$B$10,7,0)+IF('Standard Profiles'!$G$22=$B$17,14,0)+IF('Standard Profiles'!$G$22=$B$24,21,0),0)),0)</f>
        <v>10.381748436053023</v>
      </c>
      <c r="I8107">
        <f t="shared" si="902"/>
        <v>9.9664784986109076</v>
      </c>
      <c r="J8107">
        <f t="shared" si="903"/>
        <v>22.135686783824465</v>
      </c>
      <c r="K8107">
        <f t="shared" si="904"/>
        <v>0.50157447323924953</v>
      </c>
      <c r="L8107">
        <f t="shared" si="905"/>
        <v>0.25078723661962476</v>
      </c>
      <c r="M8107">
        <f t="shared" si="906"/>
        <v>0</v>
      </c>
      <c r="N8107" s="45">
        <f t="shared" si="907"/>
        <v>45263.37499998042</v>
      </c>
    </row>
    <row r="8108" spans="2:14" x14ac:dyDescent="0.25">
      <c r="B8108">
        <f t="shared" si="901"/>
        <v>7</v>
      </c>
      <c r="C8108" s="16">
        <v>8074</v>
      </c>
      <c r="D8108" cm="1">
        <f t="array" ref="D8108">IFERROR(INDEX(Jesper!AH$2:AH$366,ROUNDDOWN($C8108/24,0)+1,1)*INDEX($D$3:$AA$30,INDEX(Jesper!$R$2:$R$366,ROW(INDEX(Jesper!AH$2:AH$366,ROUNDDOWN($C8108/24,0)+1,1))-1)+IF('Standard Profiles'!$G$18=$B$10,7,0)+IF('Standard Profiles'!$G$18=$B$17,14,0)+IF('Standard Profiles'!$G$18=$B$24,21,0),MOD($C8108,24)+1)/SUM(INDEX($D$3:$AA$30,INDEX(Jesper!$R$2:$R$366,ROW(INDEX(Jesper!AH$2:AH$366,ROUNDDOWN($C8108/24,0)+1,1))-1)+IF('Standard Profiles'!$G$18=$B$10,7,0)+IF('Standard Profiles'!$G$18=$B$17,14,0)+IF('Standard Profiles'!$G$18=$B$24,21,0),0)),0)</f>
        <v>0</v>
      </c>
      <c r="E8108" cm="1">
        <f t="array" ref="E8108">IFERROR(INDEX(Jesper!AI$2:AI$366,ROUNDDOWN($C8108/24,0)+1,1)*INDEX($D$3:$AA$30,INDEX(Jesper!$R$2:$R$366,ROW(INDEX(Jesper!AI$2:AI$366,ROUNDDOWN($C8108/24,0)+1,1))-1)+IF('Standard Profiles'!$G$19=$B$10,7,0)+IF('Standard Profiles'!$G$19=$B$17,14,0)+IF('Standard Profiles'!$G$19=$B$24,21,0),MOD($C8108,24)+1)/SUM(INDEX($D$3:$AA$30,INDEX(Jesper!$R$2:$R$366,ROW(INDEX(Jesper!AI$2:AI$366,ROUNDDOWN($C8108/24,0)+1,1))-1)+IF('Standard Profiles'!$G$19=$B$10,7,0)+IF('Standard Profiles'!$G$19=$B$17,14,0)+IF('Standard Profiles'!$G$19=$B$24,21,0),0)),0)</f>
        <v>6.2696809154906186</v>
      </c>
      <c r="F8108" cm="1">
        <f t="array" ref="F8108">IFERROR(INDEX(Jesper!AJ$2:AJ$366,ROUNDDOWN($C8108/24,0)+1,1)*INDEX($D$3:$AA$30,INDEX(Jesper!$R$2:$R$366,ROW(INDEX(Jesper!AJ$2:AJ$366,ROUNDDOWN($C8108/24,0)+1,1))-1)+IF('Standard Profiles'!$G$20=$B$10,7,0)+IF('Standard Profiles'!$G$20=$B$17,14,0)+IF('Standard Profiles'!$G$20=$B$24,21,0),MOD($C8108,24)+1)/SUM(INDEX($D$3:$AA$30,INDEX(Jesper!$R$2:$R$366,ROW(INDEX(Jesper!AJ$2:AJ$366,ROUNDDOWN($C8108/24,0)+1,1))-1)+IF('Standard Profiles'!$G$20=$B$10,7,0)+IF('Standard Profiles'!$G$20=$B$17,14,0)+IF('Standard Profiles'!$G$20=$B$24,21,0),0)),0)</f>
        <v>5.7937823605381551</v>
      </c>
      <c r="G8108" cm="1">
        <f t="array" ref="G8108">IFERROR(INDEX(Jesper!AK$2:AK$366,ROUNDDOWN($C8108/24,0)+1,1)*INDEX($D$3:$AA$30,INDEX(Jesper!$R$2:$R$366,ROW(INDEX(Jesper!AK$2:AK$366,ROUNDDOWN($C8108/24,0)+1,1))-1)+IF('Standard Profiles'!$G$21=$B$10,7,0)+IF('Standard Profiles'!$G$21=$B$17,14,0)+IF('Standard Profiles'!$G$21=$B$24,21,0),MOD($C8108,24)+1)/SUM(INDEX($D$3:$AA$30,INDEX(Jesper!$R$2:$R$366,ROW(INDEX(Jesper!AK$2:AK$366,ROUNDDOWN($C8108/24,0)+1,1))-1)+IF('Standard Profiles'!$G$21=$B$10,7,0)+IF('Standard Profiles'!$G$21=$B$17,14,0)+IF('Standard Profiles'!$G$21=$B$24,21,0),0)),0)</f>
        <v>10.40931528021245</v>
      </c>
      <c r="H8108" cm="1">
        <f t="array" ref="H8108">IFERROR(INDEX(Jesper!AL$2:AL$366,ROUNDDOWN($C8108/24,0)+1,1)*INDEX($D$3:$AA$30,INDEX(Jesper!$R$2:$R$366,ROW(INDEX(Jesper!AL$2:AL$366,ROUNDDOWN($C8108/24,0)+1,1))-1)+IF('Standard Profiles'!$G$22=$B$10,7,0)+IF('Standard Profiles'!$G$22=$B$17,14,0)+IF('Standard Profiles'!$G$22=$B$24,21,0),MOD($C8108,24)+1)/SUM(INDEX($D$3:$AA$30,INDEX(Jesper!$R$2:$R$366,ROW(INDEX(Jesper!AL$2:AL$366,ROUNDDOWN($C8108/24,0)+1,1))-1)+IF('Standard Profiles'!$G$22=$B$10,7,0)+IF('Standard Profiles'!$G$22=$B$17,14,0)+IF('Standard Profiles'!$G$22=$B$24,21,0),0)),0)</f>
        <v>10.381748436053023</v>
      </c>
      <c r="I8108">
        <f t="shared" si="902"/>
        <v>9.9664784986109076</v>
      </c>
      <c r="J8108">
        <f t="shared" si="903"/>
        <v>22.135686783824465</v>
      </c>
      <c r="K8108">
        <f t="shared" si="904"/>
        <v>0.50157447323924953</v>
      </c>
      <c r="L8108">
        <f t="shared" si="905"/>
        <v>0.25078723661962476</v>
      </c>
      <c r="M8108">
        <f t="shared" si="906"/>
        <v>0</v>
      </c>
      <c r="N8108" s="45">
        <f t="shared" si="907"/>
        <v>45263.416666647085</v>
      </c>
    </row>
    <row r="8109" spans="2:14" x14ac:dyDescent="0.25">
      <c r="B8109">
        <f t="shared" si="901"/>
        <v>7</v>
      </c>
      <c r="C8109" s="16">
        <v>8075</v>
      </c>
      <c r="D8109" cm="1">
        <f t="array" ref="D8109">IFERROR(INDEX(Jesper!AH$2:AH$366,ROUNDDOWN($C8109/24,0)+1,1)*INDEX($D$3:$AA$30,INDEX(Jesper!$R$2:$R$366,ROW(INDEX(Jesper!AH$2:AH$366,ROUNDDOWN($C8109/24,0)+1,1))-1)+IF('Standard Profiles'!$G$18=$B$10,7,0)+IF('Standard Profiles'!$G$18=$B$17,14,0)+IF('Standard Profiles'!$G$18=$B$24,21,0),MOD($C8109,24)+1)/SUM(INDEX($D$3:$AA$30,INDEX(Jesper!$R$2:$R$366,ROW(INDEX(Jesper!AH$2:AH$366,ROUNDDOWN($C8109/24,0)+1,1))-1)+IF('Standard Profiles'!$G$18=$B$10,7,0)+IF('Standard Profiles'!$G$18=$B$17,14,0)+IF('Standard Profiles'!$G$18=$B$24,21,0),0)),0)</f>
        <v>0</v>
      </c>
      <c r="E8109" cm="1">
        <f t="array" ref="E8109">IFERROR(INDEX(Jesper!AI$2:AI$366,ROUNDDOWN($C8109/24,0)+1,1)*INDEX($D$3:$AA$30,INDEX(Jesper!$R$2:$R$366,ROW(INDEX(Jesper!AI$2:AI$366,ROUNDDOWN($C8109/24,0)+1,1))-1)+IF('Standard Profiles'!$G$19=$B$10,7,0)+IF('Standard Profiles'!$G$19=$B$17,14,0)+IF('Standard Profiles'!$G$19=$B$24,21,0),MOD($C8109,24)+1)/SUM(INDEX($D$3:$AA$30,INDEX(Jesper!$R$2:$R$366,ROW(INDEX(Jesper!AI$2:AI$366,ROUNDDOWN($C8109/24,0)+1,1))-1)+IF('Standard Profiles'!$G$19=$B$10,7,0)+IF('Standard Profiles'!$G$19=$B$17,14,0)+IF('Standard Profiles'!$G$19=$B$24,21,0),0)),0)</f>
        <v>6.2696809154906186</v>
      </c>
      <c r="F8109" cm="1">
        <f t="array" ref="F8109">IFERROR(INDEX(Jesper!AJ$2:AJ$366,ROUNDDOWN($C8109/24,0)+1,1)*INDEX($D$3:$AA$30,INDEX(Jesper!$R$2:$R$366,ROW(INDEX(Jesper!AJ$2:AJ$366,ROUNDDOWN($C8109/24,0)+1,1))-1)+IF('Standard Profiles'!$G$20=$B$10,7,0)+IF('Standard Profiles'!$G$20=$B$17,14,0)+IF('Standard Profiles'!$G$20=$B$24,21,0),MOD($C8109,24)+1)/SUM(INDEX($D$3:$AA$30,INDEX(Jesper!$R$2:$R$366,ROW(INDEX(Jesper!AJ$2:AJ$366,ROUNDDOWN($C8109/24,0)+1,1))-1)+IF('Standard Profiles'!$G$20=$B$10,7,0)+IF('Standard Profiles'!$G$20=$B$17,14,0)+IF('Standard Profiles'!$G$20=$B$24,21,0),0)),0)</f>
        <v>5.7937823605381551</v>
      </c>
      <c r="G8109" cm="1">
        <f t="array" ref="G8109">IFERROR(INDEX(Jesper!AK$2:AK$366,ROUNDDOWN($C8109/24,0)+1,1)*INDEX($D$3:$AA$30,INDEX(Jesper!$R$2:$R$366,ROW(INDEX(Jesper!AK$2:AK$366,ROUNDDOWN($C8109/24,0)+1,1))-1)+IF('Standard Profiles'!$G$21=$B$10,7,0)+IF('Standard Profiles'!$G$21=$B$17,14,0)+IF('Standard Profiles'!$G$21=$B$24,21,0),MOD($C8109,24)+1)/SUM(INDEX($D$3:$AA$30,INDEX(Jesper!$R$2:$R$366,ROW(INDEX(Jesper!AK$2:AK$366,ROUNDDOWN($C8109/24,0)+1,1))-1)+IF('Standard Profiles'!$G$21=$B$10,7,0)+IF('Standard Profiles'!$G$21=$B$17,14,0)+IF('Standard Profiles'!$G$21=$B$24,21,0),0)),0)</f>
        <v>10.40931528021245</v>
      </c>
      <c r="H8109" cm="1">
        <f t="array" ref="H8109">IFERROR(INDEX(Jesper!AL$2:AL$366,ROUNDDOWN($C8109/24,0)+1,1)*INDEX($D$3:$AA$30,INDEX(Jesper!$R$2:$R$366,ROW(INDEX(Jesper!AL$2:AL$366,ROUNDDOWN($C8109/24,0)+1,1))-1)+IF('Standard Profiles'!$G$22=$B$10,7,0)+IF('Standard Profiles'!$G$22=$B$17,14,0)+IF('Standard Profiles'!$G$22=$B$24,21,0),MOD($C8109,24)+1)/SUM(INDEX($D$3:$AA$30,INDEX(Jesper!$R$2:$R$366,ROW(INDEX(Jesper!AL$2:AL$366,ROUNDDOWN($C8109/24,0)+1,1))-1)+IF('Standard Profiles'!$G$22=$B$10,7,0)+IF('Standard Profiles'!$G$22=$B$17,14,0)+IF('Standard Profiles'!$G$22=$B$24,21,0),0)),0)</f>
        <v>10.381748436053023</v>
      </c>
      <c r="I8109">
        <f t="shared" si="902"/>
        <v>9.9664784986109076</v>
      </c>
      <c r="J8109">
        <f t="shared" si="903"/>
        <v>22.135686783824465</v>
      </c>
      <c r="K8109">
        <f t="shared" si="904"/>
        <v>0.50157447323924953</v>
      </c>
      <c r="L8109">
        <f t="shared" si="905"/>
        <v>0.25078723661962476</v>
      </c>
      <c r="M8109">
        <f t="shared" si="906"/>
        <v>0</v>
      </c>
      <c r="N8109" s="45">
        <f t="shared" si="907"/>
        <v>45263.458333313749</v>
      </c>
    </row>
    <row r="8110" spans="2:14" x14ac:dyDescent="0.25">
      <c r="B8110">
        <f t="shared" si="901"/>
        <v>7</v>
      </c>
      <c r="C8110" s="16">
        <v>8076</v>
      </c>
      <c r="D8110" cm="1">
        <f t="array" ref="D8110">IFERROR(INDEX(Jesper!AH$2:AH$366,ROUNDDOWN($C8110/24,0)+1,1)*INDEX($D$3:$AA$30,INDEX(Jesper!$R$2:$R$366,ROW(INDEX(Jesper!AH$2:AH$366,ROUNDDOWN($C8110/24,0)+1,1))-1)+IF('Standard Profiles'!$G$18=$B$10,7,0)+IF('Standard Profiles'!$G$18=$B$17,14,0)+IF('Standard Profiles'!$G$18=$B$24,21,0),MOD($C8110,24)+1)/SUM(INDEX($D$3:$AA$30,INDEX(Jesper!$R$2:$R$366,ROW(INDEX(Jesper!AH$2:AH$366,ROUNDDOWN($C8110/24,0)+1,1))-1)+IF('Standard Profiles'!$G$18=$B$10,7,0)+IF('Standard Profiles'!$G$18=$B$17,14,0)+IF('Standard Profiles'!$G$18=$B$24,21,0),0)),0)</f>
        <v>0</v>
      </c>
      <c r="E8110" cm="1">
        <f t="array" ref="E8110">IFERROR(INDEX(Jesper!AI$2:AI$366,ROUNDDOWN($C8110/24,0)+1,1)*INDEX($D$3:$AA$30,INDEX(Jesper!$R$2:$R$366,ROW(INDEX(Jesper!AI$2:AI$366,ROUNDDOWN($C8110/24,0)+1,1))-1)+IF('Standard Profiles'!$G$19=$B$10,7,0)+IF('Standard Profiles'!$G$19=$B$17,14,0)+IF('Standard Profiles'!$G$19=$B$24,21,0),MOD($C8110,24)+1)/SUM(INDEX($D$3:$AA$30,INDEX(Jesper!$R$2:$R$366,ROW(INDEX(Jesper!AI$2:AI$366,ROUNDDOWN($C8110/24,0)+1,1))-1)+IF('Standard Profiles'!$G$19=$B$10,7,0)+IF('Standard Profiles'!$G$19=$B$17,14,0)+IF('Standard Profiles'!$G$19=$B$24,21,0),0)),0)</f>
        <v>6.2696809154906186</v>
      </c>
      <c r="F8110" cm="1">
        <f t="array" ref="F8110">IFERROR(INDEX(Jesper!AJ$2:AJ$366,ROUNDDOWN($C8110/24,0)+1,1)*INDEX($D$3:$AA$30,INDEX(Jesper!$R$2:$R$366,ROW(INDEX(Jesper!AJ$2:AJ$366,ROUNDDOWN($C8110/24,0)+1,1))-1)+IF('Standard Profiles'!$G$20=$B$10,7,0)+IF('Standard Profiles'!$G$20=$B$17,14,0)+IF('Standard Profiles'!$G$20=$B$24,21,0),MOD($C8110,24)+1)/SUM(INDEX($D$3:$AA$30,INDEX(Jesper!$R$2:$R$366,ROW(INDEX(Jesper!AJ$2:AJ$366,ROUNDDOWN($C8110/24,0)+1,1))-1)+IF('Standard Profiles'!$G$20=$B$10,7,0)+IF('Standard Profiles'!$G$20=$B$17,14,0)+IF('Standard Profiles'!$G$20=$B$24,21,0),0)),0)</f>
        <v>5.7937823605381551</v>
      </c>
      <c r="G8110" cm="1">
        <f t="array" ref="G8110">IFERROR(INDEX(Jesper!AK$2:AK$366,ROUNDDOWN($C8110/24,0)+1,1)*INDEX($D$3:$AA$30,INDEX(Jesper!$R$2:$R$366,ROW(INDEX(Jesper!AK$2:AK$366,ROUNDDOWN($C8110/24,0)+1,1))-1)+IF('Standard Profiles'!$G$21=$B$10,7,0)+IF('Standard Profiles'!$G$21=$B$17,14,0)+IF('Standard Profiles'!$G$21=$B$24,21,0),MOD($C8110,24)+1)/SUM(INDEX($D$3:$AA$30,INDEX(Jesper!$R$2:$R$366,ROW(INDEX(Jesper!AK$2:AK$366,ROUNDDOWN($C8110/24,0)+1,1))-1)+IF('Standard Profiles'!$G$21=$B$10,7,0)+IF('Standard Profiles'!$G$21=$B$17,14,0)+IF('Standard Profiles'!$G$21=$B$24,21,0),0)),0)</f>
        <v>10.40931528021245</v>
      </c>
      <c r="H8110" cm="1">
        <f t="array" ref="H8110">IFERROR(INDEX(Jesper!AL$2:AL$366,ROUNDDOWN($C8110/24,0)+1,1)*INDEX($D$3:$AA$30,INDEX(Jesper!$R$2:$R$366,ROW(INDEX(Jesper!AL$2:AL$366,ROUNDDOWN($C8110/24,0)+1,1))-1)+IF('Standard Profiles'!$G$22=$B$10,7,0)+IF('Standard Profiles'!$G$22=$B$17,14,0)+IF('Standard Profiles'!$G$22=$B$24,21,0),MOD($C8110,24)+1)/SUM(INDEX($D$3:$AA$30,INDEX(Jesper!$R$2:$R$366,ROW(INDEX(Jesper!AL$2:AL$366,ROUNDDOWN($C8110/24,0)+1,1))-1)+IF('Standard Profiles'!$G$22=$B$10,7,0)+IF('Standard Profiles'!$G$22=$B$17,14,0)+IF('Standard Profiles'!$G$22=$B$24,21,0),0)),0)</f>
        <v>10.381748436053023</v>
      </c>
      <c r="I8110">
        <f t="shared" si="902"/>
        <v>9.9664784986109076</v>
      </c>
      <c r="J8110">
        <f t="shared" si="903"/>
        <v>22.135686783824465</v>
      </c>
      <c r="K8110">
        <f t="shared" si="904"/>
        <v>0.50157447323924953</v>
      </c>
      <c r="L8110">
        <f t="shared" si="905"/>
        <v>0.25078723661962476</v>
      </c>
      <c r="M8110">
        <f t="shared" si="906"/>
        <v>0</v>
      </c>
      <c r="N8110" s="45">
        <f t="shared" si="907"/>
        <v>45263.499999980413</v>
      </c>
    </row>
    <row r="8111" spans="2:14" x14ac:dyDescent="0.25">
      <c r="B8111">
        <f t="shared" si="901"/>
        <v>7</v>
      </c>
      <c r="C8111" s="16">
        <v>8077</v>
      </c>
      <c r="D8111" cm="1">
        <f t="array" ref="D8111">IFERROR(INDEX(Jesper!AH$2:AH$366,ROUNDDOWN($C8111/24,0)+1,1)*INDEX($D$3:$AA$30,INDEX(Jesper!$R$2:$R$366,ROW(INDEX(Jesper!AH$2:AH$366,ROUNDDOWN($C8111/24,0)+1,1))-1)+IF('Standard Profiles'!$G$18=$B$10,7,0)+IF('Standard Profiles'!$G$18=$B$17,14,0)+IF('Standard Profiles'!$G$18=$B$24,21,0),MOD($C8111,24)+1)/SUM(INDEX($D$3:$AA$30,INDEX(Jesper!$R$2:$R$366,ROW(INDEX(Jesper!AH$2:AH$366,ROUNDDOWN($C8111/24,0)+1,1))-1)+IF('Standard Profiles'!$G$18=$B$10,7,0)+IF('Standard Profiles'!$G$18=$B$17,14,0)+IF('Standard Profiles'!$G$18=$B$24,21,0),0)),0)</f>
        <v>0</v>
      </c>
      <c r="E8111" cm="1">
        <f t="array" ref="E8111">IFERROR(INDEX(Jesper!AI$2:AI$366,ROUNDDOWN($C8111/24,0)+1,1)*INDEX($D$3:$AA$30,INDEX(Jesper!$R$2:$R$366,ROW(INDEX(Jesper!AI$2:AI$366,ROUNDDOWN($C8111/24,0)+1,1))-1)+IF('Standard Profiles'!$G$19=$B$10,7,0)+IF('Standard Profiles'!$G$19=$B$17,14,0)+IF('Standard Profiles'!$G$19=$B$24,21,0),MOD($C8111,24)+1)/SUM(INDEX($D$3:$AA$30,INDEX(Jesper!$R$2:$R$366,ROW(INDEX(Jesper!AI$2:AI$366,ROUNDDOWN($C8111/24,0)+1,1))-1)+IF('Standard Profiles'!$G$19=$B$10,7,0)+IF('Standard Profiles'!$G$19=$B$17,14,0)+IF('Standard Profiles'!$G$19=$B$24,21,0),0)),0)</f>
        <v>6.2696809154906186</v>
      </c>
      <c r="F8111" cm="1">
        <f t="array" ref="F8111">IFERROR(INDEX(Jesper!AJ$2:AJ$366,ROUNDDOWN($C8111/24,0)+1,1)*INDEX($D$3:$AA$30,INDEX(Jesper!$R$2:$R$366,ROW(INDEX(Jesper!AJ$2:AJ$366,ROUNDDOWN($C8111/24,0)+1,1))-1)+IF('Standard Profiles'!$G$20=$B$10,7,0)+IF('Standard Profiles'!$G$20=$B$17,14,0)+IF('Standard Profiles'!$G$20=$B$24,21,0),MOD($C8111,24)+1)/SUM(INDEX($D$3:$AA$30,INDEX(Jesper!$R$2:$R$366,ROW(INDEX(Jesper!AJ$2:AJ$366,ROUNDDOWN($C8111/24,0)+1,1))-1)+IF('Standard Profiles'!$G$20=$B$10,7,0)+IF('Standard Profiles'!$G$20=$B$17,14,0)+IF('Standard Profiles'!$G$20=$B$24,21,0),0)),0)</f>
        <v>5.7937823605381551</v>
      </c>
      <c r="G8111" cm="1">
        <f t="array" ref="G8111">IFERROR(INDEX(Jesper!AK$2:AK$366,ROUNDDOWN($C8111/24,0)+1,1)*INDEX($D$3:$AA$30,INDEX(Jesper!$R$2:$R$366,ROW(INDEX(Jesper!AK$2:AK$366,ROUNDDOWN($C8111/24,0)+1,1))-1)+IF('Standard Profiles'!$G$21=$B$10,7,0)+IF('Standard Profiles'!$G$21=$B$17,14,0)+IF('Standard Profiles'!$G$21=$B$24,21,0),MOD($C8111,24)+1)/SUM(INDEX($D$3:$AA$30,INDEX(Jesper!$R$2:$R$366,ROW(INDEX(Jesper!AK$2:AK$366,ROUNDDOWN($C8111/24,0)+1,1))-1)+IF('Standard Profiles'!$G$21=$B$10,7,0)+IF('Standard Profiles'!$G$21=$B$17,14,0)+IF('Standard Profiles'!$G$21=$B$24,21,0),0)),0)</f>
        <v>10.40931528021245</v>
      </c>
      <c r="H8111" cm="1">
        <f t="array" ref="H8111">IFERROR(INDEX(Jesper!AL$2:AL$366,ROUNDDOWN($C8111/24,0)+1,1)*INDEX($D$3:$AA$30,INDEX(Jesper!$R$2:$R$366,ROW(INDEX(Jesper!AL$2:AL$366,ROUNDDOWN($C8111/24,0)+1,1))-1)+IF('Standard Profiles'!$G$22=$B$10,7,0)+IF('Standard Profiles'!$G$22=$B$17,14,0)+IF('Standard Profiles'!$G$22=$B$24,21,0),MOD($C8111,24)+1)/SUM(INDEX($D$3:$AA$30,INDEX(Jesper!$R$2:$R$366,ROW(INDEX(Jesper!AL$2:AL$366,ROUNDDOWN($C8111/24,0)+1,1))-1)+IF('Standard Profiles'!$G$22=$B$10,7,0)+IF('Standard Profiles'!$G$22=$B$17,14,0)+IF('Standard Profiles'!$G$22=$B$24,21,0),0)),0)</f>
        <v>10.381748436053023</v>
      </c>
      <c r="I8111">
        <f t="shared" si="902"/>
        <v>9.9664784986109076</v>
      </c>
      <c r="J8111">
        <f t="shared" si="903"/>
        <v>22.135686783824465</v>
      </c>
      <c r="K8111">
        <f t="shared" si="904"/>
        <v>0.50157447323924953</v>
      </c>
      <c r="L8111">
        <f t="shared" si="905"/>
        <v>0.25078723661962476</v>
      </c>
      <c r="M8111">
        <f t="shared" si="906"/>
        <v>0</v>
      </c>
      <c r="N8111" s="45">
        <f t="shared" si="907"/>
        <v>45263.541666647077</v>
      </c>
    </row>
    <row r="8112" spans="2:14" x14ac:dyDescent="0.25">
      <c r="B8112">
        <f t="shared" si="901"/>
        <v>7</v>
      </c>
      <c r="C8112" s="16">
        <v>8078</v>
      </c>
      <c r="D8112" cm="1">
        <f t="array" ref="D8112">IFERROR(INDEX(Jesper!AH$2:AH$366,ROUNDDOWN($C8112/24,0)+1,1)*INDEX($D$3:$AA$30,INDEX(Jesper!$R$2:$R$366,ROW(INDEX(Jesper!AH$2:AH$366,ROUNDDOWN($C8112/24,0)+1,1))-1)+IF('Standard Profiles'!$G$18=$B$10,7,0)+IF('Standard Profiles'!$G$18=$B$17,14,0)+IF('Standard Profiles'!$G$18=$B$24,21,0),MOD($C8112,24)+1)/SUM(INDEX($D$3:$AA$30,INDEX(Jesper!$R$2:$R$366,ROW(INDEX(Jesper!AH$2:AH$366,ROUNDDOWN($C8112/24,0)+1,1))-1)+IF('Standard Profiles'!$G$18=$B$10,7,0)+IF('Standard Profiles'!$G$18=$B$17,14,0)+IF('Standard Profiles'!$G$18=$B$24,21,0),0)),0)</f>
        <v>0</v>
      </c>
      <c r="E8112" cm="1">
        <f t="array" ref="E8112">IFERROR(INDEX(Jesper!AI$2:AI$366,ROUNDDOWN($C8112/24,0)+1,1)*INDEX($D$3:$AA$30,INDEX(Jesper!$R$2:$R$366,ROW(INDEX(Jesper!AI$2:AI$366,ROUNDDOWN($C8112/24,0)+1,1))-1)+IF('Standard Profiles'!$G$19=$B$10,7,0)+IF('Standard Profiles'!$G$19=$B$17,14,0)+IF('Standard Profiles'!$G$19=$B$24,21,0),MOD($C8112,24)+1)/SUM(INDEX($D$3:$AA$30,INDEX(Jesper!$R$2:$R$366,ROW(INDEX(Jesper!AI$2:AI$366,ROUNDDOWN($C8112/24,0)+1,1))-1)+IF('Standard Profiles'!$G$19=$B$10,7,0)+IF('Standard Profiles'!$G$19=$B$17,14,0)+IF('Standard Profiles'!$G$19=$B$24,21,0),0)),0)</f>
        <v>6.2696809154906186</v>
      </c>
      <c r="F8112" cm="1">
        <f t="array" ref="F8112">IFERROR(INDEX(Jesper!AJ$2:AJ$366,ROUNDDOWN($C8112/24,0)+1,1)*INDEX($D$3:$AA$30,INDEX(Jesper!$R$2:$R$366,ROW(INDEX(Jesper!AJ$2:AJ$366,ROUNDDOWN($C8112/24,0)+1,1))-1)+IF('Standard Profiles'!$G$20=$B$10,7,0)+IF('Standard Profiles'!$G$20=$B$17,14,0)+IF('Standard Profiles'!$G$20=$B$24,21,0),MOD($C8112,24)+1)/SUM(INDEX($D$3:$AA$30,INDEX(Jesper!$R$2:$R$366,ROW(INDEX(Jesper!AJ$2:AJ$366,ROUNDDOWN($C8112/24,0)+1,1))-1)+IF('Standard Profiles'!$G$20=$B$10,7,0)+IF('Standard Profiles'!$G$20=$B$17,14,0)+IF('Standard Profiles'!$G$20=$B$24,21,0),0)),0)</f>
        <v>5.7937823605381551</v>
      </c>
      <c r="G8112" cm="1">
        <f t="array" ref="G8112">IFERROR(INDEX(Jesper!AK$2:AK$366,ROUNDDOWN($C8112/24,0)+1,1)*INDEX($D$3:$AA$30,INDEX(Jesper!$R$2:$R$366,ROW(INDEX(Jesper!AK$2:AK$366,ROUNDDOWN($C8112/24,0)+1,1))-1)+IF('Standard Profiles'!$G$21=$B$10,7,0)+IF('Standard Profiles'!$G$21=$B$17,14,0)+IF('Standard Profiles'!$G$21=$B$24,21,0),MOD($C8112,24)+1)/SUM(INDEX($D$3:$AA$30,INDEX(Jesper!$R$2:$R$366,ROW(INDEX(Jesper!AK$2:AK$366,ROUNDDOWN($C8112/24,0)+1,1))-1)+IF('Standard Profiles'!$G$21=$B$10,7,0)+IF('Standard Profiles'!$G$21=$B$17,14,0)+IF('Standard Profiles'!$G$21=$B$24,21,0),0)),0)</f>
        <v>10.40931528021245</v>
      </c>
      <c r="H8112" cm="1">
        <f t="array" ref="H8112">IFERROR(INDEX(Jesper!AL$2:AL$366,ROUNDDOWN($C8112/24,0)+1,1)*INDEX($D$3:$AA$30,INDEX(Jesper!$R$2:$R$366,ROW(INDEX(Jesper!AL$2:AL$366,ROUNDDOWN($C8112/24,0)+1,1))-1)+IF('Standard Profiles'!$G$22=$B$10,7,0)+IF('Standard Profiles'!$G$22=$B$17,14,0)+IF('Standard Profiles'!$G$22=$B$24,21,0),MOD($C8112,24)+1)/SUM(INDEX($D$3:$AA$30,INDEX(Jesper!$R$2:$R$366,ROW(INDEX(Jesper!AL$2:AL$366,ROUNDDOWN($C8112/24,0)+1,1))-1)+IF('Standard Profiles'!$G$22=$B$10,7,0)+IF('Standard Profiles'!$G$22=$B$17,14,0)+IF('Standard Profiles'!$G$22=$B$24,21,0),0)),0)</f>
        <v>10.381748436053023</v>
      </c>
      <c r="I8112">
        <f t="shared" si="902"/>
        <v>9.9664784986109076</v>
      </c>
      <c r="J8112">
        <f t="shared" si="903"/>
        <v>22.135686783824465</v>
      </c>
      <c r="K8112">
        <f t="shared" si="904"/>
        <v>0.50157447323924953</v>
      </c>
      <c r="L8112">
        <f t="shared" si="905"/>
        <v>0.25078723661962476</v>
      </c>
      <c r="M8112">
        <f t="shared" si="906"/>
        <v>0</v>
      </c>
      <c r="N8112" s="45">
        <f t="shared" si="907"/>
        <v>45263.583333313742</v>
      </c>
    </row>
    <row r="8113" spans="2:14" x14ac:dyDescent="0.25">
      <c r="B8113">
        <f t="shared" si="901"/>
        <v>7</v>
      </c>
      <c r="C8113" s="16">
        <v>8079</v>
      </c>
      <c r="D8113" cm="1">
        <f t="array" ref="D8113">IFERROR(INDEX(Jesper!AH$2:AH$366,ROUNDDOWN($C8113/24,0)+1,1)*INDEX($D$3:$AA$30,INDEX(Jesper!$R$2:$R$366,ROW(INDEX(Jesper!AH$2:AH$366,ROUNDDOWN($C8113/24,0)+1,1))-1)+IF('Standard Profiles'!$G$18=$B$10,7,0)+IF('Standard Profiles'!$G$18=$B$17,14,0)+IF('Standard Profiles'!$G$18=$B$24,21,0),MOD($C8113,24)+1)/SUM(INDEX($D$3:$AA$30,INDEX(Jesper!$R$2:$R$366,ROW(INDEX(Jesper!AH$2:AH$366,ROUNDDOWN($C8113/24,0)+1,1))-1)+IF('Standard Profiles'!$G$18=$B$10,7,0)+IF('Standard Profiles'!$G$18=$B$17,14,0)+IF('Standard Profiles'!$G$18=$B$24,21,0),0)),0)</f>
        <v>0</v>
      </c>
      <c r="E8113" cm="1">
        <f t="array" ref="E8113">IFERROR(INDEX(Jesper!AI$2:AI$366,ROUNDDOWN($C8113/24,0)+1,1)*INDEX($D$3:$AA$30,INDEX(Jesper!$R$2:$R$366,ROW(INDEX(Jesper!AI$2:AI$366,ROUNDDOWN($C8113/24,0)+1,1))-1)+IF('Standard Profiles'!$G$19=$B$10,7,0)+IF('Standard Profiles'!$G$19=$B$17,14,0)+IF('Standard Profiles'!$G$19=$B$24,21,0),MOD($C8113,24)+1)/SUM(INDEX($D$3:$AA$30,INDEX(Jesper!$R$2:$R$366,ROW(INDEX(Jesper!AI$2:AI$366,ROUNDDOWN($C8113/24,0)+1,1))-1)+IF('Standard Profiles'!$G$19=$B$10,7,0)+IF('Standard Profiles'!$G$19=$B$17,14,0)+IF('Standard Profiles'!$G$19=$B$24,21,0),0)),0)</f>
        <v>6.2696809154906186</v>
      </c>
      <c r="F8113" cm="1">
        <f t="array" ref="F8113">IFERROR(INDEX(Jesper!AJ$2:AJ$366,ROUNDDOWN($C8113/24,0)+1,1)*INDEX($D$3:$AA$30,INDEX(Jesper!$R$2:$R$366,ROW(INDEX(Jesper!AJ$2:AJ$366,ROUNDDOWN($C8113/24,0)+1,1))-1)+IF('Standard Profiles'!$G$20=$B$10,7,0)+IF('Standard Profiles'!$G$20=$B$17,14,0)+IF('Standard Profiles'!$G$20=$B$24,21,0),MOD($C8113,24)+1)/SUM(INDEX($D$3:$AA$30,INDEX(Jesper!$R$2:$R$366,ROW(INDEX(Jesper!AJ$2:AJ$366,ROUNDDOWN($C8113/24,0)+1,1))-1)+IF('Standard Profiles'!$G$20=$B$10,7,0)+IF('Standard Profiles'!$G$20=$B$17,14,0)+IF('Standard Profiles'!$G$20=$B$24,21,0),0)),0)</f>
        <v>5.7937823605381551</v>
      </c>
      <c r="G8113" cm="1">
        <f t="array" ref="G8113">IFERROR(INDEX(Jesper!AK$2:AK$366,ROUNDDOWN($C8113/24,0)+1,1)*INDEX($D$3:$AA$30,INDEX(Jesper!$R$2:$R$366,ROW(INDEX(Jesper!AK$2:AK$366,ROUNDDOWN($C8113/24,0)+1,1))-1)+IF('Standard Profiles'!$G$21=$B$10,7,0)+IF('Standard Profiles'!$G$21=$B$17,14,0)+IF('Standard Profiles'!$G$21=$B$24,21,0),MOD($C8113,24)+1)/SUM(INDEX($D$3:$AA$30,INDEX(Jesper!$R$2:$R$366,ROW(INDEX(Jesper!AK$2:AK$366,ROUNDDOWN($C8113/24,0)+1,1))-1)+IF('Standard Profiles'!$G$21=$B$10,7,0)+IF('Standard Profiles'!$G$21=$B$17,14,0)+IF('Standard Profiles'!$G$21=$B$24,21,0),0)),0)</f>
        <v>10.40931528021245</v>
      </c>
      <c r="H8113" cm="1">
        <f t="array" ref="H8113">IFERROR(INDEX(Jesper!AL$2:AL$366,ROUNDDOWN($C8113/24,0)+1,1)*INDEX($D$3:$AA$30,INDEX(Jesper!$R$2:$R$366,ROW(INDEX(Jesper!AL$2:AL$366,ROUNDDOWN($C8113/24,0)+1,1))-1)+IF('Standard Profiles'!$G$22=$B$10,7,0)+IF('Standard Profiles'!$G$22=$B$17,14,0)+IF('Standard Profiles'!$G$22=$B$24,21,0),MOD($C8113,24)+1)/SUM(INDEX($D$3:$AA$30,INDEX(Jesper!$R$2:$R$366,ROW(INDEX(Jesper!AL$2:AL$366,ROUNDDOWN($C8113/24,0)+1,1))-1)+IF('Standard Profiles'!$G$22=$B$10,7,0)+IF('Standard Profiles'!$G$22=$B$17,14,0)+IF('Standard Profiles'!$G$22=$B$24,21,0),0)),0)</f>
        <v>9.2282208320471319</v>
      </c>
      <c r="I8113">
        <f t="shared" si="902"/>
        <v>8.8590919987652512</v>
      </c>
      <c r="J8113">
        <f t="shared" si="903"/>
        <v>22.08954567966423</v>
      </c>
      <c r="K8113">
        <f t="shared" si="904"/>
        <v>0.50157447323924953</v>
      </c>
      <c r="L8113">
        <f t="shared" si="905"/>
        <v>0.25078723661962476</v>
      </c>
      <c r="M8113">
        <f t="shared" si="906"/>
        <v>0</v>
      </c>
      <c r="N8113" s="45">
        <f t="shared" si="907"/>
        <v>45263.624999980406</v>
      </c>
    </row>
    <row r="8114" spans="2:14" x14ac:dyDescent="0.25">
      <c r="B8114">
        <f t="shared" si="901"/>
        <v>7</v>
      </c>
      <c r="C8114" s="16">
        <v>8080</v>
      </c>
      <c r="D8114" cm="1">
        <f t="array" ref="D8114">IFERROR(INDEX(Jesper!AH$2:AH$366,ROUNDDOWN($C8114/24,0)+1,1)*INDEX($D$3:$AA$30,INDEX(Jesper!$R$2:$R$366,ROW(INDEX(Jesper!AH$2:AH$366,ROUNDDOWN($C8114/24,0)+1,1))-1)+IF('Standard Profiles'!$G$18=$B$10,7,0)+IF('Standard Profiles'!$G$18=$B$17,14,0)+IF('Standard Profiles'!$G$18=$B$24,21,0),MOD($C8114,24)+1)/SUM(INDEX($D$3:$AA$30,INDEX(Jesper!$R$2:$R$366,ROW(INDEX(Jesper!AH$2:AH$366,ROUNDDOWN($C8114/24,0)+1,1))-1)+IF('Standard Profiles'!$G$18=$B$10,7,0)+IF('Standard Profiles'!$G$18=$B$17,14,0)+IF('Standard Profiles'!$G$18=$B$24,21,0),0)),0)</f>
        <v>0</v>
      </c>
      <c r="E8114" cm="1">
        <f t="array" ref="E8114">IFERROR(INDEX(Jesper!AI$2:AI$366,ROUNDDOWN($C8114/24,0)+1,1)*INDEX($D$3:$AA$30,INDEX(Jesper!$R$2:$R$366,ROW(INDEX(Jesper!AI$2:AI$366,ROUNDDOWN($C8114/24,0)+1,1))-1)+IF('Standard Profiles'!$G$19=$B$10,7,0)+IF('Standard Profiles'!$G$19=$B$17,14,0)+IF('Standard Profiles'!$G$19=$B$24,21,0),MOD($C8114,24)+1)/SUM(INDEX($D$3:$AA$30,INDEX(Jesper!$R$2:$R$366,ROW(INDEX(Jesper!AI$2:AI$366,ROUNDDOWN($C8114/24,0)+1,1))-1)+IF('Standard Profiles'!$G$19=$B$10,7,0)+IF('Standard Profiles'!$G$19=$B$17,14,0)+IF('Standard Profiles'!$G$19=$B$24,21,0),0)),0)</f>
        <v>6.2696809154906186</v>
      </c>
      <c r="F8114" cm="1">
        <f t="array" ref="F8114">IFERROR(INDEX(Jesper!AJ$2:AJ$366,ROUNDDOWN($C8114/24,0)+1,1)*INDEX($D$3:$AA$30,INDEX(Jesper!$R$2:$R$366,ROW(INDEX(Jesper!AJ$2:AJ$366,ROUNDDOWN($C8114/24,0)+1,1))-1)+IF('Standard Profiles'!$G$20=$B$10,7,0)+IF('Standard Profiles'!$G$20=$B$17,14,0)+IF('Standard Profiles'!$G$20=$B$24,21,0),MOD($C8114,24)+1)/SUM(INDEX($D$3:$AA$30,INDEX(Jesper!$R$2:$R$366,ROW(INDEX(Jesper!AJ$2:AJ$366,ROUNDDOWN($C8114/24,0)+1,1))-1)+IF('Standard Profiles'!$G$20=$B$10,7,0)+IF('Standard Profiles'!$G$20=$B$17,14,0)+IF('Standard Profiles'!$G$20=$B$24,21,0),0)),0)</f>
        <v>5.7937823605381551</v>
      </c>
      <c r="G8114" cm="1">
        <f t="array" ref="G8114">IFERROR(INDEX(Jesper!AK$2:AK$366,ROUNDDOWN($C8114/24,0)+1,1)*INDEX($D$3:$AA$30,INDEX(Jesper!$R$2:$R$366,ROW(INDEX(Jesper!AK$2:AK$366,ROUNDDOWN($C8114/24,0)+1,1))-1)+IF('Standard Profiles'!$G$21=$B$10,7,0)+IF('Standard Profiles'!$G$21=$B$17,14,0)+IF('Standard Profiles'!$G$21=$B$24,21,0),MOD($C8114,24)+1)/SUM(INDEX($D$3:$AA$30,INDEX(Jesper!$R$2:$R$366,ROW(INDEX(Jesper!AK$2:AK$366,ROUNDDOWN($C8114/24,0)+1,1))-1)+IF('Standard Profiles'!$G$21=$B$10,7,0)+IF('Standard Profiles'!$G$21=$B$17,14,0)+IF('Standard Profiles'!$G$21=$B$24,21,0),0)),0)</f>
        <v>10.40931528021245</v>
      </c>
      <c r="H8114" cm="1">
        <f t="array" ref="H8114">IFERROR(INDEX(Jesper!AL$2:AL$366,ROUNDDOWN($C8114/24,0)+1,1)*INDEX($D$3:$AA$30,INDEX(Jesper!$R$2:$R$366,ROW(INDEX(Jesper!AL$2:AL$366,ROUNDDOWN($C8114/24,0)+1,1))-1)+IF('Standard Profiles'!$G$22=$B$10,7,0)+IF('Standard Profiles'!$G$22=$B$17,14,0)+IF('Standard Profiles'!$G$22=$B$24,21,0),MOD($C8114,24)+1)/SUM(INDEX($D$3:$AA$30,INDEX(Jesper!$R$2:$R$366,ROW(INDEX(Jesper!AL$2:AL$366,ROUNDDOWN($C8114/24,0)+1,1))-1)+IF('Standard Profiles'!$G$22=$B$10,7,0)+IF('Standard Profiles'!$G$22=$B$17,14,0)+IF('Standard Profiles'!$G$22=$B$24,21,0),0)),0)</f>
        <v>9.0634311743320026</v>
      </c>
      <c r="I8114">
        <f t="shared" si="902"/>
        <v>8.7008939273587274</v>
      </c>
      <c r="J8114">
        <f t="shared" si="903"/>
        <v>22.082954093355625</v>
      </c>
      <c r="K8114">
        <f t="shared" si="904"/>
        <v>0.50157447323924953</v>
      </c>
      <c r="L8114">
        <f t="shared" si="905"/>
        <v>0.25078723661962476</v>
      </c>
      <c r="M8114">
        <f t="shared" si="906"/>
        <v>0</v>
      </c>
      <c r="N8114" s="45">
        <f t="shared" si="907"/>
        <v>45263.66666664707</v>
      </c>
    </row>
    <row r="8115" spans="2:14" x14ac:dyDescent="0.25">
      <c r="B8115">
        <f t="shared" si="901"/>
        <v>7</v>
      </c>
      <c r="C8115" s="16">
        <v>8081</v>
      </c>
      <c r="D8115" cm="1">
        <f t="array" ref="D8115">IFERROR(INDEX(Jesper!AH$2:AH$366,ROUNDDOWN($C8115/24,0)+1,1)*INDEX($D$3:$AA$30,INDEX(Jesper!$R$2:$R$366,ROW(INDEX(Jesper!AH$2:AH$366,ROUNDDOWN($C8115/24,0)+1,1))-1)+IF('Standard Profiles'!$G$18=$B$10,7,0)+IF('Standard Profiles'!$G$18=$B$17,14,0)+IF('Standard Profiles'!$G$18=$B$24,21,0),MOD($C8115,24)+1)/SUM(INDEX($D$3:$AA$30,INDEX(Jesper!$R$2:$R$366,ROW(INDEX(Jesper!AH$2:AH$366,ROUNDDOWN($C8115/24,0)+1,1))-1)+IF('Standard Profiles'!$G$18=$B$10,7,0)+IF('Standard Profiles'!$G$18=$B$17,14,0)+IF('Standard Profiles'!$G$18=$B$24,21,0),0)),0)</f>
        <v>0</v>
      </c>
      <c r="E8115" cm="1">
        <f t="array" ref="E8115">IFERROR(INDEX(Jesper!AI$2:AI$366,ROUNDDOWN($C8115/24,0)+1,1)*INDEX($D$3:$AA$30,INDEX(Jesper!$R$2:$R$366,ROW(INDEX(Jesper!AI$2:AI$366,ROUNDDOWN($C8115/24,0)+1,1))-1)+IF('Standard Profiles'!$G$19=$B$10,7,0)+IF('Standard Profiles'!$G$19=$B$17,14,0)+IF('Standard Profiles'!$G$19=$B$24,21,0),MOD($C8115,24)+1)/SUM(INDEX($D$3:$AA$30,INDEX(Jesper!$R$2:$R$366,ROW(INDEX(Jesper!AI$2:AI$366,ROUNDDOWN($C8115/24,0)+1,1))-1)+IF('Standard Profiles'!$G$19=$B$10,7,0)+IF('Standard Profiles'!$G$19=$B$17,14,0)+IF('Standard Profiles'!$G$19=$B$24,21,0),0)),0)</f>
        <v>6.2696809154906186</v>
      </c>
      <c r="F8115" cm="1">
        <f t="array" ref="F8115">IFERROR(INDEX(Jesper!AJ$2:AJ$366,ROUNDDOWN($C8115/24,0)+1,1)*INDEX($D$3:$AA$30,INDEX(Jesper!$R$2:$R$366,ROW(INDEX(Jesper!AJ$2:AJ$366,ROUNDDOWN($C8115/24,0)+1,1))-1)+IF('Standard Profiles'!$G$20=$B$10,7,0)+IF('Standard Profiles'!$G$20=$B$17,14,0)+IF('Standard Profiles'!$G$20=$B$24,21,0),MOD($C8115,24)+1)/SUM(INDEX($D$3:$AA$30,INDEX(Jesper!$R$2:$R$366,ROW(INDEX(Jesper!AJ$2:AJ$366,ROUNDDOWN($C8115/24,0)+1,1))-1)+IF('Standard Profiles'!$G$20=$B$10,7,0)+IF('Standard Profiles'!$G$20=$B$17,14,0)+IF('Standard Profiles'!$G$20=$B$24,21,0),0)),0)</f>
        <v>5.7937823605381551</v>
      </c>
      <c r="G8115" cm="1">
        <f t="array" ref="G8115">IFERROR(INDEX(Jesper!AK$2:AK$366,ROUNDDOWN($C8115/24,0)+1,1)*INDEX($D$3:$AA$30,INDEX(Jesper!$R$2:$R$366,ROW(INDEX(Jesper!AK$2:AK$366,ROUNDDOWN($C8115/24,0)+1,1))-1)+IF('Standard Profiles'!$G$21=$B$10,7,0)+IF('Standard Profiles'!$G$21=$B$17,14,0)+IF('Standard Profiles'!$G$21=$B$24,21,0),MOD($C8115,24)+1)/SUM(INDEX($D$3:$AA$30,INDEX(Jesper!$R$2:$R$366,ROW(INDEX(Jesper!AK$2:AK$366,ROUNDDOWN($C8115/24,0)+1,1))-1)+IF('Standard Profiles'!$G$21=$B$10,7,0)+IF('Standard Profiles'!$G$21=$B$17,14,0)+IF('Standard Profiles'!$G$21=$B$24,21,0),0)),0)</f>
        <v>10.40931528021245</v>
      </c>
      <c r="H8115" cm="1">
        <f t="array" ref="H8115">IFERROR(INDEX(Jesper!AL$2:AL$366,ROUNDDOWN($C8115/24,0)+1,1)*INDEX($D$3:$AA$30,INDEX(Jesper!$R$2:$R$366,ROW(INDEX(Jesper!AL$2:AL$366,ROUNDDOWN($C8115/24,0)+1,1))-1)+IF('Standard Profiles'!$G$22=$B$10,7,0)+IF('Standard Profiles'!$G$22=$B$17,14,0)+IF('Standard Profiles'!$G$22=$B$24,21,0),MOD($C8115,24)+1)/SUM(INDEX($D$3:$AA$30,INDEX(Jesper!$R$2:$R$366,ROW(INDEX(Jesper!AL$2:AL$366,ROUNDDOWN($C8115/24,0)+1,1))-1)+IF('Standard Profiles'!$G$22=$B$10,7,0)+IF('Standard Profiles'!$G$22=$B$17,14,0)+IF('Standard Profiles'!$G$22=$B$24,21,0),0)),0)</f>
        <v>7.7451139126109858</v>
      </c>
      <c r="I8115">
        <f t="shared" si="902"/>
        <v>7.4353093561065506</v>
      </c>
      <c r="J8115">
        <f t="shared" si="903"/>
        <v>22.030221402886784</v>
      </c>
      <c r="K8115">
        <f t="shared" si="904"/>
        <v>0.50157447323924953</v>
      </c>
      <c r="L8115">
        <f t="shared" si="905"/>
        <v>0.25078723661962476</v>
      </c>
      <c r="M8115">
        <f t="shared" si="906"/>
        <v>0</v>
      </c>
      <c r="N8115" s="45">
        <f t="shared" si="907"/>
        <v>45263.708333313734</v>
      </c>
    </row>
    <row r="8116" spans="2:14" x14ac:dyDescent="0.25">
      <c r="B8116">
        <f t="shared" si="901"/>
        <v>7</v>
      </c>
      <c r="C8116" s="16">
        <v>8082</v>
      </c>
      <c r="D8116" cm="1">
        <f t="array" ref="D8116">IFERROR(INDEX(Jesper!AH$2:AH$366,ROUNDDOWN($C8116/24,0)+1,1)*INDEX($D$3:$AA$30,INDEX(Jesper!$R$2:$R$366,ROW(INDEX(Jesper!AH$2:AH$366,ROUNDDOWN($C8116/24,0)+1,1))-1)+IF('Standard Profiles'!$G$18=$B$10,7,0)+IF('Standard Profiles'!$G$18=$B$17,14,0)+IF('Standard Profiles'!$G$18=$B$24,21,0),MOD($C8116,24)+1)/SUM(INDEX($D$3:$AA$30,INDEX(Jesper!$R$2:$R$366,ROW(INDEX(Jesper!AH$2:AH$366,ROUNDDOWN($C8116/24,0)+1,1))-1)+IF('Standard Profiles'!$G$18=$B$10,7,0)+IF('Standard Profiles'!$G$18=$B$17,14,0)+IF('Standard Profiles'!$G$18=$B$24,21,0),0)),0)</f>
        <v>0</v>
      </c>
      <c r="E8116" cm="1">
        <f t="array" ref="E8116">IFERROR(INDEX(Jesper!AI$2:AI$366,ROUNDDOWN($C8116/24,0)+1,1)*INDEX($D$3:$AA$30,INDEX(Jesper!$R$2:$R$366,ROW(INDEX(Jesper!AI$2:AI$366,ROUNDDOWN($C8116/24,0)+1,1))-1)+IF('Standard Profiles'!$G$19=$B$10,7,0)+IF('Standard Profiles'!$G$19=$B$17,14,0)+IF('Standard Profiles'!$G$19=$B$24,21,0),MOD($C8116,24)+1)/SUM(INDEX($D$3:$AA$30,INDEX(Jesper!$R$2:$R$366,ROW(INDEX(Jesper!AI$2:AI$366,ROUNDDOWN($C8116/24,0)+1,1))-1)+IF('Standard Profiles'!$G$19=$B$10,7,0)+IF('Standard Profiles'!$G$19=$B$17,14,0)+IF('Standard Profiles'!$G$19=$B$24,21,0),0)),0)</f>
        <v>6.2696809154906186</v>
      </c>
      <c r="F8116" cm="1">
        <f t="array" ref="F8116">IFERROR(INDEX(Jesper!AJ$2:AJ$366,ROUNDDOWN($C8116/24,0)+1,1)*INDEX($D$3:$AA$30,INDEX(Jesper!$R$2:$R$366,ROW(INDEX(Jesper!AJ$2:AJ$366,ROUNDDOWN($C8116/24,0)+1,1))-1)+IF('Standard Profiles'!$G$20=$B$10,7,0)+IF('Standard Profiles'!$G$20=$B$17,14,0)+IF('Standard Profiles'!$G$20=$B$24,21,0),MOD($C8116,24)+1)/SUM(INDEX($D$3:$AA$30,INDEX(Jesper!$R$2:$R$366,ROW(INDEX(Jesper!AJ$2:AJ$366,ROUNDDOWN($C8116/24,0)+1,1))-1)+IF('Standard Profiles'!$G$20=$B$10,7,0)+IF('Standard Profiles'!$G$20=$B$17,14,0)+IF('Standard Profiles'!$G$20=$B$24,21,0),0)),0)</f>
        <v>5.7937823605381551</v>
      </c>
      <c r="G8116" cm="1">
        <f t="array" ref="G8116">IFERROR(INDEX(Jesper!AK$2:AK$366,ROUNDDOWN($C8116/24,0)+1,1)*INDEX($D$3:$AA$30,INDEX(Jesper!$R$2:$R$366,ROW(INDEX(Jesper!AK$2:AK$366,ROUNDDOWN($C8116/24,0)+1,1))-1)+IF('Standard Profiles'!$G$21=$B$10,7,0)+IF('Standard Profiles'!$G$21=$B$17,14,0)+IF('Standard Profiles'!$G$21=$B$24,21,0),MOD($C8116,24)+1)/SUM(INDEX($D$3:$AA$30,INDEX(Jesper!$R$2:$R$366,ROW(INDEX(Jesper!AK$2:AK$366,ROUNDDOWN($C8116/24,0)+1,1))-1)+IF('Standard Profiles'!$G$21=$B$10,7,0)+IF('Standard Profiles'!$G$21=$B$17,14,0)+IF('Standard Profiles'!$G$21=$B$24,21,0),0)),0)</f>
        <v>10.40931528021245</v>
      </c>
      <c r="H8116" cm="1">
        <f t="array" ref="H8116">IFERROR(INDEX(Jesper!AL$2:AL$366,ROUNDDOWN($C8116/24,0)+1,1)*INDEX($D$3:$AA$30,INDEX(Jesper!$R$2:$R$366,ROW(INDEX(Jesper!AL$2:AL$366,ROUNDDOWN($C8116/24,0)+1,1))-1)+IF('Standard Profiles'!$G$22=$B$10,7,0)+IF('Standard Profiles'!$G$22=$B$17,14,0)+IF('Standard Profiles'!$G$22=$B$24,21,0),MOD($C8116,24)+1)/SUM(INDEX($D$3:$AA$30,INDEX(Jesper!$R$2:$R$366,ROW(INDEX(Jesper!AL$2:AL$366,ROUNDDOWN($C8116/24,0)+1,1))-1)+IF('Standard Profiles'!$G$22=$B$10,7,0)+IF('Standard Profiles'!$G$22=$B$17,14,0)+IF('Standard Profiles'!$G$22=$B$24,21,0),0)),0)</f>
        <v>7.2507449394656041</v>
      </c>
      <c r="I8116">
        <f t="shared" si="902"/>
        <v>6.9607151418869835</v>
      </c>
      <c r="J8116">
        <f t="shared" si="903"/>
        <v>22.010446643960968</v>
      </c>
      <c r="K8116">
        <f t="shared" si="904"/>
        <v>0.50157447323924953</v>
      </c>
      <c r="L8116">
        <f t="shared" si="905"/>
        <v>0.25078723661962476</v>
      </c>
      <c r="M8116">
        <f t="shared" si="906"/>
        <v>0</v>
      </c>
      <c r="N8116" s="45">
        <f t="shared" si="907"/>
        <v>45263.749999980399</v>
      </c>
    </row>
    <row r="8117" spans="2:14" x14ac:dyDescent="0.25">
      <c r="B8117">
        <f t="shared" si="901"/>
        <v>7</v>
      </c>
      <c r="C8117" s="16">
        <v>8083</v>
      </c>
      <c r="D8117" cm="1">
        <f t="array" ref="D8117">IFERROR(INDEX(Jesper!AH$2:AH$366,ROUNDDOWN($C8117/24,0)+1,1)*INDEX($D$3:$AA$30,INDEX(Jesper!$R$2:$R$366,ROW(INDEX(Jesper!AH$2:AH$366,ROUNDDOWN($C8117/24,0)+1,1))-1)+IF('Standard Profiles'!$G$18=$B$10,7,0)+IF('Standard Profiles'!$G$18=$B$17,14,0)+IF('Standard Profiles'!$G$18=$B$24,21,0),MOD($C8117,24)+1)/SUM(INDEX($D$3:$AA$30,INDEX(Jesper!$R$2:$R$366,ROW(INDEX(Jesper!AH$2:AH$366,ROUNDDOWN($C8117/24,0)+1,1))-1)+IF('Standard Profiles'!$G$18=$B$10,7,0)+IF('Standard Profiles'!$G$18=$B$17,14,0)+IF('Standard Profiles'!$G$18=$B$24,21,0),0)),0)</f>
        <v>0</v>
      </c>
      <c r="E8117" cm="1">
        <f t="array" ref="E8117">IFERROR(INDEX(Jesper!AI$2:AI$366,ROUNDDOWN($C8117/24,0)+1,1)*INDEX($D$3:$AA$30,INDEX(Jesper!$R$2:$R$366,ROW(INDEX(Jesper!AI$2:AI$366,ROUNDDOWN($C8117/24,0)+1,1))-1)+IF('Standard Profiles'!$G$19=$B$10,7,0)+IF('Standard Profiles'!$G$19=$B$17,14,0)+IF('Standard Profiles'!$G$19=$B$24,21,0),MOD($C8117,24)+1)/SUM(INDEX($D$3:$AA$30,INDEX(Jesper!$R$2:$R$366,ROW(INDEX(Jesper!AI$2:AI$366,ROUNDDOWN($C8117/24,0)+1,1))-1)+IF('Standard Profiles'!$G$19=$B$10,7,0)+IF('Standard Profiles'!$G$19=$B$17,14,0)+IF('Standard Profiles'!$G$19=$B$24,21,0),0)),0)</f>
        <v>6.2696809154906186</v>
      </c>
      <c r="F8117" cm="1">
        <f t="array" ref="F8117">IFERROR(INDEX(Jesper!AJ$2:AJ$366,ROUNDDOWN($C8117/24,0)+1,1)*INDEX($D$3:$AA$30,INDEX(Jesper!$R$2:$R$366,ROW(INDEX(Jesper!AJ$2:AJ$366,ROUNDDOWN($C8117/24,0)+1,1))-1)+IF('Standard Profiles'!$G$20=$B$10,7,0)+IF('Standard Profiles'!$G$20=$B$17,14,0)+IF('Standard Profiles'!$G$20=$B$24,21,0),MOD($C8117,24)+1)/SUM(INDEX($D$3:$AA$30,INDEX(Jesper!$R$2:$R$366,ROW(INDEX(Jesper!AJ$2:AJ$366,ROUNDDOWN($C8117/24,0)+1,1))-1)+IF('Standard Profiles'!$G$20=$B$10,7,0)+IF('Standard Profiles'!$G$20=$B$17,14,0)+IF('Standard Profiles'!$G$20=$B$24,21,0),0)),0)</f>
        <v>5.7937823605381551</v>
      </c>
      <c r="G8117" cm="1">
        <f t="array" ref="G8117">IFERROR(INDEX(Jesper!AK$2:AK$366,ROUNDDOWN($C8117/24,0)+1,1)*INDEX($D$3:$AA$30,INDEX(Jesper!$R$2:$R$366,ROW(INDEX(Jesper!AK$2:AK$366,ROUNDDOWN($C8117/24,0)+1,1))-1)+IF('Standard Profiles'!$G$21=$B$10,7,0)+IF('Standard Profiles'!$G$21=$B$17,14,0)+IF('Standard Profiles'!$G$21=$B$24,21,0),MOD($C8117,24)+1)/SUM(INDEX($D$3:$AA$30,INDEX(Jesper!$R$2:$R$366,ROW(INDEX(Jesper!AK$2:AK$366,ROUNDDOWN($C8117/24,0)+1,1))-1)+IF('Standard Profiles'!$G$21=$B$10,7,0)+IF('Standard Profiles'!$G$21=$B$17,14,0)+IF('Standard Profiles'!$G$21=$B$24,21,0),0)),0)</f>
        <v>10.40931528021245</v>
      </c>
      <c r="H8117" cm="1">
        <f t="array" ref="H8117">IFERROR(INDEX(Jesper!AL$2:AL$366,ROUNDDOWN($C8117/24,0)+1,1)*INDEX($D$3:$AA$30,INDEX(Jesper!$R$2:$R$366,ROW(INDEX(Jesper!AL$2:AL$366,ROUNDDOWN($C8117/24,0)+1,1))-1)+IF('Standard Profiles'!$G$22=$B$10,7,0)+IF('Standard Profiles'!$G$22=$B$17,14,0)+IF('Standard Profiles'!$G$22=$B$24,21,0),MOD($C8117,24)+1)/SUM(INDEX($D$3:$AA$30,INDEX(Jesper!$R$2:$R$366,ROW(INDEX(Jesper!AL$2:AL$366,ROUNDDOWN($C8117/24,0)+1,1))-1)+IF('Standard Profiles'!$G$22=$B$10,7,0)+IF('Standard Profiles'!$G$22=$B$17,14,0)+IF('Standard Profiles'!$G$22=$B$24,21,0),0)),0)</f>
        <v>6.0972173354597121</v>
      </c>
      <c r="I8117">
        <f t="shared" si="902"/>
        <v>5.8533286420413271</v>
      </c>
      <c r="J8117">
        <f t="shared" si="903"/>
        <v>21.964305539800733</v>
      </c>
      <c r="K8117">
        <f t="shared" si="904"/>
        <v>0.50157447323924953</v>
      </c>
      <c r="L8117">
        <f t="shared" si="905"/>
        <v>0.25078723661962476</v>
      </c>
      <c r="M8117">
        <f t="shared" si="906"/>
        <v>0</v>
      </c>
      <c r="N8117" s="45">
        <f t="shared" si="907"/>
        <v>45263.791666647063</v>
      </c>
    </row>
    <row r="8118" spans="2:14" x14ac:dyDescent="0.25">
      <c r="B8118">
        <f t="shared" si="901"/>
        <v>7</v>
      </c>
      <c r="C8118" s="16">
        <v>8084</v>
      </c>
      <c r="D8118" cm="1">
        <f t="array" ref="D8118">IFERROR(INDEX(Jesper!AH$2:AH$366,ROUNDDOWN($C8118/24,0)+1,1)*INDEX($D$3:$AA$30,INDEX(Jesper!$R$2:$R$366,ROW(INDEX(Jesper!AH$2:AH$366,ROUNDDOWN($C8118/24,0)+1,1))-1)+IF('Standard Profiles'!$G$18=$B$10,7,0)+IF('Standard Profiles'!$G$18=$B$17,14,0)+IF('Standard Profiles'!$G$18=$B$24,21,0),MOD($C8118,24)+1)/SUM(INDEX($D$3:$AA$30,INDEX(Jesper!$R$2:$R$366,ROW(INDEX(Jesper!AH$2:AH$366,ROUNDDOWN($C8118/24,0)+1,1))-1)+IF('Standard Profiles'!$G$18=$B$10,7,0)+IF('Standard Profiles'!$G$18=$B$17,14,0)+IF('Standard Profiles'!$G$18=$B$24,21,0),0)),0)</f>
        <v>0</v>
      </c>
      <c r="E8118" cm="1">
        <f t="array" ref="E8118">IFERROR(INDEX(Jesper!AI$2:AI$366,ROUNDDOWN($C8118/24,0)+1,1)*INDEX($D$3:$AA$30,INDEX(Jesper!$R$2:$R$366,ROW(INDEX(Jesper!AI$2:AI$366,ROUNDDOWN($C8118/24,0)+1,1))-1)+IF('Standard Profiles'!$G$19=$B$10,7,0)+IF('Standard Profiles'!$G$19=$B$17,14,0)+IF('Standard Profiles'!$G$19=$B$24,21,0),MOD($C8118,24)+1)/SUM(INDEX($D$3:$AA$30,INDEX(Jesper!$R$2:$R$366,ROW(INDEX(Jesper!AI$2:AI$366,ROUNDDOWN($C8118/24,0)+1,1))-1)+IF('Standard Profiles'!$G$19=$B$10,7,0)+IF('Standard Profiles'!$G$19=$B$17,14,0)+IF('Standard Profiles'!$G$19=$B$24,21,0),0)),0)</f>
        <v>6.2696809154906186</v>
      </c>
      <c r="F8118" cm="1">
        <f t="array" ref="F8118">IFERROR(INDEX(Jesper!AJ$2:AJ$366,ROUNDDOWN($C8118/24,0)+1,1)*INDEX($D$3:$AA$30,INDEX(Jesper!$R$2:$R$366,ROW(INDEX(Jesper!AJ$2:AJ$366,ROUNDDOWN($C8118/24,0)+1,1))-1)+IF('Standard Profiles'!$G$20=$B$10,7,0)+IF('Standard Profiles'!$G$20=$B$17,14,0)+IF('Standard Profiles'!$G$20=$B$24,21,0),MOD($C8118,24)+1)/SUM(INDEX($D$3:$AA$30,INDEX(Jesper!$R$2:$R$366,ROW(INDEX(Jesper!AJ$2:AJ$366,ROUNDDOWN($C8118/24,0)+1,1))-1)+IF('Standard Profiles'!$G$20=$B$10,7,0)+IF('Standard Profiles'!$G$20=$B$17,14,0)+IF('Standard Profiles'!$G$20=$B$24,21,0),0)),0)</f>
        <v>5.7937823605381551</v>
      </c>
      <c r="G8118" cm="1">
        <f t="array" ref="G8118">IFERROR(INDEX(Jesper!AK$2:AK$366,ROUNDDOWN($C8118/24,0)+1,1)*INDEX($D$3:$AA$30,INDEX(Jesper!$R$2:$R$366,ROW(INDEX(Jesper!AK$2:AK$366,ROUNDDOWN($C8118/24,0)+1,1))-1)+IF('Standard Profiles'!$G$21=$B$10,7,0)+IF('Standard Profiles'!$G$21=$B$17,14,0)+IF('Standard Profiles'!$G$21=$B$24,21,0),MOD($C8118,24)+1)/SUM(INDEX($D$3:$AA$30,INDEX(Jesper!$R$2:$R$366,ROW(INDEX(Jesper!AK$2:AK$366,ROUNDDOWN($C8118/24,0)+1,1))-1)+IF('Standard Profiles'!$G$21=$B$10,7,0)+IF('Standard Profiles'!$G$21=$B$17,14,0)+IF('Standard Profiles'!$G$21=$B$24,21,0),0)),0)</f>
        <v>10.40931528021245</v>
      </c>
      <c r="H8118" cm="1">
        <f t="array" ref="H8118">IFERROR(INDEX(Jesper!AL$2:AL$366,ROUNDDOWN($C8118/24,0)+1,1)*INDEX($D$3:$AA$30,INDEX(Jesper!$R$2:$R$366,ROW(INDEX(Jesper!AL$2:AL$366,ROUNDDOWN($C8118/24,0)+1,1))-1)+IF('Standard Profiles'!$G$22=$B$10,7,0)+IF('Standard Profiles'!$G$22=$B$17,14,0)+IF('Standard Profiles'!$G$22=$B$24,21,0),MOD($C8118,24)+1)/SUM(INDEX($D$3:$AA$30,INDEX(Jesper!$R$2:$R$366,ROW(INDEX(Jesper!AL$2:AL$366,ROUNDDOWN($C8118/24,0)+1,1))-1)+IF('Standard Profiles'!$G$22=$B$10,7,0)+IF('Standard Profiles'!$G$22=$B$17,14,0)+IF('Standard Profiles'!$G$22=$B$24,21,0),0)),0)</f>
        <v>5.1084793891689477</v>
      </c>
      <c r="I8118">
        <f t="shared" si="902"/>
        <v>4.9041402136021928</v>
      </c>
      <c r="J8118">
        <f t="shared" si="903"/>
        <v>21.924756021949104</v>
      </c>
      <c r="K8118">
        <f t="shared" si="904"/>
        <v>0.50157447323924953</v>
      </c>
      <c r="L8118">
        <f t="shared" si="905"/>
        <v>0.25078723661962476</v>
      </c>
      <c r="M8118">
        <f t="shared" si="906"/>
        <v>0</v>
      </c>
      <c r="N8118" s="45">
        <f t="shared" si="907"/>
        <v>45263.833333313727</v>
      </c>
    </row>
    <row r="8119" spans="2:14" x14ac:dyDescent="0.25">
      <c r="B8119">
        <f t="shared" si="901"/>
        <v>7</v>
      </c>
      <c r="C8119" s="16">
        <v>8085</v>
      </c>
      <c r="D8119" cm="1">
        <f t="array" ref="D8119">IFERROR(INDEX(Jesper!AH$2:AH$366,ROUNDDOWN($C8119/24,0)+1,1)*INDEX($D$3:$AA$30,INDEX(Jesper!$R$2:$R$366,ROW(INDEX(Jesper!AH$2:AH$366,ROUNDDOWN($C8119/24,0)+1,1))-1)+IF('Standard Profiles'!$G$18=$B$10,7,0)+IF('Standard Profiles'!$G$18=$B$17,14,0)+IF('Standard Profiles'!$G$18=$B$24,21,0),MOD($C8119,24)+1)/SUM(INDEX($D$3:$AA$30,INDEX(Jesper!$R$2:$R$366,ROW(INDEX(Jesper!AH$2:AH$366,ROUNDDOWN($C8119/24,0)+1,1))-1)+IF('Standard Profiles'!$G$18=$B$10,7,0)+IF('Standard Profiles'!$G$18=$B$17,14,0)+IF('Standard Profiles'!$G$18=$B$24,21,0),0)),0)</f>
        <v>0</v>
      </c>
      <c r="E8119" cm="1">
        <f t="array" ref="E8119">IFERROR(INDEX(Jesper!AI$2:AI$366,ROUNDDOWN($C8119/24,0)+1,1)*INDEX($D$3:$AA$30,INDEX(Jesper!$R$2:$R$366,ROW(INDEX(Jesper!AI$2:AI$366,ROUNDDOWN($C8119/24,0)+1,1))-1)+IF('Standard Profiles'!$G$19=$B$10,7,0)+IF('Standard Profiles'!$G$19=$B$17,14,0)+IF('Standard Profiles'!$G$19=$B$24,21,0),MOD($C8119,24)+1)/SUM(INDEX($D$3:$AA$30,INDEX(Jesper!$R$2:$R$366,ROW(INDEX(Jesper!AI$2:AI$366,ROUNDDOWN($C8119/24,0)+1,1))-1)+IF('Standard Profiles'!$G$19=$B$10,7,0)+IF('Standard Profiles'!$G$19=$B$17,14,0)+IF('Standard Profiles'!$G$19=$B$24,21,0),0)),0)</f>
        <v>6.2696809154906186</v>
      </c>
      <c r="F8119" cm="1">
        <f t="array" ref="F8119">IFERROR(INDEX(Jesper!AJ$2:AJ$366,ROUNDDOWN($C8119/24,0)+1,1)*INDEX($D$3:$AA$30,INDEX(Jesper!$R$2:$R$366,ROW(INDEX(Jesper!AJ$2:AJ$366,ROUNDDOWN($C8119/24,0)+1,1))-1)+IF('Standard Profiles'!$G$20=$B$10,7,0)+IF('Standard Profiles'!$G$20=$B$17,14,0)+IF('Standard Profiles'!$G$20=$B$24,21,0),MOD($C8119,24)+1)/SUM(INDEX($D$3:$AA$30,INDEX(Jesper!$R$2:$R$366,ROW(INDEX(Jesper!AJ$2:AJ$366,ROUNDDOWN($C8119/24,0)+1,1))-1)+IF('Standard Profiles'!$G$20=$B$10,7,0)+IF('Standard Profiles'!$G$20=$B$17,14,0)+IF('Standard Profiles'!$G$20=$B$24,21,0),0)),0)</f>
        <v>5.7937823605381551</v>
      </c>
      <c r="G8119" cm="1">
        <f t="array" ref="G8119">IFERROR(INDEX(Jesper!AK$2:AK$366,ROUNDDOWN($C8119/24,0)+1,1)*INDEX($D$3:$AA$30,INDEX(Jesper!$R$2:$R$366,ROW(INDEX(Jesper!AK$2:AK$366,ROUNDDOWN($C8119/24,0)+1,1))-1)+IF('Standard Profiles'!$G$21=$B$10,7,0)+IF('Standard Profiles'!$G$21=$B$17,14,0)+IF('Standard Profiles'!$G$21=$B$24,21,0),MOD($C8119,24)+1)/SUM(INDEX($D$3:$AA$30,INDEX(Jesper!$R$2:$R$366,ROW(INDEX(Jesper!AK$2:AK$366,ROUNDDOWN($C8119/24,0)+1,1))-1)+IF('Standard Profiles'!$G$21=$B$10,7,0)+IF('Standard Profiles'!$G$21=$B$17,14,0)+IF('Standard Profiles'!$G$21=$B$24,21,0),0)),0)</f>
        <v>10.40931528021245</v>
      </c>
      <c r="H8119" cm="1">
        <f t="array" ref="H8119">IFERROR(INDEX(Jesper!AL$2:AL$366,ROUNDDOWN($C8119/24,0)+1,1)*INDEX($D$3:$AA$30,INDEX(Jesper!$R$2:$R$366,ROW(INDEX(Jesper!AL$2:AL$366,ROUNDDOWN($C8119/24,0)+1,1))-1)+IF('Standard Profiles'!$G$22=$B$10,7,0)+IF('Standard Profiles'!$G$22=$B$17,14,0)+IF('Standard Profiles'!$G$22=$B$24,21,0),MOD($C8119,24)+1)/SUM(INDEX($D$3:$AA$30,INDEX(Jesper!$R$2:$R$366,ROW(INDEX(Jesper!AL$2:AL$366,ROUNDDOWN($C8119/24,0)+1,1))-1)+IF('Standard Profiles'!$G$22=$B$10,7,0)+IF('Standard Profiles'!$G$22=$B$17,14,0)+IF('Standard Profiles'!$G$22=$B$24,21,0),0)),0)</f>
        <v>4.4493207583084393</v>
      </c>
      <c r="I8119">
        <f t="shared" si="902"/>
        <v>4.2713479279761044</v>
      </c>
      <c r="J8119">
        <f t="shared" si="903"/>
        <v>21.898389676714686</v>
      </c>
      <c r="K8119">
        <f t="shared" si="904"/>
        <v>0.50157447323924953</v>
      </c>
      <c r="L8119">
        <f t="shared" si="905"/>
        <v>0.25078723661962476</v>
      </c>
      <c r="M8119">
        <f t="shared" si="906"/>
        <v>0</v>
      </c>
      <c r="N8119" s="45">
        <f t="shared" si="907"/>
        <v>45263.874999980391</v>
      </c>
    </row>
    <row r="8120" spans="2:14" x14ac:dyDescent="0.25">
      <c r="B8120">
        <f t="shared" si="901"/>
        <v>7</v>
      </c>
      <c r="C8120" s="16">
        <v>8086</v>
      </c>
      <c r="D8120" cm="1">
        <f t="array" ref="D8120">IFERROR(INDEX(Jesper!AH$2:AH$366,ROUNDDOWN($C8120/24,0)+1,1)*INDEX($D$3:$AA$30,INDEX(Jesper!$R$2:$R$366,ROW(INDEX(Jesper!AH$2:AH$366,ROUNDDOWN($C8120/24,0)+1,1))-1)+IF('Standard Profiles'!$G$18=$B$10,7,0)+IF('Standard Profiles'!$G$18=$B$17,14,0)+IF('Standard Profiles'!$G$18=$B$24,21,0),MOD($C8120,24)+1)/SUM(INDEX($D$3:$AA$30,INDEX(Jesper!$R$2:$R$366,ROW(INDEX(Jesper!AH$2:AH$366,ROUNDDOWN($C8120/24,0)+1,1))-1)+IF('Standard Profiles'!$G$18=$B$10,7,0)+IF('Standard Profiles'!$G$18=$B$17,14,0)+IF('Standard Profiles'!$G$18=$B$24,21,0),0)),0)</f>
        <v>0</v>
      </c>
      <c r="E8120" cm="1">
        <f t="array" ref="E8120">IFERROR(INDEX(Jesper!AI$2:AI$366,ROUNDDOWN($C8120/24,0)+1,1)*INDEX($D$3:$AA$30,INDEX(Jesper!$R$2:$R$366,ROW(INDEX(Jesper!AI$2:AI$366,ROUNDDOWN($C8120/24,0)+1,1))-1)+IF('Standard Profiles'!$G$19=$B$10,7,0)+IF('Standard Profiles'!$G$19=$B$17,14,0)+IF('Standard Profiles'!$G$19=$B$24,21,0),MOD($C8120,24)+1)/SUM(INDEX($D$3:$AA$30,INDEX(Jesper!$R$2:$R$366,ROW(INDEX(Jesper!AI$2:AI$366,ROUNDDOWN($C8120/24,0)+1,1))-1)+IF('Standard Profiles'!$G$19=$B$10,7,0)+IF('Standard Profiles'!$G$19=$B$17,14,0)+IF('Standard Profiles'!$G$19=$B$24,21,0),0)),0)</f>
        <v>6.2696809154906186</v>
      </c>
      <c r="F8120" cm="1">
        <f t="array" ref="F8120">IFERROR(INDEX(Jesper!AJ$2:AJ$366,ROUNDDOWN($C8120/24,0)+1,1)*INDEX($D$3:$AA$30,INDEX(Jesper!$R$2:$R$366,ROW(INDEX(Jesper!AJ$2:AJ$366,ROUNDDOWN($C8120/24,0)+1,1))-1)+IF('Standard Profiles'!$G$20=$B$10,7,0)+IF('Standard Profiles'!$G$20=$B$17,14,0)+IF('Standard Profiles'!$G$20=$B$24,21,0),MOD($C8120,24)+1)/SUM(INDEX($D$3:$AA$30,INDEX(Jesper!$R$2:$R$366,ROW(INDEX(Jesper!AJ$2:AJ$366,ROUNDDOWN($C8120/24,0)+1,1))-1)+IF('Standard Profiles'!$G$20=$B$10,7,0)+IF('Standard Profiles'!$G$20=$B$17,14,0)+IF('Standard Profiles'!$G$20=$B$24,21,0),0)),0)</f>
        <v>5.7937823605381551</v>
      </c>
      <c r="G8120" cm="1">
        <f t="array" ref="G8120">IFERROR(INDEX(Jesper!AK$2:AK$366,ROUNDDOWN($C8120/24,0)+1,1)*INDEX($D$3:$AA$30,INDEX(Jesper!$R$2:$R$366,ROW(INDEX(Jesper!AK$2:AK$366,ROUNDDOWN($C8120/24,0)+1,1))-1)+IF('Standard Profiles'!$G$21=$B$10,7,0)+IF('Standard Profiles'!$G$21=$B$17,14,0)+IF('Standard Profiles'!$G$21=$B$24,21,0),MOD($C8120,24)+1)/SUM(INDEX($D$3:$AA$30,INDEX(Jesper!$R$2:$R$366,ROW(INDEX(Jesper!AK$2:AK$366,ROUNDDOWN($C8120/24,0)+1,1))-1)+IF('Standard Profiles'!$G$21=$B$10,7,0)+IF('Standard Profiles'!$G$21=$B$17,14,0)+IF('Standard Profiles'!$G$21=$B$24,21,0),0)),0)</f>
        <v>10.40931528021245</v>
      </c>
      <c r="H8120" cm="1">
        <f t="array" ref="H8120">IFERROR(INDEX(Jesper!AL$2:AL$366,ROUNDDOWN($C8120/24,0)+1,1)*INDEX($D$3:$AA$30,INDEX(Jesper!$R$2:$R$366,ROW(INDEX(Jesper!AL$2:AL$366,ROUNDDOWN($C8120/24,0)+1,1))-1)+IF('Standard Profiles'!$G$22=$B$10,7,0)+IF('Standard Profiles'!$G$22=$B$17,14,0)+IF('Standard Profiles'!$G$22=$B$24,21,0),MOD($C8120,24)+1)/SUM(INDEX($D$3:$AA$30,INDEX(Jesper!$R$2:$R$366,ROW(INDEX(Jesper!AL$2:AL$366,ROUNDDOWN($C8120/24,0)+1,1))-1)+IF('Standard Profiles'!$G$22=$B$10,7,0)+IF('Standard Profiles'!$G$22=$B$17,14,0)+IF('Standard Profiles'!$G$22=$B$24,21,0),0)),0)</f>
        <v>4.4493207583084393</v>
      </c>
      <c r="I8120">
        <f t="shared" si="902"/>
        <v>4.2713479279761044</v>
      </c>
      <c r="J8120">
        <f t="shared" si="903"/>
        <v>21.898389676714686</v>
      </c>
      <c r="K8120">
        <f t="shared" si="904"/>
        <v>0.50157447323924953</v>
      </c>
      <c r="L8120">
        <f t="shared" si="905"/>
        <v>0.25078723661962476</v>
      </c>
      <c r="M8120">
        <f t="shared" si="906"/>
        <v>0</v>
      </c>
      <c r="N8120" s="45">
        <f t="shared" si="907"/>
        <v>45263.916666647056</v>
      </c>
    </row>
    <row r="8121" spans="2:14" x14ac:dyDescent="0.25">
      <c r="B8121">
        <f t="shared" si="901"/>
        <v>7</v>
      </c>
      <c r="C8121" s="16">
        <v>8087</v>
      </c>
      <c r="D8121" cm="1">
        <f t="array" ref="D8121">IFERROR(INDEX(Jesper!AH$2:AH$366,ROUNDDOWN($C8121/24,0)+1,1)*INDEX($D$3:$AA$30,INDEX(Jesper!$R$2:$R$366,ROW(INDEX(Jesper!AH$2:AH$366,ROUNDDOWN($C8121/24,0)+1,1))-1)+IF('Standard Profiles'!$G$18=$B$10,7,0)+IF('Standard Profiles'!$G$18=$B$17,14,0)+IF('Standard Profiles'!$G$18=$B$24,21,0),MOD($C8121,24)+1)/SUM(INDEX($D$3:$AA$30,INDEX(Jesper!$R$2:$R$366,ROW(INDEX(Jesper!AH$2:AH$366,ROUNDDOWN($C8121/24,0)+1,1))-1)+IF('Standard Profiles'!$G$18=$B$10,7,0)+IF('Standard Profiles'!$G$18=$B$17,14,0)+IF('Standard Profiles'!$G$18=$B$24,21,0),0)),0)</f>
        <v>0</v>
      </c>
      <c r="E8121" cm="1">
        <f t="array" ref="E8121">IFERROR(INDEX(Jesper!AI$2:AI$366,ROUNDDOWN($C8121/24,0)+1,1)*INDEX($D$3:$AA$30,INDEX(Jesper!$R$2:$R$366,ROW(INDEX(Jesper!AI$2:AI$366,ROUNDDOWN($C8121/24,0)+1,1))-1)+IF('Standard Profiles'!$G$19=$B$10,7,0)+IF('Standard Profiles'!$G$19=$B$17,14,0)+IF('Standard Profiles'!$G$19=$B$24,21,0),MOD($C8121,24)+1)/SUM(INDEX($D$3:$AA$30,INDEX(Jesper!$R$2:$R$366,ROW(INDEX(Jesper!AI$2:AI$366,ROUNDDOWN($C8121/24,0)+1,1))-1)+IF('Standard Profiles'!$G$19=$B$10,7,0)+IF('Standard Profiles'!$G$19=$B$17,14,0)+IF('Standard Profiles'!$G$19=$B$24,21,0),0)),0)</f>
        <v>6.2696809154906186</v>
      </c>
      <c r="F8121" cm="1">
        <f t="array" ref="F8121">IFERROR(INDEX(Jesper!AJ$2:AJ$366,ROUNDDOWN($C8121/24,0)+1,1)*INDEX($D$3:$AA$30,INDEX(Jesper!$R$2:$R$366,ROW(INDEX(Jesper!AJ$2:AJ$366,ROUNDDOWN($C8121/24,0)+1,1))-1)+IF('Standard Profiles'!$G$20=$B$10,7,0)+IF('Standard Profiles'!$G$20=$B$17,14,0)+IF('Standard Profiles'!$G$20=$B$24,21,0),MOD($C8121,24)+1)/SUM(INDEX($D$3:$AA$30,INDEX(Jesper!$R$2:$R$366,ROW(INDEX(Jesper!AJ$2:AJ$366,ROUNDDOWN($C8121/24,0)+1,1))-1)+IF('Standard Profiles'!$G$20=$B$10,7,0)+IF('Standard Profiles'!$G$20=$B$17,14,0)+IF('Standard Profiles'!$G$20=$B$24,21,0),0)),0)</f>
        <v>5.7937823605381551</v>
      </c>
      <c r="G8121" cm="1">
        <f t="array" ref="G8121">IFERROR(INDEX(Jesper!AK$2:AK$366,ROUNDDOWN($C8121/24,0)+1,1)*INDEX($D$3:$AA$30,INDEX(Jesper!$R$2:$R$366,ROW(INDEX(Jesper!AK$2:AK$366,ROUNDDOWN($C8121/24,0)+1,1))-1)+IF('Standard Profiles'!$G$21=$B$10,7,0)+IF('Standard Profiles'!$G$21=$B$17,14,0)+IF('Standard Profiles'!$G$21=$B$24,21,0),MOD($C8121,24)+1)/SUM(INDEX($D$3:$AA$30,INDEX(Jesper!$R$2:$R$366,ROW(INDEX(Jesper!AK$2:AK$366,ROUNDDOWN($C8121/24,0)+1,1))-1)+IF('Standard Profiles'!$G$21=$B$10,7,0)+IF('Standard Profiles'!$G$21=$B$17,14,0)+IF('Standard Profiles'!$G$21=$B$24,21,0),0)),0)</f>
        <v>10.40931528021245</v>
      </c>
      <c r="H8121" cm="1">
        <f t="array" ref="H8121">IFERROR(INDEX(Jesper!AL$2:AL$366,ROUNDDOWN($C8121/24,0)+1,1)*INDEX($D$3:$AA$30,INDEX(Jesper!$R$2:$R$366,ROW(INDEX(Jesper!AL$2:AL$366,ROUNDDOWN($C8121/24,0)+1,1))-1)+IF('Standard Profiles'!$G$22=$B$10,7,0)+IF('Standard Profiles'!$G$22=$B$17,14,0)+IF('Standard Profiles'!$G$22=$B$24,21,0),MOD($C8121,24)+1)/SUM(INDEX($D$3:$AA$30,INDEX(Jesper!$R$2:$R$366,ROW(INDEX(Jesper!AL$2:AL$366,ROUNDDOWN($C8121/24,0)+1,1))-1)+IF('Standard Profiles'!$G$22=$B$10,7,0)+IF('Standard Profiles'!$G$22=$B$17,14,0)+IF('Standard Profiles'!$G$22=$B$24,21,0),0)),0)</f>
        <v>4.4493207583084393</v>
      </c>
      <c r="I8121">
        <f t="shared" si="902"/>
        <v>4.2713479279761044</v>
      </c>
      <c r="J8121">
        <f t="shared" si="903"/>
        <v>21.898389676714686</v>
      </c>
      <c r="K8121">
        <f t="shared" si="904"/>
        <v>0.50157447323924953</v>
      </c>
      <c r="L8121">
        <f t="shared" si="905"/>
        <v>0.25078723661962476</v>
      </c>
      <c r="M8121">
        <f t="shared" si="906"/>
        <v>0</v>
      </c>
      <c r="N8121" s="45">
        <f t="shared" si="907"/>
        <v>45263.95833331372</v>
      </c>
    </row>
    <row r="8122" spans="2:14" x14ac:dyDescent="0.25">
      <c r="B8122">
        <f t="shared" si="901"/>
        <v>1</v>
      </c>
      <c r="C8122" s="16">
        <v>8088</v>
      </c>
      <c r="D8122" cm="1">
        <f t="array" ref="D8122">IFERROR(INDEX(Jesper!AH$2:AH$366,ROUNDDOWN($C8122/24,0)+1,1)*INDEX($D$3:$AA$30,INDEX(Jesper!$R$2:$R$366,ROW(INDEX(Jesper!AH$2:AH$366,ROUNDDOWN($C8122/24,0)+1,1))-1)+IF('Standard Profiles'!$G$18=$B$10,7,0)+IF('Standard Profiles'!$G$18=$B$17,14,0)+IF('Standard Profiles'!$G$18=$B$24,21,0),MOD($C8122,24)+1)/SUM(INDEX($D$3:$AA$30,INDEX(Jesper!$R$2:$R$366,ROW(INDEX(Jesper!AH$2:AH$366,ROUNDDOWN($C8122/24,0)+1,1))-1)+IF('Standard Profiles'!$G$18=$B$10,7,0)+IF('Standard Profiles'!$G$18=$B$17,14,0)+IF('Standard Profiles'!$G$18=$B$24,21,0),0)),0)</f>
        <v>6.3472760253378091</v>
      </c>
      <c r="E8122" cm="1">
        <f t="array" ref="E8122">IFERROR(INDEX(Jesper!AI$2:AI$366,ROUNDDOWN($C8122/24,0)+1,1)*INDEX($D$3:$AA$30,INDEX(Jesper!$R$2:$R$366,ROW(INDEX(Jesper!AI$2:AI$366,ROUNDDOWN($C8122/24,0)+1,1))-1)+IF('Standard Profiles'!$G$19=$B$10,7,0)+IF('Standard Profiles'!$G$19=$B$17,14,0)+IF('Standard Profiles'!$G$19=$B$24,21,0),MOD($C8122,24)+1)/SUM(INDEX($D$3:$AA$30,INDEX(Jesper!$R$2:$R$366,ROW(INDEX(Jesper!AI$2:AI$366,ROUNDDOWN($C8122/24,0)+1,1))-1)+IF('Standard Profiles'!$G$19=$B$10,7,0)+IF('Standard Profiles'!$G$19=$B$17,14,0)+IF('Standard Profiles'!$G$19=$B$24,21,0),0)),0)</f>
        <v>9.0466861491636674</v>
      </c>
      <c r="F8122" cm="1">
        <f t="array" ref="F8122">IFERROR(INDEX(Jesper!AJ$2:AJ$366,ROUNDDOWN($C8122/24,0)+1,1)*INDEX($D$3:$AA$30,INDEX(Jesper!$R$2:$R$366,ROW(INDEX(Jesper!AJ$2:AJ$366,ROUNDDOWN($C8122/24,0)+1,1))-1)+IF('Standard Profiles'!$G$20=$B$10,7,0)+IF('Standard Profiles'!$G$20=$B$17,14,0)+IF('Standard Profiles'!$G$20=$B$24,21,0),MOD($C8122,24)+1)/SUM(INDEX($D$3:$AA$30,INDEX(Jesper!$R$2:$R$366,ROW(INDEX(Jesper!AJ$2:AJ$366,ROUNDDOWN($C8122/24,0)+1,1))-1)+IF('Standard Profiles'!$G$20=$B$10,7,0)+IF('Standard Profiles'!$G$20=$B$17,14,0)+IF('Standard Profiles'!$G$20=$B$24,21,0),0)),0)</f>
        <v>0</v>
      </c>
      <c r="G8122" cm="1">
        <f t="array" ref="G8122">IFERROR(INDEX(Jesper!AK$2:AK$366,ROUNDDOWN($C8122/24,0)+1,1)*INDEX($D$3:$AA$30,INDEX(Jesper!$R$2:$R$366,ROW(INDEX(Jesper!AK$2:AK$366,ROUNDDOWN($C8122/24,0)+1,1))-1)+IF('Standard Profiles'!$G$21=$B$10,7,0)+IF('Standard Profiles'!$G$21=$B$17,14,0)+IF('Standard Profiles'!$G$21=$B$24,21,0),MOD($C8122,24)+1)/SUM(INDEX($D$3:$AA$30,INDEX(Jesper!$R$2:$R$366,ROW(INDEX(Jesper!AK$2:AK$366,ROUNDDOWN($C8122/24,0)+1,1))-1)+IF('Standard Profiles'!$G$21=$B$10,7,0)+IF('Standard Profiles'!$G$21=$B$17,14,0)+IF('Standard Profiles'!$G$21=$B$24,21,0),0)),0)</f>
        <v>9.7197661883321018</v>
      </c>
      <c r="H8122" cm="1">
        <f t="array" ref="H8122">IFERROR(INDEX(Jesper!AL$2:AL$366,ROUNDDOWN($C8122/24,0)+1,1)*INDEX($D$3:$AA$30,INDEX(Jesper!$R$2:$R$366,ROW(INDEX(Jesper!AL$2:AL$366,ROUNDDOWN($C8122/24,0)+1,1))-1)+IF('Standard Profiles'!$G$22=$B$10,7,0)+IF('Standard Profiles'!$G$22=$B$17,14,0)+IF('Standard Profiles'!$G$22=$B$24,21,0),MOD($C8122,24)+1)/SUM(INDEX($D$3:$AA$30,INDEX(Jesper!$R$2:$R$366,ROW(INDEX(Jesper!AL$2:AL$366,ROUNDDOWN($C8122/24,0)+1,1))-1)+IF('Standard Profiles'!$G$22=$B$10,7,0)+IF('Standard Profiles'!$G$22=$B$17,14,0)+IF('Standard Profiles'!$G$22=$B$24,21,0),0)),0)</f>
        <v>0</v>
      </c>
      <c r="I8122">
        <f t="shared" si="902"/>
        <v>4.6654877703994062</v>
      </c>
      <c r="J8122">
        <f t="shared" si="903"/>
        <v>19.432676428380123</v>
      </c>
      <c r="K8122">
        <f t="shared" si="904"/>
        <v>0.67704277603603302</v>
      </c>
      <c r="L8122">
        <f t="shared" si="905"/>
        <v>0.33852138801801651</v>
      </c>
      <c r="M8122">
        <f t="shared" si="906"/>
        <v>0</v>
      </c>
      <c r="N8122" s="45">
        <f t="shared" si="907"/>
        <v>45263.999999980384</v>
      </c>
    </row>
    <row r="8123" spans="2:14" x14ac:dyDescent="0.25">
      <c r="B8123">
        <f t="shared" si="901"/>
        <v>1</v>
      </c>
      <c r="C8123" s="16">
        <v>8089</v>
      </c>
      <c r="D8123" cm="1">
        <f t="array" ref="D8123">IFERROR(INDEX(Jesper!AH$2:AH$366,ROUNDDOWN($C8123/24,0)+1,1)*INDEX($D$3:$AA$30,INDEX(Jesper!$R$2:$R$366,ROW(INDEX(Jesper!AH$2:AH$366,ROUNDDOWN($C8123/24,0)+1,1))-1)+IF('Standard Profiles'!$G$18=$B$10,7,0)+IF('Standard Profiles'!$G$18=$B$17,14,0)+IF('Standard Profiles'!$G$18=$B$24,21,0),MOD($C8123,24)+1)/SUM(INDEX($D$3:$AA$30,INDEX(Jesper!$R$2:$R$366,ROW(INDEX(Jesper!AH$2:AH$366,ROUNDDOWN($C8123/24,0)+1,1))-1)+IF('Standard Profiles'!$G$18=$B$10,7,0)+IF('Standard Profiles'!$G$18=$B$17,14,0)+IF('Standard Profiles'!$G$18=$B$24,21,0),0)),0)</f>
        <v>6.3472760253378091</v>
      </c>
      <c r="E8123" cm="1">
        <f t="array" ref="E8123">IFERROR(INDEX(Jesper!AI$2:AI$366,ROUNDDOWN($C8123/24,0)+1,1)*INDEX($D$3:$AA$30,INDEX(Jesper!$R$2:$R$366,ROW(INDEX(Jesper!AI$2:AI$366,ROUNDDOWN($C8123/24,0)+1,1))-1)+IF('Standard Profiles'!$G$19=$B$10,7,0)+IF('Standard Profiles'!$G$19=$B$17,14,0)+IF('Standard Profiles'!$G$19=$B$24,21,0),MOD($C8123,24)+1)/SUM(INDEX($D$3:$AA$30,INDEX(Jesper!$R$2:$R$366,ROW(INDEX(Jesper!AI$2:AI$366,ROUNDDOWN($C8123/24,0)+1,1))-1)+IF('Standard Profiles'!$G$19=$B$10,7,0)+IF('Standard Profiles'!$G$19=$B$17,14,0)+IF('Standard Profiles'!$G$19=$B$24,21,0),0)),0)</f>
        <v>9.0466861491636674</v>
      </c>
      <c r="F8123" cm="1">
        <f t="array" ref="F8123">IFERROR(INDEX(Jesper!AJ$2:AJ$366,ROUNDDOWN($C8123/24,0)+1,1)*INDEX($D$3:$AA$30,INDEX(Jesper!$R$2:$R$366,ROW(INDEX(Jesper!AJ$2:AJ$366,ROUNDDOWN($C8123/24,0)+1,1))-1)+IF('Standard Profiles'!$G$20=$B$10,7,0)+IF('Standard Profiles'!$G$20=$B$17,14,0)+IF('Standard Profiles'!$G$20=$B$24,21,0),MOD($C8123,24)+1)/SUM(INDEX($D$3:$AA$30,INDEX(Jesper!$R$2:$R$366,ROW(INDEX(Jesper!AJ$2:AJ$366,ROUNDDOWN($C8123/24,0)+1,1))-1)+IF('Standard Profiles'!$G$20=$B$10,7,0)+IF('Standard Profiles'!$G$20=$B$17,14,0)+IF('Standard Profiles'!$G$20=$B$24,21,0),0)),0)</f>
        <v>0</v>
      </c>
      <c r="G8123" cm="1">
        <f t="array" ref="G8123">IFERROR(INDEX(Jesper!AK$2:AK$366,ROUNDDOWN($C8123/24,0)+1,1)*INDEX($D$3:$AA$30,INDEX(Jesper!$R$2:$R$366,ROW(INDEX(Jesper!AK$2:AK$366,ROUNDDOWN($C8123/24,0)+1,1))-1)+IF('Standard Profiles'!$G$21=$B$10,7,0)+IF('Standard Profiles'!$G$21=$B$17,14,0)+IF('Standard Profiles'!$G$21=$B$24,21,0),MOD($C8123,24)+1)/SUM(INDEX($D$3:$AA$30,INDEX(Jesper!$R$2:$R$366,ROW(INDEX(Jesper!AK$2:AK$366,ROUNDDOWN($C8123/24,0)+1,1))-1)+IF('Standard Profiles'!$G$21=$B$10,7,0)+IF('Standard Profiles'!$G$21=$B$17,14,0)+IF('Standard Profiles'!$G$21=$B$24,21,0),0)),0)</f>
        <v>9.7197661883321018</v>
      </c>
      <c r="H8123" cm="1">
        <f t="array" ref="H8123">IFERROR(INDEX(Jesper!AL$2:AL$366,ROUNDDOWN($C8123/24,0)+1,1)*INDEX($D$3:$AA$30,INDEX(Jesper!$R$2:$R$366,ROW(INDEX(Jesper!AL$2:AL$366,ROUNDDOWN($C8123/24,0)+1,1))-1)+IF('Standard Profiles'!$G$22=$B$10,7,0)+IF('Standard Profiles'!$G$22=$B$17,14,0)+IF('Standard Profiles'!$G$22=$B$24,21,0),MOD($C8123,24)+1)/SUM(INDEX($D$3:$AA$30,INDEX(Jesper!$R$2:$R$366,ROW(INDEX(Jesper!AL$2:AL$366,ROUNDDOWN($C8123/24,0)+1,1))-1)+IF('Standard Profiles'!$G$22=$B$10,7,0)+IF('Standard Profiles'!$G$22=$B$17,14,0)+IF('Standard Profiles'!$G$22=$B$24,21,0),0)),0)</f>
        <v>0</v>
      </c>
      <c r="I8123">
        <f t="shared" si="902"/>
        <v>4.6654877703994062</v>
      </c>
      <c r="J8123">
        <f t="shared" si="903"/>
        <v>19.432676428380123</v>
      </c>
      <c r="K8123">
        <f t="shared" si="904"/>
        <v>0.67704277603603302</v>
      </c>
      <c r="L8123">
        <f t="shared" si="905"/>
        <v>0.33852138801801651</v>
      </c>
      <c r="M8123">
        <f t="shared" si="906"/>
        <v>0</v>
      </c>
      <c r="N8123" s="45">
        <f t="shared" si="907"/>
        <v>45264.041666647048</v>
      </c>
    </row>
    <row r="8124" spans="2:14" x14ac:dyDescent="0.25">
      <c r="B8124">
        <f t="shared" si="901"/>
        <v>1</v>
      </c>
      <c r="C8124" s="16">
        <v>8090</v>
      </c>
      <c r="D8124" cm="1">
        <f t="array" ref="D8124">IFERROR(INDEX(Jesper!AH$2:AH$366,ROUNDDOWN($C8124/24,0)+1,1)*INDEX($D$3:$AA$30,INDEX(Jesper!$R$2:$R$366,ROW(INDEX(Jesper!AH$2:AH$366,ROUNDDOWN($C8124/24,0)+1,1))-1)+IF('Standard Profiles'!$G$18=$B$10,7,0)+IF('Standard Profiles'!$G$18=$B$17,14,0)+IF('Standard Profiles'!$G$18=$B$24,21,0),MOD($C8124,24)+1)/SUM(INDEX($D$3:$AA$30,INDEX(Jesper!$R$2:$R$366,ROW(INDEX(Jesper!AH$2:AH$366,ROUNDDOWN($C8124/24,0)+1,1))-1)+IF('Standard Profiles'!$G$18=$B$10,7,0)+IF('Standard Profiles'!$G$18=$B$17,14,0)+IF('Standard Profiles'!$G$18=$B$24,21,0),0)),0)</f>
        <v>6.3472760253378091</v>
      </c>
      <c r="E8124" cm="1">
        <f t="array" ref="E8124">IFERROR(INDEX(Jesper!AI$2:AI$366,ROUNDDOWN($C8124/24,0)+1,1)*INDEX($D$3:$AA$30,INDEX(Jesper!$R$2:$R$366,ROW(INDEX(Jesper!AI$2:AI$366,ROUNDDOWN($C8124/24,0)+1,1))-1)+IF('Standard Profiles'!$G$19=$B$10,7,0)+IF('Standard Profiles'!$G$19=$B$17,14,0)+IF('Standard Profiles'!$G$19=$B$24,21,0),MOD($C8124,24)+1)/SUM(INDEX($D$3:$AA$30,INDEX(Jesper!$R$2:$R$366,ROW(INDEX(Jesper!AI$2:AI$366,ROUNDDOWN($C8124/24,0)+1,1))-1)+IF('Standard Profiles'!$G$19=$B$10,7,0)+IF('Standard Profiles'!$G$19=$B$17,14,0)+IF('Standard Profiles'!$G$19=$B$24,21,0),0)),0)</f>
        <v>9.0466861491636674</v>
      </c>
      <c r="F8124" cm="1">
        <f t="array" ref="F8124">IFERROR(INDEX(Jesper!AJ$2:AJ$366,ROUNDDOWN($C8124/24,0)+1,1)*INDEX($D$3:$AA$30,INDEX(Jesper!$R$2:$R$366,ROW(INDEX(Jesper!AJ$2:AJ$366,ROUNDDOWN($C8124/24,0)+1,1))-1)+IF('Standard Profiles'!$G$20=$B$10,7,0)+IF('Standard Profiles'!$G$20=$B$17,14,0)+IF('Standard Profiles'!$G$20=$B$24,21,0),MOD($C8124,24)+1)/SUM(INDEX($D$3:$AA$30,INDEX(Jesper!$R$2:$R$366,ROW(INDEX(Jesper!AJ$2:AJ$366,ROUNDDOWN($C8124/24,0)+1,1))-1)+IF('Standard Profiles'!$G$20=$B$10,7,0)+IF('Standard Profiles'!$G$20=$B$17,14,0)+IF('Standard Profiles'!$G$20=$B$24,21,0),0)),0)</f>
        <v>0</v>
      </c>
      <c r="G8124" cm="1">
        <f t="array" ref="G8124">IFERROR(INDEX(Jesper!AK$2:AK$366,ROUNDDOWN($C8124/24,0)+1,1)*INDEX($D$3:$AA$30,INDEX(Jesper!$R$2:$R$366,ROW(INDEX(Jesper!AK$2:AK$366,ROUNDDOWN($C8124/24,0)+1,1))-1)+IF('Standard Profiles'!$G$21=$B$10,7,0)+IF('Standard Profiles'!$G$21=$B$17,14,0)+IF('Standard Profiles'!$G$21=$B$24,21,0),MOD($C8124,24)+1)/SUM(INDEX($D$3:$AA$30,INDEX(Jesper!$R$2:$R$366,ROW(INDEX(Jesper!AK$2:AK$366,ROUNDDOWN($C8124/24,0)+1,1))-1)+IF('Standard Profiles'!$G$21=$B$10,7,0)+IF('Standard Profiles'!$G$21=$B$17,14,0)+IF('Standard Profiles'!$G$21=$B$24,21,0),0)),0)</f>
        <v>9.7197661883321018</v>
      </c>
      <c r="H8124" cm="1">
        <f t="array" ref="H8124">IFERROR(INDEX(Jesper!AL$2:AL$366,ROUNDDOWN($C8124/24,0)+1,1)*INDEX($D$3:$AA$30,INDEX(Jesper!$R$2:$R$366,ROW(INDEX(Jesper!AL$2:AL$366,ROUNDDOWN($C8124/24,0)+1,1))-1)+IF('Standard Profiles'!$G$22=$B$10,7,0)+IF('Standard Profiles'!$G$22=$B$17,14,0)+IF('Standard Profiles'!$G$22=$B$24,21,0),MOD($C8124,24)+1)/SUM(INDEX($D$3:$AA$30,INDEX(Jesper!$R$2:$R$366,ROW(INDEX(Jesper!AL$2:AL$366,ROUNDDOWN($C8124/24,0)+1,1))-1)+IF('Standard Profiles'!$G$22=$B$10,7,0)+IF('Standard Profiles'!$G$22=$B$17,14,0)+IF('Standard Profiles'!$G$22=$B$24,21,0),0)),0)</f>
        <v>0</v>
      </c>
      <c r="I8124">
        <f t="shared" si="902"/>
        <v>4.6654877703994062</v>
      </c>
      <c r="J8124">
        <f t="shared" si="903"/>
        <v>19.432676428380123</v>
      </c>
      <c r="K8124">
        <f t="shared" si="904"/>
        <v>0.67704277603603302</v>
      </c>
      <c r="L8124">
        <f t="shared" si="905"/>
        <v>0.33852138801801651</v>
      </c>
      <c r="M8124">
        <f t="shared" si="906"/>
        <v>0</v>
      </c>
      <c r="N8124" s="45">
        <f t="shared" si="907"/>
        <v>45264.083333313713</v>
      </c>
    </row>
    <row r="8125" spans="2:14" x14ac:dyDescent="0.25">
      <c r="B8125">
        <f t="shared" si="901"/>
        <v>1</v>
      </c>
      <c r="C8125" s="16">
        <v>8091</v>
      </c>
      <c r="D8125" cm="1">
        <f t="array" ref="D8125">IFERROR(INDEX(Jesper!AH$2:AH$366,ROUNDDOWN($C8125/24,0)+1,1)*INDEX($D$3:$AA$30,INDEX(Jesper!$R$2:$R$366,ROW(INDEX(Jesper!AH$2:AH$366,ROUNDDOWN($C8125/24,0)+1,1))-1)+IF('Standard Profiles'!$G$18=$B$10,7,0)+IF('Standard Profiles'!$G$18=$B$17,14,0)+IF('Standard Profiles'!$G$18=$B$24,21,0),MOD($C8125,24)+1)/SUM(INDEX($D$3:$AA$30,INDEX(Jesper!$R$2:$R$366,ROW(INDEX(Jesper!AH$2:AH$366,ROUNDDOWN($C8125/24,0)+1,1))-1)+IF('Standard Profiles'!$G$18=$B$10,7,0)+IF('Standard Profiles'!$G$18=$B$17,14,0)+IF('Standard Profiles'!$G$18=$B$24,21,0),0)),0)</f>
        <v>6.3472760253378091</v>
      </c>
      <c r="E8125" cm="1">
        <f t="array" ref="E8125">IFERROR(INDEX(Jesper!AI$2:AI$366,ROUNDDOWN($C8125/24,0)+1,1)*INDEX($D$3:$AA$30,INDEX(Jesper!$R$2:$R$366,ROW(INDEX(Jesper!AI$2:AI$366,ROUNDDOWN($C8125/24,0)+1,1))-1)+IF('Standard Profiles'!$G$19=$B$10,7,0)+IF('Standard Profiles'!$G$19=$B$17,14,0)+IF('Standard Profiles'!$G$19=$B$24,21,0),MOD($C8125,24)+1)/SUM(INDEX($D$3:$AA$30,INDEX(Jesper!$R$2:$R$366,ROW(INDEX(Jesper!AI$2:AI$366,ROUNDDOWN($C8125/24,0)+1,1))-1)+IF('Standard Profiles'!$G$19=$B$10,7,0)+IF('Standard Profiles'!$G$19=$B$17,14,0)+IF('Standard Profiles'!$G$19=$B$24,21,0),0)),0)</f>
        <v>9.0466861491636674</v>
      </c>
      <c r="F8125" cm="1">
        <f t="array" ref="F8125">IFERROR(INDEX(Jesper!AJ$2:AJ$366,ROUNDDOWN($C8125/24,0)+1,1)*INDEX($D$3:$AA$30,INDEX(Jesper!$R$2:$R$366,ROW(INDEX(Jesper!AJ$2:AJ$366,ROUNDDOWN($C8125/24,0)+1,1))-1)+IF('Standard Profiles'!$G$20=$B$10,7,0)+IF('Standard Profiles'!$G$20=$B$17,14,0)+IF('Standard Profiles'!$G$20=$B$24,21,0),MOD($C8125,24)+1)/SUM(INDEX($D$3:$AA$30,INDEX(Jesper!$R$2:$R$366,ROW(INDEX(Jesper!AJ$2:AJ$366,ROUNDDOWN($C8125/24,0)+1,1))-1)+IF('Standard Profiles'!$G$20=$B$10,7,0)+IF('Standard Profiles'!$G$20=$B$17,14,0)+IF('Standard Profiles'!$G$20=$B$24,21,0),0)),0)</f>
        <v>0</v>
      </c>
      <c r="G8125" cm="1">
        <f t="array" ref="G8125">IFERROR(INDEX(Jesper!AK$2:AK$366,ROUNDDOWN($C8125/24,0)+1,1)*INDEX($D$3:$AA$30,INDEX(Jesper!$R$2:$R$366,ROW(INDEX(Jesper!AK$2:AK$366,ROUNDDOWN($C8125/24,0)+1,1))-1)+IF('Standard Profiles'!$G$21=$B$10,7,0)+IF('Standard Profiles'!$G$21=$B$17,14,0)+IF('Standard Profiles'!$G$21=$B$24,21,0),MOD($C8125,24)+1)/SUM(INDEX($D$3:$AA$30,INDEX(Jesper!$R$2:$R$366,ROW(INDEX(Jesper!AK$2:AK$366,ROUNDDOWN($C8125/24,0)+1,1))-1)+IF('Standard Profiles'!$G$21=$B$10,7,0)+IF('Standard Profiles'!$G$21=$B$17,14,0)+IF('Standard Profiles'!$G$21=$B$24,21,0),0)),0)</f>
        <v>9.7197661883321018</v>
      </c>
      <c r="H8125" cm="1">
        <f t="array" ref="H8125">IFERROR(INDEX(Jesper!AL$2:AL$366,ROUNDDOWN($C8125/24,0)+1,1)*INDEX($D$3:$AA$30,INDEX(Jesper!$R$2:$R$366,ROW(INDEX(Jesper!AL$2:AL$366,ROUNDDOWN($C8125/24,0)+1,1))-1)+IF('Standard Profiles'!$G$22=$B$10,7,0)+IF('Standard Profiles'!$G$22=$B$17,14,0)+IF('Standard Profiles'!$G$22=$B$24,21,0),MOD($C8125,24)+1)/SUM(INDEX($D$3:$AA$30,INDEX(Jesper!$R$2:$R$366,ROW(INDEX(Jesper!AL$2:AL$366,ROUNDDOWN($C8125/24,0)+1,1))-1)+IF('Standard Profiles'!$G$22=$B$10,7,0)+IF('Standard Profiles'!$G$22=$B$17,14,0)+IF('Standard Profiles'!$G$22=$B$24,21,0),0)),0)</f>
        <v>0</v>
      </c>
      <c r="I8125">
        <f t="shared" si="902"/>
        <v>4.6654877703994062</v>
      </c>
      <c r="J8125">
        <f t="shared" si="903"/>
        <v>19.432676428380123</v>
      </c>
      <c r="K8125">
        <f t="shared" si="904"/>
        <v>0.67704277603603302</v>
      </c>
      <c r="L8125">
        <f t="shared" si="905"/>
        <v>0.33852138801801651</v>
      </c>
      <c r="M8125">
        <f t="shared" si="906"/>
        <v>0</v>
      </c>
      <c r="N8125" s="45">
        <f t="shared" si="907"/>
        <v>45264.124999980377</v>
      </c>
    </row>
    <row r="8126" spans="2:14" x14ac:dyDescent="0.25">
      <c r="B8126">
        <f t="shared" si="901"/>
        <v>1</v>
      </c>
      <c r="C8126" s="16">
        <v>8092</v>
      </c>
      <c r="D8126" cm="1">
        <f t="array" ref="D8126">IFERROR(INDEX(Jesper!AH$2:AH$366,ROUNDDOWN($C8126/24,0)+1,1)*INDEX($D$3:$AA$30,INDEX(Jesper!$R$2:$R$366,ROW(INDEX(Jesper!AH$2:AH$366,ROUNDDOWN($C8126/24,0)+1,1))-1)+IF('Standard Profiles'!$G$18=$B$10,7,0)+IF('Standard Profiles'!$G$18=$B$17,14,0)+IF('Standard Profiles'!$G$18=$B$24,21,0),MOD($C8126,24)+1)/SUM(INDEX($D$3:$AA$30,INDEX(Jesper!$R$2:$R$366,ROW(INDEX(Jesper!AH$2:AH$366,ROUNDDOWN($C8126/24,0)+1,1))-1)+IF('Standard Profiles'!$G$18=$B$10,7,0)+IF('Standard Profiles'!$G$18=$B$17,14,0)+IF('Standard Profiles'!$G$18=$B$24,21,0),0)),0)</f>
        <v>6.3472760253378091</v>
      </c>
      <c r="E8126" cm="1">
        <f t="array" ref="E8126">IFERROR(INDEX(Jesper!AI$2:AI$366,ROUNDDOWN($C8126/24,0)+1,1)*INDEX($D$3:$AA$30,INDEX(Jesper!$R$2:$R$366,ROW(INDEX(Jesper!AI$2:AI$366,ROUNDDOWN($C8126/24,0)+1,1))-1)+IF('Standard Profiles'!$G$19=$B$10,7,0)+IF('Standard Profiles'!$G$19=$B$17,14,0)+IF('Standard Profiles'!$G$19=$B$24,21,0),MOD($C8126,24)+1)/SUM(INDEX($D$3:$AA$30,INDEX(Jesper!$R$2:$R$366,ROW(INDEX(Jesper!AI$2:AI$366,ROUNDDOWN($C8126/24,0)+1,1))-1)+IF('Standard Profiles'!$G$19=$B$10,7,0)+IF('Standard Profiles'!$G$19=$B$17,14,0)+IF('Standard Profiles'!$G$19=$B$24,21,0),0)),0)</f>
        <v>9.0466861491636674</v>
      </c>
      <c r="F8126" cm="1">
        <f t="array" ref="F8126">IFERROR(INDEX(Jesper!AJ$2:AJ$366,ROUNDDOWN($C8126/24,0)+1,1)*INDEX($D$3:$AA$30,INDEX(Jesper!$R$2:$R$366,ROW(INDEX(Jesper!AJ$2:AJ$366,ROUNDDOWN($C8126/24,0)+1,1))-1)+IF('Standard Profiles'!$G$20=$B$10,7,0)+IF('Standard Profiles'!$G$20=$B$17,14,0)+IF('Standard Profiles'!$G$20=$B$24,21,0),MOD($C8126,24)+1)/SUM(INDEX($D$3:$AA$30,INDEX(Jesper!$R$2:$R$366,ROW(INDEX(Jesper!AJ$2:AJ$366,ROUNDDOWN($C8126/24,0)+1,1))-1)+IF('Standard Profiles'!$G$20=$B$10,7,0)+IF('Standard Profiles'!$G$20=$B$17,14,0)+IF('Standard Profiles'!$G$20=$B$24,21,0),0)),0)</f>
        <v>0</v>
      </c>
      <c r="G8126" cm="1">
        <f t="array" ref="G8126">IFERROR(INDEX(Jesper!AK$2:AK$366,ROUNDDOWN($C8126/24,0)+1,1)*INDEX($D$3:$AA$30,INDEX(Jesper!$R$2:$R$366,ROW(INDEX(Jesper!AK$2:AK$366,ROUNDDOWN($C8126/24,0)+1,1))-1)+IF('Standard Profiles'!$G$21=$B$10,7,0)+IF('Standard Profiles'!$G$21=$B$17,14,0)+IF('Standard Profiles'!$G$21=$B$24,21,0),MOD($C8126,24)+1)/SUM(INDEX($D$3:$AA$30,INDEX(Jesper!$R$2:$R$366,ROW(INDEX(Jesper!AK$2:AK$366,ROUNDDOWN($C8126/24,0)+1,1))-1)+IF('Standard Profiles'!$G$21=$B$10,7,0)+IF('Standard Profiles'!$G$21=$B$17,14,0)+IF('Standard Profiles'!$G$21=$B$24,21,0),0)),0)</f>
        <v>9.7197661883321018</v>
      </c>
      <c r="H8126" cm="1">
        <f t="array" ref="H8126">IFERROR(INDEX(Jesper!AL$2:AL$366,ROUNDDOWN($C8126/24,0)+1,1)*INDEX($D$3:$AA$30,INDEX(Jesper!$R$2:$R$366,ROW(INDEX(Jesper!AL$2:AL$366,ROUNDDOWN($C8126/24,0)+1,1))-1)+IF('Standard Profiles'!$G$22=$B$10,7,0)+IF('Standard Profiles'!$G$22=$B$17,14,0)+IF('Standard Profiles'!$G$22=$B$24,21,0),MOD($C8126,24)+1)/SUM(INDEX($D$3:$AA$30,INDEX(Jesper!$R$2:$R$366,ROW(INDEX(Jesper!AL$2:AL$366,ROUNDDOWN($C8126/24,0)+1,1))-1)+IF('Standard Profiles'!$G$22=$B$10,7,0)+IF('Standard Profiles'!$G$22=$B$17,14,0)+IF('Standard Profiles'!$G$22=$B$24,21,0),0)),0)</f>
        <v>0</v>
      </c>
      <c r="I8126">
        <f t="shared" si="902"/>
        <v>4.6654877703994062</v>
      </c>
      <c r="J8126">
        <f t="shared" si="903"/>
        <v>19.432676428380123</v>
      </c>
      <c r="K8126">
        <f t="shared" si="904"/>
        <v>0.67704277603603302</v>
      </c>
      <c r="L8126">
        <f t="shared" si="905"/>
        <v>0.33852138801801651</v>
      </c>
      <c r="M8126">
        <f t="shared" si="906"/>
        <v>0</v>
      </c>
      <c r="N8126" s="45">
        <f t="shared" si="907"/>
        <v>45264.166666647041</v>
      </c>
    </row>
    <row r="8127" spans="2:14" x14ac:dyDescent="0.25">
      <c r="B8127">
        <f t="shared" si="901"/>
        <v>1</v>
      </c>
      <c r="C8127" s="16">
        <v>8093</v>
      </c>
      <c r="D8127" cm="1">
        <f t="array" ref="D8127">IFERROR(INDEX(Jesper!AH$2:AH$366,ROUNDDOWN($C8127/24,0)+1,1)*INDEX($D$3:$AA$30,INDEX(Jesper!$R$2:$R$366,ROW(INDEX(Jesper!AH$2:AH$366,ROUNDDOWN($C8127/24,0)+1,1))-1)+IF('Standard Profiles'!$G$18=$B$10,7,0)+IF('Standard Profiles'!$G$18=$B$17,14,0)+IF('Standard Profiles'!$G$18=$B$24,21,0),MOD($C8127,24)+1)/SUM(INDEX($D$3:$AA$30,INDEX(Jesper!$R$2:$R$366,ROW(INDEX(Jesper!AH$2:AH$366,ROUNDDOWN($C8127/24,0)+1,1))-1)+IF('Standard Profiles'!$G$18=$B$10,7,0)+IF('Standard Profiles'!$G$18=$B$17,14,0)+IF('Standard Profiles'!$G$18=$B$24,21,0),0)),0)</f>
        <v>6.3472760253378091</v>
      </c>
      <c r="E8127" cm="1">
        <f t="array" ref="E8127">IFERROR(INDEX(Jesper!AI$2:AI$366,ROUNDDOWN($C8127/24,0)+1,1)*INDEX($D$3:$AA$30,INDEX(Jesper!$R$2:$R$366,ROW(INDEX(Jesper!AI$2:AI$366,ROUNDDOWN($C8127/24,0)+1,1))-1)+IF('Standard Profiles'!$G$19=$B$10,7,0)+IF('Standard Profiles'!$G$19=$B$17,14,0)+IF('Standard Profiles'!$G$19=$B$24,21,0),MOD($C8127,24)+1)/SUM(INDEX($D$3:$AA$30,INDEX(Jesper!$R$2:$R$366,ROW(INDEX(Jesper!AI$2:AI$366,ROUNDDOWN($C8127/24,0)+1,1))-1)+IF('Standard Profiles'!$G$19=$B$10,7,0)+IF('Standard Profiles'!$G$19=$B$17,14,0)+IF('Standard Profiles'!$G$19=$B$24,21,0),0)),0)</f>
        <v>9.0466861491636674</v>
      </c>
      <c r="F8127" cm="1">
        <f t="array" ref="F8127">IFERROR(INDEX(Jesper!AJ$2:AJ$366,ROUNDDOWN($C8127/24,0)+1,1)*INDEX($D$3:$AA$30,INDEX(Jesper!$R$2:$R$366,ROW(INDEX(Jesper!AJ$2:AJ$366,ROUNDDOWN($C8127/24,0)+1,1))-1)+IF('Standard Profiles'!$G$20=$B$10,7,0)+IF('Standard Profiles'!$G$20=$B$17,14,0)+IF('Standard Profiles'!$G$20=$B$24,21,0),MOD($C8127,24)+1)/SUM(INDEX($D$3:$AA$30,INDEX(Jesper!$R$2:$R$366,ROW(INDEX(Jesper!AJ$2:AJ$366,ROUNDDOWN($C8127/24,0)+1,1))-1)+IF('Standard Profiles'!$G$20=$B$10,7,0)+IF('Standard Profiles'!$G$20=$B$17,14,0)+IF('Standard Profiles'!$G$20=$B$24,21,0),0)),0)</f>
        <v>0</v>
      </c>
      <c r="G8127" cm="1">
        <f t="array" ref="G8127">IFERROR(INDEX(Jesper!AK$2:AK$366,ROUNDDOWN($C8127/24,0)+1,1)*INDEX($D$3:$AA$30,INDEX(Jesper!$R$2:$R$366,ROW(INDEX(Jesper!AK$2:AK$366,ROUNDDOWN($C8127/24,0)+1,1))-1)+IF('Standard Profiles'!$G$21=$B$10,7,0)+IF('Standard Profiles'!$G$21=$B$17,14,0)+IF('Standard Profiles'!$G$21=$B$24,21,0),MOD($C8127,24)+1)/SUM(INDEX($D$3:$AA$30,INDEX(Jesper!$R$2:$R$366,ROW(INDEX(Jesper!AK$2:AK$366,ROUNDDOWN($C8127/24,0)+1,1))-1)+IF('Standard Profiles'!$G$21=$B$10,7,0)+IF('Standard Profiles'!$G$21=$B$17,14,0)+IF('Standard Profiles'!$G$21=$B$24,21,0),0)),0)</f>
        <v>9.7197661883321018</v>
      </c>
      <c r="H8127" cm="1">
        <f t="array" ref="H8127">IFERROR(INDEX(Jesper!AL$2:AL$366,ROUNDDOWN($C8127/24,0)+1,1)*INDEX($D$3:$AA$30,INDEX(Jesper!$R$2:$R$366,ROW(INDEX(Jesper!AL$2:AL$366,ROUNDDOWN($C8127/24,0)+1,1))-1)+IF('Standard Profiles'!$G$22=$B$10,7,0)+IF('Standard Profiles'!$G$22=$B$17,14,0)+IF('Standard Profiles'!$G$22=$B$24,21,0),MOD($C8127,24)+1)/SUM(INDEX($D$3:$AA$30,INDEX(Jesper!$R$2:$R$366,ROW(INDEX(Jesper!AL$2:AL$366,ROUNDDOWN($C8127/24,0)+1,1))-1)+IF('Standard Profiles'!$G$22=$B$10,7,0)+IF('Standard Profiles'!$G$22=$B$17,14,0)+IF('Standard Profiles'!$G$22=$B$24,21,0),0)),0)</f>
        <v>0</v>
      </c>
      <c r="I8127">
        <f t="shared" si="902"/>
        <v>4.6654877703994062</v>
      </c>
      <c r="J8127">
        <f t="shared" si="903"/>
        <v>19.432676428380123</v>
      </c>
      <c r="K8127">
        <f t="shared" si="904"/>
        <v>0.67704277603603302</v>
      </c>
      <c r="L8127">
        <f t="shared" si="905"/>
        <v>0.33852138801801651</v>
      </c>
      <c r="M8127">
        <f t="shared" si="906"/>
        <v>0</v>
      </c>
      <c r="N8127" s="45">
        <f t="shared" si="907"/>
        <v>45264.208333313705</v>
      </c>
    </row>
    <row r="8128" spans="2:14" x14ac:dyDescent="0.25">
      <c r="B8128">
        <f t="shared" si="901"/>
        <v>1</v>
      </c>
      <c r="C8128" s="16">
        <v>8094</v>
      </c>
      <c r="D8128" cm="1">
        <f t="array" ref="D8128">IFERROR(INDEX(Jesper!AH$2:AH$366,ROUNDDOWN($C8128/24,0)+1,1)*INDEX($D$3:$AA$30,INDEX(Jesper!$R$2:$R$366,ROW(INDEX(Jesper!AH$2:AH$366,ROUNDDOWN($C8128/24,0)+1,1))-1)+IF('Standard Profiles'!$G$18=$B$10,7,0)+IF('Standard Profiles'!$G$18=$B$17,14,0)+IF('Standard Profiles'!$G$18=$B$24,21,0),MOD($C8128,24)+1)/SUM(INDEX($D$3:$AA$30,INDEX(Jesper!$R$2:$R$366,ROW(INDEX(Jesper!AH$2:AH$366,ROUNDDOWN($C8128/24,0)+1,1))-1)+IF('Standard Profiles'!$G$18=$B$10,7,0)+IF('Standard Profiles'!$G$18=$B$17,14,0)+IF('Standard Profiles'!$G$18=$B$24,21,0),0)),0)</f>
        <v>6.3472760253378091</v>
      </c>
      <c r="E8128" cm="1">
        <f t="array" ref="E8128">IFERROR(INDEX(Jesper!AI$2:AI$366,ROUNDDOWN($C8128/24,0)+1,1)*INDEX($D$3:$AA$30,INDEX(Jesper!$R$2:$R$366,ROW(INDEX(Jesper!AI$2:AI$366,ROUNDDOWN($C8128/24,0)+1,1))-1)+IF('Standard Profiles'!$G$19=$B$10,7,0)+IF('Standard Profiles'!$G$19=$B$17,14,0)+IF('Standard Profiles'!$G$19=$B$24,21,0),MOD($C8128,24)+1)/SUM(INDEX($D$3:$AA$30,INDEX(Jesper!$R$2:$R$366,ROW(INDEX(Jesper!AI$2:AI$366,ROUNDDOWN($C8128/24,0)+1,1))-1)+IF('Standard Profiles'!$G$19=$B$10,7,0)+IF('Standard Profiles'!$G$19=$B$17,14,0)+IF('Standard Profiles'!$G$19=$B$24,21,0),0)),0)</f>
        <v>9.0466861491636674</v>
      </c>
      <c r="F8128" cm="1">
        <f t="array" ref="F8128">IFERROR(INDEX(Jesper!AJ$2:AJ$366,ROUNDDOWN($C8128/24,0)+1,1)*INDEX($D$3:$AA$30,INDEX(Jesper!$R$2:$R$366,ROW(INDEX(Jesper!AJ$2:AJ$366,ROUNDDOWN($C8128/24,0)+1,1))-1)+IF('Standard Profiles'!$G$20=$B$10,7,0)+IF('Standard Profiles'!$G$20=$B$17,14,0)+IF('Standard Profiles'!$G$20=$B$24,21,0),MOD($C8128,24)+1)/SUM(INDEX($D$3:$AA$30,INDEX(Jesper!$R$2:$R$366,ROW(INDEX(Jesper!AJ$2:AJ$366,ROUNDDOWN($C8128/24,0)+1,1))-1)+IF('Standard Profiles'!$G$20=$B$10,7,0)+IF('Standard Profiles'!$G$20=$B$17,14,0)+IF('Standard Profiles'!$G$20=$B$24,21,0),0)),0)</f>
        <v>0</v>
      </c>
      <c r="G8128" cm="1">
        <f t="array" ref="G8128">IFERROR(INDEX(Jesper!AK$2:AK$366,ROUNDDOWN($C8128/24,0)+1,1)*INDEX($D$3:$AA$30,INDEX(Jesper!$R$2:$R$366,ROW(INDEX(Jesper!AK$2:AK$366,ROUNDDOWN($C8128/24,0)+1,1))-1)+IF('Standard Profiles'!$G$21=$B$10,7,0)+IF('Standard Profiles'!$G$21=$B$17,14,0)+IF('Standard Profiles'!$G$21=$B$24,21,0),MOD($C8128,24)+1)/SUM(INDEX($D$3:$AA$30,INDEX(Jesper!$R$2:$R$366,ROW(INDEX(Jesper!AK$2:AK$366,ROUNDDOWN($C8128/24,0)+1,1))-1)+IF('Standard Profiles'!$G$21=$B$10,7,0)+IF('Standard Profiles'!$G$21=$B$17,14,0)+IF('Standard Profiles'!$G$21=$B$24,21,0),0)),0)</f>
        <v>9.7197661883321018</v>
      </c>
      <c r="H8128" cm="1">
        <f t="array" ref="H8128">IFERROR(INDEX(Jesper!AL$2:AL$366,ROUNDDOWN($C8128/24,0)+1,1)*INDEX($D$3:$AA$30,INDEX(Jesper!$R$2:$R$366,ROW(INDEX(Jesper!AL$2:AL$366,ROUNDDOWN($C8128/24,0)+1,1))-1)+IF('Standard Profiles'!$G$22=$B$10,7,0)+IF('Standard Profiles'!$G$22=$B$17,14,0)+IF('Standard Profiles'!$G$22=$B$24,21,0),MOD($C8128,24)+1)/SUM(INDEX($D$3:$AA$30,INDEX(Jesper!$R$2:$R$366,ROW(INDEX(Jesper!AL$2:AL$366,ROUNDDOWN($C8128/24,0)+1,1))-1)+IF('Standard Profiles'!$G$22=$B$10,7,0)+IF('Standard Profiles'!$G$22=$B$17,14,0)+IF('Standard Profiles'!$G$22=$B$24,21,0),0)),0)</f>
        <v>0</v>
      </c>
      <c r="I8128">
        <f t="shared" si="902"/>
        <v>4.6654877703994062</v>
      </c>
      <c r="J8128">
        <f t="shared" si="903"/>
        <v>19.432676428380123</v>
      </c>
      <c r="K8128">
        <f t="shared" si="904"/>
        <v>0.67704277603603302</v>
      </c>
      <c r="L8128">
        <f t="shared" si="905"/>
        <v>0.33852138801801651</v>
      </c>
      <c r="M8128">
        <f t="shared" si="906"/>
        <v>0</v>
      </c>
      <c r="N8128" s="45">
        <f t="shared" si="907"/>
        <v>45264.249999980369</v>
      </c>
    </row>
    <row r="8129" spans="2:14" x14ac:dyDescent="0.25">
      <c r="B8129">
        <f t="shared" si="901"/>
        <v>1</v>
      </c>
      <c r="C8129" s="16">
        <v>8095</v>
      </c>
      <c r="D8129" cm="1">
        <f t="array" ref="D8129">IFERROR(INDEX(Jesper!AH$2:AH$366,ROUNDDOWN($C8129/24,0)+1,1)*INDEX($D$3:$AA$30,INDEX(Jesper!$R$2:$R$366,ROW(INDEX(Jesper!AH$2:AH$366,ROUNDDOWN($C8129/24,0)+1,1))-1)+IF('Standard Profiles'!$G$18=$B$10,7,0)+IF('Standard Profiles'!$G$18=$B$17,14,0)+IF('Standard Profiles'!$G$18=$B$24,21,0),MOD($C8129,24)+1)/SUM(INDEX($D$3:$AA$30,INDEX(Jesper!$R$2:$R$366,ROW(INDEX(Jesper!AH$2:AH$366,ROUNDDOWN($C8129/24,0)+1,1))-1)+IF('Standard Profiles'!$G$18=$B$10,7,0)+IF('Standard Profiles'!$G$18=$B$17,14,0)+IF('Standard Profiles'!$G$18=$B$24,21,0),0)),0)</f>
        <v>27.039395867939064</v>
      </c>
      <c r="E8129" cm="1">
        <f t="array" ref="E8129">IFERROR(INDEX(Jesper!AI$2:AI$366,ROUNDDOWN($C8129/24,0)+1,1)*INDEX($D$3:$AA$30,INDEX(Jesper!$R$2:$R$366,ROW(INDEX(Jesper!AI$2:AI$366,ROUNDDOWN($C8129/24,0)+1,1))-1)+IF('Standard Profiles'!$G$19=$B$10,7,0)+IF('Standard Profiles'!$G$19=$B$17,14,0)+IF('Standard Profiles'!$G$19=$B$24,21,0),MOD($C8129,24)+1)/SUM(INDEX($D$3:$AA$30,INDEX(Jesper!$R$2:$R$366,ROW(INDEX(Jesper!AI$2:AI$366,ROUNDDOWN($C8129/24,0)+1,1))-1)+IF('Standard Profiles'!$G$19=$B$10,7,0)+IF('Standard Profiles'!$G$19=$B$17,14,0)+IF('Standard Profiles'!$G$19=$B$24,21,0),0)),0)</f>
        <v>38.53888299543722</v>
      </c>
      <c r="F8129" cm="1">
        <f t="array" ref="F8129">IFERROR(INDEX(Jesper!AJ$2:AJ$366,ROUNDDOWN($C8129/24,0)+1,1)*INDEX($D$3:$AA$30,INDEX(Jesper!$R$2:$R$366,ROW(INDEX(Jesper!AJ$2:AJ$366,ROUNDDOWN($C8129/24,0)+1,1))-1)+IF('Standard Profiles'!$G$20=$B$10,7,0)+IF('Standard Profiles'!$G$20=$B$17,14,0)+IF('Standard Profiles'!$G$20=$B$24,21,0),MOD($C8129,24)+1)/SUM(INDEX($D$3:$AA$30,INDEX(Jesper!$R$2:$R$366,ROW(INDEX(Jesper!AJ$2:AJ$366,ROUNDDOWN($C8129/24,0)+1,1))-1)+IF('Standard Profiles'!$G$20=$B$10,7,0)+IF('Standard Profiles'!$G$20=$B$17,14,0)+IF('Standard Profiles'!$G$20=$B$24,21,0),0)),0)</f>
        <v>0</v>
      </c>
      <c r="G8129" cm="1">
        <f t="array" ref="G8129">IFERROR(INDEX(Jesper!AK$2:AK$366,ROUNDDOWN($C8129/24,0)+1,1)*INDEX($D$3:$AA$30,INDEX(Jesper!$R$2:$R$366,ROW(INDEX(Jesper!AK$2:AK$366,ROUNDDOWN($C8129/24,0)+1,1))-1)+IF('Standard Profiles'!$G$21=$B$10,7,0)+IF('Standard Profiles'!$G$21=$B$17,14,0)+IF('Standard Profiles'!$G$21=$B$24,21,0),MOD($C8129,24)+1)/SUM(INDEX($D$3:$AA$30,INDEX(Jesper!$R$2:$R$366,ROW(INDEX(Jesper!AK$2:AK$366,ROUNDDOWN($C8129/24,0)+1,1))-1)+IF('Standard Profiles'!$G$21=$B$10,7,0)+IF('Standard Profiles'!$G$21=$B$17,14,0)+IF('Standard Profiles'!$G$21=$B$24,21,0),0)),0)</f>
        <v>42.280982919244643</v>
      </c>
      <c r="H8129" cm="1">
        <f t="array" ref="H8129">IFERROR(INDEX(Jesper!AL$2:AL$366,ROUNDDOWN($C8129/24,0)+1,1)*INDEX($D$3:$AA$30,INDEX(Jesper!$R$2:$R$366,ROW(INDEX(Jesper!AL$2:AL$366,ROUNDDOWN($C8129/24,0)+1,1))-1)+IF('Standard Profiles'!$G$22=$B$10,7,0)+IF('Standard Profiles'!$G$22=$B$17,14,0)+IF('Standard Profiles'!$G$22=$B$24,21,0),MOD($C8129,24)+1)/SUM(INDEX($D$3:$AA$30,INDEX(Jesper!$R$2:$R$366,ROW(INDEX(Jesper!AL$2:AL$366,ROUNDDOWN($C8129/24,0)+1,1))-1)+IF('Standard Profiles'!$G$22=$B$10,7,0)+IF('Standard Profiles'!$G$22=$B$17,14,0)+IF('Standard Profiles'!$G$22=$B$24,21,0),0)),0)</f>
        <v>0</v>
      </c>
      <c r="I8129">
        <f t="shared" si="902"/>
        <v>20.29487180123742</v>
      </c>
      <c r="J8129">
        <f t="shared" si="903"/>
        <v>83.238086642513252</v>
      </c>
      <c r="K8129">
        <f t="shared" si="904"/>
        <v>2.8842022259135005</v>
      </c>
      <c r="L8129">
        <f t="shared" si="905"/>
        <v>1.4421011129567503</v>
      </c>
      <c r="M8129">
        <f t="shared" si="906"/>
        <v>0</v>
      </c>
      <c r="N8129" s="45">
        <f t="shared" si="907"/>
        <v>45264.291666647034</v>
      </c>
    </row>
    <row r="8130" spans="2:14" x14ac:dyDescent="0.25">
      <c r="B8130">
        <f t="shared" si="901"/>
        <v>1</v>
      </c>
      <c r="C8130" s="16">
        <v>8096</v>
      </c>
      <c r="D8130" cm="1">
        <f t="array" ref="D8130">IFERROR(INDEX(Jesper!AH$2:AH$366,ROUNDDOWN($C8130/24,0)+1,1)*INDEX($D$3:$AA$30,INDEX(Jesper!$R$2:$R$366,ROW(INDEX(Jesper!AH$2:AH$366,ROUNDDOWN($C8130/24,0)+1,1))-1)+IF('Standard Profiles'!$G$18=$B$10,7,0)+IF('Standard Profiles'!$G$18=$B$17,14,0)+IF('Standard Profiles'!$G$18=$B$24,21,0),MOD($C8130,24)+1)/SUM(INDEX($D$3:$AA$30,INDEX(Jesper!$R$2:$R$366,ROW(INDEX(Jesper!AH$2:AH$366,ROUNDDOWN($C8130/24,0)+1,1))-1)+IF('Standard Profiles'!$G$18=$B$10,7,0)+IF('Standard Profiles'!$G$18=$B$17,14,0)+IF('Standard Profiles'!$G$18=$B$24,21,0),0)),0)</f>
        <v>30.419320351431445</v>
      </c>
      <c r="E8130" cm="1">
        <f t="array" ref="E8130">IFERROR(INDEX(Jesper!AI$2:AI$366,ROUNDDOWN($C8130/24,0)+1,1)*INDEX($D$3:$AA$30,INDEX(Jesper!$R$2:$R$366,ROW(INDEX(Jesper!AI$2:AI$366,ROUNDDOWN($C8130/24,0)+1,1))-1)+IF('Standard Profiles'!$G$19=$B$10,7,0)+IF('Standard Profiles'!$G$19=$B$17,14,0)+IF('Standard Profiles'!$G$19=$B$24,21,0),MOD($C8130,24)+1)/SUM(INDEX($D$3:$AA$30,INDEX(Jesper!$R$2:$R$366,ROW(INDEX(Jesper!AI$2:AI$366,ROUNDDOWN($C8130/24,0)+1,1))-1)+IF('Standard Profiles'!$G$19=$B$10,7,0)+IF('Standard Profiles'!$G$19=$B$17,14,0)+IF('Standard Profiles'!$G$19=$B$24,21,0),0)),0)</f>
        <v>43.356243369866867</v>
      </c>
      <c r="F8130" cm="1">
        <f t="array" ref="F8130">IFERROR(INDEX(Jesper!AJ$2:AJ$366,ROUNDDOWN($C8130/24,0)+1,1)*INDEX($D$3:$AA$30,INDEX(Jesper!$R$2:$R$366,ROW(INDEX(Jesper!AJ$2:AJ$366,ROUNDDOWN($C8130/24,0)+1,1))-1)+IF('Standard Profiles'!$G$20=$B$10,7,0)+IF('Standard Profiles'!$G$20=$B$17,14,0)+IF('Standard Profiles'!$G$20=$B$24,21,0),MOD($C8130,24)+1)/SUM(INDEX($D$3:$AA$30,INDEX(Jesper!$R$2:$R$366,ROW(INDEX(Jesper!AJ$2:AJ$366,ROUNDDOWN($C8130/24,0)+1,1))-1)+IF('Standard Profiles'!$G$20=$B$10,7,0)+IF('Standard Profiles'!$G$20=$B$17,14,0)+IF('Standard Profiles'!$G$20=$B$24,21,0),0)),0)</f>
        <v>0</v>
      </c>
      <c r="G8130" cm="1">
        <f t="array" ref="G8130">IFERROR(INDEX(Jesper!AK$2:AK$366,ROUNDDOWN($C8130/24,0)+1,1)*INDEX($D$3:$AA$30,INDEX(Jesper!$R$2:$R$366,ROW(INDEX(Jesper!AK$2:AK$366,ROUNDDOWN($C8130/24,0)+1,1))-1)+IF('Standard Profiles'!$G$21=$B$10,7,0)+IF('Standard Profiles'!$G$21=$B$17,14,0)+IF('Standard Profiles'!$G$21=$B$24,21,0),MOD($C8130,24)+1)/SUM(INDEX($D$3:$AA$30,INDEX(Jesper!$R$2:$R$366,ROW(INDEX(Jesper!AK$2:AK$366,ROUNDDOWN($C8130/24,0)+1,1))-1)+IF('Standard Profiles'!$G$21=$B$10,7,0)+IF('Standard Profiles'!$G$21=$B$17,14,0)+IF('Standard Profiles'!$G$21=$B$24,21,0),0)),0)</f>
        <v>47.566105784150217</v>
      </c>
      <c r="H8130" cm="1">
        <f t="array" ref="H8130">IFERROR(INDEX(Jesper!AL$2:AL$366,ROUNDDOWN($C8130/24,0)+1,1)*INDEX($D$3:$AA$30,INDEX(Jesper!$R$2:$R$366,ROW(INDEX(Jesper!AL$2:AL$366,ROUNDDOWN($C8130/24,0)+1,1))-1)+IF('Standard Profiles'!$G$22=$B$10,7,0)+IF('Standard Profiles'!$G$22=$B$17,14,0)+IF('Standard Profiles'!$G$22=$B$24,21,0),MOD($C8130,24)+1)/SUM(INDEX($D$3:$AA$30,INDEX(Jesper!$R$2:$R$366,ROW(INDEX(Jesper!AL$2:AL$366,ROUNDDOWN($C8130/24,0)+1,1))-1)+IF('Standard Profiles'!$G$22=$B$10,7,0)+IF('Standard Profiles'!$G$22=$B$17,14,0)+IF('Standard Profiles'!$G$22=$B$24,21,0),0)),0)</f>
        <v>0</v>
      </c>
      <c r="I8130">
        <f t="shared" si="902"/>
        <v>22.831730776392092</v>
      </c>
      <c r="J8130">
        <f t="shared" si="903"/>
        <v>93.642847472827413</v>
      </c>
      <c r="K8130">
        <f t="shared" si="904"/>
        <v>3.2447275041526877</v>
      </c>
      <c r="L8130">
        <f t="shared" si="905"/>
        <v>1.6223637520763439</v>
      </c>
      <c r="M8130">
        <f t="shared" si="906"/>
        <v>0</v>
      </c>
      <c r="N8130" s="45">
        <f t="shared" si="907"/>
        <v>45264.333333313698</v>
      </c>
    </row>
    <row r="8131" spans="2:14" x14ac:dyDescent="0.25">
      <c r="B8131">
        <f t="shared" si="901"/>
        <v>1</v>
      </c>
      <c r="C8131" s="16">
        <v>8097</v>
      </c>
      <c r="D8131" cm="1">
        <f t="array" ref="D8131">IFERROR(INDEX(Jesper!AH$2:AH$366,ROUNDDOWN($C8131/24,0)+1,1)*INDEX($D$3:$AA$30,INDEX(Jesper!$R$2:$R$366,ROW(INDEX(Jesper!AH$2:AH$366,ROUNDDOWN($C8131/24,0)+1,1))-1)+IF('Standard Profiles'!$G$18=$B$10,7,0)+IF('Standard Profiles'!$G$18=$B$17,14,0)+IF('Standard Profiles'!$G$18=$B$24,21,0),MOD($C8131,24)+1)/SUM(INDEX($D$3:$AA$30,INDEX(Jesper!$R$2:$R$366,ROW(INDEX(Jesper!AH$2:AH$366,ROUNDDOWN($C8131/24,0)+1,1))-1)+IF('Standard Profiles'!$G$18=$B$10,7,0)+IF('Standard Profiles'!$G$18=$B$17,14,0)+IF('Standard Profiles'!$G$18=$B$24,21,0),0)),0)</f>
        <v>33.799244834923833</v>
      </c>
      <c r="E8131" cm="1">
        <f t="array" ref="E8131">IFERROR(INDEX(Jesper!AI$2:AI$366,ROUNDDOWN($C8131/24,0)+1,1)*INDEX($D$3:$AA$30,INDEX(Jesper!$R$2:$R$366,ROW(INDEX(Jesper!AI$2:AI$366,ROUNDDOWN($C8131/24,0)+1,1))-1)+IF('Standard Profiles'!$G$19=$B$10,7,0)+IF('Standard Profiles'!$G$19=$B$17,14,0)+IF('Standard Profiles'!$G$19=$B$24,21,0),MOD($C8131,24)+1)/SUM(INDEX($D$3:$AA$30,INDEX(Jesper!$R$2:$R$366,ROW(INDEX(Jesper!AI$2:AI$366,ROUNDDOWN($C8131/24,0)+1,1))-1)+IF('Standard Profiles'!$G$19=$B$10,7,0)+IF('Standard Profiles'!$G$19=$B$17,14,0)+IF('Standard Profiles'!$G$19=$B$24,21,0),0)),0)</f>
        <v>48.173603744296521</v>
      </c>
      <c r="F8131" cm="1">
        <f t="array" ref="F8131">IFERROR(INDEX(Jesper!AJ$2:AJ$366,ROUNDDOWN($C8131/24,0)+1,1)*INDEX($D$3:$AA$30,INDEX(Jesper!$R$2:$R$366,ROW(INDEX(Jesper!AJ$2:AJ$366,ROUNDDOWN($C8131/24,0)+1,1))-1)+IF('Standard Profiles'!$G$20=$B$10,7,0)+IF('Standard Profiles'!$G$20=$B$17,14,0)+IF('Standard Profiles'!$G$20=$B$24,21,0),MOD($C8131,24)+1)/SUM(INDEX($D$3:$AA$30,INDEX(Jesper!$R$2:$R$366,ROW(INDEX(Jesper!AJ$2:AJ$366,ROUNDDOWN($C8131/24,0)+1,1))-1)+IF('Standard Profiles'!$G$20=$B$10,7,0)+IF('Standard Profiles'!$G$20=$B$17,14,0)+IF('Standard Profiles'!$G$20=$B$24,21,0),0)),0)</f>
        <v>0</v>
      </c>
      <c r="G8131" cm="1">
        <f t="array" ref="G8131">IFERROR(INDEX(Jesper!AK$2:AK$366,ROUNDDOWN($C8131/24,0)+1,1)*INDEX($D$3:$AA$30,INDEX(Jesper!$R$2:$R$366,ROW(INDEX(Jesper!AK$2:AK$366,ROUNDDOWN($C8131/24,0)+1,1))-1)+IF('Standard Profiles'!$G$21=$B$10,7,0)+IF('Standard Profiles'!$G$21=$B$17,14,0)+IF('Standard Profiles'!$G$21=$B$24,21,0),MOD($C8131,24)+1)/SUM(INDEX($D$3:$AA$30,INDEX(Jesper!$R$2:$R$366,ROW(INDEX(Jesper!AK$2:AK$366,ROUNDDOWN($C8131/24,0)+1,1))-1)+IF('Standard Profiles'!$G$21=$B$10,7,0)+IF('Standard Profiles'!$G$21=$B$17,14,0)+IF('Standard Profiles'!$G$21=$B$24,21,0),0)),0)</f>
        <v>52.851228649055791</v>
      </c>
      <c r="H8131" cm="1">
        <f t="array" ref="H8131">IFERROR(INDEX(Jesper!AL$2:AL$366,ROUNDDOWN($C8131/24,0)+1,1)*INDEX($D$3:$AA$30,INDEX(Jesper!$R$2:$R$366,ROW(INDEX(Jesper!AL$2:AL$366,ROUNDDOWN($C8131/24,0)+1,1))-1)+IF('Standard Profiles'!$G$22=$B$10,7,0)+IF('Standard Profiles'!$G$22=$B$17,14,0)+IF('Standard Profiles'!$G$22=$B$24,21,0),MOD($C8131,24)+1)/SUM(INDEX($D$3:$AA$30,INDEX(Jesper!$R$2:$R$366,ROW(INDEX(Jesper!AL$2:AL$366,ROUNDDOWN($C8131/24,0)+1,1))-1)+IF('Standard Profiles'!$G$22=$B$10,7,0)+IF('Standard Profiles'!$G$22=$B$17,14,0)+IF('Standard Profiles'!$G$22=$B$24,21,0),0)),0)</f>
        <v>0</v>
      </c>
      <c r="I8131">
        <f t="shared" si="902"/>
        <v>25.368589751546768</v>
      </c>
      <c r="J8131">
        <f t="shared" si="903"/>
        <v>104.04760830314156</v>
      </c>
      <c r="K8131">
        <f t="shared" si="904"/>
        <v>3.6052527823918759</v>
      </c>
      <c r="L8131">
        <f t="shared" si="905"/>
        <v>1.8026263911959379</v>
      </c>
      <c r="M8131">
        <f t="shared" si="906"/>
        <v>0</v>
      </c>
      <c r="N8131" s="45">
        <f t="shared" si="907"/>
        <v>45264.374999980362</v>
      </c>
    </row>
    <row r="8132" spans="2:14" x14ac:dyDescent="0.25">
      <c r="B8132">
        <f t="shared" si="901"/>
        <v>1</v>
      </c>
      <c r="C8132" s="16">
        <v>8098</v>
      </c>
      <c r="D8132" cm="1">
        <f t="array" ref="D8132">IFERROR(INDEX(Jesper!AH$2:AH$366,ROUNDDOWN($C8132/24,0)+1,1)*INDEX($D$3:$AA$30,INDEX(Jesper!$R$2:$R$366,ROW(INDEX(Jesper!AH$2:AH$366,ROUNDDOWN($C8132/24,0)+1,1))-1)+IF('Standard Profiles'!$G$18=$B$10,7,0)+IF('Standard Profiles'!$G$18=$B$17,14,0)+IF('Standard Profiles'!$G$18=$B$24,21,0),MOD($C8132,24)+1)/SUM(INDEX($D$3:$AA$30,INDEX(Jesper!$R$2:$R$366,ROW(INDEX(Jesper!AH$2:AH$366,ROUNDDOWN($C8132/24,0)+1,1))-1)+IF('Standard Profiles'!$G$18=$B$10,7,0)+IF('Standard Profiles'!$G$18=$B$17,14,0)+IF('Standard Profiles'!$G$18=$B$24,21,0),0)),0)</f>
        <v>33.799244834923833</v>
      </c>
      <c r="E8132" cm="1">
        <f t="array" ref="E8132">IFERROR(INDEX(Jesper!AI$2:AI$366,ROUNDDOWN($C8132/24,0)+1,1)*INDEX($D$3:$AA$30,INDEX(Jesper!$R$2:$R$366,ROW(INDEX(Jesper!AI$2:AI$366,ROUNDDOWN($C8132/24,0)+1,1))-1)+IF('Standard Profiles'!$G$19=$B$10,7,0)+IF('Standard Profiles'!$G$19=$B$17,14,0)+IF('Standard Profiles'!$G$19=$B$24,21,0),MOD($C8132,24)+1)/SUM(INDEX($D$3:$AA$30,INDEX(Jesper!$R$2:$R$366,ROW(INDEX(Jesper!AI$2:AI$366,ROUNDDOWN($C8132/24,0)+1,1))-1)+IF('Standard Profiles'!$G$19=$B$10,7,0)+IF('Standard Profiles'!$G$19=$B$17,14,0)+IF('Standard Profiles'!$G$19=$B$24,21,0),0)),0)</f>
        <v>48.173603744296521</v>
      </c>
      <c r="F8132" cm="1">
        <f t="array" ref="F8132">IFERROR(INDEX(Jesper!AJ$2:AJ$366,ROUNDDOWN($C8132/24,0)+1,1)*INDEX($D$3:$AA$30,INDEX(Jesper!$R$2:$R$366,ROW(INDEX(Jesper!AJ$2:AJ$366,ROUNDDOWN($C8132/24,0)+1,1))-1)+IF('Standard Profiles'!$G$20=$B$10,7,0)+IF('Standard Profiles'!$G$20=$B$17,14,0)+IF('Standard Profiles'!$G$20=$B$24,21,0),MOD($C8132,24)+1)/SUM(INDEX($D$3:$AA$30,INDEX(Jesper!$R$2:$R$366,ROW(INDEX(Jesper!AJ$2:AJ$366,ROUNDDOWN($C8132/24,0)+1,1))-1)+IF('Standard Profiles'!$G$20=$B$10,7,0)+IF('Standard Profiles'!$G$20=$B$17,14,0)+IF('Standard Profiles'!$G$20=$B$24,21,0),0)),0)</f>
        <v>0</v>
      </c>
      <c r="G8132" cm="1">
        <f t="array" ref="G8132">IFERROR(INDEX(Jesper!AK$2:AK$366,ROUNDDOWN($C8132/24,0)+1,1)*INDEX($D$3:$AA$30,INDEX(Jesper!$R$2:$R$366,ROW(INDEX(Jesper!AK$2:AK$366,ROUNDDOWN($C8132/24,0)+1,1))-1)+IF('Standard Profiles'!$G$21=$B$10,7,0)+IF('Standard Profiles'!$G$21=$B$17,14,0)+IF('Standard Profiles'!$G$21=$B$24,21,0),MOD($C8132,24)+1)/SUM(INDEX($D$3:$AA$30,INDEX(Jesper!$R$2:$R$366,ROW(INDEX(Jesper!AK$2:AK$366,ROUNDDOWN($C8132/24,0)+1,1))-1)+IF('Standard Profiles'!$G$21=$B$10,7,0)+IF('Standard Profiles'!$G$21=$B$17,14,0)+IF('Standard Profiles'!$G$21=$B$24,21,0),0)),0)</f>
        <v>52.851228649055791</v>
      </c>
      <c r="H8132" cm="1">
        <f t="array" ref="H8132">IFERROR(INDEX(Jesper!AL$2:AL$366,ROUNDDOWN($C8132/24,0)+1,1)*INDEX($D$3:$AA$30,INDEX(Jesper!$R$2:$R$366,ROW(INDEX(Jesper!AL$2:AL$366,ROUNDDOWN($C8132/24,0)+1,1))-1)+IF('Standard Profiles'!$G$22=$B$10,7,0)+IF('Standard Profiles'!$G$22=$B$17,14,0)+IF('Standard Profiles'!$G$22=$B$24,21,0),MOD($C8132,24)+1)/SUM(INDEX($D$3:$AA$30,INDEX(Jesper!$R$2:$R$366,ROW(INDEX(Jesper!AL$2:AL$366,ROUNDDOWN($C8132/24,0)+1,1))-1)+IF('Standard Profiles'!$G$22=$B$10,7,0)+IF('Standard Profiles'!$G$22=$B$17,14,0)+IF('Standard Profiles'!$G$22=$B$24,21,0),0)),0)</f>
        <v>0</v>
      </c>
      <c r="I8132">
        <f t="shared" si="902"/>
        <v>25.368589751546768</v>
      </c>
      <c r="J8132">
        <f t="shared" si="903"/>
        <v>104.04760830314156</v>
      </c>
      <c r="K8132">
        <f t="shared" si="904"/>
        <v>3.6052527823918759</v>
      </c>
      <c r="L8132">
        <f t="shared" si="905"/>
        <v>1.8026263911959379</v>
      </c>
      <c r="M8132">
        <f t="shared" si="906"/>
        <v>0</v>
      </c>
      <c r="N8132" s="45">
        <f t="shared" si="907"/>
        <v>45264.416666647026</v>
      </c>
    </row>
    <row r="8133" spans="2:14" x14ac:dyDescent="0.25">
      <c r="B8133">
        <f t="shared" si="901"/>
        <v>1</v>
      </c>
      <c r="C8133" s="16">
        <v>8099</v>
      </c>
      <c r="D8133" cm="1">
        <f t="array" ref="D8133">IFERROR(INDEX(Jesper!AH$2:AH$366,ROUNDDOWN($C8133/24,0)+1,1)*INDEX($D$3:$AA$30,INDEX(Jesper!$R$2:$R$366,ROW(INDEX(Jesper!AH$2:AH$366,ROUNDDOWN($C8133/24,0)+1,1))-1)+IF('Standard Profiles'!$G$18=$B$10,7,0)+IF('Standard Profiles'!$G$18=$B$17,14,0)+IF('Standard Profiles'!$G$18=$B$24,21,0),MOD($C8133,24)+1)/SUM(INDEX($D$3:$AA$30,INDEX(Jesper!$R$2:$R$366,ROW(INDEX(Jesper!AH$2:AH$366,ROUNDDOWN($C8133/24,0)+1,1))-1)+IF('Standard Profiles'!$G$18=$B$10,7,0)+IF('Standard Profiles'!$G$18=$B$17,14,0)+IF('Standard Profiles'!$G$18=$B$24,21,0),0)),0)</f>
        <v>40.559093801908595</v>
      </c>
      <c r="E8133" cm="1">
        <f t="array" ref="E8133">IFERROR(INDEX(Jesper!AI$2:AI$366,ROUNDDOWN($C8133/24,0)+1,1)*INDEX($D$3:$AA$30,INDEX(Jesper!$R$2:$R$366,ROW(INDEX(Jesper!AI$2:AI$366,ROUNDDOWN($C8133/24,0)+1,1))-1)+IF('Standard Profiles'!$G$19=$B$10,7,0)+IF('Standard Profiles'!$G$19=$B$17,14,0)+IF('Standard Profiles'!$G$19=$B$24,21,0),MOD($C8133,24)+1)/SUM(INDEX($D$3:$AA$30,INDEX(Jesper!$R$2:$R$366,ROW(INDEX(Jesper!AI$2:AI$366,ROUNDDOWN($C8133/24,0)+1,1))-1)+IF('Standard Profiles'!$G$19=$B$10,7,0)+IF('Standard Profiles'!$G$19=$B$17,14,0)+IF('Standard Profiles'!$G$19=$B$24,21,0),0)),0)</f>
        <v>57.808324493155823</v>
      </c>
      <c r="F8133" cm="1">
        <f t="array" ref="F8133">IFERROR(INDEX(Jesper!AJ$2:AJ$366,ROUNDDOWN($C8133/24,0)+1,1)*INDEX($D$3:$AA$30,INDEX(Jesper!$R$2:$R$366,ROW(INDEX(Jesper!AJ$2:AJ$366,ROUNDDOWN($C8133/24,0)+1,1))-1)+IF('Standard Profiles'!$G$20=$B$10,7,0)+IF('Standard Profiles'!$G$20=$B$17,14,0)+IF('Standard Profiles'!$G$20=$B$24,21,0),MOD($C8133,24)+1)/SUM(INDEX($D$3:$AA$30,INDEX(Jesper!$R$2:$R$366,ROW(INDEX(Jesper!AJ$2:AJ$366,ROUNDDOWN($C8133/24,0)+1,1))-1)+IF('Standard Profiles'!$G$20=$B$10,7,0)+IF('Standard Profiles'!$G$20=$B$17,14,0)+IF('Standard Profiles'!$G$20=$B$24,21,0),0)),0)</f>
        <v>0</v>
      </c>
      <c r="G8133" cm="1">
        <f t="array" ref="G8133">IFERROR(INDEX(Jesper!AK$2:AK$366,ROUNDDOWN($C8133/24,0)+1,1)*INDEX($D$3:$AA$30,INDEX(Jesper!$R$2:$R$366,ROW(INDEX(Jesper!AK$2:AK$366,ROUNDDOWN($C8133/24,0)+1,1))-1)+IF('Standard Profiles'!$G$21=$B$10,7,0)+IF('Standard Profiles'!$G$21=$B$17,14,0)+IF('Standard Profiles'!$G$21=$B$24,21,0),MOD($C8133,24)+1)/SUM(INDEX($D$3:$AA$30,INDEX(Jesper!$R$2:$R$366,ROW(INDEX(Jesper!AK$2:AK$366,ROUNDDOWN($C8133/24,0)+1,1))-1)+IF('Standard Profiles'!$G$21=$B$10,7,0)+IF('Standard Profiles'!$G$21=$B$17,14,0)+IF('Standard Profiles'!$G$21=$B$24,21,0),0)),0)</f>
        <v>63.421474378866947</v>
      </c>
      <c r="H8133" cm="1">
        <f t="array" ref="H8133">IFERROR(INDEX(Jesper!AL$2:AL$366,ROUNDDOWN($C8133/24,0)+1,1)*INDEX($D$3:$AA$30,INDEX(Jesper!$R$2:$R$366,ROW(INDEX(Jesper!AL$2:AL$366,ROUNDDOWN($C8133/24,0)+1,1))-1)+IF('Standard Profiles'!$G$22=$B$10,7,0)+IF('Standard Profiles'!$G$22=$B$17,14,0)+IF('Standard Profiles'!$G$22=$B$24,21,0),MOD($C8133,24)+1)/SUM(INDEX($D$3:$AA$30,INDEX(Jesper!$R$2:$R$366,ROW(INDEX(Jesper!AL$2:AL$366,ROUNDDOWN($C8133/24,0)+1,1))-1)+IF('Standard Profiles'!$G$22=$B$10,7,0)+IF('Standard Profiles'!$G$22=$B$17,14,0)+IF('Standard Profiles'!$G$22=$B$24,21,0),0)),0)</f>
        <v>0</v>
      </c>
      <c r="I8133">
        <f t="shared" si="902"/>
        <v>30.442307701856119</v>
      </c>
      <c r="J8133">
        <f t="shared" si="903"/>
        <v>124.85712996376986</v>
      </c>
      <c r="K8133">
        <f t="shared" si="904"/>
        <v>4.3263033388702503</v>
      </c>
      <c r="L8133">
        <f t="shared" si="905"/>
        <v>2.1631516694351252</v>
      </c>
      <c r="M8133">
        <f t="shared" si="906"/>
        <v>0</v>
      </c>
      <c r="N8133" s="45">
        <f t="shared" si="907"/>
        <v>45264.458333313691</v>
      </c>
    </row>
    <row r="8134" spans="2:14" x14ac:dyDescent="0.25">
      <c r="B8134">
        <f t="shared" si="901"/>
        <v>1</v>
      </c>
      <c r="C8134" s="16">
        <v>8100</v>
      </c>
      <c r="D8134" cm="1">
        <f t="array" ref="D8134">IFERROR(INDEX(Jesper!AH$2:AH$366,ROUNDDOWN($C8134/24,0)+1,1)*INDEX($D$3:$AA$30,INDEX(Jesper!$R$2:$R$366,ROW(INDEX(Jesper!AH$2:AH$366,ROUNDDOWN($C8134/24,0)+1,1))-1)+IF('Standard Profiles'!$G$18=$B$10,7,0)+IF('Standard Profiles'!$G$18=$B$17,14,0)+IF('Standard Profiles'!$G$18=$B$24,21,0),MOD($C8134,24)+1)/SUM(INDEX($D$3:$AA$30,INDEX(Jesper!$R$2:$R$366,ROW(INDEX(Jesper!AH$2:AH$366,ROUNDDOWN($C8134/24,0)+1,1))-1)+IF('Standard Profiles'!$G$18=$B$10,7,0)+IF('Standard Profiles'!$G$18=$B$17,14,0)+IF('Standard Profiles'!$G$18=$B$24,21,0),0)),0)</f>
        <v>40.559093801908595</v>
      </c>
      <c r="E8134" cm="1">
        <f t="array" ref="E8134">IFERROR(INDEX(Jesper!AI$2:AI$366,ROUNDDOWN($C8134/24,0)+1,1)*INDEX($D$3:$AA$30,INDEX(Jesper!$R$2:$R$366,ROW(INDEX(Jesper!AI$2:AI$366,ROUNDDOWN($C8134/24,0)+1,1))-1)+IF('Standard Profiles'!$G$19=$B$10,7,0)+IF('Standard Profiles'!$G$19=$B$17,14,0)+IF('Standard Profiles'!$G$19=$B$24,21,0),MOD($C8134,24)+1)/SUM(INDEX($D$3:$AA$30,INDEX(Jesper!$R$2:$R$366,ROW(INDEX(Jesper!AI$2:AI$366,ROUNDDOWN($C8134/24,0)+1,1))-1)+IF('Standard Profiles'!$G$19=$B$10,7,0)+IF('Standard Profiles'!$G$19=$B$17,14,0)+IF('Standard Profiles'!$G$19=$B$24,21,0),0)),0)</f>
        <v>57.808324493155823</v>
      </c>
      <c r="F8134" cm="1">
        <f t="array" ref="F8134">IFERROR(INDEX(Jesper!AJ$2:AJ$366,ROUNDDOWN($C8134/24,0)+1,1)*INDEX($D$3:$AA$30,INDEX(Jesper!$R$2:$R$366,ROW(INDEX(Jesper!AJ$2:AJ$366,ROUNDDOWN($C8134/24,0)+1,1))-1)+IF('Standard Profiles'!$G$20=$B$10,7,0)+IF('Standard Profiles'!$G$20=$B$17,14,0)+IF('Standard Profiles'!$G$20=$B$24,21,0),MOD($C8134,24)+1)/SUM(INDEX($D$3:$AA$30,INDEX(Jesper!$R$2:$R$366,ROW(INDEX(Jesper!AJ$2:AJ$366,ROUNDDOWN($C8134/24,0)+1,1))-1)+IF('Standard Profiles'!$G$20=$B$10,7,0)+IF('Standard Profiles'!$G$20=$B$17,14,0)+IF('Standard Profiles'!$G$20=$B$24,21,0),0)),0)</f>
        <v>0</v>
      </c>
      <c r="G8134" cm="1">
        <f t="array" ref="G8134">IFERROR(INDEX(Jesper!AK$2:AK$366,ROUNDDOWN($C8134/24,0)+1,1)*INDEX($D$3:$AA$30,INDEX(Jesper!$R$2:$R$366,ROW(INDEX(Jesper!AK$2:AK$366,ROUNDDOWN($C8134/24,0)+1,1))-1)+IF('Standard Profiles'!$G$21=$B$10,7,0)+IF('Standard Profiles'!$G$21=$B$17,14,0)+IF('Standard Profiles'!$G$21=$B$24,21,0),MOD($C8134,24)+1)/SUM(INDEX($D$3:$AA$30,INDEX(Jesper!$R$2:$R$366,ROW(INDEX(Jesper!AK$2:AK$366,ROUNDDOWN($C8134/24,0)+1,1))-1)+IF('Standard Profiles'!$G$21=$B$10,7,0)+IF('Standard Profiles'!$G$21=$B$17,14,0)+IF('Standard Profiles'!$G$21=$B$24,21,0),0)),0)</f>
        <v>63.421474378866947</v>
      </c>
      <c r="H8134" cm="1">
        <f t="array" ref="H8134">IFERROR(INDEX(Jesper!AL$2:AL$366,ROUNDDOWN($C8134/24,0)+1,1)*INDEX($D$3:$AA$30,INDEX(Jesper!$R$2:$R$366,ROW(INDEX(Jesper!AL$2:AL$366,ROUNDDOWN($C8134/24,0)+1,1))-1)+IF('Standard Profiles'!$G$22=$B$10,7,0)+IF('Standard Profiles'!$G$22=$B$17,14,0)+IF('Standard Profiles'!$G$22=$B$24,21,0),MOD($C8134,24)+1)/SUM(INDEX($D$3:$AA$30,INDEX(Jesper!$R$2:$R$366,ROW(INDEX(Jesper!AL$2:AL$366,ROUNDDOWN($C8134/24,0)+1,1))-1)+IF('Standard Profiles'!$G$22=$B$10,7,0)+IF('Standard Profiles'!$G$22=$B$17,14,0)+IF('Standard Profiles'!$G$22=$B$24,21,0),0)),0)</f>
        <v>0</v>
      </c>
      <c r="I8134">
        <f t="shared" si="902"/>
        <v>30.442307701856119</v>
      </c>
      <c r="J8134">
        <f t="shared" si="903"/>
        <v>124.85712996376986</v>
      </c>
      <c r="K8134">
        <f t="shared" si="904"/>
        <v>4.3263033388702503</v>
      </c>
      <c r="L8134">
        <f t="shared" si="905"/>
        <v>2.1631516694351252</v>
      </c>
      <c r="M8134">
        <f t="shared" si="906"/>
        <v>0</v>
      </c>
      <c r="N8134" s="45">
        <f t="shared" si="907"/>
        <v>45264.499999980355</v>
      </c>
    </row>
    <row r="8135" spans="2:14" x14ac:dyDescent="0.25">
      <c r="B8135">
        <f t="shared" si="901"/>
        <v>1</v>
      </c>
      <c r="C8135" s="16">
        <v>8101</v>
      </c>
      <c r="D8135" cm="1">
        <f t="array" ref="D8135">IFERROR(INDEX(Jesper!AH$2:AH$366,ROUNDDOWN($C8135/24,0)+1,1)*INDEX($D$3:$AA$30,INDEX(Jesper!$R$2:$R$366,ROW(INDEX(Jesper!AH$2:AH$366,ROUNDDOWN($C8135/24,0)+1,1))-1)+IF('Standard Profiles'!$G$18=$B$10,7,0)+IF('Standard Profiles'!$G$18=$B$17,14,0)+IF('Standard Profiles'!$G$18=$B$24,21,0),MOD($C8135,24)+1)/SUM(INDEX($D$3:$AA$30,INDEX(Jesper!$R$2:$R$366,ROW(INDEX(Jesper!AH$2:AH$366,ROUNDDOWN($C8135/24,0)+1,1))-1)+IF('Standard Profiles'!$G$18=$B$10,7,0)+IF('Standard Profiles'!$G$18=$B$17,14,0)+IF('Standard Profiles'!$G$18=$B$24,21,0),0)),0)</f>
        <v>27.039395867939064</v>
      </c>
      <c r="E8135" cm="1">
        <f t="array" ref="E8135">IFERROR(INDEX(Jesper!AI$2:AI$366,ROUNDDOWN($C8135/24,0)+1,1)*INDEX($D$3:$AA$30,INDEX(Jesper!$R$2:$R$366,ROW(INDEX(Jesper!AI$2:AI$366,ROUNDDOWN($C8135/24,0)+1,1))-1)+IF('Standard Profiles'!$G$19=$B$10,7,0)+IF('Standard Profiles'!$G$19=$B$17,14,0)+IF('Standard Profiles'!$G$19=$B$24,21,0),MOD($C8135,24)+1)/SUM(INDEX($D$3:$AA$30,INDEX(Jesper!$R$2:$R$366,ROW(INDEX(Jesper!AI$2:AI$366,ROUNDDOWN($C8135/24,0)+1,1))-1)+IF('Standard Profiles'!$G$19=$B$10,7,0)+IF('Standard Profiles'!$G$19=$B$17,14,0)+IF('Standard Profiles'!$G$19=$B$24,21,0),0)),0)</f>
        <v>38.53888299543722</v>
      </c>
      <c r="F8135" cm="1">
        <f t="array" ref="F8135">IFERROR(INDEX(Jesper!AJ$2:AJ$366,ROUNDDOWN($C8135/24,0)+1,1)*INDEX($D$3:$AA$30,INDEX(Jesper!$R$2:$R$366,ROW(INDEX(Jesper!AJ$2:AJ$366,ROUNDDOWN($C8135/24,0)+1,1))-1)+IF('Standard Profiles'!$G$20=$B$10,7,0)+IF('Standard Profiles'!$G$20=$B$17,14,0)+IF('Standard Profiles'!$G$20=$B$24,21,0),MOD($C8135,24)+1)/SUM(INDEX($D$3:$AA$30,INDEX(Jesper!$R$2:$R$366,ROW(INDEX(Jesper!AJ$2:AJ$366,ROUNDDOWN($C8135/24,0)+1,1))-1)+IF('Standard Profiles'!$G$20=$B$10,7,0)+IF('Standard Profiles'!$G$20=$B$17,14,0)+IF('Standard Profiles'!$G$20=$B$24,21,0),0)),0)</f>
        <v>0</v>
      </c>
      <c r="G8135" cm="1">
        <f t="array" ref="G8135">IFERROR(INDEX(Jesper!AK$2:AK$366,ROUNDDOWN($C8135/24,0)+1,1)*INDEX($D$3:$AA$30,INDEX(Jesper!$R$2:$R$366,ROW(INDEX(Jesper!AK$2:AK$366,ROUNDDOWN($C8135/24,0)+1,1))-1)+IF('Standard Profiles'!$G$21=$B$10,7,0)+IF('Standard Profiles'!$G$21=$B$17,14,0)+IF('Standard Profiles'!$G$21=$B$24,21,0),MOD($C8135,24)+1)/SUM(INDEX($D$3:$AA$30,INDEX(Jesper!$R$2:$R$366,ROW(INDEX(Jesper!AK$2:AK$366,ROUNDDOWN($C8135/24,0)+1,1))-1)+IF('Standard Profiles'!$G$21=$B$10,7,0)+IF('Standard Profiles'!$G$21=$B$17,14,0)+IF('Standard Profiles'!$G$21=$B$24,21,0),0)),0)</f>
        <v>42.280982919244643</v>
      </c>
      <c r="H8135" cm="1">
        <f t="array" ref="H8135">IFERROR(INDEX(Jesper!AL$2:AL$366,ROUNDDOWN($C8135/24,0)+1,1)*INDEX($D$3:$AA$30,INDEX(Jesper!$R$2:$R$366,ROW(INDEX(Jesper!AL$2:AL$366,ROUNDDOWN($C8135/24,0)+1,1))-1)+IF('Standard Profiles'!$G$22=$B$10,7,0)+IF('Standard Profiles'!$G$22=$B$17,14,0)+IF('Standard Profiles'!$G$22=$B$24,21,0),MOD($C8135,24)+1)/SUM(INDEX($D$3:$AA$30,INDEX(Jesper!$R$2:$R$366,ROW(INDEX(Jesper!AL$2:AL$366,ROUNDDOWN($C8135/24,0)+1,1))-1)+IF('Standard Profiles'!$G$22=$B$10,7,0)+IF('Standard Profiles'!$G$22=$B$17,14,0)+IF('Standard Profiles'!$G$22=$B$24,21,0),0)),0)</f>
        <v>0</v>
      </c>
      <c r="I8135">
        <f t="shared" si="902"/>
        <v>20.29487180123742</v>
      </c>
      <c r="J8135">
        <f t="shared" si="903"/>
        <v>83.238086642513252</v>
      </c>
      <c r="K8135">
        <f t="shared" si="904"/>
        <v>2.8842022259135005</v>
      </c>
      <c r="L8135">
        <f t="shared" si="905"/>
        <v>1.4421011129567503</v>
      </c>
      <c r="M8135">
        <f t="shared" si="906"/>
        <v>0</v>
      </c>
      <c r="N8135" s="45">
        <f t="shared" si="907"/>
        <v>45264.541666647019</v>
      </c>
    </row>
    <row r="8136" spans="2:14" x14ac:dyDescent="0.25">
      <c r="B8136">
        <f t="shared" si="901"/>
        <v>1</v>
      </c>
      <c r="C8136" s="16">
        <v>8102</v>
      </c>
      <c r="D8136" cm="1">
        <f t="array" ref="D8136">IFERROR(INDEX(Jesper!AH$2:AH$366,ROUNDDOWN($C8136/24,0)+1,1)*INDEX($D$3:$AA$30,INDEX(Jesper!$R$2:$R$366,ROW(INDEX(Jesper!AH$2:AH$366,ROUNDDOWN($C8136/24,0)+1,1))-1)+IF('Standard Profiles'!$G$18=$B$10,7,0)+IF('Standard Profiles'!$G$18=$B$17,14,0)+IF('Standard Profiles'!$G$18=$B$24,21,0),MOD($C8136,24)+1)/SUM(INDEX($D$3:$AA$30,INDEX(Jesper!$R$2:$R$366,ROW(INDEX(Jesper!AH$2:AH$366,ROUNDDOWN($C8136/24,0)+1,1))-1)+IF('Standard Profiles'!$G$18=$B$10,7,0)+IF('Standard Profiles'!$G$18=$B$17,14,0)+IF('Standard Profiles'!$G$18=$B$24,21,0),0)),0)</f>
        <v>40.559093801908595</v>
      </c>
      <c r="E8136" cm="1">
        <f t="array" ref="E8136">IFERROR(INDEX(Jesper!AI$2:AI$366,ROUNDDOWN($C8136/24,0)+1,1)*INDEX($D$3:$AA$30,INDEX(Jesper!$R$2:$R$366,ROW(INDEX(Jesper!AI$2:AI$366,ROUNDDOWN($C8136/24,0)+1,1))-1)+IF('Standard Profiles'!$G$19=$B$10,7,0)+IF('Standard Profiles'!$G$19=$B$17,14,0)+IF('Standard Profiles'!$G$19=$B$24,21,0),MOD($C8136,24)+1)/SUM(INDEX($D$3:$AA$30,INDEX(Jesper!$R$2:$R$366,ROW(INDEX(Jesper!AI$2:AI$366,ROUNDDOWN($C8136/24,0)+1,1))-1)+IF('Standard Profiles'!$G$19=$B$10,7,0)+IF('Standard Profiles'!$G$19=$B$17,14,0)+IF('Standard Profiles'!$G$19=$B$24,21,0),0)),0)</f>
        <v>57.808324493155823</v>
      </c>
      <c r="F8136" cm="1">
        <f t="array" ref="F8136">IFERROR(INDEX(Jesper!AJ$2:AJ$366,ROUNDDOWN($C8136/24,0)+1,1)*INDEX($D$3:$AA$30,INDEX(Jesper!$R$2:$R$366,ROW(INDEX(Jesper!AJ$2:AJ$366,ROUNDDOWN($C8136/24,0)+1,1))-1)+IF('Standard Profiles'!$G$20=$B$10,7,0)+IF('Standard Profiles'!$G$20=$B$17,14,0)+IF('Standard Profiles'!$G$20=$B$24,21,0),MOD($C8136,24)+1)/SUM(INDEX($D$3:$AA$30,INDEX(Jesper!$R$2:$R$366,ROW(INDEX(Jesper!AJ$2:AJ$366,ROUNDDOWN($C8136/24,0)+1,1))-1)+IF('Standard Profiles'!$G$20=$B$10,7,0)+IF('Standard Profiles'!$G$20=$B$17,14,0)+IF('Standard Profiles'!$G$20=$B$24,21,0),0)),0)</f>
        <v>0</v>
      </c>
      <c r="G8136" cm="1">
        <f t="array" ref="G8136">IFERROR(INDEX(Jesper!AK$2:AK$366,ROUNDDOWN($C8136/24,0)+1,1)*INDEX($D$3:$AA$30,INDEX(Jesper!$R$2:$R$366,ROW(INDEX(Jesper!AK$2:AK$366,ROUNDDOWN($C8136/24,0)+1,1))-1)+IF('Standard Profiles'!$G$21=$B$10,7,0)+IF('Standard Profiles'!$G$21=$B$17,14,0)+IF('Standard Profiles'!$G$21=$B$24,21,0),MOD($C8136,24)+1)/SUM(INDEX($D$3:$AA$30,INDEX(Jesper!$R$2:$R$366,ROW(INDEX(Jesper!AK$2:AK$366,ROUNDDOWN($C8136/24,0)+1,1))-1)+IF('Standard Profiles'!$G$21=$B$10,7,0)+IF('Standard Profiles'!$G$21=$B$17,14,0)+IF('Standard Profiles'!$G$21=$B$24,21,0),0)),0)</f>
        <v>63.421474378866947</v>
      </c>
      <c r="H8136" cm="1">
        <f t="array" ref="H8136">IFERROR(INDEX(Jesper!AL$2:AL$366,ROUNDDOWN($C8136/24,0)+1,1)*INDEX($D$3:$AA$30,INDEX(Jesper!$R$2:$R$366,ROW(INDEX(Jesper!AL$2:AL$366,ROUNDDOWN($C8136/24,0)+1,1))-1)+IF('Standard Profiles'!$G$22=$B$10,7,0)+IF('Standard Profiles'!$G$22=$B$17,14,0)+IF('Standard Profiles'!$G$22=$B$24,21,0),MOD($C8136,24)+1)/SUM(INDEX($D$3:$AA$30,INDEX(Jesper!$R$2:$R$366,ROW(INDEX(Jesper!AL$2:AL$366,ROUNDDOWN($C8136/24,0)+1,1))-1)+IF('Standard Profiles'!$G$22=$B$10,7,0)+IF('Standard Profiles'!$G$22=$B$17,14,0)+IF('Standard Profiles'!$G$22=$B$24,21,0),0)),0)</f>
        <v>0</v>
      </c>
      <c r="I8136">
        <f t="shared" si="902"/>
        <v>30.442307701856119</v>
      </c>
      <c r="J8136">
        <f t="shared" si="903"/>
        <v>124.85712996376986</v>
      </c>
      <c r="K8136">
        <f t="shared" si="904"/>
        <v>4.3263033388702503</v>
      </c>
      <c r="L8136">
        <f t="shared" si="905"/>
        <v>2.1631516694351252</v>
      </c>
      <c r="M8136">
        <f t="shared" si="906"/>
        <v>0</v>
      </c>
      <c r="N8136" s="45">
        <f t="shared" si="907"/>
        <v>45264.583333313683</v>
      </c>
    </row>
    <row r="8137" spans="2:14" x14ac:dyDescent="0.25">
      <c r="B8137">
        <f t="shared" si="901"/>
        <v>1</v>
      </c>
      <c r="C8137" s="16">
        <v>8103</v>
      </c>
      <c r="D8137" cm="1">
        <f t="array" ref="D8137">IFERROR(INDEX(Jesper!AH$2:AH$366,ROUNDDOWN($C8137/24,0)+1,1)*INDEX($D$3:$AA$30,INDEX(Jesper!$R$2:$R$366,ROW(INDEX(Jesper!AH$2:AH$366,ROUNDDOWN($C8137/24,0)+1,1))-1)+IF('Standard Profiles'!$G$18=$B$10,7,0)+IF('Standard Profiles'!$G$18=$B$17,14,0)+IF('Standard Profiles'!$G$18=$B$24,21,0),MOD($C8137,24)+1)/SUM(INDEX($D$3:$AA$30,INDEX(Jesper!$R$2:$R$366,ROW(INDEX(Jesper!AH$2:AH$366,ROUNDDOWN($C8137/24,0)+1,1))-1)+IF('Standard Profiles'!$G$18=$B$10,7,0)+IF('Standard Profiles'!$G$18=$B$17,14,0)+IF('Standard Profiles'!$G$18=$B$24,21,0),0)),0)</f>
        <v>40.559093801908595</v>
      </c>
      <c r="E8137" cm="1">
        <f t="array" ref="E8137">IFERROR(INDEX(Jesper!AI$2:AI$366,ROUNDDOWN($C8137/24,0)+1,1)*INDEX($D$3:$AA$30,INDEX(Jesper!$R$2:$R$366,ROW(INDEX(Jesper!AI$2:AI$366,ROUNDDOWN($C8137/24,0)+1,1))-1)+IF('Standard Profiles'!$G$19=$B$10,7,0)+IF('Standard Profiles'!$G$19=$B$17,14,0)+IF('Standard Profiles'!$G$19=$B$24,21,0),MOD($C8137,24)+1)/SUM(INDEX($D$3:$AA$30,INDEX(Jesper!$R$2:$R$366,ROW(INDEX(Jesper!AI$2:AI$366,ROUNDDOWN($C8137/24,0)+1,1))-1)+IF('Standard Profiles'!$G$19=$B$10,7,0)+IF('Standard Profiles'!$G$19=$B$17,14,0)+IF('Standard Profiles'!$G$19=$B$24,21,0),0)),0)</f>
        <v>57.808324493155823</v>
      </c>
      <c r="F8137" cm="1">
        <f t="array" ref="F8137">IFERROR(INDEX(Jesper!AJ$2:AJ$366,ROUNDDOWN($C8137/24,0)+1,1)*INDEX($D$3:$AA$30,INDEX(Jesper!$R$2:$R$366,ROW(INDEX(Jesper!AJ$2:AJ$366,ROUNDDOWN($C8137/24,0)+1,1))-1)+IF('Standard Profiles'!$G$20=$B$10,7,0)+IF('Standard Profiles'!$G$20=$B$17,14,0)+IF('Standard Profiles'!$G$20=$B$24,21,0),MOD($C8137,24)+1)/SUM(INDEX($D$3:$AA$30,INDEX(Jesper!$R$2:$R$366,ROW(INDEX(Jesper!AJ$2:AJ$366,ROUNDDOWN($C8137/24,0)+1,1))-1)+IF('Standard Profiles'!$G$20=$B$10,7,0)+IF('Standard Profiles'!$G$20=$B$17,14,0)+IF('Standard Profiles'!$G$20=$B$24,21,0),0)),0)</f>
        <v>0</v>
      </c>
      <c r="G8137" cm="1">
        <f t="array" ref="G8137">IFERROR(INDEX(Jesper!AK$2:AK$366,ROUNDDOWN($C8137/24,0)+1,1)*INDEX($D$3:$AA$30,INDEX(Jesper!$R$2:$R$366,ROW(INDEX(Jesper!AK$2:AK$366,ROUNDDOWN($C8137/24,0)+1,1))-1)+IF('Standard Profiles'!$G$21=$B$10,7,0)+IF('Standard Profiles'!$G$21=$B$17,14,0)+IF('Standard Profiles'!$G$21=$B$24,21,0),MOD($C8137,24)+1)/SUM(INDEX($D$3:$AA$30,INDEX(Jesper!$R$2:$R$366,ROW(INDEX(Jesper!AK$2:AK$366,ROUNDDOWN($C8137/24,0)+1,1))-1)+IF('Standard Profiles'!$G$21=$B$10,7,0)+IF('Standard Profiles'!$G$21=$B$17,14,0)+IF('Standard Profiles'!$G$21=$B$24,21,0),0)),0)</f>
        <v>63.421474378866947</v>
      </c>
      <c r="H8137" cm="1">
        <f t="array" ref="H8137">IFERROR(INDEX(Jesper!AL$2:AL$366,ROUNDDOWN($C8137/24,0)+1,1)*INDEX($D$3:$AA$30,INDEX(Jesper!$R$2:$R$366,ROW(INDEX(Jesper!AL$2:AL$366,ROUNDDOWN($C8137/24,0)+1,1))-1)+IF('Standard Profiles'!$G$22=$B$10,7,0)+IF('Standard Profiles'!$G$22=$B$17,14,0)+IF('Standard Profiles'!$G$22=$B$24,21,0),MOD($C8137,24)+1)/SUM(INDEX($D$3:$AA$30,INDEX(Jesper!$R$2:$R$366,ROW(INDEX(Jesper!AL$2:AL$366,ROUNDDOWN($C8137/24,0)+1,1))-1)+IF('Standard Profiles'!$G$22=$B$10,7,0)+IF('Standard Profiles'!$G$22=$B$17,14,0)+IF('Standard Profiles'!$G$22=$B$24,21,0),0)),0)</f>
        <v>0</v>
      </c>
      <c r="I8137">
        <f t="shared" si="902"/>
        <v>30.442307701856119</v>
      </c>
      <c r="J8137">
        <f t="shared" si="903"/>
        <v>124.85712996376986</v>
      </c>
      <c r="K8137">
        <f t="shared" si="904"/>
        <v>4.3263033388702503</v>
      </c>
      <c r="L8137">
        <f t="shared" si="905"/>
        <v>2.1631516694351252</v>
      </c>
      <c r="M8137">
        <f t="shared" si="906"/>
        <v>0</v>
      </c>
      <c r="N8137" s="45">
        <f t="shared" si="907"/>
        <v>45264.624999980348</v>
      </c>
    </row>
    <row r="8138" spans="2:14" x14ac:dyDescent="0.25">
      <c r="B8138">
        <f t="shared" si="901"/>
        <v>1</v>
      </c>
      <c r="C8138" s="16">
        <v>8104</v>
      </c>
      <c r="D8138" cm="1">
        <f t="array" ref="D8138">IFERROR(INDEX(Jesper!AH$2:AH$366,ROUNDDOWN($C8138/24,0)+1,1)*INDEX($D$3:$AA$30,INDEX(Jesper!$R$2:$R$366,ROW(INDEX(Jesper!AH$2:AH$366,ROUNDDOWN($C8138/24,0)+1,1))-1)+IF('Standard Profiles'!$G$18=$B$10,7,0)+IF('Standard Profiles'!$G$18=$B$17,14,0)+IF('Standard Profiles'!$G$18=$B$24,21,0),MOD($C8138,24)+1)/SUM(INDEX($D$3:$AA$30,INDEX(Jesper!$R$2:$R$366,ROW(INDEX(Jesper!AH$2:AH$366,ROUNDDOWN($C8138/24,0)+1,1))-1)+IF('Standard Profiles'!$G$18=$B$10,7,0)+IF('Standard Profiles'!$G$18=$B$17,14,0)+IF('Standard Profiles'!$G$18=$B$24,21,0),0)),0)</f>
        <v>23.659471384446679</v>
      </c>
      <c r="E8138" cm="1">
        <f t="array" ref="E8138">IFERROR(INDEX(Jesper!AI$2:AI$366,ROUNDDOWN($C8138/24,0)+1,1)*INDEX($D$3:$AA$30,INDEX(Jesper!$R$2:$R$366,ROW(INDEX(Jesper!AI$2:AI$366,ROUNDDOWN($C8138/24,0)+1,1))-1)+IF('Standard Profiles'!$G$19=$B$10,7,0)+IF('Standard Profiles'!$G$19=$B$17,14,0)+IF('Standard Profiles'!$G$19=$B$24,21,0),MOD($C8138,24)+1)/SUM(INDEX($D$3:$AA$30,INDEX(Jesper!$R$2:$R$366,ROW(INDEX(Jesper!AI$2:AI$366,ROUNDDOWN($C8138/24,0)+1,1))-1)+IF('Standard Profiles'!$G$19=$B$10,7,0)+IF('Standard Profiles'!$G$19=$B$17,14,0)+IF('Standard Profiles'!$G$19=$B$24,21,0),0)),0)</f>
        <v>33.721522621007566</v>
      </c>
      <c r="F8138" cm="1">
        <f t="array" ref="F8138">IFERROR(INDEX(Jesper!AJ$2:AJ$366,ROUNDDOWN($C8138/24,0)+1,1)*INDEX($D$3:$AA$30,INDEX(Jesper!$R$2:$R$366,ROW(INDEX(Jesper!AJ$2:AJ$366,ROUNDDOWN($C8138/24,0)+1,1))-1)+IF('Standard Profiles'!$G$20=$B$10,7,0)+IF('Standard Profiles'!$G$20=$B$17,14,0)+IF('Standard Profiles'!$G$20=$B$24,21,0),MOD($C8138,24)+1)/SUM(INDEX($D$3:$AA$30,INDEX(Jesper!$R$2:$R$366,ROW(INDEX(Jesper!AJ$2:AJ$366,ROUNDDOWN($C8138/24,0)+1,1))-1)+IF('Standard Profiles'!$G$20=$B$10,7,0)+IF('Standard Profiles'!$G$20=$B$17,14,0)+IF('Standard Profiles'!$G$20=$B$24,21,0),0)),0)</f>
        <v>0</v>
      </c>
      <c r="G8138" cm="1">
        <f t="array" ref="G8138">IFERROR(INDEX(Jesper!AK$2:AK$366,ROUNDDOWN($C8138/24,0)+1,1)*INDEX($D$3:$AA$30,INDEX(Jesper!$R$2:$R$366,ROW(INDEX(Jesper!AK$2:AK$366,ROUNDDOWN($C8138/24,0)+1,1))-1)+IF('Standard Profiles'!$G$21=$B$10,7,0)+IF('Standard Profiles'!$G$21=$B$17,14,0)+IF('Standard Profiles'!$G$21=$B$24,21,0),MOD($C8138,24)+1)/SUM(INDEX($D$3:$AA$30,INDEX(Jesper!$R$2:$R$366,ROW(INDEX(Jesper!AK$2:AK$366,ROUNDDOWN($C8138/24,0)+1,1))-1)+IF('Standard Profiles'!$G$21=$B$10,7,0)+IF('Standard Profiles'!$G$21=$B$17,14,0)+IF('Standard Profiles'!$G$21=$B$24,21,0),0)),0)</f>
        <v>52.851228649055791</v>
      </c>
      <c r="H8138" cm="1">
        <f t="array" ref="H8138">IFERROR(INDEX(Jesper!AL$2:AL$366,ROUNDDOWN($C8138/24,0)+1,1)*INDEX($D$3:$AA$30,INDEX(Jesper!$R$2:$R$366,ROW(INDEX(Jesper!AL$2:AL$366,ROUNDDOWN($C8138/24,0)+1,1))-1)+IF('Standard Profiles'!$G$22=$B$10,7,0)+IF('Standard Profiles'!$G$22=$B$17,14,0)+IF('Standard Profiles'!$G$22=$B$24,21,0),MOD($C8138,24)+1)/SUM(INDEX($D$3:$AA$30,INDEX(Jesper!$R$2:$R$366,ROW(INDEX(Jesper!AL$2:AL$366,ROUNDDOWN($C8138/24,0)+1,1))-1)+IF('Standard Profiles'!$G$22=$B$10,7,0)+IF('Standard Profiles'!$G$22=$B$17,14,0)+IF('Standard Profiles'!$G$22=$B$24,21,0),0)),0)</f>
        <v>0</v>
      </c>
      <c r="I8138">
        <f t="shared" si="902"/>
        <v>25.368589751546768</v>
      </c>
      <c r="J8138">
        <f t="shared" si="903"/>
        <v>81.078117481451798</v>
      </c>
      <c r="K8138">
        <f t="shared" si="904"/>
        <v>2.5236769476743124</v>
      </c>
      <c r="L8138">
        <f t="shared" si="905"/>
        <v>1.2618384738371562</v>
      </c>
      <c r="M8138">
        <f t="shared" si="906"/>
        <v>0</v>
      </c>
      <c r="N8138" s="45">
        <f t="shared" si="907"/>
        <v>45264.666666647012</v>
      </c>
    </row>
    <row r="8139" spans="2:14" x14ac:dyDescent="0.25">
      <c r="B8139">
        <f t="shared" si="901"/>
        <v>1</v>
      </c>
      <c r="C8139" s="16">
        <v>8105</v>
      </c>
      <c r="D8139" cm="1">
        <f t="array" ref="D8139">IFERROR(INDEX(Jesper!AH$2:AH$366,ROUNDDOWN($C8139/24,0)+1,1)*INDEX($D$3:$AA$30,INDEX(Jesper!$R$2:$R$366,ROW(INDEX(Jesper!AH$2:AH$366,ROUNDDOWN($C8139/24,0)+1,1))-1)+IF('Standard Profiles'!$G$18=$B$10,7,0)+IF('Standard Profiles'!$G$18=$B$17,14,0)+IF('Standard Profiles'!$G$18=$B$24,21,0),MOD($C8139,24)+1)/SUM(INDEX($D$3:$AA$30,INDEX(Jesper!$R$2:$R$366,ROW(INDEX(Jesper!AH$2:AH$366,ROUNDDOWN($C8139/24,0)+1,1))-1)+IF('Standard Profiles'!$G$18=$B$10,7,0)+IF('Standard Profiles'!$G$18=$B$17,14,0)+IF('Standard Profiles'!$G$18=$B$24,21,0),0)),0)</f>
        <v>6.7598489669847659</v>
      </c>
      <c r="E8139" cm="1">
        <f t="array" ref="E8139">IFERROR(INDEX(Jesper!AI$2:AI$366,ROUNDDOWN($C8139/24,0)+1,1)*INDEX($D$3:$AA$30,INDEX(Jesper!$R$2:$R$366,ROW(INDEX(Jesper!AI$2:AI$366,ROUNDDOWN($C8139/24,0)+1,1))-1)+IF('Standard Profiles'!$G$19=$B$10,7,0)+IF('Standard Profiles'!$G$19=$B$17,14,0)+IF('Standard Profiles'!$G$19=$B$24,21,0),MOD($C8139,24)+1)/SUM(INDEX($D$3:$AA$30,INDEX(Jesper!$R$2:$R$366,ROW(INDEX(Jesper!AI$2:AI$366,ROUNDDOWN($C8139/24,0)+1,1))-1)+IF('Standard Profiles'!$G$19=$B$10,7,0)+IF('Standard Profiles'!$G$19=$B$17,14,0)+IF('Standard Profiles'!$G$19=$B$24,21,0),0)),0)</f>
        <v>9.634720748859305</v>
      </c>
      <c r="F8139" cm="1">
        <f t="array" ref="F8139">IFERROR(INDEX(Jesper!AJ$2:AJ$366,ROUNDDOWN($C8139/24,0)+1,1)*INDEX($D$3:$AA$30,INDEX(Jesper!$R$2:$R$366,ROW(INDEX(Jesper!AJ$2:AJ$366,ROUNDDOWN($C8139/24,0)+1,1))-1)+IF('Standard Profiles'!$G$20=$B$10,7,0)+IF('Standard Profiles'!$G$20=$B$17,14,0)+IF('Standard Profiles'!$G$20=$B$24,21,0),MOD($C8139,24)+1)/SUM(INDEX($D$3:$AA$30,INDEX(Jesper!$R$2:$R$366,ROW(INDEX(Jesper!AJ$2:AJ$366,ROUNDDOWN($C8139/24,0)+1,1))-1)+IF('Standard Profiles'!$G$20=$B$10,7,0)+IF('Standard Profiles'!$G$20=$B$17,14,0)+IF('Standard Profiles'!$G$20=$B$24,21,0),0)),0)</f>
        <v>0</v>
      </c>
      <c r="G8139" cm="1">
        <f t="array" ref="G8139">IFERROR(INDEX(Jesper!AK$2:AK$366,ROUNDDOWN($C8139/24,0)+1,1)*INDEX($D$3:$AA$30,INDEX(Jesper!$R$2:$R$366,ROW(INDEX(Jesper!AK$2:AK$366,ROUNDDOWN($C8139/24,0)+1,1))-1)+IF('Standard Profiles'!$G$21=$B$10,7,0)+IF('Standard Profiles'!$G$21=$B$17,14,0)+IF('Standard Profiles'!$G$21=$B$24,21,0),MOD($C8139,24)+1)/SUM(INDEX($D$3:$AA$30,INDEX(Jesper!$R$2:$R$366,ROW(INDEX(Jesper!AK$2:AK$366,ROUNDDOWN($C8139/24,0)+1,1))-1)+IF('Standard Profiles'!$G$21=$B$10,7,0)+IF('Standard Profiles'!$G$21=$B$17,14,0)+IF('Standard Profiles'!$G$21=$B$24,21,0),0)),0)</f>
        <v>42.523977073952942</v>
      </c>
      <c r="H8139" cm="1">
        <f t="array" ref="H8139">IFERROR(INDEX(Jesper!AL$2:AL$366,ROUNDDOWN($C8139/24,0)+1,1)*INDEX($D$3:$AA$30,INDEX(Jesper!$R$2:$R$366,ROW(INDEX(Jesper!AL$2:AL$366,ROUNDDOWN($C8139/24,0)+1,1))-1)+IF('Standard Profiles'!$G$22=$B$10,7,0)+IF('Standard Profiles'!$G$22=$B$17,14,0)+IF('Standard Profiles'!$G$22=$B$24,21,0),MOD($C8139,24)+1)/SUM(INDEX($D$3:$AA$30,INDEX(Jesper!$R$2:$R$366,ROW(INDEX(Jesper!AL$2:AL$366,ROUNDDOWN($C8139/24,0)+1,1))-1)+IF('Standard Profiles'!$G$22=$B$10,7,0)+IF('Standard Profiles'!$G$22=$B$17,14,0)+IF('Standard Profiles'!$G$22=$B$24,21,0),0)),0)</f>
        <v>0</v>
      </c>
      <c r="I8139">
        <f t="shared" si="902"/>
        <v>20.411508995497403</v>
      </c>
      <c r="J8139">
        <f t="shared" si="903"/>
        <v>37.425461959582051</v>
      </c>
      <c r="K8139">
        <f t="shared" si="904"/>
        <v>0.72105055647837513</v>
      </c>
      <c r="L8139">
        <f t="shared" si="905"/>
        <v>0.36052527823918756</v>
      </c>
      <c r="M8139">
        <f t="shared" si="906"/>
        <v>0</v>
      </c>
      <c r="N8139" s="45">
        <f t="shared" si="907"/>
        <v>45264.708333313676</v>
      </c>
    </row>
    <row r="8140" spans="2:14" x14ac:dyDescent="0.25">
      <c r="B8140">
        <f t="shared" si="901"/>
        <v>1</v>
      </c>
      <c r="C8140" s="16">
        <v>8106</v>
      </c>
      <c r="D8140" cm="1">
        <f t="array" ref="D8140">IFERROR(INDEX(Jesper!AH$2:AH$366,ROUNDDOWN($C8140/24,0)+1,1)*INDEX($D$3:$AA$30,INDEX(Jesper!$R$2:$R$366,ROW(INDEX(Jesper!AH$2:AH$366,ROUNDDOWN($C8140/24,0)+1,1))-1)+IF('Standard Profiles'!$G$18=$B$10,7,0)+IF('Standard Profiles'!$G$18=$B$17,14,0)+IF('Standard Profiles'!$G$18=$B$24,21,0),MOD($C8140,24)+1)/SUM(INDEX($D$3:$AA$30,INDEX(Jesper!$R$2:$R$366,ROW(INDEX(Jesper!AH$2:AH$366,ROUNDDOWN($C8140/24,0)+1,1))-1)+IF('Standard Profiles'!$G$18=$B$10,7,0)+IF('Standard Profiles'!$G$18=$B$17,14,0)+IF('Standard Profiles'!$G$18=$B$24,21,0),0)),0)</f>
        <v>6.6646398266046987</v>
      </c>
      <c r="E8140" cm="1">
        <f t="array" ref="E8140">IFERROR(INDEX(Jesper!AI$2:AI$366,ROUNDDOWN($C8140/24,0)+1,1)*INDEX($D$3:$AA$30,INDEX(Jesper!$R$2:$R$366,ROW(INDEX(Jesper!AI$2:AI$366,ROUNDDOWN($C8140/24,0)+1,1))-1)+IF('Standard Profiles'!$G$19=$B$10,7,0)+IF('Standard Profiles'!$G$19=$B$17,14,0)+IF('Standard Profiles'!$G$19=$B$24,21,0),MOD($C8140,24)+1)/SUM(INDEX($D$3:$AA$30,INDEX(Jesper!$R$2:$R$366,ROW(INDEX(Jesper!AI$2:AI$366,ROUNDDOWN($C8140/24,0)+1,1))-1)+IF('Standard Profiles'!$G$19=$B$10,7,0)+IF('Standard Profiles'!$G$19=$B$17,14,0)+IF('Standard Profiles'!$G$19=$B$24,21,0),0)),0)</f>
        <v>9.4990204566218495</v>
      </c>
      <c r="F8140" cm="1">
        <f t="array" ref="F8140">IFERROR(INDEX(Jesper!AJ$2:AJ$366,ROUNDDOWN($C8140/24,0)+1,1)*INDEX($D$3:$AA$30,INDEX(Jesper!$R$2:$R$366,ROW(INDEX(Jesper!AJ$2:AJ$366,ROUNDDOWN($C8140/24,0)+1,1))-1)+IF('Standard Profiles'!$G$20=$B$10,7,0)+IF('Standard Profiles'!$G$20=$B$17,14,0)+IF('Standard Profiles'!$G$20=$B$24,21,0),MOD($C8140,24)+1)/SUM(INDEX($D$3:$AA$30,INDEX(Jesper!$R$2:$R$366,ROW(INDEX(Jesper!AJ$2:AJ$366,ROUNDDOWN($C8140/24,0)+1,1))-1)+IF('Standard Profiles'!$G$20=$B$10,7,0)+IF('Standard Profiles'!$G$20=$B$17,14,0)+IF('Standard Profiles'!$G$20=$B$24,21,0),0)),0)</f>
        <v>0</v>
      </c>
      <c r="G8140" cm="1">
        <f t="array" ref="G8140">IFERROR(INDEX(Jesper!AK$2:AK$366,ROUNDDOWN($C8140/24,0)+1,1)*INDEX($D$3:$AA$30,INDEX(Jesper!$R$2:$R$366,ROW(INDEX(Jesper!AK$2:AK$366,ROUNDDOWN($C8140/24,0)+1,1))-1)+IF('Standard Profiles'!$G$21=$B$10,7,0)+IF('Standard Profiles'!$G$21=$B$17,14,0)+IF('Standard Profiles'!$G$21=$B$24,21,0),MOD($C8140,24)+1)/SUM(INDEX($D$3:$AA$30,INDEX(Jesper!$R$2:$R$366,ROW(INDEX(Jesper!AK$2:AK$366,ROUNDDOWN($C8140/24,0)+1,1))-1)+IF('Standard Profiles'!$G$21=$B$10,7,0)+IF('Standard Profiles'!$G$21=$B$17,14,0)+IF('Standard Profiles'!$G$21=$B$24,21,0),0)),0)</f>
        <v>15.187134669268907</v>
      </c>
      <c r="H8140" cm="1">
        <f t="array" ref="H8140">IFERROR(INDEX(Jesper!AL$2:AL$366,ROUNDDOWN($C8140/24,0)+1,1)*INDEX($D$3:$AA$30,INDEX(Jesper!$R$2:$R$366,ROW(INDEX(Jesper!AL$2:AL$366,ROUNDDOWN($C8140/24,0)+1,1))-1)+IF('Standard Profiles'!$G$22=$B$10,7,0)+IF('Standard Profiles'!$G$22=$B$17,14,0)+IF('Standard Profiles'!$G$22=$B$24,21,0),MOD($C8140,24)+1)/SUM(INDEX($D$3:$AA$30,INDEX(Jesper!$R$2:$R$366,ROW(INDEX(Jesper!AL$2:AL$366,ROUNDDOWN($C8140/24,0)+1,1))-1)+IF('Standard Profiles'!$G$22=$B$10,7,0)+IF('Standard Profiles'!$G$22=$B$17,14,0)+IF('Standard Profiles'!$G$22=$B$24,21,0),0)),0)</f>
        <v>0</v>
      </c>
      <c r="I8140">
        <f t="shared" si="902"/>
        <v>7.2898246412490719</v>
      </c>
      <c r="J8140">
        <f t="shared" si="903"/>
        <v>22.99462793898963</v>
      </c>
      <c r="K8140">
        <f t="shared" si="904"/>
        <v>0.71089491483783462</v>
      </c>
      <c r="L8140">
        <f t="shared" si="905"/>
        <v>0.35544745741891731</v>
      </c>
      <c r="M8140">
        <f t="shared" si="906"/>
        <v>0</v>
      </c>
      <c r="N8140" s="45">
        <f t="shared" si="907"/>
        <v>45264.74999998034</v>
      </c>
    </row>
    <row r="8141" spans="2:14" x14ac:dyDescent="0.25">
      <c r="B8141">
        <f t="shared" si="901"/>
        <v>1</v>
      </c>
      <c r="C8141" s="16">
        <v>8107</v>
      </c>
      <c r="D8141" cm="1">
        <f t="array" ref="D8141">IFERROR(INDEX(Jesper!AH$2:AH$366,ROUNDDOWN($C8141/24,0)+1,1)*INDEX($D$3:$AA$30,INDEX(Jesper!$R$2:$R$366,ROW(INDEX(Jesper!AH$2:AH$366,ROUNDDOWN($C8141/24,0)+1,1))-1)+IF('Standard Profiles'!$G$18=$B$10,7,0)+IF('Standard Profiles'!$G$18=$B$17,14,0)+IF('Standard Profiles'!$G$18=$B$24,21,0),MOD($C8141,24)+1)/SUM(INDEX($D$3:$AA$30,INDEX(Jesper!$R$2:$R$366,ROW(INDEX(Jesper!AH$2:AH$366,ROUNDDOWN($C8141/24,0)+1,1))-1)+IF('Standard Profiles'!$G$18=$B$10,7,0)+IF('Standard Profiles'!$G$18=$B$17,14,0)+IF('Standard Profiles'!$G$18=$B$24,21,0),0)),0)</f>
        <v>6.6646398266046987</v>
      </c>
      <c r="E8141" cm="1">
        <f t="array" ref="E8141">IFERROR(INDEX(Jesper!AI$2:AI$366,ROUNDDOWN($C8141/24,0)+1,1)*INDEX($D$3:$AA$30,INDEX(Jesper!$R$2:$R$366,ROW(INDEX(Jesper!AI$2:AI$366,ROUNDDOWN($C8141/24,0)+1,1))-1)+IF('Standard Profiles'!$G$19=$B$10,7,0)+IF('Standard Profiles'!$G$19=$B$17,14,0)+IF('Standard Profiles'!$G$19=$B$24,21,0),MOD($C8141,24)+1)/SUM(INDEX($D$3:$AA$30,INDEX(Jesper!$R$2:$R$366,ROW(INDEX(Jesper!AI$2:AI$366,ROUNDDOWN($C8141/24,0)+1,1))-1)+IF('Standard Profiles'!$G$19=$B$10,7,0)+IF('Standard Profiles'!$G$19=$B$17,14,0)+IF('Standard Profiles'!$G$19=$B$24,21,0),0)),0)</f>
        <v>9.4990204566218495</v>
      </c>
      <c r="F8141" cm="1">
        <f t="array" ref="F8141">IFERROR(INDEX(Jesper!AJ$2:AJ$366,ROUNDDOWN($C8141/24,0)+1,1)*INDEX($D$3:$AA$30,INDEX(Jesper!$R$2:$R$366,ROW(INDEX(Jesper!AJ$2:AJ$366,ROUNDDOWN($C8141/24,0)+1,1))-1)+IF('Standard Profiles'!$G$20=$B$10,7,0)+IF('Standard Profiles'!$G$20=$B$17,14,0)+IF('Standard Profiles'!$G$20=$B$24,21,0),MOD($C8141,24)+1)/SUM(INDEX($D$3:$AA$30,INDEX(Jesper!$R$2:$R$366,ROW(INDEX(Jesper!AJ$2:AJ$366,ROUNDDOWN($C8141/24,0)+1,1))-1)+IF('Standard Profiles'!$G$20=$B$10,7,0)+IF('Standard Profiles'!$G$20=$B$17,14,0)+IF('Standard Profiles'!$G$20=$B$24,21,0),0)),0)</f>
        <v>0</v>
      </c>
      <c r="G8141" cm="1">
        <f t="array" ref="G8141">IFERROR(INDEX(Jesper!AK$2:AK$366,ROUNDDOWN($C8141/24,0)+1,1)*INDEX($D$3:$AA$30,INDEX(Jesper!$R$2:$R$366,ROW(INDEX(Jesper!AK$2:AK$366,ROUNDDOWN($C8141/24,0)+1,1))-1)+IF('Standard Profiles'!$G$21=$B$10,7,0)+IF('Standard Profiles'!$G$21=$B$17,14,0)+IF('Standard Profiles'!$G$21=$B$24,21,0),MOD($C8141,24)+1)/SUM(INDEX($D$3:$AA$30,INDEX(Jesper!$R$2:$R$366,ROW(INDEX(Jesper!AK$2:AK$366,ROUNDDOWN($C8141/24,0)+1,1))-1)+IF('Standard Profiles'!$G$21=$B$10,7,0)+IF('Standard Profiles'!$G$21=$B$17,14,0)+IF('Standard Profiles'!$G$21=$B$24,21,0),0)),0)</f>
        <v>15.187134669268907</v>
      </c>
      <c r="H8141" cm="1">
        <f t="array" ref="H8141">IFERROR(INDEX(Jesper!AL$2:AL$366,ROUNDDOWN($C8141/24,0)+1,1)*INDEX($D$3:$AA$30,INDEX(Jesper!$R$2:$R$366,ROW(INDEX(Jesper!AL$2:AL$366,ROUNDDOWN($C8141/24,0)+1,1))-1)+IF('Standard Profiles'!$G$22=$B$10,7,0)+IF('Standard Profiles'!$G$22=$B$17,14,0)+IF('Standard Profiles'!$G$22=$B$24,21,0),MOD($C8141,24)+1)/SUM(INDEX($D$3:$AA$30,INDEX(Jesper!$R$2:$R$366,ROW(INDEX(Jesper!AL$2:AL$366,ROUNDDOWN($C8141/24,0)+1,1))-1)+IF('Standard Profiles'!$G$22=$B$10,7,0)+IF('Standard Profiles'!$G$22=$B$17,14,0)+IF('Standard Profiles'!$G$22=$B$24,21,0),0)),0)</f>
        <v>0</v>
      </c>
      <c r="I8141">
        <f t="shared" si="902"/>
        <v>7.2898246412490719</v>
      </c>
      <c r="J8141">
        <f t="shared" si="903"/>
        <v>22.99462793898963</v>
      </c>
      <c r="K8141">
        <f t="shared" si="904"/>
        <v>0.71089491483783462</v>
      </c>
      <c r="L8141">
        <f t="shared" si="905"/>
        <v>0.35544745741891731</v>
      </c>
      <c r="M8141">
        <f t="shared" si="906"/>
        <v>0</v>
      </c>
      <c r="N8141" s="45">
        <f t="shared" si="907"/>
        <v>45264.791666647005</v>
      </c>
    </row>
    <row r="8142" spans="2:14" x14ac:dyDescent="0.25">
      <c r="B8142">
        <f t="shared" si="901"/>
        <v>1</v>
      </c>
      <c r="C8142" s="16">
        <v>8108</v>
      </c>
      <c r="D8142" cm="1">
        <f t="array" ref="D8142">IFERROR(INDEX(Jesper!AH$2:AH$366,ROUNDDOWN($C8142/24,0)+1,1)*INDEX($D$3:$AA$30,INDEX(Jesper!$R$2:$R$366,ROW(INDEX(Jesper!AH$2:AH$366,ROUNDDOWN($C8142/24,0)+1,1))-1)+IF('Standard Profiles'!$G$18=$B$10,7,0)+IF('Standard Profiles'!$G$18=$B$17,14,0)+IF('Standard Profiles'!$G$18=$B$24,21,0),MOD($C8142,24)+1)/SUM(INDEX($D$3:$AA$30,INDEX(Jesper!$R$2:$R$366,ROW(INDEX(Jesper!AH$2:AH$366,ROUNDDOWN($C8142/24,0)+1,1))-1)+IF('Standard Profiles'!$G$18=$B$10,7,0)+IF('Standard Profiles'!$G$18=$B$17,14,0)+IF('Standard Profiles'!$G$18=$B$24,21,0),0)),0)</f>
        <v>6.6646398266046987</v>
      </c>
      <c r="E8142" cm="1">
        <f t="array" ref="E8142">IFERROR(INDEX(Jesper!AI$2:AI$366,ROUNDDOWN($C8142/24,0)+1,1)*INDEX($D$3:$AA$30,INDEX(Jesper!$R$2:$R$366,ROW(INDEX(Jesper!AI$2:AI$366,ROUNDDOWN($C8142/24,0)+1,1))-1)+IF('Standard Profiles'!$G$19=$B$10,7,0)+IF('Standard Profiles'!$G$19=$B$17,14,0)+IF('Standard Profiles'!$G$19=$B$24,21,0),MOD($C8142,24)+1)/SUM(INDEX($D$3:$AA$30,INDEX(Jesper!$R$2:$R$366,ROW(INDEX(Jesper!AI$2:AI$366,ROUNDDOWN($C8142/24,0)+1,1))-1)+IF('Standard Profiles'!$G$19=$B$10,7,0)+IF('Standard Profiles'!$G$19=$B$17,14,0)+IF('Standard Profiles'!$G$19=$B$24,21,0),0)),0)</f>
        <v>9.4990204566218495</v>
      </c>
      <c r="F8142" cm="1">
        <f t="array" ref="F8142">IFERROR(INDEX(Jesper!AJ$2:AJ$366,ROUNDDOWN($C8142/24,0)+1,1)*INDEX($D$3:$AA$30,INDEX(Jesper!$R$2:$R$366,ROW(INDEX(Jesper!AJ$2:AJ$366,ROUNDDOWN($C8142/24,0)+1,1))-1)+IF('Standard Profiles'!$G$20=$B$10,7,0)+IF('Standard Profiles'!$G$20=$B$17,14,0)+IF('Standard Profiles'!$G$20=$B$24,21,0),MOD($C8142,24)+1)/SUM(INDEX($D$3:$AA$30,INDEX(Jesper!$R$2:$R$366,ROW(INDEX(Jesper!AJ$2:AJ$366,ROUNDDOWN($C8142/24,0)+1,1))-1)+IF('Standard Profiles'!$G$20=$B$10,7,0)+IF('Standard Profiles'!$G$20=$B$17,14,0)+IF('Standard Profiles'!$G$20=$B$24,21,0),0)),0)</f>
        <v>0</v>
      </c>
      <c r="G8142" cm="1">
        <f t="array" ref="G8142">IFERROR(INDEX(Jesper!AK$2:AK$366,ROUNDDOWN($C8142/24,0)+1,1)*INDEX($D$3:$AA$30,INDEX(Jesper!$R$2:$R$366,ROW(INDEX(Jesper!AK$2:AK$366,ROUNDDOWN($C8142/24,0)+1,1))-1)+IF('Standard Profiles'!$G$21=$B$10,7,0)+IF('Standard Profiles'!$G$21=$B$17,14,0)+IF('Standard Profiles'!$G$21=$B$24,21,0),MOD($C8142,24)+1)/SUM(INDEX($D$3:$AA$30,INDEX(Jesper!$R$2:$R$366,ROW(INDEX(Jesper!AK$2:AK$366,ROUNDDOWN($C8142/24,0)+1,1))-1)+IF('Standard Profiles'!$G$21=$B$10,7,0)+IF('Standard Profiles'!$G$21=$B$17,14,0)+IF('Standard Profiles'!$G$21=$B$24,21,0),0)),0)</f>
        <v>15.187134669268907</v>
      </c>
      <c r="H8142" cm="1">
        <f t="array" ref="H8142">IFERROR(INDEX(Jesper!AL$2:AL$366,ROUNDDOWN($C8142/24,0)+1,1)*INDEX($D$3:$AA$30,INDEX(Jesper!$R$2:$R$366,ROW(INDEX(Jesper!AL$2:AL$366,ROUNDDOWN($C8142/24,0)+1,1))-1)+IF('Standard Profiles'!$G$22=$B$10,7,0)+IF('Standard Profiles'!$G$22=$B$17,14,0)+IF('Standard Profiles'!$G$22=$B$24,21,0),MOD($C8142,24)+1)/SUM(INDEX($D$3:$AA$30,INDEX(Jesper!$R$2:$R$366,ROW(INDEX(Jesper!AL$2:AL$366,ROUNDDOWN($C8142/24,0)+1,1))-1)+IF('Standard Profiles'!$G$22=$B$10,7,0)+IF('Standard Profiles'!$G$22=$B$17,14,0)+IF('Standard Profiles'!$G$22=$B$24,21,0),0)),0)</f>
        <v>0</v>
      </c>
      <c r="I8142">
        <f t="shared" si="902"/>
        <v>7.2898246412490719</v>
      </c>
      <c r="J8142">
        <f t="shared" si="903"/>
        <v>22.99462793898963</v>
      </c>
      <c r="K8142">
        <f t="shared" si="904"/>
        <v>0.71089491483783462</v>
      </c>
      <c r="L8142">
        <f t="shared" si="905"/>
        <v>0.35544745741891731</v>
      </c>
      <c r="M8142">
        <f t="shared" si="906"/>
        <v>0</v>
      </c>
      <c r="N8142" s="45">
        <f t="shared" si="907"/>
        <v>45264.833333313669</v>
      </c>
    </row>
    <row r="8143" spans="2:14" x14ac:dyDescent="0.25">
      <c r="B8143">
        <f t="shared" si="901"/>
        <v>1</v>
      </c>
      <c r="C8143" s="16">
        <v>8109</v>
      </c>
      <c r="D8143" cm="1">
        <f t="array" ref="D8143">IFERROR(INDEX(Jesper!AH$2:AH$366,ROUNDDOWN($C8143/24,0)+1,1)*INDEX($D$3:$AA$30,INDEX(Jesper!$R$2:$R$366,ROW(INDEX(Jesper!AH$2:AH$366,ROUNDDOWN($C8143/24,0)+1,1))-1)+IF('Standard Profiles'!$G$18=$B$10,7,0)+IF('Standard Profiles'!$G$18=$B$17,14,0)+IF('Standard Profiles'!$G$18=$B$24,21,0),MOD($C8143,24)+1)/SUM(INDEX($D$3:$AA$30,INDEX(Jesper!$R$2:$R$366,ROW(INDEX(Jesper!AH$2:AH$366,ROUNDDOWN($C8143/24,0)+1,1))-1)+IF('Standard Profiles'!$G$18=$B$10,7,0)+IF('Standard Profiles'!$G$18=$B$17,14,0)+IF('Standard Profiles'!$G$18=$B$24,21,0),0)),0)</f>
        <v>6.6646398266046987</v>
      </c>
      <c r="E8143" cm="1">
        <f t="array" ref="E8143">IFERROR(INDEX(Jesper!AI$2:AI$366,ROUNDDOWN($C8143/24,0)+1,1)*INDEX($D$3:$AA$30,INDEX(Jesper!$R$2:$R$366,ROW(INDEX(Jesper!AI$2:AI$366,ROUNDDOWN($C8143/24,0)+1,1))-1)+IF('Standard Profiles'!$G$19=$B$10,7,0)+IF('Standard Profiles'!$G$19=$B$17,14,0)+IF('Standard Profiles'!$G$19=$B$24,21,0),MOD($C8143,24)+1)/SUM(INDEX($D$3:$AA$30,INDEX(Jesper!$R$2:$R$366,ROW(INDEX(Jesper!AI$2:AI$366,ROUNDDOWN($C8143/24,0)+1,1))-1)+IF('Standard Profiles'!$G$19=$B$10,7,0)+IF('Standard Profiles'!$G$19=$B$17,14,0)+IF('Standard Profiles'!$G$19=$B$24,21,0),0)),0)</f>
        <v>9.4990204566218495</v>
      </c>
      <c r="F8143" cm="1">
        <f t="array" ref="F8143">IFERROR(INDEX(Jesper!AJ$2:AJ$366,ROUNDDOWN($C8143/24,0)+1,1)*INDEX($D$3:$AA$30,INDEX(Jesper!$R$2:$R$366,ROW(INDEX(Jesper!AJ$2:AJ$366,ROUNDDOWN($C8143/24,0)+1,1))-1)+IF('Standard Profiles'!$G$20=$B$10,7,0)+IF('Standard Profiles'!$G$20=$B$17,14,0)+IF('Standard Profiles'!$G$20=$B$24,21,0),MOD($C8143,24)+1)/SUM(INDEX($D$3:$AA$30,INDEX(Jesper!$R$2:$R$366,ROW(INDEX(Jesper!AJ$2:AJ$366,ROUNDDOWN($C8143/24,0)+1,1))-1)+IF('Standard Profiles'!$G$20=$B$10,7,0)+IF('Standard Profiles'!$G$20=$B$17,14,0)+IF('Standard Profiles'!$G$20=$B$24,21,0),0)),0)</f>
        <v>0</v>
      </c>
      <c r="G8143" cm="1">
        <f t="array" ref="G8143">IFERROR(INDEX(Jesper!AK$2:AK$366,ROUNDDOWN($C8143/24,0)+1,1)*INDEX($D$3:$AA$30,INDEX(Jesper!$R$2:$R$366,ROW(INDEX(Jesper!AK$2:AK$366,ROUNDDOWN($C8143/24,0)+1,1))-1)+IF('Standard Profiles'!$G$21=$B$10,7,0)+IF('Standard Profiles'!$G$21=$B$17,14,0)+IF('Standard Profiles'!$G$21=$B$24,21,0),MOD($C8143,24)+1)/SUM(INDEX($D$3:$AA$30,INDEX(Jesper!$R$2:$R$366,ROW(INDEX(Jesper!AK$2:AK$366,ROUNDDOWN($C8143/24,0)+1,1))-1)+IF('Standard Profiles'!$G$21=$B$10,7,0)+IF('Standard Profiles'!$G$21=$B$17,14,0)+IF('Standard Profiles'!$G$21=$B$24,21,0),0)),0)</f>
        <v>15.187134669268907</v>
      </c>
      <c r="H8143" cm="1">
        <f t="array" ref="H8143">IFERROR(INDEX(Jesper!AL$2:AL$366,ROUNDDOWN($C8143/24,0)+1,1)*INDEX($D$3:$AA$30,INDEX(Jesper!$R$2:$R$366,ROW(INDEX(Jesper!AL$2:AL$366,ROUNDDOWN($C8143/24,0)+1,1))-1)+IF('Standard Profiles'!$G$22=$B$10,7,0)+IF('Standard Profiles'!$G$22=$B$17,14,0)+IF('Standard Profiles'!$G$22=$B$24,21,0),MOD($C8143,24)+1)/SUM(INDEX($D$3:$AA$30,INDEX(Jesper!$R$2:$R$366,ROW(INDEX(Jesper!AL$2:AL$366,ROUNDDOWN($C8143/24,0)+1,1))-1)+IF('Standard Profiles'!$G$22=$B$10,7,0)+IF('Standard Profiles'!$G$22=$B$17,14,0)+IF('Standard Profiles'!$G$22=$B$24,21,0),0)),0)</f>
        <v>0</v>
      </c>
      <c r="I8143">
        <f t="shared" si="902"/>
        <v>7.2898246412490719</v>
      </c>
      <c r="J8143">
        <f t="shared" si="903"/>
        <v>22.99462793898963</v>
      </c>
      <c r="K8143">
        <f t="shared" si="904"/>
        <v>0.71089491483783462</v>
      </c>
      <c r="L8143">
        <f t="shared" si="905"/>
        <v>0.35544745741891731</v>
      </c>
      <c r="M8143">
        <f t="shared" si="906"/>
        <v>0</v>
      </c>
      <c r="N8143" s="45">
        <f t="shared" si="907"/>
        <v>45264.874999980333</v>
      </c>
    </row>
    <row r="8144" spans="2:14" x14ac:dyDescent="0.25">
      <c r="B8144">
        <f t="shared" si="901"/>
        <v>1</v>
      </c>
      <c r="C8144" s="16">
        <v>8110</v>
      </c>
      <c r="D8144" cm="1">
        <f t="array" ref="D8144">IFERROR(INDEX(Jesper!AH$2:AH$366,ROUNDDOWN($C8144/24,0)+1,1)*INDEX($D$3:$AA$30,INDEX(Jesper!$R$2:$R$366,ROW(INDEX(Jesper!AH$2:AH$366,ROUNDDOWN($C8144/24,0)+1,1))-1)+IF('Standard Profiles'!$G$18=$B$10,7,0)+IF('Standard Profiles'!$G$18=$B$17,14,0)+IF('Standard Profiles'!$G$18=$B$24,21,0),MOD($C8144,24)+1)/SUM(INDEX($D$3:$AA$30,INDEX(Jesper!$R$2:$R$366,ROW(INDEX(Jesper!AH$2:AH$366,ROUNDDOWN($C8144/24,0)+1,1))-1)+IF('Standard Profiles'!$G$18=$B$10,7,0)+IF('Standard Profiles'!$G$18=$B$17,14,0)+IF('Standard Profiles'!$G$18=$B$24,21,0),0)),0)</f>
        <v>6.6646398266046987</v>
      </c>
      <c r="E8144" cm="1">
        <f t="array" ref="E8144">IFERROR(INDEX(Jesper!AI$2:AI$366,ROUNDDOWN($C8144/24,0)+1,1)*INDEX($D$3:$AA$30,INDEX(Jesper!$R$2:$R$366,ROW(INDEX(Jesper!AI$2:AI$366,ROUNDDOWN($C8144/24,0)+1,1))-1)+IF('Standard Profiles'!$G$19=$B$10,7,0)+IF('Standard Profiles'!$G$19=$B$17,14,0)+IF('Standard Profiles'!$G$19=$B$24,21,0),MOD($C8144,24)+1)/SUM(INDEX($D$3:$AA$30,INDEX(Jesper!$R$2:$R$366,ROW(INDEX(Jesper!AI$2:AI$366,ROUNDDOWN($C8144/24,0)+1,1))-1)+IF('Standard Profiles'!$G$19=$B$10,7,0)+IF('Standard Profiles'!$G$19=$B$17,14,0)+IF('Standard Profiles'!$G$19=$B$24,21,0),0)),0)</f>
        <v>9.4990204566218495</v>
      </c>
      <c r="F8144" cm="1">
        <f t="array" ref="F8144">IFERROR(INDEX(Jesper!AJ$2:AJ$366,ROUNDDOWN($C8144/24,0)+1,1)*INDEX($D$3:$AA$30,INDEX(Jesper!$R$2:$R$366,ROW(INDEX(Jesper!AJ$2:AJ$366,ROUNDDOWN($C8144/24,0)+1,1))-1)+IF('Standard Profiles'!$G$20=$B$10,7,0)+IF('Standard Profiles'!$G$20=$B$17,14,0)+IF('Standard Profiles'!$G$20=$B$24,21,0),MOD($C8144,24)+1)/SUM(INDEX($D$3:$AA$30,INDEX(Jesper!$R$2:$R$366,ROW(INDEX(Jesper!AJ$2:AJ$366,ROUNDDOWN($C8144/24,0)+1,1))-1)+IF('Standard Profiles'!$G$20=$B$10,7,0)+IF('Standard Profiles'!$G$20=$B$17,14,0)+IF('Standard Profiles'!$G$20=$B$24,21,0),0)),0)</f>
        <v>0</v>
      </c>
      <c r="G8144" cm="1">
        <f t="array" ref="G8144">IFERROR(INDEX(Jesper!AK$2:AK$366,ROUNDDOWN($C8144/24,0)+1,1)*INDEX($D$3:$AA$30,INDEX(Jesper!$R$2:$R$366,ROW(INDEX(Jesper!AK$2:AK$366,ROUNDDOWN($C8144/24,0)+1,1))-1)+IF('Standard Profiles'!$G$21=$B$10,7,0)+IF('Standard Profiles'!$G$21=$B$17,14,0)+IF('Standard Profiles'!$G$21=$B$24,21,0),MOD($C8144,24)+1)/SUM(INDEX($D$3:$AA$30,INDEX(Jesper!$R$2:$R$366,ROW(INDEX(Jesper!AK$2:AK$366,ROUNDDOWN($C8144/24,0)+1,1))-1)+IF('Standard Profiles'!$G$21=$B$10,7,0)+IF('Standard Profiles'!$G$21=$B$17,14,0)+IF('Standard Profiles'!$G$21=$B$24,21,0),0)),0)</f>
        <v>15.187134669268907</v>
      </c>
      <c r="H8144" cm="1">
        <f t="array" ref="H8144">IFERROR(INDEX(Jesper!AL$2:AL$366,ROUNDDOWN($C8144/24,0)+1,1)*INDEX($D$3:$AA$30,INDEX(Jesper!$R$2:$R$366,ROW(INDEX(Jesper!AL$2:AL$366,ROUNDDOWN($C8144/24,0)+1,1))-1)+IF('Standard Profiles'!$G$22=$B$10,7,0)+IF('Standard Profiles'!$G$22=$B$17,14,0)+IF('Standard Profiles'!$G$22=$B$24,21,0),MOD($C8144,24)+1)/SUM(INDEX($D$3:$AA$30,INDEX(Jesper!$R$2:$R$366,ROW(INDEX(Jesper!AL$2:AL$366,ROUNDDOWN($C8144/24,0)+1,1))-1)+IF('Standard Profiles'!$G$22=$B$10,7,0)+IF('Standard Profiles'!$G$22=$B$17,14,0)+IF('Standard Profiles'!$G$22=$B$24,21,0),0)),0)</f>
        <v>0</v>
      </c>
      <c r="I8144">
        <f t="shared" si="902"/>
        <v>7.2898246412490719</v>
      </c>
      <c r="J8144">
        <f t="shared" si="903"/>
        <v>22.99462793898963</v>
      </c>
      <c r="K8144">
        <f t="shared" si="904"/>
        <v>0.71089491483783462</v>
      </c>
      <c r="L8144">
        <f t="shared" si="905"/>
        <v>0.35544745741891731</v>
      </c>
      <c r="M8144">
        <f t="shared" si="906"/>
        <v>0</v>
      </c>
      <c r="N8144" s="45">
        <f t="shared" si="907"/>
        <v>45264.916666646997</v>
      </c>
    </row>
    <row r="8145" spans="2:14" x14ac:dyDescent="0.25">
      <c r="B8145">
        <f t="shared" si="901"/>
        <v>1</v>
      </c>
      <c r="C8145" s="16">
        <v>8111</v>
      </c>
      <c r="D8145" cm="1">
        <f t="array" ref="D8145">IFERROR(INDEX(Jesper!AH$2:AH$366,ROUNDDOWN($C8145/24,0)+1,1)*INDEX($D$3:$AA$30,INDEX(Jesper!$R$2:$R$366,ROW(INDEX(Jesper!AH$2:AH$366,ROUNDDOWN($C8145/24,0)+1,1))-1)+IF('Standard Profiles'!$G$18=$B$10,7,0)+IF('Standard Profiles'!$G$18=$B$17,14,0)+IF('Standard Profiles'!$G$18=$B$24,21,0),MOD($C8145,24)+1)/SUM(INDEX($D$3:$AA$30,INDEX(Jesper!$R$2:$R$366,ROW(INDEX(Jesper!AH$2:AH$366,ROUNDDOWN($C8145/24,0)+1,1))-1)+IF('Standard Profiles'!$G$18=$B$10,7,0)+IF('Standard Profiles'!$G$18=$B$17,14,0)+IF('Standard Profiles'!$G$18=$B$24,21,0),0)),0)</f>
        <v>6.6646398266046987</v>
      </c>
      <c r="E8145" cm="1">
        <f t="array" ref="E8145">IFERROR(INDEX(Jesper!AI$2:AI$366,ROUNDDOWN($C8145/24,0)+1,1)*INDEX($D$3:$AA$30,INDEX(Jesper!$R$2:$R$366,ROW(INDEX(Jesper!AI$2:AI$366,ROUNDDOWN($C8145/24,0)+1,1))-1)+IF('Standard Profiles'!$G$19=$B$10,7,0)+IF('Standard Profiles'!$G$19=$B$17,14,0)+IF('Standard Profiles'!$G$19=$B$24,21,0),MOD($C8145,24)+1)/SUM(INDEX($D$3:$AA$30,INDEX(Jesper!$R$2:$R$366,ROW(INDEX(Jesper!AI$2:AI$366,ROUNDDOWN($C8145/24,0)+1,1))-1)+IF('Standard Profiles'!$G$19=$B$10,7,0)+IF('Standard Profiles'!$G$19=$B$17,14,0)+IF('Standard Profiles'!$G$19=$B$24,21,0),0)),0)</f>
        <v>9.4990204566218495</v>
      </c>
      <c r="F8145" cm="1">
        <f t="array" ref="F8145">IFERROR(INDEX(Jesper!AJ$2:AJ$366,ROUNDDOWN($C8145/24,0)+1,1)*INDEX($D$3:$AA$30,INDEX(Jesper!$R$2:$R$366,ROW(INDEX(Jesper!AJ$2:AJ$366,ROUNDDOWN($C8145/24,0)+1,1))-1)+IF('Standard Profiles'!$G$20=$B$10,7,0)+IF('Standard Profiles'!$G$20=$B$17,14,0)+IF('Standard Profiles'!$G$20=$B$24,21,0),MOD($C8145,24)+1)/SUM(INDEX($D$3:$AA$30,INDEX(Jesper!$R$2:$R$366,ROW(INDEX(Jesper!AJ$2:AJ$366,ROUNDDOWN($C8145/24,0)+1,1))-1)+IF('Standard Profiles'!$G$20=$B$10,7,0)+IF('Standard Profiles'!$G$20=$B$17,14,0)+IF('Standard Profiles'!$G$20=$B$24,21,0),0)),0)</f>
        <v>0</v>
      </c>
      <c r="G8145" cm="1">
        <f t="array" ref="G8145">IFERROR(INDEX(Jesper!AK$2:AK$366,ROUNDDOWN($C8145/24,0)+1,1)*INDEX($D$3:$AA$30,INDEX(Jesper!$R$2:$R$366,ROW(INDEX(Jesper!AK$2:AK$366,ROUNDDOWN($C8145/24,0)+1,1))-1)+IF('Standard Profiles'!$G$21=$B$10,7,0)+IF('Standard Profiles'!$G$21=$B$17,14,0)+IF('Standard Profiles'!$G$21=$B$24,21,0),MOD($C8145,24)+1)/SUM(INDEX($D$3:$AA$30,INDEX(Jesper!$R$2:$R$366,ROW(INDEX(Jesper!AK$2:AK$366,ROUNDDOWN($C8145/24,0)+1,1))-1)+IF('Standard Profiles'!$G$21=$B$10,7,0)+IF('Standard Profiles'!$G$21=$B$17,14,0)+IF('Standard Profiles'!$G$21=$B$24,21,0),0)),0)</f>
        <v>15.187134669268907</v>
      </c>
      <c r="H8145" cm="1">
        <f t="array" ref="H8145">IFERROR(INDEX(Jesper!AL$2:AL$366,ROUNDDOWN($C8145/24,0)+1,1)*INDEX($D$3:$AA$30,INDEX(Jesper!$R$2:$R$366,ROW(INDEX(Jesper!AL$2:AL$366,ROUNDDOWN($C8145/24,0)+1,1))-1)+IF('Standard Profiles'!$G$22=$B$10,7,0)+IF('Standard Profiles'!$G$22=$B$17,14,0)+IF('Standard Profiles'!$G$22=$B$24,21,0),MOD($C8145,24)+1)/SUM(INDEX($D$3:$AA$30,INDEX(Jesper!$R$2:$R$366,ROW(INDEX(Jesper!AL$2:AL$366,ROUNDDOWN($C8145/24,0)+1,1))-1)+IF('Standard Profiles'!$G$22=$B$10,7,0)+IF('Standard Profiles'!$G$22=$B$17,14,0)+IF('Standard Profiles'!$G$22=$B$24,21,0),0)),0)</f>
        <v>0</v>
      </c>
      <c r="I8145">
        <f t="shared" si="902"/>
        <v>7.2898246412490719</v>
      </c>
      <c r="J8145">
        <f t="shared" si="903"/>
        <v>22.99462793898963</v>
      </c>
      <c r="K8145">
        <f t="shared" si="904"/>
        <v>0.71089491483783462</v>
      </c>
      <c r="L8145">
        <f t="shared" si="905"/>
        <v>0.35544745741891731</v>
      </c>
      <c r="M8145">
        <f t="shared" si="906"/>
        <v>0</v>
      </c>
      <c r="N8145" s="45">
        <f t="shared" si="907"/>
        <v>45264.958333313662</v>
      </c>
    </row>
    <row r="8146" spans="2:14" x14ac:dyDescent="0.25">
      <c r="B8146">
        <f t="shared" si="901"/>
        <v>2</v>
      </c>
      <c r="C8146" s="16">
        <v>8112</v>
      </c>
      <c r="D8146" cm="1">
        <f t="array" ref="D8146">IFERROR(INDEX(Jesper!AH$2:AH$366,ROUNDDOWN($C8146/24,0)+1,1)*INDEX($D$3:$AA$30,INDEX(Jesper!$R$2:$R$366,ROW(INDEX(Jesper!AH$2:AH$366,ROUNDDOWN($C8146/24,0)+1,1))-1)+IF('Standard Profiles'!$G$18=$B$10,7,0)+IF('Standard Profiles'!$G$18=$B$17,14,0)+IF('Standard Profiles'!$G$18=$B$24,21,0),MOD($C8146,24)+1)/SUM(INDEX($D$3:$AA$30,INDEX(Jesper!$R$2:$R$366,ROW(INDEX(Jesper!AH$2:AH$366,ROUNDDOWN($C8146/24,0)+1,1))-1)+IF('Standard Profiles'!$G$18=$B$10,7,0)+IF('Standard Profiles'!$G$18=$B$17,14,0)+IF('Standard Profiles'!$G$18=$B$24,21,0),0)),0)</f>
        <v>4.1276891342836288</v>
      </c>
      <c r="E8146" cm="1">
        <f t="array" ref="E8146">IFERROR(INDEX(Jesper!AI$2:AI$366,ROUNDDOWN($C8146/24,0)+1,1)*INDEX($D$3:$AA$30,INDEX(Jesper!$R$2:$R$366,ROW(INDEX(Jesper!AI$2:AI$366,ROUNDDOWN($C8146/24,0)+1,1))-1)+IF('Standard Profiles'!$G$19=$B$10,7,0)+IF('Standard Profiles'!$G$19=$B$17,14,0)+IF('Standard Profiles'!$G$19=$B$24,21,0),MOD($C8146,24)+1)/SUM(INDEX($D$3:$AA$30,INDEX(Jesper!$R$2:$R$366,ROW(INDEX(Jesper!AI$2:AI$366,ROUNDDOWN($C8146/24,0)+1,1))-1)+IF('Standard Profiles'!$G$19=$B$10,7,0)+IF('Standard Profiles'!$G$19=$B$17,14,0)+IF('Standard Profiles'!$G$19=$B$24,21,0),0)),0)</f>
        <v>5.6039705377614801</v>
      </c>
      <c r="F8146" cm="1">
        <f t="array" ref="F8146">IFERROR(INDEX(Jesper!AJ$2:AJ$366,ROUNDDOWN($C8146/24,0)+1,1)*INDEX($D$3:$AA$30,INDEX(Jesper!$R$2:$R$366,ROW(INDEX(Jesper!AJ$2:AJ$366,ROUNDDOWN($C8146/24,0)+1,1))-1)+IF('Standard Profiles'!$G$20=$B$10,7,0)+IF('Standard Profiles'!$G$20=$B$17,14,0)+IF('Standard Profiles'!$G$20=$B$24,21,0),MOD($C8146,24)+1)/SUM(INDEX($D$3:$AA$30,INDEX(Jesper!$R$2:$R$366,ROW(INDEX(Jesper!AJ$2:AJ$366,ROUNDDOWN($C8146/24,0)+1,1))-1)+IF('Standard Profiles'!$G$20=$B$10,7,0)+IF('Standard Profiles'!$G$20=$B$17,14,0)+IF('Standard Profiles'!$G$20=$B$24,21,0),0)),0)</f>
        <v>0</v>
      </c>
      <c r="G8146" cm="1">
        <f t="array" ref="G8146">IFERROR(INDEX(Jesper!AK$2:AK$366,ROUNDDOWN($C8146/24,0)+1,1)*INDEX($D$3:$AA$30,INDEX(Jesper!$R$2:$R$366,ROW(INDEX(Jesper!AK$2:AK$366,ROUNDDOWN($C8146/24,0)+1,1))-1)+IF('Standard Profiles'!$G$21=$B$10,7,0)+IF('Standard Profiles'!$G$21=$B$17,14,0)+IF('Standard Profiles'!$G$21=$B$24,21,0),MOD($C8146,24)+1)/SUM(INDEX($D$3:$AA$30,INDEX(Jesper!$R$2:$R$366,ROW(INDEX(Jesper!AK$2:AK$366,ROUNDDOWN($C8146/24,0)+1,1))-1)+IF('Standard Profiles'!$G$21=$B$10,7,0)+IF('Standard Profiles'!$G$21=$B$17,14,0)+IF('Standard Profiles'!$G$21=$B$24,21,0),0)),0)</f>
        <v>12.50809049344921</v>
      </c>
      <c r="H8146" cm="1">
        <f t="array" ref="H8146">IFERROR(INDEX(Jesper!AL$2:AL$366,ROUNDDOWN($C8146/24,0)+1,1)*INDEX($D$3:$AA$30,INDEX(Jesper!$R$2:$R$366,ROW(INDEX(Jesper!AL$2:AL$366,ROUNDDOWN($C8146/24,0)+1,1))-1)+IF('Standard Profiles'!$G$22=$B$10,7,0)+IF('Standard Profiles'!$G$22=$B$17,14,0)+IF('Standard Profiles'!$G$22=$B$24,21,0),MOD($C8146,24)+1)/SUM(INDEX($D$3:$AA$30,INDEX(Jesper!$R$2:$R$366,ROW(INDEX(Jesper!AL$2:AL$366,ROUNDDOWN($C8146/24,0)+1,1))-1)+IF('Standard Profiles'!$G$22=$B$10,7,0)+IF('Standard Profiles'!$G$22=$B$17,14,0)+IF('Standard Profiles'!$G$22=$B$24,21,0),0)),0)</f>
        <v>0</v>
      </c>
      <c r="I8146">
        <f t="shared" si="902"/>
        <v>6.0038834368556175</v>
      </c>
      <c r="J8146">
        <f t="shared" si="903"/>
        <v>15.57543646715332</v>
      </c>
      <c r="K8146">
        <f t="shared" si="904"/>
        <v>0.44028684099025378</v>
      </c>
      <c r="L8146">
        <f t="shared" si="905"/>
        <v>0.22014342049512689</v>
      </c>
      <c r="M8146">
        <f t="shared" si="906"/>
        <v>0</v>
      </c>
      <c r="N8146" s="45">
        <f t="shared" si="907"/>
        <v>45264.999999980326</v>
      </c>
    </row>
    <row r="8147" spans="2:14" x14ac:dyDescent="0.25">
      <c r="B8147">
        <f t="shared" si="901"/>
        <v>2</v>
      </c>
      <c r="C8147" s="16">
        <v>8113</v>
      </c>
      <c r="D8147" cm="1">
        <f t="array" ref="D8147">IFERROR(INDEX(Jesper!AH$2:AH$366,ROUNDDOWN($C8147/24,0)+1,1)*INDEX($D$3:$AA$30,INDEX(Jesper!$R$2:$R$366,ROW(INDEX(Jesper!AH$2:AH$366,ROUNDDOWN($C8147/24,0)+1,1))-1)+IF('Standard Profiles'!$G$18=$B$10,7,0)+IF('Standard Profiles'!$G$18=$B$17,14,0)+IF('Standard Profiles'!$G$18=$B$24,21,0),MOD($C8147,24)+1)/SUM(INDEX($D$3:$AA$30,INDEX(Jesper!$R$2:$R$366,ROW(INDEX(Jesper!AH$2:AH$366,ROUNDDOWN($C8147/24,0)+1,1))-1)+IF('Standard Profiles'!$G$18=$B$10,7,0)+IF('Standard Profiles'!$G$18=$B$17,14,0)+IF('Standard Profiles'!$G$18=$B$24,21,0),0)),0)</f>
        <v>6.2898120141464826</v>
      </c>
      <c r="E8147" cm="1">
        <f t="array" ref="E8147">IFERROR(INDEX(Jesper!AI$2:AI$366,ROUNDDOWN($C8147/24,0)+1,1)*INDEX($D$3:$AA$30,INDEX(Jesper!$R$2:$R$366,ROW(INDEX(Jesper!AI$2:AI$366,ROUNDDOWN($C8147/24,0)+1,1))-1)+IF('Standard Profiles'!$G$19=$B$10,7,0)+IF('Standard Profiles'!$G$19=$B$17,14,0)+IF('Standard Profiles'!$G$19=$B$24,21,0),MOD($C8147,24)+1)/SUM(INDEX($D$3:$AA$30,INDEX(Jesper!$R$2:$R$366,ROW(INDEX(Jesper!AI$2:AI$366,ROUNDDOWN($C8147/24,0)+1,1))-1)+IF('Standard Profiles'!$G$19=$B$10,7,0)+IF('Standard Profiles'!$G$19=$B$17,14,0)+IF('Standard Profiles'!$G$19=$B$24,21,0),0)),0)</f>
        <v>8.5393836765889244</v>
      </c>
      <c r="F8147" cm="1">
        <f t="array" ref="F8147">IFERROR(INDEX(Jesper!AJ$2:AJ$366,ROUNDDOWN($C8147/24,0)+1,1)*INDEX($D$3:$AA$30,INDEX(Jesper!$R$2:$R$366,ROW(INDEX(Jesper!AJ$2:AJ$366,ROUNDDOWN($C8147/24,0)+1,1))-1)+IF('Standard Profiles'!$G$20=$B$10,7,0)+IF('Standard Profiles'!$G$20=$B$17,14,0)+IF('Standard Profiles'!$G$20=$B$24,21,0),MOD($C8147,24)+1)/SUM(INDEX($D$3:$AA$30,INDEX(Jesper!$R$2:$R$366,ROW(INDEX(Jesper!AJ$2:AJ$366,ROUNDDOWN($C8147/24,0)+1,1))-1)+IF('Standard Profiles'!$G$20=$B$10,7,0)+IF('Standard Profiles'!$G$20=$B$17,14,0)+IF('Standard Profiles'!$G$20=$B$24,21,0),0)),0)</f>
        <v>0</v>
      </c>
      <c r="G8147" cm="1">
        <f t="array" ref="G8147">IFERROR(INDEX(Jesper!AK$2:AK$366,ROUNDDOWN($C8147/24,0)+1,1)*INDEX($D$3:$AA$30,INDEX(Jesper!$R$2:$R$366,ROW(INDEX(Jesper!AK$2:AK$366,ROUNDDOWN($C8147/24,0)+1,1))-1)+IF('Standard Profiles'!$G$21=$B$10,7,0)+IF('Standard Profiles'!$G$21=$B$17,14,0)+IF('Standard Profiles'!$G$21=$B$24,21,0),MOD($C8147,24)+1)/SUM(INDEX($D$3:$AA$30,INDEX(Jesper!$R$2:$R$366,ROW(INDEX(Jesper!AK$2:AK$366,ROUNDDOWN($C8147/24,0)+1,1))-1)+IF('Standard Profiles'!$G$21=$B$10,7,0)+IF('Standard Profiles'!$G$21=$B$17,14,0)+IF('Standard Profiles'!$G$21=$B$24,21,0),0)),0)</f>
        <v>12.50809049344921</v>
      </c>
      <c r="H8147" cm="1">
        <f t="array" ref="H8147">IFERROR(INDEX(Jesper!AL$2:AL$366,ROUNDDOWN($C8147/24,0)+1,1)*INDEX($D$3:$AA$30,INDEX(Jesper!$R$2:$R$366,ROW(INDEX(Jesper!AL$2:AL$366,ROUNDDOWN($C8147/24,0)+1,1))-1)+IF('Standard Profiles'!$G$22=$B$10,7,0)+IF('Standard Profiles'!$G$22=$B$17,14,0)+IF('Standard Profiles'!$G$22=$B$24,21,0),MOD($C8147,24)+1)/SUM(INDEX($D$3:$AA$30,INDEX(Jesper!$R$2:$R$366,ROW(INDEX(Jesper!AL$2:AL$366,ROUNDDOWN($C8147/24,0)+1,1))-1)+IF('Standard Profiles'!$G$22=$B$10,7,0)+IF('Standard Profiles'!$G$22=$B$17,14,0)+IF('Standard Profiles'!$G$22=$B$24,21,0),0)),0)</f>
        <v>0</v>
      </c>
      <c r="I8147">
        <f t="shared" si="902"/>
        <v>6.0038834368556175</v>
      </c>
      <c r="J8147">
        <f t="shared" si="903"/>
        <v>20.327032825065562</v>
      </c>
      <c r="K8147">
        <f t="shared" si="904"/>
        <v>0.67091328150895824</v>
      </c>
      <c r="L8147">
        <f t="shared" si="905"/>
        <v>0.33545664075447912</v>
      </c>
      <c r="M8147">
        <f t="shared" si="906"/>
        <v>0</v>
      </c>
      <c r="N8147" s="45">
        <f t="shared" si="907"/>
        <v>45265.04166664699</v>
      </c>
    </row>
    <row r="8148" spans="2:14" x14ac:dyDescent="0.25">
      <c r="B8148">
        <f t="shared" si="901"/>
        <v>2</v>
      </c>
      <c r="C8148" s="16">
        <v>8114</v>
      </c>
      <c r="D8148" cm="1">
        <f t="array" ref="D8148">IFERROR(INDEX(Jesper!AH$2:AH$366,ROUNDDOWN($C8148/24,0)+1,1)*INDEX($D$3:$AA$30,INDEX(Jesper!$R$2:$R$366,ROW(INDEX(Jesper!AH$2:AH$366,ROUNDDOWN($C8148/24,0)+1,1))-1)+IF('Standard Profiles'!$G$18=$B$10,7,0)+IF('Standard Profiles'!$G$18=$B$17,14,0)+IF('Standard Profiles'!$G$18=$B$24,21,0),MOD($C8148,24)+1)/SUM(INDEX($D$3:$AA$30,INDEX(Jesper!$R$2:$R$366,ROW(INDEX(Jesper!AH$2:AH$366,ROUNDDOWN($C8148/24,0)+1,1))-1)+IF('Standard Profiles'!$G$18=$B$10,7,0)+IF('Standard Profiles'!$G$18=$B$17,14,0)+IF('Standard Profiles'!$G$18=$B$24,21,0),0)),0)</f>
        <v>6.2898120141464826</v>
      </c>
      <c r="E8148" cm="1">
        <f t="array" ref="E8148">IFERROR(INDEX(Jesper!AI$2:AI$366,ROUNDDOWN($C8148/24,0)+1,1)*INDEX($D$3:$AA$30,INDEX(Jesper!$R$2:$R$366,ROW(INDEX(Jesper!AI$2:AI$366,ROUNDDOWN($C8148/24,0)+1,1))-1)+IF('Standard Profiles'!$G$19=$B$10,7,0)+IF('Standard Profiles'!$G$19=$B$17,14,0)+IF('Standard Profiles'!$G$19=$B$24,21,0),MOD($C8148,24)+1)/SUM(INDEX($D$3:$AA$30,INDEX(Jesper!$R$2:$R$366,ROW(INDEX(Jesper!AI$2:AI$366,ROUNDDOWN($C8148/24,0)+1,1))-1)+IF('Standard Profiles'!$G$19=$B$10,7,0)+IF('Standard Profiles'!$G$19=$B$17,14,0)+IF('Standard Profiles'!$G$19=$B$24,21,0),0)),0)</f>
        <v>8.5393836765889244</v>
      </c>
      <c r="F8148" cm="1">
        <f t="array" ref="F8148">IFERROR(INDEX(Jesper!AJ$2:AJ$366,ROUNDDOWN($C8148/24,0)+1,1)*INDEX($D$3:$AA$30,INDEX(Jesper!$R$2:$R$366,ROW(INDEX(Jesper!AJ$2:AJ$366,ROUNDDOWN($C8148/24,0)+1,1))-1)+IF('Standard Profiles'!$G$20=$B$10,7,0)+IF('Standard Profiles'!$G$20=$B$17,14,0)+IF('Standard Profiles'!$G$20=$B$24,21,0),MOD($C8148,24)+1)/SUM(INDEX($D$3:$AA$30,INDEX(Jesper!$R$2:$R$366,ROW(INDEX(Jesper!AJ$2:AJ$366,ROUNDDOWN($C8148/24,0)+1,1))-1)+IF('Standard Profiles'!$G$20=$B$10,7,0)+IF('Standard Profiles'!$G$20=$B$17,14,0)+IF('Standard Profiles'!$G$20=$B$24,21,0),0)),0)</f>
        <v>0</v>
      </c>
      <c r="G8148" cm="1">
        <f t="array" ref="G8148">IFERROR(INDEX(Jesper!AK$2:AK$366,ROUNDDOWN($C8148/24,0)+1,1)*INDEX($D$3:$AA$30,INDEX(Jesper!$R$2:$R$366,ROW(INDEX(Jesper!AK$2:AK$366,ROUNDDOWN($C8148/24,0)+1,1))-1)+IF('Standard Profiles'!$G$21=$B$10,7,0)+IF('Standard Profiles'!$G$21=$B$17,14,0)+IF('Standard Profiles'!$G$21=$B$24,21,0),MOD($C8148,24)+1)/SUM(INDEX($D$3:$AA$30,INDEX(Jesper!$R$2:$R$366,ROW(INDEX(Jesper!AK$2:AK$366,ROUNDDOWN($C8148/24,0)+1,1))-1)+IF('Standard Profiles'!$G$21=$B$10,7,0)+IF('Standard Profiles'!$G$21=$B$17,14,0)+IF('Standard Profiles'!$G$21=$B$24,21,0),0)),0)</f>
        <v>12.50809049344921</v>
      </c>
      <c r="H8148" cm="1">
        <f t="array" ref="H8148">IFERROR(INDEX(Jesper!AL$2:AL$366,ROUNDDOWN($C8148/24,0)+1,1)*INDEX($D$3:$AA$30,INDEX(Jesper!$R$2:$R$366,ROW(INDEX(Jesper!AL$2:AL$366,ROUNDDOWN($C8148/24,0)+1,1))-1)+IF('Standard Profiles'!$G$22=$B$10,7,0)+IF('Standard Profiles'!$G$22=$B$17,14,0)+IF('Standard Profiles'!$G$22=$B$24,21,0),MOD($C8148,24)+1)/SUM(INDEX($D$3:$AA$30,INDEX(Jesper!$R$2:$R$366,ROW(INDEX(Jesper!AL$2:AL$366,ROUNDDOWN($C8148/24,0)+1,1))-1)+IF('Standard Profiles'!$G$22=$B$10,7,0)+IF('Standard Profiles'!$G$22=$B$17,14,0)+IF('Standard Profiles'!$G$22=$B$24,21,0),0)),0)</f>
        <v>0</v>
      </c>
      <c r="I8148">
        <f t="shared" si="902"/>
        <v>6.0038834368556175</v>
      </c>
      <c r="J8148">
        <f t="shared" si="903"/>
        <v>20.327032825065562</v>
      </c>
      <c r="K8148">
        <f t="shared" si="904"/>
        <v>0.67091328150895824</v>
      </c>
      <c r="L8148">
        <f t="shared" si="905"/>
        <v>0.33545664075447912</v>
      </c>
      <c r="M8148">
        <f t="shared" si="906"/>
        <v>0</v>
      </c>
      <c r="N8148" s="45">
        <f t="shared" si="907"/>
        <v>45265.083333313654</v>
      </c>
    </row>
    <row r="8149" spans="2:14" x14ac:dyDescent="0.25">
      <c r="B8149">
        <f t="shared" si="901"/>
        <v>2</v>
      </c>
      <c r="C8149" s="16">
        <v>8115</v>
      </c>
      <c r="D8149" cm="1">
        <f t="array" ref="D8149">IFERROR(INDEX(Jesper!AH$2:AH$366,ROUNDDOWN($C8149/24,0)+1,1)*INDEX($D$3:$AA$30,INDEX(Jesper!$R$2:$R$366,ROW(INDEX(Jesper!AH$2:AH$366,ROUNDDOWN($C8149/24,0)+1,1))-1)+IF('Standard Profiles'!$G$18=$B$10,7,0)+IF('Standard Profiles'!$G$18=$B$17,14,0)+IF('Standard Profiles'!$G$18=$B$24,21,0),MOD($C8149,24)+1)/SUM(INDEX($D$3:$AA$30,INDEX(Jesper!$R$2:$R$366,ROW(INDEX(Jesper!AH$2:AH$366,ROUNDDOWN($C8149/24,0)+1,1))-1)+IF('Standard Profiles'!$G$18=$B$10,7,0)+IF('Standard Profiles'!$G$18=$B$17,14,0)+IF('Standard Profiles'!$G$18=$B$24,21,0),0)),0)</f>
        <v>6.2898120141464826</v>
      </c>
      <c r="E8149" cm="1">
        <f t="array" ref="E8149">IFERROR(INDEX(Jesper!AI$2:AI$366,ROUNDDOWN($C8149/24,0)+1,1)*INDEX($D$3:$AA$30,INDEX(Jesper!$R$2:$R$366,ROW(INDEX(Jesper!AI$2:AI$366,ROUNDDOWN($C8149/24,0)+1,1))-1)+IF('Standard Profiles'!$G$19=$B$10,7,0)+IF('Standard Profiles'!$G$19=$B$17,14,0)+IF('Standard Profiles'!$G$19=$B$24,21,0),MOD($C8149,24)+1)/SUM(INDEX($D$3:$AA$30,INDEX(Jesper!$R$2:$R$366,ROW(INDEX(Jesper!AI$2:AI$366,ROUNDDOWN($C8149/24,0)+1,1))-1)+IF('Standard Profiles'!$G$19=$B$10,7,0)+IF('Standard Profiles'!$G$19=$B$17,14,0)+IF('Standard Profiles'!$G$19=$B$24,21,0),0)),0)</f>
        <v>8.5393836765889244</v>
      </c>
      <c r="F8149" cm="1">
        <f t="array" ref="F8149">IFERROR(INDEX(Jesper!AJ$2:AJ$366,ROUNDDOWN($C8149/24,0)+1,1)*INDEX($D$3:$AA$30,INDEX(Jesper!$R$2:$R$366,ROW(INDEX(Jesper!AJ$2:AJ$366,ROUNDDOWN($C8149/24,0)+1,1))-1)+IF('Standard Profiles'!$G$20=$B$10,7,0)+IF('Standard Profiles'!$G$20=$B$17,14,0)+IF('Standard Profiles'!$G$20=$B$24,21,0),MOD($C8149,24)+1)/SUM(INDEX($D$3:$AA$30,INDEX(Jesper!$R$2:$R$366,ROW(INDEX(Jesper!AJ$2:AJ$366,ROUNDDOWN($C8149/24,0)+1,1))-1)+IF('Standard Profiles'!$G$20=$B$10,7,0)+IF('Standard Profiles'!$G$20=$B$17,14,0)+IF('Standard Profiles'!$G$20=$B$24,21,0),0)),0)</f>
        <v>0</v>
      </c>
      <c r="G8149" cm="1">
        <f t="array" ref="G8149">IFERROR(INDEX(Jesper!AK$2:AK$366,ROUNDDOWN($C8149/24,0)+1,1)*INDEX($D$3:$AA$30,INDEX(Jesper!$R$2:$R$366,ROW(INDEX(Jesper!AK$2:AK$366,ROUNDDOWN($C8149/24,0)+1,1))-1)+IF('Standard Profiles'!$G$21=$B$10,7,0)+IF('Standard Profiles'!$G$21=$B$17,14,0)+IF('Standard Profiles'!$G$21=$B$24,21,0),MOD($C8149,24)+1)/SUM(INDEX($D$3:$AA$30,INDEX(Jesper!$R$2:$R$366,ROW(INDEX(Jesper!AK$2:AK$366,ROUNDDOWN($C8149/24,0)+1,1))-1)+IF('Standard Profiles'!$G$21=$B$10,7,0)+IF('Standard Profiles'!$G$21=$B$17,14,0)+IF('Standard Profiles'!$G$21=$B$24,21,0),0)),0)</f>
        <v>12.50809049344921</v>
      </c>
      <c r="H8149" cm="1">
        <f t="array" ref="H8149">IFERROR(INDEX(Jesper!AL$2:AL$366,ROUNDDOWN($C8149/24,0)+1,1)*INDEX($D$3:$AA$30,INDEX(Jesper!$R$2:$R$366,ROW(INDEX(Jesper!AL$2:AL$366,ROUNDDOWN($C8149/24,0)+1,1))-1)+IF('Standard Profiles'!$G$22=$B$10,7,0)+IF('Standard Profiles'!$G$22=$B$17,14,0)+IF('Standard Profiles'!$G$22=$B$24,21,0),MOD($C8149,24)+1)/SUM(INDEX($D$3:$AA$30,INDEX(Jesper!$R$2:$R$366,ROW(INDEX(Jesper!AL$2:AL$366,ROUNDDOWN($C8149/24,0)+1,1))-1)+IF('Standard Profiles'!$G$22=$B$10,7,0)+IF('Standard Profiles'!$G$22=$B$17,14,0)+IF('Standard Profiles'!$G$22=$B$24,21,0),0)),0)</f>
        <v>0</v>
      </c>
      <c r="I8149">
        <f t="shared" si="902"/>
        <v>6.0038834368556175</v>
      </c>
      <c r="J8149">
        <f t="shared" si="903"/>
        <v>20.327032825065562</v>
      </c>
      <c r="K8149">
        <f t="shared" si="904"/>
        <v>0.67091328150895824</v>
      </c>
      <c r="L8149">
        <f t="shared" si="905"/>
        <v>0.33545664075447912</v>
      </c>
      <c r="M8149">
        <f t="shared" si="906"/>
        <v>0</v>
      </c>
      <c r="N8149" s="45">
        <f t="shared" si="907"/>
        <v>45265.124999980319</v>
      </c>
    </row>
    <row r="8150" spans="2:14" x14ac:dyDescent="0.25">
      <c r="B8150">
        <f t="shared" si="901"/>
        <v>2</v>
      </c>
      <c r="C8150" s="16">
        <v>8116</v>
      </c>
      <c r="D8150" cm="1">
        <f t="array" ref="D8150">IFERROR(INDEX(Jesper!AH$2:AH$366,ROUNDDOWN($C8150/24,0)+1,1)*INDEX($D$3:$AA$30,INDEX(Jesper!$R$2:$R$366,ROW(INDEX(Jesper!AH$2:AH$366,ROUNDDOWN($C8150/24,0)+1,1))-1)+IF('Standard Profiles'!$G$18=$B$10,7,0)+IF('Standard Profiles'!$G$18=$B$17,14,0)+IF('Standard Profiles'!$G$18=$B$24,21,0),MOD($C8150,24)+1)/SUM(INDEX($D$3:$AA$30,INDEX(Jesper!$R$2:$R$366,ROW(INDEX(Jesper!AH$2:AH$366,ROUNDDOWN($C8150/24,0)+1,1))-1)+IF('Standard Profiles'!$G$18=$B$10,7,0)+IF('Standard Profiles'!$G$18=$B$17,14,0)+IF('Standard Profiles'!$G$18=$B$24,21,0),0)),0)</f>
        <v>6.2898120141464826</v>
      </c>
      <c r="E8150" cm="1">
        <f t="array" ref="E8150">IFERROR(INDEX(Jesper!AI$2:AI$366,ROUNDDOWN($C8150/24,0)+1,1)*INDEX($D$3:$AA$30,INDEX(Jesper!$R$2:$R$366,ROW(INDEX(Jesper!AI$2:AI$366,ROUNDDOWN($C8150/24,0)+1,1))-1)+IF('Standard Profiles'!$G$19=$B$10,7,0)+IF('Standard Profiles'!$G$19=$B$17,14,0)+IF('Standard Profiles'!$G$19=$B$24,21,0),MOD($C8150,24)+1)/SUM(INDEX($D$3:$AA$30,INDEX(Jesper!$R$2:$R$366,ROW(INDEX(Jesper!AI$2:AI$366,ROUNDDOWN($C8150/24,0)+1,1))-1)+IF('Standard Profiles'!$G$19=$B$10,7,0)+IF('Standard Profiles'!$G$19=$B$17,14,0)+IF('Standard Profiles'!$G$19=$B$24,21,0),0)),0)</f>
        <v>8.5393836765889244</v>
      </c>
      <c r="F8150" cm="1">
        <f t="array" ref="F8150">IFERROR(INDEX(Jesper!AJ$2:AJ$366,ROUNDDOWN($C8150/24,0)+1,1)*INDEX($D$3:$AA$30,INDEX(Jesper!$R$2:$R$366,ROW(INDEX(Jesper!AJ$2:AJ$366,ROUNDDOWN($C8150/24,0)+1,1))-1)+IF('Standard Profiles'!$G$20=$B$10,7,0)+IF('Standard Profiles'!$G$20=$B$17,14,0)+IF('Standard Profiles'!$G$20=$B$24,21,0),MOD($C8150,24)+1)/SUM(INDEX($D$3:$AA$30,INDEX(Jesper!$R$2:$R$366,ROW(INDEX(Jesper!AJ$2:AJ$366,ROUNDDOWN($C8150/24,0)+1,1))-1)+IF('Standard Profiles'!$G$20=$B$10,7,0)+IF('Standard Profiles'!$G$20=$B$17,14,0)+IF('Standard Profiles'!$G$20=$B$24,21,0),0)),0)</f>
        <v>0</v>
      </c>
      <c r="G8150" cm="1">
        <f t="array" ref="G8150">IFERROR(INDEX(Jesper!AK$2:AK$366,ROUNDDOWN($C8150/24,0)+1,1)*INDEX($D$3:$AA$30,INDEX(Jesper!$R$2:$R$366,ROW(INDEX(Jesper!AK$2:AK$366,ROUNDDOWN($C8150/24,0)+1,1))-1)+IF('Standard Profiles'!$G$21=$B$10,7,0)+IF('Standard Profiles'!$G$21=$B$17,14,0)+IF('Standard Profiles'!$G$21=$B$24,21,0),MOD($C8150,24)+1)/SUM(INDEX($D$3:$AA$30,INDEX(Jesper!$R$2:$R$366,ROW(INDEX(Jesper!AK$2:AK$366,ROUNDDOWN($C8150/24,0)+1,1))-1)+IF('Standard Profiles'!$G$21=$B$10,7,0)+IF('Standard Profiles'!$G$21=$B$17,14,0)+IF('Standard Profiles'!$G$21=$B$24,21,0),0)),0)</f>
        <v>12.50809049344921</v>
      </c>
      <c r="H8150" cm="1">
        <f t="array" ref="H8150">IFERROR(INDEX(Jesper!AL$2:AL$366,ROUNDDOWN($C8150/24,0)+1,1)*INDEX($D$3:$AA$30,INDEX(Jesper!$R$2:$R$366,ROW(INDEX(Jesper!AL$2:AL$366,ROUNDDOWN($C8150/24,0)+1,1))-1)+IF('Standard Profiles'!$G$22=$B$10,7,0)+IF('Standard Profiles'!$G$22=$B$17,14,0)+IF('Standard Profiles'!$G$22=$B$24,21,0),MOD($C8150,24)+1)/SUM(INDEX($D$3:$AA$30,INDEX(Jesper!$R$2:$R$366,ROW(INDEX(Jesper!AL$2:AL$366,ROUNDDOWN($C8150/24,0)+1,1))-1)+IF('Standard Profiles'!$G$22=$B$10,7,0)+IF('Standard Profiles'!$G$22=$B$17,14,0)+IF('Standard Profiles'!$G$22=$B$24,21,0),0)),0)</f>
        <v>0</v>
      </c>
      <c r="I8150">
        <f t="shared" si="902"/>
        <v>6.0038834368556175</v>
      </c>
      <c r="J8150">
        <f t="shared" si="903"/>
        <v>20.327032825065562</v>
      </c>
      <c r="K8150">
        <f t="shared" si="904"/>
        <v>0.67091328150895824</v>
      </c>
      <c r="L8150">
        <f t="shared" si="905"/>
        <v>0.33545664075447912</v>
      </c>
      <c r="M8150">
        <f t="shared" si="906"/>
        <v>0</v>
      </c>
      <c r="N8150" s="45">
        <f t="shared" si="907"/>
        <v>45265.166666646983</v>
      </c>
    </row>
    <row r="8151" spans="2:14" x14ac:dyDescent="0.25">
      <c r="B8151">
        <f t="shared" si="901"/>
        <v>2</v>
      </c>
      <c r="C8151" s="16">
        <v>8117</v>
      </c>
      <c r="D8151" cm="1">
        <f t="array" ref="D8151">IFERROR(INDEX(Jesper!AH$2:AH$366,ROUNDDOWN($C8151/24,0)+1,1)*INDEX($D$3:$AA$30,INDEX(Jesper!$R$2:$R$366,ROW(INDEX(Jesper!AH$2:AH$366,ROUNDDOWN($C8151/24,0)+1,1))-1)+IF('Standard Profiles'!$G$18=$B$10,7,0)+IF('Standard Profiles'!$G$18=$B$17,14,0)+IF('Standard Profiles'!$G$18=$B$24,21,0),MOD($C8151,24)+1)/SUM(INDEX($D$3:$AA$30,INDEX(Jesper!$R$2:$R$366,ROW(INDEX(Jesper!AH$2:AH$366,ROUNDDOWN($C8151/24,0)+1,1))-1)+IF('Standard Profiles'!$G$18=$B$10,7,0)+IF('Standard Profiles'!$G$18=$B$17,14,0)+IF('Standard Profiles'!$G$18=$B$24,21,0),0)),0)</f>
        <v>6.2898120141464826</v>
      </c>
      <c r="E8151" cm="1">
        <f t="array" ref="E8151">IFERROR(INDEX(Jesper!AI$2:AI$366,ROUNDDOWN($C8151/24,0)+1,1)*INDEX($D$3:$AA$30,INDEX(Jesper!$R$2:$R$366,ROW(INDEX(Jesper!AI$2:AI$366,ROUNDDOWN($C8151/24,0)+1,1))-1)+IF('Standard Profiles'!$G$19=$B$10,7,0)+IF('Standard Profiles'!$G$19=$B$17,14,0)+IF('Standard Profiles'!$G$19=$B$24,21,0),MOD($C8151,24)+1)/SUM(INDEX($D$3:$AA$30,INDEX(Jesper!$R$2:$R$366,ROW(INDEX(Jesper!AI$2:AI$366,ROUNDDOWN($C8151/24,0)+1,1))-1)+IF('Standard Profiles'!$G$19=$B$10,7,0)+IF('Standard Profiles'!$G$19=$B$17,14,0)+IF('Standard Profiles'!$G$19=$B$24,21,0),0)),0)</f>
        <v>8.5393836765889244</v>
      </c>
      <c r="F8151" cm="1">
        <f t="array" ref="F8151">IFERROR(INDEX(Jesper!AJ$2:AJ$366,ROUNDDOWN($C8151/24,0)+1,1)*INDEX($D$3:$AA$30,INDEX(Jesper!$R$2:$R$366,ROW(INDEX(Jesper!AJ$2:AJ$366,ROUNDDOWN($C8151/24,0)+1,1))-1)+IF('Standard Profiles'!$G$20=$B$10,7,0)+IF('Standard Profiles'!$G$20=$B$17,14,0)+IF('Standard Profiles'!$G$20=$B$24,21,0),MOD($C8151,24)+1)/SUM(INDEX($D$3:$AA$30,INDEX(Jesper!$R$2:$R$366,ROW(INDEX(Jesper!AJ$2:AJ$366,ROUNDDOWN($C8151/24,0)+1,1))-1)+IF('Standard Profiles'!$G$20=$B$10,7,0)+IF('Standard Profiles'!$G$20=$B$17,14,0)+IF('Standard Profiles'!$G$20=$B$24,21,0),0)),0)</f>
        <v>0</v>
      </c>
      <c r="G8151" cm="1">
        <f t="array" ref="G8151">IFERROR(INDEX(Jesper!AK$2:AK$366,ROUNDDOWN($C8151/24,0)+1,1)*INDEX($D$3:$AA$30,INDEX(Jesper!$R$2:$R$366,ROW(INDEX(Jesper!AK$2:AK$366,ROUNDDOWN($C8151/24,0)+1,1))-1)+IF('Standard Profiles'!$G$21=$B$10,7,0)+IF('Standard Profiles'!$G$21=$B$17,14,0)+IF('Standard Profiles'!$G$21=$B$24,21,0),MOD($C8151,24)+1)/SUM(INDEX($D$3:$AA$30,INDEX(Jesper!$R$2:$R$366,ROW(INDEX(Jesper!AK$2:AK$366,ROUNDDOWN($C8151/24,0)+1,1))-1)+IF('Standard Profiles'!$G$21=$B$10,7,0)+IF('Standard Profiles'!$G$21=$B$17,14,0)+IF('Standard Profiles'!$G$21=$B$24,21,0),0)),0)</f>
        <v>12.50809049344921</v>
      </c>
      <c r="H8151" cm="1">
        <f t="array" ref="H8151">IFERROR(INDEX(Jesper!AL$2:AL$366,ROUNDDOWN($C8151/24,0)+1,1)*INDEX($D$3:$AA$30,INDEX(Jesper!$R$2:$R$366,ROW(INDEX(Jesper!AL$2:AL$366,ROUNDDOWN($C8151/24,0)+1,1))-1)+IF('Standard Profiles'!$G$22=$B$10,7,0)+IF('Standard Profiles'!$G$22=$B$17,14,0)+IF('Standard Profiles'!$G$22=$B$24,21,0),MOD($C8151,24)+1)/SUM(INDEX($D$3:$AA$30,INDEX(Jesper!$R$2:$R$366,ROW(INDEX(Jesper!AL$2:AL$366,ROUNDDOWN($C8151/24,0)+1,1))-1)+IF('Standard Profiles'!$G$22=$B$10,7,0)+IF('Standard Profiles'!$G$22=$B$17,14,0)+IF('Standard Profiles'!$G$22=$B$24,21,0),0)),0)</f>
        <v>0</v>
      </c>
      <c r="I8151">
        <f t="shared" si="902"/>
        <v>6.0038834368556175</v>
      </c>
      <c r="J8151">
        <f t="shared" si="903"/>
        <v>20.327032825065562</v>
      </c>
      <c r="K8151">
        <f t="shared" si="904"/>
        <v>0.67091328150895824</v>
      </c>
      <c r="L8151">
        <f t="shared" si="905"/>
        <v>0.33545664075447912</v>
      </c>
      <c r="M8151">
        <f t="shared" si="906"/>
        <v>0</v>
      </c>
      <c r="N8151" s="45">
        <f t="shared" si="907"/>
        <v>45265.208333313647</v>
      </c>
    </row>
    <row r="8152" spans="2:14" x14ac:dyDescent="0.25">
      <c r="B8152">
        <f t="shared" si="901"/>
        <v>2</v>
      </c>
      <c r="C8152" s="16">
        <v>8118</v>
      </c>
      <c r="D8152" cm="1">
        <f t="array" ref="D8152">IFERROR(INDEX(Jesper!AH$2:AH$366,ROUNDDOWN($C8152/24,0)+1,1)*INDEX($D$3:$AA$30,INDEX(Jesper!$R$2:$R$366,ROW(INDEX(Jesper!AH$2:AH$366,ROUNDDOWN($C8152/24,0)+1,1))-1)+IF('Standard Profiles'!$G$18=$B$10,7,0)+IF('Standard Profiles'!$G$18=$B$17,14,0)+IF('Standard Profiles'!$G$18=$B$24,21,0),MOD($C8152,24)+1)/SUM(INDEX($D$3:$AA$30,INDEX(Jesper!$R$2:$R$366,ROW(INDEX(Jesper!AH$2:AH$366,ROUNDDOWN($C8152/24,0)+1,1))-1)+IF('Standard Profiles'!$G$18=$B$10,7,0)+IF('Standard Profiles'!$G$18=$B$17,14,0)+IF('Standard Profiles'!$G$18=$B$24,21,0),0)),0)</f>
        <v>6.2898120141464826</v>
      </c>
      <c r="E8152" cm="1">
        <f t="array" ref="E8152">IFERROR(INDEX(Jesper!AI$2:AI$366,ROUNDDOWN($C8152/24,0)+1,1)*INDEX($D$3:$AA$30,INDEX(Jesper!$R$2:$R$366,ROW(INDEX(Jesper!AI$2:AI$366,ROUNDDOWN($C8152/24,0)+1,1))-1)+IF('Standard Profiles'!$G$19=$B$10,7,0)+IF('Standard Profiles'!$G$19=$B$17,14,0)+IF('Standard Profiles'!$G$19=$B$24,21,0),MOD($C8152,24)+1)/SUM(INDEX($D$3:$AA$30,INDEX(Jesper!$R$2:$R$366,ROW(INDEX(Jesper!AI$2:AI$366,ROUNDDOWN($C8152/24,0)+1,1))-1)+IF('Standard Profiles'!$G$19=$B$10,7,0)+IF('Standard Profiles'!$G$19=$B$17,14,0)+IF('Standard Profiles'!$G$19=$B$24,21,0),0)),0)</f>
        <v>8.5393836765889244</v>
      </c>
      <c r="F8152" cm="1">
        <f t="array" ref="F8152">IFERROR(INDEX(Jesper!AJ$2:AJ$366,ROUNDDOWN($C8152/24,0)+1,1)*INDEX($D$3:$AA$30,INDEX(Jesper!$R$2:$R$366,ROW(INDEX(Jesper!AJ$2:AJ$366,ROUNDDOWN($C8152/24,0)+1,1))-1)+IF('Standard Profiles'!$G$20=$B$10,7,0)+IF('Standard Profiles'!$G$20=$B$17,14,0)+IF('Standard Profiles'!$G$20=$B$24,21,0),MOD($C8152,24)+1)/SUM(INDEX($D$3:$AA$30,INDEX(Jesper!$R$2:$R$366,ROW(INDEX(Jesper!AJ$2:AJ$366,ROUNDDOWN($C8152/24,0)+1,1))-1)+IF('Standard Profiles'!$G$20=$B$10,7,0)+IF('Standard Profiles'!$G$20=$B$17,14,0)+IF('Standard Profiles'!$G$20=$B$24,21,0),0)),0)</f>
        <v>0</v>
      </c>
      <c r="G8152" cm="1">
        <f t="array" ref="G8152">IFERROR(INDEX(Jesper!AK$2:AK$366,ROUNDDOWN($C8152/24,0)+1,1)*INDEX($D$3:$AA$30,INDEX(Jesper!$R$2:$R$366,ROW(INDEX(Jesper!AK$2:AK$366,ROUNDDOWN($C8152/24,0)+1,1))-1)+IF('Standard Profiles'!$G$21=$B$10,7,0)+IF('Standard Profiles'!$G$21=$B$17,14,0)+IF('Standard Profiles'!$G$21=$B$24,21,0),MOD($C8152,24)+1)/SUM(INDEX($D$3:$AA$30,INDEX(Jesper!$R$2:$R$366,ROW(INDEX(Jesper!AK$2:AK$366,ROUNDDOWN($C8152/24,0)+1,1))-1)+IF('Standard Profiles'!$G$21=$B$10,7,0)+IF('Standard Profiles'!$G$21=$B$17,14,0)+IF('Standard Profiles'!$G$21=$B$24,21,0),0)),0)</f>
        <v>12.50809049344921</v>
      </c>
      <c r="H8152" cm="1">
        <f t="array" ref="H8152">IFERROR(INDEX(Jesper!AL$2:AL$366,ROUNDDOWN($C8152/24,0)+1,1)*INDEX($D$3:$AA$30,INDEX(Jesper!$R$2:$R$366,ROW(INDEX(Jesper!AL$2:AL$366,ROUNDDOWN($C8152/24,0)+1,1))-1)+IF('Standard Profiles'!$G$22=$B$10,7,0)+IF('Standard Profiles'!$G$22=$B$17,14,0)+IF('Standard Profiles'!$G$22=$B$24,21,0),MOD($C8152,24)+1)/SUM(INDEX($D$3:$AA$30,INDEX(Jesper!$R$2:$R$366,ROW(INDEX(Jesper!AL$2:AL$366,ROUNDDOWN($C8152/24,0)+1,1))-1)+IF('Standard Profiles'!$G$22=$B$10,7,0)+IF('Standard Profiles'!$G$22=$B$17,14,0)+IF('Standard Profiles'!$G$22=$B$24,21,0),0)),0)</f>
        <v>0</v>
      </c>
      <c r="I8152">
        <f t="shared" si="902"/>
        <v>6.0038834368556175</v>
      </c>
      <c r="J8152">
        <f t="shared" si="903"/>
        <v>20.327032825065562</v>
      </c>
      <c r="K8152">
        <f t="shared" si="904"/>
        <v>0.67091328150895824</v>
      </c>
      <c r="L8152">
        <f t="shared" si="905"/>
        <v>0.33545664075447912</v>
      </c>
      <c r="M8152">
        <f t="shared" si="906"/>
        <v>0</v>
      </c>
      <c r="N8152" s="45">
        <f t="shared" si="907"/>
        <v>45265.249999980311</v>
      </c>
    </row>
    <row r="8153" spans="2:14" x14ac:dyDescent="0.25">
      <c r="B8153">
        <f t="shared" si="901"/>
        <v>2</v>
      </c>
      <c r="C8153" s="16">
        <v>8119</v>
      </c>
      <c r="D8153" cm="1">
        <f t="array" ref="D8153">IFERROR(INDEX(Jesper!AH$2:AH$366,ROUNDDOWN($C8153/24,0)+1,1)*INDEX($D$3:$AA$30,INDEX(Jesper!$R$2:$R$366,ROW(INDEX(Jesper!AH$2:AH$366,ROUNDDOWN($C8153/24,0)+1,1))-1)+IF('Standard Profiles'!$G$18=$B$10,7,0)+IF('Standard Profiles'!$G$18=$B$17,14,0)+IF('Standard Profiles'!$G$18=$B$24,21,0),MOD($C8153,24)+1)/SUM(INDEX($D$3:$AA$30,INDEX(Jesper!$R$2:$R$366,ROW(INDEX(Jesper!AH$2:AH$366,ROUNDDOWN($C8153/24,0)+1,1))-1)+IF('Standard Profiles'!$G$18=$B$10,7,0)+IF('Standard Profiles'!$G$18=$B$17,14,0)+IF('Standard Profiles'!$G$18=$B$24,21,0),0)),0)</f>
        <v>26.515488772136258</v>
      </c>
      <c r="E8153" cm="1">
        <f t="array" ref="E8153">IFERROR(INDEX(Jesper!AI$2:AI$366,ROUNDDOWN($C8153/24,0)+1,1)*INDEX($D$3:$AA$30,INDEX(Jesper!$R$2:$R$366,ROW(INDEX(Jesper!AI$2:AI$366,ROUNDDOWN($C8153/24,0)+1,1))-1)+IF('Standard Profiles'!$G$19=$B$10,7,0)+IF('Standard Profiles'!$G$19=$B$17,14,0)+IF('Standard Profiles'!$G$19=$B$24,21,0),MOD($C8153,24)+1)/SUM(INDEX($D$3:$AA$30,INDEX(Jesper!$R$2:$R$366,ROW(INDEX(Jesper!AI$2:AI$366,ROUNDDOWN($C8153/24,0)+1,1))-1)+IF('Standard Profiles'!$G$19=$B$10,7,0)+IF('Standard Profiles'!$G$19=$B$17,14,0)+IF('Standard Profiles'!$G$19=$B$24,21,0),0)),0)</f>
        <v>35.998839311620173</v>
      </c>
      <c r="F8153" cm="1">
        <f t="array" ref="F8153">IFERROR(INDEX(Jesper!AJ$2:AJ$366,ROUNDDOWN($C8153/24,0)+1,1)*INDEX($D$3:$AA$30,INDEX(Jesper!$R$2:$R$366,ROW(INDEX(Jesper!AJ$2:AJ$366,ROUNDDOWN($C8153/24,0)+1,1))-1)+IF('Standard Profiles'!$G$20=$B$10,7,0)+IF('Standard Profiles'!$G$20=$B$17,14,0)+IF('Standard Profiles'!$G$20=$B$24,21,0),MOD($C8153,24)+1)/SUM(INDEX($D$3:$AA$30,INDEX(Jesper!$R$2:$R$366,ROW(INDEX(Jesper!AJ$2:AJ$366,ROUNDDOWN($C8153/24,0)+1,1))-1)+IF('Standard Profiles'!$G$20=$B$10,7,0)+IF('Standard Profiles'!$G$20=$B$17,14,0)+IF('Standard Profiles'!$G$20=$B$24,21,0),0)),0)</f>
        <v>0</v>
      </c>
      <c r="G8153" cm="1">
        <f t="array" ref="G8153">IFERROR(INDEX(Jesper!AK$2:AK$366,ROUNDDOWN($C8153/24,0)+1,1)*INDEX($D$3:$AA$30,INDEX(Jesper!$R$2:$R$366,ROW(INDEX(Jesper!AK$2:AK$366,ROUNDDOWN($C8153/24,0)+1,1))-1)+IF('Standard Profiles'!$G$21=$B$10,7,0)+IF('Standard Profiles'!$G$21=$B$17,14,0)+IF('Standard Profiles'!$G$21=$B$24,21,0),MOD($C8153,24)+1)/SUM(INDEX($D$3:$AA$30,INDEX(Jesper!$R$2:$R$366,ROW(INDEX(Jesper!AK$2:AK$366,ROUNDDOWN($C8153/24,0)+1,1))-1)+IF('Standard Profiles'!$G$21=$B$10,7,0)+IF('Standard Profiles'!$G$21=$B$17,14,0)+IF('Standard Profiles'!$G$21=$B$24,21,0),0)),0)</f>
        <v>36.031370356935952</v>
      </c>
      <c r="H8153" cm="1">
        <f t="array" ref="H8153">IFERROR(INDEX(Jesper!AL$2:AL$366,ROUNDDOWN($C8153/24,0)+1,1)*INDEX($D$3:$AA$30,INDEX(Jesper!$R$2:$R$366,ROW(INDEX(Jesper!AL$2:AL$366,ROUNDDOWN($C8153/24,0)+1,1))-1)+IF('Standard Profiles'!$G$22=$B$10,7,0)+IF('Standard Profiles'!$G$22=$B$17,14,0)+IF('Standard Profiles'!$G$22=$B$24,21,0),MOD($C8153,24)+1)/SUM(INDEX($D$3:$AA$30,INDEX(Jesper!$R$2:$R$366,ROW(INDEX(Jesper!AL$2:AL$366,ROUNDDOWN($C8153/24,0)+1,1))-1)+IF('Standard Profiles'!$G$22=$B$10,7,0)+IF('Standard Profiles'!$G$22=$B$17,14,0)+IF('Standard Profiles'!$G$22=$B$24,21,0),0)),0)</f>
        <v>0</v>
      </c>
      <c r="I8153">
        <f t="shared" si="902"/>
        <v>17.295057771329247</v>
      </c>
      <c r="J8153">
        <f t="shared" si="903"/>
        <v>77.008162465821329</v>
      </c>
      <c r="K8153">
        <f t="shared" si="904"/>
        <v>2.8283188023612009</v>
      </c>
      <c r="L8153">
        <f t="shared" si="905"/>
        <v>1.4141594011806005</v>
      </c>
      <c r="M8153">
        <f t="shared" si="906"/>
        <v>0</v>
      </c>
      <c r="N8153" s="45">
        <f t="shared" si="907"/>
        <v>45265.291666646976</v>
      </c>
    </row>
    <row r="8154" spans="2:14" x14ac:dyDescent="0.25">
      <c r="B8154">
        <f t="shared" si="901"/>
        <v>2</v>
      </c>
      <c r="C8154" s="16">
        <v>8120</v>
      </c>
      <c r="D8154" cm="1">
        <f t="array" ref="D8154">IFERROR(INDEX(Jesper!AH$2:AH$366,ROUNDDOWN($C8154/24,0)+1,1)*INDEX($D$3:$AA$30,INDEX(Jesper!$R$2:$R$366,ROW(INDEX(Jesper!AH$2:AH$366,ROUNDDOWN($C8154/24,0)+1,1))-1)+IF('Standard Profiles'!$G$18=$B$10,7,0)+IF('Standard Profiles'!$G$18=$B$17,14,0)+IF('Standard Profiles'!$G$18=$B$24,21,0),MOD($C8154,24)+1)/SUM(INDEX($D$3:$AA$30,INDEX(Jesper!$R$2:$R$366,ROW(INDEX(Jesper!AH$2:AH$366,ROUNDDOWN($C8154/24,0)+1,1))-1)+IF('Standard Profiles'!$G$18=$B$10,7,0)+IF('Standard Profiles'!$G$18=$B$17,14,0)+IF('Standard Profiles'!$G$18=$B$24,21,0),0)),0)</f>
        <v>29.585703261541514</v>
      </c>
      <c r="E8154" cm="1">
        <f t="array" ref="E8154">IFERROR(INDEX(Jesper!AI$2:AI$366,ROUNDDOWN($C8154/24,0)+1,1)*INDEX($D$3:$AA$30,INDEX(Jesper!$R$2:$R$366,ROW(INDEX(Jesper!AI$2:AI$366,ROUNDDOWN($C8154/24,0)+1,1))-1)+IF('Standard Profiles'!$G$19=$B$10,7,0)+IF('Standard Profiles'!$G$19=$B$17,14,0)+IF('Standard Profiles'!$G$19=$B$24,21,0),MOD($C8154,24)+1)/SUM(INDEX($D$3:$AA$30,INDEX(Jesper!$R$2:$R$366,ROW(INDEX(Jesper!AI$2:AI$366,ROUNDDOWN($C8154/24,0)+1,1))-1)+IF('Standard Profiles'!$G$19=$B$10,7,0)+IF('Standard Profiles'!$G$19=$B$17,14,0)+IF('Standard Profiles'!$G$19=$B$24,21,0),0)),0)</f>
        <v>40.167125968755144</v>
      </c>
      <c r="F8154" cm="1">
        <f t="array" ref="F8154">IFERROR(INDEX(Jesper!AJ$2:AJ$366,ROUNDDOWN($C8154/24,0)+1,1)*INDEX($D$3:$AA$30,INDEX(Jesper!$R$2:$R$366,ROW(INDEX(Jesper!AJ$2:AJ$366,ROUNDDOWN($C8154/24,0)+1,1))-1)+IF('Standard Profiles'!$G$20=$B$10,7,0)+IF('Standard Profiles'!$G$20=$B$17,14,0)+IF('Standard Profiles'!$G$20=$B$24,21,0),MOD($C8154,24)+1)/SUM(INDEX($D$3:$AA$30,INDEX(Jesper!$R$2:$R$366,ROW(INDEX(Jesper!AJ$2:AJ$366,ROUNDDOWN($C8154/24,0)+1,1))-1)+IF('Standard Profiles'!$G$20=$B$10,7,0)+IF('Standard Profiles'!$G$20=$B$17,14,0)+IF('Standard Profiles'!$G$20=$B$24,21,0),0)),0)</f>
        <v>0</v>
      </c>
      <c r="G8154" cm="1">
        <f t="array" ref="G8154">IFERROR(INDEX(Jesper!AK$2:AK$366,ROUNDDOWN($C8154/24,0)+1,1)*INDEX($D$3:$AA$30,INDEX(Jesper!$R$2:$R$366,ROW(INDEX(Jesper!AK$2:AK$366,ROUNDDOWN($C8154/24,0)+1,1))-1)+IF('Standard Profiles'!$G$21=$B$10,7,0)+IF('Standard Profiles'!$G$21=$B$17,14,0)+IF('Standard Profiles'!$G$21=$B$24,21,0),MOD($C8154,24)+1)/SUM(INDEX($D$3:$AA$30,INDEX(Jesper!$R$2:$R$366,ROW(INDEX(Jesper!AK$2:AK$366,ROUNDDOWN($C8154/24,0)+1,1))-1)+IF('Standard Profiles'!$G$21=$B$10,7,0)+IF('Standard Profiles'!$G$21=$B$17,14,0)+IF('Standard Profiles'!$G$21=$B$24,21,0),0)),0)</f>
        <v>40.203423766686427</v>
      </c>
      <c r="H8154" cm="1">
        <f t="array" ref="H8154">IFERROR(INDEX(Jesper!AL$2:AL$366,ROUNDDOWN($C8154/24,0)+1,1)*INDEX($D$3:$AA$30,INDEX(Jesper!$R$2:$R$366,ROW(INDEX(Jesper!AL$2:AL$366,ROUNDDOWN($C8154/24,0)+1,1))-1)+IF('Standard Profiles'!$G$22=$B$10,7,0)+IF('Standard Profiles'!$G$22=$B$17,14,0)+IF('Standard Profiles'!$G$22=$B$24,21,0),MOD($C8154,24)+1)/SUM(INDEX($D$3:$AA$30,INDEX(Jesper!$R$2:$R$366,ROW(INDEX(Jesper!AL$2:AL$366,ROUNDDOWN($C8154/24,0)+1,1))-1)+IF('Standard Profiles'!$G$22=$B$10,7,0)+IF('Standard Profiles'!$G$22=$B$17,14,0)+IF('Standard Profiles'!$G$22=$B$24,21,0),0)),0)</f>
        <v>0</v>
      </c>
      <c r="I8154">
        <f t="shared" si="902"/>
        <v>19.297643408009474</v>
      </c>
      <c r="J8154">
        <f t="shared" si="903"/>
        <v>85.924897067126963</v>
      </c>
      <c r="K8154">
        <f t="shared" si="904"/>
        <v>3.1558083478977617</v>
      </c>
      <c r="L8154">
        <f t="shared" si="905"/>
        <v>1.5779041739488808</v>
      </c>
      <c r="M8154">
        <f t="shared" si="906"/>
        <v>0</v>
      </c>
      <c r="N8154" s="45">
        <f t="shared" si="907"/>
        <v>45265.33333331364</v>
      </c>
    </row>
    <row r="8155" spans="2:14" x14ac:dyDescent="0.25">
      <c r="B8155">
        <f t="shared" si="901"/>
        <v>2</v>
      </c>
      <c r="C8155" s="16">
        <v>8121</v>
      </c>
      <c r="D8155" cm="1">
        <f t="array" ref="D8155">IFERROR(INDEX(Jesper!AH$2:AH$366,ROUNDDOWN($C8155/24,0)+1,1)*INDEX($D$3:$AA$30,INDEX(Jesper!$R$2:$R$366,ROW(INDEX(Jesper!AH$2:AH$366,ROUNDDOWN($C8155/24,0)+1,1))-1)+IF('Standard Profiles'!$G$18=$B$10,7,0)+IF('Standard Profiles'!$G$18=$B$17,14,0)+IF('Standard Profiles'!$G$18=$B$24,21,0),MOD($C8155,24)+1)/SUM(INDEX($D$3:$AA$30,INDEX(Jesper!$R$2:$R$366,ROW(INDEX(Jesper!AH$2:AH$366,ROUNDDOWN($C8155/24,0)+1,1))-1)+IF('Standard Profiles'!$G$18=$B$10,7,0)+IF('Standard Profiles'!$G$18=$B$17,14,0)+IF('Standard Profiles'!$G$18=$B$24,21,0),0)),0)</f>
        <v>32.655917750946763</v>
      </c>
      <c r="E8155" cm="1">
        <f t="array" ref="E8155">IFERROR(INDEX(Jesper!AI$2:AI$366,ROUNDDOWN($C8155/24,0)+1,1)*INDEX($D$3:$AA$30,INDEX(Jesper!$R$2:$R$366,ROW(INDEX(Jesper!AI$2:AI$366,ROUNDDOWN($C8155/24,0)+1,1))-1)+IF('Standard Profiles'!$G$19=$B$10,7,0)+IF('Standard Profiles'!$G$19=$B$17,14,0)+IF('Standard Profiles'!$G$19=$B$24,21,0),MOD($C8155,24)+1)/SUM(INDEX($D$3:$AA$30,INDEX(Jesper!$R$2:$R$366,ROW(INDEX(Jesper!AI$2:AI$366,ROUNDDOWN($C8155/24,0)+1,1))-1)+IF('Standard Profiles'!$G$19=$B$10,7,0)+IF('Standard Profiles'!$G$19=$B$17,14,0)+IF('Standard Profiles'!$G$19=$B$24,21,0),0)),0)</f>
        <v>44.335412625890122</v>
      </c>
      <c r="F8155" cm="1">
        <f t="array" ref="F8155">IFERROR(INDEX(Jesper!AJ$2:AJ$366,ROUNDDOWN($C8155/24,0)+1,1)*INDEX($D$3:$AA$30,INDEX(Jesper!$R$2:$R$366,ROW(INDEX(Jesper!AJ$2:AJ$366,ROUNDDOWN($C8155/24,0)+1,1))-1)+IF('Standard Profiles'!$G$20=$B$10,7,0)+IF('Standard Profiles'!$G$20=$B$17,14,0)+IF('Standard Profiles'!$G$20=$B$24,21,0),MOD($C8155,24)+1)/SUM(INDEX($D$3:$AA$30,INDEX(Jesper!$R$2:$R$366,ROW(INDEX(Jesper!AJ$2:AJ$366,ROUNDDOWN($C8155/24,0)+1,1))-1)+IF('Standard Profiles'!$G$20=$B$10,7,0)+IF('Standard Profiles'!$G$20=$B$17,14,0)+IF('Standard Profiles'!$G$20=$B$24,21,0),0)),0)</f>
        <v>0</v>
      </c>
      <c r="G8155" cm="1">
        <f t="array" ref="G8155">IFERROR(INDEX(Jesper!AK$2:AK$366,ROUNDDOWN($C8155/24,0)+1,1)*INDEX($D$3:$AA$30,INDEX(Jesper!$R$2:$R$366,ROW(INDEX(Jesper!AK$2:AK$366,ROUNDDOWN($C8155/24,0)+1,1))-1)+IF('Standard Profiles'!$G$21=$B$10,7,0)+IF('Standard Profiles'!$G$21=$B$17,14,0)+IF('Standard Profiles'!$G$21=$B$24,21,0),MOD($C8155,24)+1)/SUM(INDEX($D$3:$AA$30,INDEX(Jesper!$R$2:$R$366,ROW(INDEX(Jesper!AK$2:AK$366,ROUNDDOWN($C8155/24,0)+1,1))-1)+IF('Standard Profiles'!$G$21=$B$10,7,0)+IF('Standard Profiles'!$G$21=$B$17,14,0)+IF('Standard Profiles'!$G$21=$B$24,21,0),0)),0)</f>
        <v>44.375477176436902</v>
      </c>
      <c r="H8155" cm="1">
        <f t="array" ref="H8155">IFERROR(INDEX(Jesper!AL$2:AL$366,ROUNDDOWN($C8155/24,0)+1,1)*INDEX($D$3:$AA$30,INDEX(Jesper!$R$2:$R$366,ROW(INDEX(Jesper!AL$2:AL$366,ROUNDDOWN($C8155/24,0)+1,1))-1)+IF('Standard Profiles'!$G$22=$B$10,7,0)+IF('Standard Profiles'!$G$22=$B$17,14,0)+IF('Standard Profiles'!$G$22=$B$24,21,0),MOD($C8155,24)+1)/SUM(INDEX($D$3:$AA$30,INDEX(Jesper!$R$2:$R$366,ROW(INDEX(Jesper!AL$2:AL$366,ROUNDDOWN($C8155/24,0)+1,1))-1)+IF('Standard Profiles'!$G$22=$B$10,7,0)+IF('Standard Profiles'!$G$22=$B$17,14,0)+IF('Standard Profiles'!$G$22=$B$24,21,0),0)),0)</f>
        <v>0</v>
      </c>
      <c r="I8155">
        <f t="shared" si="902"/>
        <v>21.300229044689704</v>
      </c>
      <c r="J8155">
        <f t="shared" si="903"/>
        <v>94.841631668432598</v>
      </c>
      <c r="K8155">
        <f t="shared" si="904"/>
        <v>3.4832978934343215</v>
      </c>
      <c r="L8155">
        <f t="shared" si="905"/>
        <v>1.7416489467171608</v>
      </c>
      <c r="M8155">
        <f t="shared" si="906"/>
        <v>0</v>
      </c>
      <c r="N8155" s="45">
        <f t="shared" si="907"/>
        <v>45265.374999980304</v>
      </c>
    </row>
    <row r="8156" spans="2:14" x14ac:dyDescent="0.25">
      <c r="B8156">
        <f t="shared" si="901"/>
        <v>2</v>
      </c>
      <c r="C8156" s="16">
        <v>8122</v>
      </c>
      <c r="D8156" cm="1">
        <f t="array" ref="D8156">IFERROR(INDEX(Jesper!AH$2:AH$366,ROUNDDOWN($C8156/24,0)+1,1)*INDEX($D$3:$AA$30,INDEX(Jesper!$R$2:$R$366,ROW(INDEX(Jesper!AH$2:AH$366,ROUNDDOWN($C8156/24,0)+1,1))-1)+IF('Standard Profiles'!$G$18=$B$10,7,0)+IF('Standard Profiles'!$G$18=$B$17,14,0)+IF('Standard Profiles'!$G$18=$B$24,21,0),MOD($C8156,24)+1)/SUM(INDEX($D$3:$AA$30,INDEX(Jesper!$R$2:$R$366,ROW(INDEX(Jesper!AH$2:AH$366,ROUNDDOWN($C8156/24,0)+1,1))-1)+IF('Standard Profiles'!$G$18=$B$10,7,0)+IF('Standard Profiles'!$G$18=$B$17,14,0)+IF('Standard Profiles'!$G$18=$B$24,21,0),0)),0)</f>
        <v>32.655917750946763</v>
      </c>
      <c r="E8156" cm="1">
        <f t="array" ref="E8156">IFERROR(INDEX(Jesper!AI$2:AI$366,ROUNDDOWN($C8156/24,0)+1,1)*INDEX($D$3:$AA$30,INDEX(Jesper!$R$2:$R$366,ROW(INDEX(Jesper!AI$2:AI$366,ROUNDDOWN($C8156/24,0)+1,1))-1)+IF('Standard Profiles'!$G$19=$B$10,7,0)+IF('Standard Profiles'!$G$19=$B$17,14,0)+IF('Standard Profiles'!$G$19=$B$24,21,0),MOD($C8156,24)+1)/SUM(INDEX($D$3:$AA$30,INDEX(Jesper!$R$2:$R$366,ROW(INDEX(Jesper!AI$2:AI$366,ROUNDDOWN($C8156/24,0)+1,1))-1)+IF('Standard Profiles'!$G$19=$B$10,7,0)+IF('Standard Profiles'!$G$19=$B$17,14,0)+IF('Standard Profiles'!$G$19=$B$24,21,0),0)),0)</f>
        <v>44.335412625890122</v>
      </c>
      <c r="F8156" cm="1">
        <f t="array" ref="F8156">IFERROR(INDEX(Jesper!AJ$2:AJ$366,ROUNDDOWN($C8156/24,0)+1,1)*INDEX($D$3:$AA$30,INDEX(Jesper!$R$2:$R$366,ROW(INDEX(Jesper!AJ$2:AJ$366,ROUNDDOWN($C8156/24,0)+1,1))-1)+IF('Standard Profiles'!$G$20=$B$10,7,0)+IF('Standard Profiles'!$G$20=$B$17,14,0)+IF('Standard Profiles'!$G$20=$B$24,21,0),MOD($C8156,24)+1)/SUM(INDEX($D$3:$AA$30,INDEX(Jesper!$R$2:$R$366,ROW(INDEX(Jesper!AJ$2:AJ$366,ROUNDDOWN($C8156/24,0)+1,1))-1)+IF('Standard Profiles'!$G$20=$B$10,7,0)+IF('Standard Profiles'!$G$20=$B$17,14,0)+IF('Standard Profiles'!$G$20=$B$24,21,0),0)),0)</f>
        <v>0</v>
      </c>
      <c r="G8156" cm="1">
        <f t="array" ref="G8156">IFERROR(INDEX(Jesper!AK$2:AK$366,ROUNDDOWN($C8156/24,0)+1,1)*INDEX($D$3:$AA$30,INDEX(Jesper!$R$2:$R$366,ROW(INDEX(Jesper!AK$2:AK$366,ROUNDDOWN($C8156/24,0)+1,1))-1)+IF('Standard Profiles'!$G$21=$B$10,7,0)+IF('Standard Profiles'!$G$21=$B$17,14,0)+IF('Standard Profiles'!$G$21=$B$24,21,0),MOD($C8156,24)+1)/SUM(INDEX($D$3:$AA$30,INDEX(Jesper!$R$2:$R$366,ROW(INDEX(Jesper!AK$2:AK$366,ROUNDDOWN($C8156/24,0)+1,1))-1)+IF('Standard Profiles'!$G$21=$B$10,7,0)+IF('Standard Profiles'!$G$21=$B$17,14,0)+IF('Standard Profiles'!$G$21=$B$24,21,0),0)),0)</f>
        <v>44.375477176436902</v>
      </c>
      <c r="H8156" cm="1">
        <f t="array" ref="H8156">IFERROR(INDEX(Jesper!AL$2:AL$366,ROUNDDOWN($C8156/24,0)+1,1)*INDEX($D$3:$AA$30,INDEX(Jesper!$R$2:$R$366,ROW(INDEX(Jesper!AL$2:AL$366,ROUNDDOWN($C8156/24,0)+1,1))-1)+IF('Standard Profiles'!$G$22=$B$10,7,0)+IF('Standard Profiles'!$G$22=$B$17,14,0)+IF('Standard Profiles'!$G$22=$B$24,21,0),MOD($C8156,24)+1)/SUM(INDEX($D$3:$AA$30,INDEX(Jesper!$R$2:$R$366,ROW(INDEX(Jesper!AL$2:AL$366,ROUNDDOWN($C8156/24,0)+1,1))-1)+IF('Standard Profiles'!$G$22=$B$10,7,0)+IF('Standard Profiles'!$G$22=$B$17,14,0)+IF('Standard Profiles'!$G$22=$B$24,21,0),0)),0)</f>
        <v>0</v>
      </c>
      <c r="I8156">
        <f t="shared" si="902"/>
        <v>21.300229044689704</v>
      </c>
      <c r="J8156">
        <f t="shared" si="903"/>
        <v>94.841631668432598</v>
      </c>
      <c r="K8156">
        <f t="shared" si="904"/>
        <v>3.4832978934343215</v>
      </c>
      <c r="L8156">
        <f t="shared" si="905"/>
        <v>1.7416489467171608</v>
      </c>
      <c r="M8156">
        <f t="shared" si="906"/>
        <v>0</v>
      </c>
      <c r="N8156" s="45">
        <f t="shared" si="907"/>
        <v>45265.416666646968</v>
      </c>
    </row>
    <row r="8157" spans="2:14" x14ac:dyDescent="0.25">
      <c r="B8157">
        <f t="shared" si="901"/>
        <v>2</v>
      </c>
      <c r="C8157" s="16">
        <v>8123</v>
      </c>
      <c r="D8157" cm="1">
        <f t="array" ref="D8157">IFERROR(INDEX(Jesper!AH$2:AH$366,ROUNDDOWN($C8157/24,0)+1,1)*INDEX($D$3:$AA$30,INDEX(Jesper!$R$2:$R$366,ROW(INDEX(Jesper!AH$2:AH$366,ROUNDDOWN($C8157/24,0)+1,1))-1)+IF('Standard Profiles'!$G$18=$B$10,7,0)+IF('Standard Profiles'!$G$18=$B$17,14,0)+IF('Standard Profiles'!$G$18=$B$24,21,0),MOD($C8157,24)+1)/SUM(INDEX($D$3:$AA$30,INDEX(Jesper!$R$2:$R$366,ROW(INDEX(Jesper!AH$2:AH$366,ROUNDDOWN($C8157/24,0)+1,1))-1)+IF('Standard Profiles'!$G$18=$B$10,7,0)+IF('Standard Profiles'!$G$18=$B$17,14,0)+IF('Standard Profiles'!$G$18=$B$24,21,0),0)),0)</f>
        <v>39.075457137885017</v>
      </c>
      <c r="E8157" cm="1">
        <f t="array" ref="E8157">IFERROR(INDEX(Jesper!AI$2:AI$366,ROUNDDOWN($C8157/24,0)+1,1)*INDEX($D$3:$AA$30,INDEX(Jesper!$R$2:$R$366,ROW(INDEX(Jesper!AI$2:AI$366,ROUNDDOWN($C8157/24,0)+1,1))-1)+IF('Standard Profiles'!$G$19=$B$10,7,0)+IF('Standard Profiles'!$G$19=$B$17,14,0)+IF('Standard Profiles'!$G$19=$B$24,21,0),MOD($C8157,24)+1)/SUM(INDEX($D$3:$AA$30,INDEX(Jesper!$R$2:$R$366,ROW(INDEX(Jesper!AI$2:AI$366,ROUNDDOWN($C8157/24,0)+1,1))-1)+IF('Standard Profiles'!$G$19=$B$10,7,0)+IF('Standard Profiles'!$G$19=$B$17,14,0)+IF('Standard Profiles'!$G$19=$B$24,21,0),0)),0)</f>
        <v>53.050921090808679</v>
      </c>
      <c r="F8157" cm="1">
        <f t="array" ref="F8157">IFERROR(INDEX(Jesper!AJ$2:AJ$366,ROUNDDOWN($C8157/24,0)+1,1)*INDEX($D$3:$AA$30,INDEX(Jesper!$R$2:$R$366,ROW(INDEX(Jesper!AJ$2:AJ$366,ROUNDDOWN($C8157/24,0)+1,1))-1)+IF('Standard Profiles'!$G$20=$B$10,7,0)+IF('Standard Profiles'!$G$20=$B$17,14,0)+IF('Standard Profiles'!$G$20=$B$24,21,0),MOD($C8157,24)+1)/SUM(INDEX($D$3:$AA$30,INDEX(Jesper!$R$2:$R$366,ROW(INDEX(Jesper!AJ$2:AJ$366,ROUNDDOWN($C8157/24,0)+1,1))-1)+IF('Standard Profiles'!$G$20=$B$10,7,0)+IF('Standard Profiles'!$G$20=$B$17,14,0)+IF('Standard Profiles'!$G$20=$B$24,21,0),0)),0)</f>
        <v>0</v>
      </c>
      <c r="G8157" cm="1">
        <f t="array" ref="G8157">IFERROR(INDEX(Jesper!AK$2:AK$366,ROUNDDOWN($C8157/24,0)+1,1)*INDEX($D$3:$AA$30,INDEX(Jesper!$R$2:$R$366,ROW(INDEX(Jesper!AK$2:AK$366,ROUNDDOWN($C8157/24,0)+1,1))-1)+IF('Standard Profiles'!$G$21=$B$10,7,0)+IF('Standard Profiles'!$G$21=$B$17,14,0)+IF('Standard Profiles'!$G$21=$B$24,21,0),MOD($C8157,24)+1)/SUM(INDEX($D$3:$AA$30,INDEX(Jesper!$R$2:$R$366,ROW(INDEX(Jesper!AK$2:AK$366,ROUNDDOWN($C8157/24,0)+1,1))-1)+IF('Standard Profiles'!$G$21=$B$10,7,0)+IF('Standard Profiles'!$G$21=$B$17,14,0)+IF('Standard Profiles'!$G$21=$B$24,21,0),0)),0)</f>
        <v>53.098861578642449</v>
      </c>
      <c r="H8157" cm="1">
        <f t="array" ref="H8157">IFERROR(INDEX(Jesper!AL$2:AL$366,ROUNDDOWN($C8157/24,0)+1,1)*INDEX($D$3:$AA$30,INDEX(Jesper!$R$2:$R$366,ROW(INDEX(Jesper!AL$2:AL$366,ROUNDDOWN($C8157/24,0)+1,1))-1)+IF('Standard Profiles'!$G$22=$B$10,7,0)+IF('Standard Profiles'!$G$22=$B$17,14,0)+IF('Standard Profiles'!$G$22=$B$24,21,0),MOD($C8157,24)+1)/SUM(INDEX($D$3:$AA$30,INDEX(Jesper!$R$2:$R$366,ROW(INDEX(Jesper!AL$2:AL$366,ROUNDDOWN($C8157/24,0)+1,1))-1)+IF('Standard Profiles'!$G$22=$B$10,7,0)+IF('Standard Profiles'!$G$22=$B$17,14,0)+IF('Standard Profiles'!$G$22=$B$24,21,0),0)),0)</f>
        <v>0</v>
      </c>
      <c r="I8157">
        <f t="shared" si="902"/>
        <v>25.487453557748363</v>
      </c>
      <c r="J8157">
        <f t="shared" si="903"/>
        <v>113.48571310752618</v>
      </c>
      <c r="K8157">
        <f t="shared" si="904"/>
        <v>4.1680487613744024</v>
      </c>
      <c r="L8157">
        <f t="shared" si="905"/>
        <v>2.0840243806872012</v>
      </c>
      <c r="M8157">
        <f t="shared" si="906"/>
        <v>0</v>
      </c>
      <c r="N8157" s="45">
        <f t="shared" si="907"/>
        <v>45265.458333313632</v>
      </c>
    </row>
    <row r="8158" spans="2:14" x14ac:dyDescent="0.25">
      <c r="B8158">
        <f t="shared" si="901"/>
        <v>2</v>
      </c>
      <c r="C8158" s="16">
        <v>8124</v>
      </c>
      <c r="D8158" cm="1">
        <f t="array" ref="D8158">IFERROR(INDEX(Jesper!AH$2:AH$366,ROUNDDOWN($C8158/24,0)+1,1)*INDEX($D$3:$AA$30,INDEX(Jesper!$R$2:$R$366,ROW(INDEX(Jesper!AH$2:AH$366,ROUNDDOWN($C8158/24,0)+1,1))-1)+IF('Standard Profiles'!$G$18=$B$10,7,0)+IF('Standard Profiles'!$G$18=$B$17,14,0)+IF('Standard Profiles'!$G$18=$B$24,21,0),MOD($C8158,24)+1)/SUM(INDEX($D$3:$AA$30,INDEX(Jesper!$R$2:$R$366,ROW(INDEX(Jesper!AH$2:AH$366,ROUNDDOWN($C8158/24,0)+1,1))-1)+IF('Standard Profiles'!$G$18=$B$10,7,0)+IF('Standard Profiles'!$G$18=$B$17,14,0)+IF('Standard Profiles'!$G$18=$B$24,21,0),0)),0)</f>
        <v>39.075457137885017</v>
      </c>
      <c r="E8158" cm="1">
        <f t="array" ref="E8158">IFERROR(INDEX(Jesper!AI$2:AI$366,ROUNDDOWN($C8158/24,0)+1,1)*INDEX($D$3:$AA$30,INDEX(Jesper!$R$2:$R$366,ROW(INDEX(Jesper!AI$2:AI$366,ROUNDDOWN($C8158/24,0)+1,1))-1)+IF('Standard Profiles'!$G$19=$B$10,7,0)+IF('Standard Profiles'!$G$19=$B$17,14,0)+IF('Standard Profiles'!$G$19=$B$24,21,0),MOD($C8158,24)+1)/SUM(INDEX($D$3:$AA$30,INDEX(Jesper!$R$2:$R$366,ROW(INDEX(Jesper!AI$2:AI$366,ROUNDDOWN($C8158/24,0)+1,1))-1)+IF('Standard Profiles'!$G$19=$B$10,7,0)+IF('Standard Profiles'!$G$19=$B$17,14,0)+IF('Standard Profiles'!$G$19=$B$24,21,0),0)),0)</f>
        <v>53.050921090808679</v>
      </c>
      <c r="F8158" cm="1">
        <f t="array" ref="F8158">IFERROR(INDEX(Jesper!AJ$2:AJ$366,ROUNDDOWN($C8158/24,0)+1,1)*INDEX($D$3:$AA$30,INDEX(Jesper!$R$2:$R$366,ROW(INDEX(Jesper!AJ$2:AJ$366,ROUNDDOWN($C8158/24,0)+1,1))-1)+IF('Standard Profiles'!$G$20=$B$10,7,0)+IF('Standard Profiles'!$G$20=$B$17,14,0)+IF('Standard Profiles'!$G$20=$B$24,21,0),MOD($C8158,24)+1)/SUM(INDEX($D$3:$AA$30,INDEX(Jesper!$R$2:$R$366,ROW(INDEX(Jesper!AJ$2:AJ$366,ROUNDDOWN($C8158/24,0)+1,1))-1)+IF('Standard Profiles'!$G$20=$B$10,7,0)+IF('Standard Profiles'!$G$20=$B$17,14,0)+IF('Standard Profiles'!$G$20=$B$24,21,0),0)),0)</f>
        <v>0</v>
      </c>
      <c r="G8158" cm="1">
        <f t="array" ref="G8158">IFERROR(INDEX(Jesper!AK$2:AK$366,ROUNDDOWN($C8158/24,0)+1,1)*INDEX($D$3:$AA$30,INDEX(Jesper!$R$2:$R$366,ROW(INDEX(Jesper!AK$2:AK$366,ROUNDDOWN($C8158/24,0)+1,1))-1)+IF('Standard Profiles'!$G$21=$B$10,7,0)+IF('Standard Profiles'!$G$21=$B$17,14,0)+IF('Standard Profiles'!$G$21=$B$24,21,0),MOD($C8158,24)+1)/SUM(INDEX($D$3:$AA$30,INDEX(Jesper!$R$2:$R$366,ROW(INDEX(Jesper!AK$2:AK$366,ROUNDDOWN($C8158/24,0)+1,1))-1)+IF('Standard Profiles'!$G$21=$B$10,7,0)+IF('Standard Profiles'!$G$21=$B$17,14,0)+IF('Standard Profiles'!$G$21=$B$24,21,0),0)),0)</f>
        <v>53.098861578642449</v>
      </c>
      <c r="H8158" cm="1">
        <f t="array" ref="H8158">IFERROR(INDEX(Jesper!AL$2:AL$366,ROUNDDOWN($C8158/24,0)+1,1)*INDEX($D$3:$AA$30,INDEX(Jesper!$R$2:$R$366,ROW(INDEX(Jesper!AL$2:AL$366,ROUNDDOWN($C8158/24,0)+1,1))-1)+IF('Standard Profiles'!$G$22=$B$10,7,0)+IF('Standard Profiles'!$G$22=$B$17,14,0)+IF('Standard Profiles'!$G$22=$B$24,21,0),MOD($C8158,24)+1)/SUM(INDEX($D$3:$AA$30,INDEX(Jesper!$R$2:$R$366,ROW(INDEX(Jesper!AL$2:AL$366,ROUNDDOWN($C8158/24,0)+1,1))-1)+IF('Standard Profiles'!$G$22=$B$10,7,0)+IF('Standard Profiles'!$G$22=$B$17,14,0)+IF('Standard Profiles'!$G$22=$B$24,21,0),0)),0)</f>
        <v>0</v>
      </c>
      <c r="I8158">
        <f t="shared" si="902"/>
        <v>25.487453557748363</v>
      </c>
      <c r="J8158">
        <f t="shared" si="903"/>
        <v>113.48571310752618</v>
      </c>
      <c r="K8158">
        <f t="shared" si="904"/>
        <v>4.1680487613744024</v>
      </c>
      <c r="L8158">
        <f t="shared" si="905"/>
        <v>2.0840243806872012</v>
      </c>
      <c r="M8158">
        <f t="shared" si="906"/>
        <v>0</v>
      </c>
      <c r="N8158" s="45">
        <f t="shared" si="907"/>
        <v>45265.499999980297</v>
      </c>
    </row>
    <row r="8159" spans="2:14" x14ac:dyDescent="0.25">
      <c r="B8159">
        <f t="shared" si="901"/>
        <v>2</v>
      </c>
      <c r="C8159" s="16">
        <v>8125</v>
      </c>
      <c r="D8159" cm="1">
        <f t="array" ref="D8159">IFERROR(INDEX(Jesper!AH$2:AH$366,ROUNDDOWN($C8159/24,0)+1,1)*INDEX($D$3:$AA$30,INDEX(Jesper!$R$2:$R$366,ROW(INDEX(Jesper!AH$2:AH$366,ROUNDDOWN($C8159/24,0)+1,1))-1)+IF('Standard Profiles'!$G$18=$B$10,7,0)+IF('Standard Profiles'!$G$18=$B$17,14,0)+IF('Standard Profiles'!$G$18=$B$24,21,0),MOD($C8159,24)+1)/SUM(INDEX($D$3:$AA$30,INDEX(Jesper!$R$2:$R$366,ROW(INDEX(Jesper!AH$2:AH$366,ROUNDDOWN($C8159/24,0)+1,1))-1)+IF('Standard Profiles'!$G$18=$B$10,7,0)+IF('Standard Profiles'!$G$18=$B$17,14,0)+IF('Standard Profiles'!$G$18=$B$24,21,0),0)),0)</f>
        <v>25.957267955880763</v>
      </c>
      <c r="E8159" cm="1">
        <f t="array" ref="E8159">IFERROR(INDEX(Jesper!AI$2:AI$366,ROUNDDOWN($C8159/24,0)+1,1)*INDEX($D$3:$AA$30,INDEX(Jesper!$R$2:$R$366,ROW(INDEX(Jesper!AI$2:AI$366,ROUNDDOWN($C8159/24,0)+1,1))-1)+IF('Standard Profiles'!$G$19=$B$10,7,0)+IF('Standard Profiles'!$G$19=$B$17,14,0)+IF('Standard Profiles'!$G$19=$B$24,21,0),MOD($C8159,24)+1)/SUM(INDEX($D$3:$AA$30,INDEX(Jesper!$R$2:$R$366,ROW(INDEX(Jesper!AI$2:AI$366,ROUNDDOWN($C8159/24,0)+1,1))-1)+IF('Standard Profiles'!$G$19=$B$10,7,0)+IF('Standard Profiles'!$G$19=$B$17,14,0)+IF('Standard Profiles'!$G$19=$B$24,21,0),0)),0)</f>
        <v>35.240969010322914</v>
      </c>
      <c r="F8159" cm="1">
        <f t="array" ref="F8159">IFERROR(INDEX(Jesper!AJ$2:AJ$366,ROUNDDOWN($C8159/24,0)+1,1)*INDEX($D$3:$AA$30,INDEX(Jesper!$R$2:$R$366,ROW(INDEX(Jesper!AJ$2:AJ$366,ROUNDDOWN($C8159/24,0)+1,1))-1)+IF('Standard Profiles'!$G$20=$B$10,7,0)+IF('Standard Profiles'!$G$20=$B$17,14,0)+IF('Standard Profiles'!$G$20=$B$24,21,0),MOD($C8159,24)+1)/SUM(INDEX($D$3:$AA$30,INDEX(Jesper!$R$2:$R$366,ROW(INDEX(Jesper!AJ$2:AJ$366,ROUNDDOWN($C8159/24,0)+1,1))-1)+IF('Standard Profiles'!$G$20=$B$10,7,0)+IF('Standard Profiles'!$G$20=$B$17,14,0)+IF('Standard Profiles'!$G$20=$B$24,21,0),0)),0)</f>
        <v>0</v>
      </c>
      <c r="G8159" cm="1">
        <f t="array" ref="G8159">IFERROR(INDEX(Jesper!AK$2:AK$366,ROUNDDOWN($C8159/24,0)+1,1)*INDEX($D$3:$AA$30,INDEX(Jesper!$R$2:$R$366,ROW(INDEX(Jesper!AK$2:AK$366,ROUNDDOWN($C8159/24,0)+1,1))-1)+IF('Standard Profiles'!$G$21=$B$10,7,0)+IF('Standard Profiles'!$G$21=$B$17,14,0)+IF('Standard Profiles'!$G$21=$B$24,21,0),MOD($C8159,24)+1)/SUM(INDEX($D$3:$AA$30,INDEX(Jesper!$R$2:$R$366,ROW(INDEX(Jesper!AK$2:AK$366,ROUNDDOWN($C8159/24,0)+1,1))-1)+IF('Standard Profiles'!$G$21=$B$10,7,0)+IF('Standard Profiles'!$G$21=$B$17,14,0)+IF('Standard Profiles'!$G$21=$B$24,21,0),0)),0)</f>
        <v>35.272815191526767</v>
      </c>
      <c r="H8159" cm="1">
        <f t="array" ref="H8159">IFERROR(INDEX(Jesper!AL$2:AL$366,ROUNDDOWN($C8159/24,0)+1,1)*INDEX($D$3:$AA$30,INDEX(Jesper!$R$2:$R$366,ROW(INDEX(Jesper!AL$2:AL$366,ROUNDDOWN($C8159/24,0)+1,1))-1)+IF('Standard Profiles'!$G$22=$B$10,7,0)+IF('Standard Profiles'!$G$22=$B$17,14,0)+IF('Standard Profiles'!$G$22=$B$24,21,0),MOD($C8159,24)+1)/SUM(INDEX($D$3:$AA$30,INDEX(Jesper!$R$2:$R$366,ROW(INDEX(Jesper!AL$2:AL$366,ROUNDDOWN($C8159/24,0)+1,1))-1)+IF('Standard Profiles'!$G$22=$B$10,7,0)+IF('Standard Profiles'!$G$22=$B$17,14,0)+IF('Standard Profiles'!$G$22=$B$24,21,0),0)),0)</f>
        <v>0</v>
      </c>
      <c r="I8159">
        <f t="shared" si="902"/>
        <v>16.930951291932839</v>
      </c>
      <c r="J8159">
        <f t="shared" si="903"/>
        <v>75.386937992856687</v>
      </c>
      <c r="K8159">
        <f t="shared" si="904"/>
        <v>2.7687752486272816</v>
      </c>
      <c r="L8159">
        <f t="shared" si="905"/>
        <v>1.3843876243136408</v>
      </c>
      <c r="M8159">
        <f t="shared" si="906"/>
        <v>0</v>
      </c>
      <c r="N8159" s="45">
        <f t="shared" si="907"/>
        <v>45265.541666646961</v>
      </c>
    </row>
    <row r="8160" spans="2:14" x14ac:dyDescent="0.25">
      <c r="B8160">
        <f t="shared" si="901"/>
        <v>2</v>
      </c>
      <c r="C8160" s="16">
        <v>8126</v>
      </c>
      <c r="D8160" cm="1">
        <f t="array" ref="D8160">IFERROR(INDEX(Jesper!AH$2:AH$366,ROUNDDOWN($C8160/24,0)+1,1)*INDEX($D$3:$AA$30,INDEX(Jesper!$R$2:$R$366,ROW(INDEX(Jesper!AH$2:AH$366,ROUNDDOWN($C8160/24,0)+1,1))-1)+IF('Standard Profiles'!$G$18=$B$10,7,0)+IF('Standard Profiles'!$G$18=$B$17,14,0)+IF('Standard Profiles'!$G$18=$B$24,21,0),MOD($C8160,24)+1)/SUM(INDEX($D$3:$AA$30,INDEX(Jesper!$R$2:$R$366,ROW(INDEX(Jesper!AH$2:AH$366,ROUNDDOWN($C8160/24,0)+1,1))-1)+IF('Standard Profiles'!$G$18=$B$10,7,0)+IF('Standard Profiles'!$G$18=$B$17,14,0)+IF('Standard Profiles'!$G$18=$B$24,21,0),0)),0)</f>
        <v>39.075457137885017</v>
      </c>
      <c r="E8160" cm="1">
        <f t="array" ref="E8160">IFERROR(INDEX(Jesper!AI$2:AI$366,ROUNDDOWN($C8160/24,0)+1,1)*INDEX($D$3:$AA$30,INDEX(Jesper!$R$2:$R$366,ROW(INDEX(Jesper!AI$2:AI$366,ROUNDDOWN($C8160/24,0)+1,1))-1)+IF('Standard Profiles'!$G$19=$B$10,7,0)+IF('Standard Profiles'!$G$19=$B$17,14,0)+IF('Standard Profiles'!$G$19=$B$24,21,0),MOD($C8160,24)+1)/SUM(INDEX($D$3:$AA$30,INDEX(Jesper!$R$2:$R$366,ROW(INDEX(Jesper!AI$2:AI$366,ROUNDDOWN($C8160/24,0)+1,1))-1)+IF('Standard Profiles'!$G$19=$B$10,7,0)+IF('Standard Profiles'!$G$19=$B$17,14,0)+IF('Standard Profiles'!$G$19=$B$24,21,0),0)),0)</f>
        <v>53.050921090808679</v>
      </c>
      <c r="F8160" cm="1">
        <f t="array" ref="F8160">IFERROR(INDEX(Jesper!AJ$2:AJ$366,ROUNDDOWN($C8160/24,0)+1,1)*INDEX($D$3:$AA$30,INDEX(Jesper!$R$2:$R$366,ROW(INDEX(Jesper!AJ$2:AJ$366,ROUNDDOWN($C8160/24,0)+1,1))-1)+IF('Standard Profiles'!$G$20=$B$10,7,0)+IF('Standard Profiles'!$G$20=$B$17,14,0)+IF('Standard Profiles'!$G$20=$B$24,21,0),MOD($C8160,24)+1)/SUM(INDEX($D$3:$AA$30,INDEX(Jesper!$R$2:$R$366,ROW(INDEX(Jesper!AJ$2:AJ$366,ROUNDDOWN($C8160/24,0)+1,1))-1)+IF('Standard Profiles'!$G$20=$B$10,7,0)+IF('Standard Profiles'!$G$20=$B$17,14,0)+IF('Standard Profiles'!$G$20=$B$24,21,0),0)),0)</f>
        <v>0</v>
      </c>
      <c r="G8160" cm="1">
        <f t="array" ref="G8160">IFERROR(INDEX(Jesper!AK$2:AK$366,ROUNDDOWN($C8160/24,0)+1,1)*INDEX($D$3:$AA$30,INDEX(Jesper!$R$2:$R$366,ROW(INDEX(Jesper!AK$2:AK$366,ROUNDDOWN($C8160/24,0)+1,1))-1)+IF('Standard Profiles'!$G$21=$B$10,7,0)+IF('Standard Profiles'!$G$21=$B$17,14,0)+IF('Standard Profiles'!$G$21=$B$24,21,0),MOD($C8160,24)+1)/SUM(INDEX($D$3:$AA$30,INDEX(Jesper!$R$2:$R$366,ROW(INDEX(Jesper!AK$2:AK$366,ROUNDDOWN($C8160/24,0)+1,1))-1)+IF('Standard Profiles'!$G$21=$B$10,7,0)+IF('Standard Profiles'!$G$21=$B$17,14,0)+IF('Standard Profiles'!$G$21=$B$24,21,0),0)),0)</f>
        <v>53.098861578642449</v>
      </c>
      <c r="H8160" cm="1">
        <f t="array" ref="H8160">IFERROR(INDEX(Jesper!AL$2:AL$366,ROUNDDOWN($C8160/24,0)+1,1)*INDEX($D$3:$AA$30,INDEX(Jesper!$R$2:$R$366,ROW(INDEX(Jesper!AL$2:AL$366,ROUNDDOWN($C8160/24,0)+1,1))-1)+IF('Standard Profiles'!$G$22=$B$10,7,0)+IF('Standard Profiles'!$G$22=$B$17,14,0)+IF('Standard Profiles'!$G$22=$B$24,21,0),MOD($C8160,24)+1)/SUM(INDEX($D$3:$AA$30,INDEX(Jesper!$R$2:$R$366,ROW(INDEX(Jesper!AL$2:AL$366,ROUNDDOWN($C8160/24,0)+1,1))-1)+IF('Standard Profiles'!$G$22=$B$10,7,0)+IF('Standard Profiles'!$G$22=$B$17,14,0)+IF('Standard Profiles'!$G$22=$B$24,21,0),0)),0)</f>
        <v>0</v>
      </c>
      <c r="I8160">
        <f t="shared" si="902"/>
        <v>25.487453557748363</v>
      </c>
      <c r="J8160">
        <f t="shared" si="903"/>
        <v>113.48571310752618</v>
      </c>
      <c r="K8160">
        <f t="shared" si="904"/>
        <v>4.1680487613744024</v>
      </c>
      <c r="L8160">
        <f t="shared" si="905"/>
        <v>2.0840243806872012</v>
      </c>
      <c r="M8160">
        <f t="shared" si="906"/>
        <v>0</v>
      </c>
      <c r="N8160" s="45">
        <f t="shared" si="907"/>
        <v>45265.583333313625</v>
      </c>
    </row>
    <row r="8161" spans="2:14" x14ac:dyDescent="0.25">
      <c r="B8161">
        <f t="shared" si="901"/>
        <v>2</v>
      </c>
      <c r="C8161" s="16">
        <v>8127</v>
      </c>
      <c r="D8161" cm="1">
        <f t="array" ref="D8161">IFERROR(INDEX(Jesper!AH$2:AH$366,ROUNDDOWN($C8161/24,0)+1,1)*INDEX($D$3:$AA$30,INDEX(Jesper!$R$2:$R$366,ROW(INDEX(Jesper!AH$2:AH$366,ROUNDDOWN($C8161/24,0)+1,1))-1)+IF('Standard Profiles'!$G$18=$B$10,7,0)+IF('Standard Profiles'!$G$18=$B$17,14,0)+IF('Standard Profiles'!$G$18=$B$24,21,0),MOD($C8161,24)+1)/SUM(INDEX($D$3:$AA$30,INDEX(Jesper!$R$2:$R$366,ROW(INDEX(Jesper!AH$2:AH$366,ROUNDDOWN($C8161/24,0)+1,1))-1)+IF('Standard Profiles'!$G$18=$B$10,7,0)+IF('Standard Profiles'!$G$18=$B$17,14,0)+IF('Standard Profiles'!$G$18=$B$24,21,0),0)),0)</f>
        <v>39.075457137885017</v>
      </c>
      <c r="E8161" cm="1">
        <f t="array" ref="E8161">IFERROR(INDEX(Jesper!AI$2:AI$366,ROUNDDOWN($C8161/24,0)+1,1)*INDEX($D$3:$AA$30,INDEX(Jesper!$R$2:$R$366,ROW(INDEX(Jesper!AI$2:AI$366,ROUNDDOWN($C8161/24,0)+1,1))-1)+IF('Standard Profiles'!$G$19=$B$10,7,0)+IF('Standard Profiles'!$G$19=$B$17,14,0)+IF('Standard Profiles'!$G$19=$B$24,21,0),MOD($C8161,24)+1)/SUM(INDEX($D$3:$AA$30,INDEX(Jesper!$R$2:$R$366,ROW(INDEX(Jesper!AI$2:AI$366,ROUNDDOWN($C8161/24,0)+1,1))-1)+IF('Standard Profiles'!$G$19=$B$10,7,0)+IF('Standard Profiles'!$G$19=$B$17,14,0)+IF('Standard Profiles'!$G$19=$B$24,21,0),0)),0)</f>
        <v>53.050921090808679</v>
      </c>
      <c r="F8161" cm="1">
        <f t="array" ref="F8161">IFERROR(INDEX(Jesper!AJ$2:AJ$366,ROUNDDOWN($C8161/24,0)+1,1)*INDEX($D$3:$AA$30,INDEX(Jesper!$R$2:$R$366,ROW(INDEX(Jesper!AJ$2:AJ$366,ROUNDDOWN($C8161/24,0)+1,1))-1)+IF('Standard Profiles'!$G$20=$B$10,7,0)+IF('Standard Profiles'!$G$20=$B$17,14,0)+IF('Standard Profiles'!$G$20=$B$24,21,0),MOD($C8161,24)+1)/SUM(INDEX($D$3:$AA$30,INDEX(Jesper!$R$2:$R$366,ROW(INDEX(Jesper!AJ$2:AJ$366,ROUNDDOWN($C8161/24,0)+1,1))-1)+IF('Standard Profiles'!$G$20=$B$10,7,0)+IF('Standard Profiles'!$G$20=$B$17,14,0)+IF('Standard Profiles'!$G$20=$B$24,21,0),0)),0)</f>
        <v>0</v>
      </c>
      <c r="G8161" cm="1">
        <f t="array" ref="G8161">IFERROR(INDEX(Jesper!AK$2:AK$366,ROUNDDOWN($C8161/24,0)+1,1)*INDEX($D$3:$AA$30,INDEX(Jesper!$R$2:$R$366,ROW(INDEX(Jesper!AK$2:AK$366,ROUNDDOWN($C8161/24,0)+1,1))-1)+IF('Standard Profiles'!$G$21=$B$10,7,0)+IF('Standard Profiles'!$G$21=$B$17,14,0)+IF('Standard Profiles'!$G$21=$B$24,21,0),MOD($C8161,24)+1)/SUM(INDEX($D$3:$AA$30,INDEX(Jesper!$R$2:$R$366,ROW(INDEX(Jesper!AK$2:AK$366,ROUNDDOWN($C8161/24,0)+1,1))-1)+IF('Standard Profiles'!$G$21=$B$10,7,0)+IF('Standard Profiles'!$G$21=$B$17,14,0)+IF('Standard Profiles'!$G$21=$B$24,21,0),0)),0)</f>
        <v>53.098861578642449</v>
      </c>
      <c r="H8161" cm="1">
        <f t="array" ref="H8161">IFERROR(INDEX(Jesper!AL$2:AL$366,ROUNDDOWN($C8161/24,0)+1,1)*INDEX($D$3:$AA$30,INDEX(Jesper!$R$2:$R$366,ROW(INDEX(Jesper!AL$2:AL$366,ROUNDDOWN($C8161/24,0)+1,1))-1)+IF('Standard Profiles'!$G$22=$B$10,7,0)+IF('Standard Profiles'!$G$22=$B$17,14,0)+IF('Standard Profiles'!$G$22=$B$24,21,0),MOD($C8161,24)+1)/SUM(INDEX($D$3:$AA$30,INDEX(Jesper!$R$2:$R$366,ROW(INDEX(Jesper!AL$2:AL$366,ROUNDDOWN($C8161/24,0)+1,1))-1)+IF('Standard Profiles'!$G$22=$B$10,7,0)+IF('Standard Profiles'!$G$22=$B$17,14,0)+IF('Standard Profiles'!$G$22=$B$24,21,0),0)),0)</f>
        <v>0</v>
      </c>
      <c r="I8161">
        <f t="shared" si="902"/>
        <v>25.487453557748363</v>
      </c>
      <c r="J8161">
        <f t="shared" si="903"/>
        <v>113.48571310752618</v>
      </c>
      <c r="K8161">
        <f t="shared" si="904"/>
        <v>4.1680487613744024</v>
      </c>
      <c r="L8161">
        <f t="shared" si="905"/>
        <v>2.0840243806872012</v>
      </c>
      <c r="M8161">
        <f t="shared" si="906"/>
        <v>0</v>
      </c>
      <c r="N8161" s="45">
        <f t="shared" si="907"/>
        <v>45265.624999980289</v>
      </c>
    </row>
    <row r="8162" spans="2:14" x14ac:dyDescent="0.25">
      <c r="B8162">
        <f t="shared" si="901"/>
        <v>2</v>
      </c>
      <c r="C8162" s="16">
        <v>8128</v>
      </c>
      <c r="D8162" cm="1">
        <f t="array" ref="D8162">IFERROR(INDEX(Jesper!AH$2:AH$366,ROUNDDOWN($C8162/24,0)+1,1)*INDEX($D$3:$AA$30,INDEX(Jesper!$R$2:$R$366,ROW(INDEX(Jesper!AH$2:AH$366,ROUNDDOWN($C8162/24,0)+1,1))-1)+IF('Standard Profiles'!$G$18=$B$10,7,0)+IF('Standard Profiles'!$G$18=$B$17,14,0)+IF('Standard Profiles'!$G$18=$B$24,21,0),MOD($C8162,24)+1)/SUM(INDEX($D$3:$AA$30,INDEX(Jesper!$R$2:$R$366,ROW(INDEX(Jesper!AH$2:AH$366,ROUNDDOWN($C8162/24,0)+1,1))-1)+IF('Standard Profiles'!$G$18=$B$10,7,0)+IF('Standard Profiles'!$G$18=$B$17,14,0)+IF('Standard Profiles'!$G$18=$B$24,21,0),0)),0)</f>
        <v>23.026608670539385</v>
      </c>
      <c r="E8162" cm="1">
        <f t="array" ref="E8162">IFERROR(INDEX(Jesper!AI$2:AI$366,ROUNDDOWN($C8162/24,0)+1,1)*INDEX($D$3:$AA$30,INDEX(Jesper!$R$2:$R$366,ROW(INDEX(Jesper!AI$2:AI$366,ROUNDDOWN($C8162/24,0)+1,1))-1)+IF('Standard Profiles'!$G$19=$B$10,7,0)+IF('Standard Profiles'!$G$19=$B$17,14,0)+IF('Standard Profiles'!$G$19=$B$24,21,0),MOD($C8162,24)+1)/SUM(INDEX($D$3:$AA$30,INDEX(Jesper!$R$2:$R$366,ROW(INDEX(Jesper!AI$2:AI$366,ROUNDDOWN($C8162/24,0)+1,1))-1)+IF('Standard Profiles'!$G$19=$B$10,7,0)+IF('Standard Profiles'!$G$19=$B$17,14,0)+IF('Standard Profiles'!$G$19=$B$24,21,0),0)),0)</f>
        <v>31.262149928512262</v>
      </c>
      <c r="F8162" cm="1">
        <f t="array" ref="F8162">IFERROR(INDEX(Jesper!AJ$2:AJ$366,ROUNDDOWN($C8162/24,0)+1,1)*INDEX($D$3:$AA$30,INDEX(Jesper!$R$2:$R$366,ROW(INDEX(Jesper!AJ$2:AJ$366,ROUNDDOWN($C8162/24,0)+1,1))-1)+IF('Standard Profiles'!$G$20=$B$10,7,0)+IF('Standard Profiles'!$G$20=$B$17,14,0)+IF('Standard Profiles'!$G$20=$B$24,21,0),MOD($C8162,24)+1)/SUM(INDEX($D$3:$AA$30,INDEX(Jesper!$R$2:$R$366,ROW(INDEX(Jesper!AJ$2:AJ$366,ROUNDDOWN($C8162/24,0)+1,1))-1)+IF('Standard Profiles'!$G$20=$B$10,7,0)+IF('Standard Profiles'!$G$20=$B$17,14,0)+IF('Standard Profiles'!$G$20=$B$24,21,0),0)),0)</f>
        <v>0</v>
      </c>
      <c r="G8162" cm="1">
        <f t="array" ref="G8162">IFERROR(INDEX(Jesper!AK$2:AK$366,ROUNDDOWN($C8162/24,0)+1,1)*INDEX($D$3:$AA$30,INDEX(Jesper!$R$2:$R$366,ROW(INDEX(Jesper!AK$2:AK$366,ROUNDDOWN($C8162/24,0)+1,1))-1)+IF('Standard Profiles'!$G$21=$B$10,7,0)+IF('Standard Profiles'!$G$21=$B$17,14,0)+IF('Standard Profiles'!$G$21=$B$24,21,0),MOD($C8162,24)+1)/SUM(INDEX($D$3:$AA$30,INDEX(Jesper!$R$2:$R$366,ROW(INDEX(Jesper!AK$2:AK$366,ROUNDDOWN($C8162/24,0)+1,1))-1)+IF('Standard Profiles'!$G$21=$B$10,7,0)+IF('Standard Profiles'!$G$21=$B$17,14,0)+IF('Standard Profiles'!$G$21=$B$24,21,0),0)),0)</f>
        <v>44.383546912239133</v>
      </c>
      <c r="H8162" cm="1">
        <f t="array" ref="H8162">IFERROR(INDEX(Jesper!AL$2:AL$366,ROUNDDOWN($C8162/24,0)+1,1)*INDEX($D$3:$AA$30,INDEX(Jesper!$R$2:$R$366,ROW(INDEX(Jesper!AL$2:AL$366,ROUNDDOWN($C8162/24,0)+1,1))-1)+IF('Standard Profiles'!$G$22=$B$10,7,0)+IF('Standard Profiles'!$G$22=$B$17,14,0)+IF('Standard Profiles'!$G$22=$B$24,21,0),MOD($C8162,24)+1)/SUM(INDEX($D$3:$AA$30,INDEX(Jesper!$R$2:$R$366,ROW(INDEX(Jesper!AL$2:AL$366,ROUNDDOWN($C8162/24,0)+1,1))-1)+IF('Standard Profiles'!$G$22=$B$10,7,0)+IF('Standard Profiles'!$G$22=$B$17,14,0)+IF('Standard Profiles'!$G$22=$B$24,21,0),0)),0)</f>
        <v>0</v>
      </c>
      <c r="I8162">
        <f t="shared" si="902"/>
        <v>21.304102517874774</v>
      </c>
      <c r="J8162">
        <f t="shared" si="903"/>
        <v>73.683945606129697</v>
      </c>
      <c r="K8162">
        <f t="shared" si="904"/>
        <v>2.4561715915242011</v>
      </c>
      <c r="L8162">
        <f t="shared" si="905"/>
        <v>1.2280857957621005</v>
      </c>
      <c r="M8162">
        <f t="shared" si="906"/>
        <v>0</v>
      </c>
      <c r="N8162" s="45">
        <f t="shared" si="907"/>
        <v>45265.666666646954</v>
      </c>
    </row>
    <row r="8163" spans="2:14" x14ac:dyDescent="0.25">
      <c r="B8163">
        <f t="shared" ref="B8163:B8226" si="908">WEEKDAY(N8163,2)</f>
        <v>2</v>
      </c>
      <c r="C8163" s="16">
        <v>8129</v>
      </c>
      <c r="D8163" cm="1">
        <f t="array" ref="D8163">IFERROR(INDEX(Jesper!AH$2:AH$366,ROUNDDOWN($C8163/24,0)+1,1)*INDEX($D$3:$AA$30,INDEX(Jesper!$R$2:$R$366,ROW(INDEX(Jesper!AH$2:AH$366,ROUNDDOWN($C8163/24,0)+1,1))-1)+IF('Standard Profiles'!$G$18=$B$10,7,0)+IF('Standard Profiles'!$G$18=$B$17,14,0)+IF('Standard Profiles'!$G$18=$B$24,21,0),MOD($C8163,24)+1)/SUM(INDEX($D$3:$AA$30,INDEX(Jesper!$R$2:$R$366,ROW(INDEX(Jesper!AH$2:AH$366,ROUNDDOWN($C8163/24,0)+1,1))-1)+IF('Standard Profiles'!$G$18=$B$10,7,0)+IF('Standard Profiles'!$G$18=$B$17,14,0)+IF('Standard Profiles'!$G$18=$B$24,21,0),0)),0)</f>
        <v>9.827831272103877</v>
      </c>
      <c r="E8163" cm="1">
        <f t="array" ref="E8163">IFERROR(INDEX(Jesper!AI$2:AI$366,ROUNDDOWN($C8163/24,0)+1,1)*INDEX($D$3:$AA$30,INDEX(Jesper!$R$2:$R$366,ROW(INDEX(Jesper!AI$2:AI$366,ROUNDDOWN($C8163/24,0)+1,1))-1)+IF('Standard Profiles'!$G$19=$B$10,7,0)+IF('Standard Profiles'!$G$19=$B$17,14,0)+IF('Standard Profiles'!$G$19=$B$24,21,0),MOD($C8163,24)+1)/SUM(INDEX($D$3:$AA$30,INDEX(Jesper!$R$2:$R$366,ROW(INDEX(Jesper!AI$2:AI$366,ROUNDDOWN($C8163/24,0)+1,1))-1)+IF('Standard Profiles'!$G$19=$B$10,7,0)+IF('Standard Profiles'!$G$19=$B$17,14,0)+IF('Standard Profiles'!$G$19=$B$24,21,0),0)),0)</f>
        <v>13.342786994670194</v>
      </c>
      <c r="F8163" cm="1">
        <f t="array" ref="F8163">IFERROR(INDEX(Jesper!AJ$2:AJ$366,ROUNDDOWN($C8163/24,0)+1,1)*INDEX($D$3:$AA$30,INDEX(Jesper!$R$2:$R$366,ROW(INDEX(Jesper!AJ$2:AJ$366,ROUNDDOWN($C8163/24,0)+1,1))-1)+IF('Standard Profiles'!$G$20=$B$10,7,0)+IF('Standard Profiles'!$G$20=$B$17,14,0)+IF('Standard Profiles'!$G$20=$B$24,21,0),MOD($C8163,24)+1)/SUM(INDEX($D$3:$AA$30,INDEX(Jesper!$R$2:$R$366,ROW(INDEX(Jesper!AJ$2:AJ$366,ROUNDDOWN($C8163/24,0)+1,1))-1)+IF('Standard Profiles'!$G$20=$B$10,7,0)+IF('Standard Profiles'!$G$20=$B$17,14,0)+IF('Standard Profiles'!$G$20=$B$24,21,0),0)),0)</f>
        <v>0</v>
      </c>
      <c r="G8163" cm="1">
        <f t="array" ref="G8163">IFERROR(INDEX(Jesper!AK$2:AK$366,ROUNDDOWN($C8163/24,0)+1,1)*INDEX($D$3:$AA$30,INDEX(Jesper!$R$2:$R$366,ROW(INDEX(Jesper!AK$2:AK$366,ROUNDDOWN($C8163/24,0)+1,1))-1)+IF('Standard Profiles'!$G$21=$B$10,7,0)+IF('Standard Profiles'!$G$21=$B$17,14,0)+IF('Standard Profiles'!$G$21=$B$24,21,0),MOD($C8163,24)+1)/SUM(INDEX($D$3:$AA$30,INDEX(Jesper!$R$2:$R$366,ROW(INDEX(Jesper!AK$2:AK$366,ROUNDDOWN($C8163/24,0)+1,1))-1)+IF('Standard Profiles'!$G$21=$B$10,7,0)+IF('Standard Profiles'!$G$21=$B$17,14,0)+IF('Standard Profiles'!$G$21=$B$24,21,0),0)),0)</f>
        <v>35.264745455724551</v>
      </c>
      <c r="H8163" cm="1">
        <f t="array" ref="H8163">IFERROR(INDEX(Jesper!AL$2:AL$366,ROUNDDOWN($C8163/24,0)+1,1)*INDEX($D$3:$AA$30,INDEX(Jesper!$R$2:$R$366,ROW(INDEX(Jesper!AL$2:AL$366,ROUNDDOWN($C8163/24,0)+1,1))-1)+IF('Standard Profiles'!$G$22=$B$10,7,0)+IF('Standard Profiles'!$G$22=$B$17,14,0)+IF('Standard Profiles'!$G$22=$B$24,21,0),MOD($C8163,24)+1)/SUM(INDEX($D$3:$AA$30,INDEX(Jesper!$R$2:$R$366,ROW(INDEX(Jesper!AL$2:AL$366,ROUNDDOWN($C8163/24,0)+1,1))-1)+IF('Standard Profiles'!$G$22=$B$10,7,0)+IF('Standard Profiles'!$G$22=$B$17,14,0)+IF('Standard Profiles'!$G$22=$B$24,21,0),0)),0)</f>
        <v>0</v>
      </c>
      <c r="I8163">
        <f t="shared" ref="I8163:I8226" si="909">IF($B8163&lt;6,AC$37*$D8163+AC$38*$E8163+AC$39*$F8163+AC$40*$G8163,AC$46*$D8163+AC$47*$E8163+AC$48*$F8163+AC$49*$G8163+AC$50*$H8163)</f>
        <v>16.927077818747776</v>
      </c>
      <c r="J8163">
        <f t="shared" ref="J8163:J8226" si="910">IF($B8163&lt;6,AD$37*$D8163+AD$38*$E8163+AD$39*$F8163+AD$40*$G8163,AD$46*$D8163+AD$47*$E8163+AD$48*$F8163+AD$49*$G8163+AD$50*$H8163)</f>
        <v>39.935832900214223</v>
      </c>
      <c r="K8163">
        <f t="shared" ref="K8163:K8226" si="911">IF($B8163&lt;6,AE$37*$D8163+AE$38*$E8163+AE$39*$F8163+AE$40*$G8163,AE$46*$D8163+AE$47*$E8163+AE$48*$F8163+AE$49*$G8163+AE$50*$H8163)</f>
        <v>1.048302002357747</v>
      </c>
      <c r="L8163">
        <f t="shared" ref="L8163:L8226" si="912">IF($B8163&lt;6,AF$37*$D8163+AF$38*$E8163+AF$39*$F8163+AF$40*$G8163,AF$46*$D8163+AF$47*$E8163+AF$48*$F8163+AF$49*$G8163+AF$50*$H8163)</f>
        <v>0.52415100117887348</v>
      </c>
      <c r="M8163">
        <f t="shared" ref="M8163:M8226" si="913">IF($B8163&lt;6,AG$37*$D8163+AG$38*$E8163+AG$39*$F8163+AG$40*$G8163,AG$46*$D8163+AG$47*$E8163+AG$48*$F8163+AG$49*$G8163+AG$50*$H8163)</f>
        <v>0</v>
      </c>
      <c r="N8163" s="45">
        <f t="shared" si="907"/>
        <v>45265.708333313618</v>
      </c>
    </row>
    <row r="8164" spans="2:14" x14ac:dyDescent="0.25">
      <c r="B8164">
        <f t="shared" si="908"/>
        <v>2</v>
      </c>
      <c r="C8164" s="16">
        <v>8130</v>
      </c>
      <c r="D8164" cm="1">
        <f t="array" ref="D8164">IFERROR(INDEX(Jesper!AH$2:AH$366,ROUNDDOWN($C8164/24,0)+1,1)*INDEX($D$3:$AA$30,INDEX(Jesper!$R$2:$R$366,ROW(INDEX(Jesper!AH$2:AH$366,ROUNDDOWN($C8164/24,0)+1,1))-1)+IF('Standard Profiles'!$G$18=$B$10,7,0)+IF('Standard Profiles'!$G$18=$B$17,14,0)+IF('Standard Profiles'!$G$18=$B$24,21,0),MOD($C8164,24)+1)/SUM(INDEX($D$3:$AA$30,INDEX(Jesper!$R$2:$R$366,ROW(INDEX(Jesper!AH$2:AH$366,ROUNDDOWN($C8164/24,0)+1,1))-1)+IF('Standard Profiles'!$G$18=$B$10,7,0)+IF('Standard Profiles'!$G$18=$B$17,14,0)+IF('Standard Profiles'!$G$18=$B$24,21,0),0)),0)</f>
        <v>6.4863686395885596</v>
      </c>
      <c r="E8164" cm="1">
        <f t="array" ref="E8164">IFERROR(INDEX(Jesper!AI$2:AI$366,ROUNDDOWN($C8164/24,0)+1,1)*INDEX($D$3:$AA$30,INDEX(Jesper!$R$2:$R$366,ROW(INDEX(Jesper!AI$2:AI$366,ROUNDDOWN($C8164/24,0)+1,1))-1)+IF('Standard Profiles'!$G$19=$B$10,7,0)+IF('Standard Profiles'!$G$19=$B$17,14,0)+IF('Standard Profiles'!$G$19=$B$24,21,0),MOD($C8164,24)+1)/SUM(INDEX($D$3:$AA$30,INDEX(Jesper!$R$2:$R$366,ROW(INDEX(Jesper!AI$2:AI$366,ROUNDDOWN($C8164/24,0)+1,1))-1)+IF('Standard Profiles'!$G$19=$B$10,7,0)+IF('Standard Profiles'!$G$19=$B$17,14,0)+IF('Standard Profiles'!$G$19=$B$24,21,0),0)),0)</f>
        <v>8.8062394164823274</v>
      </c>
      <c r="F8164" cm="1">
        <f t="array" ref="F8164">IFERROR(INDEX(Jesper!AJ$2:AJ$366,ROUNDDOWN($C8164/24,0)+1,1)*INDEX($D$3:$AA$30,INDEX(Jesper!$R$2:$R$366,ROW(INDEX(Jesper!AJ$2:AJ$366,ROUNDDOWN($C8164/24,0)+1,1))-1)+IF('Standard Profiles'!$G$20=$B$10,7,0)+IF('Standard Profiles'!$G$20=$B$17,14,0)+IF('Standard Profiles'!$G$20=$B$24,21,0),MOD($C8164,24)+1)/SUM(INDEX($D$3:$AA$30,INDEX(Jesper!$R$2:$R$366,ROW(INDEX(Jesper!AJ$2:AJ$366,ROUNDDOWN($C8164/24,0)+1,1))-1)+IF('Standard Profiles'!$G$20=$B$10,7,0)+IF('Standard Profiles'!$G$20=$B$17,14,0)+IF('Standard Profiles'!$G$20=$B$24,21,0),0)),0)</f>
        <v>0</v>
      </c>
      <c r="G8164" cm="1">
        <f t="array" ref="G8164">IFERROR(INDEX(Jesper!AK$2:AK$366,ROUNDDOWN($C8164/24,0)+1,1)*INDEX($D$3:$AA$30,INDEX(Jesper!$R$2:$R$366,ROW(INDEX(Jesper!AK$2:AK$366,ROUNDDOWN($C8164/24,0)+1,1))-1)+IF('Standard Profiles'!$G$21=$B$10,7,0)+IF('Standard Profiles'!$G$21=$B$17,14,0)+IF('Standard Profiles'!$G$21=$B$24,21,0),MOD($C8164,24)+1)/SUM(INDEX($D$3:$AA$30,INDEX(Jesper!$R$2:$R$366,ROW(INDEX(Jesper!AK$2:AK$366,ROUNDDOWN($C8164/24,0)+1,1))-1)+IF('Standard Profiles'!$G$21=$B$10,7,0)+IF('Standard Profiles'!$G$21=$B$17,14,0)+IF('Standard Profiles'!$G$21=$B$24,21,0),0)),0)</f>
        <v>12.50809049344921</v>
      </c>
      <c r="H8164" cm="1">
        <f t="array" ref="H8164">IFERROR(INDEX(Jesper!AL$2:AL$366,ROUNDDOWN($C8164/24,0)+1,1)*INDEX($D$3:$AA$30,INDEX(Jesper!$R$2:$R$366,ROW(INDEX(Jesper!AL$2:AL$366,ROUNDDOWN($C8164/24,0)+1,1))-1)+IF('Standard Profiles'!$G$22=$B$10,7,0)+IF('Standard Profiles'!$G$22=$B$17,14,0)+IF('Standard Profiles'!$G$22=$B$24,21,0),MOD($C8164,24)+1)/SUM(INDEX($D$3:$AA$30,INDEX(Jesper!$R$2:$R$366,ROW(INDEX(Jesper!AL$2:AL$366,ROUNDDOWN($C8164/24,0)+1,1))-1)+IF('Standard Profiles'!$G$22=$B$10,7,0)+IF('Standard Profiles'!$G$22=$B$17,14,0)+IF('Standard Profiles'!$G$22=$B$24,21,0),0)),0)</f>
        <v>0</v>
      </c>
      <c r="I8164">
        <f t="shared" si="909"/>
        <v>6.0038834368556175</v>
      </c>
      <c r="J8164">
        <f t="shared" si="910"/>
        <v>20.75899613033031</v>
      </c>
      <c r="K8164">
        <f t="shared" si="911"/>
        <v>0.69187932155611309</v>
      </c>
      <c r="L8164">
        <f t="shared" si="912"/>
        <v>0.34593966077805655</v>
      </c>
      <c r="M8164">
        <f t="shared" si="913"/>
        <v>0</v>
      </c>
      <c r="N8164" s="45">
        <f t="shared" ref="N8164:N8227" si="914">N8163+1/24</f>
        <v>45265.749999980282</v>
      </c>
    </row>
    <row r="8165" spans="2:14" x14ac:dyDescent="0.25">
      <c r="B8165">
        <f t="shared" si="908"/>
        <v>2</v>
      </c>
      <c r="C8165" s="16">
        <v>8131</v>
      </c>
      <c r="D8165" cm="1">
        <f t="array" ref="D8165">IFERROR(INDEX(Jesper!AH$2:AH$366,ROUNDDOWN($C8165/24,0)+1,1)*INDEX($D$3:$AA$30,INDEX(Jesper!$R$2:$R$366,ROW(INDEX(Jesper!AH$2:AH$366,ROUNDDOWN($C8165/24,0)+1,1))-1)+IF('Standard Profiles'!$G$18=$B$10,7,0)+IF('Standard Profiles'!$G$18=$B$17,14,0)+IF('Standard Profiles'!$G$18=$B$24,21,0),MOD($C8165,24)+1)/SUM(INDEX($D$3:$AA$30,INDEX(Jesper!$R$2:$R$366,ROW(INDEX(Jesper!AH$2:AH$366,ROUNDDOWN($C8165/24,0)+1,1))-1)+IF('Standard Profiles'!$G$18=$B$10,7,0)+IF('Standard Profiles'!$G$18=$B$17,14,0)+IF('Standard Profiles'!$G$18=$B$24,21,0),0)),0)</f>
        <v>6.4863686395885596</v>
      </c>
      <c r="E8165" cm="1">
        <f t="array" ref="E8165">IFERROR(INDEX(Jesper!AI$2:AI$366,ROUNDDOWN($C8165/24,0)+1,1)*INDEX($D$3:$AA$30,INDEX(Jesper!$R$2:$R$366,ROW(INDEX(Jesper!AI$2:AI$366,ROUNDDOWN($C8165/24,0)+1,1))-1)+IF('Standard Profiles'!$G$19=$B$10,7,0)+IF('Standard Profiles'!$G$19=$B$17,14,0)+IF('Standard Profiles'!$G$19=$B$24,21,0),MOD($C8165,24)+1)/SUM(INDEX($D$3:$AA$30,INDEX(Jesper!$R$2:$R$366,ROW(INDEX(Jesper!AI$2:AI$366,ROUNDDOWN($C8165/24,0)+1,1))-1)+IF('Standard Profiles'!$G$19=$B$10,7,0)+IF('Standard Profiles'!$G$19=$B$17,14,0)+IF('Standard Profiles'!$G$19=$B$24,21,0),0)),0)</f>
        <v>8.8062394164823274</v>
      </c>
      <c r="F8165" cm="1">
        <f t="array" ref="F8165">IFERROR(INDEX(Jesper!AJ$2:AJ$366,ROUNDDOWN($C8165/24,0)+1,1)*INDEX($D$3:$AA$30,INDEX(Jesper!$R$2:$R$366,ROW(INDEX(Jesper!AJ$2:AJ$366,ROUNDDOWN($C8165/24,0)+1,1))-1)+IF('Standard Profiles'!$G$20=$B$10,7,0)+IF('Standard Profiles'!$G$20=$B$17,14,0)+IF('Standard Profiles'!$G$20=$B$24,21,0),MOD($C8165,24)+1)/SUM(INDEX($D$3:$AA$30,INDEX(Jesper!$R$2:$R$366,ROW(INDEX(Jesper!AJ$2:AJ$366,ROUNDDOWN($C8165/24,0)+1,1))-1)+IF('Standard Profiles'!$G$20=$B$10,7,0)+IF('Standard Profiles'!$G$20=$B$17,14,0)+IF('Standard Profiles'!$G$20=$B$24,21,0),0)),0)</f>
        <v>0</v>
      </c>
      <c r="G8165" cm="1">
        <f t="array" ref="G8165">IFERROR(INDEX(Jesper!AK$2:AK$366,ROUNDDOWN($C8165/24,0)+1,1)*INDEX($D$3:$AA$30,INDEX(Jesper!$R$2:$R$366,ROW(INDEX(Jesper!AK$2:AK$366,ROUNDDOWN($C8165/24,0)+1,1))-1)+IF('Standard Profiles'!$G$21=$B$10,7,0)+IF('Standard Profiles'!$G$21=$B$17,14,0)+IF('Standard Profiles'!$G$21=$B$24,21,0),MOD($C8165,24)+1)/SUM(INDEX($D$3:$AA$30,INDEX(Jesper!$R$2:$R$366,ROW(INDEX(Jesper!AK$2:AK$366,ROUNDDOWN($C8165/24,0)+1,1))-1)+IF('Standard Profiles'!$G$21=$B$10,7,0)+IF('Standard Profiles'!$G$21=$B$17,14,0)+IF('Standard Profiles'!$G$21=$B$24,21,0),0)),0)</f>
        <v>12.50809049344921</v>
      </c>
      <c r="H8165" cm="1">
        <f t="array" ref="H8165">IFERROR(INDEX(Jesper!AL$2:AL$366,ROUNDDOWN($C8165/24,0)+1,1)*INDEX($D$3:$AA$30,INDEX(Jesper!$R$2:$R$366,ROW(INDEX(Jesper!AL$2:AL$366,ROUNDDOWN($C8165/24,0)+1,1))-1)+IF('Standard Profiles'!$G$22=$B$10,7,0)+IF('Standard Profiles'!$G$22=$B$17,14,0)+IF('Standard Profiles'!$G$22=$B$24,21,0),MOD($C8165,24)+1)/SUM(INDEX($D$3:$AA$30,INDEX(Jesper!$R$2:$R$366,ROW(INDEX(Jesper!AL$2:AL$366,ROUNDDOWN($C8165/24,0)+1,1))-1)+IF('Standard Profiles'!$G$22=$B$10,7,0)+IF('Standard Profiles'!$G$22=$B$17,14,0)+IF('Standard Profiles'!$G$22=$B$24,21,0),0)),0)</f>
        <v>0</v>
      </c>
      <c r="I8165">
        <f t="shared" si="909"/>
        <v>6.0038834368556175</v>
      </c>
      <c r="J8165">
        <f t="shared" si="910"/>
        <v>20.75899613033031</v>
      </c>
      <c r="K8165">
        <f t="shared" si="911"/>
        <v>0.69187932155611309</v>
      </c>
      <c r="L8165">
        <f t="shared" si="912"/>
        <v>0.34593966077805655</v>
      </c>
      <c r="M8165">
        <f t="shared" si="913"/>
        <v>0</v>
      </c>
      <c r="N8165" s="45">
        <f t="shared" si="914"/>
        <v>45265.791666646946</v>
      </c>
    </row>
    <row r="8166" spans="2:14" x14ac:dyDescent="0.25">
      <c r="B8166">
        <f t="shared" si="908"/>
        <v>2</v>
      </c>
      <c r="C8166" s="16">
        <v>8132</v>
      </c>
      <c r="D8166" cm="1">
        <f t="array" ref="D8166">IFERROR(INDEX(Jesper!AH$2:AH$366,ROUNDDOWN($C8166/24,0)+1,1)*INDEX($D$3:$AA$30,INDEX(Jesper!$R$2:$R$366,ROW(INDEX(Jesper!AH$2:AH$366,ROUNDDOWN($C8166/24,0)+1,1))-1)+IF('Standard Profiles'!$G$18=$B$10,7,0)+IF('Standard Profiles'!$G$18=$B$17,14,0)+IF('Standard Profiles'!$G$18=$B$24,21,0),MOD($C8166,24)+1)/SUM(INDEX($D$3:$AA$30,INDEX(Jesper!$R$2:$R$366,ROW(INDEX(Jesper!AH$2:AH$366,ROUNDDOWN($C8166/24,0)+1,1))-1)+IF('Standard Profiles'!$G$18=$B$10,7,0)+IF('Standard Profiles'!$G$18=$B$17,14,0)+IF('Standard Profiles'!$G$18=$B$24,21,0),0)),0)</f>
        <v>6.4863686395885596</v>
      </c>
      <c r="E8166" cm="1">
        <f t="array" ref="E8166">IFERROR(INDEX(Jesper!AI$2:AI$366,ROUNDDOWN($C8166/24,0)+1,1)*INDEX($D$3:$AA$30,INDEX(Jesper!$R$2:$R$366,ROW(INDEX(Jesper!AI$2:AI$366,ROUNDDOWN($C8166/24,0)+1,1))-1)+IF('Standard Profiles'!$G$19=$B$10,7,0)+IF('Standard Profiles'!$G$19=$B$17,14,0)+IF('Standard Profiles'!$G$19=$B$24,21,0),MOD($C8166,24)+1)/SUM(INDEX($D$3:$AA$30,INDEX(Jesper!$R$2:$R$366,ROW(INDEX(Jesper!AI$2:AI$366,ROUNDDOWN($C8166/24,0)+1,1))-1)+IF('Standard Profiles'!$G$19=$B$10,7,0)+IF('Standard Profiles'!$G$19=$B$17,14,0)+IF('Standard Profiles'!$G$19=$B$24,21,0),0)),0)</f>
        <v>8.8062394164823274</v>
      </c>
      <c r="F8166" cm="1">
        <f t="array" ref="F8166">IFERROR(INDEX(Jesper!AJ$2:AJ$366,ROUNDDOWN($C8166/24,0)+1,1)*INDEX($D$3:$AA$30,INDEX(Jesper!$R$2:$R$366,ROW(INDEX(Jesper!AJ$2:AJ$366,ROUNDDOWN($C8166/24,0)+1,1))-1)+IF('Standard Profiles'!$G$20=$B$10,7,0)+IF('Standard Profiles'!$G$20=$B$17,14,0)+IF('Standard Profiles'!$G$20=$B$24,21,0),MOD($C8166,24)+1)/SUM(INDEX($D$3:$AA$30,INDEX(Jesper!$R$2:$R$366,ROW(INDEX(Jesper!AJ$2:AJ$366,ROUNDDOWN($C8166/24,0)+1,1))-1)+IF('Standard Profiles'!$G$20=$B$10,7,0)+IF('Standard Profiles'!$G$20=$B$17,14,0)+IF('Standard Profiles'!$G$20=$B$24,21,0),0)),0)</f>
        <v>0</v>
      </c>
      <c r="G8166" cm="1">
        <f t="array" ref="G8166">IFERROR(INDEX(Jesper!AK$2:AK$366,ROUNDDOWN($C8166/24,0)+1,1)*INDEX($D$3:$AA$30,INDEX(Jesper!$R$2:$R$366,ROW(INDEX(Jesper!AK$2:AK$366,ROUNDDOWN($C8166/24,0)+1,1))-1)+IF('Standard Profiles'!$G$21=$B$10,7,0)+IF('Standard Profiles'!$G$21=$B$17,14,0)+IF('Standard Profiles'!$G$21=$B$24,21,0),MOD($C8166,24)+1)/SUM(INDEX($D$3:$AA$30,INDEX(Jesper!$R$2:$R$366,ROW(INDEX(Jesper!AK$2:AK$366,ROUNDDOWN($C8166/24,0)+1,1))-1)+IF('Standard Profiles'!$G$21=$B$10,7,0)+IF('Standard Profiles'!$G$21=$B$17,14,0)+IF('Standard Profiles'!$G$21=$B$24,21,0),0)),0)</f>
        <v>12.50809049344921</v>
      </c>
      <c r="H8166" cm="1">
        <f t="array" ref="H8166">IFERROR(INDEX(Jesper!AL$2:AL$366,ROUNDDOWN($C8166/24,0)+1,1)*INDEX($D$3:$AA$30,INDEX(Jesper!$R$2:$R$366,ROW(INDEX(Jesper!AL$2:AL$366,ROUNDDOWN($C8166/24,0)+1,1))-1)+IF('Standard Profiles'!$G$22=$B$10,7,0)+IF('Standard Profiles'!$G$22=$B$17,14,0)+IF('Standard Profiles'!$G$22=$B$24,21,0),MOD($C8166,24)+1)/SUM(INDEX($D$3:$AA$30,INDEX(Jesper!$R$2:$R$366,ROW(INDEX(Jesper!AL$2:AL$366,ROUNDDOWN($C8166/24,0)+1,1))-1)+IF('Standard Profiles'!$G$22=$B$10,7,0)+IF('Standard Profiles'!$G$22=$B$17,14,0)+IF('Standard Profiles'!$G$22=$B$24,21,0),0)),0)</f>
        <v>0</v>
      </c>
      <c r="I8166">
        <f t="shared" si="909"/>
        <v>6.0038834368556175</v>
      </c>
      <c r="J8166">
        <f t="shared" si="910"/>
        <v>20.75899613033031</v>
      </c>
      <c r="K8166">
        <f t="shared" si="911"/>
        <v>0.69187932155611309</v>
      </c>
      <c r="L8166">
        <f t="shared" si="912"/>
        <v>0.34593966077805655</v>
      </c>
      <c r="M8166">
        <f t="shared" si="913"/>
        <v>0</v>
      </c>
      <c r="N8166" s="45">
        <f t="shared" si="914"/>
        <v>45265.833333313611</v>
      </c>
    </row>
    <row r="8167" spans="2:14" x14ac:dyDescent="0.25">
      <c r="B8167">
        <f t="shared" si="908"/>
        <v>2</v>
      </c>
      <c r="C8167" s="16">
        <v>8133</v>
      </c>
      <c r="D8167" cm="1">
        <f t="array" ref="D8167">IFERROR(INDEX(Jesper!AH$2:AH$366,ROUNDDOWN($C8167/24,0)+1,1)*INDEX($D$3:$AA$30,INDEX(Jesper!$R$2:$R$366,ROW(INDEX(Jesper!AH$2:AH$366,ROUNDDOWN($C8167/24,0)+1,1))-1)+IF('Standard Profiles'!$G$18=$B$10,7,0)+IF('Standard Profiles'!$G$18=$B$17,14,0)+IF('Standard Profiles'!$G$18=$B$24,21,0),MOD($C8167,24)+1)/SUM(INDEX($D$3:$AA$30,INDEX(Jesper!$R$2:$R$366,ROW(INDEX(Jesper!AH$2:AH$366,ROUNDDOWN($C8167/24,0)+1,1))-1)+IF('Standard Profiles'!$G$18=$B$10,7,0)+IF('Standard Profiles'!$G$18=$B$17,14,0)+IF('Standard Profiles'!$G$18=$B$24,21,0),0)),0)</f>
        <v>6.4863686395885596</v>
      </c>
      <c r="E8167" cm="1">
        <f t="array" ref="E8167">IFERROR(INDEX(Jesper!AI$2:AI$366,ROUNDDOWN($C8167/24,0)+1,1)*INDEX($D$3:$AA$30,INDEX(Jesper!$R$2:$R$366,ROW(INDEX(Jesper!AI$2:AI$366,ROUNDDOWN($C8167/24,0)+1,1))-1)+IF('Standard Profiles'!$G$19=$B$10,7,0)+IF('Standard Profiles'!$G$19=$B$17,14,0)+IF('Standard Profiles'!$G$19=$B$24,21,0),MOD($C8167,24)+1)/SUM(INDEX($D$3:$AA$30,INDEX(Jesper!$R$2:$R$366,ROW(INDEX(Jesper!AI$2:AI$366,ROUNDDOWN($C8167/24,0)+1,1))-1)+IF('Standard Profiles'!$G$19=$B$10,7,0)+IF('Standard Profiles'!$G$19=$B$17,14,0)+IF('Standard Profiles'!$G$19=$B$24,21,0),0)),0)</f>
        <v>8.8062394164823274</v>
      </c>
      <c r="F8167" cm="1">
        <f t="array" ref="F8167">IFERROR(INDEX(Jesper!AJ$2:AJ$366,ROUNDDOWN($C8167/24,0)+1,1)*INDEX($D$3:$AA$30,INDEX(Jesper!$R$2:$R$366,ROW(INDEX(Jesper!AJ$2:AJ$366,ROUNDDOWN($C8167/24,0)+1,1))-1)+IF('Standard Profiles'!$G$20=$B$10,7,0)+IF('Standard Profiles'!$G$20=$B$17,14,0)+IF('Standard Profiles'!$G$20=$B$24,21,0),MOD($C8167,24)+1)/SUM(INDEX($D$3:$AA$30,INDEX(Jesper!$R$2:$R$366,ROW(INDEX(Jesper!AJ$2:AJ$366,ROUNDDOWN($C8167/24,0)+1,1))-1)+IF('Standard Profiles'!$G$20=$B$10,7,0)+IF('Standard Profiles'!$G$20=$B$17,14,0)+IF('Standard Profiles'!$G$20=$B$24,21,0),0)),0)</f>
        <v>0</v>
      </c>
      <c r="G8167" cm="1">
        <f t="array" ref="G8167">IFERROR(INDEX(Jesper!AK$2:AK$366,ROUNDDOWN($C8167/24,0)+1,1)*INDEX($D$3:$AA$30,INDEX(Jesper!$R$2:$R$366,ROW(INDEX(Jesper!AK$2:AK$366,ROUNDDOWN($C8167/24,0)+1,1))-1)+IF('Standard Profiles'!$G$21=$B$10,7,0)+IF('Standard Profiles'!$G$21=$B$17,14,0)+IF('Standard Profiles'!$G$21=$B$24,21,0),MOD($C8167,24)+1)/SUM(INDEX($D$3:$AA$30,INDEX(Jesper!$R$2:$R$366,ROW(INDEX(Jesper!AK$2:AK$366,ROUNDDOWN($C8167/24,0)+1,1))-1)+IF('Standard Profiles'!$G$21=$B$10,7,0)+IF('Standard Profiles'!$G$21=$B$17,14,0)+IF('Standard Profiles'!$G$21=$B$24,21,0),0)),0)</f>
        <v>12.50809049344921</v>
      </c>
      <c r="H8167" cm="1">
        <f t="array" ref="H8167">IFERROR(INDEX(Jesper!AL$2:AL$366,ROUNDDOWN($C8167/24,0)+1,1)*INDEX($D$3:$AA$30,INDEX(Jesper!$R$2:$R$366,ROW(INDEX(Jesper!AL$2:AL$366,ROUNDDOWN($C8167/24,0)+1,1))-1)+IF('Standard Profiles'!$G$22=$B$10,7,0)+IF('Standard Profiles'!$G$22=$B$17,14,0)+IF('Standard Profiles'!$G$22=$B$24,21,0),MOD($C8167,24)+1)/SUM(INDEX($D$3:$AA$30,INDEX(Jesper!$R$2:$R$366,ROW(INDEX(Jesper!AL$2:AL$366,ROUNDDOWN($C8167/24,0)+1,1))-1)+IF('Standard Profiles'!$G$22=$B$10,7,0)+IF('Standard Profiles'!$G$22=$B$17,14,0)+IF('Standard Profiles'!$G$22=$B$24,21,0),0)),0)</f>
        <v>0</v>
      </c>
      <c r="I8167">
        <f t="shared" si="909"/>
        <v>6.0038834368556175</v>
      </c>
      <c r="J8167">
        <f t="shared" si="910"/>
        <v>20.75899613033031</v>
      </c>
      <c r="K8167">
        <f t="shared" si="911"/>
        <v>0.69187932155611309</v>
      </c>
      <c r="L8167">
        <f t="shared" si="912"/>
        <v>0.34593966077805655</v>
      </c>
      <c r="M8167">
        <f t="shared" si="913"/>
        <v>0</v>
      </c>
      <c r="N8167" s="45">
        <f t="shared" si="914"/>
        <v>45265.874999980275</v>
      </c>
    </row>
    <row r="8168" spans="2:14" x14ac:dyDescent="0.25">
      <c r="B8168">
        <f t="shared" si="908"/>
        <v>2</v>
      </c>
      <c r="C8168" s="16">
        <v>8134</v>
      </c>
      <c r="D8168" cm="1">
        <f t="array" ref="D8168">IFERROR(INDEX(Jesper!AH$2:AH$366,ROUNDDOWN($C8168/24,0)+1,1)*INDEX($D$3:$AA$30,INDEX(Jesper!$R$2:$R$366,ROW(INDEX(Jesper!AH$2:AH$366,ROUNDDOWN($C8168/24,0)+1,1))-1)+IF('Standard Profiles'!$G$18=$B$10,7,0)+IF('Standard Profiles'!$G$18=$B$17,14,0)+IF('Standard Profiles'!$G$18=$B$24,21,0),MOD($C8168,24)+1)/SUM(INDEX($D$3:$AA$30,INDEX(Jesper!$R$2:$R$366,ROW(INDEX(Jesper!AH$2:AH$366,ROUNDDOWN($C8168/24,0)+1,1))-1)+IF('Standard Profiles'!$G$18=$B$10,7,0)+IF('Standard Profiles'!$G$18=$B$17,14,0)+IF('Standard Profiles'!$G$18=$B$24,21,0),0)),0)</f>
        <v>6.4863686395885596</v>
      </c>
      <c r="E8168" cm="1">
        <f t="array" ref="E8168">IFERROR(INDEX(Jesper!AI$2:AI$366,ROUNDDOWN($C8168/24,0)+1,1)*INDEX($D$3:$AA$30,INDEX(Jesper!$R$2:$R$366,ROW(INDEX(Jesper!AI$2:AI$366,ROUNDDOWN($C8168/24,0)+1,1))-1)+IF('Standard Profiles'!$G$19=$B$10,7,0)+IF('Standard Profiles'!$G$19=$B$17,14,0)+IF('Standard Profiles'!$G$19=$B$24,21,0),MOD($C8168,24)+1)/SUM(INDEX($D$3:$AA$30,INDEX(Jesper!$R$2:$R$366,ROW(INDEX(Jesper!AI$2:AI$366,ROUNDDOWN($C8168/24,0)+1,1))-1)+IF('Standard Profiles'!$G$19=$B$10,7,0)+IF('Standard Profiles'!$G$19=$B$17,14,0)+IF('Standard Profiles'!$G$19=$B$24,21,0),0)),0)</f>
        <v>8.8062394164823274</v>
      </c>
      <c r="F8168" cm="1">
        <f t="array" ref="F8168">IFERROR(INDEX(Jesper!AJ$2:AJ$366,ROUNDDOWN($C8168/24,0)+1,1)*INDEX($D$3:$AA$30,INDEX(Jesper!$R$2:$R$366,ROW(INDEX(Jesper!AJ$2:AJ$366,ROUNDDOWN($C8168/24,0)+1,1))-1)+IF('Standard Profiles'!$G$20=$B$10,7,0)+IF('Standard Profiles'!$G$20=$B$17,14,0)+IF('Standard Profiles'!$G$20=$B$24,21,0),MOD($C8168,24)+1)/SUM(INDEX($D$3:$AA$30,INDEX(Jesper!$R$2:$R$366,ROW(INDEX(Jesper!AJ$2:AJ$366,ROUNDDOWN($C8168/24,0)+1,1))-1)+IF('Standard Profiles'!$G$20=$B$10,7,0)+IF('Standard Profiles'!$G$20=$B$17,14,0)+IF('Standard Profiles'!$G$20=$B$24,21,0),0)),0)</f>
        <v>0</v>
      </c>
      <c r="G8168" cm="1">
        <f t="array" ref="G8168">IFERROR(INDEX(Jesper!AK$2:AK$366,ROUNDDOWN($C8168/24,0)+1,1)*INDEX($D$3:$AA$30,INDEX(Jesper!$R$2:$R$366,ROW(INDEX(Jesper!AK$2:AK$366,ROUNDDOWN($C8168/24,0)+1,1))-1)+IF('Standard Profiles'!$G$21=$B$10,7,0)+IF('Standard Profiles'!$G$21=$B$17,14,0)+IF('Standard Profiles'!$G$21=$B$24,21,0),MOD($C8168,24)+1)/SUM(INDEX($D$3:$AA$30,INDEX(Jesper!$R$2:$R$366,ROW(INDEX(Jesper!AK$2:AK$366,ROUNDDOWN($C8168/24,0)+1,1))-1)+IF('Standard Profiles'!$G$21=$B$10,7,0)+IF('Standard Profiles'!$G$21=$B$17,14,0)+IF('Standard Profiles'!$G$21=$B$24,21,0),0)),0)</f>
        <v>12.50809049344921</v>
      </c>
      <c r="H8168" cm="1">
        <f t="array" ref="H8168">IFERROR(INDEX(Jesper!AL$2:AL$366,ROUNDDOWN($C8168/24,0)+1,1)*INDEX($D$3:$AA$30,INDEX(Jesper!$R$2:$R$366,ROW(INDEX(Jesper!AL$2:AL$366,ROUNDDOWN($C8168/24,0)+1,1))-1)+IF('Standard Profiles'!$G$22=$B$10,7,0)+IF('Standard Profiles'!$G$22=$B$17,14,0)+IF('Standard Profiles'!$G$22=$B$24,21,0),MOD($C8168,24)+1)/SUM(INDEX($D$3:$AA$30,INDEX(Jesper!$R$2:$R$366,ROW(INDEX(Jesper!AL$2:AL$366,ROUNDDOWN($C8168/24,0)+1,1))-1)+IF('Standard Profiles'!$G$22=$B$10,7,0)+IF('Standard Profiles'!$G$22=$B$17,14,0)+IF('Standard Profiles'!$G$22=$B$24,21,0),0)),0)</f>
        <v>0</v>
      </c>
      <c r="I8168">
        <f t="shared" si="909"/>
        <v>6.0038834368556175</v>
      </c>
      <c r="J8168">
        <f t="shared" si="910"/>
        <v>20.75899613033031</v>
      </c>
      <c r="K8168">
        <f t="shared" si="911"/>
        <v>0.69187932155611309</v>
      </c>
      <c r="L8168">
        <f t="shared" si="912"/>
        <v>0.34593966077805655</v>
      </c>
      <c r="M8168">
        <f t="shared" si="913"/>
        <v>0</v>
      </c>
      <c r="N8168" s="45">
        <f t="shared" si="914"/>
        <v>45265.916666646939</v>
      </c>
    </row>
    <row r="8169" spans="2:14" x14ac:dyDescent="0.25">
      <c r="B8169">
        <f t="shared" si="908"/>
        <v>2</v>
      </c>
      <c r="C8169" s="16">
        <v>8135</v>
      </c>
      <c r="D8169" cm="1">
        <f t="array" ref="D8169">IFERROR(INDEX(Jesper!AH$2:AH$366,ROUNDDOWN($C8169/24,0)+1,1)*INDEX($D$3:$AA$30,INDEX(Jesper!$R$2:$R$366,ROW(INDEX(Jesper!AH$2:AH$366,ROUNDDOWN($C8169/24,0)+1,1))-1)+IF('Standard Profiles'!$G$18=$B$10,7,0)+IF('Standard Profiles'!$G$18=$B$17,14,0)+IF('Standard Profiles'!$G$18=$B$24,21,0),MOD($C8169,24)+1)/SUM(INDEX($D$3:$AA$30,INDEX(Jesper!$R$2:$R$366,ROW(INDEX(Jesper!AH$2:AH$366,ROUNDDOWN($C8169/24,0)+1,1))-1)+IF('Standard Profiles'!$G$18=$B$10,7,0)+IF('Standard Profiles'!$G$18=$B$17,14,0)+IF('Standard Profiles'!$G$18=$B$24,21,0),0)),0)</f>
        <v>6.4863686395885596</v>
      </c>
      <c r="E8169" cm="1">
        <f t="array" ref="E8169">IFERROR(INDEX(Jesper!AI$2:AI$366,ROUNDDOWN($C8169/24,0)+1,1)*INDEX($D$3:$AA$30,INDEX(Jesper!$R$2:$R$366,ROW(INDEX(Jesper!AI$2:AI$366,ROUNDDOWN($C8169/24,0)+1,1))-1)+IF('Standard Profiles'!$G$19=$B$10,7,0)+IF('Standard Profiles'!$G$19=$B$17,14,0)+IF('Standard Profiles'!$G$19=$B$24,21,0),MOD($C8169,24)+1)/SUM(INDEX($D$3:$AA$30,INDEX(Jesper!$R$2:$R$366,ROW(INDEX(Jesper!AI$2:AI$366,ROUNDDOWN($C8169/24,0)+1,1))-1)+IF('Standard Profiles'!$G$19=$B$10,7,0)+IF('Standard Profiles'!$G$19=$B$17,14,0)+IF('Standard Profiles'!$G$19=$B$24,21,0),0)),0)</f>
        <v>8.8062394164823274</v>
      </c>
      <c r="F8169" cm="1">
        <f t="array" ref="F8169">IFERROR(INDEX(Jesper!AJ$2:AJ$366,ROUNDDOWN($C8169/24,0)+1,1)*INDEX($D$3:$AA$30,INDEX(Jesper!$R$2:$R$366,ROW(INDEX(Jesper!AJ$2:AJ$366,ROUNDDOWN($C8169/24,0)+1,1))-1)+IF('Standard Profiles'!$G$20=$B$10,7,0)+IF('Standard Profiles'!$G$20=$B$17,14,0)+IF('Standard Profiles'!$G$20=$B$24,21,0),MOD($C8169,24)+1)/SUM(INDEX($D$3:$AA$30,INDEX(Jesper!$R$2:$R$366,ROW(INDEX(Jesper!AJ$2:AJ$366,ROUNDDOWN($C8169/24,0)+1,1))-1)+IF('Standard Profiles'!$G$20=$B$10,7,0)+IF('Standard Profiles'!$G$20=$B$17,14,0)+IF('Standard Profiles'!$G$20=$B$24,21,0),0)),0)</f>
        <v>0</v>
      </c>
      <c r="G8169" cm="1">
        <f t="array" ref="G8169">IFERROR(INDEX(Jesper!AK$2:AK$366,ROUNDDOWN($C8169/24,0)+1,1)*INDEX($D$3:$AA$30,INDEX(Jesper!$R$2:$R$366,ROW(INDEX(Jesper!AK$2:AK$366,ROUNDDOWN($C8169/24,0)+1,1))-1)+IF('Standard Profiles'!$G$21=$B$10,7,0)+IF('Standard Profiles'!$G$21=$B$17,14,0)+IF('Standard Profiles'!$G$21=$B$24,21,0),MOD($C8169,24)+1)/SUM(INDEX($D$3:$AA$30,INDEX(Jesper!$R$2:$R$366,ROW(INDEX(Jesper!AK$2:AK$366,ROUNDDOWN($C8169/24,0)+1,1))-1)+IF('Standard Profiles'!$G$21=$B$10,7,0)+IF('Standard Profiles'!$G$21=$B$17,14,0)+IF('Standard Profiles'!$G$21=$B$24,21,0),0)),0)</f>
        <v>12.50809049344921</v>
      </c>
      <c r="H8169" cm="1">
        <f t="array" ref="H8169">IFERROR(INDEX(Jesper!AL$2:AL$366,ROUNDDOWN($C8169/24,0)+1,1)*INDEX($D$3:$AA$30,INDEX(Jesper!$R$2:$R$366,ROW(INDEX(Jesper!AL$2:AL$366,ROUNDDOWN($C8169/24,0)+1,1))-1)+IF('Standard Profiles'!$G$22=$B$10,7,0)+IF('Standard Profiles'!$G$22=$B$17,14,0)+IF('Standard Profiles'!$G$22=$B$24,21,0),MOD($C8169,24)+1)/SUM(INDEX($D$3:$AA$30,INDEX(Jesper!$R$2:$R$366,ROW(INDEX(Jesper!AL$2:AL$366,ROUNDDOWN($C8169/24,0)+1,1))-1)+IF('Standard Profiles'!$G$22=$B$10,7,0)+IF('Standard Profiles'!$G$22=$B$17,14,0)+IF('Standard Profiles'!$G$22=$B$24,21,0),0)),0)</f>
        <v>0</v>
      </c>
      <c r="I8169">
        <f t="shared" si="909"/>
        <v>6.0038834368556175</v>
      </c>
      <c r="J8169">
        <f t="shared" si="910"/>
        <v>20.75899613033031</v>
      </c>
      <c r="K8169">
        <f t="shared" si="911"/>
        <v>0.69187932155611309</v>
      </c>
      <c r="L8169">
        <f t="shared" si="912"/>
        <v>0.34593966077805655</v>
      </c>
      <c r="M8169">
        <f t="shared" si="913"/>
        <v>0</v>
      </c>
      <c r="N8169" s="45">
        <f t="shared" si="914"/>
        <v>45265.958333313603</v>
      </c>
    </row>
    <row r="8170" spans="2:14" x14ac:dyDescent="0.25">
      <c r="B8170">
        <f t="shared" si="908"/>
        <v>3</v>
      </c>
      <c r="C8170" s="16">
        <v>8136</v>
      </c>
      <c r="D8170" cm="1">
        <f t="array" ref="D8170">IFERROR(INDEX(Jesper!AH$2:AH$366,ROUNDDOWN($C8170/24,0)+1,1)*INDEX($D$3:$AA$30,INDEX(Jesper!$R$2:$R$366,ROW(INDEX(Jesper!AH$2:AH$366,ROUNDDOWN($C8170/24,0)+1,1))-1)+IF('Standard Profiles'!$G$18=$B$10,7,0)+IF('Standard Profiles'!$G$18=$B$17,14,0)+IF('Standard Profiles'!$G$18=$B$24,21,0),MOD($C8170,24)+1)/SUM(INDEX($D$3:$AA$30,INDEX(Jesper!$R$2:$R$366,ROW(INDEX(Jesper!AH$2:AH$366,ROUNDDOWN($C8170/24,0)+1,1))-1)+IF('Standard Profiles'!$G$18=$B$10,7,0)+IF('Standard Profiles'!$G$18=$B$17,14,0)+IF('Standard Profiles'!$G$18=$B$24,21,0),0)),0)</f>
        <v>6.2581892301962911</v>
      </c>
      <c r="E8170" cm="1">
        <f t="array" ref="E8170">IFERROR(INDEX(Jesper!AI$2:AI$366,ROUNDDOWN($C8170/24,0)+1,1)*INDEX($D$3:$AA$30,INDEX(Jesper!$R$2:$R$366,ROW(INDEX(Jesper!AI$2:AI$366,ROUNDDOWN($C8170/24,0)+1,1))-1)+IF('Standard Profiles'!$G$19=$B$10,7,0)+IF('Standard Profiles'!$G$19=$B$17,14,0)+IF('Standard Profiles'!$G$19=$B$24,21,0),MOD($C8170,24)+1)/SUM(INDEX($D$3:$AA$30,INDEX(Jesper!$R$2:$R$366,ROW(INDEX(Jesper!AI$2:AI$366,ROUNDDOWN($C8170/24,0)+1,1))-1)+IF('Standard Profiles'!$G$19=$B$10,7,0)+IF('Standard Profiles'!$G$19=$B$17,14,0)+IF('Standard Profiles'!$G$19=$B$24,21,0),0)),0)</f>
        <v>8.071451207103312</v>
      </c>
      <c r="F8170" cm="1">
        <f t="array" ref="F8170">IFERROR(INDEX(Jesper!AJ$2:AJ$366,ROUNDDOWN($C8170/24,0)+1,1)*INDEX($D$3:$AA$30,INDEX(Jesper!$R$2:$R$366,ROW(INDEX(Jesper!AJ$2:AJ$366,ROUNDDOWN($C8170/24,0)+1,1))-1)+IF('Standard Profiles'!$G$20=$B$10,7,0)+IF('Standard Profiles'!$G$20=$B$17,14,0)+IF('Standard Profiles'!$G$20=$B$24,21,0),MOD($C8170,24)+1)/SUM(INDEX($D$3:$AA$30,INDEX(Jesper!$R$2:$R$366,ROW(INDEX(Jesper!AJ$2:AJ$366,ROUNDDOWN($C8170/24,0)+1,1))-1)+IF('Standard Profiles'!$G$20=$B$10,7,0)+IF('Standard Profiles'!$G$20=$B$17,14,0)+IF('Standard Profiles'!$G$20=$B$24,21,0),0)),0)</f>
        <v>0</v>
      </c>
      <c r="G8170" cm="1">
        <f t="array" ref="G8170">IFERROR(INDEX(Jesper!AK$2:AK$366,ROUNDDOWN($C8170/24,0)+1,1)*INDEX($D$3:$AA$30,INDEX(Jesper!$R$2:$R$366,ROW(INDEX(Jesper!AK$2:AK$366,ROUNDDOWN($C8170/24,0)+1,1))-1)+IF('Standard Profiles'!$G$21=$B$10,7,0)+IF('Standard Profiles'!$G$21=$B$17,14,0)+IF('Standard Profiles'!$G$21=$B$24,21,0),MOD($C8170,24)+1)/SUM(INDEX($D$3:$AA$30,INDEX(Jesper!$R$2:$R$366,ROW(INDEX(Jesper!AK$2:AK$366,ROUNDDOWN($C8170/24,0)+1,1))-1)+IF('Standard Profiles'!$G$21=$B$10,7,0)+IF('Standard Profiles'!$G$21=$B$17,14,0)+IF('Standard Profiles'!$G$21=$B$24,21,0),0)),0)</f>
        <v>11.222294148612111</v>
      </c>
      <c r="H8170" cm="1">
        <f t="array" ref="H8170">IFERROR(INDEX(Jesper!AL$2:AL$366,ROUNDDOWN($C8170/24,0)+1,1)*INDEX($D$3:$AA$30,INDEX(Jesper!$R$2:$R$366,ROW(INDEX(Jesper!AL$2:AL$366,ROUNDDOWN($C8170/24,0)+1,1))-1)+IF('Standard Profiles'!$G$22=$B$10,7,0)+IF('Standard Profiles'!$G$22=$B$17,14,0)+IF('Standard Profiles'!$G$22=$B$24,21,0),MOD($C8170,24)+1)/SUM(INDEX($D$3:$AA$30,INDEX(Jesper!$R$2:$R$366,ROW(INDEX(Jesper!AL$2:AL$366,ROUNDDOWN($C8170/24,0)+1,1))-1)+IF('Standard Profiles'!$G$22=$B$10,7,0)+IF('Standard Profiles'!$G$22=$B$17,14,0)+IF('Standard Profiles'!$G$22=$B$24,21,0),0)),0)</f>
        <v>0</v>
      </c>
      <c r="I8170">
        <f t="shared" si="909"/>
        <v>5.3867011913338105</v>
      </c>
      <c r="J8170">
        <f t="shared" si="910"/>
        <v>19.163923117746496</v>
      </c>
      <c r="K8170">
        <f t="shared" si="911"/>
        <v>0.66754018455427111</v>
      </c>
      <c r="L8170">
        <f t="shared" si="912"/>
        <v>0.33377009227713555</v>
      </c>
      <c r="M8170">
        <f t="shared" si="913"/>
        <v>0</v>
      </c>
      <c r="N8170" s="45">
        <f t="shared" si="914"/>
        <v>45265.999999980268</v>
      </c>
    </row>
    <row r="8171" spans="2:14" x14ac:dyDescent="0.25">
      <c r="B8171">
        <f t="shared" si="908"/>
        <v>3</v>
      </c>
      <c r="C8171" s="16">
        <v>8137</v>
      </c>
      <c r="D8171" cm="1">
        <f t="array" ref="D8171">IFERROR(INDEX(Jesper!AH$2:AH$366,ROUNDDOWN($C8171/24,0)+1,1)*INDEX($D$3:$AA$30,INDEX(Jesper!$R$2:$R$366,ROW(INDEX(Jesper!AH$2:AH$366,ROUNDDOWN($C8171/24,0)+1,1))-1)+IF('Standard Profiles'!$G$18=$B$10,7,0)+IF('Standard Profiles'!$G$18=$B$17,14,0)+IF('Standard Profiles'!$G$18=$B$24,21,0),MOD($C8171,24)+1)/SUM(INDEX($D$3:$AA$30,INDEX(Jesper!$R$2:$R$366,ROW(INDEX(Jesper!AH$2:AH$366,ROUNDDOWN($C8171/24,0)+1,1))-1)+IF('Standard Profiles'!$G$18=$B$10,7,0)+IF('Standard Profiles'!$G$18=$B$17,14,0)+IF('Standard Profiles'!$G$18=$B$24,21,0),0)),0)</f>
        <v>6.2581892301962911</v>
      </c>
      <c r="E8171" cm="1">
        <f t="array" ref="E8171">IFERROR(INDEX(Jesper!AI$2:AI$366,ROUNDDOWN($C8171/24,0)+1,1)*INDEX($D$3:$AA$30,INDEX(Jesper!$R$2:$R$366,ROW(INDEX(Jesper!AI$2:AI$366,ROUNDDOWN($C8171/24,0)+1,1))-1)+IF('Standard Profiles'!$G$19=$B$10,7,0)+IF('Standard Profiles'!$G$19=$B$17,14,0)+IF('Standard Profiles'!$G$19=$B$24,21,0),MOD($C8171,24)+1)/SUM(INDEX($D$3:$AA$30,INDEX(Jesper!$R$2:$R$366,ROW(INDEX(Jesper!AI$2:AI$366,ROUNDDOWN($C8171/24,0)+1,1))-1)+IF('Standard Profiles'!$G$19=$B$10,7,0)+IF('Standard Profiles'!$G$19=$B$17,14,0)+IF('Standard Profiles'!$G$19=$B$24,21,0),0)),0)</f>
        <v>8.071451207103312</v>
      </c>
      <c r="F8171" cm="1">
        <f t="array" ref="F8171">IFERROR(INDEX(Jesper!AJ$2:AJ$366,ROUNDDOWN($C8171/24,0)+1,1)*INDEX($D$3:$AA$30,INDEX(Jesper!$R$2:$R$366,ROW(INDEX(Jesper!AJ$2:AJ$366,ROUNDDOWN($C8171/24,0)+1,1))-1)+IF('Standard Profiles'!$G$20=$B$10,7,0)+IF('Standard Profiles'!$G$20=$B$17,14,0)+IF('Standard Profiles'!$G$20=$B$24,21,0),MOD($C8171,24)+1)/SUM(INDEX($D$3:$AA$30,INDEX(Jesper!$R$2:$R$366,ROW(INDEX(Jesper!AJ$2:AJ$366,ROUNDDOWN($C8171/24,0)+1,1))-1)+IF('Standard Profiles'!$G$20=$B$10,7,0)+IF('Standard Profiles'!$G$20=$B$17,14,0)+IF('Standard Profiles'!$G$20=$B$24,21,0),0)),0)</f>
        <v>0</v>
      </c>
      <c r="G8171" cm="1">
        <f t="array" ref="G8171">IFERROR(INDEX(Jesper!AK$2:AK$366,ROUNDDOWN($C8171/24,0)+1,1)*INDEX($D$3:$AA$30,INDEX(Jesper!$R$2:$R$366,ROW(INDEX(Jesper!AK$2:AK$366,ROUNDDOWN($C8171/24,0)+1,1))-1)+IF('Standard Profiles'!$G$21=$B$10,7,0)+IF('Standard Profiles'!$G$21=$B$17,14,0)+IF('Standard Profiles'!$G$21=$B$24,21,0),MOD($C8171,24)+1)/SUM(INDEX($D$3:$AA$30,INDEX(Jesper!$R$2:$R$366,ROW(INDEX(Jesper!AK$2:AK$366,ROUNDDOWN($C8171/24,0)+1,1))-1)+IF('Standard Profiles'!$G$21=$B$10,7,0)+IF('Standard Profiles'!$G$21=$B$17,14,0)+IF('Standard Profiles'!$G$21=$B$24,21,0),0)),0)</f>
        <v>11.222294148612111</v>
      </c>
      <c r="H8171" cm="1">
        <f t="array" ref="H8171">IFERROR(INDEX(Jesper!AL$2:AL$366,ROUNDDOWN($C8171/24,0)+1,1)*INDEX($D$3:$AA$30,INDEX(Jesper!$R$2:$R$366,ROW(INDEX(Jesper!AL$2:AL$366,ROUNDDOWN($C8171/24,0)+1,1))-1)+IF('Standard Profiles'!$G$22=$B$10,7,0)+IF('Standard Profiles'!$G$22=$B$17,14,0)+IF('Standard Profiles'!$G$22=$B$24,21,0),MOD($C8171,24)+1)/SUM(INDEX($D$3:$AA$30,INDEX(Jesper!$R$2:$R$366,ROW(INDEX(Jesper!AL$2:AL$366,ROUNDDOWN($C8171/24,0)+1,1))-1)+IF('Standard Profiles'!$G$22=$B$10,7,0)+IF('Standard Profiles'!$G$22=$B$17,14,0)+IF('Standard Profiles'!$G$22=$B$24,21,0),0)),0)</f>
        <v>0</v>
      </c>
      <c r="I8171">
        <f t="shared" si="909"/>
        <v>5.3867011913338105</v>
      </c>
      <c r="J8171">
        <f t="shared" si="910"/>
        <v>19.163923117746496</v>
      </c>
      <c r="K8171">
        <f t="shared" si="911"/>
        <v>0.66754018455427111</v>
      </c>
      <c r="L8171">
        <f t="shared" si="912"/>
        <v>0.33377009227713555</v>
      </c>
      <c r="M8171">
        <f t="shared" si="913"/>
        <v>0</v>
      </c>
      <c r="N8171" s="45">
        <f t="shared" si="914"/>
        <v>45266.041666646932</v>
      </c>
    </row>
    <row r="8172" spans="2:14" x14ac:dyDescent="0.25">
      <c r="B8172">
        <f t="shared" si="908"/>
        <v>3</v>
      </c>
      <c r="C8172" s="16">
        <v>8138</v>
      </c>
      <c r="D8172" cm="1">
        <f t="array" ref="D8172">IFERROR(INDEX(Jesper!AH$2:AH$366,ROUNDDOWN($C8172/24,0)+1,1)*INDEX($D$3:$AA$30,INDEX(Jesper!$R$2:$R$366,ROW(INDEX(Jesper!AH$2:AH$366,ROUNDDOWN($C8172/24,0)+1,1))-1)+IF('Standard Profiles'!$G$18=$B$10,7,0)+IF('Standard Profiles'!$G$18=$B$17,14,0)+IF('Standard Profiles'!$G$18=$B$24,21,0),MOD($C8172,24)+1)/SUM(INDEX($D$3:$AA$30,INDEX(Jesper!$R$2:$R$366,ROW(INDEX(Jesper!AH$2:AH$366,ROUNDDOWN($C8172/24,0)+1,1))-1)+IF('Standard Profiles'!$G$18=$B$10,7,0)+IF('Standard Profiles'!$G$18=$B$17,14,0)+IF('Standard Profiles'!$G$18=$B$24,21,0),0)),0)</f>
        <v>6.2581892301962911</v>
      </c>
      <c r="E8172" cm="1">
        <f t="array" ref="E8172">IFERROR(INDEX(Jesper!AI$2:AI$366,ROUNDDOWN($C8172/24,0)+1,1)*INDEX($D$3:$AA$30,INDEX(Jesper!$R$2:$R$366,ROW(INDEX(Jesper!AI$2:AI$366,ROUNDDOWN($C8172/24,0)+1,1))-1)+IF('Standard Profiles'!$G$19=$B$10,7,0)+IF('Standard Profiles'!$G$19=$B$17,14,0)+IF('Standard Profiles'!$G$19=$B$24,21,0),MOD($C8172,24)+1)/SUM(INDEX($D$3:$AA$30,INDEX(Jesper!$R$2:$R$366,ROW(INDEX(Jesper!AI$2:AI$366,ROUNDDOWN($C8172/24,0)+1,1))-1)+IF('Standard Profiles'!$G$19=$B$10,7,0)+IF('Standard Profiles'!$G$19=$B$17,14,0)+IF('Standard Profiles'!$G$19=$B$24,21,0),0)),0)</f>
        <v>8.071451207103312</v>
      </c>
      <c r="F8172" cm="1">
        <f t="array" ref="F8172">IFERROR(INDEX(Jesper!AJ$2:AJ$366,ROUNDDOWN($C8172/24,0)+1,1)*INDEX($D$3:$AA$30,INDEX(Jesper!$R$2:$R$366,ROW(INDEX(Jesper!AJ$2:AJ$366,ROUNDDOWN($C8172/24,0)+1,1))-1)+IF('Standard Profiles'!$G$20=$B$10,7,0)+IF('Standard Profiles'!$G$20=$B$17,14,0)+IF('Standard Profiles'!$G$20=$B$24,21,0),MOD($C8172,24)+1)/SUM(INDEX($D$3:$AA$30,INDEX(Jesper!$R$2:$R$366,ROW(INDEX(Jesper!AJ$2:AJ$366,ROUNDDOWN($C8172/24,0)+1,1))-1)+IF('Standard Profiles'!$G$20=$B$10,7,0)+IF('Standard Profiles'!$G$20=$B$17,14,0)+IF('Standard Profiles'!$G$20=$B$24,21,0),0)),0)</f>
        <v>0</v>
      </c>
      <c r="G8172" cm="1">
        <f t="array" ref="G8172">IFERROR(INDEX(Jesper!AK$2:AK$366,ROUNDDOWN($C8172/24,0)+1,1)*INDEX($D$3:$AA$30,INDEX(Jesper!$R$2:$R$366,ROW(INDEX(Jesper!AK$2:AK$366,ROUNDDOWN($C8172/24,0)+1,1))-1)+IF('Standard Profiles'!$G$21=$B$10,7,0)+IF('Standard Profiles'!$G$21=$B$17,14,0)+IF('Standard Profiles'!$G$21=$B$24,21,0),MOD($C8172,24)+1)/SUM(INDEX($D$3:$AA$30,INDEX(Jesper!$R$2:$R$366,ROW(INDEX(Jesper!AK$2:AK$366,ROUNDDOWN($C8172/24,0)+1,1))-1)+IF('Standard Profiles'!$G$21=$B$10,7,0)+IF('Standard Profiles'!$G$21=$B$17,14,0)+IF('Standard Profiles'!$G$21=$B$24,21,0),0)),0)</f>
        <v>11.222294148612111</v>
      </c>
      <c r="H8172" cm="1">
        <f t="array" ref="H8172">IFERROR(INDEX(Jesper!AL$2:AL$366,ROUNDDOWN($C8172/24,0)+1,1)*INDEX($D$3:$AA$30,INDEX(Jesper!$R$2:$R$366,ROW(INDEX(Jesper!AL$2:AL$366,ROUNDDOWN($C8172/24,0)+1,1))-1)+IF('Standard Profiles'!$G$22=$B$10,7,0)+IF('Standard Profiles'!$G$22=$B$17,14,0)+IF('Standard Profiles'!$G$22=$B$24,21,0),MOD($C8172,24)+1)/SUM(INDEX($D$3:$AA$30,INDEX(Jesper!$R$2:$R$366,ROW(INDEX(Jesper!AL$2:AL$366,ROUNDDOWN($C8172/24,0)+1,1))-1)+IF('Standard Profiles'!$G$22=$B$10,7,0)+IF('Standard Profiles'!$G$22=$B$17,14,0)+IF('Standard Profiles'!$G$22=$B$24,21,0),0)),0)</f>
        <v>0</v>
      </c>
      <c r="I8172">
        <f t="shared" si="909"/>
        <v>5.3867011913338105</v>
      </c>
      <c r="J8172">
        <f t="shared" si="910"/>
        <v>19.163923117746496</v>
      </c>
      <c r="K8172">
        <f t="shared" si="911"/>
        <v>0.66754018455427111</v>
      </c>
      <c r="L8172">
        <f t="shared" si="912"/>
        <v>0.33377009227713555</v>
      </c>
      <c r="M8172">
        <f t="shared" si="913"/>
        <v>0</v>
      </c>
      <c r="N8172" s="45">
        <f t="shared" si="914"/>
        <v>45266.083333313596</v>
      </c>
    </row>
    <row r="8173" spans="2:14" x14ac:dyDescent="0.25">
      <c r="B8173">
        <f t="shared" si="908"/>
        <v>3</v>
      </c>
      <c r="C8173" s="16">
        <v>8139</v>
      </c>
      <c r="D8173" cm="1">
        <f t="array" ref="D8173">IFERROR(INDEX(Jesper!AH$2:AH$366,ROUNDDOWN($C8173/24,0)+1,1)*INDEX($D$3:$AA$30,INDEX(Jesper!$R$2:$R$366,ROW(INDEX(Jesper!AH$2:AH$366,ROUNDDOWN($C8173/24,0)+1,1))-1)+IF('Standard Profiles'!$G$18=$B$10,7,0)+IF('Standard Profiles'!$G$18=$B$17,14,0)+IF('Standard Profiles'!$G$18=$B$24,21,0),MOD($C8173,24)+1)/SUM(INDEX($D$3:$AA$30,INDEX(Jesper!$R$2:$R$366,ROW(INDEX(Jesper!AH$2:AH$366,ROUNDDOWN($C8173/24,0)+1,1))-1)+IF('Standard Profiles'!$G$18=$B$10,7,0)+IF('Standard Profiles'!$G$18=$B$17,14,0)+IF('Standard Profiles'!$G$18=$B$24,21,0),0)),0)</f>
        <v>6.2581892301962911</v>
      </c>
      <c r="E8173" cm="1">
        <f t="array" ref="E8173">IFERROR(INDEX(Jesper!AI$2:AI$366,ROUNDDOWN($C8173/24,0)+1,1)*INDEX($D$3:$AA$30,INDEX(Jesper!$R$2:$R$366,ROW(INDEX(Jesper!AI$2:AI$366,ROUNDDOWN($C8173/24,0)+1,1))-1)+IF('Standard Profiles'!$G$19=$B$10,7,0)+IF('Standard Profiles'!$G$19=$B$17,14,0)+IF('Standard Profiles'!$G$19=$B$24,21,0),MOD($C8173,24)+1)/SUM(INDEX($D$3:$AA$30,INDEX(Jesper!$R$2:$R$366,ROW(INDEX(Jesper!AI$2:AI$366,ROUNDDOWN($C8173/24,0)+1,1))-1)+IF('Standard Profiles'!$G$19=$B$10,7,0)+IF('Standard Profiles'!$G$19=$B$17,14,0)+IF('Standard Profiles'!$G$19=$B$24,21,0),0)),0)</f>
        <v>8.071451207103312</v>
      </c>
      <c r="F8173" cm="1">
        <f t="array" ref="F8173">IFERROR(INDEX(Jesper!AJ$2:AJ$366,ROUNDDOWN($C8173/24,0)+1,1)*INDEX($D$3:$AA$30,INDEX(Jesper!$R$2:$R$366,ROW(INDEX(Jesper!AJ$2:AJ$366,ROUNDDOWN($C8173/24,0)+1,1))-1)+IF('Standard Profiles'!$G$20=$B$10,7,0)+IF('Standard Profiles'!$G$20=$B$17,14,0)+IF('Standard Profiles'!$G$20=$B$24,21,0),MOD($C8173,24)+1)/SUM(INDEX($D$3:$AA$30,INDEX(Jesper!$R$2:$R$366,ROW(INDEX(Jesper!AJ$2:AJ$366,ROUNDDOWN($C8173/24,0)+1,1))-1)+IF('Standard Profiles'!$G$20=$B$10,7,0)+IF('Standard Profiles'!$G$20=$B$17,14,0)+IF('Standard Profiles'!$G$20=$B$24,21,0),0)),0)</f>
        <v>0</v>
      </c>
      <c r="G8173" cm="1">
        <f t="array" ref="G8173">IFERROR(INDEX(Jesper!AK$2:AK$366,ROUNDDOWN($C8173/24,0)+1,1)*INDEX($D$3:$AA$30,INDEX(Jesper!$R$2:$R$366,ROW(INDEX(Jesper!AK$2:AK$366,ROUNDDOWN($C8173/24,0)+1,1))-1)+IF('Standard Profiles'!$G$21=$B$10,7,0)+IF('Standard Profiles'!$G$21=$B$17,14,0)+IF('Standard Profiles'!$G$21=$B$24,21,0),MOD($C8173,24)+1)/SUM(INDEX($D$3:$AA$30,INDEX(Jesper!$R$2:$R$366,ROW(INDEX(Jesper!AK$2:AK$366,ROUNDDOWN($C8173/24,0)+1,1))-1)+IF('Standard Profiles'!$G$21=$B$10,7,0)+IF('Standard Profiles'!$G$21=$B$17,14,0)+IF('Standard Profiles'!$G$21=$B$24,21,0),0)),0)</f>
        <v>11.222294148612111</v>
      </c>
      <c r="H8173" cm="1">
        <f t="array" ref="H8173">IFERROR(INDEX(Jesper!AL$2:AL$366,ROUNDDOWN($C8173/24,0)+1,1)*INDEX($D$3:$AA$30,INDEX(Jesper!$R$2:$R$366,ROW(INDEX(Jesper!AL$2:AL$366,ROUNDDOWN($C8173/24,0)+1,1))-1)+IF('Standard Profiles'!$G$22=$B$10,7,0)+IF('Standard Profiles'!$G$22=$B$17,14,0)+IF('Standard Profiles'!$G$22=$B$24,21,0),MOD($C8173,24)+1)/SUM(INDEX($D$3:$AA$30,INDEX(Jesper!$R$2:$R$366,ROW(INDEX(Jesper!AL$2:AL$366,ROUNDDOWN($C8173/24,0)+1,1))-1)+IF('Standard Profiles'!$G$22=$B$10,7,0)+IF('Standard Profiles'!$G$22=$B$17,14,0)+IF('Standard Profiles'!$G$22=$B$24,21,0),0)),0)</f>
        <v>0</v>
      </c>
      <c r="I8173">
        <f t="shared" si="909"/>
        <v>5.3867011913338105</v>
      </c>
      <c r="J8173">
        <f t="shared" si="910"/>
        <v>19.163923117746496</v>
      </c>
      <c r="K8173">
        <f t="shared" si="911"/>
        <v>0.66754018455427111</v>
      </c>
      <c r="L8173">
        <f t="shared" si="912"/>
        <v>0.33377009227713555</v>
      </c>
      <c r="M8173">
        <f t="shared" si="913"/>
        <v>0</v>
      </c>
      <c r="N8173" s="45">
        <f t="shared" si="914"/>
        <v>45266.12499998026</v>
      </c>
    </row>
    <row r="8174" spans="2:14" x14ac:dyDescent="0.25">
      <c r="B8174">
        <f t="shared" si="908"/>
        <v>3</v>
      </c>
      <c r="C8174" s="16">
        <v>8140</v>
      </c>
      <c r="D8174" cm="1">
        <f t="array" ref="D8174">IFERROR(INDEX(Jesper!AH$2:AH$366,ROUNDDOWN($C8174/24,0)+1,1)*INDEX($D$3:$AA$30,INDEX(Jesper!$R$2:$R$366,ROW(INDEX(Jesper!AH$2:AH$366,ROUNDDOWN($C8174/24,0)+1,1))-1)+IF('Standard Profiles'!$G$18=$B$10,7,0)+IF('Standard Profiles'!$G$18=$B$17,14,0)+IF('Standard Profiles'!$G$18=$B$24,21,0),MOD($C8174,24)+1)/SUM(INDEX($D$3:$AA$30,INDEX(Jesper!$R$2:$R$366,ROW(INDEX(Jesper!AH$2:AH$366,ROUNDDOWN($C8174/24,0)+1,1))-1)+IF('Standard Profiles'!$G$18=$B$10,7,0)+IF('Standard Profiles'!$G$18=$B$17,14,0)+IF('Standard Profiles'!$G$18=$B$24,21,0),0)),0)</f>
        <v>6.2581892301962911</v>
      </c>
      <c r="E8174" cm="1">
        <f t="array" ref="E8174">IFERROR(INDEX(Jesper!AI$2:AI$366,ROUNDDOWN($C8174/24,0)+1,1)*INDEX($D$3:$AA$30,INDEX(Jesper!$R$2:$R$366,ROW(INDEX(Jesper!AI$2:AI$366,ROUNDDOWN($C8174/24,0)+1,1))-1)+IF('Standard Profiles'!$G$19=$B$10,7,0)+IF('Standard Profiles'!$G$19=$B$17,14,0)+IF('Standard Profiles'!$G$19=$B$24,21,0),MOD($C8174,24)+1)/SUM(INDEX($D$3:$AA$30,INDEX(Jesper!$R$2:$R$366,ROW(INDEX(Jesper!AI$2:AI$366,ROUNDDOWN($C8174/24,0)+1,1))-1)+IF('Standard Profiles'!$G$19=$B$10,7,0)+IF('Standard Profiles'!$G$19=$B$17,14,0)+IF('Standard Profiles'!$G$19=$B$24,21,0),0)),0)</f>
        <v>8.071451207103312</v>
      </c>
      <c r="F8174" cm="1">
        <f t="array" ref="F8174">IFERROR(INDEX(Jesper!AJ$2:AJ$366,ROUNDDOWN($C8174/24,0)+1,1)*INDEX($D$3:$AA$30,INDEX(Jesper!$R$2:$R$366,ROW(INDEX(Jesper!AJ$2:AJ$366,ROUNDDOWN($C8174/24,0)+1,1))-1)+IF('Standard Profiles'!$G$20=$B$10,7,0)+IF('Standard Profiles'!$G$20=$B$17,14,0)+IF('Standard Profiles'!$G$20=$B$24,21,0),MOD($C8174,24)+1)/SUM(INDEX($D$3:$AA$30,INDEX(Jesper!$R$2:$R$366,ROW(INDEX(Jesper!AJ$2:AJ$366,ROUNDDOWN($C8174/24,0)+1,1))-1)+IF('Standard Profiles'!$G$20=$B$10,7,0)+IF('Standard Profiles'!$G$20=$B$17,14,0)+IF('Standard Profiles'!$G$20=$B$24,21,0),0)),0)</f>
        <v>0</v>
      </c>
      <c r="G8174" cm="1">
        <f t="array" ref="G8174">IFERROR(INDEX(Jesper!AK$2:AK$366,ROUNDDOWN($C8174/24,0)+1,1)*INDEX($D$3:$AA$30,INDEX(Jesper!$R$2:$R$366,ROW(INDEX(Jesper!AK$2:AK$366,ROUNDDOWN($C8174/24,0)+1,1))-1)+IF('Standard Profiles'!$G$21=$B$10,7,0)+IF('Standard Profiles'!$G$21=$B$17,14,0)+IF('Standard Profiles'!$G$21=$B$24,21,0),MOD($C8174,24)+1)/SUM(INDEX($D$3:$AA$30,INDEX(Jesper!$R$2:$R$366,ROW(INDEX(Jesper!AK$2:AK$366,ROUNDDOWN($C8174/24,0)+1,1))-1)+IF('Standard Profiles'!$G$21=$B$10,7,0)+IF('Standard Profiles'!$G$21=$B$17,14,0)+IF('Standard Profiles'!$G$21=$B$24,21,0),0)),0)</f>
        <v>11.222294148612111</v>
      </c>
      <c r="H8174" cm="1">
        <f t="array" ref="H8174">IFERROR(INDEX(Jesper!AL$2:AL$366,ROUNDDOWN($C8174/24,0)+1,1)*INDEX($D$3:$AA$30,INDEX(Jesper!$R$2:$R$366,ROW(INDEX(Jesper!AL$2:AL$366,ROUNDDOWN($C8174/24,0)+1,1))-1)+IF('Standard Profiles'!$G$22=$B$10,7,0)+IF('Standard Profiles'!$G$22=$B$17,14,0)+IF('Standard Profiles'!$G$22=$B$24,21,0),MOD($C8174,24)+1)/SUM(INDEX($D$3:$AA$30,INDEX(Jesper!$R$2:$R$366,ROW(INDEX(Jesper!AL$2:AL$366,ROUNDDOWN($C8174/24,0)+1,1))-1)+IF('Standard Profiles'!$G$22=$B$10,7,0)+IF('Standard Profiles'!$G$22=$B$17,14,0)+IF('Standard Profiles'!$G$22=$B$24,21,0),0)),0)</f>
        <v>0</v>
      </c>
      <c r="I8174">
        <f t="shared" si="909"/>
        <v>5.3867011913338105</v>
      </c>
      <c r="J8174">
        <f t="shared" si="910"/>
        <v>19.163923117746496</v>
      </c>
      <c r="K8174">
        <f t="shared" si="911"/>
        <v>0.66754018455427111</v>
      </c>
      <c r="L8174">
        <f t="shared" si="912"/>
        <v>0.33377009227713555</v>
      </c>
      <c r="M8174">
        <f t="shared" si="913"/>
        <v>0</v>
      </c>
      <c r="N8174" s="45">
        <f t="shared" si="914"/>
        <v>45266.166666646925</v>
      </c>
    </row>
    <row r="8175" spans="2:14" x14ac:dyDescent="0.25">
      <c r="B8175">
        <f t="shared" si="908"/>
        <v>3</v>
      </c>
      <c r="C8175" s="16">
        <v>8141</v>
      </c>
      <c r="D8175" cm="1">
        <f t="array" ref="D8175">IFERROR(INDEX(Jesper!AH$2:AH$366,ROUNDDOWN($C8175/24,0)+1,1)*INDEX($D$3:$AA$30,INDEX(Jesper!$R$2:$R$366,ROW(INDEX(Jesper!AH$2:AH$366,ROUNDDOWN($C8175/24,0)+1,1))-1)+IF('Standard Profiles'!$G$18=$B$10,7,0)+IF('Standard Profiles'!$G$18=$B$17,14,0)+IF('Standard Profiles'!$G$18=$B$24,21,0),MOD($C8175,24)+1)/SUM(INDEX($D$3:$AA$30,INDEX(Jesper!$R$2:$R$366,ROW(INDEX(Jesper!AH$2:AH$366,ROUNDDOWN($C8175/24,0)+1,1))-1)+IF('Standard Profiles'!$G$18=$B$10,7,0)+IF('Standard Profiles'!$G$18=$B$17,14,0)+IF('Standard Profiles'!$G$18=$B$24,21,0),0)),0)</f>
        <v>6.2581892301962911</v>
      </c>
      <c r="E8175" cm="1">
        <f t="array" ref="E8175">IFERROR(INDEX(Jesper!AI$2:AI$366,ROUNDDOWN($C8175/24,0)+1,1)*INDEX($D$3:$AA$30,INDEX(Jesper!$R$2:$R$366,ROW(INDEX(Jesper!AI$2:AI$366,ROUNDDOWN($C8175/24,0)+1,1))-1)+IF('Standard Profiles'!$G$19=$B$10,7,0)+IF('Standard Profiles'!$G$19=$B$17,14,0)+IF('Standard Profiles'!$G$19=$B$24,21,0),MOD($C8175,24)+1)/SUM(INDEX($D$3:$AA$30,INDEX(Jesper!$R$2:$R$366,ROW(INDEX(Jesper!AI$2:AI$366,ROUNDDOWN($C8175/24,0)+1,1))-1)+IF('Standard Profiles'!$G$19=$B$10,7,0)+IF('Standard Profiles'!$G$19=$B$17,14,0)+IF('Standard Profiles'!$G$19=$B$24,21,0),0)),0)</f>
        <v>8.071451207103312</v>
      </c>
      <c r="F8175" cm="1">
        <f t="array" ref="F8175">IFERROR(INDEX(Jesper!AJ$2:AJ$366,ROUNDDOWN($C8175/24,0)+1,1)*INDEX($D$3:$AA$30,INDEX(Jesper!$R$2:$R$366,ROW(INDEX(Jesper!AJ$2:AJ$366,ROUNDDOWN($C8175/24,0)+1,1))-1)+IF('Standard Profiles'!$G$20=$B$10,7,0)+IF('Standard Profiles'!$G$20=$B$17,14,0)+IF('Standard Profiles'!$G$20=$B$24,21,0),MOD($C8175,24)+1)/SUM(INDEX($D$3:$AA$30,INDEX(Jesper!$R$2:$R$366,ROW(INDEX(Jesper!AJ$2:AJ$366,ROUNDDOWN($C8175/24,0)+1,1))-1)+IF('Standard Profiles'!$G$20=$B$10,7,0)+IF('Standard Profiles'!$G$20=$B$17,14,0)+IF('Standard Profiles'!$G$20=$B$24,21,0),0)),0)</f>
        <v>0</v>
      </c>
      <c r="G8175" cm="1">
        <f t="array" ref="G8175">IFERROR(INDEX(Jesper!AK$2:AK$366,ROUNDDOWN($C8175/24,0)+1,1)*INDEX($D$3:$AA$30,INDEX(Jesper!$R$2:$R$366,ROW(INDEX(Jesper!AK$2:AK$366,ROUNDDOWN($C8175/24,0)+1,1))-1)+IF('Standard Profiles'!$G$21=$B$10,7,0)+IF('Standard Profiles'!$G$21=$B$17,14,0)+IF('Standard Profiles'!$G$21=$B$24,21,0),MOD($C8175,24)+1)/SUM(INDEX($D$3:$AA$30,INDEX(Jesper!$R$2:$R$366,ROW(INDEX(Jesper!AK$2:AK$366,ROUNDDOWN($C8175/24,0)+1,1))-1)+IF('Standard Profiles'!$G$21=$B$10,7,0)+IF('Standard Profiles'!$G$21=$B$17,14,0)+IF('Standard Profiles'!$G$21=$B$24,21,0),0)),0)</f>
        <v>11.222294148612111</v>
      </c>
      <c r="H8175" cm="1">
        <f t="array" ref="H8175">IFERROR(INDEX(Jesper!AL$2:AL$366,ROUNDDOWN($C8175/24,0)+1,1)*INDEX($D$3:$AA$30,INDEX(Jesper!$R$2:$R$366,ROW(INDEX(Jesper!AL$2:AL$366,ROUNDDOWN($C8175/24,0)+1,1))-1)+IF('Standard Profiles'!$G$22=$B$10,7,0)+IF('Standard Profiles'!$G$22=$B$17,14,0)+IF('Standard Profiles'!$G$22=$B$24,21,0),MOD($C8175,24)+1)/SUM(INDEX($D$3:$AA$30,INDEX(Jesper!$R$2:$R$366,ROW(INDEX(Jesper!AL$2:AL$366,ROUNDDOWN($C8175/24,0)+1,1))-1)+IF('Standard Profiles'!$G$22=$B$10,7,0)+IF('Standard Profiles'!$G$22=$B$17,14,0)+IF('Standard Profiles'!$G$22=$B$24,21,0),0)),0)</f>
        <v>0</v>
      </c>
      <c r="I8175">
        <f t="shared" si="909"/>
        <v>5.3867011913338105</v>
      </c>
      <c r="J8175">
        <f t="shared" si="910"/>
        <v>19.163923117746496</v>
      </c>
      <c r="K8175">
        <f t="shared" si="911"/>
        <v>0.66754018455427111</v>
      </c>
      <c r="L8175">
        <f t="shared" si="912"/>
        <v>0.33377009227713555</v>
      </c>
      <c r="M8175">
        <f t="shared" si="913"/>
        <v>0</v>
      </c>
      <c r="N8175" s="45">
        <f t="shared" si="914"/>
        <v>45266.208333313589</v>
      </c>
    </row>
    <row r="8176" spans="2:14" x14ac:dyDescent="0.25">
      <c r="B8176">
        <f t="shared" si="908"/>
        <v>3</v>
      </c>
      <c r="C8176" s="16">
        <v>8142</v>
      </c>
      <c r="D8176" cm="1">
        <f t="array" ref="D8176">IFERROR(INDEX(Jesper!AH$2:AH$366,ROUNDDOWN($C8176/24,0)+1,1)*INDEX($D$3:$AA$30,INDEX(Jesper!$R$2:$R$366,ROW(INDEX(Jesper!AH$2:AH$366,ROUNDDOWN($C8176/24,0)+1,1))-1)+IF('Standard Profiles'!$G$18=$B$10,7,0)+IF('Standard Profiles'!$G$18=$B$17,14,0)+IF('Standard Profiles'!$G$18=$B$24,21,0),MOD($C8176,24)+1)/SUM(INDEX($D$3:$AA$30,INDEX(Jesper!$R$2:$R$366,ROW(INDEX(Jesper!AH$2:AH$366,ROUNDDOWN($C8176/24,0)+1,1))-1)+IF('Standard Profiles'!$G$18=$B$10,7,0)+IF('Standard Profiles'!$G$18=$B$17,14,0)+IF('Standard Profiles'!$G$18=$B$24,21,0),0)),0)</f>
        <v>6.2581892301962911</v>
      </c>
      <c r="E8176" cm="1">
        <f t="array" ref="E8176">IFERROR(INDEX(Jesper!AI$2:AI$366,ROUNDDOWN($C8176/24,0)+1,1)*INDEX($D$3:$AA$30,INDEX(Jesper!$R$2:$R$366,ROW(INDEX(Jesper!AI$2:AI$366,ROUNDDOWN($C8176/24,0)+1,1))-1)+IF('Standard Profiles'!$G$19=$B$10,7,0)+IF('Standard Profiles'!$G$19=$B$17,14,0)+IF('Standard Profiles'!$G$19=$B$24,21,0),MOD($C8176,24)+1)/SUM(INDEX($D$3:$AA$30,INDEX(Jesper!$R$2:$R$366,ROW(INDEX(Jesper!AI$2:AI$366,ROUNDDOWN($C8176/24,0)+1,1))-1)+IF('Standard Profiles'!$G$19=$B$10,7,0)+IF('Standard Profiles'!$G$19=$B$17,14,0)+IF('Standard Profiles'!$G$19=$B$24,21,0),0)),0)</f>
        <v>8.071451207103312</v>
      </c>
      <c r="F8176" cm="1">
        <f t="array" ref="F8176">IFERROR(INDEX(Jesper!AJ$2:AJ$366,ROUNDDOWN($C8176/24,0)+1,1)*INDEX($D$3:$AA$30,INDEX(Jesper!$R$2:$R$366,ROW(INDEX(Jesper!AJ$2:AJ$366,ROUNDDOWN($C8176/24,0)+1,1))-1)+IF('Standard Profiles'!$G$20=$B$10,7,0)+IF('Standard Profiles'!$G$20=$B$17,14,0)+IF('Standard Profiles'!$G$20=$B$24,21,0),MOD($C8176,24)+1)/SUM(INDEX($D$3:$AA$30,INDEX(Jesper!$R$2:$R$366,ROW(INDEX(Jesper!AJ$2:AJ$366,ROUNDDOWN($C8176/24,0)+1,1))-1)+IF('Standard Profiles'!$G$20=$B$10,7,0)+IF('Standard Profiles'!$G$20=$B$17,14,0)+IF('Standard Profiles'!$G$20=$B$24,21,0),0)),0)</f>
        <v>0</v>
      </c>
      <c r="G8176" cm="1">
        <f t="array" ref="G8176">IFERROR(INDEX(Jesper!AK$2:AK$366,ROUNDDOWN($C8176/24,0)+1,1)*INDEX($D$3:$AA$30,INDEX(Jesper!$R$2:$R$366,ROW(INDEX(Jesper!AK$2:AK$366,ROUNDDOWN($C8176/24,0)+1,1))-1)+IF('Standard Profiles'!$G$21=$B$10,7,0)+IF('Standard Profiles'!$G$21=$B$17,14,0)+IF('Standard Profiles'!$G$21=$B$24,21,0),MOD($C8176,24)+1)/SUM(INDEX($D$3:$AA$30,INDEX(Jesper!$R$2:$R$366,ROW(INDEX(Jesper!AK$2:AK$366,ROUNDDOWN($C8176/24,0)+1,1))-1)+IF('Standard Profiles'!$G$21=$B$10,7,0)+IF('Standard Profiles'!$G$21=$B$17,14,0)+IF('Standard Profiles'!$G$21=$B$24,21,0),0)),0)</f>
        <v>11.222294148612111</v>
      </c>
      <c r="H8176" cm="1">
        <f t="array" ref="H8176">IFERROR(INDEX(Jesper!AL$2:AL$366,ROUNDDOWN($C8176/24,0)+1,1)*INDEX($D$3:$AA$30,INDEX(Jesper!$R$2:$R$366,ROW(INDEX(Jesper!AL$2:AL$366,ROUNDDOWN($C8176/24,0)+1,1))-1)+IF('Standard Profiles'!$G$22=$B$10,7,0)+IF('Standard Profiles'!$G$22=$B$17,14,0)+IF('Standard Profiles'!$G$22=$B$24,21,0),MOD($C8176,24)+1)/SUM(INDEX($D$3:$AA$30,INDEX(Jesper!$R$2:$R$366,ROW(INDEX(Jesper!AL$2:AL$366,ROUNDDOWN($C8176/24,0)+1,1))-1)+IF('Standard Profiles'!$G$22=$B$10,7,0)+IF('Standard Profiles'!$G$22=$B$17,14,0)+IF('Standard Profiles'!$G$22=$B$24,21,0),0)),0)</f>
        <v>0</v>
      </c>
      <c r="I8176">
        <f t="shared" si="909"/>
        <v>5.3867011913338105</v>
      </c>
      <c r="J8176">
        <f t="shared" si="910"/>
        <v>19.163923117746496</v>
      </c>
      <c r="K8176">
        <f t="shared" si="911"/>
        <v>0.66754018455427111</v>
      </c>
      <c r="L8176">
        <f t="shared" si="912"/>
        <v>0.33377009227713555</v>
      </c>
      <c r="M8176">
        <f t="shared" si="913"/>
        <v>0</v>
      </c>
      <c r="N8176" s="45">
        <f t="shared" si="914"/>
        <v>45266.249999980253</v>
      </c>
    </row>
    <row r="8177" spans="2:14" x14ac:dyDescent="0.25">
      <c r="B8177">
        <f t="shared" si="908"/>
        <v>3</v>
      </c>
      <c r="C8177" s="16">
        <v>8143</v>
      </c>
      <c r="D8177" cm="1">
        <f t="array" ref="D8177">IFERROR(INDEX(Jesper!AH$2:AH$366,ROUNDDOWN($C8177/24,0)+1,1)*INDEX($D$3:$AA$30,INDEX(Jesper!$R$2:$R$366,ROW(INDEX(Jesper!AH$2:AH$366,ROUNDDOWN($C8177/24,0)+1,1))-1)+IF('Standard Profiles'!$G$18=$B$10,7,0)+IF('Standard Profiles'!$G$18=$B$17,14,0)+IF('Standard Profiles'!$G$18=$B$24,21,0),MOD($C8177,24)+1)/SUM(INDEX($D$3:$AA$30,INDEX(Jesper!$R$2:$R$366,ROW(INDEX(Jesper!AH$2:AH$366,ROUNDDOWN($C8177/24,0)+1,1))-1)+IF('Standard Profiles'!$G$18=$B$10,7,0)+IF('Standard Profiles'!$G$18=$B$17,14,0)+IF('Standard Profiles'!$G$18=$B$24,21,0),0)),0)</f>
        <v>25.582719004650894</v>
      </c>
      <c r="E8177" cm="1">
        <f t="array" ref="E8177">IFERROR(INDEX(Jesper!AI$2:AI$366,ROUNDDOWN($C8177/24,0)+1,1)*INDEX($D$3:$AA$30,INDEX(Jesper!$R$2:$R$366,ROW(INDEX(Jesper!AI$2:AI$366,ROUNDDOWN($C8177/24,0)+1,1))-1)+IF('Standard Profiles'!$G$19=$B$10,7,0)+IF('Standard Profiles'!$G$19=$B$17,14,0)+IF('Standard Profiles'!$G$19=$B$24,21,0),MOD($C8177,24)+1)/SUM(INDEX($D$3:$AA$30,INDEX(Jesper!$R$2:$R$366,ROW(INDEX(Jesper!AI$2:AI$366,ROUNDDOWN($C8177/24,0)+1,1))-1)+IF('Standard Profiles'!$G$19=$B$10,7,0)+IF('Standard Profiles'!$G$19=$B$17,14,0)+IF('Standard Profiles'!$G$19=$B$24,21,0),0)),0)</f>
        <v>32.99511417691626</v>
      </c>
      <c r="F8177" cm="1">
        <f t="array" ref="F8177">IFERROR(INDEX(Jesper!AJ$2:AJ$366,ROUNDDOWN($C8177/24,0)+1,1)*INDEX($D$3:$AA$30,INDEX(Jesper!$R$2:$R$366,ROW(INDEX(Jesper!AJ$2:AJ$366,ROUNDDOWN($C8177/24,0)+1,1))-1)+IF('Standard Profiles'!$G$20=$B$10,7,0)+IF('Standard Profiles'!$G$20=$B$17,14,0)+IF('Standard Profiles'!$G$20=$B$24,21,0),MOD($C8177,24)+1)/SUM(INDEX($D$3:$AA$30,INDEX(Jesper!$R$2:$R$366,ROW(INDEX(Jesper!AJ$2:AJ$366,ROUNDDOWN($C8177/24,0)+1,1))-1)+IF('Standard Profiles'!$G$20=$B$10,7,0)+IF('Standard Profiles'!$G$20=$B$17,14,0)+IF('Standard Profiles'!$G$20=$B$24,21,0),0)),0)</f>
        <v>0</v>
      </c>
      <c r="G8177" cm="1">
        <f t="array" ref="G8177">IFERROR(INDEX(Jesper!AK$2:AK$366,ROUNDDOWN($C8177/24,0)+1,1)*INDEX($D$3:$AA$30,INDEX(Jesper!$R$2:$R$366,ROW(INDEX(Jesper!AK$2:AK$366,ROUNDDOWN($C8177/24,0)+1,1))-1)+IF('Standard Profiles'!$G$21=$B$10,7,0)+IF('Standard Profiles'!$G$21=$B$17,14,0)+IF('Standard Profiles'!$G$21=$B$24,21,0),MOD($C8177,24)+1)/SUM(INDEX($D$3:$AA$30,INDEX(Jesper!$R$2:$R$366,ROW(INDEX(Jesper!AK$2:AK$366,ROUNDDOWN($C8177/24,0)+1,1))-1)+IF('Standard Profiles'!$G$21=$B$10,7,0)+IF('Standard Profiles'!$G$21=$B$17,14,0)+IF('Standard Profiles'!$G$21=$B$24,21,0),0)),0)</f>
        <v>30.917420379426364</v>
      </c>
      <c r="H8177" cm="1">
        <f t="array" ref="H8177">IFERROR(INDEX(Jesper!AL$2:AL$366,ROUNDDOWN($C8177/24,0)+1,1)*INDEX($D$3:$AA$30,INDEX(Jesper!$R$2:$R$366,ROW(INDEX(Jesper!AL$2:AL$366,ROUNDDOWN($C8177/24,0)+1,1))-1)+IF('Standard Profiles'!$G$22=$B$10,7,0)+IF('Standard Profiles'!$G$22=$B$17,14,0)+IF('Standard Profiles'!$G$22=$B$24,21,0),MOD($C8177,24)+1)/SUM(INDEX($D$3:$AA$30,INDEX(Jesper!$R$2:$R$366,ROW(INDEX(Jesper!AL$2:AL$366,ROUNDDOWN($C8177/24,0)+1,1))-1)+IF('Standard Profiles'!$G$22=$B$10,7,0)+IF('Standard Profiles'!$G$22=$B$17,14,0)+IF('Standard Profiles'!$G$22=$B$24,21,0),0)),0)</f>
        <v>0</v>
      </c>
      <c r="I8177">
        <f t="shared" si="909"/>
        <v>14.840361782124647</v>
      </c>
      <c r="J8177">
        <f t="shared" si="910"/>
        <v>70.561656738124725</v>
      </c>
      <c r="K8177">
        <f t="shared" si="911"/>
        <v>2.7288233604960954</v>
      </c>
      <c r="L8177">
        <f t="shared" si="912"/>
        <v>1.3644116802480477</v>
      </c>
      <c r="M8177">
        <f t="shared" si="913"/>
        <v>0</v>
      </c>
      <c r="N8177" s="45">
        <f t="shared" si="914"/>
        <v>45266.291666646917</v>
      </c>
    </row>
    <row r="8178" spans="2:14" x14ac:dyDescent="0.25">
      <c r="B8178">
        <f t="shared" si="908"/>
        <v>3</v>
      </c>
      <c r="C8178" s="16">
        <v>8144</v>
      </c>
      <c r="D8178" cm="1">
        <f t="array" ref="D8178">IFERROR(INDEX(Jesper!AH$2:AH$366,ROUNDDOWN($C8178/24,0)+1,1)*INDEX($D$3:$AA$30,INDEX(Jesper!$R$2:$R$366,ROW(INDEX(Jesper!AH$2:AH$366,ROUNDDOWN($C8178/24,0)+1,1))-1)+IF('Standard Profiles'!$G$18=$B$10,7,0)+IF('Standard Profiles'!$G$18=$B$17,14,0)+IF('Standard Profiles'!$G$18=$B$24,21,0),MOD($C8178,24)+1)/SUM(INDEX($D$3:$AA$30,INDEX(Jesper!$R$2:$R$366,ROW(INDEX(Jesper!AH$2:AH$366,ROUNDDOWN($C8178/24,0)+1,1))-1)+IF('Standard Profiles'!$G$18=$B$10,7,0)+IF('Standard Profiles'!$G$18=$B$17,14,0)+IF('Standard Profiles'!$G$18=$B$24,21,0),0)),0)</f>
        <v>28.544928573610473</v>
      </c>
      <c r="E8178" cm="1">
        <f t="array" ref="E8178">IFERROR(INDEX(Jesper!AI$2:AI$366,ROUNDDOWN($C8178/24,0)+1,1)*INDEX($D$3:$AA$30,INDEX(Jesper!$R$2:$R$366,ROW(INDEX(Jesper!AI$2:AI$366,ROUNDDOWN($C8178/24,0)+1,1))-1)+IF('Standard Profiles'!$G$19=$B$10,7,0)+IF('Standard Profiles'!$G$19=$B$17,14,0)+IF('Standard Profiles'!$G$19=$B$24,21,0),MOD($C8178,24)+1)/SUM(INDEX($D$3:$AA$30,INDEX(Jesper!$R$2:$R$366,ROW(INDEX(Jesper!AI$2:AI$366,ROUNDDOWN($C8178/24,0)+1,1))-1)+IF('Standard Profiles'!$G$19=$B$10,7,0)+IF('Standard Profiles'!$G$19=$B$17,14,0)+IF('Standard Profiles'!$G$19=$B$24,21,0),0)),0)</f>
        <v>36.815601081611831</v>
      </c>
      <c r="F8178" cm="1">
        <f t="array" ref="F8178">IFERROR(INDEX(Jesper!AJ$2:AJ$366,ROUNDDOWN($C8178/24,0)+1,1)*INDEX($D$3:$AA$30,INDEX(Jesper!$R$2:$R$366,ROW(INDEX(Jesper!AJ$2:AJ$366,ROUNDDOWN($C8178/24,0)+1,1))-1)+IF('Standard Profiles'!$G$20=$B$10,7,0)+IF('Standard Profiles'!$G$20=$B$17,14,0)+IF('Standard Profiles'!$G$20=$B$24,21,0),MOD($C8178,24)+1)/SUM(INDEX($D$3:$AA$30,INDEX(Jesper!$R$2:$R$366,ROW(INDEX(Jesper!AJ$2:AJ$366,ROUNDDOWN($C8178/24,0)+1,1))-1)+IF('Standard Profiles'!$G$20=$B$10,7,0)+IF('Standard Profiles'!$G$20=$B$17,14,0)+IF('Standard Profiles'!$G$20=$B$24,21,0),0)),0)</f>
        <v>0</v>
      </c>
      <c r="G8178" cm="1">
        <f t="array" ref="G8178">IFERROR(INDEX(Jesper!AK$2:AK$366,ROUNDDOWN($C8178/24,0)+1,1)*INDEX($D$3:$AA$30,INDEX(Jesper!$R$2:$R$366,ROW(INDEX(Jesper!AK$2:AK$366,ROUNDDOWN($C8178/24,0)+1,1))-1)+IF('Standard Profiles'!$G$21=$B$10,7,0)+IF('Standard Profiles'!$G$21=$B$17,14,0)+IF('Standard Profiles'!$G$21=$B$24,21,0),MOD($C8178,24)+1)/SUM(INDEX($D$3:$AA$30,INDEX(Jesper!$R$2:$R$366,ROW(INDEX(Jesper!AK$2:AK$366,ROUNDDOWN($C8178/24,0)+1,1))-1)+IF('Standard Profiles'!$G$21=$B$10,7,0)+IF('Standard Profiles'!$G$21=$B$17,14,0)+IF('Standard Profiles'!$G$21=$B$24,21,0),0)),0)</f>
        <v>34.497332212833626</v>
      </c>
      <c r="H8178" cm="1">
        <f t="array" ref="H8178">IFERROR(INDEX(Jesper!AL$2:AL$366,ROUNDDOWN($C8178/24,0)+1,1)*INDEX($D$3:$AA$30,INDEX(Jesper!$R$2:$R$366,ROW(INDEX(Jesper!AL$2:AL$366,ROUNDDOWN($C8178/24,0)+1,1))-1)+IF('Standard Profiles'!$G$22=$B$10,7,0)+IF('Standard Profiles'!$G$22=$B$17,14,0)+IF('Standard Profiles'!$G$22=$B$24,21,0),MOD($C8178,24)+1)/SUM(INDEX($D$3:$AA$30,INDEX(Jesper!$R$2:$R$366,ROW(INDEX(Jesper!AL$2:AL$366,ROUNDDOWN($C8178/24,0)+1,1))-1)+IF('Standard Profiles'!$G$22=$B$10,7,0)+IF('Standard Profiles'!$G$22=$B$17,14,0)+IF('Standard Profiles'!$G$22=$B$24,21,0),0)),0)</f>
        <v>0</v>
      </c>
      <c r="I8178">
        <f t="shared" si="909"/>
        <v>16.558719462160134</v>
      </c>
      <c r="J8178">
        <f t="shared" si="910"/>
        <v>78.731953834118116</v>
      </c>
      <c r="K8178">
        <f t="shared" si="911"/>
        <v>3.0447923811851174</v>
      </c>
      <c r="L8178">
        <f t="shared" si="912"/>
        <v>1.5223961905925587</v>
      </c>
      <c r="M8178">
        <f t="shared" si="913"/>
        <v>0</v>
      </c>
      <c r="N8178" s="45">
        <f t="shared" si="914"/>
        <v>45266.333333313582</v>
      </c>
    </row>
    <row r="8179" spans="2:14" x14ac:dyDescent="0.25">
      <c r="B8179">
        <f t="shared" si="908"/>
        <v>3</v>
      </c>
      <c r="C8179" s="16">
        <v>8145</v>
      </c>
      <c r="D8179" cm="1">
        <f t="array" ref="D8179">IFERROR(INDEX(Jesper!AH$2:AH$366,ROUNDDOWN($C8179/24,0)+1,1)*INDEX($D$3:$AA$30,INDEX(Jesper!$R$2:$R$366,ROW(INDEX(Jesper!AH$2:AH$366,ROUNDDOWN($C8179/24,0)+1,1))-1)+IF('Standard Profiles'!$G$18=$B$10,7,0)+IF('Standard Profiles'!$G$18=$B$17,14,0)+IF('Standard Profiles'!$G$18=$B$24,21,0),MOD($C8179,24)+1)/SUM(INDEX($D$3:$AA$30,INDEX(Jesper!$R$2:$R$366,ROW(INDEX(Jesper!AH$2:AH$366,ROUNDDOWN($C8179/24,0)+1,1))-1)+IF('Standard Profiles'!$G$18=$B$10,7,0)+IF('Standard Profiles'!$G$18=$B$17,14,0)+IF('Standard Profiles'!$G$18=$B$24,21,0),0)),0)</f>
        <v>31.507138142570053</v>
      </c>
      <c r="E8179" cm="1">
        <f t="array" ref="E8179">IFERROR(INDEX(Jesper!AI$2:AI$366,ROUNDDOWN($C8179/24,0)+1,1)*INDEX($D$3:$AA$30,INDEX(Jesper!$R$2:$R$366,ROW(INDEX(Jesper!AI$2:AI$366,ROUNDDOWN($C8179/24,0)+1,1))-1)+IF('Standard Profiles'!$G$19=$B$10,7,0)+IF('Standard Profiles'!$G$19=$B$17,14,0)+IF('Standard Profiles'!$G$19=$B$24,21,0),MOD($C8179,24)+1)/SUM(INDEX($D$3:$AA$30,INDEX(Jesper!$R$2:$R$366,ROW(INDEX(Jesper!AI$2:AI$366,ROUNDDOWN($C8179/24,0)+1,1))-1)+IF('Standard Profiles'!$G$19=$B$10,7,0)+IF('Standard Profiles'!$G$19=$B$17,14,0)+IF('Standard Profiles'!$G$19=$B$24,21,0),0)),0)</f>
        <v>40.636087986307395</v>
      </c>
      <c r="F8179" cm="1">
        <f t="array" ref="F8179">IFERROR(INDEX(Jesper!AJ$2:AJ$366,ROUNDDOWN($C8179/24,0)+1,1)*INDEX($D$3:$AA$30,INDEX(Jesper!$R$2:$R$366,ROW(INDEX(Jesper!AJ$2:AJ$366,ROUNDDOWN($C8179/24,0)+1,1))-1)+IF('Standard Profiles'!$G$20=$B$10,7,0)+IF('Standard Profiles'!$G$20=$B$17,14,0)+IF('Standard Profiles'!$G$20=$B$24,21,0),MOD($C8179,24)+1)/SUM(INDEX($D$3:$AA$30,INDEX(Jesper!$R$2:$R$366,ROW(INDEX(Jesper!AJ$2:AJ$366,ROUNDDOWN($C8179/24,0)+1,1))-1)+IF('Standard Profiles'!$G$20=$B$10,7,0)+IF('Standard Profiles'!$G$20=$B$17,14,0)+IF('Standard Profiles'!$G$20=$B$24,21,0),0)),0)</f>
        <v>0</v>
      </c>
      <c r="G8179" cm="1">
        <f t="array" ref="G8179">IFERROR(INDEX(Jesper!AK$2:AK$366,ROUNDDOWN($C8179/24,0)+1,1)*INDEX($D$3:$AA$30,INDEX(Jesper!$R$2:$R$366,ROW(INDEX(Jesper!AK$2:AK$366,ROUNDDOWN($C8179/24,0)+1,1))-1)+IF('Standard Profiles'!$G$21=$B$10,7,0)+IF('Standard Profiles'!$G$21=$B$17,14,0)+IF('Standard Profiles'!$G$21=$B$24,21,0),MOD($C8179,24)+1)/SUM(INDEX($D$3:$AA$30,INDEX(Jesper!$R$2:$R$366,ROW(INDEX(Jesper!AK$2:AK$366,ROUNDDOWN($C8179/24,0)+1,1))-1)+IF('Standard Profiles'!$G$21=$B$10,7,0)+IF('Standard Profiles'!$G$21=$B$17,14,0)+IF('Standard Profiles'!$G$21=$B$24,21,0),0)),0)</f>
        <v>38.077244046240892</v>
      </c>
      <c r="H8179" cm="1">
        <f t="array" ref="H8179">IFERROR(INDEX(Jesper!AL$2:AL$366,ROUNDDOWN($C8179/24,0)+1,1)*INDEX($D$3:$AA$30,INDEX(Jesper!$R$2:$R$366,ROW(INDEX(Jesper!AL$2:AL$366,ROUNDDOWN($C8179/24,0)+1,1))-1)+IF('Standard Profiles'!$G$22=$B$10,7,0)+IF('Standard Profiles'!$G$22=$B$17,14,0)+IF('Standard Profiles'!$G$22=$B$24,21,0),MOD($C8179,24)+1)/SUM(INDEX($D$3:$AA$30,INDEX(Jesper!$R$2:$R$366,ROW(INDEX(Jesper!AL$2:AL$366,ROUNDDOWN($C8179/24,0)+1,1))-1)+IF('Standard Profiles'!$G$22=$B$10,7,0)+IF('Standard Profiles'!$G$22=$B$17,14,0)+IF('Standard Profiles'!$G$22=$B$24,21,0),0)),0)</f>
        <v>0</v>
      </c>
      <c r="I8179">
        <f t="shared" si="909"/>
        <v>18.277077142195619</v>
      </c>
      <c r="J8179">
        <f t="shared" si="910"/>
        <v>86.902250930111506</v>
      </c>
      <c r="K8179">
        <f t="shared" si="911"/>
        <v>3.3607614018741394</v>
      </c>
      <c r="L8179">
        <f t="shared" si="912"/>
        <v>1.6803807009370697</v>
      </c>
      <c r="M8179">
        <f t="shared" si="913"/>
        <v>0</v>
      </c>
      <c r="N8179" s="45">
        <f t="shared" si="914"/>
        <v>45266.374999980246</v>
      </c>
    </row>
    <row r="8180" spans="2:14" x14ac:dyDescent="0.25">
      <c r="B8180">
        <f t="shared" si="908"/>
        <v>3</v>
      </c>
      <c r="C8180" s="16">
        <v>8146</v>
      </c>
      <c r="D8180" cm="1">
        <f t="array" ref="D8180">IFERROR(INDEX(Jesper!AH$2:AH$366,ROUNDDOWN($C8180/24,0)+1,1)*INDEX($D$3:$AA$30,INDEX(Jesper!$R$2:$R$366,ROW(INDEX(Jesper!AH$2:AH$366,ROUNDDOWN($C8180/24,0)+1,1))-1)+IF('Standard Profiles'!$G$18=$B$10,7,0)+IF('Standard Profiles'!$G$18=$B$17,14,0)+IF('Standard Profiles'!$G$18=$B$24,21,0),MOD($C8180,24)+1)/SUM(INDEX($D$3:$AA$30,INDEX(Jesper!$R$2:$R$366,ROW(INDEX(Jesper!AH$2:AH$366,ROUNDDOWN($C8180/24,0)+1,1))-1)+IF('Standard Profiles'!$G$18=$B$10,7,0)+IF('Standard Profiles'!$G$18=$B$17,14,0)+IF('Standard Profiles'!$G$18=$B$24,21,0),0)),0)</f>
        <v>31.507138142570053</v>
      </c>
      <c r="E8180" cm="1">
        <f t="array" ref="E8180">IFERROR(INDEX(Jesper!AI$2:AI$366,ROUNDDOWN($C8180/24,0)+1,1)*INDEX($D$3:$AA$30,INDEX(Jesper!$R$2:$R$366,ROW(INDEX(Jesper!AI$2:AI$366,ROUNDDOWN($C8180/24,0)+1,1))-1)+IF('Standard Profiles'!$G$19=$B$10,7,0)+IF('Standard Profiles'!$G$19=$B$17,14,0)+IF('Standard Profiles'!$G$19=$B$24,21,0),MOD($C8180,24)+1)/SUM(INDEX($D$3:$AA$30,INDEX(Jesper!$R$2:$R$366,ROW(INDEX(Jesper!AI$2:AI$366,ROUNDDOWN($C8180/24,0)+1,1))-1)+IF('Standard Profiles'!$G$19=$B$10,7,0)+IF('Standard Profiles'!$G$19=$B$17,14,0)+IF('Standard Profiles'!$G$19=$B$24,21,0),0)),0)</f>
        <v>40.636087986307395</v>
      </c>
      <c r="F8180" cm="1">
        <f t="array" ref="F8180">IFERROR(INDEX(Jesper!AJ$2:AJ$366,ROUNDDOWN($C8180/24,0)+1,1)*INDEX($D$3:$AA$30,INDEX(Jesper!$R$2:$R$366,ROW(INDEX(Jesper!AJ$2:AJ$366,ROUNDDOWN($C8180/24,0)+1,1))-1)+IF('Standard Profiles'!$G$20=$B$10,7,0)+IF('Standard Profiles'!$G$20=$B$17,14,0)+IF('Standard Profiles'!$G$20=$B$24,21,0),MOD($C8180,24)+1)/SUM(INDEX($D$3:$AA$30,INDEX(Jesper!$R$2:$R$366,ROW(INDEX(Jesper!AJ$2:AJ$366,ROUNDDOWN($C8180/24,0)+1,1))-1)+IF('Standard Profiles'!$G$20=$B$10,7,0)+IF('Standard Profiles'!$G$20=$B$17,14,0)+IF('Standard Profiles'!$G$20=$B$24,21,0),0)),0)</f>
        <v>0</v>
      </c>
      <c r="G8180" cm="1">
        <f t="array" ref="G8180">IFERROR(INDEX(Jesper!AK$2:AK$366,ROUNDDOWN($C8180/24,0)+1,1)*INDEX($D$3:$AA$30,INDEX(Jesper!$R$2:$R$366,ROW(INDEX(Jesper!AK$2:AK$366,ROUNDDOWN($C8180/24,0)+1,1))-1)+IF('Standard Profiles'!$G$21=$B$10,7,0)+IF('Standard Profiles'!$G$21=$B$17,14,0)+IF('Standard Profiles'!$G$21=$B$24,21,0),MOD($C8180,24)+1)/SUM(INDEX($D$3:$AA$30,INDEX(Jesper!$R$2:$R$366,ROW(INDEX(Jesper!AK$2:AK$366,ROUNDDOWN($C8180/24,0)+1,1))-1)+IF('Standard Profiles'!$G$21=$B$10,7,0)+IF('Standard Profiles'!$G$21=$B$17,14,0)+IF('Standard Profiles'!$G$21=$B$24,21,0),0)),0)</f>
        <v>38.077244046240892</v>
      </c>
      <c r="H8180" cm="1">
        <f t="array" ref="H8180">IFERROR(INDEX(Jesper!AL$2:AL$366,ROUNDDOWN($C8180/24,0)+1,1)*INDEX($D$3:$AA$30,INDEX(Jesper!$R$2:$R$366,ROW(INDEX(Jesper!AL$2:AL$366,ROUNDDOWN($C8180/24,0)+1,1))-1)+IF('Standard Profiles'!$G$22=$B$10,7,0)+IF('Standard Profiles'!$G$22=$B$17,14,0)+IF('Standard Profiles'!$G$22=$B$24,21,0),MOD($C8180,24)+1)/SUM(INDEX($D$3:$AA$30,INDEX(Jesper!$R$2:$R$366,ROW(INDEX(Jesper!AL$2:AL$366,ROUNDDOWN($C8180/24,0)+1,1))-1)+IF('Standard Profiles'!$G$22=$B$10,7,0)+IF('Standard Profiles'!$G$22=$B$17,14,0)+IF('Standard Profiles'!$G$22=$B$24,21,0),0)),0)</f>
        <v>0</v>
      </c>
      <c r="I8180">
        <f t="shared" si="909"/>
        <v>18.277077142195619</v>
      </c>
      <c r="J8180">
        <f t="shared" si="910"/>
        <v>86.902250930111506</v>
      </c>
      <c r="K8180">
        <f t="shared" si="911"/>
        <v>3.3607614018741394</v>
      </c>
      <c r="L8180">
        <f t="shared" si="912"/>
        <v>1.6803807009370697</v>
      </c>
      <c r="M8180">
        <f t="shared" si="913"/>
        <v>0</v>
      </c>
      <c r="N8180" s="45">
        <f t="shared" si="914"/>
        <v>45266.41666664691</v>
      </c>
    </row>
    <row r="8181" spans="2:14" x14ac:dyDescent="0.25">
      <c r="B8181">
        <f t="shared" si="908"/>
        <v>3</v>
      </c>
      <c r="C8181" s="16">
        <v>8147</v>
      </c>
      <c r="D8181" cm="1">
        <f t="array" ref="D8181">IFERROR(INDEX(Jesper!AH$2:AH$366,ROUNDDOWN($C8181/24,0)+1,1)*INDEX($D$3:$AA$30,INDEX(Jesper!$R$2:$R$366,ROW(INDEX(Jesper!AH$2:AH$366,ROUNDDOWN($C8181/24,0)+1,1))-1)+IF('Standard Profiles'!$G$18=$B$10,7,0)+IF('Standard Profiles'!$G$18=$B$17,14,0)+IF('Standard Profiles'!$G$18=$B$24,21,0),MOD($C8181,24)+1)/SUM(INDEX($D$3:$AA$30,INDEX(Jesper!$R$2:$R$366,ROW(INDEX(Jesper!AH$2:AH$366,ROUNDDOWN($C8181/24,0)+1,1))-1)+IF('Standard Profiles'!$G$18=$B$10,7,0)+IF('Standard Profiles'!$G$18=$B$17,14,0)+IF('Standard Profiles'!$G$18=$B$24,21,0),0)),0)</f>
        <v>37.700849059485535</v>
      </c>
      <c r="E8181" cm="1">
        <f t="array" ref="E8181">IFERROR(INDEX(Jesper!AI$2:AI$366,ROUNDDOWN($C8181/24,0)+1,1)*INDEX($D$3:$AA$30,INDEX(Jesper!$R$2:$R$366,ROW(INDEX(Jesper!AI$2:AI$366,ROUNDDOWN($C8181/24,0)+1,1))-1)+IF('Standard Profiles'!$G$19=$B$10,7,0)+IF('Standard Profiles'!$G$19=$B$17,14,0)+IF('Standard Profiles'!$G$19=$B$24,21,0),MOD($C8181,24)+1)/SUM(INDEX($D$3:$AA$30,INDEX(Jesper!$R$2:$R$366,ROW(INDEX(Jesper!AI$2:AI$366,ROUNDDOWN($C8181/24,0)+1,1))-1)+IF('Standard Profiles'!$G$19=$B$10,7,0)+IF('Standard Profiles'!$G$19=$B$17,14,0)+IF('Standard Profiles'!$G$19=$B$24,21,0),0)),0)</f>
        <v>48.624378787034487</v>
      </c>
      <c r="F8181" cm="1">
        <f t="array" ref="F8181">IFERROR(INDEX(Jesper!AJ$2:AJ$366,ROUNDDOWN($C8181/24,0)+1,1)*INDEX($D$3:$AA$30,INDEX(Jesper!$R$2:$R$366,ROW(INDEX(Jesper!AJ$2:AJ$366,ROUNDDOWN($C8181/24,0)+1,1))-1)+IF('Standard Profiles'!$G$20=$B$10,7,0)+IF('Standard Profiles'!$G$20=$B$17,14,0)+IF('Standard Profiles'!$G$20=$B$24,21,0),MOD($C8181,24)+1)/SUM(INDEX($D$3:$AA$30,INDEX(Jesper!$R$2:$R$366,ROW(INDEX(Jesper!AJ$2:AJ$366,ROUNDDOWN($C8181/24,0)+1,1))-1)+IF('Standard Profiles'!$G$20=$B$10,7,0)+IF('Standard Profiles'!$G$20=$B$17,14,0)+IF('Standard Profiles'!$G$20=$B$24,21,0),0)),0)</f>
        <v>0</v>
      </c>
      <c r="G8181" cm="1">
        <f t="array" ref="G8181">IFERROR(INDEX(Jesper!AK$2:AK$366,ROUNDDOWN($C8181/24,0)+1,1)*INDEX($D$3:$AA$30,INDEX(Jesper!$R$2:$R$366,ROW(INDEX(Jesper!AK$2:AK$366,ROUNDDOWN($C8181/24,0)+1,1))-1)+IF('Standard Profiles'!$G$21=$B$10,7,0)+IF('Standard Profiles'!$G$21=$B$17,14,0)+IF('Standard Profiles'!$G$21=$B$24,21,0),MOD($C8181,24)+1)/SUM(INDEX($D$3:$AA$30,INDEX(Jesper!$R$2:$R$366,ROW(INDEX(Jesper!AK$2:AK$366,ROUNDDOWN($C8181/24,0)+1,1))-1)+IF('Standard Profiles'!$G$21=$B$10,7,0)+IF('Standard Profiles'!$G$21=$B$17,14,0)+IF('Standard Profiles'!$G$21=$B$24,21,0),0)),0)</f>
        <v>45.562514243365172</v>
      </c>
      <c r="H8181" cm="1">
        <f t="array" ref="H8181">IFERROR(INDEX(Jesper!AL$2:AL$366,ROUNDDOWN($C8181/24,0)+1,1)*INDEX($D$3:$AA$30,INDEX(Jesper!$R$2:$R$366,ROW(INDEX(Jesper!AL$2:AL$366,ROUNDDOWN($C8181/24,0)+1,1))-1)+IF('Standard Profiles'!$G$22=$B$10,7,0)+IF('Standard Profiles'!$G$22=$B$17,14,0)+IF('Standard Profiles'!$G$22=$B$24,21,0),MOD($C8181,24)+1)/SUM(INDEX($D$3:$AA$30,INDEX(Jesper!$R$2:$R$366,ROW(INDEX(Jesper!AL$2:AL$366,ROUNDDOWN($C8181/24,0)+1,1))-1)+IF('Standard Profiles'!$G$22=$B$10,7,0)+IF('Standard Profiles'!$G$22=$B$17,14,0)+IF('Standard Profiles'!$G$22=$B$24,21,0),0)),0)</f>
        <v>0</v>
      </c>
      <c r="I8181">
        <f t="shared" si="909"/>
        <v>21.870006836815271</v>
      </c>
      <c r="J8181">
        <f t="shared" si="910"/>
        <v>103.98559940355224</v>
      </c>
      <c r="K8181">
        <f t="shared" si="911"/>
        <v>4.0214238996784575</v>
      </c>
      <c r="L8181">
        <f t="shared" si="912"/>
        <v>2.0107119498392287</v>
      </c>
      <c r="M8181">
        <f t="shared" si="913"/>
        <v>0</v>
      </c>
      <c r="N8181" s="45">
        <f t="shared" si="914"/>
        <v>45266.458333313574</v>
      </c>
    </row>
    <row r="8182" spans="2:14" x14ac:dyDescent="0.25">
      <c r="B8182">
        <f t="shared" si="908"/>
        <v>3</v>
      </c>
      <c r="C8182" s="16">
        <v>8148</v>
      </c>
      <c r="D8182" cm="1">
        <f t="array" ref="D8182">IFERROR(INDEX(Jesper!AH$2:AH$366,ROUNDDOWN($C8182/24,0)+1,1)*INDEX($D$3:$AA$30,INDEX(Jesper!$R$2:$R$366,ROW(INDEX(Jesper!AH$2:AH$366,ROUNDDOWN($C8182/24,0)+1,1))-1)+IF('Standard Profiles'!$G$18=$B$10,7,0)+IF('Standard Profiles'!$G$18=$B$17,14,0)+IF('Standard Profiles'!$G$18=$B$24,21,0),MOD($C8182,24)+1)/SUM(INDEX($D$3:$AA$30,INDEX(Jesper!$R$2:$R$366,ROW(INDEX(Jesper!AH$2:AH$366,ROUNDDOWN($C8182/24,0)+1,1))-1)+IF('Standard Profiles'!$G$18=$B$10,7,0)+IF('Standard Profiles'!$G$18=$B$17,14,0)+IF('Standard Profiles'!$G$18=$B$24,21,0),0)),0)</f>
        <v>37.700849059485535</v>
      </c>
      <c r="E8182" cm="1">
        <f t="array" ref="E8182">IFERROR(INDEX(Jesper!AI$2:AI$366,ROUNDDOWN($C8182/24,0)+1,1)*INDEX($D$3:$AA$30,INDEX(Jesper!$R$2:$R$366,ROW(INDEX(Jesper!AI$2:AI$366,ROUNDDOWN($C8182/24,0)+1,1))-1)+IF('Standard Profiles'!$G$19=$B$10,7,0)+IF('Standard Profiles'!$G$19=$B$17,14,0)+IF('Standard Profiles'!$G$19=$B$24,21,0),MOD($C8182,24)+1)/SUM(INDEX($D$3:$AA$30,INDEX(Jesper!$R$2:$R$366,ROW(INDEX(Jesper!AI$2:AI$366,ROUNDDOWN($C8182/24,0)+1,1))-1)+IF('Standard Profiles'!$G$19=$B$10,7,0)+IF('Standard Profiles'!$G$19=$B$17,14,0)+IF('Standard Profiles'!$G$19=$B$24,21,0),0)),0)</f>
        <v>48.624378787034487</v>
      </c>
      <c r="F8182" cm="1">
        <f t="array" ref="F8182">IFERROR(INDEX(Jesper!AJ$2:AJ$366,ROUNDDOWN($C8182/24,0)+1,1)*INDEX($D$3:$AA$30,INDEX(Jesper!$R$2:$R$366,ROW(INDEX(Jesper!AJ$2:AJ$366,ROUNDDOWN($C8182/24,0)+1,1))-1)+IF('Standard Profiles'!$G$20=$B$10,7,0)+IF('Standard Profiles'!$G$20=$B$17,14,0)+IF('Standard Profiles'!$G$20=$B$24,21,0),MOD($C8182,24)+1)/SUM(INDEX($D$3:$AA$30,INDEX(Jesper!$R$2:$R$366,ROW(INDEX(Jesper!AJ$2:AJ$366,ROUNDDOWN($C8182/24,0)+1,1))-1)+IF('Standard Profiles'!$G$20=$B$10,7,0)+IF('Standard Profiles'!$G$20=$B$17,14,0)+IF('Standard Profiles'!$G$20=$B$24,21,0),0)),0)</f>
        <v>0</v>
      </c>
      <c r="G8182" cm="1">
        <f t="array" ref="G8182">IFERROR(INDEX(Jesper!AK$2:AK$366,ROUNDDOWN($C8182/24,0)+1,1)*INDEX($D$3:$AA$30,INDEX(Jesper!$R$2:$R$366,ROW(INDEX(Jesper!AK$2:AK$366,ROUNDDOWN($C8182/24,0)+1,1))-1)+IF('Standard Profiles'!$G$21=$B$10,7,0)+IF('Standard Profiles'!$G$21=$B$17,14,0)+IF('Standard Profiles'!$G$21=$B$24,21,0),MOD($C8182,24)+1)/SUM(INDEX($D$3:$AA$30,INDEX(Jesper!$R$2:$R$366,ROW(INDEX(Jesper!AK$2:AK$366,ROUNDDOWN($C8182/24,0)+1,1))-1)+IF('Standard Profiles'!$G$21=$B$10,7,0)+IF('Standard Profiles'!$G$21=$B$17,14,0)+IF('Standard Profiles'!$G$21=$B$24,21,0),0)),0)</f>
        <v>45.562514243365172</v>
      </c>
      <c r="H8182" cm="1">
        <f t="array" ref="H8182">IFERROR(INDEX(Jesper!AL$2:AL$366,ROUNDDOWN($C8182/24,0)+1,1)*INDEX($D$3:$AA$30,INDEX(Jesper!$R$2:$R$366,ROW(INDEX(Jesper!AL$2:AL$366,ROUNDDOWN($C8182/24,0)+1,1))-1)+IF('Standard Profiles'!$G$22=$B$10,7,0)+IF('Standard Profiles'!$G$22=$B$17,14,0)+IF('Standard Profiles'!$G$22=$B$24,21,0),MOD($C8182,24)+1)/SUM(INDEX($D$3:$AA$30,INDEX(Jesper!$R$2:$R$366,ROW(INDEX(Jesper!AL$2:AL$366,ROUNDDOWN($C8182/24,0)+1,1))-1)+IF('Standard Profiles'!$G$22=$B$10,7,0)+IF('Standard Profiles'!$G$22=$B$17,14,0)+IF('Standard Profiles'!$G$22=$B$24,21,0),0)),0)</f>
        <v>0</v>
      </c>
      <c r="I8182">
        <f t="shared" si="909"/>
        <v>21.870006836815271</v>
      </c>
      <c r="J8182">
        <f t="shared" si="910"/>
        <v>103.98559940355224</v>
      </c>
      <c r="K8182">
        <f t="shared" si="911"/>
        <v>4.0214238996784575</v>
      </c>
      <c r="L8182">
        <f t="shared" si="912"/>
        <v>2.0107119498392287</v>
      </c>
      <c r="M8182">
        <f t="shared" si="913"/>
        <v>0</v>
      </c>
      <c r="N8182" s="45">
        <f t="shared" si="914"/>
        <v>45266.499999980238</v>
      </c>
    </row>
    <row r="8183" spans="2:14" x14ac:dyDescent="0.25">
      <c r="B8183">
        <f t="shared" si="908"/>
        <v>3</v>
      </c>
      <c r="C8183" s="16">
        <v>8149</v>
      </c>
      <c r="D8183" cm="1">
        <f t="array" ref="D8183">IFERROR(INDEX(Jesper!AH$2:AH$366,ROUNDDOWN($C8183/24,0)+1,1)*INDEX($D$3:$AA$30,INDEX(Jesper!$R$2:$R$366,ROW(INDEX(Jesper!AH$2:AH$366,ROUNDDOWN($C8183/24,0)+1,1))-1)+IF('Standard Profiles'!$G$18=$B$10,7,0)+IF('Standard Profiles'!$G$18=$B$17,14,0)+IF('Standard Profiles'!$G$18=$B$24,21,0),MOD($C8183,24)+1)/SUM(INDEX($D$3:$AA$30,INDEX(Jesper!$R$2:$R$366,ROW(INDEX(Jesper!AH$2:AH$366,ROUNDDOWN($C8183/24,0)+1,1))-1)+IF('Standard Profiles'!$G$18=$B$10,7,0)+IF('Standard Profiles'!$G$18=$B$17,14,0)+IF('Standard Profiles'!$G$18=$B$24,21,0),0)),0)</f>
        <v>25.044135446658242</v>
      </c>
      <c r="E8183" cm="1">
        <f t="array" ref="E8183">IFERROR(INDEX(Jesper!AI$2:AI$366,ROUNDDOWN($C8183/24,0)+1,1)*INDEX($D$3:$AA$30,INDEX(Jesper!$R$2:$R$366,ROW(INDEX(Jesper!AI$2:AI$366,ROUNDDOWN($C8183/24,0)+1,1))-1)+IF('Standard Profiles'!$G$19=$B$10,7,0)+IF('Standard Profiles'!$G$19=$B$17,14,0)+IF('Standard Profiles'!$G$19=$B$24,21,0),MOD($C8183,24)+1)/SUM(INDEX($D$3:$AA$30,INDEX(Jesper!$R$2:$R$366,ROW(INDEX(Jesper!AI$2:AI$366,ROUNDDOWN($C8183/24,0)+1,1))-1)+IF('Standard Profiles'!$G$19=$B$10,7,0)+IF('Standard Profiles'!$G$19=$B$17,14,0)+IF('Standard Profiles'!$G$19=$B$24,21,0),0)),0)</f>
        <v>32.300480194244336</v>
      </c>
      <c r="F8183" cm="1">
        <f t="array" ref="F8183">IFERROR(INDEX(Jesper!AJ$2:AJ$366,ROUNDDOWN($C8183/24,0)+1,1)*INDEX($D$3:$AA$30,INDEX(Jesper!$R$2:$R$366,ROW(INDEX(Jesper!AJ$2:AJ$366,ROUNDDOWN($C8183/24,0)+1,1))-1)+IF('Standard Profiles'!$G$20=$B$10,7,0)+IF('Standard Profiles'!$G$20=$B$17,14,0)+IF('Standard Profiles'!$G$20=$B$24,21,0),MOD($C8183,24)+1)/SUM(INDEX($D$3:$AA$30,INDEX(Jesper!$R$2:$R$366,ROW(INDEX(Jesper!AJ$2:AJ$366,ROUNDDOWN($C8183/24,0)+1,1))-1)+IF('Standard Profiles'!$G$20=$B$10,7,0)+IF('Standard Profiles'!$G$20=$B$17,14,0)+IF('Standard Profiles'!$G$20=$B$24,21,0),0)),0)</f>
        <v>0</v>
      </c>
      <c r="G8183" cm="1">
        <f t="array" ref="G8183">IFERROR(INDEX(Jesper!AK$2:AK$366,ROUNDDOWN($C8183/24,0)+1,1)*INDEX($D$3:$AA$30,INDEX(Jesper!$R$2:$R$366,ROW(INDEX(Jesper!AK$2:AK$366,ROUNDDOWN($C8183/24,0)+1,1))-1)+IF('Standard Profiles'!$G$21=$B$10,7,0)+IF('Standard Profiles'!$G$21=$B$17,14,0)+IF('Standard Profiles'!$G$21=$B$24,21,0),MOD($C8183,24)+1)/SUM(INDEX($D$3:$AA$30,INDEX(Jesper!$R$2:$R$366,ROW(INDEX(Jesper!AK$2:AK$366,ROUNDDOWN($C8183/24,0)+1,1))-1)+IF('Standard Profiles'!$G$21=$B$10,7,0)+IF('Standard Profiles'!$G$21=$B$17,14,0)+IF('Standard Profiles'!$G$21=$B$24,21,0),0)),0)</f>
        <v>30.266527318806862</v>
      </c>
      <c r="H8183" cm="1">
        <f t="array" ref="H8183">IFERROR(INDEX(Jesper!AL$2:AL$366,ROUNDDOWN($C8183/24,0)+1,1)*INDEX($D$3:$AA$30,INDEX(Jesper!$R$2:$R$366,ROW(INDEX(Jesper!AL$2:AL$366,ROUNDDOWN($C8183/24,0)+1,1))-1)+IF('Standard Profiles'!$G$22=$B$10,7,0)+IF('Standard Profiles'!$G$22=$B$17,14,0)+IF('Standard Profiles'!$G$22=$B$24,21,0),MOD($C8183,24)+1)/SUM(INDEX($D$3:$AA$30,INDEX(Jesper!$R$2:$R$366,ROW(INDEX(Jesper!AL$2:AL$366,ROUNDDOWN($C8183/24,0)+1,1))-1)+IF('Standard Profiles'!$G$22=$B$10,7,0)+IF('Standard Profiles'!$G$22=$B$17,14,0)+IF('Standard Profiles'!$G$22=$B$24,21,0),0)),0)</f>
        <v>0</v>
      </c>
      <c r="I8183">
        <f t="shared" si="909"/>
        <v>14.527933113027286</v>
      </c>
      <c r="J8183">
        <f t="shared" si="910"/>
        <v>69.076148175216829</v>
      </c>
      <c r="K8183">
        <f t="shared" si="911"/>
        <v>2.6713744476435459</v>
      </c>
      <c r="L8183">
        <f t="shared" si="912"/>
        <v>1.335687223821773</v>
      </c>
      <c r="M8183">
        <f t="shared" si="913"/>
        <v>0</v>
      </c>
      <c r="N8183" s="45">
        <f t="shared" si="914"/>
        <v>45266.541666646903</v>
      </c>
    </row>
    <row r="8184" spans="2:14" x14ac:dyDescent="0.25">
      <c r="B8184">
        <f t="shared" si="908"/>
        <v>3</v>
      </c>
      <c r="C8184" s="16">
        <v>8150</v>
      </c>
      <c r="D8184" cm="1">
        <f t="array" ref="D8184">IFERROR(INDEX(Jesper!AH$2:AH$366,ROUNDDOWN($C8184/24,0)+1,1)*INDEX($D$3:$AA$30,INDEX(Jesper!$R$2:$R$366,ROW(INDEX(Jesper!AH$2:AH$366,ROUNDDOWN($C8184/24,0)+1,1))-1)+IF('Standard Profiles'!$G$18=$B$10,7,0)+IF('Standard Profiles'!$G$18=$B$17,14,0)+IF('Standard Profiles'!$G$18=$B$24,21,0),MOD($C8184,24)+1)/SUM(INDEX($D$3:$AA$30,INDEX(Jesper!$R$2:$R$366,ROW(INDEX(Jesper!AH$2:AH$366,ROUNDDOWN($C8184/24,0)+1,1))-1)+IF('Standard Profiles'!$G$18=$B$10,7,0)+IF('Standard Profiles'!$G$18=$B$17,14,0)+IF('Standard Profiles'!$G$18=$B$24,21,0),0)),0)</f>
        <v>37.700849059485535</v>
      </c>
      <c r="E8184" cm="1">
        <f t="array" ref="E8184">IFERROR(INDEX(Jesper!AI$2:AI$366,ROUNDDOWN($C8184/24,0)+1,1)*INDEX($D$3:$AA$30,INDEX(Jesper!$R$2:$R$366,ROW(INDEX(Jesper!AI$2:AI$366,ROUNDDOWN($C8184/24,0)+1,1))-1)+IF('Standard Profiles'!$G$19=$B$10,7,0)+IF('Standard Profiles'!$G$19=$B$17,14,0)+IF('Standard Profiles'!$G$19=$B$24,21,0),MOD($C8184,24)+1)/SUM(INDEX($D$3:$AA$30,INDEX(Jesper!$R$2:$R$366,ROW(INDEX(Jesper!AI$2:AI$366,ROUNDDOWN($C8184/24,0)+1,1))-1)+IF('Standard Profiles'!$G$19=$B$10,7,0)+IF('Standard Profiles'!$G$19=$B$17,14,0)+IF('Standard Profiles'!$G$19=$B$24,21,0),0)),0)</f>
        <v>48.624378787034487</v>
      </c>
      <c r="F8184" cm="1">
        <f t="array" ref="F8184">IFERROR(INDEX(Jesper!AJ$2:AJ$366,ROUNDDOWN($C8184/24,0)+1,1)*INDEX($D$3:$AA$30,INDEX(Jesper!$R$2:$R$366,ROW(INDEX(Jesper!AJ$2:AJ$366,ROUNDDOWN($C8184/24,0)+1,1))-1)+IF('Standard Profiles'!$G$20=$B$10,7,0)+IF('Standard Profiles'!$G$20=$B$17,14,0)+IF('Standard Profiles'!$G$20=$B$24,21,0),MOD($C8184,24)+1)/SUM(INDEX($D$3:$AA$30,INDEX(Jesper!$R$2:$R$366,ROW(INDEX(Jesper!AJ$2:AJ$366,ROUNDDOWN($C8184/24,0)+1,1))-1)+IF('Standard Profiles'!$G$20=$B$10,7,0)+IF('Standard Profiles'!$G$20=$B$17,14,0)+IF('Standard Profiles'!$G$20=$B$24,21,0),0)),0)</f>
        <v>0</v>
      </c>
      <c r="G8184" cm="1">
        <f t="array" ref="G8184">IFERROR(INDEX(Jesper!AK$2:AK$366,ROUNDDOWN($C8184/24,0)+1,1)*INDEX($D$3:$AA$30,INDEX(Jesper!$R$2:$R$366,ROW(INDEX(Jesper!AK$2:AK$366,ROUNDDOWN($C8184/24,0)+1,1))-1)+IF('Standard Profiles'!$G$21=$B$10,7,0)+IF('Standard Profiles'!$G$21=$B$17,14,0)+IF('Standard Profiles'!$G$21=$B$24,21,0),MOD($C8184,24)+1)/SUM(INDEX($D$3:$AA$30,INDEX(Jesper!$R$2:$R$366,ROW(INDEX(Jesper!AK$2:AK$366,ROUNDDOWN($C8184/24,0)+1,1))-1)+IF('Standard Profiles'!$G$21=$B$10,7,0)+IF('Standard Profiles'!$G$21=$B$17,14,0)+IF('Standard Profiles'!$G$21=$B$24,21,0),0)),0)</f>
        <v>45.562514243365172</v>
      </c>
      <c r="H8184" cm="1">
        <f t="array" ref="H8184">IFERROR(INDEX(Jesper!AL$2:AL$366,ROUNDDOWN($C8184/24,0)+1,1)*INDEX($D$3:$AA$30,INDEX(Jesper!$R$2:$R$366,ROW(INDEX(Jesper!AL$2:AL$366,ROUNDDOWN($C8184/24,0)+1,1))-1)+IF('Standard Profiles'!$G$22=$B$10,7,0)+IF('Standard Profiles'!$G$22=$B$17,14,0)+IF('Standard Profiles'!$G$22=$B$24,21,0),MOD($C8184,24)+1)/SUM(INDEX($D$3:$AA$30,INDEX(Jesper!$R$2:$R$366,ROW(INDEX(Jesper!AL$2:AL$366,ROUNDDOWN($C8184/24,0)+1,1))-1)+IF('Standard Profiles'!$G$22=$B$10,7,0)+IF('Standard Profiles'!$G$22=$B$17,14,0)+IF('Standard Profiles'!$G$22=$B$24,21,0),0)),0)</f>
        <v>0</v>
      </c>
      <c r="I8184">
        <f t="shared" si="909"/>
        <v>21.870006836815271</v>
      </c>
      <c r="J8184">
        <f t="shared" si="910"/>
        <v>103.98559940355224</v>
      </c>
      <c r="K8184">
        <f t="shared" si="911"/>
        <v>4.0214238996784575</v>
      </c>
      <c r="L8184">
        <f t="shared" si="912"/>
        <v>2.0107119498392287</v>
      </c>
      <c r="M8184">
        <f t="shared" si="913"/>
        <v>0</v>
      </c>
      <c r="N8184" s="45">
        <f t="shared" si="914"/>
        <v>45266.583333313567</v>
      </c>
    </row>
    <row r="8185" spans="2:14" x14ac:dyDescent="0.25">
      <c r="B8185">
        <f t="shared" si="908"/>
        <v>3</v>
      </c>
      <c r="C8185" s="16">
        <v>8151</v>
      </c>
      <c r="D8185" cm="1">
        <f t="array" ref="D8185">IFERROR(INDEX(Jesper!AH$2:AH$366,ROUNDDOWN($C8185/24,0)+1,1)*INDEX($D$3:$AA$30,INDEX(Jesper!$R$2:$R$366,ROW(INDEX(Jesper!AH$2:AH$366,ROUNDDOWN($C8185/24,0)+1,1))-1)+IF('Standard Profiles'!$G$18=$B$10,7,0)+IF('Standard Profiles'!$G$18=$B$17,14,0)+IF('Standard Profiles'!$G$18=$B$24,21,0),MOD($C8185,24)+1)/SUM(INDEX($D$3:$AA$30,INDEX(Jesper!$R$2:$R$366,ROW(INDEX(Jesper!AH$2:AH$366,ROUNDDOWN($C8185/24,0)+1,1))-1)+IF('Standard Profiles'!$G$18=$B$10,7,0)+IF('Standard Profiles'!$G$18=$B$17,14,0)+IF('Standard Profiles'!$G$18=$B$24,21,0),0)),0)</f>
        <v>37.700849059485535</v>
      </c>
      <c r="E8185" cm="1">
        <f t="array" ref="E8185">IFERROR(INDEX(Jesper!AI$2:AI$366,ROUNDDOWN($C8185/24,0)+1,1)*INDEX($D$3:$AA$30,INDEX(Jesper!$R$2:$R$366,ROW(INDEX(Jesper!AI$2:AI$366,ROUNDDOWN($C8185/24,0)+1,1))-1)+IF('Standard Profiles'!$G$19=$B$10,7,0)+IF('Standard Profiles'!$G$19=$B$17,14,0)+IF('Standard Profiles'!$G$19=$B$24,21,0),MOD($C8185,24)+1)/SUM(INDEX($D$3:$AA$30,INDEX(Jesper!$R$2:$R$366,ROW(INDEX(Jesper!AI$2:AI$366,ROUNDDOWN($C8185/24,0)+1,1))-1)+IF('Standard Profiles'!$G$19=$B$10,7,0)+IF('Standard Profiles'!$G$19=$B$17,14,0)+IF('Standard Profiles'!$G$19=$B$24,21,0),0)),0)</f>
        <v>48.624378787034487</v>
      </c>
      <c r="F8185" cm="1">
        <f t="array" ref="F8185">IFERROR(INDEX(Jesper!AJ$2:AJ$366,ROUNDDOWN($C8185/24,0)+1,1)*INDEX($D$3:$AA$30,INDEX(Jesper!$R$2:$R$366,ROW(INDEX(Jesper!AJ$2:AJ$366,ROUNDDOWN($C8185/24,0)+1,1))-1)+IF('Standard Profiles'!$G$20=$B$10,7,0)+IF('Standard Profiles'!$G$20=$B$17,14,0)+IF('Standard Profiles'!$G$20=$B$24,21,0),MOD($C8185,24)+1)/SUM(INDEX($D$3:$AA$30,INDEX(Jesper!$R$2:$R$366,ROW(INDEX(Jesper!AJ$2:AJ$366,ROUNDDOWN($C8185/24,0)+1,1))-1)+IF('Standard Profiles'!$G$20=$B$10,7,0)+IF('Standard Profiles'!$G$20=$B$17,14,0)+IF('Standard Profiles'!$G$20=$B$24,21,0),0)),0)</f>
        <v>0</v>
      </c>
      <c r="G8185" cm="1">
        <f t="array" ref="G8185">IFERROR(INDEX(Jesper!AK$2:AK$366,ROUNDDOWN($C8185/24,0)+1,1)*INDEX($D$3:$AA$30,INDEX(Jesper!$R$2:$R$366,ROW(INDEX(Jesper!AK$2:AK$366,ROUNDDOWN($C8185/24,0)+1,1))-1)+IF('Standard Profiles'!$G$21=$B$10,7,0)+IF('Standard Profiles'!$G$21=$B$17,14,0)+IF('Standard Profiles'!$G$21=$B$24,21,0),MOD($C8185,24)+1)/SUM(INDEX($D$3:$AA$30,INDEX(Jesper!$R$2:$R$366,ROW(INDEX(Jesper!AK$2:AK$366,ROUNDDOWN($C8185/24,0)+1,1))-1)+IF('Standard Profiles'!$G$21=$B$10,7,0)+IF('Standard Profiles'!$G$21=$B$17,14,0)+IF('Standard Profiles'!$G$21=$B$24,21,0),0)),0)</f>
        <v>45.562514243365172</v>
      </c>
      <c r="H8185" cm="1">
        <f t="array" ref="H8185">IFERROR(INDEX(Jesper!AL$2:AL$366,ROUNDDOWN($C8185/24,0)+1,1)*INDEX($D$3:$AA$30,INDEX(Jesper!$R$2:$R$366,ROW(INDEX(Jesper!AL$2:AL$366,ROUNDDOWN($C8185/24,0)+1,1))-1)+IF('Standard Profiles'!$G$22=$B$10,7,0)+IF('Standard Profiles'!$G$22=$B$17,14,0)+IF('Standard Profiles'!$G$22=$B$24,21,0),MOD($C8185,24)+1)/SUM(INDEX($D$3:$AA$30,INDEX(Jesper!$R$2:$R$366,ROW(INDEX(Jesper!AL$2:AL$366,ROUNDDOWN($C8185/24,0)+1,1))-1)+IF('Standard Profiles'!$G$22=$B$10,7,0)+IF('Standard Profiles'!$G$22=$B$17,14,0)+IF('Standard Profiles'!$G$22=$B$24,21,0),0)),0)</f>
        <v>0</v>
      </c>
      <c r="I8185">
        <f t="shared" si="909"/>
        <v>21.870006836815271</v>
      </c>
      <c r="J8185">
        <f t="shared" si="910"/>
        <v>103.98559940355224</v>
      </c>
      <c r="K8185">
        <f t="shared" si="911"/>
        <v>4.0214238996784575</v>
      </c>
      <c r="L8185">
        <f t="shared" si="912"/>
        <v>2.0107119498392287</v>
      </c>
      <c r="M8185">
        <f t="shared" si="913"/>
        <v>0</v>
      </c>
      <c r="N8185" s="45">
        <f t="shared" si="914"/>
        <v>45266.624999980231</v>
      </c>
    </row>
    <row r="8186" spans="2:14" x14ac:dyDescent="0.25">
      <c r="B8186">
        <f t="shared" si="908"/>
        <v>3</v>
      </c>
      <c r="C8186" s="16">
        <v>8152</v>
      </c>
      <c r="D8186" cm="1">
        <f t="array" ref="D8186">IFERROR(INDEX(Jesper!AH$2:AH$366,ROUNDDOWN($C8186/24,0)+1,1)*INDEX($D$3:$AA$30,INDEX(Jesper!$R$2:$R$366,ROW(INDEX(Jesper!AH$2:AH$366,ROUNDDOWN($C8186/24,0)+1,1))-1)+IF('Standard Profiles'!$G$18=$B$10,7,0)+IF('Standard Profiles'!$G$18=$B$17,14,0)+IF('Standard Profiles'!$G$18=$B$24,21,0),MOD($C8186,24)+1)/SUM(INDEX($D$3:$AA$30,INDEX(Jesper!$R$2:$R$366,ROW(INDEX(Jesper!AH$2:AH$366,ROUNDDOWN($C8186/24,0)+1,1))-1)+IF('Standard Profiles'!$G$18=$B$10,7,0)+IF('Standard Profiles'!$G$18=$B$17,14,0)+IF('Standard Profiles'!$G$18=$B$24,21,0),0)),0)</f>
        <v>22.216571767196829</v>
      </c>
      <c r="E8186" cm="1">
        <f t="array" ref="E8186">IFERROR(INDEX(Jesper!AI$2:AI$366,ROUNDDOWN($C8186/24,0)+1,1)*INDEX($D$3:$AA$30,INDEX(Jesper!$R$2:$R$366,ROW(INDEX(Jesper!AI$2:AI$366,ROUNDDOWN($C8186/24,0)+1,1))-1)+IF('Standard Profiles'!$G$19=$B$10,7,0)+IF('Standard Profiles'!$G$19=$B$17,14,0)+IF('Standard Profiles'!$G$19=$B$24,21,0),MOD($C8186,24)+1)/SUM(INDEX($D$3:$AA$30,INDEX(Jesper!$R$2:$R$366,ROW(INDEX(Jesper!AI$2:AI$366,ROUNDDOWN($C8186/24,0)+1,1))-1)+IF('Standard Profiles'!$G$19=$B$10,7,0)+IF('Standard Profiles'!$G$19=$B$17,14,0)+IF('Standard Profiles'!$G$19=$B$24,21,0),0)),0)</f>
        <v>28.653651785216752</v>
      </c>
      <c r="F8186" cm="1">
        <f t="array" ref="F8186">IFERROR(INDEX(Jesper!AJ$2:AJ$366,ROUNDDOWN($C8186/24,0)+1,1)*INDEX($D$3:$AA$30,INDEX(Jesper!$R$2:$R$366,ROW(INDEX(Jesper!AJ$2:AJ$366,ROUNDDOWN($C8186/24,0)+1,1))-1)+IF('Standard Profiles'!$G$20=$B$10,7,0)+IF('Standard Profiles'!$G$20=$B$17,14,0)+IF('Standard Profiles'!$G$20=$B$24,21,0),MOD($C8186,24)+1)/SUM(INDEX($D$3:$AA$30,INDEX(Jesper!$R$2:$R$366,ROW(INDEX(Jesper!AJ$2:AJ$366,ROUNDDOWN($C8186/24,0)+1,1))-1)+IF('Standard Profiles'!$G$20=$B$10,7,0)+IF('Standard Profiles'!$G$20=$B$17,14,0)+IF('Standard Profiles'!$G$20=$B$24,21,0),0)),0)</f>
        <v>0</v>
      </c>
      <c r="G8186" cm="1">
        <f t="array" ref="G8186">IFERROR(INDEX(Jesper!AK$2:AK$366,ROUNDDOWN($C8186/24,0)+1,1)*INDEX($D$3:$AA$30,INDEX(Jesper!$R$2:$R$366,ROW(INDEX(Jesper!AK$2:AK$366,ROUNDDOWN($C8186/24,0)+1,1))-1)+IF('Standard Profiles'!$G$21=$B$10,7,0)+IF('Standard Profiles'!$G$21=$B$17,14,0)+IF('Standard Profiles'!$G$21=$B$24,21,0),MOD($C8186,24)+1)/SUM(INDEX($D$3:$AA$30,INDEX(Jesper!$R$2:$R$366,ROW(INDEX(Jesper!AK$2:AK$366,ROUNDDOWN($C8186/24,0)+1,1))-1)+IF('Standard Profiles'!$G$21=$B$10,7,0)+IF('Standard Profiles'!$G$21=$B$17,14,0)+IF('Standard Profiles'!$G$21=$B$24,21,0),0)),0)</f>
        <v>38.071632899166595</v>
      </c>
      <c r="H8186" cm="1">
        <f t="array" ref="H8186">IFERROR(INDEX(Jesper!AL$2:AL$366,ROUNDDOWN($C8186/24,0)+1,1)*INDEX($D$3:$AA$30,INDEX(Jesper!$R$2:$R$366,ROW(INDEX(Jesper!AL$2:AL$366,ROUNDDOWN($C8186/24,0)+1,1))-1)+IF('Standard Profiles'!$G$22=$B$10,7,0)+IF('Standard Profiles'!$G$22=$B$17,14,0)+IF('Standard Profiles'!$G$22=$B$24,21,0),MOD($C8186,24)+1)/SUM(INDEX($D$3:$AA$30,INDEX(Jesper!$R$2:$R$366,ROW(INDEX(Jesper!AL$2:AL$366,ROUNDDOWN($C8186/24,0)+1,1))-1)+IF('Standard Profiles'!$G$22=$B$10,7,0)+IF('Standard Profiles'!$G$22=$B$17,14,0)+IF('Standard Profiles'!$G$22=$B$24,21,0),0)),0)</f>
        <v>0</v>
      </c>
      <c r="I8186">
        <f t="shared" si="909"/>
        <v>18.274383791599956</v>
      </c>
      <c r="J8186">
        <f t="shared" si="910"/>
        <v>67.112821177228724</v>
      </c>
      <c r="K8186">
        <f t="shared" si="911"/>
        <v>2.3697676551676619</v>
      </c>
      <c r="L8186">
        <f t="shared" si="912"/>
        <v>1.1848838275838309</v>
      </c>
      <c r="M8186">
        <f t="shared" si="913"/>
        <v>0</v>
      </c>
      <c r="N8186" s="45">
        <f t="shared" si="914"/>
        <v>45266.666666646895</v>
      </c>
    </row>
    <row r="8187" spans="2:14" x14ac:dyDescent="0.25">
      <c r="B8187">
        <f t="shared" si="908"/>
        <v>3</v>
      </c>
      <c r="C8187" s="16">
        <v>8153</v>
      </c>
      <c r="D8187" cm="1">
        <f t="array" ref="D8187">IFERROR(INDEX(Jesper!AH$2:AH$366,ROUNDDOWN($C8187/24,0)+1,1)*INDEX($D$3:$AA$30,INDEX(Jesper!$R$2:$R$366,ROW(INDEX(Jesper!AH$2:AH$366,ROUNDDOWN($C8187/24,0)+1,1))-1)+IF('Standard Profiles'!$G$18=$B$10,7,0)+IF('Standard Profiles'!$G$18=$B$17,14,0)+IF('Standard Profiles'!$G$18=$B$24,21,0),MOD($C8187,24)+1)/SUM(INDEX($D$3:$AA$30,INDEX(Jesper!$R$2:$R$366,ROW(INDEX(Jesper!AH$2:AH$366,ROUNDDOWN($C8187/24,0)+1,1))-1)+IF('Standard Profiles'!$G$18=$B$10,7,0)+IF('Standard Profiles'!$G$18=$B$17,14,0)+IF('Standard Profiles'!$G$18=$B$24,21,0),0)),0)</f>
        <v>9.4821048942368034</v>
      </c>
      <c r="E8187" cm="1">
        <f t="array" ref="E8187">IFERROR(INDEX(Jesper!AI$2:AI$366,ROUNDDOWN($C8187/24,0)+1,1)*INDEX($D$3:$AA$30,INDEX(Jesper!$R$2:$R$366,ROW(INDEX(Jesper!AI$2:AI$366,ROUNDDOWN($C8187/24,0)+1,1))-1)+IF('Standard Profiles'!$G$19=$B$10,7,0)+IF('Standard Profiles'!$G$19=$B$17,14,0)+IF('Standard Profiles'!$G$19=$B$24,21,0),MOD($C8187,24)+1)/SUM(INDEX($D$3:$AA$30,INDEX(Jesper!$R$2:$R$366,ROW(INDEX(Jesper!AI$2:AI$366,ROUNDDOWN($C8187/24,0)+1,1))-1)+IF('Standard Profiles'!$G$19=$B$10,7,0)+IF('Standard Profiles'!$G$19=$B$17,14,0)+IF('Standard Profiles'!$G$19=$B$24,21,0),0)),0)</f>
        <v>12.229471525914109</v>
      </c>
      <c r="F8187" cm="1">
        <f t="array" ref="F8187">IFERROR(INDEX(Jesper!AJ$2:AJ$366,ROUNDDOWN($C8187/24,0)+1,1)*INDEX($D$3:$AA$30,INDEX(Jesper!$R$2:$R$366,ROW(INDEX(Jesper!AJ$2:AJ$366,ROUNDDOWN($C8187/24,0)+1,1))-1)+IF('Standard Profiles'!$G$20=$B$10,7,0)+IF('Standard Profiles'!$G$20=$B$17,14,0)+IF('Standard Profiles'!$G$20=$B$24,21,0),MOD($C8187,24)+1)/SUM(INDEX($D$3:$AA$30,INDEX(Jesper!$R$2:$R$366,ROW(INDEX(Jesper!AJ$2:AJ$366,ROUNDDOWN($C8187/24,0)+1,1))-1)+IF('Standard Profiles'!$G$20=$B$10,7,0)+IF('Standard Profiles'!$G$20=$B$17,14,0)+IF('Standard Profiles'!$G$20=$B$24,21,0),0)),0)</f>
        <v>0</v>
      </c>
      <c r="G8187" cm="1">
        <f t="array" ref="G8187">IFERROR(INDEX(Jesper!AK$2:AK$366,ROUNDDOWN($C8187/24,0)+1,1)*INDEX($D$3:$AA$30,INDEX(Jesper!$R$2:$R$366,ROW(INDEX(Jesper!AK$2:AK$366,ROUNDDOWN($C8187/24,0)+1,1))-1)+IF('Standard Profiles'!$G$21=$B$10,7,0)+IF('Standard Profiles'!$G$21=$B$17,14,0)+IF('Standard Profiles'!$G$21=$B$24,21,0),MOD($C8187,24)+1)/SUM(INDEX($D$3:$AA$30,INDEX(Jesper!$R$2:$R$366,ROW(INDEX(Jesper!AK$2:AK$366,ROUNDDOWN($C8187/24,0)+1,1))-1)+IF('Standard Profiles'!$G$21=$B$10,7,0)+IF('Standard Profiles'!$G$21=$B$17,14,0)+IF('Standard Profiles'!$G$21=$B$24,21,0),0)),0)</f>
        <v>30.27213846588117</v>
      </c>
      <c r="H8187" cm="1">
        <f t="array" ref="H8187">IFERROR(INDEX(Jesper!AL$2:AL$366,ROUNDDOWN($C8187/24,0)+1,1)*INDEX($D$3:$AA$30,INDEX(Jesper!$R$2:$R$366,ROW(INDEX(Jesper!AL$2:AL$366,ROUNDDOWN($C8187/24,0)+1,1))-1)+IF('Standard Profiles'!$G$22=$B$10,7,0)+IF('Standard Profiles'!$G$22=$B$17,14,0)+IF('Standard Profiles'!$G$22=$B$24,21,0),MOD($C8187,24)+1)/SUM(INDEX($D$3:$AA$30,INDEX(Jesper!$R$2:$R$366,ROW(INDEX(Jesper!AL$2:AL$366,ROUNDDOWN($C8187/24,0)+1,1))-1)+IF('Standard Profiles'!$G$22=$B$10,7,0)+IF('Standard Profiles'!$G$22=$B$17,14,0)+IF('Standard Profiles'!$G$22=$B$24,21,0),0)),0)</f>
        <v>0</v>
      </c>
      <c r="I8187">
        <f t="shared" si="909"/>
        <v>14.530626463622955</v>
      </c>
      <c r="J8187">
        <f t="shared" si="910"/>
        <v>35.935951639331236</v>
      </c>
      <c r="K8187">
        <f t="shared" si="911"/>
        <v>1.0114245220519258</v>
      </c>
      <c r="L8187">
        <f t="shared" si="912"/>
        <v>0.50571226102596289</v>
      </c>
      <c r="M8187">
        <f t="shared" si="913"/>
        <v>0</v>
      </c>
      <c r="N8187" s="45">
        <f t="shared" si="914"/>
        <v>45266.70833331356</v>
      </c>
    </row>
    <row r="8188" spans="2:14" x14ac:dyDescent="0.25">
      <c r="B8188">
        <f t="shared" si="908"/>
        <v>3</v>
      </c>
      <c r="C8188" s="16">
        <v>8154</v>
      </c>
      <c r="D8188" cm="1">
        <f t="array" ref="D8188">IFERROR(INDEX(Jesper!AH$2:AH$366,ROUNDDOWN($C8188/24,0)+1,1)*INDEX($D$3:$AA$30,INDEX(Jesper!$R$2:$R$366,ROW(INDEX(Jesper!AH$2:AH$366,ROUNDDOWN($C8188/24,0)+1,1))-1)+IF('Standard Profiles'!$G$18=$B$10,7,0)+IF('Standard Profiles'!$G$18=$B$17,14,0)+IF('Standard Profiles'!$G$18=$B$24,21,0),MOD($C8188,24)+1)/SUM(INDEX($D$3:$AA$30,INDEX(Jesper!$R$2:$R$366,ROW(INDEX(Jesper!AH$2:AH$366,ROUNDDOWN($C8188/24,0)+1,1))-1)+IF('Standard Profiles'!$G$18=$B$10,7,0)+IF('Standard Profiles'!$G$18=$B$17,14,0)+IF('Standard Profiles'!$G$18=$B$24,21,0),0)),0)</f>
        <v>6.2581892301962911</v>
      </c>
      <c r="E8188" cm="1">
        <f t="array" ref="E8188">IFERROR(INDEX(Jesper!AI$2:AI$366,ROUNDDOWN($C8188/24,0)+1,1)*INDEX($D$3:$AA$30,INDEX(Jesper!$R$2:$R$366,ROW(INDEX(Jesper!AI$2:AI$366,ROUNDDOWN($C8188/24,0)+1,1))-1)+IF('Standard Profiles'!$G$19=$B$10,7,0)+IF('Standard Profiles'!$G$19=$B$17,14,0)+IF('Standard Profiles'!$G$19=$B$24,21,0),MOD($C8188,24)+1)/SUM(INDEX($D$3:$AA$30,INDEX(Jesper!$R$2:$R$366,ROW(INDEX(Jesper!AI$2:AI$366,ROUNDDOWN($C8188/24,0)+1,1))-1)+IF('Standard Profiles'!$G$19=$B$10,7,0)+IF('Standard Profiles'!$G$19=$B$17,14,0)+IF('Standard Profiles'!$G$19=$B$24,21,0),0)),0)</f>
        <v>8.071451207103312</v>
      </c>
      <c r="F8188" cm="1">
        <f t="array" ref="F8188">IFERROR(INDEX(Jesper!AJ$2:AJ$366,ROUNDDOWN($C8188/24,0)+1,1)*INDEX($D$3:$AA$30,INDEX(Jesper!$R$2:$R$366,ROW(INDEX(Jesper!AJ$2:AJ$366,ROUNDDOWN($C8188/24,0)+1,1))-1)+IF('Standard Profiles'!$G$20=$B$10,7,0)+IF('Standard Profiles'!$G$20=$B$17,14,0)+IF('Standard Profiles'!$G$20=$B$24,21,0),MOD($C8188,24)+1)/SUM(INDEX($D$3:$AA$30,INDEX(Jesper!$R$2:$R$366,ROW(INDEX(Jesper!AJ$2:AJ$366,ROUNDDOWN($C8188/24,0)+1,1))-1)+IF('Standard Profiles'!$G$20=$B$10,7,0)+IF('Standard Profiles'!$G$20=$B$17,14,0)+IF('Standard Profiles'!$G$20=$B$24,21,0),0)),0)</f>
        <v>0</v>
      </c>
      <c r="G8188" cm="1">
        <f t="array" ref="G8188">IFERROR(INDEX(Jesper!AK$2:AK$366,ROUNDDOWN($C8188/24,0)+1,1)*INDEX($D$3:$AA$30,INDEX(Jesper!$R$2:$R$366,ROW(INDEX(Jesper!AK$2:AK$366,ROUNDDOWN($C8188/24,0)+1,1))-1)+IF('Standard Profiles'!$G$21=$B$10,7,0)+IF('Standard Profiles'!$G$21=$B$17,14,0)+IF('Standard Profiles'!$G$21=$B$24,21,0),MOD($C8188,24)+1)/SUM(INDEX($D$3:$AA$30,INDEX(Jesper!$R$2:$R$366,ROW(INDEX(Jesper!AK$2:AK$366,ROUNDDOWN($C8188/24,0)+1,1))-1)+IF('Standard Profiles'!$G$21=$B$10,7,0)+IF('Standard Profiles'!$G$21=$B$17,14,0)+IF('Standard Profiles'!$G$21=$B$24,21,0),0)),0)</f>
        <v>11.222294148612111</v>
      </c>
      <c r="H8188" cm="1">
        <f t="array" ref="H8188">IFERROR(INDEX(Jesper!AL$2:AL$366,ROUNDDOWN($C8188/24,0)+1,1)*INDEX($D$3:$AA$30,INDEX(Jesper!$R$2:$R$366,ROW(INDEX(Jesper!AL$2:AL$366,ROUNDDOWN($C8188/24,0)+1,1))-1)+IF('Standard Profiles'!$G$22=$B$10,7,0)+IF('Standard Profiles'!$G$22=$B$17,14,0)+IF('Standard Profiles'!$G$22=$B$24,21,0),MOD($C8188,24)+1)/SUM(INDEX($D$3:$AA$30,INDEX(Jesper!$R$2:$R$366,ROW(INDEX(Jesper!AL$2:AL$366,ROUNDDOWN($C8188/24,0)+1,1))-1)+IF('Standard Profiles'!$G$22=$B$10,7,0)+IF('Standard Profiles'!$G$22=$B$17,14,0)+IF('Standard Profiles'!$G$22=$B$24,21,0),0)),0)</f>
        <v>0</v>
      </c>
      <c r="I8188">
        <f t="shared" si="909"/>
        <v>5.3867011913338105</v>
      </c>
      <c r="J8188">
        <f t="shared" si="910"/>
        <v>19.163923117746496</v>
      </c>
      <c r="K8188">
        <f t="shared" si="911"/>
        <v>0.66754018455427111</v>
      </c>
      <c r="L8188">
        <f t="shared" si="912"/>
        <v>0.33377009227713555</v>
      </c>
      <c r="M8188">
        <f t="shared" si="913"/>
        <v>0</v>
      </c>
      <c r="N8188" s="45">
        <f t="shared" si="914"/>
        <v>45266.749999980224</v>
      </c>
    </row>
    <row r="8189" spans="2:14" x14ac:dyDescent="0.25">
      <c r="B8189">
        <f t="shared" si="908"/>
        <v>3</v>
      </c>
      <c r="C8189" s="16">
        <v>8155</v>
      </c>
      <c r="D8189" cm="1">
        <f t="array" ref="D8189">IFERROR(INDEX(Jesper!AH$2:AH$366,ROUNDDOWN($C8189/24,0)+1,1)*INDEX($D$3:$AA$30,INDEX(Jesper!$R$2:$R$366,ROW(INDEX(Jesper!AH$2:AH$366,ROUNDDOWN($C8189/24,0)+1,1))-1)+IF('Standard Profiles'!$G$18=$B$10,7,0)+IF('Standard Profiles'!$G$18=$B$17,14,0)+IF('Standard Profiles'!$G$18=$B$24,21,0),MOD($C8189,24)+1)/SUM(INDEX($D$3:$AA$30,INDEX(Jesper!$R$2:$R$366,ROW(INDEX(Jesper!AH$2:AH$366,ROUNDDOWN($C8189/24,0)+1,1))-1)+IF('Standard Profiles'!$G$18=$B$10,7,0)+IF('Standard Profiles'!$G$18=$B$17,14,0)+IF('Standard Profiles'!$G$18=$B$24,21,0),0)),0)</f>
        <v>6.2581892301962911</v>
      </c>
      <c r="E8189" cm="1">
        <f t="array" ref="E8189">IFERROR(INDEX(Jesper!AI$2:AI$366,ROUNDDOWN($C8189/24,0)+1,1)*INDEX($D$3:$AA$30,INDEX(Jesper!$R$2:$R$366,ROW(INDEX(Jesper!AI$2:AI$366,ROUNDDOWN($C8189/24,0)+1,1))-1)+IF('Standard Profiles'!$G$19=$B$10,7,0)+IF('Standard Profiles'!$G$19=$B$17,14,0)+IF('Standard Profiles'!$G$19=$B$24,21,0),MOD($C8189,24)+1)/SUM(INDEX($D$3:$AA$30,INDEX(Jesper!$R$2:$R$366,ROW(INDEX(Jesper!AI$2:AI$366,ROUNDDOWN($C8189/24,0)+1,1))-1)+IF('Standard Profiles'!$G$19=$B$10,7,0)+IF('Standard Profiles'!$G$19=$B$17,14,0)+IF('Standard Profiles'!$G$19=$B$24,21,0),0)),0)</f>
        <v>8.071451207103312</v>
      </c>
      <c r="F8189" cm="1">
        <f t="array" ref="F8189">IFERROR(INDEX(Jesper!AJ$2:AJ$366,ROUNDDOWN($C8189/24,0)+1,1)*INDEX($D$3:$AA$30,INDEX(Jesper!$R$2:$R$366,ROW(INDEX(Jesper!AJ$2:AJ$366,ROUNDDOWN($C8189/24,0)+1,1))-1)+IF('Standard Profiles'!$G$20=$B$10,7,0)+IF('Standard Profiles'!$G$20=$B$17,14,0)+IF('Standard Profiles'!$G$20=$B$24,21,0),MOD($C8189,24)+1)/SUM(INDEX($D$3:$AA$30,INDEX(Jesper!$R$2:$R$366,ROW(INDEX(Jesper!AJ$2:AJ$366,ROUNDDOWN($C8189/24,0)+1,1))-1)+IF('Standard Profiles'!$G$20=$B$10,7,0)+IF('Standard Profiles'!$G$20=$B$17,14,0)+IF('Standard Profiles'!$G$20=$B$24,21,0),0)),0)</f>
        <v>0</v>
      </c>
      <c r="G8189" cm="1">
        <f t="array" ref="G8189">IFERROR(INDEX(Jesper!AK$2:AK$366,ROUNDDOWN($C8189/24,0)+1,1)*INDEX($D$3:$AA$30,INDEX(Jesper!$R$2:$R$366,ROW(INDEX(Jesper!AK$2:AK$366,ROUNDDOWN($C8189/24,0)+1,1))-1)+IF('Standard Profiles'!$G$21=$B$10,7,0)+IF('Standard Profiles'!$G$21=$B$17,14,0)+IF('Standard Profiles'!$G$21=$B$24,21,0),MOD($C8189,24)+1)/SUM(INDEX($D$3:$AA$30,INDEX(Jesper!$R$2:$R$366,ROW(INDEX(Jesper!AK$2:AK$366,ROUNDDOWN($C8189/24,0)+1,1))-1)+IF('Standard Profiles'!$G$21=$B$10,7,0)+IF('Standard Profiles'!$G$21=$B$17,14,0)+IF('Standard Profiles'!$G$21=$B$24,21,0),0)),0)</f>
        <v>11.222294148612111</v>
      </c>
      <c r="H8189" cm="1">
        <f t="array" ref="H8189">IFERROR(INDEX(Jesper!AL$2:AL$366,ROUNDDOWN($C8189/24,0)+1,1)*INDEX($D$3:$AA$30,INDEX(Jesper!$R$2:$R$366,ROW(INDEX(Jesper!AL$2:AL$366,ROUNDDOWN($C8189/24,0)+1,1))-1)+IF('Standard Profiles'!$G$22=$B$10,7,0)+IF('Standard Profiles'!$G$22=$B$17,14,0)+IF('Standard Profiles'!$G$22=$B$24,21,0),MOD($C8189,24)+1)/SUM(INDEX($D$3:$AA$30,INDEX(Jesper!$R$2:$R$366,ROW(INDEX(Jesper!AL$2:AL$366,ROUNDDOWN($C8189/24,0)+1,1))-1)+IF('Standard Profiles'!$G$22=$B$10,7,0)+IF('Standard Profiles'!$G$22=$B$17,14,0)+IF('Standard Profiles'!$G$22=$B$24,21,0),0)),0)</f>
        <v>0</v>
      </c>
      <c r="I8189">
        <f t="shared" si="909"/>
        <v>5.3867011913338105</v>
      </c>
      <c r="J8189">
        <f t="shared" si="910"/>
        <v>19.163923117746496</v>
      </c>
      <c r="K8189">
        <f t="shared" si="911"/>
        <v>0.66754018455427111</v>
      </c>
      <c r="L8189">
        <f t="shared" si="912"/>
        <v>0.33377009227713555</v>
      </c>
      <c r="M8189">
        <f t="shared" si="913"/>
        <v>0</v>
      </c>
      <c r="N8189" s="45">
        <f t="shared" si="914"/>
        <v>45266.791666646888</v>
      </c>
    </row>
    <row r="8190" spans="2:14" x14ac:dyDescent="0.25">
      <c r="B8190">
        <f t="shared" si="908"/>
        <v>3</v>
      </c>
      <c r="C8190" s="16">
        <v>8156</v>
      </c>
      <c r="D8190" cm="1">
        <f t="array" ref="D8190">IFERROR(INDEX(Jesper!AH$2:AH$366,ROUNDDOWN($C8190/24,0)+1,1)*INDEX($D$3:$AA$30,INDEX(Jesper!$R$2:$R$366,ROW(INDEX(Jesper!AH$2:AH$366,ROUNDDOWN($C8190/24,0)+1,1))-1)+IF('Standard Profiles'!$G$18=$B$10,7,0)+IF('Standard Profiles'!$G$18=$B$17,14,0)+IF('Standard Profiles'!$G$18=$B$24,21,0),MOD($C8190,24)+1)/SUM(INDEX($D$3:$AA$30,INDEX(Jesper!$R$2:$R$366,ROW(INDEX(Jesper!AH$2:AH$366,ROUNDDOWN($C8190/24,0)+1,1))-1)+IF('Standard Profiles'!$G$18=$B$10,7,0)+IF('Standard Profiles'!$G$18=$B$17,14,0)+IF('Standard Profiles'!$G$18=$B$24,21,0),0)),0)</f>
        <v>6.2581892301962911</v>
      </c>
      <c r="E8190" cm="1">
        <f t="array" ref="E8190">IFERROR(INDEX(Jesper!AI$2:AI$366,ROUNDDOWN($C8190/24,0)+1,1)*INDEX($D$3:$AA$30,INDEX(Jesper!$R$2:$R$366,ROW(INDEX(Jesper!AI$2:AI$366,ROUNDDOWN($C8190/24,0)+1,1))-1)+IF('Standard Profiles'!$G$19=$B$10,7,0)+IF('Standard Profiles'!$G$19=$B$17,14,0)+IF('Standard Profiles'!$G$19=$B$24,21,0),MOD($C8190,24)+1)/SUM(INDEX($D$3:$AA$30,INDEX(Jesper!$R$2:$R$366,ROW(INDEX(Jesper!AI$2:AI$366,ROUNDDOWN($C8190/24,0)+1,1))-1)+IF('Standard Profiles'!$G$19=$B$10,7,0)+IF('Standard Profiles'!$G$19=$B$17,14,0)+IF('Standard Profiles'!$G$19=$B$24,21,0),0)),0)</f>
        <v>8.071451207103312</v>
      </c>
      <c r="F8190" cm="1">
        <f t="array" ref="F8190">IFERROR(INDEX(Jesper!AJ$2:AJ$366,ROUNDDOWN($C8190/24,0)+1,1)*INDEX($D$3:$AA$30,INDEX(Jesper!$R$2:$R$366,ROW(INDEX(Jesper!AJ$2:AJ$366,ROUNDDOWN($C8190/24,0)+1,1))-1)+IF('Standard Profiles'!$G$20=$B$10,7,0)+IF('Standard Profiles'!$G$20=$B$17,14,0)+IF('Standard Profiles'!$G$20=$B$24,21,0),MOD($C8190,24)+1)/SUM(INDEX($D$3:$AA$30,INDEX(Jesper!$R$2:$R$366,ROW(INDEX(Jesper!AJ$2:AJ$366,ROUNDDOWN($C8190/24,0)+1,1))-1)+IF('Standard Profiles'!$G$20=$B$10,7,0)+IF('Standard Profiles'!$G$20=$B$17,14,0)+IF('Standard Profiles'!$G$20=$B$24,21,0),0)),0)</f>
        <v>0</v>
      </c>
      <c r="G8190" cm="1">
        <f t="array" ref="G8190">IFERROR(INDEX(Jesper!AK$2:AK$366,ROUNDDOWN($C8190/24,0)+1,1)*INDEX($D$3:$AA$30,INDEX(Jesper!$R$2:$R$366,ROW(INDEX(Jesper!AK$2:AK$366,ROUNDDOWN($C8190/24,0)+1,1))-1)+IF('Standard Profiles'!$G$21=$B$10,7,0)+IF('Standard Profiles'!$G$21=$B$17,14,0)+IF('Standard Profiles'!$G$21=$B$24,21,0),MOD($C8190,24)+1)/SUM(INDEX($D$3:$AA$30,INDEX(Jesper!$R$2:$R$366,ROW(INDEX(Jesper!AK$2:AK$366,ROUNDDOWN($C8190/24,0)+1,1))-1)+IF('Standard Profiles'!$G$21=$B$10,7,0)+IF('Standard Profiles'!$G$21=$B$17,14,0)+IF('Standard Profiles'!$G$21=$B$24,21,0),0)),0)</f>
        <v>11.222294148612111</v>
      </c>
      <c r="H8190" cm="1">
        <f t="array" ref="H8190">IFERROR(INDEX(Jesper!AL$2:AL$366,ROUNDDOWN($C8190/24,0)+1,1)*INDEX($D$3:$AA$30,INDEX(Jesper!$R$2:$R$366,ROW(INDEX(Jesper!AL$2:AL$366,ROUNDDOWN($C8190/24,0)+1,1))-1)+IF('Standard Profiles'!$G$22=$B$10,7,0)+IF('Standard Profiles'!$G$22=$B$17,14,0)+IF('Standard Profiles'!$G$22=$B$24,21,0),MOD($C8190,24)+1)/SUM(INDEX($D$3:$AA$30,INDEX(Jesper!$R$2:$R$366,ROW(INDEX(Jesper!AL$2:AL$366,ROUNDDOWN($C8190/24,0)+1,1))-1)+IF('Standard Profiles'!$G$22=$B$10,7,0)+IF('Standard Profiles'!$G$22=$B$17,14,0)+IF('Standard Profiles'!$G$22=$B$24,21,0),0)),0)</f>
        <v>0</v>
      </c>
      <c r="I8190">
        <f t="shared" si="909"/>
        <v>5.3867011913338105</v>
      </c>
      <c r="J8190">
        <f t="shared" si="910"/>
        <v>19.163923117746496</v>
      </c>
      <c r="K8190">
        <f t="shared" si="911"/>
        <v>0.66754018455427111</v>
      </c>
      <c r="L8190">
        <f t="shared" si="912"/>
        <v>0.33377009227713555</v>
      </c>
      <c r="M8190">
        <f t="shared" si="913"/>
        <v>0</v>
      </c>
      <c r="N8190" s="45">
        <f t="shared" si="914"/>
        <v>45266.833333313552</v>
      </c>
    </row>
    <row r="8191" spans="2:14" x14ac:dyDescent="0.25">
      <c r="B8191">
        <f t="shared" si="908"/>
        <v>3</v>
      </c>
      <c r="C8191" s="16">
        <v>8157</v>
      </c>
      <c r="D8191" cm="1">
        <f t="array" ref="D8191">IFERROR(INDEX(Jesper!AH$2:AH$366,ROUNDDOWN($C8191/24,0)+1,1)*INDEX($D$3:$AA$30,INDEX(Jesper!$R$2:$R$366,ROW(INDEX(Jesper!AH$2:AH$366,ROUNDDOWN($C8191/24,0)+1,1))-1)+IF('Standard Profiles'!$G$18=$B$10,7,0)+IF('Standard Profiles'!$G$18=$B$17,14,0)+IF('Standard Profiles'!$G$18=$B$24,21,0),MOD($C8191,24)+1)/SUM(INDEX($D$3:$AA$30,INDEX(Jesper!$R$2:$R$366,ROW(INDEX(Jesper!AH$2:AH$366,ROUNDDOWN($C8191/24,0)+1,1))-1)+IF('Standard Profiles'!$G$18=$B$10,7,0)+IF('Standard Profiles'!$G$18=$B$17,14,0)+IF('Standard Profiles'!$G$18=$B$24,21,0),0)),0)</f>
        <v>6.2581892301962911</v>
      </c>
      <c r="E8191" cm="1">
        <f t="array" ref="E8191">IFERROR(INDEX(Jesper!AI$2:AI$366,ROUNDDOWN($C8191/24,0)+1,1)*INDEX($D$3:$AA$30,INDEX(Jesper!$R$2:$R$366,ROW(INDEX(Jesper!AI$2:AI$366,ROUNDDOWN($C8191/24,0)+1,1))-1)+IF('Standard Profiles'!$G$19=$B$10,7,0)+IF('Standard Profiles'!$G$19=$B$17,14,0)+IF('Standard Profiles'!$G$19=$B$24,21,0),MOD($C8191,24)+1)/SUM(INDEX($D$3:$AA$30,INDEX(Jesper!$R$2:$R$366,ROW(INDEX(Jesper!AI$2:AI$366,ROUNDDOWN($C8191/24,0)+1,1))-1)+IF('Standard Profiles'!$G$19=$B$10,7,0)+IF('Standard Profiles'!$G$19=$B$17,14,0)+IF('Standard Profiles'!$G$19=$B$24,21,0),0)),0)</f>
        <v>8.071451207103312</v>
      </c>
      <c r="F8191" cm="1">
        <f t="array" ref="F8191">IFERROR(INDEX(Jesper!AJ$2:AJ$366,ROUNDDOWN($C8191/24,0)+1,1)*INDEX($D$3:$AA$30,INDEX(Jesper!$R$2:$R$366,ROW(INDEX(Jesper!AJ$2:AJ$366,ROUNDDOWN($C8191/24,0)+1,1))-1)+IF('Standard Profiles'!$G$20=$B$10,7,0)+IF('Standard Profiles'!$G$20=$B$17,14,0)+IF('Standard Profiles'!$G$20=$B$24,21,0),MOD($C8191,24)+1)/SUM(INDEX($D$3:$AA$30,INDEX(Jesper!$R$2:$R$366,ROW(INDEX(Jesper!AJ$2:AJ$366,ROUNDDOWN($C8191/24,0)+1,1))-1)+IF('Standard Profiles'!$G$20=$B$10,7,0)+IF('Standard Profiles'!$G$20=$B$17,14,0)+IF('Standard Profiles'!$G$20=$B$24,21,0),0)),0)</f>
        <v>0</v>
      </c>
      <c r="G8191" cm="1">
        <f t="array" ref="G8191">IFERROR(INDEX(Jesper!AK$2:AK$366,ROUNDDOWN($C8191/24,0)+1,1)*INDEX($D$3:$AA$30,INDEX(Jesper!$R$2:$R$366,ROW(INDEX(Jesper!AK$2:AK$366,ROUNDDOWN($C8191/24,0)+1,1))-1)+IF('Standard Profiles'!$G$21=$B$10,7,0)+IF('Standard Profiles'!$G$21=$B$17,14,0)+IF('Standard Profiles'!$G$21=$B$24,21,0),MOD($C8191,24)+1)/SUM(INDEX($D$3:$AA$30,INDEX(Jesper!$R$2:$R$366,ROW(INDEX(Jesper!AK$2:AK$366,ROUNDDOWN($C8191/24,0)+1,1))-1)+IF('Standard Profiles'!$G$21=$B$10,7,0)+IF('Standard Profiles'!$G$21=$B$17,14,0)+IF('Standard Profiles'!$G$21=$B$24,21,0),0)),0)</f>
        <v>11.222294148612111</v>
      </c>
      <c r="H8191" cm="1">
        <f t="array" ref="H8191">IFERROR(INDEX(Jesper!AL$2:AL$366,ROUNDDOWN($C8191/24,0)+1,1)*INDEX($D$3:$AA$30,INDEX(Jesper!$R$2:$R$366,ROW(INDEX(Jesper!AL$2:AL$366,ROUNDDOWN($C8191/24,0)+1,1))-1)+IF('Standard Profiles'!$G$22=$B$10,7,0)+IF('Standard Profiles'!$G$22=$B$17,14,0)+IF('Standard Profiles'!$G$22=$B$24,21,0),MOD($C8191,24)+1)/SUM(INDEX($D$3:$AA$30,INDEX(Jesper!$R$2:$R$366,ROW(INDEX(Jesper!AL$2:AL$366,ROUNDDOWN($C8191/24,0)+1,1))-1)+IF('Standard Profiles'!$G$22=$B$10,7,0)+IF('Standard Profiles'!$G$22=$B$17,14,0)+IF('Standard Profiles'!$G$22=$B$24,21,0),0)),0)</f>
        <v>0</v>
      </c>
      <c r="I8191">
        <f t="shared" si="909"/>
        <v>5.3867011913338105</v>
      </c>
      <c r="J8191">
        <f t="shared" si="910"/>
        <v>19.163923117746496</v>
      </c>
      <c r="K8191">
        <f t="shared" si="911"/>
        <v>0.66754018455427111</v>
      </c>
      <c r="L8191">
        <f t="shared" si="912"/>
        <v>0.33377009227713555</v>
      </c>
      <c r="M8191">
        <f t="shared" si="913"/>
        <v>0</v>
      </c>
      <c r="N8191" s="45">
        <f t="shared" si="914"/>
        <v>45266.874999980217</v>
      </c>
    </row>
    <row r="8192" spans="2:14" x14ac:dyDescent="0.25">
      <c r="B8192">
        <f t="shared" si="908"/>
        <v>3</v>
      </c>
      <c r="C8192" s="16">
        <v>8158</v>
      </c>
      <c r="D8192" cm="1">
        <f t="array" ref="D8192">IFERROR(INDEX(Jesper!AH$2:AH$366,ROUNDDOWN($C8192/24,0)+1,1)*INDEX($D$3:$AA$30,INDEX(Jesper!$R$2:$R$366,ROW(INDEX(Jesper!AH$2:AH$366,ROUNDDOWN($C8192/24,0)+1,1))-1)+IF('Standard Profiles'!$G$18=$B$10,7,0)+IF('Standard Profiles'!$G$18=$B$17,14,0)+IF('Standard Profiles'!$G$18=$B$24,21,0),MOD($C8192,24)+1)/SUM(INDEX($D$3:$AA$30,INDEX(Jesper!$R$2:$R$366,ROW(INDEX(Jesper!AH$2:AH$366,ROUNDDOWN($C8192/24,0)+1,1))-1)+IF('Standard Profiles'!$G$18=$B$10,7,0)+IF('Standard Profiles'!$G$18=$B$17,14,0)+IF('Standard Profiles'!$G$18=$B$24,21,0),0)),0)</f>
        <v>6.2581892301962911</v>
      </c>
      <c r="E8192" cm="1">
        <f t="array" ref="E8192">IFERROR(INDEX(Jesper!AI$2:AI$366,ROUNDDOWN($C8192/24,0)+1,1)*INDEX($D$3:$AA$30,INDEX(Jesper!$R$2:$R$366,ROW(INDEX(Jesper!AI$2:AI$366,ROUNDDOWN($C8192/24,0)+1,1))-1)+IF('Standard Profiles'!$G$19=$B$10,7,0)+IF('Standard Profiles'!$G$19=$B$17,14,0)+IF('Standard Profiles'!$G$19=$B$24,21,0),MOD($C8192,24)+1)/SUM(INDEX($D$3:$AA$30,INDEX(Jesper!$R$2:$R$366,ROW(INDEX(Jesper!AI$2:AI$366,ROUNDDOWN($C8192/24,0)+1,1))-1)+IF('Standard Profiles'!$G$19=$B$10,7,0)+IF('Standard Profiles'!$G$19=$B$17,14,0)+IF('Standard Profiles'!$G$19=$B$24,21,0),0)),0)</f>
        <v>8.071451207103312</v>
      </c>
      <c r="F8192" cm="1">
        <f t="array" ref="F8192">IFERROR(INDEX(Jesper!AJ$2:AJ$366,ROUNDDOWN($C8192/24,0)+1,1)*INDEX($D$3:$AA$30,INDEX(Jesper!$R$2:$R$366,ROW(INDEX(Jesper!AJ$2:AJ$366,ROUNDDOWN($C8192/24,0)+1,1))-1)+IF('Standard Profiles'!$G$20=$B$10,7,0)+IF('Standard Profiles'!$G$20=$B$17,14,0)+IF('Standard Profiles'!$G$20=$B$24,21,0),MOD($C8192,24)+1)/SUM(INDEX($D$3:$AA$30,INDEX(Jesper!$R$2:$R$366,ROW(INDEX(Jesper!AJ$2:AJ$366,ROUNDDOWN($C8192/24,0)+1,1))-1)+IF('Standard Profiles'!$G$20=$B$10,7,0)+IF('Standard Profiles'!$G$20=$B$17,14,0)+IF('Standard Profiles'!$G$20=$B$24,21,0),0)),0)</f>
        <v>0</v>
      </c>
      <c r="G8192" cm="1">
        <f t="array" ref="G8192">IFERROR(INDEX(Jesper!AK$2:AK$366,ROUNDDOWN($C8192/24,0)+1,1)*INDEX($D$3:$AA$30,INDEX(Jesper!$R$2:$R$366,ROW(INDEX(Jesper!AK$2:AK$366,ROUNDDOWN($C8192/24,0)+1,1))-1)+IF('Standard Profiles'!$G$21=$B$10,7,0)+IF('Standard Profiles'!$G$21=$B$17,14,0)+IF('Standard Profiles'!$G$21=$B$24,21,0),MOD($C8192,24)+1)/SUM(INDEX($D$3:$AA$30,INDEX(Jesper!$R$2:$R$366,ROW(INDEX(Jesper!AK$2:AK$366,ROUNDDOWN($C8192/24,0)+1,1))-1)+IF('Standard Profiles'!$G$21=$B$10,7,0)+IF('Standard Profiles'!$G$21=$B$17,14,0)+IF('Standard Profiles'!$G$21=$B$24,21,0),0)),0)</f>
        <v>11.222294148612111</v>
      </c>
      <c r="H8192" cm="1">
        <f t="array" ref="H8192">IFERROR(INDEX(Jesper!AL$2:AL$366,ROUNDDOWN($C8192/24,0)+1,1)*INDEX($D$3:$AA$30,INDEX(Jesper!$R$2:$R$366,ROW(INDEX(Jesper!AL$2:AL$366,ROUNDDOWN($C8192/24,0)+1,1))-1)+IF('Standard Profiles'!$G$22=$B$10,7,0)+IF('Standard Profiles'!$G$22=$B$17,14,0)+IF('Standard Profiles'!$G$22=$B$24,21,0),MOD($C8192,24)+1)/SUM(INDEX($D$3:$AA$30,INDEX(Jesper!$R$2:$R$366,ROW(INDEX(Jesper!AL$2:AL$366,ROUNDDOWN($C8192/24,0)+1,1))-1)+IF('Standard Profiles'!$G$22=$B$10,7,0)+IF('Standard Profiles'!$G$22=$B$17,14,0)+IF('Standard Profiles'!$G$22=$B$24,21,0),0)),0)</f>
        <v>0</v>
      </c>
      <c r="I8192">
        <f t="shared" si="909"/>
        <v>5.3867011913338105</v>
      </c>
      <c r="J8192">
        <f t="shared" si="910"/>
        <v>19.163923117746496</v>
      </c>
      <c r="K8192">
        <f t="shared" si="911"/>
        <v>0.66754018455427111</v>
      </c>
      <c r="L8192">
        <f t="shared" si="912"/>
        <v>0.33377009227713555</v>
      </c>
      <c r="M8192">
        <f t="shared" si="913"/>
        <v>0</v>
      </c>
      <c r="N8192" s="45">
        <f t="shared" si="914"/>
        <v>45266.916666646881</v>
      </c>
    </row>
    <row r="8193" spans="2:14" x14ac:dyDescent="0.25">
      <c r="B8193">
        <f t="shared" si="908"/>
        <v>3</v>
      </c>
      <c r="C8193" s="16">
        <v>8159</v>
      </c>
      <c r="D8193" cm="1">
        <f t="array" ref="D8193">IFERROR(INDEX(Jesper!AH$2:AH$366,ROUNDDOWN($C8193/24,0)+1,1)*INDEX($D$3:$AA$30,INDEX(Jesper!$R$2:$R$366,ROW(INDEX(Jesper!AH$2:AH$366,ROUNDDOWN($C8193/24,0)+1,1))-1)+IF('Standard Profiles'!$G$18=$B$10,7,0)+IF('Standard Profiles'!$G$18=$B$17,14,0)+IF('Standard Profiles'!$G$18=$B$24,21,0),MOD($C8193,24)+1)/SUM(INDEX($D$3:$AA$30,INDEX(Jesper!$R$2:$R$366,ROW(INDEX(Jesper!AH$2:AH$366,ROUNDDOWN($C8193/24,0)+1,1))-1)+IF('Standard Profiles'!$G$18=$B$10,7,0)+IF('Standard Profiles'!$G$18=$B$17,14,0)+IF('Standard Profiles'!$G$18=$B$24,21,0),0)),0)</f>
        <v>6.2581892301962911</v>
      </c>
      <c r="E8193" cm="1">
        <f t="array" ref="E8193">IFERROR(INDEX(Jesper!AI$2:AI$366,ROUNDDOWN($C8193/24,0)+1,1)*INDEX($D$3:$AA$30,INDEX(Jesper!$R$2:$R$366,ROW(INDEX(Jesper!AI$2:AI$366,ROUNDDOWN($C8193/24,0)+1,1))-1)+IF('Standard Profiles'!$G$19=$B$10,7,0)+IF('Standard Profiles'!$G$19=$B$17,14,0)+IF('Standard Profiles'!$G$19=$B$24,21,0),MOD($C8193,24)+1)/SUM(INDEX($D$3:$AA$30,INDEX(Jesper!$R$2:$R$366,ROW(INDEX(Jesper!AI$2:AI$366,ROUNDDOWN($C8193/24,0)+1,1))-1)+IF('Standard Profiles'!$G$19=$B$10,7,0)+IF('Standard Profiles'!$G$19=$B$17,14,0)+IF('Standard Profiles'!$G$19=$B$24,21,0),0)),0)</f>
        <v>8.071451207103312</v>
      </c>
      <c r="F8193" cm="1">
        <f t="array" ref="F8193">IFERROR(INDEX(Jesper!AJ$2:AJ$366,ROUNDDOWN($C8193/24,0)+1,1)*INDEX($D$3:$AA$30,INDEX(Jesper!$R$2:$R$366,ROW(INDEX(Jesper!AJ$2:AJ$366,ROUNDDOWN($C8193/24,0)+1,1))-1)+IF('Standard Profiles'!$G$20=$B$10,7,0)+IF('Standard Profiles'!$G$20=$B$17,14,0)+IF('Standard Profiles'!$G$20=$B$24,21,0),MOD($C8193,24)+1)/SUM(INDEX($D$3:$AA$30,INDEX(Jesper!$R$2:$R$366,ROW(INDEX(Jesper!AJ$2:AJ$366,ROUNDDOWN($C8193/24,0)+1,1))-1)+IF('Standard Profiles'!$G$20=$B$10,7,0)+IF('Standard Profiles'!$G$20=$B$17,14,0)+IF('Standard Profiles'!$G$20=$B$24,21,0),0)),0)</f>
        <v>0</v>
      </c>
      <c r="G8193" cm="1">
        <f t="array" ref="G8193">IFERROR(INDEX(Jesper!AK$2:AK$366,ROUNDDOWN($C8193/24,0)+1,1)*INDEX($D$3:$AA$30,INDEX(Jesper!$R$2:$R$366,ROW(INDEX(Jesper!AK$2:AK$366,ROUNDDOWN($C8193/24,0)+1,1))-1)+IF('Standard Profiles'!$G$21=$B$10,7,0)+IF('Standard Profiles'!$G$21=$B$17,14,0)+IF('Standard Profiles'!$G$21=$B$24,21,0),MOD($C8193,24)+1)/SUM(INDEX($D$3:$AA$30,INDEX(Jesper!$R$2:$R$366,ROW(INDEX(Jesper!AK$2:AK$366,ROUNDDOWN($C8193/24,0)+1,1))-1)+IF('Standard Profiles'!$G$21=$B$10,7,0)+IF('Standard Profiles'!$G$21=$B$17,14,0)+IF('Standard Profiles'!$G$21=$B$24,21,0),0)),0)</f>
        <v>11.222294148612111</v>
      </c>
      <c r="H8193" cm="1">
        <f t="array" ref="H8193">IFERROR(INDEX(Jesper!AL$2:AL$366,ROUNDDOWN($C8193/24,0)+1,1)*INDEX($D$3:$AA$30,INDEX(Jesper!$R$2:$R$366,ROW(INDEX(Jesper!AL$2:AL$366,ROUNDDOWN($C8193/24,0)+1,1))-1)+IF('Standard Profiles'!$G$22=$B$10,7,0)+IF('Standard Profiles'!$G$22=$B$17,14,0)+IF('Standard Profiles'!$G$22=$B$24,21,0),MOD($C8193,24)+1)/SUM(INDEX($D$3:$AA$30,INDEX(Jesper!$R$2:$R$366,ROW(INDEX(Jesper!AL$2:AL$366,ROUNDDOWN($C8193/24,0)+1,1))-1)+IF('Standard Profiles'!$G$22=$B$10,7,0)+IF('Standard Profiles'!$G$22=$B$17,14,0)+IF('Standard Profiles'!$G$22=$B$24,21,0),0)),0)</f>
        <v>0</v>
      </c>
      <c r="I8193">
        <f t="shared" si="909"/>
        <v>5.3867011913338105</v>
      </c>
      <c r="J8193">
        <f t="shared" si="910"/>
        <v>19.163923117746496</v>
      </c>
      <c r="K8193">
        <f t="shared" si="911"/>
        <v>0.66754018455427111</v>
      </c>
      <c r="L8193">
        <f t="shared" si="912"/>
        <v>0.33377009227713555</v>
      </c>
      <c r="M8193">
        <f t="shared" si="913"/>
        <v>0</v>
      </c>
      <c r="N8193" s="45">
        <f t="shared" si="914"/>
        <v>45266.958333313545</v>
      </c>
    </row>
    <row r="8194" spans="2:14" x14ac:dyDescent="0.25">
      <c r="B8194">
        <f t="shared" si="908"/>
        <v>4</v>
      </c>
      <c r="C8194" s="16">
        <v>8160</v>
      </c>
      <c r="D8194" cm="1">
        <f t="array" ref="D8194">IFERROR(INDEX(Jesper!AH$2:AH$366,ROUNDDOWN($C8194/24,0)+1,1)*INDEX($D$3:$AA$30,INDEX(Jesper!$R$2:$R$366,ROW(INDEX(Jesper!AH$2:AH$366,ROUNDDOWN($C8194/24,0)+1,1))-1)+IF('Standard Profiles'!$G$18=$B$10,7,0)+IF('Standard Profiles'!$G$18=$B$17,14,0)+IF('Standard Profiles'!$G$18=$B$24,21,0),MOD($C8194,24)+1)/SUM(INDEX($D$3:$AA$30,INDEX(Jesper!$R$2:$R$366,ROW(INDEX(Jesper!AH$2:AH$366,ROUNDDOWN($C8194/24,0)+1,1))-1)+IF('Standard Profiles'!$G$18=$B$10,7,0)+IF('Standard Profiles'!$G$18=$B$17,14,0)+IF('Standard Profiles'!$G$18=$B$24,21,0),0)),0)</f>
        <v>6.0988642254122194</v>
      </c>
      <c r="E8194" cm="1">
        <f t="array" ref="E8194">IFERROR(INDEX(Jesper!AI$2:AI$366,ROUNDDOWN($C8194/24,0)+1,1)*INDEX($D$3:$AA$30,INDEX(Jesper!$R$2:$R$366,ROW(INDEX(Jesper!AI$2:AI$366,ROUNDDOWN($C8194/24,0)+1,1))-1)+IF('Standard Profiles'!$G$19=$B$10,7,0)+IF('Standard Profiles'!$G$19=$B$17,14,0)+IF('Standard Profiles'!$G$19=$B$24,21,0),MOD($C8194,24)+1)/SUM(INDEX($D$3:$AA$30,INDEX(Jesper!$R$2:$R$366,ROW(INDEX(Jesper!AI$2:AI$366,ROUNDDOWN($C8194/24,0)+1,1))-1)+IF('Standard Profiles'!$G$19=$B$10,7,0)+IF('Standard Profiles'!$G$19=$B$17,14,0)+IF('Standard Profiles'!$G$19=$B$24,21,0),0)),0)</f>
        <v>7.2020361585593626</v>
      </c>
      <c r="F8194" cm="1">
        <f t="array" ref="F8194">IFERROR(INDEX(Jesper!AJ$2:AJ$366,ROUNDDOWN($C8194/24,0)+1,1)*INDEX($D$3:$AA$30,INDEX(Jesper!$R$2:$R$366,ROW(INDEX(Jesper!AJ$2:AJ$366,ROUNDDOWN($C8194/24,0)+1,1))-1)+IF('Standard Profiles'!$G$20=$B$10,7,0)+IF('Standard Profiles'!$G$20=$B$17,14,0)+IF('Standard Profiles'!$G$20=$B$24,21,0),MOD($C8194,24)+1)/SUM(INDEX($D$3:$AA$30,INDEX(Jesper!$R$2:$R$366,ROW(INDEX(Jesper!AJ$2:AJ$366,ROUNDDOWN($C8194/24,0)+1,1))-1)+IF('Standard Profiles'!$G$20=$B$10,7,0)+IF('Standard Profiles'!$G$20=$B$17,14,0)+IF('Standard Profiles'!$G$20=$B$24,21,0),0)),0)</f>
        <v>0</v>
      </c>
      <c r="G8194" cm="1">
        <f t="array" ref="G8194">IFERROR(INDEX(Jesper!AK$2:AK$366,ROUNDDOWN($C8194/24,0)+1,1)*INDEX($D$3:$AA$30,INDEX(Jesper!$R$2:$R$366,ROW(INDEX(Jesper!AK$2:AK$366,ROUNDDOWN($C8194/24,0)+1,1))-1)+IF('Standard Profiles'!$G$21=$B$10,7,0)+IF('Standard Profiles'!$G$21=$B$17,14,0)+IF('Standard Profiles'!$G$21=$B$24,21,0),MOD($C8194,24)+1)/SUM(INDEX($D$3:$AA$30,INDEX(Jesper!$R$2:$R$366,ROW(INDEX(Jesper!AK$2:AK$366,ROUNDDOWN($C8194/24,0)+1,1))-1)+IF('Standard Profiles'!$G$21=$B$10,7,0)+IF('Standard Profiles'!$G$21=$B$17,14,0)+IF('Standard Profiles'!$G$21=$B$24,21,0),0)),0)</f>
        <v>8.9725477738695592</v>
      </c>
      <c r="H8194" cm="1">
        <f t="array" ref="H8194">IFERROR(INDEX(Jesper!AL$2:AL$366,ROUNDDOWN($C8194/24,0)+1,1)*INDEX($D$3:$AA$30,INDEX(Jesper!$R$2:$R$366,ROW(INDEX(Jesper!AL$2:AL$366,ROUNDDOWN($C8194/24,0)+1,1))-1)+IF('Standard Profiles'!$G$22=$B$10,7,0)+IF('Standard Profiles'!$G$22=$B$17,14,0)+IF('Standard Profiles'!$G$22=$B$24,21,0),MOD($C8194,24)+1)/SUM(INDEX($D$3:$AA$30,INDEX(Jesper!$R$2:$R$366,ROW(INDEX(Jesper!AL$2:AL$366,ROUNDDOWN($C8194/24,0)+1,1))-1)+IF('Standard Profiles'!$G$22=$B$10,7,0)+IF('Standard Profiles'!$G$22=$B$17,14,0)+IF('Standard Profiles'!$G$22=$B$24,21,0),0)),0)</f>
        <v>0</v>
      </c>
      <c r="I8194">
        <f t="shared" si="909"/>
        <v>4.3068229314573863</v>
      </c>
      <c r="J8194">
        <f t="shared" si="910"/>
        <v>16.990806950317797</v>
      </c>
      <c r="K8194">
        <f t="shared" si="911"/>
        <v>0.65054551737730348</v>
      </c>
      <c r="L8194">
        <f t="shared" si="912"/>
        <v>0.32527275868865174</v>
      </c>
      <c r="M8194">
        <f t="shared" si="913"/>
        <v>0</v>
      </c>
      <c r="N8194" s="45">
        <f t="shared" si="914"/>
        <v>45266.999999980209</v>
      </c>
    </row>
    <row r="8195" spans="2:14" x14ac:dyDescent="0.25">
      <c r="B8195">
        <f t="shared" si="908"/>
        <v>4</v>
      </c>
      <c r="C8195" s="16">
        <v>8161</v>
      </c>
      <c r="D8195" cm="1">
        <f t="array" ref="D8195">IFERROR(INDEX(Jesper!AH$2:AH$366,ROUNDDOWN($C8195/24,0)+1,1)*INDEX($D$3:$AA$30,INDEX(Jesper!$R$2:$R$366,ROW(INDEX(Jesper!AH$2:AH$366,ROUNDDOWN($C8195/24,0)+1,1))-1)+IF('Standard Profiles'!$G$18=$B$10,7,0)+IF('Standard Profiles'!$G$18=$B$17,14,0)+IF('Standard Profiles'!$G$18=$B$24,21,0),MOD($C8195,24)+1)/SUM(INDEX($D$3:$AA$30,INDEX(Jesper!$R$2:$R$366,ROW(INDEX(Jesper!AH$2:AH$366,ROUNDDOWN($C8195/24,0)+1,1))-1)+IF('Standard Profiles'!$G$18=$B$10,7,0)+IF('Standard Profiles'!$G$18=$B$17,14,0)+IF('Standard Profiles'!$G$18=$B$24,21,0),0)),0)</f>
        <v>6.0988642254122194</v>
      </c>
      <c r="E8195" cm="1">
        <f t="array" ref="E8195">IFERROR(INDEX(Jesper!AI$2:AI$366,ROUNDDOWN($C8195/24,0)+1,1)*INDEX($D$3:$AA$30,INDEX(Jesper!$R$2:$R$366,ROW(INDEX(Jesper!AI$2:AI$366,ROUNDDOWN($C8195/24,0)+1,1))-1)+IF('Standard Profiles'!$G$19=$B$10,7,0)+IF('Standard Profiles'!$G$19=$B$17,14,0)+IF('Standard Profiles'!$G$19=$B$24,21,0),MOD($C8195,24)+1)/SUM(INDEX($D$3:$AA$30,INDEX(Jesper!$R$2:$R$366,ROW(INDEX(Jesper!AI$2:AI$366,ROUNDDOWN($C8195/24,0)+1,1))-1)+IF('Standard Profiles'!$G$19=$B$10,7,0)+IF('Standard Profiles'!$G$19=$B$17,14,0)+IF('Standard Profiles'!$G$19=$B$24,21,0),0)),0)</f>
        <v>7.2020361585593626</v>
      </c>
      <c r="F8195" cm="1">
        <f t="array" ref="F8195">IFERROR(INDEX(Jesper!AJ$2:AJ$366,ROUNDDOWN($C8195/24,0)+1,1)*INDEX($D$3:$AA$30,INDEX(Jesper!$R$2:$R$366,ROW(INDEX(Jesper!AJ$2:AJ$366,ROUNDDOWN($C8195/24,0)+1,1))-1)+IF('Standard Profiles'!$G$20=$B$10,7,0)+IF('Standard Profiles'!$G$20=$B$17,14,0)+IF('Standard Profiles'!$G$20=$B$24,21,0),MOD($C8195,24)+1)/SUM(INDEX($D$3:$AA$30,INDEX(Jesper!$R$2:$R$366,ROW(INDEX(Jesper!AJ$2:AJ$366,ROUNDDOWN($C8195/24,0)+1,1))-1)+IF('Standard Profiles'!$G$20=$B$10,7,0)+IF('Standard Profiles'!$G$20=$B$17,14,0)+IF('Standard Profiles'!$G$20=$B$24,21,0),0)),0)</f>
        <v>0</v>
      </c>
      <c r="G8195" cm="1">
        <f t="array" ref="G8195">IFERROR(INDEX(Jesper!AK$2:AK$366,ROUNDDOWN($C8195/24,0)+1,1)*INDEX($D$3:$AA$30,INDEX(Jesper!$R$2:$R$366,ROW(INDEX(Jesper!AK$2:AK$366,ROUNDDOWN($C8195/24,0)+1,1))-1)+IF('Standard Profiles'!$G$21=$B$10,7,0)+IF('Standard Profiles'!$G$21=$B$17,14,0)+IF('Standard Profiles'!$G$21=$B$24,21,0),MOD($C8195,24)+1)/SUM(INDEX($D$3:$AA$30,INDEX(Jesper!$R$2:$R$366,ROW(INDEX(Jesper!AK$2:AK$366,ROUNDDOWN($C8195/24,0)+1,1))-1)+IF('Standard Profiles'!$G$21=$B$10,7,0)+IF('Standard Profiles'!$G$21=$B$17,14,0)+IF('Standard Profiles'!$G$21=$B$24,21,0),0)),0)</f>
        <v>8.9725477738695592</v>
      </c>
      <c r="H8195" cm="1">
        <f t="array" ref="H8195">IFERROR(INDEX(Jesper!AL$2:AL$366,ROUNDDOWN($C8195/24,0)+1,1)*INDEX($D$3:$AA$30,INDEX(Jesper!$R$2:$R$366,ROW(INDEX(Jesper!AL$2:AL$366,ROUNDDOWN($C8195/24,0)+1,1))-1)+IF('Standard Profiles'!$G$22=$B$10,7,0)+IF('Standard Profiles'!$G$22=$B$17,14,0)+IF('Standard Profiles'!$G$22=$B$24,21,0),MOD($C8195,24)+1)/SUM(INDEX($D$3:$AA$30,INDEX(Jesper!$R$2:$R$366,ROW(INDEX(Jesper!AL$2:AL$366,ROUNDDOWN($C8195/24,0)+1,1))-1)+IF('Standard Profiles'!$G$22=$B$10,7,0)+IF('Standard Profiles'!$G$22=$B$17,14,0)+IF('Standard Profiles'!$G$22=$B$24,21,0),0)),0)</f>
        <v>0</v>
      </c>
      <c r="I8195">
        <f t="shared" si="909"/>
        <v>4.3068229314573863</v>
      </c>
      <c r="J8195">
        <f t="shared" si="910"/>
        <v>16.990806950317797</v>
      </c>
      <c r="K8195">
        <f t="shared" si="911"/>
        <v>0.65054551737730348</v>
      </c>
      <c r="L8195">
        <f t="shared" si="912"/>
        <v>0.32527275868865174</v>
      </c>
      <c r="M8195">
        <f t="shared" si="913"/>
        <v>0</v>
      </c>
      <c r="N8195" s="45">
        <f t="shared" si="914"/>
        <v>45267.041666646874</v>
      </c>
    </row>
    <row r="8196" spans="2:14" x14ac:dyDescent="0.25">
      <c r="B8196">
        <f t="shared" si="908"/>
        <v>4</v>
      </c>
      <c r="C8196" s="16">
        <v>8162</v>
      </c>
      <c r="D8196" cm="1">
        <f t="array" ref="D8196">IFERROR(INDEX(Jesper!AH$2:AH$366,ROUNDDOWN($C8196/24,0)+1,1)*INDEX($D$3:$AA$30,INDEX(Jesper!$R$2:$R$366,ROW(INDEX(Jesper!AH$2:AH$366,ROUNDDOWN($C8196/24,0)+1,1))-1)+IF('Standard Profiles'!$G$18=$B$10,7,0)+IF('Standard Profiles'!$G$18=$B$17,14,0)+IF('Standard Profiles'!$G$18=$B$24,21,0),MOD($C8196,24)+1)/SUM(INDEX($D$3:$AA$30,INDEX(Jesper!$R$2:$R$366,ROW(INDEX(Jesper!AH$2:AH$366,ROUNDDOWN($C8196/24,0)+1,1))-1)+IF('Standard Profiles'!$G$18=$B$10,7,0)+IF('Standard Profiles'!$G$18=$B$17,14,0)+IF('Standard Profiles'!$G$18=$B$24,21,0),0)),0)</f>
        <v>6.0988642254122194</v>
      </c>
      <c r="E8196" cm="1">
        <f t="array" ref="E8196">IFERROR(INDEX(Jesper!AI$2:AI$366,ROUNDDOWN($C8196/24,0)+1,1)*INDEX($D$3:$AA$30,INDEX(Jesper!$R$2:$R$366,ROW(INDEX(Jesper!AI$2:AI$366,ROUNDDOWN($C8196/24,0)+1,1))-1)+IF('Standard Profiles'!$G$19=$B$10,7,0)+IF('Standard Profiles'!$G$19=$B$17,14,0)+IF('Standard Profiles'!$G$19=$B$24,21,0),MOD($C8196,24)+1)/SUM(INDEX($D$3:$AA$30,INDEX(Jesper!$R$2:$R$366,ROW(INDEX(Jesper!AI$2:AI$366,ROUNDDOWN($C8196/24,0)+1,1))-1)+IF('Standard Profiles'!$G$19=$B$10,7,0)+IF('Standard Profiles'!$G$19=$B$17,14,0)+IF('Standard Profiles'!$G$19=$B$24,21,0),0)),0)</f>
        <v>7.2020361585593626</v>
      </c>
      <c r="F8196" cm="1">
        <f t="array" ref="F8196">IFERROR(INDEX(Jesper!AJ$2:AJ$366,ROUNDDOWN($C8196/24,0)+1,1)*INDEX($D$3:$AA$30,INDEX(Jesper!$R$2:$R$366,ROW(INDEX(Jesper!AJ$2:AJ$366,ROUNDDOWN($C8196/24,0)+1,1))-1)+IF('Standard Profiles'!$G$20=$B$10,7,0)+IF('Standard Profiles'!$G$20=$B$17,14,0)+IF('Standard Profiles'!$G$20=$B$24,21,0),MOD($C8196,24)+1)/SUM(INDEX($D$3:$AA$30,INDEX(Jesper!$R$2:$R$366,ROW(INDEX(Jesper!AJ$2:AJ$366,ROUNDDOWN($C8196/24,0)+1,1))-1)+IF('Standard Profiles'!$G$20=$B$10,7,0)+IF('Standard Profiles'!$G$20=$B$17,14,0)+IF('Standard Profiles'!$G$20=$B$24,21,0),0)),0)</f>
        <v>0</v>
      </c>
      <c r="G8196" cm="1">
        <f t="array" ref="G8196">IFERROR(INDEX(Jesper!AK$2:AK$366,ROUNDDOWN($C8196/24,0)+1,1)*INDEX($D$3:$AA$30,INDEX(Jesper!$R$2:$R$366,ROW(INDEX(Jesper!AK$2:AK$366,ROUNDDOWN($C8196/24,0)+1,1))-1)+IF('Standard Profiles'!$G$21=$B$10,7,0)+IF('Standard Profiles'!$G$21=$B$17,14,0)+IF('Standard Profiles'!$G$21=$B$24,21,0),MOD($C8196,24)+1)/SUM(INDEX($D$3:$AA$30,INDEX(Jesper!$R$2:$R$366,ROW(INDEX(Jesper!AK$2:AK$366,ROUNDDOWN($C8196/24,0)+1,1))-1)+IF('Standard Profiles'!$G$21=$B$10,7,0)+IF('Standard Profiles'!$G$21=$B$17,14,0)+IF('Standard Profiles'!$G$21=$B$24,21,0),0)),0)</f>
        <v>8.9725477738695592</v>
      </c>
      <c r="H8196" cm="1">
        <f t="array" ref="H8196">IFERROR(INDEX(Jesper!AL$2:AL$366,ROUNDDOWN($C8196/24,0)+1,1)*INDEX($D$3:$AA$30,INDEX(Jesper!$R$2:$R$366,ROW(INDEX(Jesper!AL$2:AL$366,ROUNDDOWN($C8196/24,0)+1,1))-1)+IF('Standard Profiles'!$G$22=$B$10,7,0)+IF('Standard Profiles'!$G$22=$B$17,14,0)+IF('Standard Profiles'!$G$22=$B$24,21,0),MOD($C8196,24)+1)/SUM(INDEX($D$3:$AA$30,INDEX(Jesper!$R$2:$R$366,ROW(INDEX(Jesper!AL$2:AL$366,ROUNDDOWN($C8196/24,0)+1,1))-1)+IF('Standard Profiles'!$G$22=$B$10,7,0)+IF('Standard Profiles'!$G$22=$B$17,14,0)+IF('Standard Profiles'!$G$22=$B$24,21,0),0)),0)</f>
        <v>0</v>
      </c>
      <c r="I8196">
        <f t="shared" si="909"/>
        <v>4.3068229314573863</v>
      </c>
      <c r="J8196">
        <f t="shared" si="910"/>
        <v>16.990806950317797</v>
      </c>
      <c r="K8196">
        <f t="shared" si="911"/>
        <v>0.65054551737730348</v>
      </c>
      <c r="L8196">
        <f t="shared" si="912"/>
        <v>0.32527275868865174</v>
      </c>
      <c r="M8196">
        <f t="shared" si="913"/>
        <v>0</v>
      </c>
      <c r="N8196" s="45">
        <f t="shared" si="914"/>
        <v>45267.083333313538</v>
      </c>
    </row>
    <row r="8197" spans="2:14" x14ac:dyDescent="0.25">
      <c r="B8197">
        <f t="shared" si="908"/>
        <v>4</v>
      </c>
      <c r="C8197" s="16">
        <v>8163</v>
      </c>
      <c r="D8197" cm="1">
        <f t="array" ref="D8197">IFERROR(INDEX(Jesper!AH$2:AH$366,ROUNDDOWN($C8197/24,0)+1,1)*INDEX($D$3:$AA$30,INDEX(Jesper!$R$2:$R$366,ROW(INDEX(Jesper!AH$2:AH$366,ROUNDDOWN($C8197/24,0)+1,1))-1)+IF('Standard Profiles'!$G$18=$B$10,7,0)+IF('Standard Profiles'!$G$18=$B$17,14,0)+IF('Standard Profiles'!$G$18=$B$24,21,0),MOD($C8197,24)+1)/SUM(INDEX($D$3:$AA$30,INDEX(Jesper!$R$2:$R$366,ROW(INDEX(Jesper!AH$2:AH$366,ROUNDDOWN($C8197/24,0)+1,1))-1)+IF('Standard Profiles'!$G$18=$B$10,7,0)+IF('Standard Profiles'!$G$18=$B$17,14,0)+IF('Standard Profiles'!$G$18=$B$24,21,0),0)),0)</f>
        <v>6.0988642254122194</v>
      </c>
      <c r="E8197" cm="1">
        <f t="array" ref="E8197">IFERROR(INDEX(Jesper!AI$2:AI$366,ROUNDDOWN($C8197/24,0)+1,1)*INDEX($D$3:$AA$30,INDEX(Jesper!$R$2:$R$366,ROW(INDEX(Jesper!AI$2:AI$366,ROUNDDOWN($C8197/24,0)+1,1))-1)+IF('Standard Profiles'!$G$19=$B$10,7,0)+IF('Standard Profiles'!$G$19=$B$17,14,0)+IF('Standard Profiles'!$G$19=$B$24,21,0),MOD($C8197,24)+1)/SUM(INDEX($D$3:$AA$30,INDEX(Jesper!$R$2:$R$366,ROW(INDEX(Jesper!AI$2:AI$366,ROUNDDOWN($C8197/24,0)+1,1))-1)+IF('Standard Profiles'!$G$19=$B$10,7,0)+IF('Standard Profiles'!$G$19=$B$17,14,0)+IF('Standard Profiles'!$G$19=$B$24,21,0),0)),0)</f>
        <v>7.2020361585593626</v>
      </c>
      <c r="F8197" cm="1">
        <f t="array" ref="F8197">IFERROR(INDEX(Jesper!AJ$2:AJ$366,ROUNDDOWN($C8197/24,0)+1,1)*INDEX($D$3:$AA$30,INDEX(Jesper!$R$2:$R$366,ROW(INDEX(Jesper!AJ$2:AJ$366,ROUNDDOWN($C8197/24,0)+1,1))-1)+IF('Standard Profiles'!$G$20=$B$10,7,0)+IF('Standard Profiles'!$G$20=$B$17,14,0)+IF('Standard Profiles'!$G$20=$B$24,21,0),MOD($C8197,24)+1)/SUM(INDEX($D$3:$AA$30,INDEX(Jesper!$R$2:$R$366,ROW(INDEX(Jesper!AJ$2:AJ$366,ROUNDDOWN($C8197/24,0)+1,1))-1)+IF('Standard Profiles'!$G$20=$B$10,7,0)+IF('Standard Profiles'!$G$20=$B$17,14,0)+IF('Standard Profiles'!$G$20=$B$24,21,0),0)),0)</f>
        <v>0</v>
      </c>
      <c r="G8197" cm="1">
        <f t="array" ref="G8197">IFERROR(INDEX(Jesper!AK$2:AK$366,ROUNDDOWN($C8197/24,0)+1,1)*INDEX($D$3:$AA$30,INDEX(Jesper!$R$2:$R$366,ROW(INDEX(Jesper!AK$2:AK$366,ROUNDDOWN($C8197/24,0)+1,1))-1)+IF('Standard Profiles'!$G$21=$B$10,7,0)+IF('Standard Profiles'!$G$21=$B$17,14,0)+IF('Standard Profiles'!$G$21=$B$24,21,0),MOD($C8197,24)+1)/SUM(INDEX($D$3:$AA$30,INDEX(Jesper!$R$2:$R$366,ROW(INDEX(Jesper!AK$2:AK$366,ROUNDDOWN($C8197/24,0)+1,1))-1)+IF('Standard Profiles'!$G$21=$B$10,7,0)+IF('Standard Profiles'!$G$21=$B$17,14,0)+IF('Standard Profiles'!$G$21=$B$24,21,0),0)),0)</f>
        <v>8.9725477738695592</v>
      </c>
      <c r="H8197" cm="1">
        <f t="array" ref="H8197">IFERROR(INDEX(Jesper!AL$2:AL$366,ROUNDDOWN($C8197/24,0)+1,1)*INDEX($D$3:$AA$30,INDEX(Jesper!$R$2:$R$366,ROW(INDEX(Jesper!AL$2:AL$366,ROUNDDOWN($C8197/24,0)+1,1))-1)+IF('Standard Profiles'!$G$22=$B$10,7,0)+IF('Standard Profiles'!$G$22=$B$17,14,0)+IF('Standard Profiles'!$G$22=$B$24,21,0),MOD($C8197,24)+1)/SUM(INDEX($D$3:$AA$30,INDEX(Jesper!$R$2:$R$366,ROW(INDEX(Jesper!AL$2:AL$366,ROUNDDOWN($C8197/24,0)+1,1))-1)+IF('Standard Profiles'!$G$22=$B$10,7,0)+IF('Standard Profiles'!$G$22=$B$17,14,0)+IF('Standard Profiles'!$G$22=$B$24,21,0),0)),0)</f>
        <v>0</v>
      </c>
      <c r="I8197">
        <f t="shared" si="909"/>
        <v>4.3068229314573863</v>
      </c>
      <c r="J8197">
        <f t="shared" si="910"/>
        <v>16.990806950317797</v>
      </c>
      <c r="K8197">
        <f t="shared" si="911"/>
        <v>0.65054551737730348</v>
      </c>
      <c r="L8197">
        <f t="shared" si="912"/>
        <v>0.32527275868865174</v>
      </c>
      <c r="M8197">
        <f t="shared" si="913"/>
        <v>0</v>
      </c>
      <c r="N8197" s="45">
        <f t="shared" si="914"/>
        <v>45267.124999980202</v>
      </c>
    </row>
    <row r="8198" spans="2:14" x14ac:dyDescent="0.25">
      <c r="B8198">
        <f t="shared" si="908"/>
        <v>4</v>
      </c>
      <c r="C8198" s="16">
        <v>8164</v>
      </c>
      <c r="D8198" cm="1">
        <f t="array" ref="D8198">IFERROR(INDEX(Jesper!AH$2:AH$366,ROUNDDOWN($C8198/24,0)+1,1)*INDEX($D$3:$AA$30,INDEX(Jesper!$R$2:$R$366,ROW(INDEX(Jesper!AH$2:AH$366,ROUNDDOWN($C8198/24,0)+1,1))-1)+IF('Standard Profiles'!$G$18=$B$10,7,0)+IF('Standard Profiles'!$G$18=$B$17,14,0)+IF('Standard Profiles'!$G$18=$B$24,21,0),MOD($C8198,24)+1)/SUM(INDEX($D$3:$AA$30,INDEX(Jesper!$R$2:$R$366,ROW(INDEX(Jesper!AH$2:AH$366,ROUNDDOWN($C8198/24,0)+1,1))-1)+IF('Standard Profiles'!$G$18=$B$10,7,0)+IF('Standard Profiles'!$G$18=$B$17,14,0)+IF('Standard Profiles'!$G$18=$B$24,21,0),0)),0)</f>
        <v>6.0988642254122194</v>
      </c>
      <c r="E8198" cm="1">
        <f t="array" ref="E8198">IFERROR(INDEX(Jesper!AI$2:AI$366,ROUNDDOWN($C8198/24,0)+1,1)*INDEX($D$3:$AA$30,INDEX(Jesper!$R$2:$R$366,ROW(INDEX(Jesper!AI$2:AI$366,ROUNDDOWN($C8198/24,0)+1,1))-1)+IF('Standard Profiles'!$G$19=$B$10,7,0)+IF('Standard Profiles'!$G$19=$B$17,14,0)+IF('Standard Profiles'!$G$19=$B$24,21,0),MOD($C8198,24)+1)/SUM(INDEX($D$3:$AA$30,INDEX(Jesper!$R$2:$R$366,ROW(INDEX(Jesper!AI$2:AI$366,ROUNDDOWN($C8198/24,0)+1,1))-1)+IF('Standard Profiles'!$G$19=$B$10,7,0)+IF('Standard Profiles'!$G$19=$B$17,14,0)+IF('Standard Profiles'!$G$19=$B$24,21,0),0)),0)</f>
        <v>7.2020361585593626</v>
      </c>
      <c r="F8198" cm="1">
        <f t="array" ref="F8198">IFERROR(INDEX(Jesper!AJ$2:AJ$366,ROUNDDOWN($C8198/24,0)+1,1)*INDEX($D$3:$AA$30,INDEX(Jesper!$R$2:$R$366,ROW(INDEX(Jesper!AJ$2:AJ$366,ROUNDDOWN($C8198/24,0)+1,1))-1)+IF('Standard Profiles'!$G$20=$B$10,7,0)+IF('Standard Profiles'!$G$20=$B$17,14,0)+IF('Standard Profiles'!$G$20=$B$24,21,0),MOD($C8198,24)+1)/SUM(INDEX($D$3:$AA$30,INDEX(Jesper!$R$2:$R$366,ROW(INDEX(Jesper!AJ$2:AJ$366,ROUNDDOWN($C8198/24,0)+1,1))-1)+IF('Standard Profiles'!$G$20=$B$10,7,0)+IF('Standard Profiles'!$G$20=$B$17,14,0)+IF('Standard Profiles'!$G$20=$B$24,21,0),0)),0)</f>
        <v>0</v>
      </c>
      <c r="G8198" cm="1">
        <f t="array" ref="G8198">IFERROR(INDEX(Jesper!AK$2:AK$366,ROUNDDOWN($C8198/24,0)+1,1)*INDEX($D$3:$AA$30,INDEX(Jesper!$R$2:$R$366,ROW(INDEX(Jesper!AK$2:AK$366,ROUNDDOWN($C8198/24,0)+1,1))-1)+IF('Standard Profiles'!$G$21=$B$10,7,0)+IF('Standard Profiles'!$G$21=$B$17,14,0)+IF('Standard Profiles'!$G$21=$B$24,21,0),MOD($C8198,24)+1)/SUM(INDEX($D$3:$AA$30,INDEX(Jesper!$R$2:$R$366,ROW(INDEX(Jesper!AK$2:AK$366,ROUNDDOWN($C8198/24,0)+1,1))-1)+IF('Standard Profiles'!$G$21=$B$10,7,0)+IF('Standard Profiles'!$G$21=$B$17,14,0)+IF('Standard Profiles'!$G$21=$B$24,21,0),0)),0)</f>
        <v>8.9725477738695592</v>
      </c>
      <c r="H8198" cm="1">
        <f t="array" ref="H8198">IFERROR(INDEX(Jesper!AL$2:AL$366,ROUNDDOWN($C8198/24,0)+1,1)*INDEX($D$3:$AA$30,INDEX(Jesper!$R$2:$R$366,ROW(INDEX(Jesper!AL$2:AL$366,ROUNDDOWN($C8198/24,0)+1,1))-1)+IF('Standard Profiles'!$G$22=$B$10,7,0)+IF('Standard Profiles'!$G$22=$B$17,14,0)+IF('Standard Profiles'!$G$22=$B$24,21,0),MOD($C8198,24)+1)/SUM(INDEX($D$3:$AA$30,INDEX(Jesper!$R$2:$R$366,ROW(INDEX(Jesper!AL$2:AL$366,ROUNDDOWN($C8198/24,0)+1,1))-1)+IF('Standard Profiles'!$G$22=$B$10,7,0)+IF('Standard Profiles'!$G$22=$B$17,14,0)+IF('Standard Profiles'!$G$22=$B$24,21,0),0)),0)</f>
        <v>0</v>
      </c>
      <c r="I8198">
        <f t="shared" si="909"/>
        <v>4.3068229314573863</v>
      </c>
      <c r="J8198">
        <f t="shared" si="910"/>
        <v>16.990806950317797</v>
      </c>
      <c r="K8198">
        <f t="shared" si="911"/>
        <v>0.65054551737730348</v>
      </c>
      <c r="L8198">
        <f t="shared" si="912"/>
        <v>0.32527275868865174</v>
      </c>
      <c r="M8198">
        <f t="shared" si="913"/>
        <v>0</v>
      </c>
      <c r="N8198" s="45">
        <f t="shared" si="914"/>
        <v>45267.166666646866</v>
      </c>
    </row>
    <row r="8199" spans="2:14" x14ac:dyDescent="0.25">
      <c r="B8199">
        <f t="shared" si="908"/>
        <v>4</v>
      </c>
      <c r="C8199" s="16">
        <v>8165</v>
      </c>
      <c r="D8199" cm="1">
        <f t="array" ref="D8199">IFERROR(INDEX(Jesper!AH$2:AH$366,ROUNDDOWN($C8199/24,0)+1,1)*INDEX($D$3:$AA$30,INDEX(Jesper!$R$2:$R$366,ROW(INDEX(Jesper!AH$2:AH$366,ROUNDDOWN($C8199/24,0)+1,1))-1)+IF('Standard Profiles'!$G$18=$B$10,7,0)+IF('Standard Profiles'!$G$18=$B$17,14,0)+IF('Standard Profiles'!$G$18=$B$24,21,0),MOD($C8199,24)+1)/SUM(INDEX($D$3:$AA$30,INDEX(Jesper!$R$2:$R$366,ROW(INDEX(Jesper!AH$2:AH$366,ROUNDDOWN($C8199/24,0)+1,1))-1)+IF('Standard Profiles'!$G$18=$B$10,7,0)+IF('Standard Profiles'!$G$18=$B$17,14,0)+IF('Standard Profiles'!$G$18=$B$24,21,0),0)),0)</f>
        <v>6.0988642254122194</v>
      </c>
      <c r="E8199" cm="1">
        <f t="array" ref="E8199">IFERROR(INDEX(Jesper!AI$2:AI$366,ROUNDDOWN($C8199/24,0)+1,1)*INDEX($D$3:$AA$30,INDEX(Jesper!$R$2:$R$366,ROW(INDEX(Jesper!AI$2:AI$366,ROUNDDOWN($C8199/24,0)+1,1))-1)+IF('Standard Profiles'!$G$19=$B$10,7,0)+IF('Standard Profiles'!$G$19=$B$17,14,0)+IF('Standard Profiles'!$G$19=$B$24,21,0),MOD($C8199,24)+1)/SUM(INDEX($D$3:$AA$30,INDEX(Jesper!$R$2:$R$366,ROW(INDEX(Jesper!AI$2:AI$366,ROUNDDOWN($C8199/24,0)+1,1))-1)+IF('Standard Profiles'!$G$19=$B$10,7,0)+IF('Standard Profiles'!$G$19=$B$17,14,0)+IF('Standard Profiles'!$G$19=$B$24,21,0),0)),0)</f>
        <v>7.2020361585593626</v>
      </c>
      <c r="F8199" cm="1">
        <f t="array" ref="F8199">IFERROR(INDEX(Jesper!AJ$2:AJ$366,ROUNDDOWN($C8199/24,0)+1,1)*INDEX($D$3:$AA$30,INDEX(Jesper!$R$2:$R$366,ROW(INDEX(Jesper!AJ$2:AJ$366,ROUNDDOWN($C8199/24,0)+1,1))-1)+IF('Standard Profiles'!$G$20=$B$10,7,0)+IF('Standard Profiles'!$G$20=$B$17,14,0)+IF('Standard Profiles'!$G$20=$B$24,21,0),MOD($C8199,24)+1)/SUM(INDEX($D$3:$AA$30,INDEX(Jesper!$R$2:$R$366,ROW(INDEX(Jesper!AJ$2:AJ$366,ROUNDDOWN($C8199/24,0)+1,1))-1)+IF('Standard Profiles'!$G$20=$B$10,7,0)+IF('Standard Profiles'!$G$20=$B$17,14,0)+IF('Standard Profiles'!$G$20=$B$24,21,0),0)),0)</f>
        <v>0</v>
      </c>
      <c r="G8199" cm="1">
        <f t="array" ref="G8199">IFERROR(INDEX(Jesper!AK$2:AK$366,ROUNDDOWN($C8199/24,0)+1,1)*INDEX($D$3:$AA$30,INDEX(Jesper!$R$2:$R$366,ROW(INDEX(Jesper!AK$2:AK$366,ROUNDDOWN($C8199/24,0)+1,1))-1)+IF('Standard Profiles'!$G$21=$B$10,7,0)+IF('Standard Profiles'!$G$21=$B$17,14,0)+IF('Standard Profiles'!$G$21=$B$24,21,0),MOD($C8199,24)+1)/SUM(INDEX($D$3:$AA$30,INDEX(Jesper!$R$2:$R$366,ROW(INDEX(Jesper!AK$2:AK$366,ROUNDDOWN($C8199/24,0)+1,1))-1)+IF('Standard Profiles'!$G$21=$B$10,7,0)+IF('Standard Profiles'!$G$21=$B$17,14,0)+IF('Standard Profiles'!$G$21=$B$24,21,0),0)),0)</f>
        <v>8.9725477738695592</v>
      </c>
      <c r="H8199" cm="1">
        <f t="array" ref="H8199">IFERROR(INDEX(Jesper!AL$2:AL$366,ROUNDDOWN($C8199/24,0)+1,1)*INDEX($D$3:$AA$30,INDEX(Jesper!$R$2:$R$366,ROW(INDEX(Jesper!AL$2:AL$366,ROUNDDOWN($C8199/24,0)+1,1))-1)+IF('Standard Profiles'!$G$22=$B$10,7,0)+IF('Standard Profiles'!$G$22=$B$17,14,0)+IF('Standard Profiles'!$G$22=$B$24,21,0),MOD($C8199,24)+1)/SUM(INDEX($D$3:$AA$30,INDEX(Jesper!$R$2:$R$366,ROW(INDEX(Jesper!AL$2:AL$366,ROUNDDOWN($C8199/24,0)+1,1))-1)+IF('Standard Profiles'!$G$22=$B$10,7,0)+IF('Standard Profiles'!$G$22=$B$17,14,0)+IF('Standard Profiles'!$G$22=$B$24,21,0),0)),0)</f>
        <v>0</v>
      </c>
      <c r="I8199">
        <f t="shared" si="909"/>
        <v>4.3068229314573863</v>
      </c>
      <c r="J8199">
        <f t="shared" si="910"/>
        <v>16.990806950317797</v>
      </c>
      <c r="K8199">
        <f t="shared" si="911"/>
        <v>0.65054551737730348</v>
      </c>
      <c r="L8199">
        <f t="shared" si="912"/>
        <v>0.32527275868865174</v>
      </c>
      <c r="M8199">
        <f t="shared" si="913"/>
        <v>0</v>
      </c>
      <c r="N8199" s="45">
        <f t="shared" si="914"/>
        <v>45267.208333313531</v>
      </c>
    </row>
    <row r="8200" spans="2:14" x14ac:dyDescent="0.25">
      <c r="B8200">
        <f t="shared" si="908"/>
        <v>4</v>
      </c>
      <c r="C8200" s="16">
        <v>8166</v>
      </c>
      <c r="D8200" cm="1">
        <f t="array" ref="D8200">IFERROR(INDEX(Jesper!AH$2:AH$366,ROUNDDOWN($C8200/24,0)+1,1)*INDEX($D$3:$AA$30,INDEX(Jesper!$R$2:$R$366,ROW(INDEX(Jesper!AH$2:AH$366,ROUNDDOWN($C8200/24,0)+1,1))-1)+IF('Standard Profiles'!$G$18=$B$10,7,0)+IF('Standard Profiles'!$G$18=$B$17,14,0)+IF('Standard Profiles'!$G$18=$B$24,21,0),MOD($C8200,24)+1)/SUM(INDEX($D$3:$AA$30,INDEX(Jesper!$R$2:$R$366,ROW(INDEX(Jesper!AH$2:AH$366,ROUNDDOWN($C8200/24,0)+1,1))-1)+IF('Standard Profiles'!$G$18=$B$10,7,0)+IF('Standard Profiles'!$G$18=$B$17,14,0)+IF('Standard Profiles'!$G$18=$B$24,21,0),0)),0)</f>
        <v>6.0988642254122194</v>
      </c>
      <c r="E8200" cm="1">
        <f t="array" ref="E8200">IFERROR(INDEX(Jesper!AI$2:AI$366,ROUNDDOWN($C8200/24,0)+1,1)*INDEX($D$3:$AA$30,INDEX(Jesper!$R$2:$R$366,ROW(INDEX(Jesper!AI$2:AI$366,ROUNDDOWN($C8200/24,0)+1,1))-1)+IF('Standard Profiles'!$G$19=$B$10,7,0)+IF('Standard Profiles'!$G$19=$B$17,14,0)+IF('Standard Profiles'!$G$19=$B$24,21,0),MOD($C8200,24)+1)/SUM(INDEX($D$3:$AA$30,INDEX(Jesper!$R$2:$R$366,ROW(INDEX(Jesper!AI$2:AI$366,ROUNDDOWN($C8200/24,0)+1,1))-1)+IF('Standard Profiles'!$G$19=$B$10,7,0)+IF('Standard Profiles'!$G$19=$B$17,14,0)+IF('Standard Profiles'!$G$19=$B$24,21,0),0)),0)</f>
        <v>7.2020361585593626</v>
      </c>
      <c r="F8200" cm="1">
        <f t="array" ref="F8200">IFERROR(INDEX(Jesper!AJ$2:AJ$366,ROUNDDOWN($C8200/24,0)+1,1)*INDEX($D$3:$AA$30,INDEX(Jesper!$R$2:$R$366,ROW(INDEX(Jesper!AJ$2:AJ$366,ROUNDDOWN($C8200/24,0)+1,1))-1)+IF('Standard Profiles'!$G$20=$B$10,7,0)+IF('Standard Profiles'!$G$20=$B$17,14,0)+IF('Standard Profiles'!$G$20=$B$24,21,0),MOD($C8200,24)+1)/SUM(INDEX($D$3:$AA$30,INDEX(Jesper!$R$2:$R$366,ROW(INDEX(Jesper!AJ$2:AJ$366,ROUNDDOWN($C8200/24,0)+1,1))-1)+IF('Standard Profiles'!$G$20=$B$10,7,0)+IF('Standard Profiles'!$G$20=$B$17,14,0)+IF('Standard Profiles'!$G$20=$B$24,21,0),0)),0)</f>
        <v>0</v>
      </c>
      <c r="G8200" cm="1">
        <f t="array" ref="G8200">IFERROR(INDEX(Jesper!AK$2:AK$366,ROUNDDOWN($C8200/24,0)+1,1)*INDEX($D$3:$AA$30,INDEX(Jesper!$R$2:$R$366,ROW(INDEX(Jesper!AK$2:AK$366,ROUNDDOWN($C8200/24,0)+1,1))-1)+IF('Standard Profiles'!$G$21=$B$10,7,0)+IF('Standard Profiles'!$G$21=$B$17,14,0)+IF('Standard Profiles'!$G$21=$B$24,21,0),MOD($C8200,24)+1)/SUM(INDEX($D$3:$AA$30,INDEX(Jesper!$R$2:$R$366,ROW(INDEX(Jesper!AK$2:AK$366,ROUNDDOWN($C8200/24,0)+1,1))-1)+IF('Standard Profiles'!$G$21=$B$10,7,0)+IF('Standard Profiles'!$G$21=$B$17,14,0)+IF('Standard Profiles'!$G$21=$B$24,21,0),0)),0)</f>
        <v>8.9725477738695592</v>
      </c>
      <c r="H8200" cm="1">
        <f t="array" ref="H8200">IFERROR(INDEX(Jesper!AL$2:AL$366,ROUNDDOWN($C8200/24,0)+1,1)*INDEX($D$3:$AA$30,INDEX(Jesper!$R$2:$R$366,ROW(INDEX(Jesper!AL$2:AL$366,ROUNDDOWN($C8200/24,0)+1,1))-1)+IF('Standard Profiles'!$G$22=$B$10,7,0)+IF('Standard Profiles'!$G$22=$B$17,14,0)+IF('Standard Profiles'!$G$22=$B$24,21,0),MOD($C8200,24)+1)/SUM(INDEX($D$3:$AA$30,INDEX(Jesper!$R$2:$R$366,ROW(INDEX(Jesper!AL$2:AL$366,ROUNDDOWN($C8200/24,0)+1,1))-1)+IF('Standard Profiles'!$G$22=$B$10,7,0)+IF('Standard Profiles'!$G$22=$B$17,14,0)+IF('Standard Profiles'!$G$22=$B$24,21,0),0)),0)</f>
        <v>0</v>
      </c>
      <c r="I8200">
        <f t="shared" si="909"/>
        <v>4.3068229314573863</v>
      </c>
      <c r="J8200">
        <f t="shared" si="910"/>
        <v>16.990806950317797</v>
      </c>
      <c r="K8200">
        <f t="shared" si="911"/>
        <v>0.65054551737730348</v>
      </c>
      <c r="L8200">
        <f t="shared" si="912"/>
        <v>0.32527275868865174</v>
      </c>
      <c r="M8200">
        <f t="shared" si="913"/>
        <v>0</v>
      </c>
      <c r="N8200" s="45">
        <f t="shared" si="914"/>
        <v>45267.249999980195</v>
      </c>
    </row>
    <row r="8201" spans="2:14" x14ac:dyDescent="0.25">
      <c r="B8201">
        <f t="shared" si="908"/>
        <v>4</v>
      </c>
      <c r="C8201" s="16">
        <v>8167</v>
      </c>
      <c r="D8201" cm="1">
        <f t="array" ref="D8201">IFERROR(INDEX(Jesper!AH$2:AH$366,ROUNDDOWN($C8201/24,0)+1,1)*INDEX($D$3:$AA$30,INDEX(Jesper!$R$2:$R$366,ROW(INDEX(Jesper!AH$2:AH$366,ROUNDDOWN($C8201/24,0)+1,1))-1)+IF('Standard Profiles'!$G$18=$B$10,7,0)+IF('Standard Profiles'!$G$18=$B$17,14,0)+IF('Standard Profiles'!$G$18=$B$24,21,0),MOD($C8201,24)+1)/SUM(INDEX($D$3:$AA$30,INDEX(Jesper!$R$2:$R$366,ROW(INDEX(Jesper!AH$2:AH$366,ROUNDDOWN($C8201/24,0)+1,1))-1)+IF('Standard Profiles'!$G$18=$B$10,7,0)+IF('Standard Profiles'!$G$18=$B$17,14,0)+IF('Standard Profiles'!$G$18=$B$24,21,0),0)),0)</f>
        <v>24.931417697215402</v>
      </c>
      <c r="E8201" cm="1">
        <f t="array" ref="E8201">IFERROR(INDEX(Jesper!AI$2:AI$366,ROUNDDOWN($C8201/24,0)+1,1)*INDEX($D$3:$AA$30,INDEX(Jesper!$R$2:$R$366,ROW(INDEX(Jesper!AI$2:AI$366,ROUNDDOWN($C8201/24,0)+1,1))-1)+IF('Standard Profiles'!$G$19=$B$10,7,0)+IF('Standard Profiles'!$G$19=$B$17,14,0)+IF('Standard Profiles'!$G$19=$B$24,21,0),MOD($C8201,24)+1)/SUM(INDEX($D$3:$AA$30,INDEX(Jesper!$R$2:$R$366,ROW(INDEX(Jesper!AI$2:AI$366,ROUNDDOWN($C8201/24,0)+1,1))-1)+IF('Standard Profiles'!$G$19=$B$10,7,0)+IF('Standard Profiles'!$G$19=$B$17,14,0)+IF('Standard Profiles'!$G$19=$B$24,21,0),0)),0)</f>
        <v>29.441050842110847</v>
      </c>
      <c r="F8201" cm="1">
        <f t="array" ref="F8201">IFERROR(INDEX(Jesper!AJ$2:AJ$366,ROUNDDOWN($C8201/24,0)+1,1)*INDEX($D$3:$AA$30,INDEX(Jesper!$R$2:$R$366,ROW(INDEX(Jesper!AJ$2:AJ$366,ROUNDDOWN($C8201/24,0)+1,1))-1)+IF('Standard Profiles'!$G$20=$B$10,7,0)+IF('Standard Profiles'!$G$20=$B$17,14,0)+IF('Standard Profiles'!$G$20=$B$24,21,0),MOD($C8201,24)+1)/SUM(INDEX($D$3:$AA$30,INDEX(Jesper!$R$2:$R$366,ROW(INDEX(Jesper!AJ$2:AJ$366,ROUNDDOWN($C8201/24,0)+1,1))-1)+IF('Standard Profiles'!$G$20=$B$10,7,0)+IF('Standard Profiles'!$G$20=$B$17,14,0)+IF('Standard Profiles'!$G$20=$B$24,21,0),0)),0)</f>
        <v>0</v>
      </c>
      <c r="G8201" cm="1">
        <f t="array" ref="G8201">IFERROR(INDEX(Jesper!AK$2:AK$366,ROUNDDOWN($C8201/24,0)+1,1)*INDEX($D$3:$AA$30,INDEX(Jesper!$R$2:$R$366,ROW(INDEX(Jesper!AK$2:AK$366,ROUNDDOWN($C8201/24,0)+1,1))-1)+IF('Standard Profiles'!$G$21=$B$10,7,0)+IF('Standard Profiles'!$G$21=$B$17,14,0)+IF('Standard Profiles'!$G$21=$B$24,21,0),MOD($C8201,24)+1)/SUM(INDEX($D$3:$AA$30,INDEX(Jesper!$R$2:$R$366,ROW(INDEX(Jesper!AK$2:AK$366,ROUNDDOWN($C8201/24,0)+1,1))-1)+IF('Standard Profiles'!$G$21=$B$10,7,0)+IF('Standard Profiles'!$G$21=$B$17,14,0)+IF('Standard Profiles'!$G$21=$B$24,21,0),0)),0)</f>
        <v>24.719369117010629</v>
      </c>
      <c r="H8201" cm="1">
        <f t="array" ref="H8201">IFERROR(INDEX(Jesper!AL$2:AL$366,ROUNDDOWN($C8201/24,0)+1,1)*INDEX($D$3:$AA$30,INDEX(Jesper!$R$2:$R$366,ROW(INDEX(Jesper!AL$2:AL$366,ROUNDDOWN($C8201/24,0)+1,1))-1)+IF('Standard Profiles'!$G$22=$B$10,7,0)+IF('Standard Profiles'!$G$22=$B$17,14,0)+IF('Standard Profiles'!$G$22=$B$24,21,0),MOD($C8201,24)+1)/SUM(INDEX($D$3:$AA$30,INDEX(Jesper!$R$2:$R$366,ROW(INDEX(Jesper!AL$2:AL$366,ROUNDDOWN($C8201/24,0)+1,1))-1)+IF('Standard Profiles'!$G$22=$B$10,7,0)+IF('Standard Profiles'!$G$22=$B$17,14,0)+IF('Standard Profiles'!$G$22=$B$24,21,0),0)),0)</f>
        <v>0</v>
      </c>
      <c r="I8201">
        <f t="shared" si="909"/>
        <v>11.865297176165097</v>
      </c>
      <c r="J8201">
        <f t="shared" si="910"/>
        <v>63.237513648617309</v>
      </c>
      <c r="K8201">
        <f t="shared" si="911"/>
        <v>2.6593512210363097</v>
      </c>
      <c r="L8201">
        <f t="shared" si="912"/>
        <v>1.3296756105181549</v>
      </c>
      <c r="M8201">
        <f t="shared" si="913"/>
        <v>0</v>
      </c>
      <c r="N8201" s="45">
        <f t="shared" si="914"/>
        <v>45267.291666646859</v>
      </c>
    </row>
    <row r="8202" spans="2:14" x14ac:dyDescent="0.25">
      <c r="B8202">
        <f t="shared" si="908"/>
        <v>4</v>
      </c>
      <c r="C8202" s="16">
        <v>8168</v>
      </c>
      <c r="D8202" cm="1">
        <f t="array" ref="D8202">IFERROR(INDEX(Jesper!AH$2:AH$366,ROUNDDOWN($C8202/24,0)+1,1)*INDEX($D$3:$AA$30,INDEX(Jesper!$R$2:$R$366,ROW(INDEX(Jesper!AH$2:AH$366,ROUNDDOWN($C8202/24,0)+1,1))-1)+IF('Standard Profiles'!$G$18=$B$10,7,0)+IF('Standard Profiles'!$G$18=$B$17,14,0)+IF('Standard Profiles'!$G$18=$B$24,21,0),MOD($C8202,24)+1)/SUM(INDEX($D$3:$AA$30,INDEX(Jesper!$R$2:$R$366,ROW(INDEX(Jesper!AH$2:AH$366,ROUNDDOWN($C8202/24,0)+1,1))-1)+IF('Standard Profiles'!$G$18=$B$10,7,0)+IF('Standard Profiles'!$G$18=$B$17,14,0)+IF('Standard Profiles'!$G$18=$B$24,21,0),0)),0)</f>
        <v>27.818213430577188</v>
      </c>
      <c r="E8202" cm="1">
        <f t="array" ref="E8202">IFERROR(INDEX(Jesper!AI$2:AI$366,ROUNDDOWN($C8202/24,0)+1,1)*INDEX($D$3:$AA$30,INDEX(Jesper!$R$2:$R$366,ROW(INDEX(Jesper!AI$2:AI$366,ROUNDDOWN($C8202/24,0)+1,1))-1)+IF('Standard Profiles'!$G$19=$B$10,7,0)+IF('Standard Profiles'!$G$19=$B$17,14,0)+IF('Standard Profiles'!$G$19=$B$24,21,0),MOD($C8202,24)+1)/SUM(INDEX($D$3:$AA$30,INDEX(Jesper!$R$2:$R$366,ROW(INDEX(Jesper!AI$2:AI$366,ROUNDDOWN($C8202/24,0)+1,1))-1)+IF('Standard Profiles'!$G$19=$B$10,7,0)+IF('Standard Profiles'!$G$19=$B$17,14,0)+IF('Standard Profiles'!$G$19=$B$24,21,0),0)),0)</f>
        <v>32.850014623828947</v>
      </c>
      <c r="F8202" cm="1">
        <f t="array" ref="F8202">IFERROR(INDEX(Jesper!AJ$2:AJ$366,ROUNDDOWN($C8202/24,0)+1,1)*INDEX($D$3:$AA$30,INDEX(Jesper!$R$2:$R$366,ROW(INDEX(Jesper!AJ$2:AJ$366,ROUNDDOWN($C8202/24,0)+1,1))-1)+IF('Standard Profiles'!$G$20=$B$10,7,0)+IF('Standard Profiles'!$G$20=$B$17,14,0)+IF('Standard Profiles'!$G$20=$B$24,21,0),MOD($C8202,24)+1)/SUM(INDEX($D$3:$AA$30,INDEX(Jesper!$R$2:$R$366,ROW(INDEX(Jesper!AJ$2:AJ$366,ROUNDDOWN($C8202/24,0)+1,1))-1)+IF('Standard Profiles'!$G$20=$B$10,7,0)+IF('Standard Profiles'!$G$20=$B$17,14,0)+IF('Standard Profiles'!$G$20=$B$24,21,0),0)),0)</f>
        <v>0</v>
      </c>
      <c r="G8202" cm="1">
        <f t="array" ref="G8202">IFERROR(INDEX(Jesper!AK$2:AK$366,ROUNDDOWN($C8202/24,0)+1,1)*INDEX($D$3:$AA$30,INDEX(Jesper!$R$2:$R$366,ROW(INDEX(Jesper!AK$2:AK$366,ROUNDDOWN($C8202/24,0)+1,1))-1)+IF('Standard Profiles'!$G$21=$B$10,7,0)+IF('Standard Profiles'!$G$21=$B$17,14,0)+IF('Standard Profiles'!$G$21=$B$24,21,0),MOD($C8202,24)+1)/SUM(INDEX($D$3:$AA$30,INDEX(Jesper!$R$2:$R$366,ROW(INDEX(Jesper!AK$2:AK$366,ROUNDDOWN($C8202/24,0)+1,1))-1)+IF('Standard Profiles'!$G$21=$B$10,7,0)+IF('Standard Profiles'!$G$21=$B$17,14,0)+IF('Standard Profiles'!$G$21=$B$24,21,0),0)),0)</f>
        <v>27.581611856875021</v>
      </c>
      <c r="H8202" cm="1">
        <f t="array" ref="H8202">IFERROR(INDEX(Jesper!AL$2:AL$366,ROUNDDOWN($C8202/24,0)+1,1)*INDEX($D$3:$AA$30,INDEX(Jesper!$R$2:$R$366,ROW(INDEX(Jesper!AL$2:AL$366,ROUNDDOWN($C8202/24,0)+1,1))-1)+IF('Standard Profiles'!$G$22=$B$10,7,0)+IF('Standard Profiles'!$G$22=$B$17,14,0)+IF('Standard Profiles'!$G$22=$B$24,21,0),MOD($C8202,24)+1)/SUM(INDEX($D$3:$AA$30,INDEX(Jesper!$R$2:$R$366,ROW(INDEX(Jesper!AL$2:AL$366,ROUNDDOWN($C8202/24,0)+1,1))-1)+IF('Standard Profiles'!$G$22=$B$10,7,0)+IF('Standard Profiles'!$G$22=$B$17,14,0)+IF('Standard Profiles'!$G$22=$B$24,21,0),0)),0)</f>
        <v>0</v>
      </c>
      <c r="I8202">
        <f t="shared" si="909"/>
        <v>13.239173691300003</v>
      </c>
      <c r="J8202">
        <f t="shared" si="910"/>
        <v>70.559752071088809</v>
      </c>
      <c r="K8202">
        <f t="shared" si="911"/>
        <v>2.967276099261567</v>
      </c>
      <c r="L8202">
        <f t="shared" si="912"/>
        <v>1.4836380496307835</v>
      </c>
      <c r="M8202">
        <f t="shared" si="913"/>
        <v>0</v>
      </c>
      <c r="N8202" s="45">
        <f t="shared" si="914"/>
        <v>45267.333333313523</v>
      </c>
    </row>
    <row r="8203" spans="2:14" x14ac:dyDescent="0.25">
      <c r="B8203">
        <f t="shared" si="908"/>
        <v>4</v>
      </c>
      <c r="C8203" s="16">
        <v>8169</v>
      </c>
      <c r="D8203" cm="1">
        <f t="array" ref="D8203">IFERROR(INDEX(Jesper!AH$2:AH$366,ROUNDDOWN($C8203/24,0)+1,1)*INDEX($D$3:$AA$30,INDEX(Jesper!$R$2:$R$366,ROW(INDEX(Jesper!AH$2:AH$366,ROUNDDOWN($C8203/24,0)+1,1))-1)+IF('Standard Profiles'!$G$18=$B$10,7,0)+IF('Standard Profiles'!$G$18=$B$17,14,0)+IF('Standard Profiles'!$G$18=$B$24,21,0),MOD($C8203,24)+1)/SUM(INDEX($D$3:$AA$30,INDEX(Jesper!$R$2:$R$366,ROW(INDEX(Jesper!AH$2:AH$366,ROUNDDOWN($C8203/24,0)+1,1))-1)+IF('Standard Profiles'!$G$18=$B$10,7,0)+IF('Standard Profiles'!$G$18=$B$17,14,0)+IF('Standard Profiles'!$G$18=$B$24,21,0),0)),0)</f>
        <v>30.705009163938971</v>
      </c>
      <c r="E8203" cm="1">
        <f t="array" ref="E8203">IFERROR(INDEX(Jesper!AI$2:AI$366,ROUNDDOWN($C8203/24,0)+1,1)*INDEX($D$3:$AA$30,INDEX(Jesper!$R$2:$R$366,ROW(INDEX(Jesper!AI$2:AI$366,ROUNDDOWN($C8203/24,0)+1,1))-1)+IF('Standard Profiles'!$G$19=$B$10,7,0)+IF('Standard Profiles'!$G$19=$B$17,14,0)+IF('Standard Profiles'!$G$19=$B$24,21,0),MOD($C8203,24)+1)/SUM(INDEX($D$3:$AA$30,INDEX(Jesper!$R$2:$R$366,ROW(INDEX(Jesper!AI$2:AI$366,ROUNDDOWN($C8203/24,0)+1,1))-1)+IF('Standard Profiles'!$G$19=$B$10,7,0)+IF('Standard Profiles'!$G$19=$B$17,14,0)+IF('Standard Profiles'!$G$19=$B$24,21,0),0)),0)</f>
        <v>36.258978405547047</v>
      </c>
      <c r="F8203" cm="1">
        <f t="array" ref="F8203">IFERROR(INDEX(Jesper!AJ$2:AJ$366,ROUNDDOWN($C8203/24,0)+1,1)*INDEX($D$3:$AA$30,INDEX(Jesper!$R$2:$R$366,ROW(INDEX(Jesper!AJ$2:AJ$366,ROUNDDOWN($C8203/24,0)+1,1))-1)+IF('Standard Profiles'!$G$20=$B$10,7,0)+IF('Standard Profiles'!$G$20=$B$17,14,0)+IF('Standard Profiles'!$G$20=$B$24,21,0),MOD($C8203,24)+1)/SUM(INDEX($D$3:$AA$30,INDEX(Jesper!$R$2:$R$366,ROW(INDEX(Jesper!AJ$2:AJ$366,ROUNDDOWN($C8203/24,0)+1,1))-1)+IF('Standard Profiles'!$G$20=$B$10,7,0)+IF('Standard Profiles'!$G$20=$B$17,14,0)+IF('Standard Profiles'!$G$20=$B$24,21,0),0)),0)</f>
        <v>0</v>
      </c>
      <c r="G8203" cm="1">
        <f t="array" ref="G8203">IFERROR(INDEX(Jesper!AK$2:AK$366,ROUNDDOWN($C8203/24,0)+1,1)*INDEX($D$3:$AA$30,INDEX(Jesper!$R$2:$R$366,ROW(INDEX(Jesper!AK$2:AK$366,ROUNDDOWN($C8203/24,0)+1,1))-1)+IF('Standard Profiles'!$G$21=$B$10,7,0)+IF('Standard Profiles'!$G$21=$B$17,14,0)+IF('Standard Profiles'!$G$21=$B$24,21,0),MOD($C8203,24)+1)/SUM(INDEX($D$3:$AA$30,INDEX(Jesper!$R$2:$R$366,ROW(INDEX(Jesper!AK$2:AK$366,ROUNDDOWN($C8203/24,0)+1,1))-1)+IF('Standard Profiles'!$G$21=$B$10,7,0)+IF('Standard Profiles'!$G$21=$B$17,14,0)+IF('Standard Profiles'!$G$21=$B$24,21,0),0)),0)</f>
        <v>30.44385459673941</v>
      </c>
      <c r="H8203" cm="1">
        <f t="array" ref="H8203">IFERROR(INDEX(Jesper!AL$2:AL$366,ROUNDDOWN($C8203/24,0)+1,1)*INDEX($D$3:$AA$30,INDEX(Jesper!$R$2:$R$366,ROW(INDEX(Jesper!AL$2:AL$366,ROUNDDOWN($C8203/24,0)+1,1))-1)+IF('Standard Profiles'!$G$22=$B$10,7,0)+IF('Standard Profiles'!$G$22=$B$17,14,0)+IF('Standard Profiles'!$G$22=$B$24,21,0),MOD($C8203,24)+1)/SUM(INDEX($D$3:$AA$30,INDEX(Jesper!$R$2:$R$366,ROW(INDEX(Jesper!AL$2:AL$366,ROUNDDOWN($C8203/24,0)+1,1))-1)+IF('Standard Profiles'!$G$22=$B$10,7,0)+IF('Standard Profiles'!$G$22=$B$17,14,0)+IF('Standard Profiles'!$G$22=$B$24,21,0),0)),0)</f>
        <v>0</v>
      </c>
      <c r="I8203">
        <f t="shared" si="909"/>
        <v>14.613050206434909</v>
      </c>
      <c r="J8203">
        <f t="shared" si="910"/>
        <v>77.881990493560295</v>
      </c>
      <c r="K8203">
        <f t="shared" si="911"/>
        <v>3.2752009774868238</v>
      </c>
      <c r="L8203">
        <f t="shared" si="912"/>
        <v>1.6376004887434119</v>
      </c>
      <c r="M8203">
        <f t="shared" si="913"/>
        <v>0</v>
      </c>
      <c r="N8203" s="45">
        <f t="shared" si="914"/>
        <v>45267.374999980188</v>
      </c>
    </row>
    <row r="8204" spans="2:14" x14ac:dyDescent="0.25">
      <c r="B8204">
        <f t="shared" si="908"/>
        <v>4</v>
      </c>
      <c r="C8204" s="16">
        <v>8170</v>
      </c>
      <c r="D8204" cm="1">
        <f t="array" ref="D8204">IFERROR(INDEX(Jesper!AH$2:AH$366,ROUNDDOWN($C8204/24,0)+1,1)*INDEX($D$3:$AA$30,INDEX(Jesper!$R$2:$R$366,ROW(INDEX(Jesper!AH$2:AH$366,ROUNDDOWN($C8204/24,0)+1,1))-1)+IF('Standard Profiles'!$G$18=$B$10,7,0)+IF('Standard Profiles'!$G$18=$B$17,14,0)+IF('Standard Profiles'!$G$18=$B$24,21,0),MOD($C8204,24)+1)/SUM(INDEX($D$3:$AA$30,INDEX(Jesper!$R$2:$R$366,ROW(INDEX(Jesper!AH$2:AH$366,ROUNDDOWN($C8204/24,0)+1,1))-1)+IF('Standard Profiles'!$G$18=$B$10,7,0)+IF('Standard Profiles'!$G$18=$B$17,14,0)+IF('Standard Profiles'!$G$18=$B$24,21,0),0)),0)</f>
        <v>30.705009163938971</v>
      </c>
      <c r="E8204" cm="1">
        <f t="array" ref="E8204">IFERROR(INDEX(Jesper!AI$2:AI$366,ROUNDDOWN($C8204/24,0)+1,1)*INDEX($D$3:$AA$30,INDEX(Jesper!$R$2:$R$366,ROW(INDEX(Jesper!AI$2:AI$366,ROUNDDOWN($C8204/24,0)+1,1))-1)+IF('Standard Profiles'!$G$19=$B$10,7,0)+IF('Standard Profiles'!$G$19=$B$17,14,0)+IF('Standard Profiles'!$G$19=$B$24,21,0),MOD($C8204,24)+1)/SUM(INDEX($D$3:$AA$30,INDEX(Jesper!$R$2:$R$366,ROW(INDEX(Jesper!AI$2:AI$366,ROUNDDOWN($C8204/24,0)+1,1))-1)+IF('Standard Profiles'!$G$19=$B$10,7,0)+IF('Standard Profiles'!$G$19=$B$17,14,0)+IF('Standard Profiles'!$G$19=$B$24,21,0),0)),0)</f>
        <v>36.258978405547047</v>
      </c>
      <c r="F8204" cm="1">
        <f t="array" ref="F8204">IFERROR(INDEX(Jesper!AJ$2:AJ$366,ROUNDDOWN($C8204/24,0)+1,1)*INDEX($D$3:$AA$30,INDEX(Jesper!$R$2:$R$366,ROW(INDEX(Jesper!AJ$2:AJ$366,ROUNDDOWN($C8204/24,0)+1,1))-1)+IF('Standard Profiles'!$G$20=$B$10,7,0)+IF('Standard Profiles'!$G$20=$B$17,14,0)+IF('Standard Profiles'!$G$20=$B$24,21,0),MOD($C8204,24)+1)/SUM(INDEX($D$3:$AA$30,INDEX(Jesper!$R$2:$R$366,ROW(INDEX(Jesper!AJ$2:AJ$366,ROUNDDOWN($C8204/24,0)+1,1))-1)+IF('Standard Profiles'!$G$20=$B$10,7,0)+IF('Standard Profiles'!$G$20=$B$17,14,0)+IF('Standard Profiles'!$G$20=$B$24,21,0),0)),0)</f>
        <v>0</v>
      </c>
      <c r="G8204" cm="1">
        <f t="array" ref="G8204">IFERROR(INDEX(Jesper!AK$2:AK$366,ROUNDDOWN($C8204/24,0)+1,1)*INDEX($D$3:$AA$30,INDEX(Jesper!$R$2:$R$366,ROW(INDEX(Jesper!AK$2:AK$366,ROUNDDOWN($C8204/24,0)+1,1))-1)+IF('Standard Profiles'!$G$21=$B$10,7,0)+IF('Standard Profiles'!$G$21=$B$17,14,0)+IF('Standard Profiles'!$G$21=$B$24,21,0),MOD($C8204,24)+1)/SUM(INDEX($D$3:$AA$30,INDEX(Jesper!$R$2:$R$366,ROW(INDEX(Jesper!AK$2:AK$366,ROUNDDOWN($C8204/24,0)+1,1))-1)+IF('Standard Profiles'!$G$21=$B$10,7,0)+IF('Standard Profiles'!$G$21=$B$17,14,0)+IF('Standard Profiles'!$G$21=$B$24,21,0),0)),0)</f>
        <v>30.44385459673941</v>
      </c>
      <c r="H8204" cm="1">
        <f t="array" ref="H8204">IFERROR(INDEX(Jesper!AL$2:AL$366,ROUNDDOWN($C8204/24,0)+1,1)*INDEX($D$3:$AA$30,INDEX(Jesper!$R$2:$R$366,ROW(INDEX(Jesper!AL$2:AL$366,ROUNDDOWN($C8204/24,0)+1,1))-1)+IF('Standard Profiles'!$G$22=$B$10,7,0)+IF('Standard Profiles'!$G$22=$B$17,14,0)+IF('Standard Profiles'!$G$22=$B$24,21,0),MOD($C8204,24)+1)/SUM(INDEX($D$3:$AA$30,INDEX(Jesper!$R$2:$R$366,ROW(INDEX(Jesper!AL$2:AL$366,ROUNDDOWN($C8204/24,0)+1,1))-1)+IF('Standard Profiles'!$G$22=$B$10,7,0)+IF('Standard Profiles'!$G$22=$B$17,14,0)+IF('Standard Profiles'!$G$22=$B$24,21,0),0)),0)</f>
        <v>0</v>
      </c>
      <c r="I8204">
        <f t="shared" si="909"/>
        <v>14.613050206434909</v>
      </c>
      <c r="J8204">
        <f t="shared" si="910"/>
        <v>77.881990493560295</v>
      </c>
      <c r="K8204">
        <f t="shared" si="911"/>
        <v>3.2752009774868238</v>
      </c>
      <c r="L8204">
        <f t="shared" si="912"/>
        <v>1.6376004887434119</v>
      </c>
      <c r="M8204">
        <f t="shared" si="913"/>
        <v>0</v>
      </c>
      <c r="N8204" s="45">
        <f t="shared" si="914"/>
        <v>45267.416666646852</v>
      </c>
    </row>
    <row r="8205" spans="2:14" x14ac:dyDescent="0.25">
      <c r="B8205">
        <f t="shared" si="908"/>
        <v>4</v>
      </c>
      <c r="C8205" s="16">
        <v>8171</v>
      </c>
      <c r="D8205" cm="1">
        <f t="array" ref="D8205">IFERROR(INDEX(Jesper!AH$2:AH$366,ROUNDDOWN($C8205/24,0)+1,1)*INDEX($D$3:$AA$30,INDEX(Jesper!$R$2:$R$366,ROW(INDEX(Jesper!AH$2:AH$366,ROUNDDOWN($C8205/24,0)+1,1))-1)+IF('Standard Profiles'!$G$18=$B$10,7,0)+IF('Standard Profiles'!$G$18=$B$17,14,0)+IF('Standard Profiles'!$G$18=$B$24,21,0),MOD($C8205,24)+1)/SUM(INDEX($D$3:$AA$30,INDEX(Jesper!$R$2:$R$366,ROW(INDEX(Jesper!AH$2:AH$366,ROUNDDOWN($C8205/24,0)+1,1))-1)+IF('Standard Profiles'!$G$18=$B$10,7,0)+IF('Standard Profiles'!$G$18=$B$17,14,0)+IF('Standard Profiles'!$G$18=$B$24,21,0),0)),0)</f>
        <v>36.741036606422696</v>
      </c>
      <c r="E8205" cm="1">
        <f t="array" ref="E8205">IFERROR(INDEX(Jesper!AI$2:AI$366,ROUNDDOWN($C8205/24,0)+1,1)*INDEX($D$3:$AA$30,INDEX(Jesper!$R$2:$R$366,ROW(INDEX(Jesper!AI$2:AI$366,ROUNDDOWN($C8205/24,0)+1,1))-1)+IF('Standard Profiles'!$G$19=$B$10,7,0)+IF('Standard Profiles'!$G$19=$B$17,14,0)+IF('Standard Profiles'!$G$19=$B$24,21,0),MOD($C8205,24)+1)/SUM(INDEX($D$3:$AA$30,INDEX(Jesper!$R$2:$R$366,ROW(INDEX(Jesper!AI$2:AI$366,ROUNDDOWN($C8205/24,0)+1,1))-1)+IF('Standard Profiles'!$G$19=$B$10,7,0)+IF('Standard Profiles'!$G$19=$B$17,14,0)+IF('Standard Profiles'!$G$19=$B$24,21,0),0)),0)</f>
        <v>43.386811767321248</v>
      </c>
      <c r="F8205" cm="1">
        <f t="array" ref="F8205">IFERROR(INDEX(Jesper!AJ$2:AJ$366,ROUNDDOWN($C8205/24,0)+1,1)*INDEX($D$3:$AA$30,INDEX(Jesper!$R$2:$R$366,ROW(INDEX(Jesper!AJ$2:AJ$366,ROUNDDOWN($C8205/24,0)+1,1))-1)+IF('Standard Profiles'!$G$20=$B$10,7,0)+IF('Standard Profiles'!$G$20=$B$17,14,0)+IF('Standard Profiles'!$G$20=$B$24,21,0),MOD($C8205,24)+1)/SUM(INDEX($D$3:$AA$30,INDEX(Jesper!$R$2:$R$366,ROW(INDEX(Jesper!AJ$2:AJ$366,ROUNDDOWN($C8205/24,0)+1,1))-1)+IF('Standard Profiles'!$G$20=$B$10,7,0)+IF('Standard Profiles'!$G$20=$B$17,14,0)+IF('Standard Profiles'!$G$20=$B$24,21,0),0)),0)</f>
        <v>0</v>
      </c>
      <c r="G8205" cm="1">
        <f t="array" ref="G8205">IFERROR(INDEX(Jesper!AK$2:AK$366,ROUNDDOWN($C8205/24,0)+1,1)*INDEX($D$3:$AA$30,INDEX(Jesper!$R$2:$R$366,ROW(INDEX(Jesper!AK$2:AK$366,ROUNDDOWN($C8205/24,0)+1,1))-1)+IF('Standard Profiles'!$G$21=$B$10,7,0)+IF('Standard Profiles'!$G$21=$B$17,14,0)+IF('Standard Profiles'!$G$21=$B$24,21,0),MOD($C8205,24)+1)/SUM(INDEX($D$3:$AA$30,INDEX(Jesper!$R$2:$R$366,ROW(INDEX(Jesper!AK$2:AK$366,ROUNDDOWN($C8205/24,0)+1,1))-1)+IF('Standard Profiles'!$G$21=$B$10,7,0)+IF('Standard Profiles'!$G$21=$B$17,14,0)+IF('Standard Profiles'!$G$21=$B$24,21,0),0)),0)</f>
        <v>36.4285439619104</v>
      </c>
      <c r="H8205" cm="1">
        <f t="array" ref="H8205">IFERROR(INDEX(Jesper!AL$2:AL$366,ROUNDDOWN($C8205/24,0)+1,1)*INDEX($D$3:$AA$30,INDEX(Jesper!$R$2:$R$366,ROW(INDEX(Jesper!AL$2:AL$366,ROUNDDOWN($C8205/24,0)+1,1))-1)+IF('Standard Profiles'!$G$22=$B$10,7,0)+IF('Standard Profiles'!$G$22=$B$17,14,0)+IF('Standard Profiles'!$G$22=$B$24,21,0),MOD($C8205,24)+1)/SUM(INDEX($D$3:$AA$30,INDEX(Jesper!$R$2:$R$366,ROW(INDEX(Jesper!AL$2:AL$366,ROUNDDOWN($C8205/24,0)+1,1))-1)+IF('Standard Profiles'!$G$22=$B$10,7,0)+IF('Standard Profiles'!$G$22=$B$17,14,0)+IF('Standard Profiles'!$G$22=$B$24,21,0),0)),0)</f>
        <v>0</v>
      </c>
      <c r="I8205">
        <f t="shared" si="909"/>
        <v>17.485701101716984</v>
      </c>
      <c r="J8205">
        <f t="shared" si="910"/>
        <v>93.192125376909729</v>
      </c>
      <c r="K8205">
        <f t="shared" si="911"/>
        <v>3.919043904685088</v>
      </c>
      <c r="L8205">
        <f t="shared" si="912"/>
        <v>1.959521952342544</v>
      </c>
      <c r="M8205">
        <f t="shared" si="913"/>
        <v>0</v>
      </c>
      <c r="N8205" s="45">
        <f t="shared" si="914"/>
        <v>45267.458333313516</v>
      </c>
    </row>
    <row r="8206" spans="2:14" x14ac:dyDescent="0.25">
      <c r="B8206">
        <f t="shared" si="908"/>
        <v>4</v>
      </c>
      <c r="C8206" s="16">
        <v>8172</v>
      </c>
      <c r="D8206" cm="1">
        <f t="array" ref="D8206">IFERROR(INDEX(Jesper!AH$2:AH$366,ROUNDDOWN($C8206/24,0)+1,1)*INDEX($D$3:$AA$30,INDEX(Jesper!$R$2:$R$366,ROW(INDEX(Jesper!AH$2:AH$366,ROUNDDOWN($C8206/24,0)+1,1))-1)+IF('Standard Profiles'!$G$18=$B$10,7,0)+IF('Standard Profiles'!$G$18=$B$17,14,0)+IF('Standard Profiles'!$G$18=$B$24,21,0),MOD($C8206,24)+1)/SUM(INDEX($D$3:$AA$30,INDEX(Jesper!$R$2:$R$366,ROW(INDEX(Jesper!AH$2:AH$366,ROUNDDOWN($C8206/24,0)+1,1))-1)+IF('Standard Profiles'!$G$18=$B$10,7,0)+IF('Standard Profiles'!$G$18=$B$17,14,0)+IF('Standard Profiles'!$G$18=$B$24,21,0),0)),0)</f>
        <v>36.741036606422696</v>
      </c>
      <c r="E8206" cm="1">
        <f t="array" ref="E8206">IFERROR(INDEX(Jesper!AI$2:AI$366,ROUNDDOWN($C8206/24,0)+1,1)*INDEX($D$3:$AA$30,INDEX(Jesper!$R$2:$R$366,ROW(INDEX(Jesper!AI$2:AI$366,ROUNDDOWN($C8206/24,0)+1,1))-1)+IF('Standard Profiles'!$G$19=$B$10,7,0)+IF('Standard Profiles'!$G$19=$B$17,14,0)+IF('Standard Profiles'!$G$19=$B$24,21,0),MOD($C8206,24)+1)/SUM(INDEX($D$3:$AA$30,INDEX(Jesper!$R$2:$R$366,ROW(INDEX(Jesper!AI$2:AI$366,ROUNDDOWN($C8206/24,0)+1,1))-1)+IF('Standard Profiles'!$G$19=$B$10,7,0)+IF('Standard Profiles'!$G$19=$B$17,14,0)+IF('Standard Profiles'!$G$19=$B$24,21,0),0)),0)</f>
        <v>43.386811767321248</v>
      </c>
      <c r="F8206" cm="1">
        <f t="array" ref="F8206">IFERROR(INDEX(Jesper!AJ$2:AJ$366,ROUNDDOWN($C8206/24,0)+1,1)*INDEX($D$3:$AA$30,INDEX(Jesper!$R$2:$R$366,ROW(INDEX(Jesper!AJ$2:AJ$366,ROUNDDOWN($C8206/24,0)+1,1))-1)+IF('Standard Profiles'!$G$20=$B$10,7,0)+IF('Standard Profiles'!$G$20=$B$17,14,0)+IF('Standard Profiles'!$G$20=$B$24,21,0),MOD($C8206,24)+1)/SUM(INDEX($D$3:$AA$30,INDEX(Jesper!$R$2:$R$366,ROW(INDEX(Jesper!AJ$2:AJ$366,ROUNDDOWN($C8206/24,0)+1,1))-1)+IF('Standard Profiles'!$G$20=$B$10,7,0)+IF('Standard Profiles'!$G$20=$B$17,14,0)+IF('Standard Profiles'!$G$20=$B$24,21,0),0)),0)</f>
        <v>0</v>
      </c>
      <c r="G8206" cm="1">
        <f t="array" ref="G8206">IFERROR(INDEX(Jesper!AK$2:AK$366,ROUNDDOWN($C8206/24,0)+1,1)*INDEX($D$3:$AA$30,INDEX(Jesper!$R$2:$R$366,ROW(INDEX(Jesper!AK$2:AK$366,ROUNDDOWN($C8206/24,0)+1,1))-1)+IF('Standard Profiles'!$G$21=$B$10,7,0)+IF('Standard Profiles'!$G$21=$B$17,14,0)+IF('Standard Profiles'!$G$21=$B$24,21,0),MOD($C8206,24)+1)/SUM(INDEX($D$3:$AA$30,INDEX(Jesper!$R$2:$R$366,ROW(INDEX(Jesper!AK$2:AK$366,ROUNDDOWN($C8206/24,0)+1,1))-1)+IF('Standard Profiles'!$G$21=$B$10,7,0)+IF('Standard Profiles'!$G$21=$B$17,14,0)+IF('Standard Profiles'!$G$21=$B$24,21,0),0)),0)</f>
        <v>36.4285439619104</v>
      </c>
      <c r="H8206" cm="1">
        <f t="array" ref="H8206">IFERROR(INDEX(Jesper!AL$2:AL$366,ROUNDDOWN($C8206/24,0)+1,1)*INDEX($D$3:$AA$30,INDEX(Jesper!$R$2:$R$366,ROW(INDEX(Jesper!AL$2:AL$366,ROUNDDOWN($C8206/24,0)+1,1))-1)+IF('Standard Profiles'!$G$22=$B$10,7,0)+IF('Standard Profiles'!$G$22=$B$17,14,0)+IF('Standard Profiles'!$G$22=$B$24,21,0),MOD($C8206,24)+1)/SUM(INDEX($D$3:$AA$30,INDEX(Jesper!$R$2:$R$366,ROW(INDEX(Jesper!AL$2:AL$366,ROUNDDOWN($C8206/24,0)+1,1))-1)+IF('Standard Profiles'!$G$22=$B$10,7,0)+IF('Standard Profiles'!$G$22=$B$17,14,0)+IF('Standard Profiles'!$G$22=$B$24,21,0),0)),0)</f>
        <v>0</v>
      </c>
      <c r="I8206">
        <f t="shared" si="909"/>
        <v>17.485701101716984</v>
      </c>
      <c r="J8206">
        <f t="shared" si="910"/>
        <v>93.192125376909729</v>
      </c>
      <c r="K8206">
        <f t="shared" si="911"/>
        <v>3.919043904685088</v>
      </c>
      <c r="L8206">
        <f t="shared" si="912"/>
        <v>1.959521952342544</v>
      </c>
      <c r="M8206">
        <f t="shared" si="913"/>
        <v>0</v>
      </c>
      <c r="N8206" s="45">
        <f t="shared" si="914"/>
        <v>45267.49999998018</v>
      </c>
    </row>
    <row r="8207" spans="2:14" x14ac:dyDescent="0.25">
      <c r="B8207">
        <f t="shared" si="908"/>
        <v>4</v>
      </c>
      <c r="C8207" s="16">
        <v>8173</v>
      </c>
      <c r="D8207" cm="1">
        <f t="array" ref="D8207">IFERROR(INDEX(Jesper!AH$2:AH$366,ROUNDDOWN($C8207/24,0)+1,1)*INDEX($D$3:$AA$30,INDEX(Jesper!$R$2:$R$366,ROW(INDEX(Jesper!AH$2:AH$366,ROUNDDOWN($C8207/24,0)+1,1))-1)+IF('Standard Profiles'!$G$18=$B$10,7,0)+IF('Standard Profiles'!$G$18=$B$17,14,0)+IF('Standard Profiles'!$G$18=$B$24,21,0),MOD($C8207,24)+1)/SUM(INDEX($D$3:$AA$30,INDEX(Jesper!$R$2:$R$366,ROW(INDEX(Jesper!AH$2:AH$366,ROUNDDOWN($C8207/24,0)+1,1))-1)+IF('Standard Profiles'!$G$18=$B$10,7,0)+IF('Standard Profiles'!$G$18=$B$17,14,0)+IF('Standard Profiles'!$G$18=$B$24,21,0),0)),0)</f>
        <v>24.406545745695077</v>
      </c>
      <c r="E8207" cm="1">
        <f t="array" ref="E8207">IFERROR(INDEX(Jesper!AI$2:AI$366,ROUNDDOWN($C8207/24,0)+1,1)*INDEX($D$3:$AA$30,INDEX(Jesper!$R$2:$R$366,ROW(INDEX(Jesper!AI$2:AI$366,ROUNDDOWN($C8207/24,0)+1,1))-1)+IF('Standard Profiles'!$G$19=$B$10,7,0)+IF('Standard Profiles'!$G$19=$B$17,14,0)+IF('Standard Profiles'!$G$19=$B$24,21,0),MOD($C8207,24)+1)/SUM(INDEX($D$3:$AA$30,INDEX(Jesper!$R$2:$R$366,ROW(INDEX(Jesper!AI$2:AI$366,ROUNDDOWN($C8207/24,0)+1,1))-1)+IF('Standard Profiles'!$G$19=$B$10,7,0)+IF('Standard Profiles'!$G$19=$B$17,14,0)+IF('Standard Profiles'!$G$19=$B$24,21,0),0)),0)</f>
        <v>28.821239245434828</v>
      </c>
      <c r="F8207" cm="1">
        <f t="array" ref="F8207">IFERROR(INDEX(Jesper!AJ$2:AJ$366,ROUNDDOWN($C8207/24,0)+1,1)*INDEX($D$3:$AA$30,INDEX(Jesper!$R$2:$R$366,ROW(INDEX(Jesper!AJ$2:AJ$366,ROUNDDOWN($C8207/24,0)+1,1))-1)+IF('Standard Profiles'!$G$20=$B$10,7,0)+IF('Standard Profiles'!$G$20=$B$17,14,0)+IF('Standard Profiles'!$G$20=$B$24,21,0),MOD($C8207,24)+1)/SUM(INDEX($D$3:$AA$30,INDEX(Jesper!$R$2:$R$366,ROW(INDEX(Jesper!AJ$2:AJ$366,ROUNDDOWN($C8207/24,0)+1,1))-1)+IF('Standard Profiles'!$G$20=$B$10,7,0)+IF('Standard Profiles'!$G$20=$B$17,14,0)+IF('Standard Profiles'!$G$20=$B$24,21,0),0)),0)</f>
        <v>0</v>
      </c>
      <c r="G8207" cm="1">
        <f t="array" ref="G8207">IFERROR(INDEX(Jesper!AK$2:AK$366,ROUNDDOWN($C8207/24,0)+1,1)*INDEX($D$3:$AA$30,INDEX(Jesper!$R$2:$R$366,ROW(INDEX(Jesper!AK$2:AK$366,ROUNDDOWN($C8207/24,0)+1,1))-1)+IF('Standard Profiles'!$G$21=$B$10,7,0)+IF('Standard Profiles'!$G$21=$B$17,14,0)+IF('Standard Profiles'!$G$21=$B$24,21,0),MOD($C8207,24)+1)/SUM(INDEX($D$3:$AA$30,INDEX(Jesper!$R$2:$R$366,ROW(INDEX(Jesper!AK$2:AK$366,ROUNDDOWN($C8207/24,0)+1,1))-1)+IF('Standard Profiles'!$G$21=$B$10,7,0)+IF('Standard Profiles'!$G$21=$B$17,14,0)+IF('Standard Profiles'!$G$21=$B$24,21,0),0)),0)</f>
        <v>24.198961346126197</v>
      </c>
      <c r="H8207" cm="1">
        <f t="array" ref="H8207">IFERROR(INDEX(Jesper!AL$2:AL$366,ROUNDDOWN($C8207/24,0)+1,1)*INDEX($D$3:$AA$30,INDEX(Jesper!$R$2:$R$366,ROW(INDEX(Jesper!AL$2:AL$366,ROUNDDOWN($C8207/24,0)+1,1))-1)+IF('Standard Profiles'!$G$22=$B$10,7,0)+IF('Standard Profiles'!$G$22=$B$17,14,0)+IF('Standard Profiles'!$G$22=$B$24,21,0),MOD($C8207,24)+1)/SUM(INDEX($D$3:$AA$30,INDEX(Jesper!$R$2:$R$366,ROW(INDEX(Jesper!AL$2:AL$366,ROUNDDOWN($C8207/24,0)+1,1))-1)+IF('Standard Profiles'!$G$22=$B$10,7,0)+IF('Standard Profiles'!$G$22=$B$17,14,0)+IF('Standard Profiles'!$G$22=$B$24,21,0),0)),0)</f>
        <v>0</v>
      </c>
      <c r="I8207">
        <f t="shared" si="909"/>
        <v>11.615501446140568</v>
      </c>
      <c r="J8207">
        <f t="shared" si="910"/>
        <v>61.90619757180432</v>
      </c>
      <c r="K8207">
        <f t="shared" si="911"/>
        <v>2.6033648795408082</v>
      </c>
      <c r="L8207">
        <f t="shared" si="912"/>
        <v>1.3016824397704041</v>
      </c>
      <c r="M8207">
        <f t="shared" si="913"/>
        <v>0</v>
      </c>
      <c r="N8207" s="45">
        <f t="shared" si="914"/>
        <v>45267.541666646845</v>
      </c>
    </row>
    <row r="8208" spans="2:14" x14ac:dyDescent="0.25">
      <c r="B8208">
        <f t="shared" si="908"/>
        <v>4</v>
      </c>
      <c r="C8208" s="16">
        <v>8174</v>
      </c>
      <c r="D8208" cm="1">
        <f t="array" ref="D8208">IFERROR(INDEX(Jesper!AH$2:AH$366,ROUNDDOWN($C8208/24,0)+1,1)*INDEX($D$3:$AA$30,INDEX(Jesper!$R$2:$R$366,ROW(INDEX(Jesper!AH$2:AH$366,ROUNDDOWN($C8208/24,0)+1,1))-1)+IF('Standard Profiles'!$G$18=$B$10,7,0)+IF('Standard Profiles'!$G$18=$B$17,14,0)+IF('Standard Profiles'!$G$18=$B$24,21,0),MOD($C8208,24)+1)/SUM(INDEX($D$3:$AA$30,INDEX(Jesper!$R$2:$R$366,ROW(INDEX(Jesper!AH$2:AH$366,ROUNDDOWN($C8208/24,0)+1,1))-1)+IF('Standard Profiles'!$G$18=$B$10,7,0)+IF('Standard Profiles'!$G$18=$B$17,14,0)+IF('Standard Profiles'!$G$18=$B$24,21,0),0)),0)</f>
        <v>36.741036606422696</v>
      </c>
      <c r="E8208" cm="1">
        <f t="array" ref="E8208">IFERROR(INDEX(Jesper!AI$2:AI$366,ROUNDDOWN($C8208/24,0)+1,1)*INDEX($D$3:$AA$30,INDEX(Jesper!$R$2:$R$366,ROW(INDEX(Jesper!AI$2:AI$366,ROUNDDOWN($C8208/24,0)+1,1))-1)+IF('Standard Profiles'!$G$19=$B$10,7,0)+IF('Standard Profiles'!$G$19=$B$17,14,0)+IF('Standard Profiles'!$G$19=$B$24,21,0),MOD($C8208,24)+1)/SUM(INDEX($D$3:$AA$30,INDEX(Jesper!$R$2:$R$366,ROW(INDEX(Jesper!AI$2:AI$366,ROUNDDOWN($C8208/24,0)+1,1))-1)+IF('Standard Profiles'!$G$19=$B$10,7,0)+IF('Standard Profiles'!$G$19=$B$17,14,0)+IF('Standard Profiles'!$G$19=$B$24,21,0),0)),0)</f>
        <v>43.386811767321248</v>
      </c>
      <c r="F8208" cm="1">
        <f t="array" ref="F8208">IFERROR(INDEX(Jesper!AJ$2:AJ$366,ROUNDDOWN($C8208/24,0)+1,1)*INDEX($D$3:$AA$30,INDEX(Jesper!$R$2:$R$366,ROW(INDEX(Jesper!AJ$2:AJ$366,ROUNDDOWN($C8208/24,0)+1,1))-1)+IF('Standard Profiles'!$G$20=$B$10,7,0)+IF('Standard Profiles'!$G$20=$B$17,14,0)+IF('Standard Profiles'!$G$20=$B$24,21,0),MOD($C8208,24)+1)/SUM(INDEX($D$3:$AA$30,INDEX(Jesper!$R$2:$R$366,ROW(INDEX(Jesper!AJ$2:AJ$366,ROUNDDOWN($C8208/24,0)+1,1))-1)+IF('Standard Profiles'!$G$20=$B$10,7,0)+IF('Standard Profiles'!$G$20=$B$17,14,0)+IF('Standard Profiles'!$G$20=$B$24,21,0),0)),0)</f>
        <v>0</v>
      </c>
      <c r="G8208" cm="1">
        <f t="array" ref="G8208">IFERROR(INDEX(Jesper!AK$2:AK$366,ROUNDDOWN($C8208/24,0)+1,1)*INDEX($D$3:$AA$30,INDEX(Jesper!$R$2:$R$366,ROW(INDEX(Jesper!AK$2:AK$366,ROUNDDOWN($C8208/24,0)+1,1))-1)+IF('Standard Profiles'!$G$21=$B$10,7,0)+IF('Standard Profiles'!$G$21=$B$17,14,0)+IF('Standard Profiles'!$G$21=$B$24,21,0),MOD($C8208,24)+1)/SUM(INDEX($D$3:$AA$30,INDEX(Jesper!$R$2:$R$366,ROW(INDEX(Jesper!AK$2:AK$366,ROUNDDOWN($C8208/24,0)+1,1))-1)+IF('Standard Profiles'!$G$21=$B$10,7,0)+IF('Standard Profiles'!$G$21=$B$17,14,0)+IF('Standard Profiles'!$G$21=$B$24,21,0),0)),0)</f>
        <v>36.4285439619104</v>
      </c>
      <c r="H8208" cm="1">
        <f t="array" ref="H8208">IFERROR(INDEX(Jesper!AL$2:AL$366,ROUNDDOWN($C8208/24,0)+1,1)*INDEX($D$3:$AA$30,INDEX(Jesper!$R$2:$R$366,ROW(INDEX(Jesper!AL$2:AL$366,ROUNDDOWN($C8208/24,0)+1,1))-1)+IF('Standard Profiles'!$G$22=$B$10,7,0)+IF('Standard Profiles'!$G$22=$B$17,14,0)+IF('Standard Profiles'!$G$22=$B$24,21,0),MOD($C8208,24)+1)/SUM(INDEX($D$3:$AA$30,INDEX(Jesper!$R$2:$R$366,ROW(INDEX(Jesper!AL$2:AL$366,ROUNDDOWN($C8208/24,0)+1,1))-1)+IF('Standard Profiles'!$G$22=$B$10,7,0)+IF('Standard Profiles'!$G$22=$B$17,14,0)+IF('Standard Profiles'!$G$22=$B$24,21,0),0)),0)</f>
        <v>0</v>
      </c>
      <c r="I8208">
        <f t="shared" si="909"/>
        <v>17.485701101716984</v>
      </c>
      <c r="J8208">
        <f t="shared" si="910"/>
        <v>93.192125376909729</v>
      </c>
      <c r="K8208">
        <f t="shared" si="911"/>
        <v>3.919043904685088</v>
      </c>
      <c r="L8208">
        <f t="shared" si="912"/>
        <v>1.959521952342544</v>
      </c>
      <c r="M8208">
        <f t="shared" si="913"/>
        <v>0</v>
      </c>
      <c r="N8208" s="45">
        <f t="shared" si="914"/>
        <v>45267.583333313509</v>
      </c>
    </row>
    <row r="8209" spans="2:14" x14ac:dyDescent="0.25">
      <c r="B8209">
        <f t="shared" si="908"/>
        <v>4</v>
      </c>
      <c r="C8209" s="16">
        <v>8175</v>
      </c>
      <c r="D8209" cm="1">
        <f t="array" ref="D8209">IFERROR(INDEX(Jesper!AH$2:AH$366,ROUNDDOWN($C8209/24,0)+1,1)*INDEX($D$3:$AA$30,INDEX(Jesper!$R$2:$R$366,ROW(INDEX(Jesper!AH$2:AH$366,ROUNDDOWN($C8209/24,0)+1,1))-1)+IF('Standard Profiles'!$G$18=$B$10,7,0)+IF('Standard Profiles'!$G$18=$B$17,14,0)+IF('Standard Profiles'!$G$18=$B$24,21,0),MOD($C8209,24)+1)/SUM(INDEX($D$3:$AA$30,INDEX(Jesper!$R$2:$R$366,ROW(INDEX(Jesper!AH$2:AH$366,ROUNDDOWN($C8209/24,0)+1,1))-1)+IF('Standard Profiles'!$G$18=$B$10,7,0)+IF('Standard Profiles'!$G$18=$B$17,14,0)+IF('Standard Profiles'!$G$18=$B$24,21,0),0)),0)</f>
        <v>36.741036606422696</v>
      </c>
      <c r="E8209" cm="1">
        <f t="array" ref="E8209">IFERROR(INDEX(Jesper!AI$2:AI$366,ROUNDDOWN($C8209/24,0)+1,1)*INDEX($D$3:$AA$30,INDEX(Jesper!$R$2:$R$366,ROW(INDEX(Jesper!AI$2:AI$366,ROUNDDOWN($C8209/24,0)+1,1))-1)+IF('Standard Profiles'!$G$19=$B$10,7,0)+IF('Standard Profiles'!$G$19=$B$17,14,0)+IF('Standard Profiles'!$G$19=$B$24,21,0),MOD($C8209,24)+1)/SUM(INDEX($D$3:$AA$30,INDEX(Jesper!$R$2:$R$366,ROW(INDEX(Jesper!AI$2:AI$366,ROUNDDOWN($C8209/24,0)+1,1))-1)+IF('Standard Profiles'!$G$19=$B$10,7,0)+IF('Standard Profiles'!$G$19=$B$17,14,0)+IF('Standard Profiles'!$G$19=$B$24,21,0),0)),0)</f>
        <v>43.386811767321248</v>
      </c>
      <c r="F8209" cm="1">
        <f t="array" ref="F8209">IFERROR(INDEX(Jesper!AJ$2:AJ$366,ROUNDDOWN($C8209/24,0)+1,1)*INDEX($D$3:$AA$30,INDEX(Jesper!$R$2:$R$366,ROW(INDEX(Jesper!AJ$2:AJ$366,ROUNDDOWN($C8209/24,0)+1,1))-1)+IF('Standard Profiles'!$G$20=$B$10,7,0)+IF('Standard Profiles'!$G$20=$B$17,14,0)+IF('Standard Profiles'!$G$20=$B$24,21,0),MOD($C8209,24)+1)/SUM(INDEX($D$3:$AA$30,INDEX(Jesper!$R$2:$R$366,ROW(INDEX(Jesper!AJ$2:AJ$366,ROUNDDOWN($C8209/24,0)+1,1))-1)+IF('Standard Profiles'!$G$20=$B$10,7,0)+IF('Standard Profiles'!$G$20=$B$17,14,0)+IF('Standard Profiles'!$G$20=$B$24,21,0),0)),0)</f>
        <v>0</v>
      </c>
      <c r="G8209" cm="1">
        <f t="array" ref="G8209">IFERROR(INDEX(Jesper!AK$2:AK$366,ROUNDDOWN($C8209/24,0)+1,1)*INDEX($D$3:$AA$30,INDEX(Jesper!$R$2:$R$366,ROW(INDEX(Jesper!AK$2:AK$366,ROUNDDOWN($C8209/24,0)+1,1))-1)+IF('Standard Profiles'!$G$21=$B$10,7,0)+IF('Standard Profiles'!$G$21=$B$17,14,0)+IF('Standard Profiles'!$G$21=$B$24,21,0),MOD($C8209,24)+1)/SUM(INDEX($D$3:$AA$30,INDEX(Jesper!$R$2:$R$366,ROW(INDEX(Jesper!AK$2:AK$366,ROUNDDOWN($C8209/24,0)+1,1))-1)+IF('Standard Profiles'!$G$21=$B$10,7,0)+IF('Standard Profiles'!$G$21=$B$17,14,0)+IF('Standard Profiles'!$G$21=$B$24,21,0),0)),0)</f>
        <v>36.4285439619104</v>
      </c>
      <c r="H8209" cm="1">
        <f t="array" ref="H8209">IFERROR(INDEX(Jesper!AL$2:AL$366,ROUNDDOWN($C8209/24,0)+1,1)*INDEX($D$3:$AA$30,INDEX(Jesper!$R$2:$R$366,ROW(INDEX(Jesper!AL$2:AL$366,ROUNDDOWN($C8209/24,0)+1,1))-1)+IF('Standard Profiles'!$G$22=$B$10,7,0)+IF('Standard Profiles'!$G$22=$B$17,14,0)+IF('Standard Profiles'!$G$22=$B$24,21,0),MOD($C8209,24)+1)/SUM(INDEX($D$3:$AA$30,INDEX(Jesper!$R$2:$R$366,ROW(INDEX(Jesper!AL$2:AL$366,ROUNDDOWN($C8209/24,0)+1,1))-1)+IF('Standard Profiles'!$G$22=$B$10,7,0)+IF('Standard Profiles'!$G$22=$B$17,14,0)+IF('Standard Profiles'!$G$22=$B$24,21,0),0)),0)</f>
        <v>0</v>
      </c>
      <c r="I8209">
        <f t="shared" si="909"/>
        <v>17.485701101716984</v>
      </c>
      <c r="J8209">
        <f t="shared" si="910"/>
        <v>93.192125376909729</v>
      </c>
      <c r="K8209">
        <f t="shared" si="911"/>
        <v>3.919043904685088</v>
      </c>
      <c r="L8209">
        <f t="shared" si="912"/>
        <v>1.959521952342544</v>
      </c>
      <c r="M8209">
        <f t="shared" si="913"/>
        <v>0</v>
      </c>
      <c r="N8209" s="45">
        <f t="shared" si="914"/>
        <v>45267.624999980173</v>
      </c>
    </row>
    <row r="8210" spans="2:14" x14ac:dyDescent="0.25">
      <c r="B8210">
        <f t="shared" si="908"/>
        <v>4</v>
      </c>
      <c r="C8210" s="16">
        <v>8176</v>
      </c>
      <c r="D8210" cm="1">
        <f t="array" ref="D8210">IFERROR(INDEX(Jesper!AH$2:AH$366,ROUNDDOWN($C8210/24,0)+1,1)*INDEX($D$3:$AA$30,INDEX(Jesper!$R$2:$R$366,ROW(INDEX(Jesper!AH$2:AH$366,ROUNDDOWN($C8210/24,0)+1,1))-1)+IF('Standard Profiles'!$G$18=$B$10,7,0)+IF('Standard Profiles'!$G$18=$B$17,14,0)+IF('Standard Profiles'!$G$18=$B$24,21,0),MOD($C8210,24)+1)/SUM(INDEX($D$3:$AA$30,INDEX(Jesper!$R$2:$R$366,ROW(INDEX(Jesper!AH$2:AH$366,ROUNDDOWN($C8210/24,0)+1,1))-1)+IF('Standard Profiles'!$G$18=$B$10,7,0)+IF('Standard Profiles'!$G$18=$B$17,14,0)+IF('Standard Profiles'!$G$18=$B$24,21,0),0)),0)</f>
        <v>21.650968000213378</v>
      </c>
      <c r="E8210" cm="1">
        <f t="array" ref="E8210">IFERROR(INDEX(Jesper!AI$2:AI$366,ROUNDDOWN($C8210/24,0)+1,1)*INDEX($D$3:$AA$30,INDEX(Jesper!$R$2:$R$366,ROW(INDEX(Jesper!AI$2:AI$366,ROUNDDOWN($C8210/24,0)+1,1))-1)+IF('Standard Profiles'!$G$19=$B$10,7,0)+IF('Standard Profiles'!$G$19=$B$17,14,0)+IF('Standard Profiles'!$G$19=$B$24,21,0),MOD($C8210,24)+1)/SUM(INDEX($D$3:$AA$30,INDEX(Jesper!$R$2:$R$366,ROW(INDEX(Jesper!AI$2:AI$366,ROUNDDOWN($C8210/24,0)+1,1))-1)+IF('Standard Profiles'!$G$19=$B$10,7,0)+IF('Standard Profiles'!$G$19=$B$17,14,0)+IF('Standard Profiles'!$G$19=$B$24,21,0),0)),0)</f>
        <v>25.567228362885739</v>
      </c>
      <c r="F8210" cm="1">
        <f t="array" ref="F8210">IFERROR(INDEX(Jesper!AJ$2:AJ$366,ROUNDDOWN($C8210/24,0)+1,1)*INDEX($D$3:$AA$30,INDEX(Jesper!$R$2:$R$366,ROW(INDEX(Jesper!AJ$2:AJ$366,ROUNDDOWN($C8210/24,0)+1,1))-1)+IF('Standard Profiles'!$G$20=$B$10,7,0)+IF('Standard Profiles'!$G$20=$B$17,14,0)+IF('Standard Profiles'!$G$20=$B$24,21,0),MOD($C8210,24)+1)/SUM(INDEX($D$3:$AA$30,INDEX(Jesper!$R$2:$R$366,ROW(INDEX(Jesper!AJ$2:AJ$366,ROUNDDOWN($C8210/24,0)+1,1))-1)+IF('Standard Profiles'!$G$20=$B$10,7,0)+IF('Standard Profiles'!$G$20=$B$17,14,0)+IF('Standard Profiles'!$G$20=$B$24,21,0),0)),0)</f>
        <v>0</v>
      </c>
      <c r="G8210" cm="1">
        <f t="array" ref="G8210">IFERROR(INDEX(Jesper!AK$2:AK$366,ROUNDDOWN($C8210/24,0)+1,1)*INDEX($D$3:$AA$30,INDEX(Jesper!$R$2:$R$366,ROW(INDEX(Jesper!AK$2:AK$366,ROUNDDOWN($C8210/24,0)+1,1))-1)+IF('Standard Profiles'!$G$21=$B$10,7,0)+IF('Standard Profiles'!$G$21=$B$17,14,0)+IF('Standard Profiles'!$G$21=$B$24,21,0),MOD($C8210,24)+1)/SUM(INDEX($D$3:$AA$30,INDEX(Jesper!$R$2:$R$366,ROW(INDEX(Jesper!AK$2:AK$366,ROUNDDOWN($C8210/24,0)+1,1))-1)+IF('Standard Profiles'!$G$21=$B$10,7,0)+IF('Standard Profiles'!$G$21=$B$17,14,0)+IF('Standard Profiles'!$G$21=$B$24,21,0),0)),0)</f>
        <v>30.439368322852477</v>
      </c>
      <c r="H8210" cm="1">
        <f t="array" ref="H8210">IFERROR(INDEX(Jesper!AL$2:AL$366,ROUNDDOWN($C8210/24,0)+1,1)*INDEX($D$3:$AA$30,INDEX(Jesper!$R$2:$R$366,ROW(INDEX(Jesper!AL$2:AL$366,ROUNDDOWN($C8210/24,0)+1,1))-1)+IF('Standard Profiles'!$G$22=$B$10,7,0)+IF('Standard Profiles'!$G$22=$B$17,14,0)+IF('Standard Profiles'!$G$22=$B$24,21,0),MOD($C8210,24)+1)/SUM(INDEX($D$3:$AA$30,INDEX(Jesper!$R$2:$R$366,ROW(INDEX(Jesper!AL$2:AL$366,ROUNDDOWN($C8210/24,0)+1,1))-1)+IF('Standard Profiles'!$G$22=$B$10,7,0)+IF('Standard Profiles'!$G$22=$B$17,14,0)+IF('Standard Profiles'!$G$22=$B$24,21,0),0)),0)</f>
        <v>0</v>
      </c>
      <c r="I8210">
        <f t="shared" si="909"/>
        <v>14.610896794969182</v>
      </c>
      <c r="J8210">
        <f t="shared" si="910"/>
        <v>59.582513010948276</v>
      </c>
      <c r="K8210">
        <f t="shared" si="911"/>
        <v>2.3094365866894271</v>
      </c>
      <c r="L8210">
        <f t="shared" si="912"/>
        <v>1.1547182933447135</v>
      </c>
      <c r="M8210">
        <f t="shared" si="913"/>
        <v>0</v>
      </c>
      <c r="N8210" s="45">
        <f t="shared" si="914"/>
        <v>45267.666666646837</v>
      </c>
    </row>
    <row r="8211" spans="2:14" x14ac:dyDescent="0.25">
      <c r="B8211">
        <f t="shared" si="908"/>
        <v>4</v>
      </c>
      <c r="C8211" s="16">
        <v>8177</v>
      </c>
      <c r="D8211" cm="1">
        <f t="array" ref="D8211">IFERROR(INDEX(Jesper!AH$2:AH$366,ROUNDDOWN($C8211/24,0)+1,1)*INDEX($D$3:$AA$30,INDEX(Jesper!$R$2:$R$366,ROW(INDEX(Jesper!AH$2:AH$366,ROUNDDOWN($C8211/24,0)+1,1))-1)+IF('Standard Profiles'!$G$18=$B$10,7,0)+IF('Standard Profiles'!$G$18=$B$17,14,0)+IF('Standard Profiles'!$G$18=$B$24,21,0),MOD($C8211,24)+1)/SUM(INDEX($D$3:$AA$30,INDEX(Jesper!$R$2:$R$366,ROW(INDEX(Jesper!AH$2:AH$366,ROUNDDOWN($C8211/24,0)+1,1))-1)+IF('Standard Profiles'!$G$18=$B$10,7,0)+IF('Standard Profiles'!$G$18=$B$17,14,0)+IF('Standard Profiles'!$G$18=$B$24,21,0),0)),0)</f>
        <v>9.2407033718366964</v>
      </c>
      <c r="E8211" cm="1">
        <f t="array" ref="E8211">IFERROR(INDEX(Jesper!AI$2:AI$366,ROUNDDOWN($C8211/24,0)+1,1)*INDEX($D$3:$AA$30,INDEX(Jesper!$R$2:$R$366,ROW(INDEX(Jesper!AI$2:AI$366,ROUNDDOWN($C8211/24,0)+1,1))-1)+IF('Standard Profiles'!$G$19=$B$10,7,0)+IF('Standard Profiles'!$G$19=$B$17,14,0)+IF('Standard Profiles'!$G$19=$B$24,21,0),MOD($C8211,24)+1)/SUM(INDEX($D$3:$AA$30,INDEX(Jesper!$R$2:$R$366,ROW(INDEX(Jesper!AI$2:AI$366,ROUNDDOWN($C8211/24,0)+1,1))-1)+IF('Standard Profiles'!$G$19=$B$10,7,0)+IF('Standard Profiles'!$G$19=$B$17,14,0)+IF('Standard Profiles'!$G$19=$B$24,21,0),0)),0)</f>
        <v>10.912175997817217</v>
      </c>
      <c r="F8211" cm="1">
        <f t="array" ref="F8211">IFERROR(INDEX(Jesper!AJ$2:AJ$366,ROUNDDOWN($C8211/24,0)+1,1)*INDEX($D$3:$AA$30,INDEX(Jesper!$R$2:$R$366,ROW(INDEX(Jesper!AJ$2:AJ$366,ROUNDDOWN($C8211/24,0)+1,1))-1)+IF('Standard Profiles'!$G$20=$B$10,7,0)+IF('Standard Profiles'!$G$20=$B$17,14,0)+IF('Standard Profiles'!$G$20=$B$24,21,0),MOD($C8211,24)+1)/SUM(INDEX($D$3:$AA$30,INDEX(Jesper!$R$2:$R$366,ROW(INDEX(Jesper!AJ$2:AJ$366,ROUNDDOWN($C8211/24,0)+1,1))-1)+IF('Standard Profiles'!$G$20=$B$10,7,0)+IF('Standard Profiles'!$G$20=$B$17,14,0)+IF('Standard Profiles'!$G$20=$B$24,21,0),0)),0)</f>
        <v>0</v>
      </c>
      <c r="G8211" cm="1">
        <f t="array" ref="G8211">IFERROR(INDEX(Jesper!AK$2:AK$366,ROUNDDOWN($C8211/24,0)+1,1)*INDEX($D$3:$AA$30,INDEX(Jesper!$R$2:$R$366,ROW(INDEX(Jesper!AK$2:AK$366,ROUNDDOWN($C8211/24,0)+1,1))-1)+IF('Standard Profiles'!$G$21=$B$10,7,0)+IF('Standard Profiles'!$G$21=$B$17,14,0)+IF('Standard Profiles'!$G$21=$B$24,21,0),MOD($C8211,24)+1)/SUM(INDEX($D$3:$AA$30,INDEX(Jesper!$R$2:$R$366,ROW(INDEX(Jesper!AK$2:AK$366,ROUNDDOWN($C8211/24,0)+1,1))-1)+IF('Standard Profiles'!$G$21=$B$10,7,0)+IF('Standard Profiles'!$G$21=$B$17,14,0)+IF('Standard Profiles'!$G$21=$B$24,21,0),0)),0)</f>
        <v>24.203447620013129</v>
      </c>
      <c r="H8211" cm="1">
        <f t="array" ref="H8211">IFERROR(INDEX(Jesper!AL$2:AL$366,ROUNDDOWN($C8211/24,0)+1,1)*INDEX($D$3:$AA$30,INDEX(Jesper!$R$2:$R$366,ROW(INDEX(Jesper!AL$2:AL$366,ROUNDDOWN($C8211/24,0)+1,1))-1)+IF('Standard Profiles'!$G$22=$B$10,7,0)+IF('Standard Profiles'!$G$22=$B$17,14,0)+IF('Standard Profiles'!$G$22=$B$24,21,0),MOD($C8211,24)+1)/SUM(INDEX($D$3:$AA$30,INDEX(Jesper!$R$2:$R$366,ROW(INDEX(Jesper!AL$2:AL$366,ROUNDDOWN($C8211/24,0)+1,1))-1)+IF('Standard Profiles'!$G$22=$B$10,7,0)+IF('Standard Profiles'!$G$22=$B$17,14,0)+IF('Standard Profiles'!$G$22=$B$24,21,0),0)),0)</f>
        <v>0</v>
      </c>
      <c r="I8211">
        <f t="shared" si="909"/>
        <v>11.617654857606297</v>
      </c>
      <c r="J8211">
        <f t="shared" si="910"/>
        <v>31.260159592566872</v>
      </c>
      <c r="K8211">
        <f t="shared" si="911"/>
        <v>0.98567502632924764</v>
      </c>
      <c r="L8211">
        <f t="shared" si="912"/>
        <v>0.49283751316462382</v>
      </c>
      <c r="M8211">
        <f t="shared" si="913"/>
        <v>0</v>
      </c>
      <c r="N8211" s="45">
        <f t="shared" si="914"/>
        <v>45267.708333313501</v>
      </c>
    </row>
    <row r="8212" spans="2:14" x14ac:dyDescent="0.25">
      <c r="B8212">
        <f t="shared" si="908"/>
        <v>4</v>
      </c>
      <c r="C8212" s="16">
        <v>8178</v>
      </c>
      <c r="D8212" cm="1">
        <f t="array" ref="D8212">IFERROR(INDEX(Jesper!AH$2:AH$366,ROUNDDOWN($C8212/24,0)+1,1)*INDEX($D$3:$AA$30,INDEX(Jesper!$R$2:$R$366,ROW(INDEX(Jesper!AH$2:AH$366,ROUNDDOWN($C8212/24,0)+1,1))-1)+IF('Standard Profiles'!$G$18=$B$10,7,0)+IF('Standard Profiles'!$G$18=$B$17,14,0)+IF('Standard Profiles'!$G$18=$B$24,21,0),MOD($C8212,24)+1)/SUM(INDEX($D$3:$AA$30,INDEX(Jesper!$R$2:$R$366,ROW(INDEX(Jesper!AH$2:AH$366,ROUNDDOWN($C8212/24,0)+1,1))-1)+IF('Standard Profiles'!$G$18=$B$10,7,0)+IF('Standard Profiles'!$G$18=$B$17,14,0)+IF('Standard Profiles'!$G$18=$B$24,21,0),0)),0)</f>
        <v>6.0988642254122194</v>
      </c>
      <c r="E8212" cm="1">
        <f t="array" ref="E8212">IFERROR(INDEX(Jesper!AI$2:AI$366,ROUNDDOWN($C8212/24,0)+1,1)*INDEX($D$3:$AA$30,INDEX(Jesper!$R$2:$R$366,ROW(INDEX(Jesper!AI$2:AI$366,ROUNDDOWN($C8212/24,0)+1,1))-1)+IF('Standard Profiles'!$G$19=$B$10,7,0)+IF('Standard Profiles'!$G$19=$B$17,14,0)+IF('Standard Profiles'!$G$19=$B$24,21,0),MOD($C8212,24)+1)/SUM(INDEX($D$3:$AA$30,INDEX(Jesper!$R$2:$R$366,ROW(INDEX(Jesper!AI$2:AI$366,ROUNDDOWN($C8212/24,0)+1,1))-1)+IF('Standard Profiles'!$G$19=$B$10,7,0)+IF('Standard Profiles'!$G$19=$B$17,14,0)+IF('Standard Profiles'!$G$19=$B$24,21,0),0)),0)</f>
        <v>7.2020361585593626</v>
      </c>
      <c r="F8212" cm="1">
        <f t="array" ref="F8212">IFERROR(INDEX(Jesper!AJ$2:AJ$366,ROUNDDOWN($C8212/24,0)+1,1)*INDEX($D$3:$AA$30,INDEX(Jesper!$R$2:$R$366,ROW(INDEX(Jesper!AJ$2:AJ$366,ROUNDDOWN($C8212/24,0)+1,1))-1)+IF('Standard Profiles'!$G$20=$B$10,7,0)+IF('Standard Profiles'!$G$20=$B$17,14,0)+IF('Standard Profiles'!$G$20=$B$24,21,0),MOD($C8212,24)+1)/SUM(INDEX($D$3:$AA$30,INDEX(Jesper!$R$2:$R$366,ROW(INDEX(Jesper!AJ$2:AJ$366,ROUNDDOWN($C8212/24,0)+1,1))-1)+IF('Standard Profiles'!$G$20=$B$10,7,0)+IF('Standard Profiles'!$G$20=$B$17,14,0)+IF('Standard Profiles'!$G$20=$B$24,21,0),0)),0)</f>
        <v>0</v>
      </c>
      <c r="G8212" cm="1">
        <f t="array" ref="G8212">IFERROR(INDEX(Jesper!AK$2:AK$366,ROUNDDOWN($C8212/24,0)+1,1)*INDEX($D$3:$AA$30,INDEX(Jesper!$R$2:$R$366,ROW(INDEX(Jesper!AK$2:AK$366,ROUNDDOWN($C8212/24,0)+1,1))-1)+IF('Standard Profiles'!$G$21=$B$10,7,0)+IF('Standard Profiles'!$G$21=$B$17,14,0)+IF('Standard Profiles'!$G$21=$B$24,21,0),MOD($C8212,24)+1)/SUM(INDEX($D$3:$AA$30,INDEX(Jesper!$R$2:$R$366,ROW(INDEX(Jesper!AK$2:AK$366,ROUNDDOWN($C8212/24,0)+1,1))-1)+IF('Standard Profiles'!$G$21=$B$10,7,0)+IF('Standard Profiles'!$G$21=$B$17,14,0)+IF('Standard Profiles'!$G$21=$B$24,21,0),0)),0)</f>
        <v>8.9725477738695592</v>
      </c>
      <c r="H8212" cm="1">
        <f t="array" ref="H8212">IFERROR(INDEX(Jesper!AL$2:AL$366,ROUNDDOWN($C8212/24,0)+1,1)*INDEX($D$3:$AA$30,INDEX(Jesper!$R$2:$R$366,ROW(INDEX(Jesper!AL$2:AL$366,ROUNDDOWN($C8212/24,0)+1,1))-1)+IF('Standard Profiles'!$G$22=$B$10,7,0)+IF('Standard Profiles'!$G$22=$B$17,14,0)+IF('Standard Profiles'!$G$22=$B$24,21,0),MOD($C8212,24)+1)/SUM(INDEX($D$3:$AA$30,INDEX(Jesper!$R$2:$R$366,ROW(INDEX(Jesper!AL$2:AL$366,ROUNDDOWN($C8212/24,0)+1,1))-1)+IF('Standard Profiles'!$G$22=$B$10,7,0)+IF('Standard Profiles'!$G$22=$B$17,14,0)+IF('Standard Profiles'!$G$22=$B$24,21,0),0)),0)</f>
        <v>0</v>
      </c>
      <c r="I8212">
        <f t="shared" si="909"/>
        <v>4.3068229314573863</v>
      </c>
      <c r="J8212">
        <f t="shared" si="910"/>
        <v>16.990806950317797</v>
      </c>
      <c r="K8212">
        <f t="shared" si="911"/>
        <v>0.65054551737730348</v>
      </c>
      <c r="L8212">
        <f t="shared" si="912"/>
        <v>0.32527275868865174</v>
      </c>
      <c r="M8212">
        <f t="shared" si="913"/>
        <v>0</v>
      </c>
      <c r="N8212" s="45">
        <f t="shared" si="914"/>
        <v>45267.749999980166</v>
      </c>
    </row>
    <row r="8213" spans="2:14" x14ac:dyDescent="0.25">
      <c r="B8213">
        <f t="shared" si="908"/>
        <v>4</v>
      </c>
      <c r="C8213" s="16">
        <v>8179</v>
      </c>
      <c r="D8213" cm="1">
        <f t="array" ref="D8213">IFERROR(INDEX(Jesper!AH$2:AH$366,ROUNDDOWN($C8213/24,0)+1,1)*INDEX($D$3:$AA$30,INDEX(Jesper!$R$2:$R$366,ROW(INDEX(Jesper!AH$2:AH$366,ROUNDDOWN($C8213/24,0)+1,1))-1)+IF('Standard Profiles'!$G$18=$B$10,7,0)+IF('Standard Profiles'!$G$18=$B$17,14,0)+IF('Standard Profiles'!$G$18=$B$24,21,0),MOD($C8213,24)+1)/SUM(INDEX($D$3:$AA$30,INDEX(Jesper!$R$2:$R$366,ROW(INDEX(Jesper!AH$2:AH$366,ROUNDDOWN($C8213/24,0)+1,1))-1)+IF('Standard Profiles'!$G$18=$B$10,7,0)+IF('Standard Profiles'!$G$18=$B$17,14,0)+IF('Standard Profiles'!$G$18=$B$24,21,0),0)),0)</f>
        <v>6.0988642254122194</v>
      </c>
      <c r="E8213" cm="1">
        <f t="array" ref="E8213">IFERROR(INDEX(Jesper!AI$2:AI$366,ROUNDDOWN($C8213/24,0)+1,1)*INDEX($D$3:$AA$30,INDEX(Jesper!$R$2:$R$366,ROW(INDEX(Jesper!AI$2:AI$366,ROUNDDOWN($C8213/24,0)+1,1))-1)+IF('Standard Profiles'!$G$19=$B$10,7,0)+IF('Standard Profiles'!$G$19=$B$17,14,0)+IF('Standard Profiles'!$G$19=$B$24,21,0),MOD($C8213,24)+1)/SUM(INDEX($D$3:$AA$30,INDEX(Jesper!$R$2:$R$366,ROW(INDEX(Jesper!AI$2:AI$366,ROUNDDOWN($C8213/24,0)+1,1))-1)+IF('Standard Profiles'!$G$19=$B$10,7,0)+IF('Standard Profiles'!$G$19=$B$17,14,0)+IF('Standard Profiles'!$G$19=$B$24,21,0),0)),0)</f>
        <v>7.2020361585593626</v>
      </c>
      <c r="F8213" cm="1">
        <f t="array" ref="F8213">IFERROR(INDEX(Jesper!AJ$2:AJ$366,ROUNDDOWN($C8213/24,0)+1,1)*INDEX($D$3:$AA$30,INDEX(Jesper!$R$2:$R$366,ROW(INDEX(Jesper!AJ$2:AJ$366,ROUNDDOWN($C8213/24,0)+1,1))-1)+IF('Standard Profiles'!$G$20=$B$10,7,0)+IF('Standard Profiles'!$G$20=$B$17,14,0)+IF('Standard Profiles'!$G$20=$B$24,21,0),MOD($C8213,24)+1)/SUM(INDEX($D$3:$AA$30,INDEX(Jesper!$R$2:$R$366,ROW(INDEX(Jesper!AJ$2:AJ$366,ROUNDDOWN($C8213/24,0)+1,1))-1)+IF('Standard Profiles'!$G$20=$B$10,7,0)+IF('Standard Profiles'!$G$20=$B$17,14,0)+IF('Standard Profiles'!$G$20=$B$24,21,0),0)),0)</f>
        <v>0</v>
      </c>
      <c r="G8213" cm="1">
        <f t="array" ref="G8213">IFERROR(INDEX(Jesper!AK$2:AK$366,ROUNDDOWN($C8213/24,0)+1,1)*INDEX($D$3:$AA$30,INDEX(Jesper!$R$2:$R$366,ROW(INDEX(Jesper!AK$2:AK$366,ROUNDDOWN($C8213/24,0)+1,1))-1)+IF('Standard Profiles'!$G$21=$B$10,7,0)+IF('Standard Profiles'!$G$21=$B$17,14,0)+IF('Standard Profiles'!$G$21=$B$24,21,0),MOD($C8213,24)+1)/SUM(INDEX($D$3:$AA$30,INDEX(Jesper!$R$2:$R$366,ROW(INDEX(Jesper!AK$2:AK$366,ROUNDDOWN($C8213/24,0)+1,1))-1)+IF('Standard Profiles'!$G$21=$B$10,7,0)+IF('Standard Profiles'!$G$21=$B$17,14,0)+IF('Standard Profiles'!$G$21=$B$24,21,0),0)),0)</f>
        <v>8.9725477738695592</v>
      </c>
      <c r="H8213" cm="1">
        <f t="array" ref="H8213">IFERROR(INDEX(Jesper!AL$2:AL$366,ROUNDDOWN($C8213/24,0)+1,1)*INDEX($D$3:$AA$30,INDEX(Jesper!$R$2:$R$366,ROW(INDEX(Jesper!AL$2:AL$366,ROUNDDOWN($C8213/24,0)+1,1))-1)+IF('Standard Profiles'!$G$22=$B$10,7,0)+IF('Standard Profiles'!$G$22=$B$17,14,0)+IF('Standard Profiles'!$G$22=$B$24,21,0),MOD($C8213,24)+1)/SUM(INDEX($D$3:$AA$30,INDEX(Jesper!$R$2:$R$366,ROW(INDEX(Jesper!AL$2:AL$366,ROUNDDOWN($C8213/24,0)+1,1))-1)+IF('Standard Profiles'!$G$22=$B$10,7,0)+IF('Standard Profiles'!$G$22=$B$17,14,0)+IF('Standard Profiles'!$G$22=$B$24,21,0),0)),0)</f>
        <v>0</v>
      </c>
      <c r="I8213">
        <f t="shared" si="909"/>
        <v>4.3068229314573863</v>
      </c>
      <c r="J8213">
        <f t="shared" si="910"/>
        <v>16.990806950317797</v>
      </c>
      <c r="K8213">
        <f t="shared" si="911"/>
        <v>0.65054551737730348</v>
      </c>
      <c r="L8213">
        <f t="shared" si="912"/>
        <v>0.32527275868865174</v>
      </c>
      <c r="M8213">
        <f t="shared" si="913"/>
        <v>0</v>
      </c>
      <c r="N8213" s="45">
        <f t="shared" si="914"/>
        <v>45267.79166664683</v>
      </c>
    </row>
    <row r="8214" spans="2:14" x14ac:dyDescent="0.25">
      <c r="B8214">
        <f t="shared" si="908"/>
        <v>4</v>
      </c>
      <c r="C8214" s="16">
        <v>8180</v>
      </c>
      <c r="D8214" cm="1">
        <f t="array" ref="D8214">IFERROR(INDEX(Jesper!AH$2:AH$366,ROUNDDOWN($C8214/24,0)+1,1)*INDEX($D$3:$AA$30,INDEX(Jesper!$R$2:$R$366,ROW(INDEX(Jesper!AH$2:AH$366,ROUNDDOWN($C8214/24,0)+1,1))-1)+IF('Standard Profiles'!$G$18=$B$10,7,0)+IF('Standard Profiles'!$G$18=$B$17,14,0)+IF('Standard Profiles'!$G$18=$B$24,21,0),MOD($C8214,24)+1)/SUM(INDEX($D$3:$AA$30,INDEX(Jesper!$R$2:$R$366,ROW(INDEX(Jesper!AH$2:AH$366,ROUNDDOWN($C8214/24,0)+1,1))-1)+IF('Standard Profiles'!$G$18=$B$10,7,0)+IF('Standard Profiles'!$G$18=$B$17,14,0)+IF('Standard Profiles'!$G$18=$B$24,21,0),0)),0)</f>
        <v>6.0988642254122194</v>
      </c>
      <c r="E8214" cm="1">
        <f t="array" ref="E8214">IFERROR(INDEX(Jesper!AI$2:AI$366,ROUNDDOWN($C8214/24,0)+1,1)*INDEX($D$3:$AA$30,INDEX(Jesper!$R$2:$R$366,ROW(INDEX(Jesper!AI$2:AI$366,ROUNDDOWN($C8214/24,0)+1,1))-1)+IF('Standard Profiles'!$G$19=$B$10,7,0)+IF('Standard Profiles'!$G$19=$B$17,14,0)+IF('Standard Profiles'!$G$19=$B$24,21,0),MOD($C8214,24)+1)/SUM(INDEX($D$3:$AA$30,INDEX(Jesper!$R$2:$R$366,ROW(INDEX(Jesper!AI$2:AI$366,ROUNDDOWN($C8214/24,0)+1,1))-1)+IF('Standard Profiles'!$G$19=$B$10,7,0)+IF('Standard Profiles'!$G$19=$B$17,14,0)+IF('Standard Profiles'!$G$19=$B$24,21,0),0)),0)</f>
        <v>7.2020361585593626</v>
      </c>
      <c r="F8214" cm="1">
        <f t="array" ref="F8214">IFERROR(INDEX(Jesper!AJ$2:AJ$366,ROUNDDOWN($C8214/24,0)+1,1)*INDEX($D$3:$AA$30,INDEX(Jesper!$R$2:$R$366,ROW(INDEX(Jesper!AJ$2:AJ$366,ROUNDDOWN($C8214/24,0)+1,1))-1)+IF('Standard Profiles'!$G$20=$B$10,7,0)+IF('Standard Profiles'!$G$20=$B$17,14,0)+IF('Standard Profiles'!$G$20=$B$24,21,0),MOD($C8214,24)+1)/SUM(INDEX($D$3:$AA$30,INDEX(Jesper!$R$2:$R$366,ROW(INDEX(Jesper!AJ$2:AJ$366,ROUNDDOWN($C8214/24,0)+1,1))-1)+IF('Standard Profiles'!$G$20=$B$10,7,0)+IF('Standard Profiles'!$G$20=$B$17,14,0)+IF('Standard Profiles'!$G$20=$B$24,21,0),0)),0)</f>
        <v>0</v>
      </c>
      <c r="G8214" cm="1">
        <f t="array" ref="G8214">IFERROR(INDEX(Jesper!AK$2:AK$366,ROUNDDOWN($C8214/24,0)+1,1)*INDEX($D$3:$AA$30,INDEX(Jesper!$R$2:$R$366,ROW(INDEX(Jesper!AK$2:AK$366,ROUNDDOWN($C8214/24,0)+1,1))-1)+IF('Standard Profiles'!$G$21=$B$10,7,0)+IF('Standard Profiles'!$G$21=$B$17,14,0)+IF('Standard Profiles'!$G$21=$B$24,21,0),MOD($C8214,24)+1)/SUM(INDEX($D$3:$AA$30,INDEX(Jesper!$R$2:$R$366,ROW(INDEX(Jesper!AK$2:AK$366,ROUNDDOWN($C8214/24,0)+1,1))-1)+IF('Standard Profiles'!$G$21=$B$10,7,0)+IF('Standard Profiles'!$G$21=$B$17,14,0)+IF('Standard Profiles'!$G$21=$B$24,21,0),0)),0)</f>
        <v>8.9725477738695592</v>
      </c>
      <c r="H8214" cm="1">
        <f t="array" ref="H8214">IFERROR(INDEX(Jesper!AL$2:AL$366,ROUNDDOWN($C8214/24,0)+1,1)*INDEX($D$3:$AA$30,INDEX(Jesper!$R$2:$R$366,ROW(INDEX(Jesper!AL$2:AL$366,ROUNDDOWN($C8214/24,0)+1,1))-1)+IF('Standard Profiles'!$G$22=$B$10,7,0)+IF('Standard Profiles'!$G$22=$B$17,14,0)+IF('Standard Profiles'!$G$22=$B$24,21,0),MOD($C8214,24)+1)/SUM(INDEX($D$3:$AA$30,INDEX(Jesper!$R$2:$R$366,ROW(INDEX(Jesper!AL$2:AL$366,ROUNDDOWN($C8214/24,0)+1,1))-1)+IF('Standard Profiles'!$G$22=$B$10,7,0)+IF('Standard Profiles'!$G$22=$B$17,14,0)+IF('Standard Profiles'!$G$22=$B$24,21,0),0)),0)</f>
        <v>0</v>
      </c>
      <c r="I8214">
        <f t="shared" si="909"/>
        <v>4.3068229314573863</v>
      </c>
      <c r="J8214">
        <f t="shared" si="910"/>
        <v>16.990806950317797</v>
      </c>
      <c r="K8214">
        <f t="shared" si="911"/>
        <v>0.65054551737730348</v>
      </c>
      <c r="L8214">
        <f t="shared" si="912"/>
        <v>0.32527275868865174</v>
      </c>
      <c r="M8214">
        <f t="shared" si="913"/>
        <v>0</v>
      </c>
      <c r="N8214" s="45">
        <f t="shared" si="914"/>
        <v>45267.833333313494</v>
      </c>
    </row>
    <row r="8215" spans="2:14" x14ac:dyDescent="0.25">
      <c r="B8215">
        <f t="shared" si="908"/>
        <v>4</v>
      </c>
      <c r="C8215" s="16">
        <v>8181</v>
      </c>
      <c r="D8215" cm="1">
        <f t="array" ref="D8215">IFERROR(INDEX(Jesper!AH$2:AH$366,ROUNDDOWN($C8215/24,0)+1,1)*INDEX($D$3:$AA$30,INDEX(Jesper!$R$2:$R$366,ROW(INDEX(Jesper!AH$2:AH$366,ROUNDDOWN($C8215/24,0)+1,1))-1)+IF('Standard Profiles'!$G$18=$B$10,7,0)+IF('Standard Profiles'!$G$18=$B$17,14,0)+IF('Standard Profiles'!$G$18=$B$24,21,0),MOD($C8215,24)+1)/SUM(INDEX($D$3:$AA$30,INDEX(Jesper!$R$2:$R$366,ROW(INDEX(Jesper!AH$2:AH$366,ROUNDDOWN($C8215/24,0)+1,1))-1)+IF('Standard Profiles'!$G$18=$B$10,7,0)+IF('Standard Profiles'!$G$18=$B$17,14,0)+IF('Standard Profiles'!$G$18=$B$24,21,0),0)),0)</f>
        <v>6.0988642254122194</v>
      </c>
      <c r="E8215" cm="1">
        <f t="array" ref="E8215">IFERROR(INDEX(Jesper!AI$2:AI$366,ROUNDDOWN($C8215/24,0)+1,1)*INDEX($D$3:$AA$30,INDEX(Jesper!$R$2:$R$366,ROW(INDEX(Jesper!AI$2:AI$366,ROUNDDOWN($C8215/24,0)+1,1))-1)+IF('Standard Profiles'!$G$19=$B$10,7,0)+IF('Standard Profiles'!$G$19=$B$17,14,0)+IF('Standard Profiles'!$G$19=$B$24,21,0),MOD($C8215,24)+1)/SUM(INDEX($D$3:$AA$30,INDEX(Jesper!$R$2:$R$366,ROW(INDEX(Jesper!AI$2:AI$366,ROUNDDOWN($C8215/24,0)+1,1))-1)+IF('Standard Profiles'!$G$19=$B$10,7,0)+IF('Standard Profiles'!$G$19=$B$17,14,0)+IF('Standard Profiles'!$G$19=$B$24,21,0),0)),0)</f>
        <v>7.2020361585593626</v>
      </c>
      <c r="F8215" cm="1">
        <f t="array" ref="F8215">IFERROR(INDEX(Jesper!AJ$2:AJ$366,ROUNDDOWN($C8215/24,0)+1,1)*INDEX($D$3:$AA$30,INDEX(Jesper!$R$2:$R$366,ROW(INDEX(Jesper!AJ$2:AJ$366,ROUNDDOWN($C8215/24,0)+1,1))-1)+IF('Standard Profiles'!$G$20=$B$10,7,0)+IF('Standard Profiles'!$G$20=$B$17,14,0)+IF('Standard Profiles'!$G$20=$B$24,21,0),MOD($C8215,24)+1)/SUM(INDEX($D$3:$AA$30,INDEX(Jesper!$R$2:$R$366,ROW(INDEX(Jesper!AJ$2:AJ$366,ROUNDDOWN($C8215/24,0)+1,1))-1)+IF('Standard Profiles'!$G$20=$B$10,7,0)+IF('Standard Profiles'!$G$20=$B$17,14,0)+IF('Standard Profiles'!$G$20=$B$24,21,0),0)),0)</f>
        <v>0</v>
      </c>
      <c r="G8215" cm="1">
        <f t="array" ref="G8215">IFERROR(INDEX(Jesper!AK$2:AK$366,ROUNDDOWN($C8215/24,0)+1,1)*INDEX($D$3:$AA$30,INDEX(Jesper!$R$2:$R$366,ROW(INDEX(Jesper!AK$2:AK$366,ROUNDDOWN($C8215/24,0)+1,1))-1)+IF('Standard Profiles'!$G$21=$B$10,7,0)+IF('Standard Profiles'!$G$21=$B$17,14,0)+IF('Standard Profiles'!$G$21=$B$24,21,0),MOD($C8215,24)+1)/SUM(INDEX($D$3:$AA$30,INDEX(Jesper!$R$2:$R$366,ROW(INDEX(Jesper!AK$2:AK$366,ROUNDDOWN($C8215/24,0)+1,1))-1)+IF('Standard Profiles'!$G$21=$B$10,7,0)+IF('Standard Profiles'!$G$21=$B$17,14,0)+IF('Standard Profiles'!$G$21=$B$24,21,0),0)),0)</f>
        <v>8.9725477738695592</v>
      </c>
      <c r="H8215" cm="1">
        <f t="array" ref="H8215">IFERROR(INDEX(Jesper!AL$2:AL$366,ROUNDDOWN($C8215/24,0)+1,1)*INDEX($D$3:$AA$30,INDEX(Jesper!$R$2:$R$366,ROW(INDEX(Jesper!AL$2:AL$366,ROUNDDOWN($C8215/24,0)+1,1))-1)+IF('Standard Profiles'!$G$22=$B$10,7,0)+IF('Standard Profiles'!$G$22=$B$17,14,0)+IF('Standard Profiles'!$G$22=$B$24,21,0),MOD($C8215,24)+1)/SUM(INDEX($D$3:$AA$30,INDEX(Jesper!$R$2:$R$366,ROW(INDEX(Jesper!AL$2:AL$366,ROUNDDOWN($C8215/24,0)+1,1))-1)+IF('Standard Profiles'!$G$22=$B$10,7,0)+IF('Standard Profiles'!$G$22=$B$17,14,0)+IF('Standard Profiles'!$G$22=$B$24,21,0),0)),0)</f>
        <v>0</v>
      </c>
      <c r="I8215">
        <f t="shared" si="909"/>
        <v>4.3068229314573863</v>
      </c>
      <c r="J8215">
        <f t="shared" si="910"/>
        <v>16.990806950317797</v>
      </c>
      <c r="K8215">
        <f t="shared" si="911"/>
        <v>0.65054551737730348</v>
      </c>
      <c r="L8215">
        <f t="shared" si="912"/>
        <v>0.32527275868865174</v>
      </c>
      <c r="M8215">
        <f t="shared" si="913"/>
        <v>0</v>
      </c>
      <c r="N8215" s="45">
        <f t="shared" si="914"/>
        <v>45267.874999980158</v>
      </c>
    </row>
    <row r="8216" spans="2:14" x14ac:dyDescent="0.25">
      <c r="B8216">
        <f t="shared" si="908"/>
        <v>4</v>
      </c>
      <c r="C8216" s="16">
        <v>8182</v>
      </c>
      <c r="D8216" cm="1">
        <f t="array" ref="D8216">IFERROR(INDEX(Jesper!AH$2:AH$366,ROUNDDOWN($C8216/24,0)+1,1)*INDEX($D$3:$AA$30,INDEX(Jesper!$R$2:$R$366,ROW(INDEX(Jesper!AH$2:AH$366,ROUNDDOWN($C8216/24,0)+1,1))-1)+IF('Standard Profiles'!$G$18=$B$10,7,0)+IF('Standard Profiles'!$G$18=$B$17,14,0)+IF('Standard Profiles'!$G$18=$B$24,21,0),MOD($C8216,24)+1)/SUM(INDEX($D$3:$AA$30,INDEX(Jesper!$R$2:$R$366,ROW(INDEX(Jesper!AH$2:AH$366,ROUNDDOWN($C8216/24,0)+1,1))-1)+IF('Standard Profiles'!$G$18=$B$10,7,0)+IF('Standard Profiles'!$G$18=$B$17,14,0)+IF('Standard Profiles'!$G$18=$B$24,21,0),0)),0)</f>
        <v>6.0988642254122194</v>
      </c>
      <c r="E8216" cm="1">
        <f t="array" ref="E8216">IFERROR(INDEX(Jesper!AI$2:AI$366,ROUNDDOWN($C8216/24,0)+1,1)*INDEX($D$3:$AA$30,INDEX(Jesper!$R$2:$R$366,ROW(INDEX(Jesper!AI$2:AI$366,ROUNDDOWN($C8216/24,0)+1,1))-1)+IF('Standard Profiles'!$G$19=$B$10,7,0)+IF('Standard Profiles'!$G$19=$B$17,14,0)+IF('Standard Profiles'!$G$19=$B$24,21,0),MOD($C8216,24)+1)/SUM(INDEX($D$3:$AA$30,INDEX(Jesper!$R$2:$R$366,ROW(INDEX(Jesper!AI$2:AI$366,ROUNDDOWN($C8216/24,0)+1,1))-1)+IF('Standard Profiles'!$G$19=$B$10,7,0)+IF('Standard Profiles'!$G$19=$B$17,14,0)+IF('Standard Profiles'!$G$19=$B$24,21,0),0)),0)</f>
        <v>7.2020361585593626</v>
      </c>
      <c r="F8216" cm="1">
        <f t="array" ref="F8216">IFERROR(INDEX(Jesper!AJ$2:AJ$366,ROUNDDOWN($C8216/24,0)+1,1)*INDEX($D$3:$AA$30,INDEX(Jesper!$R$2:$R$366,ROW(INDEX(Jesper!AJ$2:AJ$366,ROUNDDOWN($C8216/24,0)+1,1))-1)+IF('Standard Profiles'!$G$20=$B$10,7,0)+IF('Standard Profiles'!$G$20=$B$17,14,0)+IF('Standard Profiles'!$G$20=$B$24,21,0),MOD($C8216,24)+1)/SUM(INDEX($D$3:$AA$30,INDEX(Jesper!$R$2:$R$366,ROW(INDEX(Jesper!AJ$2:AJ$366,ROUNDDOWN($C8216/24,0)+1,1))-1)+IF('Standard Profiles'!$G$20=$B$10,7,0)+IF('Standard Profiles'!$G$20=$B$17,14,0)+IF('Standard Profiles'!$G$20=$B$24,21,0),0)),0)</f>
        <v>0</v>
      </c>
      <c r="G8216" cm="1">
        <f t="array" ref="G8216">IFERROR(INDEX(Jesper!AK$2:AK$366,ROUNDDOWN($C8216/24,0)+1,1)*INDEX($D$3:$AA$30,INDEX(Jesper!$R$2:$R$366,ROW(INDEX(Jesper!AK$2:AK$366,ROUNDDOWN($C8216/24,0)+1,1))-1)+IF('Standard Profiles'!$G$21=$B$10,7,0)+IF('Standard Profiles'!$G$21=$B$17,14,0)+IF('Standard Profiles'!$G$21=$B$24,21,0),MOD($C8216,24)+1)/SUM(INDEX($D$3:$AA$30,INDEX(Jesper!$R$2:$R$366,ROW(INDEX(Jesper!AK$2:AK$366,ROUNDDOWN($C8216/24,0)+1,1))-1)+IF('Standard Profiles'!$G$21=$B$10,7,0)+IF('Standard Profiles'!$G$21=$B$17,14,0)+IF('Standard Profiles'!$G$21=$B$24,21,0),0)),0)</f>
        <v>8.9725477738695592</v>
      </c>
      <c r="H8216" cm="1">
        <f t="array" ref="H8216">IFERROR(INDEX(Jesper!AL$2:AL$366,ROUNDDOWN($C8216/24,0)+1,1)*INDEX($D$3:$AA$30,INDEX(Jesper!$R$2:$R$366,ROW(INDEX(Jesper!AL$2:AL$366,ROUNDDOWN($C8216/24,0)+1,1))-1)+IF('Standard Profiles'!$G$22=$B$10,7,0)+IF('Standard Profiles'!$G$22=$B$17,14,0)+IF('Standard Profiles'!$G$22=$B$24,21,0),MOD($C8216,24)+1)/SUM(INDEX($D$3:$AA$30,INDEX(Jesper!$R$2:$R$366,ROW(INDEX(Jesper!AL$2:AL$366,ROUNDDOWN($C8216/24,0)+1,1))-1)+IF('Standard Profiles'!$G$22=$B$10,7,0)+IF('Standard Profiles'!$G$22=$B$17,14,0)+IF('Standard Profiles'!$G$22=$B$24,21,0),0)),0)</f>
        <v>0</v>
      </c>
      <c r="I8216">
        <f t="shared" si="909"/>
        <v>4.3068229314573863</v>
      </c>
      <c r="J8216">
        <f t="shared" si="910"/>
        <v>16.990806950317797</v>
      </c>
      <c r="K8216">
        <f t="shared" si="911"/>
        <v>0.65054551737730348</v>
      </c>
      <c r="L8216">
        <f t="shared" si="912"/>
        <v>0.32527275868865174</v>
      </c>
      <c r="M8216">
        <f t="shared" si="913"/>
        <v>0</v>
      </c>
      <c r="N8216" s="45">
        <f t="shared" si="914"/>
        <v>45267.916666646823</v>
      </c>
    </row>
    <row r="8217" spans="2:14" x14ac:dyDescent="0.25">
      <c r="B8217">
        <f t="shared" si="908"/>
        <v>4</v>
      </c>
      <c r="C8217" s="16">
        <v>8183</v>
      </c>
      <c r="D8217" cm="1">
        <f t="array" ref="D8217">IFERROR(INDEX(Jesper!AH$2:AH$366,ROUNDDOWN($C8217/24,0)+1,1)*INDEX($D$3:$AA$30,INDEX(Jesper!$R$2:$R$366,ROW(INDEX(Jesper!AH$2:AH$366,ROUNDDOWN($C8217/24,0)+1,1))-1)+IF('Standard Profiles'!$G$18=$B$10,7,0)+IF('Standard Profiles'!$G$18=$B$17,14,0)+IF('Standard Profiles'!$G$18=$B$24,21,0),MOD($C8217,24)+1)/SUM(INDEX($D$3:$AA$30,INDEX(Jesper!$R$2:$R$366,ROW(INDEX(Jesper!AH$2:AH$366,ROUNDDOWN($C8217/24,0)+1,1))-1)+IF('Standard Profiles'!$G$18=$B$10,7,0)+IF('Standard Profiles'!$G$18=$B$17,14,0)+IF('Standard Profiles'!$G$18=$B$24,21,0),0)),0)</f>
        <v>6.0988642254122194</v>
      </c>
      <c r="E8217" cm="1">
        <f t="array" ref="E8217">IFERROR(INDEX(Jesper!AI$2:AI$366,ROUNDDOWN($C8217/24,0)+1,1)*INDEX($D$3:$AA$30,INDEX(Jesper!$R$2:$R$366,ROW(INDEX(Jesper!AI$2:AI$366,ROUNDDOWN($C8217/24,0)+1,1))-1)+IF('Standard Profiles'!$G$19=$B$10,7,0)+IF('Standard Profiles'!$G$19=$B$17,14,0)+IF('Standard Profiles'!$G$19=$B$24,21,0),MOD($C8217,24)+1)/SUM(INDEX($D$3:$AA$30,INDEX(Jesper!$R$2:$R$366,ROW(INDEX(Jesper!AI$2:AI$366,ROUNDDOWN($C8217/24,0)+1,1))-1)+IF('Standard Profiles'!$G$19=$B$10,7,0)+IF('Standard Profiles'!$G$19=$B$17,14,0)+IF('Standard Profiles'!$G$19=$B$24,21,0),0)),0)</f>
        <v>7.2020361585593626</v>
      </c>
      <c r="F8217" cm="1">
        <f t="array" ref="F8217">IFERROR(INDEX(Jesper!AJ$2:AJ$366,ROUNDDOWN($C8217/24,0)+1,1)*INDEX($D$3:$AA$30,INDEX(Jesper!$R$2:$R$366,ROW(INDEX(Jesper!AJ$2:AJ$366,ROUNDDOWN($C8217/24,0)+1,1))-1)+IF('Standard Profiles'!$G$20=$B$10,7,0)+IF('Standard Profiles'!$G$20=$B$17,14,0)+IF('Standard Profiles'!$G$20=$B$24,21,0),MOD($C8217,24)+1)/SUM(INDEX($D$3:$AA$30,INDEX(Jesper!$R$2:$R$366,ROW(INDEX(Jesper!AJ$2:AJ$366,ROUNDDOWN($C8217/24,0)+1,1))-1)+IF('Standard Profiles'!$G$20=$B$10,7,0)+IF('Standard Profiles'!$G$20=$B$17,14,0)+IF('Standard Profiles'!$G$20=$B$24,21,0),0)),0)</f>
        <v>0</v>
      </c>
      <c r="G8217" cm="1">
        <f t="array" ref="G8217">IFERROR(INDEX(Jesper!AK$2:AK$366,ROUNDDOWN($C8217/24,0)+1,1)*INDEX($D$3:$AA$30,INDEX(Jesper!$R$2:$R$366,ROW(INDEX(Jesper!AK$2:AK$366,ROUNDDOWN($C8217/24,0)+1,1))-1)+IF('Standard Profiles'!$G$21=$B$10,7,0)+IF('Standard Profiles'!$G$21=$B$17,14,0)+IF('Standard Profiles'!$G$21=$B$24,21,0),MOD($C8217,24)+1)/SUM(INDEX($D$3:$AA$30,INDEX(Jesper!$R$2:$R$366,ROW(INDEX(Jesper!AK$2:AK$366,ROUNDDOWN($C8217/24,0)+1,1))-1)+IF('Standard Profiles'!$G$21=$B$10,7,0)+IF('Standard Profiles'!$G$21=$B$17,14,0)+IF('Standard Profiles'!$G$21=$B$24,21,0),0)),0)</f>
        <v>8.9725477738695592</v>
      </c>
      <c r="H8217" cm="1">
        <f t="array" ref="H8217">IFERROR(INDEX(Jesper!AL$2:AL$366,ROUNDDOWN($C8217/24,0)+1,1)*INDEX($D$3:$AA$30,INDEX(Jesper!$R$2:$R$366,ROW(INDEX(Jesper!AL$2:AL$366,ROUNDDOWN($C8217/24,0)+1,1))-1)+IF('Standard Profiles'!$G$22=$B$10,7,0)+IF('Standard Profiles'!$G$22=$B$17,14,0)+IF('Standard Profiles'!$G$22=$B$24,21,0),MOD($C8217,24)+1)/SUM(INDEX($D$3:$AA$30,INDEX(Jesper!$R$2:$R$366,ROW(INDEX(Jesper!AL$2:AL$366,ROUNDDOWN($C8217/24,0)+1,1))-1)+IF('Standard Profiles'!$G$22=$B$10,7,0)+IF('Standard Profiles'!$G$22=$B$17,14,0)+IF('Standard Profiles'!$G$22=$B$24,21,0),0)),0)</f>
        <v>0</v>
      </c>
      <c r="I8217">
        <f t="shared" si="909"/>
        <v>4.3068229314573863</v>
      </c>
      <c r="J8217">
        <f t="shared" si="910"/>
        <v>16.990806950317797</v>
      </c>
      <c r="K8217">
        <f t="shared" si="911"/>
        <v>0.65054551737730348</v>
      </c>
      <c r="L8217">
        <f t="shared" si="912"/>
        <v>0.32527275868865174</v>
      </c>
      <c r="M8217">
        <f t="shared" si="913"/>
        <v>0</v>
      </c>
      <c r="N8217" s="45">
        <f t="shared" si="914"/>
        <v>45267.958333313487</v>
      </c>
    </row>
    <row r="8218" spans="2:14" x14ac:dyDescent="0.25">
      <c r="B8218">
        <f t="shared" si="908"/>
        <v>5</v>
      </c>
      <c r="C8218" s="16">
        <v>8184</v>
      </c>
      <c r="D8218" cm="1">
        <f t="array" ref="D8218">IFERROR(INDEX(Jesper!AH$2:AH$366,ROUNDDOWN($C8218/24,0)+1,1)*INDEX($D$3:$AA$30,INDEX(Jesper!$R$2:$R$366,ROW(INDEX(Jesper!AH$2:AH$366,ROUNDDOWN($C8218/24,0)+1,1))-1)+IF('Standard Profiles'!$G$18=$B$10,7,0)+IF('Standard Profiles'!$G$18=$B$17,14,0)+IF('Standard Profiles'!$G$18=$B$24,21,0),MOD($C8218,24)+1)/SUM(INDEX($D$3:$AA$30,INDEX(Jesper!$R$2:$R$366,ROW(INDEX(Jesper!AH$2:AH$366,ROUNDDOWN($C8218/24,0)+1,1))-1)+IF('Standard Profiles'!$G$18=$B$10,7,0)+IF('Standard Profiles'!$G$18=$B$17,14,0)+IF('Standard Profiles'!$G$18=$B$24,21,0),0)),0)</f>
        <v>9.6361207444887498</v>
      </c>
      <c r="E8218" cm="1">
        <f t="array" ref="E8218">IFERROR(INDEX(Jesper!AI$2:AI$366,ROUNDDOWN($C8218/24,0)+1,1)*INDEX($D$3:$AA$30,INDEX(Jesper!$R$2:$R$366,ROW(INDEX(Jesper!AI$2:AI$366,ROUNDDOWN($C8218/24,0)+1,1))-1)+IF('Standard Profiles'!$G$19=$B$10,7,0)+IF('Standard Profiles'!$G$19=$B$17,14,0)+IF('Standard Profiles'!$G$19=$B$24,21,0),MOD($C8218,24)+1)/SUM(INDEX($D$3:$AA$30,INDEX(Jesper!$R$2:$R$366,ROW(INDEX(Jesper!AI$2:AI$366,ROUNDDOWN($C8218/24,0)+1,1))-1)+IF('Standard Profiles'!$G$19=$B$10,7,0)+IF('Standard Profiles'!$G$19=$B$17,14,0)+IF('Standard Profiles'!$G$19=$B$24,21,0),0)),0)</f>
        <v>12.603817766087351</v>
      </c>
      <c r="F8218" cm="1">
        <f t="array" ref="F8218">IFERROR(INDEX(Jesper!AJ$2:AJ$366,ROUNDDOWN($C8218/24,0)+1,1)*INDEX($D$3:$AA$30,INDEX(Jesper!$R$2:$R$366,ROW(INDEX(Jesper!AJ$2:AJ$366,ROUNDDOWN($C8218/24,0)+1,1))-1)+IF('Standard Profiles'!$G$20=$B$10,7,0)+IF('Standard Profiles'!$G$20=$B$17,14,0)+IF('Standard Profiles'!$G$20=$B$24,21,0),MOD($C8218,24)+1)/SUM(INDEX($D$3:$AA$30,INDEX(Jesper!$R$2:$R$366,ROW(INDEX(Jesper!AJ$2:AJ$366,ROUNDDOWN($C8218/24,0)+1,1))-1)+IF('Standard Profiles'!$G$20=$B$10,7,0)+IF('Standard Profiles'!$G$20=$B$17,14,0)+IF('Standard Profiles'!$G$20=$B$24,21,0),0)),0)</f>
        <v>0</v>
      </c>
      <c r="G8218" cm="1">
        <f t="array" ref="G8218">IFERROR(INDEX(Jesper!AK$2:AK$366,ROUNDDOWN($C8218/24,0)+1,1)*INDEX($D$3:$AA$30,INDEX(Jesper!$R$2:$R$366,ROW(INDEX(Jesper!AK$2:AK$366,ROUNDDOWN($C8218/24,0)+1,1))-1)+IF('Standard Profiles'!$G$21=$B$10,7,0)+IF('Standard Profiles'!$G$21=$B$17,14,0)+IF('Standard Profiles'!$G$21=$B$24,21,0),MOD($C8218,24)+1)/SUM(INDEX($D$3:$AA$30,INDEX(Jesper!$R$2:$R$366,ROW(INDEX(Jesper!AK$2:AK$366,ROUNDDOWN($C8218/24,0)+1,1))-1)+IF('Standard Profiles'!$G$21=$B$10,7,0)+IF('Standard Profiles'!$G$21=$B$17,14,0)+IF('Standard Profiles'!$G$21=$B$24,21,0),0)),0)</f>
        <v>11.266079492858701</v>
      </c>
      <c r="H8218" cm="1">
        <f t="array" ref="H8218">IFERROR(INDEX(Jesper!AL$2:AL$366,ROUNDDOWN($C8218/24,0)+1,1)*INDEX($D$3:$AA$30,INDEX(Jesper!$R$2:$R$366,ROW(INDEX(Jesper!AL$2:AL$366,ROUNDDOWN($C8218/24,0)+1,1))-1)+IF('Standard Profiles'!$G$22=$B$10,7,0)+IF('Standard Profiles'!$G$22=$B$17,14,0)+IF('Standard Profiles'!$G$22=$B$24,21,0),MOD($C8218,24)+1)/SUM(INDEX($D$3:$AA$30,INDEX(Jesper!$R$2:$R$366,ROW(INDEX(Jesper!AL$2:AL$366,ROUNDDOWN($C8218/24,0)+1,1))-1)+IF('Standard Profiles'!$G$22=$B$10,7,0)+IF('Standard Profiles'!$G$22=$B$17,14,0)+IF('Standard Profiles'!$G$22=$B$24,21,0),0)),0)</f>
        <v>0</v>
      </c>
      <c r="I8218">
        <f t="shared" si="909"/>
        <v>5.4077181565721739</v>
      </c>
      <c r="J8218">
        <f t="shared" si="910"/>
        <v>26.556520527744429</v>
      </c>
      <c r="K8218">
        <f t="shared" si="911"/>
        <v>1.0278528794121333</v>
      </c>
      <c r="L8218">
        <f t="shared" si="912"/>
        <v>0.51392643970606666</v>
      </c>
      <c r="M8218">
        <f t="shared" si="913"/>
        <v>0</v>
      </c>
      <c r="N8218" s="45">
        <f t="shared" si="914"/>
        <v>45267.999999980151</v>
      </c>
    </row>
    <row r="8219" spans="2:14" x14ac:dyDescent="0.25">
      <c r="B8219">
        <f t="shared" si="908"/>
        <v>5</v>
      </c>
      <c r="C8219" s="16">
        <v>8185</v>
      </c>
      <c r="D8219" cm="1">
        <f t="array" ref="D8219">IFERROR(INDEX(Jesper!AH$2:AH$366,ROUNDDOWN($C8219/24,0)+1,1)*INDEX($D$3:$AA$30,INDEX(Jesper!$R$2:$R$366,ROW(INDEX(Jesper!AH$2:AH$366,ROUNDDOWN($C8219/24,0)+1,1))-1)+IF('Standard Profiles'!$G$18=$B$10,7,0)+IF('Standard Profiles'!$G$18=$B$17,14,0)+IF('Standard Profiles'!$G$18=$B$24,21,0),MOD($C8219,24)+1)/SUM(INDEX($D$3:$AA$30,INDEX(Jesper!$R$2:$R$366,ROW(INDEX(Jesper!AH$2:AH$366,ROUNDDOWN($C8219/24,0)+1,1))-1)+IF('Standard Profiles'!$G$18=$B$10,7,0)+IF('Standard Profiles'!$G$18=$B$17,14,0)+IF('Standard Profiles'!$G$18=$B$24,21,0),0)),0)</f>
        <v>5.84007317847803</v>
      </c>
      <c r="E8219" cm="1">
        <f t="array" ref="E8219">IFERROR(INDEX(Jesper!AI$2:AI$366,ROUNDDOWN($C8219/24,0)+1,1)*INDEX($D$3:$AA$30,INDEX(Jesper!$R$2:$R$366,ROW(INDEX(Jesper!AI$2:AI$366,ROUNDDOWN($C8219/24,0)+1,1))-1)+IF('Standard Profiles'!$G$19=$B$10,7,0)+IF('Standard Profiles'!$G$19=$B$17,14,0)+IF('Standard Profiles'!$G$19=$B$24,21,0),MOD($C8219,24)+1)/SUM(INDEX($D$3:$AA$30,INDEX(Jesper!$R$2:$R$366,ROW(INDEX(Jesper!AI$2:AI$366,ROUNDDOWN($C8219/24,0)+1,1))-1)+IF('Standard Profiles'!$G$19=$B$10,7,0)+IF('Standard Profiles'!$G$19=$B$17,14,0)+IF('Standard Profiles'!$G$19=$B$24,21,0),0)),0)</f>
        <v>7.638677433992334</v>
      </c>
      <c r="F8219" cm="1">
        <f t="array" ref="F8219">IFERROR(INDEX(Jesper!AJ$2:AJ$366,ROUNDDOWN($C8219/24,0)+1,1)*INDEX($D$3:$AA$30,INDEX(Jesper!$R$2:$R$366,ROW(INDEX(Jesper!AJ$2:AJ$366,ROUNDDOWN($C8219/24,0)+1,1))-1)+IF('Standard Profiles'!$G$20=$B$10,7,0)+IF('Standard Profiles'!$G$20=$B$17,14,0)+IF('Standard Profiles'!$G$20=$B$24,21,0),MOD($C8219,24)+1)/SUM(INDEX($D$3:$AA$30,INDEX(Jesper!$R$2:$R$366,ROW(INDEX(Jesper!AJ$2:AJ$366,ROUNDDOWN($C8219/24,0)+1,1))-1)+IF('Standard Profiles'!$G$20=$B$10,7,0)+IF('Standard Profiles'!$G$20=$B$17,14,0)+IF('Standard Profiles'!$G$20=$B$24,21,0),0)),0)</f>
        <v>0</v>
      </c>
      <c r="G8219" cm="1">
        <f t="array" ref="G8219">IFERROR(INDEX(Jesper!AK$2:AK$366,ROUNDDOWN($C8219/24,0)+1,1)*INDEX($D$3:$AA$30,INDEX(Jesper!$R$2:$R$366,ROW(INDEX(Jesper!AK$2:AK$366,ROUNDDOWN($C8219/24,0)+1,1))-1)+IF('Standard Profiles'!$G$21=$B$10,7,0)+IF('Standard Profiles'!$G$21=$B$17,14,0)+IF('Standard Profiles'!$G$21=$B$24,21,0),MOD($C8219,24)+1)/SUM(INDEX($D$3:$AA$30,INDEX(Jesper!$R$2:$R$366,ROW(INDEX(Jesper!AK$2:AK$366,ROUNDDOWN($C8219/24,0)+1,1))-1)+IF('Standard Profiles'!$G$21=$B$10,7,0)+IF('Standard Profiles'!$G$21=$B$17,14,0)+IF('Standard Profiles'!$G$21=$B$24,21,0),0)),0)</f>
        <v>11.266079492858701</v>
      </c>
      <c r="H8219" cm="1">
        <f t="array" ref="H8219">IFERROR(INDEX(Jesper!AL$2:AL$366,ROUNDDOWN($C8219/24,0)+1,1)*INDEX($D$3:$AA$30,INDEX(Jesper!$R$2:$R$366,ROW(INDEX(Jesper!AL$2:AL$366,ROUNDDOWN($C8219/24,0)+1,1))-1)+IF('Standard Profiles'!$G$22=$B$10,7,0)+IF('Standard Profiles'!$G$22=$B$17,14,0)+IF('Standard Profiles'!$G$22=$B$24,21,0),MOD($C8219,24)+1)/SUM(INDEX($D$3:$AA$30,INDEX(Jesper!$R$2:$R$366,ROW(INDEX(Jesper!AL$2:AL$366,ROUNDDOWN($C8219/24,0)+1,1))-1)+IF('Standard Profiles'!$G$22=$B$10,7,0)+IF('Standard Profiles'!$G$22=$B$17,14,0)+IF('Standard Profiles'!$G$22=$B$24,21,0),0)),0)</f>
        <v>0</v>
      </c>
      <c r="I8219">
        <f t="shared" si="909"/>
        <v>5.4077181565721739</v>
      </c>
      <c r="J8219">
        <f t="shared" si="910"/>
        <v>18.402700240200407</v>
      </c>
      <c r="K8219">
        <f t="shared" si="911"/>
        <v>0.62294113903765658</v>
      </c>
      <c r="L8219">
        <f t="shared" si="912"/>
        <v>0.31147056951882829</v>
      </c>
      <c r="M8219">
        <f t="shared" si="913"/>
        <v>0</v>
      </c>
      <c r="N8219" s="45">
        <f t="shared" si="914"/>
        <v>45268.041666646815</v>
      </c>
    </row>
    <row r="8220" spans="2:14" x14ac:dyDescent="0.25">
      <c r="B8220">
        <f t="shared" si="908"/>
        <v>5</v>
      </c>
      <c r="C8220" s="16">
        <v>8186</v>
      </c>
      <c r="D8220" cm="1">
        <f t="array" ref="D8220">IFERROR(INDEX(Jesper!AH$2:AH$366,ROUNDDOWN($C8220/24,0)+1,1)*INDEX($D$3:$AA$30,INDEX(Jesper!$R$2:$R$366,ROW(INDEX(Jesper!AH$2:AH$366,ROUNDDOWN($C8220/24,0)+1,1))-1)+IF('Standard Profiles'!$G$18=$B$10,7,0)+IF('Standard Profiles'!$G$18=$B$17,14,0)+IF('Standard Profiles'!$G$18=$B$24,21,0),MOD($C8220,24)+1)/SUM(INDEX($D$3:$AA$30,INDEX(Jesper!$R$2:$R$366,ROW(INDEX(Jesper!AH$2:AH$366,ROUNDDOWN($C8220/24,0)+1,1))-1)+IF('Standard Profiles'!$G$18=$B$10,7,0)+IF('Standard Profiles'!$G$18=$B$17,14,0)+IF('Standard Profiles'!$G$18=$B$24,21,0),0)),0)</f>
        <v>5.84007317847803</v>
      </c>
      <c r="E8220" cm="1">
        <f t="array" ref="E8220">IFERROR(INDEX(Jesper!AI$2:AI$366,ROUNDDOWN($C8220/24,0)+1,1)*INDEX($D$3:$AA$30,INDEX(Jesper!$R$2:$R$366,ROW(INDEX(Jesper!AI$2:AI$366,ROUNDDOWN($C8220/24,0)+1,1))-1)+IF('Standard Profiles'!$G$19=$B$10,7,0)+IF('Standard Profiles'!$G$19=$B$17,14,0)+IF('Standard Profiles'!$G$19=$B$24,21,0),MOD($C8220,24)+1)/SUM(INDEX($D$3:$AA$30,INDEX(Jesper!$R$2:$R$366,ROW(INDEX(Jesper!AI$2:AI$366,ROUNDDOWN($C8220/24,0)+1,1))-1)+IF('Standard Profiles'!$G$19=$B$10,7,0)+IF('Standard Profiles'!$G$19=$B$17,14,0)+IF('Standard Profiles'!$G$19=$B$24,21,0),0)),0)</f>
        <v>7.638677433992334</v>
      </c>
      <c r="F8220" cm="1">
        <f t="array" ref="F8220">IFERROR(INDEX(Jesper!AJ$2:AJ$366,ROUNDDOWN($C8220/24,0)+1,1)*INDEX($D$3:$AA$30,INDEX(Jesper!$R$2:$R$366,ROW(INDEX(Jesper!AJ$2:AJ$366,ROUNDDOWN($C8220/24,0)+1,1))-1)+IF('Standard Profiles'!$G$20=$B$10,7,0)+IF('Standard Profiles'!$G$20=$B$17,14,0)+IF('Standard Profiles'!$G$20=$B$24,21,0),MOD($C8220,24)+1)/SUM(INDEX($D$3:$AA$30,INDEX(Jesper!$R$2:$R$366,ROW(INDEX(Jesper!AJ$2:AJ$366,ROUNDDOWN($C8220/24,0)+1,1))-1)+IF('Standard Profiles'!$G$20=$B$10,7,0)+IF('Standard Profiles'!$G$20=$B$17,14,0)+IF('Standard Profiles'!$G$20=$B$24,21,0),0)),0)</f>
        <v>0</v>
      </c>
      <c r="G8220" cm="1">
        <f t="array" ref="G8220">IFERROR(INDEX(Jesper!AK$2:AK$366,ROUNDDOWN($C8220/24,0)+1,1)*INDEX($D$3:$AA$30,INDEX(Jesper!$R$2:$R$366,ROW(INDEX(Jesper!AK$2:AK$366,ROUNDDOWN($C8220/24,0)+1,1))-1)+IF('Standard Profiles'!$G$21=$B$10,7,0)+IF('Standard Profiles'!$G$21=$B$17,14,0)+IF('Standard Profiles'!$G$21=$B$24,21,0),MOD($C8220,24)+1)/SUM(INDEX($D$3:$AA$30,INDEX(Jesper!$R$2:$R$366,ROW(INDEX(Jesper!AK$2:AK$366,ROUNDDOWN($C8220/24,0)+1,1))-1)+IF('Standard Profiles'!$G$21=$B$10,7,0)+IF('Standard Profiles'!$G$21=$B$17,14,0)+IF('Standard Profiles'!$G$21=$B$24,21,0),0)),0)</f>
        <v>11.266079492858701</v>
      </c>
      <c r="H8220" cm="1">
        <f t="array" ref="H8220">IFERROR(INDEX(Jesper!AL$2:AL$366,ROUNDDOWN($C8220/24,0)+1,1)*INDEX($D$3:$AA$30,INDEX(Jesper!$R$2:$R$366,ROW(INDEX(Jesper!AL$2:AL$366,ROUNDDOWN($C8220/24,0)+1,1))-1)+IF('Standard Profiles'!$G$22=$B$10,7,0)+IF('Standard Profiles'!$G$22=$B$17,14,0)+IF('Standard Profiles'!$G$22=$B$24,21,0),MOD($C8220,24)+1)/SUM(INDEX($D$3:$AA$30,INDEX(Jesper!$R$2:$R$366,ROW(INDEX(Jesper!AL$2:AL$366,ROUNDDOWN($C8220/24,0)+1,1))-1)+IF('Standard Profiles'!$G$22=$B$10,7,0)+IF('Standard Profiles'!$G$22=$B$17,14,0)+IF('Standard Profiles'!$G$22=$B$24,21,0),0)),0)</f>
        <v>0</v>
      </c>
      <c r="I8220">
        <f t="shared" si="909"/>
        <v>5.4077181565721739</v>
      </c>
      <c r="J8220">
        <f t="shared" si="910"/>
        <v>18.402700240200407</v>
      </c>
      <c r="K8220">
        <f t="shared" si="911"/>
        <v>0.62294113903765658</v>
      </c>
      <c r="L8220">
        <f t="shared" si="912"/>
        <v>0.31147056951882829</v>
      </c>
      <c r="M8220">
        <f t="shared" si="913"/>
        <v>0</v>
      </c>
      <c r="N8220" s="45">
        <f t="shared" si="914"/>
        <v>45268.08333331348</v>
      </c>
    </row>
    <row r="8221" spans="2:14" x14ac:dyDescent="0.25">
      <c r="B8221">
        <f t="shared" si="908"/>
        <v>5</v>
      </c>
      <c r="C8221" s="16">
        <v>8187</v>
      </c>
      <c r="D8221" cm="1">
        <f t="array" ref="D8221">IFERROR(INDEX(Jesper!AH$2:AH$366,ROUNDDOWN($C8221/24,0)+1,1)*INDEX($D$3:$AA$30,INDEX(Jesper!$R$2:$R$366,ROW(INDEX(Jesper!AH$2:AH$366,ROUNDDOWN($C8221/24,0)+1,1))-1)+IF('Standard Profiles'!$G$18=$B$10,7,0)+IF('Standard Profiles'!$G$18=$B$17,14,0)+IF('Standard Profiles'!$G$18=$B$24,21,0),MOD($C8221,24)+1)/SUM(INDEX($D$3:$AA$30,INDEX(Jesper!$R$2:$R$366,ROW(INDEX(Jesper!AH$2:AH$366,ROUNDDOWN($C8221/24,0)+1,1))-1)+IF('Standard Profiles'!$G$18=$B$10,7,0)+IF('Standard Profiles'!$G$18=$B$17,14,0)+IF('Standard Profiles'!$G$18=$B$24,21,0),0)),0)</f>
        <v>5.84007317847803</v>
      </c>
      <c r="E8221" cm="1">
        <f t="array" ref="E8221">IFERROR(INDEX(Jesper!AI$2:AI$366,ROUNDDOWN($C8221/24,0)+1,1)*INDEX($D$3:$AA$30,INDEX(Jesper!$R$2:$R$366,ROW(INDEX(Jesper!AI$2:AI$366,ROUNDDOWN($C8221/24,0)+1,1))-1)+IF('Standard Profiles'!$G$19=$B$10,7,0)+IF('Standard Profiles'!$G$19=$B$17,14,0)+IF('Standard Profiles'!$G$19=$B$24,21,0),MOD($C8221,24)+1)/SUM(INDEX($D$3:$AA$30,INDEX(Jesper!$R$2:$R$366,ROW(INDEX(Jesper!AI$2:AI$366,ROUNDDOWN($C8221/24,0)+1,1))-1)+IF('Standard Profiles'!$G$19=$B$10,7,0)+IF('Standard Profiles'!$G$19=$B$17,14,0)+IF('Standard Profiles'!$G$19=$B$24,21,0),0)),0)</f>
        <v>7.638677433992334</v>
      </c>
      <c r="F8221" cm="1">
        <f t="array" ref="F8221">IFERROR(INDEX(Jesper!AJ$2:AJ$366,ROUNDDOWN($C8221/24,0)+1,1)*INDEX($D$3:$AA$30,INDEX(Jesper!$R$2:$R$366,ROW(INDEX(Jesper!AJ$2:AJ$366,ROUNDDOWN($C8221/24,0)+1,1))-1)+IF('Standard Profiles'!$G$20=$B$10,7,0)+IF('Standard Profiles'!$G$20=$B$17,14,0)+IF('Standard Profiles'!$G$20=$B$24,21,0),MOD($C8221,24)+1)/SUM(INDEX($D$3:$AA$30,INDEX(Jesper!$R$2:$R$366,ROW(INDEX(Jesper!AJ$2:AJ$366,ROUNDDOWN($C8221/24,0)+1,1))-1)+IF('Standard Profiles'!$G$20=$B$10,7,0)+IF('Standard Profiles'!$G$20=$B$17,14,0)+IF('Standard Profiles'!$G$20=$B$24,21,0),0)),0)</f>
        <v>0</v>
      </c>
      <c r="G8221" cm="1">
        <f t="array" ref="G8221">IFERROR(INDEX(Jesper!AK$2:AK$366,ROUNDDOWN($C8221/24,0)+1,1)*INDEX($D$3:$AA$30,INDEX(Jesper!$R$2:$R$366,ROW(INDEX(Jesper!AK$2:AK$366,ROUNDDOWN($C8221/24,0)+1,1))-1)+IF('Standard Profiles'!$G$21=$B$10,7,0)+IF('Standard Profiles'!$G$21=$B$17,14,0)+IF('Standard Profiles'!$G$21=$B$24,21,0),MOD($C8221,24)+1)/SUM(INDEX($D$3:$AA$30,INDEX(Jesper!$R$2:$R$366,ROW(INDEX(Jesper!AK$2:AK$366,ROUNDDOWN($C8221/24,0)+1,1))-1)+IF('Standard Profiles'!$G$21=$B$10,7,0)+IF('Standard Profiles'!$G$21=$B$17,14,0)+IF('Standard Profiles'!$G$21=$B$24,21,0),0)),0)</f>
        <v>11.266079492858701</v>
      </c>
      <c r="H8221" cm="1">
        <f t="array" ref="H8221">IFERROR(INDEX(Jesper!AL$2:AL$366,ROUNDDOWN($C8221/24,0)+1,1)*INDEX($D$3:$AA$30,INDEX(Jesper!$R$2:$R$366,ROW(INDEX(Jesper!AL$2:AL$366,ROUNDDOWN($C8221/24,0)+1,1))-1)+IF('Standard Profiles'!$G$22=$B$10,7,0)+IF('Standard Profiles'!$G$22=$B$17,14,0)+IF('Standard Profiles'!$G$22=$B$24,21,0),MOD($C8221,24)+1)/SUM(INDEX($D$3:$AA$30,INDEX(Jesper!$R$2:$R$366,ROW(INDEX(Jesper!AL$2:AL$366,ROUNDDOWN($C8221/24,0)+1,1))-1)+IF('Standard Profiles'!$G$22=$B$10,7,0)+IF('Standard Profiles'!$G$22=$B$17,14,0)+IF('Standard Profiles'!$G$22=$B$24,21,0),0)),0)</f>
        <v>0</v>
      </c>
      <c r="I8221">
        <f t="shared" si="909"/>
        <v>5.4077181565721739</v>
      </c>
      <c r="J8221">
        <f t="shared" si="910"/>
        <v>18.402700240200407</v>
      </c>
      <c r="K8221">
        <f t="shared" si="911"/>
        <v>0.62294113903765658</v>
      </c>
      <c r="L8221">
        <f t="shared" si="912"/>
        <v>0.31147056951882829</v>
      </c>
      <c r="M8221">
        <f t="shared" si="913"/>
        <v>0</v>
      </c>
      <c r="N8221" s="45">
        <f t="shared" si="914"/>
        <v>45268.124999980144</v>
      </c>
    </row>
    <row r="8222" spans="2:14" x14ac:dyDescent="0.25">
      <c r="B8222">
        <f t="shared" si="908"/>
        <v>5</v>
      </c>
      <c r="C8222" s="16">
        <v>8188</v>
      </c>
      <c r="D8222" cm="1">
        <f t="array" ref="D8222">IFERROR(INDEX(Jesper!AH$2:AH$366,ROUNDDOWN($C8222/24,0)+1,1)*INDEX($D$3:$AA$30,INDEX(Jesper!$R$2:$R$366,ROW(INDEX(Jesper!AH$2:AH$366,ROUNDDOWN($C8222/24,0)+1,1))-1)+IF('Standard Profiles'!$G$18=$B$10,7,0)+IF('Standard Profiles'!$G$18=$B$17,14,0)+IF('Standard Profiles'!$G$18=$B$24,21,0),MOD($C8222,24)+1)/SUM(INDEX($D$3:$AA$30,INDEX(Jesper!$R$2:$R$366,ROW(INDEX(Jesper!AH$2:AH$366,ROUNDDOWN($C8222/24,0)+1,1))-1)+IF('Standard Profiles'!$G$18=$B$10,7,0)+IF('Standard Profiles'!$G$18=$B$17,14,0)+IF('Standard Profiles'!$G$18=$B$24,21,0),0)),0)</f>
        <v>5.84007317847803</v>
      </c>
      <c r="E8222" cm="1">
        <f t="array" ref="E8222">IFERROR(INDEX(Jesper!AI$2:AI$366,ROUNDDOWN($C8222/24,0)+1,1)*INDEX($D$3:$AA$30,INDEX(Jesper!$R$2:$R$366,ROW(INDEX(Jesper!AI$2:AI$366,ROUNDDOWN($C8222/24,0)+1,1))-1)+IF('Standard Profiles'!$G$19=$B$10,7,0)+IF('Standard Profiles'!$G$19=$B$17,14,0)+IF('Standard Profiles'!$G$19=$B$24,21,0),MOD($C8222,24)+1)/SUM(INDEX($D$3:$AA$30,INDEX(Jesper!$R$2:$R$366,ROW(INDEX(Jesper!AI$2:AI$366,ROUNDDOWN($C8222/24,0)+1,1))-1)+IF('Standard Profiles'!$G$19=$B$10,7,0)+IF('Standard Profiles'!$G$19=$B$17,14,0)+IF('Standard Profiles'!$G$19=$B$24,21,0),0)),0)</f>
        <v>7.638677433992334</v>
      </c>
      <c r="F8222" cm="1">
        <f t="array" ref="F8222">IFERROR(INDEX(Jesper!AJ$2:AJ$366,ROUNDDOWN($C8222/24,0)+1,1)*INDEX($D$3:$AA$30,INDEX(Jesper!$R$2:$R$366,ROW(INDEX(Jesper!AJ$2:AJ$366,ROUNDDOWN($C8222/24,0)+1,1))-1)+IF('Standard Profiles'!$G$20=$B$10,7,0)+IF('Standard Profiles'!$G$20=$B$17,14,0)+IF('Standard Profiles'!$G$20=$B$24,21,0),MOD($C8222,24)+1)/SUM(INDEX($D$3:$AA$30,INDEX(Jesper!$R$2:$R$366,ROW(INDEX(Jesper!AJ$2:AJ$366,ROUNDDOWN($C8222/24,0)+1,1))-1)+IF('Standard Profiles'!$G$20=$B$10,7,0)+IF('Standard Profiles'!$G$20=$B$17,14,0)+IF('Standard Profiles'!$G$20=$B$24,21,0),0)),0)</f>
        <v>0</v>
      </c>
      <c r="G8222" cm="1">
        <f t="array" ref="G8222">IFERROR(INDEX(Jesper!AK$2:AK$366,ROUNDDOWN($C8222/24,0)+1,1)*INDEX($D$3:$AA$30,INDEX(Jesper!$R$2:$R$366,ROW(INDEX(Jesper!AK$2:AK$366,ROUNDDOWN($C8222/24,0)+1,1))-1)+IF('Standard Profiles'!$G$21=$B$10,7,0)+IF('Standard Profiles'!$G$21=$B$17,14,0)+IF('Standard Profiles'!$G$21=$B$24,21,0),MOD($C8222,24)+1)/SUM(INDEX($D$3:$AA$30,INDEX(Jesper!$R$2:$R$366,ROW(INDEX(Jesper!AK$2:AK$366,ROUNDDOWN($C8222/24,0)+1,1))-1)+IF('Standard Profiles'!$G$21=$B$10,7,0)+IF('Standard Profiles'!$G$21=$B$17,14,0)+IF('Standard Profiles'!$G$21=$B$24,21,0),0)),0)</f>
        <v>11.266079492858701</v>
      </c>
      <c r="H8222" cm="1">
        <f t="array" ref="H8222">IFERROR(INDEX(Jesper!AL$2:AL$366,ROUNDDOWN($C8222/24,0)+1,1)*INDEX($D$3:$AA$30,INDEX(Jesper!$R$2:$R$366,ROW(INDEX(Jesper!AL$2:AL$366,ROUNDDOWN($C8222/24,0)+1,1))-1)+IF('Standard Profiles'!$G$22=$B$10,7,0)+IF('Standard Profiles'!$G$22=$B$17,14,0)+IF('Standard Profiles'!$G$22=$B$24,21,0),MOD($C8222,24)+1)/SUM(INDEX($D$3:$AA$30,INDEX(Jesper!$R$2:$R$366,ROW(INDEX(Jesper!AL$2:AL$366,ROUNDDOWN($C8222/24,0)+1,1))-1)+IF('Standard Profiles'!$G$22=$B$10,7,0)+IF('Standard Profiles'!$G$22=$B$17,14,0)+IF('Standard Profiles'!$G$22=$B$24,21,0),0)),0)</f>
        <v>0</v>
      </c>
      <c r="I8222">
        <f t="shared" si="909"/>
        <v>5.4077181565721739</v>
      </c>
      <c r="J8222">
        <f t="shared" si="910"/>
        <v>18.402700240200407</v>
      </c>
      <c r="K8222">
        <f t="shared" si="911"/>
        <v>0.62294113903765658</v>
      </c>
      <c r="L8222">
        <f t="shared" si="912"/>
        <v>0.31147056951882829</v>
      </c>
      <c r="M8222">
        <f t="shared" si="913"/>
        <v>0</v>
      </c>
      <c r="N8222" s="45">
        <f t="shared" si="914"/>
        <v>45268.166666646808</v>
      </c>
    </row>
    <row r="8223" spans="2:14" x14ac:dyDescent="0.25">
      <c r="B8223">
        <f t="shared" si="908"/>
        <v>5</v>
      </c>
      <c r="C8223" s="16">
        <v>8189</v>
      </c>
      <c r="D8223" cm="1">
        <f t="array" ref="D8223">IFERROR(INDEX(Jesper!AH$2:AH$366,ROUNDDOWN($C8223/24,0)+1,1)*INDEX($D$3:$AA$30,INDEX(Jesper!$R$2:$R$366,ROW(INDEX(Jesper!AH$2:AH$366,ROUNDDOWN($C8223/24,0)+1,1))-1)+IF('Standard Profiles'!$G$18=$B$10,7,0)+IF('Standard Profiles'!$G$18=$B$17,14,0)+IF('Standard Profiles'!$G$18=$B$24,21,0),MOD($C8223,24)+1)/SUM(INDEX($D$3:$AA$30,INDEX(Jesper!$R$2:$R$366,ROW(INDEX(Jesper!AH$2:AH$366,ROUNDDOWN($C8223/24,0)+1,1))-1)+IF('Standard Profiles'!$G$18=$B$10,7,0)+IF('Standard Profiles'!$G$18=$B$17,14,0)+IF('Standard Profiles'!$G$18=$B$24,21,0),0)),0)</f>
        <v>5.84007317847803</v>
      </c>
      <c r="E8223" cm="1">
        <f t="array" ref="E8223">IFERROR(INDEX(Jesper!AI$2:AI$366,ROUNDDOWN($C8223/24,0)+1,1)*INDEX($D$3:$AA$30,INDEX(Jesper!$R$2:$R$366,ROW(INDEX(Jesper!AI$2:AI$366,ROUNDDOWN($C8223/24,0)+1,1))-1)+IF('Standard Profiles'!$G$19=$B$10,7,0)+IF('Standard Profiles'!$G$19=$B$17,14,0)+IF('Standard Profiles'!$G$19=$B$24,21,0),MOD($C8223,24)+1)/SUM(INDEX($D$3:$AA$30,INDEX(Jesper!$R$2:$R$366,ROW(INDEX(Jesper!AI$2:AI$366,ROUNDDOWN($C8223/24,0)+1,1))-1)+IF('Standard Profiles'!$G$19=$B$10,7,0)+IF('Standard Profiles'!$G$19=$B$17,14,0)+IF('Standard Profiles'!$G$19=$B$24,21,0),0)),0)</f>
        <v>7.638677433992334</v>
      </c>
      <c r="F8223" cm="1">
        <f t="array" ref="F8223">IFERROR(INDEX(Jesper!AJ$2:AJ$366,ROUNDDOWN($C8223/24,0)+1,1)*INDEX($D$3:$AA$30,INDEX(Jesper!$R$2:$R$366,ROW(INDEX(Jesper!AJ$2:AJ$366,ROUNDDOWN($C8223/24,0)+1,1))-1)+IF('Standard Profiles'!$G$20=$B$10,7,0)+IF('Standard Profiles'!$G$20=$B$17,14,0)+IF('Standard Profiles'!$G$20=$B$24,21,0),MOD($C8223,24)+1)/SUM(INDEX($D$3:$AA$30,INDEX(Jesper!$R$2:$R$366,ROW(INDEX(Jesper!AJ$2:AJ$366,ROUNDDOWN($C8223/24,0)+1,1))-1)+IF('Standard Profiles'!$G$20=$B$10,7,0)+IF('Standard Profiles'!$G$20=$B$17,14,0)+IF('Standard Profiles'!$G$20=$B$24,21,0),0)),0)</f>
        <v>0</v>
      </c>
      <c r="G8223" cm="1">
        <f t="array" ref="G8223">IFERROR(INDEX(Jesper!AK$2:AK$366,ROUNDDOWN($C8223/24,0)+1,1)*INDEX($D$3:$AA$30,INDEX(Jesper!$R$2:$R$366,ROW(INDEX(Jesper!AK$2:AK$366,ROUNDDOWN($C8223/24,0)+1,1))-1)+IF('Standard Profiles'!$G$21=$B$10,7,0)+IF('Standard Profiles'!$G$21=$B$17,14,0)+IF('Standard Profiles'!$G$21=$B$24,21,0),MOD($C8223,24)+1)/SUM(INDEX($D$3:$AA$30,INDEX(Jesper!$R$2:$R$366,ROW(INDEX(Jesper!AK$2:AK$366,ROUNDDOWN($C8223/24,0)+1,1))-1)+IF('Standard Profiles'!$G$21=$B$10,7,0)+IF('Standard Profiles'!$G$21=$B$17,14,0)+IF('Standard Profiles'!$G$21=$B$24,21,0),0)),0)</f>
        <v>11.266079492858701</v>
      </c>
      <c r="H8223" cm="1">
        <f t="array" ref="H8223">IFERROR(INDEX(Jesper!AL$2:AL$366,ROUNDDOWN($C8223/24,0)+1,1)*INDEX($D$3:$AA$30,INDEX(Jesper!$R$2:$R$366,ROW(INDEX(Jesper!AL$2:AL$366,ROUNDDOWN($C8223/24,0)+1,1))-1)+IF('Standard Profiles'!$G$22=$B$10,7,0)+IF('Standard Profiles'!$G$22=$B$17,14,0)+IF('Standard Profiles'!$G$22=$B$24,21,0),MOD($C8223,24)+1)/SUM(INDEX($D$3:$AA$30,INDEX(Jesper!$R$2:$R$366,ROW(INDEX(Jesper!AL$2:AL$366,ROUNDDOWN($C8223/24,0)+1,1))-1)+IF('Standard Profiles'!$G$22=$B$10,7,0)+IF('Standard Profiles'!$G$22=$B$17,14,0)+IF('Standard Profiles'!$G$22=$B$24,21,0),0)),0)</f>
        <v>0</v>
      </c>
      <c r="I8223">
        <f t="shared" si="909"/>
        <v>5.4077181565721739</v>
      </c>
      <c r="J8223">
        <f t="shared" si="910"/>
        <v>18.402700240200407</v>
      </c>
      <c r="K8223">
        <f t="shared" si="911"/>
        <v>0.62294113903765658</v>
      </c>
      <c r="L8223">
        <f t="shared" si="912"/>
        <v>0.31147056951882829</v>
      </c>
      <c r="M8223">
        <f t="shared" si="913"/>
        <v>0</v>
      </c>
      <c r="N8223" s="45">
        <f t="shared" si="914"/>
        <v>45268.208333313472</v>
      </c>
    </row>
    <row r="8224" spans="2:14" x14ac:dyDescent="0.25">
      <c r="B8224">
        <f t="shared" si="908"/>
        <v>5</v>
      </c>
      <c r="C8224" s="16">
        <v>8190</v>
      </c>
      <c r="D8224" cm="1">
        <f t="array" ref="D8224">IFERROR(INDEX(Jesper!AH$2:AH$366,ROUNDDOWN($C8224/24,0)+1,1)*INDEX($D$3:$AA$30,INDEX(Jesper!$R$2:$R$366,ROW(INDEX(Jesper!AH$2:AH$366,ROUNDDOWN($C8224/24,0)+1,1))-1)+IF('Standard Profiles'!$G$18=$B$10,7,0)+IF('Standard Profiles'!$G$18=$B$17,14,0)+IF('Standard Profiles'!$G$18=$B$24,21,0),MOD($C8224,24)+1)/SUM(INDEX($D$3:$AA$30,INDEX(Jesper!$R$2:$R$366,ROW(INDEX(Jesper!AH$2:AH$366,ROUNDDOWN($C8224/24,0)+1,1))-1)+IF('Standard Profiles'!$G$18=$B$10,7,0)+IF('Standard Profiles'!$G$18=$B$17,14,0)+IF('Standard Profiles'!$G$18=$B$24,21,0),0)),0)</f>
        <v>5.84007317847803</v>
      </c>
      <c r="E8224" cm="1">
        <f t="array" ref="E8224">IFERROR(INDEX(Jesper!AI$2:AI$366,ROUNDDOWN($C8224/24,0)+1,1)*INDEX($D$3:$AA$30,INDEX(Jesper!$R$2:$R$366,ROW(INDEX(Jesper!AI$2:AI$366,ROUNDDOWN($C8224/24,0)+1,1))-1)+IF('Standard Profiles'!$G$19=$B$10,7,0)+IF('Standard Profiles'!$G$19=$B$17,14,0)+IF('Standard Profiles'!$G$19=$B$24,21,0),MOD($C8224,24)+1)/SUM(INDEX($D$3:$AA$30,INDEX(Jesper!$R$2:$R$366,ROW(INDEX(Jesper!AI$2:AI$366,ROUNDDOWN($C8224/24,0)+1,1))-1)+IF('Standard Profiles'!$G$19=$B$10,7,0)+IF('Standard Profiles'!$G$19=$B$17,14,0)+IF('Standard Profiles'!$G$19=$B$24,21,0),0)),0)</f>
        <v>7.638677433992334</v>
      </c>
      <c r="F8224" cm="1">
        <f t="array" ref="F8224">IFERROR(INDEX(Jesper!AJ$2:AJ$366,ROUNDDOWN($C8224/24,0)+1,1)*INDEX($D$3:$AA$30,INDEX(Jesper!$R$2:$R$366,ROW(INDEX(Jesper!AJ$2:AJ$366,ROUNDDOWN($C8224/24,0)+1,1))-1)+IF('Standard Profiles'!$G$20=$B$10,7,0)+IF('Standard Profiles'!$G$20=$B$17,14,0)+IF('Standard Profiles'!$G$20=$B$24,21,0),MOD($C8224,24)+1)/SUM(INDEX($D$3:$AA$30,INDEX(Jesper!$R$2:$R$366,ROW(INDEX(Jesper!AJ$2:AJ$366,ROUNDDOWN($C8224/24,0)+1,1))-1)+IF('Standard Profiles'!$G$20=$B$10,7,0)+IF('Standard Profiles'!$G$20=$B$17,14,0)+IF('Standard Profiles'!$G$20=$B$24,21,0),0)),0)</f>
        <v>0</v>
      </c>
      <c r="G8224" cm="1">
        <f t="array" ref="G8224">IFERROR(INDEX(Jesper!AK$2:AK$366,ROUNDDOWN($C8224/24,0)+1,1)*INDEX($D$3:$AA$30,INDEX(Jesper!$R$2:$R$366,ROW(INDEX(Jesper!AK$2:AK$366,ROUNDDOWN($C8224/24,0)+1,1))-1)+IF('Standard Profiles'!$G$21=$B$10,7,0)+IF('Standard Profiles'!$G$21=$B$17,14,0)+IF('Standard Profiles'!$G$21=$B$24,21,0),MOD($C8224,24)+1)/SUM(INDEX($D$3:$AA$30,INDEX(Jesper!$R$2:$R$366,ROW(INDEX(Jesper!AK$2:AK$366,ROUNDDOWN($C8224/24,0)+1,1))-1)+IF('Standard Profiles'!$G$21=$B$10,7,0)+IF('Standard Profiles'!$G$21=$B$17,14,0)+IF('Standard Profiles'!$G$21=$B$24,21,0),0)),0)</f>
        <v>11.266079492858701</v>
      </c>
      <c r="H8224" cm="1">
        <f t="array" ref="H8224">IFERROR(INDEX(Jesper!AL$2:AL$366,ROUNDDOWN($C8224/24,0)+1,1)*INDEX($D$3:$AA$30,INDEX(Jesper!$R$2:$R$366,ROW(INDEX(Jesper!AL$2:AL$366,ROUNDDOWN($C8224/24,0)+1,1))-1)+IF('Standard Profiles'!$G$22=$B$10,7,0)+IF('Standard Profiles'!$G$22=$B$17,14,0)+IF('Standard Profiles'!$G$22=$B$24,21,0),MOD($C8224,24)+1)/SUM(INDEX($D$3:$AA$30,INDEX(Jesper!$R$2:$R$366,ROW(INDEX(Jesper!AL$2:AL$366,ROUNDDOWN($C8224/24,0)+1,1))-1)+IF('Standard Profiles'!$G$22=$B$10,7,0)+IF('Standard Profiles'!$G$22=$B$17,14,0)+IF('Standard Profiles'!$G$22=$B$24,21,0),0)),0)</f>
        <v>0</v>
      </c>
      <c r="I8224">
        <f t="shared" si="909"/>
        <v>5.4077181565721739</v>
      </c>
      <c r="J8224">
        <f t="shared" si="910"/>
        <v>18.402700240200407</v>
      </c>
      <c r="K8224">
        <f t="shared" si="911"/>
        <v>0.62294113903765658</v>
      </c>
      <c r="L8224">
        <f t="shared" si="912"/>
        <v>0.31147056951882829</v>
      </c>
      <c r="M8224">
        <f t="shared" si="913"/>
        <v>0</v>
      </c>
      <c r="N8224" s="45">
        <f t="shared" si="914"/>
        <v>45268.249999980137</v>
      </c>
    </row>
    <row r="8225" spans="2:14" x14ac:dyDescent="0.25">
      <c r="B8225">
        <f t="shared" si="908"/>
        <v>5</v>
      </c>
      <c r="C8225" s="16">
        <v>8191</v>
      </c>
      <c r="D8225" cm="1">
        <f t="array" ref="D8225">IFERROR(INDEX(Jesper!AH$2:AH$366,ROUNDDOWN($C8225/24,0)+1,1)*INDEX($D$3:$AA$30,INDEX(Jesper!$R$2:$R$366,ROW(INDEX(Jesper!AH$2:AH$366,ROUNDDOWN($C8225/24,0)+1,1))-1)+IF('Standard Profiles'!$G$18=$B$10,7,0)+IF('Standard Profiles'!$G$18=$B$17,14,0)+IF('Standard Profiles'!$G$18=$B$24,21,0),MOD($C8225,24)+1)/SUM(INDEX($D$3:$AA$30,INDEX(Jesper!$R$2:$R$366,ROW(INDEX(Jesper!AH$2:AH$366,ROUNDDOWN($C8225/24,0)+1,1))-1)+IF('Standard Profiles'!$G$18=$B$10,7,0)+IF('Standard Profiles'!$G$18=$B$17,14,0)+IF('Standard Profiles'!$G$18=$B$24,21,0),0)),0)</f>
        <v>24.878711740316408</v>
      </c>
      <c r="E8225" cm="1">
        <f t="array" ref="E8225">IFERROR(INDEX(Jesper!AI$2:AI$366,ROUNDDOWN($C8225/24,0)+1,1)*INDEX($D$3:$AA$30,INDEX(Jesper!$R$2:$R$366,ROW(INDEX(Jesper!AI$2:AI$366,ROUNDDOWN($C8225/24,0)+1,1))-1)+IF('Standard Profiles'!$G$19=$B$10,7,0)+IF('Standard Profiles'!$G$19=$B$17,14,0)+IF('Standard Profiles'!$G$19=$B$24,21,0),MOD($C8225,24)+1)/SUM(INDEX($D$3:$AA$30,INDEX(Jesper!$R$2:$R$366,ROW(INDEX(Jesper!AI$2:AI$366,ROUNDDOWN($C8225/24,0)+1,1))-1)+IF('Standard Profiles'!$G$19=$B$10,7,0)+IF('Standard Profiles'!$G$19=$B$17,14,0)+IF('Standard Profiles'!$G$19=$B$24,21,0),0)),0)</f>
        <v>32.540765868807341</v>
      </c>
      <c r="F8225" cm="1">
        <f t="array" ref="F8225">IFERROR(INDEX(Jesper!AJ$2:AJ$366,ROUNDDOWN($C8225/24,0)+1,1)*INDEX($D$3:$AA$30,INDEX(Jesper!$R$2:$R$366,ROW(INDEX(Jesper!AJ$2:AJ$366,ROUNDDOWN($C8225/24,0)+1,1))-1)+IF('Standard Profiles'!$G$20=$B$10,7,0)+IF('Standard Profiles'!$G$20=$B$17,14,0)+IF('Standard Profiles'!$G$20=$B$24,21,0),MOD($C8225,24)+1)/SUM(INDEX($D$3:$AA$30,INDEX(Jesper!$R$2:$R$366,ROW(INDEX(Jesper!AJ$2:AJ$366,ROUNDDOWN($C8225/24,0)+1,1))-1)+IF('Standard Profiles'!$G$20=$B$10,7,0)+IF('Standard Profiles'!$G$20=$B$17,14,0)+IF('Standard Profiles'!$G$20=$B$24,21,0),0)),0)</f>
        <v>0</v>
      </c>
      <c r="G8225" cm="1">
        <f t="array" ref="G8225">IFERROR(INDEX(Jesper!AK$2:AK$366,ROUNDDOWN($C8225/24,0)+1,1)*INDEX($D$3:$AA$30,INDEX(Jesper!$R$2:$R$366,ROW(INDEX(Jesper!AK$2:AK$366,ROUNDDOWN($C8225/24,0)+1,1))-1)+IF('Standard Profiles'!$G$21=$B$10,7,0)+IF('Standard Profiles'!$G$21=$B$17,14,0)+IF('Standard Profiles'!$G$21=$B$24,21,0),MOD($C8225,24)+1)/SUM(INDEX($D$3:$AA$30,INDEX(Jesper!$R$2:$R$366,ROW(INDEX(Jesper!AK$2:AK$366,ROUNDDOWN($C8225/24,0)+1,1))-1)+IF('Standard Profiles'!$G$21=$B$10,7,0)+IF('Standard Profiles'!$G$21=$B$17,14,0)+IF('Standard Profiles'!$G$21=$B$24,21,0),0)),0)</f>
        <v>30.527441206455833</v>
      </c>
      <c r="H8225" cm="1">
        <f t="array" ref="H8225">IFERROR(INDEX(Jesper!AL$2:AL$366,ROUNDDOWN($C8225/24,0)+1,1)*INDEX($D$3:$AA$30,INDEX(Jesper!$R$2:$R$366,ROW(INDEX(Jesper!AL$2:AL$366,ROUNDDOWN($C8225/24,0)+1,1))-1)+IF('Standard Profiles'!$G$22=$B$10,7,0)+IF('Standard Profiles'!$G$22=$B$17,14,0)+IF('Standard Profiles'!$G$22=$B$24,21,0),MOD($C8225,24)+1)/SUM(INDEX($D$3:$AA$30,INDEX(Jesper!$R$2:$R$366,ROW(INDEX(Jesper!AL$2:AL$366,ROUNDDOWN($C8225/24,0)+1,1))-1)+IF('Standard Profiles'!$G$22=$B$10,7,0)+IF('Standard Profiles'!$G$22=$B$17,14,0)+IF('Standard Profiles'!$G$22=$B$24,21,0),0)),0)</f>
        <v>0</v>
      </c>
      <c r="I8225">
        <f t="shared" si="909"/>
        <v>14.653171779098793</v>
      </c>
      <c r="J8225">
        <f t="shared" si="910"/>
        <v>69.313153158030161</v>
      </c>
      <c r="K8225">
        <f t="shared" si="911"/>
        <v>2.6537292523004172</v>
      </c>
      <c r="L8225">
        <f t="shared" si="912"/>
        <v>1.3268646261502086</v>
      </c>
      <c r="M8225">
        <f t="shared" si="913"/>
        <v>0</v>
      </c>
      <c r="N8225" s="45">
        <f t="shared" si="914"/>
        <v>45268.291666646801</v>
      </c>
    </row>
    <row r="8226" spans="2:14" x14ac:dyDescent="0.25">
      <c r="B8226">
        <f t="shared" si="908"/>
        <v>5</v>
      </c>
      <c r="C8226" s="16">
        <v>8192</v>
      </c>
      <c r="D8226" cm="1">
        <f t="array" ref="D8226">IFERROR(INDEX(Jesper!AH$2:AH$366,ROUNDDOWN($C8226/24,0)+1,1)*INDEX($D$3:$AA$30,INDEX(Jesper!$R$2:$R$366,ROW(INDEX(Jesper!AH$2:AH$366,ROUNDDOWN($C8226/24,0)+1,1))-1)+IF('Standard Profiles'!$G$18=$B$10,7,0)+IF('Standard Profiles'!$G$18=$B$17,14,0)+IF('Standard Profiles'!$G$18=$B$24,21,0),MOD($C8226,24)+1)/SUM(INDEX($D$3:$AA$30,INDEX(Jesper!$R$2:$R$366,ROW(INDEX(Jesper!AH$2:AH$366,ROUNDDOWN($C8226/24,0)+1,1))-1)+IF('Standard Profiles'!$G$18=$B$10,7,0)+IF('Standard Profiles'!$G$18=$B$17,14,0)+IF('Standard Profiles'!$G$18=$B$24,21,0),0)),0)</f>
        <v>31.098389675395509</v>
      </c>
      <c r="E8226" cm="1">
        <f t="array" ref="E8226">IFERROR(INDEX(Jesper!AI$2:AI$366,ROUNDDOWN($C8226/24,0)+1,1)*INDEX($D$3:$AA$30,INDEX(Jesper!$R$2:$R$366,ROW(INDEX(Jesper!AI$2:AI$366,ROUNDDOWN($C8226/24,0)+1,1))-1)+IF('Standard Profiles'!$G$19=$B$10,7,0)+IF('Standard Profiles'!$G$19=$B$17,14,0)+IF('Standard Profiles'!$G$19=$B$24,21,0),MOD($C8226,24)+1)/SUM(INDEX($D$3:$AA$30,INDEX(Jesper!$R$2:$R$366,ROW(INDEX(Jesper!AI$2:AI$366,ROUNDDOWN($C8226/24,0)+1,1))-1)+IF('Standard Profiles'!$G$19=$B$10,7,0)+IF('Standard Profiles'!$G$19=$B$17,14,0)+IF('Standard Profiles'!$G$19=$B$24,21,0),0)),0)</f>
        <v>40.675957336009176</v>
      </c>
      <c r="F8226" cm="1">
        <f t="array" ref="F8226">IFERROR(INDEX(Jesper!AJ$2:AJ$366,ROUNDDOWN($C8226/24,0)+1,1)*INDEX($D$3:$AA$30,INDEX(Jesper!$R$2:$R$366,ROW(INDEX(Jesper!AJ$2:AJ$366,ROUNDDOWN($C8226/24,0)+1,1))-1)+IF('Standard Profiles'!$G$20=$B$10,7,0)+IF('Standard Profiles'!$G$20=$B$17,14,0)+IF('Standard Profiles'!$G$20=$B$24,21,0),MOD($C8226,24)+1)/SUM(INDEX($D$3:$AA$30,INDEX(Jesper!$R$2:$R$366,ROW(INDEX(Jesper!AJ$2:AJ$366,ROUNDDOWN($C8226/24,0)+1,1))-1)+IF('Standard Profiles'!$G$20=$B$10,7,0)+IF('Standard Profiles'!$G$20=$B$17,14,0)+IF('Standard Profiles'!$G$20=$B$24,21,0),0)),0)</f>
        <v>0</v>
      </c>
      <c r="G8226" cm="1">
        <f t="array" ref="G8226">IFERROR(INDEX(Jesper!AK$2:AK$366,ROUNDDOWN($C8226/24,0)+1,1)*INDEX($D$3:$AA$30,INDEX(Jesper!$R$2:$R$366,ROW(INDEX(Jesper!AK$2:AK$366,ROUNDDOWN($C8226/24,0)+1,1))-1)+IF('Standard Profiles'!$G$21=$B$10,7,0)+IF('Standard Profiles'!$G$21=$B$17,14,0)+IF('Standard Profiles'!$G$21=$B$24,21,0),MOD($C8226,24)+1)/SUM(INDEX($D$3:$AA$30,INDEX(Jesper!$R$2:$R$366,ROW(INDEX(Jesper!AK$2:AK$366,ROUNDDOWN($C8226/24,0)+1,1))-1)+IF('Standard Profiles'!$G$21=$B$10,7,0)+IF('Standard Profiles'!$G$21=$B$17,14,0)+IF('Standard Profiles'!$G$21=$B$24,21,0),0)),0)</f>
        <v>38.159301508069795</v>
      </c>
      <c r="H8226" cm="1">
        <f t="array" ref="H8226">IFERROR(INDEX(Jesper!AL$2:AL$366,ROUNDDOWN($C8226/24,0)+1,1)*INDEX($D$3:$AA$30,INDEX(Jesper!$R$2:$R$366,ROW(INDEX(Jesper!AL$2:AL$366,ROUNDDOWN($C8226/24,0)+1,1))-1)+IF('Standard Profiles'!$G$22=$B$10,7,0)+IF('Standard Profiles'!$G$22=$B$17,14,0)+IF('Standard Profiles'!$G$22=$B$24,21,0),MOD($C8226,24)+1)/SUM(INDEX($D$3:$AA$30,INDEX(Jesper!$R$2:$R$366,ROW(INDEX(Jesper!AL$2:AL$366,ROUNDDOWN($C8226/24,0)+1,1))-1)+IF('Standard Profiles'!$G$22=$B$10,7,0)+IF('Standard Profiles'!$G$22=$B$17,14,0)+IF('Standard Profiles'!$G$22=$B$24,21,0),0)),0)</f>
        <v>0</v>
      </c>
      <c r="I8226">
        <f t="shared" si="909"/>
        <v>18.316464723873494</v>
      </c>
      <c r="J8226">
        <f t="shared" si="910"/>
        <v>86.641441447537716</v>
      </c>
      <c r="K8226">
        <f t="shared" si="911"/>
        <v>3.3171615653755211</v>
      </c>
      <c r="L8226">
        <f t="shared" si="912"/>
        <v>1.6585807826877605</v>
      </c>
      <c r="M8226">
        <f t="shared" si="913"/>
        <v>0</v>
      </c>
      <c r="N8226" s="45">
        <f t="shared" si="914"/>
        <v>45268.333333313465</v>
      </c>
    </row>
    <row r="8227" spans="2:14" x14ac:dyDescent="0.25">
      <c r="B8227">
        <f t="shared" ref="B8227:B8290" si="915">WEEKDAY(N8227,2)</f>
        <v>5</v>
      </c>
      <c r="C8227" s="16">
        <v>8193</v>
      </c>
      <c r="D8227" cm="1">
        <f t="array" ref="D8227">IFERROR(INDEX(Jesper!AH$2:AH$366,ROUNDDOWN($C8227/24,0)+1,1)*INDEX($D$3:$AA$30,INDEX(Jesper!$R$2:$R$366,ROW(INDEX(Jesper!AH$2:AH$366,ROUNDDOWN($C8227/24,0)+1,1))-1)+IF('Standard Profiles'!$G$18=$B$10,7,0)+IF('Standard Profiles'!$G$18=$B$17,14,0)+IF('Standard Profiles'!$G$18=$B$24,21,0),MOD($C8227,24)+1)/SUM(INDEX($D$3:$AA$30,INDEX(Jesper!$R$2:$R$366,ROW(INDEX(Jesper!AH$2:AH$366,ROUNDDOWN($C8227/24,0)+1,1))-1)+IF('Standard Profiles'!$G$18=$B$10,7,0)+IF('Standard Profiles'!$G$18=$B$17,14,0)+IF('Standard Profiles'!$G$18=$B$24,21,0),0)),0)</f>
        <v>34.208228642935055</v>
      </c>
      <c r="E8227" cm="1">
        <f t="array" ref="E8227">IFERROR(INDEX(Jesper!AI$2:AI$366,ROUNDDOWN($C8227/24,0)+1,1)*INDEX($D$3:$AA$30,INDEX(Jesper!$R$2:$R$366,ROW(INDEX(Jesper!AI$2:AI$366,ROUNDDOWN($C8227/24,0)+1,1))-1)+IF('Standard Profiles'!$G$19=$B$10,7,0)+IF('Standard Profiles'!$G$19=$B$17,14,0)+IF('Standard Profiles'!$G$19=$B$24,21,0),MOD($C8227,24)+1)/SUM(INDEX($D$3:$AA$30,INDEX(Jesper!$R$2:$R$366,ROW(INDEX(Jesper!AI$2:AI$366,ROUNDDOWN($C8227/24,0)+1,1))-1)+IF('Standard Profiles'!$G$19=$B$10,7,0)+IF('Standard Profiles'!$G$19=$B$17,14,0)+IF('Standard Profiles'!$G$19=$B$24,21,0),0)),0)</f>
        <v>44.743553069610094</v>
      </c>
      <c r="F8227" cm="1">
        <f t="array" ref="F8227">IFERROR(INDEX(Jesper!AJ$2:AJ$366,ROUNDDOWN($C8227/24,0)+1,1)*INDEX($D$3:$AA$30,INDEX(Jesper!$R$2:$R$366,ROW(INDEX(Jesper!AJ$2:AJ$366,ROUNDDOWN($C8227/24,0)+1,1))-1)+IF('Standard Profiles'!$G$20=$B$10,7,0)+IF('Standard Profiles'!$G$20=$B$17,14,0)+IF('Standard Profiles'!$G$20=$B$24,21,0),MOD($C8227,24)+1)/SUM(INDEX($D$3:$AA$30,INDEX(Jesper!$R$2:$R$366,ROW(INDEX(Jesper!AJ$2:AJ$366,ROUNDDOWN($C8227/24,0)+1,1))-1)+IF('Standard Profiles'!$G$20=$B$10,7,0)+IF('Standard Profiles'!$G$20=$B$17,14,0)+IF('Standard Profiles'!$G$20=$B$24,21,0),0)),0)</f>
        <v>0</v>
      </c>
      <c r="G8227" cm="1">
        <f t="array" ref="G8227">IFERROR(INDEX(Jesper!AK$2:AK$366,ROUNDDOWN($C8227/24,0)+1,1)*INDEX($D$3:$AA$30,INDEX(Jesper!$R$2:$R$366,ROW(INDEX(Jesper!AK$2:AK$366,ROUNDDOWN($C8227/24,0)+1,1))-1)+IF('Standard Profiles'!$G$21=$B$10,7,0)+IF('Standard Profiles'!$G$21=$B$17,14,0)+IF('Standard Profiles'!$G$21=$B$24,21,0),MOD($C8227,24)+1)/SUM(INDEX($D$3:$AA$30,INDEX(Jesper!$R$2:$R$366,ROW(INDEX(Jesper!AK$2:AK$366,ROUNDDOWN($C8227/24,0)+1,1))-1)+IF('Standard Profiles'!$G$21=$B$10,7,0)+IF('Standard Profiles'!$G$21=$B$17,14,0)+IF('Standard Profiles'!$G$21=$B$24,21,0),0)),0)</f>
        <v>41.975231658876773</v>
      </c>
      <c r="H8227" cm="1">
        <f t="array" ref="H8227">IFERROR(INDEX(Jesper!AL$2:AL$366,ROUNDDOWN($C8227/24,0)+1,1)*INDEX($D$3:$AA$30,INDEX(Jesper!$R$2:$R$366,ROW(INDEX(Jesper!AL$2:AL$366,ROUNDDOWN($C8227/24,0)+1,1))-1)+IF('Standard Profiles'!$G$22=$B$10,7,0)+IF('Standard Profiles'!$G$22=$B$17,14,0)+IF('Standard Profiles'!$G$22=$B$24,21,0),MOD($C8227,24)+1)/SUM(INDEX($D$3:$AA$30,INDEX(Jesper!$R$2:$R$366,ROW(INDEX(Jesper!AL$2:AL$366,ROUNDDOWN($C8227/24,0)+1,1))-1)+IF('Standard Profiles'!$G$22=$B$10,7,0)+IF('Standard Profiles'!$G$22=$B$17,14,0)+IF('Standard Profiles'!$G$22=$B$24,21,0),0)),0)</f>
        <v>0</v>
      </c>
      <c r="I8227">
        <f t="shared" ref="I8227:I8290" si="916">IF($B8227&lt;6,AC$37*$D8227+AC$38*$E8227+AC$39*$F8227+AC$40*$G8227,AC$46*$D8227+AC$47*$E8227+AC$48*$F8227+AC$49*$G8227+AC$50*$H8227)</f>
        <v>20.148111196260842</v>
      </c>
      <c r="J8227">
        <f t="shared" ref="J8227:J8290" si="917">IF($B8227&lt;6,AD$37*$D8227+AD$38*$E8227+AD$39*$F8227+AD$40*$G8227,AD$46*$D8227+AD$47*$E8227+AD$48*$F8227+AD$49*$G8227+AD$50*$H8227)</f>
        <v>95.305585592291465</v>
      </c>
      <c r="K8227">
        <f t="shared" ref="K8227:K8290" si="918">IF($B8227&lt;6,AE$37*$D8227+AE$38*$E8227+AE$39*$F8227+AE$40*$G8227,AE$46*$D8227+AE$47*$E8227+AE$48*$F8227+AE$49*$G8227+AE$50*$H8227)</f>
        <v>3.6488777219130726</v>
      </c>
      <c r="L8227">
        <f t="shared" ref="L8227:L8290" si="919">IF($B8227&lt;6,AF$37*$D8227+AF$38*$E8227+AF$39*$F8227+AF$40*$G8227,AF$46*$D8227+AF$47*$E8227+AF$48*$F8227+AF$49*$G8227+AF$50*$H8227)</f>
        <v>1.8244388609565363</v>
      </c>
      <c r="M8227">
        <f t="shared" ref="M8227:M8290" si="920">IF($B8227&lt;6,AG$37*$D8227+AG$38*$E8227+AG$39*$F8227+AG$40*$G8227,AG$46*$D8227+AG$47*$E8227+AG$48*$F8227+AG$49*$G8227+AG$50*$H8227)</f>
        <v>0</v>
      </c>
      <c r="N8227" s="45">
        <f t="shared" si="914"/>
        <v>45268.374999980129</v>
      </c>
    </row>
    <row r="8228" spans="2:14" x14ac:dyDescent="0.25">
      <c r="B8228">
        <f t="shared" si="915"/>
        <v>5</v>
      </c>
      <c r="C8228" s="16">
        <v>8194</v>
      </c>
      <c r="D8228" cm="1">
        <f t="array" ref="D8228">IFERROR(INDEX(Jesper!AH$2:AH$366,ROUNDDOWN($C8228/24,0)+1,1)*INDEX($D$3:$AA$30,INDEX(Jesper!$R$2:$R$366,ROW(INDEX(Jesper!AH$2:AH$366,ROUNDDOWN($C8228/24,0)+1,1))-1)+IF('Standard Profiles'!$G$18=$B$10,7,0)+IF('Standard Profiles'!$G$18=$B$17,14,0)+IF('Standard Profiles'!$G$18=$B$24,21,0),MOD($C8228,24)+1)/SUM(INDEX($D$3:$AA$30,INDEX(Jesper!$R$2:$R$366,ROW(INDEX(Jesper!AH$2:AH$366,ROUNDDOWN($C8228/24,0)+1,1))-1)+IF('Standard Profiles'!$G$18=$B$10,7,0)+IF('Standard Profiles'!$G$18=$B$17,14,0)+IF('Standard Profiles'!$G$18=$B$24,21,0),0)),0)</f>
        <v>34.208228642935055</v>
      </c>
      <c r="E8228" cm="1">
        <f t="array" ref="E8228">IFERROR(INDEX(Jesper!AI$2:AI$366,ROUNDDOWN($C8228/24,0)+1,1)*INDEX($D$3:$AA$30,INDEX(Jesper!$R$2:$R$366,ROW(INDEX(Jesper!AI$2:AI$366,ROUNDDOWN($C8228/24,0)+1,1))-1)+IF('Standard Profiles'!$G$19=$B$10,7,0)+IF('Standard Profiles'!$G$19=$B$17,14,0)+IF('Standard Profiles'!$G$19=$B$24,21,0),MOD($C8228,24)+1)/SUM(INDEX($D$3:$AA$30,INDEX(Jesper!$R$2:$R$366,ROW(INDEX(Jesper!AI$2:AI$366,ROUNDDOWN($C8228/24,0)+1,1))-1)+IF('Standard Profiles'!$G$19=$B$10,7,0)+IF('Standard Profiles'!$G$19=$B$17,14,0)+IF('Standard Profiles'!$G$19=$B$24,21,0),0)),0)</f>
        <v>44.743553069610094</v>
      </c>
      <c r="F8228" cm="1">
        <f t="array" ref="F8228">IFERROR(INDEX(Jesper!AJ$2:AJ$366,ROUNDDOWN($C8228/24,0)+1,1)*INDEX($D$3:$AA$30,INDEX(Jesper!$R$2:$R$366,ROW(INDEX(Jesper!AJ$2:AJ$366,ROUNDDOWN($C8228/24,0)+1,1))-1)+IF('Standard Profiles'!$G$20=$B$10,7,0)+IF('Standard Profiles'!$G$20=$B$17,14,0)+IF('Standard Profiles'!$G$20=$B$24,21,0),MOD($C8228,24)+1)/SUM(INDEX($D$3:$AA$30,INDEX(Jesper!$R$2:$R$366,ROW(INDEX(Jesper!AJ$2:AJ$366,ROUNDDOWN($C8228/24,0)+1,1))-1)+IF('Standard Profiles'!$G$20=$B$10,7,0)+IF('Standard Profiles'!$G$20=$B$17,14,0)+IF('Standard Profiles'!$G$20=$B$24,21,0),0)),0)</f>
        <v>0</v>
      </c>
      <c r="G8228" cm="1">
        <f t="array" ref="G8228">IFERROR(INDEX(Jesper!AK$2:AK$366,ROUNDDOWN($C8228/24,0)+1,1)*INDEX($D$3:$AA$30,INDEX(Jesper!$R$2:$R$366,ROW(INDEX(Jesper!AK$2:AK$366,ROUNDDOWN($C8228/24,0)+1,1))-1)+IF('Standard Profiles'!$G$21=$B$10,7,0)+IF('Standard Profiles'!$G$21=$B$17,14,0)+IF('Standard Profiles'!$G$21=$B$24,21,0),MOD($C8228,24)+1)/SUM(INDEX($D$3:$AA$30,INDEX(Jesper!$R$2:$R$366,ROW(INDEX(Jesper!AK$2:AK$366,ROUNDDOWN($C8228/24,0)+1,1))-1)+IF('Standard Profiles'!$G$21=$B$10,7,0)+IF('Standard Profiles'!$G$21=$B$17,14,0)+IF('Standard Profiles'!$G$21=$B$24,21,0),0)),0)</f>
        <v>41.975231658876773</v>
      </c>
      <c r="H8228" cm="1">
        <f t="array" ref="H8228">IFERROR(INDEX(Jesper!AL$2:AL$366,ROUNDDOWN($C8228/24,0)+1,1)*INDEX($D$3:$AA$30,INDEX(Jesper!$R$2:$R$366,ROW(INDEX(Jesper!AL$2:AL$366,ROUNDDOWN($C8228/24,0)+1,1))-1)+IF('Standard Profiles'!$G$22=$B$10,7,0)+IF('Standard Profiles'!$G$22=$B$17,14,0)+IF('Standard Profiles'!$G$22=$B$24,21,0),MOD($C8228,24)+1)/SUM(INDEX($D$3:$AA$30,INDEX(Jesper!$R$2:$R$366,ROW(INDEX(Jesper!AL$2:AL$366,ROUNDDOWN($C8228/24,0)+1,1))-1)+IF('Standard Profiles'!$G$22=$B$10,7,0)+IF('Standard Profiles'!$G$22=$B$17,14,0)+IF('Standard Profiles'!$G$22=$B$24,21,0),0)),0)</f>
        <v>0</v>
      </c>
      <c r="I8228">
        <f t="shared" si="916"/>
        <v>20.148111196260842</v>
      </c>
      <c r="J8228">
        <f t="shared" si="917"/>
        <v>95.305585592291465</v>
      </c>
      <c r="K8228">
        <f t="shared" si="918"/>
        <v>3.6488777219130726</v>
      </c>
      <c r="L8228">
        <f t="shared" si="919"/>
        <v>1.8244388609565363</v>
      </c>
      <c r="M8228">
        <f t="shared" si="920"/>
        <v>0</v>
      </c>
      <c r="N8228" s="45">
        <f t="shared" ref="N8228:N8291" si="921">N8227+1/24</f>
        <v>45268.416666646794</v>
      </c>
    </row>
    <row r="8229" spans="2:14" x14ac:dyDescent="0.25">
      <c r="B8229">
        <f t="shared" si="915"/>
        <v>5</v>
      </c>
      <c r="C8229" s="16">
        <v>8195</v>
      </c>
      <c r="D8229" cm="1">
        <f t="array" ref="D8229">IFERROR(INDEX(Jesper!AH$2:AH$366,ROUNDDOWN($C8229/24,0)+1,1)*INDEX($D$3:$AA$30,INDEX(Jesper!$R$2:$R$366,ROW(INDEX(Jesper!AH$2:AH$366,ROUNDDOWN($C8229/24,0)+1,1))-1)+IF('Standard Profiles'!$G$18=$B$10,7,0)+IF('Standard Profiles'!$G$18=$B$17,14,0)+IF('Standard Profiles'!$G$18=$B$24,21,0),MOD($C8229,24)+1)/SUM(INDEX($D$3:$AA$30,INDEX(Jesper!$R$2:$R$366,ROW(INDEX(Jesper!AH$2:AH$366,ROUNDDOWN($C8229/24,0)+1,1))-1)+IF('Standard Profiles'!$G$18=$B$10,7,0)+IF('Standard Profiles'!$G$18=$B$17,14,0)+IF('Standard Profiles'!$G$18=$B$24,21,0),0)),0)</f>
        <v>40.427906578014159</v>
      </c>
      <c r="E8229" cm="1">
        <f t="array" ref="E8229">IFERROR(INDEX(Jesper!AI$2:AI$366,ROUNDDOWN($C8229/24,0)+1,1)*INDEX($D$3:$AA$30,INDEX(Jesper!$R$2:$R$366,ROW(INDEX(Jesper!AI$2:AI$366,ROUNDDOWN($C8229/24,0)+1,1))-1)+IF('Standard Profiles'!$G$19=$B$10,7,0)+IF('Standard Profiles'!$G$19=$B$17,14,0)+IF('Standard Profiles'!$G$19=$B$24,21,0),MOD($C8229,24)+1)/SUM(INDEX($D$3:$AA$30,INDEX(Jesper!$R$2:$R$366,ROW(INDEX(Jesper!AI$2:AI$366,ROUNDDOWN($C8229/24,0)+1,1))-1)+IF('Standard Profiles'!$G$19=$B$10,7,0)+IF('Standard Profiles'!$G$19=$B$17,14,0)+IF('Standard Profiles'!$G$19=$B$24,21,0),0)),0)</f>
        <v>52.878744536811929</v>
      </c>
      <c r="F8229" cm="1">
        <f t="array" ref="F8229">IFERROR(INDEX(Jesper!AJ$2:AJ$366,ROUNDDOWN($C8229/24,0)+1,1)*INDEX($D$3:$AA$30,INDEX(Jesper!$R$2:$R$366,ROW(INDEX(Jesper!AJ$2:AJ$366,ROUNDDOWN($C8229/24,0)+1,1))-1)+IF('Standard Profiles'!$G$20=$B$10,7,0)+IF('Standard Profiles'!$G$20=$B$17,14,0)+IF('Standard Profiles'!$G$20=$B$24,21,0),MOD($C8229,24)+1)/SUM(INDEX($D$3:$AA$30,INDEX(Jesper!$R$2:$R$366,ROW(INDEX(Jesper!AJ$2:AJ$366,ROUNDDOWN($C8229/24,0)+1,1))-1)+IF('Standard Profiles'!$G$20=$B$10,7,0)+IF('Standard Profiles'!$G$20=$B$17,14,0)+IF('Standard Profiles'!$G$20=$B$24,21,0),0)),0)</f>
        <v>0</v>
      </c>
      <c r="G8229" cm="1">
        <f t="array" ref="G8229">IFERROR(INDEX(Jesper!AK$2:AK$366,ROUNDDOWN($C8229/24,0)+1,1)*INDEX($D$3:$AA$30,INDEX(Jesper!$R$2:$R$366,ROW(INDEX(Jesper!AK$2:AK$366,ROUNDDOWN($C8229/24,0)+1,1))-1)+IF('Standard Profiles'!$G$21=$B$10,7,0)+IF('Standard Profiles'!$G$21=$B$17,14,0)+IF('Standard Profiles'!$G$21=$B$24,21,0),MOD($C8229,24)+1)/SUM(INDEX($D$3:$AA$30,INDEX(Jesper!$R$2:$R$366,ROW(INDEX(Jesper!AK$2:AK$366,ROUNDDOWN($C8229/24,0)+1,1))-1)+IF('Standard Profiles'!$G$21=$B$10,7,0)+IF('Standard Profiles'!$G$21=$B$17,14,0)+IF('Standard Profiles'!$G$21=$B$24,21,0),0)),0)</f>
        <v>49.607091960490727</v>
      </c>
      <c r="H8229" cm="1">
        <f t="array" ref="H8229">IFERROR(INDEX(Jesper!AL$2:AL$366,ROUNDDOWN($C8229/24,0)+1,1)*INDEX($D$3:$AA$30,INDEX(Jesper!$R$2:$R$366,ROW(INDEX(Jesper!AL$2:AL$366,ROUNDDOWN($C8229/24,0)+1,1))-1)+IF('Standard Profiles'!$G$22=$B$10,7,0)+IF('Standard Profiles'!$G$22=$B$17,14,0)+IF('Standard Profiles'!$G$22=$B$24,21,0),MOD($C8229,24)+1)/SUM(INDEX($D$3:$AA$30,INDEX(Jesper!$R$2:$R$366,ROW(INDEX(Jesper!AL$2:AL$366,ROUNDDOWN($C8229/24,0)+1,1))-1)+IF('Standard Profiles'!$G$22=$B$10,7,0)+IF('Standard Profiles'!$G$22=$B$17,14,0)+IF('Standard Profiles'!$G$22=$B$24,21,0),0)),0)</f>
        <v>0</v>
      </c>
      <c r="I8229">
        <f t="shared" si="916"/>
        <v>23.811404141035538</v>
      </c>
      <c r="J8229">
        <f t="shared" si="917"/>
        <v>112.63387388179902</v>
      </c>
      <c r="K8229">
        <f t="shared" si="918"/>
        <v>4.3123100349881769</v>
      </c>
      <c r="L8229">
        <f t="shared" si="919"/>
        <v>2.1561550174940884</v>
      </c>
      <c r="M8229">
        <f t="shared" si="920"/>
        <v>0</v>
      </c>
      <c r="N8229" s="45">
        <f t="shared" si="921"/>
        <v>45268.458333313458</v>
      </c>
    </row>
    <row r="8230" spans="2:14" x14ac:dyDescent="0.25">
      <c r="B8230">
        <f t="shared" si="915"/>
        <v>5</v>
      </c>
      <c r="C8230" s="16">
        <v>8196</v>
      </c>
      <c r="D8230" cm="1">
        <f t="array" ref="D8230">IFERROR(INDEX(Jesper!AH$2:AH$366,ROUNDDOWN($C8230/24,0)+1,1)*INDEX($D$3:$AA$30,INDEX(Jesper!$R$2:$R$366,ROW(INDEX(Jesper!AH$2:AH$366,ROUNDDOWN($C8230/24,0)+1,1))-1)+IF('Standard Profiles'!$G$18=$B$10,7,0)+IF('Standard Profiles'!$G$18=$B$17,14,0)+IF('Standard Profiles'!$G$18=$B$24,21,0),MOD($C8230,24)+1)/SUM(INDEX($D$3:$AA$30,INDEX(Jesper!$R$2:$R$366,ROW(INDEX(Jesper!AH$2:AH$366,ROUNDDOWN($C8230/24,0)+1,1))-1)+IF('Standard Profiles'!$G$18=$B$10,7,0)+IF('Standard Profiles'!$G$18=$B$17,14,0)+IF('Standard Profiles'!$G$18=$B$24,21,0),0)),0)</f>
        <v>40.427906578014159</v>
      </c>
      <c r="E8230" cm="1">
        <f t="array" ref="E8230">IFERROR(INDEX(Jesper!AI$2:AI$366,ROUNDDOWN($C8230/24,0)+1,1)*INDEX($D$3:$AA$30,INDEX(Jesper!$R$2:$R$366,ROW(INDEX(Jesper!AI$2:AI$366,ROUNDDOWN($C8230/24,0)+1,1))-1)+IF('Standard Profiles'!$G$19=$B$10,7,0)+IF('Standard Profiles'!$G$19=$B$17,14,0)+IF('Standard Profiles'!$G$19=$B$24,21,0),MOD($C8230,24)+1)/SUM(INDEX($D$3:$AA$30,INDEX(Jesper!$R$2:$R$366,ROW(INDEX(Jesper!AI$2:AI$366,ROUNDDOWN($C8230/24,0)+1,1))-1)+IF('Standard Profiles'!$G$19=$B$10,7,0)+IF('Standard Profiles'!$G$19=$B$17,14,0)+IF('Standard Profiles'!$G$19=$B$24,21,0),0)),0)</f>
        <v>52.878744536811929</v>
      </c>
      <c r="F8230" cm="1">
        <f t="array" ref="F8230">IFERROR(INDEX(Jesper!AJ$2:AJ$366,ROUNDDOWN($C8230/24,0)+1,1)*INDEX($D$3:$AA$30,INDEX(Jesper!$R$2:$R$366,ROW(INDEX(Jesper!AJ$2:AJ$366,ROUNDDOWN($C8230/24,0)+1,1))-1)+IF('Standard Profiles'!$G$20=$B$10,7,0)+IF('Standard Profiles'!$G$20=$B$17,14,0)+IF('Standard Profiles'!$G$20=$B$24,21,0),MOD($C8230,24)+1)/SUM(INDEX($D$3:$AA$30,INDEX(Jesper!$R$2:$R$366,ROW(INDEX(Jesper!AJ$2:AJ$366,ROUNDDOWN($C8230/24,0)+1,1))-1)+IF('Standard Profiles'!$G$20=$B$10,7,0)+IF('Standard Profiles'!$G$20=$B$17,14,0)+IF('Standard Profiles'!$G$20=$B$24,21,0),0)),0)</f>
        <v>0</v>
      </c>
      <c r="G8230" cm="1">
        <f t="array" ref="G8230">IFERROR(INDEX(Jesper!AK$2:AK$366,ROUNDDOWN($C8230/24,0)+1,1)*INDEX($D$3:$AA$30,INDEX(Jesper!$R$2:$R$366,ROW(INDEX(Jesper!AK$2:AK$366,ROUNDDOWN($C8230/24,0)+1,1))-1)+IF('Standard Profiles'!$G$21=$B$10,7,0)+IF('Standard Profiles'!$G$21=$B$17,14,0)+IF('Standard Profiles'!$G$21=$B$24,21,0),MOD($C8230,24)+1)/SUM(INDEX($D$3:$AA$30,INDEX(Jesper!$R$2:$R$366,ROW(INDEX(Jesper!AK$2:AK$366,ROUNDDOWN($C8230/24,0)+1,1))-1)+IF('Standard Profiles'!$G$21=$B$10,7,0)+IF('Standard Profiles'!$G$21=$B$17,14,0)+IF('Standard Profiles'!$G$21=$B$24,21,0),0)),0)</f>
        <v>49.607091960490727</v>
      </c>
      <c r="H8230" cm="1">
        <f t="array" ref="H8230">IFERROR(INDEX(Jesper!AL$2:AL$366,ROUNDDOWN($C8230/24,0)+1,1)*INDEX($D$3:$AA$30,INDEX(Jesper!$R$2:$R$366,ROW(INDEX(Jesper!AL$2:AL$366,ROUNDDOWN($C8230/24,0)+1,1))-1)+IF('Standard Profiles'!$G$22=$B$10,7,0)+IF('Standard Profiles'!$G$22=$B$17,14,0)+IF('Standard Profiles'!$G$22=$B$24,21,0),MOD($C8230,24)+1)/SUM(INDEX($D$3:$AA$30,INDEX(Jesper!$R$2:$R$366,ROW(INDEX(Jesper!AL$2:AL$366,ROUNDDOWN($C8230/24,0)+1,1))-1)+IF('Standard Profiles'!$G$22=$B$10,7,0)+IF('Standard Profiles'!$G$22=$B$17,14,0)+IF('Standard Profiles'!$G$22=$B$24,21,0),0)),0)</f>
        <v>0</v>
      </c>
      <c r="I8230">
        <f t="shared" si="916"/>
        <v>23.811404141035538</v>
      </c>
      <c r="J8230">
        <f t="shared" si="917"/>
        <v>112.63387388179902</v>
      </c>
      <c r="K8230">
        <f t="shared" si="918"/>
        <v>4.3123100349881769</v>
      </c>
      <c r="L8230">
        <f t="shared" si="919"/>
        <v>2.1561550174940884</v>
      </c>
      <c r="M8230">
        <f t="shared" si="920"/>
        <v>0</v>
      </c>
      <c r="N8230" s="45">
        <f t="shared" si="921"/>
        <v>45268.499999980122</v>
      </c>
    </row>
    <row r="8231" spans="2:14" x14ac:dyDescent="0.25">
      <c r="B8231">
        <f t="shared" si="915"/>
        <v>5</v>
      </c>
      <c r="C8231" s="16">
        <v>8197</v>
      </c>
      <c r="D8231" cm="1">
        <f t="array" ref="D8231">IFERROR(INDEX(Jesper!AH$2:AH$366,ROUNDDOWN($C8231/24,0)+1,1)*INDEX($D$3:$AA$30,INDEX(Jesper!$R$2:$R$366,ROW(INDEX(Jesper!AH$2:AH$366,ROUNDDOWN($C8231/24,0)+1,1))-1)+IF('Standard Profiles'!$G$18=$B$10,7,0)+IF('Standard Profiles'!$G$18=$B$17,14,0)+IF('Standard Profiles'!$G$18=$B$24,21,0),MOD($C8231,24)+1)/SUM(INDEX($D$3:$AA$30,INDEX(Jesper!$R$2:$R$366,ROW(INDEX(Jesper!AH$2:AH$366,ROUNDDOWN($C8231/24,0)+1,1))-1)+IF('Standard Profiles'!$G$18=$B$10,7,0)+IF('Standard Profiles'!$G$18=$B$17,14,0)+IF('Standard Profiles'!$G$18=$B$24,21,0),0)),0)</f>
        <v>27.988550707855961</v>
      </c>
      <c r="E8231" cm="1">
        <f t="array" ref="E8231">IFERROR(INDEX(Jesper!AI$2:AI$366,ROUNDDOWN($C8231/24,0)+1,1)*INDEX($D$3:$AA$30,INDEX(Jesper!$R$2:$R$366,ROW(INDEX(Jesper!AI$2:AI$366,ROUNDDOWN($C8231/24,0)+1,1))-1)+IF('Standard Profiles'!$G$19=$B$10,7,0)+IF('Standard Profiles'!$G$19=$B$17,14,0)+IF('Standard Profiles'!$G$19=$B$24,21,0),MOD($C8231,24)+1)/SUM(INDEX($D$3:$AA$30,INDEX(Jesper!$R$2:$R$366,ROW(INDEX(Jesper!AI$2:AI$366,ROUNDDOWN($C8231/24,0)+1,1))-1)+IF('Standard Profiles'!$G$19=$B$10,7,0)+IF('Standard Profiles'!$G$19=$B$17,14,0)+IF('Standard Profiles'!$G$19=$B$24,21,0),0)),0)</f>
        <v>36.608361602408259</v>
      </c>
      <c r="F8231" cm="1">
        <f t="array" ref="F8231">IFERROR(INDEX(Jesper!AJ$2:AJ$366,ROUNDDOWN($C8231/24,0)+1,1)*INDEX($D$3:$AA$30,INDEX(Jesper!$R$2:$R$366,ROW(INDEX(Jesper!AJ$2:AJ$366,ROUNDDOWN($C8231/24,0)+1,1))-1)+IF('Standard Profiles'!$G$20=$B$10,7,0)+IF('Standard Profiles'!$G$20=$B$17,14,0)+IF('Standard Profiles'!$G$20=$B$24,21,0),MOD($C8231,24)+1)/SUM(INDEX($D$3:$AA$30,INDEX(Jesper!$R$2:$R$366,ROW(INDEX(Jesper!AJ$2:AJ$366,ROUNDDOWN($C8231/24,0)+1,1))-1)+IF('Standard Profiles'!$G$20=$B$10,7,0)+IF('Standard Profiles'!$G$20=$B$17,14,0)+IF('Standard Profiles'!$G$20=$B$24,21,0),0)),0)</f>
        <v>0</v>
      </c>
      <c r="G8231" cm="1">
        <f t="array" ref="G8231">IFERROR(INDEX(Jesper!AK$2:AK$366,ROUNDDOWN($C8231/24,0)+1,1)*INDEX($D$3:$AA$30,INDEX(Jesper!$R$2:$R$366,ROW(INDEX(Jesper!AK$2:AK$366,ROUNDDOWN($C8231/24,0)+1,1))-1)+IF('Standard Profiles'!$G$21=$B$10,7,0)+IF('Standard Profiles'!$G$21=$B$17,14,0)+IF('Standard Profiles'!$G$21=$B$24,21,0),MOD($C8231,24)+1)/SUM(INDEX($D$3:$AA$30,INDEX(Jesper!$R$2:$R$366,ROW(INDEX(Jesper!AK$2:AK$366,ROUNDDOWN($C8231/24,0)+1,1))-1)+IF('Standard Profiles'!$G$21=$B$10,7,0)+IF('Standard Profiles'!$G$21=$B$17,14,0)+IF('Standard Profiles'!$G$21=$B$24,21,0),0)),0)</f>
        <v>34.343371357262818</v>
      </c>
      <c r="H8231" cm="1">
        <f t="array" ref="H8231">IFERROR(INDEX(Jesper!AL$2:AL$366,ROUNDDOWN($C8231/24,0)+1,1)*INDEX($D$3:$AA$30,INDEX(Jesper!$R$2:$R$366,ROW(INDEX(Jesper!AL$2:AL$366,ROUNDDOWN($C8231/24,0)+1,1))-1)+IF('Standard Profiles'!$G$22=$B$10,7,0)+IF('Standard Profiles'!$G$22=$B$17,14,0)+IF('Standard Profiles'!$G$22=$B$24,21,0),MOD($C8231,24)+1)/SUM(INDEX($D$3:$AA$30,INDEX(Jesper!$R$2:$R$366,ROW(INDEX(Jesper!AL$2:AL$366,ROUNDDOWN($C8231/24,0)+1,1))-1)+IF('Standard Profiles'!$G$22=$B$10,7,0)+IF('Standard Profiles'!$G$22=$B$17,14,0)+IF('Standard Profiles'!$G$22=$B$24,21,0),0)),0)</f>
        <v>0</v>
      </c>
      <c r="I8231">
        <f t="shared" si="916"/>
        <v>16.484818251486143</v>
      </c>
      <c r="J8231">
        <f t="shared" si="917"/>
        <v>77.977297302783938</v>
      </c>
      <c r="K8231">
        <f t="shared" si="918"/>
        <v>2.9854454088379692</v>
      </c>
      <c r="L8231">
        <f t="shared" si="919"/>
        <v>1.4927227044189846</v>
      </c>
      <c r="M8231">
        <f t="shared" si="920"/>
        <v>0</v>
      </c>
      <c r="N8231" s="45">
        <f t="shared" si="921"/>
        <v>45268.541666646786</v>
      </c>
    </row>
    <row r="8232" spans="2:14" x14ac:dyDescent="0.25">
      <c r="B8232">
        <f t="shared" si="915"/>
        <v>5</v>
      </c>
      <c r="C8232" s="16">
        <v>8198</v>
      </c>
      <c r="D8232" cm="1">
        <f t="array" ref="D8232">IFERROR(INDEX(Jesper!AH$2:AH$366,ROUNDDOWN($C8232/24,0)+1,1)*INDEX($D$3:$AA$30,INDEX(Jesper!$R$2:$R$366,ROW(INDEX(Jesper!AH$2:AH$366,ROUNDDOWN($C8232/24,0)+1,1))-1)+IF('Standard Profiles'!$G$18=$B$10,7,0)+IF('Standard Profiles'!$G$18=$B$17,14,0)+IF('Standard Profiles'!$G$18=$B$24,21,0),MOD($C8232,24)+1)/SUM(INDEX($D$3:$AA$30,INDEX(Jesper!$R$2:$R$366,ROW(INDEX(Jesper!AH$2:AH$366,ROUNDDOWN($C8232/24,0)+1,1))-1)+IF('Standard Profiles'!$G$18=$B$10,7,0)+IF('Standard Profiles'!$G$18=$B$17,14,0)+IF('Standard Profiles'!$G$18=$B$24,21,0),0)),0)</f>
        <v>40.427906578014159</v>
      </c>
      <c r="E8232" cm="1">
        <f t="array" ref="E8232">IFERROR(INDEX(Jesper!AI$2:AI$366,ROUNDDOWN($C8232/24,0)+1,1)*INDEX($D$3:$AA$30,INDEX(Jesper!$R$2:$R$366,ROW(INDEX(Jesper!AI$2:AI$366,ROUNDDOWN($C8232/24,0)+1,1))-1)+IF('Standard Profiles'!$G$19=$B$10,7,0)+IF('Standard Profiles'!$G$19=$B$17,14,0)+IF('Standard Profiles'!$G$19=$B$24,21,0),MOD($C8232,24)+1)/SUM(INDEX($D$3:$AA$30,INDEX(Jesper!$R$2:$R$366,ROW(INDEX(Jesper!AI$2:AI$366,ROUNDDOWN($C8232/24,0)+1,1))-1)+IF('Standard Profiles'!$G$19=$B$10,7,0)+IF('Standard Profiles'!$G$19=$B$17,14,0)+IF('Standard Profiles'!$G$19=$B$24,21,0),0)),0)</f>
        <v>52.878744536811929</v>
      </c>
      <c r="F8232" cm="1">
        <f t="array" ref="F8232">IFERROR(INDEX(Jesper!AJ$2:AJ$366,ROUNDDOWN($C8232/24,0)+1,1)*INDEX($D$3:$AA$30,INDEX(Jesper!$R$2:$R$366,ROW(INDEX(Jesper!AJ$2:AJ$366,ROUNDDOWN($C8232/24,0)+1,1))-1)+IF('Standard Profiles'!$G$20=$B$10,7,0)+IF('Standard Profiles'!$G$20=$B$17,14,0)+IF('Standard Profiles'!$G$20=$B$24,21,0),MOD($C8232,24)+1)/SUM(INDEX($D$3:$AA$30,INDEX(Jesper!$R$2:$R$366,ROW(INDEX(Jesper!AJ$2:AJ$366,ROUNDDOWN($C8232/24,0)+1,1))-1)+IF('Standard Profiles'!$G$20=$B$10,7,0)+IF('Standard Profiles'!$G$20=$B$17,14,0)+IF('Standard Profiles'!$G$20=$B$24,21,0),0)),0)</f>
        <v>0</v>
      </c>
      <c r="G8232" cm="1">
        <f t="array" ref="G8232">IFERROR(INDEX(Jesper!AK$2:AK$366,ROUNDDOWN($C8232/24,0)+1,1)*INDEX($D$3:$AA$30,INDEX(Jesper!$R$2:$R$366,ROW(INDEX(Jesper!AK$2:AK$366,ROUNDDOWN($C8232/24,0)+1,1))-1)+IF('Standard Profiles'!$G$21=$B$10,7,0)+IF('Standard Profiles'!$G$21=$B$17,14,0)+IF('Standard Profiles'!$G$21=$B$24,21,0),MOD($C8232,24)+1)/SUM(INDEX($D$3:$AA$30,INDEX(Jesper!$R$2:$R$366,ROW(INDEX(Jesper!AK$2:AK$366,ROUNDDOWN($C8232/24,0)+1,1))-1)+IF('Standard Profiles'!$G$21=$B$10,7,0)+IF('Standard Profiles'!$G$21=$B$17,14,0)+IF('Standard Profiles'!$G$21=$B$24,21,0),0)),0)</f>
        <v>49.607091960490727</v>
      </c>
      <c r="H8232" cm="1">
        <f t="array" ref="H8232">IFERROR(INDEX(Jesper!AL$2:AL$366,ROUNDDOWN($C8232/24,0)+1,1)*INDEX($D$3:$AA$30,INDEX(Jesper!$R$2:$R$366,ROW(INDEX(Jesper!AL$2:AL$366,ROUNDDOWN($C8232/24,0)+1,1))-1)+IF('Standard Profiles'!$G$22=$B$10,7,0)+IF('Standard Profiles'!$G$22=$B$17,14,0)+IF('Standard Profiles'!$G$22=$B$24,21,0),MOD($C8232,24)+1)/SUM(INDEX($D$3:$AA$30,INDEX(Jesper!$R$2:$R$366,ROW(INDEX(Jesper!AL$2:AL$366,ROUNDDOWN($C8232/24,0)+1,1))-1)+IF('Standard Profiles'!$G$22=$B$10,7,0)+IF('Standard Profiles'!$G$22=$B$17,14,0)+IF('Standard Profiles'!$G$22=$B$24,21,0),0)),0)</f>
        <v>0</v>
      </c>
      <c r="I8232">
        <f t="shared" si="916"/>
        <v>23.811404141035538</v>
      </c>
      <c r="J8232">
        <f t="shared" si="917"/>
        <v>112.63387388179902</v>
      </c>
      <c r="K8232">
        <f t="shared" si="918"/>
        <v>4.3123100349881769</v>
      </c>
      <c r="L8232">
        <f t="shared" si="919"/>
        <v>2.1561550174940884</v>
      </c>
      <c r="M8232">
        <f t="shared" si="920"/>
        <v>0</v>
      </c>
      <c r="N8232" s="45">
        <f t="shared" si="921"/>
        <v>45268.583333313451</v>
      </c>
    </row>
    <row r="8233" spans="2:14" x14ac:dyDescent="0.25">
      <c r="B8233">
        <f t="shared" si="915"/>
        <v>5</v>
      </c>
      <c r="C8233" s="16">
        <v>8199</v>
      </c>
      <c r="D8233" cm="1">
        <f t="array" ref="D8233">IFERROR(INDEX(Jesper!AH$2:AH$366,ROUNDDOWN($C8233/24,0)+1,1)*INDEX($D$3:$AA$30,INDEX(Jesper!$R$2:$R$366,ROW(INDEX(Jesper!AH$2:AH$366,ROUNDDOWN($C8233/24,0)+1,1))-1)+IF('Standard Profiles'!$G$18=$B$10,7,0)+IF('Standard Profiles'!$G$18=$B$17,14,0)+IF('Standard Profiles'!$G$18=$B$24,21,0),MOD($C8233,24)+1)/SUM(INDEX($D$3:$AA$30,INDEX(Jesper!$R$2:$R$366,ROW(INDEX(Jesper!AH$2:AH$366,ROUNDDOWN($C8233/24,0)+1,1))-1)+IF('Standard Profiles'!$G$18=$B$10,7,0)+IF('Standard Profiles'!$G$18=$B$17,14,0)+IF('Standard Profiles'!$G$18=$B$24,21,0),0)),0)</f>
        <v>31.098389675395509</v>
      </c>
      <c r="E8233" cm="1">
        <f t="array" ref="E8233">IFERROR(INDEX(Jesper!AI$2:AI$366,ROUNDDOWN($C8233/24,0)+1,1)*INDEX($D$3:$AA$30,INDEX(Jesper!$R$2:$R$366,ROW(INDEX(Jesper!AI$2:AI$366,ROUNDDOWN($C8233/24,0)+1,1))-1)+IF('Standard Profiles'!$G$19=$B$10,7,0)+IF('Standard Profiles'!$G$19=$B$17,14,0)+IF('Standard Profiles'!$G$19=$B$24,21,0),MOD($C8233,24)+1)/SUM(INDEX($D$3:$AA$30,INDEX(Jesper!$R$2:$R$366,ROW(INDEX(Jesper!AI$2:AI$366,ROUNDDOWN($C8233/24,0)+1,1))-1)+IF('Standard Profiles'!$G$19=$B$10,7,0)+IF('Standard Profiles'!$G$19=$B$17,14,0)+IF('Standard Profiles'!$G$19=$B$24,21,0),0)),0)</f>
        <v>40.675957336009176</v>
      </c>
      <c r="F8233" cm="1">
        <f t="array" ref="F8233">IFERROR(INDEX(Jesper!AJ$2:AJ$366,ROUNDDOWN($C8233/24,0)+1,1)*INDEX($D$3:$AA$30,INDEX(Jesper!$R$2:$R$366,ROW(INDEX(Jesper!AJ$2:AJ$366,ROUNDDOWN($C8233/24,0)+1,1))-1)+IF('Standard Profiles'!$G$20=$B$10,7,0)+IF('Standard Profiles'!$G$20=$B$17,14,0)+IF('Standard Profiles'!$G$20=$B$24,21,0),MOD($C8233,24)+1)/SUM(INDEX($D$3:$AA$30,INDEX(Jesper!$R$2:$R$366,ROW(INDEX(Jesper!AJ$2:AJ$366,ROUNDDOWN($C8233/24,0)+1,1))-1)+IF('Standard Profiles'!$G$20=$B$10,7,0)+IF('Standard Profiles'!$G$20=$B$17,14,0)+IF('Standard Profiles'!$G$20=$B$24,21,0),0)),0)</f>
        <v>0</v>
      </c>
      <c r="G8233" cm="1">
        <f t="array" ref="G8233">IFERROR(INDEX(Jesper!AK$2:AK$366,ROUNDDOWN($C8233/24,0)+1,1)*INDEX($D$3:$AA$30,INDEX(Jesper!$R$2:$R$366,ROW(INDEX(Jesper!AK$2:AK$366,ROUNDDOWN($C8233/24,0)+1,1))-1)+IF('Standard Profiles'!$G$21=$B$10,7,0)+IF('Standard Profiles'!$G$21=$B$17,14,0)+IF('Standard Profiles'!$G$21=$B$24,21,0),MOD($C8233,24)+1)/SUM(INDEX($D$3:$AA$30,INDEX(Jesper!$R$2:$R$366,ROW(INDEX(Jesper!AK$2:AK$366,ROUNDDOWN($C8233/24,0)+1,1))-1)+IF('Standard Profiles'!$G$21=$B$10,7,0)+IF('Standard Profiles'!$G$21=$B$17,14,0)+IF('Standard Profiles'!$G$21=$B$24,21,0),0)),0)</f>
        <v>41.975231658876773</v>
      </c>
      <c r="H8233" cm="1">
        <f t="array" ref="H8233">IFERROR(INDEX(Jesper!AL$2:AL$366,ROUNDDOWN($C8233/24,0)+1,1)*INDEX($D$3:$AA$30,INDEX(Jesper!$R$2:$R$366,ROW(INDEX(Jesper!AL$2:AL$366,ROUNDDOWN($C8233/24,0)+1,1))-1)+IF('Standard Profiles'!$G$22=$B$10,7,0)+IF('Standard Profiles'!$G$22=$B$17,14,0)+IF('Standard Profiles'!$G$22=$B$24,21,0),MOD($C8233,24)+1)/SUM(INDEX($D$3:$AA$30,INDEX(Jesper!$R$2:$R$366,ROW(INDEX(Jesper!AL$2:AL$366,ROUNDDOWN($C8233/24,0)+1,1))-1)+IF('Standard Profiles'!$G$22=$B$10,7,0)+IF('Standard Profiles'!$G$22=$B$17,14,0)+IF('Standard Profiles'!$G$22=$B$24,21,0),0)),0)</f>
        <v>0</v>
      </c>
      <c r="I8233">
        <f t="shared" si="916"/>
        <v>20.148111196260842</v>
      </c>
      <c r="J8233">
        <f t="shared" si="917"/>
        <v>88.625725125957331</v>
      </c>
      <c r="K8233">
        <f t="shared" si="918"/>
        <v>3.3171615653755211</v>
      </c>
      <c r="L8233">
        <f t="shared" si="919"/>
        <v>1.6585807826877605</v>
      </c>
      <c r="M8233">
        <f t="shared" si="920"/>
        <v>0</v>
      </c>
      <c r="N8233" s="45">
        <f t="shared" si="921"/>
        <v>45268.624999980115</v>
      </c>
    </row>
    <row r="8234" spans="2:14" x14ac:dyDescent="0.25">
      <c r="B8234">
        <f t="shared" si="915"/>
        <v>5</v>
      </c>
      <c r="C8234" s="16">
        <v>8200</v>
      </c>
      <c r="D8234" cm="1">
        <f t="array" ref="D8234">IFERROR(INDEX(Jesper!AH$2:AH$366,ROUNDDOWN($C8234/24,0)+1,1)*INDEX($D$3:$AA$30,INDEX(Jesper!$R$2:$R$366,ROW(INDEX(Jesper!AH$2:AH$366,ROUNDDOWN($C8234/24,0)+1,1))-1)+IF('Standard Profiles'!$G$18=$B$10,7,0)+IF('Standard Profiles'!$G$18=$B$17,14,0)+IF('Standard Profiles'!$G$18=$B$24,21,0),MOD($C8234,24)+1)/SUM(INDEX($D$3:$AA$30,INDEX(Jesper!$R$2:$R$366,ROW(INDEX(Jesper!AH$2:AH$366,ROUNDDOWN($C8234/24,0)+1,1))-1)+IF('Standard Profiles'!$G$18=$B$10,7,0)+IF('Standard Profiles'!$G$18=$B$17,14,0)+IF('Standard Profiles'!$G$18=$B$24,21,0),0)),0)</f>
        <v>14.600182946195076</v>
      </c>
      <c r="E8234" cm="1">
        <f t="array" ref="E8234">IFERROR(INDEX(Jesper!AI$2:AI$366,ROUNDDOWN($C8234/24,0)+1,1)*INDEX($D$3:$AA$30,INDEX(Jesper!$R$2:$R$366,ROW(INDEX(Jesper!AI$2:AI$366,ROUNDDOWN($C8234/24,0)+1,1))-1)+IF('Standard Profiles'!$G$19=$B$10,7,0)+IF('Standard Profiles'!$G$19=$B$17,14,0)+IF('Standard Profiles'!$G$19=$B$24,21,0),MOD($C8234,24)+1)/SUM(INDEX($D$3:$AA$30,INDEX(Jesper!$R$2:$R$366,ROW(INDEX(Jesper!AI$2:AI$366,ROUNDDOWN($C8234/24,0)+1,1))-1)+IF('Standard Profiles'!$G$19=$B$10,7,0)+IF('Standard Profiles'!$G$19=$B$17,14,0)+IF('Standard Profiles'!$G$19=$B$24,21,0),0)),0)</f>
        <v>19.096693584980837</v>
      </c>
      <c r="F8234" cm="1">
        <f t="array" ref="F8234">IFERROR(INDEX(Jesper!AJ$2:AJ$366,ROUNDDOWN($C8234/24,0)+1,1)*INDEX($D$3:$AA$30,INDEX(Jesper!$R$2:$R$366,ROW(INDEX(Jesper!AJ$2:AJ$366,ROUNDDOWN($C8234/24,0)+1,1))-1)+IF('Standard Profiles'!$G$20=$B$10,7,0)+IF('Standard Profiles'!$G$20=$B$17,14,0)+IF('Standard Profiles'!$G$20=$B$24,21,0),MOD($C8234,24)+1)/SUM(INDEX($D$3:$AA$30,INDEX(Jesper!$R$2:$R$366,ROW(INDEX(Jesper!AJ$2:AJ$366,ROUNDDOWN($C8234/24,0)+1,1))-1)+IF('Standard Profiles'!$G$20=$B$10,7,0)+IF('Standard Profiles'!$G$20=$B$17,14,0)+IF('Standard Profiles'!$G$20=$B$24,21,0),0)),0)</f>
        <v>0</v>
      </c>
      <c r="G8234" cm="1">
        <f t="array" ref="G8234">IFERROR(INDEX(Jesper!AK$2:AK$366,ROUNDDOWN($C8234/24,0)+1,1)*INDEX($D$3:$AA$30,INDEX(Jesper!$R$2:$R$366,ROW(INDEX(Jesper!AK$2:AK$366,ROUNDDOWN($C8234/24,0)+1,1))-1)+IF('Standard Profiles'!$G$21=$B$10,7,0)+IF('Standard Profiles'!$G$21=$B$17,14,0)+IF('Standard Profiles'!$G$21=$B$24,21,0),MOD($C8234,24)+1)/SUM(INDEX($D$3:$AA$30,INDEX(Jesper!$R$2:$R$366,ROW(INDEX(Jesper!AK$2:AK$366,ROUNDDOWN($C8234/24,0)+1,1))-1)+IF('Standard Profiles'!$G$21=$B$10,7,0)+IF('Standard Profiles'!$G$21=$B$17,14,0)+IF('Standard Profiles'!$G$21=$B$24,21,0),0)),0)</f>
        <v>36.342191912447426</v>
      </c>
      <c r="H8234" cm="1">
        <f t="array" ref="H8234">IFERROR(INDEX(Jesper!AL$2:AL$366,ROUNDDOWN($C8234/24,0)+1,1)*INDEX($D$3:$AA$30,INDEX(Jesper!$R$2:$R$366,ROW(INDEX(Jesper!AL$2:AL$366,ROUNDDOWN($C8234/24,0)+1,1))-1)+IF('Standard Profiles'!$G$22=$B$10,7,0)+IF('Standard Profiles'!$G$22=$B$17,14,0)+IF('Standard Profiles'!$G$22=$B$24,21,0),MOD($C8234,24)+1)/SUM(INDEX($D$3:$AA$30,INDEX(Jesper!$R$2:$R$366,ROW(INDEX(Jesper!AL$2:AL$366,ROUNDDOWN($C8234/24,0)+1,1))-1)+IF('Standard Profiles'!$G$22=$B$10,7,0)+IF('Standard Profiles'!$G$22=$B$17,14,0)+IF('Standard Profiles'!$G$22=$B$24,21,0),0)),0)</f>
        <v>0</v>
      </c>
      <c r="I8234">
        <f t="shared" si="916"/>
        <v>17.444252117974756</v>
      </c>
      <c r="J8234">
        <f t="shared" si="917"/>
        <v>50.258787054257368</v>
      </c>
      <c r="K8234">
        <f t="shared" si="918"/>
        <v>1.5573528475941416</v>
      </c>
      <c r="L8234">
        <f t="shared" si="919"/>
        <v>0.7786764237970708</v>
      </c>
      <c r="M8234">
        <f t="shared" si="920"/>
        <v>0</v>
      </c>
      <c r="N8234" s="45">
        <f t="shared" si="921"/>
        <v>45268.666666646779</v>
      </c>
    </row>
    <row r="8235" spans="2:14" x14ac:dyDescent="0.25">
      <c r="B8235">
        <f t="shared" si="915"/>
        <v>5</v>
      </c>
      <c r="C8235" s="16">
        <v>8201</v>
      </c>
      <c r="D8235" cm="1">
        <f t="array" ref="D8235">IFERROR(INDEX(Jesper!AH$2:AH$366,ROUNDDOWN($C8235/24,0)+1,1)*INDEX($D$3:$AA$30,INDEX(Jesper!$R$2:$R$366,ROW(INDEX(Jesper!AH$2:AH$366,ROUNDDOWN($C8235/24,0)+1,1))-1)+IF('Standard Profiles'!$G$18=$B$10,7,0)+IF('Standard Profiles'!$G$18=$B$17,14,0)+IF('Standard Profiles'!$G$18=$B$24,21,0),MOD($C8235,24)+1)/SUM(INDEX($D$3:$AA$30,INDEX(Jesper!$R$2:$R$366,ROW(INDEX(Jesper!AH$2:AH$366,ROUNDDOWN($C8235/24,0)+1,1))-1)+IF('Standard Profiles'!$G$18=$B$10,7,0)+IF('Standard Profiles'!$G$18=$B$17,14,0)+IF('Standard Profiles'!$G$18=$B$24,21,0),0)),0)</f>
        <v>9.6361207444887498</v>
      </c>
      <c r="E8235" cm="1">
        <f t="array" ref="E8235">IFERROR(INDEX(Jesper!AI$2:AI$366,ROUNDDOWN($C8235/24,0)+1,1)*INDEX($D$3:$AA$30,INDEX(Jesper!$R$2:$R$366,ROW(INDEX(Jesper!AI$2:AI$366,ROUNDDOWN($C8235/24,0)+1,1))-1)+IF('Standard Profiles'!$G$19=$B$10,7,0)+IF('Standard Profiles'!$G$19=$B$17,14,0)+IF('Standard Profiles'!$G$19=$B$24,21,0),MOD($C8235,24)+1)/SUM(INDEX($D$3:$AA$30,INDEX(Jesper!$R$2:$R$366,ROW(INDEX(Jesper!AI$2:AI$366,ROUNDDOWN($C8235/24,0)+1,1))-1)+IF('Standard Profiles'!$G$19=$B$10,7,0)+IF('Standard Profiles'!$G$19=$B$17,14,0)+IF('Standard Profiles'!$G$19=$B$24,21,0),0)),0)</f>
        <v>12.603817766087351</v>
      </c>
      <c r="F8235" cm="1">
        <f t="array" ref="F8235">IFERROR(INDEX(Jesper!AJ$2:AJ$366,ROUNDDOWN($C8235/24,0)+1,1)*INDEX($D$3:$AA$30,INDEX(Jesper!$R$2:$R$366,ROW(INDEX(Jesper!AJ$2:AJ$366,ROUNDDOWN($C8235/24,0)+1,1))-1)+IF('Standard Profiles'!$G$20=$B$10,7,0)+IF('Standard Profiles'!$G$20=$B$17,14,0)+IF('Standard Profiles'!$G$20=$B$24,21,0),MOD($C8235,24)+1)/SUM(INDEX($D$3:$AA$30,INDEX(Jesper!$R$2:$R$366,ROW(INDEX(Jesper!AJ$2:AJ$366,ROUNDDOWN($C8235/24,0)+1,1))-1)+IF('Standard Profiles'!$G$20=$B$10,7,0)+IF('Standard Profiles'!$G$20=$B$17,14,0)+IF('Standard Profiles'!$G$20=$B$24,21,0),0)),0)</f>
        <v>0</v>
      </c>
      <c r="G8235" cm="1">
        <f t="array" ref="G8235">IFERROR(INDEX(Jesper!AK$2:AK$366,ROUNDDOWN($C8235/24,0)+1,1)*INDEX($D$3:$AA$30,INDEX(Jesper!$R$2:$R$366,ROW(INDEX(Jesper!AK$2:AK$366,ROUNDDOWN($C8235/24,0)+1,1))-1)+IF('Standard Profiles'!$G$21=$B$10,7,0)+IF('Standard Profiles'!$G$21=$B$17,14,0)+IF('Standard Profiles'!$G$21=$B$24,21,0),MOD($C8235,24)+1)/SUM(INDEX($D$3:$AA$30,INDEX(Jesper!$R$2:$R$366,ROW(INDEX(Jesper!AK$2:AK$366,ROUNDDOWN($C8235/24,0)+1,1))-1)+IF('Standard Profiles'!$G$21=$B$10,7,0)+IF('Standard Profiles'!$G$21=$B$17,14,0)+IF('Standard Profiles'!$G$21=$B$24,21,0),0)),0)</f>
        <v>30.527441206455833</v>
      </c>
      <c r="H8235" cm="1">
        <f t="array" ref="H8235">IFERROR(INDEX(Jesper!AL$2:AL$366,ROUNDDOWN($C8235/24,0)+1,1)*INDEX($D$3:$AA$30,INDEX(Jesper!$R$2:$R$366,ROW(INDEX(Jesper!AL$2:AL$366,ROUNDDOWN($C8235/24,0)+1,1))-1)+IF('Standard Profiles'!$G$22=$B$10,7,0)+IF('Standard Profiles'!$G$22=$B$17,14,0)+IF('Standard Profiles'!$G$22=$B$24,21,0),MOD($C8235,24)+1)/SUM(INDEX($D$3:$AA$30,INDEX(Jesper!$R$2:$R$366,ROW(INDEX(Jesper!AL$2:AL$366,ROUNDDOWN($C8235/24,0)+1,1))-1)+IF('Standard Profiles'!$G$22=$B$10,7,0)+IF('Standard Profiles'!$G$22=$B$17,14,0)+IF('Standard Profiles'!$G$22=$B$24,21,0),0)),0)</f>
        <v>0</v>
      </c>
      <c r="I8235">
        <f t="shared" si="916"/>
        <v>14.653171779098793</v>
      </c>
      <c r="J8235">
        <f t="shared" si="917"/>
        <v>36.572428618814939</v>
      </c>
      <c r="K8235">
        <f t="shared" si="918"/>
        <v>1.0278528794121333</v>
      </c>
      <c r="L8235">
        <f t="shared" si="919"/>
        <v>0.51392643970606666</v>
      </c>
      <c r="M8235">
        <f t="shared" si="920"/>
        <v>0</v>
      </c>
      <c r="N8235" s="45">
        <f t="shared" si="921"/>
        <v>45268.708333313443</v>
      </c>
    </row>
    <row r="8236" spans="2:14" x14ac:dyDescent="0.25">
      <c r="B8236">
        <f t="shared" si="915"/>
        <v>5</v>
      </c>
      <c r="C8236" s="16">
        <v>8202</v>
      </c>
      <c r="D8236" cm="1">
        <f t="array" ref="D8236">IFERROR(INDEX(Jesper!AH$2:AH$366,ROUNDDOWN($C8236/24,0)+1,1)*INDEX($D$3:$AA$30,INDEX(Jesper!$R$2:$R$366,ROW(INDEX(Jesper!AH$2:AH$366,ROUNDDOWN($C8236/24,0)+1,1))-1)+IF('Standard Profiles'!$G$18=$B$10,7,0)+IF('Standard Profiles'!$G$18=$B$17,14,0)+IF('Standard Profiles'!$G$18=$B$24,21,0),MOD($C8236,24)+1)/SUM(INDEX($D$3:$AA$30,INDEX(Jesper!$R$2:$R$366,ROW(INDEX(Jesper!AH$2:AH$366,ROUNDDOWN($C8236/24,0)+1,1))-1)+IF('Standard Profiles'!$G$18=$B$10,7,0)+IF('Standard Profiles'!$G$18=$B$17,14,0)+IF('Standard Profiles'!$G$18=$B$24,21,0),0)),0)</f>
        <v>6.1320768374019314</v>
      </c>
      <c r="E8236" cm="1">
        <f t="array" ref="E8236">IFERROR(INDEX(Jesper!AI$2:AI$366,ROUNDDOWN($C8236/24,0)+1,1)*INDEX($D$3:$AA$30,INDEX(Jesper!$R$2:$R$366,ROW(INDEX(Jesper!AI$2:AI$366,ROUNDDOWN($C8236/24,0)+1,1))-1)+IF('Standard Profiles'!$G$19=$B$10,7,0)+IF('Standard Profiles'!$G$19=$B$17,14,0)+IF('Standard Profiles'!$G$19=$B$24,21,0),MOD($C8236,24)+1)/SUM(INDEX($D$3:$AA$30,INDEX(Jesper!$R$2:$R$366,ROW(INDEX(Jesper!AI$2:AI$366,ROUNDDOWN($C8236/24,0)+1,1))-1)+IF('Standard Profiles'!$G$19=$B$10,7,0)+IF('Standard Profiles'!$G$19=$B$17,14,0)+IF('Standard Profiles'!$G$19=$B$24,21,0),0)),0)</f>
        <v>8.0206113056919506</v>
      </c>
      <c r="F8236" cm="1">
        <f t="array" ref="F8236">IFERROR(INDEX(Jesper!AJ$2:AJ$366,ROUNDDOWN($C8236/24,0)+1,1)*INDEX($D$3:$AA$30,INDEX(Jesper!$R$2:$R$366,ROW(INDEX(Jesper!AJ$2:AJ$366,ROUNDDOWN($C8236/24,0)+1,1))-1)+IF('Standard Profiles'!$G$20=$B$10,7,0)+IF('Standard Profiles'!$G$20=$B$17,14,0)+IF('Standard Profiles'!$G$20=$B$24,21,0),MOD($C8236,24)+1)/SUM(INDEX($D$3:$AA$30,INDEX(Jesper!$R$2:$R$366,ROW(INDEX(Jesper!AJ$2:AJ$366,ROUNDDOWN($C8236/24,0)+1,1))-1)+IF('Standard Profiles'!$G$20=$B$10,7,0)+IF('Standard Profiles'!$G$20=$B$17,14,0)+IF('Standard Profiles'!$G$20=$B$24,21,0),0)),0)</f>
        <v>0</v>
      </c>
      <c r="G8236" cm="1">
        <f t="array" ref="G8236">IFERROR(INDEX(Jesper!AK$2:AK$366,ROUNDDOWN($C8236/24,0)+1,1)*INDEX($D$3:$AA$30,INDEX(Jesper!$R$2:$R$366,ROW(INDEX(Jesper!AK$2:AK$366,ROUNDDOWN($C8236/24,0)+1,1))-1)+IF('Standard Profiles'!$G$21=$B$10,7,0)+IF('Standard Profiles'!$G$21=$B$17,14,0)+IF('Standard Profiles'!$G$21=$B$24,21,0),MOD($C8236,24)+1)/SUM(INDEX($D$3:$AA$30,INDEX(Jesper!$R$2:$R$366,ROW(INDEX(Jesper!AK$2:AK$366,ROUNDDOWN($C8236/24,0)+1,1))-1)+IF('Standard Profiles'!$G$21=$B$10,7,0)+IF('Standard Profiles'!$G$21=$B$17,14,0)+IF('Standard Profiles'!$G$21=$B$24,21,0),0)),0)</f>
        <v>11.266079492858701</v>
      </c>
      <c r="H8236" cm="1">
        <f t="array" ref="H8236">IFERROR(INDEX(Jesper!AL$2:AL$366,ROUNDDOWN($C8236/24,0)+1,1)*INDEX($D$3:$AA$30,INDEX(Jesper!$R$2:$R$366,ROW(INDEX(Jesper!AL$2:AL$366,ROUNDDOWN($C8236/24,0)+1,1))-1)+IF('Standard Profiles'!$G$22=$B$10,7,0)+IF('Standard Profiles'!$G$22=$B$17,14,0)+IF('Standard Profiles'!$G$22=$B$24,21,0),MOD($C8236,24)+1)/SUM(INDEX($D$3:$AA$30,INDEX(Jesper!$R$2:$R$366,ROW(INDEX(Jesper!AL$2:AL$366,ROUNDDOWN($C8236/24,0)+1,1))-1)+IF('Standard Profiles'!$G$22=$B$10,7,0)+IF('Standard Profiles'!$G$22=$B$17,14,0)+IF('Standard Profiles'!$G$22=$B$24,21,0),0)),0)</f>
        <v>0</v>
      </c>
      <c r="I8236">
        <f t="shared" si="916"/>
        <v>5.4077181565721739</v>
      </c>
      <c r="J8236">
        <f t="shared" si="917"/>
        <v>19.029917185396101</v>
      </c>
      <c r="K8236">
        <f t="shared" si="918"/>
        <v>0.65408819598953938</v>
      </c>
      <c r="L8236">
        <f t="shared" si="919"/>
        <v>0.32704409799476969</v>
      </c>
      <c r="M8236">
        <f t="shared" si="920"/>
        <v>0</v>
      </c>
      <c r="N8236" s="45">
        <f t="shared" si="921"/>
        <v>45268.749999980108</v>
      </c>
    </row>
    <row r="8237" spans="2:14" x14ac:dyDescent="0.25">
      <c r="B8237">
        <f t="shared" si="915"/>
        <v>5</v>
      </c>
      <c r="C8237" s="16">
        <v>8203</v>
      </c>
      <c r="D8237" cm="1">
        <f t="array" ref="D8237">IFERROR(INDEX(Jesper!AH$2:AH$366,ROUNDDOWN($C8237/24,0)+1,1)*INDEX($D$3:$AA$30,INDEX(Jesper!$R$2:$R$366,ROW(INDEX(Jesper!AH$2:AH$366,ROUNDDOWN($C8237/24,0)+1,1))-1)+IF('Standard Profiles'!$G$18=$B$10,7,0)+IF('Standard Profiles'!$G$18=$B$17,14,0)+IF('Standard Profiles'!$G$18=$B$24,21,0),MOD($C8237,24)+1)/SUM(INDEX($D$3:$AA$30,INDEX(Jesper!$R$2:$R$366,ROW(INDEX(Jesper!AH$2:AH$366,ROUNDDOWN($C8237/24,0)+1,1))-1)+IF('Standard Profiles'!$G$18=$B$10,7,0)+IF('Standard Profiles'!$G$18=$B$17,14,0)+IF('Standard Profiles'!$G$18=$B$24,21,0),0)),0)</f>
        <v>5.84007317847803</v>
      </c>
      <c r="E8237" cm="1">
        <f t="array" ref="E8237">IFERROR(INDEX(Jesper!AI$2:AI$366,ROUNDDOWN($C8237/24,0)+1,1)*INDEX($D$3:$AA$30,INDEX(Jesper!$R$2:$R$366,ROW(INDEX(Jesper!AI$2:AI$366,ROUNDDOWN($C8237/24,0)+1,1))-1)+IF('Standard Profiles'!$G$19=$B$10,7,0)+IF('Standard Profiles'!$G$19=$B$17,14,0)+IF('Standard Profiles'!$G$19=$B$24,21,0),MOD($C8237,24)+1)/SUM(INDEX($D$3:$AA$30,INDEX(Jesper!$R$2:$R$366,ROW(INDEX(Jesper!AI$2:AI$366,ROUNDDOWN($C8237/24,0)+1,1))-1)+IF('Standard Profiles'!$G$19=$B$10,7,0)+IF('Standard Profiles'!$G$19=$B$17,14,0)+IF('Standard Profiles'!$G$19=$B$24,21,0),0)),0)</f>
        <v>7.638677433992334</v>
      </c>
      <c r="F8237" cm="1">
        <f t="array" ref="F8237">IFERROR(INDEX(Jesper!AJ$2:AJ$366,ROUNDDOWN($C8237/24,0)+1,1)*INDEX($D$3:$AA$30,INDEX(Jesper!$R$2:$R$366,ROW(INDEX(Jesper!AJ$2:AJ$366,ROUNDDOWN($C8237/24,0)+1,1))-1)+IF('Standard Profiles'!$G$20=$B$10,7,0)+IF('Standard Profiles'!$G$20=$B$17,14,0)+IF('Standard Profiles'!$G$20=$B$24,21,0),MOD($C8237,24)+1)/SUM(INDEX($D$3:$AA$30,INDEX(Jesper!$R$2:$R$366,ROW(INDEX(Jesper!AJ$2:AJ$366,ROUNDDOWN($C8237/24,0)+1,1))-1)+IF('Standard Profiles'!$G$20=$B$10,7,0)+IF('Standard Profiles'!$G$20=$B$17,14,0)+IF('Standard Profiles'!$G$20=$B$24,21,0),0)),0)</f>
        <v>0</v>
      </c>
      <c r="G8237" cm="1">
        <f t="array" ref="G8237">IFERROR(INDEX(Jesper!AK$2:AK$366,ROUNDDOWN($C8237/24,0)+1,1)*INDEX($D$3:$AA$30,INDEX(Jesper!$R$2:$R$366,ROW(INDEX(Jesper!AK$2:AK$366,ROUNDDOWN($C8237/24,0)+1,1))-1)+IF('Standard Profiles'!$G$21=$B$10,7,0)+IF('Standard Profiles'!$G$21=$B$17,14,0)+IF('Standard Profiles'!$G$21=$B$24,21,0),MOD($C8237,24)+1)/SUM(INDEX($D$3:$AA$30,INDEX(Jesper!$R$2:$R$366,ROW(INDEX(Jesper!AK$2:AK$366,ROUNDDOWN($C8237/24,0)+1,1))-1)+IF('Standard Profiles'!$G$21=$B$10,7,0)+IF('Standard Profiles'!$G$21=$B$17,14,0)+IF('Standard Profiles'!$G$21=$B$24,21,0),0)),0)</f>
        <v>11.266079492858701</v>
      </c>
      <c r="H8237" cm="1">
        <f t="array" ref="H8237">IFERROR(INDEX(Jesper!AL$2:AL$366,ROUNDDOWN($C8237/24,0)+1,1)*INDEX($D$3:$AA$30,INDEX(Jesper!$R$2:$R$366,ROW(INDEX(Jesper!AL$2:AL$366,ROUNDDOWN($C8237/24,0)+1,1))-1)+IF('Standard Profiles'!$G$22=$B$10,7,0)+IF('Standard Profiles'!$G$22=$B$17,14,0)+IF('Standard Profiles'!$G$22=$B$24,21,0),MOD($C8237,24)+1)/SUM(INDEX($D$3:$AA$30,INDEX(Jesper!$R$2:$R$366,ROW(INDEX(Jesper!AL$2:AL$366,ROUNDDOWN($C8237/24,0)+1,1))-1)+IF('Standard Profiles'!$G$22=$B$10,7,0)+IF('Standard Profiles'!$G$22=$B$17,14,0)+IF('Standard Profiles'!$G$22=$B$24,21,0),0)),0)</f>
        <v>0</v>
      </c>
      <c r="I8237">
        <f t="shared" si="916"/>
        <v>5.4077181565721739</v>
      </c>
      <c r="J8237">
        <f t="shared" si="917"/>
        <v>18.402700240200407</v>
      </c>
      <c r="K8237">
        <f t="shared" si="918"/>
        <v>0.62294113903765658</v>
      </c>
      <c r="L8237">
        <f t="shared" si="919"/>
        <v>0.31147056951882829</v>
      </c>
      <c r="M8237">
        <f t="shared" si="920"/>
        <v>0</v>
      </c>
      <c r="N8237" s="45">
        <f t="shared" si="921"/>
        <v>45268.791666646772</v>
      </c>
    </row>
    <row r="8238" spans="2:14" x14ac:dyDescent="0.25">
      <c r="B8238">
        <f t="shared" si="915"/>
        <v>5</v>
      </c>
      <c r="C8238" s="16">
        <v>8204</v>
      </c>
      <c r="D8238" cm="1">
        <f t="array" ref="D8238">IFERROR(INDEX(Jesper!AH$2:AH$366,ROUNDDOWN($C8238/24,0)+1,1)*INDEX($D$3:$AA$30,INDEX(Jesper!$R$2:$R$366,ROW(INDEX(Jesper!AH$2:AH$366,ROUNDDOWN($C8238/24,0)+1,1))-1)+IF('Standard Profiles'!$G$18=$B$10,7,0)+IF('Standard Profiles'!$G$18=$B$17,14,0)+IF('Standard Profiles'!$G$18=$B$24,21,0),MOD($C8238,24)+1)/SUM(INDEX($D$3:$AA$30,INDEX(Jesper!$R$2:$R$366,ROW(INDEX(Jesper!AH$2:AH$366,ROUNDDOWN($C8238/24,0)+1,1))-1)+IF('Standard Profiles'!$G$18=$B$10,7,0)+IF('Standard Profiles'!$G$18=$B$17,14,0)+IF('Standard Profiles'!$G$18=$B$24,21,0),0)),0)</f>
        <v>5.84007317847803</v>
      </c>
      <c r="E8238" cm="1">
        <f t="array" ref="E8238">IFERROR(INDEX(Jesper!AI$2:AI$366,ROUNDDOWN($C8238/24,0)+1,1)*INDEX($D$3:$AA$30,INDEX(Jesper!$R$2:$R$366,ROW(INDEX(Jesper!AI$2:AI$366,ROUNDDOWN($C8238/24,0)+1,1))-1)+IF('Standard Profiles'!$G$19=$B$10,7,0)+IF('Standard Profiles'!$G$19=$B$17,14,0)+IF('Standard Profiles'!$G$19=$B$24,21,0),MOD($C8238,24)+1)/SUM(INDEX($D$3:$AA$30,INDEX(Jesper!$R$2:$R$366,ROW(INDEX(Jesper!AI$2:AI$366,ROUNDDOWN($C8238/24,0)+1,1))-1)+IF('Standard Profiles'!$G$19=$B$10,7,0)+IF('Standard Profiles'!$G$19=$B$17,14,0)+IF('Standard Profiles'!$G$19=$B$24,21,0),0)),0)</f>
        <v>7.638677433992334</v>
      </c>
      <c r="F8238" cm="1">
        <f t="array" ref="F8238">IFERROR(INDEX(Jesper!AJ$2:AJ$366,ROUNDDOWN($C8238/24,0)+1,1)*INDEX($D$3:$AA$30,INDEX(Jesper!$R$2:$R$366,ROW(INDEX(Jesper!AJ$2:AJ$366,ROUNDDOWN($C8238/24,0)+1,1))-1)+IF('Standard Profiles'!$G$20=$B$10,7,0)+IF('Standard Profiles'!$G$20=$B$17,14,0)+IF('Standard Profiles'!$G$20=$B$24,21,0),MOD($C8238,24)+1)/SUM(INDEX($D$3:$AA$30,INDEX(Jesper!$R$2:$R$366,ROW(INDEX(Jesper!AJ$2:AJ$366,ROUNDDOWN($C8238/24,0)+1,1))-1)+IF('Standard Profiles'!$G$20=$B$10,7,0)+IF('Standard Profiles'!$G$20=$B$17,14,0)+IF('Standard Profiles'!$G$20=$B$24,21,0),0)),0)</f>
        <v>0</v>
      </c>
      <c r="G8238" cm="1">
        <f t="array" ref="G8238">IFERROR(INDEX(Jesper!AK$2:AK$366,ROUNDDOWN($C8238/24,0)+1,1)*INDEX($D$3:$AA$30,INDEX(Jesper!$R$2:$R$366,ROW(INDEX(Jesper!AK$2:AK$366,ROUNDDOWN($C8238/24,0)+1,1))-1)+IF('Standard Profiles'!$G$21=$B$10,7,0)+IF('Standard Profiles'!$G$21=$B$17,14,0)+IF('Standard Profiles'!$G$21=$B$24,21,0),MOD($C8238,24)+1)/SUM(INDEX($D$3:$AA$30,INDEX(Jesper!$R$2:$R$366,ROW(INDEX(Jesper!AK$2:AK$366,ROUNDDOWN($C8238/24,0)+1,1))-1)+IF('Standard Profiles'!$G$21=$B$10,7,0)+IF('Standard Profiles'!$G$21=$B$17,14,0)+IF('Standard Profiles'!$G$21=$B$24,21,0),0)),0)</f>
        <v>11.266079492858701</v>
      </c>
      <c r="H8238" cm="1">
        <f t="array" ref="H8238">IFERROR(INDEX(Jesper!AL$2:AL$366,ROUNDDOWN($C8238/24,0)+1,1)*INDEX($D$3:$AA$30,INDEX(Jesper!$R$2:$R$366,ROW(INDEX(Jesper!AL$2:AL$366,ROUNDDOWN($C8238/24,0)+1,1))-1)+IF('Standard Profiles'!$G$22=$B$10,7,0)+IF('Standard Profiles'!$G$22=$B$17,14,0)+IF('Standard Profiles'!$G$22=$B$24,21,0),MOD($C8238,24)+1)/SUM(INDEX($D$3:$AA$30,INDEX(Jesper!$R$2:$R$366,ROW(INDEX(Jesper!AL$2:AL$366,ROUNDDOWN($C8238/24,0)+1,1))-1)+IF('Standard Profiles'!$G$22=$B$10,7,0)+IF('Standard Profiles'!$G$22=$B$17,14,0)+IF('Standard Profiles'!$G$22=$B$24,21,0),0)),0)</f>
        <v>0</v>
      </c>
      <c r="I8238">
        <f t="shared" si="916"/>
        <v>5.4077181565721739</v>
      </c>
      <c r="J8238">
        <f t="shared" si="917"/>
        <v>18.402700240200407</v>
      </c>
      <c r="K8238">
        <f t="shared" si="918"/>
        <v>0.62294113903765658</v>
      </c>
      <c r="L8238">
        <f t="shared" si="919"/>
        <v>0.31147056951882829</v>
      </c>
      <c r="M8238">
        <f t="shared" si="920"/>
        <v>0</v>
      </c>
      <c r="N8238" s="45">
        <f t="shared" si="921"/>
        <v>45268.833333313436</v>
      </c>
    </row>
    <row r="8239" spans="2:14" x14ac:dyDescent="0.25">
      <c r="B8239">
        <f t="shared" si="915"/>
        <v>5</v>
      </c>
      <c r="C8239" s="16">
        <v>8205</v>
      </c>
      <c r="D8239" cm="1">
        <f t="array" ref="D8239">IFERROR(INDEX(Jesper!AH$2:AH$366,ROUNDDOWN($C8239/24,0)+1,1)*INDEX($D$3:$AA$30,INDEX(Jesper!$R$2:$R$366,ROW(INDEX(Jesper!AH$2:AH$366,ROUNDDOWN($C8239/24,0)+1,1))-1)+IF('Standard Profiles'!$G$18=$B$10,7,0)+IF('Standard Profiles'!$G$18=$B$17,14,0)+IF('Standard Profiles'!$G$18=$B$24,21,0),MOD($C8239,24)+1)/SUM(INDEX($D$3:$AA$30,INDEX(Jesper!$R$2:$R$366,ROW(INDEX(Jesper!AH$2:AH$366,ROUNDDOWN($C8239/24,0)+1,1))-1)+IF('Standard Profiles'!$G$18=$B$10,7,0)+IF('Standard Profiles'!$G$18=$B$17,14,0)+IF('Standard Profiles'!$G$18=$B$24,21,0),0)),0)</f>
        <v>5.84007317847803</v>
      </c>
      <c r="E8239" cm="1">
        <f t="array" ref="E8239">IFERROR(INDEX(Jesper!AI$2:AI$366,ROUNDDOWN($C8239/24,0)+1,1)*INDEX($D$3:$AA$30,INDEX(Jesper!$R$2:$R$366,ROW(INDEX(Jesper!AI$2:AI$366,ROUNDDOWN($C8239/24,0)+1,1))-1)+IF('Standard Profiles'!$G$19=$B$10,7,0)+IF('Standard Profiles'!$G$19=$B$17,14,0)+IF('Standard Profiles'!$G$19=$B$24,21,0),MOD($C8239,24)+1)/SUM(INDEX($D$3:$AA$30,INDEX(Jesper!$R$2:$R$366,ROW(INDEX(Jesper!AI$2:AI$366,ROUNDDOWN($C8239/24,0)+1,1))-1)+IF('Standard Profiles'!$G$19=$B$10,7,0)+IF('Standard Profiles'!$G$19=$B$17,14,0)+IF('Standard Profiles'!$G$19=$B$24,21,0),0)),0)</f>
        <v>7.638677433992334</v>
      </c>
      <c r="F8239" cm="1">
        <f t="array" ref="F8239">IFERROR(INDEX(Jesper!AJ$2:AJ$366,ROUNDDOWN($C8239/24,0)+1,1)*INDEX($D$3:$AA$30,INDEX(Jesper!$R$2:$R$366,ROW(INDEX(Jesper!AJ$2:AJ$366,ROUNDDOWN($C8239/24,0)+1,1))-1)+IF('Standard Profiles'!$G$20=$B$10,7,0)+IF('Standard Profiles'!$G$20=$B$17,14,0)+IF('Standard Profiles'!$G$20=$B$24,21,0),MOD($C8239,24)+1)/SUM(INDEX($D$3:$AA$30,INDEX(Jesper!$R$2:$R$366,ROW(INDEX(Jesper!AJ$2:AJ$366,ROUNDDOWN($C8239/24,0)+1,1))-1)+IF('Standard Profiles'!$G$20=$B$10,7,0)+IF('Standard Profiles'!$G$20=$B$17,14,0)+IF('Standard Profiles'!$G$20=$B$24,21,0),0)),0)</f>
        <v>0</v>
      </c>
      <c r="G8239" cm="1">
        <f t="array" ref="G8239">IFERROR(INDEX(Jesper!AK$2:AK$366,ROUNDDOWN($C8239/24,0)+1,1)*INDEX($D$3:$AA$30,INDEX(Jesper!$R$2:$R$366,ROW(INDEX(Jesper!AK$2:AK$366,ROUNDDOWN($C8239/24,0)+1,1))-1)+IF('Standard Profiles'!$G$21=$B$10,7,0)+IF('Standard Profiles'!$G$21=$B$17,14,0)+IF('Standard Profiles'!$G$21=$B$24,21,0),MOD($C8239,24)+1)/SUM(INDEX($D$3:$AA$30,INDEX(Jesper!$R$2:$R$366,ROW(INDEX(Jesper!AK$2:AK$366,ROUNDDOWN($C8239/24,0)+1,1))-1)+IF('Standard Profiles'!$G$21=$B$10,7,0)+IF('Standard Profiles'!$G$21=$B$17,14,0)+IF('Standard Profiles'!$G$21=$B$24,21,0),0)),0)</f>
        <v>11.266079492858701</v>
      </c>
      <c r="H8239" cm="1">
        <f t="array" ref="H8239">IFERROR(INDEX(Jesper!AL$2:AL$366,ROUNDDOWN($C8239/24,0)+1,1)*INDEX($D$3:$AA$30,INDEX(Jesper!$R$2:$R$366,ROW(INDEX(Jesper!AL$2:AL$366,ROUNDDOWN($C8239/24,0)+1,1))-1)+IF('Standard Profiles'!$G$22=$B$10,7,0)+IF('Standard Profiles'!$G$22=$B$17,14,0)+IF('Standard Profiles'!$G$22=$B$24,21,0),MOD($C8239,24)+1)/SUM(INDEX($D$3:$AA$30,INDEX(Jesper!$R$2:$R$366,ROW(INDEX(Jesper!AL$2:AL$366,ROUNDDOWN($C8239/24,0)+1,1))-1)+IF('Standard Profiles'!$G$22=$B$10,7,0)+IF('Standard Profiles'!$G$22=$B$17,14,0)+IF('Standard Profiles'!$G$22=$B$24,21,0),0)),0)</f>
        <v>0</v>
      </c>
      <c r="I8239">
        <f t="shared" si="916"/>
        <v>5.4077181565721739</v>
      </c>
      <c r="J8239">
        <f t="shared" si="917"/>
        <v>18.402700240200407</v>
      </c>
      <c r="K8239">
        <f t="shared" si="918"/>
        <v>0.62294113903765658</v>
      </c>
      <c r="L8239">
        <f t="shared" si="919"/>
        <v>0.31147056951882829</v>
      </c>
      <c r="M8239">
        <f t="shared" si="920"/>
        <v>0</v>
      </c>
      <c r="N8239" s="45">
        <f t="shared" si="921"/>
        <v>45268.8749999801</v>
      </c>
    </row>
    <row r="8240" spans="2:14" x14ac:dyDescent="0.25">
      <c r="B8240">
        <f t="shared" si="915"/>
        <v>5</v>
      </c>
      <c r="C8240" s="16">
        <v>8206</v>
      </c>
      <c r="D8240" cm="1">
        <f t="array" ref="D8240">IFERROR(INDEX(Jesper!AH$2:AH$366,ROUNDDOWN($C8240/24,0)+1,1)*INDEX($D$3:$AA$30,INDEX(Jesper!$R$2:$R$366,ROW(INDEX(Jesper!AH$2:AH$366,ROUNDDOWN($C8240/24,0)+1,1))-1)+IF('Standard Profiles'!$G$18=$B$10,7,0)+IF('Standard Profiles'!$G$18=$B$17,14,0)+IF('Standard Profiles'!$G$18=$B$24,21,0),MOD($C8240,24)+1)/SUM(INDEX($D$3:$AA$30,INDEX(Jesper!$R$2:$R$366,ROW(INDEX(Jesper!AH$2:AH$366,ROUNDDOWN($C8240/24,0)+1,1))-1)+IF('Standard Profiles'!$G$18=$B$10,7,0)+IF('Standard Profiles'!$G$18=$B$17,14,0)+IF('Standard Profiles'!$G$18=$B$24,21,0),0)),0)</f>
        <v>5.84007317847803</v>
      </c>
      <c r="E8240" cm="1">
        <f t="array" ref="E8240">IFERROR(INDEX(Jesper!AI$2:AI$366,ROUNDDOWN($C8240/24,0)+1,1)*INDEX($D$3:$AA$30,INDEX(Jesper!$R$2:$R$366,ROW(INDEX(Jesper!AI$2:AI$366,ROUNDDOWN($C8240/24,0)+1,1))-1)+IF('Standard Profiles'!$G$19=$B$10,7,0)+IF('Standard Profiles'!$G$19=$B$17,14,0)+IF('Standard Profiles'!$G$19=$B$24,21,0),MOD($C8240,24)+1)/SUM(INDEX($D$3:$AA$30,INDEX(Jesper!$R$2:$R$366,ROW(INDEX(Jesper!AI$2:AI$366,ROUNDDOWN($C8240/24,0)+1,1))-1)+IF('Standard Profiles'!$G$19=$B$10,7,0)+IF('Standard Profiles'!$G$19=$B$17,14,0)+IF('Standard Profiles'!$G$19=$B$24,21,0),0)),0)</f>
        <v>7.638677433992334</v>
      </c>
      <c r="F8240" cm="1">
        <f t="array" ref="F8240">IFERROR(INDEX(Jesper!AJ$2:AJ$366,ROUNDDOWN($C8240/24,0)+1,1)*INDEX($D$3:$AA$30,INDEX(Jesper!$R$2:$R$366,ROW(INDEX(Jesper!AJ$2:AJ$366,ROUNDDOWN($C8240/24,0)+1,1))-1)+IF('Standard Profiles'!$G$20=$B$10,7,0)+IF('Standard Profiles'!$G$20=$B$17,14,0)+IF('Standard Profiles'!$G$20=$B$24,21,0),MOD($C8240,24)+1)/SUM(INDEX($D$3:$AA$30,INDEX(Jesper!$R$2:$R$366,ROW(INDEX(Jesper!AJ$2:AJ$366,ROUNDDOWN($C8240/24,0)+1,1))-1)+IF('Standard Profiles'!$G$20=$B$10,7,0)+IF('Standard Profiles'!$G$20=$B$17,14,0)+IF('Standard Profiles'!$G$20=$B$24,21,0),0)),0)</f>
        <v>0</v>
      </c>
      <c r="G8240" cm="1">
        <f t="array" ref="G8240">IFERROR(INDEX(Jesper!AK$2:AK$366,ROUNDDOWN($C8240/24,0)+1,1)*INDEX($D$3:$AA$30,INDEX(Jesper!$R$2:$R$366,ROW(INDEX(Jesper!AK$2:AK$366,ROUNDDOWN($C8240/24,0)+1,1))-1)+IF('Standard Profiles'!$G$21=$B$10,7,0)+IF('Standard Profiles'!$G$21=$B$17,14,0)+IF('Standard Profiles'!$G$21=$B$24,21,0),MOD($C8240,24)+1)/SUM(INDEX($D$3:$AA$30,INDEX(Jesper!$R$2:$R$366,ROW(INDEX(Jesper!AK$2:AK$366,ROUNDDOWN($C8240/24,0)+1,1))-1)+IF('Standard Profiles'!$G$21=$B$10,7,0)+IF('Standard Profiles'!$G$21=$B$17,14,0)+IF('Standard Profiles'!$G$21=$B$24,21,0),0)),0)</f>
        <v>11.266079492858701</v>
      </c>
      <c r="H8240" cm="1">
        <f t="array" ref="H8240">IFERROR(INDEX(Jesper!AL$2:AL$366,ROUNDDOWN($C8240/24,0)+1,1)*INDEX($D$3:$AA$30,INDEX(Jesper!$R$2:$R$366,ROW(INDEX(Jesper!AL$2:AL$366,ROUNDDOWN($C8240/24,0)+1,1))-1)+IF('Standard Profiles'!$G$22=$B$10,7,0)+IF('Standard Profiles'!$G$22=$B$17,14,0)+IF('Standard Profiles'!$G$22=$B$24,21,0),MOD($C8240,24)+1)/SUM(INDEX($D$3:$AA$30,INDEX(Jesper!$R$2:$R$366,ROW(INDEX(Jesper!AL$2:AL$366,ROUNDDOWN($C8240/24,0)+1,1))-1)+IF('Standard Profiles'!$G$22=$B$10,7,0)+IF('Standard Profiles'!$G$22=$B$17,14,0)+IF('Standard Profiles'!$G$22=$B$24,21,0),0)),0)</f>
        <v>0</v>
      </c>
      <c r="I8240">
        <f t="shared" si="916"/>
        <v>5.4077181565721739</v>
      </c>
      <c r="J8240">
        <f t="shared" si="917"/>
        <v>18.402700240200407</v>
      </c>
      <c r="K8240">
        <f t="shared" si="918"/>
        <v>0.62294113903765658</v>
      </c>
      <c r="L8240">
        <f t="shared" si="919"/>
        <v>0.31147056951882829</v>
      </c>
      <c r="M8240">
        <f t="shared" si="920"/>
        <v>0</v>
      </c>
      <c r="N8240" s="45">
        <f t="shared" si="921"/>
        <v>45268.916666646764</v>
      </c>
    </row>
    <row r="8241" spans="2:14" x14ac:dyDescent="0.25">
      <c r="B8241">
        <f t="shared" si="915"/>
        <v>5</v>
      </c>
      <c r="C8241" s="16">
        <v>8207</v>
      </c>
      <c r="D8241" cm="1">
        <f t="array" ref="D8241">IFERROR(INDEX(Jesper!AH$2:AH$366,ROUNDDOWN($C8241/24,0)+1,1)*INDEX($D$3:$AA$30,INDEX(Jesper!$R$2:$R$366,ROW(INDEX(Jesper!AH$2:AH$366,ROUNDDOWN($C8241/24,0)+1,1))-1)+IF('Standard Profiles'!$G$18=$B$10,7,0)+IF('Standard Profiles'!$G$18=$B$17,14,0)+IF('Standard Profiles'!$G$18=$B$24,21,0),MOD($C8241,24)+1)/SUM(INDEX($D$3:$AA$30,INDEX(Jesper!$R$2:$R$366,ROW(INDEX(Jesper!AH$2:AH$366,ROUNDDOWN($C8241/24,0)+1,1))-1)+IF('Standard Profiles'!$G$18=$B$10,7,0)+IF('Standard Profiles'!$G$18=$B$17,14,0)+IF('Standard Profiles'!$G$18=$B$24,21,0),0)),0)</f>
        <v>5.84007317847803</v>
      </c>
      <c r="E8241" cm="1">
        <f t="array" ref="E8241">IFERROR(INDEX(Jesper!AI$2:AI$366,ROUNDDOWN($C8241/24,0)+1,1)*INDEX($D$3:$AA$30,INDEX(Jesper!$R$2:$R$366,ROW(INDEX(Jesper!AI$2:AI$366,ROUNDDOWN($C8241/24,0)+1,1))-1)+IF('Standard Profiles'!$G$19=$B$10,7,0)+IF('Standard Profiles'!$G$19=$B$17,14,0)+IF('Standard Profiles'!$G$19=$B$24,21,0),MOD($C8241,24)+1)/SUM(INDEX($D$3:$AA$30,INDEX(Jesper!$R$2:$R$366,ROW(INDEX(Jesper!AI$2:AI$366,ROUNDDOWN($C8241/24,0)+1,1))-1)+IF('Standard Profiles'!$G$19=$B$10,7,0)+IF('Standard Profiles'!$G$19=$B$17,14,0)+IF('Standard Profiles'!$G$19=$B$24,21,0),0)),0)</f>
        <v>7.638677433992334</v>
      </c>
      <c r="F8241" cm="1">
        <f t="array" ref="F8241">IFERROR(INDEX(Jesper!AJ$2:AJ$366,ROUNDDOWN($C8241/24,0)+1,1)*INDEX($D$3:$AA$30,INDEX(Jesper!$R$2:$R$366,ROW(INDEX(Jesper!AJ$2:AJ$366,ROUNDDOWN($C8241/24,0)+1,1))-1)+IF('Standard Profiles'!$G$20=$B$10,7,0)+IF('Standard Profiles'!$G$20=$B$17,14,0)+IF('Standard Profiles'!$G$20=$B$24,21,0),MOD($C8241,24)+1)/SUM(INDEX($D$3:$AA$30,INDEX(Jesper!$R$2:$R$366,ROW(INDEX(Jesper!AJ$2:AJ$366,ROUNDDOWN($C8241/24,0)+1,1))-1)+IF('Standard Profiles'!$G$20=$B$10,7,0)+IF('Standard Profiles'!$G$20=$B$17,14,0)+IF('Standard Profiles'!$G$20=$B$24,21,0),0)),0)</f>
        <v>0</v>
      </c>
      <c r="G8241" cm="1">
        <f t="array" ref="G8241">IFERROR(INDEX(Jesper!AK$2:AK$366,ROUNDDOWN($C8241/24,0)+1,1)*INDEX($D$3:$AA$30,INDEX(Jesper!$R$2:$R$366,ROW(INDEX(Jesper!AK$2:AK$366,ROUNDDOWN($C8241/24,0)+1,1))-1)+IF('Standard Profiles'!$G$21=$B$10,7,0)+IF('Standard Profiles'!$G$21=$B$17,14,0)+IF('Standard Profiles'!$G$21=$B$24,21,0),MOD($C8241,24)+1)/SUM(INDEX($D$3:$AA$30,INDEX(Jesper!$R$2:$R$366,ROW(INDEX(Jesper!AK$2:AK$366,ROUNDDOWN($C8241/24,0)+1,1))-1)+IF('Standard Profiles'!$G$21=$B$10,7,0)+IF('Standard Profiles'!$G$21=$B$17,14,0)+IF('Standard Profiles'!$G$21=$B$24,21,0),0)),0)</f>
        <v>11.266079492858701</v>
      </c>
      <c r="H8241" cm="1">
        <f t="array" ref="H8241">IFERROR(INDEX(Jesper!AL$2:AL$366,ROUNDDOWN($C8241/24,0)+1,1)*INDEX($D$3:$AA$30,INDEX(Jesper!$R$2:$R$366,ROW(INDEX(Jesper!AL$2:AL$366,ROUNDDOWN($C8241/24,0)+1,1))-1)+IF('Standard Profiles'!$G$22=$B$10,7,0)+IF('Standard Profiles'!$G$22=$B$17,14,0)+IF('Standard Profiles'!$G$22=$B$24,21,0),MOD($C8241,24)+1)/SUM(INDEX($D$3:$AA$30,INDEX(Jesper!$R$2:$R$366,ROW(INDEX(Jesper!AL$2:AL$366,ROUNDDOWN($C8241/24,0)+1,1))-1)+IF('Standard Profiles'!$G$22=$B$10,7,0)+IF('Standard Profiles'!$G$22=$B$17,14,0)+IF('Standard Profiles'!$G$22=$B$24,21,0),0)),0)</f>
        <v>0</v>
      </c>
      <c r="I8241">
        <f t="shared" si="916"/>
        <v>5.4077181565721739</v>
      </c>
      <c r="J8241">
        <f t="shared" si="917"/>
        <v>18.402700240200407</v>
      </c>
      <c r="K8241">
        <f t="shared" si="918"/>
        <v>0.62294113903765658</v>
      </c>
      <c r="L8241">
        <f t="shared" si="919"/>
        <v>0.31147056951882829</v>
      </c>
      <c r="M8241">
        <f t="shared" si="920"/>
        <v>0</v>
      </c>
      <c r="N8241" s="45">
        <f t="shared" si="921"/>
        <v>45268.958333313429</v>
      </c>
    </row>
    <row r="8242" spans="2:14" x14ac:dyDescent="0.25">
      <c r="B8242">
        <f t="shared" si="915"/>
        <v>6</v>
      </c>
      <c r="C8242" s="16">
        <v>8208</v>
      </c>
      <c r="D8242" cm="1">
        <f t="array" ref="D8242">IFERROR(INDEX(Jesper!AH$2:AH$366,ROUNDDOWN($C8242/24,0)+1,1)*INDEX($D$3:$AA$30,INDEX(Jesper!$R$2:$R$366,ROW(INDEX(Jesper!AH$2:AH$366,ROUNDDOWN($C8242/24,0)+1,1))-1)+IF('Standard Profiles'!$G$18=$B$10,7,0)+IF('Standard Profiles'!$G$18=$B$17,14,0)+IF('Standard Profiles'!$G$18=$B$24,21,0),MOD($C8242,24)+1)/SUM(INDEX($D$3:$AA$30,INDEX(Jesper!$R$2:$R$366,ROW(INDEX(Jesper!AH$2:AH$366,ROUNDDOWN($C8242/24,0)+1,1))-1)+IF('Standard Profiles'!$G$18=$B$10,7,0)+IF('Standard Profiles'!$G$18=$B$17,14,0)+IF('Standard Profiles'!$G$18=$B$24,21,0),0)),0)</f>
        <v>0</v>
      </c>
      <c r="E8242" cm="1">
        <f t="array" ref="E8242">IFERROR(INDEX(Jesper!AI$2:AI$366,ROUNDDOWN($C8242/24,0)+1,1)*INDEX($D$3:$AA$30,INDEX(Jesper!$R$2:$R$366,ROW(INDEX(Jesper!AI$2:AI$366,ROUNDDOWN($C8242/24,0)+1,1))-1)+IF('Standard Profiles'!$G$19=$B$10,7,0)+IF('Standard Profiles'!$G$19=$B$17,14,0)+IF('Standard Profiles'!$G$19=$B$24,21,0),MOD($C8242,24)+1)/SUM(INDEX($D$3:$AA$30,INDEX(Jesper!$R$2:$R$366,ROW(INDEX(Jesper!AI$2:AI$366,ROUNDDOWN($C8242/24,0)+1,1))-1)+IF('Standard Profiles'!$G$19=$B$10,7,0)+IF('Standard Profiles'!$G$19=$B$17,14,0)+IF('Standard Profiles'!$G$19=$B$24,21,0),0)),0)</f>
        <v>6.4317741559278234</v>
      </c>
      <c r="F8242" cm="1">
        <f t="array" ref="F8242">IFERROR(INDEX(Jesper!AJ$2:AJ$366,ROUNDDOWN($C8242/24,0)+1,1)*INDEX($D$3:$AA$30,INDEX(Jesper!$R$2:$R$366,ROW(INDEX(Jesper!AJ$2:AJ$366,ROUNDDOWN($C8242/24,0)+1,1))-1)+IF('Standard Profiles'!$G$20=$B$10,7,0)+IF('Standard Profiles'!$G$20=$B$17,14,0)+IF('Standard Profiles'!$G$20=$B$24,21,0),MOD($C8242,24)+1)/SUM(INDEX($D$3:$AA$30,INDEX(Jesper!$R$2:$R$366,ROW(INDEX(Jesper!AJ$2:AJ$366,ROUNDDOWN($C8242/24,0)+1,1))-1)+IF('Standard Profiles'!$G$20=$B$10,7,0)+IF('Standard Profiles'!$G$20=$B$17,14,0)+IF('Standard Profiles'!$G$20=$B$24,21,0),0)),0)</f>
        <v>5.7799370108578803</v>
      </c>
      <c r="G8242" cm="1">
        <f t="array" ref="G8242">IFERROR(INDEX(Jesper!AK$2:AK$366,ROUNDDOWN($C8242/24,0)+1,1)*INDEX($D$3:$AA$30,INDEX(Jesper!$R$2:$R$366,ROW(INDEX(Jesper!AK$2:AK$366,ROUNDDOWN($C8242/24,0)+1,1))-1)+IF('Standard Profiles'!$G$21=$B$10,7,0)+IF('Standard Profiles'!$G$21=$B$17,14,0)+IF('Standard Profiles'!$G$21=$B$24,21,0),MOD($C8242,24)+1)/SUM(INDEX($D$3:$AA$30,INDEX(Jesper!$R$2:$R$366,ROW(INDEX(Jesper!AK$2:AK$366,ROUNDDOWN($C8242/24,0)+1,1))-1)+IF('Standard Profiles'!$G$21=$B$10,7,0)+IF('Standard Profiles'!$G$21=$B$17,14,0)+IF('Standard Profiles'!$G$21=$B$24,21,0),0)),0)</f>
        <v>9.1159641434937004</v>
      </c>
      <c r="H8242" cm="1">
        <f t="array" ref="H8242">IFERROR(INDEX(Jesper!AL$2:AL$366,ROUNDDOWN($C8242/24,0)+1,1)*INDEX($D$3:$AA$30,INDEX(Jesper!$R$2:$R$366,ROW(INDEX(Jesper!AL$2:AL$366,ROUNDDOWN($C8242/24,0)+1,1))-1)+IF('Standard Profiles'!$G$22=$B$10,7,0)+IF('Standard Profiles'!$G$22=$B$17,14,0)+IF('Standard Profiles'!$G$22=$B$24,21,0),MOD($C8242,24)+1)/SUM(INDEX($D$3:$AA$30,INDEX(Jesper!$R$2:$R$366,ROW(INDEX(Jesper!AL$2:AL$366,ROUNDDOWN($C8242/24,0)+1,1))-1)+IF('Standard Profiles'!$G$22=$B$10,7,0)+IF('Standard Profiles'!$G$22=$B$17,14,0)+IF('Standard Profiles'!$G$22=$B$24,21,0),0)),0)</f>
        <v>2.6395882546721321</v>
      </c>
      <c r="I8242">
        <f t="shared" si="916"/>
        <v>2.5340047244852482</v>
      </c>
      <c r="J8242">
        <f t="shared" si="917"/>
        <v>20.661445941754948</v>
      </c>
      <c r="K8242">
        <f t="shared" si="918"/>
        <v>0.51454193247422586</v>
      </c>
      <c r="L8242">
        <f t="shared" si="919"/>
        <v>0.25727096623711293</v>
      </c>
      <c r="M8242">
        <f t="shared" si="920"/>
        <v>0</v>
      </c>
      <c r="N8242" s="45">
        <f t="shared" si="921"/>
        <v>45268.999999980093</v>
      </c>
    </row>
    <row r="8243" spans="2:14" x14ac:dyDescent="0.25">
      <c r="B8243">
        <f t="shared" si="915"/>
        <v>6</v>
      </c>
      <c r="C8243" s="16">
        <v>8209</v>
      </c>
      <c r="D8243" cm="1">
        <f t="array" ref="D8243">IFERROR(INDEX(Jesper!AH$2:AH$366,ROUNDDOWN($C8243/24,0)+1,1)*INDEX($D$3:$AA$30,INDEX(Jesper!$R$2:$R$366,ROW(INDEX(Jesper!AH$2:AH$366,ROUNDDOWN($C8243/24,0)+1,1))-1)+IF('Standard Profiles'!$G$18=$B$10,7,0)+IF('Standard Profiles'!$G$18=$B$17,14,0)+IF('Standard Profiles'!$G$18=$B$24,21,0),MOD($C8243,24)+1)/SUM(INDEX($D$3:$AA$30,INDEX(Jesper!$R$2:$R$366,ROW(INDEX(Jesper!AH$2:AH$366,ROUNDDOWN($C8243/24,0)+1,1))-1)+IF('Standard Profiles'!$G$18=$B$10,7,0)+IF('Standard Profiles'!$G$18=$B$17,14,0)+IF('Standard Profiles'!$G$18=$B$24,21,0),0)),0)</f>
        <v>0</v>
      </c>
      <c r="E8243" cm="1">
        <f t="array" ref="E8243">IFERROR(INDEX(Jesper!AI$2:AI$366,ROUNDDOWN($C8243/24,0)+1,1)*INDEX($D$3:$AA$30,INDEX(Jesper!$R$2:$R$366,ROW(INDEX(Jesper!AI$2:AI$366,ROUNDDOWN($C8243/24,0)+1,1))-1)+IF('Standard Profiles'!$G$19=$B$10,7,0)+IF('Standard Profiles'!$G$19=$B$17,14,0)+IF('Standard Profiles'!$G$19=$B$24,21,0),MOD($C8243,24)+1)/SUM(INDEX($D$3:$AA$30,INDEX(Jesper!$R$2:$R$366,ROW(INDEX(Jesper!AI$2:AI$366,ROUNDDOWN($C8243/24,0)+1,1))-1)+IF('Standard Profiles'!$G$19=$B$10,7,0)+IF('Standard Profiles'!$G$19=$B$17,14,0)+IF('Standard Profiles'!$G$19=$B$24,21,0),0)),0)</f>
        <v>5.7885967403350413</v>
      </c>
      <c r="F8243" cm="1">
        <f t="array" ref="F8243">IFERROR(INDEX(Jesper!AJ$2:AJ$366,ROUNDDOWN($C8243/24,0)+1,1)*INDEX($D$3:$AA$30,INDEX(Jesper!$R$2:$R$366,ROW(INDEX(Jesper!AJ$2:AJ$366,ROUNDDOWN($C8243/24,0)+1,1))-1)+IF('Standard Profiles'!$G$20=$B$10,7,0)+IF('Standard Profiles'!$G$20=$B$17,14,0)+IF('Standard Profiles'!$G$20=$B$24,21,0),MOD($C8243,24)+1)/SUM(INDEX($D$3:$AA$30,INDEX(Jesper!$R$2:$R$366,ROW(INDEX(Jesper!AJ$2:AJ$366,ROUNDDOWN($C8243/24,0)+1,1))-1)+IF('Standard Profiles'!$G$20=$B$10,7,0)+IF('Standard Profiles'!$G$20=$B$17,14,0)+IF('Standard Profiles'!$G$20=$B$24,21,0),0)),0)</f>
        <v>5.2019433097720924</v>
      </c>
      <c r="G8243" cm="1">
        <f t="array" ref="G8243">IFERROR(INDEX(Jesper!AK$2:AK$366,ROUNDDOWN($C8243/24,0)+1,1)*INDEX($D$3:$AA$30,INDEX(Jesper!$R$2:$R$366,ROW(INDEX(Jesper!AK$2:AK$366,ROUNDDOWN($C8243/24,0)+1,1))-1)+IF('Standard Profiles'!$G$21=$B$10,7,0)+IF('Standard Profiles'!$G$21=$B$17,14,0)+IF('Standard Profiles'!$G$21=$B$24,21,0),MOD($C8243,24)+1)/SUM(INDEX($D$3:$AA$30,INDEX(Jesper!$R$2:$R$366,ROW(INDEX(Jesper!AK$2:AK$366,ROUNDDOWN($C8243/24,0)+1,1))-1)+IF('Standard Profiles'!$G$21=$B$10,7,0)+IF('Standard Profiles'!$G$21=$B$17,14,0)+IF('Standard Profiles'!$G$21=$B$24,21,0),0)),0)</f>
        <v>9.1159641434937004</v>
      </c>
      <c r="H8243" cm="1">
        <f t="array" ref="H8243">IFERROR(INDEX(Jesper!AL$2:AL$366,ROUNDDOWN($C8243/24,0)+1,1)*INDEX($D$3:$AA$30,INDEX(Jesper!$R$2:$R$366,ROW(INDEX(Jesper!AL$2:AL$366,ROUNDDOWN($C8243/24,0)+1,1))-1)+IF('Standard Profiles'!$G$22=$B$10,7,0)+IF('Standard Profiles'!$G$22=$B$17,14,0)+IF('Standard Profiles'!$G$22=$B$24,21,0),MOD($C8243,24)+1)/SUM(INDEX($D$3:$AA$30,INDEX(Jesper!$R$2:$R$366,ROW(INDEX(Jesper!AL$2:AL$366,ROUNDDOWN($C8243/24,0)+1,1))-1)+IF('Standard Profiles'!$G$22=$B$10,7,0)+IF('Standard Profiles'!$G$22=$B$17,14,0)+IF('Standard Profiles'!$G$22=$B$24,21,0),0)),0)</f>
        <v>5.153481830550354</v>
      </c>
      <c r="I8243">
        <f t="shared" si="916"/>
        <v>4.9473425573283425</v>
      </c>
      <c r="J8243">
        <f t="shared" si="917"/>
        <v>19.618011857982641</v>
      </c>
      <c r="K8243">
        <f t="shared" si="918"/>
        <v>0.4630877392268033</v>
      </c>
      <c r="L8243">
        <f t="shared" si="919"/>
        <v>0.23154386961340165</v>
      </c>
      <c r="M8243">
        <f t="shared" si="920"/>
        <v>0</v>
      </c>
      <c r="N8243" s="45">
        <f t="shared" si="921"/>
        <v>45269.041666646757</v>
      </c>
    </row>
    <row r="8244" spans="2:14" x14ac:dyDescent="0.25">
      <c r="B8244">
        <f t="shared" si="915"/>
        <v>6</v>
      </c>
      <c r="C8244" s="16">
        <v>8210</v>
      </c>
      <c r="D8244" cm="1">
        <f t="array" ref="D8244">IFERROR(INDEX(Jesper!AH$2:AH$366,ROUNDDOWN($C8244/24,0)+1,1)*INDEX($D$3:$AA$30,INDEX(Jesper!$R$2:$R$366,ROW(INDEX(Jesper!AH$2:AH$366,ROUNDDOWN($C8244/24,0)+1,1))-1)+IF('Standard Profiles'!$G$18=$B$10,7,0)+IF('Standard Profiles'!$G$18=$B$17,14,0)+IF('Standard Profiles'!$G$18=$B$24,21,0),MOD($C8244,24)+1)/SUM(INDEX($D$3:$AA$30,INDEX(Jesper!$R$2:$R$366,ROW(INDEX(Jesper!AH$2:AH$366,ROUNDDOWN($C8244/24,0)+1,1))-1)+IF('Standard Profiles'!$G$18=$B$10,7,0)+IF('Standard Profiles'!$G$18=$B$17,14,0)+IF('Standard Profiles'!$G$18=$B$24,21,0),0)),0)</f>
        <v>0</v>
      </c>
      <c r="E8244" cm="1">
        <f t="array" ref="E8244">IFERROR(INDEX(Jesper!AI$2:AI$366,ROUNDDOWN($C8244/24,0)+1,1)*INDEX($D$3:$AA$30,INDEX(Jesper!$R$2:$R$366,ROW(INDEX(Jesper!AI$2:AI$366,ROUNDDOWN($C8244/24,0)+1,1))-1)+IF('Standard Profiles'!$G$19=$B$10,7,0)+IF('Standard Profiles'!$G$19=$B$17,14,0)+IF('Standard Profiles'!$G$19=$B$24,21,0),MOD($C8244,24)+1)/SUM(INDEX($D$3:$AA$30,INDEX(Jesper!$R$2:$R$366,ROW(INDEX(Jesper!AI$2:AI$366,ROUNDDOWN($C8244/24,0)+1,1))-1)+IF('Standard Profiles'!$G$19=$B$10,7,0)+IF('Standard Profiles'!$G$19=$B$17,14,0)+IF('Standard Profiles'!$G$19=$B$24,21,0),0)),0)</f>
        <v>5.7885967403350413</v>
      </c>
      <c r="F8244" cm="1">
        <f t="array" ref="F8244">IFERROR(INDEX(Jesper!AJ$2:AJ$366,ROUNDDOWN($C8244/24,0)+1,1)*INDEX($D$3:$AA$30,INDEX(Jesper!$R$2:$R$366,ROW(INDEX(Jesper!AJ$2:AJ$366,ROUNDDOWN($C8244/24,0)+1,1))-1)+IF('Standard Profiles'!$G$20=$B$10,7,0)+IF('Standard Profiles'!$G$20=$B$17,14,0)+IF('Standard Profiles'!$G$20=$B$24,21,0),MOD($C8244,24)+1)/SUM(INDEX($D$3:$AA$30,INDEX(Jesper!$R$2:$R$366,ROW(INDEX(Jesper!AJ$2:AJ$366,ROUNDDOWN($C8244/24,0)+1,1))-1)+IF('Standard Profiles'!$G$20=$B$10,7,0)+IF('Standard Profiles'!$G$20=$B$17,14,0)+IF('Standard Profiles'!$G$20=$B$24,21,0),0)),0)</f>
        <v>5.2019433097720924</v>
      </c>
      <c r="G8244" cm="1">
        <f t="array" ref="G8244">IFERROR(INDEX(Jesper!AK$2:AK$366,ROUNDDOWN($C8244/24,0)+1,1)*INDEX($D$3:$AA$30,INDEX(Jesper!$R$2:$R$366,ROW(INDEX(Jesper!AK$2:AK$366,ROUNDDOWN($C8244/24,0)+1,1))-1)+IF('Standard Profiles'!$G$21=$B$10,7,0)+IF('Standard Profiles'!$G$21=$B$17,14,0)+IF('Standard Profiles'!$G$21=$B$24,21,0),MOD($C8244,24)+1)/SUM(INDEX($D$3:$AA$30,INDEX(Jesper!$R$2:$R$366,ROW(INDEX(Jesper!AK$2:AK$366,ROUNDDOWN($C8244/24,0)+1,1))-1)+IF('Standard Profiles'!$G$21=$B$10,7,0)+IF('Standard Profiles'!$G$21=$B$17,14,0)+IF('Standard Profiles'!$G$21=$B$24,21,0),0)),0)</f>
        <v>9.1159641434937004</v>
      </c>
      <c r="H8244" cm="1">
        <f t="array" ref="H8244">IFERROR(INDEX(Jesper!AL$2:AL$366,ROUNDDOWN($C8244/24,0)+1,1)*INDEX($D$3:$AA$30,INDEX(Jesper!$R$2:$R$366,ROW(INDEX(Jesper!AL$2:AL$366,ROUNDDOWN($C8244/24,0)+1,1))-1)+IF('Standard Profiles'!$G$22=$B$10,7,0)+IF('Standard Profiles'!$G$22=$B$17,14,0)+IF('Standard Profiles'!$G$22=$B$24,21,0),MOD($C8244,24)+1)/SUM(INDEX($D$3:$AA$30,INDEX(Jesper!$R$2:$R$366,ROW(INDEX(Jesper!AL$2:AL$366,ROUNDDOWN($C8244/24,0)+1,1))-1)+IF('Standard Profiles'!$G$22=$B$10,7,0)+IF('Standard Profiles'!$G$22=$B$17,14,0)+IF('Standard Profiles'!$G$22=$B$24,21,0),0)),0)</f>
        <v>5.153481830550354</v>
      </c>
      <c r="I8244">
        <f t="shared" si="916"/>
        <v>4.9473425573283425</v>
      </c>
      <c r="J8244">
        <f t="shared" si="917"/>
        <v>19.618011857982641</v>
      </c>
      <c r="K8244">
        <f t="shared" si="918"/>
        <v>0.4630877392268033</v>
      </c>
      <c r="L8244">
        <f t="shared" si="919"/>
        <v>0.23154386961340165</v>
      </c>
      <c r="M8244">
        <f t="shared" si="920"/>
        <v>0</v>
      </c>
      <c r="N8244" s="45">
        <f t="shared" si="921"/>
        <v>45269.083333313421</v>
      </c>
    </row>
    <row r="8245" spans="2:14" x14ac:dyDescent="0.25">
      <c r="B8245">
        <f t="shared" si="915"/>
        <v>6</v>
      </c>
      <c r="C8245" s="16">
        <v>8211</v>
      </c>
      <c r="D8245" cm="1">
        <f t="array" ref="D8245">IFERROR(INDEX(Jesper!AH$2:AH$366,ROUNDDOWN($C8245/24,0)+1,1)*INDEX($D$3:$AA$30,INDEX(Jesper!$R$2:$R$366,ROW(INDEX(Jesper!AH$2:AH$366,ROUNDDOWN($C8245/24,0)+1,1))-1)+IF('Standard Profiles'!$G$18=$B$10,7,0)+IF('Standard Profiles'!$G$18=$B$17,14,0)+IF('Standard Profiles'!$G$18=$B$24,21,0),MOD($C8245,24)+1)/SUM(INDEX($D$3:$AA$30,INDEX(Jesper!$R$2:$R$366,ROW(INDEX(Jesper!AH$2:AH$366,ROUNDDOWN($C8245/24,0)+1,1))-1)+IF('Standard Profiles'!$G$18=$B$10,7,0)+IF('Standard Profiles'!$G$18=$B$17,14,0)+IF('Standard Profiles'!$G$18=$B$24,21,0),0)),0)</f>
        <v>0</v>
      </c>
      <c r="E8245" cm="1">
        <f t="array" ref="E8245">IFERROR(INDEX(Jesper!AI$2:AI$366,ROUNDDOWN($C8245/24,0)+1,1)*INDEX($D$3:$AA$30,INDEX(Jesper!$R$2:$R$366,ROW(INDEX(Jesper!AI$2:AI$366,ROUNDDOWN($C8245/24,0)+1,1))-1)+IF('Standard Profiles'!$G$19=$B$10,7,0)+IF('Standard Profiles'!$G$19=$B$17,14,0)+IF('Standard Profiles'!$G$19=$B$24,21,0),MOD($C8245,24)+1)/SUM(INDEX($D$3:$AA$30,INDEX(Jesper!$R$2:$R$366,ROW(INDEX(Jesper!AI$2:AI$366,ROUNDDOWN($C8245/24,0)+1,1))-1)+IF('Standard Profiles'!$G$19=$B$10,7,0)+IF('Standard Profiles'!$G$19=$B$17,14,0)+IF('Standard Profiles'!$G$19=$B$24,21,0),0)),0)</f>
        <v>5.7885967403350413</v>
      </c>
      <c r="F8245" cm="1">
        <f t="array" ref="F8245">IFERROR(INDEX(Jesper!AJ$2:AJ$366,ROUNDDOWN($C8245/24,0)+1,1)*INDEX($D$3:$AA$30,INDEX(Jesper!$R$2:$R$366,ROW(INDEX(Jesper!AJ$2:AJ$366,ROUNDDOWN($C8245/24,0)+1,1))-1)+IF('Standard Profiles'!$G$20=$B$10,7,0)+IF('Standard Profiles'!$G$20=$B$17,14,0)+IF('Standard Profiles'!$G$20=$B$24,21,0),MOD($C8245,24)+1)/SUM(INDEX($D$3:$AA$30,INDEX(Jesper!$R$2:$R$366,ROW(INDEX(Jesper!AJ$2:AJ$366,ROUNDDOWN($C8245/24,0)+1,1))-1)+IF('Standard Profiles'!$G$20=$B$10,7,0)+IF('Standard Profiles'!$G$20=$B$17,14,0)+IF('Standard Profiles'!$G$20=$B$24,21,0),0)),0)</f>
        <v>5.2019433097720924</v>
      </c>
      <c r="G8245" cm="1">
        <f t="array" ref="G8245">IFERROR(INDEX(Jesper!AK$2:AK$366,ROUNDDOWN($C8245/24,0)+1,1)*INDEX($D$3:$AA$30,INDEX(Jesper!$R$2:$R$366,ROW(INDEX(Jesper!AK$2:AK$366,ROUNDDOWN($C8245/24,0)+1,1))-1)+IF('Standard Profiles'!$G$21=$B$10,7,0)+IF('Standard Profiles'!$G$21=$B$17,14,0)+IF('Standard Profiles'!$G$21=$B$24,21,0),MOD($C8245,24)+1)/SUM(INDEX($D$3:$AA$30,INDEX(Jesper!$R$2:$R$366,ROW(INDEX(Jesper!AK$2:AK$366,ROUNDDOWN($C8245/24,0)+1,1))-1)+IF('Standard Profiles'!$G$21=$B$10,7,0)+IF('Standard Profiles'!$G$21=$B$17,14,0)+IF('Standard Profiles'!$G$21=$B$24,21,0),0)),0)</f>
        <v>9.1159641434937004</v>
      </c>
      <c r="H8245" cm="1">
        <f t="array" ref="H8245">IFERROR(INDEX(Jesper!AL$2:AL$366,ROUNDDOWN($C8245/24,0)+1,1)*INDEX($D$3:$AA$30,INDEX(Jesper!$R$2:$R$366,ROW(INDEX(Jesper!AL$2:AL$366,ROUNDDOWN($C8245/24,0)+1,1))-1)+IF('Standard Profiles'!$G$22=$B$10,7,0)+IF('Standard Profiles'!$G$22=$B$17,14,0)+IF('Standard Profiles'!$G$22=$B$24,21,0),MOD($C8245,24)+1)/SUM(INDEX($D$3:$AA$30,INDEX(Jesper!$R$2:$R$366,ROW(INDEX(Jesper!AL$2:AL$366,ROUNDDOWN($C8245/24,0)+1,1))-1)+IF('Standard Profiles'!$G$22=$B$10,7,0)+IF('Standard Profiles'!$G$22=$B$17,14,0)+IF('Standard Profiles'!$G$22=$B$24,21,0),0)),0)</f>
        <v>5.153481830550354</v>
      </c>
      <c r="I8245">
        <f t="shared" si="916"/>
        <v>4.9473425573283425</v>
      </c>
      <c r="J8245">
        <f t="shared" si="917"/>
        <v>19.618011857982641</v>
      </c>
      <c r="K8245">
        <f t="shared" si="918"/>
        <v>0.4630877392268033</v>
      </c>
      <c r="L8245">
        <f t="shared" si="919"/>
        <v>0.23154386961340165</v>
      </c>
      <c r="M8245">
        <f t="shared" si="920"/>
        <v>0</v>
      </c>
      <c r="N8245" s="45">
        <f t="shared" si="921"/>
        <v>45269.124999980086</v>
      </c>
    </row>
    <row r="8246" spans="2:14" x14ac:dyDescent="0.25">
      <c r="B8246">
        <f t="shared" si="915"/>
        <v>6</v>
      </c>
      <c r="C8246" s="16">
        <v>8212</v>
      </c>
      <c r="D8246" cm="1">
        <f t="array" ref="D8246">IFERROR(INDEX(Jesper!AH$2:AH$366,ROUNDDOWN($C8246/24,0)+1,1)*INDEX($D$3:$AA$30,INDEX(Jesper!$R$2:$R$366,ROW(INDEX(Jesper!AH$2:AH$366,ROUNDDOWN($C8246/24,0)+1,1))-1)+IF('Standard Profiles'!$G$18=$B$10,7,0)+IF('Standard Profiles'!$G$18=$B$17,14,0)+IF('Standard Profiles'!$G$18=$B$24,21,0),MOD($C8246,24)+1)/SUM(INDEX($D$3:$AA$30,INDEX(Jesper!$R$2:$R$366,ROW(INDEX(Jesper!AH$2:AH$366,ROUNDDOWN($C8246/24,0)+1,1))-1)+IF('Standard Profiles'!$G$18=$B$10,7,0)+IF('Standard Profiles'!$G$18=$B$17,14,0)+IF('Standard Profiles'!$G$18=$B$24,21,0),0)),0)</f>
        <v>0</v>
      </c>
      <c r="E8246" cm="1">
        <f t="array" ref="E8246">IFERROR(INDEX(Jesper!AI$2:AI$366,ROUNDDOWN($C8246/24,0)+1,1)*INDEX($D$3:$AA$30,INDEX(Jesper!$R$2:$R$366,ROW(INDEX(Jesper!AI$2:AI$366,ROUNDDOWN($C8246/24,0)+1,1))-1)+IF('Standard Profiles'!$G$19=$B$10,7,0)+IF('Standard Profiles'!$G$19=$B$17,14,0)+IF('Standard Profiles'!$G$19=$B$24,21,0),MOD($C8246,24)+1)/SUM(INDEX($D$3:$AA$30,INDEX(Jesper!$R$2:$R$366,ROW(INDEX(Jesper!AI$2:AI$366,ROUNDDOWN($C8246/24,0)+1,1))-1)+IF('Standard Profiles'!$G$19=$B$10,7,0)+IF('Standard Profiles'!$G$19=$B$17,14,0)+IF('Standard Profiles'!$G$19=$B$24,21,0),0)),0)</f>
        <v>5.7885967403350413</v>
      </c>
      <c r="F8246" cm="1">
        <f t="array" ref="F8246">IFERROR(INDEX(Jesper!AJ$2:AJ$366,ROUNDDOWN($C8246/24,0)+1,1)*INDEX($D$3:$AA$30,INDEX(Jesper!$R$2:$R$366,ROW(INDEX(Jesper!AJ$2:AJ$366,ROUNDDOWN($C8246/24,0)+1,1))-1)+IF('Standard Profiles'!$G$20=$B$10,7,0)+IF('Standard Profiles'!$G$20=$B$17,14,0)+IF('Standard Profiles'!$G$20=$B$24,21,0),MOD($C8246,24)+1)/SUM(INDEX($D$3:$AA$30,INDEX(Jesper!$R$2:$R$366,ROW(INDEX(Jesper!AJ$2:AJ$366,ROUNDDOWN($C8246/24,0)+1,1))-1)+IF('Standard Profiles'!$G$20=$B$10,7,0)+IF('Standard Profiles'!$G$20=$B$17,14,0)+IF('Standard Profiles'!$G$20=$B$24,21,0),0)),0)</f>
        <v>5.2019433097720924</v>
      </c>
      <c r="G8246" cm="1">
        <f t="array" ref="G8246">IFERROR(INDEX(Jesper!AK$2:AK$366,ROUNDDOWN($C8246/24,0)+1,1)*INDEX($D$3:$AA$30,INDEX(Jesper!$R$2:$R$366,ROW(INDEX(Jesper!AK$2:AK$366,ROUNDDOWN($C8246/24,0)+1,1))-1)+IF('Standard Profiles'!$G$21=$B$10,7,0)+IF('Standard Profiles'!$G$21=$B$17,14,0)+IF('Standard Profiles'!$G$21=$B$24,21,0),MOD($C8246,24)+1)/SUM(INDEX($D$3:$AA$30,INDEX(Jesper!$R$2:$R$366,ROW(INDEX(Jesper!AK$2:AK$366,ROUNDDOWN($C8246/24,0)+1,1))-1)+IF('Standard Profiles'!$G$21=$B$10,7,0)+IF('Standard Profiles'!$G$21=$B$17,14,0)+IF('Standard Profiles'!$G$21=$B$24,21,0),0)),0)</f>
        <v>9.1159641434937004</v>
      </c>
      <c r="H8246" cm="1">
        <f t="array" ref="H8246">IFERROR(INDEX(Jesper!AL$2:AL$366,ROUNDDOWN($C8246/24,0)+1,1)*INDEX($D$3:$AA$30,INDEX(Jesper!$R$2:$R$366,ROW(INDEX(Jesper!AL$2:AL$366,ROUNDDOWN($C8246/24,0)+1,1))-1)+IF('Standard Profiles'!$G$22=$B$10,7,0)+IF('Standard Profiles'!$G$22=$B$17,14,0)+IF('Standard Profiles'!$G$22=$B$24,21,0),MOD($C8246,24)+1)/SUM(INDEX($D$3:$AA$30,INDEX(Jesper!$R$2:$R$366,ROW(INDEX(Jesper!AL$2:AL$366,ROUNDDOWN($C8246/24,0)+1,1))-1)+IF('Standard Profiles'!$G$22=$B$10,7,0)+IF('Standard Profiles'!$G$22=$B$17,14,0)+IF('Standard Profiles'!$G$22=$B$24,21,0),0)),0)</f>
        <v>5.153481830550354</v>
      </c>
      <c r="I8246">
        <f t="shared" si="916"/>
        <v>4.9473425573283425</v>
      </c>
      <c r="J8246">
        <f t="shared" si="917"/>
        <v>19.618011857982641</v>
      </c>
      <c r="K8246">
        <f t="shared" si="918"/>
        <v>0.4630877392268033</v>
      </c>
      <c r="L8246">
        <f t="shared" si="919"/>
        <v>0.23154386961340165</v>
      </c>
      <c r="M8246">
        <f t="shared" si="920"/>
        <v>0</v>
      </c>
      <c r="N8246" s="45">
        <f t="shared" si="921"/>
        <v>45269.16666664675</v>
      </c>
    </row>
    <row r="8247" spans="2:14" x14ac:dyDescent="0.25">
      <c r="B8247">
        <f t="shared" si="915"/>
        <v>6</v>
      </c>
      <c r="C8247" s="16">
        <v>8213</v>
      </c>
      <c r="D8247" cm="1">
        <f t="array" ref="D8247">IFERROR(INDEX(Jesper!AH$2:AH$366,ROUNDDOWN($C8247/24,0)+1,1)*INDEX($D$3:$AA$30,INDEX(Jesper!$R$2:$R$366,ROW(INDEX(Jesper!AH$2:AH$366,ROUNDDOWN($C8247/24,0)+1,1))-1)+IF('Standard Profiles'!$G$18=$B$10,7,0)+IF('Standard Profiles'!$G$18=$B$17,14,0)+IF('Standard Profiles'!$G$18=$B$24,21,0),MOD($C8247,24)+1)/SUM(INDEX($D$3:$AA$30,INDEX(Jesper!$R$2:$R$366,ROW(INDEX(Jesper!AH$2:AH$366,ROUNDDOWN($C8247/24,0)+1,1))-1)+IF('Standard Profiles'!$G$18=$B$10,7,0)+IF('Standard Profiles'!$G$18=$B$17,14,0)+IF('Standard Profiles'!$G$18=$B$24,21,0),0)),0)</f>
        <v>0</v>
      </c>
      <c r="E8247" cm="1">
        <f t="array" ref="E8247">IFERROR(INDEX(Jesper!AI$2:AI$366,ROUNDDOWN($C8247/24,0)+1,1)*INDEX($D$3:$AA$30,INDEX(Jesper!$R$2:$R$366,ROW(INDEX(Jesper!AI$2:AI$366,ROUNDDOWN($C8247/24,0)+1,1))-1)+IF('Standard Profiles'!$G$19=$B$10,7,0)+IF('Standard Profiles'!$G$19=$B$17,14,0)+IF('Standard Profiles'!$G$19=$B$24,21,0),MOD($C8247,24)+1)/SUM(INDEX($D$3:$AA$30,INDEX(Jesper!$R$2:$R$366,ROW(INDEX(Jesper!AI$2:AI$366,ROUNDDOWN($C8247/24,0)+1,1))-1)+IF('Standard Profiles'!$G$19=$B$10,7,0)+IF('Standard Profiles'!$G$19=$B$17,14,0)+IF('Standard Profiles'!$G$19=$B$24,21,0),0)),0)</f>
        <v>5.7885967403350413</v>
      </c>
      <c r="F8247" cm="1">
        <f t="array" ref="F8247">IFERROR(INDEX(Jesper!AJ$2:AJ$366,ROUNDDOWN($C8247/24,0)+1,1)*INDEX($D$3:$AA$30,INDEX(Jesper!$R$2:$R$366,ROW(INDEX(Jesper!AJ$2:AJ$366,ROUNDDOWN($C8247/24,0)+1,1))-1)+IF('Standard Profiles'!$G$20=$B$10,7,0)+IF('Standard Profiles'!$G$20=$B$17,14,0)+IF('Standard Profiles'!$G$20=$B$24,21,0),MOD($C8247,24)+1)/SUM(INDEX($D$3:$AA$30,INDEX(Jesper!$R$2:$R$366,ROW(INDEX(Jesper!AJ$2:AJ$366,ROUNDDOWN($C8247/24,0)+1,1))-1)+IF('Standard Profiles'!$G$20=$B$10,7,0)+IF('Standard Profiles'!$G$20=$B$17,14,0)+IF('Standard Profiles'!$G$20=$B$24,21,0),0)),0)</f>
        <v>5.2019433097720924</v>
      </c>
      <c r="G8247" cm="1">
        <f t="array" ref="G8247">IFERROR(INDEX(Jesper!AK$2:AK$366,ROUNDDOWN($C8247/24,0)+1,1)*INDEX($D$3:$AA$30,INDEX(Jesper!$R$2:$R$366,ROW(INDEX(Jesper!AK$2:AK$366,ROUNDDOWN($C8247/24,0)+1,1))-1)+IF('Standard Profiles'!$G$21=$B$10,7,0)+IF('Standard Profiles'!$G$21=$B$17,14,0)+IF('Standard Profiles'!$G$21=$B$24,21,0),MOD($C8247,24)+1)/SUM(INDEX($D$3:$AA$30,INDEX(Jesper!$R$2:$R$366,ROW(INDEX(Jesper!AK$2:AK$366,ROUNDDOWN($C8247/24,0)+1,1))-1)+IF('Standard Profiles'!$G$21=$B$10,7,0)+IF('Standard Profiles'!$G$21=$B$17,14,0)+IF('Standard Profiles'!$G$21=$B$24,21,0),0)),0)</f>
        <v>9.1159641434937004</v>
      </c>
      <c r="H8247" cm="1">
        <f t="array" ref="H8247">IFERROR(INDEX(Jesper!AL$2:AL$366,ROUNDDOWN($C8247/24,0)+1,1)*INDEX($D$3:$AA$30,INDEX(Jesper!$R$2:$R$366,ROW(INDEX(Jesper!AL$2:AL$366,ROUNDDOWN($C8247/24,0)+1,1))-1)+IF('Standard Profiles'!$G$22=$B$10,7,0)+IF('Standard Profiles'!$G$22=$B$17,14,0)+IF('Standard Profiles'!$G$22=$B$24,21,0),MOD($C8247,24)+1)/SUM(INDEX($D$3:$AA$30,INDEX(Jesper!$R$2:$R$366,ROW(INDEX(Jesper!AL$2:AL$366,ROUNDDOWN($C8247/24,0)+1,1))-1)+IF('Standard Profiles'!$G$22=$B$10,7,0)+IF('Standard Profiles'!$G$22=$B$17,14,0)+IF('Standard Profiles'!$G$22=$B$24,21,0),0)),0)</f>
        <v>6.4104286184894645</v>
      </c>
      <c r="I8247">
        <f t="shared" si="916"/>
        <v>6.1540114737498897</v>
      </c>
      <c r="J8247">
        <f t="shared" si="917"/>
        <v>19.668289729500206</v>
      </c>
      <c r="K8247">
        <f t="shared" si="918"/>
        <v>0.4630877392268033</v>
      </c>
      <c r="L8247">
        <f t="shared" si="919"/>
        <v>0.23154386961340165</v>
      </c>
      <c r="M8247">
        <f t="shared" si="920"/>
        <v>0</v>
      </c>
      <c r="N8247" s="45">
        <f t="shared" si="921"/>
        <v>45269.208333313414</v>
      </c>
    </row>
    <row r="8248" spans="2:14" x14ac:dyDescent="0.25">
      <c r="B8248">
        <f t="shared" si="915"/>
        <v>6</v>
      </c>
      <c r="C8248" s="16">
        <v>8214</v>
      </c>
      <c r="D8248" cm="1">
        <f t="array" ref="D8248">IFERROR(INDEX(Jesper!AH$2:AH$366,ROUNDDOWN($C8248/24,0)+1,1)*INDEX($D$3:$AA$30,INDEX(Jesper!$R$2:$R$366,ROW(INDEX(Jesper!AH$2:AH$366,ROUNDDOWN($C8248/24,0)+1,1))-1)+IF('Standard Profiles'!$G$18=$B$10,7,0)+IF('Standard Profiles'!$G$18=$B$17,14,0)+IF('Standard Profiles'!$G$18=$B$24,21,0),MOD($C8248,24)+1)/SUM(INDEX($D$3:$AA$30,INDEX(Jesper!$R$2:$R$366,ROW(INDEX(Jesper!AH$2:AH$366,ROUNDDOWN($C8248/24,0)+1,1))-1)+IF('Standard Profiles'!$G$18=$B$10,7,0)+IF('Standard Profiles'!$G$18=$B$17,14,0)+IF('Standard Profiles'!$G$18=$B$24,21,0),0)),0)</f>
        <v>0</v>
      </c>
      <c r="E8248" cm="1">
        <f t="array" ref="E8248">IFERROR(INDEX(Jesper!AI$2:AI$366,ROUNDDOWN($C8248/24,0)+1,1)*INDEX($D$3:$AA$30,INDEX(Jesper!$R$2:$R$366,ROW(INDEX(Jesper!AI$2:AI$366,ROUNDDOWN($C8248/24,0)+1,1))-1)+IF('Standard Profiles'!$G$19=$B$10,7,0)+IF('Standard Profiles'!$G$19=$B$17,14,0)+IF('Standard Profiles'!$G$19=$B$24,21,0),MOD($C8248,24)+1)/SUM(INDEX($D$3:$AA$30,INDEX(Jesper!$R$2:$R$366,ROW(INDEX(Jesper!AI$2:AI$366,ROUNDDOWN($C8248/24,0)+1,1))-1)+IF('Standard Profiles'!$G$19=$B$10,7,0)+IF('Standard Profiles'!$G$19=$B$17,14,0)+IF('Standard Profiles'!$G$19=$B$24,21,0),0)),0)</f>
        <v>5.7885967403350413</v>
      </c>
      <c r="F8248" cm="1">
        <f t="array" ref="F8248">IFERROR(INDEX(Jesper!AJ$2:AJ$366,ROUNDDOWN($C8248/24,0)+1,1)*INDEX($D$3:$AA$30,INDEX(Jesper!$R$2:$R$366,ROW(INDEX(Jesper!AJ$2:AJ$366,ROUNDDOWN($C8248/24,0)+1,1))-1)+IF('Standard Profiles'!$G$20=$B$10,7,0)+IF('Standard Profiles'!$G$20=$B$17,14,0)+IF('Standard Profiles'!$G$20=$B$24,21,0),MOD($C8248,24)+1)/SUM(INDEX($D$3:$AA$30,INDEX(Jesper!$R$2:$R$366,ROW(INDEX(Jesper!AJ$2:AJ$366,ROUNDDOWN($C8248/24,0)+1,1))-1)+IF('Standard Profiles'!$G$20=$B$10,7,0)+IF('Standard Profiles'!$G$20=$B$17,14,0)+IF('Standard Profiles'!$G$20=$B$24,21,0),0)),0)</f>
        <v>5.2019433097720924</v>
      </c>
      <c r="G8248" cm="1">
        <f t="array" ref="G8248">IFERROR(INDEX(Jesper!AK$2:AK$366,ROUNDDOWN($C8248/24,0)+1,1)*INDEX($D$3:$AA$30,INDEX(Jesper!$R$2:$R$366,ROW(INDEX(Jesper!AK$2:AK$366,ROUNDDOWN($C8248/24,0)+1,1))-1)+IF('Standard Profiles'!$G$21=$B$10,7,0)+IF('Standard Profiles'!$G$21=$B$17,14,0)+IF('Standard Profiles'!$G$21=$B$24,21,0),MOD($C8248,24)+1)/SUM(INDEX($D$3:$AA$30,INDEX(Jesper!$R$2:$R$366,ROW(INDEX(Jesper!AK$2:AK$366,ROUNDDOWN($C8248/24,0)+1,1))-1)+IF('Standard Profiles'!$G$21=$B$10,7,0)+IF('Standard Profiles'!$G$21=$B$17,14,0)+IF('Standard Profiles'!$G$21=$B$24,21,0),0)),0)</f>
        <v>9.1159641434937004</v>
      </c>
      <c r="H8248" cm="1">
        <f t="array" ref="H8248">IFERROR(INDEX(Jesper!AL$2:AL$366,ROUNDDOWN($C8248/24,0)+1,1)*INDEX($D$3:$AA$30,INDEX(Jesper!$R$2:$R$366,ROW(INDEX(Jesper!AL$2:AL$366,ROUNDDOWN($C8248/24,0)+1,1))-1)+IF('Standard Profiles'!$G$22=$B$10,7,0)+IF('Standard Profiles'!$G$22=$B$17,14,0)+IF('Standard Profiles'!$G$22=$B$24,21,0),MOD($C8248,24)+1)/SUM(INDEX($D$3:$AA$30,INDEX(Jesper!$R$2:$R$366,ROW(INDEX(Jesper!AL$2:AL$366,ROUNDDOWN($C8248/24,0)+1,1))-1)+IF('Standard Profiles'!$G$22=$B$10,7,0)+IF('Standard Profiles'!$G$22=$B$17,14,0)+IF('Standard Profiles'!$G$22=$B$24,21,0),0)),0)</f>
        <v>8.0444594428103073</v>
      </c>
      <c r="I8248">
        <f t="shared" si="916"/>
        <v>7.7226810650978992</v>
      </c>
      <c r="J8248">
        <f t="shared" si="917"/>
        <v>19.733650962473039</v>
      </c>
      <c r="K8248">
        <f t="shared" si="918"/>
        <v>0.4630877392268033</v>
      </c>
      <c r="L8248">
        <f t="shared" si="919"/>
        <v>0.23154386961340165</v>
      </c>
      <c r="M8248">
        <f t="shared" si="920"/>
        <v>0</v>
      </c>
      <c r="N8248" s="45">
        <f t="shared" si="921"/>
        <v>45269.249999980078</v>
      </c>
    </row>
    <row r="8249" spans="2:14" x14ac:dyDescent="0.25">
      <c r="B8249">
        <f t="shared" si="915"/>
        <v>6</v>
      </c>
      <c r="C8249" s="16">
        <v>8215</v>
      </c>
      <c r="D8249" cm="1">
        <f t="array" ref="D8249">IFERROR(INDEX(Jesper!AH$2:AH$366,ROUNDDOWN($C8249/24,0)+1,1)*INDEX($D$3:$AA$30,INDEX(Jesper!$R$2:$R$366,ROW(INDEX(Jesper!AH$2:AH$366,ROUNDDOWN($C8249/24,0)+1,1))-1)+IF('Standard Profiles'!$G$18=$B$10,7,0)+IF('Standard Profiles'!$G$18=$B$17,14,0)+IF('Standard Profiles'!$G$18=$B$24,21,0),MOD($C8249,24)+1)/SUM(INDEX($D$3:$AA$30,INDEX(Jesper!$R$2:$R$366,ROW(INDEX(Jesper!AH$2:AH$366,ROUNDDOWN($C8249/24,0)+1,1))-1)+IF('Standard Profiles'!$G$18=$B$10,7,0)+IF('Standard Profiles'!$G$18=$B$17,14,0)+IF('Standard Profiles'!$G$18=$B$24,21,0),0)),0)</f>
        <v>0</v>
      </c>
      <c r="E8249" cm="1">
        <f t="array" ref="E8249">IFERROR(INDEX(Jesper!AI$2:AI$366,ROUNDDOWN($C8249/24,0)+1,1)*INDEX($D$3:$AA$30,INDEX(Jesper!$R$2:$R$366,ROW(INDEX(Jesper!AI$2:AI$366,ROUNDDOWN($C8249/24,0)+1,1))-1)+IF('Standard Profiles'!$G$19=$B$10,7,0)+IF('Standard Profiles'!$G$19=$B$17,14,0)+IF('Standard Profiles'!$G$19=$B$24,21,0),MOD($C8249,24)+1)/SUM(INDEX($D$3:$AA$30,INDEX(Jesper!$R$2:$R$366,ROW(INDEX(Jesper!AI$2:AI$366,ROUNDDOWN($C8249/24,0)+1,1))-1)+IF('Standard Profiles'!$G$19=$B$10,7,0)+IF('Standard Profiles'!$G$19=$B$17,14,0)+IF('Standard Profiles'!$G$19=$B$24,21,0),0)),0)</f>
        <v>5.7885967403350413</v>
      </c>
      <c r="F8249" cm="1">
        <f t="array" ref="F8249">IFERROR(INDEX(Jesper!AJ$2:AJ$366,ROUNDDOWN($C8249/24,0)+1,1)*INDEX($D$3:$AA$30,INDEX(Jesper!$R$2:$R$366,ROW(INDEX(Jesper!AJ$2:AJ$366,ROUNDDOWN($C8249/24,0)+1,1))-1)+IF('Standard Profiles'!$G$20=$B$10,7,0)+IF('Standard Profiles'!$G$20=$B$17,14,0)+IF('Standard Profiles'!$G$20=$B$24,21,0),MOD($C8249,24)+1)/SUM(INDEX($D$3:$AA$30,INDEX(Jesper!$R$2:$R$366,ROW(INDEX(Jesper!AJ$2:AJ$366,ROUNDDOWN($C8249/24,0)+1,1))-1)+IF('Standard Profiles'!$G$20=$B$10,7,0)+IF('Standard Profiles'!$G$20=$B$17,14,0)+IF('Standard Profiles'!$G$20=$B$24,21,0),0)),0)</f>
        <v>5.2019433097720924</v>
      </c>
      <c r="G8249" cm="1">
        <f t="array" ref="G8249">IFERROR(INDEX(Jesper!AK$2:AK$366,ROUNDDOWN($C8249/24,0)+1,1)*INDEX($D$3:$AA$30,INDEX(Jesper!$R$2:$R$366,ROW(INDEX(Jesper!AK$2:AK$366,ROUNDDOWN($C8249/24,0)+1,1))-1)+IF('Standard Profiles'!$G$21=$B$10,7,0)+IF('Standard Profiles'!$G$21=$B$17,14,0)+IF('Standard Profiles'!$G$21=$B$24,21,0),MOD($C8249,24)+1)/SUM(INDEX($D$3:$AA$30,INDEX(Jesper!$R$2:$R$366,ROW(INDEX(Jesper!AK$2:AK$366,ROUNDDOWN($C8249/24,0)+1,1))-1)+IF('Standard Profiles'!$G$21=$B$10,7,0)+IF('Standard Profiles'!$G$21=$B$17,14,0)+IF('Standard Profiles'!$G$21=$B$24,21,0),0)),0)</f>
        <v>9.1159641434937004</v>
      </c>
      <c r="H8249" cm="1">
        <f t="array" ref="H8249">IFERROR(INDEX(Jesper!AL$2:AL$366,ROUNDDOWN($C8249/24,0)+1,1)*INDEX($D$3:$AA$30,INDEX(Jesper!$R$2:$R$366,ROW(INDEX(Jesper!AL$2:AL$366,ROUNDDOWN($C8249/24,0)+1,1))-1)+IF('Standard Profiles'!$G$22=$B$10,7,0)+IF('Standard Profiles'!$G$22=$B$17,14,0)+IF('Standard Profiles'!$G$22=$B$24,21,0),MOD($C8249,24)+1)/SUM(INDEX($D$3:$AA$30,INDEX(Jesper!$R$2:$R$366,ROW(INDEX(Jesper!AL$2:AL$366,ROUNDDOWN($C8249/24,0)+1,1))-1)+IF('Standard Profiles'!$G$22=$B$10,7,0)+IF('Standard Profiles'!$G$22=$B$17,14,0)+IF('Standard Profiles'!$G$22=$B$24,21,0),0)),0)</f>
        <v>9.1757115519555086</v>
      </c>
      <c r="I8249">
        <f t="shared" si="916"/>
        <v>8.8086830898772934</v>
      </c>
      <c r="J8249">
        <f t="shared" si="917"/>
        <v>19.778901046838847</v>
      </c>
      <c r="K8249">
        <f t="shared" si="918"/>
        <v>0.4630877392268033</v>
      </c>
      <c r="L8249">
        <f t="shared" si="919"/>
        <v>0.23154386961340165</v>
      </c>
      <c r="M8249">
        <f t="shared" si="920"/>
        <v>0</v>
      </c>
      <c r="N8249" s="45">
        <f t="shared" si="921"/>
        <v>45269.291666646743</v>
      </c>
    </row>
    <row r="8250" spans="2:14" x14ac:dyDescent="0.25">
      <c r="B8250">
        <f t="shared" si="915"/>
        <v>6</v>
      </c>
      <c r="C8250" s="16">
        <v>8216</v>
      </c>
      <c r="D8250" cm="1">
        <f t="array" ref="D8250">IFERROR(INDEX(Jesper!AH$2:AH$366,ROUNDDOWN($C8250/24,0)+1,1)*INDEX($D$3:$AA$30,INDEX(Jesper!$R$2:$R$366,ROW(INDEX(Jesper!AH$2:AH$366,ROUNDDOWN($C8250/24,0)+1,1))-1)+IF('Standard Profiles'!$G$18=$B$10,7,0)+IF('Standard Profiles'!$G$18=$B$17,14,0)+IF('Standard Profiles'!$G$18=$B$24,21,0),MOD($C8250,24)+1)/SUM(INDEX($D$3:$AA$30,INDEX(Jesper!$R$2:$R$366,ROW(INDEX(Jesper!AH$2:AH$366,ROUNDDOWN($C8250/24,0)+1,1))-1)+IF('Standard Profiles'!$G$18=$B$10,7,0)+IF('Standard Profiles'!$G$18=$B$17,14,0)+IF('Standard Profiles'!$G$18=$B$24,21,0),0)),0)</f>
        <v>0</v>
      </c>
      <c r="E8250" cm="1">
        <f t="array" ref="E8250">IFERROR(INDEX(Jesper!AI$2:AI$366,ROUNDDOWN($C8250/24,0)+1,1)*INDEX($D$3:$AA$30,INDEX(Jesper!$R$2:$R$366,ROW(INDEX(Jesper!AI$2:AI$366,ROUNDDOWN($C8250/24,0)+1,1))-1)+IF('Standard Profiles'!$G$19=$B$10,7,0)+IF('Standard Profiles'!$G$19=$B$17,14,0)+IF('Standard Profiles'!$G$19=$B$24,21,0),MOD($C8250,24)+1)/SUM(INDEX($D$3:$AA$30,INDEX(Jesper!$R$2:$R$366,ROW(INDEX(Jesper!AI$2:AI$366,ROUNDDOWN($C8250/24,0)+1,1))-1)+IF('Standard Profiles'!$G$19=$B$10,7,0)+IF('Standard Profiles'!$G$19=$B$17,14,0)+IF('Standard Profiles'!$G$19=$B$24,21,0),0)),0)</f>
        <v>5.7885967403350413</v>
      </c>
      <c r="F8250" cm="1">
        <f t="array" ref="F8250">IFERROR(INDEX(Jesper!AJ$2:AJ$366,ROUNDDOWN($C8250/24,0)+1,1)*INDEX($D$3:$AA$30,INDEX(Jesper!$R$2:$R$366,ROW(INDEX(Jesper!AJ$2:AJ$366,ROUNDDOWN($C8250/24,0)+1,1))-1)+IF('Standard Profiles'!$G$20=$B$10,7,0)+IF('Standard Profiles'!$G$20=$B$17,14,0)+IF('Standard Profiles'!$G$20=$B$24,21,0),MOD($C8250,24)+1)/SUM(INDEX($D$3:$AA$30,INDEX(Jesper!$R$2:$R$366,ROW(INDEX(Jesper!AJ$2:AJ$366,ROUNDDOWN($C8250/24,0)+1,1))-1)+IF('Standard Profiles'!$G$20=$B$10,7,0)+IF('Standard Profiles'!$G$20=$B$17,14,0)+IF('Standard Profiles'!$G$20=$B$24,21,0),0)),0)</f>
        <v>5.2019433097720924</v>
      </c>
      <c r="G8250" cm="1">
        <f t="array" ref="G8250">IFERROR(INDEX(Jesper!AK$2:AK$366,ROUNDDOWN($C8250/24,0)+1,1)*INDEX($D$3:$AA$30,INDEX(Jesper!$R$2:$R$366,ROW(INDEX(Jesper!AK$2:AK$366,ROUNDDOWN($C8250/24,0)+1,1))-1)+IF('Standard Profiles'!$G$21=$B$10,7,0)+IF('Standard Profiles'!$G$21=$B$17,14,0)+IF('Standard Profiles'!$G$21=$B$24,21,0),MOD($C8250,24)+1)/SUM(INDEX($D$3:$AA$30,INDEX(Jesper!$R$2:$R$366,ROW(INDEX(Jesper!AK$2:AK$366,ROUNDDOWN($C8250/24,0)+1,1))-1)+IF('Standard Profiles'!$G$21=$B$10,7,0)+IF('Standard Profiles'!$G$21=$B$17,14,0)+IF('Standard Profiles'!$G$21=$B$24,21,0),0)),0)</f>
        <v>9.1159641434937004</v>
      </c>
      <c r="H8250" cm="1">
        <f t="array" ref="H8250">IFERROR(INDEX(Jesper!AL$2:AL$366,ROUNDDOWN($C8250/24,0)+1,1)*INDEX($D$3:$AA$30,INDEX(Jesper!$R$2:$R$366,ROW(INDEX(Jesper!AL$2:AL$366,ROUNDDOWN($C8250/24,0)+1,1))-1)+IF('Standard Profiles'!$G$22=$B$10,7,0)+IF('Standard Profiles'!$G$22=$B$17,14,0)+IF('Standard Profiles'!$G$22=$B$24,21,0),MOD($C8250,24)+1)/SUM(INDEX($D$3:$AA$30,INDEX(Jesper!$R$2:$R$366,ROW(INDEX(Jesper!AL$2:AL$366,ROUNDDOWN($C8250/24,0)+1,1))-1)+IF('Standard Profiles'!$G$22=$B$10,7,0)+IF('Standard Profiles'!$G$22=$B$17,14,0)+IF('Standard Profiles'!$G$22=$B$24,21,0),0)),0)</f>
        <v>9.1757115519555086</v>
      </c>
      <c r="I8250">
        <f t="shared" si="916"/>
        <v>8.8086830898772934</v>
      </c>
      <c r="J8250">
        <f t="shared" si="917"/>
        <v>19.778901046838847</v>
      </c>
      <c r="K8250">
        <f t="shared" si="918"/>
        <v>0.4630877392268033</v>
      </c>
      <c r="L8250">
        <f t="shared" si="919"/>
        <v>0.23154386961340165</v>
      </c>
      <c r="M8250">
        <f t="shared" si="920"/>
        <v>0</v>
      </c>
      <c r="N8250" s="45">
        <f t="shared" si="921"/>
        <v>45269.333333313407</v>
      </c>
    </row>
    <row r="8251" spans="2:14" x14ac:dyDescent="0.25">
      <c r="B8251">
        <f t="shared" si="915"/>
        <v>6</v>
      </c>
      <c r="C8251" s="16">
        <v>8217</v>
      </c>
      <c r="D8251" cm="1">
        <f t="array" ref="D8251">IFERROR(INDEX(Jesper!AH$2:AH$366,ROUNDDOWN($C8251/24,0)+1,1)*INDEX($D$3:$AA$30,INDEX(Jesper!$R$2:$R$366,ROW(INDEX(Jesper!AH$2:AH$366,ROUNDDOWN($C8251/24,0)+1,1))-1)+IF('Standard Profiles'!$G$18=$B$10,7,0)+IF('Standard Profiles'!$G$18=$B$17,14,0)+IF('Standard Profiles'!$G$18=$B$24,21,0),MOD($C8251,24)+1)/SUM(INDEX($D$3:$AA$30,INDEX(Jesper!$R$2:$R$366,ROW(INDEX(Jesper!AH$2:AH$366,ROUNDDOWN($C8251/24,0)+1,1))-1)+IF('Standard Profiles'!$G$18=$B$10,7,0)+IF('Standard Profiles'!$G$18=$B$17,14,0)+IF('Standard Profiles'!$G$18=$B$24,21,0),0)),0)</f>
        <v>0</v>
      </c>
      <c r="E8251" cm="1">
        <f t="array" ref="E8251">IFERROR(INDEX(Jesper!AI$2:AI$366,ROUNDDOWN($C8251/24,0)+1,1)*INDEX($D$3:$AA$30,INDEX(Jesper!$R$2:$R$366,ROW(INDEX(Jesper!AI$2:AI$366,ROUNDDOWN($C8251/24,0)+1,1))-1)+IF('Standard Profiles'!$G$19=$B$10,7,0)+IF('Standard Profiles'!$G$19=$B$17,14,0)+IF('Standard Profiles'!$G$19=$B$24,21,0),MOD($C8251,24)+1)/SUM(INDEX($D$3:$AA$30,INDEX(Jesper!$R$2:$R$366,ROW(INDEX(Jesper!AI$2:AI$366,ROUNDDOWN($C8251/24,0)+1,1))-1)+IF('Standard Profiles'!$G$19=$B$10,7,0)+IF('Standard Profiles'!$G$19=$B$17,14,0)+IF('Standard Profiles'!$G$19=$B$24,21,0),0)),0)</f>
        <v>5.7885967403350413</v>
      </c>
      <c r="F8251" cm="1">
        <f t="array" ref="F8251">IFERROR(INDEX(Jesper!AJ$2:AJ$366,ROUNDDOWN($C8251/24,0)+1,1)*INDEX($D$3:$AA$30,INDEX(Jesper!$R$2:$R$366,ROW(INDEX(Jesper!AJ$2:AJ$366,ROUNDDOWN($C8251/24,0)+1,1))-1)+IF('Standard Profiles'!$G$20=$B$10,7,0)+IF('Standard Profiles'!$G$20=$B$17,14,0)+IF('Standard Profiles'!$G$20=$B$24,21,0),MOD($C8251,24)+1)/SUM(INDEX($D$3:$AA$30,INDEX(Jesper!$R$2:$R$366,ROW(INDEX(Jesper!AJ$2:AJ$366,ROUNDDOWN($C8251/24,0)+1,1))-1)+IF('Standard Profiles'!$G$20=$B$10,7,0)+IF('Standard Profiles'!$G$20=$B$17,14,0)+IF('Standard Profiles'!$G$20=$B$24,21,0),0)),0)</f>
        <v>5.2019433097720924</v>
      </c>
      <c r="G8251" cm="1">
        <f t="array" ref="G8251">IFERROR(INDEX(Jesper!AK$2:AK$366,ROUNDDOWN($C8251/24,0)+1,1)*INDEX($D$3:$AA$30,INDEX(Jesper!$R$2:$R$366,ROW(INDEX(Jesper!AK$2:AK$366,ROUNDDOWN($C8251/24,0)+1,1))-1)+IF('Standard Profiles'!$G$21=$B$10,7,0)+IF('Standard Profiles'!$G$21=$B$17,14,0)+IF('Standard Profiles'!$G$21=$B$24,21,0),MOD($C8251,24)+1)/SUM(INDEX($D$3:$AA$30,INDEX(Jesper!$R$2:$R$366,ROW(INDEX(Jesper!AK$2:AK$366,ROUNDDOWN($C8251/24,0)+1,1))-1)+IF('Standard Profiles'!$G$21=$B$10,7,0)+IF('Standard Profiles'!$G$21=$B$17,14,0)+IF('Standard Profiles'!$G$21=$B$24,21,0),0)),0)</f>
        <v>9.1159641434937004</v>
      </c>
      <c r="H8251" cm="1">
        <f t="array" ref="H8251">IFERROR(INDEX(Jesper!AL$2:AL$366,ROUNDDOWN($C8251/24,0)+1,1)*INDEX($D$3:$AA$30,INDEX(Jesper!$R$2:$R$366,ROW(INDEX(Jesper!AL$2:AL$366,ROUNDDOWN($C8251/24,0)+1,1))-1)+IF('Standard Profiles'!$G$22=$B$10,7,0)+IF('Standard Profiles'!$G$22=$B$17,14,0)+IF('Standard Profiles'!$G$22=$B$24,21,0),MOD($C8251,24)+1)/SUM(INDEX($D$3:$AA$30,INDEX(Jesper!$R$2:$R$366,ROW(INDEX(Jesper!AL$2:AL$366,ROUNDDOWN($C8251/24,0)+1,1))-1)+IF('Standard Profiles'!$G$22=$B$10,7,0)+IF('Standard Profiles'!$G$22=$B$17,14,0)+IF('Standard Profiles'!$G$22=$B$24,21,0),0)),0)</f>
        <v>9.1757115519555086</v>
      </c>
      <c r="I8251">
        <f t="shared" si="916"/>
        <v>8.8086830898772934</v>
      </c>
      <c r="J8251">
        <f t="shared" si="917"/>
        <v>19.778901046838847</v>
      </c>
      <c r="K8251">
        <f t="shared" si="918"/>
        <v>0.4630877392268033</v>
      </c>
      <c r="L8251">
        <f t="shared" si="919"/>
        <v>0.23154386961340165</v>
      </c>
      <c r="M8251">
        <f t="shared" si="920"/>
        <v>0</v>
      </c>
      <c r="N8251" s="45">
        <f t="shared" si="921"/>
        <v>45269.374999980071</v>
      </c>
    </row>
    <row r="8252" spans="2:14" x14ac:dyDescent="0.25">
      <c r="B8252">
        <f t="shared" si="915"/>
        <v>6</v>
      </c>
      <c r="C8252" s="16">
        <v>8218</v>
      </c>
      <c r="D8252" cm="1">
        <f t="array" ref="D8252">IFERROR(INDEX(Jesper!AH$2:AH$366,ROUNDDOWN($C8252/24,0)+1,1)*INDEX($D$3:$AA$30,INDEX(Jesper!$R$2:$R$366,ROW(INDEX(Jesper!AH$2:AH$366,ROUNDDOWN($C8252/24,0)+1,1))-1)+IF('Standard Profiles'!$G$18=$B$10,7,0)+IF('Standard Profiles'!$G$18=$B$17,14,0)+IF('Standard Profiles'!$G$18=$B$24,21,0),MOD($C8252,24)+1)/SUM(INDEX($D$3:$AA$30,INDEX(Jesper!$R$2:$R$366,ROW(INDEX(Jesper!AH$2:AH$366,ROUNDDOWN($C8252/24,0)+1,1))-1)+IF('Standard Profiles'!$G$18=$B$10,7,0)+IF('Standard Profiles'!$G$18=$B$17,14,0)+IF('Standard Profiles'!$G$18=$B$24,21,0),0)),0)</f>
        <v>0</v>
      </c>
      <c r="E8252" cm="1">
        <f t="array" ref="E8252">IFERROR(INDEX(Jesper!AI$2:AI$366,ROUNDDOWN($C8252/24,0)+1,1)*INDEX($D$3:$AA$30,INDEX(Jesper!$R$2:$R$366,ROW(INDEX(Jesper!AI$2:AI$366,ROUNDDOWN($C8252/24,0)+1,1))-1)+IF('Standard Profiles'!$G$19=$B$10,7,0)+IF('Standard Profiles'!$G$19=$B$17,14,0)+IF('Standard Profiles'!$G$19=$B$24,21,0),MOD($C8252,24)+1)/SUM(INDEX($D$3:$AA$30,INDEX(Jesper!$R$2:$R$366,ROW(INDEX(Jesper!AI$2:AI$366,ROUNDDOWN($C8252/24,0)+1,1))-1)+IF('Standard Profiles'!$G$19=$B$10,7,0)+IF('Standard Profiles'!$G$19=$B$17,14,0)+IF('Standard Profiles'!$G$19=$B$24,21,0),0)),0)</f>
        <v>5.7885967403350413</v>
      </c>
      <c r="F8252" cm="1">
        <f t="array" ref="F8252">IFERROR(INDEX(Jesper!AJ$2:AJ$366,ROUNDDOWN($C8252/24,0)+1,1)*INDEX($D$3:$AA$30,INDEX(Jesper!$R$2:$R$366,ROW(INDEX(Jesper!AJ$2:AJ$366,ROUNDDOWN($C8252/24,0)+1,1))-1)+IF('Standard Profiles'!$G$20=$B$10,7,0)+IF('Standard Profiles'!$G$20=$B$17,14,0)+IF('Standard Profiles'!$G$20=$B$24,21,0),MOD($C8252,24)+1)/SUM(INDEX($D$3:$AA$30,INDEX(Jesper!$R$2:$R$366,ROW(INDEX(Jesper!AJ$2:AJ$366,ROUNDDOWN($C8252/24,0)+1,1))-1)+IF('Standard Profiles'!$G$20=$B$10,7,0)+IF('Standard Profiles'!$G$20=$B$17,14,0)+IF('Standard Profiles'!$G$20=$B$24,21,0),0)),0)</f>
        <v>5.2019433097720924</v>
      </c>
      <c r="G8252" cm="1">
        <f t="array" ref="G8252">IFERROR(INDEX(Jesper!AK$2:AK$366,ROUNDDOWN($C8252/24,0)+1,1)*INDEX($D$3:$AA$30,INDEX(Jesper!$R$2:$R$366,ROW(INDEX(Jesper!AK$2:AK$366,ROUNDDOWN($C8252/24,0)+1,1))-1)+IF('Standard Profiles'!$G$21=$B$10,7,0)+IF('Standard Profiles'!$G$21=$B$17,14,0)+IF('Standard Profiles'!$G$21=$B$24,21,0),MOD($C8252,24)+1)/SUM(INDEX($D$3:$AA$30,INDEX(Jesper!$R$2:$R$366,ROW(INDEX(Jesper!AK$2:AK$366,ROUNDDOWN($C8252/24,0)+1,1))-1)+IF('Standard Profiles'!$G$21=$B$10,7,0)+IF('Standard Profiles'!$G$21=$B$17,14,0)+IF('Standard Profiles'!$G$21=$B$24,21,0),0)),0)</f>
        <v>9.1159641434937004</v>
      </c>
      <c r="H8252" cm="1">
        <f t="array" ref="H8252">IFERROR(INDEX(Jesper!AL$2:AL$366,ROUNDDOWN($C8252/24,0)+1,1)*INDEX($D$3:$AA$30,INDEX(Jesper!$R$2:$R$366,ROW(INDEX(Jesper!AL$2:AL$366,ROUNDDOWN($C8252/24,0)+1,1))-1)+IF('Standard Profiles'!$G$22=$B$10,7,0)+IF('Standard Profiles'!$G$22=$B$17,14,0)+IF('Standard Profiles'!$G$22=$B$24,21,0),MOD($C8252,24)+1)/SUM(INDEX($D$3:$AA$30,INDEX(Jesper!$R$2:$R$366,ROW(INDEX(Jesper!AL$2:AL$366,ROUNDDOWN($C8252/24,0)+1,1))-1)+IF('Standard Profiles'!$G$22=$B$10,7,0)+IF('Standard Profiles'!$G$22=$B$17,14,0)+IF('Standard Profiles'!$G$22=$B$24,21,0),0)),0)</f>
        <v>9.1757115519555086</v>
      </c>
      <c r="I8252">
        <f t="shared" si="916"/>
        <v>8.8086830898772934</v>
      </c>
      <c r="J8252">
        <f t="shared" si="917"/>
        <v>19.778901046838847</v>
      </c>
      <c r="K8252">
        <f t="shared" si="918"/>
        <v>0.4630877392268033</v>
      </c>
      <c r="L8252">
        <f t="shared" si="919"/>
        <v>0.23154386961340165</v>
      </c>
      <c r="M8252">
        <f t="shared" si="920"/>
        <v>0</v>
      </c>
      <c r="N8252" s="45">
        <f t="shared" si="921"/>
        <v>45269.416666646735</v>
      </c>
    </row>
    <row r="8253" spans="2:14" x14ac:dyDescent="0.25">
      <c r="B8253">
        <f t="shared" si="915"/>
        <v>6</v>
      </c>
      <c r="C8253" s="16">
        <v>8219</v>
      </c>
      <c r="D8253" cm="1">
        <f t="array" ref="D8253">IFERROR(INDEX(Jesper!AH$2:AH$366,ROUNDDOWN($C8253/24,0)+1,1)*INDEX($D$3:$AA$30,INDEX(Jesper!$R$2:$R$366,ROW(INDEX(Jesper!AH$2:AH$366,ROUNDDOWN($C8253/24,0)+1,1))-1)+IF('Standard Profiles'!$G$18=$B$10,7,0)+IF('Standard Profiles'!$G$18=$B$17,14,0)+IF('Standard Profiles'!$G$18=$B$24,21,0),MOD($C8253,24)+1)/SUM(INDEX($D$3:$AA$30,INDEX(Jesper!$R$2:$R$366,ROW(INDEX(Jesper!AH$2:AH$366,ROUNDDOWN($C8253/24,0)+1,1))-1)+IF('Standard Profiles'!$G$18=$B$10,7,0)+IF('Standard Profiles'!$G$18=$B$17,14,0)+IF('Standard Profiles'!$G$18=$B$24,21,0),0)),0)</f>
        <v>0</v>
      </c>
      <c r="E8253" cm="1">
        <f t="array" ref="E8253">IFERROR(INDEX(Jesper!AI$2:AI$366,ROUNDDOWN($C8253/24,0)+1,1)*INDEX($D$3:$AA$30,INDEX(Jesper!$R$2:$R$366,ROW(INDEX(Jesper!AI$2:AI$366,ROUNDDOWN($C8253/24,0)+1,1))-1)+IF('Standard Profiles'!$G$19=$B$10,7,0)+IF('Standard Profiles'!$G$19=$B$17,14,0)+IF('Standard Profiles'!$G$19=$B$24,21,0),MOD($C8253,24)+1)/SUM(INDEX($D$3:$AA$30,INDEX(Jesper!$R$2:$R$366,ROW(INDEX(Jesper!AI$2:AI$366,ROUNDDOWN($C8253/24,0)+1,1))-1)+IF('Standard Profiles'!$G$19=$B$10,7,0)+IF('Standard Profiles'!$G$19=$B$17,14,0)+IF('Standard Profiles'!$G$19=$B$24,21,0),0)),0)</f>
        <v>5.7885967403350413</v>
      </c>
      <c r="F8253" cm="1">
        <f t="array" ref="F8253">IFERROR(INDEX(Jesper!AJ$2:AJ$366,ROUNDDOWN($C8253/24,0)+1,1)*INDEX($D$3:$AA$30,INDEX(Jesper!$R$2:$R$366,ROW(INDEX(Jesper!AJ$2:AJ$366,ROUNDDOWN($C8253/24,0)+1,1))-1)+IF('Standard Profiles'!$G$20=$B$10,7,0)+IF('Standard Profiles'!$G$20=$B$17,14,0)+IF('Standard Profiles'!$G$20=$B$24,21,0),MOD($C8253,24)+1)/SUM(INDEX($D$3:$AA$30,INDEX(Jesper!$R$2:$R$366,ROW(INDEX(Jesper!AJ$2:AJ$366,ROUNDDOWN($C8253/24,0)+1,1))-1)+IF('Standard Profiles'!$G$20=$B$10,7,0)+IF('Standard Profiles'!$G$20=$B$17,14,0)+IF('Standard Profiles'!$G$20=$B$24,21,0),0)),0)</f>
        <v>5.2019433097720924</v>
      </c>
      <c r="G8253" cm="1">
        <f t="array" ref="G8253">IFERROR(INDEX(Jesper!AK$2:AK$366,ROUNDDOWN($C8253/24,0)+1,1)*INDEX($D$3:$AA$30,INDEX(Jesper!$R$2:$R$366,ROW(INDEX(Jesper!AK$2:AK$366,ROUNDDOWN($C8253/24,0)+1,1))-1)+IF('Standard Profiles'!$G$21=$B$10,7,0)+IF('Standard Profiles'!$G$21=$B$17,14,0)+IF('Standard Profiles'!$G$21=$B$24,21,0),MOD($C8253,24)+1)/SUM(INDEX($D$3:$AA$30,INDEX(Jesper!$R$2:$R$366,ROW(INDEX(Jesper!AK$2:AK$366,ROUNDDOWN($C8253/24,0)+1,1))-1)+IF('Standard Profiles'!$G$21=$B$10,7,0)+IF('Standard Profiles'!$G$21=$B$17,14,0)+IF('Standard Profiles'!$G$21=$B$24,21,0),0)),0)</f>
        <v>9.1159641434937004</v>
      </c>
      <c r="H8253" cm="1">
        <f t="array" ref="H8253">IFERROR(INDEX(Jesper!AL$2:AL$366,ROUNDDOWN($C8253/24,0)+1,1)*INDEX($D$3:$AA$30,INDEX(Jesper!$R$2:$R$366,ROW(INDEX(Jesper!AL$2:AL$366,ROUNDDOWN($C8253/24,0)+1,1))-1)+IF('Standard Profiles'!$G$22=$B$10,7,0)+IF('Standard Profiles'!$G$22=$B$17,14,0)+IF('Standard Profiles'!$G$22=$B$24,21,0),MOD($C8253,24)+1)/SUM(INDEX($D$3:$AA$30,INDEX(Jesper!$R$2:$R$366,ROW(INDEX(Jesper!AL$2:AL$366,ROUNDDOWN($C8253/24,0)+1,1))-1)+IF('Standard Profiles'!$G$22=$B$10,7,0)+IF('Standard Profiles'!$G$22=$B$17,14,0)+IF('Standard Profiles'!$G$22=$B$24,21,0),0)),0)</f>
        <v>9.1757115519555086</v>
      </c>
      <c r="I8253">
        <f t="shared" si="916"/>
        <v>8.8086830898772934</v>
      </c>
      <c r="J8253">
        <f t="shared" si="917"/>
        <v>19.778901046838847</v>
      </c>
      <c r="K8253">
        <f t="shared" si="918"/>
        <v>0.4630877392268033</v>
      </c>
      <c r="L8253">
        <f t="shared" si="919"/>
        <v>0.23154386961340165</v>
      </c>
      <c r="M8253">
        <f t="shared" si="920"/>
        <v>0</v>
      </c>
      <c r="N8253" s="45">
        <f t="shared" si="921"/>
        <v>45269.4583333134</v>
      </c>
    </row>
    <row r="8254" spans="2:14" x14ac:dyDescent="0.25">
      <c r="B8254">
        <f t="shared" si="915"/>
        <v>6</v>
      </c>
      <c r="C8254" s="16">
        <v>8220</v>
      </c>
      <c r="D8254" cm="1">
        <f t="array" ref="D8254">IFERROR(INDEX(Jesper!AH$2:AH$366,ROUNDDOWN($C8254/24,0)+1,1)*INDEX($D$3:$AA$30,INDEX(Jesper!$R$2:$R$366,ROW(INDEX(Jesper!AH$2:AH$366,ROUNDDOWN($C8254/24,0)+1,1))-1)+IF('Standard Profiles'!$G$18=$B$10,7,0)+IF('Standard Profiles'!$G$18=$B$17,14,0)+IF('Standard Profiles'!$G$18=$B$24,21,0),MOD($C8254,24)+1)/SUM(INDEX($D$3:$AA$30,INDEX(Jesper!$R$2:$R$366,ROW(INDEX(Jesper!AH$2:AH$366,ROUNDDOWN($C8254/24,0)+1,1))-1)+IF('Standard Profiles'!$G$18=$B$10,7,0)+IF('Standard Profiles'!$G$18=$B$17,14,0)+IF('Standard Profiles'!$G$18=$B$24,21,0),0)),0)</f>
        <v>0</v>
      </c>
      <c r="E8254" cm="1">
        <f t="array" ref="E8254">IFERROR(INDEX(Jesper!AI$2:AI$366,ROUNDDOWN($C8254/24,0)+1,1)*INDEX($D$3:$AA$30,INDEX(Jesper!$R$2:$R$366,ROW(INDEX(Jesper!AI$2:AI$366,ROUNDDOWN($C8254/24,0)+1,1))-1)+IF('Standard Profiles'!$G$19=$B$10,7,0)+IF('Standard Profiles'!$G$19=$B$17,14,0)+IF('Standard Profiles'!$G$19=$B$24,21,0),MOD($C8254,24)+1)/SUM(INDEX($D$3:$AA$30,INDEX(Jesper!$R$2:$R$366,ROW(INDEX(Jesper!AI$2:AI$366,ROUNDDOWN($C8254/24,0)+1,1))-1)+IF('Standard Profiles'!$G$19=$B$10,7,0)+IF('Standard Profiles'!$G$19=$B$17,14,0)+IF('Standard Profiles'!$G$19=$B$24,21,0),0)),0)</f>
        <v>5.7885967403350413</v>
      </c>
      <c r="F8254" cm="1">
        <f t="array" ref="F8254">IFERROR(INDEX(Jesper!AJ$2:AJ$366,ROUNDDOWN($C8254/24,0)+1,1)*INDEX($D$3:$AA$30,INDEX(Jesper!$R$2:$R$366,ROW(INDEX(Jesper!AJ$2:AJ$366,ROUNDDOWN($C8254/24,0)+1,1))-1)+IF('Standard Profiles'!$G$20=$B$10,7,0)+IF('Standard Profiles'!$G$20=$B$17,14,0)+IF('Standard Profiles'!$G$20=$B$24,21,0),MOD($C8254,24)+1)/SUM(INDEX($D$3:$AA$30,INDEX(Jesper!$R$2:$R$366,ROW(INDEX(Jesper!AJ$2:AJ$366,ROUNDDOWN($C8254/24,0)+1,1))-1)+IF('Standard Profiles'!$G$20=$B$10,7,0)+IF('Standard Profiles'!$G$20=$B$17,14,0)+IF('Standard Profiles'!$G$20=$B$24,21,0),0)),0)</f>
        <v>5.2019433097720924</v>
      </c>
      <c r="G8254" cm="1">
        <f t="array" ref="G8254">IFERROR(INDEX(Jesper!AK$2:AK$366,ROUNDDOWN($C8254/24,0)+1,1)*INDEX($D$3:$AA$30,INDEX(Jesper!$R$2:$R$366,ROW(INDEX(Jesper!AK$2:AK$366,ROUNDDOWN($C8254/24,0)+1,1))-1)+IF('Standard Profiles'!$G$21=$B$10,7,0)+IF('Standard Profiles'!$G$21=$B$17,14,0)+IF('Standard Profiles'!$G$21=$B$24,21,0),MOD($C8254,24)+1)/SUM(INDEX($D$3:$AA$30,INDEX(Jesper!$R$2:$R$366,ROW(INDEX(Jesper!AK$2:AK$366,ROUNDDOWN($C8254/24,0)+1,1))-1)+IF('Standard Profiles'!$G$21=$B$10,7,0)+IF('Standard Profiles'!$G$21=$B$17,14,0)+IF('Standard Profiles'!$G$21=$B$24,21,0),0)),0)</f>
        <v>9.1159641434937004</v>
      </c>
      <c r="H8254" cm="1">
        <f t="array" ref="H8254">IFERROR(INDEX(Jesper!AL$2:AL$366,ROUNDDOWN($C8254/24,0)+1,1)*INDEX($D$3:$AA$30,INDEX(Jesper!$R$2:$R$366,ROW(INDEX(Jesper!AL$2:AL$366,ROUNDDOWN($C8254/24,0)+1,1))-1)+IF('Standard Profiles'!$G$22=$B$10,7,0)+IF('Standard Profiles'!$G$22=$B$17,14,0)+IF('Standard Profiles'!$G$22=$B$24,21,0),MOD($C8254,24)+1)/SUM(INDEX($D$3:$AA$30,INDEX(Jesper!$R$2:$R$366,ROW(INDEX(Jesper!AL$2:AL$366,ROUNDDOWN($C8254/24,0)+1,1))-1)+IF('Standard Profiles'!$G$22=$B$10,7,0)+IF('Standard Profiles'!$G$22=$B$17,14,0)+IF('Standard Profiles'!$G$22=$B$24,21,0),0)),0)</f>
        <v>9.1757115519555086</v>
      </c>
      <c r="I8254">
        <f t="shared" si="916"/>
        <v>8.8086830898772934</v>
      </c>
      <c r="J8254">
        <f t="shared" si="917"/>
        <v>19.778901046838847</v>
      </c>
      <c r="K8254">
        <f t="shared" si="918"/>
        <v>0.4630877392268033</v>
      </c>
      <c r="L8254">
        <f t="shared" si="919"/>
        <v>0.23154386961340165</v>
      </c>
      <c r="M8254">
        <f t="shared" si="920"/>
        <v>0</v>
      </c>
      <c r="N8254" s="45">
        <f t="shared" si="921"/>
        <v>45269.499999980064</v>
      </c>
    </row>
    <row r="8255" spans="2:14" x14ac:dyDescent="0.25">
      <c r="B8255">
        <f t="shared" si="915"/>
        <v>6</v>
      </c>
      <c r="C8255" s="16">
        <v>8221</v>
      </c>
      <c r="D8255" cm="1">
        <f t="array" ref="D8255">IFERROR(INDEX(Jesper!AH$2:AH$366,ROUNDDOWN($C8255/24,0)+1,1)*INDEX($D$3:$AA$30,INDEX(Jesper!$R$2:$R$366,ROW(INDEX(Jesper!AH$2:AH$366,ROUNDDOWN($C8255/24,0)+1,1))-1)+IF('Standard Profiles'!$G$18=$B$10,7,0)+IF('Standard Profiles'!$G$18=$B$17,14,0)+IF('Standard Profiles'!$G$18=$B$24,21,0),MOD($C8255,24)+1)/SUM(INDEX($D$3:$AA$30,INDEX(Jesper!$R$2:$R$366,ROW(INDEX(Jesper!AH$2:AH$366,ROUNDDOWN($C8255/24,0)+1,1))-1)+IF('Standard Profiles'!$G$18=$B$10,7,0)+IF('Standard Profiles'!$G$18=$B$17,14,0)+IF('Standard Profiles'!$G$18=$B$24,21,0),0)),0)</f>
        <v>0</v>
      </c>
      <c r="E8255" cm="1">
        <f t="array" ref="E8255">IFERROR(INDEX(Jesper!AI$2:AI$366,ROUNDDOWN($C8255/24,0)+1,1)*INDEX($D$3:$AA$30,INDEX(Jesper!$R$2:$R$366,ROW(INDEX(Jesper!AI$2:AI$366,ROUNDDOWN($C8255/24,0)+1,1))-1)+IF('Standard Profiles'!$G$19=$B$10,7,0)+IF('Standard Profiles'!$G$19=$B$17,14,0)+IF('Standard Profiles'!$G$19=$B$24,21,0),MOD($C8255,24)+1)/SUM(INDEX($D$3:$AA$30,INDEX(Jesper!$R$2:$R$366,ROW(INDEX(Jesper!AI$2:AI$366,ROUNDDOWN($C8255/24,0)+1,1))-1)+IF('Standard Profiles'!$G$19=$B$10,7,0)+IF('Standard Profiles'!$G$19=$B$17,14,0)+IF('Standard Profiles'!$G$19=$B$24,21,0),0)),0)</f>
        <v>5.7885967403350413</v>
      </c>
      <c r="F8255" cm="1">
        <f t="array" ref="F8255">IFERROR(INDEX(Jesper!AJ$2:AJ$366,ROUNDDOWN($C8255/24,0)+1,1)*INDEX($D$3:$AA$30,INDEX(Jesper!$R$2:$R$366,ROW(INDEX(Jesper!AJ$2:AJ$366,ROUNDDOWN($C8255/24,0)+1,1))-1)+IF('Standard Profiles'!$G$20=$B$10,7,0)+IF('Standard Profiles'!$G$20=$B$17,14,0)+IF('Standard Profiles'!$G$20=$B$24,21,0),MOD($C8255,24)+1)/SUM(INDEX($D$3:$AA$30,INDEX(Jesper!$R$2:$R$366,ROW(INDEX(Jesper!AJ$2:AJ$366,ROUNDDOWN($C8255/24,0)+1,1))-1)+IF('Standard Profiles'!$G$20=$B$10,7,0)+IF('Standard Profiles'!$G$20=$B$17,14,0)+IF('Standard Profiles'!$G$20=$B$24,21,0),0)),0)</f>
        <v>5.2019433097720924</v>
      </c>
      <c r="G8255" cm="1">
        <f t="array" ref="G8255">IFERROR(INDEX(Jesper!AK$2:AK$366,ROUNDDOWN($C8255/24,0)+1,1)*INDEX($D$3:$AA$30,INDEX(Jesper!$R$2:$R$366,ROW(INDEX(Jesper!AK$2:AK$366,ROUNDDOWN($C8255/24,0)+1,1))-1)+IF('Standard Profiles'!$G$21=$B$10,7,0)+IF('Standard Profiles'!$G$21=$B$17,14,0)+IF('Standard Profiles'!$G$21=$B$24,21,0),MOD($C8255,24)+1)/SUM(INDEX($D$3:$AA$30,INDEX(Jesper!$R$2:$R$366,ROW(INDEX(Jesper!AK$2:AK$366,ROUNDDOWN($C8255/24,0)+1,1))-1)+IF('Standard Profiles'!$G$21=$B$10,7,0)+IF('Standard Profiles'!$G$21=$B$17,14,0)+IF('Standard Profiles'!$G$21=$B$24,21,0),0)),0)</f>
        <v>9.1159641434937004</v>
      </c>
      <c r="H8255" cm="1">
        <f t="array" ref="H8255">IFERROR(INDEX(Jesper!AL$2:AL$366,ROUNDDOWN($C8255/24,0)+1,1)*INDEX($D$3:$AA$30,INDEX(Jesper!$R$2:$R$366,ROW(INDEX(Jesper!AL$2:AL$366,ROUNDDOWN($C8255/24,0)+1,1))-1)+IF('Standard Profiles'!$G$22=$B$10,7,0)+IF('Standard Profiles'!$G$22=$B$17,14,0)+IF('Standard Profiles'!$G$22=$B$24,21,0),MOD($C8255,24)+1)/SUM(INDEX($D$3:$AA$30,INDEX(Jesper!$R$2:$R$366,ROW(INDEX(Jesper!AL$2:AL$366,ROUNDDOWN($C8255/24,0)+1,1))-1)+IF('Standard Profiles'!$G$22=$B$10,7,0)+IF('Standard Profiles'!$G$22=$B$17,14,0)+IF('Standard Profiles'!$G$22=$B$24,21,0),0)),0)</f>
        <v>9.1757115519555086</v>
      </c>
      <c r="I8255">
        <f t="shared" si="916"/>
        <v>8.8086830898772934</v>
      </c>
      <c r="J8255">
        <f t="shared" si="917"/>
        <v>19.778901046838847</v>
      </c>
      <c r="K8255">
        <f t="shared" si="918"/>
        <v>0.4630877392268033</v>
      </c>
      <c r="L8255">
        <f t="shared" si="919"/>
        <v>0.23154386961340165</v>
      </c>
      <c r="M8255">
        <f t="shared" si="920"/>
        <v>0</v>
      </c>
      <c r="N8255" s="45">
        <f t="shared" si="921"/>
        <v>45269.541666646728</v>
      </c>
    </row>
    <row r="8256" spans="2:14" x14ac:dyDescent="0.25">
      <c r="B8256">
        <f t="shared" si="915"/>
        <v>6</v>
      </c>
      <c r="C8256" s="16">
        <v>8222</v>
      </c>
      <c r="D8256" cm="1">
        <f t="array" ref="D8256">IFERROR(INDEX(Jesper!AH$2:AH$366,ROUNDDOWN($C8256/24,0)+1,1)*INDEX($D$3:$AA$30,INDEX(Jesper!$R$2:$R$366,ROW(INDEX(Jesper!AH$2:AH$366,ROUNDDOWN($C8256/24,0)+1,1))-1)+IF('Standard Profiles'!$G$18=$B$10,7,0)+IF('Standard Profiles'!$G$18=$B$17,14,0)+IF('Standard Profiles'!$G$18=$B$24,21,0),MOD($C8256,24)+1)/SUM(INDEX($D$3:$AA$30,INDEX(Jesper!$R$2:$R$366,ROW(INDEX(Jesper!AH$2:AH$366,ROUNDDOWN($C8256/24,0)+1,1))-1)+IF('Standard Profiles'!$G$18=$B$10,7,0)+IF('Standard Profiles'!$G$18=$B$17,14,0)+IF('Standard Profiles'!$G$18=$B$24,21,0),0)),0)</f>
        <v>0</v>
      </c>
      <c r="E8256" cm="1">
        <f t="array" ref="E8256">IFERROR(INDEX(Jesper!AI$2:AI$366,ROUNDDOWN($C8256/24,0)+1,1)*INDEX($D$3:$AA$30,INDEX(Jesper!$R$2:$R$366,ROW(INDEX(Jesper!AI$2:AI$366,ROUNDDOWN($C8256/24,0)+1,1))-1)+IF('Standard Profiles'!$G$19=$B$10,7,0)+IF('Standard Profiles'!$G$19=$B$17,14,0)+IF('Standard Profiles'!$G$19=$B$24,21,0),MOD($C8256,24)+1)/SUM(INDEX($D$3:$AA$30,INDEX(Jesper!$R$2:$R$366,ROW(INDEX(Jesper!AI$2:AI$366,ROUNDDOWN($C8256/24,0)+1,1))-1)+IF('Standard Profiles'!$G$19=$B$10,7,0)+IF('Standard Profiles'!$G$19=$B$17,14,0)+IF('Standard Profiles'!$G$19=$B$24,21,0),0)),0)</f>
        <v>5.7885967403350413</v>
      </c>
      <c r="F8256" cm="1">
        <f t="array" ref="F8256">IFERROR(INDEX(Jesper!AJ$2:AJ$366,ROUNDDOWN($C8256/24,0)+1,1)*INDEX($D$3:$AA$30,INDEX(Jesper!$R$2:$R$366,ROW(INDEX(Jesper!AJ$2:AJ$366,ROUNDDOWN($C8256/24,0)+1,1))-1)+IF('Standard Profiles'!$G$20=$B$10,7,0)+IF('Standard Profiles'!$G$20=$B$17,14,0)+IF('Standard Profiles'!$G$20=$B$24,21,0),MOD($C8256,24)+1)/SUM(INDEX($D$3:$AA$30,INDEX(Jesper!$R$2:$R$366,ROW(INDEX(Jesper!AJ$2:AJ$366,ROUNDDOWN($C8256/24,0)+1,1))-1)+IF('Standard Profiles'!$G$20=$B$10,7,0)+IF('Standard Profiles'!$G$20=$B$17,14,0)+IF('Standard Profiles'!$G$20=$B$24,21,0),0)),0)</f>
        <v>5.2019433097720924</v>
      </c>
      <c r="G8256" cm="1">
        <f t="array" ref="G8256">IFERROR(INDEX(Jesper!AK$2:AK$366,ROUNDDOWN($C8256/24,0)+1,1)*INDEX($D$3:$AA$30,INDEX(Jesper!$R$2:$R$366,ROW(INDEX(Jesper!AK$2:AK$366,ROUNDDOWN($C8256/24,0)+1,1))-1)+IF('Standard Profiles'!$G$21=$B$10,7,0)+IF('Standard Profiles'!$G$21=$B$17,14,0)+IF('Standard Profiles'!$G$21=$B$24,21,0),MOD($C8256,24)+1)/SUM(INDEX($D$3:$AA$30,INDEX(Jesper!$R$2:$R$366,ROW(INDEX(Jesper!AK$2:AK$366,ROUNDDOWN($C8256/24,0)+1,1))-1)+IF('Standard Profiles'!$G$21=$B$10,7,0)+IF('Standard Profiles'!$G$21=$B$17,14,0)+IF('Standard Profiles'!$G$21=$B$24,21,0),0)),0)</f>
        <v>9.1159641434937004</v>
      </c>
      <c r="H8256" cm="1">
        <f t="array" ref="H8256">IFERROR(INDEX(Jesper!AL$2:AL$366,ROUNDDOWN($C8256/24,0)+1,1)*INDEX($D$3:$AA$30,INDEX(Jesper!$R$2:$R$366,ROW(INDEX(Jesper!AL$2:AL$366,ROUNDDOWN($C8256/24,0)+1,1))-1)+IF('Standard Profiles'!$G$22=$B$10,7,0)+IF('Standard Profiles'!$G$22=$B$17,14,0)+IF('Standard Profiles'!$G$22=$B$24,21,0),MOD($C8256,24)+1)/SUM(INDEX($D$3:$AA$30,INDEX(Jesper!$R$2:$R$366,ROW(INDEX(Jesper!AL$2:AL$366,ROUNDDOWN($C8256/24,0)+1,1))-1)+IF('Standard Profiles'!$G$22=$B$10,7,0)+IF('Standard Profiles'!$G$22=$B$17,14,0)+IF('Standard Profiles'!$G$22=$B$24,21,0),0)),0)</f>
        <v>9.1757115519555086</v>
      </c>
      <c r="I8256">
        <f t="shared" si="916"/>
        <v>8.8086830898772934</v>
      </c>
      <c r="J8256">
        <f t="shared" si="917"/>
        <v>19.778901046838847</v>
      </c>
      <c r="K8256">
        <f t="shared" si="918"/>
        <v>0.4630877392268033</v>
      </c>
      <c r="L8256">
        <f t="shared" si="919"/>
        <v>0.23154386961340165</v>
      </c>
      <c r="M8256">
        <f t="shared" si="920"/>
        <v>0</v>
      </c>
      <c r="N8256" s="45">
        <f t="shared" si="921"/>
        <v>45269.583333313392</v>
      </c>
    </row>
    <row r="8257" spans="2:14" x14ac:dyDescent="0.25">
      <c r="B8257">
        <f t="shared" si="915"/>
        <v>6</v>
      </c>
      <c r="C8257" s="16">
        <v>8223</v>
      </c>
      <c r="D8257" cm="1">
        <f t="array" ref="D8257">IFERROR(INDEX(Jesper!AH$2:AH$366,ROUNDDOWN($C8257/24,0)+1,1)*INDEX($D$3:$AA$30,INDEX(Jesper!$R$2:$R$366,ROW(INDEX(Jesper!AH$2:AH$366,ROUNDDOWN($C8257/24,0)+1,1))-1)+IF('Standard Profiles'!$G$18=$B$10,7,0)+IF('Standard Profiles'!$G$18=$B$17,14,0)+IF('Standard Profiles'!$G$18=$B$24,21,0),MOD($C8257,24)+1)/SUM(INDEX($D$3:$AA$30,INDEX(Jesper!$R$2:$R$366,ROW(INDEX(Jesper!AH$2:AH$366,ROUNDDOWN($C8257/24,0)+1,1))-1)+IF('Standard Profiles'!$G$18=$B$10,7,0)+IF('Standard Profiles'!$G$18=$B$17,14,0)+IF('Standard Profiles'!$G$18=$B$24,21,0),0)),0)</f>
        <v>0</v>
      </c>
      <c r="E8257" cm="1">
        <f t="array" ref="E8257">IFERROR(INDEX(Jesper!AI$2:AI$366,ROUNDDOWN($C8257/24,0)+1,1)*INDEX($D$3:$AA$30,INDEX(Jesper!$R$2:$R$366,ROW(INDEX(Jesper!AI$2:AI$366,ROUNDDOWN($C8257/24,0)+1,1))-1)+IF('Standard Profiles'!$G$19=$B$10,7,0)+IF('Standard Profiles'!$G$19=$B$17,14,0)+IF('Standard Profiles'!$G$19=$B$24,21,0),MOD($C8257,24)+1)/SUM(INDEX($D$3:$AA$30,INDEX(Jesper!$R$2:$R$366,ROW(INDEX(Jesper!AI$2:AI$366,ROUNDDOWN($C8257/24,0)+1,1))-1)+IF('Standard Profiles'!$G$19=$B$10,7,0)+IF('Standard Profiles'!$G$19=$B$17,14,0)+IF('Standard Profiles'!$G$19=$B$24,21,0),0)),0)</f>
        <v>5.7885967403350413</v>
      </c>
      <c r="F8257" cm="1">
        <f t="array" ref="F8257">IFERROR(INDEX(Jesper!AJ$2:AJ$366,ROUNDDOWN($C8257/24,0)+1,1)*INDEX($D$3:$AA$30,INDEX(Jesper!$R$2:$R$366,ROW(INDEX(Jesper!AJ$2:AJ$366,ROUNDDOWN($C8257/24,0)+1,1))-1)+IF('Standard Profiles'!$G$20=$B$10,7,0)+IF('Standard Profiles'!$G$20=$B$17,14,0)+IF('Standard Profiles'!$G$20=$B$24,21,0),MOD($C8257,24)+1)/SUM(INDEX($D$3:$AA$30,INDEX(Jesper!$R$2:$R$366,ROW(INDEX(Jesper!AJ$2:AJ$366,ROUNDDOWN($C8257/24,0)+1,1))-1)+IF('Standard Profiles'!$G$20=$B$10,7,0)+IF('Standard Profiles'!$G$20=$B$17,14,0)+IF('Standard Profiles'!$G$20=$B$24,21,0),0)),0)</f>
        <v>5.2019433097720924</v>
      </c>
      <c r="G8257" cm="1">
        <f t="array" ref="G8257">IFERROR(INDEX(Jesper!AK$2:AK$366,ROUNDDOWN($C8257/24,0)+1,1)*INDEX($D$3:$AA$30,INDEX(Jesper!$R$2:$R$366,ROW(INDEX(Jesper!AK$2:AK$366,ROUNDDOWN($C8257/24,0)+1,1))-1)+IF('Standard Profiles'!$G$21=$B$10,7,0)+IF('Standard Profiles'!$G$21=$B$17,14,0)+IF('Standard Profiles'!$G$21=$B$24,21,0),MOD($C8257,24)+1)/SUM(INDEX($D$3:$AA$30,INDEX(Jesper!$R$2:$R$366,ROW(INDEX(Jesper!AK$2:AK$366,ROUNDDOWN($C8257/24,0)+1,1))-1)+IF('Standard Profiles'!$G$21=$B$10,7,0)+IF('Standard Profiles'!$G$21=$B$17,14,0)+IF('Standard Profiles'!$G$21=$B$24,21,0),0)),0)</f>
        <v>9.1159641434937004</v>
      </c>
      <c r="H8257" cm="1">
        <f t="array" ref="H8257">IFERROR(INDEX(Jesper!AL$2:AL$366,ROUNDDOWN($C8257/24,0)+1,1)*INDEX($D$3:$AA$30,INDEX(Jesper!$R$2:$R$366,ROW(INDEX(Jesper!AL$2:AL$366,ROUNDDOWN($C8257/24,0)+1,1))-1)+IF('Standard Profiles'!$G$22=$B$10,7,0)+IF('Standard Profiles'!$G$22=$B$17,14,0)+IF('Standard Profiles'!$G$22=$B$24,21,0),MOD($C8257,24)+1)/SUM(INDEX($D$3:$AA$30,INDEX(Jesper!$R$2:$R$366,ROW(INDEX(Jesper!AL$2:AL$366,ROUNDDOWN($C8257/24,0)+1,1))-1)+IF('Standard Profiles'!$G$22=$B$10,7,0)+IF('Standard Profiles'!$G$22=$B$17,14,0)+IF('Standard Profiles'!$G$22=$B$24,21,0),0)),0)</f>
        <v>8.2958488003981294</v>
      </c>
      <c r="I8257">
        <f t="shared" si="916"/>
        <v>7.9640148483822086</v>
      </c>
      <c r="J8257">
        <f t="shared" si="917"/>
        <v>19.74370653677655</v>
      </c>
      <c r="K8257">
        <f t="shared" si="918"/>
        <v>0.4630877392268033</v>
      </c>
      <c r="L8257">
        <f t="shared" si="919"/>
        <v>0.23154386961340165</v>
      </c>
      <c r="M8257">
        <f t="shared" si="920"/>
        <v>0</v>
      </c>
      <c r="N8257" s="45">
        <f t="shared" si="921"/>
        <v>45269.624999980057</v>
      </c>
    </row>
    <row r="8258" spans="2:14" x14ac:dyDescent="0.25">
      <c r="B8258">
        <f t="shared" si="915"/>
        <v>6</v>
      </c>
      <c r="C8258" s="16">
        <v>8224</v>
      </c>
      <c r="D8258" cm="1">
        <f t="array" ref="D8258">IFERROR(INDEX(Jesper!AH$2:AH$366,ROUNDDOWN($C8258/24,0)+1,1)*INDEX($D$3:$AA$30,INDEX(Jesper!$R$2:$R$366,ROW(INDEX(Jesper!AH$2:AH$366,ROUNDDOWN($C8258/24,0)+1,1))-1)+IF('Standard Profiles'!$G$18=$B$10,7,0)+IF('Standard Profiles'!$G$18=$B$17,14,0)+IF('Standard Profiles'!$G$18=$B$24,21,0),MOD($C8258,24)+1)/SUM(INDEX($D$3:$AA$30,INDEX(Jesper!$R$2:$R$366,ROW(INDEX(Jesper!AH$2:AH$366,ROUNDDOWN($C8258/24,0)+1,1))-1)+IF('Standard Profiles'!$G$18=$B$10,7,0)+IF('Standard Profiles'!$G$18=$B$17,14,0)+IF('Standard Profiles'!$G$18=$B$24,21,0),0)),0)</f>
        <v>0</v>
      </c>
      <c r="E8258" cm="1">
        <f t="array" ref="E8258">IFERROR(INDEX(Jesper!AI$2:AI$366,ROUNDDOWN($C8258/24,0)+1,1)*INDEX($D$3:$AA$30,INDEX(Jesper!$R$2:$R$366,ROW(INDEX(Jesper!AI$2:AI$366,ROUNDDOWN($C8258/24,0)+1,1))-1)+IF('Standard Profiles'!$G$19=$B$10,7,0)+IF('Standard Profiles'!$G$19=$B$17,14,0)+IF('Standard Profiles'!$G$19=$B$24,21,0),MOD($C8258,24)+1)/SUM(INDEX($D$3:$AA$30,INDEX(Jesper!$R$2:$R$366,ROW(INDEX(Jesper!AI$2:AI$366,ROUNDDOWN($C8258/24,0)+1,1))-1)+IF('Standard Profiles'!$G$19=$B$10,7,0)+IF('Standard Profiles'!$G$19=$B$17,14,0)+IF('Standard Profiles'!$G$19=$B$24,21,0),0)),0)</f>
        <v>5.7885967403350413</v>
      </c>
      <c r="F8258" cm="1">
        <f t="array" ref="F8258">IFERROR(INDEX(Jesper!AJ$2:AJ$366,ROUNDDOWN($C8258/24,0)+1,1)*INDEX($D$3:$AA$30,INDEX(Jesper!$R$2:$R$366,ROW(INDEX(Jesper!AJ$2:AJ$366,ROUNDDOWN($C8258/24,0)+1,1))-1)+IF('Standard Profiles'!$G$20=$B$10,7,0)+IF('Standard Profiles'!$G$20=$B$17,14,0)+IF('Standard Profiles'!$G$20=$B$24,21,0),MOD($C8258,24)+1)/SUM(INDEX($D$3:$AA$30,INDEX(Jesper!$R$2:$R$366,ROW(INDEX(Jesper!AJ$2:AJ$366,ROUNDDOWN($C8258/24,0)+1,1))-1)+IF('Standard Profiles'!$G$20=$B$10,7,0)+IF('Standard Profiles'!$G$20=$B$17,14,0)+IF('Standard Profiles'!$G$20=$B$24,21,0),0)),0)</f>
        <v>5.2019433097720924</v>
      </c>
      <c r="G8258" cm="1">
        <f t="array" ref="G8258">IFERROR(INDEX(Jesper!AK$2:AK$366,ROUNDDOWN($C8258/24,0)+1,1)*INDEX($D$3:$AA$30,INDEX(Jesper!$R$2:$R$366,ROW(INDEX(Jesper!AK$2:AK$366,ROUNDDOWN($C8258/24,0)+1,1))-1)+IF('Standard Profiles'!$G$21=$B$10,7,0)+IF('Standard Profiles'!$G$21=$B$17,14,0)+IF('Standard Profiles'!$G$21=$B$24,21,0),MOD($C8258,24)+1)/SUM(INDEX($D$3:$AA$30,INDEX(Jesper!$R$2:$R$366,ROW(INDEX(Jesper!AK$2:AK$366,ROUNDDOWN($C8258/24,0)+1,1))-1)+IF('Standard Profiles'!$G$21=$B$10,7,0)+IF('Standard Profiles'!$G$21=$B$17,14,0)+IF('Standard Profiles'!$G$21=$B$24,21,0),0)),0)</f>
        <v>9.1159641434937004</v>
      </c>
      <c r="H8258" cm="1">
        <f t="array" ref="H8258">IFERROR(INDEX(Jesper!AL$2:AL$366,ROUNDDOWN($C8258/24,0)+1,1)*INDEX($D$3:$AA$30,INDEX(Jesper!$R$2:$R$366,ROW(INDEX(Jesper!AL$2:AL$366,ROUNDDOWN($C8258/24,0)+1,1))-1)+IF('Standard Profiles'!$G$22=$B$10,7,0)+IF('Standard Profiles'!$G$22=$B$17,14,0)+IF('Standard Profiles'!$G$22=$B$24,21,0),MOD($C8258,24)+1)/SUM(INDEX($D$3:$AA$30,INDEX(Jesper!$R$2:$R$366,ROW(INDEX(Jesper!AL$2:AL$366,ROUNDDOWN($C8258/24,0)+1,1))-1)+IF('Standard Profiles'!$G$22=$B$10,7,0)+IF('Standard Profiles'!$G$22=$B$17,14,0)+IF('Standard Profiles'!$G$22=$B$24,21,0),0)),0)</f>
        <v>7.541680727634664</v>
      </c>
      <c r="I8258">
        <f t="shared" si="916"/>
        <v>7.2400134985292812</v>
      </c>
      <c r="J8258">
        <f t="shared" si="917"/>
        <v>19.713539813866014</v>
      </c>
      <c r="K8258">
        <f t="shared" si="918"/>
        <v>0.4630877392268033</v>
      </c>
      <c r="L8258">
        <f t="shared" si="919"/>
        <v>0.23154386961340165</v>
      </c>
      <c r="M8258">
        <f t="shared" si="920"/>
        <v>0</v>
      </c>
      <c r="N8258" s="45">
        <f t="shared" si="921"/>
        <v>45269.666666646721</v>
      </c>
    </row>
    <row r="8259" spans="2:14" x14ac:dyDescent="0.25">
      <c r="B8259">
        <f t="shared" si="915"/>
        <v>6</v>
      </c>
      <c r="C8259" s="16">
        <v>8225</v>
      </c>
      <c r="D8259" cm="1">
        <f t="array" ref="D8259">IFERROR(INDEX(Jesper!AH$2:AH$366,ROUNDDOWN($C8259/24,0)+1,1)*INDEX($D$3:$AA$30,INDEX(Jesper!$R$2:$R$366,ROW(INDEX(Jesper!AH$2:AH$366,ROUNDDOWN($C8259/24,0)+1,1))-1)+IF('Standard Profiles'!$G$18=$B$10,7,0)+IF('Standard Profiles'!$G$18=$B$17,14,0)+IF('Standard Profiles'!$G$18=$B$24,21,0),MOD($C8259,24)+1)/SUM(INDEX($D$3:$AA$30,INDEX(Jesper!$R$2:$R$366,ROW(INDEX(Jesper!AH$2:AH$366,ROUNDDOWN($C8259/24,0)+1,1))-1)+IF('Standard Profiles'!$G$18=$B$10,7,0)+IF('Standard Profiles'!$G$18=$B$17,14,0)+IF('Standard Profiles'!$G$18=$B$24,21,0),0)),0)</f>
        <v>0</v>
      </c>
      <c r="E8259" cm="1">
        <f t="array" ref="E8259">IFERROR(INDEX(Jesper!AI$2:AI$366,ROUNDDOWN($C8259/24,0)+1,1)*INDEX($D$3:$AA$30,INDEX(Jesper!$R$2:$R$366,ROW(INDEX(Jesper!AI$2:AI$366,ROUNDDOWN($C8259/24,0)+1,1))-1)+IF('Standard Profiles'!$G$19=$B$10,7,0)+IF('Standard Profiles'!$G$19=$B$17,14,0)+IF('Standard Profiles'!$G$19=$B$24,21,0),MOD($C8259,24)+1)/SUM(INDEX($D$3:$AA$30,INDEX(Jesper!$R$2:$R$366,ROW(INDEX(Jesper!AI$2:AI$366,ROUNDDOWN($C8259/24,0)+1,1))-1)+IF('Standard Profiles'!$G$19=$B$10,7,0)+IF('Standard Profiles'!$G$19=$B$17,14,0)+IF('Standard Profiles'!$G$19=$B$24,21,0),0)),0)</f>
        <v>5.7885967403350413</v>
      </c>
      <c r="F8259" cm="1">
        <f t="array" ref="F8259">IFERROR(INDEX(Jesper!AJ$2:AJ$366,ROUNDDOWN($C8259/24,0)+1,1)*INDEX($D$3:$AA$30,INDEX(Jesper!$R$2:$R$366,ROW(INDEX(Jesper!AJ$2:AJ$366,ROUNDDOWN($C8259/24,0)+1,1))-1)+IF('Standard Profiles'!$G$20=$B$10,7,0)+IF('Standard Profiles'!$G$20=$B$17,14,0)+IF('Standard Profiles'!$G$20=$B$24,21,0),MOD($C8259,24)+1)/SUM(INDEX($D$3:$AA$30,INDEX(Jesper!$R$2:$R$366,ROW(INDEX(Jesper!AJ$2:AJ$366,ROUNDDOWN($C8259/24,0)+1,1))-1)+IF('Standard Profiles'!$G$20=$B$10,7,0)+IF('Standard Profiles'!$G$20=$B$17,14,0)+IF('Standard Profiles'!$G$20=$B$24,21,0),0)),0)</f>
        <v>5.2019433097720924</v>
      </c>
      <c r="G8259" cm="1">
        <f t="array" ref="G8259">IFERROR(INDEX(Jesper!AK$2:AK$366,ROUNDDOWN($C8259/24,0)+1,1)*INDEX($D$3:$AA$30,INDEX(Jesper!$R$2:$R$366,ROW(INDEX(Jesper!AK$2:AK$366,ROUNDDOWN($C8259/24,0)+1,1))-1)+IF('Standard Profiles'!$G$21=$B$10,7,0)+IF('Standard Profiles'!$G$21=$B$17,14,0)+IF('Standard Profiles'!$G$21=$B$24,21,0),MOD($C8259,24)+1)/SUM(INDEX($D$3:$AA$30,INDEX(Jesper!$R$2:$R$366,ROW(INDEX(Jesper!AK$2:AK$366,ROUNDDOWN($C8259/24,0)+1,1))-1)+IF('Standard Profiles'!$G$21=$B$10,7,0)+IF('Standard Profiles'!$G$21=$B$17,14,0)+IF('Standard Profiles'!$G$21=$B$24,21,0),0)),0)</f>
        <v>9.1159641434937004</v>
      </c>
      <c r="H8259" cm="1">
        <f t="array" ref="H8259">IFERROR(INDEX(Jesper!AL$2:AL$366,ROUNDDOWN($C8259/24,0)+1,1)*INDEX($D$3:$AA$30,INDEX(Jesper!$R$2:$R$366,ROW(INDEX(Jesper!AL$2:AL$366,ROUNDDOWN($C8259/24,0)+1,1))-1)+IF('Standard Profiles'!$G$22=$B$10,7,0)+IF('Standard Profiles'!$G$22=$B$17,14,0)+IF('Standard Profiles'!$G$22=$B$24,21,0),MOD($C8259,24)+1)/SUM(INDEX($D$3:$AA$30,INDEX(Jesper!$R$2:$R$366,ROW(INDEX(Jesper!AL$2:AL$366,ROUNDDOWN($C8259/24,0)+1,1))-1)+IF('Standard Profiles'!$G$22=$B$10,7,0)+IF('Standard Profiles'!$G$22=$B$17,14,0)+IF('Standard Profiles'!$G$22=$B$24,21,0),0)),0)</f>
        <v>6.7875126548711977</v>
      </c>
      <c r="I8259">
        <f t="shared" si="916"/>
        <v>6.5160121486763529</v>
      </c>
      <c r="J8259">
        <f t="shared" si="917"/>
        <v>19.683373090955474</v>
      </c>
      <c r="K8259">
        <f t="shared" si="918"/>
        <v>0.4630877392268033</v>
      </c>
      <c r="L8259">
        <f t="shared" si="919"/>
        <v>0.23154386961340165</v>
      </c>
      <c r="M8259">
        <f t="shared" si="920"/>
        <v>0</v>
      </c>
      <c r="N8259" s="45">
        <f t="shared" si="921"/>
        <v>45269.708333313385</v>
      </c>
    </row>
    <row r="8260" spans="2:14" x14ac:dyDescent="0.25">
      <c r="B8260">
        <f t="shared" si="915"/>
        <v>6</v>
      </c>
      <c r="C8260" s="16">
        <v>8226</v>
      </c>
      <c r="D8260" cm="1">
        <f t="array" ref="D8260">IFERROR(INDEX(Jesper!AH$2:AH$366,ROUNDDOWN($C8260/24,0)+1,1)*INDEX($D$3:$AA$30,INDEX(Jesper!$R$2:$R$366,ROW(INDEX(Jesper!AH$2:AH$366,ROUNDDOWN($C8260/24,0)+1,1))-1)+IF('Standard Profiles'!$G$18=$B$10,7,0)+IF('Standard Profiles'!$G$18=$B$17,14,0)+IF('Standard Profiles'!$G$18=$B$24,21,0),MOD($C8260,24)+1)/SUM(INDEX($D$3:$AA$30,INDEX(Jesper!$R$2:$R$366,ROW(INDEX(Jesper!AH$2:AH$366,ROUNDDOWN($C8260/24,0)+1,1))-1)+IF('Standard Profiles'!$G$18=$B$10,7,0)+IF('Standard Profiles'!$G$18=$B$17,14,0)+IF('Standard Profiles'!$G$18=$B$24,21,0),0)),0)</f>
        <v>0</v>
      </c>
      <c r="E8260" cm="1">
        <f t="array" ref="E8260">IFERROR(INDEX(Jesper!AI$2:AI$366,ROUNDDOWN($C8260/24,0)+1,1)*INDEX($D$3:$AA$30,INDEX(Jesper!$R$2:$R$366,ROW(INDEX(Jesper!AI$2:AI$366,ROUNDDOWN($C8260/24,0)+1,1))-1)+IF('Standard Profiles'!$G$19=$B$10,7,0)+IF('Standard Profiles'!$G$19=$B$17,14,0)+IF('Standard Profiles'!$G$19=$B$24,21,0),MOD($C8260,24)+1)/SUM(INDEX($D$3:$AA$30,INDEX(Jesper!$R$2:$R$366,ROW(INDEX(Jesper!AI$2:AI$366,ROUNDDOWN($C8260/24,0)+1,1))-1)+IF('Standard Profiles'!$G$19=$B$10,7,0)+IF('Standard Profiles'!$G$19=$B$17,14,0)+IF('Standard Profiles'!$G$19=$B$24,21,0),0)),0)</f>
        <v>5.7885967403350413</v>
      </c>
      <c r="F8260" cm="1">
        <f t="array" ref="F8260">IFERROR(INDEX(Jesper!AJ$2:AJ$366,ROUNDDOWN($C8260/24,0)+1,1)*INDEX($D$3:$AA$30,INDEX(Jesper!$R$2:$R$366,ROW(INDEX(Jesper!AJ$2:AJ$366,ROUNDDOWN($C8260/24,0)+1,1))-1)+IF('Standard Profiles'!$G$20=$B$10,7,0)+IF('Standard Profiles'!$G$20=$B$17,14,0)+IF('Standard Profiles'!$G$20=$B$24,21,0),MOD($C8260,24)+1)/SUM(INDEX($D$3:$AA$30,INDEX(Jesper!$R$2:$R$366,ROW(INDEX(Jesper!AJ$2:AJ$366,ROUNDDOWN($C8260/24,0)+1,1))-1)+IF('Standard Profiles'!$G$20=$B$10,7,0)+IF('Standard Profiles'!$G$20=$B$17,14,0)+IF('Standard Profiles'!$G$20=$B$24,21,0),0)),0)</f>
        <v>5.2019433097720924</v>
      </c>
      <c r="G8260" cm="1">
        <f t="array" ref="G8260">IFERROR(INDEX(Jesper!AK$2:AK$366,ROUNDDOWN($C8260/24,0)+1,1)*INDEX($D$3:$AA$30,INDEX(Jesper!$R$2:$R$366,ROW(INDEX(Jesper!AK$2:AK$366,ROUNDDOWN($C8260/24,0)+1,1))-1)+IF('Standard Profiles'!$G$21=$B$10,7,0)+IF('Standard Profiles'!$G$21=$B$17,14,0)+IF('Standard Profiles'!$G$21=$B$24,21,0),MOD($C8260,24)+1)/SUM(INDEX($D$3:$AA$30,INDEX(Jesper!$R$2:$R$366,ROW(INDEX(Jesper!AK$2:AK$366,ROUNDDOWN($C8260/24,0)+1,1))-1)+IF('Standard Profiles'!$G$21=$B$10,7,0)+IF('Standard Profiles'!$G$21=$B$17,14,0)+IF('Standard Profiles'!$G$21=$B$24,21,0),0)),0)</f>
        <v>9.1159641434937004</v>
      </c>
      <c r="H8260" cm="1">
        <f t="array" ref="H8260">IFERROR(INDEX(Jesper!AL$2:AL$366,ROUNDDOWN($C8260/24,0)+1,1)*INDEX($D$3:$AA$30,INDEX(Jesper!$R$2:$R$366,ROW(INDEX(Jesper!AL$2:AL$366,ROUNDDOWN($C8260/24,0)+1,1))-1)+IF('Standard Profiles'!$G$22=$B$10,7,0)+IF('Standard Profiles'!$G$22=$B$17,14,0)+IF('Standard Profiles'!$G$22=$B$24,21,0),MOD($C8260,24)+1)/SUM(INDEX($D$3:$AA$30,INDEX(Jesper!$R$2:$R$366,ROW(INDEX(Jesper!AL$2:AL$366,ROUNDDOWN($C8260/24,0)+1,1))-1)+IF('Standard Profiles'!$G$22=$B$10,7,0)+IF('Standard Profiles'!$G$22=$B$17,14,0)+IF('Standard Profiles'!$G$22=$B$24,21,0),0)),0)</f>
        <v>6.5361232972833747</v>
      </c>
      <c r="I8260">
        <f t="shared" si="916"/>
        <v>6.2746783653920435</v>
      </c>
      <c r="J8260">
        <f t="shared" si="917"/>
        <v>19.673317516651963</v>
      </c>
      <c r="K8260">
        <f t="shared" si="918"/>
        <v>0.4630877392268033</v>
      </c>
      <c r="L8260">
        <f t="shared" si="919"/>
        <v>0.23154386961340165</v>
      </c>
      <c r="M8260">
        <f t="shared" si="920"/>
        <v>0</v>
      </c>
      <c r="N8260" s="45">
        <f t="shared" si="921"/>
        <v>45269.749999980049</v>
      </c>
    </row>
    <row r="8261" spans="2:14" x14ac:dyDescent="0.25">
      <c r="B8261">
        <f t="shared" si="915"/>
        <v>6</v>
      </c>
      <c r="C8261" s="16">
        <v>8227</v>
      </c>
      <c r="D8261" cm="1">
        <f t="array" ref="D8261">IFERROR(INDEX(Jesper!AH$2:AH$366,ROUNDDOWN($C8261/24,0)+1,1)*INDEX($D$3:$AA$30,INDEX(Jesper!$R$2:$R$366,ROW(INDEX(Jesper!AH$2:AH$366,ROUNDDOWN($C8261/24,0)+1,1))-1)+IF('Standard Profiles'!$G$18=$B$10,7,0)+IF('Standard Profiles'!$G$18=$B$17,14,0)+IF('Standard Profiles'!$G$18=$B$24,21,0),MOD($C8261,24)+1)/SUM(INDEX($D$3:$AA$30,INDEX(Jesper!$R$2:$R$366,ROW(INDEX(Jesper!AH$2:AH$366,ROUNDDOWN($C8261/24,0)+1,1))-1)+IF('Standard Profiles'!$G$18=$B$10,7,0)+IF('Standard Profiles'!$G$18=$B$17,14,0)+IF('Standard Profiles'!$G$18=$B$24,21,0),0)),0)</f>
        <v>0</v>
      </c>
      <c r="E8261" cm="1">
        <f t="array" ref="E8261">IFERROR(INDEX(Jesper!AI$2:AI$366,ROUNDDOWN($C8261/24,0)+1,1)*INDEX($D$3:$AA$30,INDEX(Jesper!$R$2:$R$366,ROW(INDEX(Jesper!AI$2:AI$366,ROUNDDOWN($C8261/24,0)+1,1))-1)+IF('Standard Profiles'!$G$19=$B$10,7,0)+IF('Standard Profiles'!$G$19=$B$17,14,0)+IF('Standard Profiles'!$G$19=$B$24,21,0),MOD($C8261,24)+1)/SUM(INDEX($D$3:$AA$30,INDEX(Jesper!$R$2:$R$366,ROW(INDEX(Jesper!AI$2:AI$366,ROUNDDOWN($C8261/24,0)+1,1))-1)+IF('Standard Profiles'!$G$19=$B$10,7,0)+IF('Standard Profiles'!$G$19=$B$17,14,0)+IF('Standard Profiles'!$G$19=$B$24,21,0),0)),0)</f>
        <v>5.7885967403350413</v>
      </c>
      <c r="F8261" cm="1">
        <f t="array" ref="F8261">IFERROR(INDEX(Jesper!AJ$2:AJ$366,ROUNDDOWN($C8261/24,0)+1,1)*INDEX($D$3:$AA$30,INDEX(Jesper!$R$2:$R$366,ROW(INDEX(Jesper!AJ$2:AJ$366,ROUNDDOWN($C8261/24,0)+1,1))-1)+IF('Standard Profiles'!$G$20=$B$10,7,0)+IF('Standard Profiles'!$G$20=$B$17,14,0)+IF('Standard Profiles'!$G$20=$B$24,21,0),MOD($C8261,24)+1)/SUM(INDEX($D$3:$AA$30,INDEX(Jesper!$R$2:$R$366,ROW(INDEX(Jesper!AJ$2:AJ$366,ROUNDDOWN($C8261/24,0)+1,1))-1)+IF('Standard Profiles'!$G$20=$B$10,7,0)+IF('Standard Profiles'!$G$20=$B$17,14,0)+IF('Standard Profiles'!$G$20=$B$24,21,0),0)),0)</f>
        <v>5.2019433097720924</v>
      </c>
      <c r="G8261" cm="1">
        <f t="array" ref="G8261">IFERROR(INDEX(Jesper!AK$2:AK$366,ROUNDDOWN($C8261/24,0)+1,1)*INDEX($D$3:$AA$30,INDEX(Jesper!$R$2:$R$366,ROW(INDEX(Jesper!AK$2:AK$366,ROUNDDOWN($C8261/24,0)+1,1))-1)+IF('Standard Profiles'!$G$21=$B$10,7,0)+IF('Standard Profiles'!$G$21=$B$17,14,0)+IF('Standard Profiles'!$G$21=$B$24,21,0),MOD($C8261,24)+1)/SUM(INDEX($D$3:$AA$30,INDEX(Jesper!$R$2:$R$366,ROW(INDEX(Jesper!AK$2:AK$366,ROUNDDOWN($C8261/24,0)+1,1))-1)+IF('Standard Profiles'!$G$21=$B$10,7,0)+IF('Standard Profiles'!$G$21=$B$17,14,0)+IF('Standard Profiles'!$G$21=$B$24,21,0),0)),0)</f>
        <v>9.1159641434937004</v>
      </c>
      <c r="H8261" cm="1">
        <f t="array" ref="H8261">IFERROR(INDEX(Jesper!AL$2:AL$366,ROUNDDOWN($C8261/24,0)+1,1)*INDEX($D$3:$AA$30,INDEX(Jesper!$R$2:$R$366,ROW(INDEX(Jesper!AL$2:AL$366,ROUNDDOWN($C8261/24,0)+1,1))-1)+IF('Standard Profiles'!$G$22=$B$10,7,0)+IF('Standard Profiles'!$G$22=$B$17,14,0)+IF('Standard Profiles'!$G$22=$B$24,21,0),MOD($C8261,24)+1)/SUM(INDEX($D$3:$AA$30,INDEX(Jesper!$R$2:$R$366,ROW(INDEX(Jesper!AL$2:AL$366,ROUNDDOWN($C8261/24,0)+1,1))-1)+IF('Standard Profiles'!$G$22=$B$10,7,0)+IF('Standard Profiles'!$G$22=$B$17,14,0)+IF('Standard Profiles'!$G$22=$B$24,21,0),0)),0)</f>
        <v>5.2791765093442642</v>
      </c>
      <c r="I8261">
        <f t="shared" si="916"/>
        <v>5.0680094489704963</v>
      </c>
      <c r="J8261">
        <f t="shared" si="917"/>
        <v>19.623039645134398</v>
      </c>
      <c r="K8261">
        <f t="shared" si="918"/>
        <v>0.4630877392268033</v>
      </c>
      <c r="L8261">
        <f t="shared" si="919"/>
        <v>0.23154386961340165</v>
      </c>
      <c r="M8261">
        <f t="shared" si="920"/>
        <v>0</v>
      </c>
      <c r="N8261" s="45">
        <f t="shared" si="921"/>
        <v>45269.791666646714</v>
      </c>
    </row>
    <row r="8262" spans="2:14" x14ac:dyDescent="0.25">
      <c r="B8262">
        <f t="shared" si="915"/>
        <v>6</v>
      </c>
      <c r="C8262" s="16">
        <v>8228</v>
      </c>
      <c r="D8262" cm="1">
        <f t="array" ref="D8262">IFERROR(INDEX(Jesper!AH$2:AH$366,ROUNDDOWN($C8262/24,0)+1,1)*INDEX($D$3:$AA$30,INDEX(Jesper!$R$2:$R$366,ROW(INDEX(Jesper!AH$2:AH$366,ROUNDDOWN($C8262/24,0)+1,1))-1)+IF('Standard Profiles'!$G$18=$B$10,7,0)+IF('Standard Profiles'!$G$18=$B$17,14,0)+IF('Standard Profiles'!$G$18=$B$24,21,0),MOD($C8262,24)+1)/SUM(INDEX($D$3:$AA$30,INDEX(Jesper!$R$2:$R$366,ROW(INDEX(Jesper!AH$2:AH$366,ROUNDDOWN($C8262/24,0)+1,1))-1)+IF('Standard Profiles'!$G$18=$B$10,7,0)+IF('Standard Profiles'!$G$18=$B$17,14,0)+IF('Standard Profiles'!$G$18=$B$24,21,0),0)),0)</f>
        <v>0</v>
      </c>
      <c r="E8262" cm="1">
        <f t="array" ref="E8262">IFERROR(INDEX(Jesper!AI$2:AI$366,ROUNDDOWN($C8262/24,0)+1,1)*INDEX($D$3:$AA$30,INDEX(Jesper!$R$2:$R$366,ROW(INDEX(Jesper!AI$2:AI$366,ROUNDDOWN($C8262/24,0)+1,1))-1)+IF('Standard Profiles'!$G$19=$B$10,7,0)+IF('Standard Profiles'!$G$19=$B$17,14,0)+IF('Standard Profiles'!$G$19=$B$24,21,0),MOD($C8262,24)+1)/SUM(INDEX($D$3:$AA$30,INDEX(Jesper!$R$2:$R$366,ROW(INDEX(Jesper!AI$2:AI$366,ROUNDDOWN($C8262/24,0)+1,1))-1)+IF('Standard Profiles'!$G$19=$B$10,7,0)+IF('Standard Profiles'!$G$19=$B$17,14,0)+IF('Standard Profiles'!$G$19=$B$24,21,0),0)),0)</f>
        <v>5.7885967403350413</v>
      </c>
      <c r="F8262" cm="1">
        <f t="array" ref="F8262">IFERROR(INDEX(Jesper!AJ$2:AJ$366,ROUNDDOWN($C8262/24,0)+1,1)*INDEX($D$3:$AA$30,INDEX(Jesper!$R$2:$R$366,ROW(INDEX(Jesper!AJ$2:AJ$366,ROUNDDOWN($C8262/24,0)+1,1))-1)+IF('Standard Profiles'!$G$20=$B$10,7,0)+IF('Standard Profiles'!$G$20=$B$17,14,0)+IF('Standard Profiles'!$G$20=$B$24,21,0),MOD($C8262,24)+1)/SUM(INDEX($D$3:$AA$30,INDEX(Jesper!$R$2:$R$366,ROW(INDEX(Jesper!AJ$2:AJ$366,ROUNDDOWN($C8262/24,0)+1,1))-1)+IF('Standard Profiles'!$G$20=$B$10,7,0)+IF('Standard Profiles'!$G$20=$B$17,14,0)+IF('Standard Profiles'!$G$20=$B$24,21,0),0)),0)</f>
        <v>5.2019433097720924</v>
      </c>
      <c r="G8262" cm="1">
        <f t="array" ref="G8262">IFERROR(INDEX(Jesper!AK$2:AK$366,ROUNDDOWN($C8262/24,0)+1,1)*INDEX($D$3:$AA$30,INDEX(Jesper!$R$2:$R$366,ROW(INDEX(Jesper!AK$2:AK$366,ROUNDDOWN($C8262/24,0)+1,1))-1)+IF('Standard Profiles'!$G$21=$B$10,7,0)+IF('Standard Profiles'!$G$21=$B$17,14,0)+IF('Standard Profiles'!$G$21=$B$24,21,0),MOD($C8262,24)+1)/SUM(INDEX($D$3:$AA$30,INDEX(Jesper!$R$2:$R$366,ROW(INDEX(Jesper!AK$2:AK$366,ROUNDDOWN($C8262/24,0)+1,1))-1)+IF('Standard Profiles'!$G$21=$B$10,7,0)+IF('Standard Profiles'!$G$21=$B$17,14,0)+IF('Standard Profiles'!$G$21=$B$24,21,0),0)),0)</f>
        <v>9.1159641434937004</v>
      </c>
      <c r="H8262" cm="1">
        <f t="array" ref="H8262">IFERROR(INDEX(Jesper!AL$2:AL$366,ROUNDDOWN($C8262/24,0)+1,1)*INDEX($D$3:$AA$30,INDEX(Jesper!$R$2:$R$366,ROW(INDEX(Jesper!AL$2:AL$366,ROUNDDOWN($C8262/24,0)+1,1))-1)+IF('Standard Profiles'!$G$22=$B$10,7,0)+IF('Standard Profiles'!$G$22=$B$17,14,0)+IF('Standard Profiles'!$G$22=$B$24,21,0),MOD($C8262,24)+1)/SUM(INDEX($D$3:$AA$30,INDEX(Jesper!$R$2:$R$366,ROW(INDEX(Jesper!AL$2:AL$366,ROUNDDOWN($C8262/24,0)+1,1))-1)+IF('Standard Profiles'!$G$22=$B$10,7,0)+IF('Standard Profiles'!$G$22=$B$17,14,0)+IF('Standard Profiles'!$G$22=$B$24,21,0),0)),0)</f>
        <v>3.8965350426112426</v>
      </c>
      <c r="I8262">
        <f t="shared" si="916"/>
        <v>3.7406736409067949</v>
      </c>
      <c r="J8262">
        <f t="shared" si="917"/>
        <v>19.567733986465079</v>
      </c>
      <c r="K8262">
        <f t="shared" si="918"/>
        <v>0.4630877392268033</v>
      </c>
      <c r="L8262">
        <f t="shared" si="919"/>
        <v>0.23154386961340165</v>
      </c>
      <c r="M8262">
        <f t="shared" si="920"/>
        <v>0</v>
      </c>
      <c r="N8262" s="45">
        <f t="shared" si="921"/>
        <v>45269.833333313378</v>
      </c>
    </row>
    <row r="8263" spans="2:14" x14ac:dyDescent="0.25">
      <c r="B8263">
        <f t="shared" si="915"/>
        <v>6</v>
      </c>
      <c r="C8263" s="16">
        <v>8229</v>
      </c>
      <c r="D8263" cm="1">
        <f t="array" ref="D8263">IFERROR(INDEX(Jesper!AH$2:AH$366,ROUNDDOWN($C8263/24,0)+1,1)*INDEX($D$3:$AA$30,INDEX(Jesper!$R$2:$R$366,ROW(INDEX(Jesper!AH$2:AH$366,ROUNDDOWN($C8263/24,0)+1,1))-1)+IF('Standard Profiles'!$G$18=$B$10,7,0)+IF('Standard Profiles'!$G$18=$B$17,14,0)+IF('Standard Profiles'!$G$18=$B$24,21,0),MOD($C8263,24)+1)/SUM(INDEX($D$3:$AA$30,INDEX(Jesper!$R$2:$R$366,ROW(INDEX(Jesper!AH$2:AH$366,ROUNDDOWN($C8263/24,0)+1,1))-1)+IF('Standard Profiles'!$G$18=$B$10,7,0)+IF('Standard Profiles'!$G$18=$B$17,14,0)+IF('Standard Profiles'!$G$18=$B$24,21,0),0)),0)</f>
        <v>0</v>
      </c>
      <c r="E8263" cm="1">
        <f t="array" ref="E8263">IFERROR(INDEX(Jesper!AI$2:AI$366,ROUNDDOWN($C8263/24,0)+1,1)*INDEX($D$3:$AA$30,INDEX(Jesper!$R$2:$R$366,ROW(INDEX(Jesper!AI$2:AI$366,ROUNDDOWN($C8263/24,0)+1,1))-1)+IF('Standard Profiles'!$G$19=$B$10,7,0)+IF('Standard Profiles'!$G$19=$B$17,14,0)+IF('Standard Profiles'!$G$19=$B$24,21,0),MOD($C8263,24)+1)/SUM(INDEX($D$3:$AA$30,INDEX(Jesper!$R$2:$R$366,ROW(INDEX(Jesper!AI$2:AI$366,ROUNDDOWN($C8263/24,0)+1,1))-1)+IF('Standard Profiles'!$G$19=$B$10,7,0)+IF('Standard Profiles'!$G$19=$B$17,14,0)+IF('Standard Profiles'!$G$19=$B$24,21,0),0)),0)</f>
        <v>5.7885967403350413</v>
      </c>
      <c r="F8263" cm="1">
        <f t="array" ref="F8263">IFERROR(INDEX(Jesper!AJ$2:AJ$366,ROUNDDOWN($C8263/24,0)+1,1)*INDEX($D$3:$AA$30,INDEX(Jesper!$R$2:$R$366,ROW(INDEX(Jesper!AJ$2:AJ$366,ROUNDDOWN($C8263/24,0)+1,1))-1)+IF('Standard Profiles'!$G$20=$B$10,7,0)+IF('Standard Profiles'!$G$20=$B$17,14,0)+IF('Standard Profiles'!$G$20=$B$24,21,0),MOD($C8263,24)+1)/SUM(INDEX($D$3:$AA$30,INDEX(Jesper!$R$2:$R$366,ROW(INDEX(Jesper!AJ$2:AJ$366,ROUNDDOWN($C8263/24,0)+1,1))-1)+IF('Standard Profiles'!$G$20=$B$10,7,0)+IF('Standard Profiles'!$G$20=$B$17,14,0)+IF('Standard Profiles'!$G$20=$B$24,21,0),0)),0)</f>
        <v>5.2019433097720924</v>
      </c>
      <c r="G8263" cm="1">
        <f t="array" ref="G8263">IFERROR(INDEX(Jesper!AK$2:AK$366,ROUNDDOWN($C8263/24,0)+1,1)*INDEX($D$3:$AA$30,INDEX(Jesper!$R$2:$R$366,ROW(INDEX(Jesper!AK$2:AK$366,ROUNDDOWN($C8263/24,0)+1,1))-1)+IF('Standard Profiles'!$G$21=$B$10,7,0)+IF('Standard Profiles'!$G$21=$B$17,14,0)+IF('Standard Profiles'!$G$21=$B$24,21,0),MOD($C8263,24)+1)/SUM(INDEX($D$3:$AA$30,INDEX(Jesper!$R$2:$R$366,ROW(INDEX(Jesper!AK$2:AK$366,ROUNDDOWN($C8263/24,0)+1,1))-1)+IF('Standard Profiles'!$G$21=$B$10,7,0)+IF('Standard Profiles'!$G$21=$B$17,14,0)+IF('Standard Profiles'!$G$21=$B$24,21,0),0)),0)</f>
        <v>9.1159641434937004</v>
      </c>
      <c r="H8263" cm="1">
        <f t="array" ref="H8263">IFERROR(INDEX(Jesper!AL$2:AL$366,ROUNDDOWN($C8263/24,0)+1,1)*INDEX($D$3:$AA$30,INDEX(Jesper!$R$2:$R$366,ROW(INDEX(Jesper!AL$2:AL$366,ROUNDDOWN($C8263/24,0)+1,1))-1)+IF('Standard Profiles'!$G$22=$B$10,7,0)+IF('Standard Profiles'!$G$22=$B$17,14,0)+IF('Standard Profiles'!$G$22=$B$24,21,0),MOD($C8263,24)+1)/SUM(INDEX($D$3:$AA$30,INDEX(Jesper!$R$2:$R$366,ROW(INDEX(Jesper!AL$2:AL$366,ROUNDDOWN($C8263/24,0)+1,1))-1)+IF('Standard Profiles'!$G$22=$B$10,7,0)+IF('Standard Profiles'!$G$22=$B$17,14,0)+IF('Standard Profiles'!$G$22=$B$24,21,0),0)),0)</f>
        <v>3.8965350426112426</v>
      </c>
      <c r="I8263">
        <f t="shared" si="916"/>
        <v>3.7406736409067949</v>
      </c>
      <c r="J8263">
        <f t="shared" si="917"/>
        <v>19.567733986465079</v>
      </c>
      <c r="K8263">
        <f t="shared" si="918"/>
        <v>0.4630877392268033</v>
      </c>
      <c r="L8263">
        <f t="shared" si="919"/>
        <v>0.23154386961340165</v>
      </c>
      <c r="M8263">
        <f t="shared" si="920"/>
        <v>0</v>
      </c>
      <c r="N8263" s="45">
        <f t="shared" si="921"/>
        <v>45269.874999980042</v>
      </c>
    </row>
    <row r="8264" spans="2:14" x14ac:dyDescent="0.25">
      <c r="B8264">
        <f t="shared" si="915"/>
        <v>6</v>
      </c>
      <c r="C8264" s="16">
        <v>8230</v>
      </c>
      <c r="D8264" cm="1">
        <f t="array" ref="D8264">IFERROR(INDEX(Jesper!AH$2:AH$366,ROUNDDOWN($C8264/24,0)+1,1)*INDEX($D$3:$AA$30,INDEX(Jesper!$R$2:$R$366,ROW(INDEX(Jesper!AH$2:AH$366,ROUNDDOWN($C8264/24,0)+1,1))-1)+IF('Standard Profiles'!$G$18=$B$10,7,0)+IF('Standard Profiles'!$G$18=$B$17,14,0)+IF('Standard Profiles'!$G$18=$B$24,21,0),MOD($C8264,24)+1)/SUM(INDEX($D$3:$AA$30,INDEX(Jesper!$R$2:$R$366,ROW(INDEX(Jesper!AH$2:AH$366,ROUNDDOWN($C8264/24,0)+1,1))-1)+IF('Standard Profiles'!$G$18=$B$10,7,0)+IF('Standard Profiles'!$G$18=$B$17,14,0)+IF('Standard Profiles'!$G$18=$B$24,21,0),0)),0)</f>
        <v>0</v>
      </c>
      <c r="E8264" cm="1">
        <f t="array" ref="E8264">IFERROR(INDEX(Jesper!AI$2:AI$366,ROUNDDOWN($C8264/24,0)+1,1)*INDEX($D$3:$AA$30,INDEX(Jesper!$R$2:$R$366,ROW(INDEX(Jesper!AI$2:AI$366,ROUNDDOWN($C8264/24,0)+1,1))-1)+IF('Standard Profiles'!$G$19=$B$10,7,0)+IF('Standard Profiles'!$G$19=$B$17,14,0)+IF('Standard Profiles'!$G$19=$B$24,21,0),MOD($C8264,24)+1)/SUM(INDEX($D$3:$AA$30,INDEX(Jesper!$R$2:$R$366,ROW(INDEX(Jesper!AI$2:AI$366,ROUNDDOWN($C8264/24,0)+1,1))-1)+IF('Standard Profiles'!$G$19=$B$10,7,0)+IF('Standard Profiles'!$G$19=$B$17,14,0)+IF('Standard Profiles'!$G$19=$B$24,21,0),0)),0)</f>
        <v>5.7885967403350413</v>
      </c>
      <c r="F8264" cm="1">
        <f t="array" ref="F8264">IFERROR(INDEX(Jesper!AJ$2:AJ$366,ROUNDDOWN($C8264/24,0)+1,1)*INDEX($D$3:$AA$30,INDEX(Jesper!$R$2:$R$366,ROW(INDEX(Jesper!AJ$2:AJ$366,ROUNDDOWN($C8264/24,0)+1,1))-1)+IF('Standard Profiles'!$G$20=$B$10,7,0)+IF('Standard Profiles'!$G$20=$B$17,14,0)+IF('Standard Profiles'!$G$20=$B$24,21,0),MOD($C8264,24)+1)/SUM(INDEX($D$3:$AA$30,INDEX(Jesper!$R$2:$R$366,ROW(INDEX(Jesper!AJ$2:AJ$366,ROUNDDOWN($C8264/24,0)+1,1))-1)+IF('Standard Profiles'!$G$20=$B$10,7,0)+IF('Standard Profiles'!$G$20=$B$17,14,0)+IF('Standard Profiles'!$G$20=$B$24,21,0),0)),0)</f>
        <v>5.2019433097720924</v>
      </c>
      <c r="G8264" cm="1">
        <f t="array" ref="G8264">IFERROR(INDEX(Jesper!AK$2:AK$366,ROUNDDOWN($C8264/24,0)+1,1)*INDEX($D$3:$AA$30,INDEX(Jesper!$R$2:$R$366,ROW(INDEX(Jesper!AK$2:AK$366,ROUNDDOWN($C8264/24,0)+1,1))-1)+IF('Standard Profiles'!$G$21=$B$10,7,0)+IF('Standard Profiles'!$G$21=$B$17,14,0)+IF('Standard Profiles'!$G$21=$B$24,21,0),MOD($C8264,24)+1)/SUM(INDEX($D$3:$AA$30,INDEX(Jesper!$R$2:$R$366,ROW(INDEX(Jesper!AK$2:AK$366,ROUNDDOWN($C8264/24,0)+1,1))-1)+IF('Standard Profiles'!$G$21=$B$10,7,0)+IF('Standard Profiles'!$G$21=$B$17,14,0)+IF('Standard Profiles'!$G$21=$B$24,21,0),0)),0)</f>
        <v>9.1159641434937004</v>
      </c>
      <c r="H8264" cm="1">
        <f t="array" ref="H8264">IFERROR(INDEX(Jesper!AL$2:AL$366,ROUNDDOWN($C8264/24,0)+1,1)*INDEX($D$3:$AA$30,INDEX(Jesper!$R$2:$R$366,ROW(INDEX(Jesper!AL$2:AL$366,ROUNDDOWN($C8264/24,0)+1,1))-1)+IF('Standard Profiles'!$G$22=$B$10,7,0)+IF('Standard Profiles'!$G$22=$B$17,14,0)+IF('Standard Profiles'!$G$22=$B$24,21,0),MOD($C8264,24)+1)/SUM(INDEX($D$3:$AA$30,INDEX(Jesper!$R$2:$R$366,ROW(INDEX(Jesper!AL$2:AL$366,ROUNDDOWN($C8264/24,0)+1,1))-1)+IF('Standard Profiles'!$G$22=$B$10,7,0)+IF('Standard Profiles'!$G$22=$B$17,14,0)+IF('Standard Profiles'!$G$22=$B$24,21,0),0)),0)</f>
        <v>3.8965350426112426</v>
      </c>
      <c r="I8264">
        <f t="shared" si="916"/>
        <v>3.7406736409067949</v>
      </c>
      <c r="J8264">
        <f t="shared" si="917"/>
        <v>19.567733986465079</v>
      </c>
      <c r="K8264">
        <f t="shared" si="918"/>
        <v>0.4630877392268033</v>
      </c>
      <c r="L8264">
        <f t="shared" si="919"/>
        <v>0.23154386961340165</v>
      </c>
      <c r="M8264">
        <f t="shared" si="920"/>
        <v>0</v>
      </c>
      <c r="N8264" s="45">
        <f t="shared" si="921"/>
        <v>45269.916666646706</v>
      </c>
    </row>
    <row r="8265" spans="2:14" x14ac:dyDescent="0.25">
      <c r="B8265">
        <f t="shared" si="915"/>
        <v>6</v>
      </c>
      <c r="C8265" s="16">
        <v>8231</v>
      </c>
      <c r="D8265" cm="1">
        <f t="array" ref="D8265">IFERROR(INDEX(Jesper!AH$2:AH$366,ROUNDDOWN($C8265/24,0)+1,1)*INDEX($D$3:$AA$30,INDEX(Jesper!$R$2:$R$366,ROW(INDEX(Jesper!AH$2:AH$366,ROUNDDOWN($C8265/24,0)+1,1))-1)+IF('Standard Profiles'!$G$18=$B$10,7,0)+IF('Standard Profiles'!$G$18=$B$17,14,0)+IF('Standard Profiles'!$G$18=$B$24,21,0),MOD($C8265,24)+1)/SUM(INDEX($D$3:$AA$30,INDEX(Jesper!$R$2:$R$366,ROW(INDEX(Jesper!AH$2:AH$366,ROUNDDOWN($C8265/24,0)+1,1))-1)+IF('Standard Profiles'!$G$18=$B$10,7,0)+IF('Standard Profiles'!$G$18=$B$17,14,0)+IF('Standard Profiles'!$G$18=$B$24,21,0),0)),0)</f>
        <v>0</v>
      </c>
      <c r="E8265" cm="1">
        <f t="array" ref="E8265">IFERROR(INDEX(Jesper!AI$2:AI$366,ROUNDDOWN($C8265/24,0)+1,1)*INDEX($D$3:$AA$30,INDEX(Jesper!$R$2:$R$366,ROW(INDEX(Jesper!AI$2:AI$366,ROUNDDOWN($C8265/24,0)+1,1))-1)+IF('Standard Profiles'!$G$19=$B$10,7,0)+IF('Standard Profiles'!$G$19=$B$17,14,0)+IF('Standard Profiles'!$G$19=$B$24,21,0),MOD($C8265,24)+1)/SUM(INDEX($D$3:$AA$30,INDEX(Jesper!$R$2:$R$366,ROW(INDEX(Jesper!AI$2:AI$366,ROUNDDOWN($C8265/24,0)+1,1))-1)+IF('Standard Profiles'!$G$19=$B$10,7,0)+IF('Standard Profiles'!$G$19=$B$17,14,0)+IF('Standard Profiles'!$G$19=$B$24,21,0),0)),0)</f>
        <v>5.7885967403350413</v>
      </c>
      <c r="F8265" cm="1">
        <f t="array" ref="F8265">IFERROR(INDEX(Jesper!AJ$2:AJ$366,ROUNDDOWN($C8265/24,0)+1,1)*INDEX($D$3:$AA$30,INDEX(Jesper!$R$2:$R$366,ROW(INDEX(Jesper!AJ$2:AJ$366,ROUNDDOWN($C8265/24,0)+1,1))-1)+IF('Standard Profiles'!$G$20=$B$10,7,0)+IF('Standard Profiles'!$G$20=$B$17,14,0)+IF('Standard Profiles'!$G$20=$B$24,21,0),MOD($C8265,24)+1)/SUM(INDEX($D$3:$AA$30,INDEX(Jesper!$R$2:$R$366,ROW(INDEX(Jesper!AJ$2:AJ$366,ROUNDDOWN($C8265/24,0)+1,1))-1)+IF('Standard Profiles'!$G$20=$B$10,7,0)+IF('Standard Profiles'!$G$20=$B$17,14,0)+IF('Standard Profiles'!$G$20=$B$24,21,0),0)),0)</f>
        <v>5.2019433097720924</v>
      </c>
      <c r="G8265" cm="1">
        <f t="array" ref="G8265">IFERROR(INDEX(Jesper!AK$2:AK$366,ROUNDDOWN($C8265/24,0)+1,1)*INDEX($D$3:$AA$30,INDEX(Jesper!$R$2:$R$366,ROW(INDEX(Jesper!AK$2:AK$366,ROUNDDOWN($C8265/24,0)+1,1))-1)+IF('Standard Profiles'!$G$21=$B$10,7,0)+IF('Standard Profiles'!$G$21=$B$17,14,0)+IF('Standard Profiles'!$G$21=$B$24,21,0),MOD($C8265,24)+1)/SUM(INDEX($D$3:$AA$30,INDEX(Jesper!$R$2:$R$366,ROW(INDEX(Jesper!AK$2:AK$366,ROUNDDOWN($C8265/24,0)+1,1))-1)+IF('Standard Profiles'!$G$21=$B$10,7,0)+IF('Standard Profiles'!$G$21=$B$17,14,0)+IF('Standard Profiles'!$G$21=$B$24,21,0),0)),0)</f>
        <v>9.1159641434937004</v>
      </c>
      <c r="H8265" cm="1">
        <f t="array" ref="H8265">IFERROR(INDEX(Jesper!AL$2:AL$366,ROUNDDOWN($C8265/24,0)+1,1)*INDEX($D$3:$AA$30,INDEX(Jesper!$R$2:$R$366,ROW(INDEX(Jesper!AL$2:AL$366,ROUNDDOWN($C8265/24,0)+1,1))-1)+IF('Standard Profiles'!$G$22=$B$10,7,0)+IF('Standard Profiles'!$G$22=$B$17,14,0)+IF('Standard Profiles'!$G$22=$B$24,21,0),MOD($C8265,24)+1)/SUM(INDEX($D$3:$AA$30,INDEX(Jesper!$R$2:$R$366,ROW(INDEX(Jesper!AL$2:AL$366,ROUNDDOWN($C8265/24,0)+1,1))-1)+IF('Standard Profiles'!$G$22=$B$10,7,0)+IF('Standard Profiles'!$G$22=$B$17,14,0)+IF('Standard Profiles'!$G$22=$B$24,21,0),0)),0)</f>
        <v>3.8965350426112426</v>
      </c>
      <c r="I8265">
        <f t="shared" si="916"/>
        <v>3.7406736409067949</v>
      </c>
      <c r="J8265">
        <f t="shared" si="917"/>
        <v>19.567733986465079</v>
      </c>
      <c r="K8265">
        <f t="shared" si="918"/>
        <v>0.4630877392268033</v>
      </c>
      <c r="L8265">
        <f t="shared" si="919"/>
        <v>0.23154386961340165</v>
      </c>
      <c r="M8265">
        <f t="shared" si="920"/>
        <v>0</v>
      </c>
      <c r="N8265" s="45">
        <f t="shared" si="921"/>
        <v>45269.958333313371</v>
      </c>
    </row>
    <row r="8266" spans="2:14" x14ac:dyDescent="0.25">
      <c r="B8266">
        <f t="shared" si="915"/>
        <v>7</v>
      </c>
      <c r="C8266" s="16">
        <v>8232</v>
      </c>
      <c r="D8266" cm="1">
        <f t="array" ref="D8266">IFERROR(INDEX(Jesper!AH$2:AH$366,ROUNDDOWN($C8266/24,0)+1,1)*INDEX($D$3:$AA$30,INDEX(Jesper!$R$2:$R$366,ROW(INDEX(Jesper!AH$2:AH$366,ROUNDDOWN($C8266/24,0)+1,1))-1)+IF('Standard Profiles'!$G$18=$B$10,7,0)+IF('Standard Profiles'!$G$18=$B$17,14,0)+IF('Standard Profiles'!$G$18=$B$24,21,0),MOD($C8266,24)+1)/SUM(INDEX($D$3:$AA$30,INDEX(Jesper!$R$2:$R$366,ROW(INDEX(Jesper!AH$2:AH$366,ROUNDDOWN($C8266/24,0)+1,1))-1)+IF('Standard Profiles'!$G$18=$B$10,7,0)+IF('Standard Profiles'!$G$18=$B$17,14,0)+IF('Standard Profiles'!$G$18=$B$24,21,0),0)),0)</f>
        <v>0</v>
      </c>
      <c r="E8266" cm="1">
        <f t="array" ref="E8266">IFERROR(INDEX(Jesper!AI$2:AI$366,ROUNDDOWN($C8266/24,0)+1,1)*INDEX($D$3:$AA$30,INDEX(Jesper!$R$2:$R$366,ROW(INDEX(Jesper!AI$2:AI$366,ROUNDDOWN($C8266/24,0)+1,1))-1)+IF('Standard Profiles'!$G$19=$B$10,7,0)+IF('Standard Profiles'!$G$19=$B$17,14,0)+IF('Standard Profiles'!$G$19=$B$24,21,0),MOD($C8266,24)+1)/SUM(INDEX($D$3:$AA$30,INDEX(Jesper!$R$2:$R$366,ROW(INDEX(Jesper!AI$2:AI$366,ROUNDDOWN($C8266/24,0)+1,1))-1)+IF('Standard Profiles'!$G$19=$B$10,7,0)+IF('Standard Profiles'!$G$19=$B$17,14,0)+IF('Standard Profiles'!$G$19=$B$24,21,0),0)),0)</f>
        <v>5.1240923616641991</v>
      </c>
      <c r="F8266" cm="1">
        <f t="array" ref="F8266">IFERROR(INDEX(Jesper!AJ$2:AJ$366,ROUNDDOWN($C8266/24,0)+1,1)*INDEX($D$3:$AA$30,INDEX(Jesper!$R$2:$R$366,ROW(INDEX(Jesper!AJ$2:AJ$366,ROUNDDOWN($C8266/24,0)+1,1))-1)+IF('Standard Profiles'!$G$20=$B$10,7,0)+IF('Standard Profiles'!$G$20=$B$17,14,0)+IF('Standard Profiles'!$G$20=$B$24,21,0),MOD($C8266,24)+1)/SUM(INDEX($D$3:$AA$30,INDEX(Jesper!$R$2:$R$366,ROW(INDEX(Jesper!AJ$2:AJ$366,ROUNDDOWN($C8266/24,0)+1,1))-1)+IF('Standard Profiles'!$G$20=$B$10,7,0)+IF('Standard Profiles'!$G$20=$B$17,14,0)+IF('Standard Profiles'!$G$20=$B$24,21,0),0)),0)</f>
        <v>4.3620498895175315</v>
      </c>
      <c r="G8266" cm="1">
        <f t="array" ref="G8266">IFERROR(INDEX(Jesper!AK$2:AK$366,ROUNDDOWN($C8266/24,0)+1,1)*INDEX($D$3:$AA$30,INDEX(Jesper!$R$2:$R$366,ROW(INDEX(Jesper!AK$2:AK$366,ROUNDDOWN($C8266/24,0)+1,1))-1)+IF('Standard Profiles'!$G$21=$B$10,7,0)+IF('Standard Profiles'!$G$21=$B$17,14,0)+IF('Standard Profiles'!$G$21=$B$24,21,0),MOD($C8266,24)+1)/SUM(INDEX($D$3:$AA$30,INDEX(Jesper!$R$2:$R$366,ROW(INDEX(Jesper!AK$2:AK$366,ROUNDDOWN($C8266/24,0)+1,1))-1)+IF('Standard Profiles'!$G$21=$B$10,7,0)+IF('Standard Profiles'!$G$21=$B$17,14,0)+IF('Standard Profiles'!$G$21=$B$24,21,0),0)),0)</f>
        <v>7.1478211093564719</v>
      </c>
      <c r="H8266" cm="1">
        <f t="array" ref="H8266">IFERROR(INDEX(Jesper!AL$2:AL$366,ROUNDDOWN($C8266/24,0)+1,1)*INDEX($D$3:$AA$30,INDEX(Jesper!$R$2:$R$366,ROW(INDEX(Jesper!AL$2:AL$366,ROUNDDOWN($C8266/24,0)+1,1))-1)+IF('Standard Profiles'!$G$22=$B$10,7,0)+IF('Standard Profiles'!$G$22=$B$17,14,0)+IF('Standard Profiles'!$G$22=$B$24,21,0),MOD($C8266,24)+1)/SUM(INDEX($D$3:$AA$30,INDEX(Jesper!$R$2:$R$366,ROW(INDEX(Jesper!AL$2:AL$366,ROUNDDOWN($C8266/24,0)+1,1))-1)+IF('Standard Profiles'!$G$22=$B$10,7,0)+IF('Standard Profiles'!$G$22=$B$17,14,0)+IF('Standard Profiles'!$G$22=$B$24,21,0),0)),0)</f>
        <v>3.3937709429545029</v>
      </c>
      <c r="I8266">
        <f t="shared" si="916"/>
        <v>3.2580201052363247</v>
      </c>
      <c r="J8266">
        <f t="shared" si="917"/>
        <v>16.154823114856676</v>
      </c>
      <c r="K8266">
        <f t="shared" si="918"/>
        <v>0.40992738893313596</v>
      </c>
      <c r="L8266">
        <f t="shared" si="919"/>
        <v>0.20496369446656798</v>
      </c>
      <c r="M8266">
        <f t="shared" si="920"/>
        <v>0</v>
      </c>
      <c r="N8266" s="45">
        <f t="shared" si="921"/>
        <v>45269.999999980035</v>
      </c>
    </row>
    <row r="8267" spans="2:14" x14ac:dyDescent="0.25">
      <c r="B8267">
        <f t="shared" si="915"/>
        <v>7</v>
      </c>
      <c r="C8267" s="16">
        <v>8233</v>
      </c>
      <c r="D8267" cm="1">
        <f t="array" ref="D8267">IFERROR(INDEX(Jesper!AH$2:AH$366,ROUNDDOWN($C8267/24,0)+1,1)*INDEX($D$3:$AA$30,INDEX(Jesper!$R$2:$R$366,ROW(INDEX(Jesper!AH$2:AH$366,ROUNDDOWN($C8267/24,0)+1,1))-1)+IF('Standard Profiles'!$G$18=$B$10,7,0)+IF('Standard Profiles'!$G$18=$B$17,14,0)+IF('Standard Profiles'!$G$18=$B$24,21,0),MOD($C8267,24)+1)/SUM(INDEX($D$3:$AA$30,INDEX(Jesper!$R$2:$R$366,ROW(INDEX(Jesper!AH$2:AH$366,ROUNDDOWN($C8267/24,0)+1,1))-1)+IF('Standard Profiles'!$G$18=$B$10,7,0)+IF('Standard Profiles'!$G$18=$B$17,14,0)+IF('Standard Profiles'!$G$18=$B$24,21,0),0)),0)</f>
        <v>0</v>
      </c>
      <c r="E8267" cm="1">
        <f t="array" ref="E8267">IFERROR(INDEX(Jesper!AI$2:AI$366,ROUNDDOWN($C8267/24,0)+1,1)*INDEX($D$3:$AA$30,INDEX(Jesper!$R$2:$R$366,ROW(INDEX(Jesper!AI$2:AI$366,ROUNDDOWN($C8267/24,0)+1,1))-1)+IF('Standard Profiles'!$G$19=$B$10,7,0)+IF('Standard Profiles'!$G$19=$B$17,14,0)+IF('Standard Profiles'!$G$19=$B$24,21,0),MOD($C8267,24)+1)/SUM(INDEX($D$3:$AA$30,INDEX(Jesper!$R$2:$R$366,ROW(INDEX(Jesper!AI$2:AI$366,ROUNDDOWN($C8267/24,0)+1,1))-1)+IF('Standard Profiles'!$G$19=$B$10,7,0)+IF('Standard Profiles'!$G$19=$B$17,14,0)+IF('Standard Profiles'!$G$19=$B$24,21,0),0)),0)</f>
        <v>5.1240923616641991</v>
      </c>
      <c r="F8267" cm="1">
        <f t="array" ref="F8267">IFERROR(INDEX(Jesper!AJ$2:AJ$366,ROUNDDOWN($C8267/24,0)+1,1)*INDEX($D$3:$AA$30,INDEX(Jesper!$R$2:$R$366,ROW(INDEX(Jesper!AJ$2:AJ$366,ROUNDDOWN($C8267/24,0)+1,1))-1)+IF('Standard Profiles'!$G$20=$B$10,7,0)+IF('Standard Profiles'!$G$20=$B$17,14,0)+IF('Standard Profiles'!$G$20=$B$24,21,0),MOD($C8267,24)+1)/SUM(INDEX($D$3:$AA$30,INDEX(Jesper!$R$2:$R$366,ROW(INDEX(Jesper!AJ$2:AJ$366,ROUNDDOWN($C8267/24,0)+1,1))-1)+IF('Standard Profiles'!$G$20=$B$10,7,0)+IF('Standard Profiles'!$G$20=$B$17,14,0)+IF('Standard Profiles'!$G$20=$B$24,21,0),0)),0)</f>
        <v>4.3620498895175315</v>
      </c>
      <c r="G8267" cm="1">
        <f t="array" ref="G8267">IFERROR(INDEX(Jesper!AK$2:AK$366,ROUNDDOWN($C8267/24,0)+1,1)*INDEX($D$3:$AA$30,INDEX(Jesper!$R$2:$R$366,ROW(INDEX(Jesper!AK$2:AK$366,ROUNDDOWN($C8267/24,0)+1,1))-1)+IF('Standard Profiles'!$G$21=$B$10,7,0)+IF('Standard Profiles'!$G$21=$B$17,14,0)+IF('Standard Profiles'!$G$21=$B$24,21,0),MOD($C8267,24)+1)/SUM(INDEX($D$3:$AA$30,INDEX(Jesper!$R$2:$R$366,ROW(INDEX(Jesper!AK$2:AK$366,ROUNDDOWN($C8267/24,0)+1,1))-1)+IF('Standard Profiles'!$G$21=$B$10,7,0)+IF('Standard Profiles'!$G$21=$B$17,14,0)+IF('Standard Profiles'!$G$21=$B$24,21,0),0)),0)</f>
        <v>7.1478211093564719</v>
      </c>
      <c r="H8267" cm="1">
        <f t="array" ref="H8267">IFERROR(INDEX(Jesper!AL$2:AL$366,ROUNDDOWN($C8267/24,0)+1,1)*INDEX($D$3:$AA$30,INDEX(Jesper!$R$2:$R$366,ROW(INDEX(Jesper!AL$2:AL$366,ROUNDDOWN($C8267/24,0)+1,1))-1)+IF('Standard Profiles'!$G$22=$B$10,7,0)+IF('Standard Profiles'!$G$22=$B$17,14,0)+IF('Standard Profiles'!$G$22=$B$24,21,0),MOD($C8267,24)+1)/SUM(INDEX($D$3:$AA$30,INDEX(Jesper!$R$2:$R$366,ROW(INDEX(Jesper!AL$2:AL$366,ROUNDDOWN($C8267/24,0)+1,1))-1)+IF('Standard Profiles'!$G$22=$B$10,7,0)+IF('Standard Profiles'!$G$22=$B$17,14,0)+IF('Standard Profiles'!$G$22=$B$24,21,0),0)),0)</f>
        <v>3.9411533531084548</v>
      </c>
      <c r="I8267">
        <f t="shared" si="916"/>
        <v>3.7835072189841186</v>
      </c>
      <c r="J8267">
        <f t="shared" si="917"/>
        <v>16.176718411262833</v>
      </c>
      <c r="K8267">
        <f t="shared" si="918"/>
        <v>0.40992738893313596</v>
      </c>
      <c r="L8267">
        <f t="shared" si="919"/>
        <v>0.20496369446656798</v>
      </c>
      <c r="M8267">
        <f t="shared" si="920"/>
        <v>0</v>
      </c>
      <c r="N8267" s="45">
        <f t="shared" si="921"/>
        <v>45270.041666646699</v>
      </c>
    </row>
    <row r="8268" spans="2:14" x14ac:dyDescent="0.25">
      <c r="B8268">
        <f t="shared" si="915"/>
        <v>7</v>
      </c>
      <c r="C8268" s="16">
        <v>8234</v>
      </c>
      <c r="D8268" cm="1">
        <f t="array" ref="D8268">IFERROR(INDEX(Jesper!AH$2:AH$366,ROUNDDOWN($C8268/24,0)+1,1)*INDEX($D$3:$AA$30,INDEX(Jesper!$R$2:$R$366,ROW(INDEX(Jesper!AH$2:AH$366,ROUNDDOWN($C8268/24,0)+1,1))-1)+IF('Standard Profiles'!$G$18=$B$10,7,0)+IF('Standard Profiles'!$G$18=$B$17,14,0)+IF('Standard Profiles'!$G$18=$B$24,21,0),MOD($C8268,24)+1)/SUM(INDEX($D$3:$AA$30,INDEX(Jesper!$R$2:$R$366,ROW(INDEX(Jesper!AH$2:AH$366,ROUNDDOWN($C8268/24,0)+1,1))-1)+IF('Standard Profiles'!$G$18=$B$10,7,0)+IF('Standard Profiles'!$G$18=$B$17,14,0)+IF('Standard Profiles'!$G$18=$B$24,21,0),0)),0)</f>
        <v>0</v>
      </c>
      <c r="E8268" cm="1">
        <f t="array" ref="E8268">IFERROR(INDEX(Jesper!AI$2:AI$366,ROUNDDOWN($C8268/24,0)+1,1)*INDEX($D$3:$AA$30,INDEX(Jesper!$R$2:$R$366,ROW(INDEX(Jesper!AI$2:AI$366,ROUNDDOWN($C8268/24,0)+1,1))-1)+IF('Standard Profiles'!$G$19=$B$10,7,0)+IF('Standard Profiles'!$G$19=$B$17,14,0)+IF('Standard Profiles'!$G$19=$B$24,21,0),MOD($C8268,24)+1)/SUM(INDEX($D$3:$AA$30,INDEX(Jesper!$R$2:$R$366,ROW(INDEX(Jesper!AI$2:AI$366,ROUNDDOWN($C8268/24,0)+1,1))-1)+IF('Standard Profiles'!$G$19=$B$10,7,0)+IF('Standard Profiles'!$G$19=$B$17,14,0)+IF('Standard Profiles'!$G$19=$B$24,21,0),0)),0)</f>
        <v>5.1240923616641991</v>
      </c>
      <c r="F8268" cm="1">
        <f t="array" ref="F8268">IFERROR(INDEX(Jesper!AJ$2:AJ$366,ROUNDDOWN($C8268/24,0)+1,1)*INDEX($D$3:$AA$30,INDEX(Jesper!$R$2:$R$366,ROW(INDEX(Jesper!AJ$2:AJ$366,ROUNDDOWN($C8268/24,0)+1,1))-1)+IF('Standard Profiles'!$G$20=$B$10,7,0)+IF('Standard Profiles'!$G$20=$B$17,14,0)+IF('Standard Profiles'!$G$20=$B$24,21,0),MOD($C8268,24)+1)/SUM(INDEX($D$3:$AA$30,INDEX(Jesper!$R$2:$R$366,ROW(INDEX(Jesper!AJ$2:AJ$366,ROUNDDOWN($C8268/24,0)+1,1))-1)+IF('Standard Profiles'!$G$20=$B$10,7,0)+IF('Standard Profiles'!$G$20=$B$17,14,0)+IF('Standard Profiles'!$G$20=$B$24,21,0),0)),0)</f>
        <v>4.3620498895175315</v>
      </c>
      <c r="G8268" cm="1">
        <f t="array" ref="G8268">IFERROR(INDEX(Jesper!AK$2:AK$366,ROUNDDOWN($C8268/24,0)+1,1)*INDEX($D$3:$AA$30,INDEX(Jesper!$R$2:$R$366,ROW(INDEX(Jesper!AK$2:AK$366,ROUNDDOWN($C8268/24,0)+1,1))-1)+IF('Standard Profiles'!$G$21=$B$10,7,0)+IF('Standard Profiles'!$G$21=$B$17,14,0)+IF('Standard Profiles'!$G$21=$B$24,21,0),MOD($C8268,24)+1)/SUM(INDEX($D$3:$AA$30,INDEX(Jesper!$R$2:$R$366,ROW(INDEX(Jesper!AK$2:AK$366,ROUNDDOWN($C8268/24,0)+1,1))-1)+IF('Standard Profiles'!$G$21=$B$10,7,0)+IF('Standard Profiles'!$G$21=$B$17,14,0)+IF('Standard Profiles'!$G$21=$B$24,21,0),0)),0)</f>
        <v>7.1478211093564719</v>
      </c>
      <c r="H8268" cm="1">
        <f t="array" ref="H8268">IFERROR(INDEX(Jesper!AL$2:AL$366,ROUNDDOWN($C8268/24,0)+1,1)*INDEX($D$3:$AA$30,INDEX(Jesper!$R$2:$R$366,ROW(INDEX(Jesper!AL$2:AL$366,ROUNDDOWN($C8268/24,0)+1,1))-1)+IF('Standard Profiles'!$G$22=$B$10,7,0)+IF('Standard Profiles'!$G$22=$B$17,14,0)+IF('Standard Profiles'!$G$22=$B$24,21,0),MOD($C8268,24)+1)/SUM(INDEX($D$3:$AA$30,INDEX(Jesper!$R$2:$R$366,ROW(INDEX(Jesper!AL$2:AL$366,ROUNDDOWN($C8268/24,0)+1,1))-1)+IF('Standard Profiles'!$G$22=$B$10,7,0)+IF('Standard Profiles'!$G$22=$B$17,14,0)+IF('Standard Profiles'!$G$22=$B$24,21,0),0)),0)</f>
        <v>3.9411533531084548</v>
      </c>
      <c r="I8268">
        <f t="shared" si="916"/>
        <v>3.7835072189841186</v>
      </c>
      <c r="J8268">
        <f t="shared" si="917"/>
        <v>16.176718411262833</v>
      </c>
      <c r="K8268">
        <f t="shared" si="918"/>
        <v>0.40992738893313596</v>
      </c>
      <c r="L8268">
        <f t="shared" si="919"/>
        <v>0.20496369446656798</v>
      </c>
      <c r="M8268">
        <f t="shared" si="920"/>
        <v>0</v>
      </c>
      <c r="N8268" s="45">
        <f t="shared" si="921"/>
        <v>45270.083333313363</v>
      </c>
    </row>
    <row r="8269" spans="2:14" x14ac:dyDescent="0.25">
      <c r="B8269">
        <f t="shared" si="915"/>
        <v>7</v>
      </c>
      <c r="C8269" s="16">
        <v>8235</v>
      </c>
      <c r="D8269" cm="1">
        <f t="array" ref="D8269">IFERROR(INDEX(Jesper!AH$2:AH$366,ROUNDDOWN($C8269/24,0)+1,1)*INDEX($D$3:$AA$30,INDEX(Jesper!$R$2:$R$366,ROW(INDEX(Jesper!AH$2:AH$366,ROUNDDOWN($C8269/24,0)+1,1))-1)+IF('Standard Profiles'!$G$18=$B$10,7,0)+IF('Standard Profiles'!$G$18=$B$17,14,0)+IF('Standard Profiles'!$G$18=$B$24,21,0),MOD($C8269,24)+1)/SUM(INDEX($D$3:$AA$30,INDEX(Jesper!$R$2:$R$366,ROW(INDEX(Jesper!AH$2:AH$366,ROUNDDOWN($C8269/24,0)+1,1))-1)+IF('Standard Profiles'!$G$18=$B$10,7,0)+IF('Standard Profiles'!$G$18=$B$17,14,0)+IF('Standard Profiles'!$G$18=$B$24,21,0),0)),0)</f>
        <v>0</v>
      </c>
      <c r="E8269" cm="1">
        <f t="array" ref="E8269">IFERROR(INDEX(Jesper!AI$2:AI$366,ROUNDDOWN($C8269/24,0)+1,1)*INDEX($D$3:$AA$30,INDEX(Jesper!$R$2:$R$366,ROW(INDEX(Jesper!AI$2:AI$366,ROUNDDOWN($C8269/24,0)+1,1))-1)+IF('Standard Profiles'!$G$19=$B$10,7,0)+IF('Standard Profiles'!$G$19=$B$17,14,0)+IF('Standard Profiles'!$G$19=$B$24,21,0),MOD($C8269,24)+1)/SUM(INDEX($D$3:$AA$30,INDEX(Jesper!$R$2:$R$366,ROW(INDEX(Jesper!AI$2:AI$366,ROUNDDOWN($C8269/24,0)+1,1))-1)+IF('Standard Profiles'!$G$19=$B$10,7,0)+IF('Standard Profiles'!$G$19=$B$17,14,0)+IF('Standard Profiles'!$G$19=$B$24,21,0),0)),0)</f>
        <v>5.1240923616641991</v>
      </c>
      <c r="F8269" cm="1">
        <f t="array" ref="F8269">IFERROR(INDEX(Jesper!AJ$2:AJ$366,ROUNDDOWN($C8269/24,0)+1,1)*INDEX($D$3:$AA$30,INDEX(Jesper!$R$2:$R$366,ROW(INDEX(Jesper!AJ$2:AJ$366,ROUNDDOWN($C8269/24,0)+1,1))-1)+IF('Standard Profiles'!$G$20=$B$10,7,0)+IF('Standard Profiles'!$G$20=$B$17,14,0)+IF('Standard Profiles'!$G$20=$B$24,21,0),MOD($C8269,24)+1)/SUM(INDEX($D$3:$AA$30,INDEX(Jesper!$R$2:$R$366,ROW(INDEX(Jesper!AJ$2:AJ$366,ROUNDDOWN($C8269/24,0)+1,1))-1)+IF('Standard Profiles'!$G$20=$B$10,7,0)+IF('Standard Profiles'!$G$20=$B$17,14,0)+IF('Standard Profiles'!$G$20=$B$24,21,0),0)),0)</f>
        <v>4.3620498895175315</v>
      </c>
      <c r="G8269" cm="1">
        <f t="array" ref="G8269">IFERROR(INDEX(Jesper!AK$2:AK$366,ROUNDDOWN($C8269/24,0)+1,1)*INDEX($D$3:$AA$30,INDEX(Jesper!$R$2:$R$366,ROW(INDEX(Jesper!AK$2:AK$366,ROUNDDOWN($C8269/24,0)+1,1))-1)+IF('Standard Profiles'!$G$21=$B$10,7,0)+IF('Standard Profiles'!$G$21=$B$17,14,0)+IF('Standard Profiles'!$G$21=$B$24,21,0),MOD($C8269,24)+1)/SUM(INDEX($D$3:$AA$30,INDEX(Jesper!$R$2:$R$366,ROW(INDEX(Jesper!AK$2:AK$366,ROUNDDOWN($C8269/24,0)+1,1))-1)+IF('Standard Profiles'!$G$21=$B$10,7,0)+IF('Standard Profiles'!$G$21=$B$17,14,0)+IF('Standard Profiles'!$G$21=$B$24,21,0),0)),0)</f>
        <v>7.1478211093564719</v>
      </c>
      <c r="H8269" cm="1">
        <f t="array" ref="H8269">IFERROR(INDEX(Jesper!AL$2:AL$366,ROUNDDOWN($C8269/24,0)+1,1)*INDEX($D$3:$AA$30,INDEX(Jesper!$R$2:$R$366,ROW(INDEX(Jesper!AL$2:AL$366,ROUNDDOWN($C8269/24,0)+1,1))-1)+IF('Standard Profiles'!$G$22=$B$10,7,0)+IF('Standard Profiles'!$G$22=$B$17,14,0)+IF('Standard Profiles'!$G$22=$B$24,21,0),MOD($C8269,24)+1)/SUM(INDEX($D$3:$AA$30,INDEX(Jesper!$R$2:$R$366,ROW(INDEX(Jesper!AL$2:AL$366,ROUNDDOWN($C8269/24,0)+1,1))-1)+IF('Standard Profiles'!$G$22=$B$10,7,0)+IF('Standard Profiles'!$G$22=$B$17,14,0)+IF('Standard Profiles'!$G$22=$B$24,21,0),0)),0)</f>
        <v>3.9411533531084548</v>
      </c>
      <c r="I8269">
        <f t="shared" si="916"/>
        <v>3.7835072189841186</v>
      </c>
      <c r="J8269">
        <f t="shared" si="917"/>
        <v>16.176718411262833</v>
      </c>
      <c r="K8269">
        <f t="shared" si="918"/>
        <v>0.40992738893313596</v>
      </c>
      <c r="L8269">
        <f t="shared" si="919"/>
        <v>0.20496369446656798</v>
      </c>
      <c r="M8269">
        <f t="shared" si="920"/>
        <v>0</v>
      </c>
      <c r="N8269" s="45">
        <f t="shared" si="921"/>
        <v>45270.124999980027</v>
      </c>
    </row>
    <row r="8270" spans="2:14" x14ac:dyDescent="0.25">
      <c r="B8270">
        <f t="shared" si="915"/>
        <v>7</v>
      </c>
      <c r="C8270" s="16">
        <v>8236</v>
      </c>
      <c r="D8270" cm="1">
        <f t="array" ref="D8270">IFERROR(INDEX(Jesper!AH$2:AH$366,ROUNDDOWN($C8270/24,0)+1,1)*INDEX($D$3:$AA$30,INDEX(Jesper!$R$2:$R$366,ROW(INDEX(Jesper!AH$2:AH$366,ROUNDDOWN($C8270/24,0)+1,1))-1)+IF('Standard Profiles'!$G$18=$B$10,7,0)+IF('Standard Profiles'!$G$18=$B$17,14,0)+IF('Standard Profiles'!$G$18=$B$24,21,0),MOD($C8270,24)+1)/SUM(INDEX($D$3:$AA$30,INDEX(Jesper!$R$2:$R$366,ROW(INDEX(Jesper!AH$2:AH$366,ROUNDDOWN($C8270/24,0)+1,1))-1)+IF('Standard Profiles'!$G$18=$B$10,7,0)+IF('Standard Profiles'!$G$18=$B$17,14,0)+IF('Standard Profiles'!$G$18=$B$24,21,0),0)),0)</f>
        <v>0</v>
      </c>
      <c r="E8270" cm="1">
        <f t="array" ref="E8270">IFERROR(INDEX(Jesper!AI$2:AI$366,ROUNDDOWN($C8270/24,0)+1,1)*INDEX($D$3:$AA$30,INDEX(Jesper!$R$2:$R$366,ROW(INDEX(Jesper!AI$2:AI$366,ROUNDDOWN($C8270/24,0)+1,1))-1)+IF('Standard Profiles'!$G$19=$B$10,7,0)+IF('Standard Profiles'!$G$19=$B$17,14,0)+IF('Standard Profiles'!$G$19=$B$24,21,0),MOD($C8270,24)+1)/SUM(INDEX($D$3:$AA$30,INDEX(Jesper!$R$2:$R$366,ROW(INDEX(Jesper!AI$2:AI$366,ROUNDDOWN($C8270/24,0)+1,1))-1)+IF('Standard Profiles'!$G$19=$B$10,7,0)+IF('Standard Profiles'!$G$19=$B$17,14,0)+IF('Standard Profiles'!$G$19=$B$24,21,0),0)),0)</f>
        <v>5.1240923616641991</v>
      </c>
      <c r="F8270" cm="1">
        <f t="array" ref="F8270">IFERROR(INDEX(Jesper!AJ$2:AJ$366,ROUNDDOWN($C8270/24,0)+1,1)*INDEX($D$3:$AA$30,INDEX(Jesper!$R$2:$R$366,ROW(INDEX(Jesper!AJ$2:AJ$366,ROUNDDOWN($C8270/24,0)+1,1))-1)+IF('Standard Profiles'!$G$20=$B$10,7,0)+IF('Standard Profiles'!$G$20=$B$17,14,0)+IF('Standard Profiles'!$G$20=$B$24,21,0),MOD($C8270,24)+1)/SUM(INDEX($D$3:$AA$30,INDEX(Jesper!$R$2:$R$366,ROW(INDEX(Jesper!AJ$2:AJ$366,ROUNDDOWN($C8270/24,0)+1,1))-1)+IF('Standard Profiles'!$G$20=$B$10,7,0)+IF('Standard Profiles'!$G$20=$B$17,14,0)+IF('Standard Profiles'!$G$20=$B$24,21,0),0)),0)</f>
        <v>4.3620498895175315</v>
      </c>
      <c r="G8270" cm="1">
        <f t="array" ref="G8270">IFERROR(INDEX(Jesper!AK$2:AK$366,ROUNDDOWN($C8270/24,0)+1,1)*INDEX($D$3:$AA$30,INDEX(Jesper!$R$2:$R$366,ROW(INDEX(Jesper!AK$2:AK$366,ROUNDDOWN($C8270/24,0)+1,1))-1)+IF('Standard Profiles'!$G$21=$B$10,7,0)+IF('Standard Profiles'!$G$21=$B$17,14,0)+IF('Standard Profiles'!$G$21=$B$24,21,0),MOD($C8270,24)+1)/SUM(INDEX($D$3:$AA$30,INDEX(Jesper!$R$2:$R$366,ROW(INDEX(Jesper!AK$2:AK$366,ROUNDDOWN($C8270/24,0)+1,1))-1)+IF('Standard Profiles'!$G$21=$B$10,7,0)+IF('Standard Profiles'!$G$21=$B$17,14,0)+IF('Standard Profiles'!$G$21=$B$24,21,0),0)),0)</f>
        <v>7.1478211093564719</v>
      </c>
      <c r="H8270" cm="1">
        <f t="array" ref="H8270">IFERROR(INDEX(Jesper!AL$2:AL$366,ROUNDDOWN($C8270/24,0)+1,1)*INDEX($D$3:$AA$30,INDEX(Jesper!$R$2:$R$366,ROW(INDEX(Jesper!AL$2:AL$366,ROUNDDOWN($C8270/24,0)+1,1))-1)+IF('Standard Profiles'!$G$22=$B$10,7,0)+IF('Standard Profiles'!$G$22=$B$17,14,0)+IF('Standard Profiles'!$G$22=$B$24,21,0),MOD($C8270,24)+1)/SUM(INDEX($D$3:$AA$30,INDEX(Jesper!$R$2:$R$366,ROW(INDEX(Jesper!AL$2:AL$366,ROUNDDOWN($C8270/24,0)+1,1))-1)+IF('Standard Profiles'!$G$22=$B$10,7,0)+IF('Standard Profiles'!$G$22=$B$17,14,0)+IF('Standard Profiles'!$G$22=$B$24,21,0),0)),0)</f>
        <v>3.9411533531084548</v>
      </c>
      <c r="I8270">
        <f t="shared" si="916"/>
        <v>3.7835072189841186</v>
      </c>
      <c r="J8270">
        <f t="shared" si="917"/>
        <v>16.176718411262833</v>
      </c>
      <c r="K8270">
        <f t="shared" si="918"/>
        <v>0.40992738893313596</v>
      </c>
      <c r="L8270">
        <f t="shared" si="919"/>
        <v>0.20496369446656798</v>
      </c>
      <c r="M8270">
        <f t="shared" si="920"/>
        <v>0</v>
      </c>
      <c r="N8270" s="45">
        <f t="shared" si="921"/>
        <v>45270.166666646692</v>
      </c>
    </row>
    <row r="8271" spans="2:14" x14ac:dyDescent="0.25">
      <c r="B8271">
        <f t="shared" si="915"/>
        <v>7</v>
      </c>
      <c r="C8271" s="16">
        <v>8237</v>
      </c>
      <c r="D8271" cm="1">
        <f t="array" ref="D8271">IFERROR(INDEX(Jesper!AH$2:AH$366,ROUNDDOWN($C8271/24,0)+1,1)*INDEX($D$3:$AA$30,INDEX(Jesper!$R$2:$R$366,ROW(INDEX(Jesper!AH$2:AH$366,ROUNDDOWN($C8271/24,0)+1,1))-1)+IF('Standard Profiles'!$G$18=$B$10,7,0)+IF('Standard Profiles'!$G$18=$B$17,14,0)+IF('Standard Profiles'!$G$18=$B$24,21,0),MOD($C8271,24)+1)/SUM(INDEX($D$3:$AA$30,INDEX(Jesper!$R$2:$R$366,ROW(INDEX(Jesper!AH$2:AH$366,ROUNDDOWN($C8271/24,0)+1,1))-1)+IF('Standard Profiles'!$G$18=$B$10,7,0)+IF('Standard Profiles'!$G$18=$B$17,14,0)+IF('Standard Profiles'!$G$18=$B$24,21,0),0)),0)</f>
        <v>0</v>
      </c>
      <c r="E8271" cm="1">
        <f t="array" ref="E8271">IFERROR(INDEX(Jesper!AI$2:AI$366,ROUNDDOWN($C8271/24,0)+1,1)*INDEX($D$3:$AA$30,INDEX(Jesper!$R$2:$R$366,ROW(INDEX(Jesper!AI$2:AI$366,ROUNDDOWN($C8271/24,0)+1,1))-1)+IF('Standard Profiles'!$G$19=$B$10,7,0)+IF('Standard Profiles'!$G$19=$B$17,14,0)+IF('Standard Profiles'!$G$19=$B$24,21,0),MOD($C8271,24)+1)/SUM(INDEX($D$3:$AA$30,INDEX(Jesper!$R$2:$R$366,ROW(INDEX(Jesper!AI$2:AI$366,ROUNDDOWN($C8271/24,0)+1,1))-1)+IF('Standard Profiles'!$G$19=$B$10,7,0)+IF('Standard Profiles'!$G$19=$B$17,14,0)+IF('Standard Profiles'!$G$19=$B$24,21,0),0)),0)</f>
        <v>5.1240923616641991</v>
      </c>
      <c r="F8271" cm="1">
        <f t="array" ref="F8271">IFERROR(INDEX(Jesper!AJ$2:AJ$366,ROUNDDOWN($C8271/24,0)+1,1)*INDEX($D$3:$AA$30,INDEX(Jesper!$R$2:$R$366,ROW(INDEX(Jesper!AJ$2:AJ$366,ROUNDDOWN($C8271/24,0)+1,1))-1)+IF('Standard Profiles'!$G$20=$B$10,7,0)+IF('Standard Profiles'!$G$20=$B$17,14,0)+IF('Standard Profiles'!$G$20=$B$24,21,0),MOD($C8271,24)+1)/SUM(INDEX($D$3:$AA$30,INDEX(Jesper!$R$2:$R$366,ROW(INDEX(Jesper!AJ$2:AJ$366,ROUNDDOWN($C8271/24,0)+1,1))-1)+IF('Standard Profiles'!$G$20=$B$10,7,0)+IF('Standard Profiles'!$G$20=$B$17,14,0)+IF('Standard Profiles'!$G$20=$B$24,21,0),0)),0)</f>
        <v>4.3620498895175315</v>
      </c>
      <c r="G8271" cm="1">
        <f t="array" ref="G8271">IFERROR(INDEX(Jesper!AK$2:AK$366,ROUNDDOWN($C8271/24,0)+1,1)*INDEX($D$3:$AA$30,INDEX(Jesper!$R$2:$R$366,ROW(INDEX(Jesper!AK$2:AK$366,ROUNDDOWN($C8271/24,0)+1,1))-1)+IF('Standard Profiles'!$G$21=$B$10,7,0)+IF('Standard Profiles'!$G$21=$B$17,14,0)+IF('Standard Profiles'!$G$21=$B$24,21,0),MOD($C8271,24)+1)/SUM(INDEX($D$3:$AA$30,INDEX(Jesper!$R$2:$R$366,ROW(INDEX(Jesper!AK$2:AK$366,ROUNDDOWN($C8271/24,0)+1,1))-1)+IF('Standard Profiles'!$G$21=$B$10,7,0)+IF('Standard Profiles'!$G$21=$B$17,14,0)+IF('Standard Profiles'!$G$21=$B$24,21,0),0)),0)</f>
        <v>7.1478211093564719</v>
      </c>
      <c r="H8271" cm="1">
        <f t="array" ref="H8271">IFERROR(INDEX(Jesper!AL$2:AL$366,ROUNDDOWN($C8271/24,0)+1,1)*INDEX($D$3:$AA$30,INDEX(Jesper!$R$2:$R$366,ROW(INDEX(Jesper!AL$2:AL$366,ROUNDDOWN($C8271/24,0)+1,1))-1)+IF('Standard Profiles'!$G$22=$B$10,7,0)+IF('Standard Profiles'!$G$22=$B$17,14,0)+IF('Standard Profiles'!$G$22=$B$24,21,0),MOD($C8271,24)+1)/SUM(INDEX($D$3:$AA$30,INDEX(Jesper!$R$2:$R$366,ROW(INDEX(Jesper!AL$2:AL$366,ROUNDDOWN($C8271/24,0)+1,1))-1)+IF('Standard Profiles'!$G$22=$B$10,7,0)+IF('Standard Profiles'!$G$22=$B$17,14,0)+IF('Standard Profiles'!$G$22=$B$24,21,0),0)),0)</f>
        <v>4.926441691385568</v>
      </c>
      <c r="I8271">
        <f t="shared" si="916"/>
        <v>4.7293840237301481</v>
      </c>
      <c r="J8271">
        <f t="shared" si="917"/>
        <v>16.21612994479392</v>
      </c>
      <c r="K8271">
        <f t="shared" si="918"/>
        <v>0.40992738893313596</v>
      </c>
      <c r="L8271">
        <f t="shared" si="919"/>
        <v>0.20496369446656798</v>
      </c>
      <c r="M8271">
        <f t="shared" si="920"/>
        <v>0</v>
      </c>
      <c r="N8271" s="45">
        <f t="shared" si="921"/>
        <v>45270.208333313356</v>
      </c>
    </row>
    <row r="8272" spans="2:14" x14ac:dyDescent="0.25">
      <c r="B8272">
        <f t="shared" si="915"/>
        <v>7</v>
      </c>
      <c r="C8272" s="16">
        <v>8238</v>
      </c>
      <c r="D8272" cm="1">
        <f t="array" ref="D8272">IFERROR(INDEX(Jesper!AH$2:AH$366,ROUNDDOWN($C8272/24,0)+1,1)*INDEX($D$3:$AA$30,INDEX(Jesper!$R$2:$R$366,ROW(INDEX(Jesper!AH$2:AH$366,ROUNDDOWN($C8272/24,0)+1,1))-1)+IF('Standard Profiles'!$G$18=$B$10,7,0)+IF('Standard Profiles'!$G$18=$B$17,14,0)+IF('Standard Profiles'!$G$18=$B$24,21,0),MOD($C8272,24)+1)/SUM(INDEX($D$3:$AA$30,INDEX(Jesper!$R$2:$R$366,ROW(INDEX(Jesper!AH$2:AH$366,ROUNDDOWN($C8272/24,0)+1,1))-1)+IF('Standard Profiles'!$G$18=$B$10,7,0)+IF('Standard Profiles'!$G$18=$B$17,14,0)+IF('Standard Profiles'!$G$18=$B$24,21,0),0)),0)</f>
        <v>0</v>
      </c>
      <c r="E8272" cm="1">
        <f t="array" ref="E8272">IFERROR(INDEX(Jesper!AI$2:AI$366,ROUNDDOWN($C8272/24,0)+1,1)*INDEX($D$3:$AA$30,INDEX(Jesper!$R$2:$R$366,ROW(INDEX(Jesper!AI$2:AI$366,ROUNDDOWN($C8272/24,0)+1,1))-1)+IF('Standard Profiles'!$G$19=$B$10,7,0)+IF('Standard Profiles'!$G$19=$B$17,14,0)+IF('Standard Profiles'!$G$19=$B$24,21,0),MOD($C8272,24)+1)/SUM(INDEX($D$3:$AA$30,INDEX(Jesper!$R$2:$R$366,ROW(INDEX(Jesper!AI$2:AI$366,ROUNDDOWN($C8272/24,0)+1,1))-1)+IF('Standard Profiles'!$G$19=$B$10,7,0)+IF('Standard Profiles'!$G$19=$B$17,14,0)+IF('Standard Profiles'!$G$19=$B$24,21,0),0)),0)</f>
        <v>5.1240923616641991</v>
      </c>
      <c r="F8272" cm="1">
        <f t="array" ref="F8272">IFERROR(INDEX(Jesper!AJ$2:AJ$366,ROUNDDOWN($C8272/24,0)+1,1)*INDEX($D$3:$AA$30,INDEX(Jesper!$R$2:$R$366,ROW(INDEX(Jesper!AJ$2:AJ$366,ROUNDDOWN($C8272/24,0)+1,1))-1)+IF('Standard Profiles'!$G$20=$B$10,7,0)+IF('Standard Profiles'!$G$20=$B$17,14,0)+IF('Standard Profiles'!$G$20=$B$24,21,0),MOD($C8272,24)+1)/SUM(INDEX($D$3:$AA$30,INDEX(Jesper!$R$2:$R$366,ROW(INDEX(Jesper!AJ$2:AJ$366,ROUNDDOWN($C8272/24,0)+1,1))-1)+IF('Standard Profiles'!$G$20=$B$10,7,0)+IF('Standard Profiles'!$G$20=$B$17,14,0)+IF('Standard Profiles'!$G$20=$B$24,21,0),0)),0)</f>
        <v>4.3620498895175315</v>
      </c>
      <c r="G8272" cm="1">
        <f t="array" ref="G8272">IFERROR(INDEX(Jesper!AK$2:AK$366,ROUNDDOWN($C8272/24,0)+1,1)*INDEX($D$3:$AA$30,INDEX(Jesper!$R$2:$R$366,ROW(INDEX(Jesper!AK$2:AK$366,ROUNDDOWN($C8272/24,0)+1,1))-1)+IF('Standard Profiles'!$G$21=$B$10,7,0)+IF('Standard Profiles'!$G$21=$B$17,14,0)+IF('Standard Profiles'!$G$21=$B$24,21,0),MOD($C8272,24)+1)/SUM(INDEX($D$3:$AA$30,INDEX(Jesper!$R$2:$R$366,ROW(INDEX(Jesper!AK$2:AK$366,ROUNDDOWN($C8272/24,0)+1,1))-1)+IF('Standard Profiles'!$G$21=$B$10,7,0)+IF('Standard Profiles'!$G$21=$B$17,14,0)+IF('Standard Profiles'!$G$21=$B$24,21,0),0)),0)</f>
        <v>7.1478211093564719</v>
      </c>
      <c r="H8272" cm="1">
        <f t="array" ref="H8272">IFERROR(INDEX(Jesper!AL$2:AL$366,ROUNDDOWN($C8272/24,0)+1,1)*INDEX($D$3:$AA$30,INDEX(Jesper!$R$2:$R$366,ROW(INDEX(Jesper!AL$2:AL$366,ROUNDDOWN($C8272/24,0)+1,1))-1)+IF('Standard Profiles'!$G$22=$B$10,7,0)+IF('Standard Profiles'!$G$22=$B$17,14,0)+IF('Standard Profiles'!$G$22=$B$24,21,0),MOD($C8272,24)+1)/SUM(INDEX($D$3:$AA$30,INDEX(Jesper!$R$2:$R$366,ROW(INDEX(Jesper!AL$2:AL$366,ROUNDDOWN($C8272/24,0)+1,1))-1)+IF('Standard Profiles'!$G$22=$B$10,7,0)+IF('Standard Profiles'!$G$22=$B$17,14,0)+IF('Standard Profiles'!$G$22=$B$24,21,0),0)),0)</f>
        <v>5.8022535476318913</v>
      </c>
      <c r="I8272">
        <f t="shared" si="916"/>
        <v>5.5701634057266185</v>
      </c>
      <c r="J8272">
        <f t="shared" si="917"/>
        <v>16.251162419043769</v>
      </c>
      <c r="K8272">
        <f t="shared" si="918"/>
        <v>0.40992738893313596</v>
      </c>
      <c r="L8272">
        <f t="shared" si="919"/>
        <v>0.20496369446656798</v>
      </c>
      <c r="M8272">
        <f t="shared" si="920"/>
        <v>0</v>
      </c>
      <c r="N8272" s="45">
        <f t="shared" si="921"/>
        <v>45270.24999998002</v>
      </c>
    </row>
    <row r="8273" spans="2:14" x14ac:dyDescent="0.25">
      <c r="B8273">
        <f t="shared" si="915"/>
        <v>7</v>
      </c>
      <c r="C8273" s="16">
        <v>8239</v>
      </c>
      <c r="D8273" cm="1">
        <f t="array" ref="D8273">IFERROR(INDEX(Jesper!AH$2:AH$366,ROUNDDOWN($C8273/24,0)+1,1)*INDEX($D$3:$AA$30,INDEX(Jesper!$R$2:$R$366,ROW(INDEX(Jesper!AH$2:AH$366,ROUNDDOWN($C8273/24,0)+1,1))-1)+IF('Standard Profiles'!$G$18=$B$10,7,0)+IF('Standard Profiles'!$G$18=$B$17,14,0)+IF('Standard Profiles'!$G$18=$B$24,21,0),MOD($C8273,24)+1)/SUM(INDEX($D$3:$AA$30,INDEX(Jesper!$R$2:$R$366,ROW(INDEX(Jesper!AH$2:AH$366,ROUNDDOWN($C8273/24,0)+1,1))-1)+IF('Standard Profiles'!$G$18=$B$10,7,0)+IF('Standard Profiles'!$G$18=$B$17,14,0)+IF('Standard Profiles'!$G$18=$B$24,21,0),0)),0)</f>
        <v>0</v>
      </c>
      <c r="E8273" cm="1">
        <f t="array" ref="E8273">IFERROR(INDEX(Jesper!AI$2:AI$366,ROUNDDOWN($C8273/24,0)+1,1)*INDEX($D$3:$AA$30,INDEX(Jesper!$R$2:$R$366,ROW(INDEX(Jesper!AI$2:AI$366,ROUNDDOWN($C8273/24,0)+1,1))-1)+IF('Standard Profiles'!$G$19=$B$10,7,0)+IF('Standard Profiles'!$G$19=$B$17,14,0)+IF('Standard Profiles'!$G$19=$B$24,21,0),MOD($C8273,24)+1)/SUM(INDEX($D$3:$AA$30,INDEX(Jesper!$R$2:$R$366,ROW(INDEX(Jesper!AI$2:AI$366,ROUNDDOWN($C8273/24,0)+1,1))-1)+IF('Standard Profiles'!$G$19=$B$10,7,0)+IF('Standard Profiles'!$G$19=$B$17,14,0)+IF('Standard Profiles'!$G$19=$B$24,21,0),0)),0)</f>
        <v>5.1240923616641991</v>
      </c>
      <c r="F8273" cm="1">
        <f t="array" ref="F8273">IFERROR(INDEX(Jesper!AJ$2:AJ$366,ROUNDDOWN($C8273/24,0)+1,1)*INDEX($D$3:$AA$30,INDEX(Jesper!$R$2:$R$366,ROW(INDEX(Jesper!AJ$2:AJ$366,ROUNDDOWN($C8273/24,0)+1,1))-1)+IF('Standard Profiles'!$G$20=$B$10,7,0)+IF('Standard Profiles'!$G$20=$B$17,14,0)+IF('Standard Profiles'!$G$20=$B$24,21,0),MOD($C8273,24)+1)/SUM(INDEX($D$3:$AA$30,INDEX(Jesper!$R$2:$R$366,ROW(INDEX(Jesper!AJ$2:AJ$366,ROUNDDOWN($C8273/24,0)+1,1))-1)+IF('Standard Profiles'!$G$20=$B$10,7,0)+IF('Standard Profiles'!$G$20=$B$17,14,0)+IF('Standard Profiles'!$G$20=$B$24,21,0),0)),0)</f>
        <v>4.3620498895175315</v>
      </c>
      <c r="G8273" cm="1">
        <f t="array" ref="G8273">IFERROR(INDEX(Jesper!AK$2:AK$366,ROUNDDOWN($C8273/24,0)+1,1)*INDEX($D$3:$AA$30,INDEX(Jesper!$R$2:$R$366,ROW(INDEX(Jesper!AK$2:AK$366,ROUNDDOWN($C8273/24,0)+1,1))-1)+IF('Standard Profiles'!$G$21=$B$10,7,0)+IF('Standard Profiles'!$G$21=$B$17,14,0)+IF('Standard Profiles'!$G$21=$B$24,21,0),MOD($C8273,24)+1)/SUM(INDEX($D$3:$AA$30,INDEX(Jesper!$R$2:$R$366,ROW(INDEX(Jesper!AK$2:AK$366,ROUNDDOWN($C8273/24,0)+1,1))-1)+IF('Standard Profiles'!$G$21=$B$10,7,0)+IF('Standard Profiles'!$G$21=$B$17,14,0)+IF('Standard Profiles'!$G$21=$B$24,21,0),0)),0)</f>
        <v>7.1478211093564719</v>
      </c>
      <c r="H8273" cm="1">
        <f t="array" ref="H8273">IFERROR(INDEX(Jesper!AL$2:AL$366,ROUNDDOWN($C8273/24,0)+1,1)*INDEX($D$3:$AA$30,INDEX(Jesper!$R$2:$R$366,ROW(INDEX(Jesper!AL$2:AL$366,ROUNDDOWN($C8273/24,0)+1,1))-1)+IF('Standard Profiles'!$G$22=$B$10,7,0)+IF('Standard Profiles'!$G$22=$B$17,14,0)+IF('Standard Profiles'!$G$22=$B$24,21,0),MOD($C8273,24)+1)/SUM(INDEX($D$3:$AA$30,INDEX(Jesper!$R$2:$R$366,ROW(INDEX(Jesper!AL$2:AL$366,ROUNDDOWN($C8273/24,0)+1,1))-1)+IF('Standard Profiles'!$G$22=$B$10,7,0)+IF('Standard Profiles'!$G$22=$B$17,14,0)+IF('Standard Profiles'!$G$22=$B$24,21,0),0)),0)</f>
        <v>6.8970183679397952</v>
      </c>
      <c r="I8273">
        <f t="shared" si="916"/>
        <v>6.6211376332222072</v>
      </c>
      <c r="J8273">
        <f t="shared" si="917"/>
        <v>16.294953011856087</v>
      </c>
      <c r="K8273">
        <f t="shared" si="918"/>
        <v>0.40992738893313596</v>
      </c>
      <c r="L8273">
        <f t="shared" si="919"/>
        <v>0.20496369446656798</v>
      </c>
      <c r="M8273">
        <f t="shared" si="920"/>
        <v>0</v>
      </c>
      <c r="N8273" s="45">
        <f t="shared" si="921"/>
        <v>45270.291666646684</v>
      </c>
    </row>
    <row r="8274" spans="2:14" x14ac:dyDescent="0.25">
      <c r="B8274">
        <f t="shared" si="915"/>
        <v>7</v>
      </c>
      <c r="C8274" s="16">
        <v>8240</v>
      </c>
      <c r="D8274" cm="1">
        <f t="array" ref="D8274">IFERROR(INDEX(Jesper!AH$2:AH$366,ROUNDDOWN($C8274/24,0)+1,1)*INDEX($D$3:$AA$30,INDEX(Jesper!$R$2:$R$366,ROW(INDEX(Jesper!AH$2:AH$366,ROUNDDOWN($C8274/24,0)+1,1))-1)+IF('Standard Profiles'!$G$18=$B$10,7,0)+IF('Standard Profiles'!$G$18=$B$17,14,0)+IF('Standard Profiles'!$G$18=$B$24,21,0),MOD($C8274,24)+1)/SUM(INDEX($D$3:$AA$30,INDEX(Jesper!$R$2:$R$366,ROW(INDEX(Jesper!AH$2:AH$366,ROUNDDOWN($C8274/24,0)+1,1))-1)+IF('Standard Profiles'!$G$18=$B$10,7,0)+IF('Standard Profiles'!$G$18=$B$17,14,0)+IF('Standard Profiles'!$G$18=$B$24,21,0),0)),0)</f>
        <v>0</v>
      </c>
      <c r="E8274" cm="1">
        <f t="array" ref="E8274">IFERROR(INDEX(Jesper!AI$2:AI$366,ROUNDDOWN($C8274/24,0)+1,1)*INDEX($D$3:$AA$30,INDEX(Jesper!$R$2:$R$366,ROW(INDEX(Jesper!AI$2:AI$366,ROUNDDOWN($C8274/24,0)+1,1))-1)+IF('Standard Profiles'!$G$19=$B$10,7,0)+IF('Standard Profiles'!$G$19=$B$17,14,0)+IF('Standard Profiles'!$G$19=$B$24,21,0),MOD($C8274,24)+1)/SUM(INDEX($D$3:$AA$30,INDEX(Jesper!$R$2:$R$366,ROW(INDEX(Jesper!AI$2:AI$366,ROUNDDOWN($C8274/24,0)+1,1))-1)+IF('Standard Profiles'!$G$19=$B$10,7,0)+IF('Standard Profiles'!$G$19=$B$17,14,0)+IF('Standard Profiles'!$G$19=$B$24,21,0),0)),0)</f>
        <v>5.1240923616641991</v>
      </c>
      <c r="F8274" cm="1">
        <f t="array" ref="F8274">IFERROR(INDEX(Jesper!AJ$2:AJ$366,ROUNDDOWN($C8274/24,0)+1,1)*INDEX($D$3:$AA$30,INDEX(Jesper!$R$2:$R$366,ROW(INDEX(Jesper!AJ$2:AJ$366,ROUNDDOWN($C8274/24,0)+1,1))-1)+IF('Standard Profiles'!$G$20=$B$10,7,0)+IF('Standard Profiles'!$G$20=$B$17,14,0)+IF('Standard Profiles'!$G$20=$B$24,21,0),MOD($C8274,24)+1)/SUM(INDEX($D$3:$AA$30,INDEX(Jesper!$R$2:$R$366,ROW(INDEX(Jesper!AJ$2:AJ$366,ROUNDDOWN($C8274/24,0)+1,1))-1)+IF('Standard Profiles'!$G$20=$B$10,7,0)+IF('Standard Profiles'!$G$20=$B$17,14,0)+IF('Standard Profiles'!$G$20=$B$24,21,0),0)),0)</f>
        <v>4.3620498895175315</v>
      </c>
      <c r="G8274" cm="1">
        <f t="array" ref="G8274">IFERROR(INDEX(Jesper!AK$2:AK$366,ROUNDDOWN($C8274/24,0)+1,1)*INDEX($D$3:$AA$30,INDEX(Jesper!$R$2:$R$366,ROW(INDEX(Jesper!AK$2:AK$366,ROUNDDOWN($C8274/24,0)+1,1))-1)+IF('Standard Profiles'!$G$21=$B$10,7,0)+IF('Standard Profiles'!$G$21=$B$17,14,0)+IF('Standard Profiles'!$G$21=$B$24,21,0),MOD($C8274,24)+1)/SUM(INDEX($D$3:$AA$30,INDEX(Jesper!$R$2:$R$366,ROW(INDEX(Jesper!AK$2:AK$366,ROUNDDOWN($C8274/24,0)+1,1))-1)+IF('Standard Profiles'!$G$21=$B$10,7,0)+IF('Standard Profiles'!$G$21=$B$17,14,0)+IF('Standard Profiles'!$G$21=$B$24,21,0),0)),0)</f>
        <v>7.1478211093564719</v>
      </c>
      <c r="H8274" cm="1">
        <f t="array" ref="H8274">IFERROR(INDEX(Jesper!AL$2:AL$366,ROUNDDOWN($C8274/24,0)+1,1)*INDEX($D$3:$AA$30,INDEX(Jesper!$R$2:$R$366,ROW(INDEX(Jesper!AL$2:AL$366,ROUNDDOWN($C8274/24,0)+1,1))-1)+IF('Standard Profiles'!$G$22=$B$10,7,0)+IF('Standard Profiles'!$G$22=$B$17,14,0)+IF('Standard Profiles'!$G$22=$B$24,21,0),MOD($C8274,24)+1)/SUM(INDEX($D$3:$AA$30,INDEX(Jesper!$R$2:$R$366,ROW(INDEX(Jesper!AL$2:AL$366,ROUNDDOWN($C8274/24,0)+1,1))-1)+IF('Standard Profiles'!$G$22=$B$10,7,0)+IF('Standard Profiles'!$G$22=$B$17,14,0)+IF('Standard Profiles'!$G$22=$B$24,21,0),0)),0)</f>
        <v>6.8970183679397952</v>
      </c>
      <c r="I8274">
        <f t="shared" si="916"/>
        <v>6.6211376332222072</v>
      </c>
      <c r="J8274">
        <f t="shared" si="917"/>
        <v>16.294953011856087</v>
      </c>
      <c r="K8274">
        <f t="shared" si="918"/>
        <v>0.40992738893313596</v>
      </c>
      <c r="L8274">
        <f t="shared" si="919"/>
        <v>0.20496369446656798</v>
      </c>
      <c r="M8274">
        <f t="shared" si="920"/>
        <v>0</v>
      </c>
      <c r="N8274" s="45">
        <f t="shared" si="921"/>
        <v>45270.333333313349</v>
      </c>
    </row>
    <row r="8275" spans="2:14" x14ac:dyDescent="0.25">
      <c r="B8275">
        <f t="shared" si="915"/>
        <v>7</v>
      </c>
      <c r="C8275" s="16">
        <v>8241</v>
      </c>
      <c r="D8275" cm="1">
        <f t="array" ref="D8275">IFERROR(INDEX(Jesper!AH$2:AH$366,ROUNDDOWN($C8275/24,0)+1,1)*INDEX($D$3:$AA$30,INDEX(Jesper!$R$2:$R$366,ROW(INDEX(Jesper!AH$2:AH$366,ROUNDDOWN($C8275/24,0)+1,1))-1)+IF('Standard Profiles'!$G$18=$B$10,7,0)+IF('Standard Profiles'!$G$18=$B$17,14,0)+IF('Standard Profiles'!$G$18=$B$24,21,0),MOD($C8275,24)+1)/SUM(INDEX($D$3:$AA$30,INDEX(Jesper!$R$2:$R$366,ROW(INDEX(Jesper!AH$2:AH$366,ROUNDDOWN($C8275/24,0)+1,1))-1)+IF('Standard Profiles'!$G$18=$B$10,7,0)+IF('Standard Profiles'!$G$18=$B$17,14,0)+IF('Standard Profiles'!$G$18=$B$24,21,0),0)),0)</f>
        <v>0</v>
      </c>
      <c r="E8275" cm="1">
        <f t="array" ref="E8275">IFERROR(INDEX(Jesper!AI$2:AI$366,ROUNDDOWN($C8275/24,0)+1,1)*INDEX($D$3:$AA$30,INDEX(Jesper!$R$2:$R$366,ROW(INDEX(Jesper!AI$2:AI$366,ROUNDDOWN($C8275/24,0)+1,1))-1)+IF('Standard Profiles'!$G$19=$B$10,7,0)+IF('Standard Profiles'!$G$19=$B$17,14,0)+IF('Standard Profiles'!$G$19=$B$24,21,0),MOD($C8275,24)+1)/SUM(INDEX($D$3:$AA$30,INDEX(Jesper!$R$2:$R$366,ROW(INDEX(Jesper!AI$2:AI$366,ROUNDDOWN($C8275/24,0)+1,1))-1)+IF('Standard Profiles'!$G$19=$B$10,7,0)+IF('Standard Profiles'!$G$19=$B$17,14,0)+IF('Standard Profiles'!$G$19=$B$24,21,0),0)),0)</f>
        <v>5.1240923616641991</v>
      </c>
      <c r="F8275" cm="1">
        <f t="array" ref="F8275">IFERROR(INDEX(Jesper!AJ$2:AJ$366,ROUNDDOWN($C8275/24,0)+1,1)*INDEX($D$3:$AA$30,INDEX(Jesper!$R$2:$R$366,ROW(INDEX(Jesper!AJ$2:AJ$366,ROUNDDOWN($C8275/24,0)+1,1))-1)+IF('Standard Profiles'!$G$20=$B$10,7,0)+IF('Standard Profiles'!$G$20=$B$17,14,0)+IF('Standard Profiles'!$G$20=$B$24,21,0),MOD($C8275,24)+1)/SUM(INDEX($D$3:$AA$30,INDEX(Jesper!$R$2:$R$366,ROW(INDEX(Jesper!AJ$2:AJ$366,ROUNDDOWN($C8275/24,0)+1,1))-1)+IF('Standard Profiles'!$G$20=$B$10,7,0)+IF('Standard Profiles'!$G$20=$B$17,14,0)+IF('Standard Profiles'!$G$20=$B$24,21,0),0)),0)</f>
        <v>4.3620498895175315</v>
      </c>
      <c r="G8275" cm="1">
        <f t="array" ref="G8275">IFERROR(INDEX(Jesper!AK$2:AK$366,ROUNDDOWN($C8275/24,0)+1,1)*INDEX($D$3:$AA$30,INDEX(Jesper!$R$2:$R$366,ROW(INDEX(Jesper!AK$2:AK$366,ROUNDDOWN($C8275/24,0)+1,1))-1)+IF('Standard Profiles'!$G$21=$B$10,7,0)+IF('Standard Profiles'!$G$21=$B$17,14,0)+IF('Standard Profiles'!$G$21=$B$24,21,0),MOD($C8275,24)+1)/SUM(INDEX($D$3:$AA$30,INDEX(Jesper!$R$2:$R$366,ROW(INDEX(Jesper!AK$2:AK$366,ROUNDDOWN($C8275/24,0)+1,1))-1)+IF('Standard Profiles'!$G$21=$B$10,7,0)+IF('Standard Profiles'!$G$21=$B$17,14,0)+IF('Standard Profiles'!$G$21=$B$24,21,0),0)),0)</f>
        <v>7.1478211093564719</v>
      </c>
      <c r="H8275" cm="1">
        <f t="array" ref="H8275">IFERROR(INDEX(Jesper!AL$2:AL$366,ROUNDDOWN($C8275/24,0)+1,1)*INDEX($D$3:$AA$30,INDEX(Jesper!$R$2:$R$366,ROW(INDEX(Jesper!AL$2:AL$366,ROUNDDOWN($C8275/24,0)+1,1))-1)+IF('Standard Profiles'!$G$22=$B$10,7,0)+IF('Standard Profiles'!$G$22=$B$17,14,0)+IF('Standard Profiles'!$G$22=$B$24,21,0),MOD($C8275,24)+1)/SUM(INDEX($D$3:$AA$30,INDEX(Jesper!$R$2:$R$366,ROW(INDEX(Jesper!AL$2:AL$366,ROUNDDOWN($C8275/24,0)+1,1))-1)+IF('Standard Profiles'!$G$22=$B$10,7,0)+IF('Standard Profiles'!$G$22=$B$17,14,0)+IF('Standard Profiles'!$G$22=$B$24,21,0),0)),0)</f>
        <v>6.8970183679397952</v>
      </c>
      <c r="I8275">
        <f t="shared" si="916"/>
        <v>6.6211376332222072</v>
      </c>
      <c r="J8275">
        <f t="shared" si="917"/>
        <v>16.294953011856087</v>
      </c>
      <c r="K8275">
        <f t="shared" si="918"/>
        <v>0.40992738893313596</v>
      </c>
      <c r="L8275">
        <f t="shared" si="919"/>
        <v>0.20496369446656798</v>
      </c>
      <c r="M8275">
        <f t="shared" si="920"/>
        <v>0</v>
      </c>
      <c r="N8275" s="45">
        <f t="shared" si="921"/>
        <v>45270.374999980013</v>
      </c>
    </row>
    <row r="8276" spans="2:14" x14ac:dyDescent="0.25">
      <c r="B8276">
        <f t="shared" si="915"/>
        <v>7</v>
      </c>
      <c r="C8276" s="16">
        <v>8242</v>
      </c>
      <c r="D8276" cm="1">
        <f t="array" ref="D8276">IFERROR(INDEX(Jesper!AH$2:AH$366,ROUNDDOWN($C8276/24,0)+1,1)*INDEX($D$3:$AA$30,INDEX(Jesper!$R$2:$R$366,ROW(INDEX(Jesper!AH$2:AH$366,ROUNDDOWN($C8276/24,0)+1,1))-1)+IF('Standard Profiles'!$G$18=$B$10,7,0)+IF('Standard Profiles'!$G$18=$B$17,14,0)+IF('Standard Profiles'!$G$18=$B$24,21,0),MOD($C8276,24)+1)/SUM(INDEX($D$3:$AA$30,INDEX(Jesper!$R$2:$R$366,ROW(INDEX(Jesper!AH$2:AH$366,ROUNDDOWN($C8276/24,0)+1,1))-1)+IF('Standard Profiles'!$G$18=$B$10,7,0)+IF('Standard Profiles'!$G$18=$B$17,14,0)+IF('Standard Profiles'!$G$18=$B$24,21,0),0)),0)</f>
        <v>0</v>
      </c>
      <c r="E8276" cm="1">
        <f t="array" ref="E8276">IFERROR(INDEX(Jesper!AI$2:AI$366,ROUNDDOWN($C8276/24,0)+1,1)*INDEX($D$3:$AA$30,INDEX(Jesper!$R$2:$R$366,ROW(INDEX(Jesper!AI$2:AI$366,ROUNDDOWN($C8276/24,0)+1,1))-1)+IF('Standard Profiles'!$G$19=$B$10,7,0)+IF('Standard Profiles'!$G$19=$B$17,14,0)+IF('Standard Profiles'!$G$19=$B$24,21,0),MOD($C8276,24)+1)/SUM(INDEX($D$3:$AA$30,INDEX(Jesper!$R$2:$R$366,ROW(INDEX(Jesper!AI$2:AI$366,ROUNDDOWN($C8276/24,0)+1,1))-1)+IF('Standard Profiles'!$G$19=$B$10,7,0)+IF('Standard Profiles'!$G$19=$B$17,14,0)+IF('Standard Profiles'!$G$19=$B$24,21,0),0)),0)</f>
        <v>5.1240923616641991</v>
      </c>
      <c r="F8276" cm="1">
        <f t="array" ref="F8276">IFERROR(INDEX(Jesper!AJ$2:AJ$366,ROUNDDOWN($C8276/24,0)+1,1)*INDEX($D$3:$AA$30,INDEX(Jesper!$R$2:$R$366,ROW(INDEX(Jesper!AJ$2:AJ$366,ROUNDDOWN($C8276/24,0)+1,1))-1)+IF('Standard Profiles'!$G$20=$B$10,7,0)+IF('Standard Profiles'!$G$20=$B$17,14,0)+IF('Standard Profiles'!$G$20=$B$24,21,0),MOD($C8276,24)+1)/SUM(INDEX($D$3:$AA$30,INDEX(Jesper!$R$2:$R$366,ROW(INDEX(Jesper!AJ$2:AJ$366,ROUNDDOWN($C8276/24,0)+1,1))-1)+IF('Standard Profiles'!$G$20=$B$10,7,0)+IF('Standard Profiles'!$G$20=$B$17,14,0)+IF('Standard Profiles'!$G$20=$B$24,21,0),0)),0)</f>
        <v>4.3620498895175315</v>
      </c>
      <c r="G8276" cm="1">
        <f t="array" ref="G8276">IFERROR(INDEX(Jesper!AK$2:AK$366,ROUNDDOWN($C8276/24,0)+1,1)*INDEX($D$3:$AA$30,INDEX(Jesper!$R$2:$R$366,ROW(INDEX(Jesper!AK$2:AK$366,ROUNDDOWN($C8276/24,0)+1,1))-1)+IF('Standard Profiles'!$G$21=$B$10,7,0)+IF('Standard Profiles'!$G$21=$B$17,14,0)+IF('Standard Profiles'!$G$21=$B$24,21,0),MOD($C8276,24)+1)/SUM(INDEX($D$3:$AA$30,INDEX(Jesper!$R$2:$R$366,ROW(INDEX(Jesper!AK$2:AK$366,ROUNDDOWN($C8276/24,0)+1,1))-1)+IF('Standard Profiles'!$G$21=$B$10,7,0)+IF('Standard Profiles'!$G$21=$B$17,14,0)+IF('Standard Profiles'!$G$21=$B$24,21,0),0)),0)</f>
        <v>7.1478211093564719</v>
      </c>
      <c r="H8276" cm="1">
        <f t="array" ref="H8276">IFERROR(INDEX(Jesper!AL$2:AL$366,ROUNDDOWN($C8276/24,0)+1,1)*INDEX($D$3:$AA$30,INDEX(Jesper!$R$2:$R$366,ROW(INDEX(Jesper!AL$2:AL$366,ROUNDDOWN($C8276/24,0)+1,1))-1)+IF('Standard Profiles'!$G$22=$B$10,7,0)+IF('Standard Profiles'!$G$22=$B$17,14,0)+IF('Standard Profiles'!$G$22=$B$24,21,0),MOD($C8276,24)+1)/SUM(INDEX($D$3:$AA$30,INDEX(Jesper!$R$2:$R$366,ROW(INDEX(Jesper!AL$2:AL$366,ROUNDDOWN($C8276/24,0)+1,1))-1)+IF('Standard Profiles'!$G$22=$B$10,7,0)+IF('Standard Profiles'!$G$22=$B$17,14,0)+IF('Standard Profiles'!$G$22=$B$24,21,0),0)),0)</f>
        <v>6.8970183679397952</v>
      </c>
      <c r="I8276">
        <f t="shared" si="916"/>
        <v>6.6211376332222072</v>
      </c>
      <c r="J8276">
        <f t="shared" si="917"/>
        <v>16.294953011856087</v>
      </c>
      <c r="K8276">
        <f t="shared" si="918"/>
        <v>0.40992738893313596</v>
      </c>
      <c r="L8276">
        <f t="shared" si="919"/>
        <v>0.20496369446656798</v>
      </c>
      <c r="M8276">
        <f t="shared" si="920"/>
        <v>0</v>
      </c>
      <c r="N8276" s="45">
        <f t="shared" si="921"/>
        <v>45270.416666646677</v>
      </c>
    </row>
    <row r="8277" spans="2:14" x14ac:dyDescent="0.25">
      <c r="B8277">
        <f t="shared" si="915"/>
        <v>7</v>
      </c>
      <c r="C8277" s="16">
        <v>8243</v>
      </c>
      <c r="D8277" cm="1">
        <f t="array" ref="D8277">IFERROR(INDEX(Jesper!AH$2:AH$366,ROUNDDOWN($C8277/24,0)+1,1)*INDEX($D$3:$AA$30,INDEX(Jesper!$R$2:$R$366,ROW(INDEX(Jesper!AH$2:AH$366,ROUNDDOWN($C8277/24,0)+1,1))-1)+IF('Standard Profiles'!$G$18=$B$10,7,0)+IF('Standard Profiles'!$G$18=$B$17,14,0)+IF('Standard Profiles'!$G$18=$B$24,21,0),MOD($C8277,24)+1)/SUM(INDEX($D$3:$AA$30,INDEX(Jesper!$R$2:$R$366,ROW(INDEX(Jesper!AH$2:AH$366,ROUNDDOWN($C8277/24,0)+1,1))-1)+IF('Standard Profiles'!$G$18=$B$10,7,0)+IF('Standard Profiles'!$G$18=$B$17,14,0)+IF('Standard Profiles'!$G$18=$B$24,21,0),0)),0)</f>
        <v>0</v>
      </c>
      <c r="E8277" cm="1">
        <f t="array" ref="E8277">IFERROR(INDEX(Jesper!AI$2:AI$366,ROUNDDOWN($C8277/24,0)+1,1)*INDEX($D$3:$AA$30,INDEX(Jesper!$R$2:$R$366,ROW(INDEX(Jesper!AI$2:AI$366,ROUNDDOWN($C8277/24,0)+1,1))-1)+IF('Standard Profiles'!$G$19=$B$10,7,0)+IF('Standard Profiles'!$G$19=$B$17,14,0)+IF('Standard Profiles'!$G$19=$B$24,21,0),MOD($C8277,24)+1)/SUM(INDEX($D$3:$AA$30,INDEX(Jesper!$R$2:$R$366,ROW(INDEX(Jesper!AI$2:AI$366,ROUNDDOWN($C8277/24,0)+1,1))-1)+IF('Standard Profiles'!$G$19=$B$10,7,0)+IF('Standard Profiles'!$G$19=$B$17,14,0)+IF('Standard Profiles'!$G$19=$B$24,21,0),0)),0)</f>
        <v>5.1240923616641991</v>
      </c>
      <c r="F8277" cm="1">
        <f t="array" ref="F8277">IFERROR(INDEX(Jesper!AJ$2:AJ$366,ROUNDDOWN($C8277/24,0)+1,1)*INDEX($D$3:$AA$30,INDEX(Jesper!$R$2:$R$366,ROW(INDEX(Jesper!AJ$2:AJ$366,ROUNDDOWN($C8277/24,0)+1,1))-1)+IF('Standard Profiles'!$G$20=$B$10,7,0)+IF('Standard Profiles'!$G$20=$B$17,14,0)+IF('Standard Profiles'!$G$20=$B$24,21,0),MOD($C8277,24)+1)/SUM(INDEX($D$3:$AA$30,INDEX(Jesper!$R$2:$R$366,ROW(INDEX(Jesper!AJ$2:AJ$366,ROUNDDOWN($C8277/24,0)+1,1))-1)+IF('Standard Profiles'!$G$20=$B$10,7,0)+IF('Standard Profiles'!$G$20=$B$17,14,0)+IF('Standard Profiles'!$G$20=$B$24,21,0),0)),0)</f>
        <v>4.3620498895175315</v>
      </c>
      <c r="G8277" cm="1">
        <f t="array" ref="G8277">IFERROR(INDEX(Jesper!AK$2:AK$366,ROUNDDOWN($C8277/24,0)+1,1)*INDEX($D$3:$AA$30,INDEX(Jesper!$R$2:$R$366,ROW(INDEX(Jesper!AK$2:AK$366,ROUNDDOWN($C8277/24,0)+1,1))-1)+IF('Standard Profiles'!$G$21=$B$10,7,0)+IF('Standard Profiles'!$G$21=$B$17,14,0)+IF('Standard Profiles'!$G$21=$B$24,21,0),MOD($C8277,24)+1)/SUM(INDEX($D$3:$AA$30,INDEX(Jesper!$R$2:$R$366,ROW(INDEX(Jesper!AK$2:AK$366,ROUNDDOWN($C8277/24,0)+1,1))-1)+IF('Standard Profiles'!$G$21=$B$10,7,0)+IF('Standard Profiles'!$G$21=$B$17,14,0)+IF('Standard Profiles'!$G$21=$B$24,21,0),0)),0)</f>
        <v>7.1478211093564719</v>
      </c>
      <c r="H8277" cm="1">
        <f t="array" ref="H8277">IFERROR(INDEX(Jesper!AL$2:AL$366,ROUNDDOWN($C8277/24,0)+1,1)*INDEX($D$3:$AA$30,INDEX(Jesper!$R$2:$R$366,ROW(INDEX(Jesper!AL$2:AL$366,ROUNDDOWN($C8277/24,0)+1,1))-1)+IF('Standard Profiles'!$G$22=$B$10,7,0)+IF('Standard Profiles'!$G$22=$B$17,14,0)+IF('Standard Profiles'!$G$22=$B$24,21,0),MOD($C8277,24)+1)/SUM(INDEX($D$3:$AA$30,INDEX(Jesper!$R$2:$R$366,ROW(INDEX(Jesper!AL$2:AL$366,ROUNDDOWN($C8277/24,0)+1,1))-1)+IF('Standard Profiles'!$G$22=$B$10,7,0)+IF('Standard Profiles'!$G$22=$B$17,14,0)+IF('Standard Profiles'!$G$22=$B$24,21,0),0)),0)</f>
        <v>6.8970183679397952</v>
      </c>
      <c r="I8277">
        <f t="shared" si="916"/>
        <v>6.6211376332222072</v>
      </c>
      <c r="J8277">
        <f t="shared" si="917"/>
        <v>16.294953011856087</v>
      </c>
      <c r="K8277">
        <f t="shared" si="918"/>
        <v>0.40992738893313596</v>
      </c>
      <c r="L8277">
        <f t="shared" si="919"/>
        <v>0.20496369446656798</v>
      </c>
      <c r="M8277">
        <f t="shared" si="920"/>
        <v>0</v>
      </c>
      <c r="N8277" s="45">
        <f t="shared" si="921"/>
        <v>45270.458333313341</v>
      </c>
    </row>
    <row r="8278" spans="2:14" x14ac:dyDescent="0.25">
      <c r="B8278">
        <f t="shared" si="915"/>
        <v>7</v>
      </c>
      <c r="C8278" s="16">
        <v>8244</v>
      </c>
      <c r="D8278" cm="1">
        <f t="array" ref="D8278">IFERROR(INDEX(Jesper!AH$2:AH$366,ROUNDDOWN($C8278/24,0)+1,1)*INDEX($D$3:$AA$30,INDEX(Jesper!$R$2:$R$366,ROW(INDEX(Jesper!AH$2:AH$366,ROUNDDOWN($C8278/24,0)+1,1))-1)+IF('Standard Profiles'!$G$18=$B$10,7,0)+IF('Standard Profiles'!$G$18=$B$17,14,0)+IF('Standard Profiles'!$G$18=$B$24,21,0),MOD($C8278,24)+1)/SUM(INDEX($D$3:$AA$30,INDEX(Jesper!$R$2:$R$366,ROW(INDEX(Jesper!AH$2:AH$366,ROUNDDOWN($C8278/24,0)+1,1))-1)+IF('Standard Profiles'!$G$18=$B$10,7,0)+IF('Standard Profiles'!$G$18=$B$17,14,0)+IF('Standard Profiles'!$G$18=$B$24,21,0),0)),0)</f>
        <v>0</v>
      </c>
      <c r="E8278" cm="1">
        <f t="array" ref="E8278">IFERROR(INDEX(Jesper!AI$2:AI$366,ROUNDDOWN($C8278/24,0)+1,1)*INDEX($D$3:$AA$30,INDEX(Jesper!$R$2:$R$366,ROW(INDEX(Jesper!AI$2:AI$366,ROUNDDOWN($C8278/24,0)+1,1))-1)+IF('Standard Profiles'!$G$19=$B$10,7,0)+IF('Standard Profiles'!$G$19=$B$17,14,0)+IF('Standard Profiles'!$G$19=$B$24,21,0),MOD($C8278,24)+1)/SUM(INDEX($D$3:$AA$30,INDEX(Jesper!$R$2:$R$366,ROW(INDEX(Jesper!AI$2:AI$366,ROUNDDOWN($C8278/24,0)+1,1))-1)+IF('Standard Profiles'!$G$19=$B$10,7,0)+IF('Standard Profiles'!$G$19=$B$17,14,0)+IF('Standard Profiles'!$G$19=$B$24,21,0),0)),0)</f>
        <v>5.1240923616641991</v>
      </c>
      <c r="F8278" cm="1">
        <f t="array" ref="F8278">IFERROR(INDEX(Jesper!AJ$2:AJ$366,ROUNDDOWN($C8278/24,0)+1,1)*INDEX($D$3:$AA$30,INDEX(Jesper!$R$2:$R$366,ROW(INDEX(Jesper!AJ$2:AJ$366,ROUNDDOWN($C8278/24,0)+1,1))-1)+IF('Standard Profiles'!$G$20=$B$10,7,0)+IF('Standard Profiles'!$G$20=$B$17,14,0)+IF('Standard Profiles'!$G$20=$B$24,21,0),MOD($C8278,24)+1)/SUM(INDEX($D$3:$AA$30,INDEX(Jesper!$R$2:$R$366,ROW(INDEX(Jesper!AJ$2:AJ$366,ROUNDDOWN($C8278/24,0)+1,1))-1)+IF('Standard Profiles'!$G$20=$B$10,7,0)+IF('Standard Profiles'!$G$20=$B$17,14,0)+IF('Standard Profiles'!$G$20=$B$24,21,0),0)),0)</f>
        <v>4.3620498895175315</v>
      </c>
      <c r="G8278" cm="1">
        <f t="array" ref="G8278">IFERROR(INDEX(Jesper!AK$2:AK$366,ROUNDDOWN($C8278/24,0)+1,1)*INDEX($D$3:$AA$30,INDEX(Jesper!$R$2:$R$366,ROW(INDEX(Jesper!AK$2:AK$366,ROUNDDOWN($C8278/24,0)+1,1))-1)+IF('Standard Profiles'!$G$21=$B$10,7,0)+IF('Standard Profiles'!$G$21=$B$17,14,0)+IF('Standard Profiles'!$G$21=$B$24,21,0),MOD($C8278,24)+1)/SUM(INDEX($D$3:$AA$30,INDEX(Jesper!$R$2:$R$366,ROW(INDEX(Jesper!AK$2:AK$366,ROUNDDOWN($C8278/24,0)+1,1))-1)+IF('Standard Profiles'!$G$21=$B$10,7,0)+IF('Standard Profiles'!$G$21=$B$17,14,0)+IF('Standard Profiles'!$G$21=$B$24,21,0),0)),0)</f>
        <v>7.1478211093564719</v>
      </c>
      <c r="H8278" cm="1">
        <f t="array" ref="H8278">IFERROR(INDEX(Jesper!AL$2:AL$366,ROUNDDOWN($C8278/24,0)+1,1)*INDEX($D$3:$AA$30,INDEX(Jesper!$R$2:$R$366,ROW(INDEX(Jesper!AL$2:AL$366,ROUNDDOWN($C8278/24,0)+1,1))-1)+IF('Standard Profiles'!$G$22=$B$10,7,0)+IF('Standard Profiles'!$G$22=$B$17,14,0)+IF('Standard Profiles'!$G$22=$B$24,21,0),MOD($C8278,24)+1)/SUM(INDEX($D$3:$AA$30,INDEX(Jesper!$R$2:$R$366,ROW(INDEX(Jesper!AL$2:AL$366,ROUNDDOWN($C8278/24,0)+1,1))-1)+IF('Standard Profiles'!$G$22=$B$10,7,0)+IF('Standard Profiles'!$G$22=$B$17,14,0)+IF('Standard Profiles'!$G$22=$B$24,21,0),0)),0)</f>
        <v>6.8970183679397952</v>
      </c>
      <c r="I8278">
        <f t="shared" si="916"/>
        <v>6.6211376332222072</v>
      </c>
      <c r="J8278">
        <f t="shared" si="917"/>
        <v>16.294953011856087</v>
      </c>
      <c r="K8278">
        <f t="shared" si="918"/>
        <v>0.40992738893313596</v>
      </c>
      <c r="L8278">
        <f t="shared" si="919"/>
        <v>0.20496369446656798</v>
      </c>
      <c r="M8278">
        <f t="shared" si="920"/>
        <v>0</v>
      </c>
      <c r="N8278" s="45">
        <f t="shared" si="921"/>
        <v>45270.499999980006</v>
      </c>
    </row>
    <row r="8279" spans="2:14" x14ac:dyDescent="0.25">
      <c r="B8279">
        <f t="shared" si="915"/>
        <v>7</v>
      </c>
      <c r="C8279" s="16">
        <v>8245</v>
      </c>
      <c r="D8279" cm="1">
        <f t="array" ref="D8279">IFERROR(INDEX(Jesper!AH$2:AH$366,ROUNDDOWN($C8279/24,0)+1,1)*INDEX($D$3:$AA$30,INDEX(Jesper!$R$2:$R$366,ROW(INDEX(Jesper!AH$2:AH$366,ROUNDDOWN($C8279/24,0)+1,1))-1)+IF('Standard Profiles'!$G$18=$B$10,7,0)+IF('Standard Profiles'!$G$18=$B$17,14,0)+IF('Standard Profiles'!$G$18=$B$24,21,0),MOD($C8279,24)+1)/SUM(INDEX($D$3:$AA$30,INDEX(Jesper!$R$2:$R$366,ROW(INDEX(Jesper!AH$2:AH$366,ROUNDDOWN($C8279/24,0)+1,1))-1)+IF('Standard Profiles'!$G$18=$B$10,7,0)+IF('Standard Profiles'!$G$18=$B$17,14,0)+IF('Standard Profiles'!$G$18=$B$24,21,0),0)),0)</f>
        <v>0</v>
      </c>
      <c r="E8279" cm="1">
        <f t="array" ref="E8279">IFERROR(INDEX(Jesper!AI$2:AI$366,ROUNDDOWN($C8279/24,0)+1,1)*INDEX($D$3:$AA$30,INDEX(Jesper!$R$2:$R$366,ROW(INDEX(Jesper!AI$2:AI$366,ROUNDDOWN($C8279/24,0)+1,1))-1)+IF('Standard Profiles'!$G$19=$B$10,7,0)+IF('Standard Profiles'!$G$19=$B$17,14,0)+IF('Standard Profiles'!$G$19=$B$24,21,0),MOD($C8279,24)+1)/SUM(INDEX($D$3:$AA$30,INDEX(Jesper!$R$2:$R$366,ROW(INDEX(Jesper!AI$2:AI$366,ROUNDDOWN($C8279/24,0)+1,1))-1)+IF('Standard Profiles'!$G$19=$B$10,7,0)+IF('Standard Profiles'!$G$19=$B$17,14,0)+IF('Standard Profiles'!$G$19=$B$24,21,0),0)),0)</f>
        <v>5.1240923616641991</v>
      </c>
      <c r="F8279" cm="1">
        <f t="array" ref="F8279">IFERROR(INDEX(Jesper!AJ$2:AJ$366,ROUNDDOWN($C8279/24,0)+1,1)*INDEX($D$3:$AA$30,INDEX(Jesper!$R$2:$R$366,ROW(INDEX(Jesper!AJ$2:AJ$366,ROUNDDOWN($C8279/24,0)+1,1))-1)+IF('Standard Profiles'!$G$20=$B$10,7,0)+IF('Standard Profiles'!$G$20=$B$17,14,0)+IF('Standard Profiles'!$G$20=$B$24,21,0),MOD($C8279,24)+1)/SUM(INDEX($D$3:$AA$30,INDEX(Jesper!$R$2:$R$366,ROW(INDEX(Jesper!AJ$2:AJ$366,ROUNDDOWN($C8279/24,0)+1,1))-1)+IF('Standard Profiles'!$G$20=$B$10,7,0)+IF('Standard Profiles'!$G$20=$B$17,14,0)+IF('Standard Profiles'!$G$20=$B$24,21,0),0)),0)</f>
        <v>4.3620498895175315</v>
      </c>
      <c r="G8279" cm="1">
        <f t="array" ref="G8279">IFERROR(INDEX(Jesper!AK$2:AK$366,ROUNDDOWN($C8279/24,0)+1,1)*INDEX($D$3:$AA$30,INDEX(Jesper!$R$2:$R$366,ROW(INDEX(Jesper!AK$2:AK$366,ROUNDDOWN($C8279/24,0)+1,1))-1)+IF('Standard Profiles'!$G$21=$B$10,7,0)+IF('Standard Profiles'!$G$21=$B$17,14,0)+IF('Standard Profiles'!$G$21=$B$24,21,0),MOD($C8279,24)+1)/SUM(INDEX($D$3:$AA$30,INDEX(Jesper!$R$2:$R$366,ROW(INDEX(Jesper!AK$2:AK$366,ROUNDDOWN($C8279/24,0)+1,1))-1)+IF('Standard Profiles'!$G$21=$B$10,7,0)+IF('Standard Profiles'!$G$21=$B$17,14,0)+IF('Standard Profiles'!$G$21=$B$24,21,0),0)),0)</f>
        <v>7.1478211093564719</v>
      </c>
      <c r="H8279" cm="1">
        <f t="array" ref="H8279">IFERROR(INDEX(Jesper!AL$2:AL$366,ROUNDDOWN($C8279/24,0)+1,1)*INDEX($D$3:$AA$30,INDEX(Jesper!$R$2:$R$366,ROW(INDEX(Jesper!AL$2:AL$366,ROUNDDOWN($C8279/24,0)+1,1))-1)+IF('Standard Profiles'!$G$22=$B$10,7,0)+IF('Standard Profiles'!$G$22=$B$17,14,0)+IF('Standard Profiles'!$G$22=$B$24,21,0),MOD($C8279,24)+1)/SUM(INDEX($D$3:$AA$30,INDEX(Jesper!$R$2:$R$366,ROW(INDEX(Jesper!AL$2:AL$366,ROUNDDOWN($C8279/24,0)+1,1))-1)+IF('Standard Profiles'!$G$22=$B$10,7,0)+IF('Standard Profiles'!$G$22=$B$17,14,0)+IF('Standard Profiles'!$G$22=$B$24,21,0),0)),0)</f>
        <v>6.8970183679397952</v>
      </c>
      <c r="I8279">
        <f t="shared" si="916"/>
        <v>6.6211376332222072</v>
      </c>
      <c r="J8279">
        <f t="shared" si="917"/>
        <v>16.294953011856087</v>
      </c>
      <c r="K8279">
        <f t="shared" si="918"/>
        <v>0.40992738893313596</v>
      </c>
      <c r="L8279">
        <f t="shared" si="919"/>
        <v>0.20496369446656798</v>
      </c>
      <c r="M8279">
        <f t="shared" si="920"/>
        <v>0</v>
      </c>
      <c r="N8279" s="45">
        <f t="shared" si="921"/>
        <v>45270.54166664667</v>
      </c>
    </row>
    <row r="8280" spans="2:14" x14ac:dyDescent="0.25">
      <c r="B8280">
        <f t="shared" si="915"/>
        <v>7</v>
      </c>
      <c r="C8280" s="16">
        <v>8246</v>
      </c>
      <c r="D8280" cm="1">
        <f t="array" ref="D8280">IFERROR(INDEX(Jesper!AH$2:AH$366,ROUNDDOWN($C8280/24,0)+1,1)*INDEX($D$3:$AA$30,INDEX(Jesper!$R$2:$R$366,ROW(INDEX(Jesper!AH$2:AH$366,ROUNDDOWN($C8280/24,0)+1,1))-1)+IF('Standard Profiles'!$G$18=$B$10,7,0)+IF('Standard Profiles'!$G$18=$B$17,14,0)+IF('Standard Profiles'!$G$18=$B$24,21,0),MOD($C8280,24)+1)/SUM(INDEX($D$3:$AA$30,INDEX(Jesper!$R$2:$R$366,ROW(INDEX(Jesper!AH$2:AH$366,ROUNDDOWN($C8280/24,0)+1,1))-1)+IF('Standard Profiles'!$G$18=$B$10,7,0)+IF('Standard Profiles'!$G$18=$B$17,14,0)+IF('Standard Profiles'!$G$18=$B$24,21,0),0)),0)</f>
        <v>0</v>
      </c>
      <c r="E8280" cm="1">
        <f t="array" ref="E8280">IFERROR(INDEX(Jesper!AI$2:AI$366,ROUNDDOWN($C8280/24,0)+1,1)*INDEX($D$3:$AA$30,INDEX(Jesper!$R$2:$R$366,ROW(INDEX(Jesper!AI$2:AI$366,ROUNDDOWN($C8280/24,0)+1,1))-1)+IF('Standard Profiles'!$G$19=$B$10,7,0)+IF('Standard Profiles'!$G$19=$B$17,14,0)+IF('Standard Profiles'!$G$19=$B$24,21,0),MOD($C8280,24)+1)/SUM(INDEX($D$3:$AA$30,INDEX(Jesper!$R$2:$R$366,ROW(INDEX(Jesper!AI$2:AI$366,ROUNDDOWN($C8280/24,0)+1,1))-1)+IF('Standard Profiles'!$G$19=$B$10,7,0)+IF('Standard Profiles'!$G$19=$B$17,14,0)+IF('Standard Profiles'!$G$19=$B$24,21,0),0)),0)</f>
        <v>5.1240923616641991</v>
      </c>
      <c r="F8280" cm="1">
        <f t="array" ref="F8280">IFERROR(INDEX(Jesper!AJ$2:AJ$366,ROUNDDOWN($C8280/24,0)+1,1)*INDEX($D$3:$AA$30,INDEX(Jesper!$R$2:$R$366,ROW(INDEX(Jesper!AJ$2:AJ$366,ROUNDDOWN($C8280/24,0)+1,1))-1)+IF('Standard Profiles'!$G$20=$B$10,7,0)+IF('Standard Profiles'!$G$20=$B$17,14,0)+IF('Standard Profiles'!$G$20=$B$24,21,0),MOD($C8280,24)+1)/SUM(INDEX($D$3:$AA$30,INDEX(Jesper!$R$2:$R$366,ROW(INDEX(Jesper!AJ$2:AJ$366,ROUNDDOWN($C8280/24,0)+1,1))-1)+IF('Standard Profiles'!$G$20=$B$10,7,0)+IF('Standard Profiles'!$G$20=$B$17,14,0)+IF('Standard Profiles'!$G$20=$B$24,21,0),0)),0)</f>
        <v>4.3620498895175315</v>
      </c>
      <c r="G8280" cm="1">
        <f t="array" ref="G8280">IFERROR(INDEX(Jesper!AK$2:AK$366,ROUNDDOWN($C8280/24,0)+1,1)*INDEX($D$3:$AA$30,INDEX(Jesper!$R$2:$R$366,ROW(INDEX(Jesper!AK$2:AK$366,ROUNDDOWN($C8280/24,0)+1,1))-1)+IF('Standard Profiles'!$G$21=$B$10,7,0)+IF('Standard Profiles'!$G$21=$B$17,14,0)+IF('Standard Profiles'!$G$21=$B$24,21,0),MOD($C8280,24)+1)/SUM(INDEX($D$3:$AA$30,INDEX(Jesper!$R$2:$R$366,ROW(INDEX(Jesper!AK$2:AK$366,ROUNDDOWN($C8280/24,0)+1,1))-1)+IF('Standard Profiles'!$G$21=$B$10,7,0)+IF('Standard Profiles'!$G$21=$B$17,14,0)+IF('Standard Profiles'!$G$21=$B$24,21,0),0)),0)</f>
        <v>7.1478211093564719</v>
      </c>
      <c r="H8280" cm="1">
        <f t="array" ref="H8280">IFERROR(INDEX(Jesper!AL$2:AL$366,ROUNDDOWN($C8280/24,0)+1,1)*INDEX($D$3:$AA$30,INDEX(Jesper!$R$2:$R$366,ROW(INDEX(Jesper!AL$2:AL$366,ROUNDDOWN($C8280/24,0)+1,1))-1)+IF('Standard Profiles'!$G$22=$B$10,7,0)+IF('Standard Profiles'!$G$22=$B$17,14,0)+IF('Standard Profiles'!$G$22=$B$24,21,0),MOD($C8280,24)+1)/SUM(INDEX($D$3:$AA$30,INDEX(Jesper!$R$2:$R$366,ROW(INDEX(Jesper!AL$2:AL$366,ROUNDDOWN($C8280/24,0)+1,1))-1)+IF('Standard Profiles'!$G$22=$B$10,7,0)+IF('Standard Profiles'!$G$22=$B$17,14,0)+IF('Standard Profiles'!$G$22=$B$24,21,0),0)),0)</f>
        <v>6.8970183679397952</v>
      </c>
      <c r="I8280">
        <f t="shared" si="916"/>
        <v>6.6211376332222072</v>
      </c>
      <c r="J8280">
        <f t="shared" si="917"/>
        <v>16.294953011856087</v>
      </c>
      <c r="K8280">
        <f t="shared" si="918"/>
        <v>0.40992738893313596</v>
      </c>
      <c r="L8280">
        <f t="shared" si="919"/>
        <v>0.20496369446656798</v>
      </c>
      <c r="M8280">
        <f t="shared" si="920"/>
        <v>0</v>
      </c>
      <c r="N8280" s="45">
        <f t="shared" si="921"/>
        <v>45270.583333313334</v>
      </c>
    </row>
    <row r="8281" spans="2:14" x14ac:dyDescent="0.25">
      <c r="B8281">
        <f t="shared" si="915"/>
        <v>7</v>
      </c>
      <c r="C8281" s="16">
        <v>8247</v>
      </c>
      <c r="D8281" cm="1">
        <f t="array" ref="D8281">IFERROR(INDEX(Jesper!AH$2:AH$366,ROUNDDOWN($C8281/24,0)+1,1)*INDEX($D$3:$AA$30,INDEX(Jesper!$R$2:$R$366,ROW(INDEX(Jesper!AH$2:AH$366,ROUNDDOWN($C8281/24,0)+1,1))-1)+IF('Standard Profiles'!$G$18=$B$10,7,0)+IF('Standard Profiles'!$G$18=$B$17,14,0)+IF('Standard Profiles'!$G$18=$B$24,21,0),MOD($C8281,24)+1)/SUM(INDEX($D$3:$AA$30,INDEX(Jesper!$R$2:$R$366,ROW(INDEX(Jesper!AH$2:AH$366,ROUNDDOWN($C8281/24,0)+1,1))-1)+IF('Standard Profiles'!$G$18=$B$10,7,0)+IF('Standard Profiles'!$G$18=$B$17,14,0)+IF('Standard Profiles'!$G$18=$B$24,21,0),0)),0)</f>
        <v>0</v>
      </c>
      <c r="E8281" cm="1">
        <f t="array" ref="E8281">IFERROR(INDEX(Jesper!AI$2:AI$366,ROUNDDOWN($C8281/24,0)+1,1)*INDEX($D$3:$AA$30,INDEX(Jesper!$R$2:$R$366,ROW(INDEX(Jesper!AI$2:AI$366,ROUNDDOWN($C8281/24,0)+1,1))-1)+IF('Standard Profiles'!$G$19=$B$10,7,0)+IF('Standard Profiles'!$G$19=$B$17,14,0)+IF('Standard Profiles'!$G$19=$B$24,21,0),MOD($C8281,24)+1)/SUM(INDEX($D$3:$AA$30,INDEX(Jesper!$R$2:$R$366,ROW(INDEX(Jesper!AI$2:AI$366,ROUNDDOWN($C8281/24,0)+1,1))-1)+IF('Standard Profiles'!$G$19=$B$10,7,0)+IF('Standard Profiles'!$G$19=$B$17,14,0)+IF('Standard Profiles'!$G$19=$B$24,21,0),0)),0)</f>
        <v>5.1240923616641991</v>
      </c>
      <c r="F8281" cm="1">
        <f t="array" ref="F8281">IFERROR(INDEX(Jesper!AJ$2:AJ$366,ROUNDDOWN($C8281/24,0)+1,1)*INDEX($D$3:$AA$30,INDEX(Jesper!$R$2:$R$366,ROW(INDEX(Jesper!AJ$2:AJ$366,ROUNDDOWN($C8281/24,0)+1,1))-1)+IF('Standard Profiles'!$G$20=$B$10,7,0)+IF('Standard Profiles'!$G$20=$B$17,14,0)+IF('Standard Profiles'!$G$20=$B$24,21,0),MOD($C8281,24)+1)/SUM(INDEX($D$3:$AA$30,INDEX(Jesper!$R$2:$R$366,ROW(INDEX(Jesper!AJ$2:AJ$366,ROUNDDOWN($C8281/24,0)+1,1))-1)+IF('Standard Profiles'!$G$20=$B$10,7,0)+IF('Standard Profiles'!$G$20=$B$17,14,0)+IF('Standard Profiles'!$G$20=$B$24,21,0),0)),0)</f>
        <v>4.3620498895175315</v>
      </c>
      <c r="G8281" cm="1">
        <f t="array" ref="G8281">IFERROR(INDEX(Jesper!AK$2:AK$366,ROUNDDOWN($C8281/24,0)+1,1)*INDEX($D$3:$AA$30,INDEX(Jesper!$R$2:$R$366,ROW(INDEX(Jesper!AK$2:AK$366,ROUNDDOWN($C8281/24,0)+1,1))-1)+IF('Standard Profiles'!$G$21=$B$10,7,0)+IF('Standard Profiles'!$G$21=$B$17,14,0)+IF('Standard Profiles'!$G$21=$B$24,21,0),MOD($C8281,24)+1)/SUM(INDEX($D$3:$AA$30,INDEX(Jesper!$R$2:$R$366,ROW(INDEX(Jesper!AK$2:AK$366,ROUNDDOWN($C8281/24,0)+1,1))-1)+IF('Standard Profiles'!$G$21=$B$10,7,0)+IF('Standard Profiles'!$G$21=$B$17,14,0)+IF('Standard Profiles'!$G$21=$B$24,21,0),0)),0)</f>
        <v>7.1478211093564719</v>
      </c>
      <c r="H8281" cm="1">
        <f t="array" ref="H8281">IFERROR(INDEX(Jesper!AL$2:AL$366,ROUNDDOWN($C8281/24,0)+1,1)*INDEX($D$3:$AA$30,INDEX(Jesper!$R$2:$R$366,ROW(INDEX(Jesper!AL$2:AL$366,ROUNDDOWN($C8281/24,0)+1,1))-1)+IF('Standard Profiles'!$G$22=$B$10,7,0)+IF('Standard Profiles'!$G$22=$B$17,14,0)+IF('Standard Profiles'!$G$22=$B$24,21,0),MOD($C8281,24)+1)/SUM(INDEX($D$3:$AA$30,INDEX(Jesper!$R$2:$R$366,ROW(INDEX(Jesper!AL$2:AL$366,ROUNDDOWN($C8281/24,0)+1,1))-1)+IF('Standard Profiles'!$G$22=$B$10,7,0)+IF('Standard Profiles'!$G$22=$B$17,14,0)+IF('Standard Profiles'!$G$22=$B$24,21,0),0)),0)</f>
        <v>6.1306829937242631</v>
      </c>
      <c r="I8281">
        <f t="shared" si="916"/>
        <v>5.8854556739752955</v>
      </c>
      <c r="J8281">
        <f t="shared" si="917"/>
        <v>16.264299596887465</v>
      </c>
      <c r="K8281">
        <f t="shared" si="918"/>
        <v>0.40992738893313596</v>
      </c>
      <c r="L8281">
        <f t="shared" si="919"/>
        <v>0.20496369446656798</v>
      </c>
      <c r="M8281">
        <f t="shared" si="920"/>
        <v>0</v>
      </c>
      <c r="N8281" s="45">
        <f t="shared" si="921"/>
        <v>45270.624999979998</v>
      </c>
    </row>
    <row r="8282" spans="2:14" x14ac:dyDescent="0.25">
      <c r="B8282">
        <f t="shared" si="915"/>
        <v>7</v>
      </c>
      <c r="C8282" s="16">
        <v>8248</v>
      </c>
      <c r="D8282" cm="1">
        <f t="array" ref="D8282">IFERROR(INDEX(Jesper!AH$2:AH$366,ROUNDDOWN($C8282/24,0)+1,1)*INDEX($D$3:$AA$30,INDEX(Jesper!$R$2:$R$366,ROW(INDEX(Jesper!AH$2:AH$366,ROUNDDOWN($C8282/24,0)+1,1))-1)+IF('Standard Profiles'!$G$18=$B$10,7,0)+IF('Standard Profiles'!$G$18=$B$17,14,0)+IF('Standard Profiles'!$G$18=$B$24,21,0),MOD($C8282,24)+1)/SUM(INDEX($D$3:$AA$30,INDEX(Jesper!$R$2:$R$366,ROW(INDEX(Jesper!AH$2:AH$366,ROUNDDOWN($C8282/24,0)+1,1))-1)+IF('Standard Profiles'!$G$18=$B$10,7,0)+IF('Standard Profiles'!$G$18=$B$17,14,0)+IF('Standard Profiles'!$G$18=$B$24,21,0),0)),0)</f>
        <v>0</v>
      </c>
      <c r="E8282" cm="1">
        <f t="array" ref="E8282">IFERROR(INDEX(Jesper!AI$2:AI$366,ROUNDDOWN($C8282/24,0)+1,1)*INDEX($D$3:$AA$30,INDEX(Jesper!$R$2:$R$366,ROW(INDEX(Jesper!AI$2:AI$366,ROUNDDOWN($C8282/24,0)+1,1))-1)+IF('Standard Profiles'!$G$19=$B$10,7,0)+IF('Standard Profiles'!$G$19=$B$17,14,0)+IF('Standard Profiles'!$G$19=$B$24,21,0),MOD($C8282,24)+1)/SUM(INDEX($D$3:$AA$30,INDEX(Jesper!$R$2:$R$366,ROW(INDEX(Jesper!AI$2:AI$366,ROUNDDOWN($C8282/24,0)+1,1))-1)+IF('Standard Profiles'!$G$19=$B$10,7,0)+IF('Standard Profiles'!$G$19=$B$17,14,0)+IF('Standard Profiles'!$G$19=$B$24,21,0),0)),0)</f>
        <v>5.1240923616641991</v>
      </c>
      <c r="F8282" cm="1">
        <f t="array" ref="F8282">IFERROR(INDEX(Jesper!AJ$2:AJ$366,ROUNDDOWN($C8282/24,0)+1,1)*INDEX($D$3:$AA$30,INDEX(Jesper!$R$2:$R$366,ROW(INDEX(Jesper!AJ$2:AJ$366,ROUNDDOWN($C8282/24,0)+1,1))-1)+IF('Standard Profiles'!$G$20=$B$10,7,0)+IF('Standard Profiles'!$G$20=$B$17,14,0)+IF('Standard Profiles'!$G$20=$B$24,21,0),MOD($C8282,24)+1)/SUM(INDEX($D$3:$AA$30,INDEX(Jesper!$R$2:$R$366,ROW(INDEX(Jesper!AJ$2:AJ$366,ROUNDDOWN($C8282/24,0)+1,1))-1)+IF('Standard Profiles'!$G$20=$B$10,7,0)+IF('Standard Profiles'!$G$20=$B$17,14,0)+IF('Standard Profiles'!$G$20=$B$24,21,0),0)),0)</f>
        <v>4.3620498895175315</v>
      </c>
      <c r="G8282" cm="1">
        <f t="array" ref="G8282">IFERROR(INDEX(Jesper!AK$2:AK$366,ROUNDDOWN($C8282/24,0)+1,1)*INDEX($D$3:$AA$30,INDEX(Jesper!$R$2:$R$366,ROW(INDEX(Jesper!AK$2:AK$366,ROUNDDOWN($C8282/24,0)+1,1))-1)+IF('Standard Profiles'!$G$21=$B$10,7,0)+IF('Standard Profiles'!$G$21=$B$17,14,0)+IF('Standard Profiles'!$G$21=$B$24,21,0),MOD($C8282,24)+1)/SUM(INDEX($D$3:$AA$30,INDEX(Jesper!$R$2:$R$366,ROW(INDEX(Jesper!AK$2:AK$366,ROUNDDOWN($C8282/24,0)+1,1))-1)+IF('Standard Profiles'!$G$21=$B$10,7,0)+IF('Standard Profiles'!$G$21=$B$17,14,0)+IF('Standard Profiles'!$G$21=$B$24,21,0),0)),0)</f>
        <v>7.1478211093564719</v>
      </c>
      <c r="H8282" cm="1">
        <f t="array" ref="H8282">IFERROR(INDEX(Jesper!AL$2:AL$366,ROUNDDOWN($C8282/24,0)+1,1)*INDEX($D$3:$AA$30,INDEX(Jesper!$R$2:$R$366,ROW(INDEX(Jesper!AL$2:AL$366,ROUNDDOWN($C8282/24,0)+1,1))-1)+IF('Standard Profiles'!$G$22=$B$10,7,0)+IF('Standard Profiles'!$G$22=$B$17,14,0)+IF('Standard Profiles'!$G$22=$B$24,21,0),MOD($C8282,24)+1)/SUM(INDEX($D$3:$AA$30,INDEX(Jesper!$R$2:$R$366,ROW(INDEX(Jesper!AL$2:AL$366,ROUNDDOWN($C8282/24,0)+1,1))-1)+IF('Standard Profiles'!$G$22=$B$10,7,0)+IF('Standard Profiles'!$G$22=$B$17,14,0)+IF('Standard Profiles'!$G$22=$B$24,21,0),0)),0)</f>
        <v>6.0212065116934728</v>
      </c>
      <c r="I8282">
        <f t="shared" si="916"/>
        <v>5.7803582512257368</v>
      </c>
      <c r="J8282">
        <f t="shared" si="917"/>
        <v>16.259920537606234</v>
      </c>
      <c r="K8282">
        <f t="shared" si="918"/>
        <v>0.40992738893313596</v>
      </c>
      <c r="L8282">
        <f t="shared" si="919"/>
        <v>0.20496369446656798</v>
      </c>
      <c r="M8282">
        <f t="shared" si="920"/>
        <v>0</v>
      </c>
      <c r="N8282" s="45">
        <f t="shared" si="921"/>
        <v>45270.666666646663</v>
      </c>
    </row>
    <row r="8283" spans="2:14" x14ac:dyDescent="0.25">
      <c r="B8283">
        <f t="shared" si="915"/>
        <v>7</v>
      </c>
      <c r="C8283" s="16">
        <v>8249</v>
      </c>
      <c r="D8283" cm="1">
        <f t="array" ref="D8283">IFERROR(INDEX(Jesper!AH$2:AH$366,ROUNDDOWN($C8283/24,0)+1,1)*INDEX($D$3:$AA$30,INDEX(Jesper!$R$2:$R$366,ROW(INDEX(Jesper!AH$2:AH$366,ROUNDDOWN($C8283/24,0)+1,1))-1)+IF('Standard Profiles'!$G$18=$B$10,7,0)+IF('Standard Profiles'!$G$18=$B$17,14,0)+IF('Standard Profiles'!$G$18=$B$24,21,0),MOD($C8283,24)+1)/SUM(INDEX($D$3:$AA$30,INDEX(Jesper!$R$2:$R$366,ROW(INDEX(Jesper!AH$2:AH$366,ROUNDDOWN($C8283/24,0)+1,1))-1)+IF('Standard Profiles'!$G$18=$B$10,7,0)+IF('Standard Profiles'!$G$18=$B$17,14,0)+IF('Standard Profiles'!$G$18=$B$24,21,0),0)),0)</f>
        <v>0</v>
      </c>
      <c r="E8283" cm="1">
        <f t="array" ref="E8283">IFERROR(INDEX(Jesper!AI$2:AI$366,ROUNDDOWN($C8283/24,0)+1,1)*INDEX($D$3:$AA$30,INDEX(Jesper!$R$2:$R$366,ROW(INDEX(Jesper!AI$2:AI$366,ROUNDDOWN($C8283/24,0)+1,1))-1)+IF('Standard Profiles'!$G$19=$B$10,7,0)+IF('Standard Profiles'!$G$19=$B$17,14,0)+IF('Standard Profiles'!$G$19=$B$24,21,0),MOD($C8283,24)+1)/SUM(INDEX($D$3:$AA$30,INDEX(Jesper!$R$2:$R$366,ROW(INDEX(Jesper!AI$2:AI$366,ROUNDDOWN($C8283/24,0)+1,1))-1)+IF('Standard Profiles'!$G$19=$B$10,7,0)+IF('Standard Profiles'!$G$19=$B$17,14,0)+IF('Standard Profiles'!$G$19=$B$24,21,0),0)),0)</f>
        <v>5.1240923616641991</v>
      </c>
      <c r="F8283" cm="1">
        <f t="array" ref="F8283">IFERROR(INDEX(Jesper!AJ$2:AJ$366,ROUNDDOWN($C8283/24,0)+1,1)*INDEX($D$3:$AA$30,INDEX(Jesper!$R$2:$R$366,ROW(INDEX(Jesper!AJ$2:AJ$366,ROUNDDOWN($C8283/24,0)+1,1))-1)+IF('Standard Profiles'!$G$20=$B$10,7,0)+IF('Standard Profiles'!$G$20=$B$17,14,0)+IF('Standard Profiles'!$G$20=$B$24,21,0),MOD($C8283,24)+1)/SUM(INDEX($D$3:$AA$30,INDEX(Jesper!$R$2:$R$366,ROW(INDEX(Jesper!AJ$2:AJ$366,ROUNDDOWN($C8283/24,0)+1,1))-1)+IF('Standard Profiles'!$G$20=$B$10,7,0)+IF('Standard Profiles'!$G$20=$B$17,14,0)+IF('Standard Profiles'!$G$20=$B$24,21,0),0)),0)</f>
        <v>4.3620498895175315</v>
      </c>
      <c r="G8283" cm="1">
        <f t="array" ref="G8283">IFERROR(INDEX(Jesper!AK$2:AK$366,ROUNDDOWN($C8283/24,0)+1,1)*INDEX($D$3:$AA$30,INDEX(Jesper!$R$2:$R$366,ROW(INDEX(Jesper!AK$2:AK$366,ROUNDDOWN($C8283/24,0)+1,1))-1)+IF('Standard Profiles'!$G$21=$B$10,7,0)+IF('Standard Profiles'!$G$21=$B$17,14,0)+IF('Standard Profiles'!$G$21=$B$24,21,0),MOD($C8283,24)+1)/SUM(INDEX($D$3:$AA$30,INDEX(Jesper!$R$2:$R$366,ROW(INDEX(Jesper!AK$2:AK$366,ROUNDDOWN($C8283/24,0)+1,1))-1)+IF('Standard Profiles'!$G$21=$B$10,7,0)+IF('Standard Profiles'!$G$21=$B$17,14,0)+IF('Standard Profiles'!$G$21=$B$24,21,0),0)),0)</f>
        <v>7.1478211093564719</v>
      </c>
      <c r="H8283" cm="1">
        <f t="array" ref="H8283">IFERROR(INDEX(Jesper!AL$2:AL$366,ROUNDDOWN($C8283/24,0)+1,1)*INDEX($D$3:$AA$30,INDEX(Jesper!$R$2:$R$366,ROW(INDEX(Jesper!AL$2:AL$366,ROUNDDOWN($C8283/24,0)+1,1))-1)+IF('Standard Profiles'!$G$22=$B$10,7,0)+IF('Standard Profiles'!$G$22=$B$17,14,0)+IF('Standard Profiles'!$G$22=$B$24,21,0),MOD($C8283,24)+1)/SUM(INDEX($D$3:$AA$30,INDEX(Jesper!$R$2:$R$366,ROW(INDEX(Jesper!AL$2:AL$366,ROUNDDOWN($C8283/24,0)+1,1))-1)+IF('Standard Profiles'!$G$22=$B$10,7,0)+IF('Standard Profiles'!$G$22=$B$17,14,0)+IF('Standard Profiles'!$G$22=$B$24,21,0),0)),0)</f>
        <v>5.1453946554471495</v>
      </c>
      <c r="I8283">
        <f t="shared" si="916"/>
        <v>4.9395788692292664</v>
      </c>
      <c r="J8283">
        <f t="shared" si="917"/>
        <v>16.224888063356381</v>
      </c>
      <c r="K8283">
        <f t="shared" si="918"/>
        <v>0.40992738893313596</v>
      </c>
      <c r="L8283">
        <f t="shared" si="919"/>
        <v>0.20496369446656798</v>
      </c>
      <c r="M8283">
        <f t="shared" si="920"/>
        <v>0</v>
      </c>
      <c r="N8283" s="45">
        <f t="shared" si="921"/>
        <v>45270.708333313327</v>
      </c>
    </row>
    <row r="8284" spans="2:14" x14ac:dyDescent="0.25">
      <c r="B8284">
        <f t="shared" si="915"/>
        <v>7</v>
      </c>
      <c r="C8284" s="16">
        <v>8250</v>
      </c>
      <c r="D8284" cm="1">
        <f t="array" ref="D8284">IFERROR(INDEX(Jesper!AH$2:AH$366,ROUNDDOWN($C8284/24,0)+1,1)*INDEX($D$3:$AA$30,INDEX(Jesper!$R$2:$R$366,ROW(INDEX(Jesper!AH$2:AH$366,ROUNDDOWN($C8284/24,0)+1,1))-1)+IF('Standard Profiles'!$G$18=$B$10,7,0)+IF('Standard Profiles'!$G$18=$B$17,14,0)+IF('Standard Profiles'!$G$18=$B$24,21,0),MOD($C8284,24)+1)/SUM(INDEX($D$3:$AA$30,INDEX(Jesper!$R$2:$R$366,ROW(INDEX(Jesper!AH$2:AH$366,ROUNDDOWN($C8284/24,0)+1,1))-1)+IF('Standard Profiles'!$G$18=$B$10,7,0)+IF('Standard Profiles'!$G$18=$B$17,14,0)+IF('Standard Profiles'!$G$18=$B$24,21,0),0)),0)</f>
        <v>0</v>
      </c>
      <c r="E8284" cm="1">
        <f t="array" ref="E8284">IFERROR(INDEX(Jesper!AI$2:AI$366,ROUNDDOWN($C8284/24,0)+1,1)*INDEX($D$3:$AA$30,INDEX(Jesper!$R$2:$R$366,ROW(INDEX(Jesper!AI$2:AI$366,ROUNDDOWN($C8284/24,0)+1,1))-1)+IF('Standard Profiles'!$G$19=$B$10,7,0)+IF('Standard Profiles'!$G$19=$B$17,14,0)+IF('Standard Profiles'!$G$19=$B$24,21,0),MOD($C8284,24)+1)/SUM(INDEX($D$3:$AA$30,INDEX(Jesper!$R$2:$R$366,ROW(INDEX(Jesper!AI$2:AI$366,ROUNDDOWN($C8284/24,0)+1,1))-1)+IF('Standard Profiles'!$G$19=$B$10,7,0)+IF('Standard Profiles'!$G$19=$B$17,14,0)+IF('Standard Profiles'!$G$19=$B$24,21,0),0)),0)</f>
        <v>5.1240923616641991</v>
      </c>
      <c r="F8284" cm="1">
        <f t="array" ref="F8284">IFERROR(INDEX(Jesper!AJ$2:AJ$366,ROUNDDOWN($C8284/24,0)+1,1)*INDEX($D$3:$AA$30,INDEX(Jesper!$R$2:$R$366,ROW(INDEX(Jesper!AJ$2:AJ$366,ROUNDDOWN($C8284/24,0)+1,1))-1)+IF('Standard Profiles'!$G$20=$B$10,7,0)+IF('Standard Profiles'!$G$20=$B$17,14,0)+IF('Standard Profiles'!$G$20=$B$24,21,0),MOD($C8284,24)+1)/SUM(INDEX($D$3:$AA$30,INDEX(Jesper!$R$2:$R$366,ROW(INDEX(Jesper!AJ$2:AJ$366,ROUNDDOWN($C8284/24,0)+1,1))-1)+IF('Standard Profiles'!$G$20=$B$10,7,0)+IF('Standard Profiles'!$G$20=$B$17,14,0)+IF('Standard Profiles'!$G$20=$B$24,21,0),0)),0)</f>
        <v>4.3620498895175315</v>
      </c>
      <c r="G8284" cm="1">
        <f t="array" ref="G8284">IFERROR(INDEX(Jesper!AK$2:AK$366,ROUNDDOWN($C8284/24,0)+1,1)*INDEX($D$3:$AA$30,INDEX(Jesper!$R$2:$R$366,ROW(INDEX(Jesper!AK$2:AK$366,ROUNDDOWN($C8284/24,0)+1,1))-1)+IF('Standard Profiles'!$G$21=$B$10,7,0)+IF('Standard Profiles'!$G$21=$B$17,14,0)+IF('Standard Profiles'!$G$21=$B$24,21,0),MOD($C8284,24)+1)/SUM(INDEX($D$3:$AA$30,INDEX(Jesper!$R$2:$R$366,ROW(INDEX(Jesper!AK$2:AK$366,ROUNDDOWN($C8284/24,0)+1,1))-1)+IF('Standard Profiles'!$G$21=$B$10,7,0)+IF('Standard Profiles'!$G$21=$B$17,14,0)+IF('Standard Profiles'!$G$21=$B$24,21,0),0)),0)</f>
        <v>7.1478211093564719</v>
      </c>
      <c r="H8284" cm="1">
        <f t="array" ref="H8284">IFERROR(INDEX(Jesper!AL$2:AL$366,ROUNDDOWN($C8284/24,0)+1,1)*INDEX($D$3:$AA$30,INDEX(Jesper!$R$2:$R$366,ROW(INDEX(Jesper!AL$2:AL$366,ROUNDDOWN($C8284/24,0)+1,1))-1)+IF('Standard Profiles'!$G$22=$B$10,7,0)+IF('Standard Profiles'!$G$22=$B$17,14,0)+IF('Standard Profiles'!$G$22=$B$24,21,0),MOD($C8284,24)+1)/SUM(INDEX($D$3:$AA$30,INDEX(Jesper!$R$2:$R$366,ROW(INDEX(Jesper!AL$2:AL$366,ROUNDDOWN($C8284/24,0)+1,1))-1)+IF('Standard Profiles'!$G$22=$B$10,7,0)+IF('Standard Profiles'!$G$22=$B$17,14,0)+IF('Standard Profiles'!$G$22=$B$24,21,0),0)),0)</f>
        <v>4.8169652093547786</v>
      </c>
      <c r="I8284">
        <f t="shared" si="916"/>
        <v>4.6242866009805903</v>
      </c>
      <c r="J8284">
        <f t="shared" si="917"/>
        <v>16.211750885512686</v>
      </c>
      <c r="K8284">
        <f t="shared" si="918"/>
        <v>0.40992738893313596</v>
      </c>
      <c r="L8284">
        <f t="shared" si="919"/>
        <v>0.20496369446656798</v>
      </c>
      <c r="M8284">
        <f t="shared" si="920"/>
        <v>0</v>
      </c>
      <c r="N8284" s="45">
        <f t="shared" si="921"/>
        <v>45270.749999979991</v>
      </c>
    </row>
    <row r="8285" spans="2:14" x14ac:dyDescent="0.25">
      <c r="B8285">
        <f t="shared" si="915"/>
        <v>7</v>
      </c>
      <c r="C8285" s="16">
        <v>8251</v>
      </c>
      <c r="D8285" cm="1">
        <f t="array" ref="D8285">IFERROR(INDEX(Jesper!AH$2:AH$366,ROUNDDOWN($C8285/24,0)+1,1)*INDEX($D$3:$AA$30,INDEX(Jesper!$R$2:$R$366,ROW(INDEX(Jesper!AH$2:AH$366,ROUNDDOWN($C8285/24,0)+1,1))-1)+IF('Standard Profiles'!$G$18=$B$10,7,0)+IF('Standard Profiles'!$G$18=$B$17,14,0)+IF('Standard Profiles'!$G$18=$B$24,21,0),MOD($C8285,24)+1)/SUM(INDEX($D$3:$AA$30,INDEX(Jesper!$R$2:$R$366,ROW(INDEX(Jesper!AH$2:AH$366,ROUNDDOWN($C8285/24,0)+1,1))-1)+IF('Standard Profiles'!$G$18=$B$10,7,0)+IF('Standard Profiles'!$G$18=$B$17,14,0)+IF('Standard Profiles'!$G$18=$B$24,21,0),0)),0)</f>
        <v>0</v>
      </c>
      <c r="E8285" cm="1">
        <f t="array" ref="E8285">IFERROR(INDEX(Jesper!AI$2:AI$366,ROUNDDOWN($C8285/24,0)+1,1)*INDEX($D$3:$AA$30,INDEX(Jesper!$R$2:$R$366,ROW(INDEX(Jesper!AI$2:AI$366,ROUNDDOWN($C8285/24,0)+1,1))-1)+IF('Standard Profiles'!$G$19=$B$10,7,0)+IF('Standard Profiles'!$G$19=$B$17,14,0)+IF('Standard Profiles'!$G$19=$B$24,21,0),MOD($C8285,24)+1)/SUM(INDEX($D$3:$AA$30,INDEX(Jesper!$R$2:$R$366,ROW(INDEX(Jesper!AI$2:AI$366,ROUNDDOWN($C8285/24,0)+1,1))-1)+IF('Standard Profiles'!$G$19=$B$10,7,0)+IF('Standard Profiles'!$G$19=$B$17,14,0)+IF('Standard Profiles'!$G$19=$B$24,21,0),0)),0)</f>
        <v>5.1240923616641991</v>
      </c>
      <c r="F8285" cm="1">
        <f t="array" ref="F8285">IFERROR(INDEX(Jesper!AJ$2:AJ$366,ROUNDDOWN($C8285/24,0)+1,1)*INDEX($D$3:$AA$30,INDEX(Jesper!$R$2:$R$366,ROW(INDEX(Jesper!AJ$2:AJ$366,ROUNDDOWN($C8285/24,0)+1,1))-1)+IF('Standard Profiles'!$G$20=$B$10,7,0)+IF('Standard Profiles'!$G$20=$B$17,14,0)+IF('Standard Profiles'!$G$20=$B$24,21,0),MOD($C8285,24)+1)/SUM(INDEX($D$3:$AA$30,INDEX(Jesper!$R$2:$R$366,ROW(INDEX(Jesper!AJ$2:AJ$366,ROUNDDOWN($C8285/24,0)+1,1))-1)+IF('Standard Profiles'!$G$20=$B$10,7,0)+IF('Standard Profiles'!$G$20=$B$17,14,0)+IF('Standard Profiles'!$G$20=$B$24,21,0),0)),0)</f>
        <v>4.3620498895175315</v>
      </c>
      <c r="G8285" cm="1">
        <f t="array" ref="G8285">IFERROR(INDEX(Jesper!AK$2:AK$366,ROUNDDOWN($C8285/24,0)+1,1)*INDEX($D$3:$AA$30,INDEX(Jesper!$R$2:$R$366,ROW(INDEX(Jesper!AK$2:AK$366,ROUNDDOWN($C8285/24,0)+1,1))-1)+IF('Standard Profiles'!$G$21=$B$10,7,0)+IF('Standard Profiles'!$G$21=$B$17,14,0)+IF('Standard Profiles'!$G$21=$B$24,21,0),MOD($C8285,24)+1)/SUM(INDEX($D$3:$AA$30,INDEX(Jesper!$R$2:$R$366,ROW(INDEX(Jesper!AK$2:AK$366,ROUNDDOWN($C8285/24,0)+1,1))-1)+IF('Standard Profiles'!$G$21=$B$10,7,0)+IF('Standard Profiles'!$G$21=$B$17,14,0)+IF('Standard Profiles'!$G$21=$B$24,21,0),0)),0)</f>
        <v>7.1478211093564719</v>
      </c>
      <c r="H8285" cm="1">
        <f t="array" ref="H8285">IFERROR(INDEX(Jesper!AL$2:AL$366,ROUNDDOWN($C8285/24,0)+1,1)*INDEX($D$3:$AA$30,INDEX(Jesper!$R$2:$R$366,ROW(INDEX(Jesper!AL$2:AL$366,ROUNDDOWN($C8285/24,0)+1,1))-1)+IF('Standard Profiles'!$G$22=$B$10,7,0)+IF('Standard Profiles'!$G$22=$B$17,14,0)+IF('Standard Profiles'!$G$22=$B$24,21,0),MOD($C8285,24)+1)/SUM(INDEX($D$3:$AA$30,INDEX(Jesper!$R$2:$R$366,ROW(INDEX(Jesper!AL$2:AL$366,ROUNDDOWN($C8285/24,0)+1,1))-1)+IF('Standard Profiles'!$G$22=$B$10,7,0)+IF('Standard Profiles'!$G$22=$B$17,14,0)+IF('Standard Profiles'!$G$22=$B$24,21,0),0)),0)</f>
        <v>4.0506298351392456</v>
      </c>
      <c r="I8285">
        <f t="shared" si="916"/>
        <v>3.8886046417336777</v>
      </c>
      <c r="J8285">
        <f t="shared" si="917"/>
        <v>16.181097470544067</v>
      </c>
      <c r="K8285">
        <f t="shared" si="918"/>
        <v>0.40992738893313596</v>
      </c>
      <c r="L8285">
        <f t="shared" si="919"/>
        <v>0.20496369446656798</v>
      </c>
      <c r="M8285">
        <f t="shared" si="920"/>
        <v>0</v>
      </c>
      <c r="N8285" s="45">
        <f t="shared" si="921"/>
        <v>45270.791666646655</v>
      </c>
    </row>
    <row r="8286" spans="2:14" x14ac:dyDescent="0.25">
      <c r="B8286">
        <f t="shared" si="915"/>
        <v>7</v>
      </c>
      <c r="C8286" s="16">
        <v>8252</v>
      </c>
      <c r="D8286" cm="1">
        <f t="array" ref="D8286">IFERROR(INDEX(Jesper!AH$2:AH$366,ROUNDDOWN($C8286/24,0)+1,1)*INDEX($D$3:$AA$30,INDEX(Jesper!$R$2:$R$366,ROW(INDEX(Jesper!AH$2:AH$366,ROUNDDOWN($C8286/24,0)+1,1))-1)+IF('Standard Profiles'!$G$18=$B$10,7,0)+IF('Standard Profiles'!$G$18=$B$17,14,0)+IF('Standard Profiles'!$G$18=$B$24,21,0),MOD($C8286,24)+1)/SUM(INDEX($D$3:$AA$30,INDEX(Jesper!$R$2:$R$366,ROW(INDEX(Jesper!AH$2:AH$366,ROUNDDOWN($C8286/24,0)+1,1))-1)+IF('Standard Profiles'!$G$18=$B$10,7,0)+IF('Standard Profiles'!$G$18=$B$17,14,0)+IF('Standard Profiles'!$G$18=$B$24,21,0),0)),0)</f>
        <v>0</v>
      </c>
      <c r="E8286" cm="1">
        <f t="array" ref="E8286">IFERROR(INDEX(Jesper!AI$2:AI$366,ROUNDDOWN($C8286/24,0)+1,1)*INDEX($D$3:$AA$30,INDEX(Jesper!$R$2:$R$366,ROW(INDEX(Jesper!AI$2:AI$366,ROUNDDOWN($C8286/24,0)+1,1))-1)+IF('Standard Profiles'!$G$19=$B$10,7,0)+IF('Standard Profiles'!$G$19=$B$17,14,0)+IF('Standard Profiles'!$G$19=$B$24,21,0),MOD($C8286,24)+1)/SUM(INDEX($D$3:$AA$30,INDEX(Jesper!$R$2:$R$366,ROW(INDEX(Jesper!AI$2:AI$366,ROUNDDOWN($C8286/24,0)+1,1))-1)+IF('Standard Profiles'!$G$19=$B$10,7,0)+IF('Standard Profiles'!$G$19=$B$17,14,0)+IF('Standard Profiles'!$G$19=$B$24,21,0),0)),0)</f>
        <v>5.1240923616641991</v>
      </c>
      <c r="F8286" cm="1">
        <f t="array" ref="F8286">IFERROR(INDEX(Jesper!AJ$2:AJ$366,ROUNDDOWN($C8286/24,0)+1,1)*INDEX($D$3:$AA$30,INDEX(Jesper!$R$2:$R$366,ROW(INDEX(Jesper!AJ$2:AJ$366,ROUNDDOWN($C8286/24,0)+1,1))-1)+IF('Standard Profiles'!$G$20=$B$10,7,0)+IF('Standard Profiles'!$G$20=$B$17,14,0)+IF('Standard Profiles'!$G$20=$B$24,21,0),MOD($C8286,24)+1)/SUM(INDEX($D$3:$AA$30,INDEX(Jesper!$R$2:$R$366,ROW(INDEX(Jesper!AJ$2:AJ$366,ROUNDDOWN($C8286/24,0)+1,1))-1)+IF('Standard Profiles'!$G$20=$B$10,7,0)+IF('Standard Profiles'!$G$20=$B$17,14,0)+IF('Standard Profiles'!$G$20=$B$24,21,0),0)),0)</f>
        <v>4.3620498895175315</v>
      </c>
      <c r="G8286" cm="1">
        <f t="array" ref="G8286">IFERROR(INDEX(Jesper!AK$2:AK$366,ROUNDDOWN($C8286/24,0)+1,1)*INDEX($D$3:$AA$30,INDEX(Jesper!$R$2:$R$366,ROW(INDEX(Jesper!AK$2:AK$366,ROUNDDOWN($C8286/24,0)+1,1))-1)+IF('Standard Profiles'!$G$21=$B$10,7,0)+IF('Standard Profiles'!$G$21=$B$17,14,0)+IF('Standard Profiles'!$G$21=$B$24,21,0),MOD($C8286,24)+1)/SUM(INDEX($D$3:$AA$30,INDEX(Jesper!$R$2:$R$366,ROW(INDEX(Jesper!AK$2:AK$366,ROUNDDOWN($C8286/24,0)+1,1))-1)+IF('Standard Profiles'!$G$21=$B$10,7,0)+IF('Standard Profiles'!$G$21=$B$17,14,0)+IF('Standard Profiles'!$G$21=$B$24,21,0),0)),0)</f>
        <v>7.1478211093564719</v>
      </c>
      <c r="H8286" cm="1">
        <f t="array" ref="H8286">IFERROR(INDEX(Jesper!AL$2:AL$366,ROUNDDOWN($C8286/24,0)+1,1)*INDEX($D$3:$AA$30,INDEX(Jesper!$R$2:$R$366,ROW(INDEX(Jesper!AL$2:AL$366,ROUNDDOWN($C8286/24,0)+1,1))-1)+IF('Standard Profiles'!$G$22=$B$10,7,0)+IF('Standard Profiles'!$G$22=$B$17,14,0)+IF('Standard Profiles'!$G$22=$B$24,21,0),MOD($C8286,24)+1)/SUM(INDEX($D$3:$AA$30,INDEX(Jesper!$R$2:$R$366,ROW(INDEX(Jesper!AL$2:AL$366,ROUNDDOWN($C8286/24,0)+1,1))-1)+IF('Standard Profiles'!$G$22=$B$10,7,0)+IF('Standard Profiles'!$G$22=$B$17,14,0)+IF('Standard Profiles'!$G$22=$B$24,21,0),0)),0)</f>
        <v>3.3937709429545029</v>
      </c>
      <c r="I8286">
        <f t="shared" si="916"/>
        <v>3.2580201052363247</v>
      </c>
      <c r="J8286">
        <f t="shared" si="917"/>
        <v>16.154823114856676</v>
      </c>
      <c r="K8286">
        <f t="shared" si="918"/>
        <v>0.40992738893313596</v>
      </c>
      <c r="L8286">
        <f t="shared" si="919"/>
        <v>0.20496369446656798</v>
      </c>
      <c r="M8286">
        <f t="shared" si="920"/>
        <v>0</v>
      </c>
      <c r="N8286" s="45">
        <f t="shared" si="921"/>
        <v>45270.83333331332</v>
      </c>
    </row>
    <row r="8287" spans="2:14" x14ac:dyDescent="0.25">
      <c r="B8287">
        <f t="shared" si="915"/>
        <v>7</v>
      </c>
      <c r="C8287" s="16">
        <v>8253</v>
      </c>
      <c r="D8287" cm="1">
        <f t="array" ref="D8287">IFERROR(INDEX(Jesper!AH$2:AH$366,ROUNDDOWN($C8287/24,0)+1,1)*INDEX($D$3:$AA$30,INDEX(Jesper!$R$2:$R$366,ROW(INDEX(Jesper!AH$2:AH$366,ROUNDDOWN($C8287/24,0)+1,1))-1)+IF('Standard Profiles'!$G$18=$B$10,7,0)+IF('Standard Profiles'!$G$18=$B$17,14,0)+IF('Standard Profiles'!$G$18=$B$24,21,0),MOD($C8287,24)+1)/SUM(INDEX($D$3:$AA$30,INDEX(Jesper!$R$2:$R$366,ROW(INDEX(Jesper!AH$2:AH$366,ROUNDDOWN($C8287/24,0)+1,1))-1)+IF('Standard Profiles'!$G$18=$B$10,7,0)+IF('Standard Profiles'!$G$18=$B$17,14,0)+IF('Standard Profiles'!$G$18=$B$24,21,0),0)),0)</f>
        <v>0</v>
      </c>
      <c r="E8287" cm="1">
        <f t="array" ref="E8287">IFERROR(INDEX(Jesper!AI$2:AI$366,ROUNDDOWN($C8287/24,0)+1,1)*INDEX($D$3:$AA$30,INDEX(Jesper!$R$2:$R$366,ROW(INDEX(Jesper!AI$2:AI$366,ROUNDDOWN($C8287/24,0)+1,1))-1)+IF('Standard Profiles'!$G$19=$B$10,7,0)+IF('Standard Profiles'!$G$19=$B$17,14,0)+IF('Standard Profiles'!$G$19=$B$24,21,0),MOD($C8287,24)+1)/SUM(INDEX($D$3:$AA$30,INDEX(Jesper!$R$2:$R$366,ROW(INDEX(Jesper!AI$2:AI$366,ROUNDDOWN($C8287/24,0)+1,1))-1)+IF('Standard Profiles'!$G$19=$B$10,7,0)+IF('Standard Profiles'!$G$19=$B$17,14,0)+IF('Standard Profiles'!$G$19=$B$24,21,0),0)),0)</f>
        <v>5.1240923616641991</v>
      </c>
      <c r="F8287" cm="1">
        <f t="array" ref="F8287">IFERROR(INDEX(Jesper!AJ$2:AJ$366,ROUNDDOWN($C8287/24,0)+1,1)*INDEX($D$3:$AA$30,INDEX(Jesper!$R$2:$R$366,ROW(INDEX(Jesper!AJ$2:AJ$366,ROUNDDOWN($C8287/24,0)+1,1))-1)+IF('Standard Profiles'!$G$20=$B$10,7,0)+IF('Standard Profiles'!$G$20=$B$17,14,0)+IF('Standard Profiles'!$G$20=$B$24,21,0),MOD($C8287,24)+1)/SUM(INDEX($D$3:$AA$30,INDEX(Jesper!$R$2:$R$366,ROW(INDEX(Jesper!AJ$2:AJ$366,ROUNDDOWN($C8287/24,0)+1,1))-1)+IF('Standard Profiles'!$G$20=$B$10,7,0)+IF('Standard Profiles'!$G$20=$B$17,14,0)+IF('Standard Profiles'!$G$20=$B$24,21,0),0)),0)</f>
        <v>4.3620498895175315</v>
      </c>
      <c r="G8287" cm="1">
        <f t="array" ref="G8287">IFERROR(INDEX(Jesper!AK$2:AK$366,ROUNDDOWN($C8287/24,0)+1,1)*INDEX($D$3:$AA$30,INDEX(Jesper!$R$2:$R$366,ROW(INDEX(Jesper!AK$2:AK$366,ROUNDDOWN($C8287/24,0)+1,1))-1)+IF('Standard Profiles'!$G$21=$B$10,7,0)+IF('Standard Profiles'!$G$21=$B$17,14,0)+IF('Standard Profiles'!$G$21=$B$24,21,0),MOD($C8287,24)+1)/SUM(INDEX($D$3:$AA$30,INDEX(Jesper!$R$2:$R$366,ROW(INDEX(Jesper!AK$2:AK$366,ROUNDDOWN($C8287/24,0)+1,1))-1)+IF('Standard Profiles'!$G$21=$B$10,7,0)+IF('Standard Profiles'!$G$21=$B$17,14,0)+IF('Standard Profiles'!$G$21=$B$24,21,0),0)),0)</f>
        <v>7.1478211093564719</v>
      </c>
      <c r="H8287" cm="1">
        <f t="array" ref="H8287">IFERROR(INDEX(Jesper!AL$2:AL$366,ROUNDDOWN($C8287/24,0)+1,1)*INDEX($D$3:$AA$30,INDEX(Jesper!$R$2:$R$366,ROW(INDEX(Jesper!AL$2:AL$366,ROUNDDOWN($C8287/24,0)+1,1))-1)+IF('Standard Profiles'!$G$22=$B$10,7,0)+IF('Standard Profiles'!$G$22=$B$17,14,0)+IF('Standard Profiles'!$G$22=$B$24,21,0),MOD($C8287,24)+1)/SUM(INDEX($D$3:$AA$30,INDEX(Jesper!$R$2:$R$366,ROW(INDEX(Jesper!AL$2:AL$366,ROUNDDOWN($C8287/24,0)+1,1))-1)+IF('Standard Profiles'!$G$22=$B$10,7,0)+IF('Standard Profiles'!$G$22=$B$17,14,0)+IF('Standard Profiles'!$G$22=$B$24,21,0),0)),0)</f>
        <v>2.9558650148313412</v>
      </c>
      <c r="I8287">
        <f t="shared" si="916"/>
        <v>2.837630414238089</v>
      </c>
      <c r="J8287">
        <f t="shared" si="917"/>
        <v>16.137306877731749</v>
      </c>
      <c r="K8287">
        <f t="shared" si="918"/>
        <v>0.40992738893313596</v>
      </c>
      <c r="L8287">
        <f t="shared" si="919"/>
        <v>0.20496369446656798</v>
      </c>
      <c r="M8287">
        <f t="shared" si="920"/>
        <v>0</v>
      </c>
      <c r="N8287" s="45">
        <f t="shared" si="921"/>
        <v>45270.874999979984</v>
      </c>
    </row>
    <row r="8288" spans="2:14" x14ac:dyDescent="0.25">
      <c r="B8288">
        <f t="shared" si="915"/>
        <v>7</v>
      </c>
      <c r="C8288" s="16">
        <v>8254</v>
      </c>
      <c r="D8288" cm="1">
        <f t="array" ref="D8288">IFERROR(INDEX(Jesper!AH$2:AH$366,ROUNDDOWN($C8288/24,0)+1,1)*INDEX($D$3:$AA$30,INDEX(Jesper!$R$2:$R$366,ROW(INDEX(Jesper!AH$2:AH$366,ROUNDDOWN($C8288/24,0)+1,1))-1)+IF('Standard Profiles'!$G$18=$B$10,7,0)+IF('Standard Profiles'!$G$18=$B$17,14,0)+IF('Standard Profiles'!$G$18=$B$24,21,0),MOD($C8288,24)+1)/SUM(INDEX($D$3:$AA$30,INDEX(Jesper!$R$2:$R$366,ROW(INDEX(Jesper!AH$2:AH$366,ROUNDDOWN($C8288/24,0)+1,1))-1)+IF('Standard Profiles'!$G$18=$B$10,7,0)+IF('Standard Profiles'!$G$18=$B$17,14,0)+IF('Standard Profiles'!$G$18=$B$24,21,0),0)),0)</f>
        <v>0</v>
      </c>
      <c r="E8288" cm="1">
        <f t="array" ref="E8288">IFERROR(INDEX(Jesper!AI$2:AI$366,ROUNDDOWN($C8288/24,0)+1,1)*INDEX($D$3:$AA$30,INDEX(Jesper!$R$2:$R$366,ROW(INDEX(Jesper!AI$2:AI$366,ROUNDDOWN($C8288/24,0)+1,1))-1)+IF('Standard Profiles'!$G$19=$B$10,7,0)+IF('Standard Profiles'!$G$19=$B$17,14,0)+IF('Standard Profiles'!$G$19=$B$24,21,0),MOD($C8288,24)+1)/SUM(INDEX($D$3:$AA$30,INDEX(Jesper!$R$2:$R$366,ROW(INDEX(Jesper!AI$2:AI$366,ROUNDDOWN($C8288/24,0)+1,1))-1)+IF('Standard Profiles'!$G$19=$B$10,7,0)+IF('Standard Profiles'!$G$19=$B$17,14,0)+IF('Standard Profiles'!$G$19=$B$24,21,0),0)),0)</f>
        <v>5.1240923616641991</v>
      </c>
      <c r="F8288" cm="1">
        <f t="array" ref="F8288">IFERROR(INDEX(Jesper!AJ$2:AJ$366,ROUNDDOWN($C8288/24,0)+1,1)*INDEX($D$3:$AA$30,INDEX(Jesper!$R$2:$R$366,ROW(INDEX(Jesper!AJ$2:AJ$366,ROUNDDOWN($C8288/24,0)+1,1))-1)+IF('Standard Profiles'!$G$20=$B$10,7,0)+IF('Standard Profiles'!$G$20=$B$17,14,0)+IF('Standard Profiles'!$G$20=$B$24,21,0),MOD($C8288,24)+1)/SUM(INDEX($D$3:$AA$30,INDEX(Jesper!$R$2:$R$366,ROW(INDEX(Jesper!AJ$2:AJ$366,ROUNDDOWN($C8288/24,0)+1,1))-1)+IF('Standard Profiles'!$G$20=$B$10,7,0)+IF('Standard Profiles'!$G$20=$B$17,14,0)+IF('Standard Profiles'!$G$20=$B$24,21,0),0)),0)</f>
        <v>4.3620498895175315</v>
      </c>
      <c r="G8288" cm="1">
        <f t="array" ref="G8288">IFERROR(INDEX(Jesper!AK$2:AK$366,ROUNDDOWN($C8288/24,0)+1,1)*INDEX($D$3:$AA$30,INDEX(Jesper!$R$2:$R$366,ROW(INDEX(Jesper!AK$2:AK$366,ROUNDDOWN($C8288/24,0)+1,1))-1)+IF('Standard Profiles'!$G$21=$B$10,7,0)+IF('Standard Profiles'!$G$21=$B$17,14,0)+IF('Standard Profiles'!$G$21=$B$24,21,0),MOD($C8288,24)+1)/SUM(INDEX($D$3:$AA$30,INDEX(Jesper!$R$2:$R$366,ROW(INDEX(Jesper!AK$2:AK$366,ROUNDDOWN($C8288/24,0)+1,1))-1)+IF('Standard Profiles'!$G$21=$B$10,7,0)+IF('Standard Profiles'!$G$21=$B$17,14,0)+IF('Standard Profiles'!$G$21=$B$24,21,0),0)),0)</f>
        <v>7.1478211093564719</v>
      </c>
      <c r="H8288" cm="1">
        <f t="array" ref="H8288">IFERROR(INDEX(Jesper!AL$2:AL$366,ROUNDDOWN($C8288/24,0)+1,1)*INDEX($D$3:$AA$30,INDEX(Jesper!$R$2:$R$366,ROW(INDEX(Jesper!AL$2:AL$366,ROUNDDOWN($C8288/24,0)+1,1))-1)+IF('Standard Profiles'!$G$22=$B$10,7,0)+IF('Standard Profiles'!$G$22=$B$17,14,0)+IF('Standard Profiles'!$G$22=$B$24,21,0),MOD($C8288,24)+1)/SUM(INDEX($D$3:$AA$30,INDEX(Jesper!$R$2:$R$366,ROW(INDEX(Jesper!AL$2:AL$366,ROUNDDOWN($C8288/24,0)+1,1))-1)+IF('Standard Profiles'!$G$22=$B$10,7,0)+IF('Standard Profiles'!$G$22=$B$17,14,0)+IF('Standard Profiles'!$G$22=$B$24,21,0),0)),0)</f>
        <v>2.9558650148313412</v>
      </c>
      <c r="I8288">
        <f t="shared" si="916"/>
        <v>2.837630414238089</v>
      </c>
      <c r="J8288">
        <f t="shared" si="917"/>
        <v>16.137306877731749</v>
      </c>
      <c r="K8288">
        <f t="shared" si="918"/>
        <v>0.40992738893313596</v>
      </c>
      <c r="L8288">
        <f t="shared" si="919"/>
        <v>0.20496369446656798</v>
      </c>
      <c r="M8288">
        <f t="shared" si="920"/>
        <v>0</v>
      </c>
      <c r="N8288" s="45">
        <f t="shared" si="921"/>
        <v>45270.916666646648</v>
      </c>
    </row>
    <row r="8289" spans="2:14" x14ac:dyDescent="0.25">
      <c r="B8289">
        <f t="shared" si="915"/>
        <v>7</v>
      </c>
      <c r="C8289" s="16">
        <v>8255</v>
      </c>
      <c r="D8289" cm="1">
        <f t="array" ref="D8289">IFERROR(INDEX(Jesper!AH$2:AH$366,ROUNDDOWN($C8289/24,0)+1,1)*INDEX($D$3:$AA$30,INDEX(Jesper!$R$2:$R$366,ROW(INDEX(Jesper!AH$2:AH$366,ROUNDDOWN($C8289/24,0)+1,1))-1)+IF('Standard Profiles'!$G$18=$B$10,7,0)+IF('Standard Profiles'!$G$18=$B$17,14,0)+IF('Standard Profiles'!$G$18=$B$24,21,0),MOD($C8289,24)+1)/SUM(INDEX($D$3:$AA$30,INDEX(Jesper!$R$2:$R$366,ROW(INDEX(Jesper!AH$2:AH$366,ROUNDDOWN($C8289/24,0)+1,1))-1)+IF('Standard Profiles'!$G$18=$B$10,7,0)+IF('Standard Profiles'!$G$18=$B$17,14,0)+IF('Standard Profiles'!$G$18=$B$24,21,0),0)),0)</f>
        <v>0</v>
      </c>
      <c r="E8289" cm="1">
        <f t="array" ref="E8289">IFERROR(INDEX(Jesper!AI$2:AI$366,ROUNDDOWN($C8289/24,0)+1,1)*INDEX($D$3:$AA$30,INDEX(Jesper!$R$2:$R$366,ROW(INDEX(Jesper!AI$2:AI$366,ROUNDDOWN($C8289/24,0)+1,1))-1)+IF('Standard Profiles'!$G$19=$B$10,7,0)+IF('Standard Profiles'!$G$19=$B$17,14,0)+IF('Standard Profiles'!$G$19=$B$24,21,0),MOD($C8289,24)+1)/SUM(INDEX($D$3:$AA$30,INDEX(Jesper!$R$2:$R$366,ROW(INDEX(Jesper!AI$2:AI$366,ROUNDDOWN($C8289/24,0)+1,1))-1)+IF('Standard Profiles'!$G$19=$B$10,7,0)+IF('Standard Profiles'!$G$19=$B$17,14,0)+IF('Standard Profiles'!$G$19=$B$24,21,0),0)),0)</f>
        <v>5.1240923616641991</v>
      </c>
      <c r="F8289" cm="1">
        <f t="array" ref="F8289">IFERROR(INDEX(Jesper!AJ$2:AJ$366,ROUNDDOWN($C8289/24,0)+1,1)*INDEX($D$3:$AA$30,INDEX(Jesper!$R$2:$R$366,ROW(INDEX(Jesper!AJ$2:AJ$366,ROUNDDOWN($C8289/24,0)+1,1))-1)+IF('Standard Profiles'!$G$20=$B$10,7,0)+IF('Standard Profiles'!$G$20=$B$17,14,0)+IF('Standard Profiles'!$G$20=$B$24,21,0),MOD($C8289,24)+1)/SUM(INDEX($D$3:$AA$30,INDEX(Jesper!$R$2:$R$366,ROW(INDEX(Jesper!AJ$2:AJ$366,ROUNDDOWN($C8289/24,0)+1,1))-1)+IF('Standard Profiles'!$G$20=$B$10,7,0)+IF('Standard Profiles'!$G$20=$B$17,14,0)+IF('Standard Profiles'!$G$20=$B$24,21,0),0)),0)</f>
        <v>4.3620498895175315</v>
      </c>
      <c r="G8289" cm="1">
        <f t="array" ref="G8289">IFERROR(INDEX(Jesper!AK$2:AK$366,ROUNDDOWN($C8289/24,0)+1,1)*INDEX($D$3:$AA$30,INDEX(Jesper!$R$2:$R$366,ROW(INDEX(Jesper!AK$2:AK$366,ROUNDDOWN($C8289/24,0)+1,1))-1)+IF('Standard Profiles'!$G$21=$B$10,7,0)+IF('Standard Profiles'!$G$21=$B$17,14,0)+IF('Standard Profiles'!$G$21=$B$24,21,0),MOD($C8289,24)+1)/SUM(INDEX($D$3:$AA$30,INDEX(Jesper!$R$2:$R$366,ROW(INDEX(Jesper!AK$2:AK$366,ROUNDDOWN($C8289/24,0)+1,1))-1)+IF('Standard Profiles'!$G$21=$B$10,7,0)+IF('Standard Profiles'!$G$21=$B$17,14,0)+IF('Standard Profiles'!$G$21=$B$24,21,0),0)),0)</f>
        <v>7.1478211093564719</v>
      </c>
      <c r="H8289" cm="1">
        <f t="array" ref="H8289">IFERROR(INDEX(Jesper!AL$2:AL$366,ROUNDDOWN($C8289/24,0)+1,1)*INDEX($D$3:$AA$30,INDEX(Jesper!$R$2:$R$366,ROW(INDEX(Jesper!AL$2:AL$366,ROUNDDOWN($C8289/24,0)+1,1))-1)+IF('Standard Profiles'!$G$22=$B$10,7,0)+IF('Standard Profiles'!$G$22=$B$17,14,0)+IF('Standard Profiles'!$G$22=$B$24,21,0),MOD($C8289,24)+1)/SUM(INDEX($D$3:$AA$30,INDEX(Jesper!$R$2:$R$366,ROW(INDEX(Jesper!AL$2:AL$366,ROUNDDOWN($C8289/24,0)+1,1))-1)+IF('Standard Profiles'!$G$22=$B$10,7,0)+IF('Standard Profiles'!$G$22=$B$17,14,0)+IF('Standard Profiles'!$G$22=$B$24,21,0),0)),0)</f>
        <v>2.9558650148313412</v>
      </c>
      <c r="I8289">
        <f t="shared" si="916"/>
        <v>2.837630414238089</v>
      </c>
      <c r="J8289">
        <f t="shared" si="917"/>
        <v>16.137306877731749</v>
      </c>
      <c r="K8289">
        <f t="shared" si="918"/>
        <v>0.40992738893313596</v>
      </c>
      <c r="L8289">
        <f t="shared" si="919"/>
        <v>0.20496369446656798</v>
      </c>
      <c r="M8289">
        <f t="shared" si="920"/>
        <v>0</v>
      </c>
      <c r="N8289" s="45">
        <f t="shared" si="921"/>
        <v>45270.958333313312</v>
      </c>
    </row>
    <row r="8290" spans="2:14" x14ac:dyDescent="0.25">
      <c r="B8290">
        <f t="shared" si="915"/>
        <v>1</v>
      </c>
      <c r="C8290" s="16">
        <v>8256</v>
      </c>
      <c r="D8290" cm="1">
        <f t="array" ref="D8290">IFERROR(INDEX(Jesper!AH$2:AH$366,ROUNDDOWN($C8290/24,0)+1,1)*INDEX($D$3:$AA$30,INDEX(Jesper!$R$2:$R$366,ROW(INDEX(Jesper!AH$2:AH$366,ROUNDDOWN($C8290/24,0)+1,1))-1)+IF('Standard Profiles'!$G$18=$B$10,7,0)+IF('Standard Profiles'!$G$18=$B$17,14,0)+IF('Standard Profiles'!$G$18=$B$24,21,0),MOD($C8290,24)+1)/SUM(INDEX($D$3:$AA$30,INDEX(Jesper!$R$2:$R$366,ROW(INDEX(Jesper!AH$2:AH$366,ROUNDDOWN($C8290/24,0)+1,1))-1)+IF('Standard Profiles'!$G$18=$B$10,7,0)+IF('Standard Profiles'!$G$18=$B$17,14,0)+IF('Standard Profiles'!$G$18=$B$24,21,0),0)),0)</f>
        <v>5.8402700109051375</v>
      </c>
      <c r="E8290" cm="1">
        <f t="array" ref="E8290">IFERROR(INDEX(Jesper!AI$2:AI$366,ROUNDDOWN($C8290/24,0)+1,1)*INDEX($D$3:$AA$30,INDEX(Jesper!$R$2:$R$366,ROW(INDEX(Jesper!AI$2:AI$366,ROUNDDOWN($C8290/24,0)+1,1))-1)+IF('Standard Profiles'!$G$19=$B$10,7,0)+IF('Standard Profiles'!$G$19=$B$17,14,0)+IF('Standard Profiles'!$G$19=$B$24,21,0),MOD($C8290,24)+1)/SUM(INDEX($D$3:$AA$30,INDEX(Jesper!$R$2:$R$366,ROW(INDEX(Jesper!AI$2:AI$366,ROUNDDOWN($C8290/24,0)+1,1))-1)+IF('Standard Profiles'!$G$19=$B$10,7,0)+IF('Standard Profiles'!$G$19=$B$17,14,0)+IF('Standard Profiles'!$G$19=$B$24,21,0),0)),0)</f>
        <v>6.8108296074264008</v>
      </c>
      <c r="F8290" cm="1">
        <f t="array" ref="F8290">IFERROR(INDEX(Jesper!AJ$2:AJ$366,ROUNDDOWN($C8290/24,0)+1,1)*INDEX($D$3:$AA$30,INDEX(Jesper!$R$2:$R$366,ROW(INDEX(Jesper!AJ$2:AJ$366,ROUNDDOWN($C8290/24,0)+1,1))-1)+IF('Standard Profiles'!$G$20=$B$10,7,0)+IF('Standard Profiles'!$G$20=$B$17,14,0)+IF('Standard Profiles'!$G$20=$B$24,21,0),MOD($C8290,24)+1)/SUM(INDEX($D$3:$AA$30,INDEX(Jesper!$R$2:$R$366,ROW(INDEX(Jesper!AJ$2:AJ$366,ROUNDDOWN($C8290/24,0)+1,1))-1)+IF('Standard Profiles'!$G$20=$B$10,7,0)+IF('Standard Profiles'!$G$20=$B$17,14,0)+IF('Standard Profiles'!$G$20=$B$24,21,0),0)),0)</f>
        <v>0</v>
      </c>
      <c r="G8290" cm="1">
        <f t="array" ref="G8290">IFERROR(INDEX(Jesper!AK$2:AK$366,ROUNDDOWN($C8290/24,0)+1,1)*INDEX($D$3:$AA$30,INDEX(Jesper!$R$2:$R$366,ROW(INDEX(Jesper!AK$2:AK$366,ROUNDDOWN($C8290/24,0)+1,1))-1)+IF('Standard Profiles'!$G$21=$B$10,7,0)+IF('Standard Profiles'!$G$21=$B$17,14,0)+IF('Standard Profiles'!$G$21=$B$24,21,0),MOD($C8290,24)+1)/SUM(INDEX($D$3:$AA$30,INDEX(Jesper!$R$2:$R$366,ROW(INDEX(Jesper!AK$2:AK$366,ROUNDDOWN($C8290/24,0)+1,1))-1)+IF('Standard Profiles'!$G$21=$B$10,7,0)+IF('Standard Profiles'!$G$21=$B$17,14,0)+IF('Standard Profiles'!$G$21=$B$24,21,0),0)),0)</f>
        <v>5.7417599955070342</v>
      </c>
      <c r="H8290" cm="1">
        <f t="array" ref="H8290">IFERROR(INDEX(Jesper!AL$2:AL$366,ROUNDDOWN($C8290/24,0)+1,1)*INDEX($D$3:$AA$30,INDEX(Jesper!$R$2:$R$366,ROW(INDEX(Jesper!AL$2:AL$366,ROUNDDOWN($C8290/24,0)+1,1))-1)+IF('Standard Profiles'!$G$22=$B$10,7,0)+IF('Standard Profiles'!$G$22=$B$17,14,0)+IF('Standard Profiles'!$G$22=$B$24,21,0),MOD($C8290,24)+1)/SUM(INDEX($D$3:$AA$30,INDEX(Jesper!$R$2:$R$366,ROW(INDEX(Jesper!AL$2:AL$366,ROUNDDOWN($C8290/24,0)+1,1))-1)+IF('Standard Profiles'!$G$22=$B$10,7,0)+IF('Standard Profiles'!$G$22=$B$17,14,0)+IF('Standard Profiles'!$G$22=$B$24,21,0),0)),0)</f>
        <v>0</v>
      </c>
      <c r="I8290">
        <f t="shared" si="916"/>
        <v>2.7560447978433751</v>
      </c>
      <c r="J8290">
        <f t="shared" si="917"/>
        <v>14.702371614250374</v>
      </c>
      <c r="K8290">
        <f t="shared" si="918"/>
        <v>0.62296213449654803</v>
      </c>
      <c r="L8290">
        <f t="shared" si="919"/>
        <v>0.31148106724827401</v>
      </c>
      <c r="M8290">
        <f t="shared" si="920"/>
        <v>0</v>
      </c>
      <c r="N8290" s="45">
        <f t="shared" si="921"/>
        <v>45270.999999979977</v>
      </c>
    </row>
    <row r="8291" spans="2:14" x14ac:dyDescent="0.25">
      <c r="B8291">
        <f t="shared" ref="B8291:B8354" si="922">WEEKDAY(N8291,2)</f>
        <v>1</v>
      </c>
      <c r="C8291" s="16">
        <v>8257</v>
      </c>
      <c r="D8291" cm="1">
        <f t="array" ref="D8291">IFERROR(INDEX(Jesper!AH$2:AH$366,ROUNDDOWN($C8291/24,0)+1,1)*INDEX($D$3:$AA$30,INDEX(Jesper!$R$2:$R$366,ROW(INDEX(Jesper!AH$2:AH$366,ROUNDDOWN($C8291/24,0)+1,1))-1)+IF('Standard Profiles'!$G$18=$B$10,7,0)+IF('Standard Profiles'!$G$18=$B$17,14,0)+IF('Standard Profiles'!$G$18=$B$24,21,0),MOD($C8291,24)+1)/SUM(INDEX($D$3:$AA$30,INDEX(Jesper!$R$2:$R$366,ROW(INDEX(Jesper!AH$2:AH$366,ROUNDDOWN($C8291/24,0)+1,1))-1)+IF('Standard Profiles'!$G$18=$B$10,7,0)+IF('Standard Profiles'!$G$18=$B$17,14,0)+IF('Standard Profiles'!$G$18=$B$24,21,0),0)),0)</f>
        <v>5.8402700109051375</v>
      </c>
      <c r="E8291" cm="1">
        <f t="array" ref="E8291">IFERROR(INDEX(Jesper!AI$2:AI$366,ROUNDDOWN($C8291/24,0)+1,1)*INDEX($D$3:$AA$30,INDEX(Jesper!$R$2:$R$366,ROW(INDEX(Jesper!AI$2:AI$366,ROUNDDOWN($C8291/24,0)+1,1))-1)+IF('Standard Profiles'!$G$19=$B$10,7,0)+IF('Standard Profiles'!$G$19=$B$17,14,0)+IF('Standard Profiles'!$G$19=$B$24,21,0),MOD($C8291,24)+1)/SUM(INDEX($D$3:$AA$30,INDEX(Jesper!$R$2:$R$366,ROW(INDEX(Jesper!AI$2:AI$366,ROUNDDOWN($C8291/24,0)+1,1))-1)+IF('Standard Profiles'!$G$19=$B$10,7,0)+IF('Standard Profiles'!$G$19=$B$17,14,0)+IF('Standard Profiles'!$G$19=$B$24,21,0),0)),0)</f>
        <v>6.8108296074264008</v>
      </c>
      <c r="F8291" cm="1">
        <f t="array" ref="F8291">IFERROR(INDEX(Jesper!AJ$2:AJ$366,ROUNDDOWN($C8291/24,0)+1,1)*INDEX($D$3:$AA$30,INDEX(Jesper!$R$2:$R$366,ROW(INDEX(Jesper!AJ$2:AJ$366,ROUNDDOWN($C8291/24,0)+1,1))-1)+IF('Standard Profiles'!$G$20=$B$10,7,0)+IF('Standard Profiles'!$G$20=$B$17,14,0)+IF('Standard Profiles'!$G$20=$B$24,21,0),MOD($C8291,24)+1)/SUM(INDEX($D$3:$AA$30,INDEX(Jesper!$R$2:$R$366,ROW(INDEX(Jesper!AJ$2:AJ$366,ROUNDDOWN($C8291/24,0)+1,1))-1)+IF('Standard Profiles'!$G$20=$B$10,7,0)+IF('Standard Profiles'!$G$20=$B$17,14,0)+IF('Standard Profiles'!$G$20=$B$24,21,0),0)),0)</f>
        <v>0</v>
      </c>
      <c r="G8291" cm="1">
        <f t="array" ref="G8291">IFERROR(INDEX(Jesper!AK$2:AK$366,ROUNDDOWN($C8291/24,0)+1,1)*INDEX($D$3:$AA$30,INDEX(Jesper!$R$2:$R$366,ROW(INDEX(Jesper!AK$2:AK$366,ROUNDDOWN($C8291/24,0)+1,1))-1)+IF('Standard Profiles'!$G$21=$B$10,7,0)+IF('Standard Profiles'!$G$21=$B$17,14,0)+IF('Standard Profiles'!$G$21=$B$24,21,0),MOD($C8291,24)+1)/SUM(INDEX($D$3:$AA$30,INDEX(Jesper!$R$2:$R$366,ROW(INDEX(Jesper!AK$2:AK$366,ROUNDDOWN($C8291/24,0)+1,1))-1)+IF('Standard Profiles'!$G$21=$B$10,7,0)+IF('Standard Profiles'!$G$21=$B$17,14,0)+IF('Standard Profiles'!$G$21=$B$24,21,0),0)),0)</f>
        <v>5.7417599955070342</v>
      </c>
      <c r="H8291" cm="1">
        <f t="array" ref="H8291">IFERROR(INDEX(Jesper!AL$2:AL$366,ROUNDDOWN($C8291/24,0)+1,1)*INDEX($D$3:$AA$30,INDEX(Jesper!$R$2:$R$366,ROW(INDEX(Jesper!AL$2:AL$366,ROUNDDOWN($C8291/24,0)+1,1))-1)+IF('Standard Profiles'!$G$22=$B$10,7,0)+IF('Standard Profiles'!$G$22=$B$17,14,0)+IF('Standard Profiles'!$G$22=$B$24,21,0),MOD($C8291,24)+1)/SUM(INDEX($D$3:$AA$30,INDEX(Jesper!$R$2:$R$366,ROW(INDEX(Jesper!AL$2:AL$366,ROUNDDOWN($C8291/24,0)+1,1))-1)+IF('Standard Profiles'!$G$22=$B$10,7,0)+IF('Standard Profiles'!$G$22=$B$17,14,0)+IF('Standard Profiles'!$G$22=$B$24,21,0),0)),0)</f>
        <v>0</v>
      </c>
      <c r="I8291">
        <f t="shared" ref="I8291:I8354" si="923">IF($B8291&lt;6,AC$37*$D8291+AC$38*$E8291+AC$39*$F8291+AC$40*$G8291,AC$46*$D8291+AC$47*$E8291+AC$48*$F8291+AC$49*$G8291+AC$50*$H8291)</f>
        <v>2.7560447978433751</v>
      </c>
      <c r="J8291">
        <f t="shared" ref="J8291:J8354" si="924">IF($B8291&lt;6,AD$37*$D8291+AD$38*$E8291+AD$39*$F8291+AD$40*$G8291,AD$46*$D8291+AD$47*$E8291+AD$48*$F8291+AD$49*$G8291+AD$50*$H8291)</f>
        <v>14.702371614250374</v>
      </c>
      <c r="K8291">
        <f t="shared" ref="K8291:K8354" si="925">IF($B8291&lt;6,AE$37*$D8291+AE$38*$E8291+AE$39*$F8291+AE$40*$G8291,AE$46*$D8291+AE$47*$E8291+AE$48*$F8291+AE$49*$G8291+AE$50*$H8291)</f>
        <v>0.62296213449654803</v>
      </c>
      <c r="L8291">
        <f t="shared" ref="L8291:L8354" si="926">IF($B8291&lt;6,AF$37*$D8291+AF$38*$E8291+AF$39*$F8291+AF$40*$G8291,AF$46*$D8291+AF$47*$E8291+AF$48*$F8291+AF$49*$G8291+AF$50*$H8291)</f>
        <v>0.31148106724827401</v>
      </c>
      <c r="M8291">
        <f t="shared" ref="M8291:M8354" si="927">IF($B8291&lt;6,AG$37*$D8291+AG$38*$E8291+AG$39*$F8291+AG$40*$G8291,AG$46*$D8291+AG$47*$E8291+AG$48*$F8291+AG$49*$G8291+AG$50*$H8291)</f>
        <v>0</v>
      </c>
      <c r="N8291" s="45">
        <f t="shared" si="921"/>
        <v>45271.041666646641</v>
      </c>
    </row>
    <row r="8292" spans="2:14" x14ac:dyDescent="0.25">
      <c r="B8292">
        <f t="shared" si="922"/>
        <v>1</v>
      </c>
      <c r="C8292" s="16">
        <v>8258</v>
      </c>
      <c r="D8292" cm="1">
        <f t="array" ref="D8292">IFERROR(INDEX(Jesper!AH$2:AH$366,ROUNDDOWN($C8292/24,0)+1,1)*INDEX($D$3:$AA$30,INDEX(Jesper!$R$2:$R$366,ROW(INDEX(Jesper!AH$2:AH$366,ROUNDDOWN($C8292/24,0)+1,1))-1)+IF('Standard Profiles'!$G$18=$B$10,7,0)+IF('Standard Profiles'!$G$18=$B$17,14,0)+IF('Standard Profiles'!$G$18=$B$24,21,0),MOD($C8292,24)+1)/SUM(INDEX($D$3:$AA$30,INDEX(Jesper!$R$2:$R$366,ROW(INDEX(Jesper!AH$2:AH$366,ROUNDDOWN($C8292/24,0)+1,1))-1)+IF('Standard Profiles'!$G$18=$B$10,7,0)+IF('Standard Profiles'!$G$18=$B$17,14,0)+IF('Standard Profiles'!$G$18=$B$24,21,0),0)),0)</f>
        <v>5.8402700109051375</v>
      </c>
      <c r="E8292" cm="1">
        <f t="array" ref="E8292">IFERROR(INDEX(Jesper!AI$2:AI$366,ROUNDDOWN($C8292/24,0)+1,1)*INDEX($D$3:$AA$30,INDEX(Jesper!$R$2:$R$366,ROW(INDEX(Jesper!AI$2:AI$366,ROUNDDOWN($C8292/24,0)+1,1))-1)+IF('Standard Profiles'!$G$19=$B$10,7,0)+IF('Standard Profiles'!$G$19=$B$17,14,0)+IF('Standard Profiles'!$G$19=$B$24,21,0),MOD($C8292,24)+1)/SUM(INDEX($D$3:$AA$30,INDEX(Jesper!$R$2:$R$366,ROW(INDEX(Jesper!AI$2:AI$366,ROUNDDOWN($C8292/24,0)+1,1))-1)+IF('Standard Profiles'!$G$19=$B$10,7,0)+IF('Standard Profiles'!$G$19=$B$17,14,0)+IF('Standard Profiles'!$G$19=$B$24,21,0),0)),0)</f>
        <v>6.8108296074264008</v>
      </c>
      <c r="F8292" cm="1">
        <f t="array" ref="F8292">IFERROR(INDEX(Jesper!AJ$2:AJ$366,ROUNDDOWN($C8292/24,0)+1,1)*INDEX($D$3:$AA$30,INDEX(Jesper!$R$2:$R$366,ROW(INDEX(Jesper!AJ$2:AJ$366,ROUNDDOWN($C8292/24,0)+1,1))-1)+IF('Standard Profiles'!$G$20=$B$10,7,0)+IF('Standard Profiles'!$G$20=$B$17,14,0)+IF('Standard Profiles'!$G$20=$B$24,21,0),MOD($C8292,24)+1)/SUM(INDEX($D$3:$AA$30,INDEX(Jesper!$R$2:$R$366,ROW(INDEX(Jesper!AJ$2:AJ$366,ROUNDDOWN($C8292/24,0)+1,1))-1)+IF('Standard Profiles'!$G$20=$B$10,7,0)+IF('Standard Profiles'!$G$20=$B$17,14,0)+IF('Standard Profiles'!$G$20=$B$24,21,0),0)),0)</f>
        <v>0</v>
      </c>
      <c r="G8292" cm="1">
        <f t="array" ref="G8292">IFERROR(INDEX(Jesper!AK$2:AK$366,ROUNDDOWN($C8292/24,0)+1,1)*INDEX($D$3:$AA$30,INDEX(Jesper!$R$2:$R$366,ROW(INDEX(Jesper!AK$2:AK$366,ROUNDDOWN($C8292/24,0)+1,1))-1)+IF('Standard Profiles'!$G$21=$B$10,7,0)+IF('Standard Profiles'!$G$21=$B$17,14,0)+IF('Standard Profiles'!$G$21=$B$24,21,0),MOD($C8292,24)+1)/SUM(INDEX($D$3:$AA$30,INDEX(Jesper!$R$2:$R$366,ROW(INDEX(Jesper!AK$2:AK$366,ROUNDDOWN($C8292/24,0)+1,1))-1)+IF('Standard Profiles'!$G$21=$B$10,7,0)+IF('Standard Profiles'!$G$21=$B$17,14,0)+IF('Standard Profiles'!$G$21=$B$24,21,0),0)),0)</f>
        <v>5.7417599955070342</v>
      </c>
      <c r="H8292" cm="1">
        <f t="array" ref="H8292">IFERROR(INDEX(Jesper!AL$2:AL$366,ROUNDDOWN($C8292/24,0)+1,1)*INDEX($D$3:$AA$30,INDEX(Jesper!$R$2:$R$366,ROW(INDEX(Jesper!AL$2:AL$366,ROUNDDOWN($C8292/24,0)+1,1))-1)+IF('Standard Profiles'!$G$22=$B$10,7,0)+IF('Standard Profiles'!$G$22=$B$17,14,0)+IF('Standard Profiles'!$G$22=$B$24,21,0),MOD($C8292,24)+1)/SUM(INDEX($D$3:$AA$30,INDEX(Jesper!$R$2:$R$366,ROW(INDEX(Jesper!AL$2:AL$366,ROUNDDOWN($C8292/24,0)+1,1))-1)+IF('Standard Profiles'!$G$22=$B$10,7,0)+IF('Standard Profiles'!$G$22=$B$17,14,0)+IF('Standard Profiles'!$G$22=$B$24,21,0),0)),0)</f>
        <v>0</v>
      </c>
      <c r="I8292">
        <f t="shared" si="923"/>
        <v>2.7560447978433751</v>
      </c>
      <c r="J8292">
        <f t="shared" si="924"/>
        <v>14.702371614250374</v>
      </c>
      <c r="K8292">
        <f t="shared" si="925"/>
        <v>0.62296213449654803</v>
      </c>
      <c r="L8292">
        <f t="shared" si="926"/>
        <v>0.31148106724827401</v>
      </c>
      <c r="M8292">
        <f t="shared" si="927"/>
        <v>0</v>
      </c>
      <c r="N8292" s="45">
        <f t="shared" ref="N8292:N8355" si="928">N8291+1/24</f>
        <v>45271.083333313305</v>
      </c>
    </row>
    <row r="8293" spans="2:14" x14ac:dyDescent="0.25">
      <c r="B8293">
        <f t="shared" si="922"/>
        <v>1</v>
      </c>
      <c r="C8293" s="16">
        <v>8259</v>
      </c>
      <c r="D8293" cm="1">
        <f t="array" ref="D8293">IFERROR(INDEX(Jesper!AH$2:AH$366,ROUNDDOWN($C8293/24,0)+1,1)*INDEX($D$3:$AA$30,INDEX(Jesper!$R$2:$R$366,ROW(INDEX(Jesper!AH$2:AH$366,ROUNDDOWN($C8293/24,0)+1,1))-1)+IF('Standard Profiles'!$G$18=$B$10,7,0)+IF('Standard Profiles'!$G$18=$B$17,14,0)+IF('Standard Profiles'!$G$18=$B$24,21,0),MOD($C8293,24)+1)/SUM(INDEX($D$3:$AA$30,INDEX(Jesper!$R$2:$R$366,ROW(INDEX(Jesper!AH$2:AH$366,ROUNDDOWN($C8293/24,0)+1,1))-1)+IF('Standard Profiles'!$G$18=$B$10,7,0)+IF('Standard Profiles'!$G$18=$B$17,14,0)+IF('Standard Profiles'!$G$18=$B$24,21,0),0)),0)</f>
        <v>5.8402700109051375</v>
      </c>
      <c r="E8293" cm="1">
        <f t="array" ref="E8293">IFERROR(INDEX(Jesper!AI$2:AI$366,ROUNDDOWN($C8293/24,0)+1,1)*INDEX($D$3:$AA$30,INDEX(Jesper!$R$2:$R$366,ROW(INDEX(Jesper!AI$2:AI$366,ROUNDDOWN($C8293/24,0)+1,1))-1)+IF('Standard Profiles'!$G$19=$B$10,7,0)+IF('Standard Profiles'!$G$19=$B$17,14,0)+IF('Standard Profiles'!$G$19=$B$24,21,0),MOD($C8293,24)+1)/SUM(INDEX($D$3:$AA$30,INDEX(Jesper!$R$2:$R$366,ROW(INDEX(Jesper!AI$2:AI$366,ROUNDDOWN($C8293/24,0)+1,1))-1)+IF('Standard Profiles'!$G$19=$B$10,7,0)+IF('Standard Profiles'!$G$19=$B$17,14,0)+IF('Standard Profiles'!$G$19=$B$24,21,0),0)),0)</f>
        <v>6.8108296074264008</v>
      </c>
      <c r="F8293" cm="1">
        <f t="array" ref="F8293">IFERROR(INDEX(Jesper!AJ$2:AJ$366,ROUNDDOWN($C8293/24,0)+1,1)*INDEX($D$3:$AA$30,INDEX(Jesper!$R$2:$R$366,ROW(INDEX(Jesper!AJ$2:AJ$366,ROUNDDOWN($C8293/24,0)+1,1))-1)+IF('Standard Profiles'!$G$20=$B$10,7,0)+IF('Standard Profiles'!$G$20=$B$17,14,0)+IF('Standard Profiles'!$G$20=$B$24,21,0),MOD($C8293,24)+1)/SUM(INDEX($D$3:$AA$30,INDEX(Jesper!$R$2:$R$366,ROW(INDEX(Jesper!AJ$2:AJ$366,ROUNDDOWN($C8293/24,0)+1,1))-1)+IF('Standard Profiles'!$G$20=$B$10,7,0)+IF('Standard Profiles'!$G$20=$B$17,14,0)+IF('Standard Profiles'!$G$20=$B$24,21,0),0)),0)</f>
        <v>0</v>
      </c>
      <c r="G8293" cm="1">
        <f t="array" ref="G8293">IFERROR(INDEX(Jesper!AK$2:AK$366,ROUNDDOWN($C8293/24,0)+1,1)*INDEX($D$3:$AA$30,INDEX(Jesper!$R$2:$R$366,ROW(INDEX(Jesper!AK$2:AK$366,ROUNDDOWN($C8293/24,0)+1,1))-1)+IF('Standard Profiles'!$G$21=$B$10,7,0)+IF('Standard Profiles'!$G$21=$B$17,14,0)+IF('Standard Profiles'!$G$21=$B$24,21,0),MOD($C8293,24)+1)/SUM(INDEX($D$3:$AA$30,INDEX(Jesper!$R$2:$R$366,ROW(INDEX(Jesper!AK$2:AK$366,ROUNDDOWN($C8293/24,0)+1,1))-1)+IF('Standard Profiles'!$G$21=$B$10,7,0)+IF('Standard Profiles'!$G$21=$B$17,14,0)+IF('Standard Profiles'!$G$21=$B$24,21,0),0)),0)</f>
        <v>5.7417599955070342</v>
      </c>
      <c r="H8293" cm="1">
        <f t="array" ref="H8293">IFERROR(INDEX(Jesper!AL$2:AL$366,ROUNDDOWN($C8293/24,0)+1,1)*INDEX($D$3:$AA$30,INDEX(Jesper!$R$2:$R$366,ROW(INDEX(Jesper!AL$2:AL$366,ROUNDDOWN($C8293/24,0)+1,1))-1)+IF('Standard Profiles'!$G$22=$B$10,7,0)+IF('Standard Profiles'!$G$22=$B$17,14,0)+IF('Standard Profiles'!$G$22=$B$24,21,0),MOD($C8293,24)+1)/SUM(INDEX($D$3:$AA$30,INDEX(Jesper!$R$2:$R$366,ROW(INDEX(Jesper!AL$2:AL$366,ROUNDDOWN($C8293/24,0)+1,1))-1)+IF('Standard Profiles'!$G$22=$B$10,7,0)+IF('Standard Profiles'!$G$22=$B$17,14,0)+IF('Standard Profiles'!$G$22=$B$24,21,0),0)),0)</f>
        <v>0</v>
      </c>
      <c r="I8293">
        <f t="shared" si="923"/>
        <v>2.7560447978433751</v>
      </c>
      <c r="J8293">
        <f t="shared" si="924"/>
        <v>14.702371614250374</v>
      </c>
      <c r="K8293">
        <f t="shared" si="925"/>
        <v>0.62296213449654803</v>
      </c>
      <c r="L8293">
        <f t="shared" si="926"/>
        <v>0.31148106724827401</v>
      </c>
      <c r="M8293">
        <f t="shared" si="927"/>
        <v>0</v>
      </c>
      <c r="N8293" s="45">
        <f t="shared" si="928"/>
        <v>45271.124999979969</v>
      </c>
    </row>
    <row r="8294" spans="2:14" x14ac:dyDescent="0.25">
      <c r="B8294">
        <f t="shared" si="922"/>
        <v>1</v>
      </c>
      <c r="C8294" s="16">
        <v>8260</v>
      </c>
      <c r="D8294" cm="1">
        <f t="array" ref="D8294">IFERROR(INDEX(Jesper!AH$2:AH$366,ROUNDDOWN($C8294/24,0)+1,1)*INDEX($D$3:$AA$30,INDEX(Jesper!$R$2:$R$366,ROW(INDEX(Jesper!AH$2:AH$366,ROUNDDOWN($C8294/24,0)+1,1))-1)+IF('Standard Profiles'!$G$18=$B$10,7,0)+IF('Standard Profiles'!$G$18=$B$17,14,0)+IF('Standard Profiles'!$G$18=$B$24,21,0),MOD($C8294,24)+1)/SUM(INDEX($D$3:$AA$30,INDEX(Jesper!$R$2:$R$366,ROW(INDEX(Jesper!AH$2:AH$366,ROUNDDOWN($C8294/24,0)+1,1))-1)+IF('Standard Profiles'!$G$18=$B$10,7,0)+IF('Standard Profiles'!$G$18=$B$17,14,0)+IF('Standard Profiles'!$G$18=$B$24,21,0),0)),0)</f>
        <v>5.8402700109051375</v>
      </c>
      <c r="E8294" cm="1">
        <f t="array" ref="E8294">IFERROR(INDEX(Jesper!AI$2:AI$366,ROUNDDOWN($C8294/24,0)+1,1)*INDEX($D$3:$AA$30,INDEX(Jesper!$R$2:$R$366,ROW(INDEX(Jesper!AI$2:AI$366,ROUNDDOWN($C8294/24,0)+1,1))-1)+IF('Standard Profiles'!$G$19=$B$10,7,0)+IF('Standard Profiles'!$G$19=$B$17,14,0)+IF('Standard Profiles'!$G$19=$B$24,21,0),MOD($C8294,24)+1)/SUM(INDEX($D$3:$AA$30,INDEX(Jesper!$R$2:$R$366,ROW(INDEX(Jesper!AI$2:AI$366,ROUNDDOWN($C8294/24,0)+1,1))-1)+IF('Standard Profiles'!$G$19=$B$10,7,0)+IF('Standard Profiles'!$G$19=$B$17,14,0)+IF('Standard Profiles'!$G$19=$B$24,21,0),0)),0)</f>
        <v>6.8108296074264008</v>
      </c>
      <c r="F8294" cm="1">
        <f t="array" ref="F8294">IFERROR(INDEX(Jesper!AJ$2:AJ$366,ROUNDDOWN($C8294/24,0)+1,1)*INDEX($D$3:$AA$30,INDEX(Jesper!$R$2:$R$366,ROW(INDEX(Jesper!AJ$2:AJ$366,ROUNDDOWN($C8294/24,0)+1,1))-1)+IF('Standard Profiles'!$G$20=$B$10,7,0)+IF('Standard Profiles'!$G$20=$B$17,14,0)+IF('Standard Profiles'!$G$20=$B$24,21,0),MOD($C8294,24)+1)/SUM(INDEX($D$3:$AA$30,INDEX(Jesper!$R$2:$R$366,ROW(INDEX(Jesper!AJ$2:AJ$366,ROUNDDOWN($C8294/24,0)+1,1))-1)+IF('Standard Profiles'!$G$20=$B$10,7,0)+IF('Standard Profiles'!$G$20=$B$17,14,0)+IF('Standard Profiles'!$G$20=$B$24,21,0),0)),0)</f>
        <v>0</v>
      </c>
      <c r="G8294" cm="1">
        <f t="array" ref="G8294">IFERROR(INDEX(Jesper!AK$2:AK$366,ROUNDDOWN($C8294/24,0)+1,1)*INDEX($D$3:$AA$30,INDEX(Jesper!$R$2:$R$366,ROW(INDEX(Jesper!AK$2:AK$366,ROUNDDOWN($C8294/24,0)+1,1))-1)+IF('Standard Profiles'!$G$21=$B$10,7,0)+IF('Standard Profiles'!$G$21=$B$17,14,0)+IF('Standard Profiles'!$G$21=$B$24,21,0),MOD($C8294,24)+1)/SUM(INDEX($D$3:$AA$30,INDEX(Jesper!$R$2:$R$366,ROW(INDEX(Jesper!AK$2:AK$366,ROUNDDOWN($C8294/24,0)+1,1))-1)+IF('Standard Profiles'!$G$21=$B$10,7,0)+IF('Standard Profiles'!$G$21=$B$17,14,0)+IF('Standard Profiles'!$G$21=$B$24,21,0),0)),0)</f>
        <v>5.7417599955070342</v>
      </c>
      <c r="H8294" cm="1">
        <f t="array" ref="H8294">IFERROR(INDEX(Jesper!AL$2:AL$366,ROUNDDOWN($C8294/24,0)+1,1)*INDEX($D$3:$AA$30,INDEX(Jesper!$R$2:$R$366,ROW(INDEX(Jesper!AL$2:AL$366,ROUNDDOWN($C8294/24,0)+1,1))-1)+IF('Standard Profiles'!$G$22=$B$10,7,0)+IF('Standard Profiles'!$G$22=$B$17,14,0)+IF('Standard Profiles'!$G$22=$B$24,21,0),MOD($C8294,24)+1)/SUM(INDEX($D$3:$AA$30,INDEX(Jesper!$R$2:$R$366,ROW(INDEX(Jesper!AL$2:AL$366,ROUNDDOWN($C8294/24,0)+1,1))-1)+IF('Standard Profiles'!$G$22=$B$10,7,0)+IF('Standard Profiles'!$G$22=$B$17,14,0)+IF('Standard Profiles'!$G$22=$B$24,21,0),0)),0)</f>
        <v>0</v>
      </c>
      <c r="I8294">
        <f t="shared" si="923"/>
        <v>2.7560447978433751</v>
      </c>
      <c r="J8294">
        <f t="shared" si="924"/>
        <v>14.702371614250374</v>
      </c>
      <c r="K8294">
        <f t="shared" si="925"/>
        <v>0.62296213449654803</v>
      </c>
      <c r="L8294">
        <f t="shared" si="926"/>
        <v>0.31148106724827401</v>
      </c>
      <c r="M8294">
        <f t="shared" si="927"/>
        <v>0</v>
      </c>
      <c r="N8294" s="45">
        <f t="shared" si="928"/>
        <v>45271.166666646634</v>
      </c>
    </row>
    <row r="8295" spans="2:14" x14ac:dyDescent="0.25">
      <c r="B8295">
        <f t="shared" si="922"/>
        <v>1</v>
      </c>
      <c r="C8295" s="16">
        <v>8261</v>
      </c>
      <c r="D8295" cm="1">
        <f t="array" ref="D8295">IFERROR(INDEX(Jesper!AH$2:AH$366,ROUNDDOWN($C8295/24,0)+1,1)*INDEX($D$3:$AA$30,INDEX(Jesper!$R$2:$R$366,ROW(INDEX(Jesper!AH$2:AH$366,ROUNDDOWN($C8295/24,0)+1,1))-1)+IF('Standard Profiles'!$G$18=$B$10,7,0)+IF('Standard Profiles'!$G$18=$B$17,14,0)+IF('Standard Profiles'!$G$18=$B$24,21,0),MOD($C8295,24)+1)/SUM(INDEX($D$3:$AA$30,INDEX(Jesper!$R$2:$R$366,ROW(INDEX(Jesper!AH$2:AH$366,ROUNDDOWN($C8295/24,0)+1,1))-1)+IF('Standard Profiles'!$G$18=$B$10,7,0)+IF('Standard Profiles'!$G$18=$B$17,14,0)+IF('Standard Profiles'!$G$18=$B$24,21,0),0)),0)</f>
        <v>5.8402700109051375</v>
      </c>
      <c r="E8295" cm="1">
        <f t="array" ref="E8295">IFERROR(INDEX(Jesper!AI$2:AI$366,ROUNDDOWN($C8295/24,0)+1,1)*INDEX($D$3:$AA$30,INDEX(Jesper!$R$2:$R$366,ROW(INDEX(Jesper!AI$2:AI$366,ROUNDDOWN($C8295/24,0)+1,1))-1)+IF('Standard Profiles'!$G$19=$B$10,7,0)+IF('Standard Profiles'!$G$19=$B$17,14,0)+IF('Standard Profiles'!$G$19=$B$24,21,0),MOD($C8295,24)+1)/SUM(INDEX($D$3:$AA$30,INDEX(Jesper!$R$2:$R$366,ROW(INDEX(Jesper!AI$2:AI$366,ROUNDDOWN($C8295/24,0)+1,1))-1)+IF('Standard Profiles'!$G$19=$B$10,7,0)+IF('Standard Profiles'!$G$19=$B$17,14,0)+IF('Standard Profiles'!$G$19=$B$24,21,0),0)),0)</f>
        <v>6.8108296074264008</v>
      </c>
      <c r="F8295" cm="1">
        <f t="array" ref="F8295">IFERROR(INDEX(Jesper!AJ$2:AJ$366,ROUNDDOWN($C8295/24,0)+1,1)*INDEX($D$3:$AA$30,INDEX(Jesper!$R$2:$R$366,ROW(INDEX(Jesper!AJ$2:AJ$366,ROUNDDOWN($C8295/24,0)+1,1))-1)+IF('Standard Profiles'!$G$20=$B$10,7,0)+IF('Standard Profiles'!$G$20=$B$17,14,0)+IF('Standard Profiles'!$G$20=$B$24,21,0),MOD($C8295,24)+1)/SUM(INDEX($D$3:$AA$30,INDEX(Jesper!$R$2:$R$366,ROW(INDEX(Jesper!AJ$2:AJ$366,ROUNDDOWN($C8295/24,0)+1,1))-1)+IF('Standard Profiles'!$G$20=$B$10,7,0)+IF('Standard Profiles'!$G$20=$B$17,14,0)+IF('Standard Profiles'!$G$20=$B$24,21,0),0)),0)</f>
        <v>0</v>
      </c>
      <c r="G8295" cm="1">
        <f t="array" ref="G8295">IFERROR(INDEX(Jesper!AK$2:AK$366,ROUNDDOWN($C8295/24,0)+1,1)*INDEX($D$3:$AA$30,INDEX(Jesper!$R$2:$R$366,ROW(INDEX(Jesper!AK$2:AK$366,ROUNDDOWN($C8295/24,0)+1,1))-1)+IF('Standard Profiles'!$G$21=$B$10,7,0)+IF('Standard Profiles'!$G$21=$B$17,14,0)+IF('Standard Profiles'!$G$21=$B$24,21,0),MOD($C8295,24)+1)/SUM(INDEX($D$3:$AA$30,INDEX(Jesper!$R$2:$R$366,ROW(INDEX(Jesper!AK$2:AK$366,ROUNDDOWN($C8295/24,0)+1,1))-1)+IF('Standard Profiles'!$G$21=$B$10,7,0)+IF('Standard Profiles'!$G$21=$B$17,14,0)+IF('Standard Profiles'!$G$21=$B$24,21,0),0)),0)</f>
        <v>5.7417599955070342</v>
      </c>
      <c r="H8295" cm="1">
        <f t="array" ref="H8295">IFERROR(INDEX(Jesper!AL$2:AL$366,ROUNDDOWN($C8295/24,0)+1,1)*INDEX($D$3:$AA$30,INDEX(Jesper!$R$2:$R$366,ROW(INDEX(Jesper!AL$2:AL$366,ROUNDDOWN($C8295/24,0)+1,1))-1)+IF('Standard Profiles'!$G$22=$B$10,7,0)+IF('Standard Profiles'!$G$22=$B$17,14,0)+IF('Standard Profiles'!$G$22=$B$24,21,0),MOD($C8295,24)+1)/SUM(INDEX($D$3:$AA$30,INDEX(Jesper!$R$2:$R$366,ROW(INDEX(Jesper!AL$2:AL$366,ROUNDDOWN($C8295/24,0)+1,1))-1)+IF('Standard Profiles'!$G$22=$B$10,7,0)+IF('Standard Profiles'!$G$22=$B$17,14,0)+IF('Standard Profiles'!$G$22=$B$24,21,0),0)),0)</f>
        <v>0</v>
      </c>
      <c r="I8295">
        <f t="shared" si="923"/>
        <v>2.7560447978433751</v>
      </c>
      <c r="J8295">
        <f t="shared" si="924"/>
        <v>14.702371614250374</v>
      </c>
      <c r="K8295">
        <f t="shared" si="925"/>
        <v>0.62296213449654803</v>
      </c>
      <c r="L8295">
        <f t="shared" si="926"/>
        <v>0.31148106724827401</v>
      </c>
      <c r="M8295">
        <f t="shared" si="927"/>
        <v>0</v>
      </c>
      <c r="N8295" s="45">
        <f t="shared" si="928"/>
        <v>45271.208333313298</v>
      </c>
    </row>
    <row r="8296" spans="2:14" x14ac:dyDescent="0.25">
      <c r="B8296">
        <f t="shared" si="922"/>
        <v>1</v>
      </c>
      <c r="C8296" s="16">
        <v>8262</v>
      </c>
      <c r="D8296" cm="1">
        <f t="array" ref="D8296">IFERROR(INDEX(Jesper!AH$2:AH$366,ROUNDDOWN($C8296/24,0)+1,1)*INDEX($D$3:$AA$30,INDEX(Jesper!$R$2:$R$366,ROW(INDEX(Jesper!AH$2:AH$366,ROUNDDOWN($C8296/24,0)+1,1))-1)+IF('Standard Profiles'!$G$18=$B$10,7,0)+IF('Standard Profiles'!$G$18=$B$17,14,0)+IF('Standard Profiles'!$G$18=$B$24,21,0),MOD($C8296,24)+1)/SUM(INDEX($D$3:$AA$30,INDEX(Jesper!$R$2:$R$366,ROW(INDEX(Jesper!AH$2:AH$366,ROUNDDOWN($C8296/24,0)+1,1))-1)+IF('Standard Profiles'!$G$18=$B$10,7,0)+IF('Standard Profiles'!$G$18=$B$17,14,0)+IF('Standard Profiles'!$G$18=$B$24,21,0),0)),0)</f>
        <v>5.8402700109051375</v>
      </c>
      <c r="E8296" cm="1">
        <f t="array" ref="E8296">IFERROR(INDEX(Jesper!AI$2:AI$366,ROUNDDOWN($C8296/24,0)+1,1)*INDEX($D$3:$AA$30,INDEX(Jesper!$R$2:$R$366,ROW(INDEX(Jesper!AI$2:AI$366,ROUNDDOWN($C8296/24,0)+1,1))-1)+IF('Standard Profiles'!$G$19=$B$10,7,0)+IF('Standard Profiles'!$G$19=$B$17,14,0)+IF('Standard Profiles'!$G$19=$B$24,21,0),MOD($C8296,24)+1)/SUM(INDEX($D$3:$AA$30,INDEX(Jesper!$R$2:$R$366,ROW(INDEX(Jesper!AI$2:AI$366,ROUNDDOWN($C8296/24,0)+1,1))-1)+IF('Standard Profiles'!$G$19=$B$10,7,0)+IF('Standard Profiles'!$G$19=$B$17,14,0)+IF('Standard Profiles'!$G$19=$B$24,21,0),0)),0)</f>
        <v>6.8108296074264008</v>
      </c>
      <c r="F8296" cm="1">
        <f t="array" ref="F8296">IFERROR(INDEX(Jesper!AJ$2:AJ$366,ROUNDDOWN($C8296/24,0)+1,1)*INDEX($D$3:$AA$30,INDEX(Jesper!$R$2:$R$366,ROW(INDEX(Jesper!AJ$2:AJ$366,ROUNDDOWN($C8296/24,0)+1,1))-1)+IF('Standard Profiles'!$G$20=$B$10,7,0)+IF('Standard Profiles'!$G$20=$B$17,14,0)+IF('Standard Profiles'!$G$20=$B$24,21,0),MOD($C8296,24)+1)/SUM(INDEX($D$3:$AA$30,INDEX(Jesper!$R$2:$R$366,ROW(INDEX(Jesper!AJ$2:AJ$366,ROUNDDOWN($C8296/24,0)+1,1))-1)+IF('Standard Profiles'!$G$20=$B$10,7,0)+IF('Standard Profiles'!$G$20=$B$17,14,0)+IF('Standard Profiles'!$G$20=$B$24,21,0),0)),0)</f>
        <v>0</v>
      </c>
      <c r="G8296" cm="1">
        <f t="array" ref="G8296">IFERROR(INDEX(Jesper!AK$2:AK$366,ROUNDDOWN($C8296/24,0)+1,1)*INDEX($D$3:$AA$30,INDEX(Jesper!$R$2:$R$366,ROW(INDEX(Jesper!AK$2:AK$366,ROUNDDOWN($C8296/24,0)+1,1))-1)+IF('Standard Profiles'!$G$21=$B$10,7,0)+IF('Standard Profiles'!$G$21=$B$17,14,0)+IF('Standard Profiles'!$G$21=$B$24,21,0),MOD($C8296,24)+1)/SUM(INDEX($D$3:$AA$30,INDEX(Jesper!$R$2:$R$366,ROW(INDEX(Jesper!AK$2:AK$366,ROUNDDOWN($C8296/24,0)+1,1))-1)+IF('Standard Profiles'!$G$21=$B$10,7,0)+IF('Standard Profiles'!$G$21=$B$17,14,0)+IF('Standard Profiles'!$G$21=$B$24,21,0),0)),0)</f>
        <v>5.7417599955070342</v>
      </c>
      <c r="H8296" cm="1">
        <f t="array" ref="H8296">IFERROR(INDEX(Jesper!AL$2:AL$366,ROUNDDOWN($C8296/24,0)+1,1)*INDEX($D$3:$AA$30,INDEX(Jesper!$R$2:$R$366,ROW(INDEX(Jesper!AL$2:AL$366,ROUNDDOWN($C8296/24,0)+1,1))-1)+IF('Standard Profiles'!$G$22=$B$10,7,0)+IF('Standard Profiles'!$G$22=$B$17,14,0)+IF('Standard Profiles'!$G$22=$B$24,21,0),MOD($C8296,24)+1)/SUM(INDEX($D$3:$AA$30,INDEX(Jesper!$R$2:$R$366,ROW(INDEX(Jesper!AL$2:AL$366,ROUNDDOWN($C8296/24,0)+1,1))-1)+IF('Standard Profiles'!$G$22=$B$10,7,0)+IF('Standard Profiles'!$G$22=$B$17,14,0)+IF('Standard Profiles'!$G$22=$B$24,21,0),0)),0)</f>
        <v>0</v>
      </c>
      <c r="I8296">
        <f t="shared" si="923"/>
        <v>2.7560447978433751</v>
      </c>
      <c r="J8296">
        <f t="shared" si="924"/>
        <v>14.702371614250374</v>
      </c>
      <c r="K8296">
        <f t="shared" si="925"/>
        <v>0.62296213449654803</v>
      </c>
      <c r="L8296">
        <f t="shared" si="926"/>
        <v>0.31148106724827401</v>
      </c>
      <c r="M8296">
        <f t="shared" si="927"/>
        <v>0</v>
      </c>
      <c r="N8296" s="45">
        <f t="shared" si="928"/>
        <v>45271.249999979962</v>
      </c>
    </row>
    <row r="8297" spans="2:14" x14ac:dyDescent="0.25">
      <c r="B8297">
        <f t="shared" si="922"/>
        <v>1</v>
      </c>
      <c r="C8297" s="16">
        <v>8263</v>
      </c>
      <c r="D8297" cm="1">
        <f t="array" ref="D8297">IFERROR(INDEX(Jesper!AH$2:AH$366,ROUNDDOWN($C8297/24,0)+1,1)*INDEX($D$3:$AA$30,INDEX(Jesper!$R$2:$R$366,ROW(INDEX(Jesper!AH$2:AH$366,ROUNDDOWN($C8297/24,0)+1,1))-1)+IF('Standard Profiles'!$G$18=$B$10,7,0)+IF('Standard Profiles'!$G$18=$B$17,14,0)+IF('Standard Profiles'!$G$18=$B$24,21,0),MOD($C8297,24)+1)/SUM(INDEX($D$3:$AA$30,INDEX(Jesper!$R$2:$R$366,ROW(INDEX(Jesper!AH$2:AH$366,ROUNDDOWN($C8297/24,0)+1,1))-1)+IF('Standard Profiles'!$G$18=$B$10,7,0)+IF('Standard Profiles'!$G$18=$B$17,14,0)+IF('Standard Profiles'!$G$18=$B$24,21,0),0)),0)</f>
        <v>24.879550246455885</v>
      </c>
      <c r="E8297" cm="1">
        <f t="array" ref="E8297">IFERROR(INDEX(Jesper!AI$2:AI$366,ROUNDDOWN($C8297/24,0)+1,1)*INDEX($D$3:$AA$30,INDEX(Jesper!$R$2:$R$366,ROW(INDEX(Jesper!AI$2:AI$366,ROUNDDOWN($C8297/24,0)+1,1))-1)+IF('Standard Profiles'!$G$19=$B$10,7,0)+IF('Standard Profiles'!$G$19=$B$17,14,0)+IF('Standard Profiles'!$G$19=$B$24,21,0),MOD($C8297,24)+1)/SUM(INDEX($D$3:$AA$30,INDEX(Jesper!$R$2:$R$366,ROW(INDEX(Jesper!AI$2:AI$366,ROUNDDOWN($C8297/24,0)+1,1))-1)+IF('Standard Profiles'!$G$19=$B$10,7,0)+IF('Standard Profiles'!$G$19=$B$17,14,0)+IF('Standard Profiles'!$G$19=$B$24,21,0),0)),0)</f>
        <v>29.014134127636463</v>
      </c>
      <c r="F8297" cm="1">
        <f t="array" ref="F8297">IFERROR(INDEX(Jesper!AJ$2:AJ$366,ROUNDDOWN($C8297/24,0)+1,1)*INDEX($D$3:$AA$30,INDEX(Jesper!$R$2:$R$366,ROW(INDEX(Jesper!AJ$2:AJ$366,ROUNDDOWN($C8297/24,0)+1,1))-1)+IF('Standard Profiles'!$G$20=$B$10,7,0)+IF('Standard Profiles'!$G$20=$B$17,14,0)+IF('Standard Profiles'!$G$20=$B$24,21,0),MOD($C8297,24)+1)/SUM(INDEX($D$3:$AA$30,INDEX(Jesper!$R$2:$R$366,ROW(INDEX(Jesper!AJ$2:AJ$366,ROUNDDOWN($C8297/24,0)+1,1))-1)+IF('Standard Profiles'!$G$20=$B$10,7,0)+IF('Standard Profiles'!$G$20=$B$17,14,0)+IF('Standard Profiles'!$G$20=$B$24,21,0),0)),0)</f>
        <v>0</v>
      </c>
      <c r="G8297" cm="1">
        <f t="array" ref="G8297">IFERROR(INDEX(Jesper!AK$2:AK$366,ROUNDDOWN($C8297/24,0)+1,1)*INDEX($D$3:$AA$30,INDEX(Jesper!$R$2:$R$366,ROW(INDEX(Jesper!AK$2:AK$366,ROUNDDOWN($C8297/24,0)+1,1))-1)+IF('Standard Profiles'!$G$21=$B$10,7,0)+IF('Standard Profiles'!$G$21=$B$17,14,0)+IF('Standard Profiles'!$G$21=$B$24,21,0),MOD($C8297,24)+1)/SUM(INDEX($D$3:$AA$30,INDEX(Jesper!$R$2:$R$366,ROW(INDEX(Jesper!AK$2:AK$366,ROUNDDOWN($C8297/24,0)+1,1))-1)+IF('Standard Profiles'!$G$21=$B$10,7,0)+IF('Standard Profiles'!$G$21=$B$17,14,0)+IF('Standard Profiles'!$G$21=$B$24,21,0),0)),0)</f>
        <v>24.976655980455597</v>
      </c>
      <c r="H8297" cm="1">
        <f t="array" ref="H8297">IFERROR(INDEX(Jesper!AL$2:AL$366,ROUNDDOWN($C8297/24,0)+1,1)*INDEX($D$3:$AA$30,INDEX(Jesper!$R$2:$R$366,ROW(INDEX(Jesper!AL$2:AL$366,ROUNDDOWN($C8297/24,0)+1,1))-1)+IF('Standard Profiles'!$G$22=$B$10,7,0)+IF('Standard Profiles'!$G$22=$B$17,14,0)+IF('Standard Profiles'!$G$22=$B$24,21,0),MOD($C8297,24)+1)/SUM(INDEX($D$3:$AA$30,INDEX(Jesper!$R$2:$R$366,ROW(INDEX(Jesper!AL$2:AL$366,ROUNDDOWN($C8297/24,0)+1,1))-1)+IF('Standard Profiles'!$G$22=$B$10,7,0)+IF('Standard Profiles'!$G$22=$B$17,14,0)+IF('Standard Profiles'!$G$22=$B$24,21,0),0)),0)</f>
        <v>0</v>
      </c>
      <c r="I8297">
        <f t="shared" si="923"/>
        <v>11.98879487061868</v>
      </c>
      <c r="J8297">
        <f t="shared" si="924"/>
        <v>62.900817444496326</v>
      </c>
      <c r="K8297">
        <f t="shared" si="925"/>
        <v>2.6538186929552947</v>
      </c>
      <c r="L8297">
        <f t="shared" si="926"/>
        <v>1.3269093464776474</v>
      </c>
      <c r="M8297">
        <f t="shared" si="927"/>
        <v>0</v>
      </c>
      <c r="N8297" s="45">
        <f t="shared" si="928"/>
        <v>45271.291666646626</v>
      </c>
    </row>
    <row r="8298" spans="2:14" x14ac:dyDescent="0.25">
      <c r="B8298">
        <f t="shared" si="922"/>
        <v>1</v>
      </c>
      <c r="C8298" s="16">
        <v>8264</v>
      </c>
      <c r="D8298" cm="1">
        <f t="array" ref="D8298">IFERROR(INDEX(Jesper!AH$2:AH$366,ROUNDDOWN($C8298/24,0)+1,1)*INDEX($D$3:$AA$30,INDEX(Jesper!$R$2:$R$366,ROW(INDEX(Jesper!AH$2:AH$366,ROUNDDOWN($C8298/24,0)+1,1))-1)+IF('Standard Profiles'!$G$18=$B$10,7,0)+IF('Standard Profiles'!$G$18=$B$17,14,0)+IF('Standard Profiles'!$G$18=$B$24,21,0),MOD($C8298,24)+1)/SUM(INDEX($D$3:$AA$30,INDEX(Jesper!$R$2:$R$366,ROW(INDEX(Jesper!AH$2:AH$366,ROUNDDOWN($C8298/24,0)+1,1))-1)+IF('Standard Profiles'!$G$18=$B$10,7,0)+IF('Standard Profiles'!$G$18=$B$17,14,0)+IF('Standard Profiles'!$G$18=$B$24,21,0),0)),0)</f>
        <v>27.989494027262868</v>
      </c>
      <c r="E8298" cm="1">
        <f t="array" ref="E8298">IFERROR(INDEX(Jesper!AI$2:AI$366,ROUNDDOWN($C8298/24,0)+1,1)*INDEX($D$3:$AA$30,INDEX(Jesper!$R$2:$R$366,ROW(INDEX(Jesper!AI$2:AI$366,ROUNDDOWN($C8298/24,0)+1,1))-1)+IF('Standard Profiles'!$G$19=$B$10,7,0)+IF('Standard Profiles'!$G$19=$B$17,14,0)+IF('Standard Profiles'!$G$19=$B$24,21,0),MOD($C8298,24)+1)/SUM(INDEX($D$3:$AA$30,INDEX(Jesper!$R$2:$R$366,ROW(INDEX(Jesper!AI$2:AI$366,ROUNDDOWN($C8298/24,0)+1,1))-1)+IF('Standard Profiles'!$G$19=$B$10,7,0)+IF('Standard Profiles'!$G$19=$B$17,14,0)+IF('Standard Profiles'!$G$19=$B$24,21,0),0)),0)</f>
        <v>32.640900893591024</v>
      </c>
      <c r="F8298" cm="1">
        <f t="array" ref="F8298">IFERROR(INDEX(Jesper!AJ$2:AJ$366,ROUNDDOWN($C8298/24,0)+1,1)*INDEX($D$3:$AA$30,INDEX(Jesper!$R$2:$R$366,ROW(INDEX(Jesper!AJ$2:AJ$366,ROUNDDOWN($C8298/24,0)+1,1))-1)+IF('Standard Profiles'!$G$20=$B$10,7,0)+IF('Standard Profiles'!$G$20=$B$17,14,0)+IF('Standard Profiles'!$G$20=$B$24,21,0),MOD($C8298,24)+1)/SUM(INDEX($D$3:$AA$30,INDEX(Jesper!$R$2:$R$366,ROW(INDEX(Jesper!AJ$2:AJ$366,ROUNDDOWN($C8298/24,0)+1,1))-1)+IF('Standard Profiles'!$G$20=$B$10,7,0)+IF('Standard Profiles'!$G$20=$B$17,14,0)+IF('Standard Profiles'!$G$20=$B$24,21,0),0)),0)</f>
        <v>0</v>
      </c>
      <c r="G8298" cm="1">
        <f t="array" ref="G8298">IFERROR(INDEX(Jesper!AK$2:AK$366,ROUNDDOWN($C8298/24,0)+1,1)*INDEX($D$3:$AA$30,INDEX(Jesper!$R$2:$R$366,ROW(INDEX(Jesper!AK$2:AK$366,ROUNDDOWN($C8298/24,0)+1,1))-1)+IF('Standard Profiles'!$G$21=$B$10,7,0)+IF('Standard Profiles'!$G$21=$B$17,14,0)+IF('Standard Profiles'!$G$21=$B$24,21,0),MOD($C8298,24)+1)/SUM(INDEX($D$3:$AA$30,INDEX(Jesper!$R$2:$R$366,ROW(INDEX(Jesper!AK$2:AK$366,ROUNDDOWN($C8298/24,0)+1,1))-1)+IF('Standard Profiles'!$G$21=$B$10,7,0)+IF('Standard Profiles'!$G$21=$B$17,14,0)+IF('Standard Profiles'!$G$21=$B$24,21,0),0)),0)</f>
        <v>28.098737978012547</v>
      </c>
      <c r="H8298" cm="1">
        <f t="array" ref="H8298">IFERROR(INDEX(Jesper!AL$2:AL$366,ROUNDDOWN($C8298/24,0)+1,1)*INDEX($D$3:$AA$30,INDEX(Jesper!$R$2:$R$366,ROW(INDEX(Jesper!AL$2:AL$366,ROUNDDOWN($C8298/24,0)+1,1))-1)+IF('Standard Profiles'!$G$22=$B$10,7,0)+IF('Standard Profiles'!$G$22=$B$17,14,0)+IF('Standard Profiles'!$G$22=$B$24,21,0),MOD($C8298,24)+1)/SUM(INDEX($D$3:$AA$30,INDEX(Jesper!$R$2:$R$366,ROW(INDEX(Jesper!AL$2:AL$366,ROUNDDOWN($C8298/24,0)+1,1))-1)+IF('Standard Profiles'!$G$22=$B$10,7,0)+IF('Standard Profiles'!$G$22=$B$17,14,0)+IF('Standard Profiles'!$G$22=$B$24,21,0),0)),0)</f>
        <v>0</v>
      </c>
      <c r="I8298">
        <f t="shared" si="923"/>
        <v>13.487394229446016</v>
      </c>
      <c r="J8298">
        <f t="shared" si="924"/>
        <v>70.763419625058361</v>
      </c>
      <c r="K8298">
        <f t="shared" si="925"/>
        <v>2.9855460295747061</v>
      </c>
      <c r="L8298">
        <f t="shared" si="926"/>
        <v>1.492773014787353</v>
      </c>
      <c r="M8298">
        <f t="shared" si="927"/>
        <v>0</v>
      </c>
      <c r="N8298" s="45">
        <f t="shared" si="928"/>
        <v>45271.33333331329</v>
      </c>
    </row>
    <row r="8299" spans="2:14" x14ac:dyDescent="0.25">
      <c r="B8299">
        <f t="shared" si="922"/>
        <v>1</v>
      </c>
      <c r="C8299" s="16">
        <v>8265</v>
      </c>
      <c r="D8299" cm="1">
        <f t="array" ref="D8299">IFERROR(INDEX(Jesper!AH$2:AH$366,ROUNDDOWN($C8299/24,0)+1,1)*INDEX($D$3:$AA$30,INDEX(Jesper!$R$2:$R$366,ROW(INDEX(Jesper!AH$2:AH$366,ROUNDDOWN($C8299/24,0)+1,1))-1)+IF('Standard Profiles'!$G$18=$B$10,7,0)+IF('Standard Profiles'!$G$18=$B$17,14,0)+IF('Standard Profiles'!$G$18=$B$24,21,0),MOD($C8299,24)+1)/SUM(INDEX($D$3:$AA$30,INDEX(Jesper!$R$2:$R$366,ROW(INDEX(Jesper!AH$2:AH$366,ROUNDDOWN($C8299/24,0)+1,1))-1)+IF('Standard Profiles'!$G$18=$B$10,7,0)+IF('Standard Profiles'!$G$18=$B$17,14,0)+IF('Standard Profiles'!$G$18=$B$24,21,0),0)),0)</f>
        <v>31.099437808069855</v>
      </c>
      <c r="E8299" cm="1">
        <f t="array" ref="E8299">IFERROR(INDEX(Jesper!AI$2:AI$366,ROUNDDOWN($C8299/24,0)+1,1)*INDEX($D$3:$AA$30,INDEX(Jesper!$R$2:$R$366,ROW(INDEX(Jesper!AI$2:AI$366,ROUNDDOWN($C8299/24,0)+1,1))-1)+IF('Standard Profiles'!$G$19=$B$10,7,0)+IF('Standard Profiles'!$G$19=$B$17,14,0)+IF('Standard Profiles'!$G$19=$B$24,21,0),MOD($C8299,24)+1)/SUM(INDEX($D$3:$AA$30,INDEX(Jesper!$R$2:$R$366,ROW(INDEX(Jesper!AI$2:AI$366,ROUNDDOWN($C8299/24,0)+1,1))-1)+IF('Standard Profiles'!$G$19=$B$10,7,0)+IF('Standard Profiles'!$G$19=$B$17,14,0)+IF('Standard Profiles'!$G$19=$B$24,21,0),0)),0)</f>
        <v>36.26766765954558</v>
      </c>
      <c r="F8299" cm="1">
        <f t="array" ref="F8299">IFERROR(INDEX(Jesper!AJ$2:AJ$366,ROUNDDOWN($C8299/24,0)+1,1)*INDEX($D$3:$AA$30,INDEX(Jesper!$R$2:$R$366,ROW(INDEX(Jesper!AJ$2:AJ$366,ROUNDDOWN($C8299/24,0)+1,1))-1)+IF('Standard Profiles'!$G$20=$B$10,7,0)+IF('Standard Profiles'!$G$20=$B$17,14,0)+IF('Standard Profiles'!$G$20=$B$24,21,0),MOD($C8299,24)+1)/SUM(INDEX($D$3:$AA$30,INDEX(Jesper!$R$2:$R$366,ROW(INDEX(Jesper!AJ$2:AJ$366,ROUNDDOWN($C8299/24,0)+1,1))-1)+IF('Standard Profiles'!$G$20=$B$10,7,0)+IF('Standard Profiles'!$G$20=$B$17,14,0)+IF('Standard Profiles'!$G$20=$B$24,21,0),0)),0)</f>
        <v>0</v>
      </c>
      <c r="G8299" cm="1">
        <f t="array" ref="G8299">IFERROR(INDEX(Jesper!AK$2:AK$366,ROUNDDOWN($C8299/24,0)+1,1)*INDEX($D$3:$AA$30,INDEX(Jesper!$R$2:$R$366,ROW(INDEX(Jesper!AK$2:AK$366,ROUNDDOWN($C8299/24,0)+1,1))-1)+IF('Standard Profiles'!$G$21=$B$10,7,0)+IF('Standard Profiles'!$G$21=$B$17,14,0)+IF('Standard Profiles'!$G$21=$B$24,21,0),MOD($C8299,24)+1)/SUM(INDEX($D$3:$AA$30,INDEX(Jesper!$R$2:$R$366,ROW(INDEX(Jesper!AK$2:AK$366,ROUNDDOWN($C8299/24,0)+1,1))-1)+IF('Standard Profiles'!$G$21=$B$10,7,0)+IF('Standard Profiles'!$G$21=$B$17,14,0)+IF('Standard Profiles'!$G$21=$B$24,21,0),0)),0)</f>
        <v>31.220819975569494</v>
      </c>
      <c r="H8299" cm="1">
        <f t="array" ref="H8299">IFERROR(INDEX(Jesper!AL$2:AL$366,ROUNDDOWN($C8299/24,0)+1,1)*INDEX($D$3:$AA$30,INDEX(Jesper!$R$2:$R$366,ROW(INDEX(Jesper!AL$2:AL$366,ROUNDDOWN($C8299/24,0)+1,1))-1)+IF('Standard Profiles'!$G$22=$B$10,7,0)+IF('Standard Profiles'!$G$22=$B$17,14,0)+IF('Standard Profiles'!$G$22=$B$24,21,0),MOD($C8299,24)+1)/SUM(INDEX($D$3:$AA$30,INDEX(Jesper!$R$2:$R$366,ROW(INDEX(Jesper!AL$2:AL$366,ROUNDDOWN($C8299/24,0)+1,1))-1)+IF('Standard Profiles'!$G$22=$B$10,7,0)+IF('Standard Profiles'!$G$22=$B$17,14,0)+IF('Standard Profiles'!$G$22=$B$24,21,0),0)),0)</f>
        <v>0</v>
      </c>
      <c r="I8299">
        <f t="shared" si="923"/>
        <v>14.985993588273351</v>
      </c>
      <c r="J8299">
        <f t="shared" si="924"/>
        <v>78.626021805620411</v>
      </c>
      <c r="K8299">
        <f t="shared" si="925"/>
        <v>3.3172733661941178</v>
      </c>
      <c r="L8299">
        <f t="shared" si="926"/>
        <v>1.6586366830970589</v>
      </c>
      <c r="M8299">
        <f t="shared" si="927"/>
        <v>0</v>
      </c>
      <c r="N8299" s="45">
        <f t="shared" si="928"/>
        <v>45271.374999979955</v>
      </c>
    </row>
    <row r="8300" spans="2:14" x14ac:dyDescent="0.25">
      <c r="B8300">
        <f t="shared" si="922"/>
        <v>1</v>
      </c>
      <c r="C8300" s="16">
        <v>8266</v>
      </c>
      <c r="D8300" cm="1">
        <f t="array" ref="D8300">IFERROR(INDEX(Jesper!AH$2:AH$366,ROUNDDOWN($C8300/24,0)+1,1)*INDEX($D$3:$AA$30,INDEX(Jesper!$R$2:$R$366,ROW(INDEX(Jesper!AH$2:AH$366,ROUNDDOWN($C8300/24,0)+1,1))-1)+IF('Standard Profiles'!$G$18=$B$10,7,0)+IF('Standard Profiles'!$G$18=$B$17,14,0)+IF('Standard Profiles'!$G$18=$B$24,21,0),MOD($C8300,24)+1)/SUM(INDEX($D$3:$AA$30,INDEX(Jesper!$R$2:$R$366,ROW(INDEX(Jesper!AH$2:AH$366,ROUNDDOWN($C8300/24,0)+1,1))-1)+IF('Standard Profiles'!$G$18=$B$10,7,0)+IF('Standard Profiles'!$G$18=$B$17,14,0)+IF('Standard Profiles'!$G$18=$B$24,21,0),0)),0)</f>
        <v>31.099437808069855</v>
      </c>
      <c r="E8300" cm="1">
        <f t="array" ref="E8300">IFERROR(INDEX(Jesper!AI$2:AI$366,ROUNDDOWN($C8300/24,0)+1,1)*INDEX($D$3:$AA$30,INDEX(Jesper!$R$2:$R$366,ROW(INDEX(Jesper!AI$2:AI$366,ROUNDDOWN($C8300/24,0)+1,1))-1)+IF('Standard Profiles'!$G$19=$B$10,7,0)+IF('Standard Profiles'!$G$19=$B$17,14,0)+IF('Standard Profiles'!$G$19=$B$24,21,0),MOD($C8300,24)+1)/SUM(INDEX($D$3:$AA$30,INDEX(Jesper!$R$2:$R$366,ROW(INDEX(Jesper!AI$2:AI$366,ROUNDDOWN($C8300/24,0)+1,1))-1)+IF('Standard Profiles'!$G$19=$B$10,7,0)+IF('Standard Profiles'!$G$19=$B$17,14,0)+IF('Standard Profiles'!$G$19=$B$24,21,0),0)),0)</f>
        <v>36.26766765954558</v>
      </c>
      <c r="F8300" cm="1">
        <f t="array" ref="F8300">IFERROR(INDEX(Jesper!AJ$2:AJ$366,ROUNDDOWN($C8300/24,0)+1,1)*INDEX($D$3:$AA$30,INDEX(Jesper!$R$2:$R$366,ROW(INDEX(Jesper!AJ$2:AJ$366,ROUNDDOWN($C8300/24,0)+1,1))-1)+IF('Standard Profiles'!$G$20=$B$10,7,0)+IF('Standard Profiles'!$G$20=$B$17,14,0)+IF('Standard Profiles'!$G$20=$B$24,21,0),MOD($C8300,24)+1)/SUM(INDEX($D$3:$AA$30,INDEX(Jesper!$R$2:$R$366,ROW(INDEX(Jesper!AJ$2:AJ$366,ROUNDDOWN($C8300/24,0)+1,1))-1)+IF('Standard Profiles'!$G$20=$B$10,7,0)+IF('Standard Profiles'!$G$20=$B$17,14,0)+IF('Standard Profiles'!$G$20=$B$24,21,0),0)),0)</f>
        <v>0</v>
      </c>
      <c r="G8300" cm="1">
        <f t="array" ref="G8300">IFERROR(INDEX(Jesper!AK$2:AK$366,ROUNDDOWN($C8300/24,0)+1,1)*INDEX($D$3:$AA$30,INDEX(Jesper!$R$2:$R$366,ROW(INDEX(Jesper!AK$2:AK$366,ROUNDDOWN($C8300/24,0)+1,1))-1)+IF('Standard Profiles'!$G$21=$B$10,7,0)+IF('Standard Profiles'!$G$21=$B$17,14,0)+IF('Standard Profiles'!$G$21=$B$24,21,0),MOD($C8300,24)+1)/SUM(INDEX($D$3:$AA$30,INDEX(Jesper!$R$2:$R$366,ROW(INDEX(Jesper!AK$2:AK$366,ROUNDDOWN($C8300/24,0)+1,1))-1)+IF('Standard Profiles'!$G$21=$B$10,7,0)+IF('Standard Profiles'!$G$21=$B$17,14,0)+IF('Standard Profiles'!$G$21=$B$24,21,0),0)),0)</f>
        <v>31.220819975569494</v>
      </c>
      <c r="H8300" cm="1">
        <f t="array" ref="H8300">IFERROR(INDEX(Jesper!AL$2:AL$366,ROUNDDOWN($C8300/24,0)+1,1)*INDEX($D$3:$AA$30,INDEX(Jesper!$R$2:$R$366,ROW(INDEX(Jesper!AL$2:AL$366,ROUNDDOWN($C8300/24,0)+1,1))-1)+IF('Standard Profiles'!$G$22=$B$10,7,0)+IF('Standard Profiles'!$G$22=$B$17,14,0)+IF('Standard Profiles'!$G$22=$B$24,21,0),MOD($C8300,24)+1)/SUM(INDEX($D$3:$AA$30,INDEX(Jesper!$R$2:$R$366,ROW(INDEX(Jesper!AL$2:AL$366,ROUNDDOWN($C8300/24,0)+1,1))-1)+IF('Standard Profiles'!$G$22=$B$10,7,0)+IF('Standard Profiles'!$G$22=$B$17,14,0)+IF('Standard Profiles'!$G$22=$B$24,21,0),0)),0)</f>
        <v>0</v>
      </c>
      <c r="I8300">
        <f t="shared" si="923"/>
        <v>14.985993588273351</v>
      </c>
      <c r="J8300">
        <f t="shared" si="924"/>
        <v>78.626021805620411</v>
      </c>
      <c r="K8300">
        <f t="shared" si="925"/>
        <v>3.3172733661941178</v>
      </c>
      <c r="L8300">
        <f t="shared" si="926"/>
        <v>1.6586366830970589</v>
      </c>
      <c r="M8300">
        <f t="shared" si="927"/>
        <v>0</v>
      </c>
      <c r="N8300" s="45">
        <f t="shared" si="928"/>
        <v>45271.416666646619</v>
      </c>
    </row>
    <row r="8301" spans="2:14" x14ac:dyDescent="0.25">
      <c r="B8301">
        <f t="shared" si="922"/>
        <v>1</v>
      </c>
      <c r="C8301" s="16">
        <v>8267</v>
      </c>
      <c r="D8301" cm="1">
        <f t="array" ref="D8301">IFERROR(INDEX(Jesper!AH$2:AH$366,ROUNDDOWN($C8301/24,0)+1,1)*INDEX($D$3:$AA$30,INDEX(Jesper!$R$2:$R$366,ROW(INDEX(Jesper!AH$2:AH$366,ROUNDDOWN($C8301/24,0)+1,1))-1)+IF('Standard Profiles'!$G$18=$B$10,7,0)+IF('Standard Profiles'!$G$18=$B$17,14,0)+IF('Standard Profiles'!$G$18=$B$24,21,0),MOD($C8301,24)+1)/SUM(INDEX($D$3:$AA$30,INDEX(Jesper!$R$2:$R$366,ROW(INDEX(Jesper!AH$2:AH$366,ROUNDDOWN($C8301/24,0)+1,1))-1)+IF('Standard Profiles'!$G$18=$B$10,7,0)+IF('Standard Profiles'!$G$18=$B$17,14,0)+IF('Standard Profiles'!$G$18=$B$24,21,0),0)),0)</f>
        <v>37.319325369683824</v>
      </c>
      <c r="E8301" cm="1">
        <f t="array" ref="E8301">IFERROR(INDEX(Jesper!AI$2:AI$366,ROUNDDOWN($C8301/24,0)+1,1)*INDEX($D$3:$AA$30,INDEX(Jesper!$R$2:$R$366,ROW(INDEX(Jesper!AI$2:AI$366,ROUNDDOWN($C8301/24,0)+1,1))-1)+IF('Standard Profiles'!$G$19=$B$10,7,0)+IF('Standard Profiles'!$G$19=$B$17,14,0)+IF('Standard Profiles'!$G$19=$B$24,21,0),MOD($C8301,24)+1)/SUM(INDEX($D$3:$AA$30,INDEX(Jesper!$R$2:$R$366,ROW(INDEX(Jesper!AI$2:AI$366,ROUNDDOWN($C8301/24,0)+1,1))-1)+IF('Standard Profiles'!$G$19=$B$10,7,0)+IF('Standard Profiles'!$G$19=$B$17,14,0)+IF('Standard Profiles'!$G$19=$B$24,21,0),0)),0)</f>
        <v>43.521201191454686</v>
      </c>
      <c r="F8301" cm="1">
        <f t="array" ref="F8301">IFERROR(INDEX(Jesper!AJ$2:AJ$366,ROUNDDOWN($C8301/24,0)+1,1)*INDEX($D$3:$AA$30,INDEX(Jesper!$R$2:$R$366,ROW(INDEX(Jesper!AJ$2:AJ$366,ROUNDDOWN($C8301/24,0)+1,1))-1)+IF('Standard Profiles'!$G$20=$B$10,7,0)+IF('Standard Profiles'!$G$20=$B$17,14,0)+IF('Standard Profiles'!$G$20=$B$24,21,0),MOD($C8301,24)+1)/SUM(INDEX($D$3:$AA$30,INDEX(Jesper!$R$2:$R$366,ROW(INDEX(Jesper!AJ$2:AJ$366,ROUNDDOWN($C8301/24,0)+1,1))-1)+IF('Standard Profiles'!$G$20=$B$10,7,0)+IF('Standard Profiles'!$G$20=$B$17,14,0)+IF('Standard Profiles'!$G$20=$B$24,21,0),0)),0)</f>
        <v>0</v>
      </c>
      <c r="G8301" cm="1">
        <f t="array" ref="G8301">IFERROR(INDEX(Jesper!AK$2:AK$366,ROUNDDOWN($C8301/24,0)+1,1)*INDEX($D$3:$AA$30,INDEX(Jesper!$R$2:$R$366,ROW(INDEX(Jesper!AK$2:AK$366,ROUNDDOWN($C8301/24,0)+1,1))-1)+IF('Standard Profiles'!$G$21=$B$10,7,0)+IF('Standard Profiles'!$G$21=$B$17,14,0)+IF('Standard Profiles'!$G$21=$B$24,21,0),MOD($C8301,24)+1)/SUM(INDEX($D$3:$AA$30,INDEX(Jesper!$R$2:$R$366,ROW(INDEX(Jesper!AK$2:AK$366,ROUNDDOWN($C8301/24,0)+1,1))-1)+IF('Standard Profiles'!$G$21=$B$10,7,0)+IF('Standard Profiles'!$G$21=$B$17,14,0)+IF('Standard Profiles'!$G$21=$B$24,21,0),0)),0)</f>
        <v>37.464983970683384</v>
      </c>
      <c r="H8301" cm="1">
        <f t="array" ref="H8301">IFERROR(INDEX(Jesper!AL$2:AL$366,ROUNDDOWN($C8301/24,0)+1,1)*INDEX($D$3:$AA$30,INDEX(Jesper!$R$2:$R$366,ROW(INDEX(Jesper!AL$2:AL$366,ROUNDDOWN($C8301/24,0)+1,1))-1)+IF('Standard Profiles'!$G$22=$B$10,7,0)+IF('Standard Profiles'!$G$22=$B$17,14,0)+IF('Standard Profiles'!$G$22=$B$24,21,0),MOD($C8301,24)+1)/SUM(INDEX($D$3:$AA$30,INDEX(Jesper!$R$2:$R$366,ROW(INDEX(Jesper!AL$2:AL$366,ROUNDDOWN($C8301/24,0)+1,1))-1)+IF('Standard Profiles'!$G$22=$B$10,7,0)+IF('Standard Profiles'!$G$22=$B$17,14,0)+IF('Standard Profiles'!$G$22=$B$24,21,0),0)),0)</f>
        <v>0</v>
      </c>
      <c r="I8301">
        <f t="shared" si="923"/>
        <v>17.983192305928014</v>
      </c>
      <c r="J8301">
        <f t="shared" si="924"/>
        <v>94.351226166744482</v>
      </c>
      <c r="K8301">
        <f t="shared" si="925"/>
        <v>3.9807280394329414</v>
      </c>
      <c r="L8301">
        <f t="shared" si="926"/>
        <v>1.9903640197164707</v>
      </c>
      <c r="M8301">
        <f t="shared" si="927"/>
        <v>0</v>
      </c>
      <c r="N8301" s="45">
        <f t="shared" si="928"/>
        <v>45271.458333313283</v>
      </c>
    </row>
    <row r="8302" spans="2:14" x14ac:dyDescent="0.25">
      <c r="B8302">
        <f t="shared" si="922"/>
        <v>1</v>
      </c>
      <c r="C8302" s="16">
        <v>8268</v>
      </c>
      <c r="D8302" cm="1">
        <f t="array" ref="D8302">IFERROR(INDEX(Jesper!AH$2:AH$366,ROUNDDOWN($C8302/24,0)+1,1)*INDEX($D$3:$AA$30,INDEX(Jesper!$R$2:$R$366,ROW(INDEX(Jesper!AH$2:AH$366,ROUNDDOWN($C8302/24,0)+1,1))-1)+IF('Standard Profiles'!$G$18=$B$10,7,0)+IF('Standard Profiles'!$G$18=$B$17,14,0)+IF('Standard Profiles'!$G$18=$B$24,21,0),MOD($C8302,24)+1)/SUM(INDEX($D$3:$AA$30,INDEX(Jesper!$R$2:$R$366,ROW(INDEX(Jesper!AH$2:AH$366,ROUNDDOWN($C8302/24,0)+1,1))-1)+IF('Standard Profiles'!$G$18=$B$10,7,0)+IF('Standard Profiles'!$G$18=$B$17,14,0)+IF('Standard Profiles'!$G$18=$B$24,21,0),0)),0)</f>
        <v>37.319325369683824</v>
      </c>
      <c r="E8302" cm="1">
        <f t="array" ref="E8302">IFERROR(INDEX(Jesper!AI$2:AI$366,ROUNDDOWN($C8302/24,0)+1,1)*INDEX($D$3:$AA$30,INDEX(Jesper!$R$2:$R$366,ROW(INDEX(Jesper!AI$2:AI$366,ROUNDDOWN($C8302/24,0)+1,1))-1)+IF('Standard Profiles'!$G$19=$B$10,7,0)+IF('Standard Profiles'!$G$19=$B$17,14,0)+IF('Standard Profiles'!$G$19=$B$24,21,0),MOD($C8302,24)+1)/SUM(INDEX($D$3:$AA$30,INDEX(Jesper!$R$2:$R$366,ROW(INDEX(Jesper!AI$2:AI$366,ROUNDDOWN($C8302/24,0)+1,1))-1)+IF('Standard Profiles'!$G$19=$B$10,7,0)+IF('Standard Profiles'!$G$19=$B$17,14,0)+IF('Standard Profiles'!$G$19=$B$24,21,0),0)),0)</f>
        <v>43.521201191454686</v>
      </c>
      <c r="F8302" cm="1">
        <f t="array" ref="F8302">IFERROR(INDEX(Jesper!AJ$2:AJ$366,ROUNDDOWN($C8302/24,0)+1,1)*INDEX($D$3:$AA$30,INDEX(Jesper!$R$2:$R$366,ROW(INDEX(Jesper!AJ$2:AJ$366,ROUNDDOWN($C8302/24,0)+1,1))-1)+IF('Standard Profiles'!$G$20=$B$10,7,0)+IF('Standard Profiles'!$G$20=$B$17,14,0)+IF('Standard Profiles'!$G$20=$B$24,21,0),MOD($C8302,24)+1)/SUM(INDEX($D$3:$AA$30,INDEX(Jesper!$R$2:$R$366,ROW(INDEX(Jesper!AJ$2:AJ$366,ROUNDDOWN($C8302/24,0)+1,1))-1)+IF('Standard Profiles'!$G$20=$B$10,7,0)+IF('Standard Profiles'!$G$20=$B$17,14,0)+IF('Standard Profiles'!$G$20=$B$24,21,0),0)),0)</f>
        <v>0</v>
      </c>
      <c r="G8302" cm="1">
        <f t="array" ref="G8302">IFERROR(INDEX(Jesper!AK$2:AK$366,ROUNDDOWN($C8302/24,0)+1,1)*INDEX($D$3:$AA$30,INDEX(Jesper!$R$2:$R$366,ROW(INDEX(Jesper!AK$2:AK$366,ROUNDDOWN($C8302/24,0)+1,1))-1)+IF('Standard Profiles'!$G$21=$B$10,7,0)+IF('Standard Profiles'!$G$21=$B$17,14,0)+IF('Standard Profiles'!$G$21=$B$24,21,0),MOD($C8302,24)+1)/SUM(INDEX($D$3:$AA$30,INDEX(Jesper!$R$2:$R$366,ROW(INDEX(Jesper!AK$2:AK$366,ROUNDDOWN($C8302/24,0)+1,1))-1)+IF('Standard Profiles'!$G$21=$B$10,7,0)+IF('Standard Profiles'!$G$21=$B$17,14,0)+IF('Standard Profiles'!$G$21=$B$24,21,0),0)),0)</f>
        <v>37.464983970683384</v>
      </c>
      <c r="H8302" cm="1">
        <f t="array" ref="H8302">IFERROR(INDEX(Jesper!AL$2:AL$366,ROUNDDOWN($C8302/24,0)+1,1)*INDEX($D$3:$AA$30,INDEX(Jesper!$R$2:$R$366,ROW(INDEX(Jesper!AL$2:AL$366,ROUNDDOWN($C8302/24,0)+1,1))-1)+IF('Standard Profiles'!$G$22=$B$10,7,0)+IF('Standard Profiles'!$G$22=$B$17,14,0)+IF('Standard Profiles'!$G$22=$B$24,21,0),MOD($C8302,24)+1)/SUM(INDEX($D$3:$AA$30,INDEX(Jesper!$R$2:$R$366,ROW(INDEX(Jesper!AL$2:AL$366,ROUNDDOWN($C8302/24,0)+1,1))-1)+IF('Standard Profiles'!$G$22=$B$10,7,0)+IF('Standard Profiles'!$G$22=$B$17,14,0)+IF('Standard Profiles'!$G$22=$B$24,21,0),0)),0)</f>
        <v>0</v>
      </c>
      <c r="I8302">
        <f t="shared" si="923"/>
        <v>17.983192305928014</v>
      </c>
      <c r="J8302">
        <f t="shared" si="924"/>
        <v>94.351226166744482</v>
      </c>
      <c r="K8302">
        <f t="shared" si="925"/>
        <v>3.9807280394329414</v>
      </c>
      <c r="L8302">
        <f t="shared" si="926"/>
        <v>1.9903640197164707</v>
      </c>
      <c r="M8302">
        <f t="shared" si="927"/>
        <v>0</v>
      </c>
      <c r="N8302" s="45">
        <f t="shared" si="928"/>
        <v>45271.499999979947</v>
      </c>
    </row>
    <row r="8303" spans="2:14" x14ac:dyDescent="0.25">
      <c r="B8303">
        <f t="shared" si="922"/>
        <v>1</v>
      </c>
      <c r="C8303" s="16">
        <v>8269</v>
      </c>
      <c r="D8303" cm="1">
        <f t="array" ref="D8303">IFERROR(INDEX(Jesper!AH$2:AH$366,ROUNDDOWN($C8303/24,0)+1,1)*INDEX($D$3:$AA$30,INDEX(Jesper!$R$2:$R$366,ROW(INDEX(Jesper!AH$2:AH$366,ROUNDDOWN($C8303/24,0)+1,1))-1)+IF('Standard Profiles'!$G$18=$B$10,7,0)+IF('Standard Profiles'!$G$18=$B$17,14,0)+IF('Standard Profiles'!$G$18=$B$24,21,0),MOD($C8303,24)+1)/SUM(INDEX($D$3:$AA$30,INDEX(Jesper!$R$2:$R$366,ROW(INDEX(Jesper!AH$2:AH$366,ROUNDDOWN($C8303/24,0)+1,1))-1)+IF('Standard Profiles'!$G$18=$B$10,7,0)+IF('Standard Profiles'!$G$18=$B$17,14,0)+IF('Standard Profiles'!$G$18=$B$24,21,0),0)),0)</f>
        <v>24.879550246455885</v>
      </c>
      <c r="E8303" cm="1">
        <f t="array" ref="E8303">IFERROR(INDEX(Jesper!AI$2:AI$366,ROUNDDOWN($C8303/24,0)+1,1)*INDEX($D$3:$AA$30,INDEX(Jesper!$R$2:$R$366,ROW(INDEX(Jesper!AI$2:AI$366,ROUNDDOWN($C8303/24,0)+1,1))-1)+IF('Standard Profiles'!$G$19=$B$10,7,0)+IF('Standard Profiles'!$G$19=$B$17,14,0)+IF('Standard Profiles'!$G$19=$B$24,21,0),MOD($C8303,24)+1)/SUM(INDEX($D$3:$AA$30,INDEX(Jesper!$R$2:$R$366,ROW(INDEX(Jesper!AI$2:AI$366,ROUNDDOWN($C8303/24,0)+1,1))-1)+IF('Standard Profiles'!$G$19=$B$10,7,0)+IF('Standard Profiles'!$G$19=$B$17,14,0)+IF('Standard Profiles'!$G$19=$B$24,21,0),0)),0)</f>
        <v>29.014134127636463</v>
      </c>
      <c r="F8303" cm="1">
        <f t="array" ref="F8303">IFERROR(INDEX(Jesper!AJ$2:AJ$366,ROUNDDOWN($C8303/24,0)+1,1)*INDEX($D$3:$AA$30,INDEX(Jesper!$R$2:$R$366,ROW(INDEX(Jesper!AJ$2:AJ$366,ROUNDDOWN($C8303/24,0)+1,1))-1)+IF('Standard Profiles'!$G$20=$B$10,7,0)+IF('Standard Profiles'!$G$20=$B$17,14,0)+IF('Standard Profiles'!$G$20=$B$24,21,0),MOD($C8303,24)+1)/SUM(INDEX($D$3:$AA$30,INDEX(Jesper!$R$2:$R$366,ROW(INDEX(Jesper!AJ$2:AJ$366,ROUNDDOWN($C8303/24,0)+1,1))-1)+IF('Standard Profiles'!$G$20=$B$10,7,0)+IF('Standard Profiles'!$G$20=$B$17,14,0)+IF('Standard Profiles'!$G$20=$B$24,21,0),0)),0)</f>
        <v>0</v>
      </c>
      <c r="G8303" cm="1">
        <f t="array" ref="G8303">IFERROR(INDEX(Jesper!AK$2:AK$366,ROUNDDOWN($C8303/24,0)+1,1)*INDEX($D$3:$AA$30,INDEX(Jesper!$R$2:$R$366,ROW(INDEX(Jesper!AK$2:AK$366,ROUNDDOWN($C8303/24,0)+1,1))-1)+IF('Standard Profiles'!$G$21=$B$10,7,0)+IF('Standard Profiles'!$G$21=$B$17,14,0)+IF('Standard Profiles'!$G$21=$B$24,21,0),MOD($C8303,24)+1)/SUM(INDEX($D$3:$AA$30,INDEX(Jesper!$R$2:$R$366,ROW(INDEX(Jesper!AK$2:AK$366,ROUNDDOWN($C8303/24,0)+1,1))-1)+IF('Standard Profiles'!$G$21=$B$10,7,0)+IF('Standard Profiles'!$G$21=$B$17,14,0)+IF('Standard Profiles'!$G$21=$B$24,21,0),0)),0)</f>
        <v>24.976655980455597</v>
      </c>
      <c r="H8303" cm="1">
        <f t="array" ref="H8303">IFERROR(INDEX(Jesper!AL$2:AL$366,ROUNDDOWN($C8303/24,0)+1,1)*INDEX($D$3:$AA$30,INDEX(Jesper!$R$2:$R$366,ROW(INDEX(Jesper!AL$2:AL$366,ROUNDDOWN($C8303/24,0)+1,1))-1)+IF('Standard Profiles'!$G$22=$B$10,7,0)+IF('Standard Profiles'!$G$22=$B$17,14,0)+IF('Standard Profiles'!$G$22=$B$24,21,0),MOD($C8303,24)+1)/SUM(INDEX($D$3:$AA$30,INDEX(Jesper!$R$2:$R$366,ROW(INDEX(Jesper!AL$2:AL$366,ROUNDDOWN($C8303/24,0)+1,1))-1)+IF('Standard Profiles'!$G$22=$B$10,7,0)+IF('Standard Profiles'!$G$22=$B$17,14,0)+IF('Standard Profiles'!$G$22=$B$24,21,0),0)),0)</f>
        <v>0</v>
      </c>
      <c r="I8303">
        <f t="shared" si="923"/>
        <v>11.98879487061868</v>
      </c>
      <c r="J8303">
        <f t="shared" si="924"/>
        <v>62.900817444496326</v>
      </c>
      <c r="K8303">
        <f t="shared" si="925"/>
        <v>2.6538186929552947</v>
      </c>
      <c r="L8303">
        <f t="shared" si="926"/>
        <v>1.3269093464776474</v>
      </c>
      <c r="M8303">
        <f t="shared" si="927"/>
        <v>0</v>
      </c>
      <c r="N8303" s="45">
        <f t="shared" si="928"/>
        <v>45271.541666646612</v>
      </c>
    </row>
    <row r="8304" spans="2:14" x14ac:dyDescent="0.25">
      <c r="B8304">
        <f t="shared" si="922"/>
        <v>1</v>
      </c>
      <c r="C8304" s="16">
        <v>8270</v>
      </c>
      <c r="D8304" cm="1">
        <f t="array" ref="D8304">IFERROR(INDEX(Jesper!AH$2:AH$366,ROUNDDOWN($C8304/24,0)+1,1)*INDEX($D$3:$AA$30,INDEX(Jesper!$R$2:$R$366,ROW(INDEX(Jesper!AH$2:AH$366,ROUNDDOWN($C8304/24,0)+1,1))-1)+IF('Standard Profiles'!$G$18=$B$10,7,0)+IF('Standard Profiles'!$G$18=$B$17,14,0)+IF('Standard Profiles'!$G$18=$B$24,21,0),MOD($C8304,24)+1)/SUM(INDEX($D$3:$AA$30,INDEX(Jesper!$R$2:$R$366,ROW(INDEX(Jesper!AH$2:AH$366,ROUNDDOWN($C8304/24,0)+1,1))-1)+IF('Standard Profiles'!$G$18=$B$10,7,0)+IF('Standard Profiles'!$G$18=$B$17,14,0)+IF('Standard Profiles'!$G$18=$B$24,21,0),0)),0)</f>
        <v>37.319325369683824</v>
      </c>
      <c r="E8304" cm="1">
        <f t="array" ref="E8304">IFERROR(INDEX(Jesper!AI$2:AI$366,ROUNDDOWN($C8304/24,0)+1,1)*INDEX($D$3:$AA$30,INDEX(Jesper!$R$2:$R$366,ROW(INDEX(Jesper!AI$2:AI$366,ROUNDDOWN($C8304/24,0)+1,1))-1)+IF('Standard Profiles'!$G$19=$B$10,7,0)+IF('Standard Profiles'!$G$19=$B$17,14,0)+IF('Standard Profiles'!$G$19=$B$24,21,0),MOD($C8304,24)+1)/SUM(INDEX($D$3:$AA$30,INDEX(Jesper!$R$2:$R$366,ROW(INDEX(Jesper!AI$2:AI$366,ROUNDDOWN($C8304/24,0)+1,1))-1)+IF('Standard Profiles'!$G$19=$B$10,7,0)+IF('Standard Profiles'!$G$19=$B$17,14,0)+IF('Standard Profiles'!$G$19=$B$24,21,0),0)),0)</f>
        <v>43.521201191454686</v>
      </c>
      <c r="F8304" cm="1">
        <f t="array" ref="F8304">IFERROR(INDEX(Jesper!AJ$2:AJ$366,ROUNDDOWN($C8304/24,0)+1,1)*INDEX($D$3:$AA$30,INDEX(Jesper!$R$2:$R$366,ROW(INDEX(Jesper!AJ$2:AJ$366,ROUNDDOWN($C8304/24,0)+1,1))-1)+IF('Standard Profiles'!$G$20=$B$10,7,0)+IF('Standard Profiles'!$G$20=$B$17,14,0)+IF('Standard Profiles'!$G$20=$B$24,21,0),MOD($C8304,24)+1)/SUM(INDEX($D$3:$AA$30,INDEX(Jesper!$R$2:$R$366,ROW(INDEX(Jesper!AJ$2:AJ$366,ROUNDDOWN($C8304/24,0)+1,1))-1)+IF('Standard Profiles'!$G$20=$B$10,7,0)+IF('Standard Profiles'!$G$20=$B$17,14,0)+IF('Standard Profiles'!$G$20=$B$24,21,0),0)),0)</f>
        <v>0</v>
      </c>
      <c r="G8304" cm="1">
        <f t="array" ref="G8304">IFERROR(INDEX(Jesper!AK$2:AK$366,ROUNDDOWN($C8304/24,0)+1,1)*INDEX($D$3:$AA$30,INDEX(Jesper!$R$2:$R$366,ROW(INDEX(Jesper!AK$2:AK$366,ROUNDDOWN($C8304/24,0)+1,1))-1)+IF('Standard Profiles'!$G$21=$B$10,7,0)+IF('Standard Profiles'!$G$21=$B$17,14,0)+IF('Standard Profiles'!$G$21=$B$24,21,0),MOD($C8304,24)+1)/SUM(INDEX($D$3:$AA$30,INDEX(Jesper!$R$2:$R$366,ROW(INDEX(Jesper!AK$2:AK$366,ROUNDDOWN($C8304/24,0)+1,1))-1)+IF('Standard Profiles'!$G$21=$B$10,7,0)+IF('Standard Profiles'!$G$21=$B$17,14,0)+IF('Standard Profiles'!$G$21=$B$24,21,0),0)),0)</f>
        <v>37.464983970683384</v>
      </c>
      <c r="H8304" cm="1">
        <f t="array" ref="H8304">IFERROR(INDEX(Jesper!AL$2:AL$366,ROUNDDOWN($C8304/24,0)+1,1)*INDEX($D$3:$AA$30,INDEX(Jesper!$R$2:$R$366,ROW(INDEX(Jesper!AL$2:AL$366,ROUNDDOWN($C8304/24,0)+1,1))-1)+IF('Standard Profiles'!$G$22=$B$10,7,0)+IF('Standard Profiles'!$G$22=$B$17,14,0)+IF('Standard Profiles'!$G$22=$B$24,21,0),MOD($C8304,24)+1)/SUM(INDEX($D$3:$AA$30,INDEX(Jesper!$R$2:$R$366,ROW(INDEX(Jesper!AL$2:AL$366,ROUNDDOWN($C8304/24,0)+1,1))-1)+IF('Standard Profiles'!$G$22=$B$10,7,0)+IF('Standard Profiles'!$G$22=$B$17,14,0)+IF('Standard Profiles'!$G$22=$B$24,21,0),0)),0)</f>
        <v>0</v>
      </c>
      <c r="I8304">
        <f t="shared" si="923"/>
        <v>17.983192305928014</v>
      </c>
      <c r="J8304">
        <f t="shared" si="924"/>
        <v>94.351226166744482</v>
      </c>
      <c r="K8304">
        <f t="shared" si="925"/>
        <v>3.9807280394329414</v>
      </c>
      <c r="L8304">
        <f t="shared" si="926"/>
        <v>1.9903640197164707</v>
      </c>
      <c r="M8304">
        <f t="shared" si="927"/>
        <v>0</v>
      </c>
      <c r="N8304" s="45">
        <f t="shared" si="928"/>
        <v>45271.583333313276</v>
      </c>
    </row>
    <row r="8305" spans="2:14" x14ac:dyDescent="0.25">
      <c r="B8305">
        <f t="shared" si="922"/>
        <v>1</v>
      </c>
      <c r="C8305" s="16">
        <v>8271</v>
      </c>
      <c r="D8305" cm="1">
        <f t="array" ref="D8305">IFERROR(INDEX(Jesper!AH$2:AH$366,ROUNDDOWN($C8305/24,0)+1,1)*INDEX($D$3:$AA$30,INDEX(Jesper!$R$2:$R$366,ROW(INDEX(Jesper!AH$2:AH$366,ROUNDDOWN($C8305/24,0)+1,1))-1)+IF('Standard Profiles'!$G$18=$B$10,7,0)+IF('Standard Profiles'!$G$18=$B$17,14,0)+IF('Standard Profiles'!$G$18=$B$24,21,0),MOD($C8305,24)+1)/SUM(INDEX($D$3:$AA$30,INDEX(Jesper!$R$2:$R$366,ROW(INDEX(Jesper!AH$2:AH$366,ROUNDDOWN($C8305/24,0)+1,1))-1)+IF('Standard Profiles'!$G$18=$B$10,7,0)+IF('Standard Profiles'!$G$18=$B$17,14,0)+IF('Standard Profiles'!$G$18=$B$24,21,0),0)),0)</f>
        <v>37.319325369683824</v>
      </c>
      <c r="E8305" cm="1">
        <f t="array" ref="E8305">IFERROR(INDEX(Jesper!AI$2:AI$366,ROUNDDOWN($C8305/24,0)+1,1)*INDEX($D$3:$AA$30,INDEX(Jesper!$R$2:$R$366,ROW(INDEX(Jesper!AI$2:AI$366,ROUNDDOWN($C8305/24,0)+1,1))-1)+IF('Standard Profiles'!$G$19=$B$10,7,0)+IF('Standard Profiles'!$G$19=$B$17,14,0)+IF('Standard Profiles'!$G$19=$B$24,21,0),MOD($C8305,24)+1)/SUM(INDEX($D$3:$AA$30,INDEX(Jesper!$R$2:$R$366,ROW(INDEX(Jesper!AI$2:AI$366,ROUNDDOWN($C8305/24,0)+1,1))-1)+IF('Standard Profiles'!$G$19=$B$10,7,0)+IF('Standard Profiles'!$G$19=$B$17,14,0)+IF('Standard Profiles'!$G$19=$B$24,21,0),0)),0)</f>
        <v>43.521201191454686</v>
      </c>
      <c r="F8305" cm="1">
        <f t="array" ref="F8305">IFERROR(INDEX(Jesper!AJ$2:AJ$366,ROUNDDOWN($C8305/24,0)+1,1)*INDEX($D$3:$AA$30,INDEX(Jesper!$R$2:$R$366,ROW(INDEX(Jesper!AJ$2:AJ$366,ROUNDDOWN($C8305/24,0)+1,1))-1)+IF('Standard Profiles'!$G$20=$B$10,7,0)+IF('Standard Profiles'!$G$20=$B$17,14,0)+IF('Standard Profiles'!$G$20=$B$24,21,0),MOD($C8305,24)+1)/SUM(INDEX($D$3:$AA$30,INDEX(Jesper!$R$2:$R$366,ROW(INDEX(Jesper!AJ$2:AJ$366,ROUNDDOWN($C8305/24,0)+1,1))-1)+IF('Standard Profiles'!$G$20=$B$10,7,0)+IF('Standard Profiles'!$G$20=$B$17,14,0)+IF('Standard Profiles'!$G$20=$B$24,21,0),0)),0)</f>
        <v>0</v>
      </c>
      <c r="G8305" cm="1">
        <f t="array" ref="G8305">IFERROR(INDEX(Jesper!AK$2:AK$366,ROUNDDOWN($C8305/24,0)+1,1)*INDEX($D$3:$AA$30,INDEX(Jesper!$R$2:$R$366,ROW(INDEX(Jesper!AK$2:AK$366,ROUNDDOWN($C8305/24,0)+1,1))-1)+IF('Standard Profiles'!$G$21=$B$10,7,0)+IF('Standard Profiles'!$G$21=$B$17,14,0)+IF('Standard Profiles'!$G$21=$B$24,21,0),MOD($C8305,24)+1)/SUM(INDEX($D$3:$AA$30,INDEX(Jesper!$R$2:$R$366,ROW(INDEX(Jesper!AK$2:AK$366,ROUNDDOWN($C8305/24,0)+1,1))-1)+IF('Standard Profiles'!$G$21=$B$10,7,0)+IF('Standard Profiles'!$G$21=$B$17,14,0)+IF('Standard Profiles'!$G$21=$B$24,21,0),0)),0)</f>
        <v>37.464983970683384</v>
      </c>
      <c r="H8305" cm="1">
        <f t="array" ref="H8305">IFERROR(INDEX(Jesper!AL$2:AL$366,ROUNDDOWN($C8305/24,0)+1,1)*INDEX($D$3:$AA$30,INDEX(Jesper!$R$2:$R$366,ROW(INDEX(Jesper!AL$2:AL$366,ROUNDDOWN($C8305/24,0)+1,1))-1)+IF('Standard Profiles'!$G$22=$B$10,7,0)+IF('Standard Profiles'!$G$22=$B$17,14,0)+IF('Standard Profiles'!$G$22=$B$24,21,0),MOD($C8305,24)+1)/SUM(INDEX($D$3:$AA$30,INDEX(Jesper!$R$2:$R$366,ROW(INDEX(Jesper!AL$2:AL$366,ROUNDDOWN($C8305/24,0)+1,1))-1)+IF('Standard Profiles'!$G$22=$B$10,7,0)+IF('Standard Profiles'!$G$22=$B$17,14,0)+IF('Standard Profiles'!$G$22=$B$24,21,0),0)),0)</f>
        <v>0</v>
      </c>
      <c r="I8305">
        <f t="shared" si="923"/>
        <v>17.983192305928014</v>
      </c>
      <c r="J8305">
        <f t="shared" si="924"/>
        <v>94.351226166744482</v>
      </c>
      <c r="K8305">
        <f t="shared" si="925"/>
        <v>3.9807280394329414</v>
      </c>
      <c r="L8305">
        <f t="shared" si="926"/>
        <v>1.9903640197164707</v>
      </c>
      <c r="M8305">
        <f t="shared" si="927"/>
        <v>0</v>
      </c>
      <c r="N8305" s="45">
        <f t="shared" si="928"/>
        <v>45271.62499997994</v>
      </c>
    </row>
    <row r="8306" spans="2:14" x14ac:dyDescent="0.25">
      <c r="B8306">
        <f t="shared" si="922"/>
        <v>1</v>
      </c>
      <c r="C8306" s="16">
        <v>8272</v>
      </c>
      <c r="D8306" cm="1">
        <f t="array" ref="D8306">IFERROR(INDEX(Jesper!AH$2:AH$366,ROUNDDOWN($C8306/24,0)+1,1)*INDEX($D$3:$AA$30,INDEX(Jesper!$R$2:$R$366,ROW(INDEX(Jesper!AH$2:AH$366,ROUNDDOWN($C8306/24,0)+1,1))-1)+IF('Standard Profiles'!$G$18=$B$10,7,0)+IF('Standard Profiles'!$G$18=$B$17,14,0)+IF('Standard Profiles'!$G$18=$B$24,21,0),MOD($C8306,24)+1)/SUM(INDEX($D$3:$AA$30,INDEX(Jesper!$R$2:$R$366,ROW(INDEX(Jesper!AH$2:AH$366,ROUNDDOWN($C8306/24,0)+1,1))-1)+IF('Standard Profiles'!$G$18=$B$10,7,0)+IF('Standard Profiles'!$G$18=$B$17,14,0)+IF('Standard Profiles'!$G$18=$B$24,21,0),0)),0)</f>
        <v>21.769606465648899</v>
      </c>
      <c r="E8306" cm="1">
        <f t="array" ref="E8306">IFERROR(INDEX(Jesper!AI$2:AI$366,ROUNDDOWN($C8306/24,0)+1,1)*INDEX($D$3:$AA$30,INDEX(Jesper!$R$2:$R$366,ROW(INDEX(Jesper!AI$2:AI$366,ROUNDDOWN($C8306/24,0)+1,1))-1)+IF('Standard Profiles'!$G$19=$B$10,7,0)+IF('Standard Profiles'!$G$19=$B$17,14,0)+IF('Standard Profiles'!$G$19=$B$24,21,0),MOD($C8306,24)+1)/SUM(INDEX($D$3:$AA$30,INDEX(Jesper!$R$2:$R$366,ROW(INDEX(Jesper!AI$2:AI$366,ROUNDDOWN($C8306/24,0)+1,1))-1)+IF('Standard Profiles'!$G$19=$B$10,7,0)+IF('Standard Profiles'!$G$19=$B$17,14,0)+IF('Standard Profiles'!$G$19=$B$24,21,0),0)),0)</f>
        <v>25.387367361681903</v>
      </c>
      <c r="F8306" cm="1">
        <f t="array" ref="F8306">IFERROR(INDEX(Jesper!AJ$2:AJ$366,ROUNDDOWN($C8306/24,0)+1,1)*INDEX($D$3:$AA$30,INDEX(Jesper!$R$2:$R$366,ROW(INDEX(Jesper!AJ$2:AJ$366,ROUNDDOWN($C8306/24,0)+1,1))-1)+IF('Standard Profiles'!$G$20=$B$10,7,0)+IF('Standard Profiles'!$G$20=$B$17,14,0)+IF('Standard Profiles'!$G$20=$B$24,21,0),MOD($C8306,24)+1)/SUM(INDEX($D$3:$AA$30,INDEX(Jesper!$R$2:$R$366,ROW(INDEX(Jesper!AJ$2:AJ$366,ROUNDDOWN($C8306/24,0)+1,1))-1)+IF('Standard Profiles'!$G$20=$B$10,7,0)+IF('Standard Profiles'!$G$20=$B$17,14,0)+IF('Standard Profiles'!$G$20=$B$24,21,0),0)),0)</f>
        <v>0</v>
      </c>
      <c r="G8306" cm="1">
        <f t="array" ref="G8306">IFERROR(INDEX(Jesper!AK$2:AK$366,ROUNDDOWN($C8306/24,0)+1,1)*INDEX($D$3:$AA$30,INDEX(Jesper!$R$2:$R$366,ROW(INDEX(Jesper!AK$2:AK$366,ROUNDDOWN($C8306/24,0)+1,1))-1)+IF('Standard Profiles'!$G$21=$B$10,7,0)+IF('Standard Profiles'!$G$21=$B$17,14,0)+IF('Standard Profiles'!$G$21=$B$24,21,0),MOD($C8306,24)+1)/SUM(INDEX($D$3:$AA$30,INDEX(Jesper!$R$2:$R$366,ROW(INDEX(Jesper!AK$2:AK$366,ROUNDDOWN($C8306/24,0)+1,1))-1)+IF('Standard Profiles'!$G$21=$B$10,7,0)+IF('Standard Profiles'!$G$21=$B$17,14,0)+IF('Standard Profiles'!$G$21=$B$24,21,0),0)),0)</f>
        <v>31.220819975569494</v>
      </c>
      <c r="H8306" cm="1">
        <f t="array" ref="H8306">IFERROR(INDEX(Jesper!AL$2:AL$366,ROUNDDOWN($C8306/24,0)+1,1)*INDEX($D$3:$AA$30,INDEX(Jesper!$R$2:$R$366,ROW(INDEX(Jesper!AL$2:AL$366,ROUNDDOWN($C8306/24,0)+1,1))-1)+IF('Standard Profiles'!$G$22=$B$10,7,0)+IF('Standard Profiles'!$G$22=$B$17,14,0)+IF('Standard Profiles'!$G$22=$B$24,21,0),MOD($C8306,24)+1)/SUM(INDEX($D$3:$AA$30,INDEX(Jesper!$R$2:$R$366,ROW(INDEX(Jesper!AL$2:AL$366,ROUNDDOWN($C8306/24,0)+1,1))-1)+IF('Standard Profiles'!$G$22=$B$10,7,0)+IF('Standard Profiles'!$G$22=$B$17,14,0)+IF('Standard Profiles'!$G$22=$B$24,21,0),0)),0)</f>
        <v>0</v>
      </c>
      <c r="I8306">
        <f t="shared" si="923"/>
        <v>14.985993588273351</v>
      </c>
      <c r="J8306">
        <f t="shared" si="924"/>
        <v>59.908663180123121</v>
      </c>
      <c r="K8306">
        <f t="shared" si="925"/>
        <v>2.3220913563358825</v>
      </c>
      <c r="L8306">
        <f t="shared" si="926"/>
        <v>1.1610456781679412</v>
      </c>
      <c r="M8306">
        <f t="shared" si="927"/>
        <v>0</v>
      </c>
      <c r="N8306" s="45">
        <f t="shared" si="928"/>
        <v>45271.666666646604</v>
      </c>
    </row>
    <row r="8307" spans="2:14" x14ac:dyDescent="0.25">
      <c r="B8307">
        <f t="shared" si="922"/>
        <v>1</v>
      </c>
      <c r="C8307" s="16">
        <v>8273</v>
      </c>
      <c r="D8307" cm="1">
        <f t="array" ref="D8307">IFERROR(INDEX(Jesper!AH$2:AH$366,ROUNDDOWN($C8307/24,0)+1,1)*INDEX($D$3:$AA$30,INDEX(Jesper!$R$2:$R$366,ROW(INDEX(Jesper!AH$2:AH$366,ROUNDDOWN($C8307/24,0)+1,1))-1)+IF('Standard Profiles'!$G$18=$B$10,7,0)+IF('Standard Profiles'!$G$18=$B$17,14,0)+IF('Standard Profiles'!$G$18=$B$24,21,0),MOD($C8307,24)+1)/SUM(INDEX($D$3:$AA$30,INDEX(Jesper!$R$2:$R$366,ROW(INDEX(Jesper!AH$2:AH$366,ROUNDDOWN($C8307/24,0)+1,1))-1)+IF('Standard Profiles'!$G$18=$B$10,7,0)+IF('Standard Profiles'!$G$18=$B$17,14,0)+IF('Standard Profiles'!$G$18=$B$24,21,0),0)),0)</f>
        <v>6.2198875616139713</v>
      </c>
      <c r="E8307" cm="1">
        <f t="array" ref="E8307">IFERROR(INDEX(Jesper!AI$2:AI$366,ROUNDDOWN($C8307/24,0)+1,1)*INDEX($D$3:$AA$30,INDEX(Jesper!$R$2:$R$366,ROW(INDEX(Jesper!AI$2:AI$366,ROUNDDOWN($C8307/24,0)+1,1))-1)+IF('Standard Profiles'!$G$19=$B$10,7,0)+IF('Standard Profiles'!$G$19=$B$17,14,0)+IF('Standard Profiles'!$G$19=$B$24,21,0),MOD($C8307,24)+1)/SUM(INDEX($D$3:$AA$30,INDEX(Jesper!$R$2:$R$366,ROW(INDEX(Jesper!AI$2:AI$366,ROUNDDOWN($C8307/24,0)+1,1))-1)+IF('Standard Profiles'!$G$19=$B$10,7,0)+IF('Standard Profiles'!$G$19=$B$17,14,0)+IF('Standard Profiles'!$G$19=$B$24,21,0),0)),0)</f>
        <v>7.2535335319091159</v>
      </c>
      <c r="F8307" cm="1">
        <f t="array" ref="F8307">IFERROR(INDEX(Jesper!AJ$2:AJ$366,ROUNDDOWN($C8307/24,0)+1,1)*INDEX($D$3:$AA$30,INDEX(Jesper!$R$2:$R$366,ROW(INDEX(Jesper!AJ$2:AJ$366,ROUNDDOWN($C8307/24,0)+1,1))-1)+IF('Standard Profiles'!$G$20=$B$10,7,0)+IF('Standard Profiles'!$G$20=$B$17,14,0)+IF('Standard Profiles'!$G$20=$B$24,21,0),MOD($C8307,24)+1)/SUM(INDEX($D$3:$AA$30,INDEX(Jesper!$R$2:$R$366,ROW(INDEX(Jesper!AJ$2:AJ$366,ROUNDDOWN($C8307/24,0)+1,1))-1)+IF('Standard Profiles'!$G$20=$B$10,7,0)+IF('Standard Profiles'!$G$20=$B$17,14,0)+IF('Standard Profiles'!$G$20=$B$24,21,0),0)),0)</f>
        <v>0</v>
      </c>
      <c r="G8307" cm="1">
        <f t="array" ref="G8307">IFERROR(INDEX(Jesper!AK$2:AK$366,ROUNDDOWN($C8307/24,0)+1,1)*INDEX($D$3:$AA$30,INDEX(Jesper!$R$2:$R$366,ROW(INDEX(Jesper!AK$2:AK$366,ROUNDDOWN($C8307/24,0)+1,1))-1)+IF('Standard Profiles'!$G$21=$B$10,7,0)+IF('Standard Profiles'!$G$21=$B$17,14,0)+IF('Standard Profiles'!$G$21=$B$24,21,0),MOD($C8307,24)+1)/SUM(INDEX($D$3:$AA$30,INDEX(Jesper!$R$2:$R$366,ROW(INDEX(Jesper!AK$2:AK$366,ROUNDDOWN($C8307/24,0)+1,1))-1)+IF('Standard Profiles'!$G$21=$B$10,7,0)+IF('Standard Profiles'!$G$21=$B$17,14,0)+IF('Standard Profiles'!$G$21=$B$24,21,0),0)),0)</f>
        <v>25.120199980343273</v>
      </c>
      <c r="H8307" cm="1">
        <f t="array" ref="H8307">IFERROR(INDEX(Jesper!AL$2:AL$366,ROUNDDOWN($C8307/24,0)+1,1)*INDEX($D$3:$AA$30,INDEX(Jesper!$R$2:$R$366,ROW(INDEX(Jesper!AL$2:AL$366,ROUNDDOWN($C8307/24,0)+1,1))-1)+IF('Standard Profiles'!$G$22=$B$10,7,0)+IF('Standard Profiles'!$G$22=$B$17,14,0)+IF('Standard Profiles'!$G$22=$B$24,21,0),MOD($C8307,24)+1)/SUM(INDEX($D$3:$AA$30,INDEX(Jesper!$R$2:$R$366,ROW(INDEX(Jesper!AL$2:AL$366,ROUNDDOWN($C8307/24,0)+1,1))-1)+IF('Standard Profiles'!$G$22=$B$10,7,0)+IF('Standard Profiles'!$G$22=$B$17,14,0)+IF('Standard Profiles'!$G$22=$B$24,21,0),0)),0)</f>
        <v>0</v>
      </c>
      <c r="I8307">
        <f t="shared" si="923"/>
        <v>12.057695990564765</v>
      </c>
      <c r="J8307">
        <f t="shared" si="924"/>
        <v>25.540743073443359</v>
      </c>
      <c r="K8307">
        <f t="shared" si="925"/>
        <v>0.66345467323882368</v>
      </c>
      <c r="L8307">
        <f t="shared" si="926"/>
        <v>0.33172733661941184</v>
      </c>
      <c r="M8307">
        <f t="shared" si="927"/>
        <v>0</v>
      </c>
      <c r="N8307" s="45">
        <f t="shared" si="928"/>
        <v>45271.708333313269</v>
      </c>
    </row>
    <row r="8308" spans="2:14" x14ac:dyDescent="0.25">
      <c r="B8308">
        <f t="shared" si="922"/>
        <v>1</v>
      </c>
      <c r="C8308" s="16">
        <v>8274</v>
      </c>
      <c r="D8308" cm="1">
        <f t="array" ref="D8308">IFERROR(INDEX(Jesper!AH$2:AH$366,ROUNDDOWN($C8308/24,0)+1,1)*INDEX($D$3:$AA$30,INDEX(Jesper!$R$2:$R$366,ROW(INDEX(Jesper!AH$2:AH$366,ROUNDDOWN($C8308/24,0)+1,1))-1)+IF('Standard Profiles'!$G$18=$B$10,7,0)+IF('Standard Profiles'!$G$18=$B$17,14,0)+IF('Standard Profiles'!$G$18=$B$24,21,0),MOD($C8308,24)+1)/SUM(INDEX($D$3:$AA$30,INDEX(Jesper!$R$2:$R$366,ROW(INDEX(Jesper!AH$2:AH$366,ROUNDDOWN($C8308/24,0)+1,1))-1)+IF('Standard Profiles'!$G$18=$B$10,7,0)+IF('Standard Profiles'!$G$18=$B$17,14,0)+IF('Standard Profiles'!$G$18=$B$24,21,0),0)),0)</f>
        <v>6.1322835114503942</v>
      </c>
      <c r="E8308" cm="1">
        <f t="array" ref="E8308">IFERROR(INDEX(Jesper!AI$2:AI$366,ROUNDDOWN($C8308/24,0)+1,1)*INDEX($D$3:$AA$30,INDEX(Jesper!$R$2:$R$366,ROW(INDEX(Jesper!AI$2:AI$366,ROUNDDOWN($C8308/24,0)+1,1))-1)+IF('Standard Profiles'!$G$19=$B$10,7,0)+IF('Standard Profiles'!$G$19=$B$17,14,0)+IF('Standard Profiles'!$G$19=$B$24,21,0),MOD($C8308,24)+1)/SUM(INDEX($D$3:$AA$30,INDEX(Jesper!$R$2:$R$366,ROW(INDEX(Jesper!AI$2:AI$366,ROUNDDOWN($C8308/24,0)+1,1))-1)+IF('Standard Profiles'!$G$19=$B$10,7,0)+IF('Standard Profiles'!$G$19=$B$17,14,0)+IF('Standard Profiles'!$G$19=$B$24,21,0),0)),0)</f>
        <v>7.1513710877977195</v>
      </c>
      <c r="F8308" cm="1">
        <f t="array" ref="F8308">IFERROR(INDEX(Jesper!AJ$2:AJ$366,ROUNDDOWN($C8308/24,0)+1,1)*INDEX($D$3:$AA$30,INDEX(Jesper!$R$2:$R$366,ROW(INDEX(Jesper!AJ$2:AJ$366,ROUNDDOWN($C8308/24,0)+1,1))-1)+IF('Standard Profiles'!$G$20=$B$10,7,0)+IF('Standard Profiles'!$G$20=$B$17,14,0)+IF('Standard Profiles'!$G$20=$B$24,21,0),MOD($C8308,24)+1)/SUM(INDEX($D$3:$AA$30,INDEX(Jesper!$R$2:$R$366,ROW(INDEX(Jesper!AJ$2:AJ$366,ROUNDDOWN($C8308/24,0)+1,1))-1)+IF('Standard Profiles'!$G$20=$B$10,7,0)+IF('Standard Profiles'!$G$20=$B$17,14,0)+IF('Standard Profiles'!$G$20=$B$24,21,0),0)),0)</f>
        <v>0</v>
      </c>
      <c r="G8308" cm="1">
        <f t="array" ref="G8308">IFERROR(INDEX(Jesper!AK$2:AK$366,ROUNDDOWN($C8308/24,0)+1,1)*INDEX($D$3:$AA$30,INDEX(Jesper!$R$2:$R$366,ROW(INDEX(Jesper!AK$2:AK$366,ROUNDDOWN($C8308/24,0)+1,1))-1)+IF('Standard Profiles'!$G$21=$B$10,7,0)+IF('Standard Profiles'!$G$21=$B$17,14,0)+IF('Standard Profiles'!$G$21=$B$24,21,0),MOD($C8308,24)+1)/SUM(INDEX($D$3:$AA$30,INDEX(Jesper!$R$2:$R$366,ROW(INDEX(Jesper!AK$2:AK$366,ROUNDDOWN($C8308/24,0)+1,1))-1)+IF('Standard Profiles'!$G$21=$B$10,7,0)+IF('Standard Profiles'!$G$21=$B$17,14,0)+IF('Standard Profiles'!$G$21=$B$24,21,0),0)),0)</f>
        <v>8.971499992979739</v>
      </c>
      <c r="H8308" cm="1">
        <f t="array" ref="H8308">IFERROR(INDEX(Jesper!AL$2:AL$366,ROUNDDOWN($C8308/24,0)+1,1)*INDEX($D$3:$AA$30,INDEX(Jesper!$R$2:$R$366,ROW(INDEX(Jesper!AL$2:AL$366,ROUNDDOWN($C8308/24,0)+1,1))-1)+IF('Standard Profiles'!$G$22=$B$10,7,0)+IF('Standard Profiles'!$G$22=$B$17,14,0)+IF('Standard Profiles'!$G$22=$B$24,21,0),MOD($C8308,24)+1)/SUM(INDEX($D$3:$AA$30,INDEX(Jesper!$R$2:$R$366,ROW(INDEX(Jesper!AL$2:AL$366,ROUNDDOWN($C8308/24,0)+1,1))-1)+IF('Standard Profiles'!$G$22=$B$10,7,0)+IF('Standard Profiles'!$G$22=$B$17,14,0)+IF('Standard Profiles'!$G$22=$B$24,21,0),0)),0)</f>
        <v>0</v>
      </c>
      <c r="I8308">
        <f t="shared" si="923"/>
        <v>4.3063199966302728</v>
      </c>
      <c r="J8308">
        <f t="shared" si="924"/>
        <v>16.967669233765516</v>
      </c>
      <c r="K8308">
        <f t="shared" si="925"/>
        <v>0.6541102412213754</v>
      </c>
      <c r="L8308">
        <f t="shared" si="926"/>
        <v>0.3270551206106877</v>
      </c>
      <c r="M8308">
        <f t="shared" si="927"/>
        <v>0</v>
      </c>
      <c r="N8308" s="45">
        <f t="shared" si="928"/>
        <v>45271.749999979933</v>
      </c>
    </row>
    <row r="8309" spans="2:14" x14ac:dyDescent="0.25">
      <c r="B8309">
        <f t="shared" si="922"/>
        <v>1</v>
      </c>
      <c r="C8309" s="16">
        <v>8275</v>
      </c>
      <c r="D8309" cm="1">
        <f t="array" ref="D8309">IFERROR(INDEX(Jesper!AH$2:AH$366,ROUNDDOWN($C8309/24,0)+1,1)*INDEX($D$3:$AA$30,INDEX(Jesper!$R$2:$R$366,ROW(INDEX(Jesper!AH$2:AH$366,ROUNDDOWN($C8309/24,0)+1,1))-1)+IF('Standard Profiles'!$G$18=$B$10,7,0)+IF('Standard Profiles'!$G$18=$B$17,14,0)+IF('Standard Profiles'!$G$18=$B$24,21,0),MOD($C8309,24)+1)/SUM(INDEX($D$3:$AA$30,INDEX(Jesper!$R$2:$R$366,ROW(INDEX(Jesper!AH$2:AH$366,ROUNDDOWN($C8309/24,0)+1,1))-1)+IF('Standard Profiles'!$G$18=$B$10,7,0)+IF('Standard Profiles'!$G$18=$B$17,14,0)+IF('Standard Profiles'!$G$18=$B$24,21,0),0)),0)</f>
        <v>6.1322835114503942</v>
      </c>
      <c r="E8309" cm="1">
        <f t="array" ref="E8309">IFERROR(INDEX(Jesper!AI$2:AI$366,ROUNDDOWN($C8309/24,0)+1,1)*INDEX($D$3:$AA$30,INDEX(Jesper!$R$2:$R$366,ROW(INDEX(Jesper!AI$2:AI$366,ROUNDDOWN($C8309/24,0)+1,1))-1)+IF('Standard Profiles'!$G$19=$B$10,7,0)+IF('Standard Profiles'!$G$19=$B$17,14,0)+IF('Standard Profiles'!$G$19=$B$24,21,0),MOD($C8309,24)+1)/SUM(INDEX($D$3:$AA$30,INDEX(Jesper!$R$2:$R$366,ROW(INDEX(Jesper!AI$2:AI$366,ROUNDDOWN($C8309/24,0)+1,1))-1)+IF('Standard Profiles'!$G$19=$B$10,7,0)+IF('Standard Profiles'!$G$19=$B$17,14,0)+IF('Standard Profiles'!$G$19=$B$24,21,0),0)),0)</f>
        <v>7.1513710877977195</v>
      </c>
      <c r="F8309" cm="1">
        <f t="array" ref="F8309">IFERROR(INDEX(Jesper!AJ$2:AJ$366,ROUNDDOWN($C8309/24,0)+1,1)*INDEX($D$3:$AA$30,INDEX(Jesper!$R$2:$R$366,ROW(INDEX(Jesper!AJ$2:AJ$366,ROUNDDOWN($C8309/24,0)+1,1))-1)+IF('Standard Profiles'!$G$20=$B$10,7,0)+IF('Standard Profiles'!$G$20=$B$17,14,0)+IF('Standard Profiles'!$G$20=$B$24,21,0),MOD($C8309,24)+1)/SUM(INDEX($D$3:$AA$30,INDEX(Jesper!$R$2:$R$366,ROW(INDEX(Jesper!AJ$2:AJ$366,ROUNDDOWN($C8309/24,0)+1,1))-1)+IF('Standard Profiles'!$G$20=$B$10,7,0)+IF('Standard Profiles'!$G$20=$B$17,14,0)+IF('Standard Profiles'!$G$20=$B$24,21,0),0)),0)</f>
        <v>0</v>
      </c>
      <c r="G8309" cm="1">
        <f t="array" ref="G8309">IFERROR(INDEX(Jesper!AK$2:AK$366,ROUNDDOWN($C8309/24,0)+1,1)*INDEX($D$3:$AA$30,INDEX(Jesper!$R$2:$R$366,ROW(INDEX(Jesper!AK$2:AK$366,ROUNDDOWN($C8309/24,0)+1,1))-1)+IF('Standard Profiles'!$G$21=$B$10,7,0)+IF('Standard Profiles'!$G$21=$B$17,14,0)+IF('Standard Profiles'!$G$21=$B$24,21,0),MOD($C8309,24)+1)/SUM(INDEX($D$3:$AA$30,INDEX(Jesper!$R$2:$R$366,ROW(INDEX(Jesper!AK$2:AK$366,ROUNDDOWN($C8309/24,0)+1,1))-1)+IF('Standard Profiles'!$G$21=$B$10,7,0)+IF('Standard Profiles'!$G$21=$B$17,14,0)+IF('Standard Profiles'!$G$21=$B$24,21,0),0)),0)</f>
        <v>8.971499992979739</v>
      </c>
      <c r="H8309" cm="1">
        <f t="array" ref="H8309">IFERROR(INDEX(Jesper!AL$2:AL$366,ROUNDDOWN($C8309/24,0)+1,1)*INDEX($D$3:$AA$30,INDEX(Jesper!$R$2:$R$366,ROW(INDEX(Jesper!AL$2:AL$366,ROUNDDOWN($C8309/24,0)+1,1))-1)+IF('Standard Profiles'!$G$22=$B$10,7,0)+IF('Standard Profiles'!$G$22=$B$17,14,0)+IF('Standard Profiles'!$G$22=$B$24,21,0),MOD($C8309,24)+1)/SUM(INDEX($D$3:$AA$30,INDEX(Jesper!$R$2:$R$366,ROW(INDEX(Jesper!AL$2:AL$366,ROUNDDOWN($C8309/24,0)+1,1))-1)+IF('Standard Profiles'!$G$22=$B$10,7,0)+IF('Standard Profiles'!$G$22=$B$17,14,0)+IF('Standard Profiles'!$G$22=$B$24,21,0),0)),0)</f>
        <v>0</v>
      </c>
      <c r="I8309">
        <f t="shared" si="923"/>
        <v>4.3063199966302728</v>
      </c>
      <c r="J8309">
        <f t="shared" si="924"/>
        <v>16.967669233765516</v>
      </c>
      <c r="K8309">
        <f t="shared" si="925"/>
        <v>0.6541102412213754</v>
      </c>
      <c r="L8309">
        <f t="shared" si="926"/>
        <v>0.3270551206106877</v>
      </c>
      <c r="M8309">
        <f t="shared" si="927"/>
        <v>0</v>
      </c>
      <c r="N8309" s="45">
        <f t="shared" si="928"/>
        <v>45271.791666646597</v>
      </c>
    </row>
    <row r="8310" spans="2:14" x14ac:dyDescent="0.25">
      <c r="B8310">
        <f t="shared" si="922"/>
        <v>1</v>
      </c>
      <c r="C8310" s="16">
        <v>8276</v>
      </c>
      <c r="D8310" cm="1">
        <f t="array" ref="D8310">IFERROR(INDEX(Jesper!AH$2:AH$366,ROUNDDOWN($C8310/24,0)+1,1)*INDEX($D$3:$AA$30,INDEX(Jesper!$R$2:$R$366,ROW(INDEX(Jesper!AH$2:AH$366,ROUNDDOWN($C8310/24,0)+1,1))-1)+IF('Standard Profiles'!$G$18=$B$10,7,0)+IF('Standard Profiles'!$G$18=$B$17,14,0)+IF('Standard Profiles'!$G$18=$B$24,21,0),MOD($C8310,24)+1)/SUM(INDEX($D$3:$AA$30,INDEX(Jesper!$R$2:$R$366,ROW(INDEX(Jesper!AH$2:AH$366,ROUNDDOWN($C8310/24,0)+1,1))-1)+IF('Standard Profiles'!$G$18=$B$10,7,0)+IF('Standard Profiles'!$G$18=$B$17,14,0)+IF('Standard Profiles'!$G$18=$B$24,21,0),0)),0)</f>
        <v>6.1322835114503942</v>
      </c>
      <c r="E8310" cm="1">
        <f t="array" ref="E8310">IFERROR(INDEX(Jesper!AI$2:AI$366,ROUNDDOWN($C8310/24,0)+1,1)*INDEX($D$3:$AA$30,INDEX(Jesper!$R$2:$R$366,ROW(INDEX(Jesper!AI$2:AI$366,ROUNDDOWN($C8310/24,0)+1,1))-1)+IF('Standard Profiles'!$G$19=$B$10,7,0)+IF('Standard Profiles'!$G$19=$B$17,14,0)+IF('Standard Profiles'!$G$19=$B$24,21,0),MOD($C8310,24)+1)/SUM(INDEX($D$3:$AA$30,INDEX(Jesper!$R$2:$R$366,ROW(INDEX(Jesper!AI$2:AI$366,ROUNDDOWN($C8310/24,0)+1,1))-1)+IF('Standard Profiles'!$G$19=$B$10,7,0)+IF('Standard Profiles'!$G$19=$B$17,14,0)+IF('Standard Profiles'!$G$19=$B$24,21,0),0)),0)</f>
        <v>7.1513710877977195</v>
      </c>
      <c r="F8310" cm="1">
        <f t="array" ref="F8310">IFERROR(INDEX(Jesper!AJ$2:AJ$366,ROUNDDOWN($C8310/24,0)+1,1)*INDEX($D$3:$AA$30,INDEX(Jesper!$R$2:$R$366,ROW(INDEX(Jesper!AJ$2:AJ$366,ROUNDDOWN($C8310/24,0)+1,1))-1)+IF('Standard Profiles'!$G$20=$B$10,7,0)+IF('Standard Profiles'!$G$20=$B$17,14,0)+IF('Standard Profiles'!$G$20=$B$24,21,0),MOD($C8310,24)+1)/SUM(INDEX($D$3:$AA$30,INDEX(Jesper!$R$2:$R$366,ROW(INDEX(Jesper!AJ$2:AJ$366,ROUNDDOWN($C8310/24,0)+1,1))-1)+IF('Standard Profiles'!$G$20=$B$10,7,0)+IF('Standard Profiles'!$G$20=$B$17,14,0)+IF('Standard Profiles'!$G$20=$B$24,21,0),0)),0)</f>
        <v>0</v>
      </c>
      <c r="G8310" cm="1">
        <f t="array" ref="G8310">IFERROR(INDEX(Jesper!AK$2:AK$366,ROUNDDOWN($C8310/24,0)+1,1)*INDEX($D$3:$AA$30,INDEX(Jesper!$R$2:$R$366,ROW(INDEX(Jesper!AK$2:AK$366,ROUNDDOWN($C8310/24,0)+1,1))-1)+IF('Standard Profiles'!$G$21=$B$10,7,0)+IF('Standard Profiles'!$G$21=$B$17,14,0)+IF('Standard Profiles'!$G$21=$B$24,21,0),MOD($C8310,24)+1)/SUM(INDEX($D$3:$AA$30,INDEX(Jesper!$R$2:$R$366,ROW(INDEX(Jesper!AK$2:AK$366,ROUNDDOWN($C8310/24,0)+1,1))-1)+IF('Standard Profiles'!$G$21=$B$10,7,0)+IF('Standard Profiles'!$G$21=$B$17,14,0)+IF('Standard Profiles'!$G$21=$B$24,21,0),0)),0)</f>
        <v>8.971499992979739</v>
      </c>
      <c r="H8310" cm="1">
        <f t="array" ref="H8310">IFERROR(INDEX(Jesper!AL$2:AL$366,ROUNDDOWN($C8310/24,0)+1,1)*INDEX($D$3:$AA$30,INDEX(Jesper!$R$2:$R$366,ROW(INDEX(Jesper!AL$2:AL$366,ROUNDDOWN($C8310/24,0)+1,1))-1)+IF('Standard Profiles'!$G$22=$B$10,7,0)+IF('Standard Profiles'!$G$22=$B$17,14,0)+IF('Standard Profiles'!$G$22=$B$24,21,0),MOD($C8310,24)+1)/SUM(INDEX($D$3:$AA$30,INDEX(Jesper!$R$2:$R$366,ROW(INDEX(Jesper!AL$2:AL$366,ROUNDDOWN($C8310/24,0)+1,1))-1)+IF('Standard Profiles'!$G$22=$B$10,7,0)+IF('Standard Profiles'!$G$22=$B$17,14,0)+IF('Standard Profiles'!$G$22=$B$24,21,0),0)),0)</f>
        <v>0</v>
      </c>
      <c r="I8310">
        <f t="shared" si="923"/>
        <v>4.3063199966302728</v>
      </c>
      <c r="J8310">
        <f t="shared" si="924"/>
        <v>16.967669233765516</v>
      </c>
      <c r="K8310">
        <f t="shared" si="925"/>
        <v>0.6541102412213754</v>
      </c>
      <c r="L8310">
        <f t="shared" si="926"/>
        <v>0.3270551206106877</v>
      </c>
      <c r="M8310">
        <f t="shared" si="927"/>
        <v>0</v>
      </c>
      <c r="N8310" s="45">
        <f t="shared" si="928"/>
        <v>45271.833333313261</v>
      </c>
    </row>
    <row r="8311" spans="2:14" x14ac:dyDescent="0.25">
      <c r="B8311">
        <f t="shared" si="922"/>
        <v>1</v>
      </c>
      <c r="C8311" s="16">
        <v>8277</v>
      </c>
      <c r="D8311" cm="1">
        <f t="array" ref="D8311">IFERROR(INDEX(Jesper!AH$2:AH$366,ROUNDDOWN($C8311/24,0)+1,1)*INDEX($D$3:$AA$30,INDEX(Jesper!$R$2:$R$366,ROW(INDEX(Jesper!AH$2:AH$366,ROUNDDOWN($C8311/24,0)+1,1))-1)+IF('Standard Profiles'!$G$18=$B$10,7,0)+IF('Standard Profiles'!$G$18=$B$17,14,0)+IF('Standard Profiles'!$G$18=$B$24,21,0),MOD($C8311,24)+1)/SUM(INDEX($D$3:$AA$30,INDEX(Jesper!$R$2:$R$366,ROW(INDEX(Jesper!AH$2:AH$366,ROUNDDOWN($C8311/24,0)+1,1))-1)+IF('Standard Profiles'!$G$18=$B$10,7,0)+IF('Standard Profiles'!$G$18=$B$17,14,0)+IF('Standard Profiles'!$G$18=$B$24,21,0),0)),0)</f>
        <v>6.1322835114503942</v>
      </c>
      <c r="E8311" cm="1">
        <f t="array" ref="E8311">IFERROR(INDEX(Jesper!AI$2:AI$366,ROUNDDOWN($C8311/24,0)+1,1)*INDEX($D$3:$AA$30,INDEX(Jesper!$R$2:$R$366,ROW(INDEX(Jesper!AI$2:AI$366,ROUNDDOWN($C8311/24,0)+1,1))-1)+IF('Standard Profiles'!$G$19=$B$10,7,0)+IF('Standard Profiles'!$G$19=$B$17,14,0)+IF('Standard Profiles'!$G$19=$B$24,21,0),MOD($C8311,24)+1)/SUM(INDEX($D$3:$AA$30,INDEX(Jesper!$R$2:$R$366,ROW(INDEX(Jesper!AI$2:AI$366,ROUNDDOWN($C8311/24,0)+1,1))-1)+IF('Standard Profiles'!$G$19=$B$10,7,0)+IF('Standard Profiles'!$G$19=$B$17,14,0)+IF('Standard Profiles'!$G$19=$B$24,21,0),0)),0)</f>
        <v>7.1513710877977195</v>
      </c>
      <c r="F8311" cm="1">
        <f t="array" ref="F8311">IFERROR(INDEX(Jesper!AJ$2:AJ$366,ROUNDDOWN($C8311/24,0)+1,1)*INDEX($D$3:$AA$30,INDEX(Jesper!$R$2:$R$366,ROW(INDEX(Jesper!AJ$2:AJ$366,ROUNDDOWN($C8311/24,0)+1,1))-1)+IF('Standard Profiles'!$G$20=$B$10,7,0)+IF('Standard Profiles'!$G$20=$B$17,14,0)+IF('Standard Profiles'!$G$20=$B$24,21,0),MOD($C8311,24)+1)/SUM(INDEX($D$3:$AA$30,INDEX(Jesper!$R$2:$R$366,ROW(INDEX(Jesper!AJ$2:AJ$366,ROUNDDOWN($C8311/24,0)+1,1))-1)+IF('Standard Profiles'!$G$20=$B$10,7,0)+IF('Standard Profiles'!$G$20=$B$17,14,0)+IF('Standard Profiles'!$G$20=$B$24,21,0),0)),0)</f>
        <v>0</v>
      </c>
      <c r="G8311" cm="1">
        <f t="array" ref="G8311">IFERROR(INDEX(Jesper!AK$2:AK$366,ROUNDDOWN($C8311/24,0)+1,1)*INDEX($D$3:$AA$30,INDEX(Jesper!$R$2:$R$366,ROW(INDEX(Jesper!AK$2:AK$366,ROUNDDOWN($C8311/24,0)+1,1))-1)+IF('Standard Profiles'!$G$21=$B$10,7,0)+IF('Standard Profiles'!$G$21=$B$17,14,0)+IF('Standard Profiles'!$G$21=$B$24,21,0),MOD($C8311,24)+1)/SUM(INDEX($D$3:$AA$30,INDEX(Jesper!$R$2:$R$366,ROW(INDEX(Jesper!AK$2:AK$366,ROUNDDOWN($C8311/24,0)+1,1))-1)+IF('Standard Profiles'!$G$21=$B$10,7,0)+IF('Standard Profiles'!$G$21=$B$17,14,0)+IF('Standard Profiles'!$G$21=$B$24,21,0),0)),0)</f>
        <v>8.971499992979739</v>
      </c>
      <c r="H8311" cm="1">
        <f t="array" ref="H8311">IFERROR(INDEX(Jesper!AL$2:AL$366,ROUNDDOWN($C8311/24,0)+1,1)*INDEX($D$3:$AA$30,INDEX(Jesper!$R$2:$R$366,ROW(INDEX(Jesper!AL$2:AL$366,ROUNDDOWN($C8311/24,0)+1,1))-1)+IF('Standard Profiles'!$G$22=$B$10,7,0)+IF('Standard Profiles'!$G$22=$B$17,14,0)+IF('Standard Profiles'!$G$22=$B$24,21,0),MOD($C8311,24)+1)/SUM(INDEX($D$3:$AA$30,INDEX(Jesper!$R$2:$R$366,ROW(INDEX(Jesper!AL$2:AL$366,ROUNDDOWN($C8311/24,0)+1,1))-1)+IF('Standard Profiles'!$G$22=$B$10,7,0)+IF('Standard Profiles'!$G$22=$B$17,14,0)+IF('Standard Profiles'!$G$22=$B$24,21,0),0)),0)</f>
        <v>0</v>
      </c>
      <c r="I8311">
        <f t="shared" si="923"/>
        <v>4.3063199966302728</v>
      </c>
      <c r="J8311">
        <f t="shared" si="924"/>
        <v>16.967669233765516</v>
      </c>
      <c r="K8311">
        <f t="shared" si="925"/>
        <v>0.6541102412213754</v>
      </c>
      <c r="L8311">
        <f t="shared" si="926"/>
        <v>0.3270551206106877</v>
      </c>
      <c r="M8311">
        <f t="shared" si="927"/>
        <v>0</v>
      </c>
      <c r="N8311" s="45">
        <f t="shared" si="928"/>
        <v>45271.874999979926</v>
      </c>
    </row>
    <row r="8312" spans="2:14" x14ac:dyDescent="0.25">
      <c r="B8312">
        <f t="shared" si="922"/>
        <v>1</v>
      </c>
      <c r="C8312" s="16">
        <v>8278</v>
      </c>
      <c r="D8312" cm="1">
        <f t="array" ref="D8312">IFERROR(INDEX(Jesper!AH$2:AH$366,ROUNDDOWN($C8312/24,0)+1,1)*INDEX($D$3:$AA$30,INDEX(Jesper!$R$2:$R$366,ROW(INDEX(Jesper!AH$2:AH$366,ROUNDDOWN($C8312/24,0)+1,1))-1)+IF('Standard Profiles'!$G$18=$B$10,7,0)+IF('Standard Profiles'!$G$18=$B$17,14,0)+IF('Standard Profiles'!$G$18=$B$24,21,0),MOD($C8312,24)+1)/SUM(INDEX($D$3:$AA$30,INDEX(Jesper!$R$2:$R$366,ROW(INDEX(Jesper!AH$2:AH$366,ROUNDDOWN($C8312/24,0)+1,1))-1)+IF('Standard Profiles'!$G$18=$B$10,7,0)+IF('Standard Profiles'!$G$18=$B$17,14,0)+IF('Standard Profiles'!$G$18=$B$24,21,0),0)),0)</f>
        <v>6.1322835114503942</v>
      </c>
      <c r="E8312" cm="1">
        <f t="array" ref="E8312">IFERROR(INDEX(Jesper!AI$2:AI$366,ROUNDDOWN($C8312/24,0)+1,1)*INDEX($D$3:$AA$30,INDEX(Jesper!$R$2:$R$366,ROW(INDEX(Jesper!AI$2:AI$366,ROUNDDOWN($C8312/24,0)+1,1))-1)+IF('Standard Profiles'!$G$19=$B$10,7,0)+IF('Standard Profiles'!$G$19=$B$17,14,0)+IF('Standard Profiles'!$G$19=$B$24,21,0),MOD($C8312,24)+1)/SUM(INDEX($D$3:$AA$30,INDEX(Jesper!$R$2:$R$366,ROW(INDEX(Jesper!AI$2:AI$366,ROUNDDOWN($C8312/24,0)+1,1))-1)+IF('Standard Profiles'!$G$19=$B$10,7,0)+IF('Standard Profiles'!$G$19=$B$17,14,0)+IF('Standard Profiles'!$G$19=$B$24,21,0),0)),0)</f>
        <v>7.1513710877977195</v>
      </c>
      <c r="F8312" cm="1">
        <f t="array" ref="F8312">IFERROR(INDEX(Jesper!AJ$2:AJ$366,ROUNDDOWN($C8312/24,0)+1,1)*INDEX($D$3:$AA$30,INDEX(Jesper!$R$2:$R$366,ROW(INDEX(Jesper!AJ$2:AJ$366,ROUNDDOWN($C8312/24,0)+1,1))-1)+IF('Standard Profiles'!$G$20=$B$10,7,0)+IF('Standard Profiles'!$G$20=$B$17,14,0)+IF('Standard Profiles'!$G$20=$B$24,21,0),MOD($C8312,24)+1)/SUM(INDEX($D$3:$AA$30,INDEX(Jesper!$R$2:$R$366,ROW(INDEX(Jesper!AJ$2:AJ$366,ROUNDDOWN($C8312/24,0)+1,1))-1)+IF('Standard Profiles'!$G$20=$B$10,7,0)+IF('Standard Profiles'!$G$20=$B$17,14,0)+IF('Standard Profiles'!$G$20=$B$24,21,0),0)),0)</f>
        <v>0</v>
      </c>
      <c r="G8312" cm="1">
        <f t="array" ref="G8312">IFERROR(INDEX(Jesper!AK$2:AK$366,ROUNDDOWN($C8312/24,0)+1,1)*INDEX($D$3:$AA$30,INDEX(Jesper!$R$2:$R$366,ROW(INDEX(Jesper!AK$2:AK$366,ROUNDDOWN($C8312/24,0)+1,1))-1)+IF('Standard Profiles'!$G$21=$B$10,7,0)+IF('Standard Profiles'!$G$21=$B$17,14,0)+IF('Standard Profiles'!$G$21=$B$24,21,0),MOD($C8312,24)+1)/SUM(INDEX($D$3:$AA$30,INDEX(Jesper!$R$2:$R$366,ROW(INDEX(Jesper!AK$2:AK$366,ROUNDDOWN($C8312/24,0)+1,1))-1)+IF('Standard Profiles'!$G$21=$B$10,7,0)+IF('Standard Profiles'!$G$21=$B$17,14,0)+IF('Standard Profiles'!$G$21=$B$24,21,0),0)),0)</f>
        <v>8.971499992979739</v>
      </c>
      <c r="H8312" cm="1">
        <f t="array" ref="H8312">IFERROR(INDEX(Jesper!AL$2:AL$366,ROUNDDOWN($C8312/24,0)+1,1)*INDEX($D$3:$AA$30,INDEX(Jesper!$R$2:$R$366,ROW(INDEX(Jesper!AL$2:AL$366,ROUNDDOWN($C8312/24,0)+1,1))-1)+IF('Standard Profiles'!$G$22=$B$10,7,0)+IF('Standard Profiles'!$G$22=$B$17,14,0)+IF('Standard Profiles'!$G$22=$B$24,21,0),MOD($C8312,24)+1)/SUM(INDEX($D$3:$AA$30,INDEX(Jesper!$R$2:$R$366,ROW(INDEX(Jesper!AL$2:AL$366,ROUNDDOWN($C8312/24,0)+1,1))-1)+IF('Standard Profiles'!$G$22=$B$10,7,0)+IF('Standard Profiles'!$G$22=$B$17,14,0)+IF('Standard Profiles'!$G$22=$B$24,21,0),0)),0)</f>
        <v>0</v>
      </c>
      <c r="I8312">
        <f t="shared" si="923"/>
        <v>4.3063199966302728</v>
      </c>
      <c r="J8312">
        <f t="shared" si="924"/>
        <v>16.967669233765516</v>
      </c>
      <c r="K8312">
        <f t="shared" si="925"/>
        <v>0.6541102412213754</v>
      </c>
      <c r="L8312">
        <f t="shared" si="926"/>
        <v>0.3270551206106877</v>
      </c>
      <c r="M8312">
        <f t="shared" si="927"/>
        <v>0</v>
      </c>
      <c r="N8312" s="45">
        <f t="shared" si="928"/>
        <v>45271.91666664659</v>
      </c>
    </row>
    <row r="8313" spans="2:14" x14ac:dyDescent="0.25">
      <c r="B8313">
        <f t="shared" si="922"/>
        <v>1</v>
      </c>
      <c r="C8313" s="16">
        <v>8279</v>
      </c>
      <c r="D8313" cm="1">
        <f t="array" ref="D8313">IFERROR(INDEX(Jesper!AH$2:AH$366,ROUNDDOWN($C8313/24,0)+1,1)*INDEX($D$3:$AA$30,INDEX(Jesper!$R$2:$R$366,ROW(INDEX(Jesper!AH$2:AH$366,ROUNDDOWN($C8313/24,0)+1,1))-1)+IF('Standard Profiles'!$G$18=$B$10,7,0)+IF('Standard Profiles'!$G$18=$B$17,14,0)+IF('Standard Profiles'!$G$18=$B$24,21,0),MOD($C8313,24)+1)/SUM(INDEX($D$3:$AA$30,INDEX(Jesper!$R$2:$R$366,ROW(INDEX(Jesper!AH$2:AH$366,ROUNDDOWN($C8313/24,0)+1,1))-1)+IF('Standard Profiles'!$G$18=$B$10,7,0)+IF('Standard Profiles'!$G$18=$B$17,14,0)+IF('Standard Profiles'!$G$18=$B$24,21,0),0)),0)</f>
        <v>6.1322835114503942</v>
      </c>
      <c r="E8313" cm="1">
        <f t="array" ref="E8313">IFERROR(INDEX(Jesper!AI$2:AI$366,ROUNDDOWN($C8313/24,0)+1,1)*INDEX($D$3:$AA$30,INDEX(Jesper!$R$2:$R$366,ROW(INDEX(Jesper!AI$2:AI$366,ROUNDDOWN($C8313/24,0)+1,1))-1)+IF('Standard Profiles'!$G$19=$B$10,7,0)+IF('Standard Profiles'!$G$19=$B$17,14,0)+IF('Standard Profiles'!$G$19=$B$24,21,0),MOD($C8313,24)+1)/SUM(INDEX($D$3:$AA$30,INDEX(Jesper!$R$2:$R$366,ROW(INDEX(Jesper!AI$2:AI$366,ROUNDDOWN($C8313/24,0)+1,1))-1)+IF('Standard Profiles'!$G$19=$B$10,7,0)+IF('Standard Profiles'!$G$19=$B$17,14,0)+IF('Standard Profiles'!$G$19=$B$24,21,0),0)),0)</f>
        <v>7.1513710877977195</v>
      </c>
      <c r="F8313" cm="1">
        <f t="array" ref="F8313">IFERROR(INDEX(Jesper!AJ$2:AJ$366,ROUNDDOWN($C8313/24,0)+1,1)*INDEX($D$3:$AA$30,INDEX(Jesper!$R$2:$R$366,ROW(INDEX(Jesper!AJ$2:AJ$366,ROUNDDOWN($C8313/24,0)+1,1))-1)+IF('Standard Profiles'!$G$20=$B$10,7,0)+IF('Standard Profiles'!$G$20=$B$17,14,0)+IF('Standard Profiles'!$G$20=$B$24,21,0),MOD($C8313,24)+1)/SUM(INDEX($D$3:$AA$30,INDEX(Jesper!$R$2:$R$366,ROW(INDEX(Jesper!AJ$2:AJ$366,ROUNDDOWN($C8313/24,0)+1,1))-1)+IF('Standard Profiles'!$G$20=$B$10,7,0)+IF('Standard Profiles'!$G$20=$B$17,14,0)+IF('Standard Profiles'!$G$20=$B$24,21,0),0)),0)</f>
        <v>0</v>
      </c>
      <c r="G8313" cm="1">
        <f t="array" ref="G8313">IFERROR(INDEX(Jesper!AK$2:AK$366,ROUNDDOWN($C8313/24,0)+1,1)*INDEX($D$3:$AA$30,INDEX(Jesper!$R$2:$R$366,ROW(INDEX(Jesper!AK$2:AK$366,ROUNDDOWN($C8313/24,0)+1,1))-1)+IF('Standard Profiles'!$G$21=$B$10,7,0)+IF('Standard Profiles'!$G$21=$B$17,14,0)+IF('Standard Profiles'!$G$21=$B$24,21,0),MOD($C8313,24)+1)/SUM(INDEX($D$3:$AA$30,INDEX(Jesper!$R$2:$R$366,ROW(INDEX(Jesper!AK$2:AK$366,ROUNDDOWN($C8313/24,0)+1,1))-1)+IF('Standard Profiles'!$G$21=$B$10,7,0)+IF('Standard Profiles'!$G$21=$B$17,14,0)+IF('Standard Profiles'!$G$21=$B$24,21,0),0)),0)</f>
        <v>8.971499992979739</v>
      </c>
      <c r="H8313" cm="1">
        <f t="array" ref="H8313">IFERROR(INDEX(Jesper!AL$2:AL$366,ROUNDDOWN($C8313/24,0)+1,1)*INDEX($D$3:$AA$30,INDEX(Jesper!$R$2:$R$366,ROW(INDEX(Jesper!AL$2:AL$366,ROUNDDOWN($C8313/24,0)+1,1))-1)+IF('Standard Profiles'!$G$22=$B$10,7,0)+IF('Standard Profiles'!$G$22=$B$17,14,0)+IF('Standard Profiles'!$G$22=$B$24,21,0),MOD($C8313,24)+1)/SUM(INDEX($D$3:$AA$30,INDEX(Jesper!$R$2:$R$366,ROW(INDEX(Jesper!AL$2:AL$366,ROUNDDOWN($C8313/24,0)+1,1))-1)+IF('Standard Profiles'!$G$22=$B$10,7,0)+IF('Standard Profiles'!$G$22=$B$17,14,0)+IF('Standard Profiles'!$G$22=$B$24,21,0),0)),0)</f>
        <v>0</v>
      </c>
      <c r="I8313">
        <f t="shared" si="923"/>
        <v>4.3063199966302728</v>
      </c>
      <c r="J8313">
        <f t="shared" si="924"/>
        <v>16.967669233765516</v>
      </c>
      <c r="K8313">
        <f t="shared" si="925"/>
        <v>0.6541102412213754</v>
      </c>
      <c r="L8313">
        <f t="shared" si="926"/>
        <v>0.3270551206106877</v>
      </c>
      <c r="M8313">
        <f t="shared" si="927"/>
        <v>0</v>
      </c>
      <c r="N8313" s="45">
        <f t="shared" si="928"/>
        <v>45271.958333313254</v>
      </c>
    </row>
    <row r="8314" spans="2:14" x14ac:dyDescent="0.25">
      <c r="B8314">
        <f t="shared" si="922"/>
        <v>2</v>
      </c>
      <c r="C8314" s="16">
        <v>8280</v>
      </c>
      <c r="D8314" cm="1">
        <f t="array" ref="D8314">IFERROR(INDEX(Jesper!AH$2:AH$366,ROUNDDOWN($C8314/24,0)+1,1)*INDEX($D$3:$AA$30,INDEX(Jesper!$R$2:$R$366,ROW(INDEX(Jesper!AH$2:AH$366,ROUNDDOWN($C8314/24,0)+1,1))-1)+IF('Standard Profiles'!$G$18=$B$10,7,0)+IF('Standard Profiles'!$G$18=$B$17,14,0)+IF('Standard Profiles'!$G$18=$B$24,21,0),MOD($C8314,24)+1)/SUM(INDEX($D$3:$AA$30,INDEX(Jesper!$R$2:$R$366,ROW(INDEX(Jesper!AH$2:AH$366,ROUNDDOWN($C8314/24,0)+1,1))-1)+IF('Standard Profiles'!$G$18=$B$10,7,0)+IF('Standard Profiles'!$G$18=$B$17,14,0)+IF('Standard Profiles'!$G$18=$B$24,21,0),0)),0)</f>
        <v>3.8115906207009065</v>
      </c>
      <c r="E8314" cm="1">
        <f t="array" ref="E8314">IFERROR(INDEX(Jesper!AI$2:AI$366,ROUNDDOWN($C8314/24,0)+1,1)*INDEX($D$3:$AA$30,INDEX(Jesper!$R$2:$R$366,ROW(INDEX(Jesper!AI$2:AI$366,ROUNDDOWN($C8314/24,0)+1,1))-1)+IF('Standard Profiles'!$G$19=$B$10,7,0)+IF('Standard Profiles'!$G$19=$B$17,14,0)+IF('Standard Profiles'!$G$19=$B$24,21,0),MOD($C8314,24)+1)/SUM(INDEX($D$3:$AA$30,INDEX(Jesper!$R$2:$R$366,ROW(INDEX(Jesper!AI$2:AI$366,ROUNDDOWN($C8314/24,0)+1,1))-1)+IF('Standard Profiles'!$G$19=$B$10,7,0)+IF('Standard Profiles'!$G$19=$B$17,14,0)+IF('Standard Profiles'!$G$19=$B$24,21,0),0)),0)</f>
        <v>3.7738789043755143</v>
      </c>
      <c r="F8314" cm="1">
        <f t="array" ref="F8314">IFERROR(INDEX(Jesper!AJ$2:AJ$366,ROUNDDOWN($C8314/24,0)+1,1)*INDEX($D$3:$AA$30,INDEX(Jesper!$R$2:$R$366,ROW(INDEX(Jesper!AJ$2:AJ$366,ROUNDDOWN($C8314/24,0)+1,1))-1)+IF('Standard Profiles'!$G$20=$B$10,7,0)+IF('Standard Profiles'!$G$20=$B$17,14,0)+IF('Standard Profiles'!$G$20=$B$24,21,0),MOD($C8314,24)+1)/SUM(INDEX($D$3:$AA$30,INDEX(Jesper!$R$2:$R$366,ROW(INDEX(Jesper!AJ$2:AJ$366,ROUNDDOWN($C8314/24,0)+1,1))-1)+IF('Standard Profiles'!$G$20=$B$10,7,0)+IF('Standard Profiles'!$G$20=$B$17,14,0)+IF('Standard Profiles'!$G$20=$B$24,21,0),0)),0)</f>
        <v>0</v>
      </c>
      <c r="G8314" cm="1">
        <f t="array" ref="G8314">IFERROR(INDEX(Jesper!AK$2:AK$366,ROUNDDOWN($C8314/24,0)+1,1)*INDEX($D$3:$AA$30,INDEX(Jesper!$R$2:$R$366,ROW(INDEX(Jesper!AK$2:AK$366,ROUNDDOWN($C8314/24,0)+1,1))-1)+IF('Standard Profiles'!$G$21=$B$10,7,0)+IF('Standard Profiles'!$G$21=$B$17,14,0)+IF('Standard Profiles'!$G$21=$B$24,21,0),MOD($C8314,24)+1)/SUM(INDEX($D$3:$AA$30,INDEX(Jesper!$R$2:$R$366,ROW(INDEX(Jesper!AK$2:AK$366,ROUNDDOWN($C8314/24,0)+1,1))-1)+IF('Standard Profiles'!$G$21=$B$10,7,0)+IF('Standard Profiles'!$G$21=$B$17,14,0)+IF('Standard Profiles'!$G$21=$B$24,21,0),0)),0)</f>
        <v>5.3708666449971227</v>
      </c>
      <c r="H8314" cm="1">
        <f t="array" ref="H8314">IFERROR(INDEX(Jesper!AL$2:AL$366,ROUNDDOWN($C8314/24,0)+1,1)*INDEX($D$3:$AA$30,INDEX(Jesper!$R$2:$R$366,ROW(INDEX(Jesper!AL$2:AL$366,ROUNDDOWN($C8314/24,0)+1,1))-1)+IF('Standard Profiles'!$G$22=$B$10,7,0)+IF('Standard Profiles'!$G$22=$B$17,14,0)+IF('Standard Profiles'!$G$22=$B$24,21,0),MOD($C8314,24)+1)/SUM(INDEX($D$3:$AA$30,INDEX(Jesper!$R$2:$R$366,ROW(INDEX(Jesper!AL$2:AL$366,ROUNDDOWN($C8314/24,0)+1,1))-1)+IF('Standard Profiles'!$G$22=$B$10,7,0)+IF('Standard Profiles'!$G$22=$B$17,14,0)+IF('Standard Profiles'!$G$22=$B$24,21,0),0)),0)</f>
        <v>0</v>
      </c>
      <c r="I8314">
        <f t="shared" si="923"/>
        <v>2.5780159895986174</v>
      </c>
      <c r="J8314">
        <f t="shared" si="924"/>
        <v>9.7684656811627804</v>
      </c>
      <c r="K8314">
        <f t="shared" si="925"/>
        <v>0.4065696662080967</v>
      </c>
      <c r="L8314">
        <f t="shared" si="926"/>
        <v>0.20328483310404835</v>
      </c>
      <c r="M8314">
        <f t="shared" si="927"/>
        <v>0</v>
      </c>
      <c r="N8314" s="45">
        <f t="shared" si="928"/>
        <v>45271.999999979918</v>
      </c>
    </row>
    <row r="8315" spans="2:14" x14ac:dyDescent="0.25">
      <c r="B8315">
        <f t="shared" si="922"/>
        <v>2</v>
      </c>
      <c r="C8315" s="16">
        <v>8281</v>
      </c>
      <c r="D8315" cm="1">
        <f t="array" ref="D8315">IFERROR(INDEX(Jesper!AH$2:AH$366,ROUNDDOWN($C8315/24,0)+1,1)*INDEX($D$3:$AA$30,INDEX(Jesper!$R$2:$R$366,ROW(INDEX(Jesper!AH$2:AH$366,ROUNDDOWN($C8315/24,0)+1,1))-1)+IF('Standard Profiles'!$G$18=$B$10,7,0)+IF('Standard Profiles'!$G$18=$B$17,14,0)+IF('Standard Profiles'!$G$18=$B$24,21,0),MOD($C8315,24)+1)/SUM(INDEX($D$3:$AA$30,INDEX(Jesper!$R$2:$R$366,ROW(INDEX(Jesper!AH$2:AH$366,ROUNDDOWN($C8315/24,0)+1,1))-1)+IF('Standard Profiles'!$G$18=$B$10,7,0)+IF('Standard Profiles'!$G$18=$B$17,14,0)+IF('Standard Profiles'!$G$18=$B$24,21,0),0)),0)</f>
        <v>5.8081380886870964</v>
      </c>
      <c r="E8315" cm="1">
        <f t="array" ref="E8315">IFERROR(INDEX(Jesper!AI$2:AI$366,ROUNDDOWN($C8315/24,0)+1,1)*INDEX($D$3:$AA$30,INDEX(Jesper!$R$2:$R$366,ROW(INDEX(Jesper!AI$2:AI$366,ROUNDDOWN($C8315/24,0)+1,1))-1)+IF('Standard Profiles'!$G$19=$B$10,7,0)+IF('Standard Profiles'!$G$19=$B$17,14,0)+IF('Standard Profiles'!$G$19=$B$24,21,0),MOD($C8315,24)+1)/SUM(INDEX($D$3:$AA$30,INDEX(Jesper!$R$2:$R$366,ROW(INDEX(Jesper!AI$2:AI$366,ROUNDDOWN($C8315/24,0)+1,1))-1)+IF('Standard Profiles'!$G$19=$B$10,7,0)+IF('Standard Profiles'!$G$19=$B$17,14,0)+IF('Standard Profiles'!$G$19=$B$24,21,0),0)),0)</f>
        <v>5.7506726161912605</v>
      </c>
      <c r="F8315" cm="1">
        <f t="array" ref="F8315">IFERROR(INDEX(Jesper!AJ$2:AJ$366,ROUNDDOWN($C8315/24,0)+1,1)*INDEX($D$3:$AA$30,INDEX(Jesper!$R$2:$R$366,ROW(INDEX(Jesper!AJ$2:AJ$366,ROUNDDOWN($C8315/24,0)+1,1))-1)+IF('Standard Profiles'!$G$20=$B$10,7,0)+IF('Standard Profiles'!$G$20=$B$17,14,0)+IF('Standard Profiles'!$G$20=$B$24,21,0),MOD($C8315,24)+1)/SUM(INDEX($D$3:$AA$30,INDEX(Jesper!$R$2:$R$366,ROW(INDEX(Jesper!AJ$2:AJ$366,ROUNDDOWN($C8315/24,0)+1,1))-1)+IF('Standard Profiles'!$G$20=$B$10,7,0)+IF('Standard Profiles'!$G$20=$B$17,14,0)+IF('Standard Profiles'!$G$20=$B$24,21,0),0)),0)</f>
        <v>0</v>
      </c>
      <c r="G8315" cm="1">
        <f t="array" ref="G8315">IFERROR(INDEX(Jesper!AK$2:AK$366,ROUNDDOWN($C8315/24,0)+1,1)*INDEX($D$3:$AA$30,INDEX(Jesper!$R$2:$R$366,ROW(INDEX(Jesper!AK$2:AK$366,ROUNDDOWN($C8315/24,0)+1,1))-1)+IF('Standard Profiles'!$G$21=$B$10,7,0)+IF('Standard Profiles'!$G$21=$B$17,14,0)+IF('Standard Profiles'!$G$21=$B$24,21,0),MOD($C8315,24)+1)/SUM(INDEX($D$3:$AA$30,INDEX(Jesper!$R$2:$R$366,ROW(INDEX(Jesper!AK$2:AK$366,ROUNDDOWN($C8315/24,0)+1,1))-1)+IF('Standard Profiles'!$G$21=$B$10,7,0)+IF('Standard Profiles'!$G$21=$B$17,14,0)+IF('Standard Profiles'!$G$21=$B$24,21,0),0)),0)</f>
        <v>5.3708666449971227</v>
      </c>
      <c r="H8315" cm="1">
        <f t="array" ref="H8315">IFERROR(INDEX(Jesper!AL$2:AL$366,ROUNDDOWN($C8315/24,0)+1,1)*INDEX($D$3:$AA$30,INDEX(Jesper!$R$2:$R$366,ROW(INDEX(Jesper!AL$2:AL$366,ROUNDDOWN($C8315/24,0)+1,1))-1)+IF('Standard Profiles'!$G$22=$B$10,7,0)+IF('Standard Profiles'!$G$22=$B$17,14,0)+IF('Standard Profiles'!$G$22=$B$24,21,0),MOD($C8315,24)+1)/SUM(INDEX($D$3:$AA$30,INDEX(Jesper!$R$2:$R$366,ROW(INDEX(Jesper!AL$2:AL$366,ROUNDDOWN($C8315/24,0)+1,1))-1)+IF('Standard Profiles'!$G$22=$B$10,7,0)+IF('Standard Profiles'!$G$22=$B$17,14,0)+IF('Standard Profiles'!$G$22=$B$24,21,0),0)),0)</f>
        <v>0</v>
      </c>
      <c r="I8315">
        <f t="shared" si="923"/>
        <v>2.5780159895986174</v>
      </c>
      <c r="J8315">
        <f t="shared" si="924"/>
        <v>13.422359266086927</v>
      </c>
      <c r="K8315">
        <f t="shared" si="925"/>
        <v>0.61953472945995702</v>
      </c>
      <c r="L8315">
        <f t="shared" si="926"/>
        <v>0.30976736472997851</v>
      </c>
      <c r="M8315">
        <f t="shared" si="927"/>
        <v>0</v>
      </c>
      <c r="N8315" s="45">
        <f t="shared" si="928"/>
        <v>45272.041666646583</v>
      </c>
    </row>
    <row r="8316" spans="2:14" x14ac:dyDescent="0.25">
      <c r="B8316">
        <f t="shared" si="922"/>
        <v>2</v>
      </c>
      <c r="C8316" s="16">
        <v>8282</v>
      </c>
      <c r="D8316" cm="1">
        <f t="array" ref="D8316">IFERROR(INDEX(Jesper!AH$2:AH$366,ROUNDDOWN($C8316/24,0)+1,1)*INDEX($D$3:$AA$30,INDEX(Jesper!$R$2:$R$366,ROW(INDEX(Jesper!AH$2:AH$366,ROUNDDOWN($C8316/24,0)+1,1))-1)+IF('Standard Profiles'!$G$18=$B$10,7,0)+IF('Standard Profiles'!$G$18=$B$17,14,0)+IF('Standard Profiles'!$G$18=$B$24,21,0),MOD($C8316,24)+1)/SUM(INDEX($D$3:$AA$30,INDEX(Jesper!$R$2:$R$366,ROW(INDEX(Jesper!AH$2:AH$366,ROUNDDOWN($C8316/24,0)+1,1))-1)+IF('Standard Profiles'!$G$18=$B$10,7,0)+IF('Standard Profiles'!$G$18=$B$17,14,0)+IF('Standard Profiles'!$G$18=$B$24,21,0),0)),0)</f>
        <v>5.8081380886870964</v>
      </c>
      <c r="E8316" cm="1">
        <f t="array" ref="E8316">IFERROR(INDEX(Jesper!AI$2:AI$366,ROUNDDOWN($C8316/24,0)+1,1)*INDEX($D$3:$AA$30,INDEX(Jesper!$R$2:$R$366,ROW(INDEX(Jesper!AI$2:AI$366,ROUNDDOWN($C8316/24,0)+1,1))-1)+IF('Standard Profiles'!$G$19=$B$10,7,0)+IF('Standard Profiles'!$G$19=$B$17,14,0)+IF('Standard Profiles'!$G$19=$B$24,21,0),MOD($C8316,24)+1)/SUM(INDEX($D$3:$AA$30,INDEX(Jesper!$R$2:$R$366,ROW(INDEX(Jesper!AI$2:AI$366,ROUNDDOWN($C8316/24,0)+1,1))-1)+IF('Standard Profiles'!$G$19=$B$10,7,0)+IF('Standard Profiles'!$G$19=$B$17,14,0)+IF('Standard Profiles'!$G$19=$B$24,21,0),0)),0)</f>
        <v>5.7506726161912605</v>
      </c>
      <c r="F8316" cm="1">
        <f t="array" ref="F8316">IFERROR(INDEX(Jesper!AJ$2:AJ$366,ROUNDDOWN($C8316/24,0)+1,1)*INDEX($D$3:$AA$30,INDEX(Jesper!$R$2:$R$366,ROW(INDEX(Jesper!AJ$2:AJ$366,ROUNDDOWN($C8316/24,0)+1,1))-1)+IF('Standard Profiles'!$G$20=$B$10,7,0)+IF('Standard Profiles'!$G$20=$B$17,14,0)+IF('Standard Profiles'!$G$20=$B$24,21,0),MOD($C8316,24)+1)/SUM(INDEX($D$3:$AA$30,INDEX(Jesper!$R$2:$R$366,ROW(INDEX(Jesper!AJ$2:AJ$366,ROUNDDOWN($C8316/24,0)+1,1))-1)+IF('Standard Profiles'!$G$20=$B$10,7,0)+IF('Standard Profiles'!$G$20=$B$17,14,0)+IF('Standard Profiles'!$G$20=$B$24,21,0),0)),0)</f>
        <v>0</v>
      </c>
      <c r="G8316" cm="1">
        <f t="array" ref="G8316">IFERROR(INDEX(Jesper!AK$2:AK$366,ROUNDDOWN($C8316/24,0)+1,1)*INDEX($D$3:$AA$30,INDEX(Jesper!$R$2:$R$366,ROW(INDEX(Jesper!AK$2:AK$366,ROUNDDOWN($C8316/24,0)+1,1))-1)+IF('Standard Profiles'!$G$21=$B$10,7,0)+IF('Standard Profiles'!$G$21=$B$17,14,0)+IF('Standard Profiles'!$G$21=$B$24,21,0),MOD($C8316,24)+1)/SUM(INDEX($D$3:$AA$30,INDEX(Jesper!$R$2:$R$366,ROW(INDEX(Jesper!AK$2:AK$366,ROUNDDOWN($C8316/24,0)+1,1))-1)+IF('Standard Profiles'!$G$21=$B$10,7,0)+IF('Standard Profiles'!$G$21=$B$17,14,0)+IF('Standard Profiles'!$G$21=$B$24,21,0),0)),0)</f>
        <v>5.3708666449971227</v>
      </c>
      <c r="H8316" cm="1">
        <f t="array" ref="H8316">IFERROR(INDEX(Jesper!AL$2:AL$366,ROUNDDOWN($C8316/24,0)+1,1)*INDEX($D$3:$AA$30,INDEX(Jesper!$R$2:$R$366,ROW(INDEX(Jesper!AL$2:AL$366,ROUNDDOWN($C8316/24,0)+1,1))-1)+IF('Standard Profiles'!$G$22=$B$10,7,0)+IF('Standard Profiles'!$G$22=$B$17,14,0)+IF('Standard Profiles'!$G$22=$B$24,21,0),MOD($C8316,24)+1)/SUM(INDEX($D$3:$AA$30,INDEX(Jesper!$R$2:$R$366,ROW(INDEX(Jesper!AL$2:AL$366,ROUNDDOWN($C8316/24,0)+1,1))-1)+IF('Standard Profiles'!$G$22=$B$10,7,0)+IF('Standard Profiles'!$G$22=$B$17,14,0)+IF('Standard Profiles'!$G$22=$B$24,21,0),0)),0)</f>
        <v>0</v>
      </c>
      <c r="I8316">
        <f t="shared" si="923"/>
        <v>2.5780159895986174</v>
      </c>
      <c r="J8316">
        <f t="shared" si="924"/>
        <v>13.422359266086927</v>
      </c>
      <c r="K8316">
        <f t="shared" si="925"/>
        <v>0.61953472945995702</v>
      </c>
      <c r="L8316">
        <f t="shared" si="926"/>
        <v>0.30976736472997851</v>
      </c>
      <c r="M8316">
        <f t="shared" si="927"/>
        <v>0</v>
      </c>
      <c r="N8316" s="45">
        <f t="shared" si="928"/>
        <v>45272.083333313247</v>
      </c>
    </row>
    <row r="8317" spans="2:14" x14ac:dyDescent="0.25">
      <c r="B8317">
        <f t="shared" si="922"/>
        <v>2</v>
      </c>
      <c r="C8317" s="16">
        <v>8283</v>
      </c>
      <c r="D8317" cm="1">
        <f t="array" ref="D8317">IFERROR(INDEX(Jesper!AH$2:AH$366,ROUNDDOWN($C8317/24,0)+1,1)*INDEX($D$3:$AA$30,INDEX(Jesper!$R$2:$R$366,ROW(INDEX(Jesper!AH$2:AH$366,ROUNDDOWN($C8317/24,0)+1,1))-1)+IF('Standard Profiles'!$G$18=$B$10,7,0)+IF('Standard Profiles'!$G$18=$B$17,14,0)+IF('Standard Profiles'!$G$18=$B$24,21,0),MOD($C8317,24)+1)/SUM(INDEX($D$3:$AA$30,INDEX(Jesper!$R$2:$R$366,ROW(INDEX(Jesper!AH$2:AH$366,ROUNDDOWN($C8317/24,0)+1,1))-1)+IF('Standard Profiles'!$G$18=$B$10,7,0)+IF('Standard Profiles'!$G$18=$B$17,14,0)+IF('Standard Profiles'!$G$18=$B$24,21,0),0)),0)</f>
        <v>5.8081380886870964</v>
      </c>
      <c r="E8317" cm="1">
        <f t="array" ref="E8317">IFERROR(INDEX(Jesper!AI$2:AI$366,ROUNDDOWN($C8317/24,0)+1,1)*INDEX($D$3:$AA$30,INDEX(Jesper!$R$2:$R$366,ROW(INDEX(Jesper!AI$2:AI$366,ROUNDDOWN($C8317/24,0)+1,1))-1)+IF('Standard Profiles'!$G$19=$B$10,7,0)+IF('Standard Profiles'!$G$19=$B$17,14,0)+IF('Standard Profiles'!$G$19=$B$24,21,0),MOD($C8317,24)+1)/SUM(INDEX($D$3:$AA$30,INDEX(Jesper!$R$2:$R$366,ROW(INDEX(Jesper!AI$2:AI$366,ROUNDDOWN($C8317/24,0)+1,1))-1)+IF('Standard Profiles'!$G$19=$B$10,7,0)+IF('Standard Profiles'!$G$19=$B$17,14,0)+IF('Standard Profiles'!$G$19=$B$24,21,0),0)),0)</f>
        <v>5.7506726161912605</v>
      </c>
      <c r="F8317" cm="1">
        <f t="array" ref="F8317">IFERROR(INDEX(Jesper!AJ$2:AJ$366,ROUNDDOWN($C8317/24,0)+1,1)*INDEX($D$3:$AA$30,INDEX(Jesper!$R$2:$R$366,ROW(INDEX(Jesper!AJ$2:AJ$366,ROUNDDOWN($C8317/24,0)+1,1))-1)+IF('Standard Profiles'!$G$20=$B$10,7,0)+IF('Standard Profiles'!$G$20=$B$17,14,0)+IF('Standard Profiles'!$G$20=$B$24,21,0),MOD($C8317,24)+1)/SUM(INDEX($D$3:$AA$30,INDEX(Jesper!$R$2:$R$366,ROW(INDEX(Jesper!AJ$2:AJ$366,ROUNDDOWN($C8317/24,0)+1,1))-1)+IF('Standard Profiles'!$G$20=$B$10,7,0)+IF('Standard Profiles'!$G$20=$B$17,14,0)+IF('Standard Profiles'!$G$20=$B$24,21,0),0)),0)</f>
        <v>0</v>
      </c>
      <c r="G8317" cm="1">
        <f t="array" ref="G8317">IFERROR(INDEX(Jesper!AK$2:AK$366,ROUNDDOWN($C8317/24,0)+1,1)*INDEX($D$3:$AA$30,INDEX(Jesper!$R$2:$R$366,ROW(INDEX(Jesper!AK$2:AK$366,ROUNDDOWN($C8317/24,0)+1,1))-1)+IF('Standard Profiles'!$G$21=$B$10,7,0)+IF('Standard Profiles'!$G$21=$B$17,14,0)+IF('Standard Profiles'!$G$21=$B$24,21,0),MOD($C8317,24)+1)/SUM(INDEX($D$3:$AA$30,INDEX(Jesper!$R$2:$R$366,ROW(INDEX(Jesper!AK$2:AK$366,ROUNDDOWN($C8317/24,0)+1,1))-1)+IF('Standard Profiles'!$G$21=$B$10,7,0)+IF('Standard Profiles'!$G$21=$B$17,14,0)+IF('Standard Profiles'!$G$21=$B$24,21,0),0)),0)</f>
        <v>5.3708666449971227</v>
      </c>
      <c r="H8317" cm="1">
        <f t="array" ref="H8317">IFERROR(INDEX(Jesper!AL$2:AL$366,ROUNDDOWN($C8317/24,0)+1,1)*INDEX($D$3:$AA$30,INDEX(Jesper!$R$2:$R$366,ROW(INDEX(Jesper!AL$2:AL$366,ROUNDDOWN($C8317/24,0)+1,1))-1)+IF('Standard Profiles'!$G$22=$B$10,7,0)+IF('Standard Profiles'!$G$22=$B$17,14,0)+IF('Standard Profiles'!$G$22=$B$24,21,0),MOD($C8317,24)+1)/SUM(INDEX($D$3:$AA$30,INDEX(Jesper!$R$2:$R$366,ROW(INDEX(Jesper!AL$2:AL$366,ROUNDDOWN($C8317/24,0)+1,1))-1)+IF('Standard Profiles'!$G$22=$B$10,7,0)+IF('Standard Profiles'!$G$22=$B$17,14,0)+IF('Standard Profiles'!$G$22=$B$24,21,0),0)),0)</f>
        <v>0</v>
      </c>
      <c r="I8317">
        <f t="shared" si="923"/>
        <v>2.5780159895986174</v>
      </c>
      <c r="J8317">
        <f t="shared" si="924"/>
        <v>13.422359266086927</v>
      </c>
      <c r="K8317">
        <f t="shared" si="925"/>
        <v>0.61953472945995702</v>
      </c>
      <c r="L8317">
        <f t="shared" si="926"/>
        <v>0.30976736472997851</v>
      </c>
      <c r="M8317">
        <f t="shared" si="927"/>
        <v>0</v>
      </c>
      <c r="N8317" s="45">
        <f t="shared" si="928"/>
        <v>45272.124999979911</v>
      </c>
    </row>
    <row r="8318" spans="2:14" x14ac:dyDescent="0.25">
      <c r="B8318">
        <f t="shared" si="922"/>
        <v>2</v>
      </c>
      <c r="C8318" s="16">
        <v>8284</v>
      </c>
      <c r="D8318" cm="1">
        <f t="array" ref="D8318">IFERROR(INDEX(Jesper!AH$2:AH$366,ROUNDDOWN($C8318/24,0)+1,1)*INDEX($D$3:$AA$30,INDEX(Jesper!$R$2:$R$366,ROW(INDEX(Jesper!AH$2:AH$366,ROUNDDOWN($C8318/24,0)+1,1))-1)+IF('Standard Profiles'!$G$18=$B$10,7,0)+IF('Standard Profiles'!$G$18=$B$17,14,0)+IF('Standard Profiles'!$G$18=$B$24,21,0),MOD($C8318,24)+1)/SUM(INDEX($D$3:$AA$30,INDEX(Jesper!$R$2:$R$366,ROW(INDEX(Jesper!AH$2:AH$366,ROUNDDOWN($C8318/24,0)+1,1))-1)+IF('Standard Profiles'!$G$18=$B$10,7,0)+IF('Standard Profiles'!$G$18=$B$17,14,0)+IF('Standard Profiles'!$G$18=$B$24,21,0),0)),0)</f>
        <v>5.8081380886870964</v>
      </c>
      <c r="E8318" cm="1">
        <f t="array" ref="E8318">IFERROR(INDEX(Jesper!AI$2:AI$366,ROUNDDOWN($C8318/24,0)+1,1)*INDEX($D$3:$AA$30,INDEX(Jesper!$R$2:$R$366,ROW(INDEX(Jesper!AI$2:AI$366,ROUNDDOWN($C8318/24,0)+1,1))-1)+IF('Standard Profiles'!$G$19=$B$10,7,0)+IF('Standard Profiles'!$G$19=$B$17,14,0)+IF('Standard Profiles'!$G$19=$B$24,21,0),MOD($C8318,24)+1)/SUM(INDEX($D$3:$AA$30,INDEX(Jesper!$R$2:$R$366,ROW(INDEX(Jesper!AI$2:AI$366,ROUNDDOWN($C8318/24,0)+1,1))-1)+IF('Standard Profiles'!$G$19=$B$10,7,0)+IF('Standard Profiles'!$G$19=$B$17,14,0)+IF('Standard Profiles'!$G$19=$B$24,21,0),0)),0)</f>
        <v>5.7506726161912605</v>
      </c>
      <c r="F8318" cm="1">
        <f t="array" ref="F8318">IFERROR(INDEX(Jesper!AJ$2:AJ$366,ROUNDDOWN($C8318/24,0)+1,1)*INDEX($D$3:$AA$30,INDEX(Jesper!$R$2:$R$366,ROW(INDEX(Jesper!AJ$2:AJ$366,ROUNDDOWN($C8318/24,0)+1,1))-1)+IF('Standard Profiles'!$G$20=$B$10,7,0)+IF('Standard Profiles'!$G$20=$B$17,14,0)+IF('Standard Profiles'!$G$20=$B$24,21,0),MOD($C8318,24)+1)/SUM(INDEX($D$3:$AA$30,INDEX(Jesper!$R$2:$R$366,ROW(INDEX(Jesper!AJ$2:AJ$366,ROUNDDOWN($C8318/24,0)+1,1))-1)+IF('Standard Profiles'!$G$20=$B$10,7,0)+IF('Standard Profiles'!$G$20=$B$17,14,0)+IF('Standard Profiles'!$G$20=$B$24,21,0),0)),0)</f>
        <v>0</v>
      </c>
      <c r="G8318" cm="1">
        <f t="array" ref="G8318">IFERROR(INDEX(Jesper!AK$2:AK$366,ROUNDDOWN($C8318/24,0)+1,1)*INDEX($D$3:$AA$30,INDEX(Jesper!$R$2:$R$366,ROW(INDEX(Jesper!AK$2:AK$366,ROUNDDOWN($C8318/24,0)+1,1))-1)+IF('Standard Profiles'!$G$21=$B$10,7,0)+IF('Standard Profiles'!$G$21=$B$17,14,0)+IF('Standard Profiles'!$G$21=$B$24,21,0),MOD($C8318,24)+1)/SUM(INDEX($D$3:$AA$30,INDEX(Jesper!$R$2:$R$366,ROW(INDEX(Jesper!AK$2:AK$366,ROUNDDOWN($C8318/24,0)+1,1))-1)+IF('Standard Profiles'!$G$21=$B$10,7,0)+IF('Standard Profiles'!$G$21=$B$17,14,0)+IF('Standard Profiles'!$G$21=$B$24,21,0),0)),0)</f>
        <v>5.3708666449971227</v>
      </c>
      <c r="H8318" cm="1">
        <f t="array" ref="H8318">IFERROR(INDEX(Jesper!AL$2:AL$366,ROUNDDOWN($C8318/24,0)+1,1)*INDEX($D$3:$AA$30,INDEX(Jesper!$R$2:$R$366,ROW(INDEX(Jesper!AL$2:AL$366,ROUNDDOWN($C8318/24,0)+1,1))-1)+IF('Standard Profiles'!$G$22=$B$10,7,0)+IF('Standard Profiles'!$G$22=$B$17,14,0)+IF('Standard Profiles'!$G$22=$B$24,21,0),MOD($C8318,24)+1)/SUM(INDEX($D$3:$AA$30,INDEX(Jesper!$R$2:$R$366,ROW(INDEX(Jesper!AL$2:AL$366,ROUNDDOWN($C8318/24,0)+1,1))-1)+IF('Standard Profiles'!$G$22=$B$10,7,0)+IF('Standard Profiles'!$G$22=$B$17,14,0)+IF('Standard Profiles'!$G$22=$B$24,21,0),0)),0)</f>
        <v>0</v>
      </c>
      <c r="I8318">
        <f t="shared" si="923"/>
        <v>2.5780159895986174</v>
      </c>
      <c r="J8318">
        <f t="shared" si="924"/>
        <v>13.422359266086927</v>
      </c>
      <c r="K8318">
        <f t="shared" si="925"/>
        <v>0.61953472945995702</v>
      </c>
      <c r="L8318">
        <f t="shared" si="926"/>
        <v>0.30976736472997851</v>
      </c>
      <c r="M8318">
        <f t="shared" si="927"/>
        <v>0</v>
      </c>
      <c r="N8318" s="45">
        <f t="shared" si="928"/>
        <v>45272.166666646575</v>
      </c>
    </row>
    <row r="8319" spans="2:14" x14ac:dyDescent="0.25">
      <c r="B8319">
        <f t="shared" si="922"/>
        <v>2</v>
      </c>
      <c r="C8319" s="16">
        <v>8285</v>
      </c>
      <c r="D8319" cm="1">
        <f t="array" ref="D8319">IFERROR(INDEX(Jesper!AH$2:AH$366,ROUNDDOWN($C8319/24,0)+1,1)*INDEX($D$3:$AA$30,INDEX(Jesper!$R$2:$R$366,ROW(INDEX(Jesper!AH$2:AH$366,ROUNDDOWN($C8319/24,0)+1,1))-1)+IF('Standard Profiles'!$G$18=$B$10,7,0)+IF('Standard Profiles'!$G$18=$B$17,14,0)+IF('Standard Profiles'!$G$18=$B$24,21,0),MOD($C8319,24)+1)/SUM(INDEX($D$3:$AA$30,INDEX(Jesper!$R$2:$R$366,ROW(INDEX(Jesper!AH$2:AH$366,ROUNDDOWN($C8319/24,0)+1,1))-1)+IF('Standard Profiles'!$G$18=$B$10,7,0)+IF('Standard Profiles'!$G$18=$B$17,14,0)+IF('Standard Profiles'!$G$18=$B$24,21,0),0)),0)</f>
        <v>5.8081380886870964</v>
      </c>
      <c r="E8319" cm="1">
        <f t="array" ref="E8319">IFERROR(INDEX(Jesper!AI$2:AI$366,ROUNDDOWN($C8319/24,0)+1,1)*INDEX($D$3:$AA$30,INDEX(Jesper!$R$2:$R$366,ROW(INDEX(Jesper!AI$2:AI$366,ROUNDDOWN($C8319/24,0)+1,1))-1)+IF('Standard Profiles'!$G$19=$B$10,7,0)+IF('Standard Profiles'!$G$19=$B$17,14,0)+IF('Standard Profiles'!$G$19=$B$24,21,0),MOD($C8319,24)+1)/SUM(INDEX($D$3:$AA$30,INDEX(Jesper!$R$2:$R$366,ROW(INDEX(Jesper!AI$2:AI$366,ROUNDDOWN($C8319/24,0)+1,1))-1)+IF('Standard Profiles'!$G$19=$B$10,7,0)+IF('Standard Profiles'!$G$19=$B$17,14,0)+IF('Standard Profiles'!$G$19=$B$24,21,0),0)),0)</f>
        <v>5.7506726161912605</v>
      </c>
      <c r="F8319" cm="1">
        <f t="array" ref="F8319">IFERROR(INDEX(Jesper!AJ$2:AJ$366,ROUNDDOWN($C8319/24,0)+1,1)*INDEX($D$3:$AA$30,INDEX(Jesper!$R$2:$R$366,ROW(INDEX(Jesper!AJ$2:AJ$366,ROUNDDOWN($C8319/24,0)+1,1))-1)+IF('Standard Profiles'!$G$20=$B$10,7,0)+IF('Standard Profiles'!$G$20=$B$17,14,0)+IF('Standard Profiles'!$G$20=$B$24,21,0),MOD($C8319,24)+1)/SUM(INDEX($D$3:$AA$30,INDEX(Jesper!$R$2:$R$366,ROW(INDEX(Jesper!AJ$2:AJ$366,ROUNDDOWN($C8319/24,0)+1,1))-1)+IF('Standard Profiles'!$G$20=$B$10,7,0)+IF('Standard Profiles'!$G$20=$B$17,14,0)+IF('Standard Profiles'!$G$20=$B$24,21,0),0)),0)</f>
        <v>0</v>
      </c>
      <c r="G8319" cm="1">
        <f t="array" ref="G8319">IFERROR(INDEX(Jesper!AK$2:AK$366,ROUNDDOWN($C8319/24,0)+1,1)*INDEX($D$3:$AA$30,INDEX(Jesper!$R$2:$R$366,ROW(INDEX(Jesper!AK$2:AK$366,ROUNDDOWN($C8319/24,0)+1,1))-1)+IF('Standard Profiles'!$G$21=$B$10,7,0)+IF('Standard Profiles'!$G$21=$B$17,14,0)+IF('Standard Profiles'!$G$21=$B$24,21,0),MOD($C8319,24)+1)/SUM(INDEX($D$3:$AA$30,INDEX(Jesper!$R$2:$R$366,ROW(INDEX(Jesper!AK$2:AK$366,ROUNDDOWN($C8319/24,0)+1,1))-1)+IF('Standard Profiles'!$G$21=$B$10,7,0)+IF('Standard Profiles'!$G$21=$B$17,14,0)+IF('Standard Profiles'!$G$21=$B$24,21,0),0)),0)</f>
        <v>5.3708666449971227</v>
      </c>
      <c r="H8319" cm="1">
        <f t="array" ref="H8319">IFERROR(INDEX(Jesper!AL$2:AL$366,ROUNDDOWN($C8319/24,0)+1,1)*INDEX($D$3:$AA$30,INDEX(Jesper!$R$2:$R$366,ROW(INDEX(Jesper!AL$2:AL$366,ROUNDDOWN($C8319/24,0)+1,1))-1)+IF('Standard Profiles'!$G$22=$B$10,7,0)+IF('Standard Profiles'!$G$22=$B$17,14,0)+IF('Standard Profiles'!$G$22=$B$24,21,0),MOD($C8319,24)+1)/SUM(INDEX($D$3:$AA$30,INDEX(Jesper!$R$2:$R$366,ROW(INDEX(Jesper!AL$2:AL$366,ROUNDDOWN($C8319/24,0)+1,1))-1)+IF('Standard Profiles'!$G$22=$B$10,7,0)+IF('Standard Profiles'!$G$22=$B$17,14,0)+IF('Standard Profiles'!$G$22=$B$24,21,0),0)),0)</f>
        <v>0</v>
      </c>
      <c r="I8319">
        <f t="shared" si="923"/>
        <v>2.5780159895986174</v>
      </c>
      <c r="J8319">
        <f t="shared" si="924"/>
        <v>13.422359266086927</v>
      </c>
      <c r="K8319">
        <f t="shared" si="925"/>
        <v>0.61953472945995702</v>
      </c>
      <c r="L8319">
        <f t="shared" si="926"/>
        <v>0.30976736472997851</v>
      </c>
      <c r="M8319">
        <f t="shared" si="927"/>
        <v>0</v>
      </c>
      <c r="N8319" s="45">
        <f t="shared" si="928"/>
        <v>45272.20833331324</v>
      </c>
    </row>
    <row r="8320" spans="2:14" x14ac:dyDescent="0.25">
      <c r="B8320">
        <f t="shared" si="922"/>
        <v>2</v>
      </c>
      <c r="C8320" s="16">
        <v>8286</v>
      </c>
      <c r="D8320" cm="1">
        <f t="array" ref="D8320">IFERROR(INDEX(Jesper!AH$2:AH$366,ROUNDDOWN($C8320/24,0)+1,1)*INDEX($D$3:$AA$30,INDEX(Jesper!$R$2:$R$366,ROW(INDEX(Jesper!AH$2:AH$366,ROUNDDOWN($C8320/24,0)+1,1))-1)+IF('Standard Profiles'!$G$18=$B$10,7,0)+IF('Standard Profiles'!$G$18=$B$17,14,0)+IF('Standard Profiles'!$G$18=$B$24,21,0),MOD($C8320,24)+1)/SUM(INDEX($D$3:$AA$30,INDEX(Jesper!$R$2:$R$366,ROW(INDEX(Jesper!AH$2:AH$366,ROUNDDOWN($C8320/24,0)+1,1))-1)+IF('Standard Profiles'!$G$18=$B$10,7,0)+IF('Standard Profiles'!$G$18=$B$17,14,0)+IF('Standard Profiles'!$G$18=$B$24,21,0),0)),0)</f>
        <v>5.8081380886870964</v>
      </c>
      <c r="E8320" cm="1">
        <f t="array" ref="E8320">IFERROR(INDEX(Jesper!AI$2:AI$366,ROUNDDOWN($C8320/24,0)+1,1)*INDEX($D$3:$AA$30,INDEX(Jesper!$R$2:$R$366,ROW(INDEX(Jesper!AI$2:AI$366,ROUNDDOWN($C8320/24,0)+1,1))-1)+IF('Standard Profiles'!$G$19=$B$10,7,0)+IF('Standard Profiles'!$G$19=$B$17,14,0)+IF('Standard Profiles'!$G$19=$B$24,21,0),MOD($C8320,24)+1)/SUM(INDEX($D$3:$AA$30,INDEX(Jesper!$R$2:$R$366,ROW(INDEX(Jesper!AI$2:AI$366,ROUNDDOWN($C8320/24,0)+1,1))-1)+IF('Standard Profiles'!$G$19=$B$10,7,0)+IF('Standard Profiles'!$G$19=$B$17,14,0)+IF('Standard Profiles'!$G$19=$B$24,21,0),0)),0)</f>
        <v>5.7506726161912605</v>
      </c>
      <c r="F8320" cm="1">
        <f t="array" ref="F8320">IFERROR(INDEX(Jesper!AJ$2:AJ$366,ROUNDDOWN($C8320/24,0)+1,1)*INDEX($D$3:$AA$30,INDEX(Jesper!$R$2:$R$366,ROW(INDEX(Jesper!AJ$2:AJ$366,ROUNDDOWN($C8320/24,0)+1,1))-1)+IF('Standard Profiles'!$G$20=$B$10,7,0)+IF('Standard Profiles'!$G$20=$B$17,14,0)+IF('Standard Profiles'!$G$20=$B$24,21,0),MOD($C8320,24)+1)/SUM(INDEX($D$3:$AA$30,INDEX(Jesper!$R$2:$R$366,ROW(INDEX(Jesper!AJ$2:AJ$366,ROUNDDOWN($C8320/24,0)+1,1))-1)+IF('Standard Profiles'!$G$20=$B$10,7,0)+IF('Standard Profiles'!$G$20=$B$17,14,0)+IF('Standard Profiles'!$G$20=$B$24,21,0),0)),0)</f>
        <v>0</v>
      </c>
      <c r="G8320" cm="1">
        <f t="array" ref="G8320">IFERROR(INDEX(Jesper!AK$2:AK$366,ROUNDDOWN($C8320/24,0)+1,1)*INDEX($D$3:$AA$30,INDEX(Jesper!$R$2:$R$366,ROW(INDEX(Jesper!AK$2:AK$366,ROUNDDOWN($C8320/24,0)+1,1))-1)+IF('Standard Profiles'!$G$21=$B$10,7,0)+IF('Standard Profiles'!$G$21=$B$17,14,0)+IF('Standard Profiles'!$G$21=$B$24,21,0),MOD($C8320,24)+1)/SUM(INDEX($D$3:$AA$30,INDEX(Jesper!$R$2:$R$366,ROW(INDEX(Jesper!AK$2:AK$366,ROUNDDOWN($C8320/24,0)+1,1))-1)+IF('Standard Profiles'!$G$21=$B$10,7,0)+IF('Standard Profiles'!$G$21=$B$17,14,0)+IF('Standard Profiles'!$G$21=$B$24,21,0),0)),0)</f>
        <v>5.3708666449971227</v>
      </c>
      <c r="H8320" cm="1">
        <f t="array" ref="H8320">IFERROR(INDEX(Jesper!AL$2:AL$366,ROUNDDOWN($C8320/24,0)+1,1)*INDEX($D$3:$AA$30,INDEX(Jesper!$R$2:$R$366,ROW(INDEX(Jesper!AL$2:AL$366,ROUNDDOWN($C8320/24,0)+1,1))-1)+IF('Standard Profiles'!$G$22=$B$10,7,0)+IF('Standard Profiles'!$G$22=$B$17,14,0)+IF('Standard Profiles'!$G$22=$B$24,21,0),MOD($C8320,24)+1)/SUM(INDEX($D$3:$AA$30,INDEX(Jesper!$R$2:$R$366,ROW(INDEX(Jesper!AL$2:AL$366,ROUNDDOWN($C8320/24,0)+1,1))-1)+IF('Standard Profiles'!$G$22=$B$10,7,0)+IF('Standard Profiles'!$G$22=$B$17,14,0)+IF('Standard Profiles'!$G$22=$B$24,21,0),0)),0)</f>
        <v>0</v>
      </c>
      <c r="I8320">
        <f t="shared" si="923"/>
        <v>2.5780159895986174</v>
      </c>
      <c r="J8320">
        <f t="shared" si="924"/>
        <v>13.422359266086927</v>
      </c>
      <c r="K8320">
        <f t="shared" si="925"/>
        <v>0.61953472945995702</v>
      </c>
      <c r="L8320">
        <f t="shared" si="926"/>
        <v>0.30976736472997851</v>
      </c>
      <c r="M8320">
        <f t="shared" si="927"/>
        <v>0</v>
      </c>
      <c r="N8320" s="45">
        <f t="shared" si="928"/>
        <v>45272.249999979904</v>
      </c>
    </row>
    <row r="8321" spans="2:14" x14ac:dyDescent="0.25">
      <c r="B8321">
        <f t="shared" si="922"/>
        <v>2</v>
      </c>
      <c r="C8321" s="16">
        <v>8287</v>
      </c>
      <c r="D8321" cm="1">
        <f t="array" ref="D8321">IFERROR(INDEX(Jesper!AH$2:AH$366,ROUNDDOWN($C8321/24,0)+1,1)*INDEX($D$3:$AA$30,INDEX(Jesper!$R$2:$R$366,ROW(INDEX(Jesper!AH$2:AH$366,ROUNDDOWN($C8321/24,0)+1,1))-1)+IF('Standard Profiles'!$G$18=$B$10,7,0)+IF('Standard Profiles'!$G$18=$B$17,14,0)+IF('Standard Profiles'!$G$18=$B$24,21,0),MOD($C8321,24)+1)/SUM(INDEX($D$3:$AA$30,INDEX(Jesper!$R$2:$R$366,ROW(INDEX(Jesper!AH$2:AH$366,ROUNDDOWN($C8321/24,0)+1,1))-1)+IF('Standard Profiles'!$G$18=$B$10,7,0)+IF('Standard Profiles'!$G$18=$B$17,14,0)+IF('Standard Profiles'!$G$18=$B$24,21,0),0)),0)</f>
        <v>24.484932130121535</v>
      </c>
      <c r="E8321" cm="1">
        <f t="array" ref="E8321">IFERROR(INDEX(Jesper!AI$2:AI$366,ROUNDDOWN($C8321/24,0)+1,1)*INDEX($D$3:$AA$30,INDEX(Jesper!$R$2:$R$366,ROW(INDEX(Jesper!AI$2:AI$366,ROUNDDOWN($C8321/24,0)+1,1))-1)+IF('Standard Profiles'!$G$19=$B$10,7,0)+IF('Standard Profiles'!$G$19=$B$17,14,0)+IF('Standard Profiles'!$G$19=$B$24,21,0),MOD($C8321,24)+1)/SUM(INDEX($D$3:$AA$30,INDEX(Jesper!$R$2:$R$366,ROW(INDEX(Jesper!AI$2:AI$366,ROUNDDOWN($C8321/24,0)+1,1))-1)+IF('Standard Profiles'!$G$19=$B$10,7,0)+IF('Standard Profiles'!$G$19=$B$17,14,0)+IF('Standard Profiles'!$G$19=$B$24,21,0),0)),0)</f>
        <v>24.24267924763128</v>
      </c>
      <c r="F8321" cm="1">
        <f t="array" ref="F8321">IFERROR(INDEX(Jesper!AJ$2:AJ$366,ROUNDDOWN($C8321/24,0)+1,1)*INDEX($D$3:$AA$30,INDEX(Jesper!$R$2:$R$366,ROW(INDEX(Jesper!AJ$2:AJ$366,ROUNDDOWN($C8321/24,0)+1,1))-1)+IF('Standard Profiles'!$G$20=$B$10,7,0)+IF('Standard Profiles'!$G$20=$B$17,14,0)+IF('Standard Profiles'!$G$20=$B$24,21,0),MOD($C8321,24)+1)/SUM(INDEX($D$3:$AA$30,INDEX(Jesper!$R$2:$R$366,ROW(INDEX(Jesper!AJ$2:AJ$366,ROUNDDOWN($C8321/24,0)+1,1))-1)+IF('Standard Profiles'!$G$20=$B$10,7,0)+IF('Standard Profiles'!$G$20=$B$17,14,0)+IF('Standard Profiles'!$G$20=$B$24,21,0),0)),0)</f>
        <v>0</v>
      </c>
      <c r="G8321" cm="1">
        <f t="array" ref="G8321">IFERROR(INDEX(Jesper!AK$2:AK$366,ROUNDDOWN($C8321/24,0)+1,1)*INDEX($D$3:$AA$30,INDEX(Jesper!$R$2:$R$366,ROW(INDEX(Jesper!AK$2:AK$366,ROUNDDOWN($C8321/24,0)+1,1))-1)+IF('Standard Profiles'!$G$21=$B$10,7,0)+IF('Standard Profiles'!$G$21=$B$17,14,0)+IF('Standard Profiles'!$G$21=$B$24,21,0),MOD($C8321,24)+1)/SUM(INDEX($D$3:$AA$30,INDEX(Jesper!$R$2:$R$366,ROW(INDEX(Jesper!AK$2:AK$366,ROUNDDOWN($C8321/24,0)+1,1))-1)+IF('Standard Profiles'!$G$21=$B$10,7,0)+IF('Standard Profiles'!$G$21=$B$17,14,0)+IF('Standard Profiles'!$G$21=$B$24,21,0),0)),0)</f>
        <v>15.471561012846548</v>
      </c>
      <c r="H8321" cm="1">
        <f t="array" ref="H8321">IFERROR(INDEX(Jesper!AL$2:AL$366,ROUNDDOWN($C8321/24,0)+1,1)*INDEX($D$3:$AA$30,INDEX(Jesper!$R$2:$R$366,ROW(INDEX(Jesper!AL$2:AL$366,ROUNDDOWN($C8321/24,0)+1,1))-1)+IF('Standard Profiles'!$G$22=$B$10,7,0)+IF('Standard Profiles'!$G$22=$B$17,14,0)+IF('Standard Profiles'!$G$22=$B$24,21,0),MOD($C8321,24)+1)/SUM(INDEX($D$3:$AA$30,INDEX(Jesper!$R$2:$R$366,ROW(INDEX(Jesper!AL$2:AL$366,ROUNDDOWN($C8321/24,0)+1,1))-1)+IF('Standard Profiles'!$G$22=$B$10,7,0)+IF('Standard Profiles'!$G$22=$B$17,14,0)+IF('Standard Profiles'!$G$22=$B$24,21,0),0)),0)</f>
        <v>0</v>
      </c>
      <c r="I8321">
        <f t="shared" si="923"/>
        <v>7.4263492861663396</v>
      </c>
      <c r="J8321">
        <f t="shared" si="924"/>
        <v>52.855233963613571</v>
      </c>
      <c r="K8321">
        <f t="shared" si="925"/>
        <v>2.6117260938796307</v>
      </c>
      <c r="L8321">
        <f t="shared" si="926"/>
        <v>1.3058630469398154</v>
      </c>
      <c r="M8321">
        <f t="shared" si="927"/>
        <v>0</v>
      </c>
      <c r="N8321" s="45">
        <f t="shared" si="928"/>
        <v>45272.291666646568</v>
      </c>
    </row>
    <row r="8322" spans="2:14" x14ac:dyDescent="0.25">
      <c r="B8322">
        <f t="shared" si="922"/>
        <v>2</v>
      </c>
      <c r="C8322" s="16">
        <v>8288</v>
      </c>
      <c r="D8322" cm="1">
        <f t="array" ref="D8322">IFERROR(INDEX(Jesper!AH$2:AH$366,ROUNDDOWN($C8322/24,0)+1,1)*INDEX($D$3:$AA$30,INDEX(Jesper!$R$2:$R$366,ROW(INDEX(Jesper!AH$2:AH$366,ROUNDDOWN($C8322/24,0)+1,1))-1)+IF('Standard Profiles'!$G$18=$B$10,7,0)+IF('Standard Profiles'!$G$18=$B$17,14,0)+IF('Standard Profiles'!$G$18=$B$24,21,0),MOD($C8322,24)+1)/SUM(INDEX($D$3:$AA$30,INDEX(Jesper!$R$2:$R$366,ROW(INDEX(Jesper!AH$2:AH$366,ROUNDDOWN($C8322/24,0)+1,1))-1)+IF('Standard Profiles'!$G$18=$B$10,7,0)+IF('Standard Profiles'!$G$18=$B$17,14,0)+IF('Standard Profiles'!$G$18=$B$24,21,0),0)),0)</f>
        <v>27.320029534661927</v>
      </c>
      <c r="E8322" cm="1">
        <f t="array" ref="E8322">IFERROR(INDEX(Jesper!AI$2:AI$366,ROUNDDOWN($C8322/24,0)+1,1)*INDEX($D$3:$AA$30,INDEX(Jesper!$R$2:$R$366,ROW(INDEX(Jesper!AI$2:AI$366,ROUNDDOWN($C8322/24,0)+1,1))-1)+IF('Standard Profiles'!$G$19=$B$10,7,0)+IF('Standard Profiles'!$G$19=$B$17,14,0)+IF('Standard Profiles'!$G$19=$B$24,21,0),MOD($C8322,24)+1)/SUM(INDEX($D$3:$AA$30,INDEX(Jesper!$R$2:$R$366,ROW(INDEX(Jesper!AI$2:AI$366,ROUNDDOWN($C8322/24,0)+1,1))-1)+IF('Standard Profiles'!$G$19=$B$10,7,0)+IF('Standard Profiles'!$G$19=$B$17,14,0)+IF('Standard Profiles'!$G$19=$B$24,21,0),0)),0)</f>
        <v>27.04972631840964</v>
      </c>
      <c r="F8322" cm="1">
        <f t="array" ref="F8322">IFERROR(INDEX(Jesper!AJ$2:AJ$366,ROUNDDOWN($C8322/24,0)+1,1)*INDEX($D$3:$AA$30,INDEX(Jesper!$R$2:$R$366,ROW(INDEX(Jesper!AJ$2:AJ$366,ROUNDDOWN($C8322/24,0)+1,1))-1)+IF('Standard Profiles'!$G$20=$B$10,7,0)+IF('Standard Profiles'!$G$20=$B$17,14,0)+IF('Standard Profiles'!$G$20=$B$24,21,0),MOD($C8322,24)+1)/SUM(INDEX($D$3:$AA$30,INDEX(Jesper!$R$2:$R$366,ROW(INDEX(Jesper!AJ$2:AJ$366,ROUNDDOWN($C8322/24,0)+1,1))-1)+IF('Standard Profiles'!$G$20=$B$10,7,0)+IF('Standard Profiles'!$G$20=$B$17,14,0)+IF('Standard Profiles'!$G$20=$B$24,21,0),0)),0)</f>
        <v>0</v>
      </c>
      <c r="G8322" cm="1">
        <f t="array" ref="G8322">IFERROR(INDEX(Jesper!AK$2:AK$366,ROUNDDOWN($C8322/24,0)+1,1)*INDEX($D$3:$AA$30,INDEX(Jesper!$R$2:$R$366,ROW(INDEX(Jesper!AK$2:AK$366,ROUNDDOWN($C8322/24,0)+1,1))-1)+IF('Standard Profiles'!$G$21=$B$10,7,0)+IF('Standard Profiles'!$G$21=$B$17,14,0)+IF('Standard Profiles'!$G$21=$B$24,21,0),MOD($C8322,24)+1)/SUM(INDEX($D$3:$AA$30,INDEX(Jesper!$R$2:$R$366,ROW(INDEX(Jesper!AK$2:AK$366,ROUNDDOWN($C8322/24,0)+1,1))-1)+IF('Standard Profiles'!$G$21=$B$10,7,0)+IF('Standard Profiles'!$G$21=$B$17,14,0)+IF('Standard Profiles'!$G$21=$B$24,21,0),0)),0)</f>
        <v>17.263004919597201</v>
      </c>
      <c r="H8322" cm="1">
        <f t="array" ref="H8322">IFERROR(INDEX(Jesper!AL$2:AL$366,ROUNDDOWN($C8322/24,0)+1,1)*INDEX($D$3:$AA$30,INDEX(Jesper!$R$2:$R$366,ROW(INDEX(Jesper!AL$2:AL$366,ROUNDDOWN($C8322/24,0)+1,1))-1)+IF('Standard Profiles'!$G$22=$B$10,7,0)+IF('Standard Profiles'!$G$22=$B$17,14,0)+IF('Standard Profiles'!$G$22=$B$24,21,0),MOD($C8322,24)+1)/SUM(INDEX($D$3:$AA$30,INDEX(Jesper!$R$2:$R$366,ROW(INDEX(Jesper!AL$2:AL$366,ROUNDDOWN($C8322/24,0)+1,1))-1)+IF('Standard Profiles'!$G$22=$B$10,7,0)+IF('Standard Profiles'!$G$22=$B$17,14,0)+IF('Standard Profiles'!$G$22=$B$24,21,0),0)),0)</f>
        <v>0</v>
      </c>
      <c r="I8322">
        <f t="shared" si="923"/>
        <v>8.2862423614066518</v>
      </c>
      <c r="J8322">
        <f t="shared" si="924"/>
        <v>58.975313685716209</v>
      </c>
      <c r="K8322">
        <f t="shared" si="925"/>
        <v>2.9141364836972725</v>
      </c>
      <c r="L8322">
        <f t="shared" si="926"/>
        <v>1.4570682418486363</v>
      </c>
      <c r="M8322">
        <f t="shared" si="927"/>
        <v>0</v>
      </c>
      <c r="N8322" s="45">
        <f t="shared" si="928"/>
        <v>45272.333333313232</v>
      </c>
    </row>
    <row r="8323" spans="2:14" x14ac:dyDescent="0.25">
      <c r="B8323">
        <f t="shared" si="922"/>
        <v>2</v>
      </c>
      <c r="C8323" s="16">
        <v>8289</v>
      </c>
      <c r="D8323" cm="1">
        <f t="array" ref="D8323">IFERROR(INDEX(Jesper!AH$2:AH$366,ROUNDDOWN($C8323/24,0)+1,1)*INDEX($D$3:$AA$30,INDEX(Jesper!$R$2:$R$366,ROW(INDEX(Jesper!AH$2:AH$366,ROUNDDOWN($C8323/24,0)+1,1))-1)+IF('Standard Profiles'!$G$18=$B$10,7,0)+IF('Standard Profiles'!$G$18=$B$17,14,0)+IF('Standard Profiles'!$G$18=$B$24,21,0),MOD($C8323,24)+1)/SUM(INDEX($D$3:$AA$30,INDEX(Jesper!$R$2:$R$366,ROW(INDEX(Jesper!AH$2:AH$366,ROUNDDOWN($C8323/24,0)+1,1))-1)+IF('Standard Profiles'!$G$18=$B$10,7,0)+IF('Standard Profiles'!$G$18=$B$17,14,0)+IF('Standard Profiles'!$G$18=$B$24,21,0),0)),0)</f>
        <v>30.155126939202319</v>
      </c>
      <c r="E8323" cm="1">
        <f t="array" ref="E8323">IFERROR(INDEX(Jesper!AI$2:AI$366,ROUNDDOWN($C8323/24,0)+1,1)*INDEX($D$3:$AA$30,INDEX(Jesper!$R$2:$R$366,ROW(INDEX(Jesper!AI$2:AI$366,ROUNDDOWN($C8323/24,0)+1,1))-1)+IF('Standard Profiles'!$G$19=$B$10,7,0)+IF('Standard Profiles'!$G$19=$B$17,14,0)+IF('Standard Profiles'!$G$19=$B$24,21,0),MOD($C8323,24)+1)/SUM(INDEX($D$3:$AA$30,INDEX(Jesper!$R$2:$R$366,ROW(INDEX(Jesper!AI$2:AI$366,ROUNDDOWN($C8323/24,0)+1,1))-1)+IF('Standard Profiles'!$G$19=$B$10,7,0)+IF('Standard Profiles'!$G$19=$B$17,14,0)+IF('Standard Profiles'!$G$19=$B$24,21,0),0)),0)</f>
        <v>29.856773389188</v>
      </c>
      <c r="F8323" cm="1">
        <f t="array" ref="F8323">IFERROR(INDEX(Jesper!AJ$2:AJ$366,ROUNDDOWN($C8323/24,0)+1,1)*INDEX($D$3:$AA$30,INDEX(Jesper!$R$2:$R$366,ROW(INDEX(Jesper!AJ$2:AJ$366,ROUNDDOWN($C8323/24,0)+1,1))-1)+IF('Standard Profiles'!$G$20=$B$10,7,0)+IF('Standard Profiles'!$G$20=$B$17,14,0)+IF('Standard Profiles'!$G$20=$B$24,21,0),MOD($C8323,24)+1)/SUM(INDEX($D$3:$AA$30,INDEX(Jesper!$R$2:$R$366,ROW(INDEX(Jesper!AJ$2:AJ$366,ROUNDDOWN($C8323/24,0)+1,1))-1)+IF('Standard Profiles'!$G$20=$B$10,7,0)+IF('Standard Profiles'!$G$20=$B$17,14,0)+IF('Standard Profiles'!$G$20=$B$24,21,0),0)),0)</f>
        <v>0</v>
      </c>
      <c r="G8323" cm="1">
        <f t="array" ref="G8323">IFERROR(INDEX(Jesper!AK$2:AK$366,ROUNDDOWN($C8323/24,0)+1,1)*INDEX($D$3:$AA$30,INDEX(Jesper!$R$2:$R$366,ROW(INDEX(Jesper!AK$2:AK$366,ROUNDDOWN($C8323/24,0)+1,1))-1)+IF('Standard Profiles'!$G$21=$B$10,7,0)+IF('Standard Profiles'!$G$21=$B$17,14,0)+IF('Standard Profiles'!$G$21=$B$24,21,0),MOD($C8323,24)+1)/SUM(INDEX($D$3:$AA$30,INDEX(Jesper!$R$2:$R$366,ROW(INDEX(Jesper!AK$2:AK$366,ROUNDDOWN($C8323/24,0)+1,1))-1)+IF('Standard Profiles'!$G$21=$B$10,7,0)+IF('Standard Profiles'!$G$21=$B$17,14,0)+IF('Standard Profiles'!$G$21=$B$24,21,0),0)),0)</f>
        <v>19.054448826347855</v>
      </c>
      <c r="H8323" cm="1">
        <f t="array" ref="H8323">IFERROR(INDEX(Jesper!AL$2:AL$366,ROUNDDOWN($C8323/24,0)+1,1)*INDEX($D$3:$AA$30,INDEX(Jesper!$R$2:$R$366,ROW(INDEX(Jesper!AL$2:AL$366,ROUNDDOWN($C8323/24,0)+1,1))-1)+IF('Standard Profiles'!$G$22=$B$10,7,0)+IF('Standard Profiles'!$G$22=$B$17,14,0)+IF('Standard Profiles'!$G$22=$B$24,21,0),MOD($C8323,24)+1)/SUM(INDEX($D$3:$AA$30,INDEX(Jesper!$R$2:$R$366,ROW(INDEX(Jesper!AL$2:AL$366,ROUNDDOWN($C8323/24,0)+1,1))-1)+IF('Standard Profiles'!$G$22=$B$10,7,0)+IF('Standard Profiles'!$G$22=$B$17,14,0)+IF('Standard Profiles'!$G$22=$B$24,21,0),0)),0)</f>
        <v>0</v>
      </c>
      <c r="I8323">
        <f t="shared" si="923"/>
        <v>9.1461354366469649</v>
      </c>
      <c r="J8323">
        <f t="shared" si="924"/>
        <v>65.095393407818833</v>
      </c>
      <c r="K8323">
        <f t="shared" si="925"/>
        <v>3.2165468735149143</v>
      </c>
      <c r="L8323">
        <f t="shared" si="926"/>
        <v>1.6082734367574572</v>
      </c>
      <c r="M8323">
        <f t="shared" si="927"/>
        <v>0</v>
      </c>
      <c r="N8323" s="45">
        <f t="shared" si="928"/>
        <v>45272.374999979897</v>
      </c>
    </row>
    <row r="8324" spans="2:14" x14ac:dyDescent="0.25">
      <c r="B8324">
        <f t="shared" si="922"/>
        <v>2</v>
      </c>
      <c r="C8324" s="16">
        <v>8290</v>
      </c>
      <c r="D8324" cm="1">
        <f t="array" ref="D8324">IFERROR(INDEX(Jesper!AH$2:AH$366,ROUNDDOWN($C8324/24,0)+1,1)*INDEX($D$3:$AA$30,INDEX(Jesper!$R$2:$R$366,ROW(INDEX(Jesper!AH$2:AH$366,ROUNDDOWN($C8324/24,0)+1,1))-1)+IF('Standard Profiles'!$G$18=$B$10,7,0)+IF('Standard Profiles'!$G$18=$B$17,14,0)+IF('Standard Profiles'!$G$18=$B$24,21,0),MOD($C8324,24)+1)/SUM(INDEX($D$3:$AA$30,INDEX(Jesper!$R$2:$R$366,ROW(INDEX(Jesper!AH$2:AH$366,ROUNDDOWN($C8324/24,0)+1,1))-1)+IF('Standard Profiles'!$G$18=$B$10,7,0)+IF('Standard Profiles'!$G$18=$B$17,14,0)+IF('Standard Profiles'!$G$18=$B$24,21,0),0)),0)</f>
        <v>30.155126939202319</v>
      </c>
      <c r="E8324" cm="1">
        <f t="array" ref="E8324">IFERROR(INDEX(Jesper!AI$2:AI$366,ROUNDDOWN($C8324/24,0)+1,1)*INDEX($D$3:$AA$30,INDEX(Jesper!$R$2:$R$366,ROW(INDEX(Jesper!AI$2:AI$366,ROUNDDOWN($C8324/24,0)+1,1))-1)+IF('Standard Profiles'!$G$19=$B$10,7,0)+IF('Standard Profiles'!$G$19=$B$17,14,0)+IF('Standard Profiles'!$G$19=$B$24,21,0),MOD($C8324,24)+1)/SUM(INDEX($D$3:$AA$30,INDEX(Jesper!$R$2:$R$366,ROW(INDEX(Jesper!AI$2:AI$366,ROUNDDOWN($C8324/24,0)+1,1))-1)+IF('Standard Profiles'!$G$19=$B$10,7,0)+IF('Standard Profiles'!$G$19=$B$17,14,0)+IF('Standard Profiles'!$G$19=$B$24,21,0),0)),0)</f>
        <v>29.856773389188</v>
      </c>
      <c r="F8324" cm="1">
        <f t="array" ref="F8324">IFERROR(INDEX(Jesper!AJ$2:AJ$366,ROUNDDOWN($C8324/24,0)+1,1)*INDEX($D$3:$AA$30,INDEX(Jesper!$R$2:$R$366,ROW(INDEX(Jesper!AJ$2:AJ$366,ROUNDDOWN($C8324/24,0)+1,1))-1)+IF('Standard Profiles'!$G$20=$B$10,7,0)+IF('Standard Profiles'!$G$20=$B$17,14,0)+IF('Standard Profiles'!$G$20=$B$24,21,0),MOD($C8324,24)+1)/SUM(INDEX($D$3:$AA$30,INDEX(Jesper!$R$2:$R$366,ROW(INDEX(Jesper!AJ$2:AJ$366,ROUNDDOWN($C8324/24,0)+1,1))-1)+IF('Standard Profiles'!$G$20=$B$10,7,0)+IF('Standard Profiles'!$G$20=$B$17,14,0)+IF('Standard Profiles'!$G$20=$B$24,21,0),0)),0)</f>
        <v>0</v>
      </c>
      <c r="G8324" cm="1">
        <f t="array" ref="G8324">IFERROR(INDEX(Jesper!AK$2:AK$366,ROUNDDOWN($C8324/24,0)+1,1)*INDEX($D$3:$AA$30,INDEX(Jesper!$R$2:$R$366,ROW(INDEX(Jesper!AK$2:AK$366,ROUNDDOWN($C8324/24,0)+1,1))-1)+IF('Standard Profiles'!$G$21=$B$10,7,0)+IF('Standard Profiles'!$G$21=$B$17,14,0)+IF('Standard Profiles'!$G$21=$B$24,21,0),MOD($C8324,24)+1)/SUM(INDEX($D$3:$AA$30,INDEX(Jesper!$R$2:$R$366,ROW(INDEX(Jesper!AK$2:AK$366,ROUNDDOWN($C8324/24,0)+1,1))-1)+IF('Standard Profiles'!$G$21=$B$10,7,0)+IF('Standard Profiles'!$G$21=$B$17,14,0)+IF('Standard Profiles'!$G$21=$B$24,21,0),0)),0)</f>
        <v>19.054448826347855</v>
      </c>
      <c r="H8324" cm="1">
        <f t="array" ref="H8324">IFERROR(INDEX(Jesper!AL$2:AL$366,ROUNDDOWN($C8324/24,0)+1,1)*INDEX($D$3:$AA$30,INDEX(Jesper!$R$2:$R$366,ROW(INDEX(Jesper!AL$2:AL$366,ROUNDDOWN($C8324/24,0)+1,1))-1)+IF('Standard Profiles'!$G$22=$B$10,7,0)+IF('Standard Profiles'!$G$22=$B$17,14,0)+IF('Standard Profiles'!$G$22=$B$24,21,0),MOD($C8324,24)+1)/SUM(INDEX($D$3:$AA$30,INDEX(Jesper!$R$2:$R$366,ROW(INDEX(Jesper!AL$2:AL$366,ROUNDDOWN($C8324/24,0)+1,1))-1)+IF('Standard Profiles'!$G$22=$B$10,7,0)+IF('Standard Profiles'!$G$22=$B$17,14,0)+IF('Standard Profiles'!$G$22=$B$24,21,0),0)),0)</f>
        <v>0</v>
      </c>
      <c r="I8324">
        <f t="shared" si="923"/>
        <v>9.1461354366469649</v>
      </c>
      <c r="J8324">
        <f t="shared" si="924"/>
        <v>65.095393407818833</v>
      </c>
      <c r="K8324">
        <f t="shared" si="925"/>
        <v>3.2165468735149143</v>
      </c>
      <c r="L8324">
        <f t="shared" si="926"/>
        <v>1.6082734367574572</v>
      </c>
      <c r="M8324">
        <f t="shared" si="927"/>
        <v>0</v>
      </c>
      <c r="N8324" s="45">
        <f t="shared" si="928"/>
        <v>45272.416666646561</v>
      </c>
    </row>
    <row r="8325" spans="2:14" x14ac:dyDescent="0.25">
      <c r="B8325">
        <f t="shared" si="922"/>
        <v>2</v>
      </c>
      <c r="C8325" s="16">
        <v>8291</v>
      </c>
      <c r="D8325" cm="1">
        <f t="array" ref="D8325">IFERROR(INDEX(Jesper!AH$2:AH$366,ROUNDDOWN($C8325/24,0)+1,1)*INDEX($D$3:$AA$30,INDEX(Jesper!$R$2:$R$366,ROW(INDEX(Jesper!AH$2:AH$366,ROUNDDOWN($C8325/24,0)+1,1))-1)+IF('Standard Profiles'!$G$18=$B$10,7,0)+IF('Standard Profiles'!$G$18=$B$17,14,0)+IF('Standard Profiles'!$G$18=$B$24,21,0),MOD($C8325,24)+1)/SUM(INDEX($D$3:$AA$30,INDEX(Jesper!$R$2:$R$366,ROW(INDEX(Jesper!AH$2:AH$366,ROUNDDOWN($C8325/24,0)+1,1))-1)+IF('Standard Profiles'!$G$18=$B$10,7,0)+IF('Standard Profiles'!$G$18=$B$17,14,0)+IF('Standard Profiles'!$G$18=$B$24,21,0),0)),0)</f>
        <v>36.083057875968578</v>
      </c>
      <c r="E8325" cm="1">
        <f t="array" ref="E8325">IFERROR(INDEX(Jesper!AI$2:AI$366,ROUNDDOWN($C8325/24,0)+1,1)*INDEX($D$3:$AA$30,INDEX(Jesper!$R$2:$R$366,ROW(INDEX(Jesper!AI$2:AI$366,ROUNDDOWN($C8325/24,0)+1,1))-1)+IF('Standard Profiles'!$G$19=$B$10,7,0)+IF('Standard Profiles'!$G$19=$B$17,14,0)+IF('Standard Profiles'!$G$19=$B$24,21,0),MOD($C8325,24)+1)/SUM(INDEX($D$3:$AA$30,INDEX(Jesper!$R$2:$R$366,ROW(INDEX(Jesper!AI$2:AI$366,ROUNDDOWN($C8325/24,0)+1,1))-1)+IF('Standard Profiles'!$G$19=$B$10,7,0)+IF('Standard Profiles'!$G$19=$B$17,14,0)+IF('Standard Profiles'!$G$19=$B$24,21,0),0)),0)</f>
        <v>35.726053628088195</v>
      </c>
      <c r="F8325" cm="1">
        <f t="array" ref="F8325">IFERROR(INDEX(Jesper!AJ$2:AJ$366,ROUNDDOWN($C8325/24,0)+1,1)*INDEX($D$3:$AA$30,INDEX(Jesper!$R$2:$R$366,ROW(INDEX(Jesper!AJ$2:AJ$366,ROUNDDOWN($C8325/24,0)+1,1))-1)+IF('Standard Profiles'!$G$20=$B$10,7,0)+IF('Standard Profiles'!$G$20=$B$17,14,0)+IF('Standard Profiles'!$G$20=$B$24,21,0),MOD($C8325,24)+1)/SUM(INDEX($D$3:$AA$30,INDEX(Jesper!$R$2:$R$366,ROW(INDEX(Jesper!AJ$2:AJ$366,ROUNDDOWN($C8325/24,0)+1,1))-1)+IF('Standard Profiles'!$G$20=$B$10,7,0)+IF('Standard Profiles'!$G$20=$B$17,14,0)+IF('Standard Profiles'!$G$20=$B$24,21,0),0)),0)</f>
        <v>0</v>
      </c>
      <c r="G8325" cm="1">
        <f t="array" ref="G8325">IFERROR(INDEX(Jesper!AK$2:AK$366,ROUNDDOWN($C8325/24,0)+1,1)*INDEX($D$3:$AA$30,INDEX(Jesper!$R$2:$R$366,ROW(INDEX(Jesper!AK$2:AK$366,ROUNDDOWN($C8325/24,0)+1,1))-1)+IF('Standard Profiles'!$G$21=$B$10,7,0)+IF('Standard Profiles'!$G$21=$B$17,14,0)+IF('Standard Profiles'!$G$21=$B$24,21,0),MOD($C8325,24)+1)/SUM(INDEX($D$3:$AA$30,INDEX(Jesper!$R$2:$R$366,ROW(INDEX(Jesper!AK$2:AK$366,ROUNDDOWN($C8325/24,0)+1,1))-1)+IF('Standard Profiles'!$G$21=$B$10,7,0)+IF('Standard Profiles'!$G$21=$B$17,14,0)+IF('Standard Profiles'!$G$21=$B$24,21,0),0)),0)</f>
        <v>22.800195176826495</v>
      </c>
      <c r="H8325" cm="1">
        <f t="array" ref="H8325">IFERROR(INDEX(Jesper!AL$2:AL$366,ROUNDDOWN($C8325/24,0)+1,1)*INDEX($D$3:$AA$30,INDEX(Jesper!$R$2:$R$366,ROW(INDEX(Jesper!AL$2:AL$366,ROUNDDOWN($C8325/24,0)+1,1))-1)+IF('Standard Profiles'!$G$22=$B$10,7,0)+IF('Standard Profiles'!$G$22=$B$17,14,0)+IF('Standard Profiles'!$G$22=$B$24,21,0),MOD($C8325,24)+1)/SUM(INDEX($D$3:$AA$30,INDEX(Jesper!$R$2:$R$366,ROW(INDEX(Jesper!AL$2:AL$366,ROUNDDOWN($C8325/24,0)+1,1))-1)+IF('Standard Profiles'!$G$22=$B$10,7,0)+IF('Standard Profiles'!$G$22=$B$17,14,0)+IF('Standard Profiles'!$G$22=$B$24,21,0),0)),0)</f>
        <v>0</v>
      </c>
      <c r="I8325">
        <f t="shared" si="923"/>
        <v>10.944093684876712</v>
      </c>
      <c r="J8325">
        <f t="shared" si="924"/>
        <v>77.891923735851591</v>
      </c>
      <c r="K8325">
        <f t="shared" si="925"/>
        <v>3.848859506769982</v>
      </c>
      <c r="L8325">
        <f t="shared" si="926"/>
        <v>1.924429753384991</v>
      </c>
      <c r="M8325">
        <f t="shared" si="927"/>
        <v>0</v>
      </c>
      <c r="N8325" s="45">
        <f t="shared" si="928"/>
        <v>45272.458333313225</v>
      </c>
    </row>
    <row r="8326" spans="2:14" x14ac:dyDescent="0.25">
      <c r="B8326">
        <f t="shared" si="922"/>
        <v>2</v>
      </c>
      <c r="C8326" s="16">
        <v>8292</v>
      </c>
      <c r="D8326" cm="1">
        <f t="array" ref="D8326">IFERROR(INDEX(Jesper!AH$2:AH$366,ROUNDDOWN($C8326/24,0)+1,1)*INDEX($D$3:$AA$30,INDEX(Jesper!$R$2:$R$366,ROW(INDEX(Jesper!AH$2:AH$366,ROUNDDOWN($C8326/24,0)+1,1))-1)+IF('Standard Profiles'!$G$18=$B$10,7,0)+IF('Standard Profiles'!$G$18=$B$17,14,0)+IF('Standard Profiles'!$G$18=$B$24,21,0),MOD($C8326,24)+1)/SUM(INDEX($D$3:$AA$30,INDEX(Jesper!$R$2:$R$366,ROW(INDEX(Jesper!AH$2:AH$366,ROUNDDOWN($C8326/24,0)+1,1))-1)+IF('Standard Profiles'!$G$18=$B$10,7,0)+IF('Standard Profiles'!$G$18=$B$17,14,0)+IF('Standard Profiles'!$G$18=$B$24,21,0),0)),0)</f>
        <v>36.083057875968578</v>
      </c>
      <c r="E8326" cm="1">
        <f t="array" ref="E8326">IFERROR(INDEX(Jesper!AI$2:AI$366,ROUNDDOWN($C8326/24,0)+1,1)*INDEX($D$3:$AA$30,INDEX(Jesper!$R$2:$R$366,ROW(INDEX(Jesper!AI$2:AI$366,ROUNDDOWN($C8326/24,0)+1,1))-1)+IF('Standard Profiles'!$G$19=$B$10,7,0)+IF('Standard Profiles'!$G$19=$B$17,14,0)+IF('Standard Profiles'!$G$19=$B$24,21,0),MOD($C8326,24)+1)/SUM(INDEX($D$3:$AA$30,INDEX(Jesper!$R$2:$R$366,ROW(INDEX(Jesper!AI$2:AI$366,ROUNDDOWN($C8326/24,0)+1,1))-1)+IF('Standard Profiles'!$G$19=$B$10,7,0)+IF('Standard Profiles'!$G$19=$B$17,14,0)+IF('Standard Profiles'!$G$19=$B$24,21,0),0)),0)</f>
        <v>35.726053628088195</v>
      </c>
      <c r="F8326" cm="1">
        <f t="array" ref="F8326">IFERROR(INDEX(Jesper!AJ$2:AJ$366,ROUNDDOWN($C8326/24,0)+1,1)*INDEX($D$3:$AA$30,INDEX(Jesper!$R$2:$R$366,ROW(INDEX(Jesper!AJ$2:AJ$366,ROUNDDOWN($C8326/24,0)+1,1))-1)+IF('Standard Profiles'!$G$20=$B$10,7,0)+IF('Standard Profiles'!$G$20=$B$17,14,0)+IF('Standard Profiles'!$G$20=$B$24,21,0),MOD($C8326,24)+1)/SUM(INDEX($D$3:$AA$30,INDEX(Jesper!$R$2:$R$366,ROW(INDEX(Jesper!AJ$2:AJ$366,ROUNDDOWN($C8326/24,0)+1,1))-1)+IF('Standard Profiles'!$G$20=$B$10,7,0)+IF('Standard Profiles'!$G$20=$B$17,14,0)+IF('Standard Profiles'!$G$20=$B$24,21,0),0)),0)</f>
        <v>0</v>
      </c>
      <c r="G8326" cm="1">
        <f t="array" ref="G8326">IFERROR(INDEX(Jesper!AK$2:AK$366,ROUNDDOWN($C8326/24,0)+1,1)*INDEX($D$3:$AA$30,INDEX(Jesper!$R$2:$R$366,ROW(INDEX(Jesper!AK$2:AK$366,ROUNDDOWN($C8326/24,0)+1,1))-1)+IF('Standard Profiles'!$G$21=$B$10,7,0)+IF('Standard Profiles'!$G$21=$B$17,14,0)+IF('Standard Profiles'!$G$21=$B$24,21,0),MOD($C8326,24)+1)/SUM(INDEX($D$3:$AA$30,INDEX(Jesper!$R$2:$R$366,ROW(INDEX(Jesper!AK$2:AK$366,ROUNDDOWN($C8326/24,0)+1,1))-1)+IF('Standard Profiles'!$G$21=$B$10,7,0)+IF('Standard Profiles'!$G$21=$B$17,14,0)+IF('Standard Profiles'!$G$21=$B$24,21,0),0)),0)</f>
        <v>22.800195176826495</v>
      </c>
      <c r="H8326" cm="1">
        <f t="array" ref="H8326">IFERROR(INDEX(Jesper!AL$2:AL$366,ROUNDDOWN($C8326/24,0)+1,1)*INDEX($D$3:$AA$30,INDEX(Jesper!$R$2:$R$366,ROW(INDEX(Jesper!AL$2:AL$366,ROUNDDOWN($C8326/24,0)+1,1))-1)+IF('Standard Profiles'!$G$22=$B$10,7,0)+IF('Standard Profiles'!$G$22=$B$17,14,0)+IF('Standard Profiles'!$G$22=$B$24,21,0),MOD($C8326,24)+1)/SUM(INDEX($D$3:$AA$30,INDEX(Jesper!$R$2:$R$366,ROW(INDEX(Jesper!AL$2:AL$366,ROUNDDOWN($C8326/24,0)+1,1))-1)+IF('Standard Profiles'!$G$22=$B$10,7,0)+IF('Standard Profiles'!$G$22=$B$17,14,0)+IF('Standard Profiles'!$G$22=$B$24,21,0),0)),0)</f>
        <v>0</v>
      </c>
      <c r="I8326">
        <f t="shared" si="923"/>
        <v>10.944093684876712</v>
      </c>
      <c r="J8326">
        <f t="shared" si="924"/>
        <v>77.891923735851591</v>
      </c>
      <c r="K8326">
        <f t="shared" si="925"/>
        <v>3.848859506769982</v>
      </c>
      <c r="L8326">
        <f t="shared" si="926"/>
        <v>1.924429753384991</v>
      </c>
      <c r="M8326">
        <f t="shared" si="927"/>
        <v>0</v>
      </c>
      <c r="N8326" s="45">
        <f t="shared" si="928"/>
        <v>45272.499999979889</v>
      </c>
    </row>
    <row r="8327" spans="2:14" x14ac:dyDescent="0.25">
      <c r="B8327">
        <f t="shared" si="922"/>
        <v>2</v>
      </c>
      <c r="C8327" s="16">
        <v>8293</v>
      </c>
      <c r="D8327" cm="1">
        <f t="array" ref="D8327">IFERROR(INDEX(Jesper!AH$2:AH$366,ROUNDDOWN($C8327/24,0)+1,1)*INDEX($D$3:$AA$30,INDEX(Jesper!$R$2:$R$366,ROW(INDEX(Jesper!AH$2:AH$366,ROUNDDOWN($C8327/24,0)+1,1))-1)+IF('Standard Profiles'!$G$18=$B$10,7,0)+IF('Standard Profiles'!$G$18=$B$17,14,0)+IF('Standard Profiles'!$G$18=$B$24,21,0),MOD($C8327,24)+1)/SUM(INDEX($D$3:$AA$30,INDEX(Jesper!$R$2:$R$366,ROW(INDEX(Jesper!AH$2:AH$366,ROUNDDOWN($C8327/24,0)+1,1))-1)+IF('Standard Profiles'!$G$18=$B$10,7,0)+IF('Standard Profiles'!$G$18=$B$17,14,0)+IF('Standard Profiles'!$G$18=$B$24,21,0),0)),0)</f>
        <v>23.969459874750559</v>
      </c>
      <c r="E8327" cm="1">
        <f t="array" ref="E8327">IFERROR(INDEX(Jesper!AI$2:AI$366,ROUNDDOWN($C8327/24,0)+1,1)*INDEX($D$3:$AA$30,INDEX(Jesper!$R$2:$R$366,ROW(INDEX(Jesper!AI$2:AI$366,ROUNDDOWN($C8327/24,0)+1,1))-1)+IF('Standard Profiles'!$G$19=$B$10,7,0)+IF('Standard Profiles'!$G$19=$B$17,14,0)+IF('Standard Profiles'!$G$19=$B$24,21,0),MOD($C8327,24)+1)/SUM(INDEX($D$3:$AA$30,INDEX(Jesper!$R$2:$R$366,ROW(INDEX(Jesper!AI$2:AI$366,ROUNDDOWN($C8327/24,0)+1,1))-1)+IF('Standard Profiles'!$G$19=$B$10,7,0)+IF('Standard Profiles'!$G$19=$B$17,14,0)+IF('Standard Profiles'!$G$19=$B$24,21,0),0)),0)</f>
        <v>23.732307052944307</v>
      </c>
      <c r="F8327" cm="1">
        <f t="array" ref="F8327">IFERROR(INDEX(Jesper!AJ$2:AJ$366,ROUNDDOWN($C8327/24,0)+1,1)*INDEX($D$3:$AA$30,INDEX(Jesper!$R$2:$R$366,ROW(INDEX(Jesper!AJ$2:AJ$366,ROUNDDOWN($C8327/24,0)+1,1))-1)+IF('Standard Profiles'!$G$20=$B$10,7,0)+IF('Standard Profiles'!$G$20=$B$17,14,0)+IF('Standard Profiles'!$G$20=$B$24,21,0),MOD($C8327,24)+1)/SUM(INDEX($D$3:$AA$30,INDEX(Jesper!$R$2:$R$366,ROW(INDEX(Jesper!AJ$2:AJ$366,ROUNDDOWN($C8327/24,0)+1,1))-1)+IF('Standard Profiles'!$G$20=$B$10,7,0)+IF('Standard Profiles'!$G$20=$B$17,14,0)+IF('Standard Profiles'!$G$20=$B$24,21,0),0)),0)</f>
        <v>0</v>
      </c>
      <c r="G8327" cm="1">
        <f t="array" ref="G8327">IFERROR(INDEX(Jesper!AK$2:AK$366,ROUNDDOWN($C8327/24,0)+1,1)*INDEX($D$3:$AA$30,INDEX(Jesper!$R$2:$R$366,ROW(INDEX(Jesper!AK$2:AK$366,ROUNDDOWN($C8327/24,0)+1,1))-1)+IF('Standard Profiles'!$G$21=$B$10,7,0)+IF('Standard Profiles'!$G$21=$B$17,14,0)+IF('Standard Profiles'!$G$21=$B$24,21,0),MOD($C8327,24)+1)/SUM(INDEX($D$3:$AA$30,INDEX(Jesper!$R$2:$R$366,ROW(INDEX(Jesper!AK$2:AK$366,ROUNDDOWN($C8327/24,0)+1,1))-1)+IF('Standard Profiles'!$G$21=$B$10,7,0)+IF('Standard Profiles'!$G$21=$B$17,14,0)+IF('Standard Profiles'!$G$21=$B$24,21,0),0)),0)</f>
        <v>15.145843938891883</v>
      </c>
      <c r="H8327" cm="1">
        <f t="array" ref="H8327">IFERROR(INDEX(Jesper!AL$2:AL$366,ROUNDDOWN($C8327/24,0)+1,1)*INDEX($D$3:$AA$30,INDEX(Jesper!$R$2:$R$366,ROW(INDEX(Jesper!AL$2:AL$366,ROUNDDOWN($C8327/24,0)+1,1))-1)+IF('Standard Profiles'!$G$22=$B$10,7,0)+IF('Standard Profiles'!$G$22=$B$17,14,0)+IF('Standard Profiles'!$G$22=$B$24,21,0),MOD($C8327,24)+1)/SUM(INDEX($D$3:$AA$30,INDEX(Jesper!$R$2:$R$366,ROW(INDEX(Jesper!AL$2:AL$366,ROUNDDOWN($C8327/24,0)+1,1))-1)+IF('Standard Profiles'!$G$22=$B$10,7,0)+IF('Standard Profiles'!$G$22=$B$17,14,0)+IF('Standard Profiles'!$G$22=$B$24,21,0),0)),0)</f>
        <v>0</v>
      </c>
      <c r="I8327">
        <f t="shared" si="923"/>
        <v>7.2700050906681</v>
      </c>
      <c r="J8327">
        <f t="shared" si="924"/>
        <v>51.742492195958562</v>
      </c>
      <c r="K8327">
        <f t="shared" si="925"/>
        <v>2.5567423866400598</v>
      </c>
      <c r="L8327">
        <f t="shared" si="926"/>
        <v>1.2783711933200299</v>
      </c>
      <c r="M8327">
        <f t="shared" si="927"/>
        <v>0</v>
      </c>
      <c r="N8327" s="45">
        <f t="shared" si="928"/>
        <v>45272.541666646553</v>
      </c>
    </row>
    <row r="8328" spans="2:14" x14ac:dyDescent="0.25">
      <c r="B8328">
        <f t="shared" si="922"/>
        <v>2</v>
      </c>
      <c r="C8328" s="16">
        <v>8294</v>
      </c>
      <c r="D8328" cm="1">
        <f t="array" ref="D8328">IFERROR(INDEX(Jesper!AH$2:AH$366,ROUNDDOWN($C8328/24,0)+1,1)*INDEX($D$3:$AA$30,INDEX(Jesper!$R$2:$R$366,ROW(INDEX(Jesper!AH$2:AH$366,ROUNDDOWN($C8328/24,0)+1,1))-1)+IF('Standard Profiles'!$G$18=$B$10,7,0)+IF('Standard Profiles'!$G$18=$B$17,14,0)+IF('Standard Profiles'!$G$18=$B$24,21,0),MOD($C8328,24)+1)/SUM(INDEX($D$3:$AA$30,INDEX(Jesper!$R$2:$R$366,ROW(INDEX(Jesper!AH$2:AH$366,ROUNDDOWN($C8328/24,0)+1,1))-1)+IF('Standard Profiles'!$G$18=$B$10,7,0)+IF('Standard Profiles'!$G$18=$B$17,14,0)+IF('Standard Profiles'!$G$18=$B$24,21,0),0)),0)</f>
        <v>36.083057875968578</v>
      </c>
      <c r="E8328" cm="1">
        <f t="array" ref="E8328">IFERROR(INDEX(Jesper!AI$2:AI$366,ROUNDDOWN($C8328/24,0)+1,1)*INDEX($D$3:$AA$30,INDEX(Jesper!$R$2:$R$366,ROW(INDEX(Jesper!AI$2:AI$366,ROUNDDOWN($C8328/24,0)+1,1))-1)+IF('Standard Profiles'!$G$19=$B$10,7,0)+IF('Standard Profiles'!$G$19=$B$17,14,0)+IF('Standard Profiles'!$G$19=$B$24,21,0),MOD($C8328,24)+1)/SUM(INDEX($D$3:$AA$30,INDEX(Jesper!$R$2:$R$366,ROW(INDEX(Jesper!AI$2:AI$366,ROUNDDOWN($C8328/24,0)+1,1))-1)+IF('Standard Profiles'!$G$19=$B$10,7,0)+IF('Standard Profiles'!$G$19=$B$17,14,0)+IF('Standard Profiles'!$G$19=$B$24,21,0),0)),0)</f>
        <v>35.726053628088195</v>
      </c>
      <c r="F8328" cm="1">
        <f t="array" ref="F8328">IFERROR(INDEX(Jesper!AJ$2:AJ$366,ROUNDDOWN($C8328/24,0)+1,1)*INDEX($D$3:$AA$30,INDEX(Jesper!$R$2:$R$366,ROW(INDEX(Jesper!AJ$2:AJ$366,ROUNDDOWN($C8328/24,0)+1,1))-1)+IF('Standard Profiles'!$G$20=$B$10,7,0)+IF('Standard Profiles'!$G$20=$B$17,14,0)+IF('Standard Profiles'!$G$20=$B$24,21,0),MOD($C8328,24)+1)/SUM(INDEX($D$3:$AA$30,INDEX(Jesper!$R$2:$R$366,ROW(INDEX(Jesper!AJ$2:AJ$366,ROUNDDOWN($C8328/24,0)+1,1))-1)+IF('Standard Profiles'!$G$20=$B$10,7,0)+IF('Standard Profiles'!$G$20=$B$17,14,0)+IF('Standard Profiles'!$G$20=$B$24,21,0),0)),0)</f>
        <v>0</v>
      </c>
      <c r="G8328" cm="1">
        <f t="array" ref="G8328">IFERROR(INDEX(Jesper!AK$2:AK$366,ROUNDDOWN($C8328/24,0)+1,1)*INDEX($D$3:$AA$30,INDEX(Jesper!$R$2:$R$366,ROW(INDEX(Jesper!AK$2:AK$366,ROUNDDOWN($C8328/24,0)+1,1))-1)+IF('Standard Profiles'!$G$21=$B$10,7,0)+IF('Standard Profiles'!$G$21=$B$17,14,0)+IF('Standard Profiles'!$G$21=$B$24,21,0),MOD($C8328,24)+1)/SUM(INDEX($D$3:$AA$30,INDEX(Jesper!$R$2:$R$366,ROW(INDEX(Jesper!AK$2:AK$366,ROUNDDOWN($C8328/24,0)+1,1))-1)+IF('Standard Profiles'!$G$21=$B$10,7,0)+IF('Standard Profiles'!$G$21=$B$17,14,0)+IF('Standard Profiles'!$G$21=$B$24,21,0),0)),0)</f>
        <v>22.800195176826495</v>
      </c>
      <c r="H8328" cm="1">
        <f t="array" ref="H8328">IFERROR(INDEX(Jesper!AL$2:AL$366,ROUNDDOWN($C8328/24,0)+1,1)*INDEX($D$3:$AA$30,INDEX(Jesper!$R$2:$R$366,ROW(INDEX(Jesper!AL$2:AL$366,ROUNDDOWN($C8328/24,0)+1,1))-1)+IF('Standard Profiles'!$G$22=$B$10,7,0)+IF('Standard Profiles'!$G$22=$B$17,14,0)+IF('Standard Profiles'!$G$22=$B$24,21,0),MOD($C8328,24)+1)/SUM(INDEX($D$3:$AA$30,INDEX(Jesper!$R$2:$R$366,ROW(INDEX(Jesper!AL$2:AL$366,ROUNDDOWN($C8328/24,0)+1,1))-1)+IF('Standard Profiles'!$G$22=$B$10,7,0)+IF('Standard Profiles'!$G$22=$B$17,14,0)+IF('Standard Profiles'!$G$22=$B$24,21,0),0)),0)</f>
        <v>0</v>
      </c>
      <c r="I8328">
        <f t="shared" si="923"/>
        <v>10.944093684876712</v>
      </c>
      <c r="J8328">
        <f t="shared" si="924"/>
        <v>77.891923735851591</v>
      </c>
      <c r="K8328">
        <f t="shared" si="925"/>
        <v>3.848859506769982</v>
      </c>
      <c r="L8328">
        <f t="shared" si="926"/>
        <v>1.924429753384991</v>
      </c>
      <c r="M8328">
        <f t="shared" si="927"/>
        <v>0</v>
      </c>
      <c r="N8328" s="45">
        <f t="shared" si="928"/>
        <v>45272.583333313218</v>
      </c>
    </row>
    <row r="8329" spans="2:14" x14ac:dyDescent="0.25">
      <c r="B8329">
        <f t="shared" si="922"/>
        <v>2</v>
      </c>
      <c r="C8329" s="16">
        <v>8295</v>
      </c>
      <c r="D8329" cm="1">
        <f t="array" ref="D8329">IFERROR(INDEX(Jesper!AH$2:AH$366,ROUNDDOWN($C8329/24,0)+1,1)*INDEX($D$3:$AA$30,INDEX(Jesper!$R$2:$R$366,ROW(INDEX(Jesper!AH$2:AH$366,ROUNDDOWN($C8329/24,0)+1,1))-1)+IF('Standard Profiles'!$G$18=$B$10,7,0)+IF('Standard Profiles'!$G$18=$B$17,14,0)+IF('Standard Profiles'!$G$18=$B$24,21,0),MOD($C8329,24)+1)/SUM(INDEX($D$3:$AA$30,INDEX(Jesper!$R$2:$R$366,ROW(INDEX(Jesper!AH$2:AH$366,ROUNDDOWN($C8329/24,0)+1,1))-1)+IF('Standard Profiles'!$G$18=$B$10,7,0)+IF('Standard Profiles'!$G$18=$B$17,14,0)+IF('Standard Profiles'!$G$18=$B$24,21,0),0)),0)</f>
        <v>36.083057875968578</v>
      </c>
      <c r="E8329" cm="1">
        <f t="array" ref="E8329">IFERROR(INDEX(Jesper!AI$2:AI$366,ROUNDDOWN($C8329/24,0)+1,1)*INDEX($D$3:$AA$30,INDEX(Jesper!$R$2:$R$366,ROW(INDEX(Jesper!AI$2:AI$366,ROUNDDOWN($C8329/24,0)+1,1))-1)+IF('Standard Profiles'!$G$19=$B$10,7,0)+IF('Standard Profiles'!$G$19=$B$17,14,0)+IF('Standard Profiles'!$G$19=$B$24,21,0),MOD($C8329,24)+1)/SUM(INDEX($D$3:$AA$30,INDEX(Jesper!$R$2:$R$366,ROW(INDEX(Jesper!AI$2:AI$366,ROUNDDOWN($C8329/24,0)+1,1))-1)+IF('Standard Profiles'!$G$19=$B$10,7,0)+IF('Standard Profiles'!$G$19=$B$17,14,0)+IF('Standard Profiles'!$G$19=$B$24,21,0),0)),0)</f>
        <v>35.726053628088195</v>
      </c>
      <c r="F8329" cm="1">
        <f t="array" ref="F8329">IFERROR(INDEX(Jesper!AJ$2:AJ$366,ROUNDDOWN($C8329/24,0)+1,1)*INDEX($D$3:$AA$30,INDEX(Jesper!$R$2:$R$366,ROW(INDEX(Jesper!AJ$2:AJ$366,ROUNDDOWN($C8329/24,0)+1,1))-1)+IF('Standard Profiles'!$G$20=$B$10,7,0)+IF('Standard Profiles'!$G$20=$B$17,14,0)+IF('Standard Profiles'!$G$20=$B$24,21,0),MOD($C8329,24)+1)/SUM(INDEX($D$3:$AA$30,INDEX(Jesper!$R$2:$R$366,ROW(INDEX(Jesper!AJ$2:AJ$366,ROUNDDOWN($C8329/24,0)+1,1))-1)+IF('Standard Profiles'!$G$20=$B$10,7,0)+IF('Standard Profiles'!$G$20=$B$17,14,0)+IF('Standard Profiles'!$G$20=$B$24,21,0),0)),0)</f>
        <v>0</v>
      </c>
      <c r="G8329" cm="1">
        <f t="array" ref="G8329">IFERROR(INDEX(Jesper!AK$2:AK$366,ROUNDDOWN($C8329/24,0)+1,1)*INDEX($D$3:$AA$30,INDEX(Jesper!$R$2:$R$366,ROW(INDEX(Jesper!AK$2:AK$366,ROUNDDOWN($C8329/24,0)+1,1))-1)+IF('Standard Profiles'!$G$21=$B$10,7,0)+IF('Standard Profiles'!$G$21=$B$17,14,0)+IF('Standard Profiles'!$G$21=$B$24,21,0),MOD($C8329,24)+1)/SUM(INDEX($D$3:$AA$30,INDEX(Jesper!$R$2:$R$366,ROW(INDEX(Jesper!AK$2:AK$366,ROUNDDOWN($C8329/24,0)+1,1))-1)+IF('Standard Profiles'!$G$21=$B$10,7,0)+IF('Standard Profiles'!$G$21=$B$17,14,0)+IF('Standard Profiles'!$G$21=$B$24,21,0),0)),0)</f>
        <v>22.800195176826495</v>
      </c>
      <c r="H8329" cm="1">
        <f t="array" ref="H8329">IFERROR(INDEX(Jesper!AL$2:AL$366,ROUNDDOWN($C8329/24,0)+1,1)*INDEX($D$3:$AA$30,INDEX(Jesper!$R$2:$R$366,ROW(INDEX(Jesper!AL$2:AL$366,ROUNDDOWN($C8329/24,0)+1,1))-1)+IF('Standard Profiles'!$G$22=$B$10,7,0)+IF('Standard Profiles'!$G$22=$B$17,14,0)+IF('Standard Profiles'!$G$22=$B$24,21,0),MOD($C8329,24)+1)/SUM(INDEX($D$3:$AA$30,INDEX(Jesper!$R$2:$R$366,ROW(INDEX(Jesper!AL$2:AL$366,ROUNDDOWN($C8329/24,0)+1,1))-1)+IF('Standard Profiles'!$G$22=$B$10,7,0)+IF('Standard Profiles'!$G$22=$B$17,14,0)+IF('Standard Profiles'!$G$22=$B$24,21,0),0)),0)</f>
        <v>0</v>
      </c>
      <c r="I8329">
        <f t="shared" si="923"/>
        <v>10.944093684876712</v>
      </c>
      <c r="J8329">
        <f t="shared" si="924"/>
        <v>77.891923735851591</v>
      </c>
      <c r="K8329">
        <f t="shared" si="925"/>
        <v>3.848859506769982</v>
      </c>
      <c r="L8329">
        <f t="shared" si="926"/>
        <v>1.924429753384991</v>
      </c>
      <c r="M8329">
        <f t="shared" si="927"/>
        <v>0</v>
      </c>
      <c r="N8329" s="45">
        <f t="shared" si="928"/>
        <v>45272.624999979882</v>
      </c>
    </row>
    <row r="8330" spans="2:14" x14ac:dyDescent="0.25">
      <c r="B8330">
        <f t="shared" si="922"/>
        <v>2</v>
      </c>
      <c r="C8330" s="16">
        <v>8296</v>
      </c>
      <c r="D8330" cm="1">
        <f t="array" ref="D8330">IFERROR(INDEX(Jesper!AH$2:AH$366,ROUNDDOWN($C8330/24,0)+1,1)*INDEX($D$3:$AA$30,INDEX(Jesper!$R$2:$R$366,ROW(INDEX(Jesper!AH$2:AH$366,ROUNDDOWN($C8330/24,0)+1,1))-1)+IF('Standard Profiles'!$G$18=$B$10,7,0)+IF('Standard Profiles'!$G$18=$B$17,14,0)+IF('Standard Profiles'!$G$18=$B$24,21,0),MOD($C8330,24)+1)/SUM(INDEX($D$3:$AA$30,INDEX(Jesper!$R$2:$R$366,ROW(INDEX(Jesper!AH$2:AH$366,ROUNDDOWN($C8330/24,0)+1,1))-1)+IF('Standard Profiles'!$G$18=$B$10,7,0)+IF('Standard Profiles'!$G$18=$B$17,14,0)+IF('Standard Profiles'!$G$18=$B$24,21,0),0)),0)</f>
        <v>21.263230534052916</v>
      </c>
      <c r="E8330" cm="1">
        <f t="array" ref="E8330">IFERROR(INDEX(Jesper!AI$2:AI$366,ROUNDDOWN($C8330/24,0)+1,1)*INDEX($D$3:$AA$30,INDEX(Jesper!$R$2:$R$366,ROW(INDEX(Jesper!AI$2:AI$366,ROUNDDOWN($C8330/24,0)+1,1))-1)+IF('Standard Profiles'!$G$19=$B$10,7,0)+IF('Standard Profiles'!$G$19=$B$17,14,0)+IF('Standard Profiles'!$G$19=$B$24,21,0),MOD($C8330,24)+1)/SUM(INDEX($D$3:$AA$30,INDEX(Jesper!$R$2:$R$366,ROW(INDEX(Jesper!AI$2:AI$366,ROUNDDOWN($C8330/24,0)+1,1))-1)+IF('Standard Profiles'!$G$19=$B$10,7,0)+IF('Standard Profiles'!$G$19=$B$17,14,0)+IF('Standard Profiles'!$G$19=$B$24,21,0),0)),0)</f>
        <v>21.052853030837692</v>
      </c>
      <c r="F8330" cm="1">
        <f t="array" ref="F8330">IFERROR(INDEX(Jesper!AJ$2:AJ$366,ROUNDDOWN($C8330/24,0)+1,1)*INDEX($D$3:$AA$30,INDEX(Jesper!$R$2:$R$366,ROW(INDEX(Jesper!AJ$2:AJ$366,ROUNDDOWN($C8330/24,0)+1,1))-1)+IF('Standard Profiles'!$G$20=$B$10,7,0)+IF('Standard Profiles'!$G$20=$B$17,14,0)+IF('Standard Profiles'!$G$20=$B$24,21,0),MOD($C8330,24)+1)/SUM(INDEX($D$3:$AA$30,INDEX(Jesper!$R$2:$R$366,ROW(INDEX(Jesper!AJ$2:AJ$366,ROUNDDOWN($C8330/24,0)+1,1))-1)+IF('Standard Profiles'!$G$20=$B$10,7,0)+IF('Standard Profiles'!$G$20=$B$17,14,0)+IF('Standard Profiles'!$G$20=$B$24,21,0),0)),0)</f>
        <v>0</v>
      </c>
      <c r="G8330" cm="1">
        <f t="array" ref="G8330">IFERROR(INDEX(Jesper!AK$2:AK$366,ROUNDDOWN($C8330/24,0)+1,1)*INDEX($D$3:$AA$30,INDEX(Jesper!$R$2:$R$366,ROW(INDEX(Jesper!AK$2:AK$366,ROUNDDOWN($C8330/24,0)+1,1))-1)+IF('Standard Profiles'!$G$21=$B$10,7,0)+IF('Standard Profiles'!$G$21=$B$17,14,0)+IF('Standard Profiles'!$G$21=$B$24,21,0),MOD($C8330,24)+1)/SUM(INDEX($D$3:$AA$30,INDEX(Jesper!$R$2:$R$366,ROW(INDEX(Jesper!AK$2:AK$366,ROUNDDOWN($C8330/24,0)+1,1))-1)+IF('Standard Profiles'!$G$21=$B$10,7,0)+IF('Standard Profiles'!$G$21=$B$17,14,0)+IF('Standard Profiles'!$G$21=$B$24,21,0),0)),0)</f>
        <v>19.057913901602692</v>
      </c>
      <c r="H8330" cm="1">
        <f t="array" ref="H8330">IFERROR(INDEX(Jesper!AL$2:AL$366,ROUNDDOWN($C8330/24,0)+1,1)*INDEX($D$3:$AA$30,INDEX(Jesper!$R$2:$R$366,ROW(INDEX(Jesper!AL$2:AL$366,ROUNDDOWN($C8330/24,0)+1,1))-1)+IF('Standard Profiles'!$G$22=$B$10,7,0)+IF('Standard Profiles'!$G$22=$B$17,14,0)+IF('Standard Profiles'!$G$22=$B$24,21,0),MOD($C8330,24)+1)/SUM(INDEX($D$3:$AA$30,INDEX(Jesper!$R$2:$R$366,ROW(INDEX(Jesper!AL$2:AL$366,ROUNDDOWN($C8330/24,0)+1,1))-1)+IF('Standard Profiles'!$G$22=$B$10,7,0)+IF('Standard Profiles'!$G$22=$B$17,14,0)+IF('Standard Profiles'!$G$22=$B$24,21,0),0)),0)</f>
        <v>0</v>
      </c>
      <c r="I8330">
        <f t="shared" si="923"/>
        <v>9.1477986727692873</v>
      </c>
      <c r="J8330">
        <f t="shared" si="924"/>
        <v>48.824081908275545</v>
      </c>
      <c r="K8330">
        <f t="shared" si="925"/>
        <v>2.268077923632311</v>
      </c>
      <c r="L8330">
        <f t="shared" si="926"/>
        <v>1.1340389618161555</v>
      </c>
      <c r="M8330">
        <f t="shared" si="927"/>
        <v>0</v>
      </c>
      <c r="N8330" s="45">
        <f t="shared" si="928"/>
        <v>45272.666666646546</v>
      </c>
    </row>
    <row r="8331" spans="2:14" x14ac:dyDescent="0.25">
      <c r="B8331">
        <f t="shared" si="922"/>
        <v>2</v>
      </c>
      <c r="C8331" s="16">
        <v>8297</v>
      </c>
      <c r="D8331" cm="1">
        <f t="array" ref="D8331">IFERROR(INDEX(Jesper!AH$2:AH$366,ROUNDDOWN($C8331/24,0)+1,1)*INDEX($D$3:$AA$30,INDEX(Jesper!$R$2:$R$366,ROW(INDEX(Jesper!AH$2:AH$366,ROUNDDOWN($C8331/24,0)+1,1))-1)+IF('Standard Profiles'!$G$18=$B$10,7,0)+IF('Standard Profiles'!$G$18=$B$17,14,0)+IF('Standard Profiles'!$G$18=$B$24,21,0),MOD($C8331,24)+1)/SUM(INDEX($D$3:$AA$30,INDEX(Jesper!$R$2:$R$366,ROW(INDEX(Jesper!AH$2:AH$366,ROUNDDOWN($C8331/24,0)+1,1))-1)+IF('Standard Profiles'!$G$18=$B$10,7,0)+IF('Standard Profiles'!$G$18=$B$17,14,0)+IF('Standard Profiles'!$G$18=$B$24,21,0),0)),0)</f>
        <v>9.0752157635735884</v>
      </c>
      <c r="E8331" cm="1">
        <f t="array" ref="E8331">IFERROR(INDEX(Jesper!AI$2:AI$366,ROUNDDOWN($C8331/24,0)+1,1)*INDEX($D$3:$AA$30,INDEX(Jesper!$R$2:$R$366,ROW(INDEX(Jesper!AI$2:AI$366,ROUNDDOWN($C8331/24,0)+1,1))-1)+IF('Standard Profiles'!$G$19=$B$10,7,0)+IF('Standard Profiles'!$G$19=$B$17,14,0)+IF('Standard Profiles'!$G$19=$B$24,21,0),MOD($C8331,24)+1)/SUM(INDEX($D$3:$AA$30,INDEX(Jesper!$R$2:$R$366,ROW(INDEX(Jesper!AI$2:AI$366,ROUNDDOWN($C8331/24,0)+1,1))-1)+IF('Standard Profiles'!$G$19=$B$10,7,0)+IF('Standard Profiles'!$G$19=$B$17,14,0)+IF('Standard Profiles'!$G$19=$B$24,21,0),0)),0)</f>
        <v>8.9854259627988444</v>
      </c>
      <c r="F8331" cm="1">
        <f t="array" ref="F8331">IFERROR(INDEX(Jesper!AJ$2:AJ$366,ROUNDDOWN($C8331/24,0)+1,1)*INDEX($D$3:$AA$30,INDEX(Jesper!$R$2:$R$366,ROW(INDEX(Jesper!AJ$2:AJ$366,ROUNDDOWN($C8331/24,0)+1,1))-1)+IF('Standard Profiles'!$G$20=$B$10,7,0)+IF('Standard Profiles'!$G$20=$B$17,14,0)+IF('Standard Profiles'!$G$20=$B$24,21,0),MOD($C8331,24)+1)/SUM(INDEX($D$3:$AA$30,INDEX(Jesper!$R$2:$R$366,ROW(INDEX(Jesper!AJ$2:AJ$366,ROUNDDOWN($C8331/24,0)+1,1))-1)+IF('Standard Profiles'!$G$20=$B$10,7,0)+IF('Standard Profiles'!$G$20=$B$17,14,0)+IF('Standard Profiles'!$G$20=$B$24,21,0),0)),0)</f>
        <v>0</v>
      </c>
      <c r="G8331" cm="1">
        <f t="array" ref="G8331">IFERROR(INDEX(Jesper!AK$2:AK$366,ROUNDDOWN($C8331/24,0)+1,1)*INDEX($D$3:$AA$30,INDEX(Jesper!$R$2:$R$366,ROW(INDEX(Jesper!AK$2:AK$366,ROUNDDOWN($C8331/24,0)+1,1))-1)+IF('Standard Profiles'!$G$21=$B$10,7,0)+IF('Standard Profiles'!$G$21=$B$17,14,0)+IF('Standard Profiles'!$G$21=$B$24,21,0),MOD($C8331,24)+1)/SUM(INDEX($D$3:$AA$30,INDEX(Jesper!$R$2:$R$366,ROW(INDEX(Jesper!AK$2:AK$366,ROUNDDOWN($C8331/24,0)+1,1))-1)+IF('Standard Profiles'!$G$21=$B$10,7,0)+IF('Standard Profiles'!$G$21=$B$17,14,0)+IF('Standard Profiles'!$G$21=$B$24,21,0),0)),0)</f>
        <v>15.142378863637047</v>
      </c>
      <c r="H8331" cm="1">
        <f t="array" ref="H8331">IFERROR(INDEX(Jesper!AL$2:AL$366,ROUNDDOWN($C8331/24,0)+1,1)*INDEX($D$3:$AA$30,INDEX(Jesper!$R$2:$R$366,ROW(INDEX(Jesper!AL$2:AL$366,ROUNDDOWN($C8331/24,0)+1,1))-1)+IF('Standard Profiles'!$G$22=$B$10,7,0)+IF('Standard Profiles'!$G$22=$B$17,14,0)+IF('Standard Profiles'!$G$22=$B$24,21,0),MOD($C8331,24)+1)/SUM(INDEX($D$3:$AA$30,INDEX(Jesper!$R$2:$R$366,ROW(INDEX(Jesper!AL$2:AL$366,ROUNDDOWN($C8331/24,0)+1,1))-1)+IF('Standard Profiles'!$G$22=$B$10,7,0)+IF('Standard Profiles'!$G$22=$B$17,14,0)+IF('Standard Profiles'!$G$22=$B$24,21,0),0)),0)</f>
        <v>0</v>
      </c>
      <c r="I8331">
        <f t="shared" si="923"/>
        <v>7.2683418545457794</v>
      </c>
      <c r="J8331">
        <f t="shared" si="924"/>
        <v>24.482644213291927</v>
      </c>
      <c r="K8331">
        <f t="shared" si="925"/>
        <v>0.9680230147811828</v>
      </c>
      <c r="L8331">
        <f t="shared" si="926"/>
        <v>0.4840115073905914</v>
      </c>
      <c r="M8331">
        <f t="shared" si="927"/>
        <v>0</v>
      </c>
      <c r="N8331" s="45">
        <f t="shared" si="928"/>
        <v>45272.70833331321</v>
      </c>
    </row>
    <row r="8332" spans="2:14" x14ac:dyDescent="0.25">
      <c r="B8332">
        <f t="shared" si="922"/>
        <v>2</v>
      </c>
      <c r="C8332" s="16">
        <v>8298</v>
      </c>
      <c r="D8332" cm="1">
        <f t="array" ref="D8332">IFERROR(INDEX(Jesper!AH$2:AH$366,ROUNDDOWN($C8332/24,0)+1,1)*INDEX($D$3:$AA$30,INDEX(Jesper!$R$2:$R$366,ROW(INDEX(Jesper!AH$2:AH$366,ROUNDDOWN($C8332/24,0)+1,1))-1)+IF('Standard Profiles'!$G$18=$B$10,7,0)+IF('Standard Profiles'!$G$18=$B$17,14,0)+IF('Standard Profiles'!$G$18=$B$24,21,0),MOD($C8332,24)+1)/SUM(INDEX($D$3:$AA$30,INDEX(Jesper!$R$2:$R$366,ROW(INDEX(Jesper!AH$2:AH$366,ROUNDDOWN($C8332/24,0)+1,1))-1)+IF('Standard Profiles'!$G$18=$B$10,7,0)+IF('Standard Profiles'!$G$18=$B$17,14,0)+IF('Standard Profiles'!$G$18=$B$24,21,0),0)),0)</f>
        <v>5.9896424039585678</v>
      </c>
      <c r="E8332" cm="1">
        <f t="array" ref="E8332">IFERROR(INDEX(Jesper!AI$2:AI$366,ROUNDDOWN($C8332/24,0)+1,1)*INDEX($D$3:$AA$30,INDEX(Jesper!$R$2:$R$366,ROW(INDEX(Jesper!AI$2:AI$366,ROUNDDOWN($C8332/24,0)+1,1))-1)+IF('Standard Profiles'!$G$19=$B$10,7,0)+IF('Standard Profiles'!$G$19=$B$17,14,0)+IF('Standard Profiles'!$G$19=$B$24,21,0),MOD($C8332,24)+1)/SUM(INDEX($D$3:$AA$30,INDEX(Jesper!$R$2:$R$366,ROW(INDEX(Jesper!AI$2:AI$366,ROUNDDOWN($C8332/24,0)+1,1))-1)+IF('Standard Profiles'!$G$19=$B$10,7,0)+IF('Standard Profiles'!$G$19=$B$17,14,0)+IF('Standard Profiles'!$G$19=$B$24,21,0),0)),0)</f>
        <v>5.9303811354472362</v>
      </c>
      <c r="F8332" cm="1">
        <f t="array" ref="F8332">IFERROR(INDEX(Jesper!AJ$2:AJ$366,ROUNDDOWN($C8332/24,0)+1,1)*INDEX($D$3:$AA$30,INDEX(Jesper!$R$2:$R$366,ROW(INDEX(Jesper!AJ$2:AJ$366,ROUNDDOWN($C8332/24,0)+1,1))-1)+IF('Standard Profiles'!$G$20=$B$10,7,0)+IF('Standard Profiles'!$G$20=$B$17,14,0)+IF('Standard Profiles'!$G$20=$B$24,21,0),MOD($C8332,24)+1)/SUM(INDEX($D$3:$AA$30,INDEX(Jesper!$R$2:$R$366,ROW(INDEX(Jesper!AJ$2:AJ$366,ROUNDDOWN($C8332/24,0)+1,1))-1)+IF('Standard Profiles'!$G$20=$B$10,7,0)+IF('Standard Profiles'!$G$20=$B$17,14,0)+IF('Standard Profiles'!$G$20=$B$24,21,0),0)),0)</f>
        <v>0</v>
      </c>
      <c r="G8332" cm="1">
        <f t="array" ref="G8332">IFERROR(INDEX(Jesper!AK$2:AK$366,ROUNDDOWN($C8332/24,0)+1,1)*INDEX($D$3:$AA$30,INDEX(Jesper!$R$2:$R$366,ROW(INDEX(Jesper!AK$2:AK$366,ROUNDDOWN($C8332/24,0)+1,1))-1)+IF('Standard Profiles'!$G$21=$B$10,7,0)+IF('Standard Profiles'!$G$21=$B$17,14,0)+IF('Standard Profiles'!$G$21=$B$24,21,0),MOD($C8332,24)+1)/SUM(INDEX($D$3:$AA$30,INDEX(Jesper!$R$2:$R$366,ROW(INDEX(Jesper!AK$2:AK$366,ROUNDDOWN($C8332/24,0)+1,1))-1)+IF('Standard Profiles'!$G$21=$B$10,7,0)+IF('Standard Profiles'!$G$21=$B$17,14,0)+IF('Standard Profiles'!$G$21=$B$24,21,0),0)),0)</f>
        <v>5.3708666449971227</v>
      </c>
      <c r="H8332" cm="1">
        <f t="array" ref="H8332">IFERROR(INDEX(Jesper!AL$2:AL$366,ROUNDDOWN($C8332/24,0)+1,1)*INDEX($D$3:$AA$30,INDEX(Jesper!$R$2:$R$366,ROW(INDEX(Jesper!AL$2:AL$366,ROUNDDOWN($C8332/24,0)+1,1))-1)+IF('Standard Profiles'!$G$22=$B$10,7,0)+IF('Standard Profiles'!$G$22=$B$17,14,0)+IF('Standard Profiles'!$G$22=$B$24,21,0),MOD($C8332,24)+1)/SUM(INDEX($D$3:$AA$30,INDEX(Jesper!$R$2:$R$366,ROW(INDEX(Jesper!AL$2:AL$366,ROUNDDOWN($C8332/24,0)+1,1))-1)+IF('Standard Profiles'!$G$22=$B$10,7,0)+IF('Standard Profiles'!$G$22=$B$17,14,0)+IF('Standard Profiles'!$G$22=$B$24,21,0),0)),0)</f>
        <v>0</v>
      </c>
      <c r="I8332">
        <f t="shared" si="923"/>
        <v>2.5780159895986174</v>
      </c>
      <c r="J8332">
        <f t="shared" si="924"/>
        <v>13.754531410170939</v>
      </c>
      <c r="K8332">
        <f t="shared" si="925"/>
        <v>0.63889518975558057</v>
      </c>
      <c r="L8332">
        <f t="shared" si="926"/>
        <v>0.31944759487779029</v>
      </c>
      <c r="M8332">
        <f t="shared" si="927"/>
        <v>0</v>
      </c>
      <c r="N8332" s="45">
        <f t="shared" si="928"/>
        <v>45272.749999979875</v>
      </c>
    </row>
    <row r="8333" spans="2:14" x14ac:dyDescent="0.25">
      <c r="B8333">
        <f t="shared" si="922"/>
        <v>2</v>
      </c>
      <c r="C8333" s="16">
        <v>8299</v>
      </c>
      <c r="D8333" cm="1">
        <f t="array" ref="D8333">IFERROR(INDEX(Jesper!AH$2:AH$366,ROUNDDOWN($C8333/24,0)+1,1)*INDEX($D$3:$AA$30,INDEX(Jesper!$R$2:$R$366,ROW(INDEX(Jesper!AH$2:AH$366,ROUNDDOWN($C8333/24,0)+1,1))-1)+IF('Standard Profiles'!$G$18=$B$10,7,0)+IF('Standard Profiles'!$G$18=$B$17,14,0)+IF('Standard Profiles'!$G$18=$B$24,21,0),MOD($C8333,24)+1)/SUM(INDEX($D$3:$AA$30,INDEX(Jesper!$R$2:$R$366,ROW(INDEX(Jesper!AH$2:AH$366,ROUNDDOWN($C8333/24,0)+1,1))-1)+IF('Standard Profiles'!$G$18=$B$10,7,0)+IF('Standard Profiles'!$G$18=$B$17,14,0)+IF('Standard Profiles'!$G$18=$B$24,21,0),0)),0)</f>
        <v>5.9896424039585678</v>
      </c>
      <c r="E8333" cm="1">
        <f t="array" ref="E8333">IFERROR(INDEX(Jesper!AI$2:AI$366,ROUNDDOWN($C8333/24,0)+1,1)*INDEX($D$3:$AA$30,INDEX(Jesper!$R$2:$R$366,ROW(INDEX(Jesper!AI$2:AI$366,ROUNDDOWN($C8333/24,0)+1,1))-1)+IF('Standard Profiles'!$G$19=$B$10,7,0)+IF('Standard Profiles'!$G$19=$B$17,14,0)+IF('Standard Profiles'!$G$19=$B$24,21,0),MOD($C8333,24)+1)/SUM(INDEX($D$3:$AA$30,INDEX(Jesper!$R$2:$R$366,ROW(INDEX(Jesper!AI$2:AI$366,ROUNDDOWN($C8333/24,0)+1,1))-1)+IF('Standard Profiles'!$G$19=$B$10,7,0)+IF('Standard Profiles'!$G$19=$B$17,14,0)+IF('Standard Profiles'!$G$19=$B$24,21,0),0)),0)</f>
        <v>5.9303811354472362</v>
      </c>
      <c r="F8333" cm="1">
        <f t="array" ref="F8333">IFERROR(INDEX(Jesper!AJ$2:AJ$366,ROUNDDOWN($C8333/24,0)+1,1)*INDEX($D$3:$AA$30,INDEX(Jesper!$R$2:$R$366,ROW(INDEX(Jesper!AJ$2:AJ$366,ROUNDDOWN($C8333/24,0)+1,1))-1)+IF('Standard Profiles'!$G$20=$B$10,7,0)+IF('Standard Profiles'!$G$20=$B$17,14,0)+IF('Standard Profiles'!$G$20=$B$24,21,0),MOD($C8333,24)+1)/SUM(INDEX($D$3:$AA$30,INDEX(Jesper!$R$2:$R$366,ROW(INDEX(Jesper!AJ$2:AJ$366,ROUNDDOWN($C8333/24,0)+1,1))-1)+IF('Standard Profiles'!$G$20=$B$10,7,0)+IF('Standard Profiles'!$G$20=$B$17,14,0)+IF('Standard Profiles'!$G$20=$B$24,21,0),0)),0)</f>
        <v>0</v>
      </c>
      <c r="G8333" cm="1">
        <f t="array" ref="G8333">IFERROR(INDEX(Jesper!AK$2:AK$366,ROUNDDOWN($C8333/24,0)+1,1)*INDEX($D$3:$AA$30,INDEX(Jesper!$R$2:$R$366,ROW(INDEX(Jesper!AK$2:AK$366,ROUNDDOWN($C8333/24,0)+1,1))-1)+IF('Standard Profiles'!$G$21=$B$10,7,0)+IF('Standard Profiles'!$G$21=$B$17,14,0)+IF('Standard Profiles'!$G$21=$B$24,21,0),MOD($C8333,24)+1)/SUM(INDEX($D$3:$AA$30,INDEX(Jesper!$R$2:$R$366,ROW(INDEX(Jesper!AK$2:AK$366,ROUNDDOWN($C8333/24,0)+1,1))-1)+IF('Standard Profiles'!$G$21=$B$10,7,0)+IF('Standard Profiles'!$G$21=$B$17,14,0)+IF('Standard Profiles'!$G$21=$B$24,21,0),0)),0)</f>
        <v>5.3708666449971227</v>
      </c>
      <c r="H8333" cm="1">
        <f t="array" ref="H8333">IFERROR(INDEX(Jesper!AL$2:AL$366,ROUNDDOWN($C8333/24,0)+1,1)*INDEX($D$3:$AA$30,INDEX(Jesper!$R$2:$R$366,ROW(INDEX(Jesper!AL$2:AL$366,ROUNDDOWN($C8333/24,0)+1,1))-1)+IF('Standard Profiles'!$G$22=$B$10,7,0)+IF('Standard Profiles'!$G$22=$B$17,14,0)+IF('Standard Profiles'!$G$22=$B$24,21,0),MOD($C8333,24)+1)/SUM(INDEX($D$3:$AA$30,INDEX(Jesper!$R$2:$R$366,ROW(INDEX(Jesper!AL$2:AL$366,ROUNDDOWN($C8333/24,0)+1,1))-1)+IF('Standard Profiles'!$G$22=$B$10,7,0)+IF('Standard Profiles'!$G$22=$B$17,14,0)+IF('Standard Profiles'!$G$22=$B$24,21,0),0)),0)</f>
        <v>0</v>
      </c>
      <c r="I8333">
        <f t="shared" si="923"/>
        <v>2.5780159895986174</v>
      </c>
      <c r="J8333">
        <f t="shared" si="924"/>
        <v>13.754531410170939</v>
      </c>
      <c r="K8333">
        <f t="shared" si="925"/>
        <v>0.63889518975558057</v>
      </c>
      <c r="L8333">
        <f t="shared" si="926"/>
        <v>0.31944759487779029</v>
      </c>
      <c r="M8333">
        <f t="shared" si="927"/>
        <v>0</v>
      </c>
      <c r="N8333" s="45">
        <f t="shared" si="928"/>
        <v>45272.791666646539</v>
      </c>
    </row>
    <row r="8334" spans="2:14" x14ac:dyDescent="0.25">
      <c r="B8334">
        <f t="shared" si="922"/>
        <v>2</v>
      </c>
      <c r="C8334" s="16">
        <v>8300</v>
      </c>
      <c r="D8334" cm="1">
        <f t="array" ref="D8334">IFERROR(INDEX(Jesper!AH$2:AH$366,ROUNDDOWN($C8334/24,0)+1,1)*INDEX($D$3:$AA$30,INDEX(Jesper!$R$2:$R$366,ROW(INDEX(Jesper!AH$2:AH$366,ROUNDDOWN($C8334/24,0)+1,1))-1)+IF('Standard Profiles'!$G$18=$B$10,7,0)+IF('Standard Profiles'!$G$18=$B$17,14,0)+IF('Standard Profiles'!$G$18=$B$24,21,0),MOD($C8334,24)+1)/SUM(INDEX($D$3:$AA$30,INDEX(Jesper!$R$2:$R$366,ROW(INDEX(Jesper!AH$2:AH$366,ROUNDDOWN($C8334/24,0)+1,1))-1)+IF('Standard Profiles'!$G$18=$B$10,7,0)+IF('Standard Profiles'!$G$18=$B$17,14,0)+IF('Standard Profiles'!$G$18=$B$24,21,0),0)),0)</f>
        <v>5.9896424039585678</v>
      </c>
      <c r="E8334" cm="1">
        <f t="array" ref="E8334">IFERROR(INDEX(Jesper!AI$2:AI$366,ROUNDDOWN($C8334/24,0)+1,1)*INDEX($D$3:$AA$30,INDEX(Jesper!$R$2:$R$366,ROW(INDEX(Jesper!AI$2:AI$366,ROUNDDOWN($C8334/24,0)+1,1))-1)+IF('Standard Profiles'!$G$19=$B$10,7,0)+IF('Standard Profiles'!$G$19=$B$17,14,0)+IF('Standard Profiles'!$G$19=$B$24,21,0),MOD($C8334,24)+1)/SUM(INDEX($D$3:$AA$30,INDEX(Jesper!$R$2:$R$366,ROW(INDEX(Jesper!AI$2:AI$366,ROUNDDOWN($C8334/24,0)+1,1))-1)+IF('Standard Profiles'!$G$19=$B$10,7,0)+IF('Standard Profiles'!$G$19=$B$17,14,0)+IF('Standard Profiles'!$G$19=$B$24,21,0),0)),0)</f>
        <v>5.9303811354472362</v>
      </c>
      <c r="F8334" cm="1">
        <f t="array" ref="F8334">IFERROR(INDEX(Jesper!AJ$2:AJ$366,ROUNDDOWN($C8334/24,0)+1,1)*INDEX($D$3:$AA$30,INDEX(Jesper!$R$2:$R$366,ROW(INDEX(Jesper!AJ$2:AJ$366,ROUNDDOWN($C8334/24,0)+1,1))-1)+IF('Standard Profiles'!$G$20=$B$10,7,0)+IF('Standard Profiles'!$G$20=$B$17,14,0)+IF('Standard Profiles'!$G$20=$B$24,21,0),MOD($C8334,24)+1)/SUM(INDEX($D$3:$AA$30,INDEX(Jesper!$R$2:$R$366,ROW(INDEX(Jesper!AJ$2:AJ$366,ROUNDDOWN($C8334/24,0)+1,1))-1)+IF('Standard Profiles'!$G$20=$B$10,7,0)+IF('Standard Profiles'!$G$20=$B$17,14,0)+IF('Standard Profiles'!$G$20=$B$24,21,0),0)),0)</f>
        <v>0</v>
      </c>
      <c r="G8334" cm="1">
        <f t="array" ref="G8334">IFERROR(INDEX(Jesper!AK$2:AK$366,ROUNDDOWN($C8334/24,0)+1,1)*INDEX($D$3:$AA$30,INDEX(Jesper!$R$2:$R$366,ROW(INDEX(Jesper!AK$2:AK$366,ROUNDDOWN($C8334/24,0)+1,1))-1)+IF('Standard Profiles'!$G$21=$B$10,7,0)+IF('Standard Profiles'!$G$21=$B$17,14,0)+IF('Standard Profiles'!$G$21=$B$24,21,0),MOD($C8334,24)+1)/SUM(INDEX($D$3:$AA$30,INDEX(Jesper!$R$2:$R$366,ROW(INDEX(Jesper!AK$2:AK$366,ROUNDDOWN($C8334/24,0)+1,1))-1)+IF('Standard Profiles'!$G$21=$B$10,7,0)+IF('Standard Profiles'!$G$21=$B$17,14,0)+IF('Standard Profiles'!$G$21=$B$24,21,0),0)),0)</f>
        <v>5.3708666449971227</v>
      </c>
      <c r="H8334" cm="1">
        <f t="array" ref="H8334">IFERROR(INDEX(Jesper!AL$2:AL$366,ROUNDDOWN($C8334/24,0)+1,1)*INDEX($D$3:$AA$30,INDEX(Jesper!$R$2:$R$366,ROW(INDEX(Jesper!AL$2:AL$366,ROUNDDOWN($C8334/24,0)+1,1))-1)+IF('Standard Profiles'!$G$22=$B$10,7,0)+IF('Standard Profiles'!$G$22=$B$17,14,0)+IF('Standard Profiles'!$G$22=$B$24,21,0),MOD($C8334,24)+1)/SUM(INDEX($D$3:$AA$30,INDEX(Jesper!$R$2:$R$366,ROW(INDEX(Jesper!AL$2:AL$366,ROUNDDOWN($C8334/24,0)+1,1))-1)+IF('Standard Profiles'!$G$22=$B$10,7,0)+IF('Standard Profiles'!$G$22=$B$17,14,0)+IF('Standard Profiles'!$G$22=$B$24,21,0),0)),0)</f>
        <v>0</v>
      </c>
      <c r="I8334">
        <f t="shared" si="923"/>
        <v>2.5780159895986174</v>
      </c>
      <c r="J8334">
        <f t="shared" si="924"/>
        <v>13.754531410170939</v>
      </c>
      <c r="K8334">
        <f t="shared" si="925"/>
        <v>0.63889518975558057</v>
      </c>
      <c r="L8334">
        <f t="shared" si="926"/>
        <v>0.31944759487779029</v>
      </c>
      <c r="M8334">
        <f t="shared" si="927"/>
        <v>0</v>
      </c>
      <c r="N8334" s="45">
        <f t="shared" si="928"/>
        <v>45272.833333313203</v>
      </c>
    </row>
    <row r="8335" spans="2:14" x14ac:dyDescent="0.25">
      <c r="B8335">
        <f t="shared" si="922"/>
        <v>2</v>
      </c>
      <c r="C8335" s="16">
        <v>8301</v>
      </c>
      <c r="D8335" cm="1">
        <f t="array" ref="D8335">IFERROR(INDEX(Jesper!AH$2:AH$366,ROUNDDOWN($C8335/24,0)+1,1)*INDEX($D$3:$AA$30,INDEX(Jesper!$R$2:$R$366,ROW(INDEX(Jesper!AH$2:AH$366,ROUNDDOWN($C8335/24,0)+1,1))-1)+IF('Standard Profiles'!$G$18=$B$10,7,0)+IF('Standard Profiles'!$G$18=$B$17,14,0)+IF('Standard Profiles'!$G$18=$B$24,21,0),MOD($C8335,24)+1)/SUM(INDEX($D$3:$AA$30,INDEX(Jesper!$R$2:$R$366,ROW(INDEX(Jesper!AH$2:AH$366,ROUNDDOWN($C8335/24,0)+1,1))-1)+IF('Standard Profiles'!$G$18=$B$10,7,0)+IF('Standard Profiles'!$G$18=$B$17,14,0)+IF('Standard Profiles'!$G$18=$B$24,21,0),0)),0)</f>
        <v>5.9896424039585678</v>
      </c>
      <c r="E8335" cm="1">
        <f t="array" ref="E8335">IFERROR(INDEX(Jesper!AI$2:AI$366,ROUNDDOWN($C8335/24,0)+1,1)*INDEX($D$3:$AA$30,INDEX(Jesper!$R$2:$R$366,ROW(INDEX(Jesper!AI$2:AI$366,ROUNDDOWN($C8335/24,0)+1,1))-1)+IF('Standard Profiles'!$G$19=$B$10,7,0)+IF('Standard Profiles'!$G$19=$B$17,14,0)+IF('Standard Profiles'!$G$19=$B$24,21,0),MOD($C8335,24)+1)/SUM(INDEX($D$3:$AA$30,INDEX(Jesper!$R$2:$R$366,ROW(INDEX(Jesper!AI$2:AI$366,ROUNDDOWN($C8335/24,0)+1,1))-1)+IF('Standard Profiles'!$G$19=$B$10,7,0)+IF('Standard Profiles'!$G$19=$B$17,14,0)+IF('Standard Profiles'!$G$19=$B$24,21,0),0)),0)</f>
        <v>5.9303811354472362</v>
      </c>
      <c r="F8335" cm="1">
        <f t="array" ref="F8335">IFERROR(INDEX(Jesper!AJ$2:AJ$366,ROUNDDOWN($C8335/24,0)+1,1)*INDEX($D$3:$AA$30,INDEX(Jesper!$R$2:$R$366,ROW(INDEX(Jesper!AJ$2:AJ$366,ROUNDDOWN($C8335/24,0)+1,1))-1)+IF('Standard Profiles'!$G$20=$B$10,7,0)+IF('Standard Profiles'!$G$20=$B$17,14,0)+IF('Standard Profiles'!$G$20=$B$24,21,0),MOD($C8335,24)+1)/SUM(INDEX($D$3:$AA$30,INDEX(Jesper!$R$2:$R$366,ROW(INDEX(Jesper!AJ$2:AJ$366,ROUNDDOWN($C8335/24,0)+1,1))-1)+IF('Standard Profiles'!$G$20=$B$10,7,0)+IF('Standard Profiles'!$G$20=$B$17,14,0)+IF('Standard Profiles'!$G$20=$B$24,21,0),0)),0)</f>
        <v>0</v>
      </c>
      <c r="G8335" cm="1">
        <f t="array" ref="G8335">IFERROR(INDEX(Jesper!AK$2:AK$366,ROUNDDOWN($C8335/24,0)+1,1)*INDEX($D$3:$AA$30,INDEX(Jesper!$R$2:$R$366,ROW(INDEX(Jesper!AK$2:AK$366,ROUNDDOWN($C8335/24,0)+1,1))-1)+IF('Standard Profiles'!$G$21=$B$10,7,0)+IF('Standard Profiles'!$G$21=$B$17,14,0)+IF('Standard Profiles'!$G$21=$B$24,21,0),MOD($C8335,24)+1)/SUM(INDEX($D$3:$AA$30,INDEX(Jesper!$R$2:$R$366,ROW(INDEX(Jesper!AK$2:AK$366,ROUNDDOWN($C8335/24,0)+1,1))-1)+IF('Standard Profiles'!$G$21=$B$10,7,0)+IF('Standard Profiles'!$G$21=$B$17,14,0)+IF('Standard Profiles'!$G$21=$B$24,21,0),0)),0)</f>
        <v>5.3708666449971227</v>
      </c>
      <c r="H8335" cm="1">
        <f t="array" ref="H8335">IFERROR(INDEX(Jesper!AL$2:AL$366,ROUNDDOWN($C8335/24,0)+1,1)*INDEX($D$3:$AA$30,INDEX(Jesper!$R$2:$R$366,ROW(INDEX(Jesper!AL$2:AL$366,ROUNDDOWN($C8335/24,0)+1,1))-1)+IF('Standard Profiles'!$G$22=$B$10,7,0)+IF('Standard Profiles'!$G$22=$B$17,14,0)+IF('Standard Profiles'!$G$22=$B$24,21,0),MOD($C8335,24)+1)/SUM(INDEX($D$3:$AA$30,INDEX(Jesper!$R$2:$R$366,ROW(INDEX(Jesper!AL$2:AL$366,ROUNDDOWN($C8335/24,0)+1,1))-1)+IF('Standard Profiles'!$G$22=$B$10,7,0)+IF('Standard Profiles'!$G$22=$B$17,14,0)+IF('Standard Profiles'!$G$22=$B$24,21,0),0)),0)</f>
        <v>0</v>
      </c>
      <c r="I8335">
        <f t="shared" si="923"/>
        <v>2.5780159895986174</v>
      </c>
      <c r="J8335">
        <f t="shared" si="924"/>
        <v>13.754531410170939</v>
      </c>
      <c r="K8335">
        <f t="shared" si="925"/>
        <v>0.63889518975558057</v>
      </c>
      <c r="L8335">
        <f t="shared" si="926"/>
        <v>0.31944759487779029</v>
      </c>
      <c r="M8335">
        <f t="shared" si="927"/>
        <v>0</v>
      </c>
      <c r="N8335" s="45">
        <f t="shared" si="928"/>
        <v>45272.874999979867</v>
      </c>
    </row>
    <row r="8336" spans="2:14" x14ac:dyDescent="0.25">
      <c r="B8336">
        <f t="shared" si="922"/>
        <v>2</v>
      </c>
      <c r="C8336" s="16">
        <v>8302</v>
      </c>
      <c r="D8336" cm="1">
        <f t="array" ref="D8336">IFERROR(INDEX(Jesper!AH$2:AH$366,ROUNDDOWN($C8336/24,0)+1,1)*INDEX($D$3:$AA$30,INDEX(Jesper!$R$2:$R$366,ROW(INDEX(Jesper!AH$2:AH$366,ROUNDDOWN($C8336/24,0)+1,1))-1)+IF('Standard Profiles'!$G$18=$B$10,7,0)+IF('Standard Profiles'!$G$18=$B$17,14,0)+IF('Standard Profiles'!$G$18=$B$24,21,0),MOD($C8336,24)+1)/SUM(INDEX($D$3:$AA$30,INDEX(Jesper!$R$2:$R$366,ROW(INDEX(Jesper!AH$2:AH$366,ROUNDDOWN($C8336/24,0)+1,1))-1)+IF('Standard Profiles'!$G$18=$B$10,7,0)+IF('Standard Profiles'!$G$18=$B$17,14,0)+IF('Standard Profiles'!$G$18=$B$24,21,0),0)),0)</f>
        <v>5.9896424039585678</v>
      </c>
      <c r="E8336" cm="1">
        <f t="array" ref="E8336">IFERROR(INDEX(Jesper!AI$2:AI$366,ROUNDDOWN($C8336/24,0)+1,1)*INDEX($D$3:$AA$30,INDEX(Jesper!$R$2:$R$366,ROW(INDEX(Jesper!AI$2:AI$366,ROUNDDOWN($C8336/24,0)+1,1))-1)+IF('Standard Profiles'!$G$19=$B$10,7,0)+IF('Standard Profiles'!$G$19=$B$17,14,0)+IF('Standard Profiles'!$G$19=$B$24,21,0),MOD($C8336,24)+1)/SUM(INDEX($D$3:$AA$30,INDEX(Jesper!$R$2:$R$366,ROW(INDEX(Jesper!AI$2:AI$366,ROUNDDOWN($C8336/24,0)+1,1))-1)+IF('Standard Profiles'!$G$19=$B$10,7,0)+IF('Standard Profiles'!$G$19=$B$17,14,0)+IF('Standard Profiles'!$G$19=$B$24,21,0),0)),0)</f>
        <v>5.9303811354472362</v>
      </c>
      <c r="F8336" cm="1">
        <f t="array" ref="F8336">IFERROR(INDEX(Jesper!AJ$2:AJ$366,ROUNDDOWN($C8336/24,0)+1,1)*INDEX($D$3:$AA$30,INDEX(Jesper!$R$2:$R$366,ROW(INDEX(Jesper!AJ$2:AJ$366,ROUNDDOWN($C8336/24,0)+1,1))-1)+IF('Standard Profiles'!$G$20=$B$10,7,0)+IF('Standard Profiles'!$G$20=$B$17,14,0)+IF('Standard Profiles'!$G$20=$B$24,21,0),MOD($C8336,24)+1)/SUM(INDEX($D$3:$AA$30,INDEX(Jesper!$R$2:$R$366,ROW(INDEX(Jesper!AJ$2:AJ$366,ROUNDDOWN($C8336/24,0)+1,1))-1)+IF('Standard Profiles'!$G$20=$B$10,7,0)+IF('Standard Profiles'!$G$20=$B$17,14,0)+IF('Standard Profiles'!$G$20=$B$24,21,0),0)),0)</f>
        <v>0</v>
      </c>
      <c r="G8336" cm="1">
        <f t="array" ref="G8336">IFERROR(INDEX(Jesper!AK$2:AK$366,ROUNDDOWN($C8336/24,0)+1,1)*INDEX($D$3:$AA$30,INDEX(Jesper!$R$2:$R$366,ROW(INDEX(Jesper!AK$2:AK$366,ROUNDDOWN($C8336/24,0)+1,1))-1)+IF('Standard Profiles'!$G$21=$B$10,7,0)+IF('Standard Profiles'!$G$21=$B$17,14,0)+IF('Standard Profiles'!$G$21=$B$24,21,0),MOD($C8336,24)+1)/SUM(INDEX($D$3:$AA$30,INDEX(Jesper!$R$2:$R$366,ROW(INDEX(Jesper!AK$2:AK$366,ROUNDDOWN($C8336/24,0)+1,1))-1)+IF('Standard Profiles'!$G$21=$B$10,7,0)+IF('Standard Profiles'!$G$21=$B$17,14,0)+IF('Standard Profiles'!$G$21=$B$24,21,0),0)),0)</f>
        <v>5.3708666449971227</v>
      </c>
      <c r="H8336" cm="1">
        <f t="array" ref="H8336">IFERROR(INDEX(Jesper!AL$2:AL$366,ROUNDDOWN($C8336/24,0)+1,1)*INDEX($D$3:$AA$30,INDEX(Jesper!$R$2:$R$366,ROW(INDEX(Jesper!AL$2:AL$366,ROUNDDOWN($C8336/24,0)+1,1))-1)+IF('Standard Profiles'!$G$22=$B$10,7,0)+IF('Standard Profiles'!$G$22=$B$17,14,0)+IF('Standard Profiles'!$G$22=$B$24,21,0),MOD($C8336,24)+1)/SUM(INDEX($D$3:$AA$30,INDEX(Jesper!$R$2:$R$366,ROW(INDEX(Jesper!AL$2:AL$366,ROUNDDOWN($C8336/24,0)+1,1))-1)+IF('Standard Profiles'!$G$22=$B$10,7,0)+IF('Standard Profiles'!$G$22=$B$17,14,0)+IF('Standard Profiles'!$G$22=$B$24,21,0),0)),0)</f>
        <v>0</v>
      </c>
      <c r="I8336">
        <f t="shared" si="923"/>
        <v>2.5780159895986174</v>
      </c>
      <c r="J8336">
        <f t="shared" si="924"/>
        <v>13.754531410170939</v>
      </c>
      <c r="K8336">
        <f t="shared" si="925"/>
        <v>0.63889518975558057</v>
      </c>
      <c r="L8336">
        <f t="shared" si="926"/>
        <v>0.31944759487779029</v>
      </c>
      <c r="M8336">
        <f t="shared" si="927"/>
        <v>0</v>
      </c>
      <c r="N8336" s="45">
        <f t="shared" si="928"/>
        <v>45272.916666646532</v>
      </c>
    </row>
    <row r="8337" spans="2:14" x14ac:dyDescent="0.25">
      <c r="B8337">
        <f t="shared" si="922"/>
        <v>2</v>
      </c>
      <c r="C8337" s="16">
        <v>8303</v>
      </c>
      <c r="D8337" cm="1">
        <f t="array" ref="D8337">IFERROR(INDEX(Jesper!AH$2:AH$366,ROUNDDOWN($C8337/24,0)+1,1)*INDEX($D$3:$AA$30,INDEX(Jesper!$R$2:$R$366,ROW(INDEX(Jesper!AH$2:AH$366,ROUNDDOWN($C8337/24,0)+1,1))-1)+IF('Standard Profiles'!$G$18=$B$10,7,0)+IF('Standard Profiles'!$G$18=$B$17,14,0)+IF('Standard Profiles'!$G$18=$B$24,21,0),MOD($C8337,24)+1)/SUM(INDEX($D$3:$AA$30,INDEX(Jesper!$R$2:$R$366,ROW(INDEX(Jesper!AH$2:AH$366,ROUNDDOWN($C8337/24,0)+1,1))-1)+IF('Standard Profiles'!$G$18=$B$10,7,0)+IF('Standard Profiles'!$G$18=$B$17,14,0)+IF('Standard Profiles'!$G$18=$B$24,21,0),0)),0)</f>
        <v>5.9896424039585678</v>
      </c>
      <c r="E8337" cm="1">
        <f t="array" ref="E8337">IFERROR(INDEX(Jesper!AI$2:AI$366,ROUNDDOWN($C8337/24,0)+1,1)*INDEX($D$3:$AA$30,INDEX(Jesper!$R$2:$R$366,ROW(INDEX(Jesper!AI$2:AI$366,ROUNDDOWN($C8337/24,0)+1,1))-1)+IF('Standard Profiles'!$G$19=$B$10,7,0)+IF('Standard Profiles'!$G$19=$B$17,14,0)+IF('Standard Profiles'!$G$19=$B$24,21,0),MOD($C8337,24)+1)/SUM(INDEX($D$3:$AA$30,INDEX(Jesper!$R$2:$R$366,ROW(INDEX(Jesper!AI$2:AI$366,ROUNDDOWN($C8337/24,0)+1,1))-1)+IF('Standard Profiles'!$G$19=$B$10,7,0)+IF('Standard Profiles'!$G$19=$B$17,14,0)+IF('Standard Profiles'!$G$19=$B$24,21,0),0)),0)</f>
        <v>5.9303811354472362</v>
      </c>
      <c r="F8337" cm="1">
        <f t="array" ref="F8337">IFERROR(INDEX(Jesper!AJ$2:AJ$366,ROUNDDOWN($C8337/24,0)+1,1)*INDEX($D$3:$AA$30,INDEX(Jesper!$R$2:$R$366,ROW(INDEX(Jesper!AJ$2:AJ$366,ROUNDDOWN($C8337/24,0)+1,1))-1)+IF('Standard Profiles'!$G$20=$B$10,7,0)+IF('Standard Profiles'!$G$20=$B$17,14,0)+IF('Standard Profiles'!$G$20=$B$24,21,0),MOD($C8337,24)+1)/SUM(INDEX($D$3:$AA$30,INDEX(Jesper!$R$2:$R$366,ROW(INDEX(Jesper!AJ$2:AJ$366,ROUNDDOWN($C8337/24,0)+1,1))-1)+IF('Standard Profiles'!$G$20=$B$10,7,0)+IF('Standard Profiles'!$G$20=$B$17,14,0)+IF('Standard Profiles'!$G$20=$B$24,21,0),0)),0)</f>
        <v>0</v>
      </c>
      <c r="G8337" cm="1">
        <f t="array" ref="G8337">IFERROR(INDEX(Jesper!AK$2:AK$366,ROUNDDOWN($C8337/24,0)+1,1)*INDEX($D$3:$AA$30,INDEX(Jesper!$R$2:$R$366,ROW(INDEX(Jesper!AK$2:AK$366,ROUNDDOWN($C8337/24,0)+1,1))-1)+IF('Standard Profiles'!$G$21=$B$10,7,0)+IF('Standard Profiles'!$G$21=$B$17,14,0)+IF('Standard Profiles'!$G$21=$B$24,21,0),MOD($C8337,24)+1)/SUM(INDEX($D$3:$AA$30,INDEX(Jesper!$R$2:$R$366,ROW(INDEX(Jesper!AK$2:AK$366,ROUNDDOWN($C8337/24,0)+1,1))-1)+IF('Standard Profiles'!$G$21=$B$10,7,0)+IF('Standard Profiles'!$G$21=$B$17,14,0)+IF('Standard Profiles'!$G$21=$B$24,21,0),0)),0)</f>
        <v>5.3708666449971227</v>
      </c>
      <c r="H8337" cm="1">
        <f t="array" ref="H8337">IFERROR(INDEX(Jesper!AL$2:AL$366,ROUNDDOWN($C8337/24,0)+1,1)*INDEX($D$3:$AA$30,INDEX(Jesper!$R$2:$R$366,ROW(INDEX(Jesper!AL$2:AL$366,ROUNDDOWN($C8337/24,0)+1,1))-1)+IF('Standard Profiles'!$G$22=$B$10,7,0)+IF('Standard Profiles'!$G$22=$B$17,14,0)+IF('Standard Profiles'!$G$22=$B$24,21,0),MOD($C8337,24)+1)/SUM(INDEX($D$3:$AA$30,INDEX(Jesper!$R$2:$R$366,ROW(INDEX(Jesper!AL$2:AL$366,ROUNDDOWN($C8337/24,0)+1,1))-1)+IF('Standard Profiles'!$G$22=$B$10,7,0)+IF('Standard Profiles'!$G$22=$B$17,14,0)+IF('Standard Profiles'!$G$22=$B$24,21,0),0)),0)</f>
        <v>0</v>
      </c>
      <c r="I8337">
        <f t="shared" si="923"/>
        <v>2.5780159895986174</v>
      </c>
      <c r="J8337">
        <f t="shared" si="924"/>
        <v>13.754531410170939</v>
      </c>
      <c r="K8337">
        <f t="shared" si="925"/>
        <v>0.63889518975558057</v>
      </c>
      <c r="L8337">
        <f t="shared" si="926"/>
        <v>0.31944759487779029</v>
      </c>
      <c r="M8337">
        <f t="shared" si="927"/>
        <v>0</v>
      </c>
      <c r="N8337" s="45">
        <f t="shared" si="928"/>
        <v>45272.958333313196</v>
      </c>
    </row>
    <row r="8338" spans="2:14" x14ac:dyDescent="0.25">
      <c r="B8338">
        <f t="shared" si="922"/>
        <v>3</v>
      </c>
      <c r="C8338" s="16">
        <v>8304</v>
      </c>
      <c r="D8338" cm="1">
        <f t="array" ref="D8338">IFERROR(INDEX(Jesper!AH$2:AH$366,ROUNDDOWN($C8338/24,0)+1,1)*INDEX($D$3:$AA$30,INDEX(Jesper!$R$2:$R$366,ROW(INDEX(Jesper!AH$2:AH$366,ROUNDDOWN($C8338/24,0)+1,1))-1)+IF('Standard Profiles'!$G$18=$B$10,7,0)+IF('Standard Profiles'!$G$18=$B$17,14,0)+IF('Standard Profiles'!$G$18=$B$24,21,0),MOD($C8338,24)+1)/SUM(INDEX($D$3:$AA$30,INDEX(Jesper!$R$2:$R$366,ROW(INDEX(Jesper!AH$2:AH$366,ROUNDDOWN($C8338/24,0)+1,1))-1)+IF('Standard Profiles'!$G$18=$B$10,7,0)+IF('Standard Profiles'!$G$18=$B$17,14,0)+IF('Standard Profiles'!$G$18=$B$24,21,0),0)),0)</f>
        <v>5.9476870825856656</v>
      </c>
      <c r="E8338" cm="1">
        <f t="array" ref="E8338">IFERROR(INDEX(Jesper!AI$2:AI$366,ROUNDDOWN($C8338/24,0)+1,1)*INDEX($D$3:$AA$30,INDEX(Jesper!$R$2:$R$366,ROW(INDEX(Jesper!AI$2:AI$366,ROUNDDOWN($C8338/24,0)+1,1))-1)+IF('Standard Profiles'!$G$19=$B$10,7,0)+IF('Standard Profiles'!$G$19=$B$17,14,0)+IF('Standard Profiles'!$G$19=$B$24,21,0),MOD($C8338,24)+1)/SUM(INDEX($D$3:$AA$30,INDEX(Jesper!$R$2:$R$366,ROW(INDEX(Jesper!AI$2:AI$366,ROUNDDOWN($C8338/24,0)+1,1))-1)+IF('Standard Profiles'!$G$19=$B$10,7,0)+IF('Standard Profiles'!$G$19=$B$17,14,0)+IF('Standard Profiles'!$G$19=$B$24,21,0),0)),0)</f>
        <v>5.9500784886560796</v>
      </c>
      <c r="F8338" cm="1">
        <f t="array" ref="F8338">IFERROR(INDEX(Jesper!AJ$2:AJ$366,ROUNDDOWN($C8338/24,0)+1,1)*INDEX($D$3:$AA$30,INDEX(Jesper!$R$2:$R$366,ROW(INDEX(Jesper!AJ$2:AJ$366,ROUNDDOWN($C8338/24,0)+1,1))-1)+IF('Standard Profiles'!$G$20=$B$10,7,0)+IF('Standard Profiles'!$G$20=$B$17,14,0)+IF('Standard Profiles'!$G$20=$B$24,21,0),MOD($C8338,24)+1)/SUM(INDEX($D$3:$AA$30,INDEX(Jesper!$R$2:$R$366,ROW(INDEX(Jesper!AJ$2:AJ$366,ROUNDDOWN($C8338/24,0)+1,1))-1)+IF('Standard Profiles'!$G$20=$B$10,7,0)+IF('Standard Profiles'!$G$20=$B$17,14,0)+IF('Standard Profiles'!$G$20=$B$24,21,0),0)),0)</f>
        <v>0</v>
      </c>
      <c r="G8338" cm="1">
        <f t="array" ref="G8338">IFERROR(INDEX(Jesper!AK$2:AK$366,ROUNDDOWN($C8338/24,0)+1,1)*INDEX($D$3:$AA$30,INDEX(Jesper!$R$2:$R$366,ROW(INDEX(Jesper!AK$2:AK$366,ROUNDDOWN($C8338/24,0)+1,1))-1)+IF('Standard Profiles'!$G$21=$B$10,7,0)+IF('Standard Profiles'!$G$21=$B$17,14,0)+IF('Standard Profiles'!$G$21=$B$24,21,0),MOD($C8338,24)+1)/SUM(INDEX($D$3:$AA$30,INDEX(Jesper!$R$2:$R$366,ROW(INDEX(Jesper!AK$2:AK$366,ROUNDDOWN($C8338/24,0)+1,1))-1)+IF('Standard Profiles'!$G$21=$B$10,7,0)+IF('Standard Profiles'!$G$21=$B$17,14,0)+IF('Standard Profiles'!$G$21=$B$24,21,0),0)),0)</f>
        <v>5.7329129942402846</v>
      </c>
      <c r="H8338" cm="1">
        <f t="array" ref="H8338">IFERROR(INDEX(Jesper!AL$2:AL$366,ROUNDDOWN($C8338/24,0)+1,1)*INDEX($D$3:$AA$30,INDEX(Jesper!$R$2:$R$366,ROW(INDEX(Jesper!AL$2:AL$366,ROUNDDOWN($C8338/24,0)+1,1))-1)+IF('Standard Profiles'!$G$22=$B$10,7,0)+IF('Standard Profiles'!$G$22=$B$17,14,0)+IF('Standard Profiles'!$G$22=$B$24,21,0),MOD($C8338,24)+1)/SUM(INDEX($D$3:$AA$30,INDEX(Jesper!$R$2:$R$366,ROW(INDEX(Jesper!AL$2:AL$366,ROUNDDOWN($C8338/24,0)+1,1))-1)+IF('Standard Profiles'!$G$22=$B$10,7,0)+IF('Standard Profiles'!$G$22=$B$17,14,0)+IF('Standard Profiles'!$G$22=$B$24,21,0),0)),0)</f>
        <v>0</v>
      </c>
      <c r="I8338">
        <f t="shared" si="923"/>
        <v>2.7517982372353353</v>
      </c>
      <c r="J8338">
        <f t="shared" si="924"/>
        <v>13.927250395032988</v>
      </c>
      <c r="K8338">
        <f t="shared" si="925"/>
        <v>0.63441995547580432</v>
      </c>
      <c r="L8338">
        <f t="shared" si="926"/>
        <v>0.31720997773790216</v>
      </c>
      <c r="M8338">
        <f t="shared" si="927"/>
        <v>0</v>
      </c>
      <c r="N8338" s="45">
        <f t="shared" si="928"/>
        <v>45272.99999997986</v>
      </c>
    </row>
    <row r="8339" spans="2:14" x14ac:dyDescent="0.25">
      <c r="B8339">
        <f t="shared" si="922"/>
        <v>3</v>
      </c>
      <c r="C8339" s="16">
        <v>8305</v>
      </c>
      <c r="D8339" cm="1">
        <f t="array" ref="D8339">IFERROR(INDEX(Jesper!AH$2:AH$366,ROUNDDOWN($C8339/24,0)+1,1)*INDEX($D$3:$AA$30,INDEX(Jesper!$R$2:$R$366,ROW(INDEX(Jesper!AH$2:AH$366,ROUNDDOWN($C8339/24,0)+1,1))-1)+IF('Standard Profiles'!$G$18=$B$10,7,0)+IF('Standard Profiles'!$G$18=$B$17,14,0)+IF('Standard Profiles'!$G$18=$B$24,21,0),MOD($C8339,24)+1)/SUM(INDEX($D$3:$AA$30,INDEX(Jesper!$R$2:$R$366,ROW(INDEX(Jesper!AH$2:AH$366,ROUNDDOWN($C8339/24,0)+1,1))-1)+IF('Standard Profiles'!$G$18=$B$10,7,0)+IF('Standard Profiles'!$G$18=$B$17,14,0)+IF('Standard Profiles'!$G$18=$B$24,21,0),0)),0)</f>
        <v>5.9476870825856656</v>
      </c>
      <c r="E8339" cm="1">
        <f t="array" ref="E8339">IFERROR(INDEX(Jesper!AI$2:AI$366,ROUNDDOWN($C8339/24,0)+1,1)*INDEX($D$3:$AA$30,INDEX(Jesper!$R$2:$R$366,ROW(INDEX(Jesper!AI$2:AI$366,ROUNDDOWN($C8339/24,0)+1,1))-1)+IF('Standard Profiles'!$G$19=$B$10,7,0)+IF('Standard Profiles'!$G$19=$B$17,14,0)+IF('Standard Profiles'!$G$19=$B$24,21,0),MOD($C8339,24)+1)/SUM(INDEX($D$3:$AA$30,INDEX(Jesper!$R$2:$R$366,ROW(INDEX(Jesper!AI$2:AI$366,ROUNDDOWN($C8339/24,0)+1,1))-1)+IF('Standard Profiles'!$G$19=$B$10,7,0)+IF('Standard Profiles'!$G$19=$B$17,14,0)+IF('Standard Profiles'!$G$19=$B$24,21,0),0)),0)</f>
        <v>5.9500784886560796</v>
      </c>
      <c r="F8339" cm="1">
        <f t="array" ref="F8339">IFERROR(INDEX(Jesper!AJ$2:AJ$366,ROUNDDOWN($C8339/24,0)+1,1)*INDEX($D$3:$AA$30,INDEX(Jesper!$R$2:$R$366,ROW(INDEX(Jesper!AJ$2:AJ$366,ROUNDDOWN($C8339/24,0)+1,1))-1)+IF('Standard Profiles'!$G$20=$B$10,7,0)+IF('Standard Profiles'!$G$20=$B$17,14,0)+IF('Standard Profiles'!$G$20=$B$24,21,0),MOD($C8339,24)+1)/SUM(INDEX($D$3:$AA$30,INDEX(Jesper!$R$2:$R$366,ROW(INDEX(Jesper!AJ$2:AJ$366,ROUNDDOWN($C8339/24,0)+1,1))-1)+IF('Standard Profiles'!$G$20=$B$10,7,0)+IF('Standard Profiles'!$G$20=$B$17,14,0)+IF('Standard Profiles'!$G$20=$B$24,21,0),0)),0)</f>
        <v>0</v>
      </c>
      <c r="G8339" cm="1">
        <f t="array" ref="G8339">IFERROR(INDEX(Jesper!AK$2:AK$366,ROUNDDOWN($C8339/24,0)+1,1)*INDEX($D$3:$AA$30,INDEX(Jesper!$R$2:$R$366,ROW(INDEX(Jesper!AK$2:AK$366,ROUNDDOWN($C8339/24,0)+1,1))-1)+IF('Standard Profiles'!$G$21=$B$10,7,0)+IF('Standard Profiles'!$G$21=$B$17,14,0)+IF('Standard Profiles'!$G$21=$B$24,21,0),MOD($C8339,24)+1)/SUM(INDEX($D$3:$AA$30,INDEX(Jesper!$R$2:$R$366,ROW(INDEX(Jesper!AK$2:AK$366,ROUNDDOWN($C8339/24,0)+1,1))-1)+IF('Standard Profiles'!$G$21=$B$10,7,0)+IF('Standard Profiles'!$G$21=$B$17,14,0)+IF('Standard Profiles'!$G$21=$B$24,21,0),0)),0)</f>
        <v>5.7329129942402846</v>
      </c>
      <c r="H8339" cm="1">
        <f t="array" ref="H8339">IFERROR(INDEX(Jesper!AL$2:AL$366,ROUNDDOWN($C8339/24,0)+1,1)*INDEX($D$3:$AA$30,INDEX(Jesper!$R$2:$R$366,ROW(INDEX(Jesper!AL$2:AL$366,ROUNDDOWN($C8339/24,0)+1,1))-1)+IF('Standard Profiles'!$G$22=$B$10,7,0)+IF('Standard Profiles'!$G$22=$B$17,14,0)+IF('Standard Profiles'!$G$22=$B$24,21,0),MOD($C8339,24)+1)/SUM(INDEX($D$3:$AA$30,INDEX(Jesper!$R$2:$R$366,ROW(INDEX(Jesper!AL$2:AL$366,ROUNDDOWN($C8339/24,0)+1,1))-1)+IF('Standard Profiles'!$G$22=$B$10,7,0)+IF('Standard Profiles'!$G$22=$B$17,14,0)+IF('Standard Profiles'!$G$22=$B$24,21,0),0)),0)</f>
        <v>0</v>
      </c>
      <c r="I8339">
        <f t="shared" si="923"/>
        <v>2.7517982372353353</v>
      </c>
      <c r="J8339">
        <f t="shared" si="924"/>
        <v>13.927250395032988</v>
      </c>
      <c r="K8339">
        <f t="shared" si="925"/>
        <v>0.63441995547580432</v>
      </c>
      <c r="L8339">
        <f t="shared" si="926"/>
        <v>0.31720997773790216</v>
      </c>
      <c r="M8339">
        <f t="shared" si="927"/>
        <v>0</v>
      </c>
      <c r="N8339" s="45">
        <f t="shared" si="928"/>
        <v>45273.041666646524</v>
      </c>
    </row>
    <row r="8340" spans="2:14" x14ac:dyDescent="0.25">
      <c r="B8340">
        <f t="shared" si="922"/>
        <v>3</v>
      </c>
      <c r="C8340" s="16">
        <v>8306</v>
      </c>
      <c r="D8340" cm="1">
        <f t="array" ref="D8340">IFERROR(INDEX(Jesper!AH$2:AH$366,ROUNDDOWN($C8340/24,0)+1,1)*INDEX($D$3:$AA$30,INDEX(Jesper!$R$2:$R$366,ROW(INDEX(Jesper!AH$2:AH$366,ROUNDDOWN($C8340/24,0)+1,1))-1)+IF('Standard Profiles'!$G$18=$B$10,7,0)+IF('Standard Profiles'!$G$18=$B$17,14,0)+IF('Standard Profiles'!$G$18=$B$24,21,0),MOD($C8340,24)+1)/SUM(INDEX($D$3:$AA$30,INDEX(Jesper!$R$2:$R$366,ROW(INDEX(Jesper!AH$2:AH$366,ROUNDDOWN($C8340/24,0)+1,1))-1)+IF('Standard Profiles'!$G$18=$B$10,7,0)+IF('Standard Profiles'!$G$18=$B$17,14,0)+IF('Standard Profiles'!$G$18=$B$24,21,0),0)),0)</f>
        <v>5.9476870825856656</v>
      </c>
      <c r="E8340" cm="1">
        <f t="array" ref="E8340">IFERROR(INDEX(Jesper!AI$2:AI$366,ROUNDDOWN($C8340/24,0)+1,1)*INDEX($D$3:$AA$30,INDEX(Jesper!$R$2:$R$366,ROW(INDEX(Jesper!AI$2:AI$366,ROUNDDOWN($C8340/24,0)+1,1))-1)+IF('Standard Profiles'!$G$19=$B$10,7,0)+IF('Standard Profiles'!$G$19=$B$17,14,0)+IF('Standard Profiles'!$G$19=$B$24,21,0),MOD($C8340,24)+1)/SUM(INDEX($D$3:$AA$30,INDEX(Jesper!$R$2:$R$366,ROW(INDEX(Jesper!AI$2:AI$366,ROUNDDOWN($C8340/24,0)+1,1))-1)+IF('Standard Profiles'!$G$19=$B$10,7,0)+IF('Standard Profiles'!$G$19=$B$17,14,0)+IF('Standard Profiles'!$G$19=$B$24,21,0),0)),0)</f>
        <v>5.9500784886560796</v>
      </c>
      <c r="F8340" cm="1">
        <f t="array" ref="F8340">IFERROR(INDEX(Jesper!AJ$2:AJ$366,ROUNDDOWN($C8340/24,0)+1,1)*INDEX($D$3:$AA$30,INDEX(Jesper!$R$2:$R$366,ROW(INDEX(Jesper!AJ$2:AJ$366,ROUNDDOWN($C8340/24,0)+1,1))-1)+IF('Standard Profiles'!$G$20=$B$10,7,0)+IF('Standard Profiles'!$G$20=$B$17,14,0)+IF('Standard Profiles'!$G$20=$B$24,21,0),MOD($C8340,24)+1)/SUM(INDEX($D$3:$AA$30,INDEX(Jesper!$R$2:$R$366,ROW(INDEX(Jesper!AJ$2:AJ$366,ROUNDDOWN($C8340/24,0)+1,1))-1)+IF('Standard Profiles'!$G$20=$B$10,7,0)+IF('Standard Profiles'!$G$20=$B$17,14,0)+IF('Standard Profiles'!$G$20=$B$24,21,0),0)),0)</f>
        <v>0</v>
      </c>
      <c r="G8340" cm="1">
        <f t="array" ref="G8340">IFERROR(INDEX(Jesper!AK$2:AK$366,ROUNDDOWN($C8340/24,0)+1,1)*INDEX($D$3:$AA$30,INDEX(Jesper!$R$2:$R$366,ROW(INDEX(Jesper!AK$2:AK$366,ROUNDDOWN($C8340/24,0)+1,1))-1)+IF('Standard Profiles'!$G$21=$B$10,7,0)+IF('Standard Profiles'!$G$21=$B$17,14,0)+IF('Standard Profiles'!$G$21=$B$24,21,0),MOD($C8340,24)+1)/SUM(INDEX($D$3:$AA$30,INDEX(Jesper!$R$2:$R$366,ROW(INDEX(Jesper!AK$2:AK$366,ROUNDDOWN($C8340/24,0)+1,1))-1)+IF('Standard Profiles'!$G$21=$B$10,7,0)+IF('Standard Profiles'!$G$21=$B$17,14,0)+IF('Standard Profiles'!$G$21=$B$24,21,0),0)),0)</f>
        <v>5.7329129942402846</v>
      </c>
      <c r="H8340" cm="1">
        <f t="array" ref="H8340">IFERROR(INDEX(Jesper!AL$2:AL$366,ROUNDDOWN($C8340/24,0)+1,1)*INDEX($D$3:$AA$30,INDEX(Jesper!$R$2:$R$366,ROW(INDEX(Jesper!AL$2:AL$366,ROUNDDOWN($C8340/24,0)+1,1))-1)+IF('Standard Profiles'!$G$22=$B$10,7,0)+IF('Standard Profiles'!$G$22=$B$17,14,0)+IF('Standard Profiles'!$G$22=$B$24,21,0),MOD($C8340,24)+1)/SUM(INDEX($D$3:$AA$30,INDEX(Jesper!$R$2:$R$366,ROW(INDEX(Jesper!AL$2:AL$366,ROUNDDOWN($C8340/24,0)+1,1))-1)+IF('Standard Profiles'!$G$22=$B$10,7,0)+IF('Standard Profiles'!$G$22=$B$17,14,0)+IF('Standard Profiles'!$G$22=$B$24,21,0),0)),0)</f>
        <v>0</v>
      </c>
      <c r="I8340">
        <f t="shared" si="923"/>
        <v>2.7517982372353353</v>
      </c>
      <c r="J8340">
        <f t="shared" si="924"/>
        <v>13.927250395032988</v>
      </c>
      <c r="K8340">
        <f t="shared" si="925"/>
        <v>0.63441995547580432</v>
      </c>
      <c r="L8340">
        <f t="shared" si="926"/>
        <v>0.31720997773790216</v>
      </c>
      <c r="M8340">
        <f t="shared" si="927"/>
        <v>0</v>
      </c>
      <c r="N8340" s="45">
        <f t="shared" si="928"/>
        <v>45273.083333313189</v>
      </c>
    </row>
    <row r="8341" spans="2:14" x14ac:dyDescent="0.25">
      <c r="B8341">
        <f t="shared" si="922"/>
        <v>3</v>
      </c>
      <c r="C8341" s="16">
        <v>8307</v>
      </c>
      <c r="D8341" cm="1">
        <f t="array" ref="D8341">IFERROR(INDEX(Jesper!AH$2:AH$366,ROUNDDOWN($C8341/24,0)+1,1)*INDEX($D$3:$AA$30,INDEX(Jesper!$R$2:$R$366,ROW(INDEX(Jesper!AH$2:AH$366,ROUNDDOWN($C8341/24,0)+1,1))-1)+IF('Standard Profiles'!$G$18=$B$10,7,0)+IF('Standard Profiles'!$G$18=$B$17,14,0)+IF('Standard Profiles'!$G$18=$B$24,21,0),MOD($C8341,24)+1)/SUM(INDEX($D$3:$AA$30,INDEX(Jesper!$R$2:$R$366,ROW(INDEX(Jesper!AH$2:AH$366,ROUNDDOWN($C8341/24,0)+1,1))-1)+IF('Standard Profiles'!$G$18=$B$10,7,0)+IF('Standard Profiles'!$G$18=$B$17,14,0)+IF('Standard Profiles'!$G$18=$B$24,21,0),0)),0)</f>
        <v>5.9476870825856656</v>
      </c>
      <c r="E8341" cm="1">
        <f t="array" ref="E8341">IFERROR(INDEX(Jesper!AI$2:AI$366,ROUNDDOWN($C8341/24,0)+1,1)*INDEX($D$3:$AA$30,INDEX(Jesper!$R$2:$R$366,ROW(INDEX(Jesper!AI$2:AI$366,ROUNDDOWN($C8341/24,0)+1,1))-1)+IF('Standard Profiles'!$G$19=$B$10,7,0)+IF('Standard Profiles'!$G$19=$B$17,14,0)+IF('Standard Profiles'!$G$19=$B$24,21,0),MOD($C8341,24)+1)/SUM(INDEX($D$3:$AA$30,INDEX(Jesper!$R$2:$R$366,ROW(INDEX(Jesper!AI$2:AI$366,ROUNDDOWN($C8341/24,0)+1,1))-1)+IF('Standard Profiles'!$G$19=$B$10,7,0)+IF('Standard Profiles'!$G$19=$B$17,14,0)+IF('Standard Profiles'!$G$19=$B$24,21,0),0)),0)</f>
        <v>5.9500784886560796</v>
      </c>
      <c r="F8341" cm="1">
        <f t="array" ref="F8341">IFERROR(INDEX(Jesper!AJ$2:AJ$366,ROUNDDOWN($C8341/24,0)+1,1)*INDEX($D$3:$AA$30,INDEX(Jesper!$R$2:$R$366,ROW(INDEX(Jesper!AJ$2:AJ$366,ROUNDDOWN($C8341/24,0)+1,1))-1)+IF('Standard Profiles'!$G$20=$B$10,7,0)+IF('Standard Profiles'!$G$20=$B$17,14,0)+IF('Standard Profiles'!$G$20=$B$24,21,0),MOD($C8341,24)+1)/SUM(INDEX($D$3:$AA$30,INDEX(Jesper!$R$2:$R$366,ROW(INDEX(Jesper!AJ$2:AJ$366,ROUNDDOWN($C8341/24,0)+1,1))-1)+IF('Standard Profiles'!$G$20=$B$10,7,0)+IF('Standard Profiles'!$G$20=$B$17,14,0)+IF('Standard Profiles'!$G$20=$B$24,21,0),0)),0)</f>
        <v>0</v>
      </c>
      <c r="G8341" cm="1">
        <f t="array" ref="G8341">IFERROR(INDEX(Jesper!AK$2:AK$366,ROUNDDOWN($C8341/24,0)+1,1)*INDEX($D$3:$AA$30,INDEX(Jesper!$R$2:$R$366,ROW(INDEX(Jesper!AK$2:AK$366,ROUNDDOWN($C8341/24,0)+1,1))-1)+IF('Standard Profiles'!$G$21=$B$10,7,0)+IF('Standard Profiles'!$G$21=$B$17,14,0)+IF('Standard Profiles'!$G$21=$B$24,21,0),MOD($C8341,24)+1)/SUM(INDEX($D$3:$AA$30,INDEX(Jesper!$R$2:$R$366,ROW(INDEX(Jesper!AK$2:AK$366,ROUNDDOWN($C8341/24,0)+1,1))-1)+IF('Standard Profiles'!$G$21=$B$10,7,0)+IF('Standard Profiles'!$G$21=$B$17,14,0)+IF('Standard Profiles'!$G$21=$B$24,21,0),0)),0)</f>
        <v>5.7329129942402846</v>
      </c>
      <c r="H8341" cm="1">
        <f t="array" ref="H8341">IFERROR(INDEX(Jesper!AL$2:AL$366,ROUNDDOWN($C8341/24,0)+1,1)*INDEX($D$3:$AA$30,INDEX(Jesper!$R$2:$R$366,ROW(INDEX(Jesper!AL$2:AL$366,ROUNDDOWN($C8341/24,0)+1,1))-1)+IF('Standard Profiles'!$G$22=$B$10,7,0)+IF('Standard Profiles'!$G$22=$B$17,14,0)+IF('Standard Profiles'!$G$22=$B$24,21,0),MOD($C8341,24)+1)/SUM(INDEX($D$3:$AA$30,INDEX(Jesper!$R$2:$R$366,ROW(INDEX(Jesper!AL$2:AL$366,ROUNDDOWN($C8341/24,0)+1,1))-1)+IF('Standard Profiles'!$G$22=$B$10,7,0)+IF('Standard Profiles'!$G$22=$B$17,14,0)+IF('Standard Profiles'!$G$22=$B$24,21,0),0)),0)</f>
        <v>0</v>
      </c>
      <c r="I8341">
        <f t="shared" si="923"/>
        <v>2.7517982372353353</v>
      </c>
      <c r="J8341">
        <f t="shared" si="924"/>
        <v>13.927250395032988</v>
      </c>
      <c r="K8341">
        <f t="shared" si="925"/>
        <v>0.63441995547580432</v>
      </c>
      <c r="L8341">
        <f t="shared" si="926"/>
        <v>0.31720997773790216</v>
      </c>
      <c r="M8341">
        <f t="shared" si="927"/>
        <v>0</v>
      </c>
      <c r="N8341" s="45">
        <f t="shared" si="928"/>
        <v>45273.124999979853</v>
      </c>
    </row>
    <row r="8342" spans="2:14" x14ac:dyDescent="0.25">
      <c r="B8342">
        <f t="shared" si="922"/>
        <v>3</v>
      </c>
      <c r="C8342" s="16">
        <v>8308</v>
      </c>
      <c r="D8342" cm="1">
        <f t="array" ref="D8342">IFERROR(INDEX(Jesper!AH$2:AH$366,ROUNDDOWN($C8342/24,0)+1,1)*INDEX($D$3:$AA$30,INDEX(Jesper!$R$2:$R$366,ROW(INDEX(Jesper!AH$2:AH$366,ROUNDDOWN($C8342/24,0)+1,1))-1)+IF('Standard Profiles'!$G$18=$B$10,7,0)+IF('Standard Profiles'!$G$18=$B$17,14,0)+IF('Standard Profiles'!$G$18=$B$24,21,0),MOD($C8342,24)+1)/SUM(INDEX($D$3:$AA$30,INDEX(Jesper!$R$2:$R$366,ROW(INDEX(Jesper!AH$2:AH$366,ROUNDDOWN($C8342/24,0)+1,1))-1)+IF('Standard Profiles'!$G$18=$B$10,7,0)+IF('Standard Profiles'!$G$18=$B$17,14,0)+IF('Standard Profiles'!$G$18=$B$24,21,0),0)),0)</f>
        <v>5.9476870825856656</v>
      </c>
      <c r="E8342" cm="1">
        <f t="array" ref="E8342">IFERROR(INDEX(Jesper!AI$2:AI$366,ROUNDDOWN($C8342/24,0)+1,1)*INDEX($D$3:$AA$30,INDEX(Jesper!$R$2:$R$366,ROW(INDEX(Jesper!AI$2:AI$366,ROUNDDOWN($C8342/24,0)+1,1))-1)+IF('Standard Profiles'!$G$19=$B$10,7,0)+IF('Standard Profiles'!$G$19=$B$17,14,0)+IF('Standard Profiles'!$G$19=$B$24,21,0),MOD($C8342,24)+1)/SUM(INDEX($D$3:$AA$30,INDEX(Jesper!$R$2:$R$366,ROW(INDEX(Jesper!AI$2:AI$366,ROUNDDOWN($C8342/24,0)+1,1))-1)+IF('Standard Profiles'!$G$19=$B$10,7,0)+IF('Standard Profiles'!$G$19=$B$17,14,0)+IF('Standard Profiles'!$G$19=$B$24,21,0),0)),0)</f>
        <v>5.9500784886560796</v>
      </c>
      <c r="F8342" cm="1">
        <f t="array" ref="F8342">IFERROR(INDEX(Jesper!AJ$2:AJ$366,ROUNDDOWN($C8342/24,0)+1,1)*INDEX($D$3:$AA$30,INDEX(Jesper!$R$2:$R$366,ROW(INDEX(Jesper!AJ$2:AJ$366,ROUNDDOWN($C8342/24,0)+1,1))-1)+IF('Standard Profiles'!$G$20=$B$10,7,0)+IF('Standard Profiles'!$G$20=$B$17,14,0)+IF('Standard Profiles'!$G$20=$B$24,21,0),MOD($C8342,24)+1)/SUM(INDEX($D$3:$AA$30,INDEX(Jesper!$R$2:$R$366,ROW(INDEX(Jesper!AJ$2:AJ$366,ROUNDDOWN($C8342/24,0)+1,1))-1)+IF('Standard Profiles'!$G$20=$B$10,7,0)+IF('Standard Profiles'!$G$20=$B$17,14,0)+IF('Standard Profiles'!$G$20=$B$24,21,0),0)),0)</f>
        <v>0</v>
      </c>
      <c r="G8342" cm="1">
        <f t="array" ref="G8342">IFERROR(INDEX(Jesper!AK$2:AK$366,ROUNDDOWN($C8342/24,0)+1,1)*INDEX($D$3:$AA$30,INDEX(Jesper!$R$2:$R$366,ROW(INDEX(Jesper!AK$2:AK$366,ROUNDDOWN($C8342/24,0)+1,1))-1)+IF('Standard Profiles'!$G$21=$B$10,7,0)+IF('Standard Profiles'!$G$21=$B$17,14,0)+IF('Standard Profiles'!$G$21=$B$24,21,0),MOD($C8342,24)+1)/SUM(INDEX($D$3:$AA$30,INDEX(Jesper!$R$2:$R$366,ROW(INDEX(Jesper!AK$2:AK$366,ROUNDDOWN($C8342/24,0)+1,1))-1)+IF('Standard Profiles'!$G$21=$B$10,7,0)+IF('Standard Profiles'!$G$21=$B$17,14,0)+IF('Standard Profiles'!$G$21=$B$24,21,0),0)),0)</f>
        <v>5.7329129942402846</v>
      </c>
      <c r="H8342" cm="1">
        <f t="array" ref="H8342">IFERROR(INDEX(Jesper!AL$2:AL$366,ROUNDDOWN($C8342/24,0)+1,1)*INDEX($D$3:$AA$30,INDEX(Jesper!$R$2:$R$366,ROW(INDEX(Jesper!AL$2:AL$366,ROUNDDOWN($C8342/24,0)+1,1))-1)+IF('Standard Profiles'!$G$22=$B$10,7,0)+IF('Standard Profiles'!$G$22=$B$17,14,0)+IF('Standard Profiles'!$G$22=$B$24,21,0),MOD($C8342,24)+1)/SUM(INDEX($D$3:$AA$30,INDEX(Jesper!$R$2:$R$366,ROW(INDEX(Jesper!AL$2:AL$366,ROUNDDOWN($C8342/24,0)+1,1))-1)+IF('Standard Profiles'!$G$22=$B$10,7,0)+IF('Standard Profiles'!$G$22=$B$17,14,0)+IF('Standard Profiles'!$G$22=$B$24,21,0),0)),0)</f>
        <v>0</v>
      </c>
      <c r="I8342">
        <f t="shared" si="923"/>
        <v>2.7517982372353353</v>
      </c>
      <c r="J8342">
        <f t="shared" si="924"/>
        <v>13.927250395032988</v>
      </c>
      <c r="K8342">
        <f t="shared" si="925"/>
        <v>0.63441995547580432</v>
      </c>
      <c r="L8342">
        <f t="shared" si="926"/>
        <v>0.31720997773790216</v>
      </c>
      <c r="M8342">
        <f t="shared" si="927"/>
        <v>0</v>
      </c>
      <c r="N8342" s="45">
        <f t="shared" si="928"/>
        <v>45273.166666646517</v>
      </c>
    </row>
    <row r="8343" spans="2:14" x14ac:dyDescent="0.25">
      <c r="B8343">
        <f t="shared" si="922"/>
        <v>3</v>
      </c>
      <c r="C8343" s="16">
        <v>8309</v>
      </c>
      <c r="D8343" cm="1">
        <f t="array" ref="D8343">IFERROR(INDEX(Jesper!AH$2:AH$366,ROUNDDOWN($C8343/24,0)+1,1)*INDEX($D$3:$AA$30,INDEX(Jesper!$R$2:$R$366,ROW(INDEX(Jesper!AH$2:AH$366,ROUNDDOWN($C8343/24,0)+1,1))-1)+IF('Standard Profiles'!$G$18=$B$10,7,0)+IF('Standard Profiles'!$G$18=$B$17,14,0)+IF('Standard Profiles'!$G$18=$B$24,21,0),MOD($C8343,24)+1)/SUM(INDEX($D$3:$AA$30,INDEX(Jesper!$R$2:$R$366,ROW(INDEX(Jesper!AH$2:AH$366,ROUNDDOWN($C8343/24,0)+1,1))-1)+IF('Standard Profiles'!$G$18=$B$10,7,0)+IF('Standard Profiles'!$G$18=$B$17,14,0)+IF('Standard Profiles'!$G$18=$B$24,21,0),0)),0)</f>
        <v>5.9476870825856656</v>
      </c>
      <c r="E8343" cm="1">
        <f t="array" ref="E8343">IFERROR(INDEX(Jesper!AI$2:AI$366,ROUNDDOWN($C8343/24,0)+1,1)*INDEX($D$3:$AA$30,INDEX(Jesper!$R$2:$R$366,ROW(INDEX(Jesper!AI$2:AI$366,ROUNDDOWN($C8343/24,0)+1,1))-1)+IF('Standard Profiles'!$G$19=$B$10,7,0)+IF('Standard Profiles'!$G$19=$B$17,14,0)+IF('Standard Profiles'!$G$19=$B$24,21,0),MOD($C8343,24)+1)/SUM(INDEX($D$3:$AA$30,INDEX(Jesper!$R$2:$R$366,ROW(INDEX(Jesper!AI$2:AI$366,ROUNDDOWN($C8343/24,0)+1,1))-1)+IF('Standard Profiles'!$G$19=$B$10,7,0)+IF('Standard Profiles'!$G$19=$B$17,14,0)+IF('Standard Profiles'!$G$19=$B$24,21,0),0)),0)</f>
        <v>5.9500784886560796</v>
      </c>
      <c r="F8343" cm="1">
        <f t="array" ref="F8343">IFERROR(INDEX(Jesper!AJ$2:AJ$366,ROUNDDOWN($C8343/24,0)+1,1)*INDEX($D$3:$AA$30,INDEX(Jesper!$R$2:$R$366,ROW(INDEX(Jesper!AJ$2:AJ$366,ROUNDDOWN($C8343/24,0)+1,1))-1)+IF('Standard Profiles'!$G$20=$B$10,7,0)+IF('Standard Profiles'!$G$20=$B$17,14,0)+IF('Standard Profiles'!$G$20=$B$24,21,0),MOD($C8343,24)+1)/SUM(INDEX($D$3:$AA$30,INDEX(Jesper!$R$2:$R$366,ROW(INDEX(Jesper!AJ$2:AJ$366,ROUNDDOWN($C8343/24,0)+1,1))-1)+IF('Standard Profiles'!$G$20=$B$10,7,0)+IF('Standard Profiles'!$G$20=$B$17,14,0)+IF('Standard Profiles'!$G$20=$B$24,21,0),0)),0)</f>
        <v>0</v>
      </c>
      <c r="G8343" cm="1">
        <f t="array" ref="G8343">IFERROR(INDEX(Jesper!AK$2:AK$366,ROUNDDOWN($C8343/24,0)+1,1)*INDEX($D$3:$AA$30,INDEX(Jesper!$R$2:$R$366,ROW(INDEX(Jesper!AK$2:AK$366,ROUNDDOWN($C8343/24,0)+1,1))-1)+IF('Standard Profiles'!$G$21=$B$10,7,0)+IF('Standard Profiles'!$G$21=$B$17,14,0)+IF('Standard Profiles'!$G$21=$B$24,21,0),MOD($C8343,24)+1)/SUM(INDEX($D$3:$AA$30,INDEX(Jesper!$R$2:$R$366,ROW(INDEX(Jesper!AK$2:AK$366,ROUNDDOWN($C8343/24,0)+1,1))-1)+IF('Standard Profiles'!$G$21=$B$10,7,0)+IF('Standard Profiles'!$G$21=$B$17,14,0)+IF('Standard Profiles'!$G$21=$B$24,21,0),0)),0)</f>
        <v>5.7329129942402846</v>
      </c>
      <c r="H8343" cm="1">
        <f t="array" ref="H8343">IFERROR(INDEX(Jesper!AL$2:AL$366,ROUNDDOWN($C8343/24,0)+1,1)*INDEX($D$3:$AA$30,INDEX(Jesper!$R$2:$R$366,ROW(INDEX(Jesper!AL$2:AL$366,ROUNDDOWN($C8343/24,0)+1,1))-1)+IF('Standard Profiles'!$G$22=$B$10,7,0)+IF('Standard Profiles'!$G$22=$B$17,14,0)+IF('Standard Profiles'!$G$22=$B$24,21,0),MOD($C8343,24)+1)/SUM(INDEX($D$3:$AA$30,INDEX(Jesper!$R$2:$R$366,ROW(INDEX(Jesper!AL$2:AL$366,ROUNDDOWN($C8343/24,0)+1,1))-1)+IF('Standard Profiles'!$G$22=$B$10,7,0)+IF('Standard Profiles'!$G$22=$B$17,14,0)+IF('Standard Profiles'!$G$22=$B$24,21,0),0)),0)</f>
        <v>0</v>
      </c>
      <c r="I8343">
        <f t="shared" si="923"/>
        <v>2.7517982372353353</v>
      </c>
      <c r="J8343">
        <f t="shared" si="924"/>
        <v>13.927250395032988</v>
      </c>
      <c r="K8343">
        <f t="shared" si="925"/>
        <v>0.63441995547580432</v>
      </c>
      <c r="L8343">
        <f t="shared" si="926"/>
        <v>0.31720997773790216</v>
      </c>
      <c r="M8343">
        <f t="shared" si="927"/>
        <v>0</v>
      </c>
      <c r="N8343" s="45">
        <f t="shared" si="928"/>
        <v>45273.208333313181</v>
      </c>
    </row>
    <row r="8344" spans="2:14" x14ac:dyDescent="0.25">
      <c r="B8344">
        <f t="shared" si="922"/>
        <v>3</v>
      </c>
      <c r="C8344" s="16">
        <v>8310</v>
      </c>
      <c r="D8344" cm="1">
        <f t="array" ref="D8344">IFERROR(INDEX(Jesper!AH$2:AH$366,ROUNDDOWN($C8344/24,0)+1,1)*INDEX($D$3:$AA$30,INDEX(Jesper!$R$2:$R$366,ROW(INDEX(Jesper!AH$2:AH$366,ROUNDDOWN($C8344/24,0)+1,1))-1)+IF('Standard Profiles'!$G$18=$B$10,7,0)+IF('Standard Profiles'!$G$18=$B$17,14,0)+IF('Standard Profiles'!$G$18=$B$24,21,0),MOD($C8344,24)+1)/SUM(INDEX($D$3:$AA$30,INDEX(Jesper!$R$2:$R$366,ROW(INDEX(Jesper!AH$2:AH$366,ROUNDDOWN($C8344/24,0)+1,1))-1)+IF('Standard Profiles'!$G$18=$B$10,7,0)+IF('Standard Profiles'!$G$18=$B$17,14,0)+IF('Standard Profiles'!$G$18=$B$24,21,0),0)),0)</f>
        <v>5.9476870825856656</v>
      </c>
      <c r="E8344" cm="1">
        <f t="array" ref="E8344">IFERROR(INDEX(Jesper!AI$2:AI$366,ROUNDDOWN($C8344/24,0)+1,1)*INDEX($D$3:$AA$30,INDEX(Jesper!$R$2:$R$366,ROW(INDEX(Jesper!AI$2:AI$366,ROUNDDOWN($C8344/24,0)+1,1))-1)+IF('Standard Profiles'!$G$19=$B$10,7,0)+IF('Standard Profiles'!$G$19=$B$17,14,0)+IF('Standard Profiles'!$G$19=$B$24,21,0),MOD($C8344,24)+1)/SUM(INDEX($D$3:$AA$30,INDEX(Jesper!$R$2:$R$366,ROW(INDEX(Jesper!AI$2:AI$366,ROUNDDOWN($C8344/24,0)+1,1))-1)+IF('Standard Profiles'!$G$19=$B$10,7,0)+IF('Standard Profiles'!$G$19=$B$17,14,0)+IF('Standard Profiles'!$G$19=$B$24,21,0),0)),0)</f>
        <v>5.9500784886560796</v>
      </c>
      <c r="F8344" cm="1">
        <f t="array" ref="F8344">IFERROR(INDEX(Jesper!AJ$2:AJ$366,ROUNDDOWN($C8344/24,0)+1,1)*INDEX($D$3:$AA$30,INDEX(Jesper!$R$2:$R$366,ROW(INDEX(Jesper!AJ$2:AJ$366,ROUNDDOWN($C8344/24,0)+1,1))-1)+IF('Standard Profiles'!$G$20=$B$10,7,0)+IF('Standard Profiles'!$G$20=$B$17,14,0)+IF('Standard Profiles'!$G$20=$B$24,21,0),MOD($C8344,24)+1)/SUM(INDEX($D$3:$AA$30,INDEX(Jesper!$R$2:$R$366,ROW(INDEX(Jesper!AJ$2:AJ$366,ROUNDDOWN($C8344/24,0)+1,1))-1)+IF('Standard Profiles'!$G$20=$B$10,7,0)+IF('Standard Profiles'!$G$20=$B$17,14,0)+IF('Standard Profiles'!$G$20=$B$24,21,0),0)),0)</f>
        <v>0</v>
      </c>
      <c r="G8344" cm="1">
        <f t="array" ref="G8344">IFERROR(INDEX(Jesper!AK$2:AK$366,ROUNDDOWN($C8344/24,0)+1,1)*INDEX($D$3:$AA$30,INDEX(Jesper!$R$2:$R$366,ROW(INDEX(Jesper!AK$2:AK$366,ROUNDDOWN($C8344/24,0)+1,1))-1)+IF('Standard Profiles'!$G$21=$B$10,7,0)+IF('Standard Profiles'!$G$21=$B$17,14,0)+IF('Standard Profiles'!$G$21=$B$24,21,0),MOD($C8344,24)+1)/SUM(INDEX($D$3:$AA$30,INDEX(Jesper!$R$2:$R$366,ROW(INDEX(Jesper!AK$2:AK$366,ROUNDDOWN($C8344/24,0)+1,1))-1)+IF('Standard Profiles'!$G$21=$B$10,7,0)+IF('Standard Profiles'!$G$21=$B$17,14,0)+IF('Standard Profiles'!$G$21=$B$24,21,0),0)),0)</f>
        <v>5.7329129942402846</v>
      </c>
      <c r="H8344" cm="1">
        <f t="array" ref="H8344">IFERROR(INDEX(Jesper!AL$2:AL$366,ROUNDDOWN($C8344/24,0)+1,1)*INDEX($D$3:$AA$30,INDEX(Jesper!$R$2:$R$366,ROW(INDEX(Jesper!AL$2:AL$366,ROUNDDOWN($C8344/24,0)+1,1))-1)+IF('Standard Profiles'!$G$22=$B$10,7,0)+IF('Standard Profiles'!$G$22=$B$17,14,0)+IF('Standard Profiles'!$G$22=$B$24,21,0),MOD($C8344,24)+1)/SUM(INDEX($D$3:$AA$30,INDEX(Jesper!$R$2:$R$366,ROW(INDEX(Jesper!AL$2:AL$366,ROUNDDOWN($C8344/24,0)+1,1))-1)+IF('Standard Profiles'!$G$22=$B$10,7,0)+IF('Standard Profiles'!$G$22=$B$17,14,0)+IF('Standard Profiles'!$G$22=$B$24,21,0),0)),0)</f>
        <v>0</v>
      </c>
      <c r="I8344">
        <f t="shared" si="923"/>
        <v>2.7517982372353353</v>
      </c>
      <c r="J8344">
        <f t="shared" si="924"/>
        <v>13.927250395032988</v>
      </c>
      <c r="K8344">
        <f t="shared" si="925"/>
        <v>0.63441995547580432</v>
      </c>
      <c r="L8344">
        <f t="shared" si="926"/>
        <v>0.31720997773790216</v>
      </c>
      <c r="M8344">
        <f t="shared" si="927"/>
        <v>0</v>
      </c>
      <c r="N8344" s="45">
        <f t="shared" si="928"/>
        <v>45273.249999979846</v>
      </c>
    </row>
    <row r="8345" spans="2:14" x14ac:dyDescent="0.25">
      <c r="B8345">
        <f t="shared" si="922"/>
        <v>3</v>
      </c>
      <c r="C8345" s="16">
        <v>8311</v>
      </c>
      <c r="D8345" cm="1">
        <f t="array" ref="D8345">IFERROR(INDEX(Jesper!AH$2:AH$366,ROUNDDOWN($C8345/24,0)+1,1)*INDEX($D$3:$AA$30,INDEX(Jesper!$R$2:$R$366,ROW(INDEX(Jesper!AH$2:AH$366,ROUNDDOWN($C8345/24,0)+1,1))-1)+IF('Standard Profiles'!$G$18=$B$10,7,0)+IF('Standard Profiles'!$G$18=$B$17,14,0)+IF('Standard Profiles'!$G$18=$B$24,21,0),MOD($C8345,24)+1)/SUM(INDEX($D$3:$AA$30,INDEX(Jesper!$R$2:$R$366,ROW(INDEX(Jesper!AH$2:AH$366,ROUNDDOWN($C8345/24,0)+1,1))-1)+IF('Standard Profiles'!$G$18=$B$10,7,0)+IF('Standard Profiles'!$G$18=$B$17,14,0)+IF('Standard Profiles'!$G$18=$B$24,21,0),0)),0)</f>
        <v>24.313423861842612</v>
      </c>
      <c r="E8345" cm="1">
        <f t="array" ref="E8345">IFERROR(INDEX(Jesper!AI$2:AI$366,ROUNDDOWN($C8345/24,0)+1,1)*INDEX($D$3:$AA$30,INDEX(Jesper!$R$2:$R$366,ROW(INDEX(Jesper!AI$2:AI$366,ROUNDDOWN($C8345/24,0)+1,1))-1)+IF('Standard Profiles'!$G$19=$B$10,7,0)+IF('Standard Profiles'!$G$19=$B$17,14,0)+IF('Standard Profiles'!$G$19=$B$24,21,0),MOD($C8345,24)+1)/SUM(INDEX($D$3:$AA$30,INDEX(Jesper!$R$2:$R$366,ROW(INDEX(Jesper!AI$2:AI$366,ROUNDDOWN($C8345/24,0)+1,1))-1)+IF('Standard Profiles'!$G$19=$B$10,7,0)+IF('Standard Profiles'!$G$19=$B$17,14,0)+IF('Standard Profiles'!$G$19=$B$24,21,0),0)),0)</f>
        <v>24.323199639991063</v>
      </c>
      <c r="F8345" cm="1">
        <f t="array" ref="F8345">IFERROR(INDEX(Jesper!AJ$2:AJ$366,ROUNDDOWN($C8345/24,0)+1,1)*INDEX($D$3:$AA$30,INDEX(Jesper!$R$2:$R$366,ROW(INDEX(Jesper!AJ$2:AJ$366,ROUNDDOWN($C8345/24,0)+1,1))-1)+IF('Standard Profiles'!$G$20=$B$10,7,0)+IF('Standard Profiles'!$G$20=$B$17,14,0)+IF('Standard Profiles'!$G$20=$B$24,21,0),MOD($C8345,24)+1)/SUM(INDEX($D$3:$AA$30,INDEX(Jesper!$R$2:$R$366,ROW(INDEX(Jesper!AJ$2:AJ$366,ROUNDDOWN($C8345/24,0)+1,1))-1)+IF('Standard Profiles'!$G$20=$B$10,7,0)+IF('Standard Profiles'!$G$20=$B$17,14,0)+IF('Standard Profiles'!$G$20=$B$24,21,0),0)),0)</f>
        <v>0</v>
      </c>
      <c r="G8345" cm="1">
        <f t="array" ref="G8345">IFERROR(INDEX(Jesper!AK$2:AK$366,ROUNDDOWN($C8345/24,0)+1,1)*INDEX($D$3:$AA$30,INDEX(Jesper!$R$2:$R$366,ROW(INDEX(Jesper!AK$2:AK$366,ROUNDDOWN($C8345/24,0)+1,1))-1)+IF('Standard Profiles'!$G$21=$B$10,7,0)+IF('Standard Profiles'!$G$21=$B$17,14,0)+IF('Standard Profiles'!$G$21=$B$24,21,0),MOD($C8345,24)+1)/SUM(INDEX($D$3:$AA$30,INDEX(Jesper!$R$2:$R$366,ROW(INDEX(Jesper!AK$2:AK$366,ROUNDDOWN($C8345/24,0)+1,1))-1)+IF('Standard Profiles'!$G$21=$B$10,7,0)+IF('Standard Profiles'!$G$21=$B$17,14,0)+IF('Standard Profiles'!$G$21=$B$24,21,0),0)),0)</f>
        <v>15.794175299131982</v>
      </c>
      <c r="H8345" cm="1">
        <f t="array" ref="H8345">IFERROR(INDEX(Jesper!AL$2:AL$366,ROUNDDOWN($C8345/24,0)+1,1)*INDEX($D$3:$AA$30,INDEX(Jesper!$R$2:$R$366,ROW(INDEX(Jesper!AL$2:AL$366,ROUNDDOWN($C8345/24,0)+1,1))-1)+IF('Standard Profiles'!$G$22=$B$10,7,0)+IF('Standard Profiles'!$G$22=$B$17,14,0)+IF('Standard Profiles'!$G$22=$B$24,21,0),MOD($C8345,24)+1)/SUM(INDEX($D$3:$AA$30,INDEX(Jesper!$R$2:$R$366,ROW(INDEX(Jesper!AL$2:AL$366,ROUNDDOWN($C8345/24,0)+1,1))-1)+IF('Standard Profiles'!$G$22=$B$10,7,0)+IF('Standard Profiles'!$G$22=$B$17,14,0)+IF('Standard Profiles'!$G$22=$B$24,21,0),0)),0)</f>
        <v>0</v>
      </c>
      <c r="I8345">
        <f t="shared" si="923"/>
        <v>7.5812041435833475</v>
      </c>
      <c r="J8345">
        <f t="shared" si="924"/>
        <v>52.959446839487491</v>
      </c>
      <c r="K8345">
        <f t="shared" si="925"/>
        <v>2.5934318785965456</v>
      </c>
      <c r="L8345">
        <f t="shared" si="926"/>
        <v>1.2967159392982728</v>
      </c>
      <c r="M8345">
        <f t="shared" si="927"/>
        <v>0</v>
      </c>
      <c r="N8345" s="45">
        <f t="shared" si="928"/>
        <v>45273.29166664651</v>
      </c>
    </row>
    <row r="8346" spans="2:14" x14ac:dyDescent="0.25">
      <c r="B8346">
        <f t="shared" si="922"/>
        <v>3</v>
      </c>
      <c r="C8346" s="16">
        <v>8312</v>
      </c>
      <c r="D8346" cm="1">
        <f t="array" ref="D8346">IFERROR(INDEX(Jesper!AH$2:AH$366,ROUNDDOWN($C8346/24,0)+1,1)*INDEX($D$3:$AA$30,INDEX(Jesper!$R$2:$R$366,ROW(INDEX(Jesper!AH$2:AH$366,ROUNDDOWN($C8346/24,0)+1,1))-1)+IF('Standard Profiles'!$G$18=$B$10,7,0)+IF('Standard Profiles'!$G$18=$B$17,14,0)+IF('Standard Profiles'!$G$18=$B$24,21,0),MOD($C8346,24)+1)/SUM(INDEX($D$3:$AA$30,INDEX(Jesper!$R$2:$R$366,ROW(INDEX(Jesper!AH$2:AH$366,ROUNDDOWN($C8346/24,0)+1,1))-1)+IF('Standard Profiles'!$G$18=$B$10,7,0)+IF('Standard Profiles'!$G$18=$B$17,14,0)+IF('Standard Profiles'!$G$18=$B$24,21,0),0)),0)</f>
        <v>27.128662414266497</v>
      </c>
      <c r="E8346" cm="1">
        <f t="array" ref="E8346">IFERROR(INDEX(Jesper!AI$2:AI$366,ROUNDDOWN($C8346/24,0)+1,1)*INDEX($D$3:$AA$30,INDEX(Jesper!$R$2:$R$366,ROW(INDEX(Jesper!AI$2:AI$366,ROUNDDOWN($C8346/24,0)+1,1))-1)+IF('Standard Profiles'!$G$19=$B$10,7,0)+IF('Standard Profiles'!$G$19=$B$17,14,0)+IF('Standard Profiles'!$G$19=$B$24,21,0),MOD($C8346,24)+1)/SUM(INDEX($D$3:$AA$30,INDEX(Jesper!$R$2:$R$366,ROW(INDEX(Jesper!AI$2:AI$366,ROUNDDOWN($C8346/24,0)+1,1))-1)+IF('Standard Profiles'!$G$19=$B$10,7,0)+IF('Standard Profiles'!$G$19=$B$17,14,0)+IF('Standard Profiles'!$G$19=$B$24,21,0),0)),0)</f>
        <v>27.139570124621606</v>
      </c>
      <c r="F8346" cm="1">
        <f t="array" ref="F8346">IFERROR(INDEX(Jesper!AJ$2:AJ$366,ROUNDDOWN($C8346/24,0)+1,1)*INDEX($D$3:$AA$30,INDEX(Jesper!$R$2:$R$366,ROW(INDEX(Jesper!AJ$2:AJ$366,ROUNDDOWN($C8346/24,0)+1,1))-1)+IF('Standard Profiles'!$G$20=$B$10,7,0)+IF('Standard Profiles'!$G$20=$B$17,14,0)+IF('Standard Profiles'!$G$20=$B$24,21,0),MOD($C8346,24)+1)/SUM(INDEX($D$3:$AA$30,INDEX(Jesper!$R$2:$R$366,ROW(INDEX(Jesper!AJ$2:AJ$366,ROUNDDOWN($C8346/24,0)+1,1))-1)+IF('Standard Profiles'!$G$20=$B$10,7,0)+IF('Standard Profiles'!$G$20=$B$17,14,0)+IF('Standard Profiles'!$G$20=$B$24,21,0),0)),0)</f>
        <v>0</v>
      </c>
      <c r="G8346" cm="1">
        <f t="array" ref="G8346">IFERROR(INDEX(Jesper!AK$2:AK$366,ROUNDDOWN($C8346/24,0)+1,1)*INDEX($D$3:$AA$30,INDEX(Jesper!$R$2:$R$366,ROW(INDEX(Jesper!AK$2:AK$366,ROUNDDOWN($C8346/24,0)+1,1))-1)+IF('Standard Profiles'!$G$21=$B$10,7,0)+IF('Standard Profiles'!$G$21=$B$17,14,0)+IF('Standard Profiles'!$G$21=$B$24,21,0),MOD($C8346,24)+1)/SUM(INDEX($D$3:$AA$30,INDEX(Jesper!$R$2:$R$366,ROW(INDEX(Jesper!AK$2:AK$366,ROUNDDOWN($C8346/24,0)+1,1))-1)+IF('Standard Profiles'!$G$21=$B$10,7,0)+IF('Standard Profiles'!$G$21=$B$17,14,0)+IF('Standard Profiles'!$G$21=$B$24,21,0),0)),0)</f>
        <v>17.622974544294635</v>
      </c>
      <c r="H8346" cm="1">
        <f t="array" ref="H8346">IFERROR(INDEX(Jesper!AL$2:AL$366,ROUNDDOWN($C8346/24,0)+1,1)*INDEX($D$3:$AA$30,INDEX(Jesper!$R$2:$R$366,ROW(INDEX(Jesper!AL$2:AL$366,ROUNDDOWN($C8346/24,0)+1,1))-1)+IF('Standard Profiles'!$G$22=$B$10,7,0)+IF('Standard Profiles'!$G$22=$B$17,14,0)+IF('Standard Profiles'!$G$22=$B$24,21,0),MOD($C8346,24)+1)/SUM(INDEX($D$3:$AA$30,INDEX(Jesper!$R$2:$R$366,ROW(INDEX(Jesper!AL$2:AL$366,ROUNDDOWN($C8346/24,0)+1,1))-1)+IF('Standard Profiles'!$G$22=$B$10,7,0)+IF('Standard Profiles'!$G$22=$B$17,14,0)+IF('Standard Profiles'!$G$22=$B$24,21,0),0)),0)</f>
        <v>0</v>
      </c>
      <c r="I8346">
        <f t="shared" si="923"/>
        <v>8.4590277812614207</v>
      </c>
      <c r="J8346">
        <f t="shared" si="924"/>
        <v>59.091593315638683</v>
      </c>
      <c r="K8346">
        <f t="shared" si="925"/>
        <v>2.8937239908550931</v>
      </c>
      <c r="L8346">
        <f t="shared" si="926"/>
        <v>1.4468619954275466</v>
      </c>
      <c r="M8346">
        <f t="shared" si="927"/>
        <v>0</v>
      </c>
      <c r="N8346" s="45">
        <f t="shared" si="928"/>
        <v>45273.333333313174</v>
      </c>
    </row>
    <row r="8347" spans="2:14" x14ac:dyDescent="0.25">
      <c r="B8347">
        <f t="shared" si="922"/>
        <v>3</v>
      </c>
      <c r="C8347" s="16">
        <v>8313</v>
      </c>
      <c r="D8347" cm="1">
        <f t="array" ref="D8347">IFERROR(INDEX(Jesper!AH$2:AH$366,ROUNDDOWN($C8347/24,0)+1,1)*INDEX($D$3:$AA$30,INDEX(Jesper!$R$2:$R$366,ROW(INDEX(Jesper!AH$2:AH$366,ROUNDDOWN($C8347/24,0)+1,1))-1)+IF('Standard Profiles'!$G$18=$B$10,7,0)+IF('Standard Profiles'!$G$18=$B$17,14,0)+IF('Standard Profiles'!$G$18=$B$24,21,0),MOD($C8347,24)+1)/SUM(INDEX($D$3:$AA$30,INDEX(Jesper!$R$2:$R$366,ROW(INDEX(Jesper!AH$2:AH$366,ROUNDDOWN($C8347/24,0)+1,1))-1)+IF('Standard Profiles'!$G$18=$B$10,7,0)+IF('Standard Profiles'!$G$18=$B$17,14,0)+IF('Standard Profiles'!$G$18=$B$24,21,0),0)),0)</f>
        <v>29.943900966690375</v>
      </c>
      <c r="E8347" cm="1">
        <f t="array" ref="E8347">IFERROR(INDEX(Jesper!AI$2:AI$366,ROUNDDOWN($C8347/24,0)+1,1)*INDEX($D$3:$AA$30,INDEX(Jesper!$R$2:$R$366,ROW(INDEX(Jesper!AI$2:AI$366,ROUNDDOWN($C8347/24,0)+1,1))-1)+IF('Standard Profiles'!$G$19=$B$10,7,0)+IF('Standard Profiles'!$G$19=$B$17,14,0)+IF('Standard Profiles'!$G$19=$B$24,21,0),MOD($C8347,24)+1)/SUM(INDEX($D$3:$AA$30,INDEX(Jesper!$R$2:$R$366,ROW(INDEX(Jesper!AI$2:AI$366,ROUNDDOWN($C8347/24,0)+1,1))-1)+IF('Standard Profiles'!$G$19=$B$10,7,0)+IF('Standard Profiles'!$G$19=$B$17,14,0)+IF('Standard Profiles'!$G$19=$B$24,21,0),0)),0)</f>
        <v>29.955940609252156</v>
      </c>
      <c r="F8347" cm="1">
        <f t="array" ref="F8347">IFERROR(INDEX(Jesper!AJ$2:AJ$366,ROUNDDOWN($C8347/24,0)+1,1)*INDEX($D$3:$AA$30,INDEX(Jesper!$R$2:$R$366,ROW(INDEX(Jesper!AJ$2:AJ$366,ROUNDDOWN($C8347/24,0)+1,1))-1)+IF('Standard Profiles'!$G$20=$B$10,7,0)+IF('Standard Profiles'!$G$20=$B$17,14,0)+IF('Standard Profiles'!$G$20=$B$24,21,0),MOD($C8347,24)+1)/SUM(INDEX($D$3:$AA$30,INDEX(Jesper!$R$2:$R$366,ROW(INDEX(Jesper!AJ$2:AJ$366,ROUNDDOWN($C8347/24,0)+1,1))-1)+IF('Standard Profiles'!$G$20=$B$10,7,0)+IF('Standard Profiles'!$G$20=$B$17,14,0)+IF('Standard Profiles'!$G$20=$B$24,21,0),0)),0)</f>
        <v>0</v>
      </c>
      <c r="G8347" cm="1">
        <f t="array" ref="G8347">IFERROR(INDEX(Jesper!AK$2:AK$366,ROUNDDOWN($C8347/24,0)+1,1)*INDEX($D$3:$AA$30,INDEX(Jesper!$R$2:$R$366,ROW(INDEX(Jesper!AK$2:AK$366,ROUNDDOWN($C8347/24,0)+1,1))-1)+IF('Standard Profiles'!$G$21=$B$10,7,0)+IF('Standard Profiles'!$G$21=$B$17,14,0)+IF('Standard Profiles'!$G$21=$B$24,21,0),MOD($C8347,24)+1)/SUM(INDEX($D$3:$AA$30,INDEX(Jesper!$R$2:$R$366,ROW(INDEX(Jesper!AK$2:AK$366,ROUNDDOWN($C8347/24,0)+1,1))-1)+IF('Standard Profiles'!$G$21=$B$10,7,0)+IF('Standard Profiles'!$G$21=$B$17,14,0)+IF('Standard Profiles'!$G$21=$B$24,21,0),0)),0)</f>
        <v>19.451773789457285</v>
      </c>
      <c r="H8347" cm="1">
        <f t="array" ref="H8347">IFERROR(INDEX(Jesper!AL$2:AL$366,ROUNDDOWN($C8347/24,0)+1,1)*INDEX($D$3:$AA$30,INDEX(Jesper!$R$2:$R$366,ROW(INDEX(Jesper!AL$2:AL$366,ROUNDDOWN($C8347/24,0)+1,1))-1)+IF('Standard Profiles'!$G$22=$B$10,7,0)+IF('Standard Profiles'!$G$22=$B$17,14,0)+IF('Standard Profiles'!$G$22=$B$24,21,0),MOD($C8347,24)+1)/SUM(INDEX($D$3:$AA$30,INDEX(Jesper!$R$2:$R$366,ROW(INDEX(Jesper!AL$2:AL$366,ROUNDDOWN($C8347/24,0)+1,1))-1)+IF('Standard Profiles'!$G$22=$B$10,7,0)+IF('Standard Profiles'!$G$22=$B$17,14,0)+IF('Standard Profiles'!$G$22=$B$24,21,0),0)),0)</f>
        <v>0</v>
      </c>
      <c r="I8347">
        <f t="shared" si="923"/>
        <v>9.3368514189394922</v>
      </c>
      <c r="J8347">
        <f t="shared" si="924"/>
        <v>65.223739791789868</v>
      </c>
      <c r="K8347">
        <f t="shared" si="925"/>
        <v>3.1940161031136403</v>
      </c>
      <c r="L8347">
        <f t="shared" si="926"/>
        <v>1.5970080515568201</v>
      </c>
      <c r="M8347">
        <f t="shared" si="927"/>
        <v>0</v>
      </c>
      <c r="N8347" s="45">
        <f t="shared" si="928"/>
        <v>45273.374999979838</v>
      </c>
    </row>
    <row r="8348" spans="2:14" x14ac:dyDescent="0.25">
      <c r="B8348">
        <f t="shared" si="922"/>
        <v>3</v>
      </c>
      <c r="C8348" s="16">
        <v>8314</v>
      </c>
      <c r="D8348" cm="1">
        <f t="array" ref="D8348">IFERROR(INDEX(Jesper!AH$2:AH$366,ROUNDDOWN($C8348/24,0)+1,1)*INDEX($D$3:$AA$30,INDEX(Jesper!$R$2:$R$366,ROW(INDEX(Jesper!AH$2:AH$366,ROUNDDOWN($C8348/24,0)+1,1))-1)+IF('Standard Profiles'!$G$18=$B$10,7,0)+IF('Standard Profiles'!$G$18=$B$17,14,0)+IF('Standard Profiles'!$G$18=$B$24,21,0),MOD($C8348,24)+1)/SUM(INDEX($D$3:$AA$30,INDEX(Jesper!$R$2:$R$366,ROW(INDEX(Jesper!AH$2:AH$366,ROUNDDOWN($C8348/24,0)+1,1))-1)+IF('Standard Profiles'!$G$18=$B$10,7,0)+IF('Standard Profiles'!$G$18=$B$17,14,0)+IF('Standard Profiles'!$G$18=$B$24,21,0),0)),0)</f>
        <v>29.943900966690375</v>
      </c>
      <c r="E8348" cm="1">
        <f t="array" ref="E8348">IFERROR(INDEX(Jesper!AI$2:AI$366,ROUNDDOWN($C8348/24,0)+1,1)*INDEX($D$3:$AA$30,INDEX(Jesper!$R$2:$R$366,ROW(INDEX(Jesper!AI$2:AI$366,ROUNDDOWN($C8348/24,0)+1,1))-1)+IF('Standard Profiles'!$G$19=$B$10,7,0)+IF('Standard Profiles'!$G$19=$B$17,14,0)+IF('Standard Profiles'!$G$19=$B$24,21,0),MOD($C8348,24)+1)/SUM(INDEX($D$3:$AA$30,INDEX(Jesper!$R$2:$R$366,ROW(INDEX(Jesper!AI$2:AI$366,ROUNDDOWN($C8348/24,0)+1,1))-1)+IF('Standard Profiles'!$G$19=$B$10,7,0)+IF('Standard Profiles'!$G$19=$B$17,14,0)+IF('Standard Profiles'!$G$19=$B$24,21,0),0)),0)</f>
        <v>29.955940609252156</v>
      </c>
      <c r="F8348" cm="1">
        <f t="array" ref="F8348">IFERROR(INDEX(Jesper!AJ$2:AJ$366,ROUNDDOWN($C8348/24,0)+1,1)*INDEX($D$3:$AA$30,INDEX(Jesper!$R$2:$R$366,ROW(INDEX(Jesper!AJ$2:AJ$366,ROUNDDOWN($C8348/24,0)+1,1))-1)+IF('Standard Profiles'!$G$20=$B$10,7,0)+IF('Standard Profiles'!$G$20=$B$17,14,0)+IF('Standard Profiles'!$G$20=$B$24,21,0),MOD($C8348,24)+1)/SUM(INDEX($D$3:$AA$30,INDEX(Jesper!$R$2:$R$366,ROW(INDEX(Jesper!AJ$2:AJ$366,ROUNDDOWN($C8348/24,0)+1,1))-1)+IF('Standard Profiles'!$G$20=$B$10,7,0)+IF('Standard Profiles'!$G$20=$B$17,14,0)+IF('Standard Profiles'!$G$20=$B$24,21,0),0)),0)</f>
        <v>0</v>
      </c>
      <c r="G8348" cm="1">
        <f t="array" ref="G8348">IFERROR(INDEX(Jesper!AK$2:AK$366,ROUNDDOWN($C8348/24,0)+1,1)*INDEX($D$3:$AA$30,INDEX(Jesper!$R$2:$R$366,ROW(INDEX(Jesper!AK$2:AK$366,ROUNDDOWN($C8348/24,0)+1,1))-1)+IF('Standard Profiles'!$G$21=$B$10,7,0)+IF('Standard Profiles'!$G$21=$B$17,14,0)+IF('Standard Profiles'!$G$21=$B$24,21,0),MOD($C8348,24)+1)/SUM(INDEX($D$3:$AA$30,INDEX(Jesper!$R$2:$R$366,ROW(INDEX(Jesper!AK$2:AK$366,ROUNDDOWN($C8348/24,0)+1,1))-1)+IF('Standard Profiles'!$G$21=$B$10,7,0)+IF('Standard Profiles'!$G$21=$B$17,14,0)+IF('Standard Profiles'!$G$21=$B$24,21,0),0)),0)</f>
        <v>19.451773789457285</v>
      </c>
      <c r="H8348" cm="1">
        <f t="array" ref="H8348">IFERROR(INDEX(Jesper!AL$2:AL$366,ROUNDDOWN($C8348/24,0)+1,1)*INDEX($D$3:$AA$30,INDEX(Jesper!$R$2:$R$366,ROW(INDEX(Jesper!AL$2:AL$366,ROUNDDOWN($C8348/24,0)+1,1))-1)+IF('Standard Profiles'!$G$22=$B$10,7,0)+IF('Standard Profiles'!$G$22=$B$17,14,0)+IF('Standard Profiles'!$G$22=$B$24,21,0),MOD($C8348,24)+1)/SUM(INDEX($D$3:$AA$30,INDEX(Jesper!$R$2:$R$366,ROW(INDEX(Jesper!AL$2:AL$366,ROUNDDOWN($C8348/24,0)+1,1))-1)+IF('Standard Profiles'!$G$22=$B$10,7,0)+IF('Standard Profiles'!$G$22=$B$17,14,0)+IF('Standard Profiles'!$G$22=$B$24,21,0),0)),0)</f>
        <v>0</v>
      </c>
      <c r="I8348">
        <f t="shared" si="923"/>
        <v>9.3368514189394922</v>
      </c>
      <c r="J8348">
        <f t="shared" si="924"/>
        <v>65.223739791789868</v>
      </c>
      <c r="K8348">
        <f t="shared" si="925"/>
        <v>3.1940161031136403</v>
      </c>
      <c r="L8348">
        <f t="shared" si="926"/>
        <v>1.5970080515568201</v>
      </c>
      <c r="M8348">
        <f t="shared" si="927"/>
        <v>0</v>
      </c>
      <c r="N8348" s="45">
        <f t="shared" si="928"/>
        <v>45273.416666646503</v>
      </c>
    </row>
    <row r="8349" spans="2:14" x14ac:dyDescent="0.25">
      <c r="B8349">
        <f t="shared" si="922"/>
        <v>3</v>
      </c>
      <c r="C8349" s="16">
        <v>8315</v>
      </c>
      <c r="D8349" cm="1">
        <f t="array" ref="D8349">IFERROR(INDEX(Jesper!AH$2:AH$366,ROUNDDOWN($C8349/24,0)+1,1)*INDEX($D$3:$AA$30,INDEX(Jesper!$R$2:$R$366,ROW(INDEX(Jesper!AH$2:AH$366,ROUNDDOWN($C8349/24,0)+1,1))-1)+IF('Standard Profiles'!$G$18=$B$10,7,0)+IF('Standard Profiles'!$G$18=$B$17,14,0)+IF('Standard Profiles'!$G$18=$B$24,21,0),MOD($C8349,24)+1)/SUM(INDEX($D$3:$AA$30,INDEX(Jesper!$R$2:$R$366,ROW(INDEX(Jesper!AH$2:AH$366,ROUNDDOWN($C8349/24,0)+1,1))-1)+IF('Standard Profiles'!$G$18=$B$10,7,0)+IF('Standard Profiles'!$G$18=$B$17,14,0)+IF('Standard Profiles'!$G$18=$B$24,21,0),0)),0)</f>
        <v>35.830308849031219</v>
      </c>
      <c r="E8349" cm="1">
        <f t="array" ref="E8349">IFERROR(INDEX(Jesper!AI$2:AI$366,ROUNDDOWN($C8349/24,0)+1,1)*INDEX($D$3:$AA$30,INDEX(Jesper!$R$2:$R$366,ROW(INDEX(Jesper!AI$2:AI$366,ROUNDDOWN($C8349/24,0)+1,1))-1)+IF('Standard Profiles'!$G$19=$B$10,7,0)+IF('Standard Profiles'!$G$19=$B$17,14,0)+IF('Standard Profiles'!$G$19=$B$24,21,0),MOD($C8349,24)+1)/SUM(INDEX($D$3:$AA$30,INDEX(Jesper!$R$2:$R$366,ROW(INDEX(Jesper!AI$2:AI$366,ROUNDDOWN($C8349/24,0)+1,1))-1)+IF('Standard Profiles'!$G$19=$B$10,7,0)+IF('Standard Profiles'!$G$19=$B$17,14,0)+IF('Standard Profiles'!$G$19=$B$24,21,0),0)),0)</f>
        <v>35.844715258934194</v>
      </c>
      <c r="F8349" cm="1">
        <f t="array" ref="F8349">IFERROR(INDEX(Jesper!AJ$2:AJ$366,ROUNDDOWN($C8349/24,0)+1,1)*INDEX($D$3:$AA$30,INDEX(Jesper!$R$2:$R$366,ROW(INDEX(Jesper!AJ$2:AJ$366,ROUNDDOWN($C8349/24,0)+1,1))-1)+IF('Standard Profiles'!$G$20=$B$10,7,0)+IF('Standard Profiles'!$G$20=$B$17,14,0)+IF('Standard Profiles'!$G$20=$B$24,21,0),MOD($C8349,24)+1)/SUM(INDEX($D$3:$AA$30,INDEX(Jesper!$R$2:$R$366,ROW(INDEX(Jesper!AJ$2:AJ$366,ROUNDDOWN($C8349/24,0)+1,1))-1)+IF('Standard Profiles'!$G$20=$B$10,7,0)+IF('Standard Profiles'!$G$20=$B$17,14,0)+IF('Standard Profiles'!$G$20=$B$24,21,0),0)),0)</f>
        <v>0</v>
      </c>
      <c r="G8349" cm="1">
        <f t="array" ref="G8349">IFERROR(INDEX(Jesper!AK$2:AK$366,ROUNDDOWN($C8349/24,0)+1,1)*INDEX($D$3:$AA$30,INDEX(Jesper!$R$2:$R$366,ROW(INDEX(Jesper!AK$2:AK$366,ROUNDDOWN($C8349/24,0)+1,1))-1)+IF('Standard Profiles'!$G$21=$B$10,7,0)+IF('Standard Profiles'!$G$21=$B$17,14,0)+IF('Standard Profiles'!$G$21=$B$24,21,0),MOD($C8349,24)+1)/SUM(INDEX($D$3:$AA$30,INDEX(Jesper!$R$2:$R$366,ROW(INDEX(Jesper!AK$2:AK$366,ROUNDDOWN($C8349/24,0)+1,1))-1)+IF('Standard Profiles'!$G$21=$B$10,7,0)+IF('Standard Profiles'!$G$21=$B$17,14,0)+IF('Standard Profiles'!$G$21=$B$24,21,0),0)),0)</f>
        <v>23.275626756615551</v>
      </c>
      <c r="H8349" cm="1">
        <f t="array" ref="H8349">IFERROR(INDEX(Jesper!AL$2:AL$366,ROUNDDOWN($C8349/24,0)+1,1)*INDEX($D$3:$AA$30,INDEX(Jesper!$R$2:$R$366,ROW(INDEX(Jesper!AL$2:AL$366,ROUNDDOWN($C8349/24,0)+1,1))-1)+IF('Standard Profiles'!$G$22=$B$10,7,0)+IF('Standard Profiles'!$G$22=$B$17,14,0)+IF('Standard Profiles'!$G$22=$B$24,21,0),MOD($C8349,24)+1)/SUM(INDEX($D$3:$AA$30,INDEX(Jesper!$R$2:$R$366,ROW(INDEX(Jesper!AL$2:AL$366,ROUNDDOWN($C8349/24,0)+1,1))-1)+IF('Standard Profiles'!$G$22=$B$10,7,0)+IF('Standard Profiles'!$G$22=$B$17,14,0)+IF('Standard Profiles'!$G$22=$B$24,21,0),0)),0)</f>
        <v>0</v>
      </c>
      <c r="I8349">
        <f t="shared" si="923"/>
        <v>11.172300843175458</v>
      </c>
      <c r="J8349">
        <f t="shared" si="924"/>
        <v>78.045500605560505</v>
      </c>
      <c r="K8349">
        <f t="shared" si="925"/>
        <v>3.8218996105633303</v>
      </c>
      <c r="L8349">
        <f t="shared" si="926"/>
        <v>1.9109498052816651</v>
      </c>
      <c r="M8349">
        <f t="shared" si="927"/>
        <v>0</v>
      </c>
      <c r="N8349" s="45">
        <f t="shared" si="928"/>
        <v>45273.458333313167</v>
      </c>
    </row>
    <row r="8350" spans="2:14" x14ac:dyDescent="0.25">
      <c r="B8350">
        <f t="shared" si="922"/>
        <v>3</v>
      </c>
      <c r="C8350" s="16">
        <v>8316</v>
      </c>
      <c r="D8350" cm="1">
        <f t="array" ref="D8350">IFERROR(INDEX(Jesper!AH$2:AH$366,ROUNDDOWN($C8350/24,0)+1,1)*INDEX($D$3:$AA$30,INDEX(Jesper!$R$2:$R$366,ROW(INDEX(Jesper!AH$2:AH$366,ROUNDDOWN($C8350/24,0)+1,1))-1)+IF('Standard Profiles'!$G$18=$B$10,7,0)+IF('Standard Profiles'!$G$18=$B$17,14,0)+IF('Standard Profiles'!$G$18=$B$24,21,0),MOD($C8350,24)+1)/SUM(INDEX($D$3:$AA$30,INDEX(Jesper!$R$2:$R$366,ROW(INDEX(Jesper!AH$2:AH$366,ROUNDDOWN($C8350/24,0)+1,1))-1)+IF('Standard Profiles'!$G$18=$B$10,7,0)+IF('Standard Profiles'!$G$18=$B$17,14,0)+IF('Standard Profiles'!$G$18=$B$24,21,0),0)),0)</f>
        <v>35.830308849031219</v>
      </c>
      <c r="E8350" cm="1">
        <f t="array" ref="E8350">IFERROR(INDEX(Jesper!AI$2:AI$366,ROUNDDOWN($C8350/24,0)+1,1)*INDEX($D$3:$AA$30,INDEX(Jesper!$R$2:$R$366,ROW(INDEX(Jesper!AI$2:AI$366,ROUNDDOWN($C8350/24,0)+1,1))-1)+IF('Standard Profiles'!$G$19=$B$10,7,0)+IF('Standard Profiles'!$G$19=$B$17,14,0)+IF('Standard Profiles'!$G$19=$B$24,21,0),MOD($C8350,24)+1)/SUM(INDEX($D$3:$AA$30,INDEX(Jesper!$R$2:$R$366,ROW(INDEX(Jesper!AI$2:AI$366,ROUNDDOWN($C8350/24,0)+1,1))-1)+IF('Standard Profiles'!$G$19=$B$10,7,0)+IF('Standard Profiles'!$G$19=$B$17,14,0)+IF('Standard Profiles'!$G$19=$B$24,21,0),0)),0)</f>
        <v>35.844715258934194</v>
      </c>
      <c r="F8350" cm="1">
        <f t="array" ref="F8350">IFERROR(INDEX(Jesper!AJ$2:AJ$366,ROUNDDOWN($C8350/24,0)+1,1)*INDEX($D$3:$AA$30,INDEX(Jesper!$R$2:$R$366,ROW(INDEX(Jesper!AJ$2:AJ$366,ROUNDDOWN($C8350/24,0)+1,1))-1)+IF('Standard Profiles'!$G$20=$B$10,7,0)+IF('Standard Profiles'!$G$20=$B$17,14,0)+IF('Standard Profiles'!$G$20=$B$24,21,0),MOD($C8350,24)+1)/SUM(INDEX($D$3:$AA$30,INDEX(Jesper!$R$2:$R$366,ROW(INDEX(Jesper!AJ$2:AJ$366,ROUNDDOWN($C8350/24,0)+1,1))-1)+IF('Standard Profiles'!$G$20=$B$10,7,0)+IF('Standard Profiles'!$G$20=$B$17,14,0)+IF('Standard Profiles'!$G$20=$B$24,21,0),0)),0)</f>
        <v>0</v>
      </c>
      <c r="G8350" cm="1">
        <f t="array" ref="G8350">IFERROR(INDEX(Jesper!AK$2:AK$366,ROUNDDOWN($C8350/24,0)+1,1)*INDEX($D$3:$AA$30,INDEX(Jesper!$R$2:$R$366,ROW(INDEX(Jesper!AK$2:AK$366,ROUNDDOWN($C8350/24,0)+1,1))-1)+IF('Standard Profiles'!$G$21=$B$10,7,0)+IF('Standard Profiles'!$G$21=$B$17,14,0)+IF('Standard Profiles'!$G$21=$B$24,21,0),MOD($C8350,24)+1)/SUM(INDEX($D$3:$AA$30,INDEX(Jesper!$R$2:$R$366,ROW(INDEX(Jesper!AK$2:AK$366,ROUNDDOWN($C8350/24,0)+1,1))-1)+IF('Standard Profiles'!$G$21=$B$10,7,0)+IF('Standard Profiles'!$G$21=$B$17,14,0)+IF('Standard Profiles'!$G$21=$B$24,21,0),0)),0)</f>
        <v>23.275626756615551</v>
      </c>
      <c r="H8350" cm="1">
        <f t="array" ref="H8350">IFERROR(INDEX(Jesper!AL$2:AL$366,ROUNDDOWN($C8350/24,0)+1,1)*INDEX($D$3:$AA$30,INDEX(Jesper!$R$2:$R$366,ROW(INDEX(Jesper!AL$2:AL$366,ROUNDDOWN($C8350/24,0)+1,1))-1)+IF('Standard Profiles'!$G$22=$B$10,7,0)+IF('Standard Profiles'!$G$22=$B$17,14,0)+IF('Standard Profiles'!$G$22=$B$24,21,0),MOD($C8350,24)+1)/SUM(INDEX($D$3:$AA$30,INDEX(Jesper!$R$2:$R$366,ROW(INDEX(Jesper!AL$2:AL$366,ROUNDDOWN($C8350/24,0)+1,1))-1)+IF('Standard Profiles'!$G$22=$B$10,7,0)+IF('Standard Profiles'!$G$22=$B$17,14,0)+IF('Standard Profiles'!$G$22=$B$24,21,0),0)),0)</f>
        <v>0</v>
      </c>
      <c r="I8350">
        <f t="shared" si="923"/>
        <v>11.172300843175458</v>
      </c>
      <c r="J8350">
        <f t="shared" si="924"/>
        <v>78.045500605560505</v>
      </c>
      <c r="K8350">
        <f t="shared" si="925"/>
        <v>3.8218996105633303</v>
      </c>
      <c r="L8350">
        <f t="shared" si="926"/>
        <v>1.9109498052816651</v>
      </c>
      <c r="M8350">
        <f t="shared" si="927"/>
        <v>0</v>
      </c>
      <c r="N8350" s="45">
        <f t="shared" si="928"/>
        <v>45273.499999979831</v>
      </c>
    </row>
    <row r="8351" spans="2:14" x14ac:dyDescent="0.25">
      <c r="B8351">
        <f t="shared" si="922"/>
        <v>3</v>
      </c>
      <c r="C8351" s="16">
        <v>8317</v>
      </c>
      <c r="D8351" cm="1">
        <f t="array" ref="D8351">IFERROR(INDEX(Jesper!AH$2:AH$366,ROUNDDOWN($C8351/24,0)+1,1)*INDEX($D$3:$AA$30,INDEX(Jesper!$R$2:$R$366,ROW(INDEX(Jesper!AH$2:AH$366,ROUNDDOWN($C8351/24,0)+1,1))-1)+IF('Standard Profiles'!$G$18=$B$10,7,0)+IF('Standard Profiles'!$G$18=$B$17,14,0)+IF('Standard Profiles'!$G$18=$B$24,21,0),MOD($C8351,24)+1)/SUM(INDEX($D$3:$AA$30,INDEX(Jesper!$R$2:$R$366,ROW(INDEX(Jesper!AH$2:AH$366,ROUNDDOWN($C8351/24,0)+1,1))-1)+IF('Standard Profiles'!$G$18=$B$10,7,0)+IF('Standard Profiles'!$G$18=$B$17,14,0)+IF('Standard Profiles'!$G$18=$B$24,21,0),0)),0)</f>
        <v>23.801562306856454</v>
      </c>
      <c r="E8351" cm="1">
        <f t="array" ref="E8351">IFERROR(INDEX(Jesper!AI$2:AI$366,ROUNDDOWN($C8351/24,0)+1,1)*INDEX($D$3:$AA$30,INDEX(Jesper!$R$2:$R$366,ROW(INDEX(Jesper!AI$2:AI$366,ROUNDDOWN($C8351/24,0)+1,1))-1)+IF('Standard Profiles'!$G$19=$B$10,7,0)+IF('Standard Profiles'!$G$19=$B$17,14,0)+IF('Standard Profiles'!$G$19=$B$24,21,0),MOD($C8351,24)+1)/SUM(INDEX($D$3:$AA$30,INDEX(Jesper!$R$2:$R$366,ROW(INDEX(Jesper!AI$2:AI$366,ROUNDDOWN($C8351/24,0)+1,1))-1)+IF('Standard Profiles'!$G$19=$B$10,7,0)+IF('Standard Profiles'!$G$19=$B$17,14,0)+IF('Standard Profiles'!$G$19=$B$24,21,0),0)),0)</f>
        <v>23.811132279149145</v>
      </c>
      <c r="F8351" cm="1">
        <f t="array" ref="F8351">IFERROR(INDEX(Jesper!AJ$2:AJ$366,ROUNDDOWN($C8351/24,0)+1,1)*INDEX($D$3:$AA$30,INDEX(Jesper!$R$2:$R$366,ROW(INDEX(Jesper!AJ$2:AJ$366,ROUNDDOWN($C8351/24,0)+1,1))-1)+IF('Standard Profiles'!$G$20=$B$10,7,0)+IF('Standard Profiles'!$G$20=$B$17,14,0)+IF('Standard Profiles'!$G$20=$B$24,21,0),MOD($C8351,24)+1)/SUM(INDEX($D$3:$AA$30,INDEX(Jesper!$R$2:$R$366,ROW(INDEX(Jesper!AJ$2:AJ$366,ROUNDDOWN($C8351/24,0)+1,1))-1)+IF('Standard Profiles'!$G$20=$B$10,7,0)+IF('Standard Profiles'!$G$20=$B$17,14,0)+IF('Standard Profiles'!$G$20=$B$24,21,0),0)),0)</f>
        <v>0</v>
      </c>
      <c r="G8351" cm="1">
        <f t="array" ref="G8351">IFERROR(INDEX(Jesper!AK$2:AK$366,ROUNDDOWN($C8351/24,0)+1,1)*INDEX($D$3:$AA$30,INDEX(Jesper!$R$2:$R$366,ROW(INDEX(Jesper!AK$2:AK$366,ROUNDDOWN($C8351/24,0)+1,1))-1)+IF('Standard Profiles'!$G$21=$B$10,7,0)+IF('Standard Profiles'!$G$21=$B$17,14,0)+IF('Standard Profiles'!$G$21=$B$24,21,0),MOD($C8351,24)+1)/SUM(INDEX($D$3:$AA$30,INDEX(Jesper!$R$2:$R$366,ROW(INDEX(Jesper!AK$2:AK$366,ROUNDDOWN($C8351/24,0)+1,1))-1)+IF('Standard Profiles'!$G$21=$B$10,7,0)+IF('Standard Profiles'!$G$21=$B$17,14,0)+IF('Standard Profiles'!$G$21=$B$24,21,0),0)),0)</f>
        <v>15.461666345466046</v>
      </c>
      <c r="H8351" cm="1">
        <f t="array" ref="H8351">IFERROR(INDEX(Jesper!AL$2:AL$366,ROUNDDOWN($C8351/24,0)+1,1)*INDEX($D$3:$AA$30,INDEX(Jesper!$R$2:$R$366,ROW(INDEX(Jesper!AL$2:AL$366,ROUNDDOWN($C8351/24,0)+1,1))-1)+IF('Standard Profiles'!$G$22=$B$10,7,0)+IF('Standard Profiles'!$G$22=$B$17,14,0)+IF('Standard Profiles'!$G$22=$B$24,21,0),MOD($C8351,24)+1)/SUM(INDEX($D$3:$AA$30,INDEX(Jesper!$R$2:$R$366,ROW(INDEX(Jesper!AL$2:AL$366,ROUNDDOWN($C8351/24,0)+1,1))-1)+IF('Standard Profiles'!$G$22=$B$10,7,0)+IF('Standard Profiles'!$G$22=$B$17,14,0)+IF('Standard Profiles'!$G$22=$B$24,21,0),0)),0)</f>
        <v>0</v>
      </c>
      <c r="I8351">
        <f t="shared" si="923"/>
        <v>7.4215998458236987</v>
      </c>
      <c r="J8351">
        <f t="shared" si="924"/>
        <v>51.844511116550919</v>
      </c>
      <c r="K8351">
        <f t="shared" si="925"/>
        <v>2.5388333127313554</v>
      </c>
      <c r="L8351">
        <f t="shared" si="926"/>
        <v>1.2694166563656777</v>
      </c>
      <c r="M8351">
        <f t="shared" si="927"/>
        <v>0</v>
      </c>
      <c r="N8351" s="45">
        <f t="shared" si="928"/>
        <v>45273.541666646495</v>
      </c>
    </row>
    <row r="8352" spans="2:14" x14ac:dyDescent="0.25">
      <c r="B8352">
        <f t="shared" si="922"/>
        <v>3</v>
      </c>
      <c r="C8352" s="16">
        <v>8318</v>
      </c>
      <c r="D8352" cm="1">
        <f t="array" ref="D8352">IFERROR(INDEX(Jesper!AH$2:AH$366,ROUNDDOWN($C8352/24,0)+1,1)*INDEX($D$3:$AA$30,INDEX(Jesper!$R$2:$R$366,ROW(INDEX(Jesper!AH$2:AH$366,ROUNDDOWN($C8352/24,0)+1,1))-1)+IF('Standard Profiles'!$G$18=$B$10,7,0)+IF('Standard Profiles'!$G$18=$B$17,14,0)+IF('Standard Profiles'!$G$18=$B$24,21,0),MOD($C8352,24)+1)/SUM(INDEX($D$3:$AA$30,INDEX(Jesper!$R$2:$R$366,ROW(INDEX(Jesper!AH$2:AH$366,ROUNDDOWN($C8352/24,0)+1,1))-1)+IF('Standard Profiles'!$G$18=$B$10,7,0)+IF('Standard Profiles'!$G$18=$B$17,14,0)+IF('Standard Profiles'!$G$18=$B$24,21,0),0)),0)</f>
        <v>35.830308849031219</v>
      </c>
      <c r="E8352" cm="1">
        <f t="array" ref="E8352">IFERROR(INDEX(Jesper!AI$2:AI$366,ROUNDDOWN($C8352/24,0)+1,1)*INDEX($D$3:$AA$30,INDEX(Jesper!$R$2:$R$366,ROW(INDEX(Jesper!AI$2:AI$366,ROUNDDOWN($C8352/24,0)+1,1))-1)+IF('Standard Profiles'!$G$19=$B$10,7,0)+IF('Standard Profiles'!$G$19=$B$17,14,0)+IF('Standard Profiles'!$G$19=$B$24,21,0),MOD($C8352,24)+1)/SUM(INDEX($D$3:$AA$30,INDEX(Jesper!$R$2:$R$366,ROW(INDEX(Jesper!AI$2:AI$366,ROUNDDOWN($C8352/24,0)+1,1))-1)+IF('Standard Profiles'!$G$19=$B$10,7,0)+IF('Standard Profiles'!$G$19=$B$17,14,0)+IF('Standard Profiles'!$G$19=$B$24,21,0),0)),0)</f>
        <v>35.844715258934194</v>
      </c>
      <c r="F8352" cm="1">
        <f t="array" ref="F8352">IFERROR(INDEX(Jesper!AJ$2:AJ$366,ROUNDDOWN($C8352/24,0)+1,1)*INDEX($D$3:$AA$30,INDEX(Jesper!$R$2:$R$366,ROW(INDEX(Jesper!AJ$2:AJ$366,ROUNDDOWN($C8352/24,0)+1,1))-1)+IF('Standard Profiles'!$G$20=$B$10,7,0)+IF('Standard Profiles'!$G$20=$B$17,14,0)+IF('Standard Profiles'!$G$20=$B$24,21,0),MOD($C8352,24)+1)/SUM(INDEX($D$3:$AA$30,INDEX(Jesper!$R$2:$R$366,ROW(INDEX(Jesper!AJ$2:AJ$366,ROUNDDOWN($C8352/24,0)+1,1))-1)+IF('Standard Profiles'!$G$20=$B$10,7,0)+IF('Standard Profiles'!$G$20=$B$17,14,0)+IF('Standard Profiles'!$G$20=$B$24,21,0),0)),0)</f>
        <v>0</v>
      </c>
      <c r="G8352" cm="1">
        <f t="array" ref="G8352">IFERROR(INDEX(Jesper!AK$2:AK$366,ROUNDDOWN($C8352/24,0)+1,1)*INDEX($D$3:$AA$30,INDEX(Jesper!$R$2:$R$366,ROW(INDEX(Jesper!AK$2:AK$366,ROUNDDOWN($C8352/24,0)+1,1))-1)+IF('Standard Profiles'!$G$21=$B$10,7,0)+IF('Standard Profiles'!$G$21=$B$17,14,0)+IF('Standard Profiles'!$G$21=$B$24,21,0),MOD($C8352,24)+1)/SUM(INDEX($D$3:$AA$30,INDEX(Jesper!$R$2:$R$366,ROW(INDEX(Jesper!AK$2:AK$366,ROUNDDOWN($C8352/24,0)+1,1))-1)+IF('Standard Profiles'!$G$21=$B$10,7,0)+IF('Standard Profiles'!$G$21=$B$17,14,0)+IF('Standard Profiles'!$G$21=$B$24,21,0),0)),0)</f>
        <v>23.275626756615551</v>
      </c>
      <c r="H8352" cm="1">
        <f t="array" ref="H8352">IFERROR(INDEX(Jesper!AL$2:AL$366,ROUNDDOWN($C8352/24,0)+1,1)*INDEX($D$3:$AA$30,INDEX(Jesper!$R$2:$R$366,ROW(INDEX(Jesper!AL$2:AL$366,ROUNDDOWN($C8352/24,0)+1,1))-1)+IF('Standard Profiles'!$G$22=$B$10,7,0)+IF('Standard Profiles'!$G$22=$B$17,14,0)+IF('Standard Profiles'!$G$22=$B$24,21,0),MOD($C8352,24)+1)/SUM(INDEX($D$3:$AA$30,INDEX(Jesper!$R$2:$R$366,ROW(INDEX(Jesper!AL$2:AL$366,ROUNDDOWN($C8352/24,0)+1,1))-1)+IF('Standard Profiles'!$G$22=$B$10,7,0)+IF('Standard Profiles'!$G$22=$B$17,14,0)+IF('Standard Profiles'!$G$22=$B$24,21,0),0)),0)</f>
        <v>0</v>
      </c>
      <c r="I8352">
        <f t="shared" si="923"/>
        <v>11.172300843175458</v>
      </c>
      <c r="J8352">
        <f t="shared" si="924"/>
        <v>78.045500605560505</v>
      </c>
      <c r="K8352">
        <f t="shared" si="925"/>
        <v>3.8218996105633303</v>
      </c>
      <c r="L8352">
        <f t="shared" si="926"/>
        <v>1.9109498052816651</v>
      </c>
      <c r="M8352">
        <f t="shared" si="927"/>
        <v>0</v>
      </c>
      <c r="N8352" s="45">
        <f t="shared" si="928"/>
        <v>45273.58333331316</v>
      </c>
    </row>
    <row r="8353" spans="2:14" x14ac:dyDescent="0.25">
      <c r="B8353">
        <f t="shared" si="922"/>
        <v>3</v>
      </c>
      <c r="C8353" s="16">
        <v>8319</v>
      </c>
      <c r="D8353" cm="1">
        <f t="array" ref="D8353">IFERROR(INDEX(Jesper!AH$2:AH$366,ROUNDDOWN($C8353/24,0)+1,1)*INDEX($D$3:$AA$30,INDEX(Jesper!$R$2:$R$366,ROW(INDEX(Jesper!AH$2:AH$366,ROUNDDOWN($C8353/24,0)+1,1))-1)+IF('Standard Profiles'!$G$18=$B$10,7,0)+IF('Standard Profiles'!$G$18=$B$17,14,0)+IF('Standard Profiles'!$G$18=$B$24,21,0),MOD($C8353,24)+1)/SUM(INDEX($D$3:$AA$30,INDEX(Jesper!$R$2:$R$366,ROW(INDEX(Jesper!AH$2:AH$366,ROUNDDOWN($C8353/24,0)+1,1))-1)+IF('Standard Profiles'!$G$18=$B$10,7,0)+IF('Standard Profiles'!$G$18=$B$17,14,0)+IF('Standard Profiles'!$G$18=$B$24,21,0),0)),0)</f>
        <v>35.830308849031219</v>
      </c>
      <c r="E8353" cm="1">
        <f t="array" ref="E8353">IFERROR(INDEX(Jesper!AI$2:AI$366,ROUNDDOWN($C8353/24,0)+1,1)*INDEX($D$3:$AA$30,INDEX(Jesper!$R$2:$R$366,ROW(INDEX(Jesper!AI$2:AI$366,ROUNDDOWN($C8353/24,0)+1,1))-1)+IF('Standard Profiles'!$G$19=$B$10,7,0)+IF('Standard Profiles'!$G$19=$B$17,14,0)+IF('Standard Profiles'!$G$19=$B$24,21,0),MOD($C8353,24)+1)/SUM(INDEX($D$3:$AA$30,INDEX(Jesper!$R$2:$R$366,ROW(INDEX(Jesper!AI$2:AI$366,ROUNDDOWN($C8353/24,0)+1,1))-1)+IF('Standard Profiles'!$G$19=$B$10,7,0)+IF('Standard Profiles'!$G$19=$B$17,14,0)+IF('Standard Profiles'!$G$19=$B$24,21,0),0)),0)</f>
        <v>35.844715258934194</v>
      </c>
      <c r="F8353" cm="1">
        <f t="array" ref="F8353">IFERROR(INDEX(Jesper!AJ$2:AJ$366,ROUNDDOWN($C8353/24,0)+1,1)*INDEX($D$3:$AA$30,INDEX(Jesper!$R$2:$R$366,ROW(INDEX(Jesper!AJ$2:AJ$366,ROUNDDOWN($C8353/24,0)+1,1))-1)+IF('Standard Profiles'!$G$20=$B$10,7,0)+IF('Standard Profiles'!$G$20=$B$17,14,0)+IF('Standard Profiles'!$G$20=$B$24,21,0),MOD($C8353,24)+1)/SUM(INDEX($D$3:$AA$30,INDEX(Jesper!$R$2:$R$366,ROW(INDEX(Jesper!AJ$2:AJ$366,ROUNDDOWN($C8353/24,0)+1,1))-1)+IF('Standard Profiles'!$G$20=$B$10,7,0)+IF('Standard Profiles'!$G$20=$B$17,14,0)+IF('Standard Profiles'!$G$20=$B$24,21,0),0)),0)</f>
        <v>0</v>
      </c>
      <c r="G8353" cm="1">
        <f t="array" ref="G8353">IFERROR(INDEX(Jesper!AK$2:AK$366,ROUNDDOWN($C8353/24,0)+1,1)*INDEX($D$3:$AA$30,INDEX(Jesper!$R$2:$R$366,ROW(INDEX(Jesper!AK$2:AK$366,ROUNDDOWN($C8353/24,0)+1,1))-1)+IF('Standard Profiles'!$G$21=$B$10,7,0)+IF('Standard Profiles'!$G$21=$B$17,14,0)+IF('Standard Profiles'!$G$21=$B$24,21,0),MOD($C8353,24)+1)/SUM(INDEX($D$3:$AA$30,INDEX(Jesper!$R$2:$R$366,ROW(INDEX(Jesper!AK$2:AK$366,ROUNDDOWN($C8353/24,0)+1,1))-1)+IF('Standard Profiles'!$G$21=$B$10,7,0)+IF('Standard Profiles'!$G$21=$B$17,14,0)+IF('Standard Profiles'!$G$21=$B$24,21,0),0)),0)</f>
        <v>23.275626756615551</v>
      </c>
      <c r="H8353" cm="1">
        <f t="array" ref="H8353">IFERROR(INDEX(Jesper!AL$2:AL$366,ROUNDDOWN($C8353/24,0)+1,1)*INDEX($D$3:$AA$30,INDEX(Jesper!$R$2:$R$366,ROW(INDEX(Jesper!AL$2:AL$366,ROUNDDOWN($C8353/24,0)+1,1))-1)+IF('Standard Profiles'!$G$22=$B$10,7,0)+IF('Standard Profiles'!$G$22=$B$17,14,0)+IF('Standard Profiles'!$G$22=$B$24,21,0),MOD($C8353,24)+1)/SUM(INDEX($D$3:$AA$30,INDEX(Jesper!$R$2:$R$366,ROW(INDEX(Jesper!AL$2:AL$366,ROUNDDOWN($C8353/24,0)+1,1))-1)+IF('Standard Profiles'!$G$22=$B$10,7,0)+IF('Standard Profiles'!$G$22=$B$17,14,0)+IF('Standard Profiles'!$G$22=$B$24,21,0),0)),0)</f>
        <v>0</v>
      </c>
      <c r="I8353">
        <f t="shared" si="923"/>
        <v>11.172300843175458</v>
      </c>
      <c r="J8353">
        <f t="shared" si="924"/>
        <v>78.045500605560505</v>
      </c>
      <c r="K8353">
        <f t="shared" si="925"/>
        <v>3.8218996105633303</v>
      </c>
      <c r="L8353">
        <f t="shared" si="926"/>
        <v>1.9109498052816651</v>
      </c>
      <c r="M8353">
        <f t="shared" si="927"/>
        <v>0</v>
      </c>
      <c r="N8353" s="45">
        <f t="shared" si="928"/>
        <v>45273.624999979824</v>
      </c>
    </row>
    <row r="8354" spans="2:14" x14ac:dyDescent="0.25">
      <c r="B8354">
        <f t="shared" si="922"/>
        <v>3</v>
      </c>
      <c r="C8354" s="16">
        <v>8320</v>
      </c>
      <c r="D8354" cm="1">
        <f t="array" ref="D8354">IFERROR(INDEX(Jesper!AH$2:AH$366,ROUNDDOWN($C8354/24,0)+1,1)*INDEX($D$3:$AA$30,INDEX(Jesper!$R$2:$R$366,ROW(INDEX(Jesper!AH$2:AH$366,ROUNDDOWN($C8354/24,0)+1,1))-1)+IF('Standard Profiles'!$G$18=$B$10,7,0)+IF('Standard Profiles'!$G$18=$B$17,14,0)+IF('Standard Profiles'!$G$18=$B$24,21,0),MOD($C8354,24)+1)/SUM(INDEX($D$3:$AA$30,INDEX(Jesper!$R$2:$R$366,ROW(INDEX(Jesper!AH$2:AH$366,ROUNDDOWN($C8354/24,0)+1,1))-1)+IF('Standard Profiles'!$G$18=$B$10,7,0)+IF('Standard Profiles'!$G$18=$B$17,14,0)+IF('Standard Profiles'!$G$18=$B$24,21,0),0)),0)</f>
        <v>21.114289143179111</v>
      </c>
      <c r="E8354" cm="1">
        <f t="array" ref="E8354">IFERROR(INDEX(Jesper!AI$2:AI$366,ROUNDDOWN($C8354/24,0)+1,1)*INDEX($D$3:$AA$30,INDEX(Jesper!$R$2:$R$366,ROW(INDEX(Jesper!AI$2:AI$366,ROUNDDOWN($C8354/24,0)+1,1))-1)+IF('Standard Profiles'!$G$19=$B$10,7,0)+IF('Standard Profiles'!$G$19=$B$17,14,0)+IF('Standard Profiles'!$G$19=$B$24,21,0),MOD($C8354,24)+1)/SUM(INDEX($D$3:$AA$30,INDEX(Jesper!$R$2:$R$366,ROW(INDEX(Jesper!AI$2:AI$366,ROUNDDOWN($C8354/24,0)+1,1))-1)+IF('Standard Profiles'!$G$19=$B$10,7,0)+IF('Standard Profiles'!$G$19=$B$17,14,0)+IF('Standard Profiles'!$G$19=$B$24,21,0),0)),0)</f>
        <v>21.12277863472908</v>
      </c>
      <c r="F8354" cm="1">
        <f t="array" ref="F8354">IFERROR(INDEX(Jesper!AJ$2:AJ$366,ROUNDDOWN($C8354/24,0)+1,1)*INDEX($D$3:$AA$30,INDEX(Jesper!$R$2:$R$366,ROW(INDEX(Jesper!AJ$2:AJ$366,ROUNDDOWN($C8354/24,0)+1,1))-1)+IF('Standard Profiles'!$G$20=$B$10,7,0)+IF('Standard Profiles'!$G$20=$B$17,14,0)+IF('Standard Profiles'!$G$20=$B$24,21,0),MOD($C8354,24)+1)/SUM(INDEX($D$3:$AA$30,INDEX(Jesper!$R$2:$R$366,ROW(INDEX(Jesper!AJ$2:AJ$366,ROUNDDOWN($C8354/24,0)+1,1))-1)+IF('Standard Profiles'!$G$20=$B$10,7,0)+IF('Standard Profiles'!$G$20=$B$17,14,0)+IF('Standard Profiles'!$G$20=$B$24,21,0),0)),0)</f>
        <v>0</v>
      </c>
      <c r="G8354" cm="1">
        <f t="array" ref="G8354">IFERROR(INDEX(Jesper!AK$2:AK$366,ROUNDDOWN($C8354/24,0)+1,1)*INDEX($D$3:$AA$30,INDEX(Jesper!$R$2:$R$366,ROW(INDEX(Jesper!AK$2:AK$366,ROUNDDOWN($C8354/24,0)+1,1))-1)+IF('Standard Profiles'!$G$21=$B$10,7,0)+IF('Standard Profiles'!$G$21=$B$17,14,0)+IF('Standard Profiles'!$G$21=$B$24,21,0),MOD($C8354,24)+1)/SUM(INDEX($D$3:$AA$30,INDEX(Jesper!$R$2:$R$366,ROW(INDEX(Jesper!AK$2:AK$366,ROUNDDOWN($C8354/24,0)+1,1))-1)+IF('Standard Profiles'!$G$21=$B$10,7,0)+IF('Standard Profiles'!$G$21=$B$17,14,0)+IF('Standard Profiles'!$G$21=$B$24,21,0),0)),0)</f>
        <v>19.448907332960164</v>
      </c>
      <c r="H8354" cm="1">
        <f t="array" ref="H8354">IFERROR(INDEX(Jesper!AL$2:AL$366,ROUNDDOWN($C8354/24,0)+1,1)*INDEX($D$3:$AA$30,INDEX(Jesper!$R$2:$R$366,ROW(INDEX(Jesper!AL$2:AL$366,ROUNDDOWN($C8354/24,0)+1,1))-1)+IF('Standard Profiles'!$G$22=$B$10,7,0)+IF('Standard Profiles'!$G$22=$B$17,14,0)+IF('Standard Profiles'!$G$22=$B$24,21,0),MOD($C8354,24)+1)/SUM(INDEX($D$3:$AA$30,INDEX(Jesper!$R$2:$R$366,ROW(INDEX(Jesper!AL$2:AL$366,ROUNDDOWN($C8354/24,0)+1,1))-1)+IF('Standard Profiles'!$G$22=$B$10,7,0)+IF('Standard Profiles'!$G$22=$B$17,14,0)+IF('Standard Profiles'!$G$22=$B$24,21,0),0)),0)</f>
        <v>0</v>
      </c>
      <c r="I8354">
        <f t="shared" si="923"/>
        <v>9.335475519820875</v>
      </c>
      <c r="J8354">
        <f t="shared" si="924"/>
        <v>48.972213328138821</v>
      </c>
      <c r="K8354">
        <f t="shared" si="925"/>
        <v>2.2521908419391052</v>
      </c>
      <c r="L8354">
        <f t="shared" si="926"/>
        <v>1.1260954209695526</v>
      </c>
      <c r="M8354">
        <f t="shared" si="927"/>
        <v>0</v>
      </c>
      <c r="N8354" s="45">
        <f t="shared" si="928"/>
        <v>45273.666666646488</v>
      </c>
    </row>
    <row r="8355" spans="2:14" x14ac:dyDescent="0.25">
      <c r="B8355">
        <f t="shared" ref="B8355:B8418" si="929">WEEKDAY(N8355,2)</f>
        <v>3</v>
      </c>
      <c r="C8355" s="16">
        <v>8321</v>
      </c>
      <c r="D8355" cm="1">
        <f t="array" ref="D8355">IFERROR(INDEX(Jesper!AH$2:AH$366,ROUNDDOWN($C8355/24,0)+1,1)*INDEX($D$3:$AA$30,INDEX(Jesper!$R$2:$R$366,ROW(INDEX(Jesper!AH$2:AH$366,ROUNDDOWN($C8355/24,0)+1,1))-1)+IF('Standard Profiles'!$G$18=$B$10,7,0)+IF('Standard Profiles'!$G$18=$B$17,14,0)+IF('Standard Profiles'!$G$18=$B$24,21,0),MOD($C8355,24)+1)/SUM(INDEX($D$3:$AA$30,INDEX(Jesper!$R$2:$R$366,ROW(INDEX(Jesper!AH$2:AH$366,ROUNDDOWN($C8355/24,0)+1,1))-1)+IF('Standard Profiles'!$G$18=$B$10,7,0)+IF('Standard Profiles'!$G$18=$B$17,14,0)+IF('Standard Profiles'!$G$18=$B$24,21,0),0)),0)</f>
        <v>9.0116470948267668</v>
      </c>
      <c r="E8355" cm="1">
        <f t="array" ref="E8355">IFERROR(INDEX(Jesper!AI$2:AI$366,ROUNDDOWN($C8355/24,0)+1,1)*INDEX($D$3:$AA$30,INDEX(Jesper!$R$2:$R$366,ROW(INDEX(Jesper!AI$2:AI$366,ROUNDDOWN($C8355/24,0)+1,1))-1)+IF('Standard Profiles'!$G$19=$B$10,7,0)+IF('Standard Profiles'!$G$19=$B$17,14,0)+IF('Standard Profiles'!$G$19=$B$24,21,0),MOD($C8355,24)+1)/SUM(INDEX($D$3:$AA$30,INDEX(Jesper!$R$2:$R$366,ROW(INDEX(Jesper!AI$2:AI$366,ROUNDDOWN($C8355/24,0)+1,1))-1)+IF('Standard Profiles'!$G$19=$B$10,7,0)+IF('Standard Profiles'!$G$19=$B$17,14,0)+IF('Standard Profiles'!$G$19=$B$24,21,0),0)),0)</f>
        <v>9.0152704373576977</v>
      </c>
      <c r="F8355" cm="1">
        <f t="array" ref="F8355">IFERROR(INDEX(Jesper!AJ$2:AJ$366,ROUNDDOWN($C8355/24,0)+1,1)*INDEX($D$3:$AA$30,INDEX(Jesper!$R$2:$R$366,ROW(INDEX(Jesper!AJ$2:AJ$366,ROUNDDOWN($C8355/24,0)+1,1))-1)+IF('Standard Profiles'!$G$20=$B$10,7,0)+IF('Standard Profiles'!$G$20=$B$17,14,0)+IF('Standard Profiles'!$G$20=$B$24,21,0),MOD($C8355,24)+1)/SUM(INDEX($D$3:$AA$30,INDEX(Jesper!$R$2:$R$366,ROW(INDEX(Jesper!AJ$2:AJ$366,ROUNDDOWN($C8355/24,0)+1,1))-1)+IF('Standard Profiles'!$G$20=$B$10,7,0)+IF('Standard Profiles'!$G$20=$B$17,14,0)+IF('Standard Profiles'!$G$20=$B$24,21,0),0)),0)</f>
        <v>0</v>
      </c>
      <c r="G8355" cm="1">
        <f t="array" ref="G8355">IFERROR(INDEX(Jesper!AK$2:AK$366,ROUNDDOWN($C8355/24,0)+1,1)*INDEX($D$3:$AA$30,INDEX(Jesper!$R$2:$R$366,ROW(INDEX(Jesper!AK$2:AK$366,ROUNDDOWN($C8355/24,0)+1,1))-1)+IF('Standard Profiles'!$G$21=$B$10,7,0)+IF('Standard Profiles'!$G$21=$B$17,14,0)+IF('Standard Profiles'!$G$21=$B$24,21,0),MOD($C8355,24)+1)/SUM(INDEX($D$3:$AA$30,INDEX(Jesper!$R$2:$R$366,ROW(INDEX(Jesper!AK$2:AK$366,ROUNDDOWN($C8355/24,0)+1,1))-1)+IF('Standard Profiles'!$G$21=$B$10,7,0)+IF('Standard Profiles'!$G$21=$B$17,14,0)+IF('Standard Profiles'!$G$21=$B$24,21,0),0)),0)</f>
        <v>15.464532801963166</v>
      </c>
      <c r="H8355" cm="1">
        <f t="array" ref="H8355">IFERROR(INDEX(Jesper!AL$2:AL$366,ROUNDDOWN($C8355/24,0)+1,1)*INDEX($D$3:$AA$30,INDEX(Jesper!$R$2:$R$366,ROW(INDEX(Jesper!AL$2:AL$366,ROUNDDOWN($C8355/24,0)+1,1))-1)+IF('Standard Profiles'!$G$22=$B$10,7,0)+IF('Standard Profiles'!$G$22=$B$17,14,0)+IF('Standard Profiles'!$G$22=$B$24,21,0),MOD($C8355,24)+1)/SUM(INDEX($D$3:$AA$30,INDEX(Jesper!$R$2:$R$366,ROW(INDEX(Jesper!AL$2:AL$366,ROUNDDOWN($C8355/24,0)+1,1))-1)+IF('Standard Profiles'!$G$22=$B$10,7,0)+IF('Standard Profiles'!$G$22=$B$17,14,0)+IF('Standard Profiles'!$G$22=$B$24,21,0),0)),0)</f>
        <v>0</v>
      </c>
      <c r="I8355">
        <f t="shared" ref="I8355:I8418" si="930">IF($B8355&lt;6,AC$37*$D8355+AC$38*$E8355+AC$39*$F8355+AC$40*$G8355,AC$46*$D8355+AC$47*$E8355+AC$48*$F8355+AC$49*$G8355+AC$50*$H8355)</f>
        <v>7.4229757449423159</v>
      </c>
      <c r="J8355">
        <f t="shared" ref="J8355:J8418" si="931">IF($B8355&lt;6,AD$37*$D8355+AD$38*$E8355+AD$39*$F8355+AD$40*$G8355,AD$46*$D8355+AD$47*$E8355+AD$48*$F8355+AD$49*$G8355+AD$50*$H8355)</f>
        <v>24.626611054033031</v>
      </c>
      <c r="K8355">
        <f t="shared" ref="K8355:K8418" si="932">IF($B8355&lt;6,AE$37*$D8355+AE$38*$E8355+AE$39*$F8355+AE$40*$G8355,AE$46*$D8355+AE$47*$E8355+AE$48*$F8355+AE$49*$G8355+AE$50*$H8355)</f>
        <v>0.96124235678152181</v>
      </c>
      <c r="L8355">
        <f t="shared" ref="L8355:L8418" si="933">IF($B8355&lt;6,AF$37*$D8355+AF$38*$E8355+AF$39*$F8355+AF$40*$G8355,AF$46*$D8355+AF$47*$E8355+AF$48*$F8355+AF$49*$G8355+AF$50*$H8355)</f>
        <v>0.48062117839076091</v>
      </c>
      <c r="M8355">
        <f t="shared" ref="M8355:M8418" si="934">IF($B8355&lt;6,AG$37*$D8355+AG$38*$E8355+AG$39*$F8355+AG$40*$G8355,AG$46*$D8355+AG$47*$E8355+AG$48*$F8355+AG$49*$G8355+AG$50*$H8355)</f>
        <v>0</v>
      </c>
      <c r="N8355" s="45">
        <f t="shared" si="928"/>
        <v>45273.708333313152</v>
      </c>
    </row>
    <row r="8356" spans="2:14" x14ac:dyDescent="0.25">
      <c r="B8356">
        <f t="shared" si="929"/>
        <v>3</v>
      </c>
      <c r="C8356" s="16">
        <v>8322</v>
      </c>
      <c r="D8356" cm="1">
        <f t="array" ref="D8356">IFERROR(INDEX(Jesper!AH$2:AH$366,ROUNDDOWN($C8356/24,0)+1,1)*INDEX($D$3:$AA$30,INDEX(Jesper!$R$2:$R$366,ROW(INDEX(Jesper!AH$2:AH$366,ROUNDDOWN($C8356/24,0)+1,1))-1)+IF('Standard Profiles'!$G$18=$B$10,7,0)+IF('Standard Profiles'!$G$18=$B$17,14,0)+IF('Standard Profiles'!$G$18=$B$24,21,0),MOD($C8356,24)+1)/SUM(INDEX($D$3:$AA$30,INDEX(Jesper!$R$2:$R$366,ROW(INDEX(Jesper!AH$2:AH$366,ROUNDDOWN($C8356/24,0)+1,1))-1)+IF('Standard Profiles'!$G$18=$B$10,7,0)+IF('Standard Profiles'!$G$18=$B$17,14,0)+IF('Standard Profiles'!$G$18=$B$24,21,0),0)),0)</f>
        <v>5.9476870825856656</v>
      </c>
      <c r="E8356" cm="1">
        <f t="array" ref="E8356">IFERROR(INDEX(Jesper!AI$2:AI$366,ROUNDDOWN($C8356/24,0)+1,1)*INDEX($D$3:$AA$30,INDEX(Jesper!$R$2:$R$366,ROW(INDEX(Jesper!AI$2:AI$366,ROUNDDOWN($C8356/24,0)+1,1))-1)+IF('Standard Profiles'!$G$19=$B$10,7,0)+IF('Standard Profiles'!$G$19=$B$17,14,0)+IF('Standard Profiles'!$G$19=$B$24,21,0),MOD($C8356,24)+1)/SUM(INDEX($D$3:$AA$30,INDEX(Jesper!$R$2:$R$366,ROW(INDEX(Jesper!AI$2:AI$366,ROUNDDOWN($C8356/24,0)+1,1))-1)+IF('Standard Profiles'!$G$19=$B$10,7,0)+IF('Standard Profiles'!$G$19=$B$17,14,0)+IF('Standard Profiles'!$G$19=$B$24,21,0),0)),0)</f>
        <v>5.9500784886560796</v>
      </c>
      <c r="F8356" cm="1">
        <f t="array" ref="F8356">IFERROR(INDEX(Jesper!AJ$2:AJ$366,ROUNDDOWN($C8356/24,0)+1,1)*INDEX($D$3:$AA$30,INDEX(Jesper!$R$2:$R$366,ROW(INDEX(Jesper!AJ$2:AJ$366,ROUNDDOWN($C8356/24,0)+1,1))-1)+IF('Standard Profiles'!$G$20=$B$10,7,0)+IF('Standard Profiles'!$G$20=$B$17,14,0)+IF('Standard Profiles'!$G$20=$B$24,21,0),MOD($C8356,24)+1)/SUM(INDEX($D$3:$AA$30,INDEX(Jesper!$R$2:$R$366,ROW(INDEX(Jesper!AJ$2:AJ$366,ROUNDDOWN($C8356/24,0)+1,1))-1)+IF('Standard Profiles'!$G$20=$B$10,7,0)+IF('Standard Profiles'!$G$20=$B$17,14,0)+IF('Standard Profiles'!$G$20=$B$24,21,0),0)),0)</f>
        <v>0</v>
      </c>
      <c r="G8356" cm="1">
        <f t="array" ref="G8356">IFERROR(INDEX(Jesper!AK$2:AK$366,ROUNDDOWN($C8356/24,0)+1,1)*INDEX($D$3:$AA$30,INDEX(Jesper!$R$2:$R$366,ROW(INDEX(Jesper!AK$2:AK$366,ROUNDDOWN($C8356/24,0)+1,1))-1)+IF('Standard Profiles'!$G$21=$B$10,7,0)+IF('Standard Profiles'!$G$21=$B$17,14,0)+IF('Standard Profiles'!$G$21=$B$24,21,0),MOD($C8356,24)+1)/SUM(INDEX($D$3:$AA$30,INDEX(Jesper!$R$2:$R$366,ROW(INDEX(Jesper!AK$2:AK$366,ROUNDDOWN($C8356/24,0)+1,1))-1)+IF('Standard Profiles'!$G$21=$B$10,7,0)+IF('Standard Profiles'!$G$21=$B$17,14,0)+IF('Standard Profiles'!$G$21=$B$24,21,0),0)),0)</f>
        <v>5.7329129942402846</v>
      </c>
      <c r="H8356" cm="1">
        <f t="array" ref="H8356">IFERROR(INDEX(Jesper!AL$2:AL$366,ROUNDDOWN($C8356/24,0)+1,1)*INDEX($D$3:$AA$30,INDEX(Jesper!$R$2:$R$366,ROW(INDEX(Jesper!AL$2:AL$366,ROUNDDOWN($C8356/24,0)+1,1))-1)+IF('Standard Profiles'!$G$22=$B$10,7,0)+IF('Standard Profiles'!$G$22=$B$17,14,0)+IF('Standard Profiles'!$G$22=$B$24,21,0),MOD($C8356,24)+1)/SUM(INDEX($D$3:$AA$30,INDEX(Jesper!$R$2:$R$366,ROW(INDEX(Jesper!AL$2:AL$366,ROUNDDOWN($C8356/24,0)+1,1))-1)+IF('Standard Profiles'!$G$22=$B$10,7,0)+IF('Standard Profiles'!$G$22=$B$17,14,0)+IF('Standard Profiles'!$G$22=$B$24,21,0),0)),0)</f>
        <v>0</v>
      </c>
      <c r="I8356">
        <f t="shared" si="930"/>
        <v>2.7517982372353353</v>
      </c>
      <c r="J8356">
        <f t="shared" si="931"/>
        <v>13.927250395032988</v>
      </c>
      <c r="K8356">
        <f t="shared" si="932"/>
        <v>0.63441995547580432</v>
      </c>
      <c r="L8356">
        <f t="shared" si="933"/>
        <v>0.31720997773790216</v>
      </c>
      <c r="M8356">
        <f t="shared" si="934"/>
        <v>0</v>
      </c>
      <c r="N8356" s="45">
        <f t="shared" ref="N8356:N8419" si="935">N8355+1/24</f>
        <v>45273.749999979816</v>
      </c>
    </row>
    <row r="8357" spans="2:14" x14ac:dyDescent="0.25">
      <c r="B8357">
        <f t="shared" si="929"/>
        <v>3</v>
      </c>
      <c r="C8357" s="16">
        <v>8323</v>
      </c>
      <c r="D8357" cm="1">
        <f t="array" ref="D8357">IFERROR(INDEX(Jesper!AH$2:AH$366,ROUNDDOWN($C8357/24,0)+1,1)*INDEX($D$3:$AA$30,INDEX(Jesper!$R$2:$R$366,ROW(INDEX(Jesper!AH$2:AH$366,ROUNDDOWN($C8357/24,0)+1,1))-1)+IF('Standard Profiles'!$G$18=$B$10,7,0)+IF('Standard Profiles'!$G$18=$B$17,14,0)+IF('Standard Profiles'!$G$18=$B$24,21,0),MOD($C8357,24)+1)/SUM(INDEX($D$3:$AA$30,INDEX(Jesper!$R$2:$R$366,ROW(INDEX(Jesper!AH$2:AH$366,ROUNDDOWN($C8357/24,0)+1,1))-1)+IF('Standard Profiles'!$G$18=$B$10,7,0)+IF('Standard Profiles'!$G$18=$B$17,14,0)+IF('Standard Profiles'!$G$18=$B$24,21,0),0)),0)</f>
        <v>5.9476870825856656</v>
      </c>
      <c r="E8357" cm="1">
        <f t="array" ref="E8357">IFERROR(INDEX(Jesper!AI$2:AI$366,ROUNDDOWN($C8357/24,0)+1,1)*INDEX($D$3:$AA$30,INDEX(Jesper!$R$2:$R$366,ROW(INDEX(Jesper!AI$2:AI$366,ROUNDDOWN($C8357/24,0)+1,1))-1)+IF('Standard Profiles'!$G$19=$B$10,7,0)+IF('Standard Profiles'!$G$19=$B$17,14,0)+IF('Standard Profiles'!$G$19=$B$24,21,0),MOD($C8357,24)+1)/SUM(INDEX($D$3:$AA$30,INDEX(Jesper!$R$2:$R$366,ROW(INDEX(Jesper!AI$2:AI$366,ROUNDDOWN($C8357/24,0)+1,1))-1)+IF('Standard Profiles'!$G$19=$B$10,7,0)+IF('Standard Profiles'!$G$19=$B$17,14,0)+IF('Standard Profiles'!$G$19=$B$24,21,0),0)),0)</f>
        <v>5.9500784886560796</v>
      </c>
      <c r="F8357" cm="1">
        <f t="array" ref="F8357">IFERROR(INDEX(Jesper!AJ$2:AJ$366,ROUNDDOWN($C8357/24,0)+1,1)*INDEX($D$3:$AA$30,INDEX(Jesper!$R$2:$R$366,ROW(INDEX(Jesper!AJ$2:AJ$366,ROUNDDOWN($C8357/24,0)+1,1))-1)+IF('Standard Profiles'!$G$20=$B$10,7,0)+IF('Standard Profiles'!$G$20=$B$17,14,0)+IF('Standard Profiles'!$G$20=$B$24,21,0),MOD($C8357,24)+1)/SUM(INDEX($D$3:$AA$30,INDEX(Jesper!$R$2:$R$366,ROW(INDEX(Jesper!AJ$2:AJ$366,ROUNDDOWN($C8357/24,0)+1,1))-1)+IF('Standard Profiles'!$G$20=$B$10,7,0)+IF('Standard Profiles'!$G$20=$B$17,14,0)+IF('Standard Profiles'!$G$20=$B$24,21,0),0)),0)</f>
        <v>0</v>
      </c>
      <c r="G8357" cm="1">
        <f t="array" ref="G8357">IFERROR(INDEX(Jesper!AK$2:AK$366,ROUNDDOWN($C8357/24,0)+1,1)*INDEX($D$3:$AA$30,INDEX(Jesper!$R$2:$R$366,ROW(INDEX(Jesper!AK$2:AK$366,ROUNDDOWN($C8357/24,0)+1,1))-1)+IF('Standard Profiles'!$G$21=$B$10,7,0)+IF('Standard Profiles'!$G$21=$B$17,14,0)+IF('Standard Profiles'!$G$21=$B$24,21,0),MOD($C8357,24)+1)/SUM(INDEX($D$3:$AA$30,INDEX(Jesper!$R$2:$R$366,ROW(INDEX(Jesper!AK$2:AK$366,ROUNDDOWN($C8357/24,0)+1,1))-1)+IF('Standard Profiles'!$G$21=$B$10,7,0)+IF('Standard Profiles'!$G$21=$B$17,14,0)+IF('Standard Profiles'!$G$21=$B$24,21,0),0)),0)</f>
        <v>5.7329129942402846</v>
      </c>
      <c r="H8357" cm="1">
        <f t="array" ref="H8357">IFERROR(INDEX(Jesper!AL$2:AL$366,ROUNDDOWN($C8357/24,0)+1,1)*INDEX($D$3:$AA$30,INDEX(Jesper!$R$2:$R$366,ROW(INDEX(Jesper!AL$2:AL$366,ROUNDDOWN($C8357/24,0)+1,1))-1)+IF('Standard Profiles'!$G$22=$B$10,7,0)+IF('Standard Profiles'!$G$22=$B$17,14,0)+IF('Standard Profiles'!$G$22=$B$24,21,0),MOD($C8357,24)+1)/SUM(INDEX($D$3:$AA$30,INDEX(Jesper!$R$2:$R$366,ROW(INDEX(Jesper!AL$2:AL$366,ROUNDDOWN($C8357/24,0)+1,1))-1)+IF('Standard Profiles'!$G$22=$B$10,7,0)+IF('Standard Profiles'!$G$22=$B$17,14,0)+IF('Standard Profiles'!$G$22=$B$24,21,0),0)),0)</f>
        <v>0</v>
      </c>
      <c r="I8357">
        <f t="shared" si="930"/>
        <v>2.7517982372353353</v>
      </c>
      <c r="J8357">
        <f t="shared" si="931"/>
        <v>13.927250395032988</v>
      </c>
      <c r="K8357">
        <f t="shared" si="932"/>
        <v>0.63441995547580432</v>
      </c>
      <c r="L8357">
        <f t="shared" si="933"/>
        <v>0.31720997773790216</v>
      </c>
      <c r="M8357">
        <f t="shared" si="934"/>
        <v>0</v>
      </c>
      <c r="N8357" s="45">
        <f t="shared" si="935"/>
        <v>45273.791666646481</v>
      </c>
    </row>
    <row r="8358" spans="2:14" x14ac:dyDescent="0.25">
      <c r="B8358">
        <f t="shared" si="929"/>
        <v>3</v>
      </c>
      <c r="C8358" s="16">
        <v>8324</v>
      </c>
      <c r="D8358" cm="1">
        <f t="array" ref="D8358">IFERROR(INDEX(Jesper!AH$2:AH$366,ROUNDDOWN($C8358/24,0)+1,1)*INDEX($D$3:$AA$30,INDEX(Jesper!$R$2:$R$366,ROW(INDEX(Jesper!AH$2:AH$366,ROUNDDOWN($C8358/24,0)+1,1))-1)+IF('Standard Profiles'!$G$18=$B$10,7,0)+IF('Standard Profiles'!$G$18=$B$17,14,0)+IF('Standard Profiles'!$G$18=$B$24,21,0),MOD($C8358,24)+1)/SUM(INDEX($D$3:$AA$30,INDEX(Jesper!$R$2:$R$366,ROW(INDEX(Jesper!AH$2:AH$366,ROUNDDOWN($C8358/24,0)+1,1))-1)+IF('Standard Profiles'!$G$18=$B$10,7,0)+IF('Standard Profiles'!$G$18=$B$17,14,0)+IF('Standard Profiles'!$G$18=$B$24,21,0),0)),0)</f>
        <v>5.9476870825856656</v>
      </c>
      <c r="E8358" cm="1">
        <f t="array" ref="E8358">IFERROR(INDEX(Jesper!AI$2:AI$366,ROUNDDOWN($C8358/24,0)+1,1)*INDEX($D$3:$AA$30,INDEX(Jesper!$R$2:$R$366,ROW(INDEX(Jesper!AI$2:AI$366,ROUNDDOWN($C8358/24,0)+1,1))-1)+IF('Standard Profiles'!$G$19=$B$10,7,0)+IF('Standard Profiles'!$G$19=$B$17,14,0)+IF('Standard Profiles'!$G$19=$B$24,21,0),MOD($C8358,24)+1)/SUM(INDEX($D$3:$AA$30,INDEX(Jesper!$R$2:$R$366,ROW(INDEX(Jesper!AI$2:AI$366,ROUNDDOWN($C8358/24,0)+1,1))-1)+IF('Standard Profiles'!$G$19=$B$10,7,0)+IF('Standard Profiles'!$G$19=$B$17,14,0)+IF('Standard Profiles'!$G$19=$B$24,21,0),0)),0)</f>
        <v>5.9500784886560796</v>
      </c>
      <c r="F8358" cm="1">
        <f t="array" ref="F8358">IFERROR(INDEX(Jesper!AJ$2:AJ$366,ROUNDDOWN($C8358/24,0)+1,1)*INDEX($D$3:$AA$30,INDEX(Jesper!$R$2:$R$366,ROW(INDEX(Jesper!AJ$2:AJ$366,ROUNDDOWN($C8358/24,0)+1,1))-1)+IF('Standard Profiles'!$G$20=$B$10,7,0)+IF('Standard Profiles'!$G$20=$B$17,14,0)+IF('Standard Profiles'!$G$20=$B$24,21,0),MOD($C8358,24)+1)/SUM(INDEX($D$3:$AA$30,INDEX(Jesper!$R$2:$R$366,ROW(INDEX(Jesper!AJ$2:AJ$366,ROUNDDOWN($C8358/24,0)+1,1))-1)+IF('Standard Profiles'!$G$20=$B$10,7,0)+IF('Standard Profiles'!$G$20=$B$17,14,0)+IF('Standard Profiles'!$G$20=$B$24,21,0),0)),0)</f>
        <v>0</v>
      </c>
      <c r="G8358" cm="1">
        <f t="array" ref="G8358">IFERROR(INDEX(Jesper!AK$2:AK$366,ROUNDDOWN($C8358/24,0)+1,1)*INDEX($D$3:$AA$30,INDEX(Jesper!$R$2:$R$366,ROW(INDEX(Jesper!AK$2:AK$366,ROUNDDOWN($C8358/24,0)+1,1))-1)+IF('Standard Profiles'!$G$21=$B$10,7,0)+IF('Standard Profiles'!$G$21=$B$17,14,0)+IF('Standard Profiles'!$G$21=$B$24,21,0),MOD($C8358,24)+1)/SUM(INDEX($D$3:$AA$30,INDEX(Jesper!$R$2:$R$366,ROW(INDEX(Jesper!AK$2:AK$366,ROUNDDOWN($C8358/24,0)+1,1))-1)+IF('Standard Profiles'!$G$21=$B$10,7,0)+IF('Standard Profiles'!$G$21=$B$17,14,0)+IF('Standard Profiles'!$G$21=$B$24,21,0),0)),0)</f>
        <v>5.7329129942402846</v>
      </c>
      <c r="H8358" cm="1">
        <f t="array" ref="H8358">IFERROR(INDEX(Jesper!AL$2:AL$366,ROUNDDOWN($C8358/24,0)+1,1)*INDEX($D$3:$AA$30,INDEX(Jesper!$R$2:$R$366,ROW(INDEX(Jesper!AL$2:AL$366,ROUNDDOWN($C8358/24,0)+1,1))-1)+IF('Standard Profiles'!$G$22=$B$10,7,0)+IF('Standard Profiles'!$G$22=$B$17,14,0)+IF('Standard Profiles'!$G$22=$B$24,21,0),MOD($C8358,24)+1)/SUM(INDEX($D$3:$AA$30,INDEX(Jesper!$R$2:$R$366,ROW(INDEX(Jesper!AL$2:AL$366,ROUNDDOWN($C8358/24,0)+1,1))-1)+IF('Standard Profiles'!$G$22=$B$10,7,0)+IF('Standard Profiles'!$G$22=$B$17,14,0)+IF('Standard Profiles'!$G$22=$B$24,21,0),0)),0)</f>
        <v>0</v>
      </c>
      <c r="I8358">
        <f t="shared" si="930"/>
        <v>2.7517982372353353</v>
      </c>
      <c r="J8358">
        <f t="shared" si="931"/>
        <v>13.927250395032988</v>
      </c>
      <c r="K8358">
        <f t="shared" si="932"/>
        <v>0.63441995547580432</v>
      </c>
      <c r="L8358">
        <f t="shared" si="933"/>
        <v>0.31720997773790216</v>
      </c>
      <c r="M8358">
        <f t="shared" si="934"/>
        <v>0</v>
      </c>
      <c r="N8358" s="45">
        <f t="shared" si="935"/>
        <v>45273.833333313145</v>
      </c>
    </row>
    <row r="8359" spans="2:14" x14ac:dyDescent="0.25">
      <c r="B8359">
        <f t="shared" si="929"/>
        <v>3</v>
      </c>
      <c r="C8359" s="16">
        <v>8325</v>
      </c>
      <c r="D8359" cm="1">
        <f t="array" ref="D8359">IFERROR(INDEX(Jesper!AH$2:AH$366,ROUNDDOWN($C8359/24,0)+1,1)*INDEX($D$3:$AA$30,INDEX(Jesper!$R$2:$R$366,ROW(INDEX(Jesper!AH$2:AH$366,ROUNDDOWN($C8359/24,0)+1,1))-1)+IF('Standard Profiles'!$G$18=$B$10,7,0)+IF('Standard Profiles'!$G$18=$B$17,14,0)+IF('Standard Profiles'!$G$18=$B$24,21,0),MOD($C8359,24)+1)/SUM(INDEX($D$3:$AA$30,INDEX(Jesper!$R$2:$R$366,ROW(INDEX(Jesper!AH$2:AH$366,ROUNDDOWN($C8359/24,0)+1,1))-1)+IF('Standard Profiles'!$G$18=$B$10,7,0)+IF('Standard Profiles'!$G$18=$B$17,14,0)+IF('Standard Profiles'!$G$18=$B$24,21,0),0)),0)</f>
        <v>5.9476870825856656</v>
      </c>
      <c r="E8359" cm="1">
        <f t="array" ref="E8359">IFERROR(INDEX(Jesper!AI$2:AI$366,ROUNDDOWN($C8359/24,0)+1,1)*INDEX($D$3:$AA$30,INDEX(Jesper!$R$2:$R$366,ROW(INDEX(Jesper!AI$2:AI$366,ROUNDDOWN($C8359/24,0)+1,1))-1)+IF('Standard Profiles'!$G$19=$B$10,7,0)+IF('Standard Profiles'!$G$19=$B$17,14,0)+IF('Standard Profiles'!$G$19=$B$24,21,0),MOD($C8359,24)+1)/SUM(INDEX($D$3:$AA$30,INDEX(Jesper!$R$2:$R$366,ROW(INDEX(Jesper!AI$2:AI$366,ROUNDDOWN($C8359/24,0)+1,1))-1)+IF('Standard Profiles'!$G$19=$B$10,7,0)+IF('Standard Profiles'!$G$19=$B$17,14,0)+IF('Standard Profiles'!$G$19=$B$24,21,0),0)),0)</f>
        <v>5.9500784886560796</v>
      </c>
      <c r="F8359" cm="1">
        <f t="array" ref="F8359">IFERROR(INDEX(Jesper!AJ$2:AJ$366,ROUNDDOWN($C8359/24,0)+1,1)*INDEX($D$3:$AA$30,INDEX(Jesper!$R$2:$R$366,ROW(INDEX(Jesper!AJ$2:AJ$366,ROUNDDOWN($C8359/24,0)+1,1))-1)+IF('Standard Profiles'!$G$20=$B$10,7,0)+IF('Standard Profiles'!$G$20=$B$17,14,0)+IF('Standard Profiles'!$G$20=$B$24,21,0),MOD($C8359,24)+1)/SUM(INDEX($D$3:$AA$30,INDEX(Jesper!$R$2:$R$366,ROW(INDEX(Jesper!AJ$2:AJ$366,ROUNDDOWN($C8359/24,0)+1,1))-1)+IF('Standard Profiles'!$G$20=$B$10,7,0)+IF('Standard Profiles'!$G$20=$B$17,14,0)+IF('Standard Profiles'!$G$20=$B$24,21,0),0)),0)</f>
        <v>0</v>
      </c>
      <c r="G8359" cm="1">
        <f t="array" ref="G8359">IFERROR(INDEX(Jesper!AK$2:AK$366,ROUNDDOWN($C8359/24,0)+1,1)*INDEX($D$3:$AA$30,INDEX(Jesper!$R$2:$R$366,ROW(INDEX(Jesper!AK$2:AK$366,ROUNDDOWN($C8359/24,0)+1,1))-1)+IF('Standard Profiles'!$G$21=$B$10,7,0)+IF('Standard Profiles'!$G$21=$B$17,14,0)+IF('Standard Profiles'!$G$21=$B$24,21,0),MOD($C8359,24)+1)/SUM(INDEX($D$3:$AA$30,INDEX(Jesper!$R$2:$R$366,ROW(INDEX(Jesper!AK$2:AK$366,ROUNDDOWN($C8359/24,0)+1,1))-1)+IF('Standard Profiles'!$G$21=$B$10,7,0)+IF('Standard Profiles'!$G$21=$B$17,14,0)+IF('Standard Profiles'!$G$21=$B$24,21,0),0)),0)</f>
        <v>5.7329129942402846</v>
      </c>
      <c r="H8359" cm="1">
        <f t="array" ref="H8359">IFERROR(INDEX(Jesper!AL$2:AL$366,ROUNDDOWN($C8359/24,0)+1,1)*INDEX($D$3:$AA$30,INDEX(Jesper!$R$2:$R$366,ROW(INDEX(Jesper!AL$2:AL$366,ROUNDDOWN($C8359/24,0)+1,1))-1)+IF('Standard Profiles'!$G$22=$B$10,7,0)+IF('Standard Profiles'!$G$22=$B$17,14,0)+IF('Standard Profiles'!$G$22=$B$24,21,0),MOD($C8359,24)+1)/SUM(INDEX($D$3:$AA$30,INDEX(Jesper!$R$2:$R$366,ROW(INDEX(Jesper!AL$2:AL$366,ROUNDDOWN($C8359/24,0)+1,1))-1)+IF('Standard Profiles'!$G$22=$B$10,7,0)+IF('Standard Profiles'!$G$22=$B$17,14,0)+IF('Standard Profiles'!$G$22=$B$24,21,0),0)),0)</f>
        <v>0</v>
      </c>
      <c r="I8359">
        <f t="shared" si="930"/>
        <v>2.7517982372353353</v>
      </c>
      <c r="J8359">
        <f t="shared" si="931"/>
        <v>13.927250395032988</v>
      </c>
      <c r="K8359">
        <f t="shared" si="932"/>
        <v>0.63441995547580432</v>
      </c>
      <c r="L8359">
        <f t="shared" si="933"/>
        <v>0.31720997773790216</v>
      </c>
      <c r="M8359">
        <f t="shared" si="934"/>
        <v>0</v>
      </c>
      <c r="N8359" s="45">
        <f t="shared" si="935"/>
        <v>45273.874999979809</v>
      </c>
    </row>
    <row r="8360" spans="2:14" x14ac:dyDescent="0.25">
      <c r="B8360">
        <f t="shared" si="929"/>
        <v>3</v>
      </c>
      <c r="C8360" s="16">
        <v>8326</v>
      </c>
      <c r="D8360" cm="1">
        <f t="array" ref="D8360">IFERROR(INDEX(Jesper!AH$2:AH$366,ROUNDDOWN($C8360/24,0)+1,1)*INDEX($D$3:$AA$30,INDEX(Jesper!$R$2:$R$366,ROW(INDEX(Jesper!AH$2:AH$366,ROUNDDOWN($C8360/24,0)+1,1))-1)+IF('Standard Profiles'!$G$18=$B$10,7,0)+IF('Standard Profiles'!$G$18=$B$17,14,0)+IF('Standard Profiles'!$G$18=$B$24,21,0),MOD($C8360,24)+1)/SUM(INDEX($D$3:$AA$30,INDEX(Jesper!$R$2:$R$366,ROW(INDEX(Jesper!AH$2:AH$366,ROUNDDOWN($C8360/24,0)+1,1))-1)+IF('Standard Profiles'!$G$18=$B$10,7,0)+IF('Standard Profiles'!$G$18=$B$17,14,0)+IF('Standard Profiles'!$G$18=$B$24,21,0),0)),0)</f>
        <v>5.9476870825856656</v>
      </c>
      <c r="E8360" cm="1">
        <f t="array" ref="E8360">IFERROR(INDEX(Jesper!AI$2:AI$366,ROUNDDOWN($C8360/24,0)+1,1)*INDEX($D$3:$AA$30,INDEX(Jesper!$R$2:$R$366,ROW(INDEX(Jesper!AI$2:AI$366,ROUNDDOWN($C8360/24,0)+1,1))-1)+IF('Standard Profiles'!$G$19=$B$10,7,0)+IF('Standard Profiles'!$G$19=$B$17,14,0)+IF('Standard Profiles'!$G$19=$B$24,21,0),MOD($C8360,24)+1)/SUM(INDEX($D$3:$AA$30,INDEX(Jesper!$R$2:$R$366,ROW(INDEX(Jesper!AI$2:AI$366,ROUNDDOWN($C8360/24,0)+1,1))-1)+IF('Standard Profiles'!$G$19=$B$10,7,0)+IF('Standard Profiles'!$G$19=$B$17,14,0)+IF('Standard Profiles'!$G$19=$B$24,21,0),0)),0)</f>
        <v>5.9500784886560796</v>
      </c>
      <c r="F8360" cm="1">
        <f t="array" ref="F8360">IFERROR(INDEX(Jesper!AJ$2:AJ$366,ROUNDDOWN($C8360/24,0)+1,1)*INDEX($D$3:$AA$30,INDEX(Jesper!$R$2:$R$366,ROW(INDEX(Jesper!AJ$2:AJ$366,ROUNDDOWN($C8360/24,0)+1,1))-1)+IF('Standard Profiles'!$G$20=$B$10,7,0)+IF('Standard Profiles'!$G$20=$B$17,14,0)+IF('Standard Profiles'!$G$20=$B$24,21,0),MOD($C8360,24)+1)/SUM(INDEX($D$3:$AA$30,INDEX(Jesper!$R$2:$R$366,ROW(INDEX(Jesper!AJ$2:AJ$366,ROUNDDOWN($C8360/24,0)+1,1))-1)+IF('Standard Profiles'!$G$20=$B$10,7,0)+IF('Standard Profiles'!$G$20=$B$17,14,0)+IF('Standard Profiles'!$G$20=$B$24,21,0),0)),0)</f>
        <v>0</v>
      </c>
      <c r="G8360" cm="1">
        <f t="array" ref="G8360">IFERROR(INDEX(Jesper!AK$2:AK$366,ROUNDDOWN($C8360/24,0)+1,1)*INDEX($D$3:$AA$30,INDEX(Jesper!$R$2:$R$366,ROW(INDEX(Jesper!AK$2:AK$366,ROUNDDOWN($C8360/24,0)+1,1))-1)+IF('Standard Profiles'!$G$21=$B$10,7,0)+IF('Standard Profiles'!$G$21=$B$17,14,0)+IF('Standard Profiles'!$G$21=$B$24,21,0),MOD($C8360,24)+1)/SUM(INDEX($D$3:$AA$30,INDEX(Jesper!$R$2:$R$366,ROW(INDEX(Jesper!AK$2:AK$366,ROUNDDOWN($C8360/24,0)+1,1))-1)+IF('Standard Profiles'!$G$21=$B$10,7,0)+IF('Standard Profiles'!$G$21=$B$17,14,0)+IF('Standard Profiles'!$G$21=$B$24,21,0),0)),0)</f>
        <v>5.7329129942402846</v>
      </c>
      <c r="H8360" cm="1">
        <f t="array" ref="H8360">IFERROR(INDEX(Jesper!AL$2:AL$366,ROUNDDOWN($C8360/24,0)+1,1)*INDEX($D$3:$AA$30,INDEX(Jesper!$R$2:$R$366,ROW(INDEX(Jesper!AL$2:AL$366,ROUNDDOWN($C8360/24,0)+1,1))-1)+IF('Standard Profiles'!$G$22=$B$10,7,0)+IF('Standard Profiles'!$G$22=$B$17,14,0)+IF('Standard Profiles'!$G$22=$B$24,21,0),MOD($C8360,24)+1)/SUM(INDEX($D$3:$AA$30,INDEX(Jesper!$R$2:$R$366,ROW(INDEX(Jesper!AL$2:AL$366,ROUNDDOWN($C8360/24,0)+1,1))-1)+IF('Standard Profiles'!$G$22=$B$10,7,0)+IF('Standard Profiles'!$G$22=$B$17,14,0)+IF('Standard Profiles'!$G$22=$B$24,21,0),0)),0)</f>
        <v>0</v>
      </c>
      <c r="I8360">
        <f t="shared" si="930"/>
        <v>2.7517982372353353</v>
      </c>
      <c r="J8360">
        <f t="shared" si="931"/>
        <v>13.927250395032988</v>
      </c>
      <c r="K8360">
        <f t="shared" si="932"/>
        <v>0.63441995547580432</v>
      </c>
      <c r="L8360">
        <f t="shared" si="933"/>
        <v>0.31720997773790216</v>
      </c>
      <c r="M8360">
        <f t="shared" si="934"/>
        <v>0</v>
      </c>
      <c r="N8360" s="45">
        <f t="shared" si="935"/>
        <v>45273.916666646473</v>
      </c>
    </row>
    <row r="8361" spans="2:14" x14ac:dyDescent="0.25">
      <c r="B8361">
        <f t="shared" si="929"/>
        <v>3</v>
      </c>
      <c r="C8361" s="16">
        <v>8327</v>
      </c>
      <c r="D8361" cm="1">
        <f t="array" ref="D8361">IFERROR(INDEX(Jesper!AH$2:AH$366,ROUNDDOWN($C8361/24,0)+1,1)*INDEX($D$3:$AA$30,INDEX(Jesper!$R$2:$R$366,ROW(INDEX(Jesper!AH$2:AH$366,ROUNDDOWN($C8361/24,0)+1,1))-1)+IF('Standard Profiles'!$G$18=$B$10,7,0)+IF('Standard Profiles'!$G$18=$B$17,14,0)+IF('Standard Profiles'!$G$18=$B$24,21,0),MOD($C8361,24)+1)/SUM(INDEX($D$3:$AA$30,INDEX(Jesper!$R$2:$R$366,ROW(INDEX(Jesper!AH$2:AH$366,ROUNDDOWN($C8361/24,0)+1,1))-1)+IF('Standard Profiles'!$G$18=$B$10,7,0)+IF('Standard Profiles'!$G$18=$B$17,14,0)+IF('Standard Profiles'!$G$18=$B$24,21,0),0)),0)</f>
        <v>5.9476870825856656</v>
      </c>
      <c r="E8361" cm="1">
        <f t="array" ref="E8361">IFERROR(INDEX(Jesper!AI$2:AI$366,ROUNDDOWN($C8361/24,0)+1,1)*INDEX($D$3:$AA$30,INDEX(Jesper!$R$2:$R$366,ROW(INDEX(Jesper!AI$2:AI$366,ROUNDDOWN($C8361/24,0)+1,1))-1)+IF('Standard Profiles'!$G$19=$B$10,7,0)+IF('Standard Profiles'!$G$19=$B$17,14,0)+IF('Standard Profiles'!$G$19=$B$24,21,0),MOD($C8361,24)+1)/SUM(INDEX($D$3:$AA$30,INDEX(Jesper!$R$2:$R$366,ROW(INDEX(Jesper!AI$2:AI$366,ROUNDDOWN($C8361/24,0)+1,1))-1)+IF('Standard Profiles'!$G$19=$B$10,7,0)+IF('Standard Profiles'!$G$19=$B$17,14,0)+IF('Standard Profiles'!$G$19=$B$24,21,0),0)),0)</f>
        <v>5.9500784886560796</v>
      </c>
      <c r="F8361" cm="1">
        <f t="array" ref="F8361">IFERROR(INDEX(Jesper!AJ$2:AJ$366,ROUNDDOWN($C8361/24,0)+1,1)*INDEX($D$3:$AA$30,INDEX(Jesper!$R$2:$R$366,ROW(INDEX(Jesper!AJ$2:AJ$366,ROUNDDOWN($C8361/24,0)+1,1))-1)+IF('Standard Profiles'!$G$20=$B$10,7,0)+IF('Standard Profiles'!$G$20=$B$17,14,0)+IF('Standard Profiles'!$G$20=$B$24,21,0),MOD($C8361,24)+1)/SUM(INDEX($D$3:$AA$30,INDEX(Jesper!$R$2:$R$366,ROW(INDEX(Jesper!AJ$2:AJ$366,ROUNDDOWN($C8361/24,0)+1,1))-1)+IF('Standard Profiles'!$G$20=$B$10,7,0)+IF('Standard Profiles'!$G$20=$B$17,14,0)+IF('Standard Profiles'!$G$20=$B$24,21,0),0)),0)</f>
        <v>0</v>
      </c>
      <c r="G8361" cm="1">
        <f t="array" ref="G8361">IFERROR(INDEX(Jesper!AK$2:AK$366,ROUNDDOWN($C8361/24,0)+1,1)*INDEX($D$3:$AA$30,INDEX(Jesper!$R$2:$R$366,ROW(INDEX(Jesper!AK$2:AK$366,ROUNDDOWN($C8361/24,0)+1,1))-1)+IF('Standard Profiles'!$G$21=$B$10,7,0)+IF('Standard Profiles'!$G$21=$B$17,14,0)+IF('Standard Profiles'!$G$21=$B$24,21,0),MOD($C8361,24)+1)/SUM(INDEX($D$3:$AA$30,INDEX(Jesper!$R$2:$R$366,ROW(INDEX(Jesper!AK$2:AK$366,ROUNDDOWN($C8361/24,0)+1,1))-1)+IF('Standard Profiles'!$G$21=$B$10,7,0)+IF('Standard Profiles'!$G$21=$B$17,14,0)+IF('Standard Profiles'!$G$21=$B$24,21,0),0)),0)</f>
        <v>5.7329129942402846</v>
      </c>
      <c r="H8361" cm="1">
        <f t="array" ref="H8361">IFERROR(INDEX(Jesper!AL$2:AL$366,ROUNDDOWN($C8361/24,0)+1,1)*INDEX($D$3:$AA$30,INDEX(Jesper!$R$2:$R$366,ROW(INDEX(Jesper!AL$2:AL$366,ROUNDDOWN($C8361/24,0)+1,1))-1)+IF('Standard Profiles'!$G$22=$B$10,7,0)+IF('Standard Profiles'!$G$22=$B$17,14,0)+IF('Standard Profiles'!$G$22=$B$24,21,0),MOD($C8361,24)+1)/SUM(INDEX($D$3:$AA$30,INDEX(Jesper!$R$2:$R$366,ROW(INDEX(Jesper!AL$2:AL$366,ROUNDDOWN($C8361/24,0)+1,1))-1)+IF('Standard Profiles'!$G$22=$B$10,7,0)+IF('Standard Profiles'!$G$22=$B$17,14,0)+IF('Standard Profiles'!$G$22=$B$24,21,0),0)),0)</f>
        <v>0</v>
      </c>
      <c r="I8361">
        <f t="shared" si="930"/>
        <v>2.7517982372353353</v>
      </c>
      <c r="J8361">
        <f t="shared" si="931"/>
        <v>13.927250395032988</v>
      </c>
      <c r="K8361">
        <f t="shared" si="932"/>
        <v>0.63441995547580432</v>
      </c>
      <c r="L8361">
        <f t="shared" si="933"/>
        <v>0.31720997773790216</v>
      </c>
      <c r="M8361">
        <f t="shared" si="934"/>
        <v>0</v>
      </c>
      <c r="N8361" s="45">
        <f t="shared" si="935"/>
        <v>45273.958333313138</v>
      </c>
    </row>
    <row r="8362" spans="2:14" x14ac:dyDescent="0.25">
      <c r="B8362">
        <f t="shared" si="929"/>
        <v>4</v>
      </c>
      <c r="C8362" s="16">
        <v>8328</v>
      </c>
      <c r="D8362" cm="1">
        <f t="array" ref="D8362">IFERROR(INDEX(Jesper!AH$2:AH$366,ROUNDDOWN($C8362/24,0)+1,1)*INDEX($D$3:$AA$30,INDEX(Jesper!$R$2:$R$366,ROW(INDEX(Jesper!AH$2:AH$366,ROUNDDOWN($C8362/24,0)+1,1))-1)+IF('Standard Profiles'!$G$18=$B$10,7,0)+IF('Standard Profiles'!$G$18=$B$17,14,0)+IF('Standard Profiles'!$G$18=$B$24,21,0),MOD($C8362,24)+1)/SUM(INDEX($D$3:$AA$30,INDEX(Jesper!$R$2:$R$366,ROW(INDEX(Jesper!AH$2:AH$366,ROUNDDOWN($C8362/24,0)+1,1))-1)+IF('Standard Profiles'!$G$18=$B$10,7,0)+IF('Standard Profiles'!$G$18=$B$17,14,0)+IF('Standard Profiles'!$G$18=$B$24,21,0),0)),0)</f>
        <v>5.9938800984493339</v>
      </c>
      <c r="E8362" cm="1">
        <f t="array" ref="E8362">IFERROR(INDEX(Jesper!AI$2:AI$366,ROUNDDOWN($C8362/24,0)+1,1)*INDEX($D$3:$AA$30,INDEX(Jesper!$R$2:$R$366,ROW(INDEX(Jesper!AI$2:AI$366,ROUNDDOWN($C8362/24,0)+1,1))-1)+IF('Standard Profiles'!$G$19=$B$10,7,0)+IF('Standard Profiles'!$G$19=$B$17,14,0)+IF('Standard Profiles'!$G$19=$B$24,21,0),MOD($C8362,24)+1)/SUM(INDEX($D$3:$AA$30,INDEX(Jesper!$R$2:$R$366,ROW(INDEX(Jesper!AI$2:AI$366,ROUNDDOWN($C8362/24,0)+1,1))-1)+IF('Standard Profiles'!$G$19=$B$10,7,0)+IF('Standard Profiles'!$G$19=$B$17,14,0)+IF('Standard Profiles'!$G$19=$B$24,21,0),0)),0)</f>
        <v>6.3326211100154168</v>
      </c>
      <c r="F8362" cm="1">
        <f t="array" ref="F8362">IFERROR(INDEX(Jesper!AJ$2:AJ$366,ROUNDDOWN($C8362/24,0)+1,1)*INDEX($D$3:$AA$30,INDEX(Jesper!$R$2:$R$366,ROW(INDEX(Jesper!AJ$2:AJ$366,ROUNDDOWN($C8362/24,0)+1,1))-1)+IF('Standard Profiles'!$G$20=$B$10,7,0)+IF('Standard Profiles'!$G$20=$B$17,14,0)+IF('Standard Profiles'!$G$20=$B$24,21,0),MOD($C8362,24)+1)/SUM(INDEX($D$3:$AA$30,INDEX(Jesper!$R$2:$R$366,ROW(INDEX(Jesper!AJ$2:AJ$366,ROUNDDOWN($C8362/24,0)+1,1))-1)+IF('Standard Profiles'!$G$20=$B$10,7,0)+IF('Standard Profiles'!$G$20=$B$17,14,0)+IF('Standard Profiles'!$G$20=$B$24,21,0),0)),0)</f>
        <v>0</v>
      </c>
      <c r="G8362" cm="1">
        <f t="array" ref="G8362">IFERROR(INDEX(Jesper!AK$2:AK$366,ROUNDDOWN($C8362/24,0)+1,1)*INDEX($D$3:$AA$30,INDEX(Jesper!$R$2:$R$366,ROW(INDEX(Jesper!AK$2:AK$366,ROUNDDOWN($C8362/24,0)+1,1))-1)+IF('Standard Profiles'!$G$21=$B$10,7,0)+IF('Standard Profiles'!$G$21=$B$17,14,0)+IF('Standard Profiles'!$G$21=$B$24,21,0),MOD($C8362,24)+1)/SUM(INDEX($D$3:$AA$30,INDEX(Jesper!$R$2:$R$366,ROW(INDEX(Jesper!AK$2:AK$366,ROUNDDOWN($C8362/24,0)+1,1))-1)+IF('Standard Profiles'!$G$21=$B$10,7,0)+IF('Standard Profiles'!$G$21=$B$17,14,0)+IF('Standard Profiles'!$G$21=$B$24,21,0),0)),0)</f>
        <v>6.7228013991270092</v>
      </c>
      <c r="H8362" cm="1">
        <f t="array" ref="H8362">IFERROR(INDEX(Jesper!AL$2:AL$366,ROUNDDOWN($C8362/24,0)+1,1)*INDEX($D$3:$AA$30,INDEX(Jesper!$R$2:$R$366,ROW(INDEX(Jesper!AL$2:AL$366,ROUNDDOWN($C8362/24,0)+1,1))-1)+IF('Standard Profiles'!$G$22=$B$10,7,0)+IF('Standard Profiles'!$G$22=$B$17,14,0)+IF('Standard Profiles'!$G$22=$B$24,21,0),MOD($C8362,24)+1)/SUM(INDEX($D$3:$AA$30,INDEX(Jesper!$R$2:$R$366,ROW(INDEX(Jesper!AL$2:AL$366,ROUNDDOWN($C8362/24,0)+1,1))-1)+IF('Standard Profiles'!$G$22=$B$10,7,0)+IF('Standard Profiles'!$G$22=$B$17,14,0)+IF('Standard Profiles'!$G$22=$B$24,21,0),0)),0)</f>
        <v>0</v>
      </c>
      <c r="I8362">
        <f t="shared" si="930"/>
        <v>3.2269446715809629</v>
      </c>
      <c r="J8362">
        <f t="shared" si="931"/>
        <v>14.863337120258903</v>
      </c>
      <c r="K8362">
        <f t="shared" si="932"/>
        <v>0.63934721050126231</v>
      </c>
      <c r="L8362">
        <f t="shared" si="933"/>
        <v>0.31967360525063115</v>
      </c>
      <c r="M8362">
        <f t="shared" si="934"/>
        <v>0</v>
      </c>
      <c r="N8362" s="45">
        <f t="shared" si="935"/>
        <v>45273.999999979802</v>
      </c>
    </row>
    <row r="8363" spans="2:14" x14ac:dyDescent="0.25">
      <c r="B8363">
        <f t="shared" si="929"/>
        <v>4</v>
      </c>
      <c r="C8363" s="16">
        <v>8329</v>
      </c>
      <c r="D8363" cm="1">
        <f t="array" ref="D8363">IFERROR(INDEX(Jesper!AH$2:AH$366,ROUNDDOWN($C8363/24,0)+1,1)*INDEX($D$3:$AA$30,INDEX(Jesper!$R$2:$R$366,ROW(INDEX(Jesper!AH$2:AH$366,ROUNDDOWN($C8363/24,0)+1,1))-1)+IF('Standard Profiles'!$G$18=$B$10,7,0)+IF('Standard Profiles'!$G$18=$B$17,14,0)+IF('Standard Profiles'!$G$18=$B$24,21,0),MOD($C8363,24)+1)/SUM(INDEX($D$3:$AA$30,INDEX(Jesper!$R$2:$R$366,ROW(INDEX(Jesper!AH$2:AH$366,ROUNDDOWN($C8363/24,0)+1,1))-1)+IF('Standard Profiles'!$G$18=$B$10,7,0)+IF('Standard Profiles'!$G$18=$B$17,14,0)+IF('Standard Profiles'!$G$18=$B$24,21,0),0)),0)</f>
        <v>5.9938800984493339</v>
      </c>
      <c r="E8363" cm="1">
        <f t="array" ref="E8363">IFERROR(INDEX(Jesper!AI$2:AI$366,ROUNDDOWN($C8363/24,0)+1,1)*INDEX($D$3:$AA$30,INDEX(Jesper!$R$2:$R$366,ROW(INDEX(Jesper!AI$2:AI$366,ROUNDDOWN($C8363/24,0)+1,1))-1)+IF('Standard Profiles'!$G$19=$B$10,7,0)+IF('Standard Profiles'!$G$19=$B$17,14,0)+IF('Standard Profiles'!$G$19=$B$24,21,0),MOD($C8363,24)+1)/SUM(INDEX($D$3:$AA$30,INDEX(Jesper!$R$2:$R$366,ROW(INDEX(Jesper!AI$2:AI$366,ROUNDDOWN($C8363/24,0)+1,1))-1)+IF('Standard Profiles'!$G$19=$B$10,7,0)+IF('Standard Profiles'!$G$19=$B$17,14,0)+IF('Standard Profiles'!$G$19=$B$24,21,0),0)),0)</f>
        <v>6.3326211100154168</v>
      </c>
      <c r="F8363" cm="1">
        <f t="array" ref="F8363">IFERROR(INDEX(Jesper!AJ$2:AJ$366,ROUNDDOWN($C8363/24,0)+1,1)*INDEX($D$3:$AA$30,INDEX(Jesper!$R$2:$R$366,ROW(INDEX(Jesper!AJ$2:AJ$366,ROUNDDOWN($C8363/24,0)+1,1))-1)+IF('Standard Profiles'!$G$20=$B$10,7,0)+IF('Standard Profiles'!$G$20=$B$17,14,0)+IF('Standard Profiles'!$G$20=$B$24,21,0),MOD($C8363,24)+1)/SUM(INDEX($D$3:$AA$30,INDEX(Jesper!$R$2:$R$366,ROW(INDEX(Jesper!AJ$2:AJ$366,ROUNDDOWN($C8363/24,0)+1,1))-1)+IF('Standard Profiles'!$G$20=$B$10,7,0)+IF('Standard Profiles'!$G$20=$B$17,14,0)+IF('Standard Profiles'!$G$20=$B$24,21,0),0)),0)</f>
        <v>0</v>
      </c>
      <c r="G8363" cm="1">
        <f t="array" ref="G8363">IFERROR(INDEX(Jesper!AK$2:AK$366,ROUNDDOWN($C8363/24,0)+1,1)*INDEX($D$3:$AA$30,INDEX(Jesper!$R$2:$R$366,ROW(INDEX(Jesper!AK$2:AK$366,ROUNDDOWN($C8363/24,0)+1,1))-1)+IF('Standard Profiles'!$G$21=$B$10,7,0)+IF('Standard Profiles'!$G$21=$B$17,14,0)+IF('Standard Profiles'!$G$21=$B$24,21,0),MOD($C8363,24)+1)/SUM(INDEX($D$3:$AA$30,INDEX(Jesper!$R$2:$R$366,ROW(INDEX(Jesper!AK$2:AK$366,ROUNDDOWN($C8363/24,0)+1,1))-1)+IF('Standard Profiles'!$G$21=$B$10,7,0)+IF('Standard Profiles'!$G$21=$B$17,14,0)+IF('Standard Profiles'!$G$21=$B$24,21,0),0)),0)</f>
        <v>6.7228013991270092</v>
      </c>
      <c r="H8363" cm="1">
        <f t="array" ref="H8363">IFERROR(INDEX(Jesper!AL$2:AL$366,ROUNDDOWN($C8363/24,0)+1,1)*INDEX($D$3:$AA$30,INDEX(Jesper!$R$2:$R$366,ROW(INDEX(Jesper!AL$2:AL$366,ROUNDDOWN($C8363/24,0)+1,1))-1)+IF('Standard Profiles'!$G$22=$B$10,7,0)+IF('Standard Profiles'!$G$22=$B$17,14,0)+IF('Standard Profiles'!$G$22=$B$24,21,0),MOD($C8363,24)+1)/SUM(INDEX($D$3:$AA$30,INDEX(Jesper!$R$2:$R$366,ROW(INDEX(Jesper!AL$2:AL$366,ROUNDDOWN($C8363/24,0)+1,1))-1)+IF('Standard Profiles'!$G$22=$B$10,7,0)+IF('Standard Profiles'!$G$22=$B$17,14,0)+IF('Standard Profiles'!$G$22=$B$24,21,0),0)),0)</f>
        <v>0</v>
      </c>
      <c r="I8363">
        <f t="shared" si="930"/>
        <v>3.2269446715809629</v>
      </c>
      <c r="J8363">
        <f t="shared" si="931"/>
        <v>14.863337120258903</v>
      </c>
      <c r="K8363">
        <f t="shared" si="932"/>
        <v>0.63934721050126231</v>
      </c>
      <c r="L8363">
        <f t="shared" si="933"/>
        <v>0.31967360525063115</v>
      </c>
      <c r="M8363">
        <f t="shared" si="934"/>
        <v>0</v>
      </c>
      <c r="N8363" s="45">
        <f t="shared" si="935"/>
        <v>45274.041666646466</v>
      </c>
    </row>
    <row r="8364" spans="2:14" x14ac:dyDescent="0.25">
      <c r="B8364">
        <f t="shared" si="929"/>
        <v>4</v>
      </c>
      <c r="C8364" s="16">
        <v>8330</v>
      </c>
      <c r="D8364" cm="1">
        <f t="array" ref="D8364">IFERROR(INDEX(Jesper!AH$2:AH$366,ROUNDDOWN($C8364/24,0)+1,1)*INDEX($D$3:$AA$30,INDEX(Jesper!$R$2:$R$366,ROW(INDEX(Jesper!AH$2:AH$366,ROUNDDOWN($C8364/24,0)+1,1))-1)+IF('Standard Profiles'!$G$18=$B$10,7,0)+IF('Standard Profiles'!$G$18=$B$17,14,0)+IF('Standard Profiles'!$G$18=$B$24,21,0),MOD($C8364,24)+1)/SUM(INDEX($D$3:$AA$30,INDEX(Jesper!$R$2:$R$366,ROW(INDEX(Jesper!AH$2:AH$366,ROUNDDOWN($C8364/24,0)+1,1))-1)+IF('Standard Profiles'!$G$18=$B$10,7,0)+IF('Standard Profiles'!$G$18=$B$17,14,0)+IF('Standard Profiles'!$G$18=$B$24,21,0),0)),0)</f>
        <v>5.9938800984493339</v>
      </c>
      <c r="E8364" cm="1">
        <f t="array" ref="E8364">IFERROR(INDEX(Jesper!AI$2:AI$366,ROUNDDOWN($C8364/24,0)+1,1)*INDEX($D$3:$AA$30,INDEX(Jesper!$R$2:$R$366,ROW(INDEX(Jesper!AI$2:AI$366,ROUNDDOWN($C8364/24,0)+1,1))-1)+IF('Standard Profiles'!$G$19=$B$10,7,0)+IF('Standard Profiles'!$G$19=$B$17,14,0)+IF('Standard Profiles'!$G$19=$B$24,21,0),MOD($C8364,24)+1)/SUM(INDEX($D$3:$AA$30,INDEX(Jesper!$R$2:$R$366,ROW(INDEX(Jesper!AI$2:AI$366,ROUNDDOWN($C8364/24,0)+1,1))-1)+IF('Standard Profiles'!$G$19=$B$10,7,0)+IF('Standard Profiles'!$G$19=$B$17,14,0)+IF('Standard Profiles'!$G$19=$B$24,21,0),0)),0)</f>
        <v>6.3326211100154168</v>
      </c>
      <c r="F8364" cm="1">
        <f t="array" ref="F8364">IFERROR(INDEX(Jesper!AJ$2:AJ$366,ROUNDDOWN($C8364/24,0)+1,1)*INDEX($D$3:$AA$30,INDEX(Jesper!$R$2:$R$366,ROW(INDEX(Jesper!AJ$2:AJ$366,ROUNDDOWN($C8364/24,0)+1,1))-1)+IF('Standard Profiles'!$G$20=$B$10,7,0)+IF('Standard Profiles'!$G$20=$B$17,14,0)+IF('Standard Profiles'!$G$20=$B$24,21,0),MOD($C8364,24)+1)/SUM(INDEX($D$3:$AA$30,INDEX(Jesper!$R$2:$R$366,ROW(INDEX(Jesper!AJ$2:AJ$366,ROUNDDOWN($C8364/24,0)+1,1))-1)+IF('Standard Profiles'!$G$20=$B$10,7,0)+IF('Standard Profiles'!$G$20=$B$17,14,0)+IF('Standard Profiles'!$G$20=$B$24,21,0),0)),0)</f>
        <v>0</v>
      </c>
      <c r="G8364" cm="1">
        <f t="array" ref="G8364">IFERROR(INDEX(Jesper!AK$2:AK$366,ROUNDDOWN($C8364/24,0)+1,1)*INDEX($D$3:$AA$30,INDEX(Jesper!$R$2:$R$366,ROW(INDEX(Jesper!AK$2:AK$366,ROUNDDOWN($C8364/24,0)+1,1))-1)+IF('Standard Profiles'!$G$21=$B$10,7,0)+IF('Standard Profiles'!$G$21=$B$17,14,0)+IF('Standard Profiles'!$G$21=$B$24,21,0),MOD($C8364,24)+1)/SUM(INDEX($D$3:$AA$30,INDEX(Jesper!$R$2:$R$366,ROW(INDEX(Jesper!AK$2:AK$366,ROUNDDOWN($C8364/24,0)+1,1))-1)+IF('Standard Profiles'!$G$21=$B$10,7,0)+IF('Standard Profiles'!$G$21=$B$17,14,0)+IF('Standard Profiles'!$G$21=$B$24,21,0),0)),0)</f>
        <v>6.7228013991270092</v>
      </c>
      <c r="H8364" cm="1">
        <f t="array" ref="H8364">IFERROR(INDEX(Jesper!AL$2:AL$366,ROUNDDOWN($C8364/24,0)+1,1)*INDEX($D$3:$AA$30,INDEX(Jesper!$R$2:$R$366,ROW(INDEX(Jesper!AL$2:AL$366,ROUNDDOWN($C8364/24,0)+1,1))-1)+IF('Standard Profiles'!$G$22=$B$10,7,0)+IF('Standard Profiles'!$G$22=$B$17,14,0)+IF('Standard Profiles'!$G$22=$B$24,21,0),MOD($C8364,24)+1)/SUM(INDEX($D$3:$AA$30,INDEX(Jesper!$R$2:$R$366,ROW(INDEX(Jesper!AL$2:AL$366,ROUNDDOWN($C8364/24,0)+1,1))-1)+IF('Standard Profiles'!$G$22=$B$10,7,0)+IF('Standard Profiles'!$G$22=$B$17,14,0)+IF('Standard Profiles'!$G$22=$B$24,21,0),0)),0)</f>
        <v>0</v>
      </c>
      <c r="I8364">
        <f t="shared" si="930"/>
        <v>3.2269446715809629</v>
      </c>
      <c r="J8364">
        <f t="shared" si="931"/>
        <v>14.863337120258903</v>
      </c>
      <c r="K8364">
        <f t="shared" si="932"/>
        <v>0.63934721050126231</v>
      </c>
      <c r="L8364">
        <f t="shared" si="933"/>
        <v>0.31967360525063115</v>
      </c>
      <c r="M8364">
        <f t="shared" si="934"/>
        <v>0</v>
      </c>
      <c r="N8364" s="45">
        <f t="shared" si="935"/>
        <v>45274.08333331313</v>
      </c>
    </row>
    <row r="8365" spans="2:14" x14ac:dyDescent="0.25">
      <c r="B8365">
        <f t="shared" si="929"/>
        <v>4</v>
      </c>
      <c r="C8365" s="16">
        <v>8331</v>
      </c>
      <c r="D8365" cm="1">
        <f t="array" ref="D8365">IFERROR(INDEX(Jesper!AH$2:AH$366,ROUNDDOWN($C8365/24,0)+1,1)*INDEX($D$3:$AA$30,INDEX(Jesper!$R$2:$R$366,ROW(INDEX(Jesper!AH$2:AH$366,ROUNDDOWN($C8365/24,0)+1,1))-1)+IF('Standard Profiles'!$G$18=$B$10,7,0)+IF('Standard Profiles'!$G$18=$B$17,14,0)+IF('Standard Profiles'!$G$18=$B$24,21,0),MOD($C8365,24)+1)/SUM(INDEX($D$3:$AA$30,INDEX(Jesper!$R$2:$R$366,ROW(INDEX(Jesper!AH$2:AH$366,ROUNDDOWN($C8365/24,0)+1,1))-1)+IF('Standard Profiles'!$G$18=$B$10,7,0)+IF('Standard Profiles'!$G$18=$B$17,14,0)+IF('Standard Profiles'!$G$18=$B$24,21,0),0)),0)</f>
        <v>5.9938800984493339</v>
      </c>
      <c r="E8365" cm="1">
        <f t="array" ref="E8365">IFERROR(INDEX(Jesper!AI$2:AI$366,ROUNDDOWN($C8365/24,0)+1,1)*INDEX($D$3:$AA$30,INDEX(Jesper!$R$2:$R$366,ROW(INDEX(Jesper!AI$2:AI$366,ROUNDDOWN($C8365/24,0)+1,1))-1)+IF('Standard Profiles'!$G$19=$B$10,7,0)+IF('Standard Profiles'!$G$19=$B$17,14,0)+IF('Standard Profiles'!$G$19=$B$24,21,0),MOD($C8365,24)+1)/SUM(INDEX($D$3:$AA$30,INDEX(Jesper!$R$2:$R$366,ROW(INDEX(Jesper!AI$2:AI$366,ROUNDDOWN($C8365/24,0)+1,1))-1)+IF('Standard Profiles'!$G$19=$B$10,7,0)+IF('Standard Profiles'!$G$19=$B$17,14,0)+IF('Standard Profiles'!$G$19=$B$24,21,0),0)),0)</f>
        <v>6.3326211100154168</v>
      </c>
      <c r="F8365" cm="1">
        <f t="array" ref="F8365">IFERROR(INDEX(Jesper!AJ$2:AJ$366,ROUNDDOWN($C8365/24,0)+1,1)*INDEX($D$3:$AA$30,INDEX(Jesper!$R$2:$R$366,ROW(INDEX(Jesper!AJ$2:AJ$366,ROUNDDOWN($C8365/24,0)+1,1))-1)+IF('Standard Profiles'!$G$20=$B$10,7,0)+IF('Standard Profiles'!$G$20=$B$17,14,0)+IF('Standard Profiles'!$G$20=$B$24,21,0),MOD($C8365,24)+1)/SUM(INDEX($D$3:$AA$30,INDEX(Jesper!$R$2:$R$366,ROW(INDEX(Jesper!AJ$2:AJ$366,ROUNDDOWN($C8365/24,0)+1,1))-1)+IF('Standard Profiles'!$G$20=$B$10,7,0)+IF('Standard Profiles'!$G$20=$B$17,14,0)+IF('Standard Profiles'!$G$20=$B$24,21,0),0)),0)</f>
        <v>0</v>
      </c>
      <c r="G8365" cm="1">
        <f t="array" ref="G8365">IFERROR(INDEX(Jesper!AK$2:AK$366,ROUNDDOWN($C8365/24,0)+1,1)*INDEX($D$3:$AA$30,INDEX(Jesper!$R$2:$R$366,ROW(INDEX(Jesper!AK$2:AK$366,ROUNDDOWN($C8365/24,0)+1,1))-1)+IF('Standard Profiles'!$G$21=$B$10,7,0)+IF('Standard Profiles'!$G$21=$B$17,14,0)+IF('Standard Profiles'!$G$21=$B$24,21,0),MOD($C8365,24)+1)/SUM(INDEX($D$3:$AA$30,INDEX(Jesper!$R$2:$R$366,ROW(INDEX(Jesper!AK$2:AK$366,ROUNDDOWN($C8365/24,0)+1,1))-1)+IF('Standard Profiles'!$G$21=$B$10,7,0)+IF('Standard Profiles'!$G$21=$B$17,14,0)+IF('Standard Profiles'!$G$21=$B$24,21,0),0)),0)</f>
        <v>6.7228013991270092</v>
      </c>
      <c r="H8365" cm="1">
        <f t="array" ref="H8365">IFERROR(INDEX(Jesper!AL$2:AL$366,ROUNDDOWN($C8365/24,0)+1,1)*INDEX($D$3:$AA$30,INDEX(Jesper!$R$2:$R$366,ROW(INDEX(Jesper!AL$2:AL$366,ROUNDDOWN($C8365/24,0)+1,1))-1)+IF('Standard Profiles'!$G$22=$B$10,7,0)+IF('Standard Profiles'!$G$22=$B$17,14,0)+IF('Standard Profiles'!$G$22=$B$24,21,0),MOD($C8365,24)+1)/SUM(INDEX($D$3:$AA$30,INDEX(Jesper!$R$2:$R$366,ROW(INDEX(Jesper!AL$2:AL$366,ROUNDDOWN($C8365/24,0)+1,1))-1)+IF('Standard Profiles'!$G$22=$B$10,7,0)+IF('Standard Profiles'!$G$22=$B$17,14,0)+IF('Standard Profiles'!$G$22=$B$24,21,0),0)),0)</f>
        <v>0</v>
      </c>
      <c r="I8365">
        <f t="shared" si="930"/>
        <v>3.2269446715809629</v>
      </c>
      <c r="J8365">
        <f t="shared" si="931"/>
        <v>14.863337120258903</v>
      </c>
      <c r="K8365">
        <f t="shared" si="932"/>
        <v>0.63934721050126231</v>
      </c>
      <c r="L8365">
        <f t="shared" si="933"/>
        <v>0.31967360525063115</v>
      </c>
      <c r="M8365">
        <f t="shared" si="934"/>
        <v>0</v>
      </c>
      <c r="N8365" s="45">
        <f t="shared" si="935"/>
        <v>45274.124999979795</v>
      </c>
    </row>
    <row r="8366" spans="2:14" x14ac:dyDescent="0.25">
      <c r="B8366">
        <f t="shared" si="929"/>
        <v>4</v>
      </c>
      <c r="C8366" s="16">
        <v>8332</v>
      </c>
      <c r="D8366" cm="1">
        <f t="array" ref="D8366">IFERROR(INDEX(Jesper!AH$2:AH$366,ROUNDDOWN($C8366/24,0)+1,1)*INDEX($D$3:$AA$30,INDEX(Jesper!$R$2:$R$366,ROW(INDEX(Jesper!AH$2:AH$366,ROUNDDOWN($C8366/24,0)+1,1))-1)+IF('Standard Profiles'!$G$18=$B$10,7,0)+IF('Standard Profiles'!$G$18=$B$17,14,0)+IF('Standard Profiles'!$G$18=$B$24,21,0),MOD($C8366,24)+1)/SUM(INDEX($D$3:$AA$30,INDEX(Jesper!$R$2:$R$366,ROW(INDEX(Jesper!AH$2:AH$366,ROUNDDOWN($C8366/24,0)+1,1))-1)+IF('Standard Profiles'!$G$18=$B$10,7,0)+IF('Standard Profiles'!$G$18=$B$17,14,0)+IF('Standard Profiles'!$G$18=$B$24,21,0),0)),0)</f>
        <v>5.9938800984493339</v>
      </c>
      <c r="E8366" cm="1">
        <f t="array" ref="E8366">IFERROR(INDEX(Jesper!AI$2:AI$366,ROUNDDOWN($C8366/24,0)+1,1)*INDEX($D$3:$AA$30,INDEX(Jesper!$R$2:$R$366,ROW(INDEX(Jesper!AI$2:AI$366,ROUNDDOWN($C8366/24,0)+1,1))-1)+IF('Standard Profiles'!$G$19=$B$10,7,0)+IF('Standard Profiles'!$G$19=$B$17,14,0)+IF('Standard Profiles'!$G$19=$B$24,21,0),MOD($C8366,24)+1)/SUM(INDEX($D$3:$AA$30,INDEX(Jesper!$R$2:$R$366,ROW(INDEX(Jesper!AI$2:AI$366,ROUNDDOWN($C8366/24,0)+1,1))-1)+IF('Standard Profiles'!$G$19=$B$10,7,0)+IF('Standard Profiles'!$G$19=$B$17,14,0)+IF('Standard Profiles'!$G$19=$B$24,21,0),0)),0)</f>
        <v>6.3326211100154168</v>
      </c>
      <c r="F8366" cm="1">
        <f t="array" ref="F8366">IFERROR(INDEX(Jesper!AJ$2:AJ$366,ROUNDDOWN($C8366/24,0)+1,1)*INDEX($D$3:$AA$30,INDEX(Jesper!$R$2:$R$366,ROW(INDEX(Jesper!AJ$2:AJ$366,ROUNDDOWN($C8366/24,0)+1,1))-1)+IF('Standard Profiles'!$G$20=$B$10,7,0)+IF('Standard Profiles'!$G$20=$B$17,14,0)+IF('Standard Profiles'!$G$20=$B$24,21,0),MOD($C8366,24)+1)/SUM(INDEX($D$3:$AA$30,INDEX(Jesper!$R$2:$R$366,ROW(INDEX(Jesper!AJ$2:AJ$366,ROUNDDOWN($C8366/24,0)+1,1))-1)+IF('Standard Profiles'!$G$20=$B$10,7,0)+IF('Standard Profiles'!$G$20=$B$17,14,0)+IF('Standard Profiles'!$G$20=$B$24,21,0),0)),0)</f>
        <v>0</v>
      </c>
      <c r="G8366" cm="1">
        <f t="array" ref="G8366">IFERROR(INDEX(Jesper!AK$2:AK$366,ROUNDDOWN($C8366/24,0)+1,1)*INDEX($D$3:$AA$30,INDEX(Jesper!$R$2:$R$366,ROW(INDEX(Jesper!AK$2:AK$366,ROUNDDOWN($C8366/24,0)+1,1))-1)+IF('Standard Profiles'!$G$21=$B$10,7,0)+IF('Standard Profiles'!$G$21=$B$17,14,0)+IF('Standard Profiles'!$G$21=$B$24,21,0),MOD($C8366,24)+1)/SUM(INDEX($D$3:$AA$30,INDEX(Jesper!$R$2:$R$366,ROW(INDEX(Jesper!AK$2:AK$366,ROUNDDOWN($C8366/24,0)+1,1))-1)+IF('Standard Profiles'!$G$21=$B$10,7,0)+IF('Standard Profiles'!$G$21=$B$17,14,0)+IF('Standard Profiles'!$G$21=$B$24,21,0),0)),0)</f>
        <v>6.7228013991270092</v>
      </c>
      <c r="H8366" cm="1">
        <f t="array" ref="H8366">IFERROR(INDEX(Jesper!AL$2:AL$366,ROUNDDOWN($C8366/24,0)+1,1)*INDEX($D$3:$AA$30,INDEX(Jesper!$R$2:$R$366,ROW(INDEX(Jesper!AL$2:AL$366,ROUNDDOWN($C8366/24,0)+1,1))-1)+IF('Standard Profiles'!$G$22=$B$10,7,0)+IF('Standard Profiles'!$G$22=$B$17,14,0)+IF('Standard Profiles'!$G$22=$B$24,21,0),MOD($C8366,24)+1)/SUM(INDEX($D$3:$AA$30,INDEX(Jesper!$R$2:$R$366,ROW(INDEX(Jesper!AL$2:AL$366,ROUNDDOWN($C8366/24,0)+1,1))-1)+IF('Standard Profiles'!$G$22=$B$10,7,0)+IF('Standard Profiles'!$G$22=$B$17,14,0)+IF('Standard Profiles'!$G$22=$B$24,21,0),0)),0)</f>
        <v>0</v>
      </c>
      <c r="I8366">
        <f t="shared" si="930"/>
        <v>3.2269446715809629</v>
      </c>
      <c r="J8366">
        <f t="shared" si="931"/>
        <v>14.863337120258903</v>
      </c>
      <c r="K8366">
        <f t="shared" si="932"/>
        <v>0.63934721050126231</v>
      </c>
      <c r="L8366">
        <f t="shared" si="933"/>
        <v>0.31967360525063115</v>
      </c>
      <c r="M8366">
        <f t="shared" si="934"/>
        <v>0</v>
      </c>
      <c r="N8366" s="45">
        <f t="shared" si="935"/>
        <v>45274.166666646459</v>
      </c>
    </row>
    <row r="8367" spans="2:14" x14ac:dyDescent="0.25">
      <c r="B8367">
        <f t="shared" si="929"/>
        <v>4</v>
      </c>
      <c r="C8367" s="16">
        <v>8333</v>
      </c>
      <c r="D8367" cm="1">
        <f t="array" ref="D8367">IFERROR(INDEX(Jesper!AH$2:AH$366,ROUNDDOWN($C8367/24,0)+1,1)*INDEX($D$3:$AA$30,INDEX(Jesper!$R$2:$R$366,ROW(INDEX(Jesper!AH$2:AH$366,ROUNDDOWN($C8367/24,0)+1,1))-1)+IF('Standard Profiles'!$G$18=$B$10,7,0)+IF('Standard Profiles'!$G$18=$B$17,14,0)+IF('Standard Profiles'!$G$18=$B$24,21,0),MOD($C8367,24)+1)/SUM(INDEX($D$3:$AA$30,INDEX(Jesper!$R$2:$R$366,ROW(INDEX(Jesper!AH$2:AH$366,ROUNDDOWN($C8367/24,0)+1,1))-1)+IF('Standard Profiles'!$G$18=$B$10,7,0)+IF('Standard Profiles'!$G$18=$B$17,14,0)+IF('Standard Profiles'!$G$18=$B$24,21,0),0)),0)</f>
        <v>5.9938800984493339</v>
      </c>
      <c r="E8367" cm="1">
        <f t="array" ref="E8367">IFERROR(INDEX(Jesper!AI$2:AI$366,ROUNDDOWN($C8367/24,0)+1,1)*INDEX($D$3:$AA$30,INDEX(Jesper!$R$2:$R$366,ROW(INDEX(Jesper!AI$2:AI$366,ROUNDDOWN($C8367/24,0)+1,1))-1)+IF('Standard Profiles'!$G$19=$B$10,7,0)+IF('Standard Profiles'!$G$19=$B$17,14,0)+IF('Standard Profiles'!$G$19=$B$24,21,0),MOD($C8367,24)+1)/SUM(INDEX($D$3:$AA$30,INDEX(Jesper!$R$2:$R$366,ROW(INDEX(Jesper!AI$2:AI$366,ROUNDDOWN($C8367/24,0)+1,1))-1)+IF('Standard Profiles'!$G$19=$B$10,7,0)+IF('Standard Profiles'!$G$19=$B$17,14,0)+IF('Standard Profiles'!$G$19=$B$24,21,0),0)),0)</f>
        <v>6.3326211100154168</v>
      </c>
      <c r="F8367" cm="1">
        <f t="array" ref="F8367">IFERROR(INDEX(Jesper!AJ$2:AJ$366,ROUNDDOWN($C8367/24,0)+1,1)*INDEX($D$3:$AA$30,INDEX(Jesper!$R$2:$R$366,ROW(INDEX(Jesper!AJ$2:AJ$366,ROUNDDOWN($C8367/24,0)+1,1))-1)+IF('Standard Profiles'!$G$20=$B$10,7,0)+IF('Standard Profiles'!$G$20=$B$17,14,0)+IF('Standard Profiles'!$G$20=$B$24,21,0),MOD($C8367,24)+1)/SUM(INDEX($D$3:$AA$30,INDEX(Jesper!$R$2:$R$366,ROW(INDEX(Jesper!AJ$2:AJ$366,ROUNDDOWN($C8367/24,0)+1,1))-1)+IF('Standard Profiles'!$G$20=$B$10,7,0)+IF('Standard Profiles'!$G$20=$B$17,14,0)+IF('Standard Profiles'!$G$20=$B$24,21,0),0)),0)</f>
        <v>0</v>
      </c>
      <c r="G8367" cm="1">
        <f t="array" ref="G8367">IFERROR(INDEX(Jesper!AK$2:AK$366,ROUNDDOWN($C8367/24,0)+1,1)*INDEX($D$3:$AA$30,INDEX(Jesper!$R$2:$R$366,ROW(INDEX(Jesper!AK$2:AK$366,ROUNDDOWN($C8367/24,0)+1,1))-1)+IF('Standard Profiles'!$G$21=$B$10,7,0)+IF('Standard Profiles'!$G$21=$B$17,14,0)+IF('Standard Profiles'!$G$21=$B$24,21,0),MOD($C8367,24)+1)/SUM(INDEX($D$3:$AA$30,INDEX(Jesper!$R$2:$R$366,ROW(INDEX(Jesper!AK$2:AK$366,ROUNDDOWN($C8367/24,0)+1,1))-1)+IF('Standard Profiles'!$G$21=$B$10,7,0)+IF('Standard Profiles'!$G$21=$B$17,14,0)+IF('Standard Profiles'!$G$21=$B$24,21,0),0)),0)</f>
        <v>6.7228013991270092</v>
      </c>
      <c r="H8367" cm="1">
        <f t="array" ref="H8367">IFERROR(INDEX(Jesper!AL$2:AL$366,ROUNDDOWN($C8367/24,0)+1,1)*INDEX($D$3:$AA$30,INDEX(Jesper!$R$2:$R$366,ROW(INDEX(Jesper!AL$2:AL$366,ROUNDDOWN($C8367/24,0)+1,1))-1)+IF('Standard Profiles'!$G$22=$B$10,7,0)+IF('Standard Profiles'!$G$22=$B$17,14,0)+IF('Standard Profiles'!$G$22=$B$24,21,0),MOD($C8367,24)+1)/SUM(INDEX($D$3:$AA$30,INDEX(Jesper!$R$2:$R$366,ROW(INDEX(Jesper!AL$2:AL$366,ROUNDDOWN($C8367/24,0)+1,1))-1)+IF('Standard Profiles'!$G$22=$B$10,7,0)+IF('Standard Profiles'!$G$22=$B$17,14,0)+IF('Standard Profiles'!$G$22=$B$24,21,0),0)),0)</f>
        <v>0</v>
      </c>
      <c r="I8367">
        <f t="shared" si="930"/>
        <v>3.2269446715809629</v>
      </c>
      <c r="J8367">
        <f t="shared" si="931"/>
        <v>14.863337120258903</v>
      </c>
      <c r="K8367">
        <f t="shared" si="932"/>
        <v>0.63934721050126231</v>
      </c>
      <c r="L8367">
        <f t="shared" si="933"/>
        <v>0.31967360525063115</v>
      </c>
      <c r="M8367">
        <f t="shared" si="934"/>
        <v>0</v>
      </c>
      <c r="N8367" s="45">
        <f t="shared" si="935"/>
        <v>45274.208333313123</v>
      </c>
    </row>
    <row r="8368" spans="2:14" x14ac:dyDescent="0.25">
      <c r="B8368">
        <f t="shared" si="929"/>
        <v>4</v>
      </c>
      <c r="C8368" s="16">
        <v>8334</v>
      </c>
      <c r="D8368" cm="1">
        <f t="array" ref="D8368">IFERROR(INDEX(Jesper!AH$2:AH$366,ROUNDDOWN($C8368/24,0)+1,1)*INDEX($D$3:$AA$30,INDEX(Jesper!$R$2:$R$366,ROW(INDEX(Jesper!AH$2:AH$366,ROUNDDOWN($C8368/24,0)+1,1))-1)+IF('Standard Profiles'!$G$18=$B$10,7,0)+IF('Standard Profiles'!$G$18=$B$17,14,0)+IF('Standard Profiles'!$G$18=$B$24,21,0),MOD($C8368,24)+1)/SUM(INDEX($D$3:$AA$30,INDEX(Jesper!$R$2:$R$366,ROW(INDEX(Jesper!AH$2:AH$366,ROUNDDOWN($C8368/24,0)+1,1))-1)+IF('Standard Profiles'!$G$18=$B$10,7,0)+IF('Standard Profiles'!$G$18=$B$17,14,0)+IF('Standard Profiles'!$G$18=$B$24,21,0),0)),0)</f>
        <v>5.9938800984493339</v>
      </c>
      <c r="E8368" cm="1">
        <f t="array" ref="E8368">IFERROR(INDEX(Jesper!AI$2:AI$366,ROUNDDOWN($C8368/24,0)+1,1)*INDEX($D$3:$AA$30,INDEX(Jesper!$R$2:$R$366,ROW(INDEX(Jesper!AI$2:AI$366,ROUNDDOWN($C8368/24,0)+1,1))-1)+IF('Standard Profiles'!$G$19=$B$10,7,0)+IF('Standard Profiles'!$G$19=$B$17,14,0)+IF('Standard Profiles'!$G$19=$B$24,21,0),MOD($C8368,24)+1)/SUM(INDEX($D$3:$AA$30,INDEX(Jesper!$R$2:$R$366,ROW(INDEX(Jesper!AI$2:AI$366,ROUNDDOWN($C8368/24,0)+1,1))-1)+IF('Standard Profiles'!$G$19=$B$10,7,0)+IF('Standard Profiles'!$G$19=$B$17,14,0)+IF('Standard Profiles'!$G$19=$B$24,21,0),0)),0)</f>
        <v>6.3326211100154168</v>
      </c>
      <c r="F8368" cm="1">
        <f t="array" ref="F8368">IFERROR(INDEX(Jesper!AJ$2:AJ$366,ROUNDDOWN($C8368/24,0)+1,1)*INDEX($D$3:$AA$30,INDEX(Jesper!$R$2:$R$366,ROW(INDEX(Jesper!AJ$2:AJ$366,ROUNDDOWN($C8368/24,0)+1,1))-1)+IF('Standard Profiles'!$G$20=$B$10,7,0)+IF('Standard Profiles'!$G$20=$B$17,14,0)+IF('Standard Profiles'!$G$20=$B$24,21,0),MOD($C8368,24)+1)/SUM(INDEX($D$3:$AA$30,INDEX(Jesper!$R$2:$R$366,ROW(INDEX(Jesper!AJ$2:AJ$366,ROUNDDOWN($C8368/24,0)+1,1))-1)+IF('Standard Profiles'!$G$20=$B$10,7,0)+IF('Standard Profiles'!$G$20=$B$17,14,0)+IF('Standard Profiles'!$G$20=$B$24,21,0),0)),0)</f>
        <v>0</v>
      </c>
      <c r="G8368" cm="1">
        <f t="array" ref="G8368">IFERROR(INDEX(Jesper!AK$2:AK$366,ROUNDDOWN($C8368/24,0)+1,1)*INDEX($D$3:$AA$30,INDEX(Jesper!$R$2:$R$366,ROW(INDEX(Jesper!AK$2:AK$366,ROUNDDOWN($C8368/24,0)+1,1))-1)+IF('Standard Profiles'!$G$21=$B$10,7,0)+IF('Standard Profiles'!$G$21=$B$17,14,0)+IF('Standard Profiles'!$G$21=$B$24,21,0),MOD($C8368,24)+1)/SUM(INDEX($D$3:$AA$30,INDEX(Jesper!$R$2:$R$366,ROW(INDEX(Jesper!AK$2:AK$366,ROUNDDOWN($C8368/24,0)+1,1))-1)+IF('Standard Profiles'!$G$21=$B$10,7,0)+IF('Standard Profiles'!$G$21=$B$17,14,0)+IF('Standard Profiles'!$G$21=$B$24,21,0),0)),0)</f>
        <v>6.7228013991270092</v>
      </c>
      <c r="H8368" cm="1">
        <f t="array" ref="H8368">IFERROR(INDEX(Jesper!AL$2:AL$366,ROUNDDOWN($C8368/24,0)+1,1)*INDEX($D$3:$AA$30,INDEX(Jesper!$R$2:$R$366,ROW(INDEX(Jesper!AL$2:AL$366,ROUNDDOWN($C8368/24,0)+1,1))-1)+IF('Standard Profiles'!$G$22=$B$10,7,0)+IF('Standard Profiles'!$G$22=$B$17,14,0)+IF('Standard Profiles'!$G$22=$B$24,21,0),MOD($C8368,24)+1)/SUM(INDEX($D$3:$AA$30,INDEX(Jesper!$R$2:$R$366,ROW(INDEX(Jesper!AL$2:AL$366,ROUNDDOWN($C8368/24,0)+1,1))-1)+IF('Standard Profiles'!$G$22=$B$10,7,0)+IF('Standard Profiles'!$G$22=$B$17,14,0)+IF('Standard Profiles'!$G$22=$B$24,21,0),0)),0)</f>
        <v>0</v>
      </c>
      <c r="I8368">
        <f t="shared" si="930"/>
        <v>3.2269446715809629</v>
      </c>
      <c r="J8368">
        <f t="shared" si="931"/>
        <v>14.863337120258903</v>
      </c>
      <c r="K8368">
        <f t="shared" si="932"/>
        <v>0.63934721050126231</v>
      </c>
      <c r="L8368">
        <f t="shared" si="933"/>
        <v>0.31967360525063115</v>
      </c>
      <c r="M8368">
        <f t="shared" si="934"/>
        <v>0</v>
      </c>
      <c r="N8368" s="45">
        <f t="shared" si="935"/>
        <v>45274.249999979787</v>
      </c>
    </row>
    <row r="8369" spans="2:14" x14ac:dyDescent="0.25">
      <c r="B8369">
        <f t="shared" si="929"/>
        <v>4</v>
      </c>
      <c r="C8369" s="16">
        <v>8335</v>
      </c>
      <c r="D8369" cm="1">
        <f t="array" ref="D8369">IFERROR(INDEX(Jesper!AH$2:AH$366,ROUNDDOWN($C8369/24,0)+1,1)*INDEX($D$3:$AA$30,INDEX(Jesper!$R$2:$R$366,ROW(INDEX(Jesper!AH$2:AH$366,ROUNDDOWN($C8369/24,0)+1,1))-1)+IF('Standard Profiles'!$G$18=$B$10,7,0)+IF('Standard Profiles'!$G$18=$B$17,14,0)+IF('Standard Profiles'!$G$18=$B$24,21,0),MOD($C8369,24)+1)/SUM(INDEX($D$3:$AA$30,INDEX(Jesper!$R$2:$R$366,ROW(INDEX(Jesper!AH$2:AH$366,ROUNDDOWN($C8369/24,0)+1,1))-1)+IF('Standard Profiles'!$G$18=$B$10,7,0)+IF('Standard Profiles'!$G$18=$B$17,14,0)+IF('Standard Profiles'!$G$18=$B$24,21,0),0)),0)</f>
        <v>24.502255311539848</v>
      </c>
      <c r="E8369" cm="1">
        <f t="array" ref="E8369">IFERROR(INDEX(Jesper!AI$2:AI$366,ROUNDDOWN($C8369/24,0)+1,1)*INDEX($D$3:$AA$30,INDEX(Jesper!$R$2:$R$366,ROW(INDEX(Jesper!AI$2:AI$366,ROUNDDOWN($C8369/24,0)+1,1))-1)+IF('Standard Profiles'!$G$19=$B$10,7,0)+IF('Standard Profiles'!$G$19=$B$17,14,0)+IF('Standard Profiles'!$G$19=$B$24,21,0),MOD($C8369,24)+1)/SUM(INDEX($D$3:$AA$30,INDEX(Jesper!$R$2:$R$366,ROW(INDEX(Jesper!AI$2:AI$366,ROUNDDOWN($C8369/24,0)+1,1))-1)+IF('Standard Profiles'!$G$19=$B$10,7,0)+IF('Standard Profiles'!$G$19=$B$17,14,0)+IF('Standard Profiles'!$G$19=$B$24,21,0),0)),0)</f>
        <v>25.886987507305442</v>
      </c>
      <c r="F8369" cm="1">
        <f t="array" ref="F8369">IFERROR(INDEX(Jesper!AJ$2:AJ$366,ROUNDDOWN($C8369/24,0)+1,1)*INDEX($D$3:$AA$30,INDEX(Jesper!$R$2:$R$366,ROW(INDEX(Jesper!AJ$2:AJ$366,ROUNDDOWN($C8369/24,0)+1,1))-1)+IF('Standard Profiles'!$G$20=$B$10,7,0)+IF('Standard Profiles'!$G$20=$B$17,14,0)+IF('Standard Profiles'!$G$20=$B$24,21,0),MOD($C8369,24)+1)/SUM(INDEX($D$3:$AA$30,INDEX(Jesper!$R$2:$R$366,ROW(INDEX(Jesper!AJ$2:AJ$366,ROUNDDOWN($C8369/24,0)+1,1))-1)+IF('Standard Profiles'!$G$20=$B$10,7,0)+IF('Standard Profiles'!$G$20=$B$17,14,0)+IF('Standard Profiles'!$G$20=$B$24,21,0),0)),0)</f>
        <v>0</v>
      </c>
      <c r="G8369" cm="1">
        <f t="array" ref="G8369">IFERROR(INDEX(Jesper!AK$2:AK$366,ROUNDDOWN($C8369/24,0)+1,1)*INDEX($D$3:$AA$30,INDEX(Jesper!$R$2:$R$366,ROW(INDEX(Jesper!AK$2:AK$366,ROUNDDOWN($C8369/24,0)+1,1))-1)+IF('Standard Profiles'!$G$21=$B$10,7,0)+IF('Standard Profiles'!$G$21=$B$17,14,0)+IF('Standard Profiles'!$G$21=$B$24,21,0),MOD($C8369,24)+1)/SUM(INDEX($D$3:$AA$30,INDEX(Jesper!$R$2:$R$366,ROW(INDEX(Jesper!AK$2:AK$366,ROUNDDOWN($C8369/24,0)+1,1))-1)+IF('Standard Profiles'!$G$21=$B$10,7,0)+IF('Standard Profiles'!$G$21=$B$17,14,0)+IF('Standard Profiles'!$G$21=$B$24,21,0),0)),0)</f>
        <v>18.521317854594908</v>
      </c>
      <c r="H8369" cm="1">
        <f t="array" ref="H8369">IFERROR(INDEX(Jesper!AL$2:AL$366,ROUNDDOWN($C8369/24,0)+1,1)*INDEX($D$3:$AA$30,INDEX(Jesper!$R$2:$R$366,ROW(INDEX(Jesper!AL$2:AL$366,ROUNDDOWN($C8369/24,0)+1,1))-1)+IF('Standard Profiles'!$G$22=$B$10,7,0)+IF('Standard Profiles'!$G$22=$B$17,14,0)+IF('Standard Profiles'!$G$22=$B$24,21,0),MOD($C8369,24)+1)/SUM(INDEX($D$3:$AA$30,INDEX(Jesper!$R$2:$R$366,ROW(INDEX(Jesper!AL$2:AL$366,ROUNDDOWN($C8369/24,0)+1,1))-1)+IF('Standard Profiles'!$G$22=$B$10,7,0)+IF('Standard Profiles'!$G$22=$B$17,14,0)+IF('Standard Profiles'!$G$22=$B$24,21,0),0)),0)</f>
        <v>0</v>
      </c>
      <c r="I8369">
        <f t="shared" si="930"/>
        <v>8.8902325702055514</v>
      </c>
      <c r="J8369">
        <f t="shared" si="931"/>
        <v>56.099967253388272</v>
      </c>
      <c r="K8369">
        <f t="shared" si="932"/>
        <v>2.6135738998975842</v>
      </c>
      <c r="L8369">
        <f t="shared" si="933"/>
        <v>1.3067869499487921</v>
      </c>
      <c r="M8369">
        <f t="shared" si="934"/>
        <v>0</v>
      </c>
      <c r="N8369" s="45">
        <f t="shared" si="935"/>
        <v>45274.291666646452</v>
      </c>
    </row>
    <row r="8370" spans="2:14" x14ac:dyDescent="0.25">
      <c r="B8370">
        <f t="shared" si="929"/>
        <v>4</v>
      </c>
      <c r="C8370" s="16">
        <v>8336</v>
      </c>
      <c r="D8370" cm="1">
        <f t="array" ref="D8370">IFERROR(INDEX(Jesper!AH$2:AH$366,ROUNDDOWN($C8370/24,0)+1,1)*INDEX($D$3:$AA$30,INDEX(Jesper!$R$2:$R$366,ROW(INDEX(Jesper!AH$2:AH$366,ROUNDDOWN($C8370/24,0)+1,1))-1)+IF('Standard Profiles'!$G$18=$B$10,7,0)+IF('Standard Profiles'!$G$18=$B$17,14,0)+IF('Standard Profiles'!$G$18=$B$24,21,0),MOD($C8370,24)+1)/SUM(INDEX($D$3:$AA$30,INDEX(Jesper!$R$2:$R$366,ROW(INDEX(Jesper!AH$2:AH$366,ROUNDDOWN($C8370/24,0)+1,1))-1)+IF('Standard Profiles'!$G$18=$B$10,7,0)+IF('Standard Profiles'!$G$18=$B$17,14,0)+IF('Standard Profiles'!$G$18=$B$24,21,0),0)),0)</f>
        <v>27.339358558139203</v>
      </c>
      <c r="E8370" cm="1">
        <f t="array" ref="E8370">IFERROR(INDEX(Jesper!AI$2:AI$366,ROUNDDOWN($C8370/24,0)+1,1)*INDEX($D$3:$AA$30,INDEX(Jesper!$R$2:$R$366,ROW(INDEX(Jesper!AI$2:AI$366,ROUNDDOWN($C8370/24,0)+1,1))-1)+IF('Standard Profiles'!$G$19=$B$10,7,0)+IF('Standard Profiles'!$G$19=$B$17,14,0)+IF('Standard Profiles'!$G$19=$B$24,21,0),MOD($C8370,24)+1)/SUM(INDEX($D$3:$AA$30,INDEX(Jesper!$R$2:$R$366,ROW(INDEX(Jesper!AI$2:AI$366,ROUNDDOWN($C8370/24,0)+1,1))-1)+IF('Standard Profiles'!$G$19=$B$10,7,0)+IF('Standard Profiles'!$G$19=$B$17,14,0)+IF('Standard Profiles'!$G$19=$B$24,21,0),0)),0)</f>
        <v>28.884428166046078</v>
      </c>
      <c r="F8370" cm="1">
        <f t="array" ref="F8370">IFERROR(INDEX(Jesper!AJ$2:AJ$366,ROUNDDOWN($C8370/24,0)+1,1)*INDEX($D$3:$AA$30,INDEX(Jesper!$R$2:$R$366,ROW(INDEX(Jesper!AJ$2:AJ$366,ROUNDDOWN($C8370/24,0)+1,1))-1)+IF('Standard Profiles'!$G$20=$B$10,7,0)+IF('Standard Profiles'!$G$20=$B$17,14,0)+IF('Standard Profiles'!$G$20=$B$24,21,0),MOD($C8370,24)+1)/SUM(INDEX($D$3:$AA$30,INDEX(Jesper!$R$2:$R$366,ROW(INDEX(Jesper!AJ$2:AJ$366,ROUNDDOWN($C8370/24,0)+1,1))-1)+IF('Standard Profiles'!$G$20=$B$10,7,0)+IF('Standard Profiles'!$G$20=$B$17,14,0)+IF('Standard Profiles'!$G$20=$B$24,21,0),0)),0)</f>
        <v>0</v>
      </c>
      <c r="G8370" cm="1">
        <f t="array" ref="G8370">IFERROR(INDEX(Jesper!AK$2:AK$366,ROUNDDOWN($C8370/24,0)+1,1)*INDEX($D$3:$AA$30,INDEX(Jesper!$R$2:$R$366,ROW(INDEX(Jesper!AK$2:AK$366,ROUNDDOWN($C8370/24,0)+1,1))-1)+IF('Standard Profiles'!$G$21=$B$10,7,0)+IF('Standard Profiles'!$G$21=$B$17,14,0)+IF('Standard Profiles'!$G$21=$B$24,21,0),MOD($C8370,24)+1)/SUM(INDEX($D$3:$AA$30,INDEX(Jesper!$R$2:$R$366,ROW(INDEX(Jesper!AK$2:AK$366,ROUNDDOWN($C8370/24,0)+1,1))-1)+IF('Standard Profiles'!$G$21=$B$10,7,0)+IF('Standard Profiles'!$G$21=$B$17,14,0)+IF('Standard Profiles'!$G$21=$B$24,21,0),0)),0)</f>
        <v>20.665891500916427</v>
      </c>
      <c r="H8370" cm="1">
        <f t="array" ref="H8370">IFERROR(INDEX(Jesper!AL$2:AL$366,ROUNDDOWN($C8370/24,0)+1,1)*INDEX($D$3:$AA$30,INDEX(Jesper!$R$2:$R$366,ROW(INDEX(Jesper!AL$2:AL$366,ROUNDDOWN($C8370/24,0)+1,1))-1)+IF('Standard Profiles'!$G$22=$B$10,7,0)+IF('Standard Profiles'!$G$22=$B$17,14,0)+IF('Standard Profiles'!$G$22=$B$24,21,0),MOD($C8370,24)+1)/SUM(INDEX($D$3:$AA$30,INDEX(Jesper!$R$2:$R$366,ROW(INDEX(Jesper!AL$2:AL$366,ROUNDDOWN($C8370/24,0)+1,1))-1)+IF('Standard Profiles'!$G$22=$B$10,7,0)+IF('Standard Profiles'!$G$22=$B$17,14,0)+IF('Standard Profiles'!$G$22=$B$24,21,0),0)),0)</f>
        <v>0</v>
      </c>
      <c r="I8370">
        <f t="shared" si="930"/>
        <v>9.9196279204398792</v>
      </c>
      <c r="J8370">
        <f t="shared" si="931"/>
        <v>62.595752935359556</v>
      </c>
      <c r="K8370">
        <f t="shared" si="932"/>
        <v>2.9161982462015152</v>
      </c>
      <c r="L8370">
        <f t="shared" si="933"/>
        <v>1.4580991231007576</v>
      </c>
      <c r="M8370">
        <f t="shared" si="934"/>
        <v>0</v>
      </c>
      <c r="N8370" s="45">
        <f t="shared" si="935"/>
        <v>45274.333333313116</v>
      </c>
    </row>
    <row r="8371" spans="2:14" x14ac:dyDescent="0.25">
      <c r="B8371">
        <f t="shared" si="929"/>
        <v>4</v>
      </c>
      <c r="C8371" s="16">
        <v>8337</v>
      </c>
      <c r="D8371" cm="1">
        <f t="array" ref="D8371">IFERROR(INDEX(Jesper!AH$2:AH$366,ROUNDDOWN($C8371/24,0)+1,1)*INDEX($D$3:$AA$30,INDEX(Jesper!$R$2:$R$366,ROW(INDEX(Jesper!AH$2:AH$366,ROUNDDOWN($C8371/24,0)+1,1))-1)+IF('Standard Profiles'!$G$18=$B$10,7,0)+IF('Standard Profiles'!$G$18=$B$17,14,0)+IF('Standard Profiles'!$G$18=$B$24,21,0),MOD($C8371,24)+1)/SUM(INDEX($D$3:$AA$30,INDEX(Jesper!$R$2:$R$366,ROW(INDEX(Jesper!AH$2:AH$366,ROUNDDOWN($C8371/24,0)+1,1))-1)+IF('Standard Profiles'!$G$18=$B$10,7,0)+IF('Standard Profiles'!$G$18=$B$17,14,0)+IF('Standard Profiles'!$G$18=$B$24,21,0),0)),0)</f>
        <v>30.176461804738555</v>
      </c>
      <c r="E8371" cm="1">
        <f t="array" ref="E8371">IFERROR(INDEX(Jesper!AI$2:AI$366,ROUNDDOWN($C8371/24,0)+1,1)*INDEX($D$3:$AA$30,INDEX(Jesper!$R$2:$R$366,ROW(INDEX(Jesper!AI$2:AI$366,ROUNDDOWN($C8371/24,0)+1,1))-1)+IF('Standard Profiles'!$G$19=$B$10,7,0)+IF('Standard Profiles'!$G$19=$B$17,14,0)+IF('Standard Profiles'!$G$19=$B$24,21,0),MOD($C8371,24)+1)/SUM(INDEX($D$3:$AA$30,INDEX(Jesper!$R$2:$R$366,ROW(INDEX(Jesper!AI$2:AI$366,ROUNDDOWN($C8371/24,0)+1,1))-1)+IF('Standard Profiles'!$G$19=$B$10,7,0)+IF('Standard Profiles'!$G$19=$B$17,14,0)+IF('Standard Profiles'!$G$19=$B$24,21,0),0)),0)</f>
        <v>31.881868824786711</v>
      </c>
      <c r="F8371" cm="1">
        <f t="array" ref="F8371">IFERROR(INDEX(Jesper!AJ$2:AJ$366,ROUNDDOWN($C8371/24,0)+1,1)*INDEX($D$3:$AA$30,INDEX(Jesper!$R$2:$R$366,ROW(INDEX(Jesper!AJ$2:AJ$366,ROUNDDOWN($C8371/24,0)+1,1))-1)+IF('Standard Profiles'!$G$20=$B$10,7,0)+IF('Standard Profiles'!$G$20=$B$17,14,0)+IF('Standard Profiles'!$G$20=$B$24,21,0),MOD($C8371,24)+1)/SUM(INDEX($D$3:$AA$30,INDEX(Jesper!$R$2:$R$366,ROW(INDEX(Jesper!AJ$2:AJ$366,ROUNDDOWN($C8371/24,0)+1,1))-1)+IF('Standard Profiles'!$G$20=$B$10,7,0)+IF('Standard Profiles'!$G$20=$B$17,14,0)+IF('Standard Profiles'!$G$20=$B$24,21,0),0)),0)</f>
        <v>0</v>
      </c>
      <c r="G8371" cm="1">
        <f t="array" ref="G8371">IFERROR(INDEX(Jesper!AK$2:AK$366,ROUNDDOWN($C8371/24,0)+1,1)*INDEX($D$3:$AA$30,INDEX(Jesper!$R$2:$R$366,ROW(INDEX(Jesper!AK$2:AK$366,ROUNDDOWN($C8371/24,0)+1,1))-1)+IF('Standard Profiles'!$G$21=$B$10,7,0)+IF('Standard Profiles'!$G$21=$B$17,14,0)+IF('Standard Profiles'!$G$21=$B$24,21,0),MOD($C8371,24)+1)/SUM(INDEX($D$3:$AA$30,INDEX(Jesper!$R$2:$R$366,ROW(INDEX(Jesper!AK$2:AK$366,ROUNDDOWN($C8371/24,0)+1,1))-1)+IF('Standard Profiles'!$G$21=$B$10,7,0)+IF('Standard Profiles'!$G$21=$B$17,14,0)+IF('Standard Profiles'!$G$21=$B$24,21,0),0)),0)</f>
        <v>22.810465147237942</v>
      </c>
      <c r="H8371" cm="1">
        <f t="array" ref="H8371">IFERROR(INDEX(Jesper!AL$2:AL$366,ROUNDDOWN($C8371/24,0)+1,1)*INDEX($D$3:$AA$30,INDEX(Jesper!$R$2:$R$366,ROW(INDEX(Jesper!AL$2:AL$366,ROUNDDOWN($C8371/24,0)+1,1))-1)+IF('Standard Profiles'!$G$22=$B$10,7,0)+IF('Standard Profiles'!$G$22=$B$17,14,0)+IF('Standard Profiles'!$G$22=$B$24,21,0),MOD($C8371,24)+1)/SUM(INDEX($D$3:$AA$30,INDEX(Jesper!$R$2:$R$366,ROW(INDEX(Jesper!AL$2:AL$366,ROUNDDOWN($C8371/24,0)+1,1))-1)+IF('Standard Profiles'!$G$22=$B$10,7,0)+IF('Standard Profiles'!$G$22=$B$17,14,0)+IF('Standard Profiles'!$G$22=$B$24,21,0),0)),0)</f>
        <v>0</v>
      </c>
      <c r="I8371">
        <f t="shared" si="930"/>
        <v>10.949023270674207</v>
      </c>
      <c r="J8371">
        <f t="shared" si="931"/>
        <v>69.091538617330826</v>
      </c>
      <c r="K8371">
        <f t="shared" si="932"/>
        <v>3.2188225925054459</v>
      </c>
      <c r="L8371">
        <f t="shared" si="933"/>
        <v>1.6094112962527229</v>
      </c>
      <c r="M8371">
        <f t="shared" si="934"/>
        <v>0</v>
      </c>
      <c r="N8371" s="45">
        <f t="shared" si="935"/>
        <v>45274.37499997978</v>
      </c>
    </row>
    <row r="8372" spans="2:14" x14ac:dyDescent="0.25">
      <c r="B8372">
        <f t="shared" si="929"/>
        <v>4</v>
      </c>
      <c r="C8372" s="16">
        <v>8338</v>
      </c>
      <c r="D8372" cm="1">
        <f t="array" ref="D8372">IFERROR(INDEX(Jesper!AH$2:AH$366,ROUNDDOWN($C8372/24,0)+1,1)*INDEX($D$3:$AA$30,INDEX(Jesper!$R$2:$R$366,ROW(INDEX(Jesper!AH$2:AH$366,ROUNDDOWN($C8372/24,0)+1,1))-1)+IF('Standard Profiles'!$G$18=$B$10,7,0)+IF('Standard Profiles'!$G$18=$B$17,14,0)+IF('Standard Profiles'!$G$18=$B$24,21,0),MOD($C8372,24)+1)/SUM(INDEX($D$3:$AA$30,INDEX(Jesper!$R$2:$R$366,ROW(INDEX(Jesper!AH$2:AH$366,ROUNDDOWN($C8372/24,0)+1,1))-1)+IF('Standard Profiles'!$G$18=$B$10,7,0)+IF('Standard Profiles'!$G$18=$B$17,14,0)+IF('Standard Profiles'!$G$18=$B$24,21,0),0)),0)</f>
        <v>30.176461804738555</v>
      </c>
      <c r="E8372" cm="1">
        <f t="array" ref="E8372">IFERROR(INDEX(Jesper!AI$2:AI$366,ROUNDDOWN($C8372/24,0)+1,1)*INDEX($D$3:$AA$30,INDEX(Jesper!$R$2:$R$366,ROW(INDEX(Jesper!AI$2:AI$366,ROUNDDOWN($C8372/24,0)+1,1))-1)+IF('Standard Profiles'!$G$19=$B$10,7,0)+IF('Standard Profiles'!$G$19=$B$17,14,0)+IF('Standard Profiles'!$G$19=$B$24,21,0),MOD($C8372,24)+1)/SUM(INDEX($D$3:$AA$30,INDEX(Jesper!$R$2:$R$366,ROW(INDEX(Jesper!AI$2:AI$366,ROUNDDOWN($C8372/24,0)+1,1))-1)+IF('Standard Profiles'!$G$19=$B$10,7,0)+IF('Standard Profiles'!$G$19=$B$17,14,0)+IF('Standard Profiles'!$G$19=$B$24,21,0),0)),0)</f>
        <v>31.881868824786711</v>
      </c>
      <c r="F8372" cm="1">
        <f t="array" ref="F8372">IFERROR(INDEX(Jesper!AJ$2:AJ$366,ROUNDDOWN($C8372/24,0)+1,1)*INDEX($D$3:$AA$30,INDEX(Jesper!$R$2:$R$366,ROW(INDEX(Jesper!AJ$2:AJ$366,ROUNDDOWN($C8372/24,0)+1,1))-1)+IF('Standard Profiles'!$G$20=$B$10,7,0)+IF('Standard Profiles'!$G$20=$B$17,14,0)+IF('Standard Profiles'!$G$20=$B$24,21,0),MOD($C8372,24)+1)/SUM(INDEX($D$3:$AA$30,INDEX(Jesper!$R$2:$R$366,ROW(INDEX(Jesper!AJ$2:AJ$366,ROUNDDOWN($C8372/24,0)+1,1))-1)+IF('Standard Profiles'!$G$20=$B$10,7,0)+IF('Standard Profiles'!$G$20=$B$17,14,0)+IF('Standard Profiles'!$G$20=$B$24,21,0),0)),0)</f>
        <v>0</v>
      </c>
      <c r="G8372" cm="1">
        <f t="array" ref="G8372">IFERROR(INDEX(Jesper!AK$2:AK$366,ROUNDDOWN($C8372/24,0)+1,1)*INDEX($D$3:$AA$30,INDEX(Jesper!$R$2:$R$366,ROW(INDEX(Jesper!AK$2:AK$366,ROUNDDOWN($C8372/24,0)+1,1))-1)+IF('Standard Profiles'!$G$21=$B$10,7,0)+IF('Standard Profiles'!$G$21=$B$17,14,0)+IF('Standard Profiles'!$G$21=$B$24,21,0),MOD($C8372,24)+1)/SUM(INDEX($D$3:$AA$30,INDEX(Jesper!$R$2:$R$366,ROW(INDEX(Jesper!AK$2:AK$366,ROUNDDOWN($C8372/24,0)+1,1))-1)+IF('Standard Profiles'!$G$21=$B$10,7,0)+IF('Standard Profiles'!$G$21=$B$17,14,0)+IF('Standard Profiles'!$G$21=$B$24,21,0),0)),0)</f>
        <v>22.810465147237942</v>
      </c>
      <c r="H8372" cm="1">
        <f t="array" ref="H8372">IFERROR(INDEX(Jesper!AL$2:AL$366,ROUNDDOWN($C8372/24,0)+1,1)*INDEX($D$3:$AA$30,INDEX(Jesper!$R$2:$R$366,ROW(INDEX(Jesper!AL$2:AL$366,ROUNDDOWN($C8372/24,0)+1,1))-1)+IF('Standard Profiles'!$G$22=$B$10,7,0)+IF('Standard Profiles'!$G$22=$B$17,14,0)+IF('Standard Profiles'!$G$22=$B$24,21,0),MOD($C8372,24)+1)/SUM(INDEX($D$3:$AA$30,INDEX(Jesper!$R$2:$R$366,ROW(INDEX(Jesper!AL$2:AL$366,ROUNDDOWN($C8372/24,0)+1,1))-1)+IF('Standard Profiles'!$G$22=$B$10,7,0)+IF('Standard Profiles'!$G$22=$B$17,14,0)+IF('Standard Profiles'!$G$22=$B$24,21,0),0)),0)</f>
        <v>0</v>
      </c>
      <c r="I8372">
        <f t="shared" si="930"/>
        <v>10.949023270674207</v>
      </c>
      <c r="J8372">
        <f t="shared" si="931"/>
        <v>69.091538617330826</v>
      </c>
      <c r="K8372">
        <f t="shared" si="932"/>
        <v>3.2188225925054459</v>
      </c>
      <c r="L8372">
        <f t="shared" si="933"/>
        <v>1.6094112962527229</v>
      </c>
      <c r="M8372">
        <f t="shared" si="934"/>
        <v>0</v>
      </c>
      <c r="N8372" s="45">
        <f t="shared" si="935"/>
        <v>45274.416666646444</v>
      </c>
    </row>
    <row r="8373" spans="2:14" x14ac:dyDescent="0.25">
      <c r="B8373">
        <f t="shared" si="929"/>
        <v>4</v>
      </c>
      <c r="C8373" s="16">
        <v>8339</v>
      </c>
      <c r="D8373" cm="1">
        <f t="array" ref="D8373">IFERROR(INDEX(Jesper!AH$2:AH$366,ROUNDDOWN($C8373/24,0)+1,1)*INDEX($D$3:$AA$30,INDEX(Jesper!$R$2:$R$366,ROW(INDEX(Jesper!AH$2:AH$366,ROUNDDOWN($C8373/24,0)+1,1))-1)+IF('Standard Profiles'!$G$18=$B$10,7,0)+IF('Standard Profiles'!$G$18=$B$17,14,0)+IF('Standard Profiles'!$G$18=$B$24,21,0),MOD($C8373,24)+1)/SUM(INDEX($D$3:$AA$30,INDEX(Jesper!$R$2:$R$366,ROW(INDEX(Jesper!AH$2:AH$366,ROUNDDOWN($C8373/24,0)+1,1))-1)+IF('Standard Profiles'!$G$18=$B$10,7,0)+IF('Standard Profiles'!$G$18=$B$17,14,0)+IF('Standard Profiles'!$G$18=$B$24,21,0),0)),0)</f>
        <v>36.108586774900829</v>
      </c>
      <c r="E8373" cm="1">
        <f t="array" ref="E8373">IFERROR(INDEX(Jesper!AI$2:AI$366,ROUNDDOWN($C8373/24,0)+1,1)*INDEX($D$3:$AA$30,INDEX(Jesper!$R$2:$R$366,ROW(INDEX(Jesper!AI$2:AI$366,ROUNDDOWN($C8373/24,0)+1,1))-1)+IF('Standard Profiles'!$G$19=$B$10,7,0)+IF('Standard Profiles'!$G$19=$B$17,14,0)+IF('Standard Profiles'!$G$19=$B$24,21,0),MOD($C8373,24)+1)/SUM(INDEX($D$3:$AA$30,INDEX(Jesper!$R$2:$R$366,ROW(INDEX(Jesper!AI$2:AI$366,ROUNDDOWN($C8373/24,0)+1,1))-1)+IF('Standard Profiles'!$G$19=$B$10,7,0)+IF('Standard Profiles'!$G$19=$B$17,14,0)+IF('Standard Profiles'!$G$19=$B$24,21,0),0)),0)</f>
        <v>38.149244747608023</v>
      </c>
      <c r="F8373" cm="1">
        <f t="array" ref="F8373">IFERROR(INDEX(Jesper!AJ$2:AJ$366,ROUNDDOWN($C8373/24,0)+1,1)*INDEX($D$3:$AA$30,INDEX(Jesper!$R$2:$R$366,ROW(INDEX(Jesper!AJ$2:AJ$366,ROUNDDOWN($C8373/24,0)+1,1))-1)+IF('Standard Profiles'!$G$20=$B$10,7,0)+IF('Standard Profiles'!$G$20=$B$17,14,0)+IF('Standard Profiles'!$G$20=$B$24,21,0),MOD($C8373,24)+1)/SUM(INDEX($D$3:$AA$30,INDEX(Jesper!$R$2:$R$366,ROW(INDEX(Jesper!AJ$2:AJ$366,ROUNDDOWN($C8373/24,0)+1,1))-1)+IF('Standard Profiles'!$G$20=$B$10,7,0)+IF('Standard Profiles'!$G$20=$B$17,14,0)+IF('Standard Profiles'!$G$20=$B$24,21,0),0)),0)</f>
        <v>0</v>
      </c>
      <c r="G8373" cm="1">
        <f t="array" ref="G8373">IFERROR(INDEX(Jesper!AK$2:AK$366,ROUNDDOWN($C8373/24,0)+1,1)*INDEX($D$3:$AA$30,INDEX(Jesper!$R$2:$R$366,ROW(INDEX(Jesper!AK$2:AK$366,ROUNDDOWN($C8373/24,0)+1,1))-1)+IF('Standard Profiles'!$G$21=$B$10,7,0)+IF('Standard Profiles'!$G$21=$B$17,14,0)+IF('Standard Profiles'!$G$21=$B$24,21,0),MOD($C8373,24)+1)/SUM(INDEX($D$3:$AA$30,INDEX(Jesper!$R$2:$R$366,ROW(INDEX(Jesper!AK$2:AK$366,ROUNDDOWN($C8373/24,0)+1,1))-1)+IF('Standard Profiles'!$G$21=$B$10,7,0)+IF('Standard Profiles'!$G$21=$B$17,14,0)+IF('Standard Profiles'!$G$21=$B$24,21,0),0)),0)</f>
        <v>27.294573680455656</v>
      </c>
      <c r="H8373" cm="1">
        <f t="array" ref="H8373">IFERROR(INDEX(Jesper!AL$2:AL$366,ROUNDDOWN($C8373/24,0)+1,1)*INDEX($D$3:$AA$30,INDEX(Jesper!$R$2:$R$366,ROW(INDEX(Jesper!AL$2:AL$366,ROUNDDOWN($C8373/24,0)+1,1))-1)+IF('Standard Profiles'!$G$22=$B$10,7,0)+IF('Standard Profiles'!$G$22=$B$17,14,0)+IF('Standard Profiles'!$G$22=$B$24,21,0),MOD($C8373,24)+1)/SUM(INDEX($D$3:$AA$30,INDEX(Jesper!$R$2:$R$366,ROW(INDEX(Jesper!AL$2:AL$366,ROUNDDOWN($C8373/24,0)+1,1))-1)+IF('Standard Profiles'!$G$22=$B$10,7,0)+IF('Standard Profiles'!$G$22=$B$17,14,0)+IF('Standard Profiles'!$G$22=$B$24,21,0),0)),0)</f>
        <v>0</v>
      </c>
      <c r="I8373">
        <f t="shared" si="930"/>
        <v>13.101395366618709</v>
      </c>
      <c r="J8373">
        <f t="shared" si="931"/>
        <v>82.673635952361664</v>
      </c>
      <c r="K8373">
        <f t="shared" si="932"/>
        <v>3.8515825893227551</v>
      </c>
      <c r="L8373">
        <f t="shared" si="933"/>
        <v>1.9257912946613776</v>
      </c>
      <c r="M8373">
        <f t="shared" si="934"/>
        <v>0</v>
      </c>
      <c r="N8373" s="45">
        <f t="shared" si="935"/>
        <v>45274.458333313109</v>
      </c>
    </row>
    <row r="8374" spans="2:14" x14ac:dyDescent="0.25">
      <c r="B8374">
        <f t="shared" si="929"/>
        <v>4</v>
      </c>
      <c r="C8374" s="16">
        <v>8340</v>
      </c>
      <c r="D8374" cm="1">
        <f t="array" ref="D8374">IFERROR(INDEX(Jesper!AH$2:AH$366,ROUNDDOWN($C8374/24,0)+1,1)*INDEX($D$3:$AA$30,INDEX(Jesper!$R$2:$R$366,ROW(INDEX(Jesper!AH$2:AH$366,ROUNDDOWN($C8374/24,0)+1,1))-1)+IF('Standard Profiles'!$G$18=$B$10,7,0)+IF('Standard Profiles'!$G$18=$B$17,14,0)+IF('Standard Profiles'!$G$18=$B$24,21,0),MOD($C8374,24)+1)/SUM(INDEX($D$3:$AA$30,INDEX(Jesper!$R$2:$R$366,ROW(INDEX(Jesper!AH$2:AH$366,ROUNDDOWN($C8374/24,0)+1,1))-1)+IF('Standard Profiles'!$G$18=$B$10,7,0)+IF('Standard Profiles'!$G$18=$B$17,14,0)+IF('Standard Profiles'!$G$18=$B$24,21,0),0)),0)</f>
        <v>36.108586774900829</v>
      </c>
      <c r="E8374" cm="1">
        <f t="array" ref="E8374">IFERROR(INDEX(Jesper!AI$2:AI$366,ROUNDDOWN($C8374/24,0)+1,1)*INDEX($D$3:$AA$30,INDEX(Jesper!$R$2:$R$366,ROW(INDEX(Jesper!AI$2:AI$366,ROUNDDOWN($C8374/24,0)+1,1))-1)+IF('Standard Profiles'!$G$19=$B$10,7,0)+IF('Standard Profiles'!$G$19=$B$17,14,0)+IF('Standard Profiles'!$G$19=$B$24,21,0),MOD($C8374,24)+1)/SUM(INDEX($D$3:$AA$30,INDEX(Jesper!$R$2:$R$366,ROW(INDEX(Jesper!AI$2:AI$366,ROUNDDOWN($C8374/24,0)+1,1))-1)+IF('Standard Profiles'!$G$19=$B$10,7,0)+IF('Standard Profiles'!$G$19=$B$17,14,0)+IF('Standard Profiles'!$G$19=$B$24,21,0),0)),0)</f>
        <v>38.149244747608023</v>
      </c>
      <c r="F8374" cm="1">
        <f t="array" ref="F8374">IFERROR(INDEX(Jesper!AJ$2:AJ$366,ROUNDDOWN($C8374/24,0)+1,1)*INDEX($D$3:$AA$30,INDEX(Jesper!$R$2:$R$366,ROW(INDEX(Jesper!AJ$2:AJ$366,ROUNDDOWN($C8374/24,0)+1,1))-1)+IF('Standard Profiles'!$G$20=$B$10,7,0)+IF('Standard Profiles'!$G$20=$B$17,14,0)+IF('Standard Profiles'!$G$20=$B$24,21,0),MOD($C8374,24)+1)/SUM(INDEX($D$3:$AA$30,INDEX(Jesper!$R$2:$R$366,ROW(INDEX(Jesper!AJ$2:AJ$366,ROUNDDOWN($C8374/24,0)+1,1))-1)+IF('Standard Profiles'!$G$20=$B$10,7,0)+IF('Standard Profiles'!$G$20=$B$17,14,0)+IF('Standard Profiles'!$G$20=$B$24,21,0),0)),0)</f>
        <v>0</v>
      </c>
      <c r="G8374" cm="1">
        <f t="array" ref="G8374">IFERROR(INDEX(Jesper!AK$2:AK$366,ROUNDDOWN($C8374/24,0)+1,1)*INDEX($D$3:$AA$30,INDEX(Jesper!$R$2:$R$366,ROW(INDEX(Jesper!AK$2:AK$366,ROUNDDOWN($C8374/24,0)+1,1))-1)+IF('Standard Profiles'!$G$21=$B$10,7,0)+IF('Standard Profiles'!$G$21=$B$17,14,0)+IF('Standard Profiles'!$G$21=$B$24,21,0),MOD($C8374,24)+1)/SUM(INDEX($D$3:$AA$30,INDEX(Jesper!$R$2:$R$366,ROW(INDEX(Jesper!AK$2:AK$366,ROUNDDOWN($C8374/24,0)+1,1))-1)+IF('Standard Profiles'!$G$21=$B$10,7,0)+IF('Standard Profiles'!$G$21=$B$17,14,0)+IF('Standard Profiles'!$G$21=$B$24,21,0),0)),0)</f>
        <v>27.294573680455656</v>
      </c>
      <c r="H8374" cm="1">
        <f t="array" ref="H8374">IFERROR(INDEX(Jesper!AL$2:AL$366,ROUNDDOWN($C8374/24,0)+1,1)*INDEX($D$3:$AA$30,INDEX(Jesper!$R$2:$R$366,ROW(INDEX(Jesper!AL$2:AL$366,ROUNDDOWN($C8374/24,0)+1,1))-1)+IF('Standard Profiles'!$G$22=$B$10,7,0)+IF('Standard Profiles'!$G$22=$B$17,14,0)+IF('Standard Profiles'!$G$22=$B$24,21,0),MOD($C8374,24)+1)/SUM(INDEX($D$3:$AA$30,INDEX(Jesper!$R$2:$R$366,ROW(INDEX(Jesper!AL$2:AL$366,ROUNDDOWN($C8374/24,0)+1,1))-1)+IF('Standard Profiles'!$G$22=$B$10,7,0)+IF('Standard Profiles'!$G$22=$B$17,14,0)+IF('Standard Profiles'!$G$22=$B$24,21,0),0)),0)</f>
        <v>0</v>
      </c>
      <c r="I8374">
        <f t="shared" si="930"/>
        <v>13.101395366618709</v>
      </c>
      <c r="J8374">
        <f t="shared" si="931"/>
        <v>82.673635952361664</v>
      </c>
      <c r="K8374">
        <f t="shared" si="932"/>
        <v>3.8515825893227551</v>
      </c>
      <c r="L8374">
        <f t="shared" si="933"/>
        <v>1.9257912946613776</v>
      </c>
      <c r="M8374">
        <f t="shared" si="934"/>
        <v>0</v>
      </c>
      <c r="N8374" s="45">
        <f t="shared" si="935"/>
        <v>45274.499999979773</v>
      </c>
    </row>
    <row r="8375" spans="2:14" x14ac:dyDescent="0.25">
      <c r="B8375">
        <f t="shared" si="929"/>
        <v>4</v>
      </c>
      <c r="C8375" s="16">
        <v>8341</v>
      </c>
      <c r="D8375" cm="1">
        <f t="array" ref="D8375">IFERROR(INDEX(Jesper!AH$2:AH$366,ROUNDDOWN($C8375/24,0)+1,1)*INDEX($D$3:$AA$30,INDEX(Jesper!$R$2:$R$366,ROW(INDEX(Jesper!AH$2:AH$366,ROUNDDOWN($C8375/24,0)+1,1))-1)+IF('Standard Profiles'!$G$18=$B$10,7,0)+IF('Standard Profiles'!$G$18=$B$17,14,0)+IF('Standard Profiles'!$G$18=$B$24,21,0),MOD($C8375,24)+1)/SUM(INDEX($D$3:$AA$30,INDEX(Jesper!$R$2:$R$366,ROW(INDEX(Jesper!AH$2:AH$366,ROUNDDOWN($C8375/24,0)+1,1))-1)+IF('Standard Profiles'!$G$18=$B$10,7,0)+IF('Standard Profiles'!$G$18=$B$17,14,0)+IF('Standard Profiles'!$G$18=$B$24,21,0),0)),0)</f>
        <v>23.986418357612695</v>
      </c>
      <c r="E8375" cm="1">
        <f t="array" ref="E8375">IFERROR(INDEX(Jesper!AI$2:AI$366,ROUNDDOWN($C8375/24,0)+1,1)*INDEX($D$3:$AA$30,INDEX(Jesper!$R$2:$R$366,ROW(INDEX(Jesper!AI$2:AI$366,ROUNDDOWN($C8375/24,0)+1,1))-1)+IF('Standard Profiles'!$G$19=$B$10,7,0)+IF('Standard Profiles'!$G$19=$B$17,14,0)+IF('Standard Profiles'!$G$19=$B$24,21,0),MOD($C8375,24)+1)/SUM(INDEX($D$3:$AA$30,INDEX(Jesper!$R$2:$R$366,ROW(INDEX(Jesper!AI$2:AI$366,ROUNDDOWN($C8375/24,0)+1,1))-1)+IF('Standard Profiles'!$G$19=$B$10,7,0)+IF('Standard Profiles'!$G$19=$B$17,14,0)+IF('Standard Profiles'!$G$19=$B$24,21,0),0)),0)</f>
        <v>25.341998296625331</v>
      </c>
      <c r="F8375" cm="1">
        <f t="array" ref="F8375">IFERROR(INDEX(Jesper!AJ$2:AJ$366,ROUNDDOWN($C8375/24,0)+1,1)*INDEX($D$3:$AA$30,INDEX(Jesper!$R$2:$R$366,ROW(INDEX(Jesper!AJ$2:AJ$366,ROUNDDOWN($C8375/24,0)+1,1))-1)+IF('Standard Profiles'!$G$20=$B$10,7,0)+IF('Standard Profiles'!$G$20=$B$17,14,0)+IF('Standard Profiles'!$G$20=$B$24,21,0),MOD($C8375,24)+1)/SUM(INDEX($D$3:$AA$30,INDEX(Jesper!$R$2:$R$366,ROW(INDEX(Jesper!AJ$2:AJ$366,ROUNDDOWN($C8375/24,0)+1,1))-1)+IF('Standard Profiles'!$G$20=$B$10,7,0)+IF('Standard Profiles'!$G$20=$B$17,14,0)+IF('Standard Profiles'!$G$20=$B$24,21,0),0)),0)</f>
        <v>0</v>
      </c>
      <c r="G8375" cm="1">
        <f t="array" ref="G8375">IFERROR(INDEX(Jesper!AK$2:AK$366,ROUNDDOWN($C8375/24,0)+1,1)*INDEX($D$3:$AA$30,INDEX(Jesper!$R$2:$R$366,ROW(INDEX(Jesper!AK$2:AK$366,ROUNDDOWN($C8375/24,0)+1,1))-1)+IF('Standard Profiles'!$G$21=$B$10,7,0)+IF('Standard Profiles'!$G$21=$B$17,14,0)+IF('Standard Profiles'!$G$21=$B$24,21,0),MOD($C8375,24)+1)/SUM(INDEX($D$3:$AA$30,INDEX(Jesper!$R$2:$R$366,ROW(INDEX(Jesper!AK$2:AK$366,ROUNDDOWN($C8375/24,0)+1,1))-1)+IF('Standard Profiles'!$G$21=$B$10,7,0)+IF('Standard Profiles'!$G$21=$B$17,14,0)+IF('Standard Profiles'!$G$21=$B$24,21,0),0)),0)</f>
        <v>18.131395373445542</v>
      </c>
      <c r="H8375" cm="1">
        <f t="array" ref="H8375">IFERROR(INDEX(Jesper!AL$2:AL$366,ROUNDDOWN($C8375/24,0)+1,1)*INDEX($D$3:$AA$30,INDEX(Jesper!$R$2:$R$366,ROW(INDEX(Jesper!AL$2:AL$366,ROUNDDOWN($C8375/24,0)+1,1))-1)+IF('Standard Profiles'!$G$22=$B$10,7,0)+IF('Standard Profiles'!$G$22=$B$17,14,0)+IF('Standard Profiles'!$G$22=$B$24,21,0),MOD($C8375,24)+1)/SUM(INDEX($D$3:$AA$30,INDEX(Jesper!$R$2:$R$366,ROW(INDEX(Jesper!AL$2:AL$366,ROUNDDOWN($C8375/24,0)+1,1))-1)+IF('Standard Profiles'!$G$22=$B$10,7,0)+IF('Standard Profiles'!$G$22=$B$17,14,0)+IF('Standard Profiles'!$G$22=$B$24,21,0),0)),0)</f>
        <v>0</v>
      </c>
      <c r="I8375">
        <f t="shared" si="930"/>
        <v>8.7030697792538554</v>
      </c>
      <c r="J8375">
        <f t="shared" si="931"/>
        <v>54.918915311211677</v>
      </c>
      <c r="K8375">
        <f t="shared" si="932"/>
        <v>2.5585512914786879</v>
      </c>
      <c r="L8375">
        <f t="shared" si="933"/>
        <v>1.2792756457393439</v>
      </c>
      <c r="M8375">
        <f t="shared" si="934"/>
        <v>0</v>
      </c>
      <c r="N8375" s="45">
        <f t="shared" si="935"/>
        <v>45274.541666646437</v>
      </c>
    </row>
    <row r="8376" spans="2:14" x14ac:dyDescent="0.25">
      <c r="B8376">
        <f t="shared" si="929"/>
        <v>4</v>
      </c>
      <c r="C8376" s="16">
        <v>8342</v>
      </c>
      <c r="D8376" cm="1">
        <f t="array" ref="D8376">IFERROR(INDEX(Jesper!AH$2:AH$366,ROUNDDOWN($C8376/24,0)+1,1)*INDEX($D$3:$AA$30,INDEX(Jesper!$R$2:$R$366,ROW(INDEX(Jesper!AH$2:AH$366,ROUNDDOWN($C8376/24,0)+1,1))-1)+IF('Standard Profiles'!$G$18=$B$10,7,0)+IF('Standard Profiles'!$G$18=$B$17,14,0)+IF('Standard Profiles'!$G$18=$B$24,21,0),MOD($C8376,24)+1)/SUM(INDEX($D$3:$AA$30,INDEX(Jesper!$R$2:$R$366,ROW(INDEX(Jesper!AH$2:AH$366,ROUNDDOWN($C8376/24,0)+1,1))-1)+IF('Standard Profiles'!$G$18=$B$10,7,0)+IF('Standard Profiles'!$G$18=$B$17,14,0)+IF('Standard Profiles'!$G$18=$B$24,21,0),0)),0)</f>
        <v>36.108586774900829</v>
      </c>
      <c r="E8376" cm="1">
        <f t="array" ref="E8376">IFERROR(INDEX(Jesper!AI$2:AI$366,ROUNDDOWN($C8376/24,0)+1,1)*INDEX($D$3:$AA$30,INDEX(Jesper!$R$2:$R$366,ROW(INDEX(Jesper!AI$2:AI$366,ROUNDDOWN($C8376/24,0)+1,1))-1)+IF('Standard Profiles'!$G$19=$B$10,7,0)+IF('Standard Profiles'!$G$19=$B$17,14,0)+IF('Standard Profiles'!$G$19=$B$24,21,0),MOD($C8376,24)+1)/SUM(INDEX($D$3:$AA$30,INDEX(Jesper!$R$2:$R$366,ROW(INDEX(Jesper!AI$2:AI$366,ROUNDDOWN($C8376/24,0)+1,1))-1)+IF('Standard Profiles'!$G$19=$B$10,7,0)+IF('Standard Profiles'!$G$19=$B$17,14,0)+IF('Standard Profiles'!$G$19=$B$24,21,0),0)),0)</f>
        <v>38.149244747608023</v>
      </c>
      <c r="F8376" cm="1">
        <f t="array" ref="F8376">IFERROR(INDEX(Jesper!AJ$2:AJ$366,ROUNDDOWN($C8376/24,0)+1,1)*INDEX($D$3:$AA$30,INDEX(Jesper!$R$2:$R$366,ROW(INDEX(Jesper!AJ$2:AJ$366,ROUNDDOWN($C8376/24,0)+1,1))-1)+IF('Standard Profiles'!$G$20=$B$10,7,0)+IF('Standard Profiles'!$G$20=$B$17,14,0)+IF('Standard Profiles'!$G$20=$B$24,21,0),MOD($C8376,24)+1)/SUM(INDEX($D$3:$AA$30,INDEX(Jesper!$R$2:$R$366,ROW(INDEX(Jesper!AJ$2:AJ$366,ROUNDDOWN($C8376/24,0)+1,1))-1)+IF('Standard Profiles'!$G$20=$B$10,7,0)+IF('Standard Profiles'!$G$20=$B$17,14,0)+IF('Standard Profiles'!$G$20=$B$24,21,0),0)),0)</f>
        <v>0</v>
      </c>
      <c r="G8376" cm="1">
        <f t="array" ref="G8376">IFERROR(INDEX(Jesper!AK$2:AK$366,ROUNDDOWN($C8376/24,0)+1,1)*INDEX($D$3:$AA$30,INDEX(Jesper!$R$2:$R$366,ROW(INDEX(Jesper!AK$2:AK$366,ROUNDDOWN($C8376/24,0)+1,1))-1)+IF('Standard Profiles'!$G$21=$B$10,7,0)+IF('Standard Profiles'!$G$21=$B$17,14,0)+IF('Standard Profiles'!$G$21=$B$24,21,0),MOD($C8376,24)+1)/SUM(INDEX($D$3:$AA$30,INDEX(Jesper!$R$2:$R$366,ROW(INDEX(Jesper!AK$2:AK$366,ROUNDDOWN($C8376/24,0)+1,1))-1)+IF('Standard Profiles'!$G$21=$B$10,7,0)+IF('Standard Profiles'!$G$21=$B$17,14,0)+IF('Standard Profiles'!$G$21=$B$24,21,0),0)),0)</f>
        <v>27.294573680455656</v>
      </c>
      <c r="H8376" cm="1">
        <f t="array" ref="H8376">IFERROR(INDEX(Jesper!AL$2:AL$366,ROUNDDOWN($C8376/24,0)+1,1)*INDEX($D$3:$AA$30,INDEX(Jesper!$R$2:$R$366,ROW(INDEX(Jesper!AL$2:AL$366,ROUNDDOWN($C8376/24,0)+1,1))-1)+IF('Standard Profiles'!$G$22=$B$10,7,0)+IF('Standard Profiles'!$G$22=$B$17,14,0)+IF('Standard Profiles'!$G$22=$B$24,21,0),MOD($C8376,24)+1)/SUM(INDEX($D$3:$AA$30,INDEX(Jesper!$R$2:$R$366,ROW(INDEX(Jesper!AL$2:AL$366,ROUNDDOWN($C8376/24,0)+1,1))-1)+IF('Standard Profiles'!$G$22=$B$10,7,0)+IF('Standard Profiles'!$G$22=$B$17,14,0)+IF('Standard Profiles'!$G$22=$B$24,21,0),0)),0)</f>
        <v>0</v>
      </c>
      <c r="I8376">
        <f t="shared" si="930"/>
        <v>13.101395366618709</v>
      </c>
      <c r="J8376">
        <f t="shared" si="931"/>
        <v>82.673635952361664</v>
      </c>
      <c r="K8376">
        <f t="shared" si="932"/>
        <v>3.8515825893227551</v>
      </c>
      <c r="L8376">
        <f t="shared" si="933"/>
        <v>1.9257912946613776</v>
      </c>
      <c r="M8376">
        <f t="shared" si="934"/>
        <v>0</v>
      </c>
      <c r="N8376" s="45">
        <f t="shared" si="935"/>
        <v>45274.583333313101</v>
      </c>
    </row>
    <row r="8377" spans="2:14" x14ac:dyDescent="0.25">
      <c r="B8377">
        <f t="shared" si="929"/>
        <v>4</v>
      </c>
      <c r="C8377" s="16">
        <v>8343</v>
      </c>
      <c r="D8377" cm="1">
        <f t="array" ref="D8377">IFERROR(INDEX(Jesper!AH$2:AH$366,ROUNDDOWN($C8377/24,0)+1,1)*INDEX($D$3:$AA$30,INDEX(Jesper!$R$2:$R$366,ROW(INDEX(Jesper!AH$2:AH$366,ROUNDDOWN($C8377/24,0)+1,1))-1)+IF('Standard Profiles'!$G$18=$B$10,7,0)+IF('Standard Profiles'!$G$18=$B$17,14,0)+IF('Standard Profiles'!$G$18=$B$24,21,0),MOD($C8377,24)+1)/SUM(INDEX($D$3:$AA$30,INDEX(Jesper!$R$2:$R$366,ROW(INDEX(Jesper!AH$2:AH$366,ROUNDDOWN($C8377/24,0)+1,1))-1)+IF('Standard Profiles'!$G$18=$B$10,7,0)+IF('Standard Profiles'!$G$18=$B$17,14,0)+IF('Standard Profiles'!$G$18=$B$24,21,0),0)),0)</f>
        <v>36.108586774900829</v>
      </c>
      <c r="E8377" cm="1">
        <f t="array" ref="E8377">IFERROR(INDEX(Jesper!AI$2:AI$366,ROUNDDOWN($C8377/24,0)+1,1)*INDEX($D$3:$AA$30,INDEX(Jesper!$R$2:$R$366,ROW(INDEX(Jesper!AI$2:AI$366,ROUNDDOWN($C8377/24,0)+1,1))-1)+IF('Standard Profiles'!$G$19=$B$10,7,0)+IF('Standard Profiles'!$G$19=$B$17,14,0)+IF('Standard Profiles'!$G$19=$B$24,21,0),MOD($C8377,24)+1)/SUM(INDEX($D$3:$AA$30,INDEX(Jesper!$R$2:$R$366,ROW(INDEX(Jesper!AI$2:AI$366,ROUNDDOWN($C8377/24,0)+1,1))-1)+IF('Standard Profiles'!$G$19=$B$10,7,0)+IF('Standard Profiles'!$G$19=$B$17,14,0)+IF('Standard Profiles'!$G$19=$B$24,21,0),0)),0)</f>
        <v>38.149244747608023</v>
      </c>
      <c r="F8377" cm="1">
        <f t="array" ref="F8377">IFERROR(INDEX(Jesper!AJ$2:AJ$366,ROUNDDOWN($C8377/24,0)+1,1)*INDEX($D$3:$AA$30,INDEX(Jesper!$R$2:$R$366,ROW(INDEX(Jesper!AJ$2:AJ$366,ROUNDDOWN($C8377/24,0)+1,1))-1)+IF('Standard Profiles'!$G$20=$B$10,7,0)+IF('Standard Profiles'!$G$20=$B$17,14,0)+IF('Standard Profiles'!$G$20=$B$24,21,0),MOD($C8377,24)+1)/SUM(INDEX($D$3:$AA$30,INDEX(Jesper!$R$2:$R$366,ROW(INDEX(Jesper!AJ$2:AJ$366,ROUNDDOWN($C8377/24,0)+1,1))-1)+IF('Standard Profiles'!$G$20=$B$10,7,0)+IF('Standard Profiles'!$G$20=$B$17,14,0)+IF('Standard Profiles'!$G$20=$B$24,21,0),0)),0)</f>
        <v>0</v>
      </c>
      <c r="G8377" cm="1">
        <f t="array" ref="G8377">IFERROR(INDEX(Jesper!AK$2:AK$366,ROUNDDOWN($C8377/24,0)+1,1)*INDEX($D$3:$AA$30,INDEX(Jesper!$R$2:$R$366,ROW(INDEX(Jesper!AK$2:AK$366,ROUNDDOWN($C8377/24,0)+1,1))-1)+IF('Standard Profiles'!$G$21=$B$10,7,0)+IF('Standard Profiles'!$G$21=$B$17,14,0)+IF('Standard Profiles'!$G$21=$B$24,21,0),MOD($C8377,24)+1)/SUM(INDEX($D$3:$AA$30,INDEX(Jesper!$R$2:$R$366,ROW(INDEX(Jesper!AK$2:AK$366,ROUNDDOWN($C8377/24,0)+1,1))-1)+IF('Standard Profiles'!$G$21=$B$10,7,0)+IF('Standard Profiles'!$G$21=$B$17,14,0)+IF('Standard Profiles'!$G$21=$B$24,21,0),0)),0)</f>
        <v>27.294573680455656</v>
      </c>
      <c r="H8377" cm="1">
        <f t="array" ref="H8377">IFERROR(INDEX(Jesper!AL$2:AL$366,ROUNDDOWN($C8377/24,0)+1,1)*INDEX($D$3:$AA$30,INDEX(Jesper!$R$2:$R$366,ROW(INDEX(Jesper!AL$2:AL$366,ROUNDDOWN($C8377/24,0)+1,1))-1)+IF('Standard Profiles'!$G$22=$B$10,7,0)+IF('Standard Profiles'!$G$22=$B$17,14,0)+IF('Standard Profiles'!$G$22=$B$24,21,0),MOD($C8377,24)+1)/SUM(INDEX($D$3:$AA$30,INDEX(Jesper!$R$2:$R$366,ROW(INDEX(Jesper!AL$2:AL$366,ROUNDDOWN($C8377/24,0)+1,1))-1)+IF('Standard Profiles'!$G$22=$B$10,7,0)+IF('Standard Profiles'!$G$22=$B$17,14,0)+IF('Standard Profiles'!$G$22=$B$24,21,0),0)),0)</f>
        <v>0</v>
      </c>
      <c r="I8377">
        <f t="shared" si="930"/>
        <v>13.101395366618709</v>
      </c>
      <c r="J8377">
        <f t="shared" si="931"/>
        <v>82.673635952361664</v>
      </c>
      <c r="K8377">
        <f t="shared" si="932"/>
        <v>3.8515825893227551</v>
      </c>
      <c r="L8377">
        <f t="shared" si="933"/>
        <v>1.9257912946613776</v>
      </c>
      <c r="M8377">
        <f t="shared" si="934"/>
        <v>0</v>
      </c>
      <c r="N8377" s="45">
        <f t="shared" si="935"/>
        <v>45274.624999979766</v>
      </c>
    </row>
    <row r="8378" spans="2:14" x14ac:dyDescent="0.25">
      <c r="B8378">
        <f t="shared" si="929"/>
        <v>4</v>
      </c>
      <c r="C8378" s="16">
        <v>8344</v>
      </c>
      <c r="D8378" cm="1">
        <f t="array" ref="D8378">IFERROR(INDEX(Jesper!AH$2:AH$366,ROUNDDOWN($C8378/24,0)+1,1)*INDEX($D$3:$AA$30,INDEX(Jesper!$R$2:$R$366,ROW(INDEX(Jesper!AH$2:AH$366,ROUNDDOWN($C8378/24,0)+1,1))-1)+IF('Standard Profiles'!$G$18=$B$10,7,0)+IF('Standard Profiles'!$G$18=$B$17,14,0)+IF('Standard Profiles'!$G$18=$B$24,21,0),MOD($C8378,24)+1)/SUM(INDEX($D$3:$AA$30,INDEX(Jesper!$R$2:$R$366,ROW(INDEX(Jesper!AH$2:AH$366,ROUNDDOWN($C8378/24,0)+1,1))-1)+IF('Standard Profiles'!$G$18=$B$10,7,0)+IF('Standard Profiles'!$G$18=$B$17,14,0)+IF('Standard Profiles'!$G$18=$B$24,21,0),0)),0)</f>
        <v>21.278274349495135</v>
      </c>
      <c r="E8378" cm="1">
        <f t="array" ref="E8378">IFERROR(INDEX(Jesper!AI$2:AI$366,ROUNDDOWN($C8378/24,0)+1,1)*INDEX($D$3:$AA$30,INDEX(Jesper!$R$2:$R$366,ROW(INDEX(Jesper!AI$2:AI$366,ROUNDDOWN($C8378/24,0)+1,1))-1)+IF('Standard Profiles'!$G$19=$B$10,7,0)+IF('Standard Profiles'!$G$19=$B$17,14,0)+IF('Standard Profiles'!$G$19=$B$24,21,0),MOD($C8378,24)+1)/SUM(INDEX($D$3:$AA$30,INDEX(Jesper!$R$2:$R$366,ROW(INDEX(Jesper!AI$2:AI$366,ROUNDDOWN($C8378/24,0)+1,1))-1)+IF('Standard Profiles'!$G$19=$B$10,7,0)+IF('Standard Profiles'!$G$19=$B$17,14,0)+IF('Standard Profiles'!$G$19=$B$24,21,0),0)),0)</f>
        <v>22.48080494055473</v>
      </c>
      <c r="F8378" cm="1">
        <f t="array" ref="F8378">IFERROR(INDEX(Jesper!AJ$2:AJ$366,ROUNDDOWN($C8378/24,0)+1,1)*INDEX($D$3:$AA$30,INDEX(Jesper!$R$2:$R$366,ROW(INDEX(Jesper!AJ$2:AJ$366,ROUNDDOWN($C8378/24,0)+1,1))-1)+IF('Standard Profiles'!$G$20=$B$10,7,0)+IF('Standard Profiles'!$G$20=$B$17,14,0)+IF('Standard Profiles'!$G$20=$B$24,21,0),MOD($C8378,24)+1)/SUM(INDEX($D$3:$AA$30,INDEX(Jesper!$R$2:$R$366,ROW(INDEX(Jesper!AJ$2:AJ$366,ROUNDDOWN($C8378/24,0)+1,1))-1)+IF('Standard Profiles'!$G$20=$B$10,7,0)+IF('Standard Profiles'!$G$20=$B$17,14,0)+IF('Standard Profiles'!$G$20=$B$24,21,0),0)),0)</f>
        <v>0</v>
      </c>
      <c r="G8378" cm="1">
        <f t="array" ref="G8378">IFERROR(INDEX(Jesper!AK$2:AK$366,ROUNDDOWN($C8378/24,0)+1,1)*INDEX($D$3:$AA$30,INDEX(Jesper!$R$2:$R$366,ROW(INDEX(Jesper!AK$2:AK$366,ROUNDDOWN($C8378/24,0)+1,1))-1)+IF('Standard Profiles'!$G$21=$B$10,7,0)+IF('Standard Profiles'!$G$21=$B$17,14,0)+IF('Standard Profiles'!$G$21=$B$24,21,0),MOD($C8378,24)+1)/SUM(INDEX($D$3:$AA$30,INDEX(Jesper!$R$2:$R$366,ROW(INDEX(Jesper!AK$2:AK$366,ROUNDDOWN($C8378/24,0)+1,1))-1)+IF('Standard Profiles'!$G$21=$B$10,7,0)+IF('Standard Profiles'!$G$21=$B$17,14,0)+IF('Standard Profiles'!$G$21=$B$24,21,0),0)),0)</f>
        <v>22.807103746538377</v>
      </c>
      <c r="H8378" cm="1">
        <f t="array" ref="H8378">IFERROR(INDEX(Jesper!AL$2:AL$366,ROUNDDOWN($C8378/24,0)+1,1)*INDEX($D$3:$AA$30,INDEX(Jesper!$R$2:$R$366,ROW(INDEX(Jesper!AL$2:AL$366,ROUNDDOWN($C8378/24,0)+1,1))-1)+IF('Standard Profiles'!$G$22=$B$10,7,0)+IF('Standard Profiles'!$G$22=$B$17,14,0)+IF('Standard Profiles'!$G$22=$B$24,21,0),MOD($C8378,24)+1)/SUM(INDEX($D$3:$AA$30,INDEX(Jesper!$R$2:$R$366,ROW(INDEX(Jesper!AL$2:AL$366,ROUNDDOWN($C8378/24,0)+1,1))-1)+IF('Standard Profiles'!$G$22=$B$10,7,0)+IF('Standard Profiles'!$G$22=$B$17,14,0)+IF('Standard Profiles'!$G$22=$B$24,21,0),0)),0)</f>
        <v>0</v>
      </c>
      <c r="I8378">
        <f t="shared" si="930"/>
        <v>10.947409798338416</v>
      </c>
      <c r="J8378">
        <f t="shared" si="931"/>
        <v>52.214249342330604</v>
      </c>
      <c r="K8378">
        <f t="shared" si="932"/>
        <v>2.2696825972794814</v>
      </c>
      <c r="L8378">
        <f t="shared" si="933"/>
        <v>1.1348412986397407</v>
      </c>
      <c r="M8378">
        <f t="shared" si="934"/>
        <v>0</v>
      </c>
      <c r="N8378" s="45">
        <f t="shared" si="935"/>
        <v>45274.66666664643</v>
      </c>
    </row>
    <row r="8379" spans="2:14" x14ac:dyDescent="0.25">
      <c r="B8379">
        <f t="shared" si="929"/>
        <v>4</v>
      </c>
      <c r="C8379" s="16">
        <v>8345</v>
      </c>
      <c r="D8379" cm="1">
        <f t="array" ref="D8379">IFERROR(INDEX(Jesper!AH$2:AH$366,ROUNDDOWN($C8379/24,0)+1,1)*INDEX($D$3:$AA$30,INDEX(Jesper!$R$2:$R$366,ROW(INDEX(Jesper!AH$2:AH$366,ROUNDDOWN($C8379/24,0)+1,1))-1)+IF('Standard Profiles'!$G$18=$B$10,7,0)+IF('Standard Profiles'!$G$18=$B$17,14,0)+IF('Standard Profiles'!$G$18=$B$24,21,0),MOD($C8379,24)+1)/SUM(INDEX($D$3:$AA$30,INDEX(Jesper!$R$2:$R$366,ROW(INDEX(Jesper!AH$2:AH$366,ROUNDDOWN($C8379/24,0)+1,1))-1)+IF('Standard Profiles'!$G$18=$B$10,7,0)+IF('Standard Profiles'!$G$18=$B$17,14,0)+IF('Standard Profiles'!$G$18=$B$24,21,0),0)),0)</f>
        <v>9.0816365128020209</v>
      </c>
      <c r="E8379" cm="1">
        <f t="array" ref="E8379">IFERROR(INDEX(Jesper!AI$2:AI$366,ROUNDDOWN($C8379/24,0)+1,1)*INDEX($D$3:$AA$30,INDEX(Jesper!$R$2:$R$366,ROW(INDEX(Jesper!AI$2:AI$366,ROUNDDOWN($C8379/24,0)+1,1))-1)+IF('Standard Profiles'!$G$19=$B$10,7,0)+IF('Standard Profiles'!$G$19=$B$17,14,0)+IF('Standard Profiles'!$G$19=$B$24,21,0),MOD($C8379,24)+1)/SUM(INDEX($D$3:$AA$30,INDEX(Jesper!$R$2:$R$366,ROW(INDEX(Jesper!AI$2:AI$366,ROUNDDOWN($C8379/24,0)+1,1))-1)+IF('Standard Profiles'!$G$19=$B$10,7,0)+IF('Standard Profiles'!$G$19=$B$17,14,0)+IF('Standard Profiles'!$G$19=$B$24,21,0),0)),0)</f>
        <v>9.5948804697203283</v>
      </c>
      <c r="F8379" cm="1">
        <f t="array" ref="F8379">IFERROR(INDEX(Jesper!AJ$2:AJ$366,ROUNDDOWN($C8379/24,0)+1,1)*INDEX($D$3:$AA$30,INDEX(Jesper!$R$2:$R$366,ROW(INDEX(Jesper!AJ$2:AJ$366,ROUNDDOWN($C8379/24,0)+1,1))-1)+IF('Standard Profiles'!$G$20=$B$10,7,0)+IF('Standard Profiles'!$G$20=$B$17,14,0)+IF('Standard Profiles'!$G$20=$B$24,21,0),MOD($C8379,24)+1)/SUM(INDEX($D$3:$AA$30,INDEX(Jesper!$R$2:$R$366,ROW(INDEX(Jesper!AJ$2:AJ$366,ROUNDDOWN($C8379/24,0)+1,1))-1)+IF('Standard Profiles'!$G$20=$B$10,7,0)+IF('Standard Profiles'!$G$20=$B$17,14,0)+IF('Standard Profiles'!$G$20=$B$24,21,0),0)),0)</f>
        <v>0</v>
      </c>
      <c r="G8379" cm="1">
        <f t="array" ref="G8379">IFERROR(INDEX(Jesper!AK$2:AK$366,ROUNDDOWN($C8379/24,0)+1,1)*INDEX($D$3:$AA$30,INDEX(Jesper!$R$2:$R$366,ROW(INDEX(Jesper!AK$2:AK$366,ROUNDDOWN($C8379/24,0)+1,1))-1)+IF('Standard Profiles'!$G$21=$B$10,7,0)+IF('Standard Profiles'!$G$21=$B$17,14,0)+IF('Standard Profiles'!$G$21=$B$24,21,0),MOD($C8379,24)+1)/SUM(INDEX($D$3:$AA$30,INDEX(Jesper!$R$2:$R$366,ROW(INDEX(Jesper!AK$2:AK$366,ROUNDDOWN($C8379/24,0)+1,1))-1)+IF('Standard Profiles'!$G$21=$B$10,7,0)+IF('Standard Profiles'!$G$21=$B$17,14,0)+IF('Standard Profiles'!$G$21=$B$24,21,0),0)),0)</f>
        <v>18.134756774145107</v>
      </c>
      <c r="H8379" cm="1">
        <f t="array" ref="H8379">IFERROR(INDEX(Jesper!AL$2:AL$366,ROUNDDOWN($C8379/24,0)+1,1)*INDEX($D$3:$AA$30,INDEX(Jesper!$R$2:$R$366,ROW(INDEX(Jesper!AL$2:AL$366,ROUNDDOWN($C8379/24,0)+1,1))-1)+IF('Standard Profiles'!$G$22=$B$10,7,0)+IF('Standard Profiles'!$G$22=$B$17,14,0)+IF('Standard Profiles'!$G$22=$B$24,21,0),MOD($C8379,24)+1)/SUM(INDEX($D$3:$AA$30,INDEX(Jesper!$R$2:$R$366,ROW(INDEX(Jesper!AL$2:AL$366,ROUNDDOWN($C8379/24,0)+1,1))-1)+IF('Standard Profiles'!$G$22=$B$10,7,0)+IF('Standard Profiles'!$G$22=$B$17,14,0)+IF('Standard Profiles'!$G$22=$B$24,21,0),0)),0)</f>
        <v>0</v>
      </c>
      <c r="I8379">
        <f t="shared" si="930"/>
        <v>8.7046832515896462</v>
      </c>
      <c r="J8379">
        <f t="shared" si="931"/>
        <v>26.653528663029487</v>
      </c>
      <c r="K8379">
        <f t="shared" si="932"/>
        <v>0.9687078946988823</v>
      </c>
      <c r="L8379">
        <f t="shared" si="933"/>
        <v>0.48435394734944115</v>
      </c>
      <c r="M8379">
        <f t="shared" si="934"/>
        <v>0</v>
      </c>
      <c r="N8379" s="45">
        <f t="shared" si="935"/>
        <v>45274.708333313094</v>
      </c>
    </row>
    <row r="8380" spans="2:14" x14ac:dyDescent="0.25">
      <c r="B8380">
        <f t="shared" si="929"/>
        <v>4</v>
      </c>
      <c r="C8380" s="16">
        <v>8346</v>
      </c>
      <c r="D8380" cm="1">
        <f t="array" ref="D8380">IFERROR(INDEX(Jesper!AH$2:AH$366,ROUNDDOWN($C8380/24,0)+1,1)*INDEX($D$3:$AA$30,INDEX(Jesper!$R$2:$R$366,ROW(INDEX(Jesper!AH$2:AH$366,ROUNDDOWN($C8380/24,0)+1,1))-1)+IF('Standard Profiles'!$G$18=$B$10,7,0)+IF('Standard Profiles'!$G$18=$B$17,14,0)+IF('Standard Profiles'!$G$18=$B$24,21,0),MOD($C8380,24)+1)/SUM(INDEX($D$3:$AA$30,INDEX(Jesper!$R$2:$R$366,ROW(INDEX(Jesper!AH$2:AH$366,ROUNDDOWN($C8380/24,0)+1,1))-1)+IF('Standard Profiles'!$G$18=$B$10,7,0)+IF('Standard Profiles'!$G$18=$B$17,14,0)+IF('Standard Profiles'!$G$18=$B$24,21,0),0)),0)</f>
        <v>5.9938800984493339</v>
      </c>
      <c r="E8380" cm="1">
        <f t="array" ref="E8380">IFERROR(INDEX(Jesper!AI$2:AI$366,ROUNDDOWN($C8380/24,0)+1,1)*INDEX($D$3:$AA$30,INDEX(Jesper!$R$2:$R$366,ROW(INDEX(Jesper!AI$2:AI$366,ROUNDDOWN($C8380/24,0)+1,1))-1)+IF('Standard Profiles'!$G$19=$B$10,7,0)+IF('Standard Profiles'!$G$19=$B$17,14,0)+IF('Standard Profiles'!$G$19=$B$24,21,0),MOD($C8380,24)+1)/SUM(INDEX($D$3:$AA$30,INDEX(Jesper!$R$2:$R$366,ROW(INDEX(Jesper!AI$2:AI$366,ROUNDDOWN($C8380/24,0)+1,1))-1)+IF('Standard Profiles'!$G$19=$B$10,7,0)+IF('Standard Profiles'!$G$19=$B$17,14,0)+IF('Standard Profiles'!$G$19=$B$24,21,0),0)),0)</f>
        <v>6.3326211100154168</v>
      </c>
      <c r="F8380" cm="1">
        <f t="array" ref="F8380">IFERROR(INDEX(Jesper!AJ$2:AJ$366,ROUNDDOWN($C8380/24,0)+1,1)*INDEX($D$3:$AA$30,INDEX(Jesper!$R$2:$R$366,ROW(INDEX(Jesper!AJ$2:AJ$366,ROUNDDOWN($C8380/24,0)+1,1))-1)+IF('Standard Profiles'!$G$20=$B$10,7,0)+IF('Standard Profiles'!$G$20=$B$17,14,0)+IF('Standard Profiles'!$G$20=$B$24,21,0),MOD($C8380,24)+1)/SUM(INDEX($D$3:$AA$30,INDEX(Jesper!$R$2:$R$366,ROW(INDEX(Jesper!AJ$2:AJ$366,ROUNDDOWN($C8380/24,0)+1,1))-1)+IF('Standard Profiles'!$G$20=$B$10,7,0)+IF('Standard Profiles'!$G$20=$B$17,14,0)+IF('Standard Profiles'!$G$20=$B$24,21,0),0)),0)</f>
        <v>0</v>
      </c>
      <c r="G8380" cm="1">
        <f t="array" ref="G8380">IFERROR(INDEX(Jesper!AK$2:AK$366,ROUNDDOWN($C8380/24,0)+1,1)*INDEX($D$3:$AA$30,INDEX(Jesper!$R$2:$R$366,ROW(INDEX(Jesper!AK$2:AK$366,ROUNDDOWN($C8380/24,0)+1,1))-1)+IF('Standard Profiles'!$G$21=$B$10,7,0)+IF('Standard Profiles'!$G$21=$B$17,14,0)+IF('Standard Profiles'!$G$21=$B$24,21,0),MOD($C8380,24)+1)/SUM(INDEX($D$3:$AA$30,INDEX(Jesper!$R$2:$R$366,ROW(INDEX(Jesper!AK$2:AK$366,ROUNDDOWN($C8380/24,0)+1,1))-1)+IF('Standard Profiles'!$G$21=$B$10,7,0)+IF('Standard Profiles'!$G$21=$B$17,14,0)+IF('Standard Profiles'!$G$21=$B$24,21,0),0)),0)</f>
        <v>6.7228013991270092</v>
      </c>
      <c r="H8380" cm="1">
        <f t="array" ref="H8380">IFERROR(INDEX(Jesper!AL$2:AL$366,ROUNDDOWN($C8380/24,0)+1,1)*INDEX($D$3:$AA$30,INDEX(Jesper!$R$2:$R$366,ROW(INDEX(Jesper!AL$2:AL$366,ROUNDDOWN($C8380/24,0)+1,1))-1)+IF('Standard Profiles'!$G$22=$B$10,7,0)+IF('Standard Profiles'!$G$22=$B$17,14,0)+IF('Standard Profiles'!$G$22=$B$24,21,0),MOD($C8380,24)+1)/SUM(INDEX($D$3:$AA$30,INDEX(Jesper!$R$2:$R$366,ROW(INDEX(Jesper!AL$2:AL$366,ROUNDDOWN($C8380/24,0)+1,1))-1)+IF('Standard Profiles'!$G$22=$B$10,7,0)+IF('Standard Profiles'!$G$22=$B$17,14,0)+IF('Standard Profiles'!$G$22=$B$24,21,0),0)),0)</f>
        <v>0</v>
      </c>
      <c r="I8380">
        <f t="shared" si="930"/>
        <v>3.2269446715809629</v>
      </c>
      <c r="J8380">
        <f t="shared" si="931"/>
        <v>14.863337120258903</v>
      </c>
      <c r="K8380">
        <f t="shared" si="932"/>
        <v>0.63934721050126231</v>
      </c>
      <c r="L8380">
        <f t="shared" si="933"/>
        <v>0.31967360525063115</v>
      </c>
      <c r="M8380">
        <f t="shared" si="934"/>
        <v>0</v>
      </c>
      <c r="N8380" s="45">
        <f t="shared" si="935"/>
        <v>45274.749999979758</v>
      </c>
    </row>
    <row r="8381" spans="2:14" x14ac:dyDescent="0.25">
      <c r="B8381">
        <f t="shared" si="929"/>
        <v>4</v>
      </c>
      <c r="C8381" s="16">
        <v>8347</v>
      </c>
      <c r="D8381" cm="1">
        <f t="array" ref="D8381">IFERROR(INDEX(Jesper!AH$2:AH$366,ROUNDDOWN($C8381/24,0)+1,1)*INDEX($D$3:$AA$30,INDEX(Jesper!$R$2:$R$366,ROW(INDEX(Jesper!AH$2:AH$366,ROUNDDOWN($C8381/24,0)+1,1))-1)+IF('Standard Profiles'!$G$18=$B$10,7,0)+IF('Standard Profiles'!$G$18=$B$17,14,0)+IF('Standard Profiles'!$G$18=$B$24,21,0),MOD($C8381,24)+1)/SUM(INDEX($D$3:$AA$30,INDEX(Jesper!$R$2:$R$366,ROW(INDEX(Jesper!AH$2:AH$366,ROUNDDOWN($C8381/24,0)+1,1))-1)+IF('Standard Profiles'!$G$18=$B$10,7,0)+IF('Standard Profiles'!$G$18=$B$17,14,0)+IF('Standard Profiles'!$G$18=$B$24,21,0),0)),0)</f>
        <v>5.9938800984493339</v>
      </c>
      <c r="E8381" cm="1">
        <f t="array" ref="E8381">IFERROR(INDEX(Jesper!AI$2:AI$366,ROUNDDOWN($C8381/24,0)+1,1)*INDEX($D$3:$AA$30,INDEX(Jesper!$R$2:$R$366,ROW(INDEX(Jesper!AI$2:AI$366,ROUNDDOWN($C8381/24,0)+1,1))-1)+IF('Standard Profiles'!$G$19=$B$10,7,0)+IF('Standard Profiles'!$G$19=$B$17,14,0)+IF('Standard Profiles'!$G$19=$B$24,21,0),MOD($C8381,24)+1)/SUM(INDEX($D$3:$AA$30,INDEX(Jesper!$R$2:$R$366,ROW(INDEX(Jesper!AI$2:AI$366,ROUNDDOWN($C8381/24,0)+1,1))-1)+IF('Standard Profiles'!$G$19=$B$10,7,0)+IF('Standard Profiles'!$G$19=$B$17,14,0)+IF('Standard Profiles'!$G$19=$B$24,21,0),0)),0)</f>
        <v>6.3326211100154168</v>
      </c>
      <c r="F8381" cm="1">
        <f t="array" ref="F8381">IFERROR(INDEX(Jesper!AJ$2:AJ$366,ROUNDDOWN($C8381/24,0)+1,1)*INDEX($D$3:$AA$30,INDEX(Jesper!$R$2:$R$366,ROW(INDEX(Jesper!AJ$2:AJ$366,ROUNDDOWN($C8381/24,0)+1,1))-1)+IF('Standard Profiles'!$G$20=$B$10,7,0)+IF('Standard Profiles'!$G$20=$B$17,14,0)+IF('Standard Profiles'!$G$20=$B$24,21,0),MOD($C8381,24)+1)/SUM(INDEX($D$3:$AA$30,INDEX(Jesper!$R$2:$R$366,ROW(INDEX(Jesper!AJ$2:AJ$366,ROUNDDOWN($C8381/24,0)+1,1))-1)+IF('Standard Profiles'!$G$20=$B$10,7,0)+IF('Standard Profiles'!$G$20=$B$17,14,0)+IF('Standard Profiles'!$G$20=$B$24,21,0),0)),0)</f>
        <v>0</v>
      </c>
      <c r="G8381" cm="1">
        <f t="array" ref="G8381">IFERROR(INDEX(Jesper!AK$2:AK$366,ROUNDDOWN($C8381/24,0)+1,1)*INDEX($D$3:$AA$30,INDEX(Jesper!$R$2:$R$366,ROW(INDEX(Jesper!AK$2:AK$366,ROUNDDOWN($C8381/24,0)+1,1))-1)+IF('Standard Profiles'!$G$21=$B$10,7,0)+IF('Standard Profiles'!$G$21=$B$17,14,0)+IF('Standard Profiles'!$G$21=$B$24,21,0),MOD($C8381,24)+1)/SUM(INDEX($D$3:$AA$30,INDEX(Jesper!$R$2:$R$366,ROW(INDEX(Jesper!AK$2:AK$366,ROUNDDOWN($C8381/24,0)+1,1))-1)+IF('Standard Profiles'!$G$21=$B$10,7,0)+IF('Standard Profiles'!$G$21=$B$17,14,0)+IF('Standard Profiles'!$G$21=$B$24,21,0),0)),0)</f>
        <v>6.7228013991270092</v>
      </c>
      <c r="H8381" cm="1">
        <f t="array" ref="H8381">IFERROR(INDEX(Jesper!AL$2:AL$366,ROUNDDOWN($C8381/24,0)+1,1)*INDEX($D$3:$AA$30,INDEX(Jesper!$R$2:$R$366,ROW(INDEX(Jesper!AL$2:AL$366,ROUNDDOWN($C8381/24,0)+1,1))-1)+IF('Standard Profiles'!$G$22=$B$10,7,0)+IF('Standard Profiles'!$G$22=$B$17,14,0)+IF('Standard Profiles'!$G$22=$B$24,21,0),MOD($C8381,24)+1)/SUM(INDEX($D$3:$AA$30,INDEX(Jesper!$R$2:$R$366,ROW(INDEX(Jesper!AL$2:AL$366,ROUNDDOWN($C8381/24,0)+1,1))-1)+IF('Standard Profiles'!$G$22=$B$10,7,0)+IF('Standard Profiles'!$G$22=$B$17,14,0)+IF('Standard Profiles'!$G$22=$B$24,21,0),0)),0)</f>
        <v>0</v>
      </c>
      <c r="I8381">
        <f t="shared" si="930"/>
        <v>3.2269446715809629</v>
      </c>
      <c r="J8381">
        <f t="shared" si="931"/>
        <v>14.863337120258903</v>
      </c>
      <c r="K8381">
        <f t="shared" si="932"/>
        <v>0.63934721050126231</v>
      </c>
      <c r="L8381">
        <f t="shared" si="933"/>
        <v>0.31967360525063115</v>
      </c>
      <c r="M8381">
        <f t="shared" si="934"/>
        <v>0</v>
      </c>
      <c r="N8381" s="45">
        <f t="shared" si="935"/>
        <v>45274.791666646423</v>
      </c>
    </row>
    <row r="8382" spans="2:14" x14ac:dyDescent="0.25">
      <c r="B8382">
        <f t="shared" si="929"/>
        <v>4</v>
      </c>
      <c r="C8382" s="16">
        <v>8348</v>
      </c>
      <c r="D8382" cm="1">
        <f t="array" ref="D8382">IFERROR(INDEX(Jesper!AH$2:AH$366,ROUNDDOWN($C8382/24,0)+1,1)*INDEX($D$3:$AA$30,INDEX(Jesper!$R$2:$R$366,ROW(INDEX(Jesper!AH$2:AH$366,ROUNDDOWN($C8382/24,0)+1,1))-1)+IF('Standard Profiles'!$G$18=$B$10,7,0)+IF('Standard Profiles'!$G$18=$B$17,14,0)+IF('Standard Profiles'!$G$18=$B$24,21,0),MOD($C8382,24)+1)/SUM(INDEX($D$3:$AA$30,INDEX(Jesper!$R$2:$R$366,ROW(INDEX(Jesper!AH$2:AH$366,ROUNDDOWN($C8382/24,0)+1,1))-1)+IF('Standard Profiles'!$G$18=$B$10,7,0)+IF('Standard Profiles'!$G$18=$B$17,14,0)+IF('Standard Profiles'!$G$18=$B$24,21,0),0)),0)</f>
        <v>5.9938800984493339</v>
      </c>
      <c r="E8382" cm="1">
        <f t="array" ref="E8382">IFERROR(INDEX(Jesper!AI$2:AI$366,ROUNDDOWN($C8382/24,0)+1,1)*INDEX($D$3:$AA$30,INDEX(Jesper!$R$2:$R$366,ROW(INDEX(Jesper!AI$2:AI$366,ROUNDDOWN($C8382/24,0)+1,1))-1)+IF('Standard Profiles'!$G$19=$B$10,7,0)+IF('Standard Profiles'!$G$19=$B$17,14,0)+IF('Standard Profiles'!$G$19=$B$24,21,0),MOD($C8382,24)+1)/SUM(INDEX($D$3:$AA$30,INDEX(Jesper!$R$2:$R$366,ROW(INDEX(Jesper!AI$2:AI$366,ROUNDDOWN($C8382/24,0)+1,1))-1)+IF('Standard Profiles'!$G$19=$B$10,7,0)+IF('Standard Profiles'!$G$19=$B$17,14,0)+IF('Standard Profiles'!$G$19=$B$24,21,0),0)),0)</f>
        <v>6.3326211100154168</v>
      </c>
      <c r="F8382" cm="1">
        <f t="array" ref="F8382">IFERROR(INDEX(Jesper!AJ$2:AJ$366,ROUNDDOWN($C8382/24,0)+1,1)*INDEX($D$3:$AA$30,INDEX(Jesper!$R$2:$R$366,ROW(INDEX(Jesper!AJ$2:AJ$366,ROUNDDOWN($C8382/24,0)+1,1))-1)+IF('Standard Profiles'!$G$20=$B$10,7,0)+IF('Standard Profiles'!$G$20=$B$17,14,0)+IF('Standard Profiles'!$G$20=$B$24,21,0),MOD($C8382,24)+1)/SUM(INDEX($D$3:$AA$30,INDEX(Jesper!$R$2:$R$366,ROW(INDEX(Jesper!AJ$2:AJ$366,ROUNDDOWN($C8382/24,0)+1,1))-1)+IF('Standard Profiles'!$G$20=$B$10,7,0)+IF('Standard Profiles'!$G$20=$B$17,14,0)+IF('Standard Profiles'!$G$20=$B$24,21,0),0)),0)</f>
        <v>0</v>
      </c>
      <c r="G8382" cm="1">
        <f t="array" ref="G8382">IFERROR(INDEX(Jesper!AK$2:AK$366,ROUNDDOWN($C8382/24,0)+1,1)*INDEX($D$3:$AA$30,INDEX(Jesper!$R$2:$R$366,ROW(INDEX(Jesper!AK$2:AK$366,ROUNDDOWN($C8382/24,0)+1,1))-1)+IF('Standard Profiles'!$G$21=$B$10,7,0)+IF('Standard Profiles'!$G$21=$B$17,14,0)+IF('Standard Profiles'!$G$21=$B$24,21,0),MOD($C8382,24)+1)/SUM(INDEX($D$3:$AA$30,INDEX(Jesper!$R$2:$R$366,ROW(INDEX(Jesper!AK$2:AK$366,ROUNDDOWN($C8382/24,0)+1,1))-1)+IF('Standard Profiles'!$G$21=$B$10,7,0)+IF('Standard Profiles'!$G$21=$B$17,14,0)+IF('Standard Profiles'!$G$21=$B$24,21,0),0)),0)</f>
        <v>6.7228013991270092</v>
      </c>
      <c r="H8382" cm="1">
        <f t="array" ref="H8382">IFERROR(INDEX(Jesper!AL$2:AL$366,ROUNDDOWN($C8382/24,0)+1,1)*INDEX($D$3:$AA$30,INDEX(Jesper!$R$2:$R$366,ROW(INDEX(Jesper!AL$2:AL$366,ROUNDDOWN($C8382/24,0)+1,1))-1)+IF('Standard Profiles'!$G$22=$B$10,7,0)+IF('Standard Profiles'!$G$22=$B$17,14,0)+IF('Standard Profiles'!$G$22=$B$24,21,0),MOD($C8382,24)+1)/SUM(INDEX($D$3:$AA$30,INDEX(Jesper!$R$2:$R$366,ROW(INDEX(Jesper!AL$2:AL$366,ROUNDDOWN($C8382/24,0)+1,1))-1)+IF('Standard Profiles'!$G$22=$B$10,7,0)+IF('Standard Profiles'!$G$22=$B$17,14,0)+IF('Standard Profiles'!$G$22=$B$24,21,0),0)),0)</f>
        <v>0</v>
      </c>
      <c r="I8382">
        <f t="shared" si="930"/>
        <v>3.2269446715809629</v>
      </c>
      <c r="J8382">
        <f t="shared" si="931"/>
        <v>14.863337120258903</v>
      </c>
      <c r="K8382">
        <f t="shared" si="932"/>
        <v>0.63934721050126231</v>
      </c>
      <c r="L8382">
        <f t="shared" si="933"/>
        <v>0.31967360525063115</v>
      </c>
      <c r="M8382">
        <f t="shared" si="934"/>
        <v>0</v>
      </c>
      <c r="N8382" s="45">
        <f t="shared" si="935"/>
        <v>45274.833333313087</v>
      </c>
    </row>
    <row r="8383" spans="2:14" x14ac:dyDescent="0.25">
      <c r="B8383">
        <f t="shared" si="929"/>
        <v>4</v>
      </c>
      <c r="C8383" s="16">
        <v>8349</v>
      </c>
      <c r="D8383" cm="1">
        <f t="array" ref="D8383">IFERROR(INDEX(Jesper!AH$2:AH$366,ROUNDDOWN($C8383/24,0)+1,1)*INDEX($D$3:$AA$30,INDEX(Jesper!$R$2:$R$366,ROW(INDEX(Jesper!AH$2:AH$366,ROUNDDOWN($C8383/24,0)+1,1))-1)+IF('Standard Profiles'!$G$18=$B$10,7,0)+IF('Standard Profiles'!$G$18=$B$17,14,0)+IF('Standard Profiles'!$G$18=$B$24,21,0),MOD($C8383,24)+1)/SUM(INDEX($D$3:$AA$30,INDEX(Jesper!$R$2:$R$366,ROW(INDEX(Jesper!AH$2:AH$366,ROUNDDOWN($C8383/24,0)+1,1))-1)+IF('Standard Profiles'!$G$18=$B$10,7,0)+IF('Standard Profiles'!$G$18=$B$17,14,0)+IF('Standard Profiles'!$G$18=$B$24,21,0),0)),0)</f>
        <v>5.9938800984493339</v>
      </c>
      <c r="E8383" cm="1">
        <f t="array" ref="E8383">IFERROR(INDEX(Jesper!AI$2:AI$366,ROUNDDOWN($C8383/24,0)+1,1)*INDEX($D$3:$AA$30,INDEX(Jesper!$R$2:$R$366,ROW(INDEX(Jesper!AI$2:AI$366,ROUNDDOWN($C8383/24,0)+1,1))-1)+IF('Standard Profiles'!$G$19=$B$10,7,0)+IF('Standard Profiles'!$G$19=$B$17,14,0)+IF('Standard Profiles'!$G$19=$B$24,21,0),MOD($C8383,24)+1)/SUM(INDEX($D$3:$AA$30,INDEX(Jesper!$R$2:$R$366,ROW(INDEX(Jesper!AI$2:AI$366,ROUNDDOWN($C8383/24,0)+1,1))-1)+IF('Standard Profiles'!$G$19=$B$10,7,0)+IF('Standard Profiles'!$G$19=$B$17,14,0)+IF('Standard Profiles'!$G$19=$B$24,21,0),0)),0)</f>
        <v>6.3326211100154168</v>
      </c>
      <c r="F8383" cm="1">
        <f t="array" ref="F8383">IFERROR(INDEX(Jesper!AJ$2:AJ$366,ROUNDDOWN($C8383/24,0)+1,1)*INDEX($D$3:$AA$30,INDEX(Jesper!$R$2:$R$366,ROW(INDEX(Jesper!AJ$2:AJ$366,ROUNDDOWN($C8383/24,0)+1,1))-1)+IF('Standard Profiles'!$G$20=$B$10,7,0)+IF('Standard Profiles'!$G$20=$B$17,14,0)+IF('Standard Profiles'!$G$20=$B$24,21,0),MOD($C8383,24)+1)/SUM(INDEX($D$3:$AA$30,INDEX(Jesper!$R$2:$R$366,ROW(INDEX(Jesper!AJ$2:AJ$366,ROUNDDOWN($C8383/24,0)+1,1))-1)+IF('Standard Profiles'!$G$20=$B$10,7,0)+IF('Standard Profiles'!$G$20=$B$17,14,0)+IF('Standard Profiles'!$G$20=$B$24,21,0),0)),0)</f>
        <v>0</v>
      </c>
      <c r="G8383" cm="1">
        <f t="array" ref="G8383">IFERROR(INDEX(Jesper!AK$2:AK$366,ROUNDDOWN($C8383/24,0)+1,1)*INDEX($D$3:$AA$30,INDEX(Jesper!$R$2:$R$366,ROW(INDEX(Jesper!AK$2:AK$366,ROUNDDOWN($C8383/24,0)+1,1))-1)+IF('Standard Profiles'!$G$21=$B$10,7,0)+IF('Standard Profiles'!$G$21=$B$17,14,0)+IF('Standard Profiles'!$G$21=$B$24,21,0),MOD($C8383,24)+1)/SUM(INDEX($D$3:$AA$30,INDEX(Jesper!$R$2:$R$366,ROW(INDEX(Jesper!AK$2:AK$366,ROUNDDOWN($C8383/24,0)+1,1))-1)+IF('Standard Profiles'!$G$21=$B$10,7,0)+IF('Standard Profiles'!$G$21=$B$17,14,0)+IF('Standard Profiles'!$G$21=$B$24,21,0),0)),0)</f>
        <v>6.7228013991270092</v>
      </c>
      <c r="H8383" cm="1">
        <f t="array" ref="H8383">IFERROR(INDEX(Jesper!AL$2:AL$366,ROUNDDOWN($C8383/24,0)+1,1)*INDEX($D$3:$AA$30,INDEX(Jesper!$R$2:$R$366,ROW(INDEX(Jesper!AL$2:AL$366,ROUNDDOWN($C8383/24,0)+1,1))-1)+IF('Standard Profiles'!$G$22=$B$10,7,0)+IF('Standard Profiles'!$G$22=$B$17,14,0)+IF('Standard Profiles'!$G$22=$B$24,21,0),MOD($C8383,24)+1)/SUM(INDEX($D$3:$AA$30,INDEX(Jesper!$R$2:$R$366,ROW(INDEX(Jesper!AL$2:AL$366,ROUNDDOWN($C8383/24,0)+1,1))-1)+IF('Standard Profiles'!$G$22=$B$10,7,0)+IF('Standard Profiles'!$G$22=$B$17,14,0)+IF('Standard Profiles'!$G$22=$B$24,21,0),0)),0)</f>
        <v>0</v>
      </c>
      <c r="I8383">
        <f t="shared" si="930"/>
        <v>3.2269446715809629</v>
      </c>
      <c r="J8383">
        <f t="shared" si="931"/>
        <v>14.863337120258903</v>
      </c>
      <c r="K8383">
        <f t="shared" si="932"/>
        <v>0.63934721050126231</v>
      </c>
      <c r="L8383">
        <f t="shared" si="933"/>
        <v>0.31967360525063115</v>
      </c>
      <c r="M8383">
        <f t="shared" si="934"/>
        <v>0</v>
      </c>
      <c r="N8383" s="45">
        <f t="shared" si="935"/>
        <v>45274.874999979751</v>
      </c>
    </row>
    <row r="8384" spans="2:14" x14ac:dyDescent="0.25">
      <c r="B8384">
        <f t="shared" si="929"/>
        <v>4</v>
      </c>
      <c r="C8384" s="16">
        <v>8350</v>
      </c>
      <c r="D8384" cm="1">
        <f t="array" ref="D8384">IFERROR(INDEX(Jesper!AH$2:AH$366,ROUNDDOWN($C8384/24,0)+1,1)*INDEX($D$3:$AA$30,INDEX(Jesper!$R$2:$R$366,ROW(INDEX(Jesper!AH$2:AH$366,ROUNDDOWN($C8384/24,0)+1,1))-1)+IF('Standard Profiles'!$G$18=$B$10,7,0)+IF('Standard Profiles'!$G$18=$B$17,14,0)+IF('Standard Profiles'!$G$18=$B$24,21,0),MOD($C8384,24)+1)/SUM(INDEX($D$3:$AA$30,INDEX(Jesper!$R$2:$R$366,ROW(INDEX(Jesper!AH$2:AH$366,ROUNDDOWN($C8384/24,0)+1,1))-1)+IF('Standard Profiles'!$G$18=$B$10,7,0)+IF('Standard Profiles'!$G$18=$B$17,14,0)+IF('Standard Profiles'!$G$18=$B$24,21,0),0)),0)</f>
        <v>5.9938800984493339</v>
      </c>
      <c r="E8384" cm="1">
        <f t="array" ref="E8384">IFERROR(INDEX(Jesper!AI$2:AI$366,ROUNDDOWN($C8384/24,0)+1,1)*INDEX($D$3:$AA$30,INDEX(Jesper!$R$2:$R$366,ROW(INDEX(Jesper!AI$2:AI$366,ROUNDDOWN($C8384/24,0)+1,1))-1)+IF('Standard Profiles'!$G$19=$B$10,7,0)+IF('Standard Profiles'!$G$19=$B$17,14,0)+IF('Standard Profiles'!$G$19=$B$24,21,0),MOD($C8384,24)+1)/SUM(INDEX($D$3:$AA$30,INDEX(Jesper!$R$2:$R$366,ROW(INDEX(Jesper!AI$2:AI$366,ROUNDDOWN($C8384/24,0)+1,1))-1)+IF('Standard Profiles'!$G$19=$B$10,7,0)+IF('Standard Profiles'!$G$19=$B$17,14,0)+IF('Standard Profiles'!$G$19=$B$24,21,0),0)),0)</f>
        <v>6.3326211100154168</v>
      </c>
      <c r="F8384" cm="1">
        <f t="array" ref="F8384">IFERROR(INDEX(Jesper!AJ$2:AJ$366,ROUNDDOWN($C8384/24,0)+1,1)*INDEX($D$3:$AA$30,INDEX(Jesper!$R$2:$R$366,ROW(INDEX(Jesper!AJ$2:AJ$366,ROUNDDOWN($C8384/24,0)+1,1))-1)+IF('Standard Profiles'!$G$20=$B$10,7,0)+IF('Standard Profiles'!$G$20=$B$17,14,0)+IF('Standard Profiles'!$G$20=$B$24,21,0),MOD($C8384,24)+1)/SUM(INDEX($D$3:$AA$30,INDEX(Jesper!$R$2:$R$366,ROW(INDEX(Jesper!AJ$2:AJ$366,ROUNDDOWN($C8384/24,0)+1,1))-1)+IF('Standard Profiles'!$G$20=$B$10,7,0)+IF('Standard Profiles'!$G$20=$B$17,14,0)+IF('Standard Profiles'!$G$20=$B$24,21,0),0)),0)</f>
        <v>0</v>
      </c>
      <c r="G8384" cm="1">
        <f t="array" ref="G8384">IFERROR(INDEX(Jesper!AK$2:AK$366,ROUNDDOWN($C8384/24,0)+1,1)*INDEX($D$3:$AA$30,INDEX(Jesper!$R$2:$R$366,ROW(INDEX(Jesper!AK$2:AK$366,ROUNDDOWN($C8384/24,0)+1,1))-1)+IF('Standard Profiles'!$G$21=$B$10,7,0)+IF('Standard Profiles'!$G$21=$B$17,14,0)+IF('Standard Profiles'!$G$21=$B$24,21,0),MOD($C8384,24)+1)/SUM(INDEX($D$3:$AA$30,INDEX(Jesper!$R$2:$R$366,ROW(INDEX(Jesper!AK$2:AK$366,ROUNDDOWN($C8384/24,0)+1,1))-1)+IF('Standard Profiles'!$G$21=$B$10,7,0)+IF('Standard Profiles'!$G$21=$B$17,14,0)+IF('Standard Profiles'!$G$21=$B$24,21,0),0)),0)</f>
        <v>6.7228013991270092</v>
      </c>
      <c r="H8384" cm="1">
        <f t="array" ref="H8384">IFERROR(INDEX(Jesper!AL$2:AL$366,ROUNDDOWN($C8384/24,0)+1,1)*INDEX($D$3:$AA$30,INDEX(Jesper!$R$2:$R$366,ROW(INDEX(Jesper!AL$2:AL$366,ROUNDDOWN($C8384/24,0)+1,1))-1)+IF('Standard Profiles'!$G$22=$B$10,7,0)+IF('Standard Profiles'!$G$22=$B$17,14,0)+IF('Standard Profiles'!$G$22=$B$24,21,0),MOD($C8384,24)+1)/SUM(INDEX($D$3:$AA$30,INDEX(Jesper!$R$2:$R$366,ROW(INDEX(Jesper!AL$2:AL$366,ROUNDDOWN($C8384/24,0)+1,1))-1)+IF('Standard Profiles'!$G$22=$B$10,7,0)+IF('Standard Profiles'!$G$22=$B$17,14,0)+IF('Standard Profiles'!$G$22=$B$24,21,0),0)),0)</f>
        <v>0</v>
      </c>
      <c r="I8384">
        <f t="shared" si="930"/>
        <v>3.2269446715809629</v>
      </c>
      <c r="J8384">
        <f t="shared" si="931"/>
        <v>14.863337120258903</v>
      </c>
      <c r="K8384">
        <f t="shared" si="932"/>
        <v>0.63934721050126231</v>
      </c>
      <c r="L8384">
        <f t="shared" si="933"/>
        <v>0.31967360525063115</v>
      </c>
      <c r="M8384">
        <f t="shared" si="934"/>
        <v>0</v>
      </c>
      <c r="N8384" s="45">
        <f t="shared" si="935"/>
        <v>45274.916666646415</v>
      </c>
    </row>
    <row r="8385" spans="2:14" x14ac:dyDescent="0.25">
      <c r="B8385">
        <f t="shared" si="929"/>
        <v>4</v>
      </c>
      <c r="C8385" s="16">
        <v>8351</v>
      </c>
      <c r="D8385" cm="1">
        <f t="array" ref="D8385">IFERROR(INDEX(Jesper!AH$2:AH$366,ROUNDDOWN($C8385/24,0)+1,1)*INDEX($D$3:$AA$30,INDEX(Jesper!$R$2:$R$366,ROW(INDEX(Jesper!AH$2:AH$366,ROUNDDOWN($C8385/24,0)+1,1))-1)+IF('Standard Profiles'!$G$18=$B$10,7,0)+IF('Standard Profiles'!$G$18=$B$17,14,0)+IF('Standard Profiles'!$G$18=$B$24,21,0),MOD($C8385,24)+1)/SUM(INDEX($D$3:$AA$30,INDEX(Jesper!$R$2:$R$366,ROW(INDEX(Jesper!AH$2:AH$366,ROUNDDOWN($C8385/24,0)+1,1))-1)+IF('Standard Profiles'!$G$18=$B$10,7,0)+IF('Standard Profiles'!$G$18=$B$17,14,0)+IF('Standard Profiles'!$G$18=$B$24,21,0),0)),0)</f>
        <v>5.9938800984493339</v>
      </c>
      <c r="E8385" cm="1">
        <f t="array" ref="E8385">IFERROR(INDEX(Jesper!AI$2:AI$366,ROUNDDOWN($C8385/24,0)+1,1)*INDEX($D$3:$AA$30,INDEX(Jesper!$R$2:$R$366,ROW(INDEX(Jesper!AI$2:AI$366,ROUNDDOWN($C8385/24,0)+1,1))-1)+IF('Standard Profiles'!$G$19=$B$10,7,0)+IF('Standard Profiles'!$G$19=$B$17,14,0)+IF('Standard Profiles'!$G$19=$B$24,21,0),MOD($C8385,24)+1)/SUM(INDEX($D$3:$AA$30,INDEX(Jesper!$R$2:$R$366,ROW(INDEX(Jesper!AI$2:AI$366,ROUNDDOWN($C8385/24,0)+1,1))-1)+IF('Standard Profiles'!$G$19=$B$10,7,0)+IF('Standard Profiles'!$G$19=$B$17,14,0)+IF('Standard Profiles'!$G$19=$B$24,21,0),0)),0)</f>
        <v>6.3326211100154168</v>
      </c>
      <c r="F8385" cm="1">
        <f t="array" ref="F8385">IFERROR(INDEX(Jesper!AJ$2:AJ$366,ROUNDDOWN($C8385/24,0)+1,1)*INDEX($D$3:$AA$30,INDEX(Jesper!$R$2:$R$366,ROW(INDEX(Jesper!AJ$2:AJ$366,ROUNDDOWN($C8385/24,0)+1,1))-1)+IF('Standard Profiles'!$G$20=$B$10,7,0)+IF('Standard Profiles'!$G$20=$B$17,14,0)+IF('Standard Profiles'!$G$20=$B$24,21,0),MOD($C8385,24)+1)/SUM(INDEX($D$3:$AA$30,INDEX(Jesper!$R$2:$R$366,ROW(INDEX(Jesper!AJ$2:AJ$366,ROUNDDOWN($C8385/24,0)+1,1))-1)+IF('Standard Profiles'!$G$20=$B$10,7,0)+IF('Standard Profiles'!$G$20=$B$17,14,0)+IF('Standard Profiles'!$G$20=$B$24,21,0),0)),0)</f>
        <v>0</v>
      </c>
      <c r="G8385" cm="1">
        <f t="array" ref="G8385">IFERROR(INDEX(Jesper!AK$2:AK$366,ROUNDDOWN($C8385/24,0)+1,1)*INDEX($D$3:$AA$30,INDEX(Jesper!$R$2:$R$366,ROW(INDEX(Jesper!AK$2:AK$366,ROUNDDOWN($C8385/24,0)+1,1))-1)+IF('Standard Profiles'!$G$21=$B$10,7,0)+IF('Standard Profiles'!$G$21=$B$17,14,0)+IF('Standard Profiles'!$G$21=$B$24,21,0),MOD($C8385,24)+1)/SUM(INDEX($D$3:$AA$30,INDEX(Jesper!$R$2:$R$366,ROW(INDEX(Jesper!AK$2:AK$366,ROUNDDOWN($C8385/24,0)+1,1))-1)+IF('Standard Profiles'!$G$21=$B$10,7,0)+IF('Standard Profiles'!$G$21=$B$17,14,0)+IF('Standard Profiles'!$G$21=$B$24,21,0),0)),0)</f>
        <v>6.7228013991270092</v>
      </c>
      <c r="H8385" cm="1">
        <f t="array" ref="H8385">IFERROR(INDEX(Jesper!AL$2:AL$366,ROUNDDOWN($C8385/24,0)+1,1)*INDEX($D$3:$AA$30,INDEX(Jesper!$R$2:$R$366,ROW(INDEX(Jesper!AL$2:AL$366,ROUNDDOWN($C8385/24,0)+1,1))-1)+IF('Standard Profiles'!$G$22=$B$10,7,0)+IF('Standard Profiles'!$G$22=$B$17,14,0)+IF('Standard Profiles'!$G$22=$B$24,21,0),MOD($C8385,24)+1)/SUM(INDEX($D$3:$AA$30,INDEX(Jesper!$R$2:$R$366,ROW(INDEX(Jesper!AL$2:AL$366,ROUNDDOWN($C8385/24,0)+1,1))-1)+IF('Standard Profiles'!$G$22=$B$10,7,0)+IF('Standard Profiles'!$G$22=$B$17,14,0)+IF('Standard Profiles'!$G$22=$B$24,21,0),0)),0)</f>
        <v>0</v>
      </c>
      <c r="I8385">
        <f t="shared" si="930"/>
        <v>3.2269446715809629</v>
      </c>
      <c r="J8385">
        <f t="shared" si="931"/>
        <v>14.863337120258903</v>
      </c>
      <c r="K8385">
        <f t="shared" si="932"/>
        <v>0.63934721050126231</v>
      </c>
      <c r="L8385">
        <f t="shared" si="933"/>
        <v>0.31967360525063115</v>
      </c>
      <c r="M8385">
        <f t="shared" si="934"/>
        <v>0</v>
      </c>
      <c r="N8385" s="45">
        <f t="shared" si="935"/>
        <v>45274.958333313079</v>
      </c>
    </row>
    <row r="8386" spans="2:14" x14ac:dyDescent="0.25">
      <c r="B8386">
        <f t="shared" si="929"/>
        <v>5</v>
      </c>
      <c r="C8386" s="16">
        <v>8352</v>
      </c>
      <c r="D8386" cm="1">
        <f t="array" ref="D8386">IFERROR(INDEX(Jesper!AH$2:AH$366,ROUNDDOWN($C8386/24,0)+1,1)*INDEX($D$3:$AA$30,INDEX(Jesper!$R$2:$R$366,ROW(INDEX(Jesper!AH$2:AH$366,ROUNDDOWN($C8386/24,0)+1,1))-1)+IF('Standard Profiles'!$G$18=$B$10,7,0)+IF('Standard Profiles'!$G$18=$B$17,14,0)+IF('Standard Profiles'!$G$18=$B$24,21,0),MOD($C8386,24)+1)/SUM(INDEX($D$3:$AA$30,INDEX(Jesper!$R$2:$R$366,ROW(INDEX(Jesper!AH$2:AH$366,ROUNDDOWN($C8386/24,0)+1,1))-1)+IF('Standard Profiles'!$G$18=$B$10,7,0)+IF('Standard Profiles'!$G$18=$B$17,14,0)+IF('Standard Profiles'!$G$18=$B$24,21,0),0)),0)</f>
        <v>9.2392748256942792</v>
      </c>
      <c r="E8386" cm="1">
        <f t="array" ref="E8386">IFERROR(INDEX(Jesper!AI$2:AI$366,ROUNDDOWN($C8386/24,0)+1,1)*INDEX($D$3:$AA$30,INDEX(Jesper!$R$2:$R$366,ROW(INDEX(Jesper!AI$2:AI$366,ROUNDDOWN($C8386/24,0)+1,1))-1)+IF('Standard Profiles'!$G$19=$B$10,7,0)+IF('Standard Profiles'!$G$19=$B$17,14,0)+IF('Standard Profiles'!$G$19=$B$24,21,0),MOD($C8386,24)+1)/SUM(INDEX($D$3:$AA$30,INDEX(Jesper!$R$2:$R$366,ROW(INDEX(Jesper!AI$2:AI$366,ROUNDDOWN($C8386/24,0)+1,1))-1)+IF('Standard Profiles'!$G$19=$B$10,7,0)+IF('Standard Profiles'!$G$19=$B$17,14,0)+IF('Standard Profiles'!$G$19=$B$24,21,0),0)),0)</f>
        <v>10.317958697128088</v>
      </c>
      <c r="F8386" cm="1">
        <f t="array" ref="F8386">IFERROR(INDEX(Jesper!AJ$2:AJ$366,ROUNDDOWN($C8386/24,0)+1,1)*INDEX($D$3:$AA$30,INDEX(Jesper!$R$2:$R$366,ROW(INDEX(Jesper!AJ$2:AJ$366,ROUNDDOWN($C8386/24,0)+1,1))-1)+IF('Standard Profiles'!$G$20=$B$10,7,0)+IF('Standard Profiles'!$G$20=$B$17,14,0)+IF('Standard Profiles'!$G$20=$B$24,21,0),MOD($C8386,24)+1)/SUM(INDEX($D$3:$AA$30,INDEX(Jesper!$R$2:$R$366,ROW(INDEX(Jesper!AJ$2:AJ$366,ROUNDDOWN($C8386/24,0)+1,1))-1)+IF('Standard Profiles'!$G$20=$B$10,7,0)+IF('Standard Profiles'!$G$20=$B$17,14,0)+IF('Standard Profiles'!$G$20=$B$24,21,0),0)),0)</f>
        <v>0</v>
      </c>
      <c r="G8386" cm="1">
        <f t="array" ref="G8386">IFERROR(INDEX(Jesper!AK$2:AK$366,ROUNDDOWN($C8386/24,0)+1,1)*INDEX($D$3:$AA$30,INDEX(Jesper!$R$2:$R$366,ROW(INDEX(Jesper!AK$2:AK$366,ROUNDDOWN($C8386/24,0)+1,1))-1)+IF('Standard Profiles'!$G$21=$B$10,7,0)+IF('Standard Profiles'!$G$21=$B$17,14,0)+IF('Standard Profiles'!$G$21=$B$24,21,0),MOD($C8386,24)+1)/SUM(INDEX($D$3:$AA$30,INDEX(Jesper!$R$2:$R$366,ROW(INDEX(Jesper!AK$2:AK$366,ROUNDDOWN($C8386/24,0)+1,1))-1)+IF('Standard Profiles'!$G$21=$B$10,7,0)+IF('Standard Profiles'!$G$21=$B$17,14,0)+IF('Standard Profiles'!$G$21=$B$24,21,0),0)),0)</f>
        <v>7.53116655519755</v>
      </c>
      <c r="H8386" cm="1">
        <f t="array" ref="H8386">IFERROR(INDEX(Jesper!AL$2:AL$366,ROUNDDOWN($C8386/24,0)+1,1)*INDEX($D$3:$AA$30,INDEX(Jesper!$R$2:$R$366,ROW(INDEX(Jesper!AL$2:AL$366,ROUNDDOWN($C8386/24,0)+1,1))-1)+IF('Standard Profiles'!$G$22=$B$10,7,0)+IF('Standard Profiles'!$G$22=$B$17,14,0)+IF('Standard Profiles'!$G$22=$B$24,21,0),MOD($C8386,24)+1)/SUM(INDEX($D$3:$AA$30,INDEX(Jesper!$R$2:$R$366,ROW(INDEX(Jesper!AL$2:AL$366,ROUNDDOWN($C8386/24,0)+1,1))-1)+IF('Standard Profiles'!$G$22=$B$10,7,0)+IF('Standard Profiles'!$G$22=$B$17,14,0)+IF('Standard Profiles'!$G$22=$B$24,21,0),0)),0)</f>
        <v>0</v>
      </c>
      <c r="I8386">
        <f t="shared" si="930"/>
        <v>3.6149599464948223</v>
      </c>
      <c r="J8386">
        <f t="shared" si="931"/>
        <v>21.995156159414009</v>
      </c>
      <c r="K8386">
        <f t="shared" si="932"/>
        <v>0.98552264807405654</v>
      </c>
      <c r="L8386">
        <f t="shared" si="933"/>
        <v>0.49276132403702827</v>
      </c>
      <c r="M8386">
        <f t="shared" si="934"/>
        <v>0</v>
      </c>
      <c r="N8386" s="45">
        <f t="shared" si="935"/>
        <v>45274.999999979744</v>
      </c>
    </row>
    <row r="8387" spans="2:14" x14ac:dyDescent="0.25">
      <c r="B8387">
        <f t="shared" si="929"/>
        <v>5</v>
      </c>
      <c r="C8387" s="16">
        <v>8353</v>
      </c>
      <c r="D8387" cm="1">
        <f t="array" ref="D8387">IFERROR(INDEX(Jesper!AH$2:AH$366,ROUNDDOWN($C8387/24,0)+1,1)*INDEX($D$3:$AA$30,INDEX(Jesper!$R$2:$R$366,ROW(INDEX(Jesper!AH$2:AH$366,ROUNDDOWN($C8387/24,0)+1,1))-1)+IF('Standard Profiles'!$G$18=$B$10,7,0)+IF('Standard Profiles'!$G$18=$B$17,14,0)+IF('Standard Profiles'!$G$18=$B$24,21,0),MOD($C8387,24)+1)/SUM(INDEX($D$3:$AA$30,INDEX(Jesper!$R$2:$R$366,ROW(INDEX(Jesper!AH$2:AH$366,ROUNDDOWN($C8387/24,0)+1,1))-1)+IF('Standard Profiles'!$G$18=$B$10,7,0)+IF('Standard Profiles'!$G$18=$B$17,14,0)+IF('Standard Profiles'!$G$18=$B$24,21,0),0)),0)</f>
        <v>5.5995605004207754</v>
      </c>
      <c r="E8387" cm="1">
        <f t="array" ref="E8387">IFERROR(INDEX(Jesper!AI$2:AI$366,ROUNDDOWN($C8387/24,0)+1,1)*INDEX($D$3:$AA$30,INDEX(Jesper!$R$2:$R$366,ROW(INDEX(Jesper!AI$2:AI$366,ROUNDDOWN($C8387/24,0)+1,1))-1)+IF('Standard Profiles'!$G$19=$B$10,7,0)+IF('Standard Profiles'!$G$19=$B$17,14,0)+IF('Standard Profiles'!$G$19=$B$24,21,0),MOD($C8387,24)+1)/SUM(INDEX($D$3:$AA$30,INDEX(Jesper!$R$2:$R$366,ROW(INDEX(Jesper!AI$2:AI$366,ROUNDDOWN($C8387/24,0)+1,1))-1)+IF('Standard Profiles'!$G$19=$B$10,7,0)+IF('Standard Profiles'!$G$19=$B$17,14,0)+IF('Standard Profiles'!$G$19=$B$24,21,0),0)),0)</f>
        <v>6.253308301289751</v>
      </c>
      <c r="F8387" cm="1">
        <f t="array" ref="F8387">IFERROR(INDEX(Jesper!AJ$2:AJ$366,ROUNDDOWN($C8387/24,0)+1,1)*INDEX($D$3:$AA$30,INDEX(Jesper!$R$2:$R$366,ROW(INDEX(Jesper!AJ$2:AJ$366,ROUNDDOWN($C8387/24,0)+1,1))-1)+IF('Standard Profiles'!$G$20=$B$10,7,0)+IF('Standard Profiles'!$G$20=$B$17,14,0)+IF('Standard Profiles'!$G$20=$B$24,21,0),MOD($C8387,24)+1)/SUM(INDEX($D$3:$AA$30,INDEX(Jesper!$R$2:$R$366,ROW(INDEX(Jesper!AJ$2:AJ$366,ROUNDDOWN($C8387/24,0)+1,1))-1)+IF('Standard Profiles'!$G$20=$B$10,7,0)+IF('Standard Profiles'!$G$20=$B$17,14,0)+IF('Standard Profiles'!$G$20=$B$24,21,0),0)),0)</f>
        <v>0</v>
      </c>
      <c r="G8387" cm="1">
        <f t="array" ref="G8387">IFERROR(INDEX(Jesper!AK$2:AK$366,ROUNDDOWN($C8387/24,0)+1,1)*INDEX($D$3:$AA$30,INDEX(Jesper!$R$2:$R$366,ROW(INDEX(Jesper!AK$2:AK$366,ROUNDDOWN($C8387/24,0)+1,1))-1)+IF('Standard Profiles'!$G$21=$B$10,7,0)+IF('Standard Profiles'!$G$21=$B$17,14,0)+IF('Standard Profiles'!$G$21=$B$24,21,0),MOD($C8387,24)+1)/SUM(INDEX($D$3:$AA$30,INDEX(Jesper!$R$2:$R$366,ROW(INDEX(Jesper!AK$2:AK$366,ROUNDDOWN($C8387/24,0)+1,1))-1)+IF('Standard Profiles'!$G$21=$B$10,7,0)+IF('Standard Profiles'!$G$21=$B$17,14,0)+IF('Standard Profiles'!$G$21=$B$24,21,0),0)),0)</f>
        <v>7.53116655519755</v>
      </c>
      <c r="H8387" cm="1">
        <f t="array" ref="H8387">IFERROR(INDEX(Jesper!AL$2:AL$366,ROUNDDOWN($C8387/24,0)+1,1)*INDEX($D$3:$AA$30,INDEX(Jesper!$R$2:$R$366,ROW(INDEX(Jesper!AL$2:AL$366,ROUNDDOWN($C8387/24,0)+1,1))-1)+IF('Standard Profiles'!$G$22=$B$10,7,0)+IF('Standard Profiles'!$G$22=$B$17,14,0)+IF('Standard Profiles'!$G$22=$B$24,21,0),MOD($C8387,24)+1)/SUM(INDEX($D$3:$AA$30,INDEX(Jesper!$R$2:$R$366,ROW(INDEX(Jesper!AL$2:AL$366,ROUNDDOWN($C8387/24,0)+1,1))-1)+IF('Standard Profiles'!$G$22=$B$10,7,0)+IF('Standard Profiles'!$G$22=$B$17,14,0)+IF('Standard Profiles'!$G$22=$B$24,21,0),0)),0)</f>
        <v>0</v>
      </c>
      <c r="I8387">
        <f t="shared" si="930"/>
        <v>3.6149599464948223</v>
      </c>
      <c r="J8387">
        <f t="shared" si="931"/>
        <v>14.87314573034593</v>
      </c>
      <c r="K8387">
        <f t="shared" si="932"/>
        <v>0.59728645337821606</v>
      </c>
      <c r="L8387">
        <f t="shared" si="933"/>
        <v>0.29864322668910803</v>
      </c>
      <c r="M8387">
        <f t="shared" si="934"/>
        <v>0</v>
      </c>
      <c r="N8387" s="45">
        <f t="shared" si="935"/>
        <v>45275.041666646408</v>
      </c>
    </row>
    <row r="8388" spans="2:14" x14ac:dyDescent="0.25">
      <c r="B8388">
        <f t="shared" si="929"/>
        <v>5</v>
      </c>
      <c r="C8388" s="16">
        <v>8354</v>
      </c>
      <c r="D8388" cm="1">
        <f t="array" ref="D8388">IFERROR(INDEX(Jesper!AH$2:AH$366,ROUNDDOWN($C8388/24,0)+1,1)*INDEX($D$3:$AA$30,INDEX(Jesper!$R$2:$R$366,ROW(INDEX(Jesper!AH$2:AH$366,ROUNDDOWN($C8388/24,0)+1,1))-1)+IF('Standard Profiles'!$G$18=$B$10,7,0)+IF('Standard Profiles'!$G$18=$B$17,14,0)+IF('Standard Profiles'!$G$18=$B$24,21,0),MOD($C8388,24)+1)/SUM(INDEX($D$3:$AA$30,INDEX(Jesper!$R$2:$R$366,ROW(INDEX(Jesper!AH$2:AH$366,ROUNDDOWN($C8388/24,0)+1,1))-1)+IF('Standard Profiles'!$G$18=$B$10,7,0)+IF('Standard Profiles'!$G$18=$B$17,14,0)+IF('Standard Profiles'!$G$18=$B$24,21,0),0)),0)</f>
        <v>5.5995605004207754</v>
      </c>
      <c r="E8388" cm="1">
        <f t="array" ref="E8388">IFERROR(INDEX(Jesper!AI$2:AI$366,ROUNDDOWN($C8388/24,0)+1,1)*INDEX($D$3:$AA$30,INDEX(Jesper!$R$2:$R$366,ROW(INDEX(Jesper!AI$2:AI$366,ROUNDDOWN($C8388/24,0)+1,1))-1)+IF('Standard Profiles'!$G$19=$B$10,7,0)+IF('Standard Profiles'!$G$19=$B$17,14,0)+IF('Standard Profiles'!$G$19=$B$24,21,0),MOD($C8388,24)+1)/SUM(INDEX($D$3:$AA$30,INDEX(Jesper!$R$2:$R$366,ROW(INDEX(Jesper!AI$2:AI$366,ROUNDDOWN($C8388/24,0)+1,1))-1)+IF('Standard Profiles'!$G$19=$B$10,7,0)+IF('Standard Profiles'!$G$19=$B$17,14,0)+IF('Standard Profiles'!$G$19=$B$24,21,0),0)),0)</f>
        <v>6.253308301289751</v>
      </c>
      <c r="F8388" cm="1">
        <f t="array" ref="F8388">IFERROR(INDEX(Jesper!AJ$2:AJ$366,ROUNDDOWN($C8388/24,0)+1,1)*INDEX($D$3:$AA$30,INDEX(Jesper!$R$2:$R$366,ROW(INDEX(Jesper!AJ$2:AJ$366,ROUNDDOWN($C8388/24,0)+1,1))-1)+IF('Standard Profiles'!$G$20=$B$10,7,0)+IF('Standard Profiles'!$G$20=$B$17,14,0)+IF('Standard Profiles'!$G$20=$B$24,21,0),MOD($C8388,24)+1)/SUM(INDEX($D$3:$AA$30,INDEX(Jesper!$R$2:$R$366,ROW(INDEX(Jesper!AJ$2:AJ$366,ROUNDDOWN($C8388/24,0)+1,1))-1)+IF('Standard Profiles'!$G$20=$B$10,7,0)+IF('Standard Profiles'!$G$20=$B$17,14,0)+IF('Standard Profiles'!$G$20=$B$24,21,0),0)),0)</f>
        <v>0</v>
      </c>
      <c r="G8388" cm="1">
        <f t="array" ref="G8388">IFERROR(INDEX(Jesper!AK$2:AK$366,ROUNDDOWN($C8388/24,0)+1,1)*INDEX($D$3:$AA$30,INDEX(Jesper!$R$2:$R$366,ROW(INDEX(Jesper!AK$2:AK$366,ROUNDDOWN($C8388/24,0)+1,1))-1)+IF('Standard Profiles'!$G$21=$B$10,7,0)+IF('Standard Profiles'!$G$21=$B$17,14,0)+IF('Standard Profiles'!$G$21=$B$24,21,0),MOD($C8388,24)+1)/SUM(INDEX($D$3:$AA$30,INDEX(Jesper!$R$2:$R$366,ROW(INDEX(Jesper!AK$2:AK$366,ROUNDDOWN($C8388/24,0)+1,1))-1)+IF('Standard Profiles'!$G$21=$B$10,7,0)+IF('Standard Profiles'!$G$21=$B$17,14,0)+IF('Standard Profiles'!$G$21=$B$24,21,0),0)),0)</f>
        <v>7.53116655519755</v>
      </c>
      <c r="H8388" cm="1">
        <f t="array" ref="H8388">IFERROR(INDEX(Jesper!AL$2:AL$366,ROUNDDOWN($C8388/24,0)+1,1)*INDEX($D$3:$AA$30,INDEX(Jesper!$R$2:$R$366,ROW(INDEX(Jesper!AL$2:AL$366,ROUNDDOWN($C8388/24,0)+1,1))-1)+IF('Standard Profiles'!$G$22=$B$10,7,0)+IF('Standard Profiles'!$G$22=$B$17,14,0)+IF('Standard Profiles'!$G$22=$B$24,21,0),MOD($C8388,24)+1)/SUM(INDEX($D$3:$AA$30,INDEX(Jesper!$R$2:$R$366,ROW(INDEX(Jesper!AL$2:AL$366,ROUNDDOWN($C8388/24,0)+1,1))-1)+IF('Standard Profiles'!$G$22=$B$10,7,0)+IF('Standard Profiles'!$G$22=$B$17,14,0)+IF('Standard Profiles'!$G$22=$B$24,21,0),0)),0)</f>
        <v>0</v>
      </c>
      <c r="I8388">
        <f t="shared" si="930"/>
        <v>3.6149599464948223</v>
      </c>
      <c r="J8388">
        <f t="shared" si="931"/>
        <v>14.87314573034593</v>
      </c>
      <c r="K8388">
        <f t="shared" si="932"/>
        <v>0.59728645337821606</v>
      </c>
      <c r="L8388">
        <f t="shared" si="933"/>
        <v>0.29864322668910803</v>
      </c>
      <c r="M8388">
        <f t="shared" si="934"/>
        <v>0</v>
      </c>
      <c r="N8388" s="45">
        <f t="shared" si="935"/>
        <v>45275.083333313072</v>
      </c>
    </row>
    <row r="8389" spans="2:14" x14ac:dyDescent="0.25">
      <c r="B8389">
        <f t="shared" si="929"/>
        <v>5</v>
      </c>
      <c r="C8389" s="16">
        <v>8355</v>
      </c>
      <c r="D8389" cm="1">
        <f t="array" ref="D8389">IFERROR(INDEX(Jesper!AH$2:AH$366,ROUNDDOWN($C8389/24,0)+1,1)*INDEX($D$3:$AA$30,INDEX(Jesper!$R$2:$R$366,ROW(INDEX(Jesper!AH$2:AH$366,ROUNDDOWN($C8389/24,0)+1,1))-1)+IF('Standard Profiles'!$G$18=$B$10,7,0)+IF('Standard Profiles'!$G$18=$B$17,14,0)+IF('Standard Profiles'!$G$18=$B$24,21,0),MOD($C8389,24)+1)/SUM(INDEX($D$3:$AA$30,INDEX(Jesper!$R$2:$R$366,ROW(INDEX(Jesper!AH$2:AH$366,ROUNDDOWN($C8389/24,0)+1,1))-1)+IF('Standard Profiles'!$G$18=$B$10,7,0)+IF('Standard Profiles'!$G$18=$B$17,14,0)+IF('Standard Profiles'!$G$18=$B$24,21,0),0)),0)</f>
        <v>5.5995605004207754</v>
      </c>
      <c r="E8389" cm="1">
        <f t="array" ref="E8389">IFERROR(INDEX(Jesper!AI$2:AI$366,ROUNDDOWN($C8389/24,0)+1,1)*INDEX($D$3:$AA$30,INDEX(Jesper!$R$2:$R$366,ROW(INDEX(Jesper!AI$2:AI$366,ROUNDDOWN($C8389/24,0)+1,1))-1)+IF('Standard Profiles'!$G$19=$B$10,7,0)+IF('Standard Profiles'!$G$19=$B$17,14,0)+IF('Standard Profiles'!$G$19=$B$24,21,0),MOD($C8389,24)+1)/SUM(INDEX($D$3:$AA$30,INDEX(Jesper!$R$2:$R$366,ROW(INDEX(Jesper!AI$2:AI$366,ROUNDDOWN($C8389/24,0)+1,1))-1)+IF('Standard Profiles'!$G$19=$B$10,7,0)+IF('Standard Profiles'!$G$19=$B$17,14,0)+IF('Standard Profiles'!$G$19=$B$24,21,0),0)),0)</f>
        <v>6.253308301289751</v>
      </c>
      <c r="F8389" cm="1">
        <f t="array" ref="F8389">IFERROR(INDEX(Jesper!AJ$2:AJ$366,ROUNDDOWN($C8389/24,0)+1,1)*INDEX($D$3:$AA$30,INDEX(Jesper!$R$2:$R$366,ROW(INDEX(Jesper!AJ$2:AJ$366,ROUNDDOWN($C8389/24,0)+1,1))-1)+IF('Standard Profiles'!$G$20=$B$10,7,0)+IF('Standard Profiles'!$G$20=$B$17,14,0)+IF('Standard Profiles'!$G$20=$B$24,21,0),MOD($C8389,24)+1)/SUM(INDEX($D$3:$AA$30,INDEX(Jesper!$R$2:$R$366,ROW(INDEX(Jesper!AJ$2:AJ$366,ROUNDDOWN($C8389/24,0)+1,1))-1)+IF('Standard Profiles'!$G$20=$B$10,7,0)+IF('Standard Profiles'!$G$20=$B$17,14,0)+IF('Standard Profiles'!$G$20=$B$24,21,0),0)),0)</f>
        <v>0</v>
      </c>
      <c r="G8389" cm="1">
        <f t="array" ref="G8389">IFERROR(INDEX(Jesper!AK$2:AK$366,ROUNDDOWN($C8389/24,0)+1,1)*INDEX($D$3:$AA$30,INDEX(Jesper!$R$2:$R$366,ROW(INDEX(Jesper!AK$2:AK$366,ROUNDDOWN($C8389/24,0)+1,1))-1)+IF('Standard Profiles'!$G$21=$B$10,7,0)+IF('Standard Profiles'!$G$21=$B$17,14,0)+IF('Standard Profiles'!$G$21=$B$24,21,0),MOD($C8389,24)+1)/SUM(INDEX($D$3:$AA$30,INDEX(Jesper!$R$2:$R$366,ROW(INDEX(Jesper!AK$2:AK$366,ROUNDDOWN($C8389/24,0)+1,1))-1)+IF('Standard Profiles'!$G$21=$B$10,7,0)+IF('Standard Profiles'!$G$21=$B$17,14,0)+IF('Standard Profiles'!$G$21=$B$24,21,0),0)),0)</f>
        <v>7.53116655519755</v>
      </c>
      <c r="H8389" cm="1">
        <f t="array" ref="H8389">IFERROR(INDEX(Jesper!AL$2:AL$366,ROUNDDOWN($C8389/24,0)+1,1)*INDEX($D$3:$AA$30,INDEX(Jesper!$R$2:$R$366,ROW(INDEX(Jesper!AL$2:AL$366,ROUNDDOWN($C8389/24,0)+1,1))-1)+IF('Standard Profiles'!$G$22=$B$10,7,0)+IF('Standard Profiles'!$G$22=$B$17,14,0)+IF('Standard Profiles'!$G$22=$B$24,21,0),MOD($C8389,24)+1)/SUM(INDEX($D$3:$AA$30,INDEX(Jesper!$R$2:$R$366,ROW(INDEX(Jesper!AL$2:AL$366,ROUNDDOWN($C8389/24,0)+1,1))-1)+IF('Standard Profiles'!$G$22=$B$10,7,0)+IF('Standard Profiles'!$G$22=$B$17,14,0)+IF('Standard Profiles'!$G$22=$B$24,21,0),0)),0)</f>
        <v>0</v>
      </c>
      <c r="I8389">
        <f t="shared" si="930"/>
        <v>3.6149599464948223</v>
      </c>
      <c r="J8389">
        <f t="shared" si="931"/>
        <v>14.87314573034593</v>
      </c>
      <c r="K8389">
        <f t="shared" si="932"/>
        <v>0.59728645337821606</v>
      </c>
      <c r="L8389">
        <f t="shared" si="933"/>
        <v>0.29864322668910803</v>
      </c>
      <c r="M8389">
        <f t="shared" si="934"/>
        <v>0</v>
      </c>
      <c r="N8389" s="45">
        <f t="shared" si="935"/>
        <v>45275.124999979736</v>
      </c>
    </row>
    <row r="8390" spans="2:14" x14ac:dyDescent="0.25">
      <c r="B8390">
        <f t="shared" si="929"/>
        <v>5</v>
      </c>
      <c r="C8390" s="16">
        <v>8356</v>
      </c>
      <c r="D8390" cm="1">
        <f t="array" ref="D8390">IFERROR(INDEX(Jesper!AH$2:AH$366,ROUNDDOWN($C8390/24,0)+1,1)*INDEX($D$3:$AA$30,INDEX(Jesper!$R$2:$R$366,ROW(INDEX(Jesper!AH$2:AH$366,ROUNDDOWN($C8390/24,0)+1,1))-1)+IF('Standard Profiles'!$G$18=$B$10,7,0)+IF('Standard Profiles'!$G$18=$B$17,14,0)+IF('Standard Profiles'!$G$18=$B$24,21,0),MOD($C8390,24)+1)/SUM(INDEX($D$3:$AA$30,INDEX(Jesper!$R$2:$R$366,ROW(INDEX(Jesper!AH$2:AH$366,ROUNDDOWN($C8390/24,0)+1,1))-1)+IF('Standard Profiles'!$G$18=$B$10,7,0)+IF('Standard Profiles'!$G$18=$B$17,14,0)+IF('Standard Profiles'!$G$18=$B$24,21,0),0)),0)</f>
        <v>5.5995605004207754</v>
      </c>
      <c r="E8390" cm="1">
        <f t="array" ref="E8390">IFERROR(INDEX(Jesper!AI$2:AI$366,ROUNDDOWN($C8390/24,0)+1,1)*INDEX($D$3:$AA$30,INDEX(Jesper!$R$2:$R$366,ROW(INDEX(Jesper!AI$2:AI$366,ROUNDDOWN($C8390/24,0)+1,1))-1)+IF('Standard Profiles'!$G$19=$B$10,7,0)+IF('Standard Profiles'!$G$19=$B$17,14,0)+IF('Standard Profiles'!$G$19=$B$24,21,0),MOD($C8390,24)+1)/SUM(INDEX($D$3:$AA$30,INDEX(Jesper!$R$2:$R$366,ROW(INDEX(Jesper!AI$2:AI$366,ROUNDDOWN($C8390/24,0)+1,1))-1)+IF('Standard Profiles'!$G$19=$B$10,7,0)+IF('Standard Profiles'!$G$19=$B$17,14,0)+IF('Standard Profiles'!$G$19=$B$24,21,0),0)),0)</f>
        <v>6.253308301289751</v>
      </c>
      <c r="F8390" cm="1">
        <f t="array" ref="F8390">IFERROR(INDEX(Jesper!AJ$2:AJ$366,ROUNDDOWN($C8390/24,0)+1,1)*INDEX($D$3:$AA$30,INDEX(Jesper!$R$2:$R$366,ROW(INDEX(Jesper!AJ$2:AJ$366,ROUNDDOWN($C8390/24,0)+1,1))-1)+IF('Standard Profiles'!$G$20=$B$10,7,0)+IF('Standard Profiles'!$G$20=$B$17,14,0)+IF('Standard Profiles'!$G$20=$B$24,21,0),MOD($C8390,24)+1)/SUM(INDEX($D$3:$AA$30,INDEX(Jesper!$R$2:$R$366,ROW(INDEX(Jesper!AJ$2:AJ$366,ROUNDDOWN($C8390/24,0)+1,1))-1)+IF('Standard Profiles'!$G$20=$B$10,7,0)+IF('Standard Profiles'!$G$20=$B$17,14,0)+IF('Standard Profiles'!$G$20=$B$24,21,0),0)),0)</f>
        <v>0</v>
      </c>
      <c r="G8390" cm="1">
        <f t="array" ref="G8390">IFERROR(INDEX(Jesper!AK$2:AK$366,ROUNDDOWN($C8390/24,0)+1,1)*INDEX($D$3:$AA$30,INDEX(Jesper!$R$2:$R$366,ROW(INDEX(Jesper!AK$2:AK$366,ROUNDDOWN($C8390/24,0)+1,1))-1)+IF('Standard Profiles'!$G$21=$B$10,7,0)+IF('Standard Profiles'!$G$21=$B$17,14,0)+IF('Standard Profiles'!$G$21=$B$24,21,0),MOD($C8390,24)+1)/SUM(INDEX($D$3:$AA$30,INDEX(Jesper!$R$2:$R$366,ROW(INDEX(Jesper!AK$2:AK$366,ROUNDDOWN($C8390/24,0)+1,1))-1)+IF('Standard Profiles'!$G$21=$B$10,7,0)+IF('Standard Profiles'!$G$21=$B$17,14,0)+IF('Standard Profiles'!$G$21=$B$24,21,0),0)),0)</f>
        <v>7.53116655519755</v>
      </c>
      <c r="H8390" cm="1">
        <f t="array" ref="H8390">IFERROR(INDEX(Jesper!AL$2:AL$366,ROUNDDOWN($C8390/24,0)+1,1)*INDEX($D$3:$AA$30,INDEX(Jesper!$R$2:$R$366,ROW(INDEX(Jesper!AL$2:AL$366,ROUNDDOWN($C8390/24,0)+1,1))-1)+IF('Standard Profiles'!$G$22=$B$10,7,0)+IF('Standard Profiles'!$G$22=$B$17,14,0)+IF('Standard Profiles'!$G$22=$B$24,21,0),MOD($C8390,24)+1)/SUM(INDEX($D$3:$AA$30,INDEX(Jesper!$R$2:$R$366,ROW(INDEX(Jesper!AL$2:AL$366,ROUNDDOWN($C8390/24,0)+1,1))-1)+IF('Standard Profiles'!$G$22=$B$10,7,0)+IF('Standard Profiles'!$G$22=$B$17,14,0)+IF('Standard Profiles'!$G$22=$B$24,21,0),0)),0)</f>
        <v>0</v>
      </c>
      <c r="I8390">
        <f t="shared" si="930"/>
        <v>3.6149599464948223</v>
      </c>
      <c r="J8390">
        <f t="shared" si="931"/>
        <v>14.87314573034593</v>
      </c>
      <c r="K8390">
        <f t="shared" si="932"/>
        <v>0.59728645337821606</v>
      </c>
      <c r="L8390">
        <f t="shared" si="933"/>
        <v>0.29864322668910803</v>
      </c>
      <c r="M8390">
        <f t="shared" si="934"/>
        <v>0</v>
      </c>
      <c r="N8390" s="45">
        <f t="shared" si="935"/>
        <v>45275.166666646401</v>
      </c>
    </row>
    <row r="8391" spans="2:14" x14ac:dyDescent="0.25">
      <c r="B8391">
        <f t="shared" si="929"/>
        <v>5</v>
      </c>
      <c r="C8391" s="16">
        <v>8357</v>
      </c>
      <c r="D8391" cm="1">
        <f t="array" ref="D8391">IFERROR(INDEX(Jesper!AH$2:AH$366,ROUNDDOWN($C8391/24,0)+1,1)*INDEX($D$3:$AA$30,INDEX(Jesper!$R$2:$R$366,ROW(INDEX(Jesper!AH$2:AH$366,ROUNDDOWN($C8391/24,0)+1,1))-1)+IF('Standard Profiles'!$G$18=$B$10,7,0)+IF('Standard Profiles'!$G$18=$B$17,14,0)+IF('Standard Profiles'!$G$18=$B$24,21,0),MOD($C8391,24)+1)/SUM(INDEX($D$3:$AA$30,INDEX(Jesper!$R$2:$R$366,ROW(INDEX(Jesper!AH$2:AH$366,ROUNDDOWN($C8391/24,0)+1,1))-1)+IF('Standard Profiles'!$G$18=$B$10,7,0)+IF('Standard Profiles'!$G$18=$B$17,14,0)+IF('Standard Profiles'!$G$18=$B$24,21,0),0)),0)</f>
        <v>5.5995605004207754</v>
      </c>
      <c r="E8391" cm="1">
        <f t="array" ref="E8391">IFERROR(INDEX(Jesper!AI$2:AI$366,ROUNDDOWN($C8391/24,0)+1,1)*INDEX($D$3:$AA$30,INDEX(Jesper!$R$2:$R$366,ROW(INDEX(Jesper!AI$2:AI$366,ROUNDDOWN($C8391/24,0)+1,1))-1)+IF('Standard Profiles'!$G$19=$B$10,7,0)+IF('Standard Profiles'!$G$19=$B$17,14,0)+IF('Standard Profiles'!$G$19=$B$24,21,0),MOD($C8391,24)+1)/SUM(INDEX($D$3:$AA$30,INDEX(Jesper!$R$2:$R$366,ROW(INDEX(Jesper!AI$2:AI$366,ROUNDDOWN($C8391/24,0)+1,1))-1)+IF('Standard Profiles'!$G$19=$B$10,7,0)+IF('Standard Profiles'!$G$19=$B$17,14,0)+IF('Standard Profiles'!$G$19=$B$24,21,0),0)),0)</f>
        <v>6.253308301289751</v>
      </c>
      <c r="F8391" cm="1">
        <f t="array" ref="F8391">IFERROR(INDEX(Jesper!AJ$2:AJ$366,ROUNDDOWN($C8391/24,0)+1,1)*INDEX($D$3:$AA$30,INDEX(Jesper!$R$2:$R$366,ROW(INDEX(Jesper!AJ$2:AJ$366,ROUNDDOWN($C8391/24,0)+1,1))-1)+IF('Standard Profiles'!$G$20=$B$10,7,0)+IF('Standard Profiles'!$G$20=$B$17,14,0)+IF('Standard Profiles'!$G$20=$B$24,21,0),MOD($C8391,24)+1)/SUM(INDEX($D$3:$AA$30,INDEX(Jesper!$R$2:$R$366,ROW(INDEX(Jesper!AJ$2:AJ$366,ROUNDDOWN($C8391/24,0)+1,1))-1)+IF('Standard Profiles'!$G$20=$B$10,7,0)+IF('Standard Profiles'!$G$20=$B$17,14,0)+IF('Standard Profiles'!$G$20=$B$24,21,0),0)),0)</f>
        <v>0</v>
      </c>
      <c r="G8391" cm="1">
        <f t="array" ref="G8391">IFERROR(INDEX(Jesper!AK$2:AK$366,ROUNDDOWN($C8391/24,0)+1,1)*INDEX($D$3:$AA$30,INDEX(Jesper!$R$2:$R$366,ROW(INDEX(Jesper!AK$2:AK$366,ROUNDDOWN($C8391/24,0)+1,1))-1)+IF('Standard Profiles'!$G$21=$B$10,7,0)+IF('Standard Profiles'!$G$21=$B$17,14,0)+IF('Standard Profiles'!$G$21=$B$24,21,0),MOD($C8391,24)+1)/SUM(INDEX($D$3:$AA$30,INDEX(Jesper!$R$2:$R$366,ROW(INDEX(Jesper!AK$2:AK$366,ROUNDDOWN($C8391/24,0)+1,1))-1)+IF('Standard Profiles'!$G$21=$B$10,7,0)+IF('Standard Profiles'!$G$21=$B$17,14,0)+IF('Standard Profiles'!$G$21=$B$24,21,0),0)),0)</f>
        <v>7.53116655519755</v>
      </c>
      <c r="H8391" cm="1">
        <f t="array" ref="H8391">IFERROR(INDEX(Jesper!AL$2:AL$366,ROUNDDOWN($C8391/24,0)+1,1)*INDEX($D$3:$AA$30,INDEX(Jesper!$R$2:$R$366,ROW(INDEX(Jesper!AL$2:AL$366,ROUNDDOWN($C8391/24,0)+1,1))-1)+IF('Standard Profiles'!$G$22=$B$10,7,0)+IF('Standard Profiles'!$G$22=$B$17,14,0)+IF('Standard Profiles'!$G$22=$B$24,21,0),MOD($C8391,24)+1)/SUM(INDEX($D$3:$AA$30,INDEX(Jesper!$R$2:$R$366,ROW(INDEX(Jesper!AL$2:AL$366,ROUNDDOWN($C8391/24,0)+1,1))-1)+IF('Standard Profiles'!$G$22=$B$10,7,0)+IF('Standard Profiles'!$G$22=$B$17,14,0)+IF('Standard Profiles'!$G$22=$B$24,21,0),0)),0)</f>
        <v>0</v>
      </c>
      <c r="I8391">
        <f t="shared" si="930"/>
        <v>3.6149599464948223</v>
      </c>
      <c r="J8391">
        <f t="shared" si="931"/>
        <v>14.87314573034593</v>
      </c>
      <c r="K8391">
        <f t="shared" si="932"/>
        <v>0.59728645337821606</v>
      </c>
      <c r="L8391">
        <f t="shared" si="933"/>
        <v>0.29864322668910803</v>
      </c>
      <c r="M8391">
        <f t="shared" si="934"/>
        <v>0</v>
      </c>
      <c r="N8391" s="45">
        <f t="shared" si="935"/>
        <v>45275.208333313065</v>
      </c>
    </row>
    <row r="8392" spans="2:14" x14ac:dyDescent="0.25">
      <c r="B8392">
        <f t="shared" si="929"/>
        <v>5</v>
      </c>
      <c r="C8392" s="16">
        <v>8358</v>
      </c>
      <c r="D8392" cm="1">
        <f t="array" ref="D8392">IFERROR(INDEX(Jesper!AH$2:AH$366,ROUNDDOWN($C8392/24,0)+1,1)*INDEX($D$3:$AA$30,INDEX(Jesper!$R$2:$R$366,ROW(INDEX(Jesper!AH$2:AH$366,ROUNDDOWN($C8392/24,0)+1,1))-1)+IF('Standard Profiles'!$G$18=$B$10,7,0)+IF('Standard Profiles'!$G$18=$B$17,14,0)+IF('Standard Profiles'!$G$18=$B$24,21,0),MOD($C8392,24)+1)/SUM(INDEX($D$3:$AA$30,INDEX(Jesper!$R$2:$R$366,ROW(INDEX(Jesper!AH$2:AH$366,ROUNDDOWN($C8392/24,0)+1,1))-1)+IF('Standard Profiles'!$G$18=$B$10,7,0)+IF('Standard Profiles'!$G$18=$B$17,14,0)+IF('Standard Profiles'!$G$18=$B$24,21,0),0)),0)</f>
        <v>5.5995605004207754</v>
      </c>
      <c r="E8392" cm="1">
        <f t="array" ref="E8392">IFERROR(INDEX(Jesper!AI$2:AI$366,ROUNDDOWN($C8392/24,0)+1,1)*INDEX($D$3:$AA$30,INDEX(Jesper!$R$2:$R$366,ROW(INDEX(Jesper!AI$2:AI$366,ROUNDDOWN($C8392/24,0)+1,1))-1)+IF('Standard Profiles'!$G$19=$B$10,7,0)+IF('Standard Profiles'!$G$19=$B$17,14,0)+IF('Standard Profiles'!$G$19=$B$24,21,0),MOD($C8392,24)+1)/SUM(INDEX($D$3:$AA$30,INDEX(Jesper!$R$2:$R$366,ROW(INDEX(Jesper!AI$2:AI$366,ROUNDDOWN($C8392/24,0)+1,1))-1)+IF('Standard Profiles'!$G$19=$B$10,7,0)+IF('Standard Profiles'!$G$19=$B$17,14,0)+IF('Standard Profiles'!$G$19=$B$24,21,0),0)),0)</f>
        <v>6.253308301289751</v>
      </c>
      <c r="F8392" cm="1">
        <f t="array" ref="F8392">IFERROR(INDEX(Jesper!AJ$2:AJ$366,ROUNDDOWN($C8392/24,0)+1,1)*INDEX($D$3:$AA$30,INDEX(Jesper!$R$2:$R$366,ROW(INDEX(Jesper!AJ$2:AJ$366,ROUNDDOWN($C8392/24,0)+1,1))-1)+IF('Standard Profiles'!$G$20=$B$10,7,0)+IF('Standard Profiles'!$G$20=$B$17,14,0)+IF('Standard Profiles'!$G$20=$B$24,21,0),MOD($C8392,24)+1)/SUM(INDEX($D$3:$AA$30,INDEX(Jesper!$R$2:$R$366,ROW(INDEX(Jesper!AJ$2:AJ$366,ROUNDDOWN($C8392/24,0)+1,1))-1)+IF('Standard Profiles'!$G$20=$B$10,7,0)+IF('Standard Profiles'!$G$20=$B$17,14,0)+IF('Standard Profiles'!$G$20=$B$24,21,0),0)),0)</f>
        <v>0</v>
      </c>
      <c r="G8392" cm="1">
        <f t="array" ref="G8392">IFERROR(INDEX(Jesper!AK$2:AK$366,ROUNDDOWN($C8392/24,0)+1,1)*INDEX($D$3:$AA$30,INDEX(Jesper!$R$2:$R$366,ROW(INDEX(Jesper!AK$2:AK$366,ROUNDDOWN($C8392/24,0)+1,1))-1)+IF('Standard Profiles'!$G$21=$B$10,7,0)+IF('Standard Profiles'!$G$21=$B$17,14,0)+IF('Standard Profiles'!$G$21=$B$24,21,0),MOD($C8392,24)+1)/SUM(INDEX($D$3:$AA$30,INDEX(Jesper!$R$2:$R$366,ROW(INDEX(Jesper!AK$2:AK$366,ROUNDDOWN($C8392/24,0)+1,1))-1)+IF('Standard Profiles'!$G$21=$B$10,7,0)+IF('Standard Profiles'!$G$21=$B$17,14,0)+IF('Standard Profiles'!$G$21=$B$24,21,0),0)),0)</f>
        <v>7.53116655519755</v>
      </c>
      <c r="H8392" cm="1">
        <f t="array" ref="H8392">IFERROR(INDEX(Jesper!AL$2:AL$366,ROUNDDOWN($C8392/24,0)+1,1)*INDEX($D$3:$AA$30,INDEX(Jesper!$R$2:$R$366,ROW(INDEX(Jesper!AL$2:AL$366,ROUNDDOWN($C8392/24,0)+1,1))-1)+IF('Standard Profiles'!$G$22=$B$10,7,0)+IF('Standard Profiles'!$G$22=$B$17,14,0)+IF('Standard Profiles'!$G$22=$B$24,21,0),MOD($C8392,24)+1)/SUM(INDEX($D$3:$AA$30,INDEX(Jesper!$R$2:$R$366,ROW(INDEX(Jesper!AL$2:AL$366,ROUNDDOWN($C8392/24,0)+1,1))-1)+IF('Standard Profiles'!$G$22=$B$10,7,0)+IF('Standard Profiles'!$G$22=$B$17,14,0)+IF('Standard Profiles'!$G$22=$B$24,21,0),0)),0)</f>
        <v>0</v>
      </c>
      <c r="I8392">
        <f t="shared" si="930"/>
        <v>3.6149599464948223</v>
      </c>
      <c r="J8392">
        <f t="shared" si="931"/>
        <v>14.87314573034593</v>
      </c>
      <c r="K8392">
        <f t="shared" si="932"/>
        <v>0.59728645337821606</v>
      </c>
      <c r="L8392">
        <f t="shared" si="933"/>
        <v>0.29864322668910803</v>
      </c>
      <c r="M8392">
        <f t="shared" si="934"/>
        <v>0</v>
      </c>
      <c r="N8392" s="45">
        <f t="shared" si="935"/>
        <v>45275.249999979729</v>
      </c>
    </row>
    <row r="8393" spans="2:14" x14ac:dyDescent="0.25">
      <c r="B8393">
        <f t="shared" si="929"/>
        <v>5</v>
      </c>
      <c r="C8393" s="16">
        <v>8359</v>
      </c>
      <c r="D8393" cm="1">
        <f t="array" ref="D8393">IFERROR(INDEX(Jesper!AH$2:AH$366,ROUNDDOWN($C8393/24,0)+1,1)*INDEX($D$3:$AA$30,INDEX(Jesper!$R$2:$R$366,ROW(INDEX(Jesper!AH$2:AH$366,ROUNDDOWN($C8393/24,0)+1,1))-1)+IF('Standard Profiles'!$G$18=$B$10,7,0)+IF('Standard Profiles'!$G$18=$B$17,14,0)+IF('Standard Profiles'!$G$18=$B$24,21,0),MOD($C8393,24)+1)/SUM(INDEX($D$3:$AA$30,INDEX(Jesper!$R$2:$R$366,ROW(INDEX(Jesper!AH$2:AH$366,ROUNDDOWN($C8393/24,0)+1,1))-1)+IF('Standard Profiles'!$G$18=$B$10,7,0)+IF('Standard Profiles'!$G$18=$B$17,14,0)+IF('Standard Profiles'!$G$18=$B$24,21,0),0)),0)</f>
        <v>23.854127731792502</v>
      </c>
      <c r="E8393" cm="1">
        <f t="array" ref="E8393">IFERROR(INDEX(Jesper!AI$2:AI$366,ROUNDDOWN($C8393/24,0)+1,1)*INDEX($D$3:$AA$30,INDEX(Jesper!$R$2:$R$366,ROW(INDEX(Jesper!AI$2:AI$366,ROUNDDOWN($C8393/24,0)+1,1))-1)+IF('Standard Profiles'!$G$19=$B$10,7,0)+IF('Standard Profiles'!$G$19=$B$17,14,0)+IF('Standard Profiles'!$G$19=$B$24,21,0),MOD($C8393,24)+1)/SUM(INDEX($D$3:$AA$30,INDEX(Jesper!$R$2:$R$366,ROW(INDEX(Jesper!AI$2:AI$366,ROUNDDOWN($C8393/24,0)+1,1))-1)+IF('Standard Profiles'!$G$19=$B$10,7,0)+IF('Standard Profiles'!$G$19=$B$17,14,0)+IF('Standard Profiles'!$G$19=$B$24,21,0),0)),0)</f>
        <v>26.639093363494336</v>
      </c>
      <c r="F8393" cm="1">
        <f t="array" ref="F8393">IFERROR(INDEX(Jesper!AJ$2:AJ$366,ROUNDDOWN($C8393/24,0)+1,1)*INDEX($D$3:$AA$30,INDEX(Jesper!$R$2:$R$366,ROW(INDEX(Jesper!AJ$2:AJ$366,ROUNDDOWN($C8393/24,0)+1,1))-1)+IF('Standard Profiles'!$G$20=$B$10,7,0)+IF('Standard Profiles'!$G$20=$B$17,14,0)+IF('Standard Profiles'!$G$20=$B$24,21,0),MOD($C8393,24)+1)/SUM(INDEX($D$3:$AA$30,INDEX(Jesper!$R$2:$R$366,ROW(INDEX(Jesper!AJ$2:AJ$366,ROUNDDOWN($C8393/24,0)+1,1))-1)+IF('Standard Profiles'!$G$20=$B$10,7,0)+IF('Standard Profiles'!$G$20=$B$17,14,0)+IF('Standard Profiles'!$G$20=$B$24,21,0),0)),0)</f>
        <v>0</v>
      </c>
      <c r="G8393" cm="1">
        <f t="array" ref="G8393">IFERROR(INDEX(Jesper!AK$2:AK$366,ROUNDDOWN($C8393/24,0)+1,1)*INDEX($D$3:$AA$30,INDEX(Jesper!$R$2:$R$366,ROW(INDEX(Jesper!AK$2:AK$366,ROUNDDOWN($C8393/24,0)+1,1))-1)+IF('Standard Profiles'!$G$21=$B$10,7,0)+IF('Standard Profiles'!$G$21=$B$17,14,0)+IF('Standard Profiles'!$G$21=$B$24,21,0),MOD($C8393,24)+1)/SUM(INDEX($D$3:$AA$30,INDEX(Jesper!$R$2:$R$366,ROW(INDEX(Jesper!AK$2:AK$366,ROUNDDOWN($C8393/24,0)+1,1))-1)+IF('Standard Profiles'!$G$21=$B$10,7,0)+IF('Standard Profiles'!$G$21=$B$17,14,0)+IF('Standard Profiles'!$G$21=$B$24,21,0),0)),0)</f>
        <v>20.407031956019168</v>
      </c>
      <c r="H8393" cm="1">
        <f t="array" ref="H8393">IFERROR(INDEX(Jesper!AL$2:AL$366,ROUNDDOWN($C8393/24,0)+1,1)*INDEX($D$3:$AA$30,INDEX(Jesper!$R$2:$R$366,ROW(INDEX(Jesper!AL$2:AL$366,ROUNDDOWN($C8393/24,0)+1,1))-1)+IF('Standard Profiles'!$G$22=$B$10,7,0)+IF('Standard Profiles'!$G$22=$B$17,14,0)+IF('Standard Profiles'!$G$22=$B$24,21,0),MOD($C8393,24)+1)/SUM(INDEX($D$3:$AA$30,INDEX(Jesper!$R$2:$R$366,ROW(INDEX(Jesper!AL$2:AL$366,ROUNDDOWN($C8393/24,0)+1,1))-1)+IF('Standard Profiles'!$G$22=$B$10,7,0)+IF('Standard Profiles'!$G$22=$B$17,14,0)+IF('Standard Profiles'!$G$22=$B$24,21,0),0)),0)</f>
        <v>0</v>
      </c>
      <c r="I8393">
        <f t="shared" si="930"/>
        <v>9.7953753388891958</v>
      </c>
      <c r="J8393">
        <f t="shared" si="931"/>
        <v>57.288217275330013</v>
      </c>
      <c r="K8393">
        <f t="shared" si="932"/>
        <v>2.5444402913912003</v>
      </c>
      <c r="L8393">
        <f t="shared" si="933"/>
        <v>1.2722201456956002</v>
      </c>
      <c r="M8393">
        <f t="shared" si="934"/>
        <v>0</v>
      </c>
      <c r="N8393" s="45">
        <f t="shared" si="935"/>
        <v>45275.291666646393</v>
      </c>
    </row>
    <row r="8394" spans="2:14" x14ac:dyDescent="0.25">
      <c r="B8394">
        <f t="shared" si="929"/>
        <v>5</v>
      </c>
      <c r="C8394" s="16">
        <v>8360</v>
      </c>
      <c r="D8394" cm="1">
        <f t="array" ref="D8394">IFERROR(INDEX(Jesper!AH$2:AH$366,ROUNDDOWN($C8394/24,0)+1,1)*INDEX($D$3:$AA$30,INDEX(Jesper!$R$2:$R$366,ROW(INDEX(Jesper!AH$2:AH$366,ROUNDDOWN($C8394/24,0)+1,1))-1)+IF('Standard Profiles'!$G$18=$B$10,7,0)+IF('Standard Profiles'!$G$18=$B$17,14,0)+IF('Standard Profiles'!$G$18=$B$24,21,0),MOD($C8394,24)+1)/SUM(INDEX($D$3:$AA$30,INDEX(Jesper!$R$2:$R$366,ROW(INDEX(Jesper!AH$2:AH$366,ROUNDDOWN($C8394/24,0)+1,1))-1)+IF('Standard Profiles'!$G$18=$B$10,7,0)+IF('Standard Profiles'!$G$18=$B$17,14,0)+IF('Standard Profiles'!$G$18=$B$24,21,0),0)),0)</f>
        <v>29.817659664740624</v>
      </c>
      <c r="E8394" cm="1">
        <f t="array" ref="E8394">IFERROR(INDEX(Jesper!AI$2:AI$366,ROUNDDOWN($C8394/24,0)+1,1)*INDEX($D$3:$AA$30,INDEX(Jesper!$R$2:$R$366,ROW(INDEX(Jesper!AI$2:AI$366,ROUNDDOWN($C8394/24,0)+1,1))-1)+IF('Standard Profiles'!$G$19=$B$10,7,0)+IF('Standard Profiles'!$G$19=$B$17,14,0)+IF('Standard Profiles'!$G$19=$B$24,21,0),MOD($C8394,24)+1)/SUM(INDEX($D$3:$AA$30,INDEX(Jesper!$R$2:$R$366,ROW(INDEX(Jesper!AI$2:AI$366,ROUNDDOWN($C8394/24,0)+1,1))-1)+IF('Standard Profiles'!$G$19=$B$10,7,0)+IF('Standard Profiles'!$G$19=$B$17,14,0)+IF('Standard Profiles'!$G$19=$B$24,21,0),0)),0)</f>
        <v>33.298866704367917</v>
      </c>
      <c r="F8394" cm="1">
        <f t="array" ref="F8394">IFERROR(INDEX(Jesper!AJ$2:AJ$366,ROUNDDOWN($C8394/24,0)+1,1)*INDEX($D$3:$AA$30,INDEX(Jesper!$R$2:$R$366,ROW(INDEX(Jesper!AJ$2:AJ$366,ROUNDDOWN($C8394/24,0)+1,1))-1)+IF('Standard Profiles'!$G$20=$B$10,7,0)+IF('Standard Profiles'!$G$20=$B$17,14,0)+IF('Standard Profiles'!$G$20=$B$24,21,0),MOD($C8394,24)+1)/SUM(INDEX($D$3:$AA$30,INDEX(Jesper!$R$2:$R$366,ROW(INDEX(Jesper!AJ$2:AJ$366,ROUNDDOWN($C8394/24,0)+1,1))-1)+IF('Standard Profiles'!$G$20=$B$10,7,0)+IF('Standard Profiles'!$G$20=$B$17,14,0)+IF('Standard Profiles'!$G$20=$B$24,21,0),0)),0)</f>
        <v>0</v>
      </c>
      <c r="G8394" cm="1">
        <f t="array" ref="G8394">IFERROR(INDEX(Jesper!AK$2:AK$366,ROUNDDOWN($C8394/24,0)+1,1)*INDEX($D$3:$AA$30,INDEX(Jesper!$R$2:$R$366,ROW(INDEX(Jesper!AK$2:AK$366,ROUNDDOWN($C8394/24,0)+1,1))-1)+IF('Standard Profiles'!$G$21=$B$10,7,0)+IF('Standard Profiles'!$G$21=$B$17,14,0)+IF('Standard Profiles'!$G$21=$B$24,21,0),MOD($C8394,24)+1)/SUM(INDEX($D$3:$AA$30,INDEX(Jesper!$R$2:$R$366,ROW(INDEX(Jesper!AK$2:AK$366,ROUNDDOWN($C8394/24,0)+1,1))-1)+IF('Standard Profiles'!$G$21=$B$10,7,0)+IF('Standard Profiles'!$G$21=$B$17,14,0)+IF('Standard Profiles'!$G$21=$B$24,21,0),0)),0)</f>
        <v>25.508789945023956</v>
      </c>
      <c r="H8394" cm="1">
        <f t="array" ref="H8394">IFERROR(INDEX(Jesper!AL$2:AL$366,ROUNDDOWN($C8394/24,0)+1,1)*INDEX($D$3:$AA$30,INDEX(Jesper!$R$2:$R$366,ROW(INDEX(Jesper!AL$2:AL$366,ROUNDDOWN($C8394/24,0)+1,1))-1)+IF('Standard Profiles'!$G$22=$B$10,7,0)+IF('Standard Profiles'!$G$22=$B$17,14,0)+IF('Standard Profiles'!$G$22=$B$24,21,0),MOD($C8394,24)+1)/SUM(INDEX($D$3:$AA$30,INDEX(Jesper!$R$2:$R$366,ROW(INDEX(Jesper!AL$2:AL$366,ROUNDDOWN($C8394/24,0)+1,1))-1)+IF('Standard Profiles'!$G$22=$B$10,7,0)+IF('Standard Profiles'!$G$22=$B$17,14,0)+IF('Standard Profiles'!$G$22=$B$24,21,0),0)),0)</f>
        <v>0</v>
      </c>
      <c r="I8394">
        <f t="shared" si="930"/>
        <v>12.244219173611492</v>
      </c>
      <c r="J8394">
        <f t="shared" si="931"/>
        <v>71.610271594162498</v>
      </c>
      <c r="K8394">
        <f t="shared" si="932"/>
        <v>3.1805503642390001</v>
      </c>
      <c r="L8394">
        <f t="shared" si="933"/>
        <v>1.5902751821195</v>
      </c>
      <c r="M8394">
        <f t="shared" si="934"/>
        <v>0</v>
      </c>
      <c r="N8394" s="45">
        <f t="shared" si="935"/>
        <v>45275.333333313058</v>
      </c>
    </row>
    <row r="8395" spans="2:14" x14ac:dyDescent="0.25">
      <c r="B8395">
        <f t="shared" si="929"/>
        <v>5</v>
      </c>
      <c r="C8395" s="16">
        <v>8361</v>
      </c>
      <c r="D8395" cm="1">
        <f t="array" ref="D8395">IFERROR(INDEX(Jesper!AH$2:AH$366,ROUNDDOWN($C8395/24,0)+1,1)*INDEX($D$3:$AA$30,INDEX(Jesper!$R$2:$R$366,ROW(INDEX(Jesper!AH$2:AH$366,ROUNDDOWN($C8395/24,0)+1,1))-1)+IF('Standard Profiles'!$G$18=$B$10,7,0)+IF('Standard Profiles'!$G$18=$B$17,14,0)+IF('Standard Profiles'!$G$18=$B$24,21,0),MOD($C8395,24)+1)/SUM(INDEX($D$3:$AA$30,INDEX(Jesper!$R$2:$R$366,ROW(INDEX(Jesper!AH$2:AH$366,ROUNDDOWN($C8395/24,0)+1,1))-1)+IF('Standard Profiles'!$G$18=$B$10,7,0)+IF('Standard Profiles'!$G$18=$B$17,14,0)+IF('Standard Profiles'!$G$18=$B$24,21,0),0)),0)</f>
        <v>32.799425631214689</v>
      </c>
      <c r="E8395" cm="1">
        <f t="array" ref="E8395">IFERROR(INDEX(Jesper!AI$2:AI$366,ROUNDDOWN($C8395/24,0)+1,1)*INDEX($D$3:$AA$30,INDEX(Jesper!$R$2:$R$366,ROW(INDEX(Jesper!AI$2:AI$366,ROUNDDOWN($C8395/24,0)+1,1))-1)+IF('Standard Profiles'!$G$19=$B$10,7,0)+IF('Standard Profiles'!$G$19=$B$17,14,0)+IF('Standard Profiles'!$G$19=$B$24,21,0),MOD($C8395,24)+1)/SUM(INDEX($D$3:$AA$30,INDEX(Jesper!$R$2:$R$366,ROW(INDEX(Jesper!AI$2:AI$366,ROUNDDOWN($C8395/24,0)+1,1))-1)+IF('Standard Profiles'!$G$19=$B$10,7,0)+IF('Standard Profiles'!$G$19=$B$17,14,0)+IF('Standard Profiles'!$G$19=$B$24,21,0),0)),0)</f>
        <v>36.62875337480471</v>
      </c>
      <c r="F8395" cm="1">
        <f t="array" ref="F8395">IFERROR(INDEX(Jesper!AJ$2:AJ$366,ROUNDDOWN($C8395/24,0)+1,1)*INDEX($D$3:$AA$30,INDEX(Jesper!$R$2:$R$366,ROW(INDEX(Jesper!AJ$2:AJ$366,ROUNDDOWN($C8395/24,0)+1,1))-1)+IF('Standard Profiles'!$G$20=$B$10,7,0)+IF('Standard Profiles'!$G$20=$B$17,14,0)+IF('Standard Profiles'!$G$20=$B$24,21,0),MOD($C8395,24)+1)/SUM(INDEX($D$3:$AA$30,INDEX(Jesper!$R$2:$R$366,ROW(INDEX(Jesper!AJ$2:AJ$366,ROUNDDOWN($C8395/24,0)+1,1))-1)+IF('Standard Profiles'!$G$20=$B$10,7,0)+IF('Standard Profiles'!$G$20=$B$17,14,0)+IF('Standard Profiles'!$G$20=$B$24,21,0),0)),0)</f>
        <v>0</v>
      </c>
      <c r="G8395" cm="1">
        <f t="array" ref="G8395">IFERROR(INDEX(Jesper!AK$2:AK$366,ROUNDDOWN($C8395/24,0)+1,1)*INDEX($D$3:$AA$30,INDEX(Jesper!$R$2:$R$366,ROW(INDEX(Jesper!AK$2:AK$366,ROUNDDOWN($C8395/24,0)+1,1))-1)+IF('Standard Profiles'!$G$21=$B$10,7,0)+IF('Standard Profiles'!$G$21=$B$17,14,0)+IF('Standard Profiles'!$G$21=$B$24,21,0),MOD($C8395,24)+1)/SUM(INDEX($D$3:$AA$30,INDEX(Jesper!$R$2:$R$366,ROW(INDEX(Jesper!AK$2:AK$366,ROUNDDOWN($C8395/24,0)+1,1))-1)+IF('Standard Profiles'!$G$21=$B$10,7,0)+IF('Standard Profiles'!$G$21=$B$17,14,0)+IF('Standard Profiles'!$G$21=$B$24,21,0),0)),0)</f>
        <v>28.059668939526354</v>
      </c>
      <c r="H8395" cm="1">
        <f t="array" ref="H8395">IFERROR(INDEX(Jesper!AL$2:AL$366,ROUNDDOWN($C8395/24,0)+1,1)*INDEX($D$3:$AA$30,INDEX(Jesper!$R$2:$R$366,ROW(INDEX(Jesper!AL$2:AL$366,ROUNDDOWN($C8395/24,0)+1,1))-1)+IF('Standard Profiles'!$G$22=$B$10,7,0)+IF('Standard Profiles'!$G$22=$B$17,14,0)+IF('Standard Profiles'!$G$22=$B$24,21,0),MOD($C8395,24)+1)/SUM(INDEX($D$3:$AA$30,INDEX(Jesper!$R$2:$R$366,ROW(INDEX(Jesper!AL$2:AL$366,ROUNDDOWN($C8395/24,0)+1,1))-1)+IF('Standard Profiles'!$G$22=$B$10,7,0)+IF('Standard Profiles'!$G$22=$B$17,14,0)+IF('Standard Profiles'!$G$22=$B$24,21,0),0)),0)</f>
        <v>0</v>
      </c>
      <c r="I8395">
        <f t="shared" si="930"/>
        <v>13.468641090972643</v>
      </c>
      <c r="J8395">
        <f t="shared" si="931"/>
        <v>78.771298753578762</v>
      </c>
      <c r="K8395">
        <f t="shared" si="932"/>
        <v>3.4986054006629002</v>
      </c>
      <c r="L8395">
        <f t="shared" si="933"/>
        <v>1.7493027003314501</v>
      </c>
      <c r="M8395">
        <f t="shared" si="934"/>
        <v>0</v>
      </c>
      <c r="N8395" s="45">
        <f t="shared" si="935"/>
        <v>45275.374999979722</v>
      </c>
    </row>
    <row r="8396" spans="2:14" x14ac:dyDescent="0.25">
      <c r="B8396">
        <f t="shared" si="929"/>
        <v>5</v>
      </c>
      <c r="C8396" s="16">
        <v>8362</v>
      </c>
      <c r="D8396" cm="1">
        <f t="array" ref="D8396">IFERROR(INDEX(Jesper!AH$2:AH$366,ROUNDDOWN($C8396/24,0)+1,1)*INDEX($D$3:$AA$30,INDEX(Jesper!$R$2:$R$366,ROW(INDEX(Jesper!AH$2:AH$366,ROUNDDOWN($C8396/24,0)+1,1))-1)+IF('Standard Profiles'!$G$18=$B$10,7,0)+IF('Standard Profiles'!$G$18=$B$17,14,0)+IF('Standard Profiles'!$G$18=$B$24,21,0),MOD($C8396,24)+1)/SUM(INDEX($D$3:$AA$30,INDEX(Jesper!$R$2:$R$366,ROW(INDEX(Jesper!AH$2:AH$366,ROUNDDOWN($C8396/24,0)+1,1))-1)+IF('Standard Profiles'!$G$18=$B$10,7,0)+IF('Standard Profiles'!$G$18=$B$17,14,0)+IF('Standard Profiles'!$G$18=$B$24,21,0),0)),0)</f>
        <v>32.799425631214689</v>
      </c>
      <c r="E8396" cm="1">
        <f t="array" ref="E8396">IFERROR(INDEX(Jesper!AI$2:AI$366,ROUNDDOWN($C8396/24,0)+1,1)*INDEX($D$3:$AA$30,INDEX(Jesper!$R$2:$R$366,ROW(INDEX(Jesper!AI$2:AI$366,ROUNDDOWN($C8396/24,0)+1,1))-1)+IF('Standard Profiles'!$G$19=$B$10,7,0)+IF('Standard Profiles'!$G$19=$B$17,14,0)+IF('Standard Profiles'!$G$19=$B$24,21,0),MOD($C8396,24)+1)/SUM(INDEX($D$3:$AA$30,INDEX(Jesper!$R$2:$R$366,ROW(INDEX(Jesper!AI$2:AI$366,ROUNDDOWN($C8396/24,0)+1,1))-1)+IF('Standard Profiles'!$G$19=$B$10,7,0)+IF('Standard Profiles'!$G$19=$B$17,14,0)+IF('Standard Profiles'!$G$19=$B$24,21,0),0)),0)</f>
        <v>36.62875337480471</v>
      </c>
      <c r="F8396" cm="1">
        <f t="array" ref="F8396">IFERROR(INDEX(Jesper!AJ$2:AJ$366,ROUNDDOWN($C8396/24,0)+1,1)*INDEX($D$3:$AA$30,INDEX(Jesper!$R$2:$R$366,ROW(INDEX(Jesper!AJ$2:AJ$366,ROUNDDOWN($C8396/24,0)+1,1))-1)+IF('Standard Profiles'!$G$20=$B$10,7,0)+IF('Standard Profiles'!$G$20=$B$17,14,0)+IF('Standard Profiles'!$G$20=$B$24,21,0),MOD($C8396,24)+1)/SUM(INDEX($D$3:$AA$30,INDEX(Jesper!$R$2:$R$366,ROW(INDEX(Jesper!AJ$2:AJ$366,ROUNDDOWN($C8396/24,0)+1,1))-1)+IF('Standard Profiles'!$G$20=$B$10,7,0)+IF('Standard Profiles'!$G$20=$B$17,14,0)+IF('Standard Profiles'!$G$20=$B$24,21,0),0)),0)</f>
        <v>0</v>
      </c>
      <c r="G8396" cm="1">
        <f t="array" ref="G8396">IFERROR(INDEX(Jesper!AK$2:AK$366,ROUNDDOWN($C8396/24,0)+1,1)*INDEX($D$3:$AA$30,INDEX(Jesper!$R$2:$R$366,ROW(INDEX(Jesper!AK$2:AK$366,ROUNDDOWN($C8396/24,0)+1,1))-1)+IF('Standard Profiles'!$G$21=$B$10,7,0)+IF('Standard Profiles'!$G$21=$B$17,14,0)+IF('Standard Profiles'!$G$21=$B$24,21,0),MOD($C8396,24)+1)/SUM(INDEX($D$3:$AA$30,INDEX(Jesper!$R$2:$R$366,ROW(INDEX(Jesper!AK$2:AK$366,ROUNDDOWN($C8396/24,0)+1,1))-1)+IF('Standard Profiles'!$G$21=$B$10,7,0)+IF('Standard Profiles'!$G$21=$B$17,14,0)+IF('Standard Profiles'!$G$21=$B$24,21,0),0)),0)</f>
        <v>28.059668939526354</v>
      </c>
      <c r="H8396" cm="1">
        <f t="array" ref="H8396">IFERROR(INDEX(Jesper!AL$2:AL$366,ROUNDDOWN($C8396/24,0)+1,1)*INDEX($D$3:$AA$30,INDEX(Jesper!$R$2:$R$366,ROW(INDEX(Jesper!AL$2:AL$366,ROUNDDOWN($C8396/24,0)+1,1))-1)+IF('Standard Profiles'!$G$22=$B$10,7,0)+IF('Standard Profiles'!$G$22=$B$17,14,0)+IF('Standard Profiles'!$G$22=$B$24,21,0),MOD($C8396,24)+1)/SUM(INDEX($D$3:$AA$30,INDEX(Jesper!$R$2:$R$366,ROW(INDEX(Jesper!AL$2:AL$366,ROUNDDOWN($C8396/24,0)+1,1))-1)+IF('Standard Profiles'!$G$22=$B$10,7,0)+IF('Standard Profiles'!$G$22=$B$17,14,0)+IF('Standard Profiles'!$G$22=$B$24,21,0),0)),0)</f>
        <v>0</v>
      </c>
      <c r="I8396">
        <f t="shared" si="930"/>
        <v>13.468641090972643</v>
      </c>
      <c r="J8396">
        <f t="shared" si="931"/>
        <v>78.771298753578762</v>
      </c>
      <c r="K8396">
        <f t="shared" si="932"/>
        <v>3.4986054006629002</v>
      </c>
      <c r="L8396">
        <f t="shared" si="933"/>
        <v>1.7493027003314501</v>
      </c>
      <c r="M8396">
        <f t="shared" si="934"/>
        <v>0</v>
      </c>
      <c r="N8396" s="45">
        <f t="shared" si="935"/>
        <v>45275.416666646386</v>
      </c>
    </row>
    <row r="8397" spans="2:14" x14ac:dyDescent="0.25">
      <c r="B8397">
        <f t="shared" si="929"/>
        <v>5</v>
      </c>
      <c r="C8397" s="16">
        <v>8363</v>
      </c>
      <c r="D8397" cm="1">
        <f t="array" ref="D8397">IFERROR(INDEX(Jesper!AH$2:AH$366,ROUNDDOWN($C8397/24,0)+1,1)*INDEX($D$3:$AA$30,INDEX(Jesper!$R$2:$R$366,ROW(INDEX(Jesper!AH$2:AH$366,ROUNDDOWN($C8397/24,0)+1,1))-1)+IF('Standard Profiles'!$G$18=$B$10,7,0)+IF('Standard Profiles'!$G$18=$B$17,14,0)+IF('Standard Profiles'!$G$18=$B$24,21,0),MOD($C8397,24)+1)/SUM(INDEX($D$3:$AA$30,INDEX(Jesper!$R$2:$R$366,ROW(INDEX(Jesper!AH$2:AH$366,ROUNDDOWN($C8397/24,0)+1,1))-1)+IF('Standard Profiles'!$G$18=$B$10,7,0)+IF('Standard Profiles'!$G$18=$B$17,14,0)+IF('Standard Profiles'!$G$18=$B$24,21,0),0)),0)</f>
        <v>38.762957564162811</v>
      </c>
      <c r="E8397" cm="1">
        <f t="array" ref="E8397">IFERROR(INDEX(Jesper!AI$2:AI$366,ROUNDDOWN($C8397/24,0)+1,1)*INDEX($D$3:$AA$30,INDEX(Jesper!$R$2:$R$366,ROW(INDEX(Jesper!AI$2:AI$366,ROUNDDOWN($C8397/24,0)+1,1))-1)+IF('Standard Profiles'!$G$19=$B$10,7,0)+IF('Standard Profiles'!$G$19=$B$17,14,0)+IF('Standard Profiles'!$G$19=$B$24,21,0),MOD($C8397,24)+1)/SUM(INDEX($D$3:$AA$30,INDEX(Jesper!$R$2:$R$366,ROW(INDEX(Jesper!AI$2:AI$366,ROUNDDOWN($C8397/24,0)+1,1))-1)+IF('Standard Profiles'!$G$19=$B$10,7,0)+IF('Standard Profiles'!$G$19=$B$17,14,0)+IF('Standard Profiles'!$G$19=$B$24,21,0),0)),0)</f>
        <v>43.288526715678294</v>
      </c>
      <c r="F8397" cm="1">
        <f t="array" ref="F8397">IFERROR(INDEX(Jesper!AJ$2:AJ$366,ROUNDDOWN($C8397/24,0)+1,1)*INDEX($D$3:$AA$30,INDEX(Jesper!$R$2:$R$366,ROW(INDEX(Jesper!AJ$2:AJ$366,ROUNDDOWN($C8397/24,0)+1,1))-1)+IF('Standard Profiles'!$G$20=$B$10,7,0)+IF('Standard Profiles'!$G$20=$B$17,14,0)+IF('Standard Profiles'!$G$20=$B$24,21,0),MOD($C8397,24)+1)/SUM(INDEX($D$3:$AA$30,INDEX(Jesper!$R$2:$R$366,ROW(INDEX(Jesper!AJ$2:AJ$366,ROUNDDOWN($C8397/24,0)+1,1))-1)+IF('Standard Profiles'!$G$20=$B$10,7,0)+IF('Standard Profiles'!$G$20=$B$17,14,0)+IF('Standard Profiles'!$G$20=$B$24,21,0),0)),0)</f>
        <v>0</v>
      </c>
      <c r="G8397" cm="1">
        <f t="array" ref="G8397">IFERROR(INDEX(Jesper!AK$2:AK$366,ROUNDDOWN($C8397/24,0)+1,1)*INDEX($D$3:$AA$30,INDEX(Jesper!$R$2:$R$366,ROW(INDEX(Jesper!AK$2:AK$366,ROUNDDOWN($C8397/24,0)+1,1))-1)+IF('Standard Profiles'!$G$21=$B$10,7,0)+IF('Standard Profiles'!$G$21=$B$17,14,0)+IF('Standard Profiles'!$G$21=$B$24,21,0),MOD($C8397,24)+1)/SUM(INDEX($D$3:$AA$30,INDEX(Jesper!$R$2:$R$366,ROW(INDEX(Jesper!AK$2:AK$366,ROUNDDOWN($C8397/24,0)+1,1))-1)+IF('Standard Profiles'!$G$21=$B$10,7,0)+IF('Standard Profiles'!$G$21=$B$17,14,0)+IF('Standard Profiles'!$G$21=$B$24,21,0),0)),0)</f>
        <v>33.161426928531142</v>
      </c>
      <c r="H8397" cm="1">
        <f t="array" ref="H8397">IFERROR(INDEX(Jesper!AL$2:AL$366,ROUNDDOWN($C8397/24,0)+1,1)*INDEX($D$3:$AA$30,INDEX(Jesper!$R$2:$R$366,ROW(INDEX(Jesper!AL$2:AL$366,ROUNDDOWN($C8397/24,0)+1,1))-1)+IF('Standard Profiles'!$G$22=$B$10,7,0)+IF('Standard Profiles'!$G$22=$B$17,14,0)+IF('Standard Profiles'!$G$22=$B$24,21,0),MOD($C8397,24)+1)/SUM(INDEX($D$3:$AA$30,INDEX(Jesper!$R$2:$R$366,ROW(INDEX(Jesper!AL$2:AL$366,ROUNDDOWN($C8397/24,0)+1,1))-1)+IF('Standard Profiles'!$G$22=$B$10,7,0)+IF('Standard Profiles'!$G$22=$B$17,14,0)+IF('Standard Profiles'!$G$22=$B$24,21,0),0)),0)</f>
        <v>0</v>
      </c>
      <c r="I8397">
        <f t="shared" si="930"/>
        <v>15.917484925694941</v>
      </c>
      <c r="J8397">
        <f t="shared" si="931"/>
        <v>93.093353072411261</v>
      </c>
      <c r="K8397">
        <f t="shared" si="932"/>
        <v>4.1347154735106999</v>
      </c>
      <c r="L8397">
        <f t="shared" si="933"/>
        <v>2.06735773675535</v>
      </c>
      <c r="M8397">
        <f t="shared" si="934"/>
        <v>0</v>
      </c>
      <c r="N8397" s="45">
        <f t="shared" si="935"/>
        <v>45275.45833331305</v>
      </c>
    </row>
    <row r="8398" spans="2:14" x14ac:dyDescent="0.25">
      <c r="B8398">
        <f t="shared" si="929"/>
        <v>5</v>
      </c>
      <c r="C8398" s="16">
        <v>8364</v>
      </c>
      <c r="D8398" cm="1">
        <f t="array" ref="D8398">IFERROR(INDEX(Jesper!AH$2:AH$366,ROUNDDOWN($C8398/24,0)+1,1)*INDEX($D$3:$AA$30,INDEX(Jesper!$R$2:$R$366,ROW(INDEX(Jesper!AH$2:AH$366,ROUNDDOWN($C8398/24,0)+1,1))-1)+IF('Standard Profiles'!$G$18=$B$10,7,0)+IF('Standard Profiles'!$G$18=$B$17,14,0)+IF('Standard Profiles'!$G$18=$B$24,21,0),MOD($C8398,24)+1)/SUM(INDEX($D$3:$AA$30,INDEX(Jesper!$R$2:$R$366,ROW(INDEX(Jesper!AH$2:AH$366,ROUNDDOWN($C8398/24,0)+1,1))-1)+IF('Standard Profiles'!$G$18=$B$10,7,0)+IF('Standard Profiles'!$G$18=$B$17,14,0)+IF('Standard Profiles'!$G$18=$B$24,21,0),0)),0)</f>
        <v>38.762957564162811</v>
      </c>
      <c r="E8398" cm="1">
        <f t="array" ref="E8398">IFERROR(INDEX(Jesper!AI$2:AI$366,ROUNDDOWN($C8398/24,0)+1,1)*INDEX($D$3:$AA$30,INDEX(Jesper!$R$2:$R$366,ROW(INDEX(Jesper!AI$2:AI$366,ROUNDDOWN($C8398/24,0)+1,1))-1)+IF('Standard Profiles'!$G$19=$B$10,7,0)+IF('Standard Profiles'!$G$19=$B$17,14,0)+IF('Standard Profiles'!$G$19=$B$24,21,0),MOD($C8398,24)+1)/SUM(INDEX($D$3:$AA$30,INDEX(Jesper!$R$2:$R$366,ROW(INDEX(Jesper!AI$2:AI$366,ROUNDDOWN($C8398/24,0)+1,1))-1)+IF('Standard Profiles'!$G$19=$B$10,7,0)+IF('Standard Profiles'!$G$19=$B$17,14,0)+IF('Standard Profiles'!$G$19=$B$24,21,0),0)),0)</f>
        <v>43.288526715678294</v>
      </c>
      <c r="F8398" cm="1">
        <f t="array" ref="F8398">IFERROR(INDEX(Jesper!AJ$2:AJ$366,ROUNDDOWN($C8398/24,0)+1,1)*INDEX($D$3:$AA$30,INDEX(Jesper!$R$2:$R$366,ROW(INDEX(Jesper!AJ$2:AJ$366,ROUNDDOWN($C8398/24,0)+1,1))-1)+IF('Standard Profiles'!$G$20=$B$10,7,0)+IF('Standard Profiles'!$G$20=$B$17,14,0)+IF('Standard Profiles'!$G$20=$B$24,21,0),MOD($C8398,24)+1)/SUM(INDEX($D$3:$AA$30,INDEX(Jesper!$R$2:$R$366,ROW(INDEX(Jesper!AJ$2:AJ$366,ROUNDDOWN($C8398/24,0)+1,1))-1)+IF('Standard Profiles'!$G$20=$B$10,7,0)+IF('Standard Profiles'!$G$20=$B$17,14,0)+IF('Standard Profiles'!$G$20=$B$24,21,0),0)),0)</f>
        <v>0</v>
      </c>
      <c r="G8398" cm="1">
        <f t="array" ref="G8398">IFERROR(INDEX(Jesper!AK$2:AK$366,ROUNDDOWN($C8398/24,0)+1,1)*INDEX($D$3:$AA$30,INDEX(Jesper!$R$2:$R$366,ROW(INDEX(Jesper!AK$2:AK$366,ROUNDDOWN($C8398/24,0)+1,1))-1)+IF('Standard Profiles'!$G$21=$B$10,7,0)+IF('Standard Profiles'!$G$21=$B$17,14,0)+IF('Standard Profiles'!$G$21=$B$24,21,0),MOD($C8398,24)+1)/SUM(INDEX($D$3:$AA$30,INDEX(Jesper!$R$2:$R$366,ROW(INDEX(Jesper!AK$2:AK$366,ROUNDDOWN($C8398/24,0)+1,1))-1)+IF('Standard Profiles'!$G$21=$B$10,7,0)+IF('Standard Profiles'!$G$21=$B$17,14,0)+IF('Standard Profiles'!$G$21=$B$24,21,0),0)),0)</f>
        <v>33.161426928531142</v>
      </c>
      <c r="H8398" cm="1">
        <f t="array" ref="H8398">IFERROR(INDEX(Jesper!AL$2:AL$366,ROUNDDOWN($C8398/24,0)+1,1)*INDEX($D$3:$AA$30,INDEX(Jesper!$R$2:$R$366,ROW(INDEX(Jesper!AL$2:AL$366,ROUNDDOWN($C8398/24,0)+1,1))-1)+IF('Standard Profiles'!$G$22=$B$10,7,0)+IF('Standard Profiles'!$G$22=$B$17,14,0)+IF('Standard Profiles'!$G$22=$B$24,21,0),MOD($C8398,24)+1)/SUM(INDEX($D$3:$AA$30,INDEX(Jesper!$R$2:$R$366,ROW(INDEX(Jesper!AL$2:AL$366,ROUNDDOWN($C8398/24,0)+1,1))-1)+IF('Standard Profiles'!$G$22=$B$10,7,0)+IF('Standard Profiles'!$G$22=$B$17,14,0)+IF('Standard Profiles'!$G$22=$B$24,21,0),0)),0)</f>
        <v>0</v>
      </c>
      <c r="I8398">
        <f t="shared" si="930"/>
        <v>15.917484925694941</v>
      </c>
      <c r="J8398">
        <f t="shared" si="931"/>
        <v>93.093353072411261</v>
      </c>
      <c r="K8398">
        <f t="shared" si="932"/>
        <v>4.1347154735106999</v>
      </c>
      <c r="L8398">
        <f t="shared" si="933"/>
        <v>2.06735773675535</v>
      </c>
      <c r="M8398">
        <f t="shared" si="934"/>
        <v>0</v>
      </c>
      <c r="N8398" s="45">
        <f t="shared" si="935"/>
        <v>45275.499999979715</v>
      </c>
    </row>
    <row r="8399" spans="2:14" x14ac:dyDescent="0.25">
      <c r="B8399">
        <f t="shared" si="929"/>
        <v>5</v>
      </c>
      <c r="C8399" s="16">
        <v>8365</v>
      </c>
      <c r="D8399" cm="1">
        <f t="array" ref="D8399">IFERROR(INDEX(Jesper!AH$2:AH$366,ROUNDDOWN($C8399/24,0)+1,1)*INDEX($D$3:$AA$30,INDEX(Jesper!$R$2:$R$366,ROW(INDEX(Jesper!AH$2:AH$366,ROUNDDOWN($C8399/24,0)+1,1))-1)+IF('Standard Profiles'!$G$18=$B$10,7,0)+IF('Standard Profiles'!$G$18=$B$17,14,0)+IF('Standard Profiles'!$G$18=$B$24,21,0),MOD($C8399,24)+1)/SUM(INDEX($D$3:$AA$30,INDEX(Jesper!$R$2:$R$366,ROW(INDEX(Jesper!AH$2:AH$366,ROUNDDOWN($C8399/24,0)+1,1))-1)+IF('Standard Profiles'!$G$18=$B$10,7,0)+IF('Standard Profiles'!$G$18=$B$17,14,0)+IF('Standard Profiles'!$G$18=$B$24,21,0),0)),0)</f>
        <v>26.835893698266563</v>
      </c>
      <c r="E8399" cm="1">
        <f t="array" ref="E8399">IFERROR(INDEX(Jesper!AI$2:AI$366,ROUNDDOWN($C8399/24,0)+1,1)*INDEX($D$3:$AA$30,INDEX(Jesper!$R$2:$R$366,ROW(INDEX(Jesper!AI$2:AI$366,ROUNDDOWN($C8399/24,0)+1,1))-1)+IF('Standard Profiles'!$G$19=$B$10,7,0)+IF('Standard Profiles'!$G$19=$B$17,14,0)+IF('Standard Profiles'!$G$19=$B$24,21,0),MOD($C8399,24)+1)/SUM(INDEX($D$3:$AA$30,INDEX(Jesper!$R$2:$R$366,ROW(INDEX(Jesper!AI$2:AI$366,ROUNDDOWN($C8399/24,0)+1,1))-1)+IF('Standard Profiles'!$G$19=$B$10,7,0)+IF('Standard Profiles'!$G$19=$B$17,14,0)+IF('Standard Profiles'!$G$19=$B$24,21,0),0)),0)</f>
        <v>29.968980033931128</v>
      </c>
      <c r="F8399" cm="1">
        <f t="array" ref="F8399">IFERROR(INDEX(Jesper!AJ$2:AJ$366,ROUNDDOWN($C8399/24,0)+1,1)*INDEX($D$3:$AA$30,INDEX(Jesper!$R$2:$R$366,ROW(INDEX(Jesper!AJ$2:AJ$366,ROUNDDOWN($C8399/24,0)+1,1))-1)+IF('Standard Profiles'!$G$20=$B$10,7,0)+IF('Standard Profiles'!$G$20=$B$17,14,0)+IF('Standard Profiles'!$G$20=$B$24,21,0),MOD($C8399,24)+1)/SUM(INDEX($D$3:$AA$30,INDEX(Jesper!$R$2:$R$366,ROW(INDEX(Jesper!AJ$2:AJ$366,ROUNDDOWN($C8399/24,0)+1,1))-1)+IF('Standard Profiles'!$G$20=$B$10,7,0)+IF('Standard Profiles'!$G$20=$B$17,14,0)+IF('Standard Profiles'!$G$20=$B$24,21,0),0)),0)</f>
        <v>0</v>
      </c>
      <c r="G8399" cm="1">
        <f t="array" ref="G8399">IFERROR(INDEX(Jesper!AK$2:AK$366,ROUNDDOWN($C8399/24,0)+1,1)*INDEX($D$3:$AA$30,INDEX(Jesper!$R$2:$R$366,ROW(INDEX(Jesper!AK$2:AK$366,ROUNDDOWN($C8399/24,0)+1,1))-1)+IF('Standard Profiles'!$G$21=$B$10,7,0)+IF('Standard Profiles'!$G$21=$B$17,14,0)+IF('Standard Profiles'!$G$21=$B$24,21,0),MOD($C8399,24)+1)/SUM(INDEX($D$3:$AA$30,INDEX(Jesper!$R$2:$R$366,ROW(INDEX(Jesper!AK$2:AK$366,ROUNDDOWN($C8399/24,0)+1,1))-1)+IF('Standard Profiles'!$G$21=$B$10,7,0)+IF('Standard Profiles'!$G$21=$B$17,14,0)+IF('Standard Profiles'!$G$21=$B$24,21,0),0)),0)</f>
        <v>22.957910950521562</v>
      </c>
      <c r="H8399" cm="1">
        <f t="array" ref="H8399">IFERROR(INDEX(Jesper!AL$2:AL$366,ROUNDDOWN($C8399/24,0)+1,1)*INDEX($D$3:$AA$30,INDEX(Jesper!$R$2:$R$366,ROW(INDEX(Jesper!AL$2:AL$366,ROUNDDOWN($C8399/24,0)+1,1))-1)+IF('Standard Profiles'!$G$22=$B$10,7,0)+IF('Standard Profiles'!$G$22=$B$17,14,0)+IF('Standard Profiles'!$G$22=$B$24,21,0),MOD($C8399,24)+1)/SUM(INDEX($D$3:$AA$30,INDEX(Jesper!$R$2:$R$366,ROW(INDEX(Jesper!AL$2:AL$366,ROUNDDOWN($C8399/24,0)+1,1))-1)+IF('Standard Profiles'!$G$22=$B$10,7,0)+IF('Standard Profiles'!$G$22=$B$17,14,0)+IF('Standard Profiles'!$G$22=$B$24,21,0),0)),0)</f>
        <v>0</v>
      </c>
      <c r="I8399">
        <f t="shared" si="930"/>
        <v>11.019797256250344</v>
      </c>
      <c r="J8399">
        <f t="shared" si="931"/>
        <v>64.449244434746262</v>
      </c>
      <c r="K8399">
        <f t="shared" si="932"/>
        <v>2.8624953278151004</v>
      </c>
      <c r="L8399">
        <f t="shared" si="933"/>
        <v>1.4312476639075502</v>
      </c>
      <c r="M8399">
        <f t="shared" si="934"/>
        <v>0</v>
      </c>
      <c r="N8399" s="45">
        <f t="shared" si="935"/>
        <v>45275.541666646379</v>
      </c>
    </row>
    <row r="8400" spans="2:14" x14ac:dyDescent="0.25">
      <c r="B8400">
        <f t="shared" si="929"/>
        <v>5</v>
      </c>
      <c r="C8400" s="16">
        <v>8366</v>
      </c>
      <c r="D8400" cm="1">
        <f t="array" ref="D8400">IFERROR(INDEX(Jesper!AH$2:AH$366,ROUNDDOWN($C8400/24,0)+1,1)*INDEX($D$3:$AA$30,INDEX(Jesper!$R$2:$R$366,ROW(INDEX(Jesper!AH$2:AH$366,ROUNDDOWN($C8400/24,0)+1,1))-1)+IF('Standard Profiles'!$G$18=$B$10,7,0)+IF('Standard Profiles'!$G$18=$B$17,14,0)+IF('Standard Profiles'!$G$18=$B$24,21,0),MOD($C8400,24)+1)/SUM(INDEX($D$3:$AA$30,INDEX(Jesper!$R$2:$R$366,ROW(INDEX(Jesper!AH$2:AH$366,ROUNDDOWN($C8400/24,0)+1,1))-1)+IF('Standard Profiles'!$G$18=$B$10,7,0)+IF('Standard Profiles'!$G$18=$B$17,14,0)+IF('Standard Profiles'!$G$18=$B$24,21,0),0)),0)</f>
        <v>38.762957564162811</v>
      </c>
      <c r="E8400" cm="1">
        <f t="array" ref="E8400">IFERROR(INDEX(Jesper!AI$2:AI$366,ROUNDDOWN($C8400/24,0)+1,1)*INDEX($D$3:$AA$30,INDEX(Jesper!$R$2:$R$366,ROW(INDEX(Jesper!AI$2:AI$366,ROUNDDOWN($C8400/24,0)+1,1))-1)+IF('Standard Profiles'!$G$19=$B$10,7,0)+IF('Standard Profiles'!$G$19=$B$17,14,0)+IF('Standard Profiles'!$G$19=$B$24,21,0),MOD($C8400,24)+1)/SUM(INDEX($D$3:$AA$30,INDEX(Jesper!$R$2:$R$366,ROW(INDEX(Jesper!AI$2:AI$366,ROUNDDOWN($C8400/24,0)+1,1))-1)+IF('Standard Profiles'!$G$19=$B$10,7,0)+IF('Standard Profiles'!$G$19=$B$17,14,0)+IF('Standard Profiles'!$G$19=$B$24,21,0),0)),0)</f>
        <v>43.288526715678294</v>
      </c>
      <c r="F8400" cm="1">
        <f t="array" ref="F8400">IFERROR(INDEX(Jesper!AJ$2:AJ$366,ROUNDDOWN($C8400/24,0)+1,1)*INDEX($D$3:$AA$30,INDEX(Jesper!$R$2:$R$366,ROW(INDEX(Jesper!AJ$2:AJ$366,ROUNDDOWN($C8400/24,0)+1,1))-1)+IF('Standard Profiles'!$G$20=$B$10,7,0)+IF('Standard Profiles'!$G$20=$B$17,14,0)+IF('Standard Profiles'!$G$20=$B$24,21,0),MOD($C8400,24)+1)/SUM(INDEX($D$3:$AA$30,INDEX(Jesper!$R$2:$R$366,ROW(INDEX(Jesper!AJ$2:AJ$366,ROUNDDOWN($C8400/24,0)+1,1))-1)+IF('Standard Profiles'!$G$20=$B$10,7,0)+IF('Standard Profiles'!$G$20=$B$17,14,0)+IF('Standard Profiles'!$G$20=$B$24,21,0),0)),0)</f>
        <v>0</v>
      </c>
      <c r="G8400" cm="1">
        <f t="array" ref="G8400">IFERROR(INDEX(Jesper!AK$2:AK$366,ROUNDDOWN($C8400/24,0)+1,1)*INDEX($D$3:$AA$30,INDEX(Jesper!$R$2:$R$366,ROW(INDEX(Jesper!AK$2:AK$366,ROUNDDOWN($C8400/24,0)+1,1))-1)+IF('Standard Profiles'!$G$21=$B$10,7,0)+IF('Standard Profiles'!$G$21=$B$17,14,0)+IF('Standard Profiles'!$G$21=$B$24,21,0),MOD($C8400,24)+1)/SUM(INDEX($D$3:$AA$30,INDEX(Jesper!$R$2:$R$366,ROW(INDEX(Jesper!AK$2:AK$366,ROUNDDOWN($C8400/24,0)+1,1))-1)+IF('Standard Profiles'!$G$21=$B$10,7,0)+IF('Standard Profiles'!$G$21=$B$17,14,0)+IF('Standard Profiles'!$G$21=$B$24,21,0),0)),0)</f>
        <v>33.161426928531142</v>
      </c>
      <c r="H8400" cm="1">
        <f t="array" ref="H8400">IFERROR(INDEX(Jesper!AL$2:AL$366,ROUNDDOWN($C8400/24,0)+1,1)*INDEX($D$3:$AA$30,INDEX(Jesper!$R$2:$R$366,ROW(INDEX(Jesper!AL$2:AL$366,ROUNDDOWN($C8400/24,0)+1,1))-1)+IF('Standard Profiles'!$G$22=$B$10,7,0)+IF('Standard Profiles'!$G$22=$B$17,14,0)+IF('Standard Profiles'!$G$22=$B$24,21,0),MOD($C8400,24)+1)/SUM(INDEX($D$3:$AA$30,INDEX(Jesper!$R$2:$R$366,ROW(INDEX(Jesper!AL$2:AL$366,ROUNDDOWN($C8400/24,0)+1,1))-1)+IF('Standard Profiles'!$G$22=$B$10,7,0)+IF('Standard Profiles'!$G$22=$B$17,14,0)+IF('Standard Profiles'!$G$22=$B$24,21,0),0)),0)</f>
        <v>0</v>
      </c>
      <c r="I8400">
        <f t="shared" si="930"/>
        <v>15.917484925694941</v>
      </c>
      <c r="J8400">
        <f t="shared" si="931"/>
        <v>93.093353072411261</v>
      </c>
      <c r="K8400">
        <f t="shared" si="932"/>
        <v>4.1347154735106999</v>
      </c>
      <c r="L8400">
        <f t="shared" si="933"/>
        <v>2.06735773675535</v>
      </c>
      <c r="M8400">
        <f t="shared" si="934"/>
        <v>0</v>
      </c>
      <c r="N8400" s="45">
        <f t="shared" si="935"/>
        <v>45275.583333313043</v>
      </c>
    </row>
    <row r="8401" spans="2:14" x14ac:dyDescent="0.25">
      <c r="B8401">
        <f t="shared" si="929"/>
        <v>5</v>
      </c>
      <c r="C8401" s="16">
        <v>8367</v>
      </c>
      <c r="D8401" cm="1">
        <f t="array" ref="D8401">IFERROR(INDEX(Jesper!AH$2:AH$366,ROUNDDOWN($C8401/24,0)+1,1)*INDEX($D$3:$AA$30,INDEX(Jesper!$R$2:$R$366,ROW(INDEX(Jesper!AH$2:AH$366,ROUNDDOWN($C8401/24,0)+1,1))-1)+IF('Standard Profiles'!$G$18=$B$10,7,0)+IF('Standard Profiles'!$G$18=$B$17,14,0)+IF('Standard Profiles'!$G$18=$B$24,21,0),MOD($C8401,24)+1)/SUM(INDEX($D$3:$AA$30,INDEX(Jesper!$R$2:$R$366,ROW(INDEX(Jesper!AH$2:AH$366,ROUNDDOWN($C8401/24,0)+1,1))-1)+IF('Standard Profiles'!$G$18=$B$10,7,0)+IF('Standard Profiles'!$G$18=$B$17,14,0)+IF('Standard Profiles'!$G$18=$B$24,21,0),0)),0)</f>
        <v>29.817659664740624</v>
      </c>
      <c r="E8401" cm="1">
        <f t="array" ref="E8401">IFERROR(INDEX(Jesper!AI$2:AI$366,ROUNDDOWN($C8401/24,0)+1,1)*INDEX($D$3:$AA$30,INDEX(Jesper!$R$2:$R$366,ROW(INDEX(Jesper!AI$2:AI$366,ROUNDDOWN($C8401/24,0)+1,1))-1)+IF('Standard Profiles'!$G$19=$B$10,7,0)+IF('Standard Profiles'!$G$19=$B$17,14,0)+IF('Standard Profiles'!$G$19=$B$24,21,0),MOD($C8401,24)+1)/SUM(INDEX($D$3:$AA$30,INDEX(Jesper!$R$2:$R$366,ROW(INDEX(Jesper!AI$2:AI$366,ROUNDDOWN($C8401/24,0)+1,1))-1)+IF('Standard Profiles'!$G$19=$B$10,7,0)+IF('Standard Profiles'!$G$19=$B$17,14,0)+IF('Standard Profiles'!$G$19=$B$24,21,0),0)),0)</f>
        <v>33.298866704367917</v>
      </c>
      <c r="F8401" cm="1">
        <f t="array" ref="F8401">IFERROR(INDEX(Jesper!AJ$2:AJ$366,ROUNDDOWN($C8401/24,0)+1,1)*INDEX($D$3:$AA$30,INDEX(Jesper!$R$2:$R$366,ROW(INDEX(Jesper!AJ$2:AJ$366,ROUNDDOWN($C8401/24,0)+1,1))-1)+IF('Standard Profiles'!$G$20=$B$10,7,0)+IF('Standard Profiles'!$G$20=$B$17,14,0)+IF('Standard Profiles'!$G$20=$B$24,21,0),MOD($C8401,24)+1)/SUM(INDEX($D$3:$AA$30,INDEX(Jesper!$R$2:$R$366,ROW(INDEX(Jesper!AJ$2:AJ$366,ROUNDDOWN($C8401/24,0)+1,1))-1)+IF('Standard Profiles'!$G$20=$B$10,7,0)+IF('Standard Profiles'!$G$20=$B$17,14,0)+IF('Standard Profiles'!$G$20=$B$24,21,0),0)),0)</f>
        <v>0</v>
      </c>
      <c r="G8401" cm="1">
        <f t="array" ref="G8401">IFERROR(INDEX(Jesper!AK$2:AK$366,ROUNDDOWN($C8401/24,0)+1,1)*INDEX($D$3:$AA$30,INDEX(Jesper!$R$2:$R$366,ROW(INDEX(Jesper!AK$2:AK$366,ROUNDDOWN($C8401/24,0)+1,1))-1)+IF('Standard Profiles'!$G$21=$B$10,7,0)+IF('Standard Profiles'!$G$21=$B$17,14,0)+IF('Standard Profiles'!$G$21=$B$24,21,0),MOD($C8401,24)+1)/SUM(INDEX($D$3:$AA$30,INDEX(Jesper!$R$2:$R$366,ROW(INDEX(Jesper!AK$2:AK$366,ROUNDDOWN($C8401/24,0)+1,1))-1)+IF('Standard Profiles'!$G$21=$B$10,7,0)+IF('Standard Profiles'!$G$21=$B$17,14,0)+IF('Standard Profiles'!$G$21=$B$24,21,0),0)),0)</f>
        <v>28.059668939526354</v>
      </c>
      <c r="H8401" cm="1">
        <f t="array" ref="H8401">IFERROR(INDEX(Jesper!AL$2:AL$366,ROUNDDOWN($C8401/24,0)+1,1)*INDEX($D$3:$AA$30,INDEX(Jesper!$R$2:$R$366,ROW(INDEX(Jesper!AL$2:AL$366,ROUNDDOWN($C8401/24,0)+1,1))-1)+IF('Standard Profiles'!$G$22=$B$10,7,0)+IF('Standard Profiles'!$G$22=$B$17,14,0)+IF('Standard Profiles'!$G$22=$B$24,21,0),MOD($C8401,24)+1)/SUM(INDEX($D$3:$AA$30,INDEX(Jesper!$R$2:$R$366,ROW(INDEX(Jesper!AL$2:AL$366,ROUNDDOWN($C8401/24,0)+1,1))-1)+IF('Standard Profiles'!$G$22=$B$10,7,0)+IF('Standard Profiles'!$G$22=$B$17,14,0)+IF('Standard Profiles'!$G$22=$B$24,21,0),0)),0)</f>
        <v>0</v>
      </c>
      <c r="I8401">
        <f t="shared" si="930"/>
        <v>13.468641090972643</v>
      </c>
      <c r="J8401">
        <f t="shared" si="931"/>
        <v>72.936728671303754</v>
      </c>
      <c r="K8401">
        <f t="shared" si="932"/>
        <v>3.1805503642390001</v>
      </c>
      <c r="L8401">
        <f t="shared" si="933"/>
        <v>1.5902751821195</v>
      </c>
      <c r="M8401">
        <f t="shared" si="934"/>
        <v>0</v>
      </c>
      <c r="N8401" s="45">
        <f t="shared" si="935"/>
        <v>45275.624999979707</v>
      </c>
    </row>
    <row r="8402" spans="2:14" x14ac:dyDescent="0.25">
      <c r="B8402">
        <f t="shared" si="929"/>
        <v>5</v>
      </c>
      <c r="C8402" s="16">
        <v>8368</v>
      </c>
      <c r="D8402" cm="1">
        <f t="array" ref="D8402">IFERROR(INDEX(Jesper!AH$2:AH$366,ROUNDDOWN($C8402/24,0)+1,1)*INDEX($D$3:$AA$30,INDEX(Jesper!$R$2:$R$366,ROW(INDEX(Jesper!AH$2:AH$366,ROUNDDOWN($C8402/24,0)+1,1))-1)+IF('Standard Profiles'!$G$18=$B$10,7,0)+IF('Standard Profiles'!$G$18=$B$17,14,0)+IF('Standard Profiles'!$G$18=$B$24,21,0),MOD($C8402,24)+1)/SUM(INDEX($D$3:$AA$30,INDEX(Jesper!$R$2:$R$366,ROW(INDEX(Jesper!AH$2:AH$366,ROUNDDOWN($C8402/24,0)+1,1))-1)+IF('Standard Profiles'!$G$18=$B$10,7,0)+IF('Standard Profiles'!$G$18=$B$17,14,0)+IF('Standard Profiles'!$G$18=$B$24,21,0),0)),0)</f>
        <v>13.998901251051937</v>
      </c>
      <c r="E8402" cm="1">
        <f t="array" ref="E8402">IFERROR(INDEX(Jesper!AI$2:AI$366,ROUNDDOWN($C8402/24,0)+1,1)*INDEX($D$3:$AA$30,INDEX(Jesper!$R$2:$R$366,ROW(INDEX(Jesper!AI$2:AI$366,ROUNDDOWN($C8402/24,0)+1,1))-1)+IF('Standard Profiles'!$G$19=$B$10,7,0)+IF('Standard Profiles'!$G$19=$B$17,14,0)+IF('Standard Profiles'!$G$19=$B$24,21,0),MOD($C8402,24)+1)/SUM(INDEX($D$3:$AA$30,INDEX(Jesper!$R$2:$R$366,ROW(INDEX(Jesper!AI$2:AI$366,ROUNDDOWN($C8402/24,0)+1,1))-1)+IF('Standard Profiles'!$G$19=$B$10,7,0)+IF('Standard Profiles'!$G$19=$B$17,14,0)+IF('Standard Profiles'!$G$19=$B$24,21,0),0)),0)</f>
        <v>15.633270753224375</v>
      </c>
      <c r="F8402" cm="1">
        <f t="array" ref="F8402">IFERROR(INDEX(Jesper!AJ$2:AJ$366,ROUNDDOWN($C8402/24,0)+1,1)*INDEX($D$3:$AA$30,INDEX(Jesper!$R$2:$R$366,ROW(INDEX(Jesper!AJ$2:AJ$366,ROUNDDOWN($C8402/24,0)+1,1))-1)+IF('Standard Profiles'!$G$20=$B$10,7,0)+IF('Standard Profiles'!$G$20=$B$17,14,0)+IF('Standard Profiles'!$G$20=$B$24,21,0),MOD($C8402,24)+1)/SUM(INDEX($D$3:$AA$30,INDEX(Jesper!$R$2:$R$366,ROW(INDEX(Jesper!AJ$2:AJ$366,ROUNDDOWN($C8402/24,0)+1,1))-1)+IF('Standard Profiles'!$G$20=$B$10,7,0)+IF('Standard Profiles'!$G$20=$B$17,14,0)+IF('Standard Profiles'!$G$20=$B$24,21,0),0)),0)</f>
        <v>0</v>
      </c>
      <c r="G8402" cm="1">
        <f t="array" ref="G8402">IFERROR(INDEX(Jesper!AK$2:AK$366,ROUNDDOWN($C8402/24,0)+1,1)*INDEX($D$3:$AA$30,INDEX(Jesper!$R$2:$R$366,ROW(INDEX(Jesper!AK$2:AK$366,ROUNDDOWN($C8402/24,0)+1,1))-1)+IF('Standard Profiles'!$G$21=$B$10,7,0)+IF('Standard Profiles'!$G$21=$B$17,14,0)+IF('Standard Profiles'!$G$21=$B$24,21,0),MOD($C8402,24)+1)/SUM(INDEX($D$3:$AA$30,INDEX(Jesper!$R$2:$R$366,ROW(INDEX(Jesper!AK$2:AK$366,ROUNDDOWN($C8402/24,0)+1,1))-1)+IF('Standard Profiles'!$G$21=$B$10,7,0)+IF('Standard Profiles'!$G$21=$B$17,14,0)+IF('Standard Profiles'!$G$21=$B$24,21,0),0)),0)</f>
        <v>24.294085661927578</v>
      </c>
      <c r="H8402" cm="1">
        <f t="array" ref="H8402">IFERROR(INDEX(Jesper!AL$2:AL$366,ROUNDDOWN($C8402/24,0)+1,1)*INDEX($D$3:$AA$30,INDEX(Jesper!$R$2:$R$366,ROW(INDEX(Jesper!AL$2:AL$366,ROUNDDOWN($C8402/24,0)+1,1))-1)+IF('Standard Profiles'!$G$22=$B$10,7,0)+IF('Standard Profiles'!$G$22=$B$17,14,0)+IF('Standard Profiles'!$G$22=$B$24,21,0),MOD($C8402,24)+1)/SUM(INDEX($D$3:$AA$30,INDEX(Jesper!$R$2:$R$366,ROW(INDEX(Jesper!AL$2:AL$366,ROUNDDOWN($C8402/24,0)+1,1))-1)+IF('Standard Profiles'!$G$22=$B$10,7,0)+IF('Standard Profiles'!$G$22=$B$17,14,0)+IF('Standard Profiles'!$G$22=$B$24,21,0),0)),0)</f>
        <v>0</v>
      </c>
      <c r="I8402">
        <f t="shared" si="930"/>
        <v>11.661161117725232</v>
      </c>
      <c r="J8402">
        <f t="shared" si="931"/>
        <v>40.025272348310345</v>
      </c>
      <c r="K8402">
        <f t="shared" si="932"/>
        <v>1.4932161334455401</v>
      </c>
      <c r="L8402">
        <f t="shared" si="933"/>
        <v>0.74660806672277003</v>
      </c>
      <c r="M8402">
        <f t="shared" si="934"/>
        <v>0</v>
      </c>
      <c r="N8402" s="45">
        <f t="shared" si="935"/>
        <v>45275.666666646372</v>
      </c>
    </row>
    <row r="8403" spans="2:14" x14ac:dyDescent="0.25">
      <c r="B8403">
        <f t="shared" si="929"/>
        <v>5</v>
      </c>
      <c r="C8403" s="16">
        <v>8369</v>
      </c>
      <c r="D8403" cm="1">
        <f t="array" ref="D8403">IFERROR(INDEX(Jesper!AH$2:AH$366,ROUNDDOWN($C8403/24,0)+1,1)*INDEX($D$3:$AA$30,INDEX(Jesper!$R$2:$R$366,ROW(INDEX(Jesper!AH$2:AH$366,ROUNDDOWN($C8403/24,0)+1,1))-1)+IF('Standard Profiles'!$G$18=$B$10,7,0)+IF('Standard Profiles'!$G$18=$B$17,14,0)+IF('Standard Profiles'!$G$18=$B$24,21,0),MOD($C8403,24)+1)/SUM(INDEX($D$3:$AA$30,INDEX(Jesper!$R$2:$R$366,ROW(INDEX(Jesper!AH$2:AH$366,ROUNDDOWN($C8403/24,0)+1,1))-1)+IF('Standard Profiles'!$G$18=$B$10,7,0)+IF('Standard Profiles'!$G$18=$B$17,14,0)+IF('Standard Profiles'!$G$18=$B$24,21,0),0)),0)</f>
        <v>9.2392748256942792</v>
      </c>
      <c r="E8403" cm="1">
        <f t="array" ref="E8403">IFERROR(INDEX(Jesper!AI$2:AI$366,ROUNDDOWN($C8403/24,0)+1,1)*INDEX($D$3:$AA$30,INDEX(Jesper!$R$2:$R$366,ROW(INDEX(Jesper!AI$2:AI$366,ROUNDDOWN($C8403/24,0)+1,1))-1)+IF('Standard Profiles'!$G$19=$B$10,7,0)+IF('Standard Profiles'!$G$19=$B$17,14,0)+IF('Standard Profiles'!$G$19=$B$24,21,0),MOD($C8403,24)+1)/SUM(INDEX($D$3:$AA$30,INDEX(Jesper!$R$2:$R$366,ROW(INDEX(Jesper!AI$2:AI$366,ROUNDDOWN($C8403/24,0)+1,1))-1)+IF('Standard Profiles'!$G$19=$B$10,7,0)+IF('Standard Profiles'!$G$19=$B$17,14,0)+IF('Standard Profiles'!$G$19=$B$24,21,0),0)),0)</f>
        <v>10.317958697128088</v>
      </c>
      <c r="F8403" cm="1">
        <f t="array" ref="F8403">IFERROR(INDEX(Jesper!AJ$2:AJ$366,ROUNDDOWN($C8403/24,0)+1,1)*INDEX($D$3:$AA$30,INDEX(Jesper!$R$2:$R$366,ROW(INDEX(Jesper!AJ$2:AJ$366,ROUNDDOWN($C8403/24,0)+1,1))-1)+IF('Standard Profiles'!$G$20=$B$10,7,0)+IF('Standard Profiles'!$G$20=$B$17,14,0)+IF('Standard Profiles'!$G$20=$B$24,21,0),MOD($C8403,24)+1)/SUM(INDEX($D$3:$AA$30,INDEX(Jesper!$R$2:$R$366,ROW(INDEX(Jesper!AJ$2:AJ$366,ROUNDDOWN($C8403/24,0)+1,1))-1)+IF('Standard Profiles'!$G$20=$B$10,7,0)+IF('Standard Profiles'!$G$20=$B$17,14,0)+IF('Standard Profiles'!$G$20=$B$24,21,0),0)),0)</f>
        <v>0</v>
      </c>
      <c r="G8403" cm="1">
        <f t="array" ref="G8403">IFERROR(INDEX(Jesper!AK$2:AK$366,ROUNDDOWN($C8403/24,0)+1,1)*INDEX($D$3:$AA$30,INDEX(Jesper!$R$2:$R$366,ROW(INDEX(Jesper!AK$2:AK$366,ROUNDDOWN($C8403/24,0)+1,1))-1)+IF('Standard Profiles'!$G$21=$B$10,7,0)+IF('Standard Profiles'!$G$21=$B$17,14,0)+IF('Standard Profiles'!$G$21=$B$24,21,0),MOD($C8403,24)+1)/SUM(INDEX($D$3:$AA$30,INDEX(Jesper!$R$2:$R$366,ROW(INDEX(Jesper!AK$2:AK$366,ROUNDDOWN($C8403/24,0)+1,1))-1)+IF('Standard Profiles'!$G$21=$B$10,7,0)+IF('Standard Profiles'!$G$21=$B$17,14,0)+IF('Standard Profiles'!$G$21=$B$24,21,0),0)),0)</f>
        <v>20.407031956019168</v>
      </c>
      <c r="H8403" cm="1">
        <f t="array" ref="H8403">IFERROR(INDEX(Jesper!AL$2:AL$366,ROUNDDOWN($C8403/24,0)+1,1)*INDEX($D$3:$AA$30,INDEX(Jesper!$R$2:$R$366,ROW(INDEX(Jesper!AL$2:AL$366,ROUNDDOWN($C8403/24,0)+1,1))-1)+IF('Standard Profiles'!$G$22=$B$10,7,0)+IF('Standard Profiles'!$G$22=$B$17,14,0)+IF('Standard Profiles'!$G$22=$B$24,21,0),MOD($C8403,24)+1)/SUM(INDEX($D$3:$AA$30,INDEX(Jesper!$R$2:$R$366,ROW(INDEX(Jesper!AL$2:AL$366,ROUNDDOWN($C8403/24,0)+1,1))-1)+IF('Standard Profiles'!$G$22=$B$10,7,0)+IF('Standard Profiles'!$G$22=$B$17,14,0)+IF('Standard Profiles'!$G$22=$B$24,21,0),0)),0)</f>
        <v>0</v>
      </c>
      <c r="I8403">
        <f t="shared" si="930"/>
        <v>9.7953753388891958</v>
      </c>
      <c r="J8403">
        <f t="shared" si="931"/>
        <v>28.690606167841253</v>
      </c>
      <c r="K8403">
        <f t="shared" si="932"/>
        <v>0.98552264807405654</v>
      </c>
      <c r="L8403">
        <f t="shared" si="933"/>
        <v>0.49276132403702827</v>
      </c>
      <c r="M8403">
        <f t="shared" si="934"/>
        <v>0</v>
      </c>
      <c r="N8403" s="45">
        <f t="shared" si="935"/>
        <v>45275.708333313036</v>
      </c>
    </row>
    <row r="8404" spans="2:14" x14ac:dyDescent="0.25">
      <c r="B8404">
        <f t="shared" si="929"/>
        <v>5</v>
      </c>
      <c r="C8404" s="16">
        <v>8370</v>
      </c>
      <c r="D8404" cm="1">
        <f t="array" ref="D8404">IFERROR(INDEX(Jesper!AH$2:AH$366,ROUNDDOWN($C8404/24,0)+1,1)*INDEX($D$3:$AA$30,INDEX(Jesper!$R$2:$R$366,ROW(INDEX(Jesper!AH$2:AH$366,ROUNDDOWN($C8404/24,0)+1,1))-1)+IF('Standard Profiles'!$G$18=$B$10,7,0)+IF('Standard Profiles'!$G$18=$B$17,14,0)+IF('Standard Profiles'!$G$18=$B$24,21,0),MOD($C8404,24)+1)/SUM(INDEX($D$3:$AA$30,INDEX(Jesper!$R$2:$R$366,ROW(INDEX(Jesper!AH$2:AH$366,ROUNDDOWN($C8404/24,0)+1,1))-1)+IF('Standard Profiles'!$G$18=$B$10,7,0)+IF('Standard Profiles'!$G$18=$B$17,14,0)+IF('Standard Profiles'!$G$18=$B$24,21,0),0)),0)</f>
        <v>5.8795385254418138</v>
      </c>
      <c r="E8404" cm="1">
        <f t="array" ref="E8404">IFERROR(INDEX(Jesper!AI$2:AI$366,ROUNDDOWN($C8404/24,0)+1,1)*INDEX($D$3:$AA$30,INDEX(Jesper!$R$2:$R$366,ROW(INDEX(Jesper!AI$2:AI$366,ROUNDDOWN($C8404/24,0)+1,1))-1)+IF('Standard Profiles'!$G$19=$B$10,7,0)+IF('Standard Profiles'!$G$19=$B$17,14,0)+IF('Standard Profiles'!$G$19=$B$24,21,0),MOD($C8404,24)+1)/SUM(INDEX($D$3:$AA$30,INDEX(Jesper!$R$2:$R$366,ROW(INDEX(Jesper!AI$2:AI$366,ROUNDDOWN($C8404/24,0)+1,1))-1)+IF('Standard Profiles'!$G$19=$B$10,7,0)+IF('Standard Profiles'!$G$19=$B$17,14,0)+IF('Standard Profiles'!$G$19=$B$24,21,0),0)),0)</f>
        <v>6.5659737163542378</v>
      </c>
      <c r="F8404" cm="1">
        <f t="array" ref="F8404">IFERROR(INDEX(Jesper!AJ$2:AJ$366,ROUNDDOWN($C8404/24,0)+1,1)*INDEX($D$3:$AA$30,INDEX(Jesper!$R$2:$R$366,ROW(INDEX(Jesper!AJ$2:AJ$366,ROUNDDOWN($C8404/24,0)+1,1))-1)+IF('Standard Profiles'!$G$20=$B$10,7,0)+IF('Standard Profiles'!$G$20=$B$17,14,0)+IF('Standard Profiles'!$G$20=$B$24,21,0),MOD($C8404,24)+1)/SUM(INDEX($D$3:$AA$30,INDEX(Jesper!$R$2:$R$366,ROW(INDEX(Jesper!AJ$2:AJ$366,ROUNDDOWN($C8404/24,0)+1,1))-1)+IF('Standard Profiles'!$G$20=$B$10,7,0)+IF('Standard Profiles'!$G$20=$B$17,14,0)+IF('Standard Profiles'!$G$20=$B$24,21,0),0)),0)</f>
        <v>0</v>
      </c>
      <c r="G8404" cm="1">
        <f t="array" ref="G8404">IFERROR(INDEX(Jesper!AK$2:AK$366,ROUNDDOWN($C8404/24,0)+1,1)*INDEX($D$3:$AA$30,INDEX(Jesper!$R$2:$R$366,ROW(INDEX(Jesper!AK$2:AK$366,ROUNDDOWN($C8404/24,0)+1,1))-1)+IF('Standard Profiles'!$G$21=$B$10,7,0)+IF('Standard Profiles'!$G$21=$B$17,14,0)+IF('Standard Profiles'!$G$21=$B$24,21,0),MOD($C8404,24)+1)/SUM(INDEX($D$3:$AA$30,INDEX(Jesper!$R$2:$R$366,ROW(INDEX(Jesper!AK$2:AK$366,ROUNDDOWN($C8404/24,0)+1,1))-1)+IF('Standard Profiles'!$G$21=$B$10,7,0)+IF('Standard Profiles'!$G$21=$B$17,14,0)+IF('Standard Profiles'!$G$21=$B$24,21,0),0)),0)</f>
        <v>7.53116655519755</v>
      </c>
      <c r="H8404" cm="1">
        <f t="array" ref="H8404">IFERROR(INDEX(Jesper!AL$2:AL$366,ROUNDDOWN($C8404/24,0)+1,1)*INDEX($D$3:$AA$30,INDEX(Jesper!$R$2:$R$366,ROW(INDEX(Jesper!AL$2:AL$366,ROUNDDOWN($C8404/24,0)+1,1))-1)+IF('Standard Profiles'!$G$22=$B$10,7,0)+IF('Standard Profiles'!$G$22=$B$17,14,0)+IF('Standard Profiles'!$G$22=$B$24,21,0),MOD($C8404,24)+1)/SUM(INDEX($D$3:$AA$30,INDEX(Jesper!$R$2:$R$366,ROW(INDEX(Jesper!AL$2:AL$366,ROUNDDOWN($C8404/24,0)+1,1))-1)+IF('Standard Profiles'!$G$22=$B$10,7,0)+IF('Standard Profiles'!$G$22=$B$17,14,0)+IF('Standard Profiles'!$G$22=$B$24,21,0),0)),0)</f>
        <v>0</v>
      </c>
      <c r="I8404">
        <f t="shared" si="930"/>
        <v>3.6149599464948223</v>
      </c>
      <c r="J8404">
        <f t="shared" si="931"/>
        <v>15.42099268642809</v>
      </c>
      <c r="K8404">
        <f t="shared" si="932"/>
        <v>0.62715077604712688</v>
      </c>
      <c r="L8404">
        <f t="shared" si="933"/>
        <v>0.31357538802356344</v>
      </c>
      <c r="M8404">
        <f t="shared" si="934"/>
        <v>0</v>
      </c>
      <c r="N8404" s="45">
        <f t="shared" si="935"/>
        <v>45275.7499999797</v>
      </c>
    </row>
    <row r="8405" spans="2:14" x14ac:dyDescent="0.25">
      <c r="B8405">
        <f t="shared" si="929"/>
        <v>5</v>
      </c>
      <c r="C8405" s="16">
        <v>8371</v>
      </c>
      <c r="D8405" cm="1">
        <f t="array" ref="D8405">IFERROR(INDEX(Jesper!AH$2:AH$366,ROUNDDOWN($C8405/24,0)+1,1)*INDEX($D$3:$AA$30,INDEX(Jesper!$R$2:$R$366,ROW(INDEX(Jesper!AH$2:AH$366,ROUNDDOWN($C8405/24,0)+1,1))-1)+IF('Standard Profiles'!$G$18=$B$10,7,0)+IF('Standard Profiles'!$G$18=$B$17,14,0)+IF('Standard Profiles'!$G$18=$B$24,21,0),MOD($C8405,24)+1)/SUM(INDEX($D$3:$AA$30,INDEX(Jesper!$R$2:$R$366,ROW(INDEX(Jesper!AH$2:AH$366,ROUNDDOWN($C8405/24,0)+1,1))-1)+IF('Standard Profiles'!$G$18=$B$10,7,0)+IF('Standard Profiles'!$G$18=$B$17,14,0)+IF('Standard Profiles'!$G$18=$B$24,21,0),0)),0)</f>
        <v>5.5995605004207754</v>
      </c>
      <c r="E8405" cm="1">
        <f t="array" ref="E8405">IFERROR(INDEX(Jesper!AI$2:AI$366,ROUNDDOWN($C8405/24,0)+1,1)*INDEX($D$3:$AA$30,INDEX(Jesper!$R$2:$R$366,ROW(INDEX(Jesper!AI$2:AI$366,ROUNDDOWN($C8405/24,0)+1,1))-1)+IF('Standard Profiles'!$G$19=$B$10,7,0)+IF('Standard Profiles'!$G$19=$B$17,14,0)+IF('Standard Profiles'!$G$19=$B$24,21,0),MOD($C8405,24)+1)/SUM(INDEX($D$3:$AA$30,INDEX(Jesper!$R$2:$R$366,ROW(INDEX(Jesper!AI$2:AI$366,ROUNDDOWN($C8405/24,0)+1,1))-1)+IF('Standard Profiles'!$G$19=$B$10,7,0)+IF('Standard Profiles'!$G$19=$B$17,14,0)+IF('Standard Profiles'!$G$19=$B$24,21,0),0)),0)</f>
        <v>6.253308301289751</v>
      </c>
      <c r="F8405" cm="1">
        <f t="array" ref="F8405">IFERROR(INDEX(Jesper!AJ$2:AJ$366,ROUNDDOWN($C8405/24,0)+1,1)*INDEX($D$3:$AA$30,INDEX(Jesper!$R$2:$R$366,ROW(INDEX(Jesper!AJ$2:AJ$366,ROUNDDOWN($C8405/24,0)+1,1))-1)+IF('Standard Profiles'!$G$20=$B$10,7,0)+IF('Standard Profiles'!$G$20=$B$17,14,0)+IF('Standard Profiles'!$G$20=$B$24,21,0),MOD($C8405,24)+1)/SUM(INDEX($D$3:$AA$30,INDEX(Jesper!$R$2:$R$366,ROW(INDEX(Jesper!AJ$2:AJ$366,ROUNDDOWN($C8405/24,0)+1,1))-1)+IF('Standard Profiles'!$G$20=$B$10,7,0)+IF('Standard Profiles'!$G$20=$B$17,14,0)+IF('Standard Profiles'!$G$20=$B$24,21,0),0)),0)</f>
        <v>0</v>
      </c>
      <c r="G8405" cm="1">
        <f t="array" ref="G8405">IFERROR(INDEX(Jesper!AK$2:AK$366,ROUNDDOWN($C8405/24,0)+1,1)*INDEX($D$3:$AA$30,INDEX(Jesper!$R$2:$R$366,ROW(INDEX(Jesper!AK$2:AK$366,ROUNDDOWN($C8405/24,0)+1,1))-1)+IF('Standard Profiles'!$G$21=$B$10,7,0)+IF('Standard Profiles'!$G$21=$B$17,14,0)+IF('Standard Profiles'!$G$21=$B$24,21,0),MOD($C8405,24)+1)/SUM(INDEX($D$3:$AA$30,INDEX(Jesper!$R$2:$R$366,ROW(INDEX(Jesper!AK$2:AK$366,ROUNDDOWN($C8405/24,0)+1,1))-1)+IF('Standard Profiles'!$G$21=$B$10,7,0)+IF('Standard Profiles'!$G$21=$B$17,14,0)+IF('Standard Profiles'!$G$21=$B$24,21,0),0)),0)</f>
        <v>7.53116655519755</v>
      </c>
      <c r="H8405" cm="1">
        <f t="array" ref="H8405">IFERROR(INDEX(Jesper!AL$2:AL$366,ROUNDDOWN($C8405/24,0)+1,1)*INDEX($D$3:$AA$30,INDEX(Jesper!$R$2:$R$366,ROW(INDEX(Jesper!AL$2:AL$366,ROUNDDOWN($C8405/24,0)+1,1))-1)+IF('Standard Profiles'!$G$22=$B$10,7,0)+IF('Standard Profiles'!$G$22=$B$17,14,0)+IF('Standard Profiles'!$G$22=$B$24,21,0),MOD($C8405,24)+1)/SUM(INDEX($D$3:$AA$30,INDEX(Jesper!$R$2:$R$366,ROW(INDEX(Jesper!AL$2:AL$366,ROUNDDOWN($C8405/24,0)+1,1))-1)+IF('Standard Profiles'!$G$22=$B$10,7,0)+IF('Standard Profiles'!$G$22=$B$17,14,0)+IF('Standard Profiles'!$G$22=$B$24,21,0),0)),0)</f>
        <v>0</v>
      </c>
      <c r="I8405">
        <f t="shared" si="930"/>
        <v>3.6149599464948223</v>
      </c>
      <c r="J8405">
        <f t="shared" si="931"/>
        <v>14.87314573034593</v>
      </c>
      <c r="K8405">
        <f t="shared" si="932"/>
        <v>0.59728645337821606</v>
      </c>
      <c r="L8405">
        <f t="shared" si="933"/>
        <v>0.29864322668910803</v>
      </c>
      <c r="M8405">
        <f t="shared" si="934"/>
        <v>0</v>
      </c>
      <c r="N8405" s="45">
        <f t="shared" si="935"/>
        <v>45275.791666646364</v>
      </c>
    </row>
    <row r="8406" spans="2:14" x14ac:dyDescent="0.25">
      <c r="B8406">
        <f t="shared" si="929"/>
        <v>5</v>
      </c>
      <c r="C8406" s="16">
        <v>8372</v>
      </c>
      <c r="D8406" cm="1">
        <f t="array" ref="D8406">IFERROR(INDEX(Jesper!AH$2:AH$366,ROUNDDOWN($C8406/24,0)+1,1)*INDEX($D$3:$AA$30,INDEX(Jesper!$R$2:$R$366,ROW(INDEX(Jesper!AH$2:AH$366,ROUNDDOWN($C8406/24,0)+1,1))-1)+IF('Standard Profiles'!$G$18=$B$10,7,0)+IF('Standard Profiles'!$G$18=$B$17,14,0)+IF('Standard Profiles'!$G$18=$B$24,21,0),MOD($C8406,24)+1)/SUM(INDEX($D$3:$AA$30,INDEX(Jesper!$R$2:$R$366,ROW(INDEX(Jesper!AH$2:AH$366,ROUNDDOWN($C8406/24,0)+1,1))-1)+IF('Standard Profiles'!$G$18=$B$10,7,0)+IF('Standard Profiles'!$G$18=$B$17,14,0)+IF('Standard Profiles'!$G$18=$B$24,21,0),0)),0)</f>
        <v>5.5995605004207754</v>
      </c>
      <c r="E8406" cm="1">
        <f t="array" ref="E8406">IFERROR(INDEX(Jesper!AI$2:AI$366,ROUNDDOWN($C8406/24,0)+1,1)*INDEX($D$3:$AA$30,INDEX(Jesper!$R$2:$R$366,ROW(INDEX(Jesper!AI$2:AI$366,ROUNDDOWN($C8406/24,0)+1,1))-1)+IF('Standard Profiles'!$G$19=$B$10,7,0)+IF('Standard Profiles'!$G$19=$B$17,14,0)+IF('Standard Profiles'!$G$19=$B$24,21,0),MOD($C8406,24)+1)/SUM(INDEX($D$3:$AA$30,INDEX(Jesper!$R$2:$R$366,ROW(INDEX(Jesper!AI$2:AI$366,ROUNDDOWN($C8406/24,0)+1,1))-1)+IF('Standard Profiles'!$G$19=$B$10,7,0)+IF('Standard Profiles'!$G$19=$B$17,14,0)+IF('Standard Profiles'!$G$19=$B$24,21,0),0)),0)</f>
        <v>6.253308301289751</v>
      </c>
      <c r="F8406" cm="1">
        <f t="array" ref="F8406">IFERROR(INDEX(Jesper!AJ$2:AJ$366,ROUNDDOWN($C8406/24,0)+1,1)*INDEX($D$3:$AA$30,INDEX(Jesper!$R$2:$R$366,ROW(INDEX(Jesper!AJ$2:AJ$366,ROUNDDOWN($C8406/24,0)+1,1))-1)+IF('Standard Profiles'!$G$20=$B$10,7,0)+IF('Standard Profiles'!$G$20=$B$17,14,0)+IF('Standard Profiles'!$G$20=$B$24,21,0),MOD($C8406,24)+1)/SUM(INDEX($D$3:$AA$30,INDEX(Jesper!$R$2:$R$366,ROW(INDEX(Jesper!AJ$2:AJ$366,ROUNDDOWN($C8406/24,0)+1,1))-1)+IF('Standard Profiles'!$G$20=$B$10,7,0)+IF('Standard Profiles'!$G$20=$B$17,14,0)+IF('Standard Profiles'!$G$20=$B$24,21,0),0)),0)</f>
        <v>0</v>
      </c>
      <c r="G8406" cm="1">
        <f t="array" ref="G8406">IFERROR(INDEX(Jesper!AK$2:AK$366,ROUNDDOWN($C8406/24,0)+1,1)*INDEX($D$3:$AA$30,INDEX(Jesper!$R$2:$R$366,ROW(INDEX(Jesper!AK$2:AK$366,ROUNDDOWN($C8406/24,0)+1,1))-1)+IF('Standard Profiles'!$G$21=$B$10,7,0)+IF('Standard Profiles'!$G$21=$B$17,14,0)+IF('Standard Profiles'!$G$21=$B$24,21,0),MOD($C8406,24)+1)/SUM(INDEX($D$3:$AA$30,INDEX(Jesper!$R$2:$R$366,ROW(INDEX(Jesper!AK$2:AK$366,ROUNDDOWN($C8406/24,0)+1,1))-1)+IF('Standard Profiles'!$G$21=$B$10,7,0)+IF('Standard Profiles'!$G$21=$B$17,14,0)+IF('Standard Profiles'!$G$21=$B$24,21,0),0)),0)</f>
        <v>7.53116655519755</v>
      </c>
      <c r="H8406" cm="1">
        <f t="array" ref="H8406">IFERROR(INDEX(Jesper!AL$2:AL$366,ROUNDDOWN($C8406/24,0)+1,1)*INDEX($D$3:$AA$30,INDEX(Jesper!$R$2:$R$366,ROW(INDEX(Jesper!AL$2:AL$366,ROUNDDOWN($C8406/24,0)+1,1))-1)+IF('Standard Profiles'!$G$22=$B$10,7,0)+IF('Standard Profiles'!$G$22=$B$17,14,0)+IF('Standard Profiles'!$G$22=$B$24,21,0),MOD($C8406,24)+1)/SUM(INDEX($D$3:$AA$30,INDEX(Jesper!$R$2:$R$366,ROW(INDEX(Jesper!AL$2:AL$366,ROUNDDOWN($C8406/24,0)+1,1))-1)+IF('Standard Profiles'!$G$22=$B$10,7,0)+IF('Standard Profiles'!$G$22=$B$17,14,0)+IF('Standard Profiles'!$G$22=$B$24,21,0),0)),0)</f>
        <v>0</v>
      </c>
      <c r="I8406">
        <f t="shared" si="930"/>
        <v>3.6149599464948223</v>
      </c>
      <c r="J8406">
        <f t="shared" si="931"/>
        <v>14.87314573034593</v>
      </c>
      <c r="K8406">
        <f t="shared" si="932"/>
        <v>0.59728645337821606</v>
      </c>
      <c r="L8406">
        <f t="shared" si="933"/>
        <v>0.29864322668910803</v>
      </c>
      <c r="M8406">
        <f t="shared" si="934"/>
        <v>0</v>
      </c>
      <c r="N8406" s="45">
        <f t="shared" si="935"/>
        <v>45275.833333313029</v>
      </c>
    </row>
    <row r="8407" spans="2:14" x14ac:dyDescent="0.25">
      <c r="B8407">
        <f t="shared" si="929"/>
        <v>5</v>
      </c>
      <c r="C8407" s="16">
        <v>8373</v>
      </c>
      <c r="D8407" cm="1">
        <f t="array" ref="D8407">IFERROR(INDEX(Jesper!AH$2:AH$366,ROUNDDOWN($C8407/24,0)+1,1)*INDEX($D$3:$AA$30,INDEX(Jesper!$R$2:$R$366,ROW(INDEX(Jesper!AH$2:AH$366,ROUNDDOWN($C8407/24,0)+1,1))-1)+IF('Standard Profiles'!$G$18=$B$10,7,0)+IF('Standard Profiles'!$G$18=$B$17,14,0)+IF('Standard Profiles'!$G$18=$B$24,21,0),MOD($C8407,24)+1)/SUM(INDEX($D$3:$AA$30,INDEX(Jesper!$R$2:$R$366,ROW(INDEX(Jesper!AH$2:AH$366,ROUNDDOWN($C8407/24,0)+1,1))-1)+IF('Standard Profiles'!$G$18=$B$10,7,0)+IF('Standard Profiles'!$G$18=$B$17,14,0)+IF('Standard Profiles'!$G$18=$B$24,21,0),0)),0)</f>
        <v>5.5995605004207754</v>
      </c>
      <c r="E8407" cm="1">
        <f t="array" ref="E8407">IFERROR(INDEX(Jesper!AI$2:AI$366,ROUNDDOWN($C8407/24,0)+1,1)*INDEX($D$3:$AA$30,INDEX(Jesper!$R$2:$R$366,ROW(INDEX(Jesper!AI$2:AI$366,ROUNDDOWN($C8407/24,0)+1,1))-1)+IF('Standard Profiles'!$G$19=$B$10,7,0)+IF('Standard Profiles'!$G$19=$B$17,14,0)+IF('Standard Profiles'!$G$19=$B$24,21,0),MOD($C8407,24)+1)/SUM(INDEX($D$3:$AA$30,INDEX(Jesper!$R$2:$R$366,ROW(INDEX(Jesper!AI$2:AI$366,ROUNDDOWN($C8407/24,0)+1,1))-1)+IF('Standard Profiles'!$G$19=$B$10,7,0)+IF('Standard Profiles'!$G$19=$B$17,14,0)+IF('Standard Profiles'!$G$19=$B$24,21,0),0)),0)</f>
        <v>6.253308301289751</v>
      </c>
      <c r="F8407" cm="1">
        <f t="array" ref="F8407">IFERROR(INDEX(Jesper!AJ$2:AJ$366,ROUNDDOWN($C8407/24,0)+1,1)*INDEX($D$3:$AA$30,INDEX(Jesper!$R$2:$R$366,ROW(INDEX(Jesper!AJ$2:AJ$366,ROUNDDOWN($C8407/24,0)+1,1))-1)+IF('Standard Profiles'!$G$20=$B$10,7,0)+IF('Standard Profiles'!$G$20=$B$17,14,0)+IF('Standard Profiles'!$G$20=$B$24,21,0),MOD($C8407,24)+1)/SUM(INDEX($D$3:$AA$30,INDEX(Jesper!$R$2:$R$366,ROW(INDEX(Jesper!AJ$2:AJ$366,ROUNDDOWN($C8407/24,0)+1,1))-1)+IF('Standard Profiles'!$G$20=$B$10,7,0)+IF('Standard Profiles'!$G$20=$B$17,14,0)+IF('Standard Profiles'!$G$20=$B$24,21,0),0)),0)</f>
        <v>0</v>
      </c>
      <c r="G8407" cm="1">
        <f t="array" ref="G8407">IFERROR(INDEX(Jesper!AK$2:AK$366,ROUNDDOWN($C8407/24,0)+1,1)*INDEX($D$3:$AA$30,INDEX(Jesper!$R$2:$R$366,ROW(INDEX(Jesper!AK$2:AK$366,ROUNDDOWN($C8407/24,0)+1,1))-1)+IF('Standard Profiles'!$G$21=$B$10,7,0)+IF('Standard Profiles'!$G$21=$B$17,14,0)+IF('Standard Profiles'!$G$21=$B$24,21,0),MOD($C8407,24)+1)/SUM(INDEX($D$3:$AA$30,INDEX(Jesper!$R$2:$R$366,ROW(INDEX(Jesper!AK$2:AK$366,ROUNDDOWN($C8407/24,0)+1,1))-1)+IF('Standard Profiles'!$G$21=$B$10,7,0)+IF('Standard Profiles'!$G$21=$B$17,14,0)+IF('Standard Profiles'!$G$21=$B$24,21,0),0)),0)</f>
        <v>7.53116655519755</v>
      </c>
      <c r="H8407" cm="1">
        <f t="array" ref="H8407">IFERROR(INDEX(Jesper!AL$2:AL$366,ROUNDDOWN($C8407/24,0)+1,1)*INDEX($D$3:$AA$30,INDEX(Jesper!$R$2:$R$366,ROW(INDEX(Jesper!AL$2:AL$366,ROUNDDOWN($C8407/24,0)+1,1))-1)+IF('Standard Profiles'!$G$22=$B$10,7,0)+IF('Standard Profiles'!$G$22=$B$17,14,0)+IF('Standard Profiles'!$G$22=$B$24,21,0),MOD($C8407,24)+1)/SUM(INDEX($D$3:$AA$30,INDEX(Jesper!$R$2:$R$366,ROW(INDEX(Jesper!AL$2:AL$366,ROUNDDOWN($C8407/24,0)+1,1))-1)+IF('Standard Profiles'!$G$22=$B$10,7,0)+IF('Standard Profiles'!$G$22=$B$17,14,0)+IF('Standard Profiles'!$G$22=$B$24,21,0),0)),0)</f>
        <v>0</v>
      </c>
      <c r="I8407">
        <f t="shared" si="930"/>
        <v>3.6149599464948223</v>
      </c>
      <c r="J8407">
        <f t="shared" si="931"/>
        <v>14.87314573034593</v>
      </c>
      <c r="K8407">
        <f t="shared" si="932"/>
        <v>0.59728645337821606</v>
      </c>
      <c r="L8407">
        <f t="shared" si="933"/>
        <v>0.29864322668910803</v>
      </c>
      <c r="M8407">
        <f t="shared" si="934"/>
        <v>0</v>
      </c>
      <c r="N8407" s="45">
        <f t="shared" si="935"/>
        <v>45275.874999979693</v>
      </c>
    </row>
    <row r="8408" spans="2:14" x14ac:dyDescent="0.25">
      <c r="B8408">
        <f t="shared" si="929"/>
        <v>5</v>
      </c>
      <c r="C8408" s="16">
        <v>8374</v>
      </c>
      <c r="D8408" cm="1">
        <f t="array" ref="D8408">IFERROR(INDEX(Jesper!AH$2:AH$366,ROUNDDOWN($C8408/24,0)+1,1)*INDEX($D$3:$AA$30,INDEX(Jesper!$R$2:$R$366,ROW(INDEX(Jesper!AH$2:AH$366,ROUNDDOWN($C8408/24,0)+1,1))-1)+IF('Standard Profiles'!$G$18=$B$10,7,0)+IF('Standard Profiles'!$G$18=$B$17,14,0)+IF('Standard Profiles'!$G$18=$B$24,21,0),MOD($C8408,24)+1)/SUM(INDEX($D$3:$AA$30,INDEX(Jesper!$R$2:$R$366,ROW(INDEX(Jesper!AH$2:AH$366,ROUNDDOWN($C8408/24,0)+1,1))-1)+IF('Standard Profiles'!$G$18=$B$10,7,0)+IF('Standard Profiles'!$G$18=$B$17,14,0)+IF('Standard Profiles'!$G$18=$B$24,21,0),0)),0)</f>
        <v>5.5995605004207754</v>
      </c>
      <c r="E8408" cm="1">
        <f t="array" ref="E8408">IFERROR(INDEX(Jesper!AI$2:AI$366,ROUNDDOWN($C8408/24,0)+1,1)*INDEX($D$3:$AA$30,INDEX(Jesper!$R$2:$R$366,ROW(INDEX(Jesper!AI$2:AI$366,ROUNDDOWN($C8408/24,0)+1,1))-1)+IF('Standard Profiles'!$G$19=$B$10,7,0)+IF('Standard Profiles'!$G$19=$B$17,14,0)+IF('Standard Profiles'!$G$19=$B$24,21,0),MOD($C8408,24)+1)/SUM(INDEX($D$3:$AA$30,INDEX(Jesper!$R$2:$R$366,ROW(INDEX(Jesper!AI$2:AI$366,ROUNDDOWN($C8408/24,0)+1,1))-1)+IF('Standard Profiles'!$G$19=$B$10,7,0)+IF('Standard Profiles'!$G$19=$B$17,14,0)+IF('Standard Profiles'!$G$19=$B$24,21,0),0)),0)</f>
        <v>6.253308301289751</v>
      </c>
      <c r="F8408" cm="1">
        <f t="array" ref="F8408">IFERROR(INDEX(Jesper!AJ$2:AJ$366,ROUNDDOWN($C8408/24,0)+1,1)*INDEX($D$3:$AA$30,INDEX(Jesper!$R$2:$R$366,ROW(INDEX(Jesper!AJ$2:AJ$366,ROUNDDOWN($C8408/24,0)+1,1))-1)+IF('Standard Profiles'!$G$20=$B$10,7,0)+IF('Standard Profiles'!$G$20=$B$17,14,0)+IF('Standard Profiles'!$G$20=$B$24,21,0),MOD($C8408,24)+1)/SUM(INDEX($D$3:$AA$30,INDEX(Jesper!$R$2:$R$366,ROW(INDEX(Jesper!AJ$2:AJ$366,ROUNDDOWN($C8408/24,0)+1,1))-1)+IF('Standard Profiles'!$G$20=$B$10,7,0)+IF('Standard Profiles'!$G$20=$B$17,14,0)+IF('Standard Profiles'!$G$20=$B$24,21,0),0)),0)</f>
        <v>0</v>
      </c>
      <c r="G8408" cm="1">
        <f t="array" ref="G8408">IFERROR(INDEX(Jesper!AK$2:AK$366,ROUNDDOWN($C8408/24,0)+1,1)*INDEX($D$3:$AA$30,INDEX(Jesper!$R$2:$R$366,ROW(INDEX(Jesper!AK$2:AK$366,ROUNDDOWN($C8408/24,0)+1,1))-1)+IF('Standard Profiles'!$G$21=$B$10,7,0)+IF('Standard Profiles'!$G$21=$B$17,14,0)+IF('Standard Profiles'!$G$21=$B$24,21,0),MOD($C8408,24)+1)/SUM(INDEX($D$3:$AA$30,INDEX(Jesper!$R$2:$R$366,ROW(INDEX(Jesper!AK$2:AK$366,ROUNDDOWN($C8408/24,0)+1,1))-1)+IF('Standard Profiles'!$G$21=$B$10,7,0)+IF('Standard Profiles'!$G$21=$B$17,14,0)+IF('Standard Profiles'!$G$21=$B$24,21,0),0)),0)</f>
        <v>7.53116655519755</v>
      </c>
      <c r="H8408" cm="1">
        <f t="array" ref="H8408">IFERROR(INDEX(Jesper!AL$2:AL$366,ROUNDDOWN($C8408/24,0)+1,1)*INDEX($D$3:$AA$30,INDEX(Jesper!$R$2:$R$366,ROW(INDEX(Jesper!AL$2:AL$366,ROUNDDOWN($C8408/24,0)+1,1))-1)+IF('Standard Profiles'!$G$22=$B$10,7,0)+IF('Standard Profiles'!$G$22=$B$17,14,0)+IF('Standard Profiles'!$G$22=$B$24,21,0),MOD($C8408,24)+1)/SUM(INDEX($D$3:$AA$30,INDEX(Jesper!$R$2:$R$366,ROW(INDEX(Jesper!AL$2:AL$366,ROUNDDOWN($C8408/24,0)+1,1))-1)+IF('Standard Profiles'!$G$22=$B$10,7,0)+IF('Standard Profiles'!$G$22=$B$17,14,0)+IF('Standard Profiles'!$G$22=$B$24,21,0),0)),0)</f>
        <v>0</v>
      </c>
      <c r="I8408">
        <f t="shared" si="930"/>
        <v>3.6149599464948223</v>
      </c>
      <c r="J8408">
        <f t="shared" si="931"/>
        <v>14.87314573034593</v>
      </c>
      <c r="K8408">
        <f t="shared" si="932"/>
        <v>0.59728645337821606</v>
      </c>
      <c r="L8408">
        <f t="shared" si="933"/>
        <v>0.29864322668910803</v>
      </c>
      <c r="M8408">
        <f t="shared" si="934"/>
        <v>0</v>
      </c>
      <c r="N8408" s="45">
        <f t="shared" si="935"/>
        <v>45275.916666646357</v>
      </c>
    </row>
    <row r="8409" spans="2:14" x14ac:dyDescent="0.25">
      <c r="B8409">
        <f t="shared" si="929"/>
        <v>5</v>
      </c>
      <c r="C8409" s="16">
        <v>8375</v>
      </c>
      <c r="D8409" cm="1">
        <f t="array" ref="D8409">IFERROR(INDEX(Jesper!AH$2:AH$366,ROUNDDOWN($C8409/24,0)+1,1)*INDEX($D$3:$AA$30,INDEX(Jesper!$R$2:$R$366,ROW(INDEX(Jesper!AH$2:AH$366,ROUNDDOWN($C8409/24,0)+1,1))-1)+IF('Standard Profiles'!$G$18=$B$10,7,0)+IF('Standard Profiles'!$G$18=$B$17,14,0)+IF('Standard Profiles'!$G$18=$B$24,21,0),MOD($C8409,24)+1)/SUM(INDEX($D$3:$AA$30,INDEX(Jesper!$R$2:$R$366,ROW(INDEX(Jesper!AH$2:AH$366,ROUNDDOWN($C8409/24,0)+1,1))-1)+IF('Standard Profiles'!$G$18=$B$10,7,0)+IF('Standard Profiles'!$G$18=$B$17,14,0)+IF('Standard Profiles'!$G$18=$B$24,21,0),0)),0)</f>
        <v>5.5995605004207754</v>
      </c>
      <c r="E8409" cm="1">
        <f t="array" ref="E8409">IFERROR(INDEX(Jesper!AI$2:AI$366,ROUNDDOWN($C8409/24,0)+1,1)*INDEX($D$3:$AA$30,INDEX(Jesper!$R$2:$R$366,ROW(INDEX(Jesper!AI$2:AI$366,ROUNDDOWN($C8409/24,0)+1,1))-1)+IF('Standard Profiles'!$G$19=$B$10,7,0)+IF('Standard Profiles'!$G$19=$B$17,14,0)+IF('Standard Profiles'!$G$19=$B$24,21,0),MOD($C8409,24)+1)/SUM(INDEX($D$3:$AA$30,INDEX(Jesper!$R$2:$R$366,ROW(INDEX(Jesper!AI$2:AI$366,ROUNDDOWN($C8409/24,0)+1,1))-1)+IF('Standard Profiles'!$G$19=$B$10,7,0)+IF('Standard Profiles'!$G$19=$B$17,14,0)+IF('Standard Profiles'!$G$19=$B$24,21,0),0)),0)</f>
        <v>6.253308301289751</v>
      </c>
      <c r="F8409" cm="1">
        <f t="array" ref="F8409">IFERROR(INDEX(Jesper!AJ$2:AJ$366,ROUNDDOWN($C8409/24,0)+1,1)*INDEX($D$3:$AA$30,INDEX(Jesper!$R$2:$R$366,ROW(INDEX(Jesper!AJ$2:AJ$366,ROUNDDOWN($C8409/24,0)+1,1))-1)+IF('Standard Profiles'!$G$20=$B$10,7,0)+IF('Standard Profiles'!$G$20=$B$17,14,0)+IF('Standard Profiles'!$G$20=$B$24,21,0),MOD($C8409,24)+1)/SUM(INDEX($D$3:$AA$30,INDEX(Jesper!$R$2:$R$366,ROW(INDEX(Jesper!AJ$2:AJ$366,ROUNDDOWN($C8409/24,0)+1,1))-1)+IF('Standard Profiles'!$G$20=$B$10,7,0)+IF('Standard Profiles'!$G$20=$B$17,14,0)+IF('Standard Profiles'!$G$20=$B$24,21,0),0)),0)</f>
        <v>0</v>
      </c>
      <c r="G8409" cm="1">
        <f t="array" ref="G8409">IFERROR(INDEX(Jesper!AK$2:AK$366,ROUNDDOWN($C8409/24,0)+1,1)*INDEX($D$3:$AA$30,INDEX(Jesper!$R$2:$R$366,ROW(INDEX(Jesper!AK$2:AK$366,ROUNDDOWN($C8409/24,0)+1,1))-1)+IF('Standard Profiles'!$G$21=$B$10,7,0)+IF('Standard Profiles'!$G$21=$B$17,14,0)+IF('Standard Profiles'!$G$21=$B$24,21,0),MOD($C8409,24)+1)/SUM(INDEX($D$3:$AA$30,INDEX(Jesper!$R$2:$R$366,ROW(INDEX(Jesper!AK$2:AK$366,ROUNDDOWN($C8409/24,0)+1,1))-1)+IF('Standard Profiles'!$G$21=$B$10,7,0)+IF('Standard Profiles'!$G$21=$B$17,14,0)+IF('Standard Profiles'!$G$21=$B$24,21,0),0)),0)</f>
        <v>7.53116655519755</v>
      </c>
      <c r="H8409" cm="1">
        <f t="array" ref="H8409">IFERROR(INDEX(Jesper!AL$2:AL$366,ROUNDDOWN($C8409/24,0)+1,1)*INDEX($D$3:$AA$30,INDEX(Jesper!$R$2:$R$366,ROW(INDEX(Jesper!AL$2:AL$366,ROUNDDOWN($C8409/24,0)+1,1))-1)+IF('Standard Profiles'!$G$22=$B$10,7,0)+IF('Standard Profiles'!$G$22=$B$17,14,0)+IF('Standard Profiles'!$G$22=$B$24,21,0),MOD($C8409,24)+1)/SUM(INDEX($D$3:$AA$30,INDEX(Jesper!$R$2:$R$366,ROW(INDEX(Jesper!AL$2:AL$366,ROUNDDOWN($C8409/24,0)+1,1))-1)+IF('Standard Profiles'!$G$22=$B$10,7,0)+IF('Standard Profiles'!$G$22=$B$17,14,0)+IF('Standard Profiles'!$G$22=$B$24,21,0),0)),0)</f>
        <v>0</v>
      </c>
      <c r="I8409">
        <f t="shared" si="930"/>
        <v>3.6149599464948223</v>
      </c>
      <c r="J8409">
        <f t="shared" si="931"/>
        <v>14.87314573034593</v>
      </c>
      <c r="K8409">
        <f t="shared" si="932"/>
        <v>0.59728645337821606</v>
      </c>
      <c r="L8409">
        <f t="shared" si="933"/>
        <v>0.29864322668910803</v>
      </c>
      <c r="M8409">
        <f t="shared" si="934"/>
        <v>0</v>
      </c>
      <c r="N8409" s="45">
        <f t="shared" si="935"/>
        <v>45275.958333313021</v>
      </c>
    </row>
    <row r="8410" spans="2:14" x14ac:dyDescent="0.25">
      <c r="B8410">
        <f t="shared" si="929"/>
        <v>6</v>
      </c>
      <c r="C8410" s="16">
        <v>8376</v>
      </c>
      <c r="D8410" cm="1">
        <f t="array" ref="D8410">IFERROR(INDEX(Jesper!AH$2:AH$366,ROUNDDOWN($C8410/24,0)+1,1)*INDEX($D$3:$AA$30,INDEX(Jesper!$R$2:$R$366,ROW(INDEX(Jesper!AH$2:AH$366,ROUNDDOWN($C8410/24,0)+1,1))-1)+IF('Standard Profiles'!$G$18=$B$10,7,0)+IF('Standard Profiles'!$G$18=$B$17,14,0)+IF('Standard Profiles'!$G$18=$B$24,21,0),MOD($C8410,24)+1)/SUM(INDEX($D$3:$AA$30,INDEX(Jesper!$R$2:$R$366,ROW(INDEX(Jesper!AH$2:AH$366,ROUNDDOWN($C8410/24,0)+1,1))-1)+IF('Standard Profiles'!$G$18=$B$10,7,0)+IF('Standard Profiles'!$G$18=$B$17,14,0)+IF('Standard Profiles'!$G$18=$B$24,21,0),0)),0)</f>
        <v>0</v>
      </c>
      <c r="E8410" cm="1">
        <f t="array" ref="E8410">IFERROR(INDEX(Jesper!AI$2:AI$366,ROUNDDOWN($C8410/24,0)+1,1)*INDEX($D$3:$AA$30,INDEX(Jesper!$R$2:$R$366,ROW(INDEX(Jesper!AI$2:AI$366,ROUNDDOWN($C8410/24,0)+1,1))-1)+IF('Standard Profiles'!$G$19=$B$10,7,0)+IF('Standard Profiles'!$G$19=$B$17,14,0)+IF('Standard Profiles'!$G$19=$B$24,21,0),MOD($C8410,24)+1)/SUM(INDEX($D$3:$AA$30,INDEX(Jesper!$R$2:$R$366,ROW(INDEX(Jesper!AI$2:AI$366,ROUNDDOWN($C8410/24,0)+1,1))-1)+IF('Standard Profiles'!$G$19=$B$10,7,0)+IF('Standard Profiles'!$G$19=$B$17,14,0)+IF('Standard Profiles'!$G$19=$B$24,21,0),0)),0)</f>
        <v>5.1866087804037955</v>
      </c>
      <c r="F8410" cm="1">
        <f t="array" ref="F8410">IFERROR(INDEX(Jesper!AJ$2:AJ$366,ROUNDDOWN($C8410/24,0)+1,1)*INDEX($D$3:$AA$30,INDEX(Jesper!$R$2:$R$366,ROW(INDEX(Jesper!AJ$2:AJ$366,ROUNDDOWN($C8410/24,0)+1,1))-1)+IF('Standard Profiles'!$G$20=$B$10,7,0)+IF('Standard Profiles'!$G$20=$B$17,14,0)+IF('Standard Profiles'!$G$20=$B$24,21,0),MOD($C8410,24)+1)/SUM(INDEX($D$3:$AA$30,INDEX(Jesper!$R$2:$R$366,ROW(INDEX(Jesper!AJ$2:AJ$366,ROUNDDOWN($C8410/24,0)+1,1))-1)+IF('Standard Profiles'!$G$20=$B$10,7,0)+IF('Standard Profiles'!$G$20=$B$17,14,0)+IF('Standard Profiles'!$G$20=$B$24,21,0),0)),0)</f>
        <v>4.2237555232079389</v>
      </c>
      <c r="G8410" cm="1">
        <f t="array" ref="G8410">IFERROR(INDEX(Jesper!AK$2:AK$366,ROUNDDOWN($C8410/24,0)+1,1)*INDEX($D$3:$AA$30,INDEX(Jesper!$R$2:$R$366,ROW(INDEX(Jesper!AK$2:AK$366,ROUNDDOWN($C8410/24,0)+1,1))-1)+IF('Standard Profiles'!$G$21=$B$10,7,0)+IF('Standard Profiles'!$G$21=$B$17,14,0)+IF('Standard Profiles'!$G$21=$B$24,21,0),MOD($C8410,24)+1)/SUM(INDEX($D$3:$AA$30,INDEX(Jesper!$R$2:$R$366,ROW(INDEX(Jesper!AK$2:AK$366,ROUNDDOWN($C8410/24,0)+1,1))-1)+IF('Standard Profiles'!$G$21=$B$10,7,0)+IF('Standard Profiles'!$G$21=$B$17,14,0)+IF('Standard Profiles'!$G$21=$B$24,21,0),0)),0)</f>
        <v>5.9107026307559281</v>
      </c>
      <c r="H8410" cm="1">
        <f t="array" ref="H8410">IFERROR(INDEX(Jesper!AL$2:AL$366,ROUNDDOWN($C8410/24,0)+1,1)*INDEX($D$3:$AA$30,INDEX(Jesper!$R$2:$R$366,ROW(INDEX(Jesper!AL$2:AL$366,ROUNDDOWN($C8410/24,0)+1,1))-1)+IF('Standard Profiles'!$G$22=$B$10,7,0)+IF('Standard Profiles'!$G$22=$B$17,14,0)+IF('Standard Profiles'!$G$22=$B$24,21,0),MOD($C8410,24)+1)/SUM(INDEX($D$3:$AA$30,INDEX(Jesper!$R$2:$R$366,ROW(INDEX(Jesper!AL$2:AL$366,ROUNDDOWN($C8410/24,0)+1,1))-1)+IF('Standard Profiles'!$G$22=$B$10,7,0)+IF('Standard Profiles'!$G$22=$B$17,14,0)+IF('Standard Profiles'!$G$22=$B$24,21,0),0)),0)</f>
        <v>1.6351671612862235</v>
      </c>
      <c r="I8410">
        <f t="shared" si="930"/>
        <v>1.5697604748347755</v>
      </c>
      <c r="J8410">
        <f t="shared" si="931"/>
        <v>14.764080567170655</v>
      </c>
      <c r="K8410">
        <f t="shared" si="932"/>
        <v>0.41492870243230362</v>
      </c>
      <c r="L8410">
        <f t="shared" si="933"/>
        <v>0.20746435121615181</v>
      </c>
      <c r="M8410">
        <f t="shared" si="934"/>
        <v>0</v>
      </c>
      <c r="N8410" s="45">
        <f t="shared" si="935"/>
        <v>45275.999999979686</v>
      </c>
    </row>
    <row r="8411" spans="2:14" x14ac:dyDescent="0.25">
      <c r="B8411">
        <f t="shared" si="929"/>
        <v>6</v>
      </c>
      <c r="C8411" s="16">
        <v>8377</v>
      </c>
      <c r="D8411" cm="1">
        <f t="array" ref="D8411">IFERROR(INDEX(Jesper!AH$2:AH$366,ROUNDDOWN($C8411/24,0)+1,1)*INDEX($D$3:$AA$30,INDEX(Jesper!$R$2:$R$366,ROW(INDEX(Jesper!AH$2:AH$366,ROUNDDOWN($C8411/24,0)+1,1))-1)+IF('Standard Profiles'!$G$18=$B$10,7,0)+IF('Standard Profiles'!$G$18=$B$17,14,0)+IF('Standard Profiles'!$G$18=$B$24,21,0),MOD($C8411,24)+1)/SUM(INDEX($D$3:$AA$30,INDEX(Jesper!$R$2:$R$366,ROW(INDEX(Jesper!AH$2:AH$366,ROUNDDOWN($C8411/24,0)+1,1))-1)+IF('Standard Profiles'!$G$18=$B$10,7,0)+IF('Standard Profiles'!$G$18=$B$17,14,0)+IF('Standard Profiles'!$G$18=$B$24,21,0),0)),0)</f>
        <v>0</v>
      </c>
      <c r="E8411" cm="1">
        <f t="array" ref="E8411">IFERROR(INDEX(Jesper!AI$2:AI$366,ROUNDDOWN($C8411/24,0)+1,1)*INDEX($D$3:$AA$30,INDEX(Jesper!$R$2:$R$366,ROW(INDEX(Jesper!AI$2:AI$366,ROUNDDOWN($C8411/24,0)+1,1))-1)+IF('Standard Profiles'!$G$19=$B$10,7,0)+IF('Standard Profiles'!$G$19=$B$17,14,0)+IF('Standard Profiles'!$G$19=$B$24,21,0),MOD($C8411,24)+1)/SUM(INDEX($D$3:$AA$30,INDEX(Jesper!$R$2:$R$366,ROW(INDEX(Jesper!AI$2:AI$366,ROUNDDOWN($C8411/24,0)+1,1))-1)+IF('Standard Profiles'!$G$19=$B$10,7,0)+IF('Standard Profiles'!$G$19=$B$17,14,0)+IF('Standard Profiles'!$G$19=$B$24,21,0),0)),0)</f>
        <v>4.6679479023634158</v>
      </c>
      <c r="F8411" cm="1">
        <f t="array" ref="F8411">IFERROR(INDEX(Jesper!AJ$2:AJ$366,ROUNDDOWN($C8411/24,0)+1,1)*INDEX($D$3:$AA$30,INDEX(Jesper!$R$2:$R$366,ROW(INDEX(Jesper!AJ$2:AJ$366,ROUNDDOWN($C8411/24,0)+1,1))-1)+IF('Standard Profiles'!$G$20=$B$10,7,0)+IF('Standard Profiles'!$G$20=$B$17,14,0)+IF('Standard Profiles'!$G$20=$B$24,21,0),MOD($C8411,24)+1)/SUM(INDEX($D$3:$AA$30,INDEX(Jesper!$R$2:$R$366,ROW(INDEX(Jesper!AJ$2:AJ$366,ROUNDDOWN($C8411/24,0)+1,1))-1)+IF('Standard Profiles'!$G$20=$B$10,7,0)+IF('Standard Profiles'!$G$20=$B$17,14,0)+IF('Standard Profiles'!$G$20=$B$24,21,0),0)),0)</f>
        <v>3.8013799708871452</v>
      </c>
      <c r="G8411" cm="1">
        <f t="array" ref="G8411">IFERROR(INDEX(Jesper!AK$2:AK$366,ROUNDDOWN($C8411/24,0)+1,1)*INDEX($D$3:$AA$30,INDEX(Jesper!$R$2:$R$366,ROW(INDEX(Jesper!AK$2:AK$366,ROUNDDOWN($C8411/24,0)+1,1))-1)+IF('Standard Profiles'!$G$21=$B$10,7,0)+IF('Standard Profiles'!$G$21=$B$17,14,0)+IF('Standard Profiles'!$G$21=$B$24,21,0),MOD($C8411,24)+1)/SUM(INDEX($D$3:$AA$30,INDEX(Jesper!$R$2:$R$366,ROW(INDEX(Jesper!AK$2:AK$366,ROUNDDOWN($C8411/24,0)+1,1))-1)+IF('Standard Profiles'!$G$21=$B$10,7,0)+IF('Standard Profiles'!$G$21=$B$17,14,0)+IF('Standard Profiles'!$G$21=$B$24,21,0),0)),0)</f>
        <v>5.9107026307559281</v>
      </c>
      <c r="H8411" cm="1">
        <f t="array" ref="H8411">IFERROR(INDEX(Jesper!AL$2:AL$366,ROUNDDOWN($C8411/24,0)+1,1)*INDEX($D$3:$AA$30,INDEX(Jesper!$R$2:$R$366,ROW(INDEX(Jesper!AL$2:AL$366,ROUNDDOWN($C8411/24,0)+1,1))-1)+IF('Standard Profiles'!$G$22=$B$10,7,0)+IF('Standard Profiles'!$G$22=$B$17,14,0)+IF('Standard Profiles'!$G$22=$B$24,21,0),MOD($C8411,24)+1)/SUM(INDEX($D$3:$AA$30,INDEX(Jesper!$R$2:$R$366,ROW(INDEX(Jesper!AL$2:AL$366,ROUNDDOWN($C8411/24,0)+1,1))-1)+IF('Standard Profiles'!$G$22=$B$10,7,0)+IF('Standard Profiles'!$G$22=$B$17,14,0)+IF('Standard Profiles'!$G$22=$B$24,21,0),0)),0)</f>
        <v>3.1924692196540554</v>
      </c>
      <c r="I8411">
        <f t="shared" si="930"/>
        <v>3.0647704508678948</v>
      </c>
      <c r="J8411">
        <f t="shared" si="931"/>
        <v>13.947575524509039</v>
      </c>
      <c r="K8411">
        <f t="shared" si="932"/>
        <v>0.37343583218907328</v>
      </c>
      <c r="L8411">
        <f t="shared" si="933"/>
        <v>0.18671791609453664</v>
      </c>
      <c r="M8411">
        <f t="shared" si="934"/>
        <v>0</v>
      </c>
      <c r="N8411" s="45">
        <f t="shared" si="935"/>
        <v>45276.04166664635</v>
      </c>
    </row>
    <row r="8412" spans="2:14" x14ac:dyDescent="0.25">
      <c r="B8412">
        <f t="shared" si="929"/>
        <v>6</v>
      </c>
      <c r="C8412" s="16">
        <v>8378</v>
      </c>
      <c r="D8412" cm="1">
        <f t="array" ref="D8412">IFERROR(INDEX(Jesper!AH$2:AH$366,ROUNDDOWN($C8412/24,0)+1,1)*INDEX($D$3:$AA$30,INDEX(Jesper!$R$2:$R$366,ROW(INDEX(Jesper!AH$2:AH$366,ROUNDDOWN($C8412/24,0)+1,1))-1)+IF('Standard Profiles'!$G$18=$B$10,7,0)+IF('Standard Profiles'!$G$18=$B$17,14,0)+IF('Standard Profiles'!$G$18=$B$24,21,0),MOD($C8412,24)+1)/SUM(INDEX($D$3:$AA$30,INDEX(Jesper!$R$2:$R$366,ROW(INDEX(Jesper!AH$2:AH$366,ROUNDDOWN($C8412/24,0)+1,1))-1)+IF('Standard Profiles'!$G$18=$B$10,7,0)+IF('Standard Profiles'!$G$18=$B$17,14,0)+IF('Standard Profiles'!$G$18=$B$24,21,0),0)),0)</f>
        <v>0</v>
      </c>
      <c r="E8412" cm="1">
        <f t="array" ref="E8412">IFERROR(INDEX(Jesper!AI$2:AI$366,ROUNDDOWN($C8412/24,0)+1,1)*INDEX($D$3:$AA$30,INDEX(Jesper!$R$2:$R$366,ROW(INDEX(Jesper!AI$2:AI$366,ROUNDDOWN($C8412/24,0)+1,1))-1)+IF('Standard Profiles'!$G$19=$B$10,7,0)+IF('Standard Profiles'!$G$19=$B$17,14,0)+IF('Standard Profiles'!$G$19=$B$24,21,0),MOD($C8412,24)+1)/SUM(INDEX($D$3:$AA$30,INDEX(Jesper!$R$2:$R$366,ROW(INDEX(Jesper!AI$2:AI$366,ROUNDDOWN($C8412/24,0)+1,1))-1)+IF('Standard Profiles'!$G$19=$B$10,7,0)+IF('Standard Profiles'!$G$19=$B$17,14,0)+IF('Standard Profiles'!$G$19=$B$24,21,0),0)),0)</f>
        <v>4.6679479023634158</v>
      </c>
      <c r="F8412" cm="1">
        <f t="array" ref="F8412">IFERROR(INDEX(Jesper!AJ$2:AJ$366,ROUNDDOWN($C8412/24,0)+1,1)*INDEX($D$3:$AA$30,INDEX(Jesper!$R$2:$R$366,ROW(INDEX(Jesper!AJ$2:AJ$366,ROUNDDOWN($C8412/24,0)+1,1))-1)+IF('Standard Profiles'!$G$20=$B$10,7,0)+IF('Standard Profiles'!$G$20=$B$17,14,0)+IF('Standard Profiles'!$G$20=$B$24,21,0),MOD($C8412,24)+1)/SUM(INDEX($D$3:$AA$30,INDEX(Jesper!$R$2:$R$366,ROW(INDEX(Jesper!AJ$2:AJ$366,ROUNDDOWN($C8412/24,0)+1,1))-1)+IF('Standard Profiles'!$G$20=$B$10,7,0)+IF('Standard Profiles'!$G$20=$B$17,14,0)+IF('Standard Profiles'!$G$20=$B$24,21,0),0)),0)</f>
        <v>3.8013799708871452</v>
      </c>
      <c r="G8412" cm="1">
        <f t="array" ref="G8412">IFERROR(INDEX(Jesper!AK$2:AK$366,ROUNDDOWN($C8412/24,0)+1,1)*INDEX($D$3:$AA$30,INDEX(Jesper!$R$2:$R$366,ROW(INDEX(Jesper!AK$2:AK$366,ROUNDDOWN($C8412/24,0)+1,1))-1)+IF('Standard Profiles'!$G$21=$B$10,7,0)+IF('Standard Profiles'!$G$21=$B$17,14,0)+IF('Standard Profiles'!$G$21=$B$24,21,0),MOD($C8412,24)+1)/SUM(INDEX($D$3:$AA$30,INDEX(Jesper!$R$2:$R$366,ROW(INDEX(Jesper!AK$2:AK$366,ROUNDDOWN($C8412/24,0)+1,1))-1)+IF('Standard Profiles'!$G$21=$B$10,7,0)+IF('Standard Profiles'!$G$21=$B$17,14,0)+IF('Standard Profiles'!$G$21=$B$24,21,0),0)),0)</f>
        <v>5.9107026307559281</v>
      </c>
      <c r="H8412" cm="1">
        <f t="array" ref="H8412">IFERROR(INDEX(Jesper!AL$2:AL$366,ROUNDDOWN($C8412/24,0)+1,1)*INDEX($D$3:$AA$30,INDEX(Jesper!$R$2:$R$366,ROW(INDEX(Jesper!AL$2:AL$366,ROUNDDOWN($C8412/24,0)+1,1))-1)+IF('Standard Profiles'!$G$22=$B$10,7,0)+IF('Standard Profiles'!$G$22=$B$17,14,0)+IF('Standard Profiles'!$G$22=$B$24,21,0),MOD($C8412,24)+1)/SUM(INDEX($D$3:$AA$30,INDEX(Jesper!$R$2:$R$366,ROW(INDEX(Jesper!AL$2:AL$366,ROUNDDOWN($C8412/24,0)+1,1))-1)+IF('Standard Profiles'!$G$22=$B$10,7,0)+IF('Standard Profiles'!$G$22=$B$17,14,0)+IF('Standard Profiles'!$G$22=$B$24,21,0),0)),0)</f>
        <v>3.1924692196540554</v>
      </c>
      <c r="I8412">
        <f t="shared" si="930"/>
        <v>3.0647704508678948</v>
      </c>
      <c r="J8412">
        <f t="shared" si="931"/>
        <v>13.947575524509039</v>
      </c>
      <c r="K8412">
        <f t="shared" si="932"/>
        <v>0.37343583218907328</v>
      </c>
      <c r="L8412">
        <f t="shared" si="933"/>
        <v>0.18671791609453664</v>
      </c>
      <c r="M8412">
        <f t="shared" si="934"/>
        <v>0</v>
      </c>
      <c r="N8412" s="45">
        <f t="shared" si="935"/>
        <v>45276.083333313014</v>
      </c>
    </row>
    <row r="8413" spans="2:14" x14ac:dyDescent="0.25">
      <c r="B8413">
        <f t="shared" si="929"/>
        <v>6</v>
      </c>
      <c r="C8413" s="16">
        <v>8379</v>
      </c>
      <c r="D8413" cm="1">
        <f t="array" ref="D8413">IFERROR(INDEX(Jesper!AH$2:AH$366,ROUNDDOWN($C8413/24,0)+1,1)*INDEX($D$3:$AA$30,INDEX(Jesper!$R$2:$R$366,ROW(INDEX(Jesper!AH$2:AH$366,ROUNDDOWN($C8413/24,0)+1,1))-1)+IF('Standard Profiles'!$G$18=$B$10,7,0)+IF('Standard Profiles'!$G$18=$B$17,14,0)+IF('Standard Profiles'!$G$18=$B$24,21,0),MOD($C8413,24)+1)/SUM(INDEX($D$3:$AA$30,INDEX(Jesper!$R$2:$R$366,ROW(INDEX(Jesper!AH$2:AH$366,ROUNDDOWN($C8413/24,0)+1,1))-1)+IF('Standard Profiles'!$G$18=$B$10,7,0)+IF('Standard Profiles'!$G$18=$B$17,14,0)+IF('Standard Profiles'!$G$18=$B$24,21,0),0)),0)</f>
        <v>0</v>
      </c>
      <c r="E8413" cm="1">
        <f t="array" ref="E8413">IFERROR(INDEX(Jesper!AI$2:AI$366,ROUNDDOWN($C8413/24,0)+1,1)*INDEX($D$3:$AA$30,INDEX(Jesper!$R$2:$R$366,ROW(INDEX(Jesper!AI$2:AI$366,ROUNDDOWN($C8413/24,0)+1,1))-1)+IF('Standard Profiles'!$G$19=$B$10,7,0)+IF('Standard Profiles'!$G$19=$B$17,14,0)+IF('Standard Profiles'!$G$19=$B$24,21,0),MOD($C8413,24)+1)/SUM(INDEX($D$3:$AA$30,INDEX(Jesper!$R$2:$R$366,ROW(INDEX(Jesper!AI$2:AI$366,ROUNDDOWN($C8413/24,0)+1,1))-1)+IF('Standard Profiles'!$G$19=$B$10,7,0)+IF('Standard Profiles'!$G$19=$B$17,14,0)+IF('Standard Profiles'!$G$19=$B$24,21,0),0)),0)</f>
        <v>4.6679479023634158</v>
      </c>
      <c r="F8413" cm="1">
        <f t="array" ref="F8413">IFERROR(INDEX(Jesper!AJ$2:AJ$366,ROUNDDOWN($C8413/24,0)+1,1)*INDEX($D$3:$AA$30,INDEX(Jesper!$R$2:$R$366,ROW(INDEX(Jesper!AJ$2:AJ$366,ROUNDDOWN($C8413/24,0)+1,1))-1)+IF('Standard Profiles'!$G$20=$B$10,7,0)+IF('Standard Profiles'!$G$20=$B$17,14,0)+IF('Standard Profiles'!$G$20=$B$24,21,0),MOD($C8413,24)+1)/SUM(INDEX($D$3:$AA$30,INDEX(Jesper!$R$2:$R$366,ROW(INDEX(Jesper!AJ$2:AJ$366,ROUNDDOWN($C8413/24,0)+1,1))-1)+IF('Standard Profiles'!$G$20=$B$10,7,0)+IF('Standard Profiles'!$G$20=$B$17,14,0)+IF('Standard Profiles'!$G$20=$B$24,21,0),0)),0)</f>
        <v>3.8013799708871452</v>
      </c>
      <c r="G8413" cm="1">
        <f t="array" ref="G8413">IFERROR(INDEX(Jesper!AK$2:AK$366,ROUNDDOWN($C8413/24,0)+1,1)*INDEX($D$3:$AA$30,INDEX(Jesper!$R$2:$R$366,ROW(INDEX(Jesper!AK$2:AK$366,ROUNDDOWN($C8413/24,0)+1,1))-1)+IF('Standard Profiles'!$G$21=$B$10,7,0)+IF('Standard Profiles'!$G$21=$B$17,14,0)+IF('Standard Profiles'!$G$21=$B$24,21,0),MOD($C8413,24)+1)/SUM(INDEX($D$3:$AA$30,INDEX(Jesper!$R$2:$R$366,ROW(INDEX(Jesper!AK$2:AK$366,ROUNDDOWN($C8413/24,0)+1,1))-1)+IF('Standard Profiles'!$G$21=$B$10,7,0)+IF('Standard Profiles'!$G$21=$B$17,14,0)+IF('Standard Profiles'!$G$21=$B$24,21,0),0)),0)</f>
        <v>5.9107026307559281</v>
      </c>
      <c r="H8413" cm="1">
        <f t="array" ref="H8413">IFERROR(INDEX(Jesper!AL$2:AL$366,ROUNDDOWN($C8413/24,0)+1,1)*INDEX($D$3:$AA$30,INDEX(Jesper!$R$2:$R$366,ROW(INDEX(Jesper!AL$2:AL$366,ROUNDDOWN($C8413/24,0)+1,1))-1)+IF('Standard Profiles'!$G$22=$B$10,7,0)+IF('Standard Profiles'!$G$22=$B$17,14,0)+IF('Standard Profiles'!$G$22=$B$24,21,0),MOD($C8413,24)+1)/SUM(INDEX($D$3:$AA$30,INDEX(Jesper!$R$2:$R$366,ROW(INDEX(Jesper!AL$2:AL$366,ROUNDDOWN($C8413/24,0)+1,1))-1)+IF('Standard Profiles'!$G$22=$B$10,7,0)+IF('Standard Profiles'!$G$22=$B$17,14,0)+IF('Standard Profiles'!$G$22=$B$24,21,0),0)),0)</f>
        <v>3.1924692196540554</v>
      </c>
      <c r="I8413">
        <f t="shared" si="930"/>
        <v>3.0647704508678948</v>
      </c>
      <c r="J8413">
        <f t="shared" si="931"/>
        <v>13.947575524509039</v>
      </c>
      <c r="K8413">
        <f t="shared" si="932"/>
        <v>0.37343583218907328</v>
      </c>
      <c r="L8413">
        <f t="shared" si="933"/>
        <v>0.18671791609453664</v>
      </c>
      <c r="M8413">
        <f t="shared" si="934"/>
        <v>0</v>
      </c>
      <c r="N8413" s="45">
        <f t="shared" si="935"/>
        <v>45276.124999979678</v>
      </c>
    </row>
    <row r="8414" spans="2:14" x14ac:dyDescent="0.25">
      <c r="B8414">
        <f t="shared" si="929"/>
        <v>6</v>
      </c>
      <c r="C8414" s="16">
        <v>8380</v>
      </c>
      <c r="D8414" cm="1">
        <f t="array" ref="D8414">IFERROR(INDEX(Jesper!AH$2:AH$366,ROUNDDOWN($C8414/24,0)+1,1)*INDEX($D$3:$AA$30,INDEX(Jesper!$R$2:$R$366,ROW(INDEX(Jesper!AH$2:AH$366,ROUNDDOWN($C8414/24,0)+1,1))-1)+IF('Standard Profiles'!$G$18=$B$10,7,0)+IF('Standard Profiles'!$G$18=$B$17,14,0)+IF('Standard Profiles'!$G$18=$B$24,21,0),MOD($C8414,24)+1)/SUM(INDEX($D$3:$AA$30,INDEX(Jesper!$R$2:$R$366,ROW(INDEX(Jesper!AH$2:AH$366,ROUNDDOWN($C8414/24,0)+1,1))-1)+IF('Standard Profiles'!$G$18=$B$10,7,0)+IF('Standard Profiles'!$G$18=$B$17,14,0)+IF('Standard Profiles'!$G$18=$B$24,21,0),0)),0)</f>
        <v>0</v>
      </c>
      <c r="E8414" cm="1">
        <f t="array" ref="E8414">IFERROR(INDEX(Jesper!AI$2:AI$366,ROUNDDOWN($C8414/24,0)+1,1)*INDEX($D$3:$AA$30,INDEX(Jesper!$R$2:$R$366,ROW(INDEX(Jesper!AI$2:AI$366,ROUNDDOWN($C8414/24,0)+1,1))-1)+IF('Standard Profiles'!$G$19=$B$10,7,0)+IF('Standard Profiles'!$G$19=$B$17,14,0)+IF('Standard Profiles'!$G$19=$B$24,21,0),MOD($C8414,24)+1)/SUM(INDEX($D$3:$AA$30,INDEX(Jesper!$R$2:$R$366,ROW(INDEX(Jesper!AI$2:AI$366,ROUNDDOWN($C8414/24,0)+1,1))-1)+IF('Standard Profiles'!$G$19=$B$10,7,0)+IF('Standard Profiles'!$G$19=$B$17,14,0)+IF('Standard Profiles'!$G$19=$B$24,21,0),0)),0)</f>
        <v>4.6679479023634158</v>
      </c>
      <c r="F8414" cm="1">
        <f t="array" ref="F8414">IFERROR(INDEX(Jesper!AJ$2:AJ$366,ROUNDDOWN($C8414/24,0)+1,1)*INDEX($D$3:$AA$30,INDEX(Jesper!$R$2:$R$366,ROW(INDEX(Jesper!AJ$2:AJ$366,ROUNDDOWN($C8414/24,0)+1,1))-1)+IF('Standard Profiles'!$G$20=$B$10,7,0)+IF('Standard Profiles'!$G$20=$B$17,14,0)+IF('Standard Profiles'!$G$20=$B$24,21,0),MOD($C8414,24)+1)/SUM(INDEX($D$3:$AA$30,INDEX(Jesper!$R$2:$R$366,ROW(INDEX(Jesper!AJ$2:AJ$366,ROUNDDOWN($C8414/24,0)+1,1))-1)+IF('Standard Profiles'!$G$20=$B$10,7,0)+IF('Standard Profiles'!$G$20=$B$17,14,0)+IF('Standard Profiles'!$G$20=$B$24,21,0),0)),0)</f>
        <v>3.8013799708871452</v>
      </c>
      <c r="G8414" cm="1">
        <f t="array" ref="G8414">IFERROR(INDEX(Jesper!AK$2:AK$366,ROUNDDOWN($C8414/24,0)+1,1)*INDEX($D$3:$AA$30,INDEX(Jesper!$R$2:$R$366,ROW(INDEX(Jesper!AK$2:AK$366,ROUNDDOWN($C8414/24,0)+1,1))-1)+IF('Standard Profiles'!$G$21=$B$10,7,0)+IF('Standard Profiles'!$G$21=$B$17,14,0)+IF('Standard Profiles'!$G$21=$B$24,21,0),MOD($C8414,24)+1)/SUM(INDEX($D$3:$AA$30,INDEX(Jesper!$R$2:$R$366,ROW(INDEX(Jesper!AK$2:AK$366,ROUNDDOWN($C8414/24,0)+1,1))-1)+IF('Standard Profiles'!$G$21=$B$10,7,0)+IF('Standard Profiles'!$G$21=$B$17,14,0)+IF('Standard Profiles'!$G$21=$B$24,21,0),0)),0)</f>
        <v>5.9107026307559281</v>
      </c>
      <c r="H8414" cm="1">
        <f t="array" ref="H8414">IFERROR(INDEX(Jesper!AL$2:AL$366,ROUNDDOWN($C8414/24,0)+1,1)*INDEX($D$3:$AA$30,INDEX(Jesper!$R$2:$R$366,ROW(INDEX(Jesper!AL$2:AL$366,ROUNDDOWN($C8414/24,0)+1,1))-1)+IF('Standard Profiles'!$G$22=$B$10,7,0)+IF('Standard Profiles'!$G$22=$B$17,14,0)+IF('Standard Profiles'!$G$22=$B$24,21,0),MOD($C8414,24)+1)/SUM(INDEX($D$3:$AA$30,INDEX(Jesper!$R$2:$R$366,ROW(INDEX(Jesper!AL$2:AL$366,ROUNDDOWN($C8414/24,0)+1,1))-1)+IF('Standard Profiles'!$G$22=$B$10,7,0)+IF('Standard Profiles'!$G$22=$B$17,14,0)+IF('Standard Profiles'!$G$22=$B$24,21,0),0)),0)</f>
        <v>3.1924692196540554</v>
      </c>
      <c r="I8414">
        <f t="shared" si="930"/>
        <v>3.0647704508678948</v>
      </c>
      <c r="J8414">
        <f t="shared" si="931"/>
        <v>13.947575524509039</v>
      </c>
      <c r="K8414">
        <f t="shared" si="932"/>
        <v>0.37343583218907328</v>
      </c>
      <c r="L8414">
        <f t="shared" si="933"/>
        <v>0.18671791609453664</v>
      </c>
      <c r="M8414">
        <f t="shared" si="934"/>
        <v>0</v>
      </c>
      <c r="N8414" s="45">
        <f t="shared" si="935"/>
        <v>45276.166666646342</v>
      </c>
    </row>
    <row r="8415" spans="2:14" x14ac:dyDescent="0.25">
      <c r="B8415">
        <f t="shared" si="929"/>
        <v>6</v>
      </c>
      <c r="C8415" s="16">
        <v>8381</v>
      </c>
      <c r="D8415" cm="1">
        <f t="array" ref="D8415">IFERROR(INDEX(Jesper!AH$2:AH$366,ROUNDDOWN($C8415/24,0)+1,1)*INDEX($D$3:$AA$30,INDEX(Jesper!$R$2:$R$366,ROW(INDEX(Jesper!AH$2:AH$366,ROUNDDOWN($C8415/24,0)+1,1))-1)+IF('Standard Profiles'!$G$18=$B$10,7,0)+IF('Standard Profiles'!$G$18=$B$17,14,0)+IF('Standard Profiles'!$G$18=$B$24,21,0),MOD($C8415,24)+1)/SUM(INDEX($D$3:$AA$30,INDEX(Jesper!$R$2:$R$366,ROW(INDEX(Jesper!AH$2:AH$366,ROUNDDOWN($C8415/24,0)+1,1))-1)+IF('Standard Profiles'!$G$18=$B$10,7,0)+IF('Standard Profiles'!$G$18=$B$17,14,0)+IF('Standard Profiles'!$G$18=$B$24,21,0),0)),0)</f>
        <v>0</v>
      </c>
      <c r="E8415" cm="1">
        <f t="array" ref="E8415">IFERROR(INDEX(Jesper!AI$2:AI$366,ROUNDDOWN($C8415/24,0)+1,1)*INDEX($D$3:$AA$30,INDEX(Jesper!$R$2:$R$366,ROW(INDEX(Jesper!AI$2:AI$366,ROUNDDOWN($C8415/24,0)+1,1))-1)+IF('Standard Profiles'!$G$19=$B$10,7,0)+IF('Standard Profiles'!$G$19=$B$17,14,0)+IF('Standard Profiles'!$G$19=$B$24,21,0),MOD($C8415,24)+1)/SUM(INDEX($D$3:$AA$30,INDEX(Jesper!$R$2:$R$366,ROW(INDEX(Jesper!AI$2:AI$366,ROUNDDOWN($C8415/24,0)+1,1))-1)+IF('Standard Profiles'!$G$19=$B$10,7,0)+IF('Standard Profiles'!$G$19=$B$17,14,0)+IF('Standard Profiles'!$G$19=$B$24,21,0),0)),0)</f>
        <v>4.6679479023634158</v>
      </c>
      <c r="F8415" cm="1">
        <f t="array" ref="F8415">IFERROR(INDEX(Jesper!AJ$2:AJ$366,ROUNDDOWN($C8415/24,0)+1,1)*INDEX($D$3:$AA$30,INDEX(Jesper!$R$2:$R$366,ROW(INDEX(Jesper!AJ$2:AJ$366,ROUNDDOWN($C8415/24,0)+1,1))-1)+IF('Standard Profiles'!$G$20=$B$10,7,0)+IF('Standard Profiles'!$G$20=$B$17,14,0)+IF('Standard Profiles'!$G$20=$B$24,21,0),MOD($C8415,24)+1)/SUM(INDEX($D$3:$AA$30,INDEX(Jesper!$R$2:$R$366,ROW(INDEX(Jesper!AJ$2:AJ$366,ROUNDDOWN($C8415/24,0)+1,1))-1)+IF('Standard Profiles'!$G$20=$B$10,7,0)+IF('Standard Profiles'!$G$20=$B$17,14,0)+IF('Standard Profiles'!$G$20=$B$24,21,0),0)),0)</f>
        <v>3.8013799708871452</v>
      </c>
      <c r="G8415" cm="1">
        <f t="array" ref="G8415">IFERROR(INDEX(Jesper!AK$2:AK$366,ROUNDDOWN($C8415/24,0)+1,1)*INDEX($D$3:$AA$30,INDEX(Jesper!$R$2:$R$366,ROW(INDEX(Jesper!AK$2:AK$366,ROUNDDOWN($C8415/24,0)+1,1))-1)+IF('Standard Profiles'!$G$21=$B$10,7,0)+IF('Standard Profiles'!$G$21=$B$17,14,0)+IF('Standard Profiles'!$G$21=$B$24,21,0),MOD($C8415,24)+1)/SUM(INDEX($D$3:$AA$30,INDEX(Jesper!$R$2:$R$366,ROW(INDEX(Jesper!AK$2:AK$366,ROUNDDOWN($C8415/24,0)+1,1))-1)+IF('Standard Profiles'!$G$21=$B$10,7,0)+IF('Standard Profiles'!$G$21=$B$17,14,0)+IF('Standard Profiles'!$G$21=$B$24,21,0),0)),0)</f>
        <v>5.9107026307559281</v>
      </c>
      <c r="H8415" cm="1">
        <f t="array" ref="H8415">IFERROR(INDEX(Jesper!AL$2:AL$366,ROUNDDOWN($C8415/24,0)+1,1)*INDEX($D$3:$AA$30,INDEX(Jesper!$R$2:$R$366,ROW(INDEX(Jesper!AL$2:AL$366,ROUNDDOWN($C8415/24,0)+1,1))-1)+IF('Standard Profiles'!$G$22=$B$10,7,0)+IF('Standard Profiles'!$G$22=$B$17,14,0)+IF('Standard Profiles'!$G$22=$B$24,21,0),MOD($C8415,24)+1)/SUM(INDEX($D$3:$AA$30,INDEX(Jesper!$R$2:$R$366,ROW(INDEX(Jesper!AL$2:AL$366,ROUNDDOWN($C8415/24,0)+1,1))-1)+IF('Standard Profiles'!$G$22=$B$10,7,0)+IF('Standard Profiles'!$G$22=$B$17,14,0)+IF('Standard Profiles'!$G$22=$B$24,21,0),0)),0)</f>
        <v>3.9711202488379715</v>
      </c>
      <c r="I8415">
        <f t="shared" si="930"/>
        <v>3.8122754388844546</v>
      </c>
      <c r="J8415">
        <f t="shared" si="931"/>
        <v>13.978721565676395</v>
      </c>
      <c r="K8415">
        <f t="shared" si="932"/>
        <v>0.37343583218907328</v>
      </c>
      <c r="L8415">
        <f t="shared" si="933"/>
        <v>0.18671791609453664</v>
      </c>
      <c r="M8415">
        <f t="shared" si="934"/>
        <v>0</v>
      </c>
      <c r="N8415" s="45">
        <f t="shared" si="935"/>
        <v>45276.208333313007</v>
      </c>
    </row>
    <row r="8416" spans="2:14" x14ac:dyDescent="0.25">
      <c r="B8416">
        <f t="shared" si="929"/>
        <v>6</v>
      </c>
      <c r="C8416" s="16">
        <v>8382</v>
      </c>
      <c r="D8416" cm="1">
        <f t="array" ref="D8416">IFERROR(INDEX(Jesper!AH$2:AH$366,ROUNDDOWN($C8416/24,0)+1,1)*INDEX($D$3:$AA$30,INDEX(Jesper!$R$2:$R$366,ROW(INDEX(Jesper!AH$2:AH$366,ROUNDDOWN($C8416/24,0)+1,1))-1)+IF('Standard Profiles'!$G$18=$B$10,7,0)+IF('Standard Profiles'!$G$18=$B$17,14,0)+IF('Standard Profiles'!$G$18=$B$24,21,0),MOD($C8416,24)+1)/SUM(INDEX($D$3:$AA$30,INDEX(Jesper!$R$2:$R$366,ROW(INDEX(Jesper!AH$2:AH$366,ROUNDDOWN($C8416/24,0)+1,1))-1)+IF('Standard Profiles'!$G$18=$B$10,7,0)+IF('Standard Profiles'!$G$18=$B$17,14,0)+IF('Standard Profiles'!$G$18=$B$24,21,0),0)),0)</f>
        <v>0</v>
      </c>
      <c r="E8416" cm="1">
        <f t="array" ref="E8416">IFERROR(INDEX(Jesper!AI$2:AI$366,ROUNDDOWN($C8416/24,0)+1,1)*INDEX($D$3:$AA$30,INDEX(Jesper!$R$2:$R$366,ROW(INDEX(Jesper!AI$2:AI$366,ROUNDDOWN($C8416/24,0)+1,1))-1)+IF('Standard Profiles'!$G$19=$B$10,7,0)+IF('Standard Profiles'!$G$19=$B$17,14,0)+IF('Standard Profiles'!$G$19=$B$24,21,0),MOD($C8416,24)+1)/SUM(INDEX($D$3:$AA$30,INDEX(Jesper!$R$2:$R$366,ROW(INDEX(Jesper!AI$2:AI$366,ROUNDDOWN($C8416/24,0)+1,1))-1)+IF('Standard Profiles'!$G$19=$B$10,7,0)+IF('Standard Profiles'!$G$19=$B$17,14,0)+IF('Standard Profiles'!$G$19=$B$24,21,0),0)),0)</f>
        <v>4.6679479023634158</v>
      </c>
      <c r="F8416" cm="1">
        <f t="array" ref="F8416">IFERROR(INDEX(Jesper!AJ$2:AJ$366,ROUNDDOWN($C8416/24,0)+1,1)*INDEX($D$3:$AA$30,INDEX(Jesper!$R$2:$R$366,ROW(INDEX(Jesper!AJ$2:AJ$366,ROUNDDOWN($C8416/24,0)+1,1))-1)+IF('Standard Profiles'!$G$20=$B$10,7,0)+IF('Standard Profiles'!$G$20=$B$17,14,0)+IF('Standard Profiles'!$G$20=$B$24,21,0),MOD($C8416,24)+1)/SUM(INDEX($D$3:$AA$30,INDEX(Jesper!$R$2:$R$366,ROW(INDEX(Jesper!AJ$2:AJ$366,ROUNDDOWN($C8416/24,0)+1,1))-1)+IF('Standard Profiles'!$G$20=$B$10,7,0)+IF('Standard Profiles'!$G$20=$B$17,14,0)+IF('Standard Profiles'!$G$20=$B$24,21,0),0)),0)</f>
        <v>3.8013799708871452</v>
      </c>
      <c r="G8416" cm="1">
        <f t="array" ref="G8416">IFERROR(INDEX(Jesper!AK$2:AK$366,ROUNDDOWN($C8416/24,0)+1,1)*INDEX($D$3:$AA$30,INDEX(Jesper!$R$2:$R$366,ROW(INDEX(Jesper!AK$2:AK$366,ROUNDDOWN($C8416/24,0)+1,1))-1)+IF('Standard Profiles'!$G$21=$B$10,7,0)+IF('Standard Profiles'!$G$21=$B$17,14,0)+IF('Standard Profiles'!$G$21=$B$24,21,0),MOD($C8416,24)+1)/SUM(INDEX($D$3:$AA$30,INDEX(Jesper!$R$2:$R$366,ROW(INDEX(Jesper!AK$2:AK$366,ROUNDDOWN($C8416/24,0)+1,1))-1)+IF('Standard Profiles'!$G$21=$B$10,7,0)+IF('Standard Profiles'!$G$21=$B$17,14,0)+IF('Standard Profiles'!$G$21=$B$24,21,0),0)),0)</f>
        <v>5.9107026307559281</v>
      </c>
      <c r="H8416" cm="1">
        <f t="array" ref="H8416">IFERROR(INDEX(Jesper!AL$2:AL$366,ROUNDDOWN($C8416/24,0)+1,1)*INDEX($D$3:$AA$30,INDEX(Jesper!$R$2:$R$366,ROW(INDEX(Jesper!AL$2:AL$366,ROUNDDOWN($C8416/24,0)+1,1))-1)+IF('Standard Profiles'!$G$22=$B$10,7,0)+IF('Standard Profiles'!$G$22=$B$17,14,0)+IF('Standard Profiles'!$G$22=$B$24,21,0),MOD($C8416,24)+1)/SUM(INDEX($D$3:$AA$30,INDEX(Jesper!$R$2:$R$366,ROW(INDEX(Jesper!AL$2:AL$366,ROUNDDOWN($C8416/24,0)+1,1))-1)+IF('Standard Profiles'!$G$22=$B$10,7,0)+IF('Standard Profiles'!$G$22=$B$17,14,0)+IF('Standard Profiles'!$G$22=$B$24,21,0),0)),0)</f>
        <v>4.9833665867770618</v>
      </c>
      <c r="I8416">
        <f t="shared" si="930"/>
        <v>4.7840319233059816</v>
      </c>
      <c r="J8416">
        <f t="shared" si="931"/>
        <v>14.019211419193958</v>
      </c>
      <c r="K8416">
        <f t="shared" si="932"/>
        <v>0.37343583218907328</v>
      </c>
      <c r="L8416">
        <f t="shared" si="933"/>
        <v>0.18671791609453664</v>
      </c>
      <c r="M8416">
        <f t="shared" si="934"/>
        <v>0</v>
      </c>
      <c r="N8416" s="45">
        <f t="shared" si="935"/>
        <v>45276.249999979671</v>
      </c>
    </row>
    <row r="8417" spans="2:14" x14ac:dyDescent="0.25">
      <c r="B8417">
        <f t="shared" si="929"/>
        <v>6</v>
      </c>
      <c r="C8417" s="16">
        <v>8383</v>
      </c>
      <c r="D8417" cm="1">
        <f t="array" ref="D8417">IFERROR(INDEX(Jesper!AH$2:AH$366,ROUNDDOWN($C8417/24,0)+1,1)*INDEX($D$3:$AA$30,INDEX(Jesper!$R$2:$R$366,ROW(INDEX(Jesper!AH$2:AH$366,ROUNDDOWN($C8417/24,0)+1,1))-1)+IF('Standard Profiles'!$G$18=$B$10,7,0)+IF('Standard Profiles'!$G$18=$B$17,14,0)+IF('Standard Profiles'!$G$18=$B$24,21,0),MOD($C8417,24)+1)/SUM(INDEX($D$3:$AA$30,INDEX(Jesper!$R$2:$R$366,ROW(INDEX(Jesper!AH$2:AH$366,ROUNDDOWN($C8417/24,0)+1,1))-1)+IF('Standard Profiles'!$G$18=$B$10,7,0)+IF('Standard Profiles'!$G$18=$B$17,14,0)+IF('Standard Profiles'!$G$18=$B$24,21,0),0)),0)</f>
        <v>0</v>
      </c>
      <c r="E8417" cm="1">
        <f t="array" ref="E8417">IFERROR(INDEX(Jesper!AI$2:AI$366,ROUNDDOWN($C8417/24,0)+1,1)*INDEX($D$3:$AA$30,INDEX(Jesper!$R$2:$R$366,ROW(INDEX(Jesper!AI$2:AI$366,ROUNDDOWN($C8417/24,0)+1,1))-1)+IF('Standard Profiles'!$G$19=$B$10,7,0)+IF('Standard Profiles'!$G$19=$B$17,14,0)+IF('Standard Profiles'!$G$19=$B$24,21,0),MOD($C8417,24)+1)/SUM(INDEX($D$3:$AA$30,INDEX(Jesper!$R$2:$R$366,ROW(INDEX(Jesper!AI$2:AI$366,ROUNDDOWN($C8417/24,0)+1,1))-1)+IF('Standard Profiles'!$G$19=$B$10,7,0)+IF('Standard Profiles'!$G$19=$B$17,14,0)+IF('Standard Profiles'!$G$19=$B$24,21,0),0)),0)</f>
        <v>4.6679479023634158</v>
      </c>
      <c r="F8417" cm="1">
        <f t="array" ref="F8417">IFERROR(INDEX(Jesper!AJ$2:AJ$366,ROUNDDOWN($C8417/24,0)+1,1)*INDEX($D$3:$AA$30,INDEX(Jesper!$R$2:$R$366,ROW(INDEX(Jesper!AJ$2:AJ$366,ROUNDDOWN($C8417/24,0)+1,1))-1)+IF('Standard Profiles'!$G$20=$B$10,7,0)+IF('Standard Profiles'!$G$20=$B$17,14,0)+IF('Standard Profiles'!$G$20=$B$24,21,0),MOD($C8417,24)+1)/SUM(INDEX($D$3:$AA$30,INDEX(Jesper!$R$2:$R$366,ROW(INDEX(Jesper!AJ$2:AJ$366,ROUNDDOWN($C8417/24,0)+1,1))-1)+IF('Standard Profiles'!$G$20=$B$10,7,0)+IF('Standard Profiles'!$G$20=$B$17,14,0)+IF('Standard Profiles'!$G$20=$B$24,21,0),0)),0)</f>
        <v>3.8013799708871452</v>
      </c>
      <c r="G8417" cm="1">
        <f t="array" ref="G8417">IFERROR(INDEX(Jesper!AK$2:AK$366,ROUNDDOWN($C8417/24,0)+1,1)*INDEX($D$3:$AA$30,INDEX(Jesper!$R$2:$R$366,ROW(INDEX(Jesper!AK$2:AK$366,ROUNDDOWN($C8417/24,0)+1,1))-1)+IF('Standard Profiles'!$G$21=$B$10,7,0)+IF('Standard Profiles'!$G$21=$B$17,14,0)+IF('Standard Profiles'!$G$21=$B$24,21,0),MOD($C8417,24)+1)/SUM(INDEX($D$3:$AA$30,INDEX(Jesper!$R$2:$R$366,ROW(INDEX(Jesper!AK$2:AK$366,ROUNDDOWN($C8417/24,0)+1,1))-1)+IF('Standard Profiles'!$G$21=$B$10,7,0)+IF('Standard Profiles'!$G$21=$B$17,14,0)+IF('Standard Profiles'!$G$21=$B$24,21,0),0)),0)</f>
        <v>5.9107026307559281</v>
      </c>
      <c r="H8417" cm="1">
        <f t="array" ref="H8417">IFERROR(INDEX(Jesper!AL$2:AL$366,ROUNDDOWN($C8417/24,0)+1,1)*INDEX($D$3:$AA$30,INDEX(Jesper!$R$2:$R$366,ROW(INDEX(Jesper!AL$2:AL$366,ROUNDDOWN($C8417/24,0)+1,1))-1)+IF('Standard Profiles'!$G$22=$B$10,7,0)+IF('Standard Profiles'!$G$22=$B$17,14,0)+IF('Standard Profiles'!$G$22=$B$24,21,0),MOD($C8417,24)+1)/SUM(INDEX($D$3:$AA$30,INDEX(Jesper!$R$2:$R$366,ROW(INDEX(Jesper!AL$2:AL$366,ROUNDDOWN($C8417/24,0)+1,1))-1)+IF('Standard Profiles'!$G$22=$B$10,7,0)+IF('Standard Profiles'!$G$22=$B$17,14,0)+IF('Standard Profiles'!$G$22=$B$24,21,0),0)),0)</f>
        <v>5.6841525130425863</v>
      </c>
      <c r="I8417">
        <f t="shared" si="930"/>
        <v>5.456786412520886</v>
      </c>
      <c r="J8417">
        <f t="shared" si="931"/>
        <v>14.047242856244578</v>
      </c>
      <c r="K8417">
        <f t="shared" si="932"/>
        <v>0.37343583218907328</v>
      </c>
      <c r="L8417">
        <f t="shared" si="933"/>
        <v>0.18671791609453664</v>
      </c>
      <c r="M8417">
        <f t="shared" si="934"/>
        <v>0</v>
      </c>
      <c r="N8417" s="45">
        <f t="shared" si="935"/>
        <v>45276.291666646335</v>
      </c>
    </row>
    <row r="8418" spans="2:14" x14ac:dyDescent="0.25">
      <c r="B8418">
        <f t="shared" si="929"/>
        <v>6</v>
      </c>
      <c r="C8418" s="16">
        <v>8384</v>
      </c>
      <c r="D8418" cm="1">
        <f t="array" ref="D8418">IFERROR(INDEX(Jesper!AH$2:AH$366,ROUNDDOWN($C8418/24,0)+1,1)*INDEX($D$3:$AA$30,INDEX(Jesper!$R$2:$R$366,ROW(INDEX(Jesper!AH$2:AH$366,ROUNDDOWN($C8418/24,0)+1,1))-1)+IF('Standard Profiles'!$G$18=$B$10,7,0)+IF('Standard Profiles'!$G$18=$B$17,14,0)+IF('Standard Profiles'!$G$18=$B$24,21,0),MOD($C8418,24)+1)/SUM(INDEX($D$3:$AA$30,INDEX(Jesper!$R$2:$R$366,ROW(INDEX(Jesper!AH$2:AH$366,ROUNDDOWN($C8418/24,0)+1,1))-1)+IF('Standard Profiles'!$G$18=$B$10,7,0)+IF('Standard Profiles'!$G$18=$B$17,14,0)+IF('Standard Profiles'!$G$18=$B$24,21,0),0)),0)</f>
        <v>0</v>
      </c>
      <c r="E8418" cm="1">
        <f t="array" ref="E8418">IFERROR(INDEX(Jesper!AI$2:AI$366,ROUNDDOWN($C8418/24,0)+1,1)*INDEX($D$3:$AA$30,INDEX(Jesper!$R$2:$R$366,ROW(INDEX(Jesper!AI$2:AI$366,ROUNDDOWN($C8418/24,0)+1,1))-1)+IF('Standard Profiles'!$G$19=$B$10,7,0)+IF('Standard Profiles'!$G$19=$B$17,14,0)+IF('Standard Profiles'!$G$19=$B$24,21,0),MOD($C8418,24)+1)/SUM(INDEX($D$3:$AA$30,INDEX(Jesper!$R$2:$R$366,ROW(INDEX(Jesper!AI$2:AI$366,ROUNDDOWN($C8418/24,0)+1,1))-1)+IF('Standard Profiles'!$G$19=$B$10,7,0)+IF('Standard Profiles'!$G$19=$B$17,14,0)+IF('Standard Profiles'!$G$19=$B$24,21,0),0)),0)</f>
        <v>4.6679479023634158</v>
      </c>
      <c r="F8418" cm="1">
        <f t="array" ref="F8418">IFERROR(INDEX(Jesper!AJ$2:AJ$366,ROUNDDOWN($C8418/24,0)+1,1)*INDEX($D$3:$AA$30,INDEX(Jesper!$R$2:$R$366,ROW(INDEX(Jesper!AJ$2:AJ$366,ROUNDDOWN($C8418/24,0)+1,1))-1)+IF('Standard Profiles'!$G$20=$B$10,7,0)+IF('Standard Profiles'!$G$20=$B$17,14,0)+IF('Standard Profiles'!$G$20=$B$24,21,0),MOD($C8418,24)+1)/SUM(INDEX($D$3:$AA$30,INDEX(Jesper!$R$2:$R$366,ROW(INDEX(Jesper!AJ$2:AJ$366,ROUNDDOWN($C8418/24,0)+1,1))-1)+IF('Standard Profiles'!$G$20=$B$10,7,0)+IF('Standard Profiles'!$G$20=$B$17,14,0)+IF('Standard Profiles'!$G$20=$B$24,21,0),0)),0)</f>
        <v>3.8013799708871452</v>
      </c>
      <c r="G8418" cm="1">
        <f t="array" ref="G8418">IFERROR(INDEX(Jesper!AK$2:AK$366,ROUNDDOWN($C8418/24,0)+1,1)*INDEX($D$3:$AA$30,INDEX(Jesper!$R$2:$R$366,ROW(INDEX(Jesper!AK$2:AK$366,ROUNDDOWN($C8418/24,0)+1,1))-1)+IF('Standard Profiles'!$G$21=$B$10,7,0)+IF('Standard Profiles'!$G$21=$B$17,14,0)+IF('Standard Profiles'!$G$21=$B$24,21,0),MOD($C8418,24)+1)/SUM(INDEX($D$3:$AA$30,INDEX(Jesper!$R$2:$R$366,ROW(INDEX(Jesper!AK$2:AK$366,ROUNDDOWN($C8418/24,0)+1,1))-1)+IF('Standard Profiles'!$G$21=$B$10,7,0)+IF('Standard Profiles'!$G$21=$B$17,14,0)+IF('Standard Profiles'!$G$21=$B$24,21,0),0)),0)</f>
        <v>5.9107026307559281</v>
      </c>
      <c r="H8418" cm="1">
        <f t="array" ref="H8418">IFERROR(INDEX(Jesper!AL$2:AL$366,ROUNDDOWN($C8418/24,0)+1,1)*INDEX($D$3:$AA$30,INDEX(Jesper!$R$2:$R$366,ROW(INDEX(Jesper!AL$2:AL$366,ROUNDDOWN($C8418/24,0)+1,1))-1)+IF('Standard Profiles'!$G$22=$B$10,7,0)+IF('Standard Profiles'!$G$22=$B$17,14,0)+IF('Standard Profiles'!$G$22=$B$24,21,0),MOD($C8418,24)+1)/SUM(INDEX($D$3:$AA$30,INDEX(Jesper!$R$2:$R$366,ROW(INDEX(Jesper!AL$2:AL$366,ROUNDDOWN($C8418/24,0)+1,1))-1)+IF('Standard Profiles'!$G$22=$B$10,7,0)+IF('Standard Profiles'!$G$22=$B$17,14,0)+IF('Standard Profiles'!$G$22=$B$24,21,0),0)),0)</f>
        <v>5.6841525130425863</v>
      </c>
      <c r="I8418">
        <f t="shared" si="930"/>
        <v>5.456786412520886</v>
      </c>
      <c r="J8418">
        <f t="shared" si="931"/>
        <v>14.047242856244578</v>
      </c>
      <c r="K8418">
        <f t="shared" si="932"/>
        <v>0.37343583218907328</v>
      </c>
      <c r="L8418">
        <f t="shared" si="933"/>
        <v>0.18671791609453664</v>
      </c>
      <c r="M8418">
        <f t="shared" si="934"/>
        <v>0</v>
      </c>
      <c r="N8418" s="45">
        <f t="shared" si="935"/>
        <v>45276.333333312999</v>
      </c>
    </row>
    <row r="8419" spans="2:14" x14ac:dyDescent="0.25">
      <c r="B8419">
        <f t="shared" ref="B8419:B8482" si="936">WEEKDAY(N8419,2)</f>
        <v>6</v>
      </c>
      <c r="C8419" s="16">
        <v>8385</v>
      </c>
      <c r="D8419" cm="1">
        <f t="array" ref="D8419">IFERROR(INDEX(Jesper!AH$2:AH$366,ROUNDDOWN($C8419/24,0)+1,1)*INDEX($D$3:$AA$30,INDEX(Jesper!$R$2:$R$366,ROW(INDEX(Jesper!AH$2:AH$366,ROUNDDOWN($C8419/24,0)+1,1))-1)+IF('Standard Profiles'!$G$18=$B$10,7,0)+IF('Standard Profiles'!$G$18=$B$17,14,0)+IF('Standard Profiles'!$G$18=$B$24,21,0),MOD($C8419,24)+1)/SUM(INDEX($D$3:$AA$30,INDEX(Jesper!$R$2:$R$366,ROW(INDEX(Jesper!AH$2:AH$366,ROUNDDOWN($C8419/24,0)+1,1))-1)+IF('Standard Profiles'!$G$18=$B$10,7,0)+IF('Standard Profiles'!$G$18=$B$17,14,0)+IF('Standard Profiles'!$G$18=$B$24,21,0),0)),0)</f>
        <v>0</v>
      </c>
      <c r="E8419" cm="1">
        <f t="array" ref="E8419">IFERROR(INDEX(Jesper!AI$2:AI$366,ROUNDDOWN($C8419/24,0)+1,1)*INDEX($D$3:$AA$30,INDEX(Jesper!$R$2:$R$366,ROW(INDEX(Jesper!AI$2:AI$366,ROUNDDOWN($C8419/24,0)+1,1))-1)+IF('Standard Profiles'!$G$19=$B$10,7,0)+IF('Standard Profiles'!$G$19=$B$17,14,0)+IF('Standard Profiles'!$G$19=$B$24,21,0),MOD($C8419,24)+1)/SUM(INDEX($D$3:$AA$30,INDEX(Jesper!$R$2:$R$366,ROW(INDEX(Jesper!AI$2:AI$366,ROUNDDOWN($C8419/24,0)+1,1))-1)+IF('Standard Profiles'!$G$19=$B$10,7,0)+IF('Standard Profiles'!$G$19=$B$17,14,0)+IF('Standard Profiles'!$G$19=$B$24,21,0),0)),0)</f>
        <v>4.6679479023634158</v>
      </c>
      <c r="F8419" cm="1">
        <f t="array" ref="F8419">IFERROR(INDEX(Jesper!AJ$2:AJ$366,ROUNDDOWN($C8419/24,0)+1,1)*INDEX($D$3:$AA$30,INDEX(Jesper!$R$2:$R$366,ROW(INDEX(Jesper!AJ$2:AJ$366,ROUNDDOWN($C8419/24,0)+1,1))-1)+IF('Standard Profiles'!$G$20=$B$10,7,0)+IF('Standard Profiles'!$G$20=$B$17,14,0)+IF('Standard Profiles'!$G$20=$B$24,21,0),MOD($C8419,24)+1)/SUM(INDEX($D$3:$AA$30,INDEX(Jesper!$R$2:$R$366,ROW(INDEX(Jesper!AJ$2:AJ$366,ROUNDDOWN($C8419/24,0)+1,1))-1)+IF('Standard Profiles'!$G$20=$B$10,7,0)+IF('Standard Profiles'!$G$20=$B$17,14,0)+IF('Standard Profiles'!$G$20=$B$24,21,0),0)),0)</f>
        <v>3.8013799708871452</v>
      </c>
      <c r="G8419" cm="1">
        <f t="array" ref="G8419">IFERROR(INDEX(Jesper!AK$2:AK$366,ROUNDDOWN($C8419/24,0)+1,1)*INDEX($D$3:$AA$30,INDEX(Jesper!$R$2:$R$366,ROW(INDEX(Jesper!AK$2:AK$366,ROUNDDOWN($C8419/24,0)+1,1))-1)+IF('Standard Profiles'!$G$21=$B$10,7,0)+IF('Standard Profiles'!$G$21=$B$17,14,0)+IF('Standard Profiles'!$G$21=$B$24,21,0),MOD($C8419,24)+1)/SUM(INDEX($D$3:$AA$30,INDEX(Jesper!$R$2:$R$366,ROW(INDEX(Jesper!AK$2:AK$366,ROUNDDOWN($C8419/24,0)+1,1))-1)+IF('Standard Profiles'!$G$21=$B$10,7,0)+IF('Standard Profiles'!$G$21=$B$17,14,0)+IF('Standard Profiles'!$G$21=$B$24,21,0),0)),0)</f>
        <v>5.9107026307559281</v>
      </c>
      <c r="H8419" cm="1">
        <f t="array" ref="H8419">IFERROR(INDEX(Jesper!AL$2:AL$366,ROUNDDOWN($C8419/24,0)+1,1)*INDEX($D$3:$AA$30,INDEX(Jesper!$R$2:$R$366,ROW(INDEX(Jesper!AL$2:AL$366,ROUNDDOWN($C8419/24,0)+1,1))-1)+IF('Standard Profiles'!$G$22=$B$10,7,0)+IF('Standard Profiles'!$G$22=$B$17,14,0)+IF('Standard Profiles'!$G$22=$B$24,21,0),MOD($C8419,24)+1)/SUM(INDEX($D$3:$AA$30,INDEX(Jesper!$R$2:$R$366,ROW(INDEX(Jesper!AL$2:AL$366,ROUNDDOWN($C8419/24,0)+1,1))-1)+IF('Standard Profiles'!$G$22=$B$10,7,0)+IF('Standard Profiles'!$G$22=$B$17,14,0)+IF('Standard Profiles'!$G$22=$B$24,21,0),0)),0)</f>
        <v>5.6841525130425863</v>
      </c>
      <c r="I8419">
        <f t="shared" ref="I8419:I8482" si="937">IF($B8419&lt;6,AC$37*$D8419+AC$38*$E8419+AC$39*$F8419+AC$40*$G8419,AC$46*$D8419+AC$47*$E8419+AC$48*$F8419+AC$49*$G8419+AC$50*$H8419)</f>
        <v>5.456786412520886</v>
      </c>
      <c r="J8419">
        <f t="shared" ref="J8419:J8482" si="938">IF($B8419&lt;6,AD$37*$D8419+AD$38*$E8419+AD$39*$F8419+AD$40*$G8419,AD$46*$D8419+AD$47*$E8419+AD$48*$F8419+AD$49*$G8419+AD$50*$H8419)</f>
        <v>14.047242856244578</v>
      </c>
      <c r="K8419">
        <f t="shared" ref="K8419:K8482" si="939">IF($B8419&lt;6,AE$37*$D8419+AE$38*$E8419+AE$39*$F8419+AE$40*$G8419,AE$46*$D8419+AE$47*$E8419+AE$48*$F8419+AE$49*$G8419+AE$50*$H8419)</f>
        <v>0.37343583218907328</v>
      </c>
      <c r="L8419">
        <f t="shared" ref="L8419:L8482" si="940">IF($B8419&lt;6,AF$37*$D8419+AF$38*$E8419+AF$39*$F8419+AF$40*$G8419,AF$46*$D8419+AF$47*$E8419+AF$48*$F8419+AF$49*$G8419+AF$50*$H8419)</f>
        <v>0.18671791609453664</v>
      </c>
      <c r="M8419">
        <f t="shared" ref="M8419:M8482" si="941">IF($B8419&lt;6,AG$37*$D8419+AG$38*$E8419+AG$39*$F8419+AG$40*$G8419,AG$46*$D8419+AG$47*$E8419+AG$48*$F8419+AG$49*$G8419+AG$50*$H8419)</f>
        <v>0</v>
      </c>
      <c r="N8419" s="45">
        <f t="shared" si="935"/>
        <v>45276.374999979664</v>
      </c>
    </row>
    <row r="8420" spans="2:14" x14ac:dyDescent="0.25">
      <c r="B8420">
        <f t="shared" si="936"/>
        <v>6</v>
      </c>
      <c r="C8420" s="16">
        <v>8386</v>
      </c>
      <c r="D8420" cm="1">
        <f t="array" ref="D8420">IFERROR(INDEX(Jesper!AH$2:AH$366,ROUNDDOWN($C8420/24,0)+1,1)*INDEX($D$3:$AA$30,INDEX(Jesper!$R$2:$R$366,ROW(INDEX(Jesper!AH$2:AH$366,ROUNDDOWN($C8420/24,0)+1,1))-1)+IF('Standard Profiles'!$G$18=$B$10,7,0)+IF('Standard Profiles'!$G$18=$B$17,14,0)+IF('Standard Profiles'!$G$18=$B$24,21,0),MOD($C8420,24)+1)/SUM(INDEX($D$3:$AA$30,INDEX(Jesper!$R$2:$R$366,ROW(INDEX(Jesper!AH$2:AH$366,ROUNDDOWN($C8420/24,0)+1,1))-1)+IF('Standard Profiles'!$G$18=$B$10,7,0)+IF('Standard Profiles'!$G$18=$B$17,14,0)+IF('Standard Profiles'!$G$18=$B$24,21,0),0)),0)</f>
        <v>0</v>
      </c>
      <c r="E8420" cm="1">
        <f t="array" ref="E8420">IFERROR(INDEX(Jesper!AI$2:AI$366,ROUNDDOWN($C8420/24,0)+1,1)*INDEX($D$3:$AA$30,INDEX(Jesper!$R$2:$R$366,ROW(INDEX(Jesper!AI$2:AI$366,ROUNDDOWN($C8420/24,0)+1,1))-1)+IF('Standard Profiles'!$G$19=$B$10,7,0)+IF('Standard Profiles'!$G$19=$B$17,14,0)+IF('Standard Profiles'!$G$19=$B$24,21,0),MOD($C8420,24)+1)/SUM(INDEX($D$3:$AA$30,INDEX(Jesper!$R$2:$R$366,ROW(INDEX(Jesper!AI$2:AI$366,ROUNDDOWN($C8420/24,0)+1,1))-1)+IF('Standard Profiles'!$G$19=$B$10,7,0)+IF('Standard Profiles'!$G$19=$B$17,14,0)+IF('Standard Profiles'!$G$19=$B$24,21,0),0)),0)</f>
        <v>4.6679479023634158</v>
      </c>
      <c r="F8420" cm="1">
        <f t="array" ref="F8420">IFERROR(INDEX(Jesper!AJ$2:AJ$366,ROUNDDOWN($C8420/24,0)+1,1)*INDEX($D$3:$AA$30,INDEX(Jesper!$R$2:$R$366,ROW(INDEX(Jesper!AJ$2:AJ$366,ROUNDDOWN($C8420/24,0)+1,1))-1)+IF('Standard Profiles'!$G$20=$B$10,7,0)+IF('Standard Profiles'!$G$20=$B$17,14,0)+IF('Standard Profiles'!$G$20=$B$24,21,0),MOD($C8420,24)+1)/SUM(INDEX($D$3:$AA$30,INDEX(Jesper!$R$2:$R$366,ROW(INDEX(Jesper!AJ$2:AJ$366,ROUNDDOWN($C8420/24,0)+1,1))-1)+IF('Standard Profiles'!$G$20=$B$10,7,0)+IF('Standard Profiles'!$G$20=$B$17,14,0)+IF('Standard Profiles'!$G$20=$B$24,21,0),0)),0)</f>
        <v>3.8013799708871452</v>
      </c>
      <c r="G8420" cm="1">
        <f t="array" ref="G8420">IFERROR(INDEX(Jesper!AK$2:AK$366,ROUNDDOWN($C8420/24,0)+1,1)*INDEX($D$3:$AA$30,INDEX(Jesper!$R$2:$R$366,ROW(INDEX(Jesper!AK$2:AK$366,ROUNDDOWN($C8420/24,0)+1,1))-1)+IF('Standard Profiles'!$G$21=$B$10,7,0)+IF('Standard Profiles'!$G$21=$B$17,14,0)+IF('Standard Profiles'!$G$21=$B$24,21,0),MOD($C8420,24)+1)/SUM(INDEX($D$3:$AA$30,INDEX(Jesper!$R$2:$R$366,ROW(INDEX(Jesper!AK$2:AK$366,ROUNDDOWN($C8420/24,0)+1,1))-1)+IF('Standard Profiles'!$G$21=$B$10,7,0)+IF('Standard Profiles'!$G$21=$B$17,14,0)+IF('Standard Profiles'!$G$21=$B$24,21,0),0)),0)</f>
        <v>5.9107026307559281</v>
      </c>
      <c r="H8420" cm="1">
        <f t="array" ref="H8420">IFERROR(INDEX(Jesper!AL$2:AL$366,ROUNDDOWN($C8420/24,0)+1,1)*INDEX($D$3:$AA$30,INDEX(Jesper!$R$2:$R$366,ROW(INDEX(Jesper!AL$2:AL$366,ROUNDDOWN($C8420/24,0)+1,1))-1)+IF('Standard Profiles'!$G$22=$B$10,7,0)+IF('Standard Profiles'!$G$22=$B$17,14,0)+IF('Standard Profiles'!$G$22=$B$24,21,0),MOD($C8420,24)+1)/SUM(INDEX($D$3:$AA$30,INDEX(Jesper!$R$2:$R$366,ROW(INDEX(Jesper!AL$2:AL$366,ROUNDDOWN($C8420/24,0)+1,1))-1)+IF('Standard Profiles'!$G$22=$B$10,7,0)+IF('Standard Profiles'!$G$22=$B$17,14,0)+IF('Standard Profiles'!$G$22=$B$24,21,0),0)),0)</f>
        <v>5.6841525130425863</v>
      </c>
      <c r="I8420">
        <f t="shared" si="937"/>
        <v>5.456786412520886</v>
      </c>
      <c r="J8420">
        <f t="shared" si="938"/>
        <v>14.047242856244578</v>
      </c>
      <c r="K8420">
        <f t="shared" si="939"/>
        <v>0.37343583218907328</v>
      </c>
      <c r="L8420">
        <f t="shared" si="940"/>
        <v>0.18671791609453664</v>
      </c>
      <c r="M8420">
        <f t="shared" si="941"/>
        <v>0</v>
      </c>
      <c r="N8420" s="45">
        <f t="shared" ref="N8420:N8483" si="942">N8419+1/24</f>
        <v>45276.416666646328</v>
      </c>
    </row>
    <row r="8421" spans="2:14" x14ac:dyDescent="0.25">
      <c r="B8421">
        <f t="shared" si="936"/>
        <v>6</v>
      </c>
      <c r="C8421" s="16">
        <v>8387</v>
      </c>
      <c r="D8421" cm="1">
        <f t="array" ref="D8421">IFERROR(INDEX(Jesper!AH$2:AH$366,ROUNDDOWN($C8421/24,0)+1,1)*INDEX($D$3:$AA$30,INDEX(Jesper!$R$2:$R$366,ROW(INDEX(Jesper!AH$2:AH$366,ROUNDDOWN($C8421/24,0)+1,1))-1)+IF('Standard Profiles'!$G$18=$B$10,7,0)+IF('Standard Profiles'!$G$18=$B$17,14,0)+IF('Standard Profiles'!$G$18=$B$24,21,0),MOD($C8421,24)+1)/SUM(INDEX($D$3:$AA$30,INDEX(Jesper!$R$2:$R$366,ROW(INDEX(Jesper!AH$2:AH$366,ROUNDDOWN($C8421/24,0)+1,1))-1)+IF('Standard Profiles'!$G$18=$B$10,7,0)+IF('Standard Profiles'!$G$18=$B$17,14,0)+IF('Standard Profiles'!$G$18=$B$24,21,0),0)),0)</f>
        <v>0</v>
      </c>
      <c r="E8421" cm="1">
        <f t="array" ref="E8421">IFERROR(INDEX(Jesper!AI$2:AI$366,ROUNDDOWN($C8421/24,0)+1,1)*INDEX($D$3:$AA$30,INDEX(Jesper!$R$2:$R$366,ROW(INDEX(Jesper!AI$2:AI$366,ROUNDDOWN($C8421/24,0)+1,1))-1)+IF('Standard Profiles'!$G$19=$B$10,7,0)+IF('Standard Profiles'!$G$19=$B$17,14,0)+IF('Standard Profiles'!$G$19=$B$24,21,0),MOD($C8421,24)+1)/SUM(INDEX($D$3:$AA$30,INDEX(Jesper!$R$2:$R$366,ROW(INDEX(Jesper!AI$2:AI$366,ROUNDDOWN($C8421/24,0)+1,1))-1)+IF('Standard Profiles'!$G$19=$B$10,7,0)+IF('Standard Profiles'!$G$19=$B$17,14,0)+IF('Standard Profiles'!$G$19=$B$24,21,0),0)),0)</f>
        <v>4.6679479023634158</v>
      </c>
      <c r="F8421" cm="1">
        <f t="array" ref="F8421">IFERROR(INDEX(Jesper!AJ$2:AJ$366,ROUNDDOWN($C8421/24,0)+1,1)*INDEX($D$3:$AA$30,INDEX(Jesper!$R$2:$R$366,ROW(INDEX(Jesper!AJ$2:AJ$366,ROUNDDOWN($C8421/24,0)+1,1))-1)+IF('Standard Profiles'!$G$20=$B$10,7,0)+IF('Standard Profiles'!$G$20=$B$17,14,0)+IF('Standard Profiles'!$G$20=$B$24,21,0),MOD($C8421,24)+1)/SUM(INDEX($D$3:$AA$30,INDEX(Jesper!$R$2:$R$366,ROW(INDEX(Jesper!AJ$2:AJ$366,ROUNDDOWN($C8421/24,0)+1,1))-1)+IF('Standard Profiles'!$G$20=$B$10,7,0)+IF('Standard Profiles'!$G$20=$B$17,14,0)+IF('Standard Profiles'!$G$20=$B$24,21,0),0)),0)</f>
        <v>3.8013799708871452</v>
      </c>
      <c r="G8421" cm="1">
        <f t="array" ref="G8421">IFERROR(INDEX(Jesper!AK$2:AK$366,ROUNDDOWN($C8421/24,0)+1,1)*INDEX($D$3:$AA$30,INDEX(Jesper!$R$2:$R$366,ROW(INDEX(Jesper!AK$2:AK$366,ROUNDDOWN($C8421/24,0)+1,1))-1)+IF('Standard Profiles'!$G$21=$B$10,7,0)+IF('Standard Profiles'!$G$21=$B$17,14,0)+IF('Standard Profiles'!$G$21=$B$24,21,0),MOD($C8421,24)+1)/SUM(INDEX($D$3:$AA$30,INDEX(Jesper!$R$2:$R$366,ROW(INDEX(Jesper!AK$2:AK$366,ROUNDDOWN($C8421/24,0)+1,1))-1)+IF('Standard Profiles'!$G$21=$B$10,7,0)+IF('Standard Profiles'!$G$21=$B$17,14,0)+IF('Standard Profiles'!$G$21=$B$24,21,0),0)),0)</f>
        <v>5.9107026307559281</v>
      </c>
      <c r="H8421" cm="1">
        <f t="array" ref="H8421">IFERROR(INDEX(Jesper!AL$2:AL$366,ROUNDDOWN($C8421/24,0)+1,1)*INDEX($D$3:$AA$30,INDEX(Jesper!$R$2:$R$366,ROW(INDEX(Jesper!AL$2:AL$366,ROUNDDOWN($C8421/24,0)+1,1))-1)+IF('Standard Profiles'!$G$22=$B$10,7,0)+IF('Standard Profiles'!$G$22=$B$17,14,0)+IF('Standard Profiles'!$G$22=$B$24,21,0),MOD($C8421,24)+1)/SUM(INDEX($D$3:$AA$30,INDEX(Jesper!$R$2:$R$366,ROW(INDEX(Jesper!AL$2:AL$366,ROUNDDOWN($C8421/24,0)+1,1))-1)+IF('Standard Profiles'!$G$22=$B$10,7,0)+IF('Standard Profiles'!$G$22=$B$17,14,0)+IF('Standard Profiles'!$G$22=$B$24,21,0),0)),0)</f>
        <v>5.6841525130425863</v>
      </c>
      <c r="I8421">
        <f t="shared" si="937"/>
        <v>5.456786412520886</v>
      </c>
      <c r="J8421">
        <f t="shared" si="938"/>
        <v>14.047242856244578</v>
      </c>
      <c r="K8421">
        <f t="shared" si="939"/>
        <v>0.37343583218907328</v>
      </c>
      <c r="L8421">
        <f t="shared" si="940"/>
        <v>0.18671791609453664</v>
      </c>
      <c r="M8421">
        <f t="shared" si="941"/>
        <v>0</v>
      </c>
      <c r="N8421" s="45">
        <f t="shared" si="942"/>
        <v>45276.458333312992</v>
      </c>
    </row>
    <row r="8422" spans="2:14" x14ac:dyDescent="0.25">
      <c r="B8422">
        <f t="shared" si="936"/>
        <v>6</v>
      </c>
      <c r="C8422" s="16">
        <v>8388</v>
      </c>
      <c r="D8422" cm="1">
        <f t="array" ref="D8422">IFERROR(INDEX(Jesper!AH$2:AH$366,ROUNDDOWN($C8422/24,0)+1,1)*INDEX($D$3:$AA$30,INDEX(Jesper!$R$2:$R$366,ROW(INDEX(Jesper!AH$2:AH$366,ROUNDDOWN($C8422/24,0)+1,1))-1)+IF('Standard Profiles'!$G$18=$B$10,7,0)+IF('Standard Profiles'!$G$18=$B$17,14,0)+IF('Standard Profiles'!$G$18=$B$24,21,0),MOD($C8422,24)+1)/SUM(INDEX($D$3:$AA$30,INDEX(Jesper!$R$2:$R$366,ROW(INDEX(Jesper!AH$2:AH$366,ROUNDDOWN($C8422/24,0)+1,1))-1)+IF('Standard Profiles'!$G$18=$B$10,7,0)+IF('Standard Profiles'!$G$18=$B$17,14,0)+IF('Standard Profiles'!$G$18=$B$24,21,0),0)),0)</f>
        <v>0</v>
      </c>
      <c r="E8422" cm="1">
        <f t="array" ref="E8422">IFERROR(INDEX(Jesper!AI$2:AI$366,ROUNDDOWN($C8422/24,0)+1,1)*INDEX($D$3:$AA$30,INDEX(Jesper!$R$2:$R$366,ROW(INDEX(Jesper!AI$2:AI$366,ROUNDDOWN($C8422/24,0)+1,1))-1)+IF('Standard Profiles'!$G$19=$B$10,7,0)+IF('Standard Profiles'!$G$19=$B$17,14,0)+IF('Standard Profiles'!$G$19=$B$24,21,0),MOD($C8422,24)+1)/SUM(INDEX($D$3:$AA$30,INDEX(Jesper!$R$2:$R$366,ROW(INDEX(Jesper!AI$2:AI$366,ROUNDDOWN($C8422/24,0)+1,1))-1)+IF('Standard Profiles'!$G$19=$B$10,7,0)+IF('Standard Profiles'!$G$19=$B$17,14,0)+IF('Standard Profiles'!$G$19=$B$24,21,0),0)),0)</f>
        <v>4.6679479023634158</v>
      </c>
      <c r="F8422" cm="1">
        <f t="array" ref="F8422">IFERROR(INDEX(Jesper!AJ$2:AJ$366,ROUNDDOWN($C8422/24,0)+1,1)*INDEX($D$3:$AA$30,INDEX(Jesper!$R$2:$R$366,ROW(INDEX(Jesper!AJ$2:AJ$366,ROUNDDOWN($C8422/24,0)+1,1))-1)+IF('Standard Profiles'!$G$20=$B$10,7,0)+IF('Standard Profiles'!$G$20=$B$17,14,0)+IF('Standard Profiles'!$G$20=$B$24,21,0),MOD($C8422,24)+1)/SUM(INDEX($D$3:$AA$30,INDEX(Jesper!$R$2:$R$366,ROW(INDEX(Jesper!AJ$2:AJ$366,ROUNDDOWN($C8422/24,0)+1,1))-1)+IF('Standard Profiles'!$G$20=$B$10,7,0)+IF('Standard Profiles'!$G$20=$B$17,14,0)+IF('Standard Profiles'!$G$20=$B$24,21,0),0)),0)</f>
        <v>3.8013799708871452</v>
      </c>
      <c r="G8422" cm="1">
        <f t="array" ref="G8422">IFERROR(INDEX(Jesper!AK$2:AK$366,ROUNDDOWN($C8422/24,0)+1,1)*INDEX($D$3:$AA$30,INDEX(Jesper!$R$2:$R$366,ROW(INDEX(Jesper!AK$2:AK$366,ROUNDDOWN($C8422/24,0)+1,1))-1)+IF('Standard Profiles'!$G$21=$B$10,7,0)+IF('Standard Profiles'!$G$21=$B$17,14,0)+IF('Standard Profiles'!$G$21=$B$24,21,0),MOD($C8422,24)+1)/SUM(INDEX($D$3:$AA$30,INDEX(Jesper!$R$2:$R$366,ROW(INDEX(Jesper!AK$2:AK$366,ROUNDDOWN($C8422/24,0)+1,1))-1)+IF('Standard Profiles'!$G$21=$B$10,7,0)+IF('Standard Profiles'!$G$21=$B$17,14,0)+IF('Standard Profiles'!$G$21=$B$24,21,0),0)),0)</f>
        <v>5.9107026307559281</v>
      </c>
      <c r="H8422" cm="1">
        <f t="array" ref="H8422">IFERROR(INDEX(Jesper!AL$2:AL$366,ROUNDDOWN($C8422/24,0)+1,1)*INDEX($D$3:$AA$30,INDEX(Jesper!$R$2:$R$366,ROW(INDEX(Jesper!AL$2:AL$366,ROUNDDOWN($C8422/24,0)+1,1))-1)+IF('Standard Profiles'!$G$22=$B$10,7,0)+IF('Standard Profiles'!$G$22=$B$17,14,0)+IF('Standard Profiles'!$G$22=$B$24,21,0),MOD($C8422,24)+1)/SUM(INDEX($D$3:$AA$30,INDEX(Jesper!$R$2:$R$366,ROW(INDEX(Jesper!AL$2:AL$366,ROUNDDOWN($C8422/24,0)+1,1))-1)+IF('Standard Profiles'!$G$22=$B$10,7,0)+IF('Standard Profiles'!$G$22=$B$17,14,0)+IF('Standard Profiles'!$G$22=$B$24,21,0),0)),0)</f>
        <v>5.6841525130425863</v>
      </c>
      <c r="I8422">
        <f t="shared" si="937"/>
        <v>5.456786412520886</v>
      </c>
      <c r="J8422">
        <f t="shared" si="938"/>
        <v>14.047242856244578</v>
      </c>
      <c r="K8422">
        <f t="shared" si="939"/>
        <v>0.37343583218907328</v>
      </c>
      <c r="L8422">
        <f t="shared" si="940"/>
        <v>0.18671791609453664</v>
      </c>
      <c r="M8422">
        <f t="shared" si="941"/>
        <v>0</v>
      </c>
      <c r="N8422" s="45">
        <f t="shared" si="942"/>
        <v>45276.499999979656</v>
      </c>
    </row>
    <row r="8423" spans="2:14" x14ac:dyDescent="0.25">
      <c r="B8423">
        <f t="shared" si="936"/>
        <v>6</v>
      </c>
      <c r="C8423" s="16">
        <v>8389</v>
      </c>
      <c r="D8423" cm="1">
        <f t="array" ref="D8423">IFERROR(INDEX(Jesper!AH$2:AH$366,ROUNDDOWN($C8423/24,0)+1,1)*INDEX($D$3:$AA$30,INDEX(Jesper!$R$2:$R$366,ROW(INDEX(Jesper!AH$2:AH$366,ROUNDDOWN($C8423/24,0)+1,1))-1)+IF('Standard Profiles'!$G$18=$B$10,7,0)+IF('Standard Profiles'!$G$18=$B$17,14,0)+IF('Standard Profiles'!$G$18=$B$24,21,0),MOD($C8423,24)+1)/SUM(INDEX($D$3:$AA$30,INDEX(Jesper!$R$2:$R$366,ROW(INDEX(Jesper!AH$2:AH$366,ROUNDDOWN($C8423/24,0)+1,1))-1)+IF('Standard Profiles'!$G$18=$B$10,7,0)+IF('Standard Profiles'!$G$18=$B$17,14,0)+IF('Standard Profiles'!$G$18=$B$24,21,0),0)),0)</f>
        <v>0</v>
      </c>
      <c r="E8423" cm="1">
        <f t="array" ref="E8423">IFERROR(INDEX(Jesper!AI$2:AI$366,ROUNDDOWN($C8423/24,0)+1,1)*INDEX($D$3:$AA$30,INDEX(Jesper!$R$2:$R$366,ROW(INDEX(Jesper!AI$2:AI$366,ROUNDDOWN($C8423/24,0)+1,1))-1)+IF('Standard Profiles'!$G$19=$B$10,7,0)+IF('Standard Profiles'!$G$19=$B$17,14,0)+IF('Standard Profiles'!$G$19=$B$24,21,0),MOD($C8423,24)+1)/SUM(INDEX($D$3:$AA$30,INDEX(Jesper!$R$2:$R$366,ROW(INDEX(Jesper!AI$2:AI$366,ROUNDDOWN($C8423/24,0)+1,1))-1)+IF('Standard Profiles'!$G$19=$B$10,7,0)+IF('Standard Profiles'!$G$19=$B$17,14,0)+IF('Standard Profiles'!$G$19=$B$24,21,0),0)),0)</f>
        <v>4.6679479023634158</v>
      </c>
      <c r="F8423" cm="1">
        <f t="array" ref="F8423">IFERROR(INDEX(Jesper!AJ$2:AJ$366,ROUNDDOWN($C8423/24,0)+1,1)*INDEX($D$3:$AA$30,INDEX(Jesper!$R$2:$R$366,ROW(INDEX(Jesper!AJ$2:AJ$366,ROUNDDOWN($C8423/24,0)+1,1))-1)+IF('Standard Profiles'!$G$20=$B$10,7,0)+IF('Standard Profiles'!$G$20=$B$17,14,0)+IF('Standard Profiles'!$G$20=$B$24,21,0),MOD($C8423,24)+1)/SUM(INDEX($D$3:$AA$30,INDEX(Jesper!$R$2:$R$366,ROW(INDEX(Jesper!AJ$2:AJ$366,ROUNDDOWN($C8423/24,0)+1,1))-1)+IF('Standard Profiles'!$G$20=$B$10,7,0)+IF('Standard Profiles'!$G$20=$B$17,14,0)+IF('Standard Profiles'!$G$20=$B$24,21,0),0)),0)</f>
        <v>3.8013799708871452</v>
      </c>
      <c r="G8423" cm="1">
        <f t="array" ref="G8423">IFERROR(INDEX(Jesper!AK$2:AK$366,ROUNDDOWN($C8423/24,0)+1,1)*INDEX($D$3:$AA$30,INDEX(Jesper!$R$2:$R$366,ROW(INDEX(Jesper!AK$2:AK$366,ROUNDDOWN($C8423/24,0)+1,1))-1)+IF('Standard Profiles'!$G$21=$B$10,7,0)+IF('Standard Profiles'!$G$21=$B$17,14,0)+IF('Standard Profiles'!$G$21=$B$24,21,0),MOD($C8423,24)+1)/SUM(INDEX($D$3:$AA$30,INDEX(Jesper!$R$2:$R$366,ROW(INDEX(Jesper!AK$2:AK$366,ROUNDDOWN($C8423/24,0)+1,1))-1)+IF('Standard Profiles'!$G$21=$B$10,7,0)+IF('Standard Profiles'!$G$21=$B$17,14,0)+IF('Standard Profiles'!$G$21=$B$24,21,0),0)),0)</f>
        <v>5.9107026307559281</v>
      </c>
      <c r="H8423" cm="1">
        <f t="array" ref="H8423">IFERROR(INDEX(Jesper!AL$2:AL$366,ROUNDDOWN($C8423/24,0)+1,1)*INDEX($D$3:$AA$30,INDEX(Jesper!$R$2:$R$366,ROW(INDEX(Jesper!AL$2:AL$366,ROUNDDOWN($C8423/24,0)+1,1))-1)+IF('Standard Profiles'!$G$22=$B$10,7,0)+IF('Standard Profiles'!$G$22=$B$17,14,0)+IF('Standard Profiles'!$G$22=$B$24,21,0),MOD($C8423,24)+1)/SUM(INDEX($D$3:$AA$30,INDEX(Jesper!$R$2:$R$366,ROW(INDEX(Jesper!AL$2:AL$366,ROUNDDOWN($C8423/24,0)+1,1))-1)+IF('Standard Profiles'!$G$22=$B$10,7,0)+IF('Standard Profiles'!$G$22=$B$17,14,0)+IF('Standard Profiles'!$G$22=$B$24,21,0),0)),0)</f>
        <v>5.6841525130425863</v>
      </c>
      <c r="I8423">
        <f t="shared" si="937"/>
        <v>5.456786412520886</v>
      </c>
      <c r="J8423">
        <f t="shared" si="938"/>
        <v>14.047242856244578</v>
      </c>
      <c r="K8423">
        <f t="shared" si="939"/>
        <v>0.37343583218907328</v>
      </c>
      <c r="L8423">
        <f t="shared" si="940"/>
        <v>0.18671791609453664</v>
      </c>
      <c r="M8423">
        <f t="shared" si="941"/>
        <v>0</v>
      </c>
      <c r="N8423" s="45">
        <f t="shared" si="942"/>
        <v>45276.541666646321</v>
      </c>
    </row>
    <row r="8424" spans="2:14" x14ac:dyDescent="0.25">
      <c r="B8424">
        <f t="shared" si="936"/>
        <v>6</v>
      </c>
      <c r="C8424" s="16">
        <v>8390</v>
      </c>
      <c r="D8424" cm="1">
        <f t="array" ref="D8424">IFERROR(INDEX(Jesper!AH$2:AH$366,ROUNDDOWN($C8424/24,0)+1,1)*INDEX($D$3:$AA$30,INDEX(Jesper!$R$2:$R$366,ROW(INDEX(Jesper!AH$2:AH$366,ROUNDDOWN($C8424/24,0)+1,1))-1)+IF('Standard Profiles'!$G$18=$B$10,7,0)+IF('Standard Profiles'!$G$18=$B$17,14,0)+IF('Standard Profiles'!$G$18=$B$24,21,0),MOD($C8424,24)+1)/SUM(INDEX($D$3:$AA$30,INDEX(Jesper!$R$2:$R$366,ROW(INDEX(Jesper!AH$2:AH$366,ROUNDDOWN($C8424/24,0)+1,1))-1)+IF('Standard Profiles'!$G$18=$B$10,7,0)+IF('Standard Profiles'!$G$18=$B$17,14,0)+IF('Standard Profiles'!$G$18=$B$24,21,0),0)),0)</f>
        <v>0</v>
      </c>
      <c r="E8424" cm="1">
        <f t="array" ref="E8424">IFERROR(INDEX(Jesper!AI$2:AI$366,ROUNDDOWN($C8424/24,0)+1,1)*INDEX($D$3:$AA$30,INDEX(Jesper!$R$2:$R$366,ROW(INDEX(Jesper!AI$2:AI$366,ROUNDDOWN($C8424/24,0)+1,1))-1)+IF('Standard Profiles'!$G$19=$B$10,7,0)+IF('Standard Profiles'!$G$19=$B$17,14,0)+IF('Standard Profiles'!$G$19=$B$24,21,0),MOD($C8424,24)+1)/SUM(INDEX($D$3:$AA$30,INDEX(Jesper!$R$2:$R$366,ROW(INDEX(Jesper!AI$2:AI$366,ROUNDDOWN($C8424/24,0)+1,1))-1)+IF('Standard Profiles'!$G$19=$B$10,7,0)+IF('Standard Profiles'!$G$19=$B$17,14,0)+IF('Standard Profiles'!$G$19=$B$24,21,0),0)),0)</f>
        <v>4.6679479023634158</v>
      </c>
      <c r="F8424" cm="1">
        <f t="array" ref="F8424">IFERROR(INDEX(Jesper!AJ$2:AJ$366,ROUNDDOWN($C8424/24,0)+1,1)*INDEX($D$3:$AA$30,INDEX(Jesper!$R$2:$R$366,ROW(INDEX(Jesper!AJ$2:AJ$366,ROUNDDOWN($C8424/24,0)+1,1))-1)+IF('Standard Profiles'!$G$20=$B$10,7,0)+IF('Standard Profiles'!$G$20=$B$17,14,0)+IF('Standard Profiles'!$G$20=$B$24,21,0),MOD($C8424,24)+1)/SUM(INDEX($D$3:$AA$30,INDEX(Jesper!$R$2:$R$366,ROW(INDEX(Jesper!AJ$2:AJ$366,ROUNDDOWN($C8424/24,0)+1,1))-1)+IF('Standard Profiles'!$G$20=$B$10,7,0)+IF('Standard Profiles'!$G$20=$B$17,14,0)+IF('Standard Profiles'!$G$20=$B$24,21,0),0)),0)</f>
        <v>3.8013799708871452</v>
      </c>
      <c r="G8424" cm="1">
        <f t="array" ref="G8424">IFERROR(INDEX(Jesper!AK$2:AK$366,ROUNDDOWN($C8424/24,0)+1,1)*INDEX($D$3:$AA$30,INDEX(Jesper!$R$2:$R$366,ROW(INDEX(Jesper!AK$2:AK$366,ROUNDDOWN($C8424/24,0)+1,1))-1)+IF('Standard Profiles'!$G$21=$B$10,7,0)+IF('Standard Profiles'!$G$21=$B$17,14,0)+IF('Standard Profiles'!$G$21=$B$24,21,0),MOD($C8424,24)+1)/SUM(INDEX($D$3:$AA$30,INDEX(Jesper!$R$2:$R$366,ROW(INDEX(Jesper!AK$2:AK$366,ROUNDDOWN($C8424/24,0)+1,1))-1)+IF('Standard Profiles'!$G$21=$B$10,7,0)+IF('Standard Profiles'!$G$21=$B$17,14,0)+IF('Standard Profiles'!$G$21=$B$24,21,0),0)),0)</f>
        <v>5.9107026307559281</v>
      </c>
      <c r="H8424" cm="1">
        <f t="array" ref="H8424">IFERROR(INDEX(Jesper!AL$2:AL$366,ROUNDDOWN($C8424/24,0)+1,1)*INDEX($D$3:$AA$30,INDEX(Jesper!$R$2:$R$366,ROW(INDEX(Jesper!AL$2:AL$366,ROUNDDOWN($C8424/24,0)+1,1))-1)+IF('Standard Profiles'!$G$22=$B$10,7,0)+IF('Standard Profiles'!$G$22=$B$17,14,0)+IF('Standard Profiles'!$G$22=$B$24,21,0),MOD($C8424,24)+1)/SUM(INDEX($D$3:$AA$30,INDEX(Jesper!$R$2:$R$366,ROW(INDEX(Jesper!AL$2:AL$366,ROUNDDOWN($C8424/24,0)+1,1))-1)+IF('Standard Profiles'!$G$22=$B$10,7,0)+IF('Standard Profiles'!$G$22=$B$17,14,0)+IF('Standard Profiles'!$G$22=$B$24,21,0),0)),0)</f>
        <v>5.6841525130425863</v>
      </c>
      <c r="I8424">
        <f t="shared" si="937"/>
        <v>5.456786412520886</v>
      </c>
      <c r="J8424">
        <f t="shared" si="938"/>
        <v>14.047242856244578</v>
      </c>
      <c r="K8424">
        <f t="shared" si="939"/>
        <v>0.37343583218907328</v>
      </c>
      <c r="L8424">
        <f t="shared" si="940"/>
        <v>0.18671791609453664</v>
      </c>
      <c r="M8424">
        <f t="shared" si="941"/>
        <v>0</v>
      </c>
      <c r="N8424" s="45">
        <f t="shared" si="942"/>
        <v>45276.583333312985</v>
      </c>
    </row>
    <row r="8425" spans="2:14" x14ac:dyDescent="0.25">
      <c r="B8425">
        <f t="shared" si="936"/>
        <v>6</v>
      </c>
      <c r="C8425" s="16">
        <v>8391</v>
      </c>
      <c r="D8425" cm="1">
        <f t="array" ref="D8425">IFERROR(INDEX(Jesper!AH$2:AH$366,ROUNDDOWN($C8425/24,0)+1,1)*INDEX($D$3:$AA$30,INDEX(Jesper!$R$2:$R$366,ROW(INDEX(Jesper!AH$2:AH$366,ROUNDDOWN($C8425/24,0)+1,1))-1)+IF('Standard Profiles'!$G$18=$B$10,7,0)+IF('Standard Profiles'!$G$18=$B$17,14,0)+IF('Standard Profiles'!$G$18=$B$24,21,0),MOD($C8425,24)+1)/SUM(INDEX($D$3:$AA$30,INDEX(Jesper!$R$2:$R$366,ROW(INDEX(Jesper!AH$2:AH$366,ROUNDDOWN($C8425/24,0)+1,1))-1)+IF('Standard Profiles'!$G$18=$B$10,7,0)+IF('Standard Profiles'!$G$18=$B$17,14,0)+IF('Standard Profiles'!$G$18=$B$24,21,0),0)),0)</f>
        <v>0</v>
      </c>
      <c r="E8425" cm="1">
        <f t="array" ref="E8425">IFERROR(INDEX(Jesper!AI$2:AI$366,ROUNDDOWN($C8425/24,0)+1,1)*INDEX($D$3:$AA$30,INDEX(Jesper!$R$2:$R$366,ROW(INDEX(Jesper!AI$2:AI$366,ROUNDDOWN($C8425/24,0)+1,1))-1)+IF('Standard Profiles'!$G$19=$B$10,7,0)+IF('Standard Profiles'!$G$19=$B$17,14,0)+IF('Standard Profiles'!$G$19=$B$24,21,0),MOD($C8425,24)+1)/SUM(INDEX($D$3:$AA$30,INDEX(Jesper!$R$2:$R$366,ROW(INDEX(Jesper!AI$2:AI$366,ROUNDDOWN($C8425/24,0)+1,1))-1)+IF('Standard Profiles'!$G$19=$B$10,7,0)+IF('Standard Profiles'!$G$19=$B$17,14,0)+IF('Standard Profiles'!$G$19=$B$24,21,0),0)),0)</f>
        <v>4.6679479023634158</v>
      </c>
      <c r="F8425" cm="1">
        <f t="array" ref="F8425">IFERROR(INDEX(Jesper!AJ$2:AJ$366,ROUNDDOWN($C8425/24,0)+1,1)*INDEX($D$3:$AA$30,INDEX(Jesper!$R$2:$R$366,ROW(INDEX(Jesper!AJ$2:AJ$366,ROUNDDOWN($C8425/24,0)+1,1))-1)+IF('Standard Profiles'!$G$20=$B$10,7,0)+IF('Standard Profiles'!$G$20=$B$17,14,0)+IF('Standard Profiles'!$G$20=$B$24,21,0),MOD($C8425,24)+1)/SUM(INDEX($D$3:$AA$30,INDEX(Jesper!$R$2:$R$366,ROW(INDEX(Jesper!AJ$2:AJ$366,ROUNDDOWN($C8425/24,0)+1,1))-1)+IF('Standard Profiles'!$G$20=$B$10,7,0)+IF('Standard Profiles'!$G$20=$B$17,14,0)+IF('Standard Profiles'!$G$20=$B$24,21,0),0)),0)</f>
        <v>3.8013799708871452</v>
      </c>
      <c r="G8425" cm="1">
        <f t="array" ref="G8425">IFERROR(INDEX(Jesper!AK$2:AK$366,ROUNDDOWN($C8425/24,0)+1,1)*INDEX($D$3:$AA$30,INDEX(Jesper!$R$2:$R$366,ROW(INDEX(Jesper!AK$2:AK$366,ROUNDDOWN($C8425/24,0)+1,1))-1)+IF('Standard Profiles'!$G$21=$B$10,7,0)+IF('Standard Profiles'!$G$21=$B$17,14,0)+IF('Standard Profiles'!$G$21=$B$24,21,0),MOD($C8425,24)+1)/SUM(INDEX($D$3:$AA$30,INDEX(Jesper!$R$2:$R$366,ROW(INDEX(Jesper!AK$2:AK$366,ROUNDDOWN($C8425/24,0)+1,1))-1)+IF('Standard Profiles'!$G$21=$B$10,7,0)+IF('Standard Profiles'!$G$21=$B$17,14,0)+IF('Standard Profiles'!$G$21=$B$24,21,0),0)),0)</f>
        <v>5.9107026307559281</v>
      </c>
      <c r="H8425" cm="1">
        <f t="array" ref="H8425">IFERROR(INDEX(Jesper!AL$2:AL$366,ROUNDDOWN($C8425/24,0)+1,1)*INDEX($D$3:$AA$30,INDEX(Jesper!$R$2:$R$366,ROW(INDEX(Jesper!AL$2:AL$366,ROUNDDOWN($C8425/24,0)+1,1))-1)+IF('Standard Profiles'!$G$22=$B$10,7,0)+IF('Standard Profiles'!$G$22=$B$17,14,0)+IF('Standard Profiles'!$G$22=$B$24,21,0),MOD($C8425,24)+1)/SUM(INDEX($D$3:$AA$30,INDEX(Jesper!$R$2:$R$366,ROW(INDEX(Jesper!AL$2:AL$366,ROUNDDOWN($C8425/24,0)+1,1))-1)+IF('Standard Profiles'!$G$22=$B$10,7,0)+IF('Standard Profiles'!$G$22=$B$17,14,0)+IF('Standard Profiles'!$G$22=$B$24,21,0),0)),0)</f>
        <v>5.1390967926138451</v>
      </c>
      <c r="I8425">
        <f t="shared" si="937"/>
        <v>4.9335329209092942</v>
      </c>
      <c r="J8425">
        <f t="shared" si="938"/>
        <v>14.025440627427429</v>
      </c>
      <c r="K8425">
        <f t="shared" si="939"/>
        <v>0.37343583218907328</v>
      </c>
      <c r="L8425">
        <f t="shared" si="940"/>
        <v>0.18671791609453664</v>
      </c>
      <c r="M8425">
        <f t="shared" si="941"/>
        <v>0</v>
      </c>
      <c r="N8425" s="45">
        <f t="shared" si="942"/>
        <v>45276.624999979649</v>
      </c>
    </row>
    <row r="8426" spans="2:14" x14ac:dyDescent="0.25">
      <c r="B8426">
        <f t="shared" si="936"/>
        <v>6</v>
      </c>
      <c r="C8426" s="16">
        <v>8392</v>
      </c>
      <c r="D8426" cm="1">
        <f t="array" ref="D8426">IFERROR(INDEX(Jesper!AH$2:AH$366,ROUNDDOWN($C8426/24,0)+1,1)*INDEX($D$3:$AA$30,INDEX(Jesper!$R$2:$R$366,ROW(INDEX(Jesper!AH$2:AH$366,ROUNDDOWN($C8426/24,0)+1,1))-1)+IF('Standard Profiles'!$G$18=$B$10,7,0)+IF('Standard Profiles'!$G$18=$B$17,14,0)+IF('Standard Profiles'!$G$18=$B$24,21,0),MOD($C8426,24)+1)/SUM(INDEX($D$3:$AA$30,INDEX(Jesper!$R$2:$R$366,ROW(INDEX(Jesper!AH$2:AH$366,ROUNDDOWN($C8426/24,0)+1,1))-1)+IF('Standard Profiles'!$G$18=$B$10,7,0)+IF('Standard Profiles'!$G$18=$B$17,14,0)+IF('Standard Profiles'!$G$18=$B$24,21,0),0)),0)</f>
        <v>0</v>
      </c>
      <c r="E8426" cm="1">
        <f t="array" ref="E8426">IFERROR(INDEX(Jesper!AI$2:AI$366,ROUNDDOWN($C8426/24,0)+1,1)*INDEX($D$3:$AA$30,INDEX(Jesper!$R$2:$R$366,ROW(INDEX(Jesper!AI$2:AI$366,ROUNDDOWN($C8426/24,0)+1,1))-1)+IF('Standard Profiles'!$G$19=$B$10,7,0)+IF('Standard Profiles'!$G$19=$B$17,14,0)+IF('Standard Profiles'!$G$19=$B$24,21,0),MOD($C8426,24)+1)/SUM(INDEX($D$3:$AA$30,INDEX(Jesper!$R$2:$R$366,ROW(INDEX(Jesper!AI$2:AI$366,ROUNDDOWN($C8426/24,0)+1,1))-1)+IF('Standard Profiles'!$G$19=$B$10,7,0)+IF('Standard Profiles'!$G$19=$B$17,14,0)+IF('Standard Profiles'!$G$19=$B$24,21,0),0)),0)</f>
        <v>4.6679479023634158</v>
      </c>
      <c r="F8426" cm="1">
        <f t="array" ref="F8426">IFERROR(INDEX(Jesper!AJ$2:AJ$366,ROUNDDOWN($C8426/24,0)+1,1)*INDEX($D$3:$AA$30,INDEX(Jesper!$R$2:$R$366,ROW(INDEX(Jesper!AJ$2:AJ$366,ROUNDDOWN($C8426/24,0)+1,1))-1)+IF('Standard Profiles'!$G$20=$B$10,7,0)+IF('Standard Profiles'!$G$20=$B$17,14,0)+IF('Standard Profiles'!$G$20=$B$24,21,0),MOD($C8426,24)+1)/SUM(INDEX($D$3:$AA$30,INDEX(Jesper!$R$2:$R$366,ROW(INDEX(Jesper!AJ$2:AJ$366,ROUNDDOWN($C8426/24,0)+1,1))-1)+IF('Standard Profiles'!$G$20=$B$10,7,0)+IF('Standard Profiles'!$G$20=$B$17,14,0)+IF('Standard Profiles'!$G$20=$B$24,21,0),0)),0)</f>
        <v>3.8013799708871452</v>
      </c>
      <c r="G8426" cm="1">
        <f t="array" ref="G8426">IFERROR(INDEX(Jesper!AK$2:AK$366,ROUNDDOWN($C8426/24,0)+1,1)*INDEX($D$3:$AA$30,INDEX(Jesper!$R$2:$R$366,ROW(INDEX(Jesper!AK$2:AK$366,ROUNDDOWN($C8426/24,0)+1,1))-1)+IF('Standard Profiles'!$G$21=$B$10,7,0)+IF('Standard Profiles'!$G$21=$B$17,14,0)+IF('Standard Profiles'!$G$21=$B$24,21,0),MOD($C8426,24)+1)/SUM(INDEX($D$3:$AA$30,INDEX(Jesper!$R$2:$R$366,ROW(INDEX(Jesper!AK$2:AK$366,ROUNDDOWN($C8426/24,0)+1,1))-1)+IF('Standard Profiles'!$G$21=$B$10,7,0)+IF('Standard Profiles'!$G$21=$B$17,14,0)+IF('Standard Profiles'!$G$21=$B$24,21,0),0)),0)</f>
        <v>5.9107026307559281</v>
      </c>
      <c r="H8426" cm="1">
        <f t="array" ref="H8426">IFERROR(INDEX(Jesper!AL$2:AL$366,ROUNDDOWN($C8426/24,0)+1,1)*INDEX($D$3:$AA$30,INDEX(Jesper!$R$2:$R$366,ROW(INDEX(Jesper!AL$2:AL$366,ROUNDDOWN($C8426/24,0)+1,1))-1)+IF('Standard Profiles'!$G$22=$B$10,7,0)+IF('Standard Profiles'!$G$22=$B$17,14,0)+IF('Standard Profiles'!$G$22=$B$24,21,0),MOD($C8426,24)+1)/SUM(INDEX($D$3:$AA$30,INDEX(Jesper!$R$2:$R$366,ROW(INDEX(Jesper!AL$2:AL$366,ROUNDDOWN($C8426/24,0)+1,1))-1)+IF('Standard Profiles'!$G$22=$B$10,7,0)+IF('Standard Profiles'!$G$22=$B$17,14,0)+IF('Standard Profiles'!$G$22=$B$24,21,0),0)),0)</f>
        <v>4.6719061751034952</v>
      </c>
      <c r="I8426">
        <f t="shared" si="937"/>
        <v>4.4850299280993582</v>
      </c>
      <c r="J8426">
        <f t="shared" si="938"/>
        <v>14.006753002727017</v>
      </c>
      <c r="K8426">
        <f t="shared" si="939"/>
        <v>0.37343583218907328</v>
      </c>
      <c r="L8426">
        <f t="shared" si="940"/>
        <v>0.18671791609453664</v>
      </c>
      <c r="M8426">
        <f t="shared" si="941"/>
        <v>0</v>
      </c>
      <c r="N8426" s="45">
        <f t="shared" si="942"/>
        <v>45276.666666646313</v>
      </c>
    </row>
    <row r="8427" spans="2:14" x14ac:dyDescent="0.25">
      <c r="B8427">
        <f t="shared" si="936"/>
        <v>6</v>
      </c>
      <c r="C8427" s="16">
        <v>8393</v>
      </c>
      <c r="D8427" cm="1">
        <f t="array" ref="D8427">IFERROR(INDEX(Jesper!AH$2:AH$366,ROUNDDOWN($C8427/24,0)+1,1)*INDEX($D$3:$AA$30,INDEX(Jesper!$R$2:$R$366,ROW(INDEX(Jesper!AH$2:AH$366,ROUNDDOWN($C8427/24,0)+1,1))-1)+IF('Standard Profiles'!$G$18=$B$10,7,0)+IF('Standard Profiles'!$G$18=$B$17,14,0)+IF('Standard Profiles'!$G$18=$B$24,21,0),MOD($C8427,24)+1)/SUM(INDEX($D$3:$AA$30,INDEX(Jesper!$R$2:$R$366,ROW(INDEX(Jesper!AH$2:AH$366,ROUNDDOWN($C8427/24,0)+1,1))-1)+IF('Standard Profiles'!$G$18=$B$10,7,0)+IF('Standard Profiles'!$G$18=$B$17,14,0)+IF('Standard Profiles'!$G$18=$B$24,21,0),0)),0)</f>
        <v>0</v>
      </c>
      <c r="E8427" cm="1">
        <f t="array" ref="E8427">IFERROR(INDEX(Jesper!AI$2:AI$366,ROUNDDOWN($C8427/24,0)+1,1)*INDEX($D$3:$AA$30,INDEX(Jesper!$R$2:$R$366,ROW(INDEX(Jesper!AI$2:AI$366,ROUNDDOWN($C8427/24,0)+1,1))-1)+IF('Standard Profiles'!$G$19=$B$10,7,0)+IF('Standard Profiles'!$G$19=$B$17,14,0)+IF('Standard Profiles'!$G$19=$B$24,21,0),MOD($C8427,24)+1)/SUM(INDEX($D$3:$AA$30,INDEX(Jesper!$R$2:$R$366,ROW(INDEX(Jesper!AI$2:AI$366,ROUNDDOWN($C8427/24,0)+1,1))-1)+IF('Standard Profiles'!$G$19=$B$10,7,0)+IF('Standard Profiles'!$G$19=$B$17,14,0)+IF('Standard Profiles'!$G$19=$B$24,21,0),0)),0)</f>
        <v>4.6679479023634158</v>
      </c>
      <c r="F8427" cm="1">
        <f t="array" ref="F8427">IFERROR(INDEX(Jesper!AJ$2:AJ$366,ROUNDDOWN($C8427/24,0)+1,1)*INDEX($D$3:$AA$30,INDEX(Jesper!$R$2:$R$366,ROW(INDEX(Jesper!AJ$2:AJ$366,ROUNDDOWN($C8427/24,0)+1,1))-1)+IF('Standard Profiles'!$G$20=$B$10,7,0)+IF('Standard Profiles'!$G$20=$B$17,14,0)+IF('Standard Profiles'!$G$20=$B$24,21,0),MOD($C8427,24)+1)/SUM(INDEX($D$3:$AA$30,INDEX(Jesper!$R$2:$R$366,ROW(INDEX(Jesper!AJ$2:AJ$366,ROUNDDOWN($C8427/24,0)+1,1))-1)+IF('Standard Profiles'!$G$20=$B$10,7,0)+IF('Standard Profiles'!$G$20=$B$17,14,0)+IF('Standard Profiles'!$G$20=$B$24,21,0),0)),0)</f>
        <v>3.8013799708871452</v>
      </c>
      <c r="G8427" cm="1">
        <f t="array" ref="G8427">IFERROR(INDEX(Jesper!AK$2:AK$366,ROUNDDOWN($C8427/24,0)+1,1)*INDEX($D$3:$AA$30,INDEX(Jesper!$R$2:$R$366,ROW(INDEX(Jesper!AK$2:AK$366,ROUNDDOWN($C8427/24,0)+1,1))-1)+IF('Standard Profiles'!$G$21=$B$10,7,0)+IF('Standard Profiles'!$G$21=$B$17,14,0)+IF('Standard Profiles'!$G$21=$B$24,21,0),MOD($C8427,24)+1)/SUM(INDEX($D$3:$AA$30,INDEX(Jesper!$R$2:$R$366,ROW(INDEX(Jesper!AK$2:AK$366,ROUNDDOWN($C8427/24,0)+1,1))-1)+IF('Standard Profiles'!$G$21=$B$10,7,0)+IF('Standard Profiles'!$G$21=$B$17,14,0)+IF('Standard Profiles'!$G$21=$B$24,21,0),0)),0)</f>
        <v>5.9107026307559281</v>
      </c>
      <c r="H8427" cm="1">
        <f t="array" ref="H8427">IFERROR(INDEX(Jesper!AL$2:AL$366,ROUNDDOWN($C8427/24,0)+1,1)*INDEX($D$3:$AA$30,INDEX(Jesper!$R$2:$R$366,ROW(INDEX(Jesper!AL$2:AL$366,ROUNDDOWN($C8427/24,0)+1,1))-1)+IF('Standard Profiles'!$G$22=$B$10,7,0)+IF('Standard Profiles'!$G$22=$B$17,14,0)+IF('Standard Profiles'!$G$22=$B$24,21,0),MOD($C8427,24)+1)/SUM(INDEX($D$3:$AA$30,INDEX(Jesper!$R$2:$R$366,ROW(INDEX(Jesper!AL$2:AL$366,ROUNDDOWN($C8427/24,0)+1,1))-1)+IF('Standard Profiles'!$G$22=$B$10,7,0)+IF('Standard Profiles'!$G$22=$B$17,14,0)+IF('Standard Profiles'!$G$22=$B$24,21,0),0)),0)</f>
        <v>4.2047155575931461</v>
      </c>
      <c r="I8427">
        <f t="shared" si="937"/>
        <v>4.0365269352894222</v>
      </c>
      <c r="J8427">
        <f t="shared" si="938"/>
        <v>13.988065378026603</v>
      </c>
      <c r="K8427">
        <f t="shared" si="939"/>
        <v>0.37343583218907328</v>
      </c>
      <c r="L8427">
        <f t="shared" si="940"/>
        <v>0.18671791609453664</v>
      </c>
      <c r="M8427">
        <f t="shared" si="941"/>
        <v>0</v>
      </c>
      <c r="N8427" s="45">
        <f t="shared" si="942"/>
        <v>45276.708333312978</v>
      </c>
    </row>
    <row r="8428" spans="2:14" x14ac:dyDescent="0.25">
      <c r="B8428">
        <f t="shared" si="936"/>
        <v>6</v>
      </c>
      <c r="C8428" s="16">
        <v>8394</v>
      </c>
      <c r="D8428" cm="1">
        <f t="array" ref="D8428">IFERROR(INDEX(Jesper!AH$2:AH$366,ROUNDDOWN($C8428/24,0)+1,1)*INDEX($D$3:$AA$30,INDEX(Jesper!$R$2:$R$366,ROW(INDEX(Jesper!AH$2:AH$366,ROUNDDOWN($C8428/24,0)+1,1))-1)+IF('Standard Profiles'!$G$18=$B$10,7,0)+IF('Standard Profiles'!$G$18=$B$17,14,0)+IF('Standard Profiles'!$G$18=$B$24,21,0),MOD($C8428,24)+1)/SUM(INDEX($D$3:$AA$30,INDEX(Jesper!$R$2:$R$366,ROW(INDEX(Jesper!AH$2:AH$366,ROUNDDOWN($C8428/24,0)+1,1))-1)+IF('Standard Profiles'!$G$18=$B$10,7,0)+IF('Standard Profiles'!$G$18=$B$17,14,0)+IF('Standard Profiles'!$G$18=$B$24,21,0),0)),0)</f>
        <v>0</v>
      </c>
      <c r="E8428" cm="1">
        <f t="array" ref="E8428">IFERROR(INDEX(Jesper!AI$2:AI$366,ROUNDDOWN($C8428/24,0)+1,1)*INDEX($D$3:$AA$30,INDEX(Jesper!$R$2:$R$366,ROW(INDEX(Jesper!AI$2:AI$366,ROUNDDOWN($C8428/24,0)+1,1))-1)+IF('Standard Profiles'!$G$19=$B$10,7,0)+IF('Standard Profiles'!$G$19=$B$17,14,0)+IF('Standard Profiles'!$G$19=$B$24,21,0),MOD($C8428,24)+1)/SUM(INDEX($D$3:$AA$30,INDEX(Jesper!$R$2:$R$366,ROW(INDEX(Jesper!AI$2:AI$366,ROUNDDOWN($C8428/24,0)+1,1))-1)+IF('Standard Profiles'!$G$19=$B$10,7,0)+IF('Standard Profiles'!$G$19=$B$17,14,0)+IF('Standard Profiles'!$G$19=$B$24,21,0),0)),0)</f>
        <v>4.6679479023634158</v>
      </c>
      <c r="F8428" cm="1">
        <f t="array" ref="F8428">IFERROR(INDEX(Jesper!AJ$2:AJ$366,ROUNDDOWN($C8428/24,0)+1,1)*INDEX($D$3:$AA$30,INDEX(Jesper!$R$2:$R$366,ROW(INDEX(Jesper!AJ$2:AJ$366,ROUNDDOWN($C8428/24,0)+1,1))-1)+IF('Standard Profiles'!$G$20=$B$10,7,0)+IF('Standard Profiles'!$G$20=$B$17,14,0)+IF('Standard Profiles'!$G$20=$B$24,21,0),MOD($C8428,24)+1)/SUM(INDEX($D$3:$AA$30,INDEX(Jesper!$R$2:$R$366,ROW(INDEX(Jesper!AJ$2:AJ$366,ROUNDDOWN($C8428/24,0)+1,1))-1)+IF('Standard Profiles'!$G$20=$B$10,7,0)+IF('Standard Profiles'!$G$20=$B$17,14,0)+IF('Standard Profiles'!$G$20=$B$24,21,0),0)),0)</f>
        <v>3.8013799708871452</v>
      </c>
      <c r="G8428" cm="1">
        <f t="array" ref="G8428">IFERROR(INDEX(Jesper!AK$2:AK$366,ROUNDDOWN($C8428/24,0)+1,1)*INDEX($D$3:$AA$30,INDEX(Jesper!$R$2:$R$366,ROW(INDEX(Jesper!AK$2:AK$366,ROUNDDOWN($C8428/24,0)+1,1))-1)+IF('Standard Profiles'!$G$21=$B$10,7,0)+IF('Standard Profiles'!$G$21=$B$17,14,0)+IF('Standard Profiles'!$G$21=$B$24,21,0),MOD($C8428,24)+1)/SUM(INDEX($D$3:$AA$30,INDEX(Jesper!$R$2:$R$366,ROW(INDEX(Jesper!AK$2:AK$366,ROUNDDOWN($C8428/24,0)+1,1))-1)+IF('Standard Profiles'!$G$21=$B$10,7,0)+IF('Standard Profiles'!$G$21=$B$17,14,0)+IF('Standard Profiles'!$G$21=$B$24,21,0),0)),0)</f>
        <v>5.9107026307559281</v>
      </c>
      <c r="H8428" cm="1">
        <f t="array" ref="H8428">IFERROR(INDEX(Jesper!AL$2:AL$366,ROUNDDOWN($C8428/24,0)+1,1)*INDEX($D$3:$AA$30,INDEX(Jesper!$R$2:$R$366,ROW(INDEX(Jesper!AL$2:AL$366,ROUNDDOWN($C8428/24,0)+1,1))-1)+IF('Standard Profiles'!$G$22=$B$10,7,0)+IF('Standard Profiles'!$G$22=$B$17,14,0)+IF('Standard Profiles'!$G$22=$B$24,21,0),MOD($C8428,24)+1)/SUM(INDEX($D$3:$AA$30,INDEX(Jesper!$R$2:$R$366,ROW(INDEX(Jesper!AL$2:AL$366,ROUNDDOWN($C8428/24,0)+1,1))-1)+IF('Standard Profiles'!$G$22=$B$10,7,0)+IF('Standard Profiles'!$G$22=$B$17,14,0)+IF('Standard Profiles'!$G$22=$B$24,21,0),0)),0)</f>
        <v>4.0489853517563628</v>
      </c>
      <c r="I8428">
        <f t="shared" si="937"/>
        <v>3.8870259376861105</v>
      </c>
      <c r="J8428">
        <f t="shared" si="938"/>
        <v>13.98183616979313</v>
      </c>
      <c r="K8428">
        <f t="shared" si="939"/>
        <v>0.37343583218907328</v>
      </c>
      <c r="L8428">
        <f t="shared" si="940"/>
        <v>0.18671791609453664</v>
      </c>
      <c r="M8428">
        <f t="shared" si="941"/>
        <v>0</v>
      </c>
      <c r="N8428" s="45">
        <f t="shared" si="942"/>
        <v>45276.749999979642</v>
      </c>
    </row>
    <row r="8429" spans="2:14" x14ac:dyDescent="0.25">
      <c r="B8429">
        <f t="shared" si="936"/>
        <v>6</v>
      </c>
      <c r="C8429" s="16">
        <v>8395</v>
      </c>
      <c r="D8429" cm="1">
        <f t="array" ref="D8429">IFERROR(INDEX(Jesper!AH$2:AH$366,ROUNDDOWN($C8429/24,0)+1,1)*INDEX($D$3:$AA$30,INDEX(Jesper!$R$2:$R$366,ROW(INDEX(Jesper!AH$2:AH$366,ROUNDDOWN($C8429/24,0)+1,1))-1)+IF('Standard Profiles'!$G$18=$B$10,7,0)+IF('Standard Profiles'!$G$18=$B$17,14,0)+IF('Standard Profiles'!$G$18=$B$24,21,0),MOD($C8429,24)+1)/SUM(INDEX($D$3:$AA$30,INDEX(Jesper!$R$2:$R$366,ROW(INDEX(Jesper!AH$2:AH$366,ROUNDDOWN($C8429/24,0)+1,1))-1)+IF('Standard Profiles'!$G$18=$B$10,7,0)+IF('Standard Profiles'!$G$18=$B$17,14,0)+IF('Standard Profiles'!$G$18=$B$24,21,0),0)),0)</f>
        <v>0</v>
      </c>
      <c r="E8429" cm="1">
        <f t="array" ref="E8429">IFERROR(INDEX(Jesper!AI$2:AI$366,ROUNDDOWN($C8429/24,0)+1,1)*INDEX($D$3:$AA$30,INDEX(Jesper!$R$2:$R$366,ROW(INDEX(Jesper!AI$2:AI$366,ROUNDDOWN($C8429/24,0)+1,1))-1)+IF('Standard Profiles'!$G$19=$B$10,7,0)+IF('Standard Profiles'!$G$19=$B$17,14,0)+IF('Standard Profiles'!$G$19=$B$24,21,0),MOD($C8429,24)+1)/SUM(INDEX($D$3:$AA$30,INDEX(Jesper!$R$2:$R$366,ROW(INDEX(Jesper!AI$2:AI$366,ROUNDDOWN($C8429/24,0)+1,1))-1)+IF('Standard Profiles'!$G$19=$B$10,7,0)+IF('Standard Profiles'!$G$19=$B$17,14,0)+IF('Standard Profiles'!$G$19=$B$24,21,0),0)),0)</f>
        <v>4.6679479023634158</v>
      </c>
      <c r="F8429" cm="1">
        <f t="array" ref="F8429">IFERROR(INDEX(Jesper!AJ$2:AJ$366,ROUNDDOWN($C8429/24,0)+1,1)*INDEX($D$3:$AA$30,INDEX(Jesper!$R$2:$R$366,ROW(INDEX(Jesper!AJ$2:AJ$366,ROUNDDOWN($C8429/24,0)+1,1))-1)+IF('Standard Profiles'!$G$20=$B$10,7,0)+IF('Standard Profiles'!$G$20=$B$17,14,0)+IF('Standard Profiles'!$G$20=$B$24,21,0),MOD($C8429,24)+1)/SUM(INDEX($D$3:$AA$30,INDEX(Jesper!$R$2:$R$366,ROW(INDEX(Jesper!AJ$2:AJ$366,ROUNDDOWN($C8429/24,0)+1,1))-1)+IF('Standard Profiles'!$G$20=$B$10,7,0)+IF('Standard Profiles'!$G$20=$B$17,14,0)+IF('Standard Profiles'!$G$20=$B$24,21,0),0)),0)</f>
        <v>3.8013799708871452</v>
      </c>
      <c r="G8429" cm="1">
        <f t="array" ref="G8429">IFERROR(INDEX(Jesper!AK$2:AK$366,ROUNDDOWN($C8429/24,0)+1,1)*INDEX($D$3:$AA$30,INDEX(Jesper!$R$2:$R$366,ROW(INDEX(Jesper!AK$2:AK$366,ROUNDDOWN($C8429/24,0)+1,1))-1)+IF('Standard Profiles'!$G$21=$B$10,7,0)+IF('Standard Profiles'!$G$21=$B$17,14,0)+IF('Standard Profiles'!$G$21=$B$24,21,0),MOD($C8429,24)+1)/SUM(INDEX($D$3:$AA$30,INDEX(Jesper!$R$2:$R$366,ROW(INDEX(Jesper!AK$2:AK$366,ROUNDDOWN($C8429/24,0)+1,1))-1)+IF('Standard Profiles'!$G$21=$B$10,7,0)+IF('Standard Profiles'!$G$21=$B$17,14,0)+IF('Standard Profiles'!$G$21=$B$24,21,0),0)),0)</f>
        <v>5.9107026307559281</v>
      </c>
      <c r="H8429" cm="1">
        <f t="array" ref="H8429">IFERROR(INDEX(Jesper!AL$2:AL$366,ROUNDDOWN($C8429/24,0)+1,1)*INDEX($D$3:$AA$30,INDEX(Jesper!$R$2:$R$366,ROW(INDEX(Jesper!AL$2:AL$366,ROUNDDOWN($C8429/24,0)+1,1))-1)+IF('Standard Profiles'!$G$22=$B$10,7,0)+IF('Standard Profiles'!$G$22=$B$17,14,0)+IF('Standard Profiles'!$G$22=$B$24,21,0),MOD($C8429,24)+1)/SUM(INDEX($D$3:$AA$30,INDEX(Jesper!$R$2:$R$366,ROW(INDEX(Jesper!AL$2:AL$366,ROUNDDOWN($C8429/24,0)+1,1))-1)+IF('Standard Profiles'!$G$22=$B$10,7,0)+IF('Standard Profiles'!$G$22=$B$17,14,0)+IF('Standard Profiles'!$G$22=$B$24,21,0),0)),0)</f>
        <v>3.270334322572447</v>
      </c>
      <c r="I8429">
        <f t="shared" si="937"/>
        <v>3.1395209496695511</v>
      </c>
      <c r="J8429">
        <f t="shared" si="938"/>
        <v>13.950690128625775</v>
      </c>
      <c r="K8429">
        <f t="shared" si="939"/>
        <v>0.37343583218907328</v>
      </c>
      <c r="L8429">
        <f t="shared" si="940"/>
        <v>0.18671791609453664</v>
      </c>
      <c r="M8429">
        <f t="shared" si="941"/>
        <v>0</v>
      </c>
      <c r="N8429" s="45">
        <f t="shared" si="942"/>
        <v>45276.791666646306</v>
      </c>
    </row>
    <row r="8430" spans="2:14" x14ac:dyDescent="0.25">
      <c r="B8430">
        <f t="shared" si="936"/>
        <v>6</v>
      </c>
      <c r="C8430" s="16">
        <v>8396</v>
      </c>
      <c r="D8430" cm="1">
        <f t="array" ref="D8430">IFERROR(INDEX(Jesper!AH$2:AH$366,ROUNDDOWN($C8430/24,0)+1,1)*INDEX($D$3:$AA$30,INDEX(Jesper!$R$2:$R$366,ROW(INDEX(Jesper!AH$2:AH$366,ROUNDDOWN($C8430/24,0)+1,1))-1)+IF('Standard Profiles'!$G$18=$B$10,7,0)+IF('Standard Profiles'!$G$18=$B$17,14,0)+IF('Standard Profiles'!$G$18=$B$24,21,0),MOD($C8430,24)+1)/SUM(INDEX($D$3:$AA$30,INDEX(Jesper!$R$2:$R$366,ROW(INDEX(Jesper!AH$2:AH$366,ROUNDDOWN($C8430/24,0)+1,1))-1)+IF('Standard Profiles'!$G$18=$B$10,7,0)+IF('Standard Profiles'!$G$18=$B$17,14,0)+IF('Standard Profiles'!$G$18=$B$24,21,0),0)),0)</f>
        <v>0</v>
      </c>
      <c r="E8430" cm="1">
        <f t="array" ref="E8430">IFERROR(INDEX(Jesper!AI$2:AI$366,ROUNDDOWN($C8430/24,0)+1,1)*INDEX($D$3:$AA$30,INDEX(Jesper!$R$2:$R$366,ROW(INDEX(Jesper!AI$2:AI$366,ROUNDDOWN($C8430/24,0)+1,1))-1)+IF('Standard Profiles'!$G$19=$B$10,7,0)+IF('Standard Profiles'!$G$19=$B$17,14,0)+IF('Standard Profiles'!$G$19=$B$24,21,0),MOD($C8430,24)+1)/SUM(INDEX($D$3:$AA$30,INDEX(Jesper!$R$2:$R$366,ROW(INDEX(Jesper!AI$2:AI$366,ROUNDDOWN($C8430/24,0)+1,1))-1)+IF('Standard Profiles'!$G$19=$B$10,7,0)+IF('Standard Profiles'!$G$19=$B$17,14,0)+IF('Standard Profiles'!$G$19=$B$24,21,0),0)),0)</f>
        <v>4.6679479023634158</v>
      </c>
      <c r="F8430" cm="1">
        <f t="array" ref="F8430">IFERROR(INDEX(Jesper!AJ$2:AJ$366,ROUNDDOWN($C8430/24,0)+1,1)*INDEX($D$3:$AA$30,INDEX(Jesper!$R$2:$R$366,ROW(INDEX(Jesper!AJ$2:AJ$366,ROUNDDOWN($C8430/24,0)+1,1))-1)+IF('Standard Profiles'!$G$20=$B$10,7,0)+IF('Standard Profiles'!$G$20=$B$17,14,0)+IF('Standard Profiles'!$G$20=$B$24,21,0),MOD($C8430,24)+1)/SUM(INDEX($D$3:$AA$30,INDEX(Jesper!$R$2:$R$366,ROW(INDEX(Jesper!AJ$2:AJ$366,ROUNDDOWN($C8430/24,0)+1,1))-1)+IF('Standard Profiles'!$G$20=$B$10,7,0)+IF('Standard Profiles'!$G$20=$B$17,14,0)+IF('Standard Profiles'!$G$20=$B$24,21,0),0)),0)</f>
        <v>3.8013799708871452</v>
      </c>
      <c r="G8430" cm="1">
        <f t="array" ref="G8430">IFERROR(INDEX(Jesper!AK$2:AK$366,ROUNDDOWN($C8430/24,0)+1,1)*INDEX($D$3:$AA$30,INDEX(Jesper!$R$2:$R$366,ROW(INDEX(Jesper!AK$2:AK$366,ROUNDDOWN($C8430/24,0)+1,1))-1)+IF('Standard Profiles'!$G$21=$B$10,7,0)+IF('Standard Profiles'!$G$21=$B$17,14,0)+IF('Standard Profiles'!$G$21=$B$24,21,0),MOD($C8430,24)+1)/SUM(INDEX($D$3:$AA$30,INDEX(Jesper!$R$2:$R$366,ROW(INDEX(Jesper!AK$2:AK$366,ROUNDDOWN($C8430/24,0)+1,1))-1)+IF('Standard Profiles'!$G$21=$B$10,7,0)+IF('Standard Profiles'!$G$21=$B$17,14,0)+IF('Standard Profiles'!$G$21=$B$24,21,0),0)),0)</f>
        <v>5.9107026307559281</v>
      </c>
      <c r="H8430" cm="1">
        <f t="array" ref="H8430">IFERROR(INDEX(Jesper!AL$2:AL$366,ROUNDDOWN($C8430/24,0)+1,1)*INDEX($D$3:$AA$30,INDEX(Jesper!$R$2:$R$366,ROW(INDEX(Jesper!AL$2:AL$366,ROUNDDOWN($C8430/24,0)+1,1))-1)+IF('Standard Profiles'!$G$22=$B$10,7,0)+IF('Standard Profiles'!$G$22=$B$17,14,0)+IF('Standard Profiles'!$G$22=$B$24,21,0),MOD($C8430,24)+1)/SUM(INDEX($D$3:$AA$30,INDEX(Jesper!$R$2:$R$366,ROW(INDEX(Jesper!AL$2:AL$366,ROUNDDOWN($C8430/24,0)+1,1))-1)+IF('Standard Profiles'!$G$22=$B$10,7,0)+IF('Standard Profiles'!$G$22=$B$17,14,0)+IF('Standard Profiles'!$G$22=$B$24,21,0),0)),0)</f>
        <v>2.4138181904701392</v>
      </c>
      <c r="I8430">
        <f t="shared" si="937"/>
        <v>2.3172654628513349</v>
      </c>
      <c r="J8430">
        <f t="shared" si="938"/>
        <v>13.916429483341682</v>
      </c>
      <c r="K8430">
        <f t="shared" si="939"/>
        <v>0.37343583218907328</v>
      </c>
      <c r="L8430">
        <f t="shared" si="940"/>
        <v>0.18671791609453664</v>
      </c>
      <c r="M8430">
        <f t="shared" si="941"/>
        <v>0</v>
      </c>
      <c r="N8430" s="45">
        <f t="shared" si="942"/>
        <v>45276.83333331297</v>
      </c>
    </row>
    <row r="8431" spans="2:14" x14ac:dyDescent="0.25">
      <c r="B8431">
        <f t="shared" si="936"/>
        <v>6</v>
      </c>
      <c r="C8431" s="16">
        <v>8397</v>
      </c>
      <c r="D8431" cm="1">
        <f t="array" ref="D8431">IFERROR(INDEX(Jesper!AH$2:AH$366,ROUNDDOWN($C8431/24,0)+1,1)*INDEX($D$3:$AA$30,INDEX(Jesper!$R$2:$R$366,ROW(INDEX(Jesper!AH$2:AH$366,ROUNDDOWN($C8431/24,0)+1,1))-1)+IF('Standard Profiles'!$G$18=$B$10,7,0)+IF('Standard Profiles'!$G$18=$B$17,14,0)+IF('Standard Profiles'!$G$18=$B$24,21,0),MOD($C8431,24)+1)/SUM(INDEX($D$3:$AA$30,INDEX(Jesper!$R$2:$R$366,ROW(INDEX(Jesper!AH$2:AH$366,ROUNDDOWN($C8431/24,0)+1,1))-1)+IF('Standard Profiles'!$G$18=$B$10,7,0)+IF('Standard Profiles'!$G$18=$B$17,14,0)+IF('Standard Profiles'!$G$18=$B$24,21,0),0)),0)</f>
        <v>0</v>
      </c>
      <c r="E8431" cm="1">
        <f t="array" ref="E8431">IFERROR(INDEX(Jesper!AI$2:AI$366,ROUNDDOWN($C8431/24,0)+1,1)*INDEX($D$3:$AA$30,INDEX(Jesper!$R$2:$R$366,ROW(INDEX(Jesper!AI$2:AI$366,ROUNDDOWN($C8431/24,0)+1,1))-1)+IF('Standard Profiles'!$G$19=$B$10,7,0)+IF('Standard Profiles'!$G$19=$B$17,14,0)+IF('Standard Profiles'!$G$19=$B$24,21,0),MOD($C8431,24)+1)/SUM(INDEX($D$3:$AA$30,INDEX(Jesper!$R$2:$R$366,ROW(INDEX(Jesper!AI$2:AI$366,ROUNDDOWN($C8431/24,0)+1,1))-1)+IF('Standard Profiles'!$G$19=$B$10,7,0)+IF('Standard Profiles'!$G$19=$B$17,14,0)+IF('Standard Profiles'!$G$19=$B$24,21,0),0)),0)</f>
        <v>4.6679479023634158</v>
      </c>
      <c r="F8431" cm="1">
        <f t="array" ref="F8431">IFERROR(INDEX(Jesper!AJ$2:AJ$366,ROUNDDOWN($C8431/24,0)+1,1)*INDEX($D$3:$AA$30,INDEX(Jesper!$R$2:$R$366,ROW(INDEX(Jesper!AJ$2:AJ$366,ROUNDDOWN($C8431/24,0)+1,1))-1)+IF('Standard Profiles'!$G$20=$B$10,7,0)+IF('Standard Profiles'!$G$20=$B$17,14,0)+IF('Standard Profiles'!$G$20=$B$24,21,0),MOD($C8431,24)+1)/SUM(INDEX($D$3:$AA$30,INDEX(Jesper!$R$2:$R$366,ROW(INDEX(Jesper!AJ$2:AJ$366,ROUNDDOWN($C8431/24,0)+1,1))-1)+IF('Standard Profiles'!$G$20=$B$10,7,0)+IF('Standard Profiles'!$G$20=$B$17,14,0)+IF('Standard Profiles'!$G$20=$B$24,21,0),0)),0)</f>
        <v>3.8013799708871452</v>
      </c>
      <c r="G8431" cm="1">
        <f t="array" ref="G8431">IFERROR(INDEX(Jesper!AK$2:AK$366,ROUNDDOWN($C8431/24,0)+1,1)*INDEX($D$3:$AA$30,INDEX(Jesper!$R$2:$R$366,ROW(INDEX(Jesper!AK$2:AK$366,ROUNDDOWN($C8431/24,0)+1,1))-1)+IF('Standard Profiles'!$G$21=$B$10,7,0)+IF('Standard Profiles'!$G$21=$B$17,14,0)+IF('Standard Profiles'!$G$21=$B$24,21,0),MOD($C8431,24)+1)/SUM(INDEX($D$3:$AA$30,INDEX(Jesper!$R$2:$R$366,ROW(INDEX(Jesper!AK$2:AK$366,ROUNDDOWN($C8431/24,0)+1,1))-1)+IF('Standard Profiles'!$G$21=$B$10,7,0)+IF('Standard Profiles'!$G$21=$B$17,14,0)+IF('Standard Profiles'!$G$21=$B$24,21,0),0)),0)</f>
        <v>5.9107026307559281</v>
      </c>
      <c r="H8431" cm="1">
        <f t="array" ref="H8431">IFERROR(INDEX(Jesper!AL$2:AL$366,ROUNDDOWN($C8431/24,0)+1,1)*INDEX($D$3:$AA$30,INDEX(Jesper!$R$2:$R$366,ROW(INDEX(Jesper!AL$2:AL$366,ROUNDDOWN($C8431/24,0)+1,1))-1)+IF('Standard Profiles'!$G$22=$B$10,7,0)+IF('Standard Profiles'!$G$22=$B$17,14,0)+IF('Standard Profiles'!$G$22=$B$24,21,0),MOD($C8431,24)+1)/SUM(INDEX($D$3:$AA$30,INDEX(Jesper!$R$2:$R$366,ROW(INDEX(Jesper!AL$2:AL$366,ROUNDDOWN($C8431/24,0)+1,1))-1)+IF('Standard Profiles'!$G$22=$B$10,7,0)+IF('Standard Profiles'!$G$22=$B$17,14,0)+IF('Standard Profiles'!$G$22=$B$24,21,0),0)),0)</f>
        <v>2.4138181904701392</v>
      </c>
      <c r="I8431">
        <f t="shared" si="937"/>
        <v>2.3172654628513349</v>
      </c>
      <c r="J8431">
        <f t="shared" si="938"/>
        <v>13.916429483341682</v>
      </c>
      <c r="K8431">
        <f t="shared" si="939"/>
        <v>0.37343583218907328</v>
      </c>
      <c r="L8431">
        <f t="shared" si="940"/>
        <v>0.18671791609453664</v>
      </c>
      <c r="M8431">
        <f t="shared" si="941"/>
        <v>0</v>
      </c>
      <c r="N8431" s="45">
        <f t="shared" si="942"/>
        <v>45276.874999979635</v>
      </c>
    </row>
    <row r="8432" spans="2:14" x14ac:dyDescent="0.25">
      <c r="B8432">
        <f t="shared" si="936"/>
        <v>6</v>
      </c>
      <c r="C8432" s="16">
        <v>8398</v>
      </c>
      <c r="D8432" cm="1">
        <f t="array" ref="D8432">IFERROR(INDEX(Jesper!AH$2:AH$366,ROUNDDOWN($C8432/24,0)+1,1)*INDEX($D$3:$AA$30,INDEX(Jesper!$R$2:$R$366,ROW(INDEX(Jesper!AH$2:AH$366,ROUNDDOWN($C8432/24,0)+1,1))-1)+IF('Standard Profiles'!$G$18=$B$10,7,0)+IF('Standard Profiles'!$G$18=$B$17,14,0)+IF('Standard Profiles'!$G$18=$B$24,21,0),MOD($C8432,24)+1)/SUM(INDEX($D$3:$AA$30,INDEX(Jesper!$R$2:$R$366,ROW(INDEX(Jesper!AH$2:AH$366,ROUNDDOWN($C8432/24,0)+1,1))-1)+IF('Standard Profiles'!$G$18=$B$10,7,0)+IF('Standard Profiles'!$G$18=$B$17,14,0)+IF('Standard Profiles'!$G$18=$B$24,21,0),0)),0)</f>
        <v>0</v>
      </c>
      <c r="E8432" cm="1">
        <f t="array" ref="E8432">IFERROR(INDEX(Jesper!AI$2:AI$366,ROUNDDOWN($C8432/24,0)+1,1)*INDEX($D$3:$AA$30,INDEX(Jesper!$R$2:$R$366,ROW(INDEX(Jesper!AI$2:AI$366,ROUNDDOWN($C8432/24,0)+1,1))-1)+IF('Standard Profiles'!$G$19=$B$10,7,0)+IF('Standard Profiles'!$G$19=$B$17,14,0)+IF('Standard Profiles'!$G$19=$B$24,21,0),MOD($C8432,24)+1)/SUM(INDEX($D$3:$AA$30,INDEX(Jesper!$R$2:$R$366,ROW(INDEX(Jesper!AI$2:AI$366,ROUNDDOWN($C8432/24,0)+1,1))-1)+IF('Standard Profiles'!$G$19=$B$10,7,0)+IF('Standard Profiles'!$G$19=$B$17,14,0)+IF('Standard Profiles'!$G$19=$B$24,21,0),0)),0)</f>
        <v>4.6679479023634158</v>
      </c>
      <c r="F8432" cm="1">
        <f t="array" ref="F8432">IFERROR(INDEX(Jesper!AJ$2:AJ$366,ROUNDDOWN($C8432/24,0)+1,1)*INDEX($D$3:$AA$30,INDEX(Jesper!$R$2:$R$366,ROW(INDEX(Jesper!AJ$2:AJ$366,ROUNDDOWN($C8432/24,0)+1,1))-1)+IF('Standard Profiles'!$G$20=$B$10,7,0)+IF('Standard Profiles'!$G$20=$B$17,14,0)+IF('Standard Profiles'!$G$20=$B$24,21,0),MOD($C8432,24)+1)/SUM(INDEX($D$3:$AA$30,INDEX(Jesper!$R$2:$R$366,ROW(INDEX(Jesper!AJ$2:AJ$366,ROUNDDOWN($C8432/24,0)+1,1))-1)+IF('Standard Profiles'!$G$20=$B$10,7,0)+IF('Standard Profiles'!$G$20=$B$17,14,0)+IF('Standard Profiles'!$G$20=$B$24,21,0),0)),0)</f>
        <v>3.8013799708871452</v>
      </c>
      <c r="G8432" cm="1">
        <f t="array" ref="G8432">IFERROR(INDEX(Jesper!AK$2:AK$366,ROUNDDOWN($C8432/24,0)+1,1)*INDEX($D$3:$AA$30,INDEX(Jesper!$R$2:$R$366,ROW(INDEX(Jesper!AK$2:AK$366,ROUNDDOWN($C8432/24,0)+1,1))-1)+IF('Standard Profiles'!$G$21=$B$10,7,0)+IF('Standard Profiles'!$G$21=$B$17,14,0)+IF('Standard Profiles'!$G$21=$B$24,21,0),MOD($C8432,24)+1)/SUM(INDEX($D$3:$AA$30,INDEX(Jesper!$R$2:$R$366,ROW(INDEX(Jesper!AK$2:AK$366,ROUNDDOWN($C8432/24,0)+1,1))-1)+IF('Standard Profiles'!$G$21=$B$10,7,0)+IF('Standard Profiles'!$G$21=$B$17,14,0)+IF('Standard Profiles'!$G$21=$B$24,21,0),0)),0)</f>
        <v>5.9107026307559281</v>
      </c>
      <c r="H8432" cm="1">
        <f t="array" ref="H8432">IFERROR(INDEX(Jesper!AL$2:AL$366,ROUNDDOWN($C8432/24,0)+1,1)*INDEX($D$3:$AA$30,INDEX(Jesper!$R$2:$R$366,ROW(INDEX(Jesper!AL$2:AL$366,ROUNDDOWN($C8432/24,0)+1,1))-1)+IF('Standard Profiles'!$G$22=$B$10,7,0)+IF('Standard Profiles'!$G$22=$B$17,14,0)+IF('Standard Profiles'!$G$22=$B$24,21,0),MOD($C8432,24)+1)/SUM(INDEX($D$3:$AA$30,INDEX(Jesper!$R$2:$R$366,ROW(INDEX(Jesper!AL$2:AL$366,ROUNDDOWN($C8432/24,0)+1,1))-1)+IF('Standard Profiles'!$G$22=$B$10,7,0)+IF('Standard Profiles'!$G$22=$B$17,14,0)+IF('Standard Profiles'!$G$22=$B$24,21,0),0)),0)</f>
        <v>2.4138181904701392</v>
      </c>
      <c r="I8432">
        <f t="shared" si="937"/>
        <v>2.3172654628513349</v>
      </c>
      <c r="J8432">
        <f t="shared" si="938"/>
        <v>13.916429483341682</v>
      </c>
      <c r="K8432">
        <f t="shared" si="939"/>
        <v>0.37343583218907328</v>
      </c>
      <c r="L8432">
        <f t="shared" si="940"/>
        <v>0.18671791609453664</v>
      </c>
      <c r="M8432">
        <f t="shared" si="941"/>
        <v>0</v>
      </c>
      <c r="N8432" s="45">
        <f t="shared" si="942"/>
        <v>45276.916666646299</v>
      </c>
    </row>
    <row r="8433" spans="2:14" x14ac:dyDescent="0.25">
      <c r="B8433">
        <f t="shared" si="936"/>
        <v>6</v>
      </c>
      <c r="C8433" s="16">
        <v>8399</v>
      </c>
      <c r="D8433" cm="1">
        <f t="array" ref="D8433">IFERROR(INDEX(Jesper!AH$2:AH$366,ROUNDDOWN($C8433/24,0)+1,1)*INDEX($D$3:$AA$30,INDEX(Jesper!$R$2:$R$366,ROW(INDEX(Jesper!AH$2:AH$366,ROUNDDOWN($C8433/24,0)+1,1))-1)+IF('Standard Profiles'!$G$18=$B$10,7,0)+IF('Standard Profiles'!$G$18=$B$17,14,0)+IF('Standard Profiles'!$G$18=$B$24,21,0),MOD($C8433,24)+1)/SUM(INDEX($D$3:$AA$30,INDEX(Jesper!$R$2:$R$366,ROW(INDEX(Jesper!AH$2:AH$366,ROUNDDOWN($C8433/24,0)+1,1))-1)+IF('Standard Profiles'!$G$18=$B$10,7,0)+IF('Standard Profiles'!$G$18=$B$17,14,0)+IF('Standard Profiles'!$G$18=$B$24,21,0),0)),0)</f>
        <v>0</v>
      </c>
      <c r="E8433" cm="1">
        <f t="array" ref="E8433">IFERROR(INDEX(Jesper!AI$2:AI$366,ROUNDDOWN($C8433/24,0)+1,1)*INDEX($D$3:$AA$30,INDEX(Jesper!$R$2:$R$366,ROW(INDEX(Jesper!AI$2:AI$366,ROUNDDOWN($C8433/24,0)+1,1))-1)+IF('Standard Profiles'!$G$19=$B$10,7,0)+IF('Standard Profiles'!$G$19=$B$17,14,0)+IF('Standard Profiles'!$G$19=$B$24,21,0),MOD($C8433,24)+1)/SUM(INDEX($D$3:$AA$30,INDEX(Jesper!$R$2:$R$366,ROW(INDEX(Jesper!AI$2:AI$366,ROUNDDOWN($C8433/24,0)+1,1))-1)+IF('Standard Profiles'!$G$19=$B$10,7,0)+IF('Standard Profiles'!$G$19=$B$17,14,0)+IF('Standard Profiles'!$G$19=$B$24,21,0),0)),0)</f>
        <v>4.6679479023634158</v>
      </c>
      <c r="F8433" cm="1">
        <f t="array" ref="F8433">IFERROR(INDEX(Jesper!AJ$2:AJ$366,ROUNDDOWN($C8433/24,0)+1,1)*INDEX($D$3:$AA$30,INDEX(Jesper!$R$2:$R$366,ROW(INDEX(Jesper!AJ$2:AJ$366,ROUNDDOWN($C8433/24,0)+1,1))-1)+IF('Standard Profiles'!$G$20=$B$10,7,0)+IF('Standard Profiles'!$G$20=$B$17,14,0)+IF('Standard Profiles'!$G$20=$B$24,21,0),MOD($C8433,24)+1)/SUM(INDEX($D$3:$AA$30,INDEX(Jesper!$R$2:$R$366,ROW(INDEX(Jesper!AJ$2:AJ$366,ROUNDDOWN($C8433/24,0)+1,1))-1)+IF('Standard Profiles'!$G$20=$B$10,7,0)+IF('Standard Profiles'!$G$20=$B$17,14,0)+IF('Standard Profiles'!$G$20=$B$24,21,0),0)),0)</f>
        <v>3.8013799708871452</v>
      </c>
      <c r="G8433" cm="1">
        <f t="array" ref="G8433">IFERROR(INDEX(Jesper!AK$2:AK$366,ROUNDDOWN($C8433/24,0)+1,1)*INDEX($D$3:$AA$30,INDEX(Jesper!$R$2:$R$366,ROW(INDEX(Jesper!AK$2:AK$366,ROUNDDOWN($C8433/24,0)+1,1))-1)+IF('Standard Profiles'!$G$21=$B$10,7,0)+IF('Standard Profiles'!$G$21=$B$17,14,0)+IF('Standard Profiles'!$G$21=$B$24,21,0),MOD($C8433,24)+1)/SUM(INDEX($D$3:$AA$30,INDEX(Jesper!$R$2:$R$366,ROW(INDEX(Jesper!AK$2:AK$366,ROUNDDOWN($C8433/24,0)+1,1))-1)+IF('Standard Profiles'!$G$21=$B$10,7,0)+IF('Standard Profiles'!$G$21=$B$17,14,0)+IF('Standard Profiles'!$G$21=$B$24,21,0),0)),0)</f>
        <v>5.9107026307559281</v>
      </c>
      <c r="H8433" cm="1">
        <f t="array" ref="H8433">IFERROR(INDEX(Jesper!AL$2:AL$366,ROUNDDOWN($C8433/24,0)+1,1)*INDEX($D$3:$AA$30,INDEX(Jesper!$R$2:$R$366,ROW(INDEX(Jesper!AL$2:AL$366,ROUNDDOWN($C8433/24,0)+1,1))-1)+IF('Standard Profiles'!$G$22=$B$10,7,0)+IF('Standard Profiles'!$G$22=$B$17,14,0)+IF('Standard Profiles'!$G$22=$B$24,21,0),MOD($C8433,24)+1)/SUM(INDEX($D$3:$AA$30,INDEX(Jesper!$R$2:$R$366,ROW(INDEX(Jesper!AL$2:AL$366,ROUNDDOWN($C8433/24,0)+1,1))-1)+IF('Standard Profiles'!$G$22=$B$10,7,0)+IF('Standard Profiles'!$G$22=$B$17,14,0)+IF('Standard Profiles'!$G$22=$B$24,21,0),0)),0)</f>
        <v>2.4138181904701392</v>
      </c>
      <c r="I8433">
        <f t="shared" si="937"/>
        <v>2.3172654628513349</v>
      </c>
      <c r="J8433">
        <f t="shared" si="938"/>
        <v>13.916429483341682</v>
      </c>
      <c r="K8433">
        <f t="shared" si="939"/>
        <v>0.37343583218907328</v>
      </c>
      <c r="L8433">
        <f t="shared" si="940"/>
        <v>0.18671791609453664</v>
      </c>
      <c r="M8433">
        <f t="shared" si="941"/>
        <v>0</v>
      </c>
      <c r="N8433" s="45">
        <f t="shared" si="942"/>
        <v>45276.958333312963</v>
      </c>
    </row>
    <row r="8434" spans="2:14" x14ac:dyDescent="0.25">
      <c r="B8434">
        <f t="shared" si="936"/>
        <v>7</v>
      </c>
      <c r="C8434" s="16">
        <v>8400</v>
      </c>
      <c r="D8434" cm="1">
        <f t="array" ref="D8434">IFERROR(INDEX(Jesper!AH$2:AH$366,ROUNDDOWN($C8434/24,0)+1,1)*INDEX($D$3:$AA$30,INDEX(Jesper!$R$2:$R$366,ROW(INDEX(Jesper!AH$2:AH$366,ROUNDDOWN($C8434/24,0)+1,1))-1)+IF('Standard Profiles'!$G$18=$B$10,7,0)+IF('Standard Profiles'!$G$18=$B$17,14,0)+IF('Standard Profiles'!$G$18=$B$24,21,0),MOD($C8434,24)+1)/SUM(INDEX($D$3:$AA$30,INDEX(Jesper!$R$2:$R$366,ROW(INDEX(Jesper!AH$2:AH$366,ROUNDDOWN($C8434/24,0)+1,1))-1)+IF('Standard Profiles'!$G$18=$B$10,7,0)+IF('Standard Profiles'!$G$18=$B$17,14,0)+IF('Standard Profiles'!$G$18=$B$24,21,0),0)),0)</f>
        <v>0</v>
      </c>
      <c r="E8434" cm="1">
        <f t="array" ref="E8434">IFERROR(INDEX(Jesper!AI$2:AI$366,ROUNDDOWN($C8434/24,0)+1,1)*INDEX($D$3:$AA$30,INDEX(Jesper!$R$2:$R$366,ROW(INDEX(Jesper!AI$2:AI$366,ROUNDDOWN($C8434/24,0)+1,1))-1)+IF('Standard Profiles'!$G$19=$B$10,7,0)+IF('Standard Profiles'!$G$19=$B$17,14,0)+IF('Standard Profiles'!$G$19=$B$24,21,0),MOD($C8434,24)+1)/SUM(INDEX($D$3:$AA$30,INDEX(Jesper!$R$2:$R$366,ROW(INDEX(Jesper!AI$2:AI$366,ROUNDDOWN($C8434/24,0)+1,1))-1)+IF('Standard Profiles'!$G$19=$B$10,7,0)+IF('Standard Profiles'!$G$19=$B$17,14,0)+IF('Standard Profiles'!$G$19=$B$24,21,0),0)),0)</f>
        <v>4.2945282364795512</v>
      </c>
      <c r="F8434" cm="1">
        <f t="array" ref="F8434">IFERROR(INDEX(Jesper!AJ$2:AJ$366,ROUNDDOWN($C8434/24,0)+1,1)*INDEX($D$3:$AA$30,INDEX(Jesper!$R$2:$R$366,ROW(INDEX(Jesper!AJ$2:AJ$366,ROUNDDOWN($C8434/24,0)+1,1))-1)+IF('Standard Profiles'!$G$20=$B$10,7,0)+IF('Standard Profiles'!$G$20=$B$17,14,0)+IF('Standard Profiles'!$G$20=$B$24,21,0),MOD($C8434,24)+1)/SUM(INDEX($D$3:$AA$30,INDEX(Jesper!$R$2:$R$366,ROW(INDEX(Jesper!AJ$2:AJ$366,ROUNDDOWN($C8434/24,0)+1,1))-1)+IF('Standard Profiles'!$G$20=$B$10,7,0)+IF('Standard Profiles'!$G$20=$B$17,14,0)+IF('Standard Profiles'!$G$20=$B$24,21,0),0)),0)</f>
        <v>3.3252781001577669</v>
      </c>
      <c r="G8434" cm="1">
        <f t="array" ref="G8434">IFERROR(INDEX(Jesper!AK$2:AK$366,ROUNDDOWN($C8434/24,0)+1,1)*INDEX($D$3:$AA$30,INDEX(Jesper!$R$2:$R$366,ROW(INDEX(Jesper!AK$2:AK$366,ROUNDDOWN($C8434/24,0)+1,1))-1)+IF('Standard Profiles'!$G$21=$B$10,7,0)+IF('Standard Profiles'!$G$21=$B$17,14,0)+IF('Standard Profiles'!$G$21=$B$24,21,0),MOD($C8434,24)+1)/SUM(INDEX($D$3:$AA$30,INDEX(Jesper!$R$2:$R$366,ROW(INDEX(Jesper!AK$2:AK$366,ROUNDDOWN($C8434/24,0)+1,1))-1)+IF('Standard Profiles'!$G$21=$B$10,7,0)+IF('Standard Profiles'!$G$21=$B$17,14,0)+IF('Standard Profiles'!$G$21=$B$24,21,0),0)),0)</f>
        <v>4.7860494683917976</v>
      </c>
      <c r="H8434" cm="1">
        <f t="array" ref="H8434">IFERROR(INDEX(Jesper!AL$2:AL$366,ROUNDDOWN($C8434/24,0)+1,1)*INDEX($D$3:$AA$30,INDEX(Jesper!$R$2:$R$366,ROW(INDEX(Jesper!AL$2:AL$366,ROUNDDOWN($C8434/24,0)+1,1))-1)+IF('Standard Profiles'!$G$22=$B$10,7,0)+IF('Standard Profiles'!$G$22=$B$17,14,0)+IF('Standard Profiles'!$G$22=$B$24,21,0),MOD($C8434,24)+1)/SUM(INDEX($D$3:$AA$30,INDEX(Jesper!$R$2:$R$366,ROW(INDEX(Jesper!AL$2:AL$366,ROUNDDOWN($C8434/24,0)+1,1))-1)+IF('Standard Profiles'!$G$22=$B$10,7,0)+IF('Standard Profiles'!$G$22=$B$17,14,0)+IF('Standard Profiles'!$G$22=$B$24,21,0),0)),0)</f>
        <v>2.1520855163854224</v>
      </c>
      <c r="I8434">
        <f t="shared" si="937"/>
        <v>2.0660020957300067</v>
      </c>
      <c r="J8434">
        <f t="shared" si="938"/>
        <v>11.976595837306984</v>
      </c>
      <c r="K8434">
        <f t="shared" si="939"/>
        <v>0.34356225891836412</v>
      </c>
      <c r="L8434">
        <f t="shared" si="940"/>
        <v>0.17178112945918206</v>
      </c>
      <c r="M8434">
        <f t="shared" si="941"/>
        <v>0</v>
      </c>
      <c r="N8434" s="45">
        <f t="shared" si="942"/>
        <v>45276.999999979627</v>
      </c>
    </row>
    <row r="8435" spans="2:14" x14ac:dyDescent="0.25">
      <c r="B8435">
        <f t="shared" si="936"/>
        <v>7</v>
      </c>
      <c r="C8435" s="16">
        <v>8401</v>
      </c>
      <c r="D8435" cm="1">
        <f t="array" ref="D8435">IFERROR(INDEX(Jesper!AH$2:AH$366,ROUNDDOWN($C8435/24,0)+1,1)*INDEX($D$3:$AA$30,INDEX(Jesper!$R$2:$R$366,ROW(INDEX(Jesper!AH$2:AH$366,ROUNDDOWN($C8435/24,0)+1,1))-1)+IF('Standard Profiles'!$G$18=$B$10,7,0)+IF('Standard Profiles'!$G$18=$B$17,14,0)+IF('Standard Profiles'!$G$18=$B$24,21,0),MOD($C8435,24)+1)/SUM(INDEX($D$3:$AA$30,INDEX(Jesper!$R$2:$R$366,ROW(INDEX(Jesper!AH$2:AH$366,ROUNDDOWN($C8435/24,0)+1,1))-1)+IF('Standard Profiles'!$G$18=$B$10,7,0)+IF('Standard Profiles'!$G$18=$B$17,14,0)+IF('Standard Profiles'!$G$18=$B$24,21,0),0)),0)</f>
        <v>0</v>
      </c>
      <c r="E8435" cm="1">
        <f t="array" ref="E8435">IFERROR(INDEX(Jesper!AI$2:AI$366,ROUNDDOWN($C8435/24,0)+1,1)*INDEX($D$3:$AA$30,INDEX(Jesper!$R$2:$R$366,ROW(INDEX(Jesper!AI$2:AI$366,ROUNDDOWN($C8435/24,0)+1,1))-1)+IF('Standard Profiles'!$G$19=$B$10,7,0)+IF('Standard Profiles'!$G$19=$B$17,14,0)+IF('Standard Profiles'!$G$19=$B$24,21,0),MOD($C8435,24)+1)/SUM(INDEX($D$3:$AA$30,INDEX(Jesper!$R$2:$R$366,ROW(INDEX(Jesper!AI$2:AI$366,ROUNDDOWN($C8435/24,0)+1,1))-1)+IF('Standard Profiles'!$G$19=$B$10,7,0)+IF('Standard Profiles'!$G$19=$B$17,14,0)+IF('Standard Profiles'!$G$19=$B$24,21,0),0)),0)</f>
        <v>4.2945282364795512</v>
      </c>
      <c r="F8435" cm="1">
        <f t="array" ref="F8435">IFERROR(INDEX(Jesper!AJ$2:AJ$366,ROUNDDOWN($C8435/24,0)+1,1)*INDEX($D$3:$AA$30,INDEX(Jesper!$R$2:$R$366,ROW(INDEX(Jesper!AJ$2:AJ$366,ROUNDDOWN($C8435/24,0)+1,1))-1)+IF('Standard Profiles'!$G$20=$B$10,7,0)+IF('Standard Profiles'!$G$20=$B$17,14,0)+IF('Standard Profiles'!$G$20=$B$24,21,0),MOD($C8435,24)+1)/SUM(INDEX($D$3:$AA$30,INDEX(Jesper!$R$2:$R$366,ROW(INDEX(Jesper!AJ$2:AJ$366,ROUNDDOWN($C8435/24,0)+1,1))-1)+IF('Standard Profiles'!$G$20=$B$10,7,0)+IF('Standard Profiles'!$G$20=$B$17,14,0)+IF('Standard Profiles'!$G$20=$B$24,21,0),0)),0)</f>
        <v>3.3252781001577669</v>
      </c>
      <c r="G8435" cm="1">
        <f t="array" ref="G8435">IFERROR(INDEX(Jesper!AK$2:AK$366,ROUNDDOWN($C8435/24,0)+1,1)*INDEX($D$3:$AA$30,INDEX(Jesper!$R$2:$R$366,ROW(INDEX(Jesper!AK$2:AK$366,ROUNDDOWN($C8435/24,0)+1,1))-1)+IF('Standard Profiles'!$G$21=$B$10,7,0)+IF('Standard Profiles'!$G$21=$B$17,14,0)+IF('Standard Profiles'!$G$21=$B$24,21,0),MOD($C8435,24)+1)/SUM(INDEX($D$3:$AA$30,INDEX(Jesper!$R$2:$R$366,ROW(INDEX(Jesper!AK$2:AK$366,ROUNDDOWN($C8435/24,0)+1,1))-1)+IF('Standard Profiles'!$G$21=$B$10,7,0)+IF('Standard Profiles'!$G$21=$B$17,14,0)+IF('Standard Profiles'!$G$21=$B$24,21,0),0)),0)</f>
        <v>4.7860494683917976</v>
      </c>
      <c r="H8435" cm="1">
        <f t="array" ref="H8435">IFERROR(INDEX(Jesper!AL$2:AL$366,ROUNDDOWN($C8435/24,0)+1,1)*INDEX($D$3:$AA$30,INDEX(Jesper!$R$2:$R$366,ROW(INDEX(Jesper!AL$2:AL$366,ROUNDDOWN($C8435/24,0)+1,1))-1)+IF('Standard Profiles'!$G$22=$B$10,7,0)+IF('Standard Profiles'!$G$22=$B$17,14,0)+IF('Standard Profiles'!$G$22=$B$24,21,0),MOD($C8435,24)+1)/SUM(INDEX($D$3:$AA$30,INDEX(Jesper!$R$2:$R$366,ROW(INDEX(Jesper!AL$2:AL$366,ROUNDDOWN($C8435/24,0)+1,1))-1)+IF('Standard Profiles'!$G$22=$B$10,7,0)+IF('Standard Profiles'!$G$22=$B$17,14,0)+IF('Standard Profiles'!$G$22=$B$24,21,0),0)),0)</f>
        <v>2.4991960835443616</v>
      </c>
      <c r="I8435">
        <f t="shared" si="937"/>
        <v>2.3992282402025884</v>
      </c>
      <c r="J8435">
        <f t="shared" si="938"/>
        <v>11.990480259993342</v>
      </c>
      <c r="K8435">
        <f t="shared" si="939"/>
        <v>0.34356225891836412</v>
      </c>
      <c r="L8435">
        <f t="shared" si="940"/>
        <v>0.17178112945918206</v>
      </c>
      <c r="M8435">
        <f t="shared" si="941"/>
        <v>0</v>
      </c>
      <c r="N8435" s="45">
        <f t="shared" si="942"/>
        <v>45277.041666646292</v>
      </c>
    </row>
    <row r="8436" spans="2:14" x14ac:dyDescent="0.25">
      <c r="B8436">
        <f t="shared" si="936"/>
        <v>7</v>
      </c>
      <c r="C8436" s="16">
        <v>8402</v>
      </c>
      <c r="D8436" cm="1">
        <f t="array" ref="D8436">IFERROR(INDEX(Jesper!AH$2:AH$366,ROUNDDOWN($C8436/24,0)+1,1)*INDEX($D$3:$AA$30,INDEX(Jesper!$R$2:$R$366,ROW(INDEX(Jesper!AH$2:AH$366,ROUNDDOWN($C8436/24,0)+1,1))-1)+IF('Standard Profiles'!$G$18=$B$10,7,0)+IF('Standard Profiles'!$G$18=$B$17,14,0)+IF('Standard Profiles'!$G$18=$B$24,21,0),MOD($C8436,24)+1)/SUM(INDEX($D$3:$AA$30,INDEX(Jesper!$R$2:$R$366,ROW(INDEX(Jesper!AH$2:AH$366,ROUNDDOWN($C8436/24,0)+1,1))-1)+IF('Standard Profiles'!$G$18=$B$10,7,0)+IF('Standard Profiles'!$G$18=$B$17,14,0)+IF('Standard Profiles'!$G$18=$B$24,21,0),0)),0)</f>
        <v>0</v>
      </c>
      <c r="E8436" cm="1">
        <f t="array" ref="E8436">IFERROR(INDEX(Jesper!AI$2:AI$366,ROUNDDOWN($C8436/24,0)+1,1)*INDEX($D$3:$AA$30,INDEX(Jesper!$R$2:$R$366,ROW(INDEX(Jesper!AI$2:AI$366,ROUNDDOWN($C8436/24,0)+1,1))-1)+IF('Standard Profiles'!$G$19=$B$10,7,0)+IF('Standard Profiles'!$G$19=$B$17,14,0)+IF('Standard Profiles'!$G$19=$B$24,21,0),MOD($C8436,24)+1)/SUM(INDEX($D$3:$AA$30,INDEX(Jesper!$R$2:$R$366,ROW(INDEX(Jesper!AI$2:AI$366,ROUNDDOWN($C8436/24,0)+1,1))-1)+IF('Standard Profiles'!$G$19=$B$10,7,0)+IF('Standard Profiles'!$G$19=$B$17,14,0)+IF('Standard Profiles'!$G$19=$B$24,21,0),0)),0)</f>
        <v>4.2945282364795512</v>
      </c>
      <c r="F8436" cm="1">
        <f t="array" ref="F8436">IFERROR(INDEX(Jesper!AJ$2:AJ$366,ROUNDDOWN($C8436/24,0)+1,1)*INDEX($D$3:$AA$30,INDEX(Jesper!$R$2:$R$366,ROW(INDEX(Jesper!AJ$2:AJ$366,ROUNDDOWN($C8436/24,0)+1,1))-1)+IF('Standard Profiles'!$G$20=$B$10,7,0)+IF('Standard Profiles'!$G$20=$B$17,14,0)+IF('Standard Profiles'!$G$20=$B$24,21,0),MOD($C8436,24)+1)/SUM(INDEX($D$3:$AA$30,INDEX(Jesper!$R$2:$R$366,ROW(INDEX(Jesper!AJ$2:AJ$366,ROUNDDOWN($C8436/24,0)+1,1))-1)+IF('Standard Profiles'!$G$20=$B$10,7,0)+IF('Standard Profiles'!$G$20=$B$17,14,0)+IF('Standard Profiles'!$G$20=$B$24,21,0),0)),0)</f>
        <v>3.3252781001577669</v>
      </c>
      <c r="G8436" cm="1">
        <f t="array" ref="G8436">IFERROR(INDEX(Jesper!AK$2:AK$366,ROUNDDOWN($C8436/24,0)+1,1)*INDEX($D$3:$AA$30,INDEX(Jesper!$R$2:$R$366,ROW(INDEX(Jesper!AK$2:AK$366,ROUNDDOWN($C8436/24,0)+1,1))-1)+IF('Standard Profiles'!$G$21=$B$10,7,0)+IF('Standard Profiles'!$G$21=$B$17,14,0)+IF('Standard Profiles'!$G$21=$B$24,21,0),MOD($C8436,24)+1)/SUM(INDEX($D$3:$AA$30,INDEX(Jesper!$R$2:$R$366,ROW(INDEX(Jesper!AK$2:AK$366,ROUNDDOWN($C8436/24,0)+1,1))-1)+IF('Standard Profiles'!$G$21=$B$10,7,0)+IF('Standard Profiles'!$G$21=$B$17,14,0)+IF('Standard Profiles'!$G$21=$B$24,21,0),0)),0)</f>
        <v>4.7860494683917976</v>
      </c>
      <c r="H8436" cm="1">
        <f t="array" ref="H8436">IFERROR(INDEX(Jesper!AL$2:AL$366,ROUNDDOWN($C8436/24,0)+1,1)*INDEX($D$3:$AA$30,INDEX(Jesper!$R$2:$R$366,ROW(INDEX(Jesper!AL$2:AL$366,ROUNDDOWN($C8436/24,0)+1,1))-1)+IF('Standard Profiles'!$G$22=$B$10,7,0)+IF('Standard Profiles'!$G$22=$B$17,14,0)+IF('Standard Profiles'!$G$22=$B$24,21,0),MOD($C8436,24)+1)/SUM(INDEX($D$3:$AA$30,INDEX(Jesper!$R$2:$R$366,ROW(INDEX(Jesper!AL$2:AL$366,ROUNDDOWN($C8436/24,0)+1,1))-1)+IF('Standard Profiles'!$G$22=$B$10,7,0)+IF('Standard Profiles'!$G$22=$B$17,14,0)+IF('Standard Profiles'!$G$22=$B$24,21,0),0)),0)</f>
        <v>2.4991960835443616</v>
      </c>
      <c r="I8436">
        <f t="shared" si="937"/>
        <v>2.3992282402025884</v>
      </c>
      <c r="J8436">
        <f t="shared" si="938"/>
        <v>11.990480259993342</v>
      </c>
      <c r="K8436">
        <f t="shared" si="939"/>
        <v>0.34356225891836412</v>
      </c>
      <c r="L8436">
        <f t="shared" si="940"/>
        <v>0.17178112945918206</v>
      </c>
      <c r="M8436">
        <f t="shared" si="941"/>
        <v>0</v>
      </c>
      <c r="N8436" s="45">
        <f t="shared" si="942"/>
        <v>45277.083333312956</v>
      </c>
    </row>
    <row r="8437" spans="2:14" x14ac:dyDescent="0.25">
      <c r="B8437">
        <f t="shared" si="936"/>
        <v>7</v>
      </c>
      <c r="C8437" s="16">
        <v>8403</v>
      </c>
      <c r="D8437" cm="1">
        <f t="array" ref="D8437">IFERROR(INDEX(Jesper!AH$2:AH$366,ROUNDDOWN($C8437/24,0)+1,1)*INDEX($D$3:$AA$30,INDEX(Jesper!$R$2:$R$366,ROW(INDEX(Jesper!AH$2:AH$366,ROUNDDOWN($C8437/24,0)+1,1))-1)+IF('Standard Profiles'!$G$18=$B$10,7,0)+IF('Standard Profiles'!$G$18=$B$17,14,0)+IF('Standard Profiles'!$G$18=$B$24,21,0),MOD($C8437,24)+1)/SUM(INDEX($D$3:$AA$30,INDEX(Jesper!$R$2:$R$366,ROW(INDEX(Jesper!AH$2:AH$366,ROUNDDOWN($C8437/24,0)+1,1))-1)+IF('Standard Profiles'!$G$18=$B$10,7,0)+IF('Standard Profiles'!$G$18=$B$17,14,0)+IF('Standard Profiles'!$G$18=$B$24,21,0),0)),0)</f>
        <v>0</v>
      </c>
      <c r="E8437" cm="1">
        <f t="array" ref="E8437">IFERROR(INDEX(Jesper!AI$2:AI$366,ROUNDDOWN($C8437/24,0)+1,1)*INDEX($D$3:$AA$30,INDEX(Jesper!$R$2:$R$366,ROW(INDEX(Jesper!AI$2:AI$366,ROUNDDOWN($C8437/24,0)+1,1))-1)+IF('Standard Profiles'!$G$19=$B$10,7,0)+IF('Standard Profiles'!$G$19=$B$17,14,0)+IF('Standard Profiles'!$G$19=$B$24,21,0),MOD($C8437,24)+1)/SUM(INDEX($D$3:$AA$30,INDEX(Jesper!$R$2:$R$366,ROW(INDEX(Jesper!AI$2:AI$366,ROUNDDOWN($C8437/24,0)+1,1))-1)+IF('Standard Profiles'!$G$19=$B$10,7,0)+IF('Standard Profiles'!$G$19=$B$17,14,0)+IF('Standard Profiles'!$G$19=$B$24,21,0),0)),0)</f>
        <v>4.2945282364795512</v>
      </c>
      <c r="F8437" cm="1">
        <f t="array" ref="F8437">IFERROR(INDEX(Jesper!AJ$2:AJ$366,ROUNDDOWN($C8437/24,0)+1,1)*INDEX($D$3:$AA$30,INDEX(Jesper!$R$2:$R$366,ROW(INDEX(Jesper!AJ$2:AJ$366,ROUNDDOWN($C8437/24,0)+1,1))-1)+IF('Standard Profiles'!$G$20=$B$10,7,0)+IF('Standard Profiles'!$G$20=$B$17,14,0)+IF('Standard Profiles'!$G$20=$B$24,21,0),MOD($C8437,24)+1)/SUM(INDEX($D$3:$AA$30,INDEX(Jesper!$R$2:$R$366,ROW(INDEX(Jesper!AJ$2:AJ$366,ROUNDDOWN($C8437/24,0)+1,1))-1)+IF('Standard Profiles'!$G$20=$B$10,7,0)+IF('Standard Profiles'!$G$20=$B$17,14,0)+IF('Standard Profiles'!$G$20=$B$24,21,0),0)),0)</f>
        <v>3.3252781001577669</v>
      </c>
      <c r="G8437" cm="1">
        <f t="array" ref="G8437">IFERROR(INDEX(Jesper!AK$2:AK$366,ROUNDDOWN($C8437/24,0)+1,1)*INDEX($D$3:$AA$30,INDEX(Jesper!$R$2:$R$366,ROW(INDEX(Jesper!AK$2:AK$366,ROUNDDOWN($C8437/24,0)+1,1))-1)+IF('Standard Profiles'!$G$21=$B$10,7,0)+IF('Standard Profiles'!$G$21=$B$17,14,0)+IF('Standard Profiles'!$G$21=$B$24,21,0),MOD($C8437,24)+1)/SUM(INDEX($D$3:$AA$30,INDEX(Jesper!$R$2:$R$366,ROW(INDEX(Jesper!AK$2:AK$366,ROUNDDOWN($C8437/24,0)+1,1))-1)+IF('Standard Profiles'!$G$21=$B$10,7,0)+IF('Standard Profiles'!$G$21=$B$17,14,0)+IF('Standard Profiles'!$G$21=$B$24,21,0),0)),0)</f>
        <v>4.7860494683917976</v>
      </c>
      <c r="H8437" cm="1">
        <f t="array" ref="H8437">IFERROR(INDEX(Jesper!AL$2:AL$366,ROUNDDOWN($C8437/24,0)+1,1)*INDEX($D$3:$AA$30,INDEX(Jesper!$R$2:$R$366,ROW(INDEX(Jesper!AL$2:AL$366,ROUNDDOWN($C8437/24,0)+1,1))-1)+IF('Standard Profiles'!$G$22=$B$10,7,0)+IF('Standard Profiles'!$G$22=$B$17,14,0)+IF('Standard Profiles'!$G$22=$B$24,21,0),MOD($C8437,24)+1)/SUM(INDEX($D$3:$AA$30,INDEX(Jesper!$R$2:$R$366,ROW(INDEX(Jesper!AL$2:AL$366,ROUNDDOWN($C8437/24,0)+1,1))-1)+IF('Standard Profiles'!$G$22=$B$10,7,0)+IF('Standard Profiles'!$G$22=$B$17,14,0)+IF('Standard Profiles'!$G$22=$B$24,21,0),0)),0)</f>
        <v>2.4991960835443616</v>
      </c>
      <c r="I8437">
        <f t="shared" si="937"/>
        <v>2.3992282402025884</v>
      </c>
      <c r="J8437">
        <f t="shared" si="938"/>
        <v>11.990480259993342</v>
      </c>
      <c r="K8437">
        <f t="shared" si="939"/>
        <v>0.34356225891836412</v>
      </c>
      <c r="L8437">
        <f t="shared" si="940"/>
        <v>0.17178112945918206</v>
      </c>
      <c r="M8437">
        <f t="shared" si="941"/>
        <v>0</v>
      </c>
      <c r="N8437" s="45">
        <f t="shared" si="942"/>
        <v>45277.12499997962</v>
      </c>
    </row>
    <row r="8438" spans="2:14" x14ac:dyDescent="0.25">
      <c r="B8438">
        <f t="shared" si="936"/>
        <v>7</v>
      </c>
      <c r="C8438" s="16">
        <v>8404</v>
      </c>
      <c r="D8438" cm="1">
        <f t="array" ref="D8438">IFERROR(INDEX(Jesper!AH$2:AH$366,ROUNDDOWN($C8438/24,0)+1,1)*INDEX($D$3:$AA$30,INDEX(Jesper!$R$2:$R$366,ROW(INDEX(Jesper!AH$2:AH$366,ROUNDDOWN($C8438/24,0)+1,1))-1)+IF('Standard Profiles'!$G$18=$B$10,7,0)+IF('Standard Profiles'!$G$18=$B$17,14,0)+IF('Standard Profiles'!$G$18=$B$24,21,0),MOD($C8438,24)+1)/SUM(INDEX($D$3:$AA$30,INDEX(Jesper!$R$2:$R$366,ROW(INDEX(Jesper!AH$2:AH$366,ROUNDDOWN($C8438/24,0)+1,1))-1)+IF('Standard Profiles'!$G$18=$B$10,7,0)+IF('Standard Profiles'!$G$18=$B$17,14,0)+IF('Standard Profiles'!$G$18=$B$24,21,0),0)),0)</f>
        <v>0</v>
      </c>
      <c r="E8438" cm="1">
        <f t="array" ref="E8438">IFERROR(INDEX(Jesper!AI$2:AI$366,ROUNDDOWN($C8438/24,0)+1,1)*INDEX($D$3:$AA$30,INDEX(Jesper!$R$2:$R$366,ROW(INDEX(Jesper!AI$2:AI$366,ROUNDDOWN($C8438/24,0)+1,1))-1)+IF('Standard Profiles'!$G$19=$B$10,7,0)+IF('Standard Profiles'!$G$19=$B$17,14,0)+IF('Standard Profiles'!$G$19=$B$24,21,0),MOD($C8438,24)+1)/SUM(INDEX($D$3:$AA$30,INDEX(Jesper!$R$2:$R$366,ROW(INDEX(Jesper!AI$2:AI$366,ROUNDDOWN($C8438/24,0)+1,1))-1)+IF('Standard Profiles'!$G$19=$B$10,7,0)+IF('Standard Profiles'!$G$19=$B$17,14,0)+IF('Standard Profiles'!$G$19=$B$24,21,0),0)),0)</f>
        <v>4.2945282364795512</v>
      </c>
      <c r="F8438" cm="1">
        <f t="array" ref="F8438">IFERROR(INDEX(Jesper!AJ$2:AJ$366,ROUNDDOWN($C8438/24,0)+1,1)*INDEX($D$3:$AA$30,INDEX(Jesper!$R$2:$R$366,ROW(INDEX(Jesper!AJ$2:AJ$366,ROUNDDOWN($C8438/24,0)+1,1))-1)+IF('Standard Profiles'!$G$20=$B$10,7,0)+IF('Standard Profiles'!$G$20=$B$17,14,0)+IF('Standard Profiles'!$G$20=$B$24,21,0),MOD($C8438,24)+1)/SUM(INDEX($D$3:$AA$30,INDEX(Jesper!$R$2:$R$366,ROW(INDEX(Jesper!AJ$2:AJ$366,ROUNDDOWN($C8438/24,0)+1,1))-1)+IF('Standard Profiles'!$G$20=$B$10,7,0)+IF('Standard Profiles'!$G$20=$B$17,14,0)+IF('Standard Profiles'!$G$20=$B$24,21,0),0)),0)</f>
        <v>3.3252781001577669</v>
      </c>
      <c r="G8438" cm="1">
        <f t="array" ref="G8438">IFERROR(INDEX(Jesper!AK$2:AK$366,ROUNDDOWN($C8438/24,0)+1,1)*INDEX($D$3:$AA$30,INDEX(Jesper!$R$2:$R$366,ROW(INDEX(Jesper!AK$2:AK$366,ROUNDDOWN($C8438/24,0)+1,1))-1)+IF('Standard Profiles'!$G$21=$B$10,7,0)+IF('Standard Profiles'!$G$21=$B$17,14,0)+IF('Standard Profiles'!$G$21=$B$24,21,0),MOD($C8438,24)+1)/SUM(INDEX($D$3:$AA$30,INDEX(Jesper!$R$2:$R$366,ROW(INDEX(Jesper!AK$2:AK$366,ROUNDDOWN($C8438/24,0)+1,1))-1)+IF('Standard Profiles'!$G$21=$B$10,7,0)+IF('Standard Profiles'!$G$21=$B$17,14,0)+IF('Standard Profiles'!$G$21=$B$24,21,0),0)),0)</f>
        <v>4.7860494683917976</v>
      </c>
      <c r="H8438" cm="1">
        <f t="array" ref="H8438">IFERROR(INDEX(Jesper!AL$2:AL$366,ROUNDDOWN($C8438/24,0)+1,1)*INDEX($D$3:$AA$30,INDEX(Jesper!$R$2:$R$366,ROW(INDEX(Jesper!AL$2:AL$366,ROUNDDOWN($C8438/24,0)+1,1))-1)+IF('Standard Profiles'!$G$22=$B$10,7,0)+IF('Standard Profiles'!$G$22=$B$17,14,0)+IF('Standard Profiles'!$G$22=$B$24,21,0),MOD($C8438,24)+1)/SUM(INDEX($D$3:$AA$30,INDEX(Jesper!$R$2:$R$366,ROW(INDEX(Jesper!AL$2:AL$366,ROUNDDOWN($C8438/24,0)+1,1))-1)+IF('Standard Profiles'!$G$22=$B$10,7,0)+IF('Standard Profiles'!$G$22=$B$17,14,0)+IF('Standard Profiles'!$G$22=$B$24,21,0),0)),0)</f>
        <v>2.4991960835443616</v>
      </c>
      <c r="I8438">
        <f t="shared" si="937"/>
        <v>2.3992282402025884</v>
      </c>
      <c r="J8438">
        <f t="shared" si="938"/>
        <v>11.990480259993342</v>
      </c>
      <c r="K8438">
        <f t="shared" si="939"/>
        <v>0.34356225891836412</v>
      </c>
      <c r="L8438">
        <f t="shared" si="940"/>
        <v>0.17178112945918206</v>
      </c>
      <c r="M8438">
        <f t="shared" si="941"/>
        <v>0</v>
      </c>
      <c r="N8438" s="45">
        <f t="shared" si="942"/>
        <v>45277.166666646284</v>
      </c>
    </row>
    <row r="8439" spans="2:14" x14ac:dyDescent="0.25">
      <c r="B8439">
        <f t="shared" si="936"/>
        <v>7</v>
      </c>
      <c r="C8439" s="16">
        <v>8405</v>
      </c>
      <c r="D8439" cm="1">
        <f t="array" ref="D8439">IFERROR(INDEX(Jesper!AH$2:AH$366,ROUNDDOWN($C8439/24,0)+1,1)*INDEX($D$3:$AA$30,INDEX(Jesper!$R$2:$R$366,ROW(INDEX(Jesper!AH$2:AH$366,ROUNDDOWN($C8439/24,0)+1,1))-1)+IF('Standard Profiles'!$G$18=$B$10,7,0)+IF('Standard Profiles'!$G$18=$B$17,14,0)+IF('Standard Profiles'!$G$18=$B$24,21,0),MOD($C8439,24)+1)/SUM(INDEX($D$3:$AA$30,INDEX(Jesper!$R$2:$R$366,ROW(INDEX(Jesper!AH$2:AH$366,ROUNDDOWN($C8439/24,0)+1,1))-1)+IF('Standard Profiles'!$G$18=$B$10,7,0)+IF('Standard Profiles'!$G$18=$B$17,14,0)+IF('Standard Profiles'!$G$18=$B$24,21,0),0)),0)</f>
        <v>0</v>
      </c>
      <c r="E8439" cm="1">
        <f t="array" ref="E8439">IFERROR(INDEX(Jesper!AI$2:AI$366,ROUNDDOWN($C8439/24,0)+1,1)*INDEX($D$3:$AA$30,INDEX(Jesper!$R$2:$R$366,ROW(INDEX(Jesper!AI$2:AI$366,ROUNDDOWN($C8439/24,0)+1,1))-1)+IF('Standard Profiles'!$G$19=$B$10,7,0)+IF('Standard Profiles'!$G$19=$B$17,14,0)+IF('Standard Profiles'!$G$19=$B$24,21,0),MOD($C8439,24)+1)/SUM(INDEX($D$3:$AA$30,INDEX(Jesper!$R$2:$R$366,ROW(INDEX(Jesper!AI$2:AI$366,ROUNDDOWN($C8439/24,0)+1,1))-1)+IF('Standard Profiles'!$G$19=$B$10,7,0)+IF('Standard Profiles'!$G$19=$B$17,14,0)+IF('Standard Profiles'!$G$19=$B$24,21,0),0)),0)</f>
        <v>4.2945282364795512</v>
      </c>
      <c r="F8439" cm="1">
        <f t="array" ref="F8439">IFERROR(INDEX(Jesper!AJ$2:AJ$366,ROUNDDOWN($C8439/24,0)+1,1)*INDEX($D$3:$AA$30,INDEX(Jesper!$R$2:$R$366,ROW(INDEX(Jesper!AJ$2:AJ$366,ROUNDDOWN($C8439/24,0)+1,1))-1)+IF('Standard Profiles'!$G$20=$B$10,7,0)+IF('Standard Profiles'!$G$20=$B$17,14,0)+IF('Standard Profiles'!$G$20=$B$24,21,0),MOD($C8439,24)+1)/SUM(INDEX($D$3:$AA$30,INDEX(Jesper!$R$2:$R$366,ROW(INDEX(Jesper!AJ$2:AJ$366,ROUNDDOWN($C8439/24,0)+1,1))-1)+IF('Standard Profiles'!$G$20=$B$10,7,0)+IF('Standard Profiles'!$G$20=$B$17,14,0)+IF('Standard Profiles'!$G$20=$B$24,21,0),0)),0)</f>
        <v>3.3252781001577669</v>
      </c>
      <c r="G8439" cm="1">
        <f t="array" ref="G8439">IFERROR(INDEX(Jesper!AK$2:AK$366,ROUNDDOWN($C8439/24,0)+1,1)*INDEX($D$3:$AA$30,INDEX(Jesper!$R$2:$R$366,ROW(INDEX(Jesper!AK$2:AK$366,ROUNDDOWN($C8439/24,0)+1,1))-1)+IF('Standard Profiles'!$G$21=$B$10,7,0)+IF('Standard Profiles'!$G$21=$B$17,14,0)+IF('Standard Profiles'!$G$21=$B$24,21,0),MOD($C8439,24)+1)/SUM(INDEX($D$3:$AA$30,INDEX(Jesper!$R$2:$R$366,ROW(INDEX(Jesper!AK$2:AK$366,ROUNDDOWN($C8439/24,0)+1,1))-1)+IF('Standard Profiles'!$G$21=$B$10,7,0)+IF('Standard Profiles'!$G$21=$B$17,14,0)+IF('Standard Profiles'!$G$21=$B$24,21,0),0)),0)</f>
        <v>4.7860494683917976</v>
      </c>
      <c r="H8439" cm="1">
        <f t="array" ref="H8439">IFERROR(INDEX(Jesper!AL$2:AL$366,ROUNDDOWN($C8439/24,0)+1,1)*INDEX($D$3:$AA$30,INDEX(Jesper!$R$2:$R$366,ROW(INDEX(Jesper!AL$2:AL$366,ROUNDDOWN($C8439/24,0)+1,1))-1)+IF('Standard Profiles'!$G$22=$B$10,7,0)+IF('Standard Profiles'!$G$22=$B$17,14,0)+IF('Standard Profiles'!$G$22=$B$24,21,0),MOD($C8439,24)+1)/SUM(INDEX($D$3:$AA$30,INDEX(Jesper!$R$2:$R$366,ROW(INDEX(Jesper!AL$2:AL$366,ROUNDDOWN($C8439/24,0)+1,1))-1)+IF('Standard Profiles'!$G$22=$B$10,7,0)+IF('Standard Profiles'!$G$22=$B$17,14,0)+IF('Standard Profiles'!$G$22=$B$24,21,0),0)),0)</f>
        <v>3.1239951044304521</v>
      </c>
      <c r="I8439">
        <f t="shared" si="937"/>
        <v>2.9990353002532357</v>
      </c>
      <c r="J8439">
        <f t="shared" si="938"/>
        <v>12.015472220828785</v>
      </c>
      <c r="K8439">
        <f t="shared" si="939"/>
        <v>0.34356225891836412</v>
      </c>
      <c r="L8439">
        <f t="shared" si="940"/>
        <v>0.17178112945918206</v>
      </c>
      <c r="M8439">
        <f t="shared" si="941"/>
        <v>0</v>
      </c>
      <c r="N8439" s="45">
        <f t="shared" si="942"/>
        <v>45277.208333312949</v>
      </c>
    </row>
    <row r="8440" spans="2:14" x14ac:dyDescent="0.25">
      <c r="B8440">
        <f t="shared" si="936"/>
        <v>7</v>
      </c>
      <c r="C8440" s="16">
        <v>8406</v>
      </c>
      <c r="D8440" cm="1">
        <f t="array" ref="D8440">IFERROR(INDEX(Jesper!AH$2:AH$366,ROUNDDOWN($C8440/24,0)+1,1)*INDEX($D$3:$AA$30,INDEX(Jesper!$R$2:$R$366,ROW(INDEX(Jesper!AH$2:AH$366,ROUNDDOWN($C8440/24,0)+1,1))-1)+IF('Standard Profiles'!$G$18=$B$10,7,0)+IF('Standard Profiles'!$G$18=$B$17,14,0)+IF('Standard Profiles'!$G$18=$B$24,21,0),MOD($C8440,24)+1)/SUM(INDEX($D$3:$AA$30,INDEX(Jesper!$R$2:$R$366,ROW(INDEX(Jesper!AH$2:AH$366,ROUNDDOWN($C8440/24,0)+1,1))-1)+IF('Standard Profiles'!$G$18=$B$10,7,0)+IF('Standard Profiles'!$G$18=$B$17,14,0)+IF('Standard Profiles'!$G$18=$B$24,21,0),0)),0)</f>
        <v>0</v>
      </c>
      <c r="E8440" cm="1">
        <f t="array" ref="E8440">IFERROR(INDEX(Jesper!AI$2:AI$366,ROUNDDOWN($C8440/24,0)+1,1)*INDEX($D$3:$AA$30,INDEX(Jesper!$R$2:$R$366,ROW(INDEX(Jesper!AI$2:AI$366,ROUNDDOWN($C8440/24,0)+1,1))-1)+IF('Standard Profiles'!$G$19=$B$10,7,0)+IF('Standard Profiles'!$G$19=$B$17,14,0)+IF('Standard Profiles'!$G$19=$B$24,21,0),MOD($C8440,24)+1)/SUM(INDEX($D$3:$AA$30,INDEX(Jesper!$R$2:$R$366,ROW(INDEX(Jesper!AI$2:AI$366,ROUNDDOWN($C8440/24,0)+1,1))-1)+IF('Standard Profiles'!$G$19=$B$10,7,0)+IF('Standard Profiles'!$G$19=$B$17,14,0)+IF('Standard Profiles'!$G$19=$B$24,21,0),0)),0)</f>
        <v>4.2945282364795512</v>
      </c>
      <c r="F8440" cm="1">
        <f t="array" ref="F8440">IFERROR(INDEX(Jesper!AJ$2:AJ$366,ROUNDDOWN($C8440/24,0)+1,1)*INDEX($D$3:$AA$30,INDEX(Jesper!$R$2:$R$366,ROW(INDEX(Jesper!AJ$2:AJ$366,ROUNDDOWN($C8440/24,0)+1,1))-1)+IF('Standard Profiles'!$G$20=$B$10,7,0)+IF('Standard Profiles'!$G$20=$B$17,14,0)+IF('Standard Profiles'!$G$20=$B$24,21,0),MOD($C8440,24)+1)/SUM(INDEX($D$3:$AA$30,INDEX(Jesper!$R$2:$R$366,ROW(INDEX(Jesper!AJ$2:AJ$366,ROUNDDOWN($C8440/24,0)+1,1))-1)+IF('Standard Profiles'!$G$20=$B$10,7,0)+IF('Standard Profiles'!$G$20=$B$17,14,0)+IF('Standard Profiles'!$G$20=$B$24,21,0),0)),0)</f>
        <v>3.3252781001577669</v>
      </c>
      <c r="G8440" cm="1">
        <f t="array" ref="G8440">IFERROR(INDEX(Jesper!AK$2:AK$366,ROUNDDOWN($C8440/24,0)+1,1)*INDEX($D$3:$AA$30,INDEX(Jesper!$R$2:$R$366,ROW(INDEX(Jesper!AK$2:AK$366,ROUNDDOWN($C8440/24,0)+1,1))-1)+IF('Standard Profiles'!$G$21=$B$10,7,0)+IF('Standard Profiles'!$G$21=$B$17,14,0)+IF('Standard Profiles'!$G$21=$B$24,21,0),MOD($C8440,24)+1)/SUM(INDEX($D$3:$AA$30,INDEX(Jesper!$R$2:$R$366,ROW(INDEX(Jesper!AK$2:AK$366,ROUNDDOWN($C8440/24,0)+1,1))-1)+IF('Standard Profiles'!$G$21=$B$10,7,0)+IF('Standard Profiles'!$G$21=$B$17,14,0)+IF('Standard Profiles'!$G$21=$B$24,21,0),0)),0)</f>
        <v>4.7860494683917976</v>
      </c>
      <c r="H8440" cm="1">
        <f t="array" ref="H8440">IFERROR(INDEX(Jesper!AL$2:AL$366,ROUNDDOWN($C8440/24,0)+1,1)*INDEX($D$3:$AA$30,INDEX(Jesper!$R$2:$R$366,ROW(INDEX(Jesper!AL$2:AL$366,ROUNDDOWN($C8440/24,0)+1,1))-1)+IF('Standard Profiles'!$G$22=$B$10,7,0)+IF('Standard Profiles'!$G$22=$B$17,14,0)+IF('Standard Profiles'!$G$22=$B$24,21,0),MOD($C8440,24)+1)/SUM(INDEX($D$3:$AA$30,INDEX(Jesper!$R$2:$R$366,ROW(INDEX(Jesper!AL$2:AL$366,ROUNDDOWN($C8440/24,0)+1,1))-1)+IF('Standard Profiles'!$G$22=$B$10,7,0)+IF('Standard Profiles'!$G$22=$B$17,14,0)+IF('Standard Profiles'!$G$22=$B$24,21,0),0)),0)</f>
        <v>3.6793720118847548</v>
      </c>
      <c r="I8440">
        <f t="shared" si="937"/>
        <v>3.5321971314093665</v>
      </c>
      <c r="J8440">
        <f t="shared" si="938"/>
        <v>12.037687297126958</v>
      </c>
      <c r="K8440">
        <f t="shared" si="939"/>
        <v>0.34356225891836412</v>
      </c>
      <c r="L8440">
        <f t="shared" si="940"/>
        <v>0.17178112945918206</v>
      </c>
      <c r="M8440">
        <f t="shared" si="941"/>
        <v>0</v>
      </c>
      <c r="N8440" s="45">
        <f t="shared" si="942"/>
        <v>45277.249999979613</v>
      </c>
    </row>
    <row r="8441" spans="2:14" x14ac:dyDescent="0.25">
      <c r="B8441">
        <f t="shared" si="936"/>
        <v>7</v>
      </c>
      <c r="C8441" s="16">
        <v>8407</v>
      </c>
      <c r="D8441" cm="1">
        <f t="array" ref="D8441">IFERROR(INDEX(Jesper!AH$2:AH$366,ROUNDDOWN($C8441/24,0)+1,1)*INDEX($D$3:$AA$30,INDEX(Jesper!$R$2:$R$366,ROW(INDEX(Jesper!AH$2:AH$366,ROUNDDOWN($C8441/24,0)+1,1))-1)+IF('Standard Profiles'!$G$18=$B$10,7,0)+IF('Standard Profiles'!$G$18=$B$17,14,0)+IF('Standard Profiles'!$G$18=$B$24,21,0),MOD($C8441,24)+1)/SUM(INDEX($D$3:$AA$30,INDEX(Jesper!$R$2:$R$366,ROW(INDEX(Jesper!AH$2:AH$366,ROUNDDOWN($C8441/24,0)+1,1))-1)+IF('Standard Profiles'!$G$18=$B$10,7,0)+IF('Standard Profiles'!$G$18=$B$17,14,0)+IF('Standard Profiles'!$G$18=$B$24,21,0),0)),0)</f>
        <v>0</v>
      </c>
      <c r="E8441" cm="1">
        <f t="array" ref="E8441">IFERROR(INDEX(Jesper!AI$2:AI$366,ROUNDDOWN($C8441/24,0)+1,1)*INDEX($D$3:$AA$30,INDEX(Jesper!$R$2:$R$366,ROW(INDEX(Jesper!AI$2:AI$366,ROUNDDOWN($C8441/24,0)+1,1))-1)+IF('Standard Profiles'!$G$19=$B$10,7,0)+IF('Standard Profiles'!$G$19=$B$17,14,0)+IF('Standard Profiles'!$G$19=$B$24,21,0),MOD($C8441,24)+1)/SUM(INDEX($D$3:$AA$30,INDEX(Jesper!$R$2:$R$366,ROW(INDEX(Jesper!AI$2:AI$366,ROUNDDOWN($C8441/24,0)+1,1))-1)+IF('Standard Profiles'!$G$19=$B$10,7,0)+IF('Standard Profiles'!$G$19=$B$17,14,0)+IF('Standard Profiles'!$G$19=$B$24,21,0),0)),0)</f>
        <v>4.2945282364795512</v>
      </c>
      <c r="F8441" cm="1">
        <f t="array" ref="F8441">IFERROR(INDEX(Jesper!AJ$2:AJ$366,ROUNDDOWN($C8441/24,0)+1,1)*INDEX($D$3:$AA$30,INDEX(Jesper!$R$2:$R$366,ROW(INDEX(Jesper!AJ$2:AJ$366,ROUNDDOWN($C8441/24,0)+1,1))-1)+IF('Standard Profiles'!$G$20=$B$10,7,0)+IF('Standard Profiles'!$G$20=$B$17,14,0)+IF('Standard Profiles'!$G$20=$B$24,21,0),MOD($C8441,24)+1)/SUM(INDEX($D$3:$AA$30,INDEX(Jesper!$R$2:$R$366,ROW(INDEX(Jesper!AJ$2:AJ$366,ROUNDDOWN($C8441/24,0)+1,1))-1)+IF('Standard Profiles'!$G$20=$B$10,7,0)+IF('Standard Profiles'!$G$20=$B$17,14,0)+IF('Standard Profiles'!$G$20=$B$24,21,0),0)),0)</f>
        <v>3.3252781001577669</v>
      </c>
      <c r="G8441" cm="1">
        <f t="array" ref="G8441">IFERROR(INDEX(Jesper!AK$2:AK$366,ROUNDDOWN($C8441/24,0)+1,1)*INDEX($D$3:$AA$30,INDEX(Jesper!$R$2:$R$366,ROW(INDEX(Jesper!AK$2:AK$366,ROUNDDOWN($C8441/24,0)+1,1))-1)+IF('Standard Profiles'!$G$21=$B$10,7,0)+IF('Standard Profiles'!$G$21=$B$17,14,0)+IF('Standard Profiles'!$G$21=$B$24,21,0),MOD($C8441,24)+1)/SUM(INDEX($D$3:$AA$30,INDEX(Jesper!$R$2:$R$366,ROW(INDEX(Jesper!AK$2:AK$366,ROUNDDOWN($C8441/24,0)+1,1))-1)+IF('Standard Profiles'!$G$21=$B$10,7,0)+IF('Standard Profiles'!$G$21=$B$17,14,0)+IF('Standard Profiles'!$G$21=$B$24,21,0),0)),0)</f>
        <v>4.7860494683917976</v>
      </c>
      <c r="H8441" cm="1">
        <f t="array" ref="H8441">IFERROR(INDEX(Jesper!AL$2:AL$366,ROUNDDOWN($C8441/24,0)+1,1)*INDEX($D$3:$AA$30,INDEX(Jesper!$R$2:$R$366,ROW(INDEX(Jesper!AL$2:AL$366,ROUNDDOWN($C8441/24,0)+1,1))-1)+IF('Standard Profiles'!$G$22=$B$10,7,0)+IF('Standard Profiles'!$G$22=$B$17,14,0)+IF('Standard Profiles'!$G$22=$B$24,21,0),MOD($C8441,24)+1)/SUM(INDEX($D$3:$AA$30,INDEX(Jesper!$R$2:$R$366,ROW(INDEX(Jesper!AL$2:AL$366,ROUNDDOWN($C8441/24,0)+1,1))-1)+IF('Standard Profiles'!$G$22=$B$10,7,0)+IF('Standard Profiles'!$G$22=$B$17,14,0)+IF('Standard Profiles'!$G$22=$B$24,21,0),0)),0)</f>
        <v>4.3735931462026336</v>
      </c>
      <c r="I8441">
        <f t="shared" si="937"/>
        <v>4.1986494203545304</v>
      </c>
      <c r="J8441">
        <f t="shared" si="938"/>
        <v>12.065456142499672</v>
      </c>
      <c r="K8441">
        <f t="shared" si="939"/>
        <v>0.34356225891836412</v>
      </c>
      <c r="L8441">
        <f t="shared" si="940"/>
        <v>0.17178112945918206</v>
      </c>
      <c r="M8441">
        <f t="shared" si="941"/>
        <v>0</v>
      </c>
      <c r="N8441" s="45">
        <f t="shared" si="942"/>
        <v>45277.291666646277</v>
      </c>
    </row>
    <row r="8442" spans="2:14" x14ac:dyDescent="0.25">
      <c r="B8442">
        <f t="shared" si="936"/>
        <v>7</v>
      </c>
      <c r="C8442" s="16">
        <v>8408</v>
      </c>
      <c r="D8442" cm="1">
        <f t="array" ref="D8442">IFERROR(INDEX(Jesper!AH$2:AH$366,ROUNDDOWN($C8442/24,0)+1,1)*INDEX($D$3:$AA$30,INDEX(Jesper!$R$2:$R$366,ROW(INDEX(Jesper!AH$2:AH$366,ROUNDDOWN($C8442/24,0)+1,1))-1)+IF('Standard Profiles'!$G$18=$B$10,7,0)+IF('Standard Profiles'!$G$18=$B$17,14,0)+IF('Standard Profiles'!$G$18=$B$24,21,0),MOD($C8442,24)+1)/SUM(INDEX($D$3:$AA$30,INDEX(Jesper!$R$2:$R$366,ROW(INDEX(Jesper!AH$2:AH$366,ROUNDDOWN($C8442/24,0)+1,1))-1)+IF('Standard Profiles'!$G$18=$B$10,7,0)+IF('Standard Profiles'!$G$18=$B$17,14,0)+IF('Standard Profiles'!$G$18=$B$24,21,0),0)),0)</f>
        <v>0</v>
      </c>
      <c r="E8442" cm="1">
        <f t="array" ref="E8442">IFERROR(INDEX(Jesper!AI$2:AI$366,ROUNDDOWN($C8442/24,0)+1,1)*INDEX($D$3:$AA$30,INDEX(Jesper!$R$2:$R$366,ROW(INDEX(Jesper!AI$2:AI$366,ROUNDDOWN($C8442/24,0)+1,1))-1)+IF('Standard Profiles'!$G$19=$B$10,7,0)+IF('Standard Profiles'!$G$19=$B$17,14,0)+IF('Standard Profiles'!$G$19=$B$24,21,0),MOD($C8442,24)+1)/SUM(INDEX($D$3:$AA$30,INDEX(Jesper!$R$2:$R$366,ROW(INDEX(Jesper!AI$2:AI$366,ROUNDDOWN($C8442/24,0)+1,1))-1)+IF('Standard Profiles'!$G$19=$B$10,7,0)+IF('Standard Profiles'!$G$19=$B$17,14,0)+IF('Standard Profiles'!$G$19=$B$24,21,0),0)),0)</f>
        <v>4.2945282364795512</v>
      </c>
      <c r="F8442" cm="1">
        <f t="array" ref="F8442">IFERROR(INDEX(Jesper!AJ$2:AJ$366,ROUNDDOWN($C8442/24,0)+1,1)*INDEX($D$3:$AA$30,INDEX(Jesper!$R$2:$R$366,ROW(INDEX(Jesper!AJ$2:AJ$366,ROUNDDOWN($C8442/24,0)+1,1))-1)+IF('Standard Profiles'!$G$20=$B$10,7,0)+IF('Standard Profiles'!$G$20=$B$17,14,0)+IF('Standard Profiles'!$G$20=$B$24,21,0),MOD($C8442,24)+1)/SUM(INDEX($D$3:$AA$30,INDEX(Jesper!$R$2:$R$366,ROW(INDEX(Jesper!AJ$2:AJ$366,ROUNDDOWN($C8442/24,0)+1,1))-1)+IF('Standard Profiles'!$G$20=$B$10,7,0)+IF('Standard Profiles'!$G$20=$B$17,14,0)+IF('Standard Profiles'!$G$20=$B$24,21,0),0)),0)</f>
        <v>3.3252781001577669</v>
      </c>
      <c r="G8442" cm="1">
        <f t="array" ref="G8442">IFERROR(INDEX(Jesper!AK$2:AK$366,ROUNDDOWN($C8442/24,0)+1,1)*INDEX($D$3:$AA$30,INDEX(Jesper!$R$2:$R$366,ROW(INDEX(Jesper!AK$2:AK$366,ROUNDDOWN($C8442/24,0)+1,1))-1)+IF('Standard Profiles'!$G$21=$B$10,7,0)+IF('Standard Profiles'!$G$21=$B$17,14,0)+IF('Standard Profiles'!$G$21=$B$24,21,0),MOD($C8442,24)+1)/SUM(INDEX($D$3:$AA$30,INDEX(Jesper!$R$2:$R$366,ROW(INDEX(Jesper!AK$2:AK$366,ROUNDDOWN($C8442/24,0)+1,1))-1)+IF('Standard Profiles'!$G$21=$B$10,7,0)+IF('Standard Profiles'!$G$21=$B$17,14,0)+IF('Standard Profiles'!$G$21=$B$24,21,0),0)),0)</f>
        <v>4.7860494683917976</v>
      </c>
      <c r="H8442" cm="1">
        <f t="array" ref="H8442">IFERROR(INDEX(Jesper!AL$2:AL$366,ROUNDDOWN($C8442/24,0)+1,1)*INDEX($D$3:$AA$30,INDEX(Jesper!$R$2:$R$366,ROW(INDEX(Jesper!AL$2:AL$366,ROUNDDOWN($C8442/24,0)+1,1))-1)+IF('Standard Profiles'!$G$22=$B$10,7,0)+IF('Standard Profiles'!$G$22=$B$17,14,0)+IF('Standard Profiles'!$G$22=$B$24,21,0),MOD($C8442,24)+1)/SUM(INDEX($D$3:$AA$30,INDEX(Jesper!$R$2:$R$366,ROW(INDEX(Jesper!AL$2:AL$366,ROUNDDOWN($C8442/24,0)+1,1))-1)+IF('Standard Profiles'!$G$22=$B$10,7,0)+IF('Standard Profiles'!$G$22=$B$17,14,0)+IF('Standard Profiles'!$G$22=$B$24,21,0),0)),0)</f>
        <v>4.3735931462026336</v>
      </c>
      <c r="I8442">
        <f t="shared" si="937"/>
        <v>4.1986494203545304</v>
      </c>
      <c r="J8442">
        <f t="shared" si="938"/>
        <v>12.065456142499672</v>
      </c>
      <c r="K8442">
        <f t="shared" si="939"/>
        <v>0.34356225891836412</v>
      </c>
      <c r="L8442">
        <f t="shared" si="940"/>
        <v>0.17178112945918206</v>
      </c>
      <c r="M8442">
        <f t="shared" si="941"/>
        <v>0</v>
      </c>
      <c r="N8442" s="45">
        <f t="shared" si="942"/>
        <v>45277.333333312941</v>
      </c>
    </row>
    <row r="8443" spans="2:14" x14ac:dyDescent="0.25">
      <c r="B8443">
        <f t="shared" si="936"/>
        <v>7</v>
      </c>
      <c r="C8443" s="16">
        <v>8409</v>
      </c>
      <c r="D8443" cm="1">
        <f t="array" ref="D8443">IFERROR(INDEX(Jesper!AH$2:AH$366,ROUNDDOWN($C8443/24,0)+1,1)*INDEX($D$3:$AA$30,INDEX(Jesper!$R$2:$R$366,ROW(INDEX(Jesper!AH$2:AH$366,ROUNDDOWN($C8443/24,0)+1,1))-1)+IF('Standard Profiles'!$G$18=$B$10,7,0)+IF('Standard Profiles'!$G$18=$B$17,14,0)+IF('Standard Profiles'!$G$18=$B$24,21,0),MOD($C8443,24)+1)/SUM(INDEX($D$3:$AA$30,INDEX(Jesper!$R$2:$R$366,ROW(INDEX(Jesper!AH$2:AH$366,ROUNDDOWN($C8443/24,0)+1,1))-1)+IF('Standard Profiles'!$G$18=$B$10,7,0)+IF('Standard Profiles'!$G$18=$B$17,14,0)+IF('Standard Profiles'!$G$18=$B$24,21,0),0)),0)</f>
        <v>0</v>
      </c>
      <c r="E8443" cm="1">
        <f t="array" ref="E8443">IFERROR(INDEX(Jesper!AI$2:AI$366,ROUNDDOWN($C8443/24,0)+1,1)*INDEX($D$3:$AA$30,INDEX(Jesper!$R$2:$R$366,ROW(INDEX(Jesper!AI$2:AI$366,ROUNDDOWN($C8443/24,0)+1,1))-1)+IF('Standard Profiles'!$G$19=$B$10,7,0)+IF('Standard Profiles'!$G$19=$B$17,14,0)+IF('Standard Profiles'!$G$19=$B$24,21,0),MOD($C8443,24)+1)/SUM(INDEX($D$3:$AA$30,INDEX(Jesper!$R$2:$R$366,ROW(INDEX(Jesper!AI$2:AI$366,ROUNDDOWN($C8443/24,0)+1,1))-1)+IF('Standard Profiles'!$G$19=$B$10,7,0)+IF('Standard Profiles'!$G$19=$B$17,14,0)+IF('Standard Profiles'!$G$19=$B$24,21,0),0)),0)</f>
        <v>4.2945282364795512</v>
      </c>
      <c r="F8443" cm="1">
        <f t="array" ref="F8443">IFERROR(INDEX(Jesper!AJ$2:AJ$366,ROUNDDOWN($C8443/24,0)+1,1)*INDEX($D$3:$AA$30,INDEX(Jesper!$R$2:$R$366,ROW(INDEX(Jesper!AJ$2:AJ$366,ROUNDDOWN($C8443/24,0)+1,1))-1)+IF('Standard Profiles'!$G$20=$B$10,7,0)+IF('Standard Profiles'!$G$20=$B$17,14,0)+IF('Standard Profiles'!$G$20=$B$24,21,0),MOD($C8443,24)+1)/SUM(INDEX($D$3:$AA$30,INDEX(Jesper!$R$2:$R$366,ROW(INDEX(Jesper!AJ$2:AJ$366,ROUNDDOWN($C8443/24,0)+1,1))-1)+IF('Standard Profiles'!$G$20=$B$10,7,0)+IF('Standard Profiles'!$G$20=$B$17,14,0)+IF('Standard Profiles'!$G$20=$B$24,21,0),0)),0)</f>
        <v>3.3252781001577669</v>
      </c>
      <c r="G8443" cm="1">
        <f t="array" ref="G8443">IFERROR(INDEX(Jesper!AK$2:AK$366,ROUNDDOWN($C8443/24,0)+1,1)*INDEX($D$3:$AA$30,INDEX(Jesper!$R$2:$R$366,ROW(INDEX(Jesper!AK$2:AK$366,ROUNDDOWN($C8443/24,0)+1,1))-1)+IF('Standard Profiles'!$G$21=$B$10,7,0)+IF('Standard Profiles'!$G$21=$B$17,14,0)+IF('Standard Profiles'!$G$21=$B$24,21,0),MOD($C8443,24)+1)/SUM(INDEX($D$3:$AA$30,INDEX(Jesper!$R$2:$R$366,ROW(INDEX(Jesper!AK$2:AK$366,ROUNDDOWN($C8443/24,0)+1,1))-1)+IF('Standard Profiles'!$G$21=$B$10,7,0)+IF('Standard Profiles'!$G$21=$B$17,14,0)+IF('Standard Profiles'!$G$21=$B$24,21,0),0)),0)</f>
        <v>4.7860494683917976</v>
      </c>
      <c r="H8443" cm="1">
        <f t="array" ref="H8443">IFERROR(INDEX(Jesper!AL$2:AL$366,ROUNDDOWN($C8443/24,0)+1,1)*INDEX($D$3:$AA$30,INDEX(Jesper!$R$2:$R$366,ROW(INDEX(Jesper!AL$2:AL$366,ROUNDDOWN($C8443/24,0)+1,1))-1)+IF('Standard Profiles'!$G$22=$B$10,7,0)+IF('Standard Profiles'!$G$22=$B$17,14,0)+IF('Standard Profiles'!$G$22=$B$24,21,0),MOD($C8443,24)+1)/SUM(INDEX($D$3:$AA$30,INDEX(Jesper!$R$2:$R$366,ROW(INDEX(Jesper!AL$2:AL$366,ROUNDDOWN($C8443/24,0)+1,1))-1)+IF('Standard Profiles'!$G$22=$B$10,7,0)+IF('Standard Profiles'!$G$22=$B$17,14,0)+IF('Standard Profiles'!$G$22=$B$24,21,0),0)),0)</f>
        <v>4.3735931462026336</v>
      </c>
      <c r="I8443">
        <f t="shared" si="937"/>
        <v>4.1986494203545304</v>
      </c>
      <c r="J8443">
        <f t="shared" si="938"/>
        <v>12.065456142499672</v>
      </c>
      <c r="K8443">
        <f t="shared" si="939"/>
        <v>0.34356225891836412</v>
      </c>
      <c r="L8443">
        <f t="shared" si="940"/>
        <v>0.17178112945918206</v>
      </c>
      <c r="M8443">
        <f t="shared" si="941"/>
        <v>0</v>
      </c>
      <c r="N8443" s="45">
        <f t="shared" si="942"/>
        <v>45277.374999979605</v>
      </c>
    </row>
    <row r="8444" spans="2:14" x14ac:dyDescent="0.25">
      <c r="B8444">
        <f t="shared" si="936"/>
        <v>7</v>
      </c>
      <c r="C8444" s="16">
        <v>8410</v>
      </c>
      <c r="D8444" cm="1">
        <f t="array" ref="D8444">IFERROR(INDEX(Jesper!AH$2:AH$366,ROUNDDOWN($C8444/24,0)+1,1)*INDEX($D$3:$AA$30,INDEX(Jesper!$R$2:$R$366,ROW(INDEX(Jesper!AH$2:AH$366,ROUNDDOWN($C8444/24,0)+1,1))-1)+IF('Standard Profiles'!$G$18=$B$10,7,0)+IF('Standard Profiles'!$G$18=$B$17,14,0)+IF('Standard Profiles'!$G$18=$B$24,21,0),MOD($C8444,24)+1)/SUM(INDEX($D$3:$AA$30,INDEX(Jesper!$R$2:$R$366,ROW(INDEX(Jesper!AH$2:AH$366,ROUNDDOWN($C8444/24,0)+1,1))-1)+IF('Standard Profiles'!$G$18=$B$10,7,0)+IF('Standard Profiles'!$G$18=$B$17,14,0)+IF('Standard Profiles'!$G$18=$B$24,21,0),0)),0)</f>
        <v>0</v>
      </c>
      <c r="E8444" cm="1">
        <f t="array" ref="E8444">IFERROR(INDEX(Jesper!AI$2:AI$366,ROUNDDOWN($C8444/24,0)+1,1)*INDEX($D$3:$AA$30,INDEX(Jesper!$R$2:$R$366,ROW(INDEX(Jesper!AI$2:AI$366,ROUNDDOWN($C8444/24,0)+1,1))-1)+IF('Standard Profiles'!$G$19=$B$10,7,0)+IF('Standard Profiles'!$G$19=$B$17,14,0)+IF('Standard Profiles'!$G$19=$B$24,21,0),MOD($C8444,24)+1)/SUM(INDEX($D$3:$AA$30,INDEX(Jesper!$R$2:$R$366,ROW(INDEX(Jesper!AI$2:AI$366,ROUNDDOWN($C8444/24,0)+1,1))-1)+IF('Standard Profiles'!$G$19=$B$10,7,0)+IF('Standard Profiles'!$G$19=$B$17,14,0)+IF('Standard Profiles'!$G$19=$B$24,21,0),0)),0)</f>
        <v>4.2945282364795512</v>
      </c>
      <c r="F8444" cm="1">
        <f t="array" ref="F8444">IFERROR(INDEX(Jesper!AJ$2:AJ$366,ROUNDDOWN($C8444/24,0)+1,1)*INDEX($D$3:$AA$30,INDEX(Jesper!$R$2:$R$366,ROW(INDEX(Jesper!AJ$2:AJ$366,ROUNDDOWN($C8444/24,0)+1,1))-1)+IF('Standard Profiles'!$G$20=$B$10,7,0)+IF('Standard Profiles'!$G$20=$B$17,14,0)+IF('Standard Profiles'!$G$20=$B$24,21,0),MOD($C8444,24)+1)/SUM(INDEX($D$3:$AA$30,INDEX(Jesper!$R$2:$R$366,ROW(INDEX(Jesper!AJ$2:AJ$366,ROUNDDOWN($C8444/24,0)+1,1))-1)+IF('Standard Profiles'!$G$20=$B$10,7,0)+IF('Standard Profiles'!$G$20=$B$17,14,0)+IF('Standard Profiles'!$G$20=$B$24,21,0),0)),0)</f>
        <v>3.3252781001577669</v>
      </c>
      <c r="G8444" cm="1">
        <f t="array" ref="G8444">IFERROR(INDEX(Jesper!AK$2:AK$366,ROUNDDOWN($C8444/24,0)+1,1)*INDEX($D$3:$AA$30,INDEX(Jesper!$R$2:$R$366,ROW(INDEX(Jesper!AK$2:AK$366,ROUNDDOWN($C8444/24,0)+1,1))-1)+IF('Standard Profiles'!$G$21=$B$10,7,0)+IF('Standard Profiles'!$G$21=$B$17,14,0)+IF('Standard Profiles'!$G$21=$B$24,21,0),MOD($C8444,24)+1)/SUM(INDEX($D$3:$AA$30,INDEX(Jesper!$R$2:$R$366,ROW(INDEX(Jesper!AK$2:AK$366,ROUNDDOWN($C8444/24,0)+1,1))-1)+IF('Standard Profiles'!$G$21=$B$10,7,0)+IF('Standard Profiles'!$G$21=$B$17,14,0)+IF('Standard Profiles'!$G$21=$B$24,21,0),0)),0)</f>
        <v>4.7860494683917976</v>
      </c>
      <c r="H8444" cm="1">
        <f t="array" ref="H8444">IFERROR(INDEX(Jesper!AL$2:AL$366,ROUNDDOWN($C8444/24,0)+1,1)*INDEX($D$3:$AA$30,INDEX(Jesper!$R$2:$R$366,ROW(INDEX(Jesper!AL$2:AL$366,ROUNDDOWN($C8444/24,0)+1,1))-1)+IF('Standard Profiles'!$G$22=$B$10,7,0)+IF('Standard Profiles'!$G$22=$B$17,14,0)+IF('Standard Profiles'!$G$22=$B$24,21,0),MOD($C8444,24)+1)/SUM(INDEX($D$3:$AA$30,INDEX(Jesper!$R$2:$R$366,ROW(INDEX(Jesper!AL$2:AL$366,ROUNDDOWN($C8444/24,0)+1,1))-1)+IF('Standard Profiles'!$G$22=$B$10,7,0)+IF('Standard Profiles'!$G$22=$B$17,14,0)+IF('Standard Profiles'!$G$22=$B$24,21,0),0)),0)</f>
        <v>4.3735931462026336</v>
      </c>
      <c r="I8444">
        <f t="shared" si="937"/>
        <v>4.1986494203545304</v>
      </c>
      <c r="J8444">
        <f t="shared" si="938"/>
        <v>12.065456142499672</v>
      </c>
      <c r="K8444">
        <f t="shared" si="939"/>
        <v>0.34356225891836412</v>
      </c>
      <c r="L8444">
        <f t="shared" si="940"/>
        <v>0.17178112945918206</v>
      </c>
      <c r="M8444">
        <f t="shared" si="941"/>
        <v>0</v>
      </c>
      <c r="N8444" s="45">
        <f t="shared" si="942"/>
        <v>45277.41666664627</v>
      </c>
    </row>
    <row r="8445" spans="2:14" x14ac:dyDescent="0.25">
      <c r="B8445">
        <f t="shared" si="936"/>
        <v>7</v>
      </c>
      <c r="C8445" s="16">
        <v>8411</v>
      </c>
      <c r="D8445" cm="1">
        <f t="array" ref="D8445">IFERROR(INDEX(Jesper!AH$2:AH$366,ROUNDDOWN($C8445/24,0)+1,1)*INDEX($D$3:$AA$30,INDEX(Jesper!$R$2:$R$366,ROW(INDEX(Jesper!AH$2:AH$366,ROUNDDOWN($C8445/24,0)+1,1))-1)+IF('Standard Profiles'!$G$18=$B$10,7,0)+IF('Standard Profiles'!$G$18=$B$17,14,0)+IF('Standard Profiles'!$G$18=$B$24,21,0),MOD($C8445,24)+1)/SUM(INDEX($D$3:$AA$30,INDEX(Jesper!$R$2:$R$366,ROW(INDEX(Jesper!AH$2:AH$366,ROUNDDOWN($C8445/24,0)+1,1))-1)+IF('Standard Profiles'!$G$18=$B$10,7,0)+IF('Standard Profiles'!$G$18=$B$17,14,0)+IF('Standard Profiles'!$G$18=$B$24,21,0),0)),0)</f>
        <v>0</v>
      </c>
      <c r="E8445" cm="1">
        <f t="array" ref="E8445">IFERROR(INDEX(Jesper!AI$2:AI$366,ROUNDDOWN($C8445/24,0)+1,1)*INDEX($D$3:$AA$30,INDEX(Jesper!$R$2:$R$366,ROW(INDEX(Jesper!AI$2:AI$366,ROUNDDOWN($C8445/24,0)+1,1))-1)+IF('Standard Profiles'!$G$19=$B$10,7,0)+IF('Standard Profiles'!$G$19=$B$17,14,0)+IF('Standard Profiles'!$G$19=$B$24,21,0),MOD($C8445,24)+1)/SUM(INDEX($D$3:$AA$30,INDEX(Jesper!$R$2:$R$366,ROW(INDEX(Jesper!AI$2:AI$366,ROUNDDOWN($C8445/24,0)+1,1))-1)+IF('Standard Profiles'!$G$19=$B$10,7,0)+IF('Standard Profiles'!$G$19=$B$17,14,0)+IF('Standard Profiles'!$G$19=$B$24,21,0),0)),0)</f>
        <v>4.2945282364795512</v>
      </c>
      <c r="F8445" cm="1">
        <f t="array" ref="F8445">IFERROR(INDEX(Jesper!AJ$2:AJ$366,ROUNDDOWN($C8445/24,0)+1,1)*INDEX($D$3:$AA$30,INDEX(Jesper!$R$2:$R$366,ROW(INDEX(Jesper!AJ$2:AJ$366,ROUNDDOWN($C8445/24,0)+1,1))-1)+IF('Standard Profiles'!$G$20=$B$10,7,0)+IF('Standard Profiles'!$G$20=$B$17,14,0)+IF('Standard Profiles'!$G$20=$B$24,21,0),MOD($C8445,24)+1)/SUM(INDEX($D$3:$AA$30,INDEX(Jesper!$R$2:$R$366,ROW(INDEX(Jesper!AJ$2:AJ$366,ROUNDDOWN($C8445/24,0)+1,1))-1)+IF('Standard Profiles'!$G$20=$B$10,7,0)+IF('Standard Profiles'!$G$20=$B$17,14,0)+IF('Standard Profiles'!$G$20=$B$24,21,0),0)),0)</f>
        <v>3.3252781001577669</v>
      </c>
      <c r="G8445" cm="1">
        <f t="array" ref="G8445">IFERROR(INDEX(Jesper!AK$2:AK$366,ROUNDDOWN($C8445/24,0)+1,1)*INDEX($D$3:$AA$30,INDEX(Jesper!$R$2:$R$366,ROW(INDEX(Jesper!AK$2:AK$366,ROUNDDOWN($C8445/24,0)+1,1))-1)+IF('Standard Profiles'!$G$21=$B$10,7,0)+IF('Standard Profiles'!$G$21=$B$17,14,0)+IF('Standard Profiles'!$G$21=$B$24,21,0),MOD($C8445,24)+1)/SUM(INDEX($D$3:$AA$30,INDEX(Jesper!$R$2:$R$366,ROW(INDEX(Jesper!AK$2:AK$366,ROUNDDOWN($C8445/24,0)+1,1))-1)+IF('Standard Profiles'!$G$21=$B$10,7,0)+IF('Standard Profiles'!$G$21=$B$17,14,0)+IF('Standard Profiles'!$G$21=$B$24,21,0),0)),0)</f>
        <v>4.7860494683917976</v>
      </c>
      <c r="H8445" cm="1">
        <f t="array" ref="H8445">IFERROR(INDEX(Jesper!AL$2:AL$366,ROUNDDOWN($C8445/24,0)+1,1)*INDEX($D$3:$AA$30,INDEX(Jesper!$R$2:$R$366,ROW(INDEX(Jesper!AL$2:AL$366,ROUNDDOWN($C8445/24,0)+1,1))-1)+IF('Standard Profiles'!$G$22=$B$10,7,0)+IF('Standard Profiles'!$G$22=$B$17,14,0)+IF('Standard Profiles'!$G$22=$B$24,21,0),MOD($C8445,24)+1)/SUM(INDEX($D$3:$AA$30,INDEX(Jesper!$R$2:$R$366,ROW(INDEX(Jesper!AL$2:AL$366,ROUNDDOWN($C8445/24,0)+1,1))-1)+IF('Standard Profiles'!$G$22=$B$10,7,0)+IF('Standard Profiles'!$G$22=$B$17,14,0)+IF('Standard Profiles'!$G$22=$B$24,21,0),0)),0)</f>
        <v>4.3735931462026336</v>
      </c>
      <c r="I8445">
        <f t="shared" si="937"/>
        <v>4.1986494203545304</v>
      </c>
      <c r="J8445">
        <f t="shared" si="938"/>
        <v>12.065456142499672</v>
      </c>
      <c r="K8445">
        <f t="shared" si="939"/>
        <v>0.34356225891836412</v>
      </c>
      <c r="L8445">
        <f t="shared" si="940"/>
        <v>0.17178112945918206</v>
      </c>
      <c r="M8445">
        <f t="shared" si="941"/>
        <v>0</v>
      </c>
      <c r="N8445" s="45">
        <f t="shared" si="942"/>
        <v>45277.458333312934</v>
      </c>
    </row>
    <row r="8446" spans="2:14" x14ac:dyDescent="0.25">
      <c r="B8446">
        <f t="shared" si="936"/>
        <v>7</v>
      </c>
      <c r="C8446" s="16">
        <v>8412</v>
      </c>
      <c r="D8446" cm="1">
        <f t="array" ref="D8446">IFERROR(INDEX(Jesper!AH$2:AH$366,ROUNDDOWN($C8446/24,0)+1,1)*INDEX($D$3:$AA$30,INDEX(Jesper!$R$2:$R$366,ROW(INDEX(Jesper!AH$2:AH$366,ROUNDDOWN($C8446/24,0)+1,1))-1)+IF('Standard Profiles'!$G$18=$B$10,7,0)+IF('Standard Profiles'!$G$18=$B$17,14,0)+IF('Standard Profiles'!$G$18=$B$24,21,0),MOD($C8446,24)+1)/SUM(INDEX($D$3:$AA$30,INDEX(Jesper!$R$2:$R$366,ROW(INDEX(Jesper!AH$2:AH$366,ROUNDDOWN($C8446/24,0)+1,1))-1)+IF('Standard Profiles'!$G$18=$B$10,7,0)+IF('Standard Profiles'!$G$18=$B$17,14,0)+IF('Standard Profiles'!$G$18=$B$24,21,0),0)),0)</f>
        <v>0</v>
      </c>
      <c r="E8446" cm="1">
        <f t="array" ref="E8446">IFERROR(INDEX(Jesper!AI$2:AI$366,ROUNDDOWN($C8446/24,0)+1,1)*INDEX($D$3:$AA$30,INDEX(Jesper!$R$2:$R$366,ROW(INDEX(Jesper!AI$2:AI$366,ROUNDDOWN($C8446/24,0)+1,1))-1)+IF('Standard Profiles'!$G$19=$B$10,7,0)+IF('Standard Profiles'!$G$19=$B$17,14,0)+IF('Standard Profiles'!$G$19=$B$24,21,0),MOD($C8446,24)+1)/SUM(INDEX($D$3:$AA$30,INDEX(Jesper!$R$2:$R$366,ROW(INDEX(Jesper!AI$2:AI$366,ROUNDDOWN($C8446/24,0)+1,1))-1)+IF('Standard Profiles'!$G$19=$B$10,7,0)+IF('Standard Profiles'!$G$19=$B$17,14,0)+IF('Standard Profiles'!$G$19=$B$24,21,0),0)),0)</f>
        <v>4.2945282364795512</v>
      </c>
      <c r="F8446" cm="1">
        <f t="array" ref="F8446">IFERROR(INDEX(Jesper!AJ$2:AJ$366,ROUNDDOWN($C8446/24,0)+1,1)*INDEX($D$3:$AA$30,INDEX(Jesper!$R$2:$R$366,ROW(INDEX(Jesper!AJ$2:AJ$366,ROUNDDOWN($C8446/24,0)+1,1))-1)+IF('Standard Profiles'!$G$20=$B$10,7,0)+IF('Standard Profiles'!$G$20=$B$17,14,0)+IF('Standard Profiles'!$G$20=$B$24,21,0),MOD($C8446,24)+1)/SUM(INDEX($D$3:$AA$30,INDEX(Jesper!$R$2:$R$366,ROW(INDEX(Jesper!AJ$2:AJ$366,ROUNDDOWN($C8446/24,0)+1,1))-1)+IF('Standard Profiles'!$G$20=$B$10,7,0)+IF('Standard Profiles'!$G$20=$B$17,14,0)+IF('Standard Profiles'!$G$20=$B$24,21,0),0)),0)</f>
        <v>3.3252781001577669</v>
      </c>
      <c r="G8446" cm="1">
        <f t="array" ref="G8446">IFERROR(INDEX(Jesper!AK$2:AK$366,ROUNDDOWN($C8446/24,0)+1,1)*INDEX($D$3:$AA$30,INDEX(Jesper!$R$2:$R$366,ROW(INDEX(Jesper!AK$2:AK$366,ROUNDDOWN($C8446/24,0)+1,1))-1)+IF('Standard Profiles'!$G$21=$B$10,7,0)+IF('Standard Profiles'!$G$21=$B$17,14,0)+IF('Standard Profiles'!$G$21=$B$24,21,0),MOD($C8446,24)+1)/SUM(INDEX($D$3:$AA$30,INDEX(Jesper!$R$2:$R$366,ROW(INDEX(Jesper!AK$2:AK$366,ROUNDDOWN($C8446/24,0)+1,1))-1)+IF('Standard Profiles'!$G$21=$B$10,7,0)+IF('Standard Profiles'!$G$21=$B$17,14,0)+IF('Standard Profiles'!$G$21=$B$24,21,0),0)),0)</f>
        <v>4.7860494683917976</v>
      </c>
      <c r="H8446" cm="1">
        <f t="array" ref="H8446">IFERROR(INDEX(Jesper!AL$2:AL$366,ROUNDDOWN($C8446/24,0)+1,1)*INDEX($D$3:$AA$30,INDEX(Jesper!$R$2:$R$366,ROW(INDEX(Jesper!AL$2:AL$366,ROUNDDOWN($C8446/24,0)+1,1))-1)+IF('Standard Profiles'!$G$22=$B$10,7,0)+IF('Standard Profiles'!$G$22=$B$17,14,0)+IF('Standard Profiles'!$G$22=$B$24,21,0),MOD($C8446,24)+1)/SUM(INDEX($D$3:$AA$30,INDEX(Jesper!$R$2:$R$366,ROW(INDEX(Jesper!AL$2:AL$366,ROUNDDOWN($C8446/24,0)+1,1))-1)+IF('Standard Profiles'!$G$22=$B$10,7,0)+IF('Standard Profiles'!$G$22=$B$17,14,0)+IF('Standard Profiles'!$G$22=$B$24,21,0),0)),0)</f>
        <v>4.3735931462026336</v>
      </c>
      <c r="I8446">
        <f t="shared" si="937"/>
        <v>4.1986494203545304</v>
      </c>
      <c r="J8446">
        <f t="shared" si="938"/>
        <v>12.065456142499672</v>
      </c>
      <c r="K8446">
        <f t="shared" si="939"/>
        <v>0.34356225891836412</v>
      </c>
      <c r="L8446">
        <f t="shared" si="940"/>
        <v>0.17178112945918206</v>
      </c>
      <c r="M8446">
        <f t="shared" si="941"/>
        <v>0</v>
      </c>
      <c r="N8446" s="45">
        <f t="shared" si="942"/>
        <v>45277.499999979598</v>
      </c>
    </row>
    <row r="8447" spans="2:14" x14ac:dyDescent="0.25">
      <c r="B8447">
        <f t="shared" si="936"/>
        <v>7</v>
      </c>
      <c r="C8447" s="16">
        <v>8413</v>
      </c>
      <c r="D8447" cm="1">
        <f t="array" ref="D8447">IFERROR(INDEX(Jesper!AH$2:AH$366,ROUNDDOWN($C8447/24,0)+1,1)*INDEX($D$3:$AA$30,INDEX(Jesper!$R$2:$R$366,ROW(INDEX(Jesper!AH$2:AH$366,ROUNDDOWN($C8447/24,0)+1,1))-1)+IF('Standard Profiles'!$G$18=$B$10,7,0)+IF('Standard Profiles'!$G$18=$B$17,14,0)+IF('Standard Profiles'!$G$18=$B$24,21,0),MOD($C8447,24)+1)/SUM(INDEX($D$3:$AA$30,INDEX(Jesper!$R$2:$R$366,ROW(INDEX(Jesper!AH$2:AH$366,ROUNDDOWN($C8447/24,0)+1,1))-1)+IF('Standard Profiles'!$G$18=$B$10,7,0)+IF('Standard Profiles'!$G$18=$B$17,14,0)+IF('Standard Profiles'!$G$18=$B$24,21,0),0)),0)</f>
        <v>0</v>
      </c>
      <c r="E8447" cm="1">
        <f t="array" ref="E8447">IFERROR(INDEX(Jesper!AI$2:AI$366,ROUNDDOWN($C8447/24,0)+1,1)*INDEX($D$3:$AA$30,INDEX(Jesper!$R$2:$R$366,ROW(INDEX(Jesper!AI$2:AI$366,ROUNDDOWN($C8447/24,0)+1,1))-1)+IF('Standard Profiles'!$G$19=$B$10,7,0)+IF('Standard Profiles'!$G$19=$B$17,14,0)+IF('Standard Profiles'!$G$19=$B$24,21,0),MOD($C8447,24)+1)/SUM(INDEX($D$3:$AA$30,INDEX(Jesper!$R$2:$R$366,ROW(INDEX(Jesper!AI$2:AI$366,ROUNDDOWN($C8447/24,0)+1,1))-1)+IF('Standard Profiles'!$G$19=$B$10,7,0)+IF('Standard Profiles'!$G$19=$B$17,14,0)+IF('Standard Profiles'!$G$19=$B$24,21,0),0)),0)</f>
        <v>4.2945282364795512</v>
      </c>
      <c r="F8447" cm="1">
        <f t="array" ref="F8447">IFERROR(INDEX(Jesper!AJ$2:AJ$366,ROUNDDOWN($C8447/24,0)+1,1)*INDEX($D$3:$AA$30,INDEX(Jesper!$R$2:$R$366,ROW(INDEX(Jesper!AJ$2:AJ$366,ROUNDDOWN($C8447/24,0)+1,1))-1)+IF('Standard Profiles'!$G$20=$B$10,7,0)+IF('Standard Profiles'!$G$20=$B$17,14,0)+IF('Standard Profiles'!$G$20=$B$24,21,0),MOD($C8447,24)+1)/SUM(INDEX($D$3:$AA$30,INDEX(Jesper!$R$2:$R$366,ROW(INDEX(Jesper!AJ$2:AJ$366,ROUNDDOWN($C8447/24,0)+1,1))-1)+IF('Standard Profiles'!$G$20=$B$10,7,0)+IF('Standard Profiles'!$G$20=$B$17,14,0)+IF('Standard Profiles'!$G$20=$B$24,21,0),0)),0)</f>
        <v>3.3252781001577669</v>
      </c>
      <c r="G8447" cm="1">
        <f t="array" ref="G8447">IFERROR(INDEX(Jesper!AK$2:AK$366,ROUNDDOWN($C8447/24,0)+1,1)*INDEX($D$3:$AA$30,INDEX(Jesper!$R$2:$R$366,ROW(INDEX(Jesper!AK$2:AK$366,ROUNDDOWN($C8447/24,0)+1,1))-1)+IF('Standard Profiles'!$G$21=$B$10,7,0)+IF('Standard Profiles'!$G$21=$B$17,14,0)+IF('Standard Profiles'!$G$21=$B$24,21,0),MOD($C8447,24)+1)/SUM(INDEX($D$3:$AA$30,INDEX(Jesper!$R$2:$R$366,ROW(INDEX(Jesper!AK$2:AK$366,ROUNDDOWN($C8447/24,0)+1,1))-1)+IF('Standard Profiles'!$G$21=$B$10,7,0)+IF('Standard Profiles'!$G$21=$B$17,14,0)+IF('Standard Profiles'!$G$21=$B$24,21,0),0)),0)</f>
        <v>4.7860494683917976</v>
      </c>
      <c r="H8447" cm="1">
        <f t="array" ref="H8447">IFERROR(INDEX(Jesper!AL$2:AL$366,ROUNDDOWN($C8447/24,0)+1,1)*INDEX($D$3:$AA$30,INDEX(Jesper!$R$2:$R$366,ROW(INDEX(Jesper!AL$2:AL$366,ROUNDDOWN($C8447/24,0)+1,1))-1)+IF('Standard Profiles'!$G$22=$B$10,7,0)+IF('Standard Profiles'!$G$22=$B$17,14,0)+IF('Standard Profiles'!$G$22=$B$24,21,0),MOD($C8447,24)+1)/SUM(INDEX($D$3:$AA$30,INDEX(Jesper!$R$2:$R$366,ROW(INDEX(Jesper!AL$2:AL$366,ROUNDDOWN($C8447/24,0)+1,1))-1)+IF('Standard Profiles'!$G$22=$B$10,7,0)+IF('Standard Profiles'!$G$22=$B$17,14,0)+IF('Standard Profiles'!$G$22=$B$24,21,0),0)),0)</f>
        <v>4.3735931462026336</v>
      </c>
      <c r="I8447">
        <f t="shared" si="937"/>
        <v>4.1986494203545304</v>
      </c>
      <c r="J8447">
        <f t="shared" si="938"/>
        <v>12.065456142499672</v>
      </c>
      <c r="K8447">
        <f t="shared" si="939"/>
        <v>0.34356225891836412</v>
      </c>
      <c r="L8447">
        <f t="shared" si="940"/>
        <v>0.17178112945918206</v>
      </c>
      <c r="M8447">
        <f t="shared" si="941"/>
        <v>0</v>
      </c>
      <c r="N8447" s="45">
        <f t="shared" si="942"/>
        <v>45277.541666646262</v>
      </c>
    </row>
    <row r="8448" spans="2:14" x14ac:dyDescent="0.25">
      <c r="B8448">
        <f t="shared" si="936"/>
        <v>7</v>
      </c>
      <c r="C8448" s="16">
        <v>8414</v>
      </c>
      <c r="D8448" cm="1">
        <f t="array" ref="D8448">IFERROR(INDEX(Jesper!AH$2:AH$366,ROUNDDOWN($C8448/24,0)+1,1)*INDEX($D$3:$AA$30,INDEX(Jesper!$R$2:$R$366,ROW(INDEX(Jesper!AH$2:AH$366,ROUNDDOWN($C8448/24,0)+1,1))-1)+IF('Standard Profiles'!$G$18=$B$10,7,0)+IF('Standard Profiles'!$G$18=$B$17,14,0)+IF('Standard Profiles'!$G$18=$B$24,21,0),MOD($C8448,24)+1)/SUM(INDEX($D$3:$AA$30,INDEX(Jesper!$R$2:$R$366,ROW(INDEX(Jesper!AH$2:AH$366,ROUNDDOWN($C8448/24,0)+1,1))-1)+IF('Standard Profiles'!$G$18=$B$10,7,0)+IF('Standard Profiles'!$G$18=$B$17,14,0)+IF('Standard Profiles'!$G$18=$B$24,21,0),0)),0)</f>
        <v>0</v>
      </c>
      <c r="E8448" cm="1">
        <f t="array" ref="E8448">IFERROR(INDEX(Jesper!AI$2:AI$366,ROUNDDOWN($C8448/24,0)+1,1)*INDEX($D$3:$AA$30,INDEX(Jesper!$R$2:$R$366,ROW(INDEX(Jesper!AI$2:AI$366,ROUNDDOWN($C8448/24,0)+1,1))-1)+IF('Standard Profiles'!$G$19=$B$10,7,0)+IF('Standard Profiles'!$G$19=$B$17,14,0)+IF('Standard Profiles'!$G$19=$B$24,21,0),MOD($C8448,24)+1)/SUM(INDEX($D$3:$AA$30,INDEX(Jesper!$R$2:$R$366,ROW(INDEX(Jesper!AI$2:AI$366,ROUNDDOWN($C8448/24,0)+1,1))-1)+IF('Standard Profiles'!$G$19=$B$10,7,0)+IF('Standard Profiles'!$G$19=$B$17,14,0)+IF('Standard Profiles'!$G$19=$B$24,21,0),0)),0)</f>
        <v>4.2945282364795512</v>
      </c>
      <c r="F8448" cm="1">
        <f t="array" ref="F8448">IFERROR(INDEX(Jesper!AJ$2:AJ$366,ROUNDDOWN($C8448/24,0)+1,1)*INDEX($D$3:$AA$30,INDEX(Jesper!$R$2:$R$366,ROW(INDEX(Jesper!AJ$2:AJ$366,ROUNDDOWN($C8448/24,0)+1,1))-1)+IF('Standard Profiles'!$G$20=$B$10,7,0)+IF('Standard Profiles'!$G$20=$B$17,14,0)+IF('Standard Profiles'!$G$20=$B$24,21,0),MOD($C8448,24)+1)/SUM(INDEX($D$3:$AA$30,INDEX(Jesper!$R$2:$R$366,ROW(INDEX(Jesper!AJ$2:AJ$366,ROUNDDOWN($C8448/24,0)+1,1))-1)+IF('Standard Profiles'!$G$20=$B$10,7,0)+IF('Standard Profiles'!$G$20=$B$17,14,0)+IF('Standard Profiles'!$G$20=$B$24,21,0),0)),0)</f>
        <v>3.3252781001577669</v>
      </c>
      <c r="G8448" cm="1">
        <f t="array" ref="G8448">IFERROR(INDEX(Jesper!AK$2:AK$366,ROUNDDOWN($C8448/24,0)+1,1)*INDEX($D$3:$AA$30,INDEX(Jesper!$R$2:$R$366,ROW(INDEX(Jesper!AK$2:AK$366,ROUNDDOWN($C8448/24,0)+1,1))-1)+IF('Standard Profiles'!$G$21=$B$10,7,0)+IF('Standard Profiles'!$G$21=$B$17,14,0)+IF('Standard Profiles'!$G$21=$B$24,21,0),MOD($C8448,24)+1)/SUM(INDEX($D$3:$AA$30,INDEX(Jesper!$R$2:$R$366,ROW(INDEX(Jesper!AK$2:AK$366,ROUNDDOWN($C8448/24,0)+1,1))-1)+IF('Standard Profiles'!$G$21=$B$10,7,0)+IF('Standard Profiles'!$G$21=$B$17,14,0)+IF('Standard Profiles'!$G$21=$B$24,21,0),0)),0)</f>
        <v>4.7860494683917976</v>
      </c>
      <c r="H8448" cm="1">
        <f t="array" ref="H8448">IFERROR(INDEX(Jesper!AL$2:AL$366,ROUNDDOWN($C8448/24,0)+1,1)*INDEX($D$3:$AA$30,INDEX(Jesper!$R$2:$R$366,ROW(INDEX(Jesper!AL$2:AL$366,ROUNDDOWN($C8448/24,0)+1,1))-1)+IF('Standard Profiles'!$G$22=$B$10,7,0)+IF('Standard Profiles'!$G$22=$B$17,14,0)+IF('Standard Profiles'!$G$22=$B$24,21,0),MOD($C8448,24)+1)/SUM(INDEX($D$3:$AA$30,INDEX(Jesper!$R$2:$R$366,ROW(INDEX(Jesper!AL$2:AL$366,ROUNDDOWN($C8448/24,0)+1,1))-1)+IF('Standard Profiles'!$G$22=$B$10,7,0)+IF('Standard Profiles'!$G$22=$B$17,14,0)+IF('Standard Profiles'!$G$22=$B$24,21,0),0)),0)</f>
        <v>4.3735931462026336</v>
      </c>
      <c r="I8448">
        <f t="shared" si="937"/>
        <v>4.1986494203545304</v>
      </c>
      <c r="J8448">
        <f t="shared" si="938"/>
        <v>12.065456142499672</v>
      </c>
      <c r="K8448">
        <f t="shared" si="939"/>
        <v>0.34356225891836412</v>
      </c>
      <c r="L8448">
        <f t="shared" si="940"/>
        <v>0.17178112945918206</v>
      </c>
      <c r="M8448">
        <f t="shared" si="941"/>
        <v>0</v>
      </c>
      <c r="N8448" s="45">
        <f t="shared" si="942"/>
        <v>45277.583333312927</v>
      </c>
    </row>
    <row r="8449" spans="2:14" x14ac:dyDescent="0.25">
      <c r="B8449">
        <f t="shared" si="936"/>
        <v>7</v>
      </c>
      <c r="C8449" s="16">
        <v>8415</v>
      </c>
      <c r="D8449" cm="1">
        <f t="array" ref="D8449">IFERROR(INDEX(Jesper!AH$2:AH$366,ROUNDDOWN($C8449/24,0)+1,1)*INDEX($D$3:$AA$30,INDEX(Jesper!$R$2:$R$366,ROW(INDEX(Jesper!AH$2:AH$366,ROUNDDOWN($C8449/24,0)+1,1))-1)+IF('Standard Profiles'!$G$18=$B$10,7,0)+IF('Standard Profiles'!$G$18=$B$17,14,0)+IF('Standard Profiles'!$G$18=$B$24,21,0),MOD($C8449,24)+1)/SUM(INDEX($D$3:$AA$30,INDEX(Jesper!$R$2:$R$366,ROW(INDEX(Jesper!AH$2:AH$366,ROUNDDOWN($C8449/24,0)+1,1))-1)+IF('Standard Profiles'!$G$18=$B$10,7,0)+IF('Standard Profiles'!$G$18=$B$17,14,0)+IF('Standard Profiles'!$G$18=$B$24,21,0),0)),0)</f>
        <v>0</v>
      </c>
      <c r="E8449" cm="1">
        <f t="array" ref="E8449">IFERROR(INDEX(Jesper!AI$2:AI$366,ROUNDDOWN($C8449/24,0)+1,1)*INDEX($D$3:$AA$30,INDEX(Jesper!$R$2:$R$366,ROW(INDEX(Jesper!AI$2:AI$366,ROUNDDOWN($C8449/24,0)+1,1))-1)+IF('Standard Profiles'!$G$19=$B$10,7,0)+IF('Standard Profiles'!$G$19=$B$17,14,0)+IF('Standard Profiles'!$G$19=$B$24,21,0),MOD($C8449,24)+1)/SUM(INDEX($D$3:$AA$30,INDEX(Jesper!$R$2:$R$366,ROW(INDEX(Jesper!AI$2:AI$366,ROUNDDOWN($C8449/24,0)+1,1))-1)+IF('Standard Profiles'!$G$19=$B$10,7,0)+IF('Standard Profiles'!$G$19=$B$17,14,0)+IF('Standard Profiles'!$G$19=$B$24,21,0),0)),0)</f>
        <v>4.2945282364795512</v>
      </c>
      <c r="F8449" cm="1">
        <f t="array" ref="F8449">IFERROR(INDEX(Jesper!AJ$2:AJ$366,ROUNDDOWN($C8449/24,0)+1,1)*INDEX($D$3:$AA$30,INDEX(Jesper!$R$2:$R$366,ROW(INDEX(Jesper!AJ$2:AJ$366,ROUNDDOWN($C8449/24,0)+1,1))-1)+IF('Standard Profiles'!$G$20=$B$10,7,0)+IF('Standard Profiles'!$G$20=$B$17,14,0)+IF('Standard Profiles'!$G$20=$B$24,21,0),MOD($C8449,24)+1)/SUM(INDEX($D$3:$AA$30,INDEX(Jesper!$R$2:$R$366,ROW(INDEX(Jesper!AJ$2:AJ$366,ROUNDDOWN($C8449/24,0)+1,1))-1)+IF('Standard Profiles'!$G$20=$B$10,7,0)+IF('Standard Profiles'!$G$20=$B$17,14,0)+IF('Standard Profiles'!$G$20=$B$24,21,0),0)),0)</f>
        <v>3.3252781001577669</v>
      </c>
      <c r="G8449" cm="1">
        <f t="array" ref="G8449">IFERROR(INDEX(Jesper!AK$2:AK$366,ROUNDDOWN($C8449/24,0)+1,1)*INDEX($D$3:$AA$30,INDEX(Jesper!$R$2:$R$366,ROW(INDEX(Jesper!AK$2:AK$366,ROUNDDOWN($C8449/24,0)+1,1))-1)+IF('Standard Profiles'!$G$21=$B$10,7,0)+IF('Standard Profiles'!$G$21=$B$17,14,0)+IF('Standard Profiles'!$G$21=$B$24,21,0),MOD($C8449,24)+1)/SUM(INDEX($D$3:$AA$30,INDEX(Jesper!$R$2:$R$366,ROW(INDEX(Jesper!AK$2:AK$366,ROUNDDOWN($C8449/24,0)+1,1))-1)+IF('Standard Profiles'!$G$21=$B$10,7,0)+IF('Standard Profiles'!$G$21=$B$17,14,0)+IF('Standard Profiles'!$G$21=$B$24,21,0),0)),0)</f>
        <v>4.7860494683917976</v>
      </c>
      <c r="H8449" cm="1">
        <f t="array" ref="H8449">IFERROR(INDEX(Jesper!AL$2:AL$366,ROUNDDOWN($C8449/24,0)+1,1)*INDEX($D$3:$AA$30,INDEX(Jesper!$R$2:$R$366,ROW(INDEX(Jesper!AL$2:AL$366,ROUNDDOWN($C8449/24,0)+1,1))-1)+IF('Standard Profiles'!$G$22=$B$10,7,0)+IF('Standard Profiles'!$G$22=$B$17,14,0)+IF('Standard Profiles'!$G$22=$B$24,21,0),MOD($C8449,24)+1)/SUM(INDEX($D$3:$AA$30,INDEX(Jesper!$R$2:$R$366,ROW(INDEX(Jesper!AL$2:AL$366,ROUNDDOWN($C8449/24,0)+1,1))-1)+IF('Standard Profiles'!$G$22=$B$10,7,0)+IF('Standard Profiles'!$G$22=$B$17,14,0)+IF('Standard Profiles'!$G$22=$B$24,21,0),0)),0)</f>
        <v>3.8876383521801183</v>
      </c>
      <c r="I8449">
        <f t="shared" si="937"/>
        <v>3.7321328180929156</v>
      </c>
      <c r="J8449">
        <f t="shared" si="938"/>
        <v>12.046017950738772</v>
      </c>
      <c r="K8449">
        <f t="shared" si="939"/>
        <v>0.34356225891836412</v>
      </c>
      <c r="L8449">
        <f t="shared" si="940"/>
        <v>0.17178112945918206</v>
      </c>
      <c r="M8449">
        <f t="shared" si="941"/>
        <v>0</v>
      </c>
      <c r="N8449" s="45">
        <f t="shared" si="942"/>
        <v>45277.624999979591</v>
      </c>
    </row>
    <row r="8450" spans="2:14" x14ac:dyDescent="0.25">
      <c r="B8450">
        <f t="shared" si="936"/>
        <v>7</v>
      </c>
      <c r="C8450" s="16">
        <v>8416</v>
      </c>
      <c r="D8450" cm="1">
        <f t="array" ref="D8450">IFERROR(INDEX(Jesper!AH$2:AH$366,ROUNDDOWN($C8450/24,0)+1,1)*INDEX($D$3:$AA$30,INDEX(Jesper!$R$2:$R$366,ROW(INDEX(Jesper!AH$2:AH$366,ROUNDDOWN($C8450/24,0)+1,1))-1)+IF('Standard Profiles'!$G$18=$B$10,7,0)+IF('Standard Profiles'!$G$18=$B$17,14,0)+IF('Standard Profiles'!$G$18=$B$24,21,0),MOD($C8450,24)+1)/SUM(INDEX($D$3:$AA$30,INDEX(Jesper!$R$2:$R$366,ROW(INDEX(Jesper!AH$2:AH$366,ROUNDDOWN($C8450/24,0)+1,1))-1)+IF('Standard Profiles'!$G$18=$B$10,7,0)+IF('Standard Profiles'!$G$18=$B$17,14,0)+IF('Standard Profiles'!$G$18=$B$24,21,0),0)),0)</f>
        <v>0</v>
      </c>
      <c r="E8450" cm="1">
        <f t="array" ref="E8450">IFERROR(INDEX(Jesper!AI$2:AI$366,ROUNDDOWN($C8450/24,0)+1,1)*INDEX($D$3:$AA$30,INDEX(Jesper!$R$2:$R$366,ROW(INDEX(Jesper!AI$2:AI$366,ROUNDDOWN($C8450/24,0)+1,1))-1)+IF('Standard Profiles'!$G$19=$B$10,7,0)+IF('Standard Profiles'!$G$19=$B$17,14,0)+IF('Standard Profiles'!$G$19=$B$24,21,0),MOD($C8450,24)+1)/SUM(INDEX($D$3:$AA$30,INDEX(Jesper!$R$2:$R$366,ROW(INDEX(Jesper!AI$2:AI$366,ROUNDDOWN($C8450/24,0)+1,1))-1)+IF('Standard Profiles'!$G$19=$B$10,7,0)+IF('Standard Profiles'!$G$19=$B$17,14,0)+IF('Standard Profiles'!$G$19=$B$24,21,0),0)),0)</f>
        <v>4.2945282364795512</v>
      </c>
      <c r="F8450" cm="1">
        <f t="array" ref="F8450">IFERROR(INDEX(Jesper!AJ$2:AJ$366,ROUNDDOWN($C8450/24,0)+1,1)*INDEX($D$3:$AA$30,INDEX(Jesper!$R$2:$R$366,ROW(INDEX(Jesper!AJ$2:AJ$366,ROUNDDOWN($C8450/24,0)+1,1))-1)+IF('Standard Profiles'!$G$20=$B$10,7,0)+IF('Standard Profiles'!$G$20=$B$17,14,0)+IF('Standard Profiles'!$G$20=$B$24,21,0),MOD($C8450,24)+1)/SUM(INDEX($D$3:$AA$30,INDEX(Jesper!$R$2:$R$366,ROW(INDEX(Jesper!AJ$2:AJ$366,ROUNDDOWN($C8450/24,0)+1,1))-1)+IF('Standard Profiles'!$G$20=$B$10,7,0)+IF('Standard Profiles'!$G$20=$B$17,14,0)+IF('Standard Profiles'!$G$20=$B$24,21,0),0)),0)</f>
        <v>3.3252781001577669</v>
      </c>
      <c r="G8450" cm="1">
        <f t="array" ref="G8450">IFERROR(INDEX(Jesper!AK$2:AK$366,ROUNDDOWN($C8450/24,0)+1,1)*INDEX($D$3:$AA$30,INDEX(Jesper!$R$2:$R$366,ROW(INDEX(Jesper!AK$2:AK$366,ROUNDDOWN($C8450/24,0)+1,1))-1)+IF('Standard Profiles'!$G$21=$B$10,7,0)+IF('Standard Profiles'!$G$21=$B$17,14,0)+IF('Standard Profiles'!$G$21=$B$24,21,0),MOD($C8450,24)+1)/SUM(INDEX($D$3:$AA$30,INDEX(Jesper!$R$2:$R$366,ROW(INDEX(Jesper!AK$2:AK$366,ROUNDDOWN($C8450/24,0)+1,1))-1)+IF('Standard Profiles'!$G$21=$B$10,7,0)+IF('Standard Profiles'!$G$21=$B$17,14,0)+IF('Standard Profiles'!$G$21=$B$24,21,0),0)),0)</f>
        <v>4.7860494683917976</v>
      </c>
      <c r="H8450" cm="1">
        <f t="array" ref="H8450">IFERROR(INDEX(Jesper!AL$2:AL$366,ROUNDDOWN($C8450/24,0)+1,1)*INDEX($D$3:$AA$30,INDEX(Jesper!$R$2:$R$366,ROW(INDEX(Jesper!AL$2:AL$366,ROUNDDOWN($C8450/24,0)+1,1))-1)+IF('Standard Profiles'!$G$22=$B$10,7,0)+IF('Standard Profiles'!$G$22=$B$17,14,0)+IF('Standard Profiles'!$G$22=$B$24,21,0),MOD($C8450,24)+1)/SUM(INDEX($D$3:$AA$30,INDEX(Jesper!$R$2:$R$366,ROW(INDEX(Jesper!AL$2:AL$366,ROUNDDOWN($C8450/24,0)+1,1))-1)+IF('Standard Profiles'!$G$22=$B$10,7,0)+IF('Standard Profiles'!$G$22=$B$17,14,0)+IF('Standard Profiles'!$G$22=$B$24,21,0),0)),0)</f>
        <v>3.8182162387483305</v>
      </c>
      <c r="I8450">
        <f t="shared" si="937"/>
        <v>3.6654875891983991</v>
      </c>
      <c r="J8450">
        <f t="shared" si="938"/>
        <v>12.043241066201501</v>
      </c>
      <c r="K8450">
        <f t="shared" si="939"/>
        <v>0.34356225891836412</v>
      </c>
      <c r="L8450">
        <f t="shared" si="940"/>
        <v>0.17178112945918206</v>
      </c>
      <c r="M8450">
        <f t="shared" si="941"/>
        <v>0</v>
      </c>
      <c r="N8450" s="45">
        <f t="shared" si="942"/>
        <v>45277.666666646255</v>
      </c>
    </row>
    <row r="8451" spans="2:14" x14ac:dyDescent="0.25">
      <c r="B8451">
        <f t="shared" si="936"/>
        <v>7</v>
      </c>
      <c r="C8451" s="16">
        <v>8417</v>
      </c>
      <c r="D8451" cm="1">
        <f t="array" ref="D8451">IFERROR(INDEX(Jesper!AH$2:AH$366,ROUNDDOWN($C8451/24,0)+1,1)*INDEX($D$3:$AA$30,INDEX(Jesper!$R$2:$R$366,ROW(INDEX(Jesper!AH$2:AH$366,ROUNDDOWN($C8451/24,0)+1,1))-1)+IF('Standard Profiles'!$G$18=$B$10,7,0)+IF('Standard Profiles'!$G$18=$B$17,14,0)+IF('Standard Profiles'!$G$18=$B$24,21,0),MOD($C8451,24)+1)/SUM(INDEX($D$3:$AA$30,INDEX(Jesper!$R$2:$R$366,ROW(INDEX(Jesper!AH$2:AH$366,ROUNDDOWN($C8451/24,0)+1,1))-1)+IF('Standard Profiles'!$G$18=$B$10,7,0)+IF('Standard Profiles'!$G$18=$B$17,14,0)+IF('Standard Profiles'!$G$18=$B$24,21,0),0)),0)</f>
        <v>0</v>
      </c>
      <c r="E8451" cm="1">
        <f t="array" ref="E8451">IFERROR(INDEX(Jesper!AI$2:AI$366,ROUNDDOWN($C8451/24,0)+1,1)*INDEX($D$3:$AA$30,INDEX(Jesper!$R$2:$R$366,ROW(INDEX(Jesper!AI$2:AI$366,ROUNDDOWN($C8451/24,0)+1,1))-1)+IF('Standard Profiles'!$G$19=$B$10,7,0)+IF('Standard Profiles'!$G$19=$B$17,14,0)+IF('Standard Profiles'!$G$19=$B$24,21,0),MOD($C8451,24)+1)/SUM(INDEX($D$3:$AA$30,INDEX(Jesper!$R$2:$R$366,ROW(INDEX(Jesper!AI$2:AI$366,ROUNDDOWN($C8451/24,0)+1,1))-1)+IF('Standard Profiles'!$G$19=$B$10,7,0)+IF('Standard Profiles'!$G$19=$B$17,14,0)+IF('Standard Profiles'!$G$19=$B$24,21,0),0)),0)</f>
        <v>4.2945282364795512</v>
      </c>
      <c r="F8451" cm="1">
        <f t="array" ref="F8451">IFERROR(INDEX(Jesper!AJ$2:AJ$366,ROUNDDOWN($C8451/24,0)+1,1)*INDEX($D$3:$AA$30,INDEX(Jesper!$R$2:$R$366,ROW(INDEX(Jesper!AJ$2:AJ$366,ROUNDDOWN($C8451/24,0)+1,1))-1)+IF('Standard Profiles'!$G$20=$B$10,7,0)+IF('Standard Profiles'!$G$20=$B$17,14,0)+IF('Standard Profiles'!$G$20=$B$24,21,0),MOD($C8451,24)+1)/SUM(INDEX($D$3:$AA$30,INDEX(Jesper!$R$2:$R$366,ROW(INDEX(Jesper!AJ$2:AJ$366,ROUNDDOWN($C8451/24,0)+1,1))-1)+IF('Standard Profiles'!$G$20=$B$10,7,0)+IF('Standard Profiles'!$G$20=$B$17,14,0)+IF('Standard Profiles'!$G$20=$B$24,21,0),0)),0)</f>
        <v>3.3252781001577669</v>
      </c>
      <c r="G8451" cm="1">
        <f t="array" ref="G8451">IFERROR(INDEX(Jesper!AK$2:AK$366,ROUNDDOWN($C8451/24,0)+1,1)*INDEX($D$3:$AA$30,INDEX(Jesper!$R$2:$R$366,ROW(INDEX(Jesper!AK$2:AK$366,ROUNDDOWN($C8451/24,0)+1,1))-1)+IF('Standard Profiles'!$G$21=$B$10,7,0)+IF('Standard Profiles'!$G$21=$B$17,14,0)+IF('Standard Profiles'!$G$21=$B$24,21,0),MOD($C8451,24)+1)/SUM(INDEX($D$3:$AA$30,INDEX(Jesper!$R$2:$R$366,ROW(INDEX(Jesper!AK$2:AK$366,ROUNDDOWN($C8451/24,0)+1,1))-1)+IF('Standard Profiles'!$G$21=$B$10,7,0)+IF('Standard Profiles'!$G$21=$B$17,14,0)+IF('Standard Profiles'!$G$21=$B$24,21,0),0)),0)</f>
        <v>4.7860494683917976</v>
      </c>
      <c r="H8451" cm="1">
        <f t="array" ref="H8451">IFERROR(INDEX(Jesper!AL$2:AL$366,ROUNDDOWN($C8451/24,0)+1,1)*INDEX($D$3:$AA$30,INDEX(Jesper!$R$2:$R$366,ROW(INDEX(Jesper!AL$2:AL$366,ROUNDDOWN($C8451/24,0)+1,1))-1)+IF('Standard Profiles'!$G$22=$B$10,7,0)+IF('Standard Profiles'!$G$22=$B$17,14,0)+IF('Standard Profiles'!$G$22=$B$24,21,0),MOD($C8451,24)+1)/SUM(INDEX($D$3:$AA$30,INDEX(Jesper!$R$2:$R$366,ROW(INDEX(Jesper!AL$2:AL$366,ROUNDDOWN($C8451/24,0)+1,1))-1)+IF('Standard Profiles'!$G$22=$B$10,7,0)+IF('Standard Profiles'!$G$22=$B$17,14,0)+IF('Standard Profiles'!$G$22=$B$24,21,0),0)),0)</f>
        <v>3.2628393312940278</v>
      </c>
      <c r="I8451">
        <f t="shared" si="937"/>
        <v>3.1323257580422683</v>
      </c>
      <c r="J8451">
        <f t="shared" si="938"/>
        <v>12.021025989903329</v>
      </c>
      <c r="K8451">
        <f t="shared" si="939"/>
        <v>0.34356225891836412</v>
      </c>
      <c r="L8451">
        <f t="shared" si="940"/>
        <v>0.17178112945918206</v>
      </c>
      <c r="M8451">
        <f t="shared" si="941"/>
        <v>0</v>
      </c>
      <c r="N8451" s="45">
        <f t="shared" si="942"/>
        <v>45277.708333312919</v>
      </c>
    </row>
    <row r="8452" spans="2:14" x14ac:dyDescent="0.25">
      <c r="B8452">
        <f t="shared" si="936"/>
        <v>7</v>
      </c>
      <c r="C8452" s="16">
        <v>8418</v>
      </c>
      <c r="D8452" cm="1">
        <f t="array" ref="D8452">IFERROR(INDEX(Jesper!AH$2:AH$366,ROUNDDOWN($C8452/24,0)+1,1)*INDEX($D$3:$AA$30,INDEX(Jesper!$R$2:$R$366,ROW(INDEX(Jesper!AH$2:AH$366,ROUNDDOWN($C8452/24,0)+1,1))-1)+IF('Standard Profiles'!$G$18=$B$10,7,0)+IF('Standard Profiles'!$G$18=$B$17,14,0)+IF('Standard Profiles'!$G$18=$B$24,21,0),MOD($C8452,24)+1)/SUM(INDEX($D$3:$AA$30,INDEX(Jesper!$R$2:$R$366,ROW(INDEX(Jesper!AH$2:AH$366,ROUNDDOWN($C8452/24,0)+1,1))-1)+IF('Standard Profiles'!$G$18=$B$10,7,0)+IF('Standard Profiles'!$G$18=$B$17,14,0)+IF('Standard Profiles'!$G$18=$B$24,21,0),0)),0)</f>
        <v>0</v>
      </c>
      <c r="E8452" cm="1">
        <f t="array" ref="E8452">IFERROR(INDEX(Jesper!AI$2:AI$366,ROUNDDOWN($C8452/24,0)+1,1)*INDEX($D$3:$AA$30,INDEX(Jesper!$R$2:$R$366,ROW(INDEX(Jesper!AI$2:AI$366,ROUNDDOWN($C8452/24,0)+1,1))-1)+IF('Standard Profiles'!$G$19=$B$10,7,0)+IF('Standard Profiles'!$G$19=$B$17,14,0)+IF('Standard Profiles'!$G$19=$B$24,21,0),MOD($C8452,24)+1)/SUM(INDEX($D$3:$AA$30,INDEX(Jesper!$R$2:$R$366,ROW(INDEX(Jesper!AI$2:AI$366,ROUNDDOWN($C8452/24,0)+1,1))-1)+IF('Standard Profiles'!$G$19=$B$10,7,0)+IF('Standard Profiles'!$G$19=$B$17,14,0)+IF('Standard Profiles'!$G$19=$B$24,21,0),0)),0)</f>
        <v>4.2945282364795512</v>
      </c>
      <c r="F8452" cm="1">
        <f t="array" ref="F8452">IFERROR(INDEX(Jesper!AJ$2:AJ$366,ROUNDDOWN($C8452/24,0)+1,1)*INDEX($D$3:$AA$30,INDEX(Jesper!$R$2:$R$366,ROW(INDEX(Jesper!AJ$2:AJ$366,ROUNDDOWN($C8452/24,0)+1,1))-1)+IF('Standard Profiles'!$G$20=$B$10,7,0)+IF('Standard Profiles'!$G$20=$B$17,14,0)+IF('Standard Profiles'!$G$20=$B$24,21,0),MOD($C8452,24)+1)/SUM(INDEX($D$3:$AA$30,INDEX(Jesper!$R$2:$R$366,ROW(INDEX(Jesper!AJ$2:AJ$366,ROUNDDOWN($C8452/24,0)+1,1))-1)+IF('Standard Profiles'!$G$20=$B$10,7,0)+IF('Standard Profiles'!$G$20=$B$17,14,0)+IF('Standard Profiles'!$G$20=$B$24,21,0),0)),0)</f>
        <v>3.3252781001577669</v>
      </c>
      <c r="G8452" cm="1">
        <f t="array" ref="G8452">IFERROR(INDEX(Jesper!AK$2:AK$366,ROUNDDOWN($C8452/24,0)+1,1)*INDEX($D$3:$AA$30,INDEX(Jesper!$R$2:$R$366,ROW(INDEX(Jesper!AK$2:AK$366,ROUNDDOWN($C8452/24,0)+1,1))-1)+IF('Standard Profiles'!$G$21=$B$10,7,0)+IF('Standard Profiles'!$G$21=$B$17,14,0)+IF('Standard Profiles'!$G$21=$B$24,21,0),MOD($C8452,24)+1)/SUM(INDEX($D$3:$AA$30,INDEX(Jesper!$R$2:$R$366,ROW(INDEX(Jesper!AK$2:AK$366,ROUNDDOWN($C8452/24,0)+1,1))-1)+IF('Standard Profiles'!$G$21=$B$10,7,0)+IF('Standard Profiles'!$G$21=$B$17,14,0)+IF('Standard Profiles'!$G$21=$B$24,21,0),0)),0)</f>
        <v>4.7860494683917976</v>
      </c>
      <c r="H8452" cm="1">
        <f t="array" ref="H8452">IFERROR(INDEX(Jesper!AL$2:AL$366,ROUNDDOWN($C8452/24,0)+1,1)*INDEX($D$3:$AA$30,INDEX(Jesper!$R$2:$R$366,ROW(INDEX(Jesper!AL$2:AL$366,ROUNDDOWN($C8452/24,0)+1,1))-1)+IF('Standard Profiles'!$G$22=$B$10,7,0)+IF('Standard Profiles'!$G$22=$B$17,14,0)+IF('Standard Profiles'!$G$22=$B$24,21,0),MOD($C8452,24)+1)/SUM(INDEX($D$3:$AA$30,INDEX(Jesper!$R$2:$R$366,ROW(INDEX(Jesper!AL$2:AL$366,ROUNDDOWN($C8452/24,0)+1,1))-1)+IF('Standard Profiles'!$G$22=$B$10,7,0)+IF('Standard Profiles'!$G$22=$B$17,14,0)+IF('Standard Profiles'!$G$22=$B$24,21,0),0)),0)</f>
        <v>3.0545729909986647</v>
      </c>
      <c r="I8452">
        <f t="shared" si="937"/>
        <v>2.9323900713587197</v>
      </c>
      <c r="J8452">
        <f t="shared" si="938"/>
        <v>12.012695336291515</v>
      </c>
      <c r="K8452">
        <f t="shared" si="939"/>
        <v>0.34356225891836412</v>
      </c>
      <c r="L8452">
        <f t="shared" si="940"/>
        <v>0.17178112945918206</v>
      </c>
      <c r="M8452">
        <f t="shared" si="941"/>
        <v>0</v>
      </c>
      <c r="N8452" s="45">
        <f t="shared" si="942"/>
        <v>45277.749999979584</v>
      </c>
    </row>
    <row r="8453" spans="2:14" x14ac:dyDescent="0.25">
      <c r="B8453">
        <f t="shared" si="936"/>
        <v>7</v>
      </c>
      <c r="C8453" s="16">
        <v>8419</v>
      </c>
      <c r="D8453" cm="1">
        <f t="array" ref="D8453">IFERROR(INDEX(Jesper!AH$2:AH$366,ROUNDDOWN($C8453/24,0)+1,1)*INDEX($D$3:$AA$30,INDEX(Jesper!$R$2:$R$366,ROW(INDEX(Jesper!AH$2:AH$366,ROUNDDOWN($C8453/24,0)+1,1))-1)+IF('Standard Profiles'!$G$18=$B$10,7,0)+IF('Standard Profiles'!$G$18=$B$17,14,0)+IF('Standard Profiles'!$G$18=$B$24,21,0),MOD($C8453,24)+1)/SUM(INDEX($D$3:$AA$30,INDEX(Jesper!$R$2:$R$366,ROW(INDEX(Jesper!AH$2:AH$366,ROUNDDOWN($C8453/24,0)+1,1))-1)+IF('Standard Profiles'!$G$18=$B$10,7,0)+IF('Standard Profiles'!$G$18=$B$17,14,0)+IF('Standard Profiles'!$G$18=$B$24,21,0),0)),0)</f>
        <v>0</v>
      </c>
      <c r="E8453" cm="1">
        <f t="array" ref="E8453">IFERROR(INDEX(Jesper!AI$2:AI$366,ROUNDDOWN($C8453/24,0)+1,1)*INDEX($D$3:$AA$30,INDEX(Jesper!$R$2:$R$366,ROW(INDEX(Jesper!AI$2:AI$366,ROUNDDOWN($C8453/24,0)+1,1))-1)+IF('Standard Profiles'!$G$19=$B$10,7,0)+IF('Standard Profiles'!$G$19=$B$17,14,0)+IF('Standard Profiles'!$G$19=$B$24,21,0),MOD($C8453,24)+1)/SUM(INDEX($D$3:$AA$30,INDEX(Jesper!$R$2:$R$366,ROW(INDEX(Jesper!AI$2:AI$366,ROUNDDOWN($C8453/24,0)+1,1))-1)+IF('Standard Profiles'!$G$19=$B$10,7,0)+IF('Standard Profiles'!$G$19=$B$17,14,0)+IF('Standard Profiles'!$G$19=$B$24,21,0),0)),0)</f>
        <v>4.2945282364795512</v>
      </c>
      <c r="F8453" cm="1">
        <f t="array" ref="F8453">IFERROR(INDEX(Jesper!AJ$2:AJ$366,ROUNDDOWN($C8453/24,0)+1,1)*INDEX($D$3:$AA$30,INDEX(Jesper!$R$2:$R$366,ROW(INDEX(Jesper!AJ$2:AJ$366,ROUNDDOWN($C8453/24,0)+1,1))-1)+IF('Standard Profiles'!$G$20=$B$10,7,0)+IF('Standard Profiles'!$G$20=$B$17,14,0)+IF('Standard Profiles'!$G$20=$B$24,21,0),MOD($C8453,24)+1)/SUM(INDEX($D$3:$AA$30,INDEX(Jesper!$R$2:$R$366,ROW(INDEX(Jesper!AJ$2:AJ$366,ROUNDDOWN($C8453/24,0)+1,1))-1)+IF('Standard Profiles'!$G$20=$B$10,7,0)+IF('Standard Profiles'!$G$20=$B$17,14,0)+IF('Standard Profiles'!$G$20=$B$24,21,0),0)),0)</f>
        <v>3.3252781001577669</v>
      </c>
      <c r="G8453" cm="1">
        <f t="array" ref="G8453">IFERROR(INDEX(Jesper!AK$2:AK$366,ROUNDDOWN($C8453/24,0)+1,1)*INDEX($D$3:$AA$30,INDEX(Jesper!$R$2:$R$366,ROW(INDEX(Jesper!AK$2:AK$366,ROUNDDOWN($C8453/24,0)+1,1))-1)+IF('Standard Profiles'!$G$21=$B$10,7,0)+IF('Standard Profiles'!$G$21=$B$17,14,0)+IF('Standard Profiles'!$G$21=$B$24,21,0),MOD($C8453,24)+1)/SUM(INDEX($D$3:$AA$30,INDEX(Jesper!$R$2:$R$366,ROW(INDEX(Jesper!AK$2:AK$366,ROUNDDOWN($C8453/24,0)+1,1))-1)+IF('Standard Profiles'!$G$21=$B$10,7,0)+IF('Standard Profiles'!$G$21=$B$17,14,0)+IF('Standard Profiles'!$G$21=$B$24,21,0),0)),0)</f>
        <v>4.7860494683917976</v>
      </c>
      <c r="H8453" cm="1">
        <f t="array" ref="H8453">IFERROR(INDEX(Jesper!AL$2:AL$366,ROUNDDOWN($C8453/24,0)+1,1)*INDEX($D$3:$AA$30,INDEX(Jesper!$R$2:$R$366,ROW(INDEX(Jesper!AL$2:AL$366,ROUNDDOWN($C8453/24,0)+1,1))-1)+IF('Standard Profiles'!$G$22=$B$10,7,0)+IF('Standard Profiles'!$G$22=$B$17,14,0)+IF('Standard Profiles'!$G$22=$B$24,21,0),MOD($C8453,24)+1)/SUM(INDEX($D$3:$AA$30,INDEX(Jesper!$R$2:$R$366,ROW(INDEX(Jesper!AL$2:AL$366,ROUNDDOWN($C8453/24,0)+1,1))-1)+IF('Standard Profiles'!$G$22=$B$10,7,0)+IF('Standard Profiles'!$G$22=$B$17,14,0)+IF('Standard Profiles'!$G$22=$B$24,21,0),0)),0)</f>
        <v>2.5686181969761499</v>
      </c>
      <c r="I8453">
        <f t="shared" si="937"/>
        <v>2.4658734690971054</v>
      </c>
      <c r="J8453">
        <f t="shared" si="938"/>
        <v>11.993257144530613</v>
      </c>
      <c r="K8453">
        <f t="shared" si="939"/>
        <v>0.34356225891836412</v>
      </c>
      <c r="L8453">
        <f t="shared" si="940"/>
        <v>0.17178112945918206</v>
      </c>
      <c r="M8453">
        <f t="shared" si="941"/>
        <v>0</v>
      </c>
      <c r="N8453" s="45">
        <f t="shared" si="942"/>
        <v>45277.791666646248</v>
      </c>
    </row>
    <row r="8454" spans="2:14" x14ac:dyDescent="0.25">
      <c r="B8454">
        <f t="shared" si="936"/>
        <v>7</v>
      </c>
      <c r="C8454" s="16">
        <v>8420</v>
      </c>
      <c r="D8454" cm="1">
        <f t="array" ref="D8454">IFERROR(INDEX(Jesper!AH$2:AH$366,ROUNDDOWN($C8454/24,0)+1,1)*INDEX($D$3:$AA$30,INDEX(Jesper!$R$2:$R$366,ROW(INDEX(Jesper!AH$2:AH$366,ROUNDDOWN($C8454/24,0)+1,1))-1)+IF('Standard Profiles'!$G$18=$B$10,7,0)+IF('Standard Profiles'!$G$18=$B$17,14,0)+IF('Standard Profiles'!$G$18=$B$24,21,0),MOD($C8454,24)+1)/SUM(INDEX($D$3:$AA$30,INDEX(Jesper!$R$2:$R$366,ROW(INDEX(Jesper!AH$2:AH$366,ROUNDDOWN($C8454/24,0)+1,1))-1)+IF('Standard Profiles'!$G$18=$B$10,7,0)+IF('Standard Profiles'!$G$18=$B$17,14,0)+IF('Standard Profiles'!$G$18=$B$24,21,0),0)),0)</f>
        <v>0</v>
      </c>
      <c r="E8454" cm="1">
        <f t="array" ref="E8454">IFERROR(INDEX(Jesper!AI$2:AI$366,ROUNDDOWN($C8454/24,0)+1,1)*INDEX($D$3:$AA$30,INDEX(Jesper!$R$2:$R$366,ROW(INDEX(Jesper!AI$2:AI$366,ROUNDDOWN($C8454/24,0)+1,1))-1)+IF('Standard Profiles'!$G$19=$B$10,7,0)+IF('Standard Profiles'!$G$19=$B$17,14,0)+IF('Standard Profiles'!$G$19=$B$24,21,0),MOD($C8454,24)+1)/SUM(INDEX($D$3:$AA$30,INDEX(Jesper!$R$2:$R$366,ROW(INDEX(Jesper!AI$2:AI$366,ROUNDDOWN($C8454/24,0)+1,1))-1)+IF('Standard Profiles'!$G$19=$B$10,7,0)+IF('Standard Profiles'!$G$19=$B$17,14,0)+IF('Standard Profiles'!$G$19=$B$24,21,0),0)),0)</f>
        <v>4.2945282364795512</v>
      </c>
      <c r="F8454" cm="1">
        <f t="array" ref="F8454">IFERROR(INDEX(Jesper!AJ$2:AJ$366,ROUNDDOWN($C8454/24,0)+1,1)*INDEX($D$3:$AA$30,INDEX(Jesper!$R$2:$R$366,ROW(INDEX(Jesper!AJ$2:AJ$366,ROUNDDOWN($C8454/24,0)+1,1))-1)+IF('Standard Profiles'!$G$20=$B$10,7,0)+IF('Standard Profiles'!$G$20=$B$17,14,0)+IF('Standard Profiles'!$G$20=$B$24,21,0),MOD($C8454,24)+1)/SUM(INDEX($D$3:$AA$30,INDEX(Jesper!$R$2:$R$366,ROW(INDEX(Jesper!AJ$2:AJ$366,ROUNDDOWN($C8454/24,0)+1,1))-1)+IF('Standard Profiles'!$G$20=$B$10,7,0)+IF('Standard Profiles'!$G$20=$B$17,14,0)+IF('Standard Profiles'!$G$20=$B$24,21,0),0)),0)</f>
        <v>3.3252781001577669</v>
      </c>
      <c r="G8454" cm="1">
        <f t="array" ref="G8454">IFERROR(INDEX(Jesper!AK$2:AK$366,ROUNDDOWN($C8454/24,0)+1,1)*INDEX($D$3:$AA$30,INDEX(Jesper!$R$2:$R$366,ROW(INDEX(Jesper!AK$2:AK$366,ROUNDDOWN($C8454/24,0)+1,1))-1)+IF('Standard Profiles'!$G$21=$B$10,7,0)+IF('Standard Profiles'!$G$21=$B$17,14,0)+IF('Standard Profiles'!$G$21=$B$24,21,0),MOD($C8454,24)+1)/SUM(INDEX($D$3:$AA$30,INDEX(Jesper!$R$2:$R$366,ROW(INDEX(Jesper!AK$2:AK$366,ROUNDDOWN($C8454/24,0)+1,1))-1)+IF('Standard Profiles'!$G$21=$B$10,7,0)+IF('Standard Profiles'!$G$21=$B$17,14,0)+IF('Standard Profiles'!$G$21=$B$24,21,0),0)),0)</f>
        <v>4.7860494683917976</v>
      </c>
      <c r="H8454" cm="1">
        <f t="array" ref="H8454">IFERROR(INDEX(Jesper!AL$2:AL$366,ROUNDDOWN($C8454/24,0)+1,1)*INDEX($D$3:$AA$30,INDEX(Jesper!$R$2:$R$366,ROW(INDEX(Jesper!AL$2:AL$366,ROUNDDOWN($C8454/24,0)+1,1))-1)+IF('Standard Profiles'!$G$22=$B$10,7,0)+IF('Standard Profiles'!$G$22=$B$17,14,0)+IF('Standard Profiles'!$G$22=$B$24,21,0),MOD($C8454,24)+1)/SUM(INDEX($D$3:$AA$30,INDEX(Jesper!$R$2:$R$366,ROW(INDEX(Jesper!AL$2:AL$366,ROUNDDOWN($C8454/24,0)+1,1))-1)+IF('Standard Profiles'!$G$22=$B$10,7,0)+IF('Standard Profiles'!$G$22=$B$17,14,0)+IF('Standard Profiles'!$G$22=$B$24,21,0),0)),0)</f>
        <v>2.1520855163854224</v>
      </c>
      <c r="I8454">
        <f t="shared" si="937"/>
        <v>2.0660020957300067</v>
      </c>
      <c r="J8454">
        <f t="shared" si="938"/>
        <v>11.976595837306984</v>
      </c>
      <c r="K8454">
        <f t="shared" si="939"/>
        <v>0.34356225891836412</v>
      </c>
      <c r="L8454">
        <f t="shared" si="940"/>
        <v>0.17178112945918206</v>
      </c>
      <c r="M8454">
        <f t="shared" si="941"/>
        <v>0</v>
      </c>
      <c r="N8454" s="45">
        <f t="shared" si="942"/>
        <v>45277.833333312912</v>
      </c>
    </row>
    <row r="8455" spans="2:14" x14ac:dyDescent="0.25">
      <c r="B8455">
        <f t="shared" si="936"/>
        <v>7</v>
      </c>
      <c r="C8455" s="16">
        <v>8421</v>
      </c>
      <c r="D8455" cm="1">
        <f t="array" ref="D8455">IFERROR(INDEX(Jesper!AH$2:AH$366,ROUNDDOWN($C8455/24,0)+1,1)*INDEX($D$3:$AA$30,INDEX(Jesper!$R$2:$R$366,ROW(INDEX(Jesper!AH$2:AH$366,ROUNDDOWN($C8455/24,0)+1,1))-1)+IF('Standard Profiles'!$G$18=$B$10,7,0)+IF('Standard Profiles'!$G$18=$B$17,14,0)+IF('Standard Profiles'!$G$18=$B$24,21,0),MOD($C8455,24)+1)/SUM(INDEX($D$3:$AA$30,INDEX(Jesper!$R$2:$R$366,ROW(INDEX(Jesper!AH$2:AH$366,ROUNDDOWN($C8455/24,0)+1,1))-1)+IF('Standard Profiles'!$G$18=$B$10,7,0)+IF('Standard Profiles'!$G$18=$B$17,14,0)+IF('Standard Profiles'!$G$18=$B$24,21,0),0)),0)</f>
        <v>0</v>
      </c>
      <c r="E8455" cm="1">
        <f t="array" ref="E8455">IFERROR(INDEX(Jesper!AI$2:AI$366,ROUNDDOWN($C8455/24,0)+1,1)*INDEX($D$3:$AA$30,INDEX(Jesper!$R$2:$R$366,ROW(INDEX(Jesper!AI$2:AI$366,ROUNDDOWN($C8455/24,0)+1,1))-1)+IF('Standard Profiles'!$G$19=$B$10,7,0)+IF('Standard Profiles'!$G$19=$B$17,14,0)+IF('Standard Profiles'!$G$19=$B$24,21,0),MOD($C8455,24)+1)/SUM(INDEX($D$3:$AA$30,INDEX(Jesper!$R$2:$R$366,ROW(INDEX(Jesper!AI$2:AI$366,ROUNDDOWN($C8455/24,0)+1,1))-1)+IF('Standard Profiles'!$G$19=$B$10,7,0)+IF('Standard Profiles'!$G$19=$B$17,14,0)+IF('Standard Profiles'!$G$19=$B$24,21,0),0)),0)</f>
        <v>4.2945282364795512</v>
      </c>
      <c r="F8455" cm="1">
        <f t="array" ref="F8455">IFERROR(INDEX(Jesper!AJ$2:AJ$366,ROUNDDOWN($C8455/24,0)+1,1)*INDEX($D$3:$AA$30,INDEX(Jesper!$R$2:$R$366,ROW(INDEX(Jesper!AJ$2:AJ$366,ROUNDDOWN($C8455/24,0)+1,1))-1)+IF('Standard Profiles'!$G$20=$B$10,7,0)+IF('Standard Profiles'!$G$20=$B$17,14,0)+IF('Standard Profiles'!$G$20=$B$24,21,0),MOD($C8455,24)+1)/SUM(INDEX($D$3:$AA$30,INDEX(Jesper!$R$2:$R$366,ROW(INDEX(Jesper!AJ$2:AJ$366,ROUNDDOWN($C8455/24,0)+1,1))-1)+IF('Standard Profiles'!$G$20=$B$10,7,0)+IF('Standard Profiles'!$G$20=$B$17,14,0)+IF('Standard Profiles'!$G$20=$B$24,21,0),0)),0)</f>
        <v>3.3252781001577669</v>
      </c>
      <c r="G8455" cm="1">
        <f t="array" ref="G8455">IFERROR(INDEX(Jesper!AK$2:AK$366,ROUNDDOWN($C8455/24,0)+1,1)*INDEX($D$3:$AA$30,INDEX(Jesper!$R$2:$R$366,ROW(INDEX(Jesper!AK$2:AK$366,ROUNDDOWN($C8455/24,0)+1,1))-1)+IF('Standard Profiles'!$G$21=$B$10,7,0)+IF('Standard Profiles'!$G$21=$B$17,14,0)+IF('Standard Profiles'!$G$21=$B$24,21,0),MOD($C8455,24)+1)/SUM(INDEX($D$3:$AA$30,INDEX(Jesper!$R$2:$R$366,ROW(INDEX(Jesper!AK$2:AK$366,ROUNDDOWN($C8455/24,0)+1,1))-1)+IF('Standard Profiles'!$G$21=$B$10,7,0)+IF('Standard Profiles'!$G$21=$B$17,14,0)+IF('Standard Profiles'!$G$21=$B$24,21,0),0)),0)</f>
        <v>4.7860494683917976</v>
      </c>
      <c r="H8455" cm="1">
        <f t="array" ref="H8455">IFERROR(INDEX(Jesper!AL$2:AL$366,ROUNDDOWN($C8455/24,0)+1,1)*INDEX($D$3:$AA$30,INDEX(Jesper!$R$2:$R$366,ROW(INDEX(Jesper!AL$2:AL$366,ROUNDDOWN($C8455/24,0)+1,1))-1)+IF('Standard Profiles'!$G$22=$B$10,7,0)+IF('Standard Profiles'!$G$22=$B$17,14,0)+IF('Standard Profiles'!$G$22=$B$24,21,0),MOD($C8455,24)+1)/SUM(INDEX($D$3:$AA$30,INDEX(Jesper!$R$2:$R$366,ROW(INDEX(Jesper!AL$2:AL$366,ROUNDDOWN($C8455/24,0)+1,1))-1)+IF('Standard Profiles'!$G$22=$B$10,7,0)+IF('Standard Profiles'!$G$22=$B$17,14,0)+IF('Standard Profiles'!$G$22=$B$24,21,0),0)),0)</f>
        <v>1.8743970626582713</v>
      </c>
      <c r="I8455">
        <f t="shared" si="937"/>
        <v>1.7994211801519415</v>
      </c>
      <c r="J8455">
        <f t="shared" si="938"/>
        <v>11.965488299157899</v>
      </c>
      <c r="K8455">
        <f t="shared" si="939"/>
        <v>0.34356225891836412</v>
      </c>
      <c r="L8455">
        <f t="shared" si="940"/>
        <v>0.17178112945918206</v>
      </c>
      <c r="M8455">
        <f t="shared" si="941"/>
        <v>0</v>
      </c>
      <c r="N8455" s="45">
        <f t="shared" si="942"/>
        <v>45277.874999979576</v>
      </c>
    </row>
    <row r="8456" spans="2:14" x14ac:dyDescent="0.25">
      <c r="B8456">
        <f t="shared" si="936"/>
        <v>7</v>
      </c>
      <c r="C8456" s="16">
        <v>8422</v>
      </c>
      <c r="D8456" cm="1">
        <f t="array" ref="D8456">IFERROR(INDEX(Jesper!AH$2:AH$366,ROUNDDOWN($C8456/24,0)+1,1)*INDEX($D$3:$AA$30,INDEX(Jesper!$R$2:$R$366,ROW(INDEX(Jesper!AH$2:AH$366,ROUNDDOWN($C8456/24,0)+1,1))-1)+IF('Standard Profiles'!$G$18=$B$10,7,0)+IF('Standard Profiles'!$G$18=$B$17,14,0)+IF('Standard Profiles'!$G$18=$B$24,21,0),MOD($C8456,24)+1)/SUM(INDEX($D$3:$AA$30,INDEX(Jesper!$R$2:$R$366,ROW(INDEX(Jesper!AH$2:AH$366,ROUNDDOWN($C8456/24,0)+1,1))-1)+IF('Standard Profiles'!$G$18=$B$10,7,0)+IF('Standard Profiles'!$G$18=$B$17,14,0)+IF('Standard Profiles'!$G$18=$B$24,21,0),0)),0)</f>
        <v>0</v>
      </c>
      <c r="E8456" cm="1">
        <f t="array" ref="E8456">IFERROR(INDEX(Jesper!AI$2:AI$366,ROUNDDOWN($C8456/24,0)+1,1)*INDEX($D$3:$AA$30,INDEX(Jesper!$R$2:$R$366,ROW(INDEX(Jesper!AI$2:AI$366,ROUNDDOWN($C8456/24,0)+1,1))-1)+IF('Standard Profiles'!$G$19=$B$10,7,0)+IF('Standard Profiles'!$G$19=$B$17,14,0)+IF('Standard Profiles'!$G$19=$B$24,21,0),MOD($C8456,24)+1)/SUM(INDEX($D$3:$AA$30,INDEX(Jesper!$R$2:$R$366,ROW(INDEX(Jesper!AI$2:AI$366,ROUNDDOWN($C8456/24,0)+1,1))-1)+IF('Standard Profiles'!$G$19=$B$10,7,0)+IF('Standard Profiles'!$G$19=$B$17,14,0)+IF('Standard Profiles'!$G$19=$B$24,21,0),0)),0)</f>
        <v>4.2945282364795512</v>
      </c>
      <c r="F8456" cm="1">
        <f t="array" ref="F8456">IFERROR(INDEX(Jesper!AJ$2:AJ$366,ROUNDDOWN($C8456/24,0)+1,1)*INDEX($D$3:$AA$30,INDEX(Jesper!$R$2:$R$366,ROW(INDEX(Jesper!AJ$2:AJ$366,ROUNDDOWN($C8456/24,0)+1,1))-1)+IF('Standard Profiles'!$G$20=$B$10,7,0)+IF('Standard Profiles'!$G$20=$B$17,14,0)+IF('Standard Profiles'!$G$20=$B$24,21,0),MOD($C8456,24)+1)/SUM(INDEX($D$3:$AA$30,INDEX(Jesper!$R$2:$R$366,ROW(INDEX(Jesper!AJ$2:AJ$366,ROUNDDOWN($C8456/24,0)+1,1))-1)+IF('Standard Profiles'!$G$20=$B$10,7,0)+IF('Standard Profiles'!$G$20=$B$17,14,0)+IF('Standard Profiles'!$G$20=$B$24,21,0),0)),0)</f>
        <v>3.3252781001577669</v>
      </c>
      <c r="G8456" cm="1">
        <f t="array" ref="G8456">IFERROR(INDEX(Jesper!AK$2:AK$366,ROUNDDOWN($C8456/24,0)+1,1)*INDEX($D$3:$AA$30,INDEX(Jesper!$R$2:$R$366,ROW(INDEX(Jesper!AK$2:AK$366,ROUNDDOWN($C8456/24,0)+1,1))-1)+IF('Standard Profiles'!$G$21=$B$10,7,0)+IF('Standard Profiles'!$G$21=$B$17,14,0)+IF('Standard Profiles'!$G$21=$B$24,21,0),MOD($C8456,24)+1)/SUM(INDEX($D$3:$AA$30,INDEX(Jesper!$R$2:$R$366,ROW(INDEX(Jesper!AK$2:AK$366,ROUNDDOWN($C8456/24,0)+1,1))-1)+IF('Standard Profiles'!$G$21=$B$10,7,0)+IF('Standard Profiles'!$G$21=$B$17,14,0)+IF('Standard Profiles'!$G$21=$B$24,21,0),0)),0)</f>
        <v>4.7860494683917976</v>
      </c>
      <c r="H8456" cm="1">
        <f t="array" ref="H8456">IFERROR(INDEX(Jesper!AL$2:AL$366,ROUNDDOWN($C8456/24,0)+1,1)*INDEX($D$3:$AA$30,INDEX(Jesper!$R$2:$R$366,ROW(INDEX(Jesper!AL$2:AL$366,ROUNDDOWN($C8456/24,0)+1,1))-1)+IF('Standard Profiles'!$G$22=$B$10,7,0)+IF('Standard Profiles'!$G$22=$B$17,14,0)+IF('Standard Profiles'!$G$22=$B$24,21,0),MOD($C8456,24)+1)/SUM(INDEX($D$3:$AA$30,INDEX(Jesper!$R$2:$R$366,ROW(INDEX(Jesper!AL$2:AL$366,ROUNDDOWN($C8456/24,0)+1,1))-1)+IF('Standard Profiles'!$G$22=$B$10,7,0)+IF('Standard Profiles'!$G$22=$B$17,14,0)+IF('Standard Profiles'!$G$22=$B$24,21,0),0)),0)</f>
        <v>1.8743970626582713</v>
      </c>
      <c r="I8456">
        <f t="shared" si="937"/>
        <v>1.7994211801519415</v>
      </c>
      <c r="J8456">
        <f t="shared" si="938"/>
        <v>11.965488299157899</v>
      </c>
      <c r="K8456">
        <f t="shared" si="939"/>
        <v>0.34356225891836412</v>
      </c>
      <c r="L8456">
        <f t="shared" si="940"/>
        <v>0.17178112945918206</v>
      </c>
      <c r="M8456">
        <f t="shared" si="941"/>
        <v>0</v>
      </c>
      <c r="N8456" s="45">
        <f t="shared" si="942"/>
        <v>45277.916666646241</v>
      </c>
    </row>
    <row r="8457" spans="2:14" x14ac:dyDescent="0.25">
      <c r="B8457">
        <f t="shared" si="936"/>
        <v>7</v>
      </c>
      <c r="C8457" s="16">
        <v>8423</v>
      </c>
      <c r="D8457" cm="1">
        <f t="array" ref="D8457">IFERROR(INDEX(Jesper!AH$2:AH$366,ROUNDDOWN($C8457/24,0)+1,1)*INDEX($D$3:$AA$30,INDEX(Jesper!$R$2:$R$366,ROW(INDEX(Jesper!AH$2:AH$366,ROUNDDOWN($C8457/24,0)+1,1))-1)+IF('Standard Profiles'!$G$18=$B$10,7,0)+IF('Standard Profiles'!$G$18=$B$17,14,0)+IF('Standard Profiles'!$G$18=$B$24,21,0),MOD($C8457,24)+1)/SUM(INDEX($D$3:$AA$30,INDEX(Jesper!$R$2:$R$366,ROW(INDEX(Jesper!AH$2:AH$366,ROUNDDOWN($C8457/24,0)+1,1))-1)+IF('Standard Profiles'!$G$18=$B$10,7,0)+IF('Standard Profiles'!$G$18=$B$17,14,0)+IF('Standard Profiles'!$G$18=$B$24,21,0),0)),0)</f>
        <v>0</v>
      </c>
      <c r="E8457" cm="1">
        <f t="array" ref="E8457">IFERROR(INDEX(Jesper!AI$2:AI$366,ROUNDDOWN($C8457/24,0)+1,1)*INDEX($D$3:$AA$30,INDEX(Jesper!$R$2:$R$366,ROW(INDEX(Jesper!AI$2:AI$366,ROUNDDOWN($C8457/24,0)+1,1))-1)+IF('Standard Profiles'!$G$19=$B$10,7,0)+IF('Standard Profiles'!$G$19=$B$17,14,0)+IF('Standard Profiles'!$G$19=$B$24,21,0),MOD($C8457,24)+1)/SUM(INDEX($D$3:$AA$30,INDEX(Jesper!$R$2:$R$366,ROW(INDEX(Jesper!AI$2:AI$366,ROUNDDOWN($C8457/24,0)+1,1))-1)+IF('Standard Profiles'!$G$19=$B$10,7,0)+IF('Standard Profiles'!$G$19=$B$17,14,0)+IF('Standard Profiles'!$G$19=$B$24,21,0),0)),0)</f>
        <v>4.2945282364795512</v>
      </c>
      <c r="F8457" cm="1">
        <f t="array" ref="F8457">IFERROR(INDEX(Jesper!AJ$2:AJ$366,ROUNDDOWN($C8457/24,0)+1,1)*INDEX($D$3:$AA$30,INDEX(Jesper!$R$2:$R$366,ROW(INDEX(Jesper!AJ$2:AJ$366,ROUNDDOWN($C8457/24,0)+1,1))-1)+IF('Standard Profiles'!$G$20=$B$10,7,0)+IF('Standard Profiles'!$G$20=$B$17,14,0)+IF('Standard Profiles'!$G$20=$B$24,21,0),MOD($C8457,24)+1)/SUM(INDEX($D$3:$AA$30,INDEX(Jesper!$R$2:$R$366,ROW(INDEX(Jesper!AJ$2:AJ$366,ROUNDDOWN($C8457/24,0)+1,1))-1)+IF('Standard Profiles'!$G$20=$B$10,7,0)+IF('Standard Profiles'!$G$20=$B$17,14,0)+IF('Standard Profiles'!$G$20=$B$24,21,0),0)),0)</f>
        <v>3.3252781001577669</v>
      </c>
      <c r="G8457" cm="1">
        <f t="array" ref="G8457">IFERROR(INDEX(Jesper!AK$2:AK$366,ROUNDDOWN($C8457/24,0)+1,1)*INDEX($D$3:$AA$30,INDEX(Jesper!$R$2:$R$366,ROW(INDEX(Jesper!AK$2:AK$366,ROUNDDOWN($C8457/24,0)+1,1))-1)+IF('Standard Profiles'!$G$21=$B$10,7,0)+IF('Standard Profiles'!$G$21=$B$17,14,0)+IF('Standard Profiles'!$G$21=$B$24,21,0),MOD($C8457,24)+1)/SUM(INDEX($D$3:$AA$30,INDEX(Jesper!$R$2:$R$366,ROW(INDEX(Jesper!AK$2:AK$366,ROUNDDOWN($C8457/24,0)+1,1))-1)+IF('Standard Profiles'!$G$21=$B$10,7,0)+IF('Standard Profiles'!$G$21=$B$17,14,0)+IF('Standard Profiles'!$G$21=$B$24,21,0),0)),0)</f>
        <v>4.7860494683917976</v>
      </c>
      <c r="H8457" cm="1">
        <f t="array" ref="H8457">IFERROR(INDEX(Jesper!AL$2:AL$366,ROUNDDOWN($C8457/24,0)+1,1)*INDEX($D$3:$AA$30,INDEX(Jesper!$R$2:$R$366,ROW(INDEX(Jesper!AL$2:AL$366,ROUNDDOWN($C8457/24,0)+1,1))-1)+IF('Standard Profiles'!$G$22=$B$10,7,0)+IF('Standard Profiles'!$G$22=$B$17,14,0)+IF('Standard Profiles'!$G$22=$B$24,21,0),MOD($C8457,24)+1)/SUM(INDEX($D$3:$AA$30,INDEX(Jesper!$R$2:$R$366,ROW(INDEX(Jesper!AL$2:AL$366,ROUNDDOWN($C8457/24,0)+1,1))-1)+IF('Standard Profiles'!$G$22=$B$10,7,0)+IF('Standard Profiles'!$G$22=$B$17,14,0)+IF('Standard Profiles'!$G$22=$B$24,21,0),0)),0)</f>
        <v>1.8743970626582713</v>
      </c>
      <c r="I8457">
        <f t="shared" si="937"/>
        <v>1.7994211801519415</v>
      </c>
      <c r="J8457">
        <f t="shared" si="938"/>
        <v>11.965488299157899</v>
      </c>
      <c r="K8457">
        <f t="shared" si="939"/>
        <v>0.34356225891836412</v>
      </c>
      <c r="L8457">
        <f t="shared" si="940"/>
        <v>0.17178112945918206</v>
      </c>
      <c r="M8457">
        <f t="shared" si="941"/>
        <v>0</v>
      </c>
      <c r="N8457" s="45">
        <f t="shared" si="942"/>
        <v>45277.958333312905</v>
      </c>
    </row>
    <row r="8458" spans="2:14" x14ac:dyDescent="0.25">
      <c r="B8458">
        <f t="shared" si="936"/>
        <v>1</v>
      </c>
      <c r="C8458" s="16">
        <v>8424</v>
      </c>
      <c r="D8458" cm="1">
        <f t="array" ref="D8458">IFERROR(INDEX(Jesper!AH$2:AH$366,ROUNDDOWN($C8458/24,0)+1,1)*INDEX($D$3:$AA$30,INDEX(Jesper!$R$2:$R$366,ROW(INDEX(Jesper!AH$2:AH$366,ROUNDDOWN($C8458/24,0)+1,1))-1)+IF('Standard Profiles'!$G$18=$B$10,7,0)+IF('Standard Profiles'!$G$18=$B$17,14,0)+IF('Standard Profiles'!$G$18=$B$24,21,0),MOD($C8458,24)+1)/SUM(INDEX($D$3:$AA$30,INDEX(Jesper!$R$2:$R$366,ROW(INDEX(Jesper!AH$2:AH$366,ROUNDDOWN($C8458/24,0)+1,1))-1)+IF('Standard Profiles'!$G$18=$B$10,7,0)+IF('Standard Profiles'!$G$18=$B$17,14,0)+IF('Standard Profiles'!$G$18=$B$24,21,0),0)),0)</f>
        <v>5.6428179368406406</v>
      </c>
      <c r="E8458" cm="1">
        <f t="array" ref="E8458">IFERROR(INDEX(Jesper!AI$2:AI$366,ROUNDDOWN($C8458/24,0)+1,1)*INDEX($D$3:$AA$30,INDEX(Jesper!$R$2:$R$366,ROW(INDEX(Jesper!AI$2:AI$366,ROUNDDOWN($C8458/24,0)+1,1))-1)+IF('Standard Profiles'!$G$19=$B$10,7,0)+IF('Standard Profiles'!$G$19=$B$17,14,0)+IF('Standard Profiles'!$G$19=$B$24,21,0),MOD($C8458,24)+1)/SUM(INDEX($D$3:$AA$30,INDEX(Jesper!$R$2:$R$366,ROW(INDEX(Jesper!AI$2:AI$366,ROUNDDOWN($C8458/24,0)+1,1))-1)+IF('Standard Profiles'!$G$19=$B$10,7,0)+IF('Standard Profiles'!$G$19=$B$17,14,0)+IF('Standard Profiles'!$G$19=$B$24,21,0),0)),0)</f>
        <v>5.1756509425737711</v>
      </c>
      <c r="F8458" cm="1">
        <f t="array" ref="F8458">IFERROR(INDEX(Jesper!AJ$2:AJ$366,ROUNDDOWN($C8458/24,0)+1,1)*INDEX($D$3:$AA$30,INDEX(Jesper!$R$2:$R$366,ROW(INDEX(Jesper!AJ$2:AJ$366,ROUNDDOWN($C8458/24,0)+1,1))-1)+IF('Standard Profiles'!$G$20=$B$10,7,0)+IF('Standard Profiles'!$G$20=$B$17,14,0)+IF('Standard Profiles'!$G$20=$B$24,21,0),MOD($C8458,24)+1)/SUM(INDEX($D$3:$AA$30,INDEX(Jesper!$R$2:$R$366,ROW(INDEX(Jesper!AJ$2:AJ$366,ROUNDDOWN($C8458/24,0)+1,1))-1)+IF('Standard Profiles'!$G$20=$B$10,7,0)+IF('Standard Profiles'!$G$20=$B$17,14,0)+IF('Standard Profiles'!$G$20=$B$24,21,0),0)),0)</f>
        <v>0</v>
      </c>
      <c r="G8458" cm="1">
        <f t="array" ref="G8458">IFERROR(INDEX(Jesper!AK$2:AK$366,ROUNDDOWN($C8458/24,0)+1,1)*INDEX($D$3:$AA$30,INDEX(Jesper!$R$2:$R$366,ROW(INDEX(Jesper!AK$2:AK$366,ROUNDDOWN($C8458/24,0)+1,1))-1)+IF('Standard Profiles'!$G$21=$B$10,7,0)+IF('Standard Profiles'!$G$21=$B$17,14,0)+IF('Standard Profiles'!$G$21=$B$24,21,0),MOD($C8458,24)+1)/SUM(INDEX($D$3:$AA$30,INDEX(Jesper!$R$2:$R$366,ROW(INDEX(Jesper!AK$2:AK$366,ROUNDDOWN($C8458/24,0)+1,1))-1)+IF('Standard Profiles'!$G$21=$B$10,7,0)+IF('Standard Profiles'!$G$21=$B$17,14,0)+IF('Standard Profiles'!$G$21=$B$24,21,0),0)),0)</f>
        <v>2.8324718843364631</v>
      </c>
      <c r="H8458" cm="1">
        <f t="array" ref="H8458">IFERROR(INDEX(Jesper!AL$2:AL$366,ROUNDDOWN($C8458/24,0)+1,1)*INDEX($D$3:$AA$30,INDEX(Jesper!$R$2:$R$366,ROW(INDEX(Jesper!AL$2:AL$366,ROUNDDOWN($C8458/24,0)+1,1))-1)+IF('Standard Profiles'!$G$22=$B$10,7,0)+IF('Standard Profiles'!$G$22=$B$17,14,0)+IF('Standard Profiles'!$G$22=$B$24,21,0),MOD($C8458,24)+1)/SUM(INDEX($D$3:$AA$30,INDEX(Jesper!$R$2:$R$366,ROW(INDEX(Jesper!AL$2:AL$366,ROUNDDOWN($C8458/24,0)+1,1))-1)+IF('Standard Profiles'!$G$22=$B$10,7,0)+IF('Standard Profiles'!$G$22=$B$17,14,0)+IF('Standard Profiles'!$G$22=$B$24,21,0),0)),0)</f>
        <v>0</v>
      </c>
      <c r="I8458">
        <f t="shared" si="937"/>
        <v>1.3595865044815016</v>
      </c>
      <c r="J8458">
        <f t="shared" si="938"/>
        <v>11.38850338937487</v>
      </c>
      <c r="K8458">
        <f t="shared" si="939"/>
        <v>0.60190057992966839</v>
      </c>
      <c r="L8458">
        <f t="shared" si="940"/>
        <v>0.30095028996483419</v>
      </c>
      <c r="M8458">
        <f t="shared" si="941"/>
        <v>0</v>
      </c>
      <c r="N8458" s="45">
        <f t="shared" si="942"/>
        <v>45277.999999979569</v>
      </c>
    </row>
    <row r="8459" spans="2:14" x14ac:dyDescent="0.25">
      <c r="B8459">
        <f t="shared" si="936"/>
        <v>1</v>
      </c>
      <c r="C8459" s="16">
        <v>8425</v>
      </c>
      <c r="D8459" cm="1">
        <f t="array" ref="D8459">IFERROR(INDEX(Jesper!AH$2:AH$366,ROUNDDOWN($C8459/24,0)+1,1)*INDEX($D$3:$AA$30,INDEX(Jesper!$R$2:$R$366,ROW(INDEX(Jesper!AH$2:AH$366,ROUNDDOWN($C8459/24,0)+1,1))-1)+IF('Standard Profiles'!$G$18=$B$10,7,0)+IF('Standard Profiles'!$G$18=$B$17,14,0)+IF('Standard Profiles'!$G$18=$B$24,21,0),MOD($C8459,24)+1)/SUM(INDEX($D$3:$AA$30,INDEX(Jesper!$R$2:$R$366,ROW(INDEX(Jesper!AH$2:AH$366,ROUNDDOWN($C8459/24,0)+1,1))-1)+IF('Standard Profiles'!$G$18=$B$10,7,0)+IF('Standard Profiles'!$G$18=$B$17,14,0)+IF('Standard Profiles'!$G$18=$B$24,21,0),0)),0)</f>
        <v>5.6428179368406406</v>
      </c>
      <c r="E8459" cm="1">
        <f t="array" ref="E8459">IFERROR(INDEX(Jesper!AI$2:AI$366,ROUNDDOWN($C8459/24,0)+1,1)*INDEX($D$3:$AA$30,INDEX(Jesper!$R$2:$R$366,ROW(INDEX(Jesper!AI$2:AI$366,ROUNDDOWN($C8459/24,0)+1,1))-1)+IF('Standard Profiles'!$G$19=$B$10,7,0)+IF('Standard Profiles'!$G$19=$B$17,14,0)+IF('Standard Profiles'!$G$19=$B$24,21,0),MOD($C8459,24)+1)/SUM(INDEX($D$3:$AA$30,INDEX(Jesper!$R$2:$R$366,ROW(INDEX(Jesper!AI$2:AI$366,ROUNDDOWN($C8459/24,0)+1,1))-1)+IF('Standard Profiles'!$G$19=$B$10,7,0)+IF('Standard Profiles'!$G$19=$B$17,14,0)+IF('Standard Profiles'!$G$19=$B$24,21,0),0)),0)</f>
        <v>5.1756509425737711</v>
      </c>
      <c r="F8459" cm="1">
        <f t="array" ref="F8459">IFERROR(INDEX(Jesper!AJ$2:AJ$366,ROUNDDOWN($C8459/24,0)+1,1)*INDEX($D$3:$AA$30,INDEX(Jesper!$R$2:$R$366,ROW(INDEX(Jesper!AJ$2:AJ$366,ROUNDDOWN($C8459/24,0)+1,1))-1)+IF('Standard Profiles'!$G$20=$B$10,7,0)+IF('Standard Profiles'!$G$20=$B$17,14,0)+IF('Standard Profiles'!$G$20=$B$24,21,0),MOD($C8459,24)+1)/SUM(INDEX($D$3:$AA$30,INDEX(Jesper!$R$2:$R$366,ROW(INDEX(Jesper!AJ$2:AJ$366,ROUNDDOWN($C8459/24,0)+1,1))-1)+IF('Standard Profiles'!$G$20=$B$10,7,0)+IF('Standard Profiles'!$G$20=$B$17,14,0)+IF('Standard Profiles'!$G$20=$B$24,21,0),0)),0)</f>
        <v>0</v>
      </c>
      <c r="G8459" cm="1">
        <f t="array" ref="G8459">IFERROR(INDEX(Jesper!AK$2:AK$366,ROUNDDOWN($C8459/24,0)+1,1)*INDEX($D$3:$AA$30,INDEX(Jesper!$R$2:$R$366,ROW(INDEX(Jesper!AK$2:AK$366,ROUNDDOWN($C8459/24,0)+1,1))-1)+IF('Standard Profiles'!$G$21=$B$10,7,0)+IF('Standard Profiles'!$G$21=$B$17,14,0)+IF('Standard Profiles'!$G$21=$B$24,21,0),MOD($C8459,24)+1)/SUM(INDEX($D$3:$AA$30,INDEX(Jesper!$R$2:$R$366,ROW(INDEX(Jesper!AK$2:AK$366,ROUNDDOWN($C8459/24,0)+1,1))-1)+IF('Standard Profiles'!$G$21=$B$10,7,0)+IF('Standard Profiles'!$G$21=$B$17,14,0)+IF('Standard Profiles'!$G$21=$B$24,21,0),0)),0)</f>
        <v>2.8324718843364631</v>
      </c>
      <c r="H8459" cm="1">
        <f t="array" ref="H8459">IFERROR(INDEX(Jesper!AL$2:AL$366,ROUNDDOWN($C8459/24,0)+1,1)*INDEX($D$3:$AA$30,INDEX(Jesper!$R$2:$R$366,ROW(INDEX(Jesper!AL$2:AL$366,ROUNDDOWN($C8459/24,0)+1,1))-1)+IF('Standard Profiles'!$G$22=$B$10,7,0)+IF('Standard Profiles'!$G$22=$B$17,14,0)+IF('Standard Profiles'!$G$22=$B$24,21,0),MOD($C8459,24)+1)/SUM(INDEX($D$3:$AA$30,INDEX(Jesper!$R$2:$R$366,ROW(INDEX(Jesper!AL$2:AL$366,ROUNDDOWN($C8459/24,0)+1,1))-1)+IF('Standard Profiles'!$G$22=$B$10,7,0)+IF('Standard Profiles'!$G$22=$B$17,14,0)+IF('Standard Profiles'!$G$22=$B$24,21,0),0)),0)</f>
        <v>0</v>
      </c>
      <c r="I8459">
        <f t="shared" si="937"/>
        <v>1.3595865044815016</v>
      </c>
      <c r="J8459">
        <f t="shared" si="938"/>
        <v>11.38850338937487</v>
      </c>
      <c r="K8459">
        <f t="shared" si="939"/>
        <v>0.60190057992966839</v>
      </c>
      <c r="L8459">
        <f t="shared" si="940"/>
        <v>0.30095028996483419</v>
      </c>
      <c r="M8459">
        <f t="shared" si="941"/>
        <v>0</v>
      </c>
      <c r="N8459" s="45">
        <f t="shared" si="942"/>
        <v>45278.041666646233</v>
      </c>
    </row>
    <row r="8460" spans="2:14" x14ac:dyDescent="0.25">
      <c r="B8460">
        <f t="shared" si="936"/>
        <v>1</v>
      </c>
      <c r="C8460" s="16">
        <v>8426</v>
      </c>
      <c r="D8460" cm="1">
        <f t="array" ref="D8460">IFERROR(INDEX(Jesper!AH$2:AH$366,ROUNDDOWN($C8460/24,0)+1,1)*INDEX($D$3:$AA$30,INDEX(Jesper!$R$2:$R$366,ROW(INDEX(Jesper!AH$2:AH$366,ROUNDDOWN($C8460/24,0)+1,1))-1)+IF('Standard Profiles'!$G$18=$B$10,7,0)+IF('Standard Profiles'!$G$18=$B$17,14,0)+IF('Standard Profiles'!$G$18=$B$24,21,0),MOD($C8460,24)+1)/SUM(INDEX($D$3:$AA$30,INDEX(Jesper!$R$2:$R$366,ROW(INDEX(Jesper!AH$2:AH$366,ROUNDDOWN($C8460/24,0)+1,1))-1)+IF('Standard Profiles'!$G$18=$B$10,7,0)+IF('Standard Profiles'!$G$18=$B$17,14,0)+IF('Standard Profiles'!$G$18=$B$24,21,0),0)),0)</f>
        <v>5.6428179368406406</v>
      </c>
      <c r="E8460" cm="1">
        <f t="array" ref="E8460">IFERROR(INDEX(Jesper!AI$2:AI$366,ROUNDDOWN($C8460/24,0)+1,1)*INDEX($D$3:$AA$30,INDEX(Jesper!$R$2:$R$366,ROW(INDEX(Jesper!AI$2:AI$366,ROUNDDOWN($C8460/24,0)+1,1))-1)+IF('Standard Profiles'!$G$19=$B$10,7,0)+IF('Standard Profiles'!$G$19=$B$17,14,0)+IF('Standard Profiles'!$G$19=$B$24,21,0),MOD($C8460,24)+1)/SUM(INDEX($D$3:$AA$30,INDEX(Jesper!$R$2:$R$366,ROW(INDEX(Jesper!AI$2:AI$366,ROUNDDOWN($C8460/24,0)+1,1))-1)+IF('Standard Profiles'!$G$19=$B$10,7,0)+IF('Standard Profiles'!$G$19=$B$17,14,0)+IF('Standard Profiles'!$G$19=$B$24,21,0),0)),0)</f>
        <v>5.1756509425737711</v>
      </c>
      <c r="F8460" cm="1">
        <f t="array" ref="F8460">IFERROR(INDEX(Jesper!AJ$2:AJ$366,ROUNDDOWN($C8460/24,0)+1,1)*INDEX($D$3:$AA$30,INDEX(Jesper!$R$2:$R$366,ROW(INDEX(Jesper!AJ$2:AJ$366,ROUNDDOWN($C8460/24,0)+1,1))-1)+IF('Standard Profiles'!$G$20=$B$10,7,0)+IF('Standard Profiles'!$G$20=$B$17,14,0)+IF('Standard Profiles'!$G$20=$B$24,21,0),MOD($C8460,24)+1)/SUM(INDEX($D$3:$AA$30,INDEX(Jesper!$R$2:$R$366,ROW(INDEX(Jesper!AJ$2:AJ$366,ROUNDDOWN($C8460/24,0)+1,1))-1)+IF('Standard Profiles'!$G$20=$B$10,7,0)+IF('Standard Profiles'!$G$20=$B$17,14,0)+IF('Standard Profiles'!$G$20=$B$24,21,0),0)),0)</f>
        <v>0</v>
      </c>
      <c r="G8460" cm="1">
        <f t="array" ref="G8460">IFERROR(INDEX(Jesper!AK$2:AK$366,ROUNDDOWN($C8460/24,0)+1,1)*INDEX($D$3:$AA$30,INDEX(Jesper!$R$2:$R$366,ROW(INDEX(Jesper!AK$2:AK$366,ROUNDDOWN($C8460/24,0)+1,1))-1)+IF('Standard Profiles'!$G$21=$B$10,7,0)+IF('Standard Profiles'!$G$21=$B$17,14,0)+IF('Standard Profiles'!$G$21=$B$24,21,0),MOD($C8460,24)+1)/SUM(INDEX($D$3:$AA$30,INDEX(Jesper!$R$2:$R$366,ROW(INDEX(Jesper!AK$2:AK$366,ROUNDDOWN($C8460/24,0)+1,1))-1)+IF('Standard Profiles'!$G$21=$B$10,7,0)+IF('Standard Profiles'!$G$21=$B$17,14,0)+IF('Standard Profiles'!$G$21=$B$24,21,0),0)),0)</f>
        <v>2.8324718843364631</v>
      </c>
      <c r="H8460" cm="1">
        <f t="array" ref="H8460">IFERROR(INDEX(Jesper!AL$2:AL$366,ROUNDDOWN($C8460/24,0)+1,1)*INDEX($D$3:$AA$30,INDEX(Jesper!$R$2:$R$366,ROW(INDEX(Jesper!AL$2:AL$366,ROUNDDOWN($C8460/24,0)+1,1))-1)+IF('Standard Profiles'!$G$22=$B$10,7,0)+IF('Standard Profiles'!$G$22=$B$17,14,0)+IF('Standard Profiles'!$G$22=$B$24,21,0),MOD($C8460,24)+1)/SUM(INDEX($D$3:$AA$30,INDEX(Jesper!$R$2:$R$366,ROW(INDEX(Jesper!AL$2:AL$366,ROUNDDOWN($C8460/24,0)+1,1))-1)+IF('Standard Profiles'!$G$22=$B$10,7,0)+IF('Standard Profiles'!$G$22=$B$17,14,0)+IF('Standard Profiles'!$G$22=$B$24,21,0),0)),0)</f>
        <v>0</v>
      </c>
      <c r="I8460">
        <f t="shared" si="937"/>
        <v>1.3595865044815016</v>
      </c>
      <c r="J8460">
        <f t="shared" si="938"/>
        <v>11.38850338937487</v>
      </c>
      <c r="K8460">
        <f t="shared" si="939"/>
        <v>0.60190057992966839</v>
      </c>
      <c r="L8460">
        <f t="shared" si="940"/>
        <v>0.30095028996483419</v>
      </c>
      <c r="M8460">
        <f t="shared" si="941"/>
        <v>0</v>
      </c>
      <c r="N8460" s="45">
        <f t="shared" si="942"/>
        <v>45278.083333312898</v>
      </c>
    </row>
    <row r="8461" spans="2:14" x14ac:dyDescent="0.25">
      <c r="B8461">
        <f t="shared" si="936"/>
        <v>1</v>
      </c>
      <c r="C8461" s="16">
        <v>8427</v>
      </c>
      <c r="D8461" cm="1">
        <f t="array" ref="D8461">IFERROR(INDEX(Jesper!AH$2:AH$366,ROUNDDOWN($C8461/24,0)+1,1)*INDEX($D$3:$AA$30,INDEX(Jesper!$R$2:$R$366,ROW(INDEX(Jesper!AH$2:AH$366,ROUNDDOWN($C8461/24,0)+1,1))-1)+IF('Standard Profiles'!$G$18=$B$10,7,0)+IF('Standard Profiles'!$G$18=$B$17,14,0)+IF('Standard Profiles'!$G$18=$B$24,21,0),MOD($C8461,24)+1)/SUM(INDEX($D$3:$AA$30,INDEX(Jesper!$R$2:$R$366,ROW(INDEX(Jesper!AH$2:AH$366,ROUNDDOWN($C8461/24,0)+1,1))-1)+IF('Standard Profiles'!$G$18=$B$10,7,0)+IF('Standard Profiles'!$G$18=$B$17,14,0)+IF('Standard Profiles'!$G$18=$B$24,21,0),0)),0)</f>
        <v>5.6428179368406406</v>
      </c>
      <c r="E8461" cm="1">
        <f t="array" ref="E8461">IFERROR(INDEX(Jesper!AI$2:AI$366,ROUNDDOWN($C8461/24,0)+1,1)*INDEX($D$3:$AA$30,INDEX(Jesper!$R$2:$R$366,ROW(INDEX(Jesper!AI$2:AI$366,ROUNDDOWN($C8461/24,0)+1,1))-1)+IF('Standard Profiles'!$G$19=$B$10,7,0)+IF('Standard Profiles'!$G$19=$B$17,14,0)+IF('Standard Profiles'!$G$19=$B$24,21,0),MOD($C8461,24)+1)/SUM(INDEX($D$3:$AA$30,INDEX(Jesper!$R$2:$R$366,ROW(INDEX(Jesper!AI$2:AI$366,ROUNDDOWN($C8461/24,0)+1,1))-1)+IF('Standard Profiles'!$G$19=$B$10,7,0)+IF('Standard Profiles'!$G$19=$B$17,14,0)+IF('Standard Profiles'!$G$19=$B$24,21,0),0)),0)</f>
        <v>5.1756509425737711</v>
      </c>
      <c r="F8461" cm="1">
        <f t="array" ref="F8461">IFERROR(INDEX(Jesper!AJ$2:AJ$366,ROUNDDOWN($C8461/24,0)+1,1)*INDEX($D$3:$AA$30,INDEX(Jesper!$R$2:$R$366,ROW(INDEX(Jesper!AJ$2:AJ$366,ROUNDDOWN($C8461/24,0)+1,1))-1)+IF('Standard Profiles'!$G$20=$B$10,7,0)+IF('Standard Profiles'!$G$20=$B$17,14,0)+IF('Standard Profiles'!$G$20=$B$24,21,0),MOD($C8461,24)+1)/SUM(INDEX($D$3:$AA$30,INDEX(Jesper!$R$2:$R$366,ROW(INDEX(Jesper!AJ$2:AJ$366,ROUNDDOWN($C8461/24,0)+1,1))-1)+IF('Standard Profiles'!$G$20=$B$10,7,0)+IF('Standard Profiles'!$G$20=$B$17,14,0)+IF('Standard Profiles'!$G$20=$B$24,21,0),0)),0)</f>
        <v>0</v>
      </c>
      <c r="G8461" cm="1">
        <f t="array" ref="G8461">IFERROR(INDEX(Jesper!AK$2:AK$366,ROUNDDOWN($C8461/24,0)+1,1)*INDEX($D$3:$AA$30,INDEX(Jesper!$R$2:$R$366,ROW(INDEX(Jesper!AK$2:AK$366,ROUNDDOWN($C8461/24,0)+1,1))-1)+IF('Standard Profiles'!$G$21=$B$10,7,0)+IF('Standard Profiles'!$G$21=$B$17,14,0)+IF('Standard Profiles'!$G$21=$B$24,21,0),MOD($C8461,24)+1)/SUM(INDEX($D$3:$AA$30,INDEX(Jesper!$R$2:$R$366,ROW(INDEX(Jesper!AK$2:AK$366,ROUNDDOWN($C8461/24,0)+1,1))-1)+IF('Standard Profiles'!$G$21=$B$10,7,0)+IF('Standard Profiles'!$G$21=$B$17,14,0)+IF('Standard Profiles'!$G$21=$B$24,21,0),0)),0)</f>
        <v>2.8324718843364631</v>
      </c>
      <c r="H8461" cm="1">
        <f t="array" ref="H8461">IFERROR(INDEX(Jesper!AL$2:AL$366,ROUNDDOWN($C8461/24,0)+1,1)*INDEX($D$3:$AA$30,INDEX(Jesper!$R$2:$R$366,ROW(INDEX(Jesper!AL$2:AL$366,ROUNDDOWN($C8461/24,0)+1,1))-1)+IF('Standard Profiles'!$G$22=$B$10,7,0)+IF('Standard Profiles'!$G$22=$B$17,14,0)+IF('Standard Profiles'!$G$22=$B$24,21,0),MOD($C8461,24)+1)/SUM(INDEX($D$3:$AA$30,INDEX(Jesper!$R$2:$R$366,ROW(INDEX(Jesper!AL$2:AL$366,ROUNDDOWN($C8461/24,0)+1,1))-1)+IF('Standard Profiles'!$G$22=$B$10,7,0)+IF('Standard Profiles'!$G$22=$B$17,14,0)+IF('Standard Profiles'!$G$22=$B$24,21,0),0)),0)</f>
        <v>0</v>
      </c>
      <c r="I8461">
        <f t="shared" si="937"/>
        <v>1.3595865044815016</v>
      </c>
      <c r="J8461">
        <f t="shared" si="938"/>
        <v>11.38850338937487</v>
      </c>
      <c r="K8461">
        <f t="shared" si="939"/>
        <v>0.60190057992966839</v>
      </c>
      <c r="L8461">
        <f t="shared" si="940"/>
        <v>0.30095028996483419</v>
      </c>
      <c r="M8461">
        <f t="shared" si="941"/>
        <v>0</v>
      </c>
      <c r="N8461" s="45">
        <f t="shared" si="942"/>
        <v>45278.124999979562</v>
      </c>
    </row>
    <row r="8462" spans="2:14" x14ac:dyDescent="0.25">
      <c r="B8462">
        <f t="shared" si="936"/>
        <v>1</v>
      </c>
      <c r="C8462" s="16">
        <v>8428</v>
      </c>
      <c r="D8462" cm="1">
        <f t="array" ref="D8462">IFERROR(INDEX(Jesper!AH$2:AH$366,ROUNDDOWN($C8462/24,0)+1,1)*INDEX($D$3:$AA$30,INDEX(Jesper!$R$2:$R$366,ROW(INDEX(Jesper!AH$2:AH$366,ROUNDDOWN($C8462/24,0)+1,1))-1)+IF('Standard Profiles'!$G$18=$B$10,7,0)+IF('Standard Profiles'!$G$18=$B$17,14,0)+IF('Standard Profiles'!$G$18=$B$24,21,0),MOD($C8462,24)+1)/SUM(INDEX($D$3:$AA$30,INDEX(Jesper!$R$2:$R$366,ROW(INDEX(Jesper!AH$2:AH$366,ROUNDDOWN($C8462/24,0)+1,1))-1)+IF('Standard Profiles'!$G$18=$B$10,7,0)+IF('Standard Profiles'!$G$18=$B$17,14,0)+IF('Standard Profiles'!$G$18=$B$24,21,0),0)),0)</f>
        <v>5.6428179368406406</v>
      </c>
      <c r="E8462" cm="1">
        <f t="array" ref="E8462">IFERROR(INDEX(Jesper!AI$2:AI$366,ROUNDDOWN($C8462/24,0)+1,1)*INDEX($D$3:$AA$30,INDEX(Jesper!$R$2:$R$366,ROW(INDEX(Jesper!AI$2:AI$366,ROUNDDOWN($C8462/24,0)+1,1))-1)+IF('Standard Profiles'!$G$19=$B$10,7,0)+IF('Standard Profiles'!$G$19=$B$17,14,0)+IF('Standard Profiles'!$G$19=$B$24,21,0),MOD($C8462,24)+1)/SUM(INDEX($D$3:$AA$30,INDEX(Jesper!$R$2:$R$366,ROW(INDEX(Jesper!AI$2:AI$366,ROUNDDOWN($C8462/24,0)+1,1))-1)+IF('Standard Profiles'!$G$19=$B$10,7,0)+IF('Standard Profiles'!$G$19=$B$17,14,0)+IF('Standard Profiles'!$G$19=$B$24,21,0),0)),0)</f>
        <v>5.1756509425737711</v>
      </c>
      <c r="F8462" cm="1">
        <f t="array" ref="F8462">IFERROR(INDEX(Jesper!AJ$2:AJ$366,ROUNDDOWN($C8462/24,0)+1,1)*INDEX($D$3:$AA$30,INDEX(Jesper!$R$2:$R$366,ROW(INDEX(Jesper!AJ$2:AJ$366,ROUNDDOWN($C8462/24,0)+1,1))-1)+IF('Standard Profiles'!$G$20=$B$10,7,0)+IF('Standard Profiles'!$G$20=$B$17,14,0)+IF('Standard Profiles'!$G$20=$B$24,21,0),MOD($C8462,24)+1)/SUM(INDEX($D$3:$AA$30,INDEX(Jesper!$R$2:$R$366,ROW(INDEX(Jesper!AJ$2:AJ$366,ROUNDDOWN($C8462/24,0)+1,1))-1)+IF('Standard Profiles'!$G$20=$B$10,7,0)+IF('Standard Profiles'!$G$20=$B$17,14,0)+IF('Standard Profiles'!$G$20=$B$24,21,0),0)),0)</f>
        <v>0</v>
      </c>
      <c r="G8462" cm="1">
        <f t="array" ref="G8462">IFERROR(INDEX(Jesper!AK$2:AK$366,ROUNDDOWN($C8462/24,0)+1,1)*INDEX($D$3:$AA$30,INDEX(Jesper!$R$2:$R$366,ROW(INDEX(Jesper!AK$2:AK$366,ROUNDDOWN($C8462/24,0)+1,1))-1)+IF('Standard Profiles'!$G$21=$B$10,7,0)+IF('Standard Profiles'!$G$21=$B$17,14,0)+IF('Standard Profiles'!$G$21=$B$24,21,0),MOD($C8462,24)+1)/SUM(INDEX($D$3:$AA$30,INDEX(Jesper!$R$2:$R$366,ROW(INDEX(Jesper!AK$2:AK$366,ROUNDDOWN($C8462/24,0)+1,1))-1)+IF('Standard Profiles'!$G$21=$B$10,7,0)+IF('Standard Profiles'!$G$21=$B$17,14,0)+IF('Standard Profiles'!$G$21=$B$24,21,0),0)),0)</f>
        <v>2.8324718843364631</v>
      </c>
      <c r="H8462" cm="1">
        <f t="array" ref="H8462">IFERROR(INDEX(Jesper!AL$2:AL$366,ROUNDDOWN($C8462/24,0)+1,1)*INDEX($D$3:$AA$30,INDEX(Jesper!$R$2:$R$366,ROW(INDEX(Jesper!AL$2:AL$366,ROUNDDOWN($C8462/24,0)+1,1))-1)+IF('Standard Profiles'!$G$22=$B$10,7,0)+IF('Standard Profiles'!$G$22=$B$17,14,0)+IF('Standard Profiles'!$G$22=$B$24,21,0),MOD($C8462,24)+1)/SUM(INDEX($D$3:$AA$30,INDEX(Jesper!$R$2:$R$366,ROW(INDEX(Jesper!AL$2:AL$366,ROUNDDOWN($C8462/24,0)+1,1))-1)+IF('Standard Profiles'!$G$22=$B$10,7,0)+IF('Standard Profiles'!$G$22=$B$17,14,0)+IF('Standard Profiles'!$G$22=$B$24,21,0),0)),0)</f>
        <v>0</v>
      </c>
      <c r="I8462">
        <f t="shared" si="937"/>
        <v>1.3595865044815016</v>
      </c>
      <c r="J8462">
        <f t="shared" si="938"/>
        <v>11.38850338937487</v>
      </c>
      <c r="K8462">
        <f t="shared" si="939"/>
        <v>0.60190057992966839</v>
      </c>
      <c r="L8462">
        <f t="shared" si="940"/>
        <v>0.30095028996483419</v>
      </c>
      <c r="M8462">
        <f t="shared" si="941"/>
        <v>0</v>
      </c>
      <c r="N8462" s="45">
        <f t="shared" si="942"/>
        <v>45278.166666646226</v>
      </c>
    </row>
    <row r="8463" spans="2:14" x14ac:dyDescent="0.25">
      <c r="B8463">
        <f t="shared" si="936"/>
        <v>1</v>
      </c>
      <c r="C8463" s="16">
        <v>8429</v>
      </c>
      <c r="D8463" cm="1">
        <f t="array" ref="D8463">IFERROR(INDEX(Jesper!AH$2:AH$366,ROUNDDOWN($C8463/24,0)+1,1)*INDEX($D$3:$AA$30,INDEX(Jesper!$R$2:$R$366,ROW(INDEX(Jesper!AH$2:AH$366,ROUNDDOWN($C8463/24,0)+1,1))-1)+IF('Standard Profiles'!$G$18=$B$10,7,0)+IF('Standard Profiles'!$G$18=$B$17,14,0)+IF('Standard Profiles'!$G$18=$B$24,21,0),MOD($C8463,24)+1)/SUM(INDEX($D$3:$AA$30,INDEX(Jesper!$R$2:$R$366,ROW(INDEX(Jesper!AH$2:AH$366,ROUNDDOWN($C8463/24,0)+1,1))-1)+IF('Standard Profiles'!$G$18=$B$10,7,0)+IF('Standard Profiles'!$G$18=$B$17,14,0)+IF('Standard Profiles'!$G$18=$B$24,21,0),0)),0)</f>
        <v>5.6428179368406406</v>
      </c>
      <c r="E8463" cm="1">
        <f t="array" ref="E8463">IFERROR(INDEX(Jesper!AI$2:AI$366,ROUNDDOWN($C8463/24,0)+1,1)*INDEX($D$3:$AA$30,INDEX(Jesper!$R$2:$R$366,ROW(INDEX(Jesper!AI$2:AI$366,ROUNDDOWN($C8463/24,0)+1,1))-1)+IF('Standard Profiles'!$G$19=$B$10,7,0)+IF('Standard Profiles'!$G$19=$B$17,14,0)+IF('Standard Profiles'!$G$19=$B$24,21,0),MOD($C8463,24)+1)/SUM(INDEX($D$3:$AA$30,INDEX(Jesper!$R$2:$R$366,ROW(INDEX(Jesper!AI$2:AI$366,ROUNDDOWN($C8463/24,0)+1,1))-1)+IF('Standard Profiles'!$G$19=$B$10,7,0)+IF('Standard Profiles'!$G$19=$B$17,14,0)+IF('Standard Profiles'!$G$19=$B$24,21,0),0)),0)</f>
        <v>5.1756509425737711</v>
      </c>
      <c r="F8463" cm="1">
        <f t="array" ref="F8463">IFERROR(INDEX(Jesper!AJ$2:AJ$366,ROUNDDOWN($C8463/24,0)+1,1)*INDEX($D$3:$AA$30,INDEX(Jesper!$R$2:$R$366,ROW(INDEX(Jesper!AJ$2:AJ$366,ROUNDDOWN($C8463/24,0)+1,1))-1)+IF('Standard Profiles'!$G$20=$B$10,7,0)+IF('Standard Profiles'!$G$20=$B$17,14,0)+IF('Standard Profiles'!$G$20=$B$24,21,0),MOD($C8463,24)+1)/SUM(INDEX($D$3:$AA$30,INDEX(Jesper!$R$2:$R$366,ROW(INDEX(Jesper!AJ$2:AJ$366,ROUNDDOWN($C8463/24,0)+1,1))-1)+IF('Standard Profiles'!$G$20=$B$10,7,0)+IF('Standard Profiles'!$G$20=$B$17,14,0)+IF('Standard Profiles'!$G$20=$B$24,21,0),0)),0)</f>
        <v>0</v>
      </c>
      <c r="G8463" cm="1">
        <f t="array" ref="G8463">IFERROR(INDEX(Jesper!AK$2:AK$366,ROUNDDOWN($C8463/24,0)+1,1)*INDEX($D$3:$AA$30,INDEX(Jesper!$R$2:$R$366,ROW(INDEX(Jesper!AK$2:AK$366,ROUNDDOWN($C8463/24,0)+1,1))-1)+IF('Standard Profiles'!$G$21=$B$10,7,0)+IF('Standard Profiles'!$G$21=$B$17,14,0)+IF('Standard Profiles'!$G$21=$B$24,21,0),MOD($C8463,24)+1)/SUM(INDEX($D$3:$AA$30,INDEX(Jesper!$R$2:$R$366,ROW(INDEX(Jesper!AK$2:AK$366,ROUNDDOWN($C8463/24,0)+1,1))-1)+IF('Standard Profiles'!$G$21=$B$10,7,0)+IF('Standard Profiles'!$G$21=$B$17,14,0)+IF('Standard Profiles'!$G$21=$B$24,21,0),0)),0)</f>
        <v>2.8324718843364631</v>
      </c>
      <c r="H8463" cm="1">
        <f t="array" ref="H8463">IFERROR(INDEX(Jesper!AL$2:AL$366,ROUNDDOWN($C8463/24,0)+1,1)*INDEX($D$3:$AA$30,INDEX(Jesper!$R$2:$R$366,ROW(INDEX(Jesper!AL$2:AL$366,ROUNDDOWN($C8463/24,0)+1,1))-1)+IF('Standard Profiles'!$G$22=$B$10,7,0)+IF('Standard Profiles'!$G$22=$B$17,14,0)+IF('Standard Profiles'!$G$22=$B$24,21,0),MOD($C8463,24)+1)/SUM(INDEX($D$3:$AA$30,INDEX(Jesper!$R$2:$R$366,ROW(INDEX(Jesper!AL$2:AL$366,ROUNDDOWN($C8463/24,0)+1,1))-1)+IF('Standard Profiles'!$G$22=$B$10,7,0)+IF('Standard Profiles'!$G$22=$B$17,14,0)+IF('Standard Profiles'!$G$22=$B$24,21,0),0)),0)</f>
        <v>0</v>
      </c>
      <c r="I8463">
        <f t="shared" si="937"/>
        <v>1.3595865044815016</v>
      </c>
      <c r="J8463">
        <f t="shared" si="938"/>
        <v>11.38850338937487</v>
      </c>
      <c r="K8463">
        <f t="shared" si="939"/>
        <v>0.60190057992966839</v>
      </c>
      <c r="L8463">
        <f t="shared" si="940"/>
        <v>0.30095028996483419</v>
      </c>
      <c r="M8463">
        <f t="shared" si="941"/>
        <v>0</v>
      </c>
      <c r="N8463" s="45">
        <f t="shared" si="942"/>
        <v>45278.20833331289</v>
      </c>
    </row>
    <row r="8464" spans="2:14" x14ac:dyDescent="0.25">
      <c r="B8464">
        <f t="shared" si="936"/>
        <v>1</v>
      </c>
      <c r="C8464" s="16">
        <v>8430</v>
      </c>
      <c r="D8464" cm="1">
        <f t="array" ref="D8464">IFERROR(INDEX(Jesper!AH$2:AH$366,ROUNDDOWN($C8464/24,0)+1,1)*INDEX($D$3:$AA$30,INDEX(Jesper!$R$2:$R$366,ROW(INDEX(Jesper!AH$2:AH$366,ROUNDDOWN($C8464/24,0)+1,1))-1)+IF('Standard Profiles'!$G$18=$B$10,7,0)+IF('Standard Profiles'!$G$18=$B$17,14,0)+IF('Standard Profiles'!$G$18=$B$24,21,0),MOD($C8464,24)+1)/SUM(INDEX($D$3:$AA$30,INDEX(Jesper!$R$2:$R$366,ROW(INDEX(Jesper!AH$2:AH$366,ROUNDDOWN($C8464/24,0)+1,1))-1)+IF('Standard Profiles'!$G$18=$B$10,7,0)+IF('Standard Profiles'!$G$18=$B$17,14,0)+IF('Standard Profiles'!$G$18=$B$24,21,0),0)),0)</f>
        <v>5.6428179368406406</v>
      </c>
      <c r="E8464" cm="1">
        <f t="array" ref="E8464">IFERROR(INDEX(Jesper!AI$2:AI$366,ROUNDDOWN($C8464/24,0)+1,1)*INDEX($D$3:$AA$30,INDEX(Jesper!$R$2:$R$366,ROW(INDEX(Jesper!AI$2:AI$366,ROUNDDOWN($C8464/24,0)+1,1))-1)+IF('Standard Profiles'!$G$19=$B$10,7,0)+IF('Standard Profiles'!$G$19=$B$17,14,0)+IF('Standard Profiles'!$G$19=$B$24,21,0),MOD($C8464,24)+1)/SUM(INDEX($D$3:$AA$30,INDEX(Jesper!$R$2:$R$366,ROW(INDEX(Jesper!AI$2:AI$366,ROUNDDOWN($C8464/24,0)+1,1))-1)+IF('Standard Profiles'!$G$19=$B$10,7,0)+IF('Standard Profiles'!$G$19=$B$17,14,0)+IF('Standard Profiles'!$G$19=$B$24,21,0),0)),0)</f>
        <v>5.1756509425737711</v>
      </c>
      <c r="F8464" cm="1">
        <f t="array" ref="F8464">IFERROR(INDEX(Jesper!AJ$2:AJ$366,ROUNDDOWN($C8464/24,0)+1,1)*INDEX($D$3:$AA$30,INDEX(Jesper!$R$2:$R$366,ROW(INDEX(Jesper!AJ$2:AJ$366,ROUNDDOWN($C8464/24,0)+1,1))-1)+IF('Standard Profiles'!$G$20=$B$10,7,0)+IF('Standard Profiles'!$G$20=$B$17,14,0)+IF('Standard Profiles'!$G$20=$B$24,21,0),MOD($C8464,24)+1)/SUM(INDEX($D$3:$AA$30,INDEX(Jesper!$R$2:$R$366,ROW(INDEX(Jesper!AJ$2:AJ$366,ROUNDDOWN($C8464/24,0)+1,1))-1)+IF('Standard Profiles'!$G$20=$B$10,7,0)+IF('Standard Profiles'!$G$20=$B$17,14,0)+IF('Standard Profiles'!$G$20=$B$24,21,0),0)),0)</f>
        <v>0</v>
      </c>
      <c r="G8464" cm="1">
        <f t="array" ref="G8464">IFERROR(INDEX(Jesper!AK$2:AK$366,ROUNDDOWN($C8464/24,0)+1,1)*INDEX($D$3:$AA$30,INDEX(Jesper!$R$2:$R$366,ROW(INDEX(Jesper!AK$2:AK$366,ROUNDDOWN($C8464/24,0)+1,1))-1)+IF('Standard Profiles'!$G$21=$B$10,7,0)+IF('Standard Profiles'!$G$21=$B$17,14,0)+IF('Standard Profiles'!$G$21=$B$24,21,0),MOD($C8464,24)+1)/SUM(INDEX($D$3:$AA$30,INDEX(Jesper!$R$2:$R$366,ROW(INDEX(Jesper!AK$2:AK$366,ROUNDDOWN($C8464/24,0)+1,1))-1)+IF('Standard Profiles'!$G$21=$B$10,7,0)+IF('Standard Profiles'!$G$21=$B$17,14,0)+IF('Standard Profiles'!$G$21=$B$24,21,0),0)),0)</f>
        <v>2.8324718843364631</v>
      </c>
      <c r="H8464" cm="1">
        <f t="array" ref="H8464">IFERROR(INDEX(Jesper!AL$2:AL$366,ROUNDDOWN($C8464/24,0)+1,1)*INDEX($D$3:$AA$30,INDEX(Jesper!$R$2:$R$366,ROW(INDEX(Jesper!AL$2:AL$366,ROUNDDOWN($C8464/24,0)+1,1))-1)+IF('Standard Profiles'!$G$22=$B$10,7,0)+IF('Standard Profiles'!$G$22=$B$17,14,0)+IF('Standard Profiles'!$G$22=$B$24,21,0),MOD($C8464,24)+1)/SUM(INDEX($D$3:$AA$30,INDEX(Jesper!$R$2:$R$366,ROW(INDEX(Jesper!AL$2:AL$366,ROUNDDOWN($C8464/24,0)+1,1))-1)+IF('Standard Profiles'!$G$22=$B$10,7,0)+IF('Standard Profiles'!$G$22=$B$17,14,0)+IF('Standard Profiles'!$G$22=$B$24,21,0),0)),0)</f>
        <v>0</v>
      </c>
      <c r="I8464">
        <f t="shared" si="937"/>
        <v>1.3595865044815016</v>
      </c>
      <c r="J8464">
        <f t="shared" si="938"/>
        <v>11.38850338937487</v>
      </c>
      <c r="K8464">
        <f t="shared" si="939"/>
        <v>0.60190057992966839</v>
      </c>
      <c r="L8464">
        <f t="shared" si="940"/>
        <v>0.30095028996483419</v>
      </c>
      <c r="M8464">
        <f t="shared" si="941"/>
        <v>0</v>
      </c>
      <c r="N8464" s="45">
        <f t="shared" si="942"/>
        <v>45278.249999979555</v>
      </c>
    </row>
    <row r="8465" spans="2:14" x14ac:dyDescent="0.25">
      <c r="B8465">
        <f t="shared" si="936"/>
        <v>1</v>
      </c>
      <c r="C8465" s="16">
        <v>8431</v>
      </c>
      <c r="D8465" cm="1">
        <f t="array" ref="D8465">IFERROR(INDEX(Jesper!AH$2:AH$366,ROUNDDOWN($C8465/24,0)+1,1)*INDEX($D$3:$AA$30,INDEX(Jesper!$R$2:$R$366,ROW(INDEX(Jesper!AH$2:AH$366,ROUNDDOWN($C8465/24,0)+1,1))-1)+IF('Standard Profiles'!$G$18=$B$10,7,0)+IF('Standard Profiles'!$G$18=$B$17,14,0)+IF('Standard Profiles'!$G$18=$B$24,21,0),MOD($C8465,24)+1)/SUM(INDEX($D$3:$AA$30,INDEX(Jesper!$R$2:$R$366,ROW(INDEX(Jesper!AH$2:AH$366,ROUNDDOWN($C8465/24,0)+1,1))-1)+IF('Standard Profiles'!$G$18=$B$10,7,0)+IF('Standard Profiles'!$G$18=$B$17,14,0)+IF('Standard Profiles'!$G$18=$B$24,21,0),0)),0)</f>
        <v>24.03840441094113</v>
      </c>
      <c r="E8465" cm="1">
        <f t="array" ref="E8465">IFERROR(INDEX(Jesper!AI$2:AI$366,ROUNDDOWN($C8465/24,0)+1,1)*INDEX($D$3:$AA$30,INDEX(Jesper!$R$2:$R$366,ROW(INDEX(Jesper!AI$2:AI$366,ROUNDDOWN($C8465/24,0)+1,1))-1)+IF('Standard Profiles'!$G$19=$B$10,7,0)+IF('Standard Profiles'!$G$19=$B$17,14,0)+IF('Standard Profiles'!$G$19=$B$24,21,0),MOD($C8465,24)+1)/SUM(INDEX($D$3:$AA$30,INDEX(Jesper!$R$2:$R$366,ROW(INDEX(Jesper!AI$2:AI$366,ROUNDDOWN($C8465/24,0)+1,1))-1)+IF('Standard Profiles'!$G$19=$B$10,7,0)+IF('Standard Profiles'!$G$19=$B$17,14,0)+IF('Standard Profiles'!$G$19=$B$24,21,0),0)),0)</f>
        <v>22.048273015364266</v>
      </c>
      <c r="F8465" cm="1">
        <f t="array" ref="F8465">IFERROR(INDEX(Jesper!AJ$2:AJ$366,ROUNDDOWN($C8465/24,0)+1,1)*INDEX($D$3:$AA$30,INDEX(Jesper!$R$2:$R$366,ROW(INDEX(Jesper!AJ$2:AJ$366,ROUNDDOWN($C8465/24,0)+1,1))-1)+IF('Standard Profiles'!$G$20=$B$10,7,0)+IF('Standard Profiles'!$G$20=$B$17,14,0)+IF('Standard Profiles'!$G$20=$B$24,21,0),MOD($C8465,24)+1)/SUM(INDEX($D$3:$AA$30,INDEX(Jesper!$R$2:$R$366,ROW(INDEX(Jesper!AJ$2:AJ$366,ROUNDDOWN($C8465/24,0)+1,1))-1)+IF('Standard Profiles'!$G$20=$B$10,7,0)+IF('Standard Profiles'!$G$20=$B$17,14,0)+IF('Standard Profiles'!$G$20=$B$24,21,0),0)),0)</f>
        <v>0</v>
      </c>
      <c r="G8465" cm="1">
        <f t="array" ref="G8465">IFERROR(INDEX(Jesper!AK$2:AK$366,ROUNDDOWN($C8465/24,0)+1,1)*INDEX($D$3:$AA$30,INDEX(Jesper!$R$2:$R$366,ROW(INDEX(Jesper!AK$2:AK$366,ROUNDDOWN($C8465/24,0)+1,1))-1)+IF('Standard Profiles'!$G$21=$B$10,7,0)+IF('Standard Profiles'!$G$21=$B$17,14,0)+IF('Standard Profiles'!$G$21=$B$24,21,0),MOD($C8465,24)+1)/SUM(INDEX($D$3:$AA$30,INDEX(Jesper!$R$2:$R$366,ROW(INDEX(Jesper!AK$2:AK$366,ROUNDDOWN($C8465/24,0)+1,1))-1)+IF('Standard Profiles'!$G$21=$B$10,7,0)+IF('Standard Profiles'!$G$21=$B$17,14,0)+IF('Standard Profiles'!$G$21=$B$24,21,0),0)),0)</f>
        <v>12.321252696863613</v>
      </c>
      <c r="H8465" cm="1">
        <f t="array" ref="H8465">IFERROR(INDEX(Jesper!AL$2:AL$366,ROUNDDOWN($C8465/24,0)+1,1)*INDEX($D$3:$AA$30,INDEX(Jesper!$R$2:$R$366,ROW(INDEX(Jesper!AL$2:AL$366,ROUNDDOWN($C8465/24,0)+1,1))-1)+IF('Standard Profiles'!$G$22=$B$10,7,0)+IF('Standard Profiles'!$G$22=$B$17,14,0)+IF('Standard Profiles'!$G$22=$B$24,21,0),MOD($C8465,24)+1)/SUM(INDEX($D$3:$AA$30,INDEX(Jesper!$R$2:$R$366,ROW(INDEX(Jesper!AL$2:AL$366,ROUNDDOWN($C8465/24,0)+1,1))-1)+IF('Standard Profiles'!$G$22=$B$10,7,0)+IF('Standard Profiles'!$G$22=$B$17,14,0)+IF('Standard Profiles'!$G$22=$B$24,21,0),0)),0)</f>
        <v>0</v>
      </c>
      <c r="I8465">
        <f t="shared" si="937"/>
        <v>5.9142012944945312</v>
      </c>
      <c r="J8465">
        <f t="shared" si="938"/>
        <v>48.647584122923895</v>
      </c>
      <c r="K8465">
        <f t="shared" si="939"/>
        <v>2.5640964705003872</v>
      </c>
      <c r="L8465">
        <f t="shared" si="940"/>
        <v>1.2820482352501936</v>
      </c>
      <c r="M8465">
        <f t="shared" si="941"/>
        <v>0</v>
      </c>
      <c r="N8465" s="45">
        <f t="shared" si="942"/>
        <v>45278.291666646219</v>
      </c>
    </row>
    <row r="8466" spans="2:14" x14ac:dyDescent="0.25">
      <c r="B8466">
        <f t="shared" si="936"/>
        <v>1</v>
      </c>
      <c r="C8466" s="16">
        <v>8432</v>
      </c>
      <c r="D8466" cm="1">
        <f t="array" ref="D8466">IFERROR(INDEX(Jesper!AH$2:AH$366,ROUNDDOWN($C8466/24,0)+1,1)*INDEX($D$3:$AA$30,INDEX(Jesper!$R$2:$R$366,ROW(INDEX(Jesper!AH$2:AH$366,ROUNDDOWN($C8466/24,0)+1,1))-1)+IF('Standard Profiles'!$G$18=$B$10,7,0)+IF('Standard Profiles'!$G$18=$B$17,14,0)+IF('Standard Profiles'!$G$18=$B$24,21,0),MOD($C8466,24)+1)/SUM(INDEX($D$3:$AA$30,INDEX(Jesper!$R$2:$R$366,ROW(INDEX(Jesper!AH$2:AH$366,ROUNDDOWN($C8466/24,0)+1,1))-1)+IF('Standard Profiles'!$G$18=$B$10,7,0)+IF('Standard Profiles'!$G$18=$B$17,14,0)+IF('Standard Profiles'!$G$18=$B$24,21,0),0)),0)</f>
        <v>27.043204962308771</v>
      </c>
      <c r="E8466" cm="1">
        <f t="array" ref="E8466">IFERROR(INDEX(Jesper!AI$2:AI$366,ROUNDDOWN($C8466/24,0)+1,1)*INDEX($D$3:$AA$30,INDEX(Jesper!$R$2:$R$366,ROW(INDEX(Jesper!AI$2:AI$366,ROUNDDOWN($C8466/24,0)+1,1))-1)+IF('Standard Profiles'!$G$19=$B$10,7,0)+IF('Standard Profiles'!$G$19=$B$17,14,0)+IF('Standard Profiles'!$G$19=$B$24,21,0),MOD($C8466,24)+1)/SUM(INDEX($D$3:$AA$30,INDEX(Jesper!$R$2:$R$366,ROW(INDEX(Jesper!AI$2:AI$366,ROUNDDOWN($C8466/24,0)+1,1))-1)+IF('Standard Profiles'!$G$19=$B$10,7,0)+IF('Standard Profiles'!$G$19=$B$17,14,0)+IF('Standard Profiles'!$G$19=$B$24,21,0),0)),0)</f>
        <v>24.804307142284799</v>
      </c>
      <c r="F8466" cm="1">
        <f t="array" ref="F8466">IFERROR(INDEX(Jesper!AJ$2:AJ$366,ROUNDDOWN($C8466/24,0)+1,1)*INDEX($D$3:$AA$30,INDEX(Jesper!$R$2:$R$366,ROW(INDEX(Jesper!AJ$2:AJ$366,ROUNDDOWN($C8466/24,0)+1,1))-1)+IF('Standard Profiles'!$G$20=$B$10,7,0)+IF('Standard Profiles'!$G$20=$B$17,14,0)+IF('Standard Profiles'!$G$20=$B$24,21,0),MOD($C8466,24)+1)/SUM(INDEX($D$3:$AA$30,INDEX(Jesper!$R$2:$R$366,ROW(INDEX(Jesper!AJ$2:AJ$366,ROUNDDOWN($C8466/24,0)+1,1))-1)+IF('Standard Profiles'!$G$20=$B$10,7,0)+IF('Standard Profiles'!$G$20=$B$17,14,0)+IF('Standard Profiles'!$G$20=$B$24,21,0),0)),0)</f>
        <v>0</v>
      </c>
      <c r="G8466" cm="1">
        <f t="array" ref="G8466">IFERROR(INDEX(Jesper!AK$2:AK$366,ROUNDDOWN($C8466/24,0)+1,1)*INDEX($D$3:$AA$30,INDEX(Jesper!$R$2:$R$366,ROW(INDEX(Jesper!AK$2:AK$366,ROUNDDOWN($C8466/24,0)+1,1))-1)+IF('Standard Profiles'!$G$21=$B$10,7,0)+IF('Standard Profiles'!$G$21=$B$17,14,0)+IF('Standard Profiles'!$G$21=$B$24,21,0),MOD($C8466,24)+1)/SUM(INDEX($D$3:$AA$30,INDEX(Jesper!$R$2:$R$366,ROW(INDEX(Jesper!AK$2:AK$366,ROUNDDOWN($C8466/24,0)+1,1))-1)+IF('Standard Profiles'!$G$21=$B$10,7,0)+IF('Standard Profiles'!$G$21=$B$17,14,0)+IF('Standard Profiles'!$G$21=$B$24,21,0),0)),0)</f>
        <v>13.861409283971565</v>
      </c>
      <c r="H8466" cm="1">
        <f t="array" ref="H8466">IFERROR(INDEX(Jesper!AL$2:AL$366,ROUNDDOWN($C8466/24,0)+1,1)*INDEX($D$3:$AA$30,INDEX(Jesper!$R$2:$R$366,ROW(INDEX(Jesper!AL$2:AL$366,ROUNDDOWN($C8466/24,0)+1,1))-1)+IF('Standard Profiles'!$G$22=$B$10,7,0)+IF('Standard Profiles'!$G$22=$B$17,14,0)+IF('Standard Profiles'!$G$22=$B$24,21,0),MOD($C8466,24)+1)/SUM(INDEX($D$3:$AA$30,INDEX(Jesper!$R$2:$R$366,ROW(INDEX(Jesper!AL$2:AL$366,ROUNDDOWN($C8466/24,0)+1,1))-1)+IF('Standard Profiles'!$G$22=$B$10,7,0)+IF('Standard Profiles'!$G$22=$B$17,14,0)+IF('Standard Profiles'!$G$22=$B$24,21,0),0)),0)</f>
        <v>0</v>
      </c>
      <c r="I8466">
        <f t="shared" si="937"/>
        <v>6.6534764563063478</v>
      </c>
      <c r="J8466">
        <f t="shared" si="938"/>
        <v>54.728532138289381</v>
      </c>
      <c r="K8466">
        <f t="shared" si="939"/>
        <v>2.8846085293129358</v>
      </c>
      <c r="L8466">
        <f t="shared" si="940"/>
        <v>1.4423042646564679</v>
      </c>
      <c r="M8466">
        <f t="shared" si="941"/>
        <v>0</v>
      </c>
      <c r="N8466" s="45">
        <f t="shared" si="942"/>
        <v>45278.333333312883</v>
      </c>
    </row>
    <row r="8467" spans="2:14" x14ac:dyDescent="0.25">
      <c r="B8467">
        <f t="shared" si="936"/>
        <v>1</v>
      </c>
      <c r="C8467" s="16">
        <v>8433</v>
      </c>
      <c r="D8467" cm="1">
        <f t="array" ref="D8467">IFERROR(INDEX(Jesper!AH$2:AH$366,ROUNDDOWN($C8467/24,0)+1,1)*INDEX($D$3:$AA$30,INDEX(Jesper!$R$2:$R$366,ROW(INDEX(Jesper!AH$2:AH$366,ROUNDDOWN($C8467/24,0)+1,1))-1)+IF('Standard Profiles'!$G$18=$B$10,7,0)+IF('Standard Profiles'!$G$18=$B$17,14,0)+IF('Standard Profiles'!$G$18=$B$24,21,0),MOD($C8467,24)+1)/SUM(INDEX($D$3:$AA$30,INDEX(Jesper!$R$2:$R$366,ROW(INDEX(Jesper!AH$2:AH$366,ROUNDDOWN($C8467/24,0)+1,1))-1)+IF('Standard Profiles'!$G$18=$B$10,7,0)+IF('Standard Profiles'!$G$18=$B$17,14,0)+IF('Standard Profiles'!$G$18=$B$24,21,0),0)),0)</f>
        <v>30.048005513676411</v>
      </c>
      <c r="E8467" cm="1">
        <f t="array" ref="E8467">IFERROR(INDEX(Jesper!AI$2:AI$366,ROUNDDOWN($C8467/24,0)+1,1)*INDEX($D$3:$AA$30,INDEX(Jesper!$R$2:$R$366,ROW(INDEX(Jesper!AI$2:AI$366,ROUNDDOWN($C8467/24,0)+1,1))-1)+IF('Standard Profiles'!$G$19=$B$10,7,0)+IF('Standard Profiles'!$G$19=$B$17,14,0)+IF('Standard Profiles'!$G$19=$B$24,21,0),MOD($C8467,24)+1)/SUM(INDEX($D$3:$AA$30,INDEX(Jesper!$R$2:$R$366,ROW(INDEX(Jesper!AI$2:AI$366,ROUNDDOWN($C8467/24,0)+1,1))-1)+IF('Standard Profiles'!$G$19=$B$10,7,0)+IF('Standard Profiles'!$G$19=$B$17,14,0)+IF('Standard Profiles'!$G$19=$B$24,21,0),0)),0)</f>
        <v>27.560341269205335</v>
      </c>
      <c r="F8467" cm="1">
        <f t="array" ref="F8467">IFERROR(INDEX(Jesper!AJ$2:AJ$366,ROUNDDOWN($C8467/24,0)+1,1)*INDEX($D$3:$AA$30,INDEX(Jesper!$R$2:$R$366,ROW(INDEX(Jesper!AJ$2:AJ$366,ROUNDDOWN($C8467/24,0)+1,1))-1)+IF('Standard Profiles'!$G$20=$B$10,7,0)+IF('Standard Profiles'!$G$20=$B$17,14,0)+IF('Standard Profiles'!$G$20=$B$24,21,0),MOD($C8467,24)+1)/SUM(INDEX($D$3:$AA$30,INDEX(Jesper!$R$2:$R$366,ROW(INDEX(Jesper!AJ$2:AJ$366,ROUNDDOWN($C8467/24,0)+1,1))-1)+IF('Standard Profiles'!$G$20=$B$10,7,0)+IF('Standard Profiles'!$G$20=$B$17,14,0)+IF('Standard Profiles'!$G$20=$B$24,21,0),0)),0)</f>
        <v>0</v>
      </c>
      <c r="G8467" cm="1">
        <f t="array" ref="G8467">IFERROR(INDEX(Jesper!AK$2:AK$366,ROUNDDOWN($C8467/24,0)+1,1)*INDEX($D$3:$AA$30,INDEX(Jesper!$R$2:$R$366,ROW(INDEX(Jesper!AK$2:AK$366,ROUNDDOWN($C8467/24,0)+1,1))-1)+IF('Standard Profiles'!$G$21=$B$10,7,0)+IF('Standard Profiles'!$G$21=$B$17,14,0)+IF('Standard Profiles'!$G$21=$B$24,21,0),MOD($C8467,24)+1)/SUM(INDEX($D$3:$AA$30,INDEX(Jesper!$R$2:$R$366,ROW(INDEX(Jesper!AK$2:AK$366,ROUNDDOWN($C8467/24,0)+1,1))-1)+IF('Standard Profiles'!$G$21=$B$10,7,0)+IF('Standard Profiles'!$G$21=$B$17,14,0)+IF('Standard Profiles'!$G$21=$B$24,21,0),0)),0)</f>
        <v>15.401565871079516</v>
      </c>
      <c r="H8467" cm="1">
        <f t="array" ref="H8467">IFERROR(INDEX(Jesper!AL$2:AL$366,ROUNDDOWN($C8467/24,0)+1,1)*INDEX($D$3:$AA$30,INDEX(Jesper!$R$2:$R$366,ROW(INDEX(Jesper!AL$2:AL$366,ROUNDDOWN($C8467/24,0)+1,1))-1)+IF('Standard Profiles'!$G$22=$B$10,7,0)+IF('Standard Profiles'!$G$22=$B$17,14,0)+IF('Standard Profiles'!$G$22=$B$24,21,0),MOD($C8467,24)+1)/SUM(INDEX($D$3:$AA$30,INDEX(Jesper!$R$2:$R$366,ROW(INDEX(Jesper!AL$2:AL$366,ROUNDDOWN($C8467/24,0)+1,1))-1)+IF('Standard Profiles'!$G$22=$B$10,7,0)+IF('Standard Profiles'!$G$22=$B$17,14,0)+IF('Standard Profiles'!$G$22=$B$24,21,0),0)),0)</f>
        <v>0</v>
      </c>
      <c r="I8467">
        <f t="shared" si="937"/>
        <v>7.3927516181181643</v>
      </c>
      <c r="J8467">
        <f t="shared" si="938"/>
        <v>60.809480153654867</v>
      </c>
      <c r="K8467">
        <f t="shared" si="939"/>
        <v>3.2051205881254843</v>
      </c>
      <c r="L8467">
        <f t="shared" si="940"/>
        <v>1.6025602940627421</v>
      </c>
      <c r="M8467">
        <f t="shared" si="941"/>
        <v>0</v>
      </c>
      <c r="N8467" s="45">
        <f t="shared" si="942"/>
        <v>45278.374999979547</v>
      </c>
    </row>
    <row r="8468" spans="2:14" x14ac:dyDescent="0.25">
      <c r="B8468">
        <f t="shared" si="936"/>
        <v>1</v>
      </c>
      <c r="C8468" s="16">
        <v>8434</v>
      </c>
      <c r="D8468" cm="1">
        <f t="array" ref="D8468">IFERROR(INDEX(Jesper!AH$2:AH$366,ROUNDDOWN($C8468/24,0)+1,1)*INDEX($D$3:$AA$30,INDEX(Jesper!$R$2:$R$366,ROW(INDEX(Jesper!AH$2:AH$366,ROUNDDOWN($C8468/24,0)+1,1))-1)+IF('Standard Profiles'!$G$18=$B$10,7,0)+IF('Standard Profiles'!$G$18=$B$17,14,0)+IF('Standard Profiles'!$G$18=$B$24,21,0),MOD($C8468,24)+1)/SUM(INDEX($D$3:$AA$30,INDEX(Jesper!$R$2:$R$366,ROW(INDEX(Jesper!AH$2:AH$366,ROUNDDOWN($C8468/24,0)+1,1))-1)+IF('Standard Profiles'!$G$18=$B$10,7,0)+IF('Standard Profiles'!$G$18=$B$17,14,0)+IF('Standard Profiles'!$G$18=$B$24,21,0),0)),0)</f>
        <v>30.048005513676411</v>
      </c>
      <c r="E8468" cm="1">
        <f t="array" ref="E8468">IFERROR(INDEX(Jesper!AI$2:AI$366,ROUNDDOWN($C8468/24,0)+1,1)*INDEX($D$3:$AA$30,INDEX(Jesper!$R$2:$R$366,ROW(INDEX(Jesper!AI$2:AI$366,ROUNDDOWN($C8468/24,0)+1,1))-1)+IF('Standard Profiles'!$G$19=$B$10,7,0)+IF('Standard Profiles'!$G$19=$B$17,14,0)+IF('Standard Profiles'!$G$19=$B$24,21,0),MOD($C8468,24)+1)/SUM(INDEX($D$3:$AA$30,INDEX(Jesper!$R$2:$R$366,ROW(INDEX(Jesper!AI$2:AI$366,ROUNDDOWN($C8468/24,0)+1,1))-1)+IF('Standard Profiles'!$G$19=$B$10,7,0)+IF('Standard Profiles'!$G$19=$B$17,14,0)+IF('Standard Profiles'!$G$19=$B$24,21,0),0)),0)</f>
        <v>27.560341269205335</v>
      </c>
      <c r="F8468" cm="1">
        <f t="array" ref="F8468">IFERROR(INDEX(Jesper!AJ$2:AJ$366,ROUNDDOWN($C8468/24,0)+1,1)*INDEX($D$3:$AA$30,INDEX(Jesper!$R$2:$R$366,ROW(INDEX(Jesper!AJ$2:AJ$366,ROUNDDOWN($C8468/24,0)+1,1))-1)+IF('Standard Profiles'!$G$20=$B$10,7,0)+IF('Standard Profiles'!$G$20=$B$17,14,0)+IF('Standard Profiles'!$G$20=$B$24,21,0),MOD($C8468,24)+1)/SUM(INDEX($D$3:$AA$30,INDEX(Jesper!$R$2:$R$366,ROW(INDEX(Jesper!AJ$2:AJ$366,ROUNDDOWN($C8468/24,0)+1,1))-1)+IF('Standard Profiles'!$G$20=$B$10,7,0)+IF('Standard Profiles'!$G$20=$B$17,14,0)+IF('Standard Profiles'!$G$20=$B$24,21,0),0)),0)</f>
        <v>0</v>
      </c>
      <c r="G8468" cm="1">
        <f t="array" ref="G8468">IFERROR(INDEX(Jesper!AK$2:AK$366,ROUNDDOWN($C8468/24,0)+1,1)*INDEX($D$3:$AA$30,INDEX(Jesper!$R$2:$R$366,ROW(INDEX(Jesper!AK$2:AK$366,ROUNDDOWN($C8468/24,0)+1,1))-1)+IF('Standard Profiles'!$G$21=$B$10,7,0)+IF('Standard Profiles'!$G$21=$B$17,14,0)+IF('Standard Profiles'!$G$21=$B$24,21,0),MOD($C8468,24)+1)/SUM(INDEX($D$3:$AA$30,INDEX(Jesper!$R$2:$R$366,ROW(INDEX(Jesper!AK$2:AK$366,ROUNDDOWN($C8468/24,0)+1,1))-1)+IF('Standard Profiles'!$G$21=$B$10,7,0)+IF('Standard Profiles'!$G$21=$B$17,14,0)+IF('Standard Profiles'!$G$21=$B$24,21,0),0)),0)</f>
        <v>15.401565871079516</v>
      </c>
      <c r="H8468" cm="1">
        <f t="array" ref="H8468">IFERROR(INDEX(Jesper!AL$2:AL$366,ROUNDDOWN($C8468/24,0)+1,1)*INDEX($D$3:$AA$30,INDEX(Jesper!$R$2:$R$366,ROW(INDEX(Jesper!AL$2:AL$366,ROUNDDOWN($C8468/24,0)+1,1))-1)+IF('Standard Profiles'!$G$22=$B$10,7,0)+IF('Standard Profiles'!$G$22=$B$17,14,0)+IF('Standard Profiles'!$G$22=$B$24,21,0),MOD($C8468,24)+1)/SUM(INDEX($D$3:$AA$30,INDEX(Jesper!$R$2:$R$366,ROW(INDEX(Jesper!AL$2:AL$366,ROUNDDOWN($C8468/24,0)+1,1))-1)+IF('Standard Profiles'!$G$22=$B$10,7,0)+IF('Standard Profiles'!$G$22=$B$17,14,0)+IF('Standard Profiles'!$G$22=$B$24,21,0),0)),0)</f>
        <v>0</v>
      </c>
      <c r="I8468">
        <f t="shared" si="937"/>
        <v>7.3927516181181643</v>
      </c>
      <c r="J8468">
        <f t="shared" si="938"/>
        <v>60.809480153654867</v>
      </c>
      <c r="K8468">
        <f t="shared" si="939"/>
        <v>3.2051205881254843</v>
      </c>
      <c r="L8468">
        <f t="shared" si="940"/>
        <v>1.6025602940627421</v>
      </c>
      <c r="M8468">
        <f t="shared" si="941"/>
        <v>0</v>
      </c>
      <c r="N8468" s="45">
        <f t="shared" si="942"/>
        <v>45278.416666646212</v>
      </c>
    </row>
    <row r="8469" spans="2:14" x14ac:dyDescent="0.25">
      <c r="B8469">
        <f t="shared" si="936"/>
        <v>1</v>
      </c>
      <c r="C8469" s="16">
        <v>8435</v>
      </c>
      <c r="D8469" cm="1">
        <f t="array" ref="D8469">IFERROR(INDEX(Jesper!AH$2:AH$366,ROUNDDOWN($C8469/24,0)+1,1)*INDEX($D$3:$AA$30,INDEX(Jesper!$R$2:$R$366,ROW(INDEX(Jesper!AH$2:AH$366,ROUNDDOWN($C8469/24,0)+1,1))-1)+IF('Standard Profiles'!$G$18=$B$10,7,0)+IF('Standard Profiles'!$G$18=$B$17,14,0)+IF('Standard Profiles'!$G$18=$B$24,21,0),MOD($C8469,24)+1)/SUM(INDEX($D$3:$AA$30,INDEX(Jesper!$R$2:$R$366,ROW(INDEX(Jesper!AH$2:AH$366,ROUNDDOWN($C8469/24,0)+1,1))-1)+IF('Standard Profiles'!$G$18=$B$10,7,0)+IF('Standard Profiles'!$G$18=$B$17,14,0)+IF('Standard Profiles'!$G$18=$B$24,21,0),0)),0)</f>
        <v>36.05760661641169</v>
      </c>
      <c r="E8469" cm="1">
        <f t="array" ref="E8469">IFERROR(INDEX(Jesper!AI$2:AI$366,ROUNDDOWN($C8469/24,0)+1,1)*INDEX($D$3:$AA$30,INDEX(Jesper!$R$2:$R$366,ROW(INDEX(Jesper!AI$2:AI$366,ROUNDDOWN($C8469/24,0)+1,1))-1)+IF('Standard Profiles'!$G$19=$B$10,7,0)+IF('Standard Profiles'!$G$19=$B$17,14,0)+IF('Standard Profiles'!$G$19=$B$24,21,0),MOD($C8469,24)+1)/SUM(INDEX($D$3:$AA$30,INDEX(Jesper!$R$2:$R$366,ROW(INDEX(Jesper!AI$2:AI$366,ROUNDDOWN($C8469/24,0)+1,1))-1)+IF('Standard Profiles'!$G$19=$B$10,7,0)+IF('Standard Profiles'!$G$19=$B$17,14,0)+IF('Standard Profiles'!$G$19=$B$24,21,0),0)),0)</f>
        <v>33.072409523046396</v>
      </c>
      <c r="F8469" cm="1">
        <f t="array" ref="F8469">IFERROR(INDEX(Jesper!AJ$2:AJ$366,ROUNDDOWN($C8469/24,0)+1,1)*INDEX($D$3:$AA$30,INDEX(Jesper!$R$2:$R$366,ROW(INDEX(Jesper!AJ$2:AJ$366,ROUNDDOWN($C8469/24,0)+1,1))-1)+IF('Standard Profiles'!$G$20=$B$10,7,0)+IF('Standard Profiles'!$G$20=$B$17,14,0)+IF('Standard Profiles'!$G$20=$B$24,21,0),MOD($C8469,24)+1)/SUM(INDEX($D$3:$AA$30,INDEX(Jesper!$R$2:$R$366,ROW(INDEX(Jesper!AJ$2:AJ$366,ROUNDDOWN($C8469/24,0)+1,1))-1)+IF('Standard Profiles'!$G$20=$B$10,7,0)+IF('Standard Profiles'!$G$20=$B$17,14,0)+IF('Standard Profiles'!$G$20=$B$24,21,0),0)),0)</f>
        <v>0</v>
      </c>
      <c r="G8469" cm="1">
        <f t="array" ref="G8469">IFERROR(INDEX(Jesper!AK$2:AK$366,ROUNDDOWN($C8469/24,0)+1,1)*INDEX($D$3:$AA$30,INDEX(Jesper!$R$2:$R$366,ROW(INDEX(Jesper!AK$2:AK$366,ROUNDDOWN($C8469/24,0)+1,1))-1)+IF('Standard Profiles'!$G$21=$B$10,7,0)+IF('Standard Profiles'!$G$21=$B$17,14,0)+IF('Standard Profiles'!$G$21=$B$24,21,0),MOD($C8469,24)+1)/SUM(INDEX($D$3:$AA$30,INDEX(Jesper!$R$2:$R$366,ROW(INDEX(Jesper!AK$2:AK$366,ROUNDDOWN($C8469/24,0)+1,1))-1)+IF('Standard Profiles'!$G$21=$B$10,7,0)+IF('Standard Profiles'!$G$21=$B$17,14,0)+IF('Standard Profiles'!$G$21=$B$24,21,0),0)),0)</f>
        <v>18.481879045295418</v>
      </c>
      <c r="H8469" cm="1">
        <f t="array" ref="H8469">IFERROR(INDEX(Jesper!AL$2:AL$366,ROUNDDOWN($C8469/24,0)+1,1)*INDEX($D$3:$AA$30,INDEX(Jesper!$R$2:$R$366,ROW(INDEX(Jesper!AL$2:AL$366,ROUNDDOWN($C8469/24,0)+1,1))-1)+IF('Standard Profiles'!$G$22=$B$10,7,0)+IF('Standard Profiles'!$G$22=$B$17,14,0)+IF('Standard Profiles'!$G$22=$B$24,21,0),MOD($C8469,24)+1)/SUM(INDEX($D$3:$AA$30,INDEX(Jesper!$R$2:$R$366,ROW(INDEX(Jesper!AL$2:AL$366,ROUNDDOWN($C8469/24,0)+1,1))-1)+IF('Standard Profiles'!$G$22=$B$10,7,0)+IF('Standard Profiles'!$G$22=$B$17,14,0)+IF('Standard Profiles'!$G$22=$B$24,21,0),0)),0)</f>
        <v>0</v>
      </c>
      <c r="I8469">
        <f t="shared" si="937"/>
        <v>8.8713019417417964</v>
      </c>
      <c r="J8469">
        <f t="shared" si="938"/>
        <v>72.971376184385832</v>
      </c>
      <c r="K8469">
        <f t="shared" si="939"/>
        <v>3.8461447057505804</v>
      </c>
      <c r="L8469">
        <f t="shared" si="940"/>
        <v>1.9230723528752902</v>
      </c>
      <c r="M8469">
        <f t="shared" si="941"/>
        <v>0</v>
      </c>
      <c r="N8469" s="45">
        <f t="shared" si="942"/>
        <v>45278.458333312876</v>
      </c>
    </row>
    <row r="8470" spans="2:14" x14ac:dyDescent="0.25">
      <c r="B8470">
        <f t="shared" si="936"/>
        <v>1</v>
      </c>
      <c r="C8470" s="16">
        <v>8436</v>
      </c>
      <c r="D8470" cm="1">
        <f t="array" ref="D8470">IFERROR(INDEX(Jesper!AH$2:AH$366,ROUNDDOWN($C8470/24,0)+1,1)*INDEX($D$3:$AA$30,INDEX(Jesper!$R$2:$R$366,ROW(INDEX(Jesper!AH$2:AH$366,ROUNDDOWN($C8470/24,0)+1,1))-1)+IF('Standard Profiles'!$G$18=$B$10,7,0)+IF('Standard Profiles'!$G$18=$B$17,14,0)+IF('Standard Profiles'!$G$18=$B$24,21,0),MOD($C8470,24)+1)/SUM(INDEX($D$3:$AA$30,INDEX(Jesper!$R$2:$R$366,ROW(INDEX(Jesper!AH$2:AH$366,ROUNDDOWN($C8470/24,0)+1,1))-1)+IF('Standard Profiles'!$G$18=$B$10,7,0)+IF('Standard Profiles'!$G$18=$B$17,14,0)+IF('Standard Profiles'!$G$18=$B$24,21,0),0)),0)</f>
        <v>36.05760661641169</v>
      </c>
      <c r="E8470" cm="1">
        <f t="array" ref="E8470">IFERROR(INDEX(Jesper!AI$2:AI$366,ROUNDDOWN($C8470/24,0)+1,1)*INDEX($D$3:$AA$30,INDEX(Jesper!$R$2:$R$366,ROW(INDEX(Jesper!AI$2:AI$366,ROUNDDOWN($C8470/24,0)+1,1))-1)+IF('Standard Profiles'!$G$19=$B$10,7,0)+IF('Standard Profiles'!$G$19=$B$17,14,0)+IF('Standard Profiles'!$G$19=$B$24,21,0),MOD($C8470,24)+1)/SUM(INDEX($D$3:$AA$30,INDEX(Jesper!$R$2:$R$366,ROW(INDEX(Jesper!AI$2:AI$366,ROUNDDOWN($C8470/24,0)+1,1))-1)+IF('Standard Profiles'!$G$19=$B$10,7,0)+IF('Standard Profiles'!$G$19=$B$17,14,0)+IF('Standard Profiles'!$G$19=$B$24,21,0),0)),0)</f>
        <v>33.072409523046396</v>
      </c>
      <c r="F8470" cm="1">
        <f t="array" ref="F8470">IFERROR(INDEX(Jesper!AJ$2:AJ$366,ROUNDDOWN($C8470/24,0)+1,1)*INDEX($D$3:$AA$30,INDEX(Jesper!$R$2:$R$366,ROW(INDEX(Jesper!AJ$2:AJ$366,ROUNDDOWN($C8470/24,0)+1,1))-1)+IF('Standard Profiles'!$G$20=$B$10,7,0)+IF('Standard Profiles'!$G$20=$B$17,14,0)+IF('Standard Profiles'!$G$20=$B$24,21,0),MOD($C8470,24)+1)/SUM(INDEX($D$3:$AA$30,INDEX(Jesper!$R$2:$R$366,ROW(INDEX(Jesper!AJ$2:AJ$366,ROUNDDOWN($C8470/24,0)+1,1))-1)+IF('Standard Profiles'!$G$20=$B$10,7,0)+IF('Standard Profiles'!$G$20=$B$17,14,0)+IF('Standard Profiles'!$G$20=$B$24,21,0),0)),0)</f>
        <v>0</v>
      </c>
      <c r="G8470" cm="1">
        <f t="array" ref="G8470">IFERROR(INDEX(Jesper!AK$2:AK$366,ROUNDDOWN($C8470/24,0)+1,1)*INDEX($D$3:$AA$30,INDEX(Jesper!$R$2:$R$366,ROW(INDEX(Jesper!AK$2:AK$366,ROUNDDOWN($C8470/24,0)+1,1))-1)+IF('Standard Profiles'!$G$21=$B$10,7,0)+IF('Standard Profiles'!$G$21=$B$17,14,0)+IF('Standard Profiles'!$G$21=$B$24,21,0),MOD($C8470,24)+1)/SUM(INDEX($D$3:$AA$30,INDEX(Jesper!$R$2:$R$366,ROW(INDEX(Jesper!AK$2:AK$366,ROUNDDOWN($C8470/24,0)+1,1))-1)+IF('Standard Profiles'!$G$21=$B$10,7,0)+IF('Standard Profiles'!$G$21=$B$17,14,0)+IF('Standard Profiles'!$G$21=$B$24,21,0),0)),0)</f>
        <v>18.481879045295418</v>
      </c>
      <c r="H8470" cm="1">
        <f t="array" ref="H8470">IFERROR(INDEX(Jesper!AL$2:AL$366,ROUNDDOWN($C8470/24,0)+1,1)*INDEX($D$3:$AA$30,INDEX(Jesper!$R$2:$R$366,ROW(INDEX(Jesper!AL$2:AL$366,ROUNDDOWN($C8470/24,0)+1,1))-1)+IF('Standard Profiles'!$G$22=$B$10,7,0)+IF('Standard Profiles'!$G$22=$B$17,14,0)+IF('Standard Profiles'!$G$22=$B$24,21,0),MOD($C8470,24)+1)/SUM(INDEX($D$3:$AA$30,INDEX(Jesper!$R$2:$R$366,ROW(INDEX(Jesper!AL$2:AL$366,ROUNDDOWN($C8470/24,0)+1,1))-1)+IF('Standard Profiles'!$G$22=$B$10,7,0)+IF('Standard Profiles'!$G$22=$B$17,14,0)+IF('Standard Profiles'!$G$22=$B$24,21,0),0)),0)</f>
        <v>0</v>
      </c>
      <c r="I8470">
        <f t="shared" si="937"/>
        <v>8.8713019417417964</v>
      </c>
      <c r="J8470">
        <f t="shared" si="938"/>
        <v>72.971376184385832</v>
      </c>
      <c r="K8470">
        <f t="shared" si="939"/>
        <v>3.8461447057505804</v>
      </c>
      <c r="L8470">
        <f t="shared" si="940"/>
        <v>1.9230723528752902</v>
      </c>
      <c r="M8470">
        <f t="shared" si="941"/>
        <v>0</v>
      </c>
      <c r="N8470" s="45">
        <f t="shared" si="942"/>
        <v>45278.49999997954</v>
      </c>
    </row>
    <row r="8471" spans="2:14" x14ac:dyDescent="0.25">
      <c r="B8471">
        <f t="shared" si="936"/>
        <v>1</v>
      </c>
      <c r="C8471" s="16">
        <v>8437</v>
      </c>
      <c r="D8471" cm="1">
        <f t="array" ref="D8471">IFERROR(INDEX(Jesper!AH$2:AH$366,ROUNDDOWN($C8471/24,0)+1,1)*INDEX($D$3:$AA$30,INDEX(Jesper!$R$2:$R$366,ROW(INDEX(Jesper!AH$2:AH$366,ROUNDDOWN($C8471/24,0)+1,1))-1)+IF('Standard Profiles'!$G$18=$B$10,7,0)+IF('Standard Profiles'!$G$18=$B$17,14,0)+IF('Standard Profiles'!$G$18=$B$24,21,0),MOD($C8471,24)+1)/SUM(INDEX($D$3:$AA$30,INDEX(Jesper!$R$2:$R$366,ROW(INDEX(Jesper!AH$2:AH$366,ROUNDDOWN($C8471/24,0)+1,1))-1)+IF('Standard Profiles'!$G$18=$B$10,7,0)+IF('Standard Profiles'!$G$18=$B$17,14,0)+IF('Standard Profiles'!$G$18=$B$24,21,0),0)),0)</f>
        <v>24.03840441094113</v>
      </c>
      <c r="E8471" cm="1">
        <f t="array" ref="E8471">IFERROR(INDEX(Jesper!AI$2:AI$366,ROUNDDOWN($C8471/24,0)+1,1)*INDEX($D$3:$AA$30,INDEX(Jesper!$R$2:$R$366,ROW(INDEX(Jesper!AI$2:AI$366,ROUNDDOWN($C8471/24,0)+1,1))-1)+IF('Standard Profiles'!$G$19=$B$10,7,0)+IF('Standard Profiles'!$G$19=$B$17,14,0)+IF('Standard Profiles'!$G$19=$B$24,21,0),MOD($C8471,24)+1)/SUM(INDEX($D$3:$AA$30,INDEX(Jesper!$R$2:$R$366,ROW(INDEX(Jesper!AI$2:AI$366,ROUNDDOWN($C8471/24,0)+1,1))-1)+IF('Standard Profiles'!$G$19=$B$10,7,0)+IF('Standard Profiles'!$G$19=$B$17,14,0)+IF('Standard Profiles'!$G$19=$B$24,21,0),0)),0)</f>
        <v>22.048273015364266</v>
      </c>
      <c r="F8471" cm="1">
        <f t="array" ref="F8471">IFERROR(INDEX(Jesper!AJ$2:AJ$366,ROUNDDOWN($C8471/24,0)+1,1)*INDEX($D$3:$AA$30,INDEX(Jesper!$R$2:$R$366,ROW(INDEX(Jesper!AJ$2:AJ$366,ROUNDDOWN($C8471/24,0)+1,1))-1)+IF('Standard Profiles'!$G$20=$B$10,7,0)+IF('Standard Profiles'!$G$20=$B$17,14,0)+IF('Standard Profiles'!$G$20=$B$24,21,0),MOD($C8471,24)+1)/SUM(INDEX($D$3:$AA$30,INDEX(Jesper!$R$2:$R$366,ROW(INDEX(Jesper!AJ$2:AJ$366,ROUNDDOWN($C8471/24,0)+1,1))-1)+IF('Standard Profiles'!$G$20=$B$10,7,0)+IF('Standard Profiles'!$G$20=$B$17,14,0)+IF('Standard Profiles'!$G$20=$B$24,21,0),0)),0)</f>
        <v>0</v>
      </c>
      <c r="G8471" cm="1">
        <f t="array" ref="G8471">IFERROR(INDEX(Jesper!AK$2:AK$366,ROUNDDOWN($C8471/24,0)+1,1)*INDEX($D$3:$AA$30,INDEX(Jesper!$R$2:$R$366,ROW(INDEX(Jesper!AK$2:AK$366,ROUNDDOWN($C8471/24,0)+1,1))-1)+IF('Standard Profiles'!$G$21=$B$10,7,0)+IF('Standard Profiles'!$G$21=$B$17,14,0)+IF('Standard Profiles'!$G$21=$B$24,21,0),MOD($C8471,24)+1)/SUM(INDEX($D$3:$AA$30,INDEX(Jesper!$R$2:$R$366,ROW(INDEX(Jesper!AK$2:AK$366,ROUNDDOWN($C8471/24,0)+1,1))-1)+IF('Standard Profiles'!$G$21=$B$10,7,0)+IF('Standard Profiles'!$G$21=$B$17,14,0)+IF('Standard Profiles'!$G$21=$B$24,21,0),0)),0)</f>
        <v>12.321252696863613</v>
      </c>
      <c r="H8471" cm="1">
        <f t="array" ref="H8471">IFERROR(INDEX(Jesper!AL$2:AL$366,ROUNDDOWN($C8471/24,0)+1,1)*INDEX($D$3:$AA$30,INDEX(Jesper!$R$2:$R$366,ROW(INDEX(Jesper!AL$2:AL$366,ROUNDDOWN($C8471/24,0)+1,1))-1)+IF('Standard Profiles'!$G$22=$B$10,7,0)+IF('Standard Profiles'!$G$22=$B$17,14,0)+IF('Standard Profiles'!$G$22=$B$24,21,0),MOD($C8471,24)+1)/SUM(INDEX($D$3:$AA$30,INDEX(Jesper!$R$2:$R$366,ROW(INDEX(Jesper!AL$2:AL$366,ROUNDDOWN($C8471/24,0)+1,1))-1)+IF('Standard Profiles'!$G$22=$B$10,7,0)+IF('Standard Profiles'!$G$22=$B$17,14,0)+IF('Standard Profiles'!$G$22=$B$24,21,0),0)),0)</f>
        <v>0</v>
      </c>
      <c r="I8471">
        <f t="shared" si="937"/>
        <v>5.9142012944945312</v>
      </c>
      <c r="J8471">
        <f t="shared" si="938"/>
        <v>48.647584122923895</v>
      </c>
      <c r="K8471">
        <f t="shared" si="939"/>
        <v>2.5640964705003872</v>
      </c>
      <c r="L8471">
        <f t="shared" si="940"/>
        <v>1.2820482352501936</v>
      </c>
      <c r="M8471">
        <f t="shared" si="941"/>
        <v>0</v>
      </c>
      <c r="N8471" s="45">
        <f t="shared" si="942"/>
        <v>45278.541666646204</v>
      </c>
    </row>
    <row r="8472" spans="2:14" x14ac:dyDescent="0.25">
      <c r="B8472">
        <f t="shared" si="936"/>
        <v>1</v>
      </c>
      <c r="C8472" s="16">
        <v>8438</v>
      </c>
      <c r="D8472" cm="1">
        <f t="array" ref="D8472">IFERROR(INDEX(Jesper!AH$2:AH$366,ROUNDDOWN($C8472/24,0)+1,1)*INDEX($D$3:$AA$30,INDEX(Jesper!$R$2:$R$366,ROW(INDEX(Jesper!AH$2:AH$366,ROUNDDOWN($C8472/24,0)+1,1))-1)+IF('Standard Profiles'!$G$18=$B$10,7,0)+IF('Standard Profiles'!$G$18=$B$17,14,0)+IF('Standard Profiles'!$G$18=$B$24,21,0),MOD($C8472,24)+1)/SUM(INDEX($D$3:$AA$30,INDEX(Jesper!$R$2:$R$366,ROW(INDEX(Jesper!AH$2:AH$366,ROUNDDOWN($C8472/24,0)+1,1))-1)+IF('Standard Profiles'!$G$18=$B$10,7,0)+IF('Standard Profiles'!$G$18=$B$17,14,0)+IF('Standard Profiles'!$G$18=$B$24,21,0),0)),0)</f>
        <v>36.05760661641169</v>
      </c>
      <c r="E8472" cm="1">
        <f t="array" ref="E8472">IFERROR(INDEX(Jesper!AI$2:AI$366,ROUNDDOWN($C8472/24,0)+1,1)*INDEX($D$3:$AA$30,INDEX(Jesper!$R$2:$R$366,ROW(INDEX(Jesper!AI$2:AI$366,ROUNDDOWN($C8472/24,0)+1,1))-1)+IF('Standard Profiles'!$G$19=$B$10,7,0)+IF('Standard Profiles'!$G$19=$B$17,14,0)+IF('Standard Profiles'!$G$19=$B$24,21,0),MOD($C8472,24)+1)/SUM(INDEX($D$3:$AA$30,INDEX(Jesper!$R$2:$R$366,ROW(INDEX(Jesper!AI$2:AI$366,ROUNDDOWN($C8472/24,0)+1,1))-1)+IF('Standard Profiles'!$G$19=$B$10,7,0)+IF('Standard Profiles'!$G$19=$B$17,14,0)+IF('Standard Profiles'!$G$19=$B$24,21,0),0)),0)</f>
        <v>33.072409523046396</v>
      </c>
      <c r="F8472" cm="1">
        <f t="array" ref="F8472">IFERROR(INDEX(Jesper!AJ$2:AJ$366,ROUNDDOWN($C8472/24,0)+1,1)*INDEX($D$3:$AA$30,INDEX(Jesper!$R$2:$R$366,ROW(INDEX(Jesper!AJ$2:AJ$366,ROUNDDOWN($C8472/24,0)+1,1))-1)+IF('Standard Profiles'!$G$20=$B$10,7,0)+IF('Standard Profiles'!$G$20=$B$17,14,0)+IF('Standard Profiles'!$G$20=$B$24,21,0),MOD($C8472,24)+1)/SUM(INDEX($D$3:$AA$30,INDEX(Jesper!$R$2:$R$366,ROW(INDEX(Jesper!AJ$2:AJ$366,ROUNDDOWN($C8472/24,0)+1,1))-1)+IF('Standard Profiles'!$G$20=$B$10,7,0)+IF('Standard Profiles'!$G$20=$B$17,14,0)+IF('Standard Profiles'!$G$20=$B$24,21,0),0)),0)</f>
        <v>0</v>
      </c>
      <c r="G8472" cm="1">
        <f t="array" ref="G8472">IFERROR(INDEX(Jesper!AK$2:AK$366,ROUNDDOWN($C8472/24,0)+1,1)*INDEX($D$3:$AA$30,INDEX(Jesper!$R$2:$R$366,ROW(INDEX(Jesper!AK$2:AK$366,ROUNDDOWN($C8472/24,0)+1,1))-1)+IF('Standard Profiles'!$G$21=$B$10,7,0)+IF('Standard Profiles'!$G$21=$B$17,14,0)+IF('Standard Profiles'!$G$21=$B$24,21,0),MOD($C8472,24)+1)/SUM(INDEX($D$3:$AA$30,INDEX(Jesper!$R$2:$R$366,ROW(INDEX(Jesper!AK$2:AK$366,ROUNDDOWN($C8472/24,0)+1,1))-1)+IF('Standard Profiles'!$G$21=$B$10,7,0)+IF('Standard Profiles'!$G$21=$B$17,14,0)+IF('Standard Profiles'!$G$21=$B$24,21,0),0)),0)</f>
        <v>18.481879045295418</v>
      </c>
      <c r="H8472" cm="1">
        <f t="array" ref="H8472">IFERROR(INDEX(Jesper!AL$2:AL$366,ROUNDDOWN($C8472/24,0)+1,1)*INDEX($D$3:$AA$30,INDEX(Jesper!$R$2:$R$366,ROW(INDEX(Jesper!AL$2:AL$366,ROUNDDOWN($C8472/24,0)+1,1))-1)+IF('Standard Profiles'!$G$22=$B$10,7,0)+IF('Standard Profiles'!$G$22=$B$17,14,0)+IF('Standard Profiles'!$G$22=$B$24,21,0),MOD($C8472,24)+1)/SUM(INDEX($D$3:$AA$30,INDEX(Jesper!$R$2:$R$366,ROW(INDEX(Jesper!AL$2:AL$366,ROUNDDOWN($C8472/24,0)+1,1))-1)+IF('Standard Profiles'!$G$22=$B$10,7,0)+IF('Standard Profiles'!$G$22=$B$17,14,0)+IF('Standard Profiles'!$G$22=$B$24,21,0),0)),0)</f>
        <v>0</v>
      </c>
      <c r="I8472">
        <f t="shared" si="937"/>
        <v>8.8713019417417964</v>
      </c>
      <c r="J8472">
        <f t="shared" si="938"/>
        <v>72.971376184385832</v>
      </c>
      <c r="K8472">
        <f t="shared" si="939"/>
        <v>3.8461447057505804</v>
      </c>
      <c r="L8472">
        <f t="shared" si="940"/>
        <v>1.9230723528752902</v>
      </c>
      <c r="M8472">
        <f t="shared" si="941"/>
        <v>0</v>
      </c>
      <c r="N8472" s="45">
        <f t="shared" si="942"/>
        <v>45278.583333312868</v>
      </c>
    </row>
    <row r="8473" spans="2:14" x14ac:dyDescent="0.25">
      <c r="B8473">
        <f t="shared" si="936"/>
        <v>1</v>
      </c>
      <c r="C8473" s="16">
        <v>8439</v>
      </c>
      <c r="D8473" cm="1">
        <f t="array" ref="D8473">IFERROR(INDEX(Jesper!AH$2:AH$366,ROUNDDOWN($C8473/24,0)+1,1)*INDEX($D$3:$AA$30,INDEX(Jesper!$R$2:$R$366,ROW(INDEX(Jesper!AH$2:AH$366,ROUNDDOWN($C8473/24,0)+1,1))-1)+IF('Standard Profiles'!$G$18=$B$10,7,0)+IF('Standard Profiles'!$G$18=$B$17,14,0)+IF('Standard Profiles'!$G$18=$B$24,21,0),MOD($C8473,24)+1)/SUM(INDEX($D$3:$AA$30,INDEX(Jesper!$R$2:$R$366,ROW(INDEX(Jesper!AH$2:AH$366,ROUNDDOWN($C8473/24,0)+1,1))-1)+IF('Standard Profiles'!$G$18=$B$10,7,0)+IF('Standard Profiles'!$G$18=$B$17,14,0)+IF('Standard Profiles'!$G$18=$B$24,21,0),0)),0)</f>
        <v>36.05760661641169</v>
      </c>
      <c r="E8473" cm="1">
        <f t="array" ref="E8473">IFERROR(INDEX(Jesper!AI$2:AI$366,ROUNDDOWN($C8473/24,0)+1,1)*INDEX($D$3:$AA$30,INDEX(Jesper!$R$2:$R$366,ROW(INDEX(Jesper!AI$2:AI$366,ROUNDDOWN($C8473/24,0)+1,1))-1)+IF('Standard Profiles'!$G$19=$B$10,7,0)+IF('Standard Profiles'!$G$19=$B$17,14,0)+IF('Standard Profiles'!$G$19=$B$24,21,0),MOD($C8473,24)+1)/SUM(INDEX($D$3:$AA$30,INDEX(Jesper!$R$2:$R$366,ROW(INDEX(Jesper!AI$2:AI$366,ROUNDDOWN($C8473/24,0)+1,1))-1)+IF('Standard Profiles'!$G$19=$B$10,7,0)+IF('Standard Profiles'!$G$19=$B$17,14,0)+IF('Standard Profiles'!$G$19=$B$24,21,0),0)),0)</f>
        <v>33.072409523046396</v>
      </c>
      <c r="F8473" cm="1">
        <f t="array" ref="F8473">IFERROR(INDEX(Jesper!AJ$2:AJ$366,ROUNDDOWN($C8473/24,0)+1,1)*INDEX($D$3:$AA$30,INDEX(Jesper!$R$2:$R$366,ROW(INDEX(Jesper!AJ$2:AJ$366,ROUNDDOWN($C8473/24,0)+1,1))-1)+IF('Standard Profiles'!$G$20=$B$10,7,0)+IF('Standard Profiles'!$G$20=$B$17,14,0)+IF('Standard Profiles'!$G$20=$B$24,21,0),MOD($C8473,24)+1)/SUM(INDEX($D$3:$AA$30,INDEX(Jesper!$R$2:$R$366,ROW(INDEX(Jesper!AJ$2:AJ$366,ROUNDDOWN($C8473/24,0)+1,1))-1)+IF('Standard Profiles'!$G$20=$B$10,7,0)+IF('Standard Profiles'!$G$20=$B$17,14,0)+IF('Standard Profiles'!$G$20=$B$24,21,0),0)),0)</f>
        <v>0</v>
      </c>
      <c r="G8473" cm="1">
        <f t="array" ref="G8473">IFERROR(INDEX(Jesper!AK$2:AK$366,ROUNDDOWN($C8473/24,0)+1,1)*INDEX($D$3:$AA$30,INDEX(Jesper!$R$2:$R$366,ROW(INDEX(Jesper!AK$2:AK$366,ROUNDDOWN($C8473/24,0)+1,1))-1)+IF('Standard Profiles'!$G$21=$B$10,7,0)+IF('Standard Profiles'!$G$21=$B$17,14,0)+IF('Standard Profiles'!$G$21=$B$24,21,0),MOD($C8473,24)+1)/SUM(INDEX($D$3:$AA$30,INDEX(Jesper!$R$2:$R$366,ROW(INDEX(Jesper!AK$2:AK$366,ROUNDDOWN($C8473/24,0)+1,1))-1)+IF('Standard Profiles'!$G$21=$B$10,7,0)+IF('Standard Profiles'!$G$21=$B$17,14,0)+IF('Standard Profiles'!$G$21=$B$24,21,0),0)),0)</f>
        <v>18.481879045295418</v>
      </c>
      <c r="H8473" cm="1">
        <f t="array" ref="H8473">IFERROR(INDEX(Jesper!AL$2:AL$366,ROUNDDOWN($C8473/24,0)+1,1)*INDEX($D$3:$AA$30,INDEX(Jesper!$R$2:$R$366,ROW(INDEX(Jesper!AL$2:AL$366,ROUNDDOWN($C8473/24,0)+1,1))-1)+IF('Standard Profiles'!$G$22=$B$10,7,0)+IF('Standard Profiles'!$G$22=$B$17,14,0)+IF('Standard Profiles'!$G$22=$B$24,21,0),MOD($C8473,24)+1)/SUM(INDEX($D$3:$AA$30,INDEX(Jesper!$R$2:$R$366,ROW(INDEX(Jesper!AL$2:AL$366,ROUNDDOWN($C8473/24,0)+1,1))-1)+IF('Standard Profiles'!$G$22=$B$10,7,0)+IF('Standard Profiles'!$G$22=$B$17,14,0)+IF('Standard Profiles'!$G$22=$B$24,21,0),0)),0)</f>
        <v>0</v>
      </c>
      <c r="I8473">
        <f t="shared" si="937"/>
        <v>8.8713019417417964</v>
      </c>
      <c r="J8473">
        <f t="shared" si="938"/>
        <v>72.971376184385832</v>
      </c>
      <c r="K8473">
        <f t="shared" si="939"/>
        <v>3.8461447057505804</v>
      </c>
      <c r="L8473">
        <f t="shared" si="940"/>
        <v>1.9230723528752902</v>
      </c>
      <c r="M8473">
        <f t="shared" si="941"/>
        <v>0</v>
      </c>
      <c r="N8473" s="45">
        <f t="shared" si="942"/>
        <v>45278.624999979533</v>
      </c>
    </row>
    <row r="8474" spans="2:14" x14ac:dyDescent="0.25">
      <c r="B8474">
        <f t="shared" si="936"/>
        <v>1</v>
      </c>
      <c r="C8474" s="16">
        <v>8440</v>
      </c>
      <c r="D8474" cm="1">
        <f t="array" ref="D8474">IFERROR(INDEX(Jesper!AH$2:AH$366,ROUNDDOWN($C8474/24,0)+1,1)*INDEX($D$3:$AA$30,INDEX(Jesper!$R$2:$R$366,ROW(INDEX(Jesper!AH$2:AH$366,ROUNDDOWN($C8474/24,0)+1,1))-1)+IF('Standard Profiles'!$G$18=$B$10,7,0)+IF('Standard Profiles'!$G$18=$B$17,14,0)+IF('Standard Profiles'!$G$18=$B$24,21,0),MOD($C8474,24)+1)/SUM(INDEX($D$3:$AA$30,INDEX(Jesper!$R$2:$R$366,ROW(INDEX(Jesper!AH$2:AH$366,ROUNDDOWN($C8474/24,0)+1,1))-1)+IF('Standard Profiles'!$G$18=$B$10,7,0)+IF('Standard Profiles'!$G$18=$B$17,14,0)+IF('Standard Profiles'!$G$18=$B$24,21,0),0)),0)</f>
        <v>21.033603859573486</v>
      </c>
      <c r="E8474" cm="1">
        <f t="array" ref="E8474">IFERROR(INDEX(Jesper!AI$2:AI$366,ROUNDDOWN($C8474/24,0)+1,1)*INDEX($D$3:$AA$30,INDEX(Jesper!$R$2:$R$366,ROW(INDEX(Jesper!AI$2:AI$366,ROUNDDOWN($C8474/24,0)+1,1))-1)+IF('Standard Profiles'!$G$19=$B$10,7,0)+IF('Standard Profiles'!$G$19=$B$17,14,0)+IF('Standard Profiles'!$G$19=$B$24,21,0),MOD($C8474,24)+1)/SUM(INDEX($D$3:$AA$30,INDEX(Jesper!$R$2:$R$366,ROW(INDEX(Jesper!AI$2:AI$366,ROUNDDOWN($C8474/24,0)+1,1))-1)+IF('Standard Profiles'!$G$19=$B$10,7,0)+IF('Standard Profiles'!$G$19=$B$17,14,0)+IF('Standard Profiles'!$G$19=$B$24,21,0),0)),0)</f>
        <v>19.29223888844373</v>
      </c>
      <c r="F8474" cm="1">
        <f t="array" ref="F8474">IFERROR(INDEX(Jesper!AJ$2:AJ$366,ROUNDDOWN($C8474/24,0)+1,1)*INDEX($D$3:$AA$30,INDEX(Jesper!$R$2:$R$366,ROW(INDEX(Jesper!AJ$2:AJ$366,ROUNDDOWN($C8474/24,0)+1,1))-1)+IF('Standard Profiles'!$G$20=$B$10,7,0)+IF('Standard Profiles'!$G$20=$B$17,14,0)+IF('Standard Profiles'!$G$20=$B$24,21,0),MOD($C8474,24)+1)/SUM(INDEX($D$3:$AA$30,INDEX(Jesper!$R$2:$R$366,ROW(INDEX(Jesper!AJ$2:AJ$366,ROUNDDOWN($C8474/24,0)+1,1))-1)+IF('Standard Profiles'!$G$20=$B$10,7,0)+IF('Standard Profiles'!$G$20=$B$17,14,0)+IF('Standard Profiles'!$G$20=$B$24,21,0),0)),0)</f>
        <v>0</v>
      </c>
      <c r="G8474" cm="1">
        <f t="array" ref="G8474">IFERROR(INDEX(Jesper!AK$2:AK$366,ROUNDDOWN($C8474/24,0)+1,1)*INDEX($D$3:$AA$30,INDEX(Jesper!$R$2:$R$366,ROW(INDEX(Jesper!AK$2:AK$366,ROUNDDOWN($C8474/24,0)+1,1))-1)+IF('Standard Profiles'!$G$21=$B$10,7,0)+IF('Standard Profiles'!$G$21=$B$17,14,0)+IF('Standard Profiles'!$G$21=$B$24,21,0),MOD($C8474,24)+1)/SUM(INDEX($D$3:$AA$30,INDEX(Jesper!$R$2:$R$366,ROW(INDEX(Jesper!AK$2:AK$366,ROUNDDOWN($C8474/24,0)+1,1))-1)+IF('Standard Profiles'!$G$21=$B$10,7,0)+IF('Standard Profiles'!$G$21=$B$17,14,0)+IF('Standard Profiles'!$G$21=$B$24,21,0),0)),0)</f>
        <v>15.401565871079516</v>
      </c>
      <c r="H8474" cm="1">
        <f t="array" ref="H8474">IFERROR(INDEX(Jesper!AL$2:AL$366,ROUNDDOWN($C8474/24,0)+1,1)*INDEX($D$3:$AA$30,INDEX(Jesper!$R$2:$R$366,ROW(INDEX(Jesper!AL$2:AL$366,ROUNDDOWN($C8474/24,0)+1,1))-1)+IF('Standard Profiles'!$G$22=$B$10,7,0)+IF('Standard Profiles'!$G$22=$B$17,14,0)+IF('Standard Profiles'!$G$22=$B$24,21,0),MOD($C8474,24)+1)/SUM(INDEX($D$3:$AA$30,INDEX(Jesper!$R$2:$R$366,ROW(INDEX(Jesper!AL$2:AL$366,ROUNDDOWN($C8474/24,0)+1,1))-1)+IF('Standard Profiles'!$G$22=$B$10,7,0)+IF('Standard Profiles'!$G$22=$B$17,14,0)+IF('Standard Profiles'!$G$22=$B$24,21,0),0)),0)</f>
        <v>0</v>
      </c>
      <c r="I8474">
        <f t="shared" si="937"/>
        <v>7.3927516181181643</v>
      </c>
      <c r="J8474">
        <f t="shared" si="938"/>
        <v>44.969280383446808</v>
      </c>
      <c r="K8474">
        <f t="shared" si="939"/>
        <v>2.2435844116878387</v>
      </c>
      <c r="L8474">
        <f t="shared" si="940"/>
        <v>1.1217922058439194</v>
      </c>
      <c r="M8474">
        <f t="shared" si="941"/>
        <v>0</v>
      </c>
      <c r="N8474" s="45">
        <f t="shared" si="942"/>
        <v>45278.666666646197</v>
      </c>
    </row>
    <row r="8475" spans="2:14" x14ac:dyDescent="0.25">
      <c r="B8475">
        <f t="shared" si="936"/>
        <v>1</v>
      </c>
      <c r="C8475" s="16">
        <v>8441</v>
      </c>
      <c r="D8475" cm="1">
        <f t="array" ref="D8475">IFERROR(INDEX(Jesper!AH$2:AH$366,ROUNDDOWN($C8475/24,0)+1,1)*INDEX($D$3:$AA$30,INDEX(Jesper!$R$2:$R$366,ROW(INDEX(Jesper!AH$2:AH$366,ROUNDDOWN($C8475/24,0)+1,1))-1)+IF('Standard Profiles'!$G$18=$B$10,7,0)+IF('Standard Profiles'!$G$18=$B$17,14,0)+IF('Standard Profiles'!$G$18=$B$24,21,0),MOD($C8475,24)+1)/SUM(INDEX($D$3:$AA$30,INDEX(Jesper!$R$2:$R$366,ROW(INDEX(Jesper!AH$2:AH$366,ROUNDDOWN($C8475/24,0)+1,1))-1)+IF('Standard Profiles'!$G$18=$B$10,7,0)+IF('Standard Profiles'!$G$18=$B$17,14,0)+IF('Standard Profiles'!$G$18=$B$24,21,0),0)),0)</f>
        <v>6.0096011027352825</v>
      </c>
      <c r="E8475" cm="1">
        <f t="array" ref="E8475">IFERROR(INDEX(Jesper!AI$2:AI$366,ROUNDDOWN($C8475/24,0)+1,1)*INDEX($D$3:$AA$30,INDEX(Jesper!$R$2:$R$366,ROW(INDEX(Jesper!AI$2:AI$366,ROUNDDOWN($C8475/24,0)+1,1))-1)+IF('Standard Profiles'!$G$19=$B$10,7,0)+IF('Standard Profiles'!$G$19=$B$17,14,0)+IF('Standard Profiles'!$G$19=$B$24,21,0),MOD($C8475,24)+1)/SUM(INDEX($D$3:$AA$30,INDEX(Jesper!$R$2:$R$366,ROW(INDEX(Jesper!AI$2:AI$366,ROUNDDOWN($C8475/24,0)+1,1))-1)+IF('Standard Profiles'!$G$19=$B$10,7,0)+IF('Standard Profiles'!$G$19=$B$17,14,0)+IF('Standard Profiles'!$G$19=$B$24,21,0),0)),0)</f>
        <v>5.5120682538410666</v>
      </c>
      <c r="F8475" cm="1">
        <f t="array" ref="F8475">IFERROR(INDEX(Jesper!AJ$2:AJ$366,ROUNDDOWN($C8475/24,0)+1,1)*INDEX($D$3:$AA$30,INDEX(Jesper!$R$2:$R$366,ROW(INDEX(Jesper!AJ$2:AJ$366,ROUNDDOWN($C8475/24,0)+1,1))-1)+IF('Standard Profiles'!$G$20=$B$10,7,0)+IF('Standard Profiles'!$G$20=$B$17,14,0)+IF('Standard Profiles'!$G$20=$B$24,21,0),MOD($C8475,24)+1)/SUM(INDEX($D$3:$AA$30,INDEX(Jesper!$R$2:$R$366,ROW(INDEX(Jesper!AJ$2:AJ$366,ROUNDDOWN($C8475/24,0)+1,1))-1)+IF('Standard Profiles'!$G$20=$B$10,7,0)+IF('Standard Profiles'!$G$20=$B$17,14,0)+IF('Standard Profiles'!$G$20=$B$24,21,0),0)),0)</f>
        <v>0</v>
      </c>
      <c r="G8475" cm="1">
        <f t="array" ref="G8475">IFERROR(INDEX(Jesper!AK$2:AK$366,ROUNDDOWN($C8475/24,0)+1,1)*INDEX($D$3:$AA$30,INDEX(Jesper!$R$2:$R$366,ROW(INDEX(Jesper!AK$2:AK$366,ROUNDDOWN($C8475/24,0)+1,1))-1)+IF('Standard Profiles'!$G$21=$B$10,7,0)+IF('Standard Profiles'!$G$21=$B$17,14,0)+IF('Standard Profiles'!$G$21=$B$24,21,0),MOD($C8475,24)+1)/SUM(INDEX($D$3:$AA$30,INDEX(Jesper!$R$2:$R$366,ROW(INDEX(Jesper!AK$2:AK$366,ROUNDDOWN($C8475/24,0)+1,1))-1)+IF('Standard Profiles'!$G$21=$B$10,7,0)+IF('Standard Profiles'!$G$21=$B$17,14,0)+IF('Standard Profiles'!$G$21=$B$24,21,0),0)),0)</f>
        <v>12.392064493972025</v>
      </c>
      <c r="H8475" cm="1">
        <f t="array" ref="H8475">IFERROR(INDEX(Jesper!AL$2:AL$366,ROUNDDOWN($C8475/24,0)+1,1)*INDEX($D$3:$AA$30,INDEX(Jesper!$R$2:$R$366,ROW(INDEX(Jesper!AL$2:AL$366,ROUNDDOWN($C8475/24,0)+1,1))-1)+IF('Standard Profiles'!$G$22=$B$10,7,0)+IF('Standard Profiles'!$G$22=$B$17,14,0)+IF('Standard Profiles'!$G$22=$B$24,21,0),MOD($C8475,24)+1)/SUM(INDEX($D$3:$AA$30,INDEX(Jesper!$R$2:$R$366,ROW(INDEX(Jesper!AL$2:AL$366,ROUNDDOWN($C8475/24,0)+1,1))-1)+IF('Standard Profiles'!$G$22=$B$10,7,0)+IF('Standard Profiles'!$G$22=$B$17,14,0)+IF('Standard Profiles'!$G$22=$B$24,21,0),0)),0)</f>
        <v>0</v>
      </c>
      <c r="I8475">
        <f t="shared" si="937"/>
        <v>5.9481909571065694</v>
      </c>
      <c r="J8475">
        <f t="shared" si="938"/>
        <v>17.00400671700416</v>
      </c>
      <c r="K8475">
        <f t="shared" si="939"/>
        <v>0.64102411762509681</v>
      </c>
      <c r="L8475">
        <f t="shared" si="940"/>
        <v>0.32051205881254841</v>
      </c>
      <c r="M8475">
        <f t="shared" si="941"/>
        <v>0</v>
      </c>
      <c r="N8475" s="45">
        <f t="shared" si="942"/>
        <v>45278.708333312861</v>
      </c>
    </row>
    <row r="8476" spans="2:14" x14ac:dyDescent="0.25">
      <c r="B8476">
        <f t="shared" si="936"/>
        <v>1</v>
      </c>
      <c r="C8476" s="16">
        <v>8442</v>
      </c>
      <c r="D8476" cm="1">
        <f t="array" ref="D8476">IFERROR(INDEX(Jesper!AH$2:AH$366,ROUNDDOWN($C8476/24,0)+1,1)*INDEX($D$3:$AA$30,INDEX(Jesper!$R$2:$R$366,ROW(INDEX(Jesper!AH$2:AH$366,ROUNDDOWN($C8476/24,0)+1,1))-1)+IF('Standard Profiles'!$G$18=$B$10,7,0)+IF('Standard Profiles'!$G$18=$B$17,14,0)+IF('Standard Profiles'!$G$18=$B$24,21,0),MOD($C8476,24)+1)/SUM(INDEX($D$3:$AA$30,INDEX(Jesper!$R$2:$R$366,ROW(INDEX(Jesper!AH$2:AH$366,ROUNDDOWN($C8476/24,0)+1,1))-1)+IF('Standard Profiles'!$G$18=$B$10,7,0)+IF('Standard Profiles'!$G$18=$B$17,14,0)+IF('Standard Profiles'!$G$18=$B$24,21,0),0)),0)</f>
        <v>5.9249588336826724</v>
      </c>
      <c r="E8476" cm="1">
        <f t="array" ref="E8476">IFERROR(INDEX(Jesper!AI$2:AI$366,ROUNDDOWN($C8476/24,0)+1,1)*INDEX($D$3:$AA$30,INDEX(Jesper!$R$2:$R$366,ROW(INDEX(Jesper!AI$2:AI$366,ROUNDDOWN($C8476/24,0)+1,1))-1)+IF('Standard Profiles'!$G$19=$B$10,7,0)+IF('Standard Profiles'!$G$19=$B$17,14,0)+IF('Standard Profiles'!$G$19=$B$24,21,0),MOD($C8476,24)+1)/SUM(INDEX($D$3:$AA$30,INDEX(Jesper!$R$2:$R$366,ROW(INDEX(Jesper!AI$2:AI$366,ROUNDDOWN($C8476/24,0)+1,1))-1)+IF('Standard Profiles'!$G$19=$B$10,7,0)+IF('Standard Profiles'!$G$19=$B$17,14,0)+IF('Standard Profiles'!$G$19=$B$24,21,0),0)),0)</f>
        <v>5.4344334897024602</v>
      </c>
      <c r="F8476" cm="1">
        <f t="array" ref="F8476">IFERROR(INDEX(Jesper!AJ$2:AJ$366,ROUNDDOWN($C8476/24,0)+1,1)*INDEX($D$3:$AA$30,INDEX(Jesper!$R$2:$R$366,ROW(INDEX(Jesper!AJ$2:AJ$366,ROUNDDOWN($C8476/24,0)+1,1))-1)+IF('Standard Profiles'!$G$20=$B$10,7,0)+IF('Standard Profiles'!$G$20=$B$17,14,0)+IF('Standard Profiles'!$G$20=$B$24,21,0),MOD($C8476,24)+1)/SUM(INDEX($D$3:$AA$30,INDEX(Jesper!$R$2:$R$366,ROW(INDEX(Jesper!AJ$2:AJ$366,ROUNDDOWN($C8476/24,0)+1,1))-1)+IF('Standard Profiles'!$G$20=$B$10,7,0)+IF('Standard Profiles'!$G$20=$B$17,14,0)+IF('Standard Profiles'!$G$20=$B$24,21,0),0)),0)</f>
        <v>0</v>
      </c>
      <c r="G8476" cm="1">
        <f t="array" ref="G8476">IFERROR(INDEX(Jesper!AK$2:AK$366,ROUNDDOWN($C8476/24,0)+1,1)*INDEX($D$3:$AA$30,INDEX(Jesper!$R$2:$R$366,ROW(INDEX(Jesper!AK$2:AK$366,ROUNDDOWN($C8476/24,0)+1,1))-1)+IF('Standard Profiles'!$G$21=$B$10,7,0)+IF('Standard Profiles'!$G$21=$B$17,14,0)+IF('Standard Profiles'!$G$21=$B$24,21,0),MOD($C8476,24)+1)/SUM(INDEX($D$3:$AA$30,INDEX(Jesper!$R$2:$R$366,ROW(INDEX(Jesper!AK$2:AK$366,ROUNDDOWN($C8476/24,0)+1,1))-1)+IF('Standard Profiles'!$G$21=$B$10,7,0)+IF('Standard Profiles'!$G$21=$B$17,14,0)+IF('Standard Profiles'!$G$21=$B$24,21,0),0)),0)</f>
        <v>4.425737319275723</v>
      </c>
      <c r="H8476" cm="1">
        <f t="array" ref="H8476">IFERROR(INDEX(Jesper!AL$2:AL$366,ROUNDDOWN($C8476/24,0)+1,1)*INDEX($D$3:$AA$30,INDEX(Jesper!$R$2:$R$366,ROW(INDEX(Jesper!AL$2:AL$366,ROUNDDOWN($C8476/24,0)+1,1))-1)+IF('Standard Profiles'!$G$22=$B$10,7,0)+IF('Standard Profiles'!$G$22=$B$17,14,0)+IF('Standard Profiles'!$G$22=$B$24,21,0),MOD($C8476,24)+1)/SUM(INDEX($D$3:$AA$30,INDEX(Jesper!$R$2:$R$366,ROW(INDEX(Jesper!AL$2:AL$366,ROUNDDOWN($C8476/24,0)+1,1))-1)+IF('Standard Profiles'!$G$22=$B$10,7,0)+IF('Standard Profiles'!$G$22=$B$17,14,0)+IF('Standard Profiles'!$G$22=$B$24,21,0),0)),0)</f>
        <v>0</v>
      </c>
      <c r="I8476">
        <f t="shared" si="937"/>
        <v>2.1243539132523459</v>
      </c>
      <c r="J8476">
        <f t="shared" si="938"/>
        <v>12.712782316019283</v>
      </c>
      <c r="K8476">
        <f t="shared" si="939"/>
        <v>0.63199560892615181</v>
      </c>
      <c r="L8476">
        <f t="shared" si="940"/>
        <v>0.3159978044630759</v>
      </c>
      <c r="M8476">
        <f t="shared" si="941"/>
        <v>0</v>
      </c>
      <c r="N8476" s="45">
        <f t="shared" si="942"/>
        <v>45278.749999979525</v>
      </c>
    </row>
    <row r="8477" spans="2:14" x14ac:dyDescent="0.25">
      <c r="B8477">
        <f t="shared" si="936"/>
        <v>1</v>
      </c>
      <c r="C8477" s="16">
        <v>8443</v>
      </c>
      <c r="D8477" cm="1">
        <f t="array" ref="D8477">IFERROR(INDEX(Jesper!AH$2:AH$366,ROUNDDOWN($C8477/24,0)+1,1)*INDEX($D$3:$AA$30,INDEX(Jesper!$R$2:$R$366,ROW(INDEX(Jesper!AH$2:AH$366,ROUNDDOWN($C8477/24,0)+1,1))-1)+IF('Standard Profiles'!$G$18=$B$10,7,0)+IF('Standard Profiles'!$G$18=$B$17,14,0)+IF('Standard Profiles'!$G$18=$B$24,21,0),MOD($C8477,24)+1)/SUM(INDEX($D$3:$AA$30,INDEX(Jesper!$R$2:$R$366,ROW(INDEX(Jesper!AH$2:AH$366,ROUNDDOWN($C8477/24,0)+1,1))-1)+IF('Standard Profiles'!$G$18=$B$10,7,0)+IF('Standard Profiles'!$G$18=$B$17,14,0)+IF('Standard Profiles'!$G$18=$B$24,21,0),0)),0)</f>
        <v>5.9249588336826724</v>
      </c>
      <c r="E8477" cm="1">
        <f t="array" ref="E8477">IFERROR(INDEX(Jesper!AI$2:AI$366,ROUNDDOWN($C8477/24,0)+1,1)*INDEX($D$3:$AA$30,INDEX(Jesper!$R$2:$R$366,ROW(INDEX(Jesper!AI$2:AI$366,ROUNDDOWN($C8477/24,0)+1,1))-1)+IF('Standard Profiles'!$G$19=$B$10,7,0)+IF('Standard Profiles'!$G$19=$B$17,14,0)+IF('Standard Profiles'!$G$19=$B$24,21,0),MOD($C8477,24)+1)/SUM(INDEX($D$3:$AA$30,INDEX(Jesper!$R$2:$R$366,ROW(INDEX(Jesper!AI$2:AI$366,ROUNDDOWN($C8477/24,0)+1,1))-1)+IF('Standard Profiles'!$G$19=$B$10,7,0)+IF('Standard Profiles'!$G$19=$B$17,14,0)+IF('Standard Profiles'!$G$19=$B$24,21,0),0)),0)</f>
        <v>5.4344334897024602</v>
      </c>
      <c r="F8477" cm="1">
        <f t="array" ref="F8477">IFERROR(INDEX(Jesper!AJ$2:AJ$366,ROUNDDOWN($C8477/24,0)+1,1)*INDEX($D$3:$AA$30,INDEX(Jesper!$R$2:$R$366,ROW(INDEX(Jesper!AJ$2:AJ$366,ROUNDDOWN($C8477/24,0)+1,1))-1)+IF('Standard Profiles'!$G$20=$B$10,7,0)+IF('Standard Profiles'!$G$20=$B$17,14,0)+IF('Standard Profiles'!$G$20=$B$24,21,0),MOD($C8477,24)+1)/SUM(INDEX($D$3:$AA$30,INDEX(Jesper!$R$2:$R$366,ROW(INDEX(Jesper!AJ$2:AJ$366,ROUNDDOWN($C8477/24,0)+1,1))-1)+IF('Standard Profiles'!$G$20=$B$10,7,0)+IF('Standard Profiles'!$G$20=$B$17,14,0)+IF('Standard Profiles'!$G$20=$B$24,21,0),0)),0)</f>
        <v>0</v>
      </c>
      <c r="G8477" cm="1">
        <f t="array" ref="G8477">IFERROR(INDEX(Jesper!AK$2:AK$366,ROUNDDOWN($C8477/24,0)+1,1)*INDEX($D$3:$AA$30,INDEX(Jesper!$R$2:$R$366,ROW(INDEX(Jesper!AK$2:AK$366,ROUNDDOWN($C8477/24,0)+1,1))-1)+IF('Standard Profiles'!$G$21=$B$10,7,0)+IF('Standard Profiles'!$G$21=$B$17,14,0)+IF('Standard Profiles'!$G$21=$B$24,21,0),MOD($C8477,24)+1)/SUM(INDEX($D$3:$AA$30,INDEX(Jesper!$R$2:$R$366,ROW(INDEX(Jesper!AK$2:AK$366,ROUNDDOWN($C8477/24,0)+1,1))-1)+IF('Standard Profiles'!$G$21=$B$10,7,0)+IF('Standard Profiles'!$G$21=$B$17,14,0)+IF('Standard Profiles'!$G$21=$B$24,21,0),0)),0)</f>
        <v>4.425737319275723</v>
      </c>
      <c r="H8477" cm="1">
        <f t="array" ref="H8477">IFERROR(INDEX(Jesper!AL$2:AL$366,ROUNDDOWN($C8477/24,0)+1,1)*INDEX($D$3:$AA$30,INDEX(Jesper!$R$2:$R$366,ROW(INDEX(Jesper!AL$2:AL$366,ROUNDDOWN($C8477/24,0)+1,1))-1)+IF('Standard Profiles'!$G$22=$B$10,7,0)+IF('Standard Profiles'!$G$22=$B$17,14,0)+IF('Standard Profiles'!$G$22=$B$24,21,0),MOD($C8477,24)+1)/SUM(INDEX($D$3:$AA$30,INDEX(Jesper!$R$2:$R$366,ROW(INDEX(Jesper!AL$2:AL$366,ROUNDDOWN($C8477/24,0)+1,1))-1)+IF('Standard Profiles'!$G$22=$B$10,7,0)+IF('Standard Profiles'!$G$22=$B$17,14,0)+IF('Standard Profiles'!$G$22=$B$24,21,0),0)),0)</f>
        <v>0</v>
      </c>
      <c r="I8477">
        <f t="shared" si="937"/>
        <v>2.1243539132523459</v>
      </c>
      <c r="J8477">
        <f t="shared" si="938"/>
        <v>12.712782316019283</v>
      </c>
      <c r="K8477">
        <f t="shared" si="939"/>
        <v>0.63199560892615181</v>
      </c>
      <c r="L8477">
        <f t="shared" si="940"/>
        <v>0.3159978044630759</v>
      </c>
      <c r="M8477">
        <f t="shared" si="941"/>
        <v>0</v>
      </c>
      <c r="N8477" s="45">
        <f t="shared" si="942"/>
        <v>45278.79166664619</v>
      </c>
    </row>
    <row r="8478" spans="2:14" x14ac:dyDescent="0.25">
      <c r="B8478">
        <f t="shared" si="936"/>
        <v>1</v>
      </c>
      <c r="C8478" s="16">
        <v>8444</v>
      </c>
      <c r="D8478" cm="1">
        <f t="array" ref="D8478">IFERROR(INDEX(Jesper!AH$2:AH$366,ROUNDDOWN($C8478/24,0)+1,1)*INDEX($D$3:$AA$30,INDEX(Jesper!$R$2:$R$366,ROW(INDEX(Jesper!AH$2:AH$366,ROUNDDOWN($C8478/24,0)+1,1))-1)+IF('Standard Profiles'!$G$18=$B$10,7,0)+IF('Standard Profiles'!$G$18=$B$17,14,0)+IF('Standard Profiles'!$G$18=$B$24,21,0),MOD($C8478,24)+1)/SUM(INDEX($D$3:$AA$30,INDEX(Jesper!$R$2:$R$366,ROW(INDEX(Jesper!AH$2:AH$366,ROUNDDOWN($C8478/24,0)+1,1))-1)+IF('Standard Profiles'!$G$18=$B$10,7,0)+IF('Standard Profiles'!$G$18=$B$17,14,0)+IF('Standard Profiles'!$G$18=$B$24,21,0),0)),0)</f>
        <v>5.9249588336826724</v>
      </c>
      <c r="E8478" cm="1">
        <f t="array" ref="E8478">IFERROR(INDEX(Jesper!AI$2:AI$366,ROUNDDOWN($C8478/24,0)+1,1)*INDEX($D$3:$AA$30,INDEX(Jesper!$R$2:$R$366,ROW(INDEX(Jesper!AI$2:AI$366,ROUNDDOWN($C8478/24,0)+1,1))-1)+IF('Standard Profiles'!$G$19=$B$10,7,0)+IF('Standard Profiles'!$G$19=$B$17,14,0)+IF('Standard Profiles'!$G$19=$B$24,21,0),MOD($C8478,24)+1)/SUM(INDEX($D$3:$AA$30,INDEX(Jesper!$R$2:$R$366,ROW(INDEX(Jesper!AI$2:AI$366,ROUNDDOWN($C8478/24,0)+1,1))-1)+IF('Standard Profiles'!$G$19=$B$10,7,0)+IF('Standard Profiles'!$G$19=$B$17,14,0)+IF('Standard Profiles'!$G$19=$B$24,21,0),0)),0)</f>
        <v>5.4344334897024602</v>
      </c>
      <c r="F8478" cm="1">
        <f t="array" ref="F8478">IFERROR(INDEX(Jesper!AJ$2:AJ$366,ROUNDDOWN($C8478/24,0)+1,1)*INDEX($D$3:$AA$30,INDEX(Jesper!$R$2:$R$366,ROW(INDEX(Jesper!AJ$2:AJ$366,ROUNDDOWN($C8478/24,0)+1,1))-1)+IF('Standard Profiles'!$G$20=$B$10,7,0)+IF('Standard Profiles'!$G$20=$B$17,14,0)+IF('Standard Profiles'!$G$20=$B$24,21,0),MOD($C8478,24)+1)/SUM(INDEX($D$3:$AA$30,INDEX(Jesper!$R$2:$R$366,ROW(INDEX(Jesper!AJ$2:AJ$366,ROUNDDOWN($C8478/24,0)+1,1))-1)+IF('Standard Profiles'!$G$20=$B$10,7,0)+IF('Standard Profiles'!$G$20=$B$17,14,0)+IF('Standard Profiles'!$G$20=$B$24,21,0),0)),0)</f>
        <v>0</v>
      </c>
      <c r="G8478" cm="1">
        <f t="array" ref="G8478">IFERROR(INDEX(Jesper!AK$2:AK$366,ROUNDDOWN($C8478/24,0)+1,1)*INDEX($D$3:$AA$30,INDEX(Jesper!$R$2:$R$366,ROW(INDEX(Jesper!AK$2:AK$366,ROUNDDOWN($C8478/24,0)+1,1))-1)+IF('Standard Profiles'!$G$21=$B$10,7,0)+IF('Standard Profiles'!$G$21=$B$17,14,0)+IF('Standard Profiles'!$G$21=$B$24,21,0),MOD($C8478,24)+1)/SUM(INDEX($D$3:$AA$30,INDEX(Jesper!$R$2:$R$366,ROW(INDEX(Jesper!AK$2:AK$366,ROUNDDOWN($C8478/24,0)+1,1))-1)+IF('Standard Profiles'!$G$21=$B$10,7,0)+IF('Standard Profiles'!$G$21=$B$17,14,0)+IF('Standard Profiles'!$G$21=$B$24,21,0),0)),0)</f>
        <v>4.425737319275723</v>
      </c>
      <c r="H8478" cm="1">
        <f t="array" ref="H8478">IFERROR(INDEX(Jesper!AL$2:AL$366,ROUNDDOWN($C8478/24,0)+1,1)*INDEX($D$3:$AA$30,INDEX(Jesper!$R$2:$R$366,ROW(INDEX(Jesper!AL$2:AL$366,ROUNDDOWN($C8478/24,0)+1,1))-1)+IF('Standard Profiles'!$G$22=$B$10,7,0)+IF('Standard Profiles'!$G$22=$B$17,14,0)+IF('Standard Profiles'!$G$22=$B$24,21,0),MOD($C8478,24)+1)/SUM(INDEX($D$3:$AA$30,INDEX(Jesper!$R$2:$R$366,ROW(INDEX(Jesper!AL$2:AL$366,ROUNDDOWN($C8478/24,0)+1,1))-1)+IF('Standard Profiles'!$G$22=$B$10,7,0)+IF('Standard Profiles'!$G$22=$B$17,14,0)+IF('Standard Profiles'!$G$22=$B$24,21,0),0)),0)</f>
        <v>0</v>
      </c>
      <c r="I8478">
        <f t="shared" si="937"/>
        <v>2.1243539132523459</v>
      </c>
      <c r="J8478">
        <f t="shared" si="938"/>
        <v>12.712782316019283</v>
      </c>
      <c r="K8478">
        <f t="shared" si="939"/>
        <v>0.63199560892615181</v>
      </c>
      <c r="L8478">
        <f t="shared" si="940"/>
        <v>0.3159978044630759</v>
      </c>
      <c r="M8478">
        <f t="shared" si="941"/>
        <v>0</v>
      </c>
      <c r="N8478" s="45">
        <f t="shared" si="942"/>
        <v>45278.833333312854</v>
      </c>
    </row>
    <row r="8479" spans="2:14" x14ac:dyDescent="0.25">
      <c r="B8479">
        <f t="shared" si="936"/>
        <v>1</v>
      </c>
      <c r="C8479" s="16">
        <v>8445</v>
      </c>
      <c r="D8479" cm="1">
        <f t="array" ref="D8479">IFERROR(INDEX(Jesper!AH$2:AH$366,ROUNDDOWN($C8479/24,0)+1,1)*INDEX($D$3:$AA$30,INDEX(Jesper!$R$2:$R$366,ROW(INDEX(Jesper!AH$2:AH$366,ROUNDDOWN($C8479/24,0)+1,1))-1)+IF('Standard Profiles'!$G$18=$B$10,7,0)+IF('Standard Profiles'!$G$18=$B$17,14,0)+IF('Standard Profiles'!$G$18=$B$24,21,0),MOD($C8479,24)+1)/SUM(INDEX($D$3:$AA$30,INDEX(Jesper!$R$2:$R$366,ROW(INDEX(Jesper!AH$2:AH$366,ROUNDDOWN($C8479/24,0)+1,1))-1)+IF('Standard Profiles'!$G$18=$B$10,7,0)+IF('Standard Profiles'!$G$18=$B$17,14,0)+IF('Standard Profiles'!$G$18=$B$24,21,0),0)),0)</f>
        <v>5.9249588336826724</v>
      </c>
      <c r="E8479" cm="1">
        <f t="array" ref="E8479">IFERROR(INDEX(Jesper!AI$2:AI$366,ROUNDDOWN($C8479/24,0)+1,1)*INDEX($D$3:$AA$30,INDEX(Jesper!$R$2:$R$366,ROW(INDEX(Jesper!AI$2:AI$366,ROUNDDOWN($C8479/24,0)+1,1))-1)+IF('Standard Profiles'!$G$19=$B$10,7,0)+IF('Standard Profiles'!$G$19=$B$17,14,0)+IF('Standard Profiles'!$G$19=$B$24,21,0),MOD($C8479,24)+1)/SUM(INDEX($D$3:$AA$30,INDEX(Jesper!$R$2:$R$366,ROW(INDEX(Jesper!AI$2:AI$366,ROUNDDOWN($C8479/24,0)+1,1))-1)+IF('Standard Profiles'!$G$19=$B$10,7,0)+IF('Standard Profiles'!$G$19=$B$17,14,0)+IF('Standard Profiles'!$G$19=$B$24,21,0),0)),0)</f>
        <v>5.4344334897024602</v>
      </c>
      <c r="F8479" cm="1">
        <f t="array" ref="F8479">IFERROR(INDEX(Jesper!AJ$2:AJ$366,ROUNDDOWN($C8479/24,0)+1,1)*INDEX($D$3:$AA$30,INDEX(Jesper!$R$2:$R$366,ROW(INDEX(Jesper!AJ$2:AJ$366,ROUNDDOWN($C8479/24,0)+1,1))-1)+IF('Standard Profiles'!$G$20=$B$10,7,0)+IF('Standard Profiles'!$G$20=$B$17,14,0)+IF('Standard Profiles'!$G$20=$B$24,21,0),MOD($C8479,24)+1)/SUM(INDEX($D$3:$AA$30,INDEX(Jesper!$R$2:$R$366,ROW(INDEX(Jesper!AJ$2:AJ$366,ROUNDDOWN($C8479/24,0)+1,1))-1)+IF('Standard Profiles'!$G$20=$B$10,7,0)+IF('Standard Profiles'!$G$20=$B$17,14,0)+IF('Standard Profiles'!$G$20=$B$24,21,0),0)),0)</f>
        <v>0</v>
      </c>
      <c r="G8479" cm="1">
        <f t="array" ref="G8479">IFERROR(INDEX(Jesper!AK$2:AK$366,ROUNDDOWN($C8479/24,0)+1,1)*INDEX($D$3:$AA$30,INDEX(Jesper!$R$2:$R$366,ROW(INDEX(Jesper!AK$2:AK$366,ROUNDDOWN($C8479/24,0)+1,1))-1)+IF('Standard Profiles'!$G$21=$B$10,7,0)+IF('Standard Profiles'!$G$21=$B$17,14,0)+IF('Standard Profiles'!$G$21=$B$24,21,0),MOD($C8479,24)+1)/SUM(INDEX($D$3:$AA$30,INDEX(Jesper!$R$2:$R$366,ROW(INDEX(Jesper!AK$2:AK$366,ROUNDDOWN($C8479/24,0)+1,1))-1)+IF('Standard Profiles'!$G$21=$B$10,7,0)+IF('Standard Profiles'!$G$21=$B$17,14,0)+IF('Standard Profiles'!$G$21=$B$24,21,0),0)),0)</f>
        <v>4.425737319275723</v>
      </c>
      <c r="H8479" cm="1">
        <f t="array" ref="H8479">IFERROR(INDEX(Jesper!AL$2:AL$366,ROUNDDOWN($C8479/24,0)+1,1)*INDEX($D$3:$AA$30,INDEX(Jesper!$R$2:$R$366,ROW(INDEX(Jesper!AL$2:AL$366,ROUNDDOWN($C8479/24,0)+1,1))-1)+IF('Standard Profiles'!$G$22=$B$10,7,0)+IF('Standard Profiles'!$G$22=$B$17,14,0)+IF('Standard Profiles'!$G$22=$B$24,21,0),MOD($C8479,24)+1)/SUM(INDEX($D$3:$AA$30,INDEX(Jesper!$R$2:$R$366,ROW(INDEX(Jesper!AL$2:AL$366,ROUNDDOWN($C8479/24,0)+1,1))-1)+IF('Standard Profiles'!$G$22=$B$10,7,0)+IF('Standard Profiles'!$G$22=$B$17,14,0)+IF('Standard Profiles'!$G$22=$B$24,21,0),0)),0)</f>
        <v>0</v>
      </c>
      <c r="I8479">
        <f t="shared" si="937"/>
        <v>2.1243539132523459</v>
      </c>
      <c r="J8479">
        <f t="shared" si="938"/>
        <v>12.712782316019283</v>
      </c>
      <c r="K8479">
        <f t="shared" si="939"/>
        <v>0.63199560892615181</v>
      </c>
      <c r="L8479">
        <f t="shared" si="940"/>
        <v>0.3159978044630759</v>
      </c>
      <c r="M8479">
        <f t="shared" si="941"/>
        <v>0</v>
      </c>
      <c r="N8479" s="45">
        <f t="shared" si="942"/>
        <v>45278.874999979518</v>
      </c>
    </row>
    <row r="8480" spans="2:14" x14ac:dyDescent="0.25">
      <c r="B8480">
        <f t="shared" si="936"/>
        <v>1</v>
      </c>
      <c r="C8480" s="16">
        <v>8446</v>
      </c>
      <c r="D8480" cm="1">
        <f t="array" ref="D8480">IFERROR(INDEX(Jesper!AH$2:AH$366,ROUNDDOWN($C8480/24,0)+1,1)*INDEX($D$3:$AA$30,INDEX(Jesper!$R$2:$R$366,ROW(INDEX(Jesper!AH$2:AH$366,ROUNDDOWN($C8480/24,0)+1,1))-1)+IF('Standard Profiles'!$G$18=$B$10,7,0)+IF('Standard Profiles'!$G$18=$B$17,14,0)+IF('Standard Profiles'!$G$18=$B$24,21,0),MOD($C8480,24)+1)/SUM(INDEX($D$3:$AA$30,INDEX(Jesper!$R$2:$R$366,ROW(INDEX(Jesper!AH$2:AH$366,ROUNDDOWN($C8480/24,0)+1,1))-1)+IF('Standard Profiles'!$G$18=$B$10,7,0)+IF('Standard Profiles'!$G$18=$B$17,14,0)+IF('Standard Profiles'!$G$18=$B$24,21,0),0)),0)</f>
        <v>5.9249588336826724</v>
      </c>
      <c r="E8480" cm="1">
        <f t="array" ref="E8480">IFERROR(INDEX(Jesper!AI$2:AI$366,ROUNDDOWN($C8480/24,0)+1,1)*INDEX($D$3:$AA$30,INDEX(Jesper!$R$2:$R$366,ROW(INDEX(Jesper!AI$2:AI$366,ROUNDDOWN($C8480/24,0)+1,1))-1)+IF('Standard Profiles'!$G$19=$B$10,7,0)+IF('Standard Profiles'!$G$19=$B$17,14,0)+IF('Standard Profiles'!$G$19=$B$24,21,0),MOD($C8480,24)+1)/SUM(INDEX($D$3:$AA$30,INDEX(Jesper!$R$2:$R$366,ROW(INDEX(Jesper!AI$2:AI$366,ROUNDDOWN($C8480/24,0)+1,1))-1)+IF('Standard Profiles'!$G$19=$B$10,7,0)+IF('Standard Profiles'!$G$19=$B$17,14,0)+IF('Standard Profiles'!$G$19=$B$24,21,0),0)),0)</f>
        <v>5.4344334897024602</v>
      </c>
      <c r="F8480" cm="1">
        <f t="array" ref="F8480">IFERROR(INDEX(Jesper!AJ$2:AJ$366,ROUNDDOWN($C8480/24,0)+1,1)*INDEX($D$3:$AA$30,INDEX(Jesper!$R$2:$R$366,ROW(INDEX(Jesper!AJ$2:AJ$366,ROUNDDOWN($C8480/24,0)+1,1))-1)+IF('Standard Profiles'!$G$20=$B$10,7,0)+IF('Standard Profiles'!$G$20=$B$17,14,0)+IF('Standard Profiles'!$G$20=$B$24,21,0),MOD($C8480,24)+1)/SUM(INDEX($D$3:$AA$30,INDEX(Jesper!$R$2:$R$366,ROW(INDEX(Jesper!AJ$2:AJ$366,ROUNDDOWN($C8480/24,0)+1,1))-1)+IF('Standard Profiles'!$G$20=$B$10,7,0)+IF('Standard Profiles'!$G$20=$B$17,14,0)+IF('Standard Profiles'!$G$20=$B$24,21,0),0)),0)</f>
        <v>0</v>
      </c>
      <c r="G8480" cm="1">
        <f t="array" ref="G8480">IFERROR(INDEX(Jesper!AK$2:AK$366,ROUNDDOWN($C8480/24,0)+1,1)*INDEX($D$3:$AA$30,INDEX(Jesper!$R$2:$R$366,ROW(INDEX(Jesper!AK$2:AK$366,ROUNDDOWN($C8480/24,0)+1,1))-1)+IF('Standard Profiles'!$G$21=$B$10,7,0)+IF('Standard Profiles'!$G$21=$B$17,14,0)+IF('Standard Profiles'!$G$21=$B$24,21,0),MOD($C8480,24)+1)/SUM(INDEX($D$3:$AA$30,INDEX(Jesper!$R$2:$R$366,ROW(INDEX(Jesper!AK$2:AK$366,ROUNDDOWN($C8480/24,0)+1,1))-1)+IF('Standard Profiles'!$G$21=$B$10,7,0)+IF('Standard Profiles'!$G$21=$B$17,14,0)+IF('Standard Profiles'!$G$21=$B$24,21,0),0)),0)</f>
        <v>4.425737319275723</v>
      </c>
      <c r="H8480" cm="1">
        <f t="array" ref="H8480">IFERROR(INDEX(Jesper!AL$2:AL$366,ROUNDDOWN($C8480/24,0)+1,1)*INDEX($D$3:$AA$30,INDEX(Jesper!$R$2:$R$366,ROW(INDEX(Jesper!AL$2:AL$366,ROUNDDOWN($C8480/24,0)+1,1))-1)+IF('Standard Profiles'!$G$22=$B$10,7,0)+IF('Standard Profiles'!$G$22=$B$17,14,0)+IF('Standard Profiles'!$G$22=$B$24,21,0),MOD($C8480,24)+1)/SUM(INDEX($D$3:$AA$30,INDEX(Jesper!$R$2:$R$366,ROW(INDEX(Jesper!AL$2:AL$366,ROUNDDOWN($C8480/24,0)+1,1))-1)+IF('Standard Profiles'!$G$22=$B$10,7,0)+IF('Standard Profiles'!$G$22=$B$17,14,0)+IF('Standard Profiles'!$G$22=$B$24,21,0),0)),0)</f>
        <v>0</v>
      </c>
      <c r="I8480">
        <f t="shared" si="937"/>
        <v>2.1243539132523459</v>
      </c>
      <c r="J8480">
        <f t="shared" si="938"/>
        <v>12.712782316019283</v>
      </c>
      <c r="K8480">
        <f t="shared" si="939"/>
        <v>0.63199560892615181</v>
      </c>
      <c r="L8480">
        <f t="shared" si="940"/>
        <v>0.3159978044630759</v>
      </c>
      <c r="M8480">
        <f t="shared" si="941"/>
        <v>0</v>
      </c>
      <c r="N8480" s="45">
        <f t="shared" si="942"/>
        <v>45278.916666646182</v>
      </c>
    </row>
    <row r="8481" spans="2:14" x14ac:dyDescent="0.25">
      <c r="B8481">
        <f t="shared" si="936"/>
        <v>1</v>
      </c>
      <c r="C8481" s="16">
        <v>8447</v>
      </c>
      <c r="D8481" cm="1">
        <f t="array" ref="D8481">IFERROR(INDEX(Jesper!AH$2:AH$366,ROUNDDOWN($C8481/24,0)+1,1)*INDEX($D$3:$AA$30,INDEX(Jesper!$R$2:$R$366,ROW(INDEX(Jesper!AH$2:AH$366,ROUNDDOWN($C8481/24,0)+1,1))-1)+IF('Standard Profiles'!$G$18=$B$10,7,0)+IF('Standard Profiles'!$G$18=$B$17,14,0)+IF('Standard Profiles'!$G$18=$B$24,21,0),MOD($C8481,24)+1)/SUM(INDEX($D$3:$AA$30,INDEX(Jesper!$R$2:$R$366,ROW(INDEX(Jesper!AH$2:AH$366,ROUNDDOWN($C8481/24,0)+1,1))-1)+IF('Standard Profiles'!$G$18=$B$10,7,0)+IF('Standard Profiles'!$G$18=$B$17,14,0)+IF('Standard Profiles'!$G$18=$B$24,21,0),0)),0)</f>
        <v>5.9249588336826724</v>
      </c>
      <c r="E8481" cm="1">
        <f t="array" ref="E8481">IFERROR(INDEX(Jesper!AI$2:AI$366,ROUNDDOWN($C8481/24,0)+1,1)*INDEX($D$3:$AA$30,INDEX(Jesper!$R$2:$R$366,ROW(INDEX(Jesper!AI$2:AI$366,ROUNDDOWN($C8481/24,0)+1,1))-1)+IF('Standard Profiles'!$G$19=$B$10,7,0)+IF('Standard Profiles'!$G$19=$B$17,14,0)+IF('Standard Profiles'!$G$19=$B$24,21,0),MOD($C8481,24)+1)/SUM(INDEX($D$3:$AA$30,INDEX(Jesper!$R$2:$R$366,ROW(INDEX(Jesper!AI$2:AI$366,ROUNDDOWN($C8481/24,0)+1,1))-1)+IF('Standard Profiles'!$G$19=$B$10,7,0)+IF('Standard Profiles'!$G$19=$B$17,14,0)+IF('Standard Profiles'!$G$19=$B$24,21,0),0)),0)</f>
        <v>5.4344334897024602</v>
      </c>
      <c r="F8481" cm="1">
        <f t="array" ref="F8481">IFERROR(INDEX(Jesper!AJ$2:AJ$366,ROUNDDOWN($C8481/24,0)+1,1)*INDEX($D$3:$AA$30,INDEX(Jesper!$R$2:$R$366,ROW(INDEX(Jesper!AJ$2:AJ$366,ROUNDDOWN($C8481/24,0)+1,1))-1)+IF('Standard Profiles'!$G$20=$B$10,7,0)+IF('Standard Profiles'!$G$20=$B$17,14,0)+IF('Standard Profiles'!$G$20=$B$24,21,0),MOD($C8481,24)+1)/SUM(INDEX($D$3:$AA$30,INDEX(Jesper!$R$2:$R$366,ROW(INDEX(Jesper!AJ$2:AJ$366,ROUNDDOWN($C8481/24,0)+1,1))-1)+IF('Standard Profiles'!$G$20=$B$10,7,0)+IF('Standard Profiles'!$G$20=$B$17,14,0)+IF('Standard Profiles'!$G$20=$B$24,21,0),0)),0)</f>
        <v>0</v>
      </c>
      <c r="G8481" cm="1">
        <f t="array" ref="G8481">IFERROR(INDEX(Jesper!AK$2:AK$366,ROUNDDOWN($C8481/24,0)+1,1)*INDEX($D$3:$AA$30,INDEX(Jesper!$R$2:$R$366,ROW(INDEX(Jesper!AK$2:AK$366,ROUNDDOWN($C8481/24,0)+1,1))-1)+IF('Standard Profiles'!$G$21=$B$10,7,0)+IF('Standard Profiles'!$G$21=$B$17,14,0)+IF('Standard Profiles'!$G$21=$B$24,21,0),MOD($C8481,24)+1)/SUM(INDEX($D$3:$AA$30,INDEX(Jesper!$R$2:$R$366,ROW(INDEX(Jesper!AK$2:AK$366,ROUNDDOWN($C8481/24,0)+1,1))-1)+IF('Standard Profiles'!$G$21=$B$10,7,0)+IF('Standard Profiles'!$G$21=$B$17,14,0)+IF('Standard Profiles'!$G$21=$B$24,21,0),0)),0)</f>
        <v>4.425737319275723</v>
      </c>
      <c r="H8481" cm="1">
        <f t="array" ref="H8481">IFERROR(INDEX(Jesper!AL$2:AL$366,ROUNDDOWN($C8481/24,0)+1,1)*INDEX($D$3:$AA$30,INDEX(Jesper!$R$2:$R$366,ROW(INDEX(Jesper!AL$2:AL$366,ROUNDDOWN($C8481/24,0)+1,1))-1)+IF('Standard Profiles'!$G$22=$B$10,7,0)+IF('Standard Profiles'!$G$22=$B$17,14,0)+IF('Standard Profiles'!$G$22=$B$24,21,0),MOD($C8481,24)+1)/SUM(INDEX($D$3:$AA$30,INDEX(Jesper!$R$2:$R$366,ROW(INDEX(Jesper!AL$2:AL$366,ROUNDDOWN($C8481/24,0)+1,1))-1)+IF('Standard Profiles'!$G$22=$B$10,7,0)+IF('Standard Profiles'!$G$22=$B$17,14,0)+IF('Standard Profiles'!$G$22=$B$24,21,0),0)),0)</f>
        <v>0</v>
      </c>
      <c r="I8481">
        <f t="shared" si="937"/>
        <v>2.1243539132523459</v>
      </c>
      <c r="J8481">
        <f t="shared" si="938"/>
        <v>12.712782316019283</v>
      </c>
      <c r="K8481">
        <f t="shared" si="939"/>
        <v>0.63199560892615181</v>
      </c>
      <c r="L8481">
        <f t="shared" si="940"/>
        <v>0.3159978044630759</v>
      </c>
      <c r="M8481">
        <f t="shared" si="941"/>
        <v>0</v>
      </c>
      <c r="N8481" s="45">
        <f t="shared" si="942"/>
        <v>45278.958333312847</v>
      </c>
    </row>
    <row r="8482" spans="2:14" x14ac:dyDescent="0.25">
      <c r="B8482">
        <f t="shared" si="936"/>
        <v>2</v>
      </c>
      <c r="C8482" s="16">
        <v>8448</v>
      </c>
      <c r="D8482" cm="1">
        <f t="array" ref="D8482">IFERROR(INDEX(Jesper!AH$2:AH$366,ROUNDDOWN($C8482/24,0)+1,1)*INDEX($D$3:$AA$30,INDEX(Jesper!$R$2:$R$366,ROW(INDEX(Jesper!AH$2:AH$366,ROUNDDOWN($C8482/24,0)+1,1))-1)+IF('Standard Profiles'!$G$18=$B$10,7,0)+IF('Standard Profiles'!$G$18=$B$17,14,0)+IF('Standard Profiles'!$G$18=$B$24,21,0),MOD($C8482,24)+1)/SUM(INDEX($D$3:$AA$30,INDEX(Jesper!$R$2:$R$366,ROW(INDEX(Jesper!AH$2:AH$366,ROUNDDOWN($C8482/24,0)+1,1))-1)+IF('Standard Profiles'!$G$18=$B$10,7,0)+IF('Standard Profiles'!$G$18=$B$17,14,0)+IF('Standard Profiles'!$G$18=$B$24,21,0),0)),0)</f>
        <v>3.7981157230394529</v>
      </c>
      <c r="E8482" cm="1">
        <f t="array" ref="E8482">IFERROR(INDEX(Jesper!AI$2:AI$366,ROUNDDOWN($C8482/24,0)+1,1)*INDEX($D$3:$AA$30,INDEX(Jesper!$R$2:$R$366,ROW(INDEX(Jesper!AI$2:AI$366,ROUNDDOWN($C8482/24,0)+1,1))-1)+IF('Standard Profiles'!$G$19=$B$10,7,0)+IF('Standard Profiles'!$G$19=$B$17,14,0)+IF('Standard Profiles'!$G$19=$B$24,21,0),MOD($C8482,24)+1)/SUM(INDEX($D$3:$AA$30,INDEX(Jesper!$R$2:$R$366,ROW(INDEX(Jesper!AI$2:AI$366,ROUNDDOWN($C8482/24,0)+1,1))-1)+IF('Standard Profiles'!$G$19=$B$10,7,0)+IF('Standard Profiles'!$G$19=$B$17,14,0)+IF('Standard Profiles'!$G$19=$B$24,21,0),0)),0)</f>
        <v>3.6622879511202728</v>
      </c>
      <c r="F8482" cm="1">
        <f t="array" ref="F8482">IFERROR(INDEX(Jesper!AJ$2:AJ$366,ROUNDDOWN($C8482/24,0)+1,1)*INDEX($D$3:$AA$30,INDEX(Jesper!$R$2:$R$366,ROW(INDEX(Jesper!AJ$2:AJ$366,ROUNDDOWN($C8482/24,0)+1,1))-1)+IF('Standard Profiles'!$G$20=$B$10,7,0)+IF('Standard Profiles'!$G$20=$B$17,14,0)+IF('Standard Profiles'!$G$20=$B$24,21,0),MOD($C8482,24)+1)/SUM(INDEX($D$3:$AA$30,INDEX(Jesper!$R$2:$R$366,ROW(INDEX(Jesper!AJ$2:AJ$366,ROUNDDOWN($C8482/24,0)+1,1))-1)+IF('Standard Profiles'!$G$20=$B$10,7,0)+IF('Standard Profiles'!$G$20=$B$17,14,0)+IF('Standard Profiles'!$G$20=$B$24,21,0),0)),0)</f>
        <v>0</v>
      </c>
      <c r="G8482" cm="1">
        <f t="array" ref="G8482">IFERROR(INDEX(Jesper!AK$2:AK$366,ROUNDDOWN($C8482/24,0)+1,1)*INDEX($D$3:$AA$30,INDEX(Jesper!$R$2:$R$366,ROW(INDEX(Jesper!AK$2:AK$366,ROUNDDOWN($C8482/24,0)+1,1))-1)+IF('Standard Profiles'!$G$21=$B$10,7,0)+IF('Standard Profiles'!$G$21=$B$17,14,0)+IF('Standard Profiles'!$G$21=$B$24,21,0),MOD($C8482,24)+1)/SUM(INDEX($D$3:$AA$30,INDEX(Jesper!$R$2:$R$366,ROW(INDEX(Jesper!AK$2:AK$366,ROUNDDOWN($C8482/24,0)+1,1))-1)+IF('Standard Profiles'!$G$21=$B$10,7,0)+IF('Standard Profiles'!$G$21=$B$17,14,0)+IF('Standard Profiles'!$G$21=$B$24,21,0),0)),0)</f>
        <v>4.9356700688719943</v>
      </c>
      <c r="H8482" cm="1">
        <f t="array" ref="H8482">IFERROR(INDEX(Jesper!AL$2:AL$366,ROUNDDOWN($C8482/24,0)+1,1)*INDEX($D$3:$AA$30,INDEX(Jesper!$R$2:$R$366,ROW(INDEX(Jesper!AL$2:AL$366,ROUNDDOWN($C8482/24,0)+1,1))-1)+IF('Standard Profiles'!$G$22=$B$10,7,0)+IF('Standard Profiles'!$G$22=$B$17,14,0)+IF('Standard Profiles'!$G$22=$B$24,21,0),MOD($C8482,24)+1)/SUM(INDEX($D$3:$AA$30,INDEX(Jesper!$R$2:$R$366,ROW(INDEX(Jesper!AL$2:AL$366,ROUNDDOWN($C8482/24,0)+1,1))-1)+IF('Standard Profiles'!$G$22=$B$10,7,0)+IF('Standard Profiles'!$G$22=$B$17,14,0)+IF('Standard Profiles'!$G$22=$B$24,21,0),0)),0)</f>
        <v>0</v>
      </c>
      <c r="I8482">
        <f t="shared" si="937"/>
        <v>2.3691216330585561</v>
      </c>
      <c r="J8482">
        <f t="shared" si="938"/>
        <v>9.419253594286852</v>
      </c>
      <c r="K8482">
        <f t="shared" si="939"/>
        <v>0.40513234379087498</v>
      </c>
      <c r="L8482">
        <f t="shared" si="940"/>
        <v>0.20256617189543749</v>
      </c>
      <c r="M8482">
        <f t="shared" si="941"/>
        <v>0</v>
      </c>
      <c r="N8482" s="45">
        <f t="shared" si="942"/>
        <v>45278.999999979511</v>
      </c>
    </row>
    <row r="8483" spans="2:14" x14ac:dyDescent="0.25">
      <c r="B8483">
        <f t="shared" ref="B8483:B8546" si="943">WEEKDAY(N8483,2)</f>
        <v>2</v>
      </c>
      <c r="C8483" s="16">
        <v>8449</v>
      </c>
      <c r="D8483" cm="1">
        <f t="array" ref="D8483">IFERROR(INDEX(Jesper!AH$2:AH$366,ROUNDDOWN($C8483/24,0)+1,1)*INDEX($D$3:$AA$30,INDEX(Jesper!$R$2:$R$366,ROW(INDEX(Jesper!AH$2:AH$366,ROUNDDOWN($C8483/24,0)+1,1))-1)+IF('Standard Profiles'!$G$18=$B$10,7,0)+IF('Standard Profiles'!$G$18=$B$17,14,0)+IF('Standard Profiles'!$G$18=$B$24,21,0),MOD($C8483,24)+1)/SUM(INDEX($D$3:$AA$30,INDEX(Jesper!$R$2:$R$366,ROW(INDEX(Jesper!AH$2:AH$366,ROUNDDOWN($C8483/24,0)+1,1))-1)+IF('Standard Profiles'!$G$18=$B$10,7,0)+IF('Standard Profiles'!$G$18=$B$17,14,0)+IF('Standard Profiles'!$G$18=$B$24,21,0),0)),0)</f>
        <v>5.7876049112982146</v>
      </c>
      <c r="E8483" cm="1">
        <f t="array" ref="E8483">IFERROR(INDEX(Jesper!AI$2:AI$366,ROUNDDOWN($C8483/24,0)+1,1)*INDEX($D$3:$AA$30,INDEX(Jesper!$R$2:$R$366,ROW(INDEX(Jesper!AI$2:AI$366,ROUNDDOWN($C8483/24,0)+1,1))-1)+IF('Standard Profiles'!$G$19=$B$10,7,0)+IF('Standard Profiles'!$G$19=$B$17,14,0)+IF('Standard Profiles'!$G$19=$B$24,21,0),MOD($C8483,24)+1)/SUM(INDEX($D$3:$AA$30,INDEX(Jesper!$R$2:$R$366,ROW(INDEX(Jesper!AI$2:AI$366,ROUNDDOWN($C8483/24,0)+1,1))-1)+IF('Standard Profiles'!$G$19=$B$10,7,0)+IF('Standard Profiles'!$G$19=$B$17,14,0)+IF('Standard Profiles'!$G$19=$B$24,21,0),0)),0)</f>
        <v>5.5806292588499398</v>
      </c>
      <c r="F8483" cm="1">
        <f t="array" ref="F8483">IFERROR(INDEX(Jesper!AJ$2:AJ$366,ROUNDDOWN($C8483/24,0)+1,1)*INDEX($D$3:$AA$30,INDEX(Jesper!$R$2:$R$366,ROW(INDEX(Jesper!AJ$2:AJ$366,ROUNDDOWN($C8483/24,0)+1,1))-1)+IF('Standard Profiles'!$G$20=$B$10,7,0)+IF('Standard Profiles'!$G$20=$B$17,14,0)+IF('Standard Profiles'!$G$20=$B$24,21,0),MOD($C8483,24)+1)/SUM(INDEX($D$3:$AA$30,INDEX(Jesper!$R$2:$R$366,ROW(INDEX(Jesper!AJ$2:AJ$366,ROUNDDOWN($C8483/24,0)+1,1))-1)+IF('Standard Profiles'!$G$20=$B$10,7,0)+IF('Standard Profiles'!$G$20=$B$17,14,0)+IF('Standard Profiles'!$G$20=$B$24,21,0),0)),0)</f>
        <v>0</v>
      </c>
      <c r="G8483" cm="1">
        <f t="array" ref="G8483">IFERROR(INDEX(Jesper!AK$2:AK$366,ROUNDDOWN($C8483/24,0)+1,1)*INDEX($D$3:$AA$30,INDEX(Jesper!$R$2:$R$366,ROW(INDEX(Jesper!AK$2:AK$366,ROUNDDOWN($C8483/24,0)+1,1))-1)+IF('Standard Profiles'!$G$21=$B$10,7,0)+IF('Standard Profiles'!$G$21=$B$17,14,0)+IF('Standard Profiles'!$G$21=$B$24,21,0),MOD($C8483,24)+1)/SUM(INDEX($D$3:$AA$30,INDEX(Jesper!$R$2:$R$366,ROW(INDEX(Jesper!AK$2:AK$366,ROUNDDOWN($C8483/24,0)+1,1))-1)+IF('Standard Profiles'!$G$21=$B$10,7,0)+IF('Standard Profiles'!$G$21=$B$17,14,0)+IF('Standard Profiles'!$G$21=$B$24,21,0),0)),0)</f>
        <v>4.9356700688719943</v>
      </c>
      <c r="H8483" cm="1">
        <f t="array" ref="H8483">IFERROR(INDEX(Jesper!AL$2:AL$366,ROUNDDOWN($C8483/24,0)+1,1)*INDEX($D$3:$AA$30,INDEX(Jesper!$R$2:$R$366,ROW(INDEX(Jesper!AL$2:AL$366,ROUNDDOWN($C8483/24,0)+1,1))-1)+IF('Standard Profiles'!$G$22=$B$10,7,0)+IF('Standard Profiles'!$G$22=$B$17,14,0)+IF('Standard Profiles'!$G$22=$B$24,21,0),MOD($C8483,24)+1)/SUM(INDEX($D$3:$AA$30,INDEX(Jesper!$R$2:$R$366,ROW(INDEX(Jesper!AL$2:AL$366,ROUNDDOWN($C8483/24,0)+1,1))-1)+IF('Standard Profiles'!$G$22=$B$10,7,0)+IF('Standard Profiles'!$G$22=$B$17,14,0)+IF('Standard Profiles'!$G$22=$B$24,21,0),0)),0)</f>
        <v>0</v>
      </c>
      <c r="I8483">
        <f t="shared" ref="I8483:I8546" si="944">IF($B8483&lt;6,AC$37*$D8483+AC$38*$E8483+AC$39*$F8483+AC$40*$G8483,AC$46*$D8483+AC$47*$E8483+AC$48*$F8483+AC$49*$G8483+AC$50*$H8483)</f>
        <v>2.3691216330585561</v>
      </c>
      <c r="J8483">
        <f t="shared" ref="J8483:J8546" si="945">IF($B8483&lt;6,AD$37*$D8483+AD$38*$E8483+AD$39*$F8483+AD$40*$G8483,AD$46*$D8483+AD$47*$E8483+AD$48*$F8483+AD$49*$G8483+AD$50*$H8483)</f>
        <v>13.008765820153878</v>
      </c>
      <c r="K8483">
        <f t="shared" ref="K8483:K8546" si="946">IF($B8483&lt;6,AE$37*$D8483+AE$38*$E8483+AE$39*$F8483+AE$40*$G8483,AE$46*$D8483+AE$47*$E8483+AE$48*$F8483+AE$49*$G8483+AE$50*$H8483)</f>
        <v>0.6173445238718096</v>
      </c>
      <c r="L8483">
        <f t="shared" ref="L8483:L8546" si="947">IF($B8483&lt;6,AF$37*$D8483+AF$38*$E8483+AF$39*$F8483+AF$40*$G8483,AF$46*$D8483+AF$47*$E8483+AF$48*$F8483+AF$49*$G8483+AF$50*$H8483)</f>
        <v>0.3086722619359048</v>
      </c>
      <c r="M8483">
        <f t="shared" ref="M8483:M8546" si="948">IF($B8483&lt;6,AG$37*$D8483+AG$38*$E8483+AG$39*$F8483+AG$40*$G8483,AG$46*$D8483+AG$47*$E8483+AG$48*$F8483+AG$49*$G8483+AG$50*$H8483)</f>
        <v>0</v>
      </c>
      <c r="N8483" s="45">
        <f t="shared" si="942"/>
        <v>45279.041666646175</v>
      </c>
    </row>
    <row r="8484" spans="2:14" x14ac:dyDescent="0.25">
      <c r="B8484">
        <f t="shared" si="943"/>
        <v>2</v>
      </c>
      <c r="C8484" s="16">
        <v>8450</v>
      </c>
      <c r="D8484" cm="1">
        <f t="array" ref="D8484">IFERROR(INDEX(Jesper!AH$2:AH$366,ROUNDDOWN($C8484/24,0)+1,1)*INDEX($D$3:$AA$30,INDEX(Jesper!$R$2:$R$366,ROW(INDEX(Jesper!AH$2:AH$366,ROUNDDOWN($C8484/24,0)+1,1))-1)+IF('Standard Profiles'!$G$18=$B$10,7,0)+IF('Standard Profiles'!$G$18=$B$17,14,0)+IF('Standard Profiles'!$G$18=$B$24,21,0),MOD($C8484,24)+1)/SUM(INDEX($D$3:$AA$30,INDEX(Jesper!$R$2:$R$366,ROW(INDEX(Jesper!AH$2:AH$366,ROUNDDOWN($C8484/24,0)+1,1))-1)+IF('Standard Profiles'!$G$18=$B$10,7,0)+IF('Standard Profiles'!$G$18=$B$17,14,0)+IF('Standard Profiles'!$G$18=$B$24,21,0),0)),0)</f>
        <v>5.7876049112982146</v>
      </c>
      <c r="E8484" cm="1">
        <f t="array" ref="E8484">IFERROR(INDEX(Jesper!AI$2:AI$366,ROUNDDOWN($C8484/24,0)+1,1)*INDEX($D$3:$AA$30,INDEX(Jesper!$R$2:$R$366,ROW(INDEX(Jesper!AI$2:AI$366,ROUNDDOWN($C8484/24,0)+1,1))-1)+IF('Standard Profiles'!$G$19=$B$10,7,0)+IF('Standard Profiles'!$G$19=$B$17,14,0)+IF('Standard Profiles'!$G$19=$B$24,21,0),MOD($C8484,24)+1)/SUM(INDEX($D$3:$AA$30,INDEX(Jesper!$R$2:$R$366,ROW(INDEX(Jesper!AI$2:AI$366,ROUNDDOWN($C8484/24,0)+1,1))-1)+IF('Standard Profiles'!$G$19=$B$10,7,0)+IF('Standard Profiles'!$G$19=$B$17,14,0)+IF('Standard Profiles'!$G$19=$B$24,21,0),0)),0)</f>
        <v>5.5806292588499398</v>
      </c>
      <c r="F8484" cm="1">
        <f t="array" ref="F8484">IFERROR(INDEX(Jesper!AJ$2:AJ$366,ROUNDDOWN($C8484/24,0)+1,1)*INDEX($D$3:$AA$30,INDEX(Jesper!$R$2:$R$366,ROW(INDEX(Jesper!AJ$2:AJ$366,ROUNDDOWN($C8484/24,0)+1,1))-1)+IF('Standard Profiles'!$G$20=$B$10,7,0)+IF('Standard Profiles'!$G$20=$B$17,14,0)+IF('Standard Profiles'!$G$20=$B$24,21,0),MOD($C8484,24)+1)/SUM(INDEX($D$3:$AA$30,INDEX(Jesper!$R$2:$R$366,ROW(INDEX(Jesper!AJ$2:AJ$366,ROUNDDOWN($C8484/24,0)+1,1))-1)+IF('Standard Profiles'!$G$20=$B$10,7,0)+IF('Standard Profiles'!$G$20=$B$17,14,0)+IF('Standard Profiles'!$G$20=$B$24,21,0),0)),0)</f>
        <v>0</v>
      </c>
      <c r="G8484" cm="1">
        <f t="array" ref="G8484">IFERROR(INDEX(Jesper!AK$2:AK$366,ROUNDDOWN($C8484/24,0)+1,1)*INDEX($D$3:$AA$30,INDEX(Jesper!$R$2:$R$366,ROW(INDEX(Jesper!AK$2:AK$366,ROUNDDOWN($C8484/24,0)+1,1))-1)+IF('Standard Profiles'!$G$21=$B$10,7,0)+IF('Standard Profiles'!$G$21=$B$17,14,0)+IF('Standard Profiles'!$G$21=$B$24,21,0),MOD($C8484,24)+1)/SUM(INDEX($D$3:$AA$30,INDEX(Jesper!$R$2:$R$366,ROW(INDEX(Jesper!AK$2:AK$366,ROUNDDOWN($C8484/24,0)+1,1))-1)+IF('Standard Profiles'!$G$21=$B$10,7,0)+IF('Standard Profiles'!$G$21=$B$17,14,0)+IF('Standard Profiles'!$G$21=$B$24,21,0),0)),0)</f>
        <v>4.9356700688719943</v>
      </c>
      <c r="H8484" cm="1">
        <f t="array" ref="H8484">IFERROR(INDEX(Jesper!AL$2:AL$366,ROUNDDOWN($C8484/24,0)+1,1)*INDEX($D$3:$AA$30,INDEX(Jesper!$R$2:$R$366,ROW(INDEX(Jesper!AL$2:AL$366,ROUNDDOWN($C8484/24,0)+1,1))-1)+IF('Standard Profiles'!$G$22=$B$10,7,0)+IF('Standard Profiles'!$G$22=$B$17,14,0)+IF('Standard Profiles'!$G$22=$B$24,21,0),MOD($C8484,24)+1)/SUM(INDEX($D$3:$AA$30,INDEX(Jesper!$R$2:$R$366,ROW(INDEX(Jesper!AL$2:AL$366,ROUNDDOWN($C8484/24,0)+1,1))-1)+IF('Standard Profiles'!$G$22=$B$10,7,0)+IF('Standard Profiles'!$G$22=$B$17,14,0)+IF('Standard Profiles'!$G$22=$B$24,21,0),0)),0)</f>
        <v>0</v>
      </c>
      <c r="I8484">
        <f t="shared" si="944"/>
        <v>2.3691216330585561</v>
      </c>
      <c r="J8484">
        <f t="shared" si="945"/>
        <v>13.008765820153878</v>
      </c>
      <c r="K8484">
        <f t="shared" si="946"/>
        <v>0.6173445238718096</v>
      </c>
      <c r="L8484">
        <f t="shared" si="947"/>
        <v>0.3086722619359048</v>
      </c>
      <c r="M8484">
        <f t="shared" si="948"/>
        <v>0</v>
      </c>
      <c r="N8484" s="45">
        <f t="shared" ref="N8484:N8547" si="949">N8483+1/24</f>
        <v>45279.083333312839</v>
      </c>
    </row>
    <row r="8485" spans="2:14" x14ac:dyDescent="0.25">
      <c r="B8485">
        <f t="shared" si="943"/>
        <v>2</v>
      </c>
      <c r="C8485" s="16">
        <v>8451</v>
      </c>
      <c r="D8485" cm="1">
        <f t="array" ref="D8485">IFERROR(INDEX(Jesper!AH$2:AH$366,ROUNDDOWN($C8485/24,0)+1,1)*INDEX($D$3:$AA$30,INDEX(Jesper!$R$2:$R$366,ROW(INDEX(Jesper!AH$2:AH$366,ROUNDDOWN($C8485/24,0)+1,1))-1)+IF('Standard Profiles'!$G$18=$B$10,7,0)+IF('Standard Profiles'!$G$18=$B$17,14,0)+IF('Standard Profiles'!$G$18=$B$24,21,0),MOD($C8485,24)+1)/SUM(INDEX($D$3:$AA$30,INDEX(Jesper!$R$2:$R$366,ROW(INDEX(Jesper!AH$2:AH$366,ROUNDDOWN($C8485/24,0)+1,1))-1)+IF('Standard Profiles'!$G$18=$B$10,7,0)+IF('Standard Profiles'!$G$18=$B$17,14,0)+IF('Standard Profiles'!$G$18=$B$24,21,0),0)),0)</f>
        <v>5.7876049112982146</v>
      </c>
      <c r="E8485" cm="1">
        <f t="array" ref="E8485">IFERROR(INDEX(Jesper!AI$2:AI$366,ROUNDDOWN($C8485/24,0)+1,1)*INDEX($D$3:$AA$30,INDEX(Jesper!$R$2:$R$366,ROW(INDEX(Jesper!AI$2:AI$366,ROUNDDOWN($C8485/24,0)+1,1))-1)+IF('Standard Profiles'!$G$19=$B$10,7,0)+IF('Standard Profiles'!$G$19=$B$17,14,0)+IF('Standard Profiles'!$G$19=$B$24,21,0),MOD($C8485,24)+1)/SUM(INDEX($D$3:$AA$30,INDEX(Jesper!$R$2:$R$366,ROW(INDEX(Jesper!AI$2:AI$366,ROUNDDOWN($C8485/24,0)+1,1))-1)+IF('Standard Profiles'!$G$19=$B$10,7,0)+IF('Standard Profiles'!$G$19=$B$17,14,0)+IF('Standard Profiles'!$G$19=$B$24,21,0),0)),0)</f>
        <v>5.5806292588499398</v>
      </c>
      <c r="F8485" cm="1">
        <f t="array" ref="F8485">IFERROR(INDEX(Jesper!AJ$2:AJ$366,ROUNDDOWN($C8485/24,0)+1,1)*INDEX($D$3:$AA$30,INDEX(Jesper!$R$2:$R$366,ROW(INDEX(Jesper!AJ$2:AJ$366,ROUNDDOWN($C8485/24,0)+1,1))-1)+IF('Standard Profiles'!$G$20=$B$10,7,0)+IF('Standard Profiles'!$G$20=$B$17,14,0)+IF('Standard Profiles'!$G$20=$B$24,21,0),MOD($C8485,24)+1)/SUM(INDEX($D$3:$AA$30,INDEX(Jesper!$R$2:$R$366,ROW(INDEX(Jesper!AJ$2:AJ$366,ROUNDDOWN($C8485/24,0)+1,1))-1)+IF('Standard Profiles'!$G$20=$B$10,7,0)+IF('Standard Profiles'!$G$20=$B$17,14,0)+IF('Standard Profiles'!$G$20=$B$24,21,0),0)),0)</f>
        <v>0</v>
      </c>
      <c r="G8485" cm="1">
        <f t="array" ref="G8485">IFERROR(INDEX(Jesper!AK$2:AK$366,ROUNDDOWN($C8485/24,0)+1,1)*INDEX($D$3:$AA$30,INDEX(Jesper!$R$2:$R$366,ROW(INDEX(Jesper!AK$2:AK$366,ROUNDDOWN($C8485/24,0)+1,1))-1)+IF('Standard Profiles'!$G$21=$B$10,7,0)+IF('Standard Profiles'!$G$21=$B$17,14,0)+IF('Standard Profiles'!$G$21=$B$24,21,0),MOD($C8485,24)+1)/SUM(INDEX($D$3:$AA$30,INDEX(Jesper!$R$2:$R$366,ROW(INDEX(Jesper!AK$2:AK$366,ROUNDDOWN($C8485/24,0)+1,1))-1)+IF('Standard Profiles'!$G$21=$B$10,7,0)+IF('Standard Profiles'!$G$21=$B$17,14,0)+IF('Standard Profiles'!$G$21=$B$24,21,0),0)),0)</f>
        <v>4.9356700688719943</v>
      </c>
      <c r="H8485" cm="1">
        <f t="array" ref="H8485">IFERROR(INDEX(Jesper!AL$2:AL$366,ROUNDDOWN($C8485/24,0)+1,1)*INDEX($D$3:$AA$30,INDEX(Jesper!$R$2:$R$366,ROW(INDEX(Jesper!AL$2:AL$366,ROUNDDOWN($C8485/24,0)+1,1))-1)+IF('Standard Profiles'!$G$22=$B$10,7,0)+IF('Standard Profiles'!$G$22=$B$17,14,0)+IF('Standard Profiles'!$G$22=$B$24,21,0),MOD($C8485,24)+1)/SUM(INDEX($D$3:$AA$30,INDEX(Jesper!$R$2:$R$366,ROW(INDEX(Jesper!AL$2:AL$366,ROUNDDOWN($C8485/24,0)+1,1))-1)+IF('Standard Profiles'!$G$22=$B$10,7,0)+IF('Standard Profiles'!$G$22=$B$17,14,0)+IF('Standard Profiles'!$G$22=$B$24,21,0),0)),0)</f>
        <v>0</v>
      </c>
      <c r="I8485">
        <f t="shared" si="944"/>
        <v>2.3691216330585561</v>
      </c>
      <c r="J8485">
        <f t="shared" si="945"/>
        <v>13.008765820153878</v>
      </c>
      <c r="K8485">
        <f t="shared" si="946"/>
        <v>0.6173445238718096</v>
      </c>
      <c r="L8485">
        <f t="shared" si="947"/>
        <v>0.3086722619359048</v>
      </c>
      <c r="M8485">
        <f t="shared" si="948"/>
        <v>0</v>
      </c>
      <c r="N8485" s="45">
        <f t="shared" si="949"/>
        <v>45279.124999979504</v>
      </c>
    </row>
    <row r="8486" spans="2:14" x14ac:dyDescent="0.25">
      <c r="B8486">
        <f t="shared" si="943"/>
        <v>2</v>
      </c>
      <c r="C8486" s="16">
        <v>8452</v>
      </c>
      <c r="D8486" cm="1">
        <f t="array" ref="D8486">IFERROR(INDEX(Jesper!AH$2:AH$366,ROUNDDOWN($C8486/24,0)+1,1)*INDEX($D$3:$AA$30,INDEX(Jesper!$R$2:$R$366,ROW(INDEX(Jesper!AH$2:AH$366,ROUNDDOWN($C8486/24,0)+1,1))-1)+IF('Standard Profiles'!$G$18=$B$10,7,0)+IF('Standard Profiles'!$G$18=$B$17,14,0)+IF('Standard Profiles'!$G$18=$B$24,21,0),MOD($C8486,24)+1)/SUM(INDEX($D$3:$AA$30,INDEX(Jesper!$R$2:$R$366,ROW(INDEX(Jesper!AH$2:AH$366,ROUNDDOWN($C8486/24,0)+1,1))-1)+IF('Standard Profiles'!$G$18=$B$10,7,0)+IF('Standard Profiles'!$G$18=$B$17,14,0)+IF('Standard Profiles'!$G$18=$B$24,21,0),0)),0)</f>
        <v>5.7876049112982146</v>
      </c>
      <c r="E8486" cm="1">
        <f t="array" ref="E8486">IFERROR(INDEX(Jesper!AI$2:AI$366,ROUNDDOWN($C8486/24,0)+1,1)*INDEX($D$3:$AA$30,INDEX(Jesper!$R$2:$R$366,ROW(INDEX(Jesper!AI$2:AI$366,ROUNDDOWN($C8486/24,0)+1,1))-1)+IF('Standard Profiles'!$G$19=$B$10,7,0)+IF('Standard Profiles'!$G$19=$B$17,14,0)+IF('Standard Profiles'!$G$19=$B$24,21,0),MOD($C8486,24)+1)/SUM(INDEX($D$3:$AA$30,INDEX(Jesper!$R$2:$R$366,ROW(INDEX(Jesper!AI$2:AI$366,ROUNDDOWN($C8486/24,0)+1,1))-1)+IF('Standard Profiles'!$G$19=$B$10,7,0)+IF('Standard Profiles'!$G$19=$B$17,14,0)+IF('Standard Profiles'!$G$19=$B$24,21,0),0)),0)</f>
        <v>5.5806292588499398</v>
      </c>
      <c r="F8486" cm="1">
        <f t="array" ref="F8486">IFERROR(INDEX(Jesper!AJ$2:AJ$366,ROUNDDOWN($C8486/24,0)+1,1)*INDEX($D$3:$AA$30,INDEX(Jesper!$R$2:$R$366,ROW(INDEX(Jesper!AJ$2:AJ$366,ROUNDDOWN($C8486/24,0)+1,1))-1)+IF('Standard Profiles'!$G$20=$B$10,7,0)+IF('Standard Profiles'!$G$20=$B$17,14,0)+IF('Standard Profiles'!$G$20=$B$24,21,0),MOD($C8486,24)+1)/SUM(INDEX($D$3:$AA$30,INDEX(Jesper!$R$2:$R$366,ROW(INDEX(Jesper!AJ$2:AJ$366,ROUNDDOWN($C8486/24,0)+1,1))-1)+IF('Standard Profiles'!$G$20=$B$10,7,0)+IF('Standard Profiles'!$G$20=$B$17,14,0)+IF('Standard Profiles'!$G$20=$B$24,21,0),0)),0)</f>
        <v>0</v>
      </c>
      <c r="G8486" cm="1">
        <f t="array" ref="G8486">IFERROR(INDEX(Jesper!AK$2:AK$366,ROUNDDOWN($C8486/24,0)+1,1)*INDEX($D$3:$AA$30,INDEX(Jesper!$R$2:$R$366,ROW(INDEX(Jesper!AK$2:AK$366,ROUNDDOWN($C8486/24,0)+1,1))-1)+IF('Standard Profiles'!$G$21=$B$10,7,0)+IF('Standard Profiles'!$G$21=$B$17,14,0)+IF('Standard Profiles'!$G$21=$B$24,21,0),MOD($C8486,24)+1)/SUM(INDEX($D$3:$AA$30,INDEX(Jesper!$R$2:$R$366,ROW(INDEX(Jesper!AK$2:AK$366,ROUNDDOWN($C8486/24,0)+1,1))-1)+IF('Standard Profiles'!$G$21=$B$10,7,0)+IF('Standard Profiles'!$G$21=$B$17,14,0)+IF('Standard Profiles'!$G$21=$B$24,21,0),0)),0)</f>
        <v>4.9356700688719943</v>
      </c>
      <c r="H8486" cm="1">
        <f t="array" ref="H8486">IFERROR(INDEX(Jesper!AL$2:AL$366,ROUNDDOWN($C8486/24,0)+1,1)*INDEX($D$3:$AA$30,INDEX(Jesper!$R$2:$R$366,ROW(INDEX(Jesper!AL$2:AL$366,ROUNDDOWN($C8486/24,0)+1,1))-1)+IF('Standard Profiles'!$G$22=$B$10,7,0)+IF('Standard Profiles'!$G$22=$B$17,14,0)+IF('Standard Profiles'!$G$22=$B$24,21,0),MOD($C8486,24)+1)/SUM(INDEX($D$3:$AA$30,INDEX(Jesper!$R$2:$R$366,ROW(INDEX(Jesper!AL$2:AL$366,ROUNDDOWN($C8486/24,0)+1,1))-1)+IF('Standard Profiles'!$G$22=$B$10,7,0)+IF('Standard Profiles'!$G$22=$B$17,14,0)+IF('Standard Profiles'!$G$22=$B$24,21,0),0)),0)</f>
        <v>0</v>
      </c>
      <c r="I8486">
        <f t="shared" si="944"/>
        <v>2.3691216330585561</v>
      </c>
      <c r="J8486">
        <f t="shared" si="945"/>
        <v>13.008765820153878</v>
      </c>
      <c r="K8486">
        <f t="shared" si="946"/>
        <v>0.6173445238718096</v>
      </c>
      <c r="L8486">
        <f t="shared" si="947"/>
        <v>0.3086722619359048</v>
      </c>
      <c r="M8486">
        <f t="shared" si="948"/>
        <v>0</v>
      </c>
      <c r="N8486" s="45">
        <f t="shared" si="949"/>
        <v>45279.166666646168</v>
      </c>
    </row>
    <row r="8487" spans="2:14" x14ac:dyDescent="0.25">
      <c r="B8487">
        <f t="shared" si="943"/>
        <v>2</v>
      </c>
      <c r="C8487" s="16">
        <v>8453</v>
      </c>
      <c r="D8487" cm="1">
        <f t="array" ref="D8487">IFERROR(INDEX(Jesper!AH$2:AH$366,ROUNDDOWN($C8487/24,0)+1,1)*INDEX($D$3:$AA$30,INDEX(Jesper!$R$2:$R$366,ROW(INDEX(Jesper!AH$2:AH$366,ROUNDDOWN($C8487/24,0)+1,1))-1)+IF('Standard Profiles'!$G$18=$B$10,7,0)+IF('Standard Profiles'!$G$18=$B$17,14,0)+IF('Standard Profiles'!$G$18=$B$24,21,0),MOD($C8487,24)+1)/SUM(INDEX($D$3:$AA$30,INDEX(Jesper!$R$2:$R$366,ROW(INDEX(Jesper!AH$2:AH$366,ROUNDDOWN($C8487/24,0)+1,1))-1)+IF('Standard Profiles'!$G$18=$B$10,7,0)+IF('Standard Profiles'!$G$18=$B$17,14,0)+IF('Standard Profiles'!$G$18=$B$24,21,0),0)),0)</f>
        <v>5.7876049112982146</v>
      </c>
      <c r="E8487" cm="1">
        <f t="array" ref="E8487">IFERROR(INDEX(Jesper!AI$2:AI$366,ROUNDDOWN($C8487/24,0)+1,1)*INDEX($D$3:$AA$30,INDEX(Jesper!$R$2:$R$366,ROW(INDEX(Jesper!AI$2:AI$366,ROUNDDOWN($C8487/24,0)+1,1))-1)+IF('Standard Profiles'!$G$19=$B$10,7,0)+IF('Standard Profiles'!$G$19=$B$17,14,0)+IF('Standard Profiles'!$G$19=$B$24,21,0),MOD($C8487,24)+1)/SUM(INDEX($D$3:$AA$30,INDEX(Jesper!$R$2:$R$366,ROW(INDEX(Jesper!AI$2:AI$366,ROUNDDOWN($C8487/24,0)+1,1))-1)+IF('Standard Profiles'!$G$19=$B$10,7,0)+IF('Standard Profiles'!$G$19=$B$17,14,0)+IF('Standard Profiles'!$G$19=$B$24,21,0),0)),0)</f>
        <v>5.5806292588499398</v>
      </c>
      <c r="F8487" cm="1">
        <f t="array" ref="F8487">IFERROR(INDEX(Jesper!AJ$2:AJ$366,ROUNDDOWN($C8487/24,0)+1,1)*INDEX($D$3:$AA$30,INDEX(Jesper!$R$2:$R$366,ROW(INDEX(Jesper!AJ$2:AJ$366,ROUNDDOWN($C8487/24,0)+1,1))-1)+IF('Standard Profiles'!$G$20=$B$10,7,0)+IF('Standard Profiles'!$G$20=$B$17,14,0)+IF('Standard Profiles'!$G$20=$B$24,21,0),MOD($C8487,24)+1)/SUM(INDEX($D$3:$AA$30,INDEX(Jesper!$R$2:$R$366,ROW(INDEX(Jesper!AJ$2:AJ$366,ROUNDDOWN($C8487/24,0)+1,1))-1)+IF('Standard Profiles'!$G$20=$B$10,7,0)+IF('Standard Profiles'!$G$20=$B$17,14,0)+IF('Standard Profiles'!$G$20=$B$24,21,0),0)),0)</f>
        <v>0</v>
      </c>
      <c r="G8487" cm="1">
        <f t="array" ref="G8487">IFERROR(INDEX(Jesper!AK$2:AK$366,ROUNDDOWN($C8487/24,0)+1,1)*INDEX($D$3:$AA$30,INDEX(Jesper!$R$2:$R$366,ROW(INDEX(Jesper!AK$2:AK$366,ROUNDDOWN($C8487/24,0)+1,1))-1)+IF('Standard Profiles'!$G$21=$B$10,7,0)+IF('Standard Profiles'!$G$21=$B$17,14,0)+IF('Standard Profiles'!$G$21=$B$24,21,0),MOD($C8487,24)+1)/SUM(INDEX($D$3:$AA$30,INDEX(Jesper!$R$2:$R$366,ROW(INDEX(Jesper!AK$2:AK$366,ROUNDDOWN($C8487/24,0)+1,1))-1)+IF('Standard Profiles'!$G$21=$B$10,7,0)+IF('Standard Profiles'!$G$21=$B$17,14,0)+IF('Standard Profiles'!$G$21=$B$24,21,0),0)),0)</f>
        <v>4.9356700688719943</v>
      </c>
      <c r="H8487" cm="1">
        <f t="array" ref="H8487">IFERROR(INDEX(Jesper!AL$2:AL$366,ROUNDDOWN($C8487/24,0)+1,1)*INDEX($D$3:$AA$30,INDEX(Jesper!$R$2:$R$366,ROW(INDEX(Jesper!AL$2:AL$366,ROUNDDOWN($C8487/24,0)+1,1))-1)+IF('Standard Profiles'!$G$22=$B$10,7,0)+IF('Standard Profiles'!$G$22=$B$17,14,0)+IF('Standard Profiles'!$G$22=$B$24,21,0),MOD($C8487,24)+1)/SUM(INDEX($D$3:$AA$30,INDEX(Jesper!$R$2:$R$366,ROW(INDEX(Jesper!AL$2:AL$366,ROUNDDOWN($C8487/24,0)+1,1))-1)+IF('Standard Profiles'!$G$22=$B$10,7,0)+IF('Standard Profiles'!$G$22=$B$17,14,0)+IF('Standard Profiles'!$G$22=$B$24,21,0),0)),0)</f>
        <v>0</v>
      </c>
      <c r="I8487">
        <f t="shared" si="944"/>
        <v>2.3691216330585561</v>
      </c>
      <c r="J8487">
        <f t="shared" si="945"/>
        <v>13.008765820153878</v>
      </c>
      <c r="K8487">
        <f t="shared" si="946"/>
        <v>0.6173445238718096</v>
      </c>
      <c r="L8487">
        <f t="shared" si="947"/>
        <v>0.3086722619359048</v>
      </c>
      <c r="M8487">
        <f t="shared" si="948"/>
        <v>0</v>
      </c>
      <c r="N8487" s="45">
        <f t="shared" si="949"/>
        <v>45279.208333312832</v>
      </c>
    </row>
    <row r="8488" spans="2:14" x14ac:dyDescent="0.25">
      <c r="B8488">
        <f t="shared" si="943"/>
        <v>2</v>
      </c>
      <c r="C8488" s="16">
        <v>8454</v>
      </c>
      <c r="D8488" cm="1">
        <f t="array" ref="D8488">IFERROR(INDEX(Jesper!AH$2:AH$366,ROUNDDOWN($C8488/24,0)+1,1)*INDEX($D$3:$AA$30,INDEX(Jesper!$R$2:$R$366,ROW(INDEX(Jesper!AH$2:AH$366,ROUNDDOWN($C8488/24,0)+1,1))-1)+IF('Standard Profiles'!$G$18=$B$10,7,0)+IF('Standard Profiles'!$G$18=$B$17,14,0)+IF('Standard Profiles'!$G$18=$B$24,21,0),MOD($C8488,24)+1)/SUM(INDEX($D$3:$AA$30,INDEX(Jesper!$R$2:$R$366,ROW(INDEX(Jesper!AH$2:AH$366,ROUNDDOWN($C8488/24,0)+1,1))-1)+IF('Standard Profiles'!$G$18=$B$10,7,0)+IF('Standard Profiles'!$G$18=$B$17,14,0)+IF('Standard Profiles'!$G$18=$B$24,21,0),0)),0)</f>
        <v>5.7876049112982146</v>
      </c>
      <c r="E8488" cm="1">
        <f t="array" ref="E8488">IFERROR(INDEX(Jesper!AI$2:AI$366,ROUNDDOWN($C8488/24,0)+1,1)*INDEX($D$3:$AA$30,INDEX(Jesper!$R$2:$R$366,ROW(INDEX(Jesper!AI$2:AI$366,ROUNDDOWN($C8488/24,0)+1,1))-1)+IF('Standard Profiles'!$G$19=$B$10,7,0)+IF('Standard Profiles'!$G$19=$B$17,14,0)+IF('Standard Profiles'!$G$19=$B$24,21,0),MOD($C8488,24)+1)/SUM(INDEX($D$3:$AA$30,INDEX(Jesper!$R$2:$R$366,ROW(INDEX(Jesper!AI$2:AI$366,ROUNDDOWN($C8488/24,0)+1,1))-1)+IF('Standard Profiles'!$G$19=$B$10,7,0)+IF('Standard Profiles'!$G$19=$B$17,14,0)+IF('Standard Profiles'!$G$19=$B$24,21,0),0)),0)</f>
        <v>5.5806292588499398</v>
      </c>
      <c r="F8488" cm="1">
        <f t="array" ref="F8488">IFERROR(INDEX(Jesper!AJ$2:AJ$366,ROUNDDOWN($C8488/24,0)+1,1)*INDEX($D$3:$AA$30,INDEX(Jesper!$R$2:$R$366,ROW(INDEX(Jesper!AJ$2:AJ$366,ROUNDDOWN($C8488/24,0)+1,1))-1)+IF('Standard Profiles'!$G$20=$B$10,7,0)+IF('Standard Profiles'!$G$20=$B$17,14,0)+IF('Standard Profiles'!$G$20=$B$24,21,0),MOD($C8488,24)+1)/SUM(INDEX($D$3:$AA$30,INDEX(Jesper!$R$2:$R$366,ROW(INDEX(Jesper!AJ$2:AJ$366,ROUNDDOWN($C8488/24,0)+1,1))-1)+IF('Standard Profiles'!$G$20=$B$10,7,0)+IF('Standard Profiles'!$G$20=$B$17,14,0)+IF('Standard Profiles'!$G$20=$B$24,21,0),0)),0)</f>
        <v>0</v>
      </c>
      <c r="G8488" cm="1">
        <f t="array" ref="G8488">IFERROR(INDEX(Jesper!AK$2:AK$366,ROUNDDOWN($C8488/24,0)+1,1)*INDEX($D$3:$AA$30,INDEX(Jesper!$R$2:$R$366,ROW(INDEX(Jesper!AK$2:AK$366,ROUNDDOWN($C8488/24,0)+1,1))-1)+IF('Standard Profiles'!$G$21=$B$10,7,0)+IF('Standard Profiles'!$G$21=$B$17,14,0)+IF('Standard Profiles'!$G$21=$B$24,21,0),MOD($C8488,24)+1)/SUM(INDEX($D$3:$AA$30,INDEX(Jesper!$R$2:$R$366,ROW(INDEX(Jesper!AK$2:AK$366,ROUNDDOWN($C8488/24,0)+1,1))-1)+IF('Standard Profiles'!$G$21=$B$10,7,0)+IF('Standard Profiles'!$G$21=$B$17,14,0)+IF('Standard Profiles'!$G$21=$B$24,21,0),0)),0)</f>
        <v>4.9356700688719943</v>
      </c>
      <c r="H8488" cm="1">
        <f t="array" ref="H8488">IFERROR(INDEX(Jesper!AL$2:AL$366,ROUNDDOWN($C8488/24,0)+1,1)*INDEX($D$3:$AA$30,INDEX(Jesper!$R$2:$R$366,ROW(INDEX(Jesper!AL$2:AL$366,ROUNDDOWN($C8488/24,0)+1,1))-1)+IF('Standard Profiles'!$G$22=$B$10,7,0)+IF('Standard Profiles'!$G$22=$B$17,14,0)+IF('Standard Profiles'!$G$22=$B$24,21,0),MOD($C8488,24)+1)/SUM(INDEX($D$3:$AA$30,INDEX(Jesper!$R$2:$R$366,ROW(INDEX(Jesper!AL$2:AL$366,ROUNDDOWN($C8488/24,0)+1,1))-1)+IF('Standard Profiles'!$G$22=$B$10,7,0)+IF('Standard Profiles'!$G$22=$B$17,14,0)+IF('Standard Profiles'!$G$22=$B$24,21,0),0)),0)</f>
        <v>0</v>
      </c>
      <c r="I8488">
        <f t="shared" si="944"/>
        <v>2.3691216330585561</v>
      </c>
      <c r="J8488">
        <f t="shared" si="945"/>
        <v>13.008765820153878</v>
      </c>
      <c r="K8488">
        <f t="shared" si="946"/>
        <v>0.6173445238718096</v>
      </c>
      <c r="L8488">
        <f t="shared" si="947"/>
        <v>0.3086722619359048</v>
      </c>
      <c r="M8488">
        <f t="shared" si="948"/>
        <v>0</v>
      </c>
      <c r="N8488" s="45">
        <f t="shared" si="949"/>
        <v>45279.249999979496</v>
      </c>
    </row>
    <row r="8489" spans="2:14" x14ac:dyDescent="0.25">
      <c r="B8489">
        <f t="shared" si="943"/>
        <v>2</v>
      </c>
      <c r="C8489" s="16">
        <v>8455</v>
      </c>
      <c r="D8489" cm="1">
        <f t="array" ref="D8489">IFERROR(INDEX(Jesper!AH$2:AH$366,ROUNDDOWN($C8489/24,0)+1,1)*INDEX($D$3:$AA$30,INDEX(Jesper!$R$2:$R$366,ROW(INDEX(Jesper!AH$2:AH$366,ROUNDDOWN($C8489/24,0)+1,1))-1)+IF('Standard Profiles'!$G$18=$B$10,7,0)+IF('Standard Profiles'!$G$18=$B$17,14,0)+IF('Standard Profiles'!$G$18=$B$24,21,0),MOD($C8489,24)+1)/SUM(INDEX($D$3:$AA$30,INDEX(Jesper!$R$2:$R$366,ROW(INDEX(Jesper!AH$2:AH$366,ROUNDDOWN($C8489/24,0)+1,1))-1)+IF('Standard Profiles'!$G$18=$B$10,7,0)+IF('Standard Profiles'!$G$18=$B$17,14,0)+IF('Standard Profiles'!$G$18=$B$24,21,0),0)),0)</f>
        <v>24.398371954191532</v>
      </c>
      <c r="E8489" cm="1">
        <f t="array" ref="E8489">IFERROR(INDEX(Jesper!AI$2:AI$366,ROUNDDOWN($C8489/24,0)+1,1)*INDEX($D$3:$AA$30,INDEX(Jesper!$R$2:$R$366,ROW(INDEX(Jesper!AI$2:AI$366,ROUNDDOWN($C8489/24,0)+1,1))-1)+IF('Standard Profiles'!$G$19=$B$10,7,0)+IF('Standard Profiles'!$G$19=$B$17,14,0)+IF('Standard Profiles'!$G$19=$B$24,21,0),MOD($C8489,24)+1)/SUM(INDEX($D$3:$AA$30,INDEX(Jesper!$R$2:$R$366,ROW(INDEX(Jesper!AI$2:AI$366,ROUNDDOWN($C8489/24,0)+1,1))-1)+IF('Standard Profiles'!$G$19=$B$10,7,0)+IF('Standard Profiles'!$G$19=$B$17,14,0)+IF('Standard Profiles'!$G$19=$B$24,21,0),0)),0)</f>
        <v>23.525840219339273</v>
      </c>
      <c r="F8489" cm="1">
        <f t="array" ref="F8489">IFERROR(INDEX(Jesper!AJ$2:AJ$366,ROUNDDOWN($C8489/24,0)+1,1)*INDEX($D$3:$AA$30,INDEX(Jesper!$R$2:$R$366,ROW(INDEX(Jesper!AJ$2:AJ$366,ROUNDDOWN($C8489/24,0)+1,1))-1)+IF('Standard Profiles'!$G$20=$B$10,7,0)+IF('Standard Profiles'!$G$20=$B$17,14,0)+IF('Standard Profiles'!$G$20=$B$24,21,0),MOD($C8489,24)+1)/SUM(INDEX($D$3:$AA$30,INDEX(Jesper!$R$2:$R$366,ROW(INDEX(Jesper!AJ$2:AJ$366,ROUNDDOWN($C8489/24,0)+1,1))-1)+IF('Standard Profiles'!$G$20=$B$10,7,0)+IF('Standard Profiles'!$G$20=$B$17,14,0)+IF('Standard Profiles'!$G$20=$B$24,21,0),0)),0)</f>
        <v>0</v>
      </c>
      <c r="G8489" cm="1">
        <f t="array" ref="G8489">IFERROR(INDEX(Jesper!AK$2:AK$366,ROUNDDOWN($C8489/24,0)+1,1)*INDEX($D$3:$AA$30,INDEX(Jesper!$R$2:$R$366,ROW(INDEX(Jesper!AK$2:AK$366,ROUNDDOWN($C8489/24,0)+1,1))-1)+IF('Standard Profiles'!$G$21=$B$10,7,0)+IF('Standard Profiles'!$G$21=$B$17,14,0)+IF('Standard Profiles'!$G$21=$B$24,21,0),MOD($C8489,24)+1)/SUM(INDEX($D$3:$AA$30,INDEX(Jesper!$R$2:$R$366,ROW(INDEX(Jesper!AK$2:AK$366,ROUNDDOWN($C8489/24,0)+1,1))-1)+IF('Standard Profiles'!$G$21=$B$10,7,0)+IF('Standard Profiles'!$G$21=$B$17,14,0)+IF('Standard Profiles'!$G$21=$B$24,21,0),0)),0)</f>
        <v>14.217914101621583</v>
      </c>
      <c r="H8489" cm="1">
        <f t="array" ref="H8489">IFERROR(INDEX(Jesper!AL$2:AL$366,ROUNDDOWN($C8489/24,0)+1,1)*INDEX($D$3:$AA$30,INDEX(Jesper!$R$2:$R$366,ROW(INDEX(Jesper!AL$2:AL$366,ROUNDDOWN($C8489/24,0)+1,1))-1)+IF('Standard Profiles'!$G$22=$B$10,7,0)+IF('Standard Profiles'!$G$22=$B$17,14,0)+IF('Standard Profiles'!$G$22=$B$24,21,0),MOD($C8489,24)+1)/SUM(INDEX($D$3:$AA$30,INDEX(Jesper!$R$2:$R$366,ROW(INDEX(Jesper!AL$2:AL$366,ROUNDDOWN($C8489/24,0)+1,1))-1)+IF('Standard Profiles'!$G$22=$B$10,7,0)+IF('Standard Profiles'!$G$22=$B$17,14,0)+IF('Standard Profiles'!$G$22=$B$24,21,0),0)),0)</f>
        <v>0</v>
      </c>
      <c r="I8489">
        <f t="shared" si="944"/>
        <v>6.8245987687783565</v>
      </c>
      <c r="J8489">
        <f t="shared" si="945"/>
        <v>51.41378799370338</v>
      </c>
      <c r="K8489">
        <f t="shared" si="946"/>
        <v>2.6024930084470967</v>
      </c>
      <c r="L8489">
        <f t="shared" si="947"/>
        <v>1.3012465042235484</v>
      </c>
      <c r="M8489">
        <f t="shared" si="948"/>
        <v>0</v>
      </c>
      <c r="N8489" s="45">
        <f t="shared" si="949"/>
        <v>45279.291666646161</v>
      </c>
    </row>
    <row r="8490" spans="2:14" x14ac:dyDescent="0.25">
      <c r="B8490">
        <f t="shared" si="943"/>
        <v>2</v>
      </c>
      <c r="C8490" s="16">
        <v>8456</v>
      </c>
      <c r="D8490" cm="1">
        <f t="array" ref="D8490">IFERROR(INDEX(Jesper!AH$2:AH$366,ROUNDDOWN($C8490/24,0)+1,1)*INDEX($D$3:$AA$30,INDEX(Jesper!$R$2:$R$366,ROW(INDEX(Jesper!AH$2:AH$366,ROUNDDOWN($C8490/24,0)+1,1))-1)+IF('Standard Profiles'!$G$18=$B$10,7,0)+IF('Standard Profiles'!$G$18=$B$17,14,0)+IF('Standard Profiles'!$G$18=$B$24,21,0),MOD($C8490,24)+1)/SUM(INDEX($D$3:$AA$30,INDEX(Jesper!$R$2:$R$366,ROW(INDEX(Jesper!AH$2:AH$366,ROUNDDOWN($C8490/24,0)+1,1))-1)+IF('Standard Profiles'!$G$18=$B$10,7,0)+IF('Standard Profiles'!$G$18=$B$17,14,0)+IF('Standard Profiles'!$G$18=$B$24,21,0),0)),0)</f>
        <v>27.223446601518976</v>
      </c>
      <c r="E8490" cm="1">
        <f t="array" ref="E8490">IFERROR(INDEX(Jesper!AI$2:AI$366,ROUNDDOWN($C8490/24,0)+1,1)*INDEX($D$3:$AA$30,INDEX(Jesper!$R$2:$R$366,ROW(INDEX(Jesper!AI$2:AI$366,ROUNDDOWN($C8490/24,0)+1,1))-1)+IF('Standard Profiles'!$G$19=$B$10,7,0)+IF('Standard Profiles'!$G$19=$B$17,14,0)+IF('Standard Profiles'!$G$19=$B$24,21,0),MOD($C8490,24)+1)/SUM(INDEX($D$3:$AA$30,INDEX(Jesper!$R$2:$R$366,ROW(INDEX(Jesper!AI$2:AI$366,ROUNDDOWN($C8490/24,0)+1,1))-1)+IF('Standard Profiles'!$G$19=$B$10,7,0)+IF('Standard Profiles'!$G$19=$B$17,14,0)+IF('Standard Profiles'!$G$19=$B$24,21,0),0)),0)</f>
        <v>26.249884876315402</v>
      </c>
      <c r="F8490" cm="1">
        <f t="array" ref="F8490">IFERROR(INDEX(Jesper!AJ$2:AJ$366,ROUNDDOWN($C8490/24,0)+1,1)*INDEX($D$3:$AA$30,INDEX(Jesper!$R$2:$R$366,ROW(INDEX(Jesper!AJ$2:AJ$366,ROUNDDOWN($C8490/24,0)+1,1))-1)+IF('Standard Profiles'!$G$20=$B$10,7,0)+IF('Standard Profiles'!$G$20=$B$17,14,0)+IF('Standard Profiles'!$G$20=$B$24,21,0),MOD($C8490,24)+1)/SUM(INDEX($D$3:$AA$30,INDEX(Jesper!$R$2:$R$366,ROW(INDEX(Jesper!AJ$2:AJ$366,ROUNDDOWN($C8490/24,0)+1,1))-1)+IF('Standard Profiles'!$G$20=$B$10,7,0)+IF('Standard Profiles'!$G$20=$B$17,14,0)+IF('Standard Profiles'!$G$20=$B$24,21,0),0)),0)</f>
        <v>0</v>
      </c>
      <c r="G8490" cm="1">
        <f t="array" ref="G8490">IFERROR(INDEX(Jesper!AK$2:AK$366,ROUNDDOWN($C8490/24,0)+1,1)*INDEX($D$3:$AA$30,INDEX(Jesper!$R$2:$R$366,ROW(INDEX(Jesper!AK$2:AK$366,ROUNDDOWN($C8490/24,0)+1,1))-1)+IF('Standard Profiles'!$G$21=$B$10,7,0)+IF('Standard Profiles'!$G$21=$B$17,14,0)+IF('Standard Profiles'!$G$21=$B$24,21,0),MOD($C8490,24)+1)/SUM(INDEX($D$3:$AA$30,INDEX(Jesper!$R$2:$R$366,ROW(INDEX(Jesper!AK$2:AK$366,ROUNDDOWN($C8490/24,0)+1,1))-1)+IF('Standard Profiles'!$G$21=$B$10,7,0)+IF('Standard Profiles'!$G$21=$B$17,14,0)+IF('Standard Profiles'!$G$21=$B$24,21,0),0)),0)</f>
        <v>15.864198892335661</v>
      </c>
      <c r="H8490" cm="1">
        <f t="array" ref="H8490">IFERROR(INDEX(Jesper!AL$2:AL$366,ROUNDDOWN($C8490/24,0)+1,1)*INDEX($D$3:$AA$30,INDEX(Jesper!$R$2:$R$366,ROW(INDEX(Jesper!AL$2:AL$366,ROUNDDOWN($C8490/24,0)+1,1))-1)+IF('Standard Profiles'!$G$22=$B$10,7,0)+IF('Standard Profiles'!$G$22=$B$17,14,0)+IF('Standard Profiles'!$G$22=$B$24,21,0),MOD($C8490,24)+1)/SUM(INDEX($D$3:$AA$30,INDEX(Jesper!$R$2:$R$366,ROW(INDEX(Jesper!AL$2:AL$366,ROUNDDOWN($C8490/24,0)+1,1))-1)+IF('Standard Profiles'!$G$22=$B$10,7,0)+IF('Standard Profiles'!$G$22=$B$17,14,0)+IF('Standard Profiles'!$G$22=$B$24,21,0),0)),0)</f>
        <v>0</v>
      </c>
      <c r="I8490">
        <f t="shared" si="944"/>
        <v>7.6148154683211136</v>
      </c>
      <c r="J8490">
        <f t="shared" si="945"/>
        <v>57.366963445605883</v>
      </c>
      <c r="K8490">
        <f t="shared" si="946"/>
        <v>2.9038343041620243</v>
      </c>
      <c r="L8490">
        <f t="shared" si="947"/>
        <v>1.4519171520810121</v>
      </c>
      <c r="M8490">
        <f t="shared" si="948"/>
        <v>0</v>
      </c>
      <c r="N8490" s="45">
        <f t="shared" si="949"/>
        <v>45279.333333312825</v>
      </c>
    </row>
    <row r="8491" spans="2:14" x14ac:dyDescent="0.25">
      <c r="B8491">
        <f t="shared" si="943"/>
        <v>2</v>
      </c>
      <c r="C8491" s="16">
        <v>8457</v>
      </c>
      <c r="D8491" cm="1">
        <f t="array" ref="D8491">IFERROR(INDEX(Jesper!AH$2:AH$366,ROUNDDOWN($C8491/24,0)+1,1)*INDEX($D$3:$AA$30,INDEX(Jesper!$R$2:$R$366,ROW(INDEX(Jesper!AH$2:AH$366,ROUNDDOWN($C8491/24,0)+1,1))-1)+IF('Standard Profiles'!$G$18=$B$10,7,0)+IF('Standard Profiles'!$G$18=$B$17,14,0)+IF('Standard Profiles'!$G$18=$B$24,21,0),MOD($C8491,24)+1)/SUM(INDEX($D$3:$AA$30,INDEX(Jesper!$R$2:$R$366,ROW(INDEX(Jesper!AH$2:AH$366,ROUNDDOWN($C8491/24,0)+1,1))-1)+IF('Standard Profiles'!$G$18=$B$10,7,0)+IF('Standard Profiles'!$G$18=$B$17,14,0)+IF('Standard Profiles'!$G$18=$B$24,21,0),0)),0)</f>
        <v>30.048521248846416</v>
      </c>
      <c r="E8491" cm="1">
        <f t="array" ref="E8491">IFERROR(INDEX(Jesper!AI$2:AI$366,ROUNDDOWN($C8491/24,0)+1,1)*INDEX($D$3:$AA$30,INDEX(Jesper!$R$2:$R$366,ROW(INDEX(Jesper!AI$2:AI$366,ROUNDDOWN($C8491/24,0)+1,1))-1)+IF('Standard Profiles'!$G$19=$B$10,7,0)+IF('Standard Profiles'!$G$19=$B$17,14,0)+IF('Standard Profiles'!$G$19=$B$24,21,0),MOD($C8491,24)+1)/SUM(INDEX($D$3:$AA$30,INDEX(Jesper!$R$2:$R$366,ROW(INDEX(Jesper!AI$2:AI$366,ROUNDDOWN($C8491/24,0)+1,1))-1)+IF('Standard Profiles'!$G$19=$B$10,7,0)+IF('Standard Profiles'!$G$19=$B$17,14,0)+IF('Standard Profiles'!$G$19=$B$24,21,0),0)),0)</f>
        <v>28.973929533291528</v>
      </c>
      <c r="F8491" cm="1">
        <f t="array" ref="F8491">IFERROR(INDEX(Jesper!AJ$2:AJ$366,ROUNDDOWN($C8491/24,0)+1,1)*INDEX($D$3:$AA$30,INDEX(Jesper!$R$2:$R$366,ROW(INDEX(Jesper!AJ$2:AJ$366,ROUNDDOWN($C8491/24,0)+1,1))-1)+IF('Standard Profiles'!$G$20=$B$10,7,0)+IF('Standard Profiles'!$G$20=$B$17,14,0)+IF('Standard Profiles'!$G$20=$B$24,21,0),MOD($C8491,24)+1)/SUM(INDEX($D$3:$AA$30,INDEX(Jesper!$R$2:$R$366,ROW(INDEX(Jesper!AJ$2:AJ$366,ROUNDDOWN($C8491/24,0)+1,1))-1)+IF('Standard Profiles'!$G$20=$B$10,7,0)+IF('Standard Profiles'!$G$20=$B$17,14,0)+IF('Standard Profiles'!$G$20=$B$24,21,0),0)),0)</f>
        <v>0</v>
      </c>
      <c r="G8491" cm="1">
        <f t="array" ref="G8491">IFERROR(INDEX(Jesper!AK$2:AK$366,ROUNDDOWN($C8491/24,0)+1,1)*INDEX($D$3:$AA$30,INDEX(Jesper!$R$2:$R$366,ROW(INDEX(Jesper!AK$2:AK$366,ROUNDDOWN($C8491/24,0)+1,1))-1)+IF('Standard Profiles'!$G$21=$B$10,7,0)+IF('Standard Profiles'!$G$21=$B$17,14,0)+IF('Standard Profiles'!$G$21=$B$24,21,0),MOD($C8491,24)+1)/SUM(INDEX($D$3:$AA$30,INDEX(Jesper!$R$2:$R$366,ROW(INDEX(Jesper!AK$2:AK$366,ROUNDDOWN($C8491/24,0)+1,1))-1)+IF('Standard Profiles'!$G$21=$B$10,7,0)+IF('Standard Profiles'!$G$21=$B$17,14,0)+IF('Standard Profiles'!$G$21=$B$24,21,0),0)),0)</f>
        <v>17.510483683049738</v>
      </c>
      <c r="H8491" cm="1">
        <f t="array" ref="H8491">IFERROR(INDEX(Jesper!AL$2:AL$366,ROUNDDOWN($C8491/24,0)+1,1)*INDEX($D$3:$AA$30,INDEX(Jesper!$R$2:$R$366,ROW(INDEX(Jesper!AL$2:AL$366,ROUNDDOWN($C8491/24,0)+1,1))-1)+IF('Standard Profiles'!$G$22=$B$10,7,0)+IF('Standard Profiles'!$G$22=$B$17,14,0)+IF('Standard Profiles'!$G$22=$B$24,21,0),MOD($C8491,24)+1)/SUM(INDEX($D$3:$AA$30,INDEX(Jesper!$R$2:$R$366,ROW(INDEX(Jesper!AL$2:AL$366,ROUNDDOWN($C8491/24,0)+1,1))-1)+IF('Standard Profiles'!$G$22=$B$10,7,0)+IF('Standard Profiles'!$G$22=$B$17,14,0)+IF('Standard Profiles'!$G$22=$B$24,21,0),0)),0)</f>
        <v>0</v>
      </c>
      <c r="I8491">
        <f t="shared" si="944"/>
        <v>8.4050321678638706</v>
      </c>
      <c r="J8491">
        <f t="shared" si="945"/>
        <v>63.320138897508386</v>
      </c>
      <c r="K8491">
        <f t="shared" si="946"/>
        <v>3.2051755998769513</v>
      </c>
      <c r="L8491">
        <f t="shared" si="947"/>
        <v>1.6025877999384757</v>
      </c>
      <c r="M8491">
        <f t="shared" si="948"/>
        <v>0</v>
      </c>
      <c r="N8491" s="45">
        <f t="shared" si="949"/>
        <v>45279.374999979489</v>
      </c>
    </row>
    <row r="8492" spans="2:14" x14ac:dyDescent="0.25">
      <c r="B8492">
        <f t="shared" si="943"/>
        <v>2</v>
      </c>
      <c r="C8492" s="16">
        <v>8458</v>
      </c>
      <c r="D8492" cm="1">
        <f t="array" ref="D8492">IFERROR(INDEX(Jesper!AH$2:AH$366,ROUNDDOWN($C8492/24,0)+1,1)*INDEX($D$3:$AA$30,INDEX(Jesper!$R$2:$R$366,ROW(INDEX(Jesper!AH$2:AH$366,ROUNDDOWN($C8492/24,0)+1,1))-1)+IF('Standard Profiles'!$G$18=$B$10,7,0)+IF('Standard Profiles'!$G$18=$B$17,14,0)+IF('Standard Profiles'!$G$18=$B$24,21,0),MOD($C8492,24)+1)/SUM(INDEX($D$3:$AA$30,INDEX(Jesper!$R$2:$R$366,ROW(INDEX(Jesper!AH$2:AH$366,ROUNDDOWN($C8492/24,0)+1,1))-1)+IF('Standard Profiles'!$G$18=$B$10,7,0)+IF('Standard Profiles'!$G$18=$B$17,14,0)+IF('Standard Profiles'!$G$18=$B$24,21,0),0)),0)</f>
        <v>30.048521248846416</v>
      </c>
      <c r="E8492" cm="1">
        <f t="array" ref="E8492">IFERROR(INDEX(Jesper!AI$2:AI$366,ROUNDDOWN($C8492/24,0)+1,1)*INDEX($D$3:$AA$30,INDEX(Jesper!$R$2:$R$366,ROW(INDEX(Jesper!AI$2:AI$366,ROUNDDOWN($C8492/24,0)+1,1))-1)+IF('Standard Profiles'!$G$19=$B$10,7,0)+IF('Standard Profiles'!$G$19=$B$17,14,0)+IF('Standard Profiles'!$G$19=$B$24,21,0),MOD($C8492,24)+1)/SUM(INDEX($D$3:$AA$30,INDEX(Jesper!$R$2:$R$366,ROW(INDEX(Jesper!AI$2:AI$366,ROUNDDOWN($C8492/24,0)+1,1))-1)+IF('Standard Profiles'!$G$19=$B$10,7,0)+IF('Standard Profiles'!$G$19=$B$17,14,0)+IF('Standard Profiles'!$G$19=$B$24,21,0),0)),0)</f>
        <v>28.973929533291528</v>
      </c>
      <c r="F8492" cm="1">
        <f t="array" ref="F8492">IFERROR(INDEX(Jesper!AJ$2:AJ$366,ROUNDDOWN($C8492/24,0)+1,1)*INDEX($D$3:$AA$30,INDEX(Jesper!$R$2:$R$366,ROW(INDEX(Jesper!AJ$2:AJ$366,ROUNDDOWN($C8492/24,0)+1,1))-1)+IF('Standard Profiles'!$G$20=$B$10,7,0)+IF('Standard Profiles'!$G$20=$B$17,14,0)+IF('Standard Profiles'!$G$20=$B$24,21,0),MOD($C8492,24)+1)/SUM(INDEX($D$3:$AA$30,INDEX(Jesper!$R$2:$R$366,ROW(INDEX(Jesper!AJ$2:AJ$366,ROUNDDOWN($C8492/24,0)+1,1))-1)+IF('Standard Profiles'!$G$20=$B$10,7,0)+IF('Standard Profiles'!$G$20=$B$17,14,0)+IF('Standard Profiles'!$G$20=$B$24,21,0),0)),0)</f>
        <v>0</v>
      </c>
      <c r="G8492" cm="1">
        <f t="array" ref="G8492">IFERROR(INDEX(Jesper!AK$2:AK$366,ROUNDDOWN($C8492/24,0)+1,1)*INDEX($D$3:$AA$30,INDEX(Jesper!$R$2:$R$366,ROW(INDEX(Jesper!AK$2:AK$366,ROUNDDOWN($C8492/24,0)+1,1))-1)+IF('Standard Profiles'!$G$21=$B$10,7,0)+IF('Standard Profiles'!$G$21=$B$17,14,0)+IF('Standard Profiles'!$G$21=$B$24,21,0),MOD($C8492,24)+1)/SUM(INDEX($D$3:$AA$30,INDEX(Jesper!$R$2:$R$366,ROW(INDEX(Jesper!AK$2:AK$366,ROUNDDOWN($C8492/24,0)+1,1))-1)+IF('Standard Profiles'!$G$21=$B$10,7,0)+IF('Standard Profiles'!$G$21=$B$17,14,0)+IF('Standard Profiles'!$G$21=$B$24,21,0),0)),0)</f>
        <v>17.510483683049738</v>
      </c>
      <c r="H8492" cm="1">
        <f t="array" ref="H8492">IFERROR(INDEX(Jesper!AL$2:AL$366,ROUNDDOWN($C8492/24,0)+1,1)*INDEX($D$3:$AA$30,INDEX(Jesper!$R$2:$R$366,ROW(INDEX(Jesper!AL$2:AL$366,ROUNDDOWN($C8492/24,0)+1,1))-1)+IF('Standard Profiles'!$G$22=$B$10,7,0)+IF('Standard Profiles'!$G$22=$B$17,14,0)+IF('Standard Profiles'!$G$22=$B$24,21,0),MOD($C8492,24)+1)/SUM(INDEX($D$3:$AA$30,INDEX(Jesper!$R$2:$R$366,ROW(INDEX(Jesper!AL$2:AL$366,ROUNDDOWN($C8492/24,0)+1,1))-1)+IF('Standard Profiles'!$G$22=$B$10,7,0)+IF('Standard Profiles'!$G$22=$B$17,14,0)+IF('Standard Profiles'!$G$22=$B$24,21,0),0)),0)</f>
        <v>0</v>
      </c>
      <c r="I8492">
        <f t="shared" si="944"/>
        <v>8.4050321678638706</v>
      </c>
      <c r="J8492">
        <f t="shared" si="945"/>
        <v>63.320138897508386</v>
      </c>
      <c r="K8492">
        <f t="shared" si="946"/>
        <v>3.2051755998769513</v>
      </c>
      <c r="L8492">
        <f t="shared" si="947"/>
        <v>1.6025877999384757</v>
      </c>
      <c r="M8492">
        <f t="shared" si="948"/>
        <v>0</v>
      </c>
      <c r="N8492" s="45">
        <f t="shared" si="949"/>
        <v>45279.416666646153</v>
      </c>
    </row>
    <row r="8493" spans="2:14" x14ac:dyDescent="0.25">
      <c r="B8493">
        <f t="shared" si="943"/>
        <v>2</v>
      </c>
      <c r="C8493" s="16">
        <v>8459</v>
      </c>
      <c r="D8493" cm="1">
        <f t="array" ref="D8493">IFERROR(INDEX(Jesper!AH$2:AH$366,ROUNDDOWN($C8493/24,0)+1,1)*INDEX($D$3:$AA$30,INDEX(Jesper!$R$2:$R$366,ROW(INDEX(Jesper!AH$2:AH$366,ROUNDDOWN($C8493/24,0)+1,1))-1)+IF('Standard Profiles'!$G$18=$B$10,7,0)+IF('Standard Profiles'!$G$18=$B$17,14,0)+IF('Standard Profiles'!$G$18=$B$24,21,0),MOD($C8493,24)+1)/SUM(INDEX($D$3:$AA$30,INDEX(Jesper!$R$2:$R$366,ROW(INDEX(Jesper!AH$2:AH$366,ROUNDDOWN($C8493/24,0)+1,1))-1)+IF('Standard Profiles'!$G$18=$B$10,7,0)+IF('Standard Profiles'!$G$18=$B$17,14,0)+IF('Standard Profiles'!$G$18=$B$24,21,0),0)),0)</f>
        <v>35.955495511440155</v>
      </c>
      <c r="E8493" cm="1">
        <f t="array" ref="E8493">IFERROR(INDEX(Jesper!AI$2:AI$366,ROUNDDOWN($C8493/24,0)+1,1)*INDEX($D$3:$AA$30,INDEX(Jesper!$R$2:$R$366,ROW(INDEX(Jesper!AI$2:AI$366,ROUNDDOWN($C8493/24,0)+1,1))-1)+IF('Standard Profiles'!$G$19=$B$10,7,0)+IF('Standard Profiles'!$G$19=$B$17,14,0)+IF('Standard Profiles'!$G$19=$B$24,21,0),MOD($C8493,24)+1)/SUM(INDEX($D$3:$AA$30,INDEX(Jesper!$R$2:$R$366,ROW(INDEX(Jesper!AI$2:AI$366,ROUNDDOWN($C8493/24,0)+1,1))-1)+IF('Standard Profiles'!$G$19=$B$10,7,0)+IF('Standard Profiles'!$G$19=$B$17,14,0)+IF('Standard Profiles'!$G$19=$B$24,21,0),0)),0)</f>
        <v>34.669659270605244</v>
      </c>
      <c r="F8493" cm="1">
        <f t="array" ref="F8493">IFERROR(INDEX(Jesper!AJ$2:AJ$366,ROUNDDOWN($C8493/24,0)+1,1)*INDEX($D$3:$AA$30,INDEX(Jesper!$R$2:$R$366,ROW(INDEX(Jesper!AJ$2:AJ$366,ROUNDDOWN($C8493/24,0)+1,1))-1)+IF('Standard Profiles'!$G$20=$B$10,7,0)+IF('Standard Profiles'!$G$20=$B$17,14,0)+IF('Standard Profiles'!$G$20=$B$24,21,0),MOD($C8493,24)+1)/SUM(INDEX($D$3:$AA$30,INDEX(Jesper!$R$2:$R$366,ROW(INDEX(Jesper!AJ$2:AJ$366,ROUNDDOWN($C8493/24,0)+1,1))-1)+IF('Standard Profiles'!$G$20=$B$10,7,0)+IF('Standard Profiles'!$G$20=$B$17,14,0)+IF('Standard Profiles'!$G$20=$B$24,21,0),0)),0)</f>
        <v>0</v>
      </c>
      <c r="G8493" cm="1">
        <f t="array" ref="G8493">IFERROR(INDEX(Jesper!AK$2:AK$366,ROUNDDOWN($C8493/24,0)+1,1)*INDEX($D$3:$AA$30,INDEX(Jesper!$R$2:$R$366,ROW(INDEX(Jesper!AK$2:AK$366,ROUNDDOWN($C8493/24,0)+1,1))-1)+IF('Standard Profiles'!$G$21=$B$10,7,0)+IF('Standard Profiles'!$G$21=$B$17,14,0)+IF('Standard Profiles'!$G$21=$B$24,21,0),MOD($C8493,24)+1)/SUM(INDEX($D$3:$AA$30,INDEX(Jesper!$R$2:$R$366,ROW(INDEX(Jesper!AK$2:AK$366,ROUNDDOWN($C8493/24,0)+1,1))-1)+IF('Standard Profiles'!$G$21=$B$10,7,0)+IF('Standard Profiles'!$G$21=$B$17,14,0)+IF('Standard Profiles'!$G$21=$B$24,21,0),0)),0)</f>
        <v>20.952715518179176</v>
      </c>
      <c r="H8493" cm="1">
        <f t="array" ref="H8493">IFERROR(INDEX(Jesper!AL$2:AL$366,ROUNDDOWN($C8493/24,0)+1,1)*INDEX($D$3:$AA$30,INDEX(Jesper!$R$2:$R$366,ROW(INDEX(Jesper!AL$2:AL$366,ROUNDDOWN($C8493/24,0)+1,1))-1)+IF('Standard Profiles'!$G$22=$B$10,7,0)+IF('Standard Profiles'!$G$22=$B$17,14,0)+IF('Standard Profiles'!$G$22=$B$24,21,0),MOD($C8493,24)+1)/SUM(INDEX($D$3:$AA$30,INDEX(Jesper!$R$2:$R$366,ROW(INDEX(Jesper!AL$2:AL$366,ROUNDDOWN($C8493/24,0)+1,1))-1)+IF('Standard Profiles'!$G$22=$B$10,7,0)+IF('Standard Profiles'!$G$22=$B$17,14,0)+IF('Standard Profiles'!$G$22=$B$24,21,0),0)),0)</f>
        <v>0</v>
      </c>
      <c r="I8493">
        <f t="shared" si="944"/>
        <v>10.057303448726</v>
      </c>
      <c r="J8493">
        <f t="shared" si="945"/>
        <v>75.767687569668141</v>
      </c>
      <c r="K8493">
        <f t="shared" si="946"/>
        <v>3.8352528545536169</v>
      </c>
      <c r="L8493">
        <f t="shared" si="947"/>
        <v>1.9176264272768084</v>
      </c>
      <c r="M8493">
        <f t="shared" si="948"/>
        <v>0</v>
      </c>
      <c r="N8493" s="45">
        <f t="shared" si="949"/>
        <v>45279.458333312818</v>
      </c>
    </row>
    <row r="8494" spans="2:14" x14ac:dyDescent="0.25">
      <c r="B8494">
        <f t="shared" si="943"/>
        <v>2</v>
      </c>
      <c r="C8494" s="16">
        <v>8460</v>
      </c>
      <c r="D8494" cm="1">
        <f t="array" ref="D8494">IFERROR(INDEX(Jesper!AH$2:AH$366,ROUNDDOWN($C8494/24,0)+1,1)*INDEX($D$3:$AA$30,INDEX(Jesper!$R$2:$R$366,ROW(INDEX(Jesper!AH$2:AH$366,ROUNDDOWN($C8494/24,0)+1,1))-1)+IF('Standard Profiles'!$G$18=$B$10,7,0)+IF('Standard Profiles'!$G$18=$B$17,14,0)+IF('Standard Profiles'!$G$18=$B$24,21,0),MOD($C8494,24)+1)/SUM(INDEX($D$3:$AA$30,INDEX(Jesper!$R$2:$R$366,ROW(INDEX(Jesper!AH$2:AH$366,ROUNDDOWN($C8494/24,0)+1,1))-1)+IF('Standard Profiles'!$G$18=$B$10,7,0)+IF('Standard Profiles'!$G$18=$B$17,14,0)+IF('Standard Profiles'!$G$18=$B$24,21,0),0)),0)</f>
        <v>35.955495511440155</v>
      </c>
      <c r="E8494" cm="1">
        <f t="array" ref="E8494">IFERROR(INDEX(Jesper!AI$2:AI$366,ROUNDDOWN($C8494/24,0)+1,1)*INDEX($D$3:$AA$30,INDEX(Jesper!$R$2:$R$366,ROW(INDEX(Jesper!AI$2:AI$366,ROUNDDOWN($C8494/24,0)+1,1))-1)+IF('Standard Profiles'!$G$19=$B$10,7,0)+IF('Standard Profiles'!$G$19=$B$17,14,0)+IF('Standard Profiles'!$G$19=$B$24,21,0),MOD($C8494,24)+1)/SUM(INDEX($D$3:$AA$30,INDEX(Jesper!$R$2:$R$366,ROW(INDEX(Jesper!AI$2:AI$366,ROUNDDOWN($C8494/24,0)+1,1))-1)+IF('Standard Profiles'!$G$19=$B$10,7,0)+IF('Standard Profiles'!$G$19=$B$17,14,0)+IF('Standard Profiles'!$G$19=$B$24,21,0),0)),0)</f>
        <v>34.669659270605244</v>
      </c>
      <c r="F8494" cm="1">
        <f t="array" ref="F8494">IFERROR(INDEX(Jesper!AJ$2:AJ$366,ROUNDDOWN($C8494/24,0)+1,1)*INDEX($D$3:$AA$30,INDEX(Jesper!$R$2:$R$366,ROW(INDEX(Jesper!AJ$2:AJ$366,ROUNDDOWN($C8494/24,0)+1,1))-1)+IF('Standard Profiles'!$G$20=$B$10,7,0)+IF('Standard Profiles'!$G$20=$B$17,14,0)+IF('Standard Profiles'!$G$20=$B$24,21,0),MOD($C8494,24)+1)/SUM(INDEX($D$3:$AA$30,INDEX(Jesper!$R$2:$R$366,ROW(INDEX(Jesper!AJ$2:AJ$366,ROUNDDOWN($C8494/24,0)+1,1))-1)+IF('Standard Profiles'!$G$20=$B$10,7,0)+IF('Standard Profiles'!$G$20=$B$17,14,0)+IF('Standard Profiles'!$G$20=$B$24,21,0),0)),0)</f>
        <v>0</v>
      </c>
      <c r="G8494" cm="1">
        <f t="array" ref="G8494">IFERROR(INDEX(Jesper!AK$2:AK$366,ROUNDDOWN($C8494/24,0)+1,1)*INDEX($D$3:$AA$30,INDEX(Jesper!$R$2:$R$366,ROW(INDEX(Jesper!AK$2:AK$366,ROUNDDOWN($C8494/24,0)+1,1))-1)+IF('Standard Profiles'!$G$21=$B$10,7,0)+IF('Standard Profiles'!$G$21=$B$17,14,0)+IF('Standard Profiles'!$G$21=$B$24,21,0),MOD($C8494,24)+1)/SUM(INDEX($D$3:$AA$30,INDEX(Jesper!$R$2:$R$366,ROW(INDEX(Jesper!AK$2:AK$366,ROUNDDOWN($C8494/24,0)+1,1))-1)+IF('Standard Profiles'!$G$21=$B$10,7,0)+IF('Standard Profiles'!$G$21=$B$17,14,0)+IF('Standard Profiles'!$G$21=$B$24,21,0),0)),0)</f>
        <v>20.952715518179176</v>
      </c>
      <c r="H8494" cm="1">
        <f t="array" ref="H8494">IFERROR(INDEX(Jesper!AL$2:AL$366,ROUNDDOWN($C8494/24,0)+1,1)*INDEX($D$3:$AA$30,INDEX(Jesper!$R$2:$R$366,ROW(INDEX(Jesper!AL$2:AL$366,ROUNDDOWN($C8494/24,0)+1,1))-1)+IF('Standard Profiles'!$G$22=$B$10,7,0)+IF('Standard Profiles'!$G$22=$B$17,14,0)+IF('Standard Profiles'!$G$22=$B$24,21,0),MOD($C8494,24)+1)/SUM(INDEX($D$3:$AA$30,INDEX(Jesper!$R$2:$R$366,ROW(INDEX(Jesper!AL$2:AL$366,ROUNDDOWN($C8494/24,0)+1,1))-1)+IF('Standard Profiles'!$G$22=$B$10,7,0)+IF('Standard Profiles'!$G$22=$B$17,14,0)+IF('Standard Profiles'!$G$22=$B$24,21,0),0)),0)</f>
        <v>0</v>
      </c>
      <c r="I8494">
        <f t="shared" si="944"/>
        <v>10.057303448726</v>
      </c>
      <c r="J8494">
        <f t="shared" si="945"/>
        <v>75.767687569668141</v>
      </c>
      <c r="K8494">
        <f t="shared" si="946"/>
        <v>3.8352528545536169</v>
      </c>
      <c r="L8494">
        <f t="shared" si="947"/>
        <v>1.9176264272768084</v>
      </c>
      <c r="M8494">
        <f t="shared" si="948"/>
        <v>0</v>
      </c>
      <c r="N8494" s="45">
        <f t="shared" si="949"/>
        <v>45279.499999979482</v>
      </c>
    </row>
    <row r="8495" spans="2:14" x14ac:dyDescent="0.25">
      <c r="B8495">
        <f t="shared" si="943"/>
        <v>2</v>
      </c>
      <c r="C8495" s="16">
        <v>8461</v>
      </c>
      <c r="D8495" cm="1">
        <f t="array" ref="D8495">IFERROR(INDEX(Jesper!AH$2:AH$366,ROUNDDOWN($C8495/24,0)+1,1)*INDEX($D$3:$AA$30,INDEX(Jesper!$R$2:$R$366,ROW(INDEX(Jesper!AH$2:AH$366,ROUNDDOWN($C8495/24,0)+1,1))-1)+IF('Standard Profiles'!$G$18=$B$10,7,0)+IF('Standard Profiles'!$G$18=$B$17,14,0)+IF('Standard Profiles'!$G$18=$B$24,21,0),MOD($C8495,24)+1)/SUM(INDEX($D$3:$AA$30,INDEX(Jesper!$R$2:$R$366,ROW(INDEX(Jesper!AH$2:AH$366,ROUNDDOWN($C8495/24,0)+1,1))-1)+IF('Standard Profiles'!$G$18=$B$10,7,0)+IF('Standard Profiles'!$G$18=$B$17,14,0)+IF('Standard Profiles'!$G$18=$B$24,21,0),0)),0)</f>
        <v>23.884722018313816</v>
      </c>
      <c r="E8495" cm="1">
        <f t="array" ref="E8495">IFERROR(INDEX(Jesper!AI$2:AI$366,ROUNDDOWN($C8495/24,0)+1,1)*INDEX($D$3:$AA$30,INDEX(Jesper!$R$2:$R$366,ROW(INDEX(Jesper!AI$2:AI$366,ROUNDDOWN($C8495/24,0)+1,1))-1)+IF('Standard Profiles'!$G$19=$B$10,7,0)+IF('Standard Profiles'!$G$19=$B$17,14,0)+IF('Standard Profiles'!$G$19=$B$24,21,0),MOD($C8495,24)+1)/SUM(INDEX($D$3:$AA$30,INDEX(Jesper!$R$2:$R$366,ROW(INDEX(Jesper!AI$2:AI$366,ROUNDDOWN($C8495/24,0)+1,1))-1)+IF('Standard Profiles'!$G$19=$B$10,7,0)+IF('Standard Profiles'!$G$19=$B$17,14,0)+IF('Standard Profiles'!$G$19=$B$24,21,0),0)),0)</f>
        <v>23.030559372616342</v>
      </c>
      <c r="F8495" cm="1">
        <f t="array" ref="F8495">IFERROR(INDEX(Jesper!AJ$2:AJ$366,ROUNDDOWN($C8495/24,0)+1,1)*INDEX($D$3:$AA$30,INDEX(Jesper!$R$2:$R$366,ROW(INDEX(Jesper!AJ$2:AJ$366,ROUNDDOWN($C8495/24,0)+1,1))-1)+IF('Standard Profiles'!$G$20=$B$10,7,0)+IF('Standard Profiles'!$G$20=$B$17,14,0)+IF('Standard Profiles'!$G$20=$B$24,21,0),MOD($C8495,24)+1)/SUM(INDEX($D$3:$AA$30,INDEX(Jesper!$R$2:$R$366,ROW(INDEX(Jesper!AJ$2:AJ$366,ROUNDDOWN($C8495/24,0)+1,1))-1)+IF('Standard Profiles'!$G$20=$B$10,7,0)+IF('Standard Profiles'!$G$20=$B$17,14,0)+IF('Standard Profiles'!$G$20=$B$24,21,0),0)),0)</f>
        <v>0</v>
      </c>
      <c r="G8495" cm="1">
        <f t="array" ref="G8495">IFERROR(INDEX(Jesper!AK$2:AK$366,ROUNDDOWN($C8495/24,0)+1,1)*INDEX($D$3:$AA$30,INDEX(Jesper!$R$2:$R$366,ROW(INDEX(Jesper!AK$2:AK$366,ROUNDDOWN($C8495/24,0)+1,1))-1)+IF('Standard Profiles'!$G$21=$B$10,7,0)+IF('Standard Profiles'!$G$21=$B$17,14,0)+IF('Standard Profiles'!$G$21=$B$24,21,0),MOD($C8495,24)+1)/SUM(INDEX($D$3:$AA$30,INDEX(Jesper!$R$2:$R$366,ROW(INDEX(Jesper!AK$2:AK$366,ROUNDDOWN($C8495/24,0)+1,1))-1)+IF('Standard Profiles'!$G$21=$B$10,7,0)+IF('Standard Profiles'!$G$21=$B$17,14,0)+IF('Standard Profiles'!$G$21=$B$24,21,0),0)),0)</f>
        <v>13.918589594219023</v>
      </c>
      <c r="H8495" cm="1">
        <f t="array" ref="H8495">IFERROR(INDEX(Jesper!AL$2:AL$366,ROUNDDOWN($C8495/24,0)+1,1)*INDEX($D$3:$AA$30,INDEX(Jesper!$R$2:$R$366,ROW(INDEX(Jesper!AL$2:AL$366,ROUNDDOWN($C8495/24,0)+1,1))-1)+IF('Standard Profiles'!$G$22=$B$10,7,0)+IF('Standard Profiles'!$G$22=$B$17,14,0)+IF('Standard Profiles'!$G$22=$B$24,21,0),MOD($C8495,24)+1)/SUM(INDEX($D$3:$AA$30,INDEX(Jesper!$R$2:$R$366,ROW(INDEX(Jesper!AL$2:AL$366,ROUNDDOWN($C8495/24,0)+1,1))-1)+IF('Standard Profiles'!$G$22=$B$10,7,0)+IF('Standard Profiles'!$G$22=$B$17,14,0)+IF('Standard Profiles'!$G$22=$B$24,21,0),0)),0)</f>
        <v>0</v>
      </c>
      <c r="I8495">
        <f t="shared" si="944"/>
        <v>6.6809230052251278</v>
      </c>
      <c r="J8495">
        <f t="shared" si="945"/>
        <v>50.331392456993846</v>
      </c>
      <c r="K8495">
        <f t="shared" si="946"/>
        <v>2.547703681953474</v>
      </c>
      <c r="L8495">
        <f t="shared" si="947"/>
        <v>1.273851840976737</v>
      </c>
      <c r="M8495">
        <f t="shared" si="948"/>
        <v>0</v>
      </c>
      <c r="N8495" s="45">
        <f t="shared" si="949"/>
        <v>45279.541666646146</v>
      </c>
    </row>
    <row r="8496" spans="2:14" x14ac:dyDescent="0.25">
      <c r="B8496">
        <f t="shared" si="943"/>
        <v>2</v>
      </c>
      <c r="C8496" s="16">
        <v>8462</v>
      </c>
      <c r="D8496" cm="1">
        <f t="array" ref="D8496">IFERROR(INDEX(Jesper!AH$2:AH$366,ROUNDDOWN($C8496/24,0)+1,1)*INDEX($D$3:$AA$30,INDEX(Jesper!$R$2:$R$366,ROW(INDEX(Jesper!AH$2:AH$366,ROUNDDOWN($C8496/24,0)+1,1))-1)+IF('Standard Profiles'!$G$18=$B$10,7,0)+IF('Standard Profiles'!$G$18=$B$17,14,0)+IF('Standard Profiles'!$G$18=$B$24,21,0),MOD($C8496,24)+1)/SUM(INDEX($D$3:$AA$30,INDEX(Jesper!$R$2:$R$366,ROW(INDEX(Jesper!AH$2:AH$366,ROUNDDOWN($C8496/24,0)+1,1))-1)+IF('Standard Profiles'!$G$18=$B$10,7,0)+IF('Standard Profiles'!$G$18=$B$17,14,0)+IF('Standard Profiles'!$G$18=$B$24,21,0),0)),0)</f>
        <v>35.955495511440155</v>
      </c>
      <c r="E8496" cm="1">
        <f t="array" ref="E8496">IFERROR(INDEX(Jesper!AI$2:AI$366,ROUNDDOWN($C8496/24,0)+1,1)*INDEX($D$3:$AA$30,INDEX(Jesper!$R$2:$R$366,ROW(INDEX(Jesper!AI$2:AI$366,ROUNDDOWN($C8496/24,0)+1,1))-1)+IF('Standard Profiles'!$G$19=$B$10,7,0)+IF('Standard Profiles'!$G$19=$B$17,14,0)+IF('Standard Profiles'!$G$19=$B$24,21,0),MOD($C8496,24)+1)/SUM(INDEX($D$3:$AA$30,INDEX(Jesper!$R$2:$R$366,ROW(INDEX(Jesper!AI$2:AI$366,ROUNDDOWN($C8496/24,0)+1,1))-1)+IF('Standard Profiles'!$G$19=$B$10,7,0)+IF('Standard Profiles'!$G$19=$B$17,14,0)+IF('Standard Profiles'!$G$19=$B$24,21,0),0)),0)</f>
        <v>34.669659270605244</v>
      </c>
      <c r="F8496" cm="1">
        <f t="array" ref="F8496">IFERROR(INDEX(Jesper!AJ$2:AJ$366,ROUNDDOWN($C8496/24,0)+1,1)*INDEX($D$3:$AA$30,INDEX(Jesper!$R$2:$R$366,ROW(INDEX(Jesper!AJ$2:AJ$366,ROUNDDOWN($C8496/24,0)+1,1))-1)+IF('Standard Profiles'!$G$20=$B$10,7,0)+IF('Standard Profiles'!$G$20=$B$17,14,0)+IF('Standard Profiles'!$G$20=$B$24,21,0),MOD($C8496,24)+1)/SUM(INDEX($D$3:$AA$30,INDEX(Jesper!$R$2:$R$366,ROW(INDEX(Jesper!AJ$2:AJ$366,ROUNDDOWN($C8496/24,0)+1,1))-1)+IF('Standard Profiles'!$G$20=$B$10,7,0)+IF('Standard Profiles'!$G$20=$B$17,14,0)+IF('Standard Profiles'!$G$20=$B$24,21,0),0)),0)</f>
        <v>0</v>
      </c>
      <c r="G8496" cm="1">
        <f t="array" ref="G8496">IFERROR(INDEX(Jesper!AK$2:AK$366,ROUNDDOWN($C8496/24,0)+1,1)*INDEX($D$3:$AA$30,INDEX(Jesper!$R$2:$R$366,ROW(INDEX(Jesper!AK$2:AK$366,ROUNDDOWN($C8496/24,0)+1,1))-1)+IF('Standard Profiles'!$G$21=$B$10,7,0)+IF('Standard Profiles'!$G$21=$B$17,14,0)+IF('Standard Profiles'!$G$21=$B$24,21,0),MOD($C8496,24)+1)/SUM(INDEX($D$3:$AA$30,INDEX(Jesper!$R$2:$R$366,ROW(INDEX(Jesper!AK$2:AK$366,ROUNDDOWN($C8496/24,0)+1,1))-1)+IF('Standard Profiles'!$G$21=$B$10,7,0)+IF('Standard Profiles'!$G$21=$B$17,14,0)+IF('Standard Profiles'!$G$21=$B$24,21,0),0)),0)</f>
        <v>20.952715518179176</v>
      </c>
      <c r="H8496" cm="1">
        <f t="array" ref="H8496">IFERROR(INDEX(Jesper!AL$2:AL$366,ROUNDDOWN($C8496/24,0)+1,1)*INDEX($D$3:$AA$30,INDEX(Jesper!$R$2:$R$366,ROW(INDEX(Jesper!AL$2:AL$366,ROUNDDOWN($C8496/24,0)+1,1))-1)+IF('Standard Profiles'!$G$22=$B$10,7,0)+IF('Standard Profiles'!$G$22=$B$17,14,0)+IF('Standard Profiles'!$G$22=$B$24,21,0),MOD($C8496,24)+1)/SUM(INDEX($D$3:$AA$30,INDEX(Jesper!$R$2:$R$366,ROW(INDEX(Jesper!AL$2:AL$366,ROUNDDOWN($C8496/24,0)+1,1))-1)+IF('Standard Profiles'!$G$22=$B$10,7,0)+IF('Standard Profiles'!$G$22=$B$17,14,0)+IF('Standard Profiles'!$G$22=$B$24,21,0),0)),0)</f>
        <v>0</v>
      </c>
      <c r="I8496">
        <f t="shared" si="944"/>
        <v>10.057303448726</v>
      </c>
      <c r="J8496">
        <f t="shared" si="945"/>
        <v>75.767687569668141</v>
      </c>
      <c r="K8496">
        <f t="shared" si="946"/>
        <v>3.8352528545536169</v>
      </c>
      <c r="L8496">
        <f t="shared" si="947"/>
        <v>1.9176264272768084</v>
      </c>
      <c r="M8496">
        <f t="shared" si="948"/>
        <v>0</v>
      </c>
      <c r="N8496" s="45">
        <f t="shared" si="949"/>
        <v>45279.58333331281</v>
      </c>
    </row>
    <row r="8497" spans="2:14" x14ac:dyDescent="0.25">
      <c r="B8497">
        <f t="shared" si="943"/>
        <v>2</v>
      </c>
      <c r="C8497" s="16">
        <v>8463</v>
      </c>
      <c r="D8497" cm="1">
        <f t="array" ref="D8497">IFERROR(INDEX(Jesper!AH$2:AH$366,ROUNDDOWN($C8497/24,0)+1,1)*INDEX($D$3:$AA$30,INDEX(Jesper!$R$2:$R$366,ROW(INDEX(Jesper!AH$2:AH$366,ROUNDDOWN($C8497/24,0)+1,1))-1)+IF('Standard Profiles'!$G$18=$B$10,7,0)+IF('Standard Profiles'!$G$18=$B$17,14,0)+IF('Standard Profiles'!$G$18=$B$24,21,0),MOD($C8497,24)+1)/SUM(INDEX($D$3:$AA$30,INDEX(Jesper!$R$2:$R$366,ROW(INDEX(Jesper!AH$2:AH$366,ROUNDDOWN($C8497/24,0)+1,1))-1)+IF('Standard Profiles'!$G$18=$B$10,7,0)+IF('Standard Profiles'!$G$18=$B$17,14,0)+IF('Standard Profiles'!$G$18=$B$24,21,0),0)),0)</f>
        <v>35.955495511440155</v>
      </c>
      <c r="E8497" cm="1">
        <f t="array" ref="E8497">IFERROR(INDEX(Jesper!AI$2:AI$366,ROUNDDOWN($C8497/24,0)+1,1)*INDEX($D$3:$AA$30,INDEX(Jesper!$R$2:$R$366,ROW(INDEX(Jesper!AI$2:AI$366,ROUNDDOWN($C8497/24,0)+1,1))-1)+IF('Standard Profiles'!$G$19=$B$10,7,0)+IF('Standard Profiles'!$G$19=$B$17,14,0)+IF('Standard Profiles'!$G$19=$B$24,21,0),MOD($C8497,24)+1)/SUM(INDEX($D$3:$AA$30,INDEX(Jesper!$R$2:$R$366,ROW(INDEX(Jesper!AI$2:AI$366,ROUNDDOWN($C8497/24,0)+1,1))-1)+IF('Standard Profiles'!$G$19=$B$10,7,0)+IF('Standard Profiles'!$G$19=$B$17,14,0)+IF('Standard Profiles'!$G$19=$B$24,21,0),0)),0)</f>
        <v>34.669659270605244</v>
      </c>
      <c r="F8497" cm="1">
        <f t="array" ref="F8497">IFERROR(INDEX(Jesper!AJ$2:AJ$366,ROUNDDOWN($C8497/24,0)+1,1)*INDEX($D$3:$AA$30,INDEX(Jesper!$R$2:$R$366,ROW(INDEX(Jesper!AJ$2:AJ$366,ROUNDDOWN($C8497/24,0)+1,1))-1)+IF('Standard Profiles'!$G$20=$B$10,7,0)+IF('Standard Profiles'!$G$20=$B$17,14,0)+IF('Standard Profiles'!$G$20=$B$24,21,0),MOD($C8497,24)+1)/SUM(INDEX($D$3:$AA$30,INDEX(Jesper!$R$2:$R$366,ROW(INDEX(Jesper!AJ$2:AJ$366,ROUNDDOWN($C8497/24,0)+1,1))-1)+IF('Standard Profiles'!$G$20=$B$10,7,0)+IF('Standard Profiles'!$G$20=$B$17,14,0)+IF('Standard Profiles'!$G$20=$B$24,21,0),0)),0)</f>
        <v>0</v>
      </c>
      <c r="G8497" cm="1">
        <f t="array" ref="G8497">IFERROR(INDEX(Jesper!AK$2:AK$366,ROUNDDOWN($C8497/24,0)+1,1)*INDEX($D$3:$AA$30,INDEX(Jesper!$R$2:$R$366,ROW(INDEX(Jesper!AK$2:AK$366,ROUNDDOWN($C8497/24,0)+1,1))-1)+IF('Standard Profiles'!$G$21=$B$10,7,0)+IF('Standard Profiles'!$G$21=$B$17,14,0)+IF('Standard Profiles'!$G$21=$B$24,21,0),MOD($C8497,24)+1)/SUM(INDEX($D$3:$AA$30,INDEX(Jesper!$R$2:$R$366,ROW(INDEX(Jesper!AK$2:AK$366,ROUNDDOWN($C8497/24,0)+1,1))-1)+IF('Standard Profiles'!$G$21=$B$10,7,0)+IF('Standard Profiles'!$G$21=$B$17,14,0)+IF('Standard Profiles'!$G$21=$B$24,21,0),0)),0)</f>
        <v>20.952715518179176</v>
      </c>
      <c r="H8497" cm="1">
        <f t="array" ref="H8497">IFERROR(INDEX(Jesper!AL$2:AL$366,ROUNDDOWN($C8497/24,0)+1,1)*INDEX($D$3:$AA$30,INDEX(Jesper!$R$2:$R$366,ROW(INDEX(Jesper!AL$2:AL$366,ROUNDDOWN($C8497/24,0)+1,1))-1)+IF('Standard Profiles'!$G$22=$B$10,7,0)+IF('Standard Profiles'!$G$22=$B$17,14,0)+IF('Standard Profiles'!$G$22=$B$24,21,0),MOD($C8497,24)+1)/SUM(INDEX($D$3:$AA$30,INDEX(Jesper!$R$2:$R$366,ROW(INDEX(Jesper!AL$2:AL$366,ROUNDDOWN($C8497/24,0)+1,1))-1)+IF('Standard Profiles'!$G$22=$B$10,7,0)+IF('Standard Profiles'!$G$22=$B$17,14,0)+IF('Standard Profiles'!$G$22=$B$24,21,0),0)),0)</f>
        <v>0</v>
      </c>
      <c r="I8497">
        <f t="shared" si="944"/>
        <v>10.057303448726</v>
      </c>
      <c r="J8497">
        <f t="shared" si="945"/>
        <v>75.767687569668141</v>
      </c>
      <c r="K8497">
        <f t="shared" si="946"/>
        <v>3.8352528545536169</v>
      </c>
      <c r="L8497">
        <f t="shared" si="947"/>
        <v>1.9176264272768084</v>
      </c>
      <c r="M8497">
        <f t="shared" si="948"/>
        <v>0</v>
      </c>
      <c r="N8497" s="45">
        <f t="shared" si="949"/>
        <v>45279.624999979475</v>
      </c>
    </row>
    <row r="8498" spans="2:14" x14ac:dyDescent="0.25">
      <c r="B8498">
        <f t="shared" si="943"/>
        <v>2</v>
      </c>
      <c r="C8498" s="16">
        <v>8464</v>
      </c>
      <c r="D8498" cm="1">
        <f t="array" ref="D8498">IFERROR(INDEX(Jesper!AH$2:AH$366,ROUNDDOWN($C8498/24,0)+1,1)*INDEX($D$3:$AA$30,INDEX(Jesper!$R$2:$R$366,ROW(INDEX(Jesper!AH$2:AH$366,ROUNDDOWN($C8498/24,0)+1,1))-1)+IF('Standard Profiles'!$G$18=$B$10,7,0)+IF('Standard Profiles'!$G$18=$B$17,14,0)+IF('Standard Profiles'!$G$18=$B$24,21,0),MOD($C8498,24)+1)/SUM(INDEX($D$3:$AA$30,INDEX(Jesper!$R$2:$R$366,ROW(INDEX(Jesper!AH$2:AH$366,ROUNDDOWN($C8498/24,0)+1,1))-1)+IF('Standard Profiles'!$G$18=$B$10,7,0)+IF('Standard Profiles'!$G$18=$B$17,14,0)+IF('Standard Profiles'!$G$18=$B$24,21,0),0)),0)</f>
        <v>21.188059854955807</v>
      </c>
      <c r="E8498" cm="1">
        <f t="array" ref="E8498">IFERROR(INDEX(Jesper!AI$2:AI$366,ROUNDDOWN($C8498/24,0)+1,1)*INDEX($D$3:$AA$30,INDEX(Jesper!$R$2:$R$366,ROW(INDEX(Jesper!AI$2:AI$366,ROUNDDOWN($C8498/24,0)+1,1))-1)+IF('Standard Profiles'!$G$19=$B$10,7,0)+IF('Standard Profiles'!$G$19=$B$17,14,0)+IF('Standard Profiles'!$G$19=$B$24,21,0),MOD($C8498,24)+1)/SUM(INDEX($D$3:$AA$30,INDEX(Jesper!$R$2:$R$366,ROW(INDEX(Jesper!AI$2:AI$366,ROUNDDOWN($C8498/24,0)+1,1))-1)+IF('Standard Profiles'!$G$19=$B$10,7,0)+IF('Standard Profiles'!$G$19=$B$17,14,0)+IF('Standard Profiles'!$G$19=$B$24,21,0),0)),0)</f>
        <v>20.430334927320949</v>
      </c>
      <c r="F8498" cm="1">
        <f t="array" ref="F8498">IFERROR(INDEX(Jesper!AJ$2:AJ$366,ROUNDDOWN($C8498/24,0)+1,1)*INDEX($D$3:$AA$30,INDEX(Jesper!$R$2:$R$366,ROW(INDEX(Jesper!AJ$2:AJ$366,ROUNDDOWN($C8498/24,0)+1,1))-1)+IF('Standard Profiles'!$G$20=$B$10,7,0)+IF('Standard Profiles'!$G$20=$B$17,14,0)+IF('Standard Profiles'!$G$20=$B$24,21,0),MOD($C8498,24)+1)/SUM(INDEX($D$3:$AA$30,INDEX(Jesper!$R$2:$R$366,ROW(INDEX(Jesper!AJ$2:AJ$366,ROUNDDOWN($C8498/24,0)+1,1))-1)+IF('Standard Profiles'!$G$20=$B$10,7,0)+IF('Standard Profiles'!$G$20=$B$17,14,0)+IF('Standard Profiles'!$G$20=$B$24,21,0),0)),0)</f>
        <v>0</v>
      </c>
      <c r="G8498" cm="1">
        <f t="array" ref="G8498">IFERROR(INDEX(Jesper!AK$2:AK$366,ROUNDDOWN($C8498/24,0)+1,1)*INDEX($D$3:$AA$30,INDEX(Jesper!$R$2:$R$366,ROW(INDEX(Jesper!AK$2:AK$366,ROUNDDOWN($C8498/24,0)+1,1))-1)+IF('Standard Profiles'!$G$21=$B$10,7,0)+IF('Standard Profiles'!$G$21=$B$17,14,0)+IF('Standard Profiles'!$G$21=$B$24,21,0),MOD($C8498,24)+1)/SUM(INDEX($D$3:$AA$30,INDEX(Jesper!$R$2:$R$366,ROW(INDEX(Jesper!AK$2:AK$366,ROUNDDOWN($C8498/24,0)+1,1))-1)+IF('Standard Profiles'!$G$21=$B$10,7,0)+IF('Standard Profiles'!$G$21=$B$17,14,0)+IF('Standard Profiles'!$G$21=$B$24,21,0),0)),0)</f>
        <v>17.51366798631998</v>
      </c>
      <c r="H8498" cm="1">
        <f t="array" ref="H8498">IFERROR(INDEX(Jesper!AL$2:AL$366,ROUNDDOWN($C8498/24,0)+1,1)*INDEX($D$3:$AA$30,INDEX(Jesper!$R$2:$R$366,ROW(INDEX(Jesper!AL$2:AL$366,ROUNDDOWN($C8498/24,0)+1,1))-1)+IF('Standard Profiles'!$G$22=$B$10,7,0)+IF('Standard Profiles'!$G$22=$B$17,14,0)+IF('Standard Profiles'!$G$22=$B$24,21,0),MOD($C8498,24)+1)/SUM(INDEX($D$3:$AA$30,INDEX(Jesper!$R$2:$R$366,ROW(INDEX(Jesper!AL$2:AL$366,ROUNDDOWN($C8498/24,0)+1,1))-1)+IF('Standard Profiles'!$G$22=$B$10,7,0)+IF('Standard Profiles'!$G$22=$B$17,14,0)+IF('Standard Profiles'!$G$22=$B$24,21,0),0)),0)</f>
        <v>0</v>
      </c>
      <c r="I8498">
        <f t="shared" si="944"/>
        <v>8.4065606334335872</v>
      </c>
      <c r="J8498">
        <f t="shared" si="945"/>
        <v>47.335412558370216</v>
      </c>
      <c r="K8498">
        <f t="shared" si="946"/>
        <v>2.260059717861953</v>
      </c>
      <c r="L8498">
        <f t="shared" si="947"/>
        <v>1.1300298589309765</v>
      </c>
      <c r="M8498">
        <f t="shared" si="948"/>
        <v>0</v>
      </c>
      <c r="N8498" s="45">
        <f t="shared" si="949"/>
        <v>45279.666666646139</v>
      </c>
    </row>
    <row r="8499" spans="2:14" x14ac:dyDescent="0.25">
      <c r="B8499">
        <f t="shared" si="943"/>
        <v>2</v>
      </c>
      <c r="C8499" s="16">
        <v>8465</v>
      </c>
      <c r="D8499" cm="1">
        <f t="array" ref="D8499">IFERROR(INDEX(Jesper!AH$2:AH$366,ROUNDDOWN($C8499/24,0)+1,1)*INDEX($D$3:$AA$30,INDEX(Jesper!$R$2:$R$366,ROW(INDEX(Jesper!AH$2:AH$366,ROUNDDOWN($C8499/24,0)+1,1))-1)+IF('Standard Profiles'!$G$18=$B$10,7,0)+IF('Standard Profiles'!$G$18=$B$17,14,0)+IF('Standard Profiles'!$G$18=$B$24,21,0),MOD($C8499,24)+1)/SUM(INDEX($D$3:$AA$30,INDEX(Jesper!$R$2:$R$366,ROW(INDEX(Jesper!AH$2:AH$366,ROUNDDOWN($C8499/24,0)+1,1))-1)+IF('Standard Profiles'!$G$18=$B$10,7,0)+IF('Standard Profiles'!$G$18=$B$17,14,0)+IF('Standard Profiles'!$G$18=$B$24,21,0),0)),0)</f>
        <v>9.0431326739034592</v>
      </c>
      <c r="E8499" cm="1">
        <f t="array" ref="E8499">IFERROR(INDEX(Jesper!AI$2:AI$366,ROUNDDOWN($C8499/24,0)+1,1)*INDEX($D$3:$AA$30,INDEX(Jesper!$R$2:$R$366,ROW(INDEX(Jesper!AI$2:AI$366,ROUNDDOWN($C8499/24,0)+1,1))-1)+IF('Standard Profiles'!$G$19=$B$10,7,0)+IF('Standard Profiles'!$G$19=$B$17,14,0)+IF('Standard Profiles'!$G$19=$B$24,21,0),MOD($C8499,24)+1)/SUM(INDEX($D$3:$AA$30,INDEX(Jesper!$R$2:$R$366,ROW(INDEX(Jesper!AI$2:AI$366,ROUNDDOWN($C8499/24,0)+1,1))-1)+IF('Standard Profiles'!$G$19=$B$10,7,0)+IF('Standard Profiles'!$G$19=$B$17,14,0)+IF('Standard Profiles'!$G$19=$B$24,21,0),0)),0)</f>
        <v>8.7197332169530313</v>
      </c>
      <c r="F8499" cm="1">
        <f t="array" ref="F8499">IFERROR(INDEX(Jesper!AJ$2:AJ$366,ROUNDDOWN($C8499/24,0)+1,1)*INDEX($D$3:$AA$30,INDEX(Jesper!$R$2:$R$366,ROW(INDEX(Jesper!AJ$2:AJ$366,ROUNDDOWN($C8499/24,0)+1,1))-1)+IF('Standard Profiles'!$G$20=$B$10,7,0)+IF('Standard Profiles'!$G$20=$B$17,14,0)+IF('Standard Profiles'!$G$20=$B$24,21,0),MOD($C8499,24)+1)/SUM(INDEX($D$3:$AA$30,INDEX(Jesper!$R$2:$R$366,ROW(INDEX(Jesper!AJ$2:AJ$366,ROUNDDOWN($C8499/24,0)+1,1))-1)+IF('Standard Profiles'!$G$20=$B$10,7,0)+IF('Standard Profiles'!$G$20=$B$17,14,0)+IF('Standard Profiles'!$G$20=$B$24,21,0),0)),0)</f>
        <v>0</v>
      </c>
      <c r="G8499" cm="1">
        <f t="array" ref="G8499">IFERROR(INDEX(Jesper!AK$2:AK$366,ROUNDDOWN($C8499/24,0)+1,1)*INDEX($D$3:$AA$30,INDEX(Jesper!$R$2:$R$366,ROW(INDEX(Jesper!AK$2:AK$366,ROUNDDOWN($C8499/24,0)+1,1))-1)+IF('Standard Profiles'!$G$21=$B$10,7,0)+IF('Standard Profiles'!$G$21=$B$17,14,0)+IF('Standard Profiles'!$G$21=$B$24,21,0),MOD($C8499,24)+1)/SUM(INDEX($D$3:$AA$30,INDEX(Jesper!$R$2:$R$366,ROW(INDEX(Jesper!AK$2:AK$366,ROUNDDOWN($C8499/24,0)+1,1))-1)+IF('Standard Profiles'!$G$21=$B$10,7,0)+IF('Standard Profiles'!$G$21=$B$17,14,0)+IF('Standard Profiles'!$G$21=$B$24,21,0),0)),0)</f>
        <v>13.915405290948785</v>
      </c>
      <c r="H8499" cm="1">
        <f t="array" ref="H8499">IFERROR(INDEX(Jesper!AL$2:AL$366,ROUNDDOWN($C8499/24,0)+1,1)*INDEX($D$3:$AA$30,INDEX(Jesper!$R$2:$R$366,ROW(INDEX(Jesper!AL$2:AL$366,ROUNDDOWN($C8499/24,0)+1,1))-1)+IF('Standard Profiles'!$G$22=$B$10,7,0)+IF('Standard Profiles'!$G$22=$B$17,14,0)+IF('Standard Profiles'!$G$22=$B$24,21,0),MOD($C8499,24)+1)/SUM(INDEX($D$3:$AA$30,INDEX(Jesper!$R$2:$R$366,ROW(INDEX(Jesper!AL$2:AL$366,ROUNDDOWN($C8499/24,0)+1,1))-1)+IF('Standard Profiles'!$G$22=$B$10,7,0)+IF('Standard Profiles'!$G$22=$B$17,14,0)+IF('Standard Profiles'!$G$22=$B$24,21,0),0)),0)</f>
        <v>0</v>
      </c>
      <c r="I8499">
        <f t="shared" si="944"/>
        <v>6.6793945396554131</v>
      </c>
      <c r="J8499">
        <f t="shared" si="945"/>
        <v>23.551975414325309</v>
      </c>
      <c r="K8499">
        <f t="shared" si="946"/>
        <v>0.96460081854970237</v>
      </c>
      <c r="L8499">
        <f t="shared" si="947"/>
        <v>0.48230040927485118</v>
      </c>
      <c r="M8499">
        <f t="shared" si="948"/>
        <v>0</v>
      </c>
      <c r="N8499" s="45">
        <f t="shared" si="949"/>
        <v>45279.708333312803</v>
      </c>
    </row>
    <row r="8500" spans="2:14" x14ac:dyDescent="0.25">
      <c r="B8500">
        <f t="shared" si="943"/>
        <v>2</v>
      </c>
      <c r="C8500" s="16">
        <v>8466</v>
      </c>
      <c r="D8500" cm="1">
        <f t="array" ref="D8500">IFERROR(INDEX(Jesper!AH$2:AH$366,ROUNDDOWN($C8500/24,0)+1,1)*INDEX($D$3:$AA$30,INDEX(Jesper!$R$2:$R$366,ROW(INDEX(Jesper!AH$2:AH$366,ROUNDDOWN($C8500/24,0)+1,1))-1)+IF('Standard Profiles'!$G$18=$B$10,7,0)+IF('Standard Profiles'!$G$18=$B$17,14,0)+IF('Standard Profiles'!$G$18=$B$24,21,0),MOD($C8500,24)+1)/SUM(INDEX($D$3:$AA$30,INDEX(Jesper!$R$2:$R$366,ROW(INDEX(Jesper!AH$2:AH$366,ROUNDDOWN($C8500/24,0)+1,1))-1)+IF('Standard Profiles'!$G$18=$B$10,7,0)+IF('Standard Profiles'!$G$18=$B$17,14,0)+IF('Standard Profiles'!$G$18=$B$24,21,0),0)),0)</f>
        <v>5.968467564776283</v>
      </c>
      <c r="E8500" cm="1">
        <f t="array" ref="E8500">IFERROR(INDEX(Jesper!AI$2:AI$366,ROUNDDOWN($C8500/24,0)+1,1)*INDEX($D$3:$AA$30,INDEX(Jesper!$R$2:$R$366,ROW(INDEX(Jesper!AI$2:AI$366,ROUNDDOWN($C8500/24,0)+1,1))-1)+IF('Standard Profiles'!$G$19=$B$10,7,0)+IF('Standard Profiles'!$G$19=$B$17,14,0)+IF('Standard Profiles'!$G$19=$B$24,21,0),MOD($C8500,24)+1)/SUM(INDEX($D$3:$AA$30,INDEX(Jesper!$R$2:$R$366,ROW(INDEX(Jesper!AI$2:AI$366,ROUNDDOWN($C8500/24,0)+1,1))-1)+IF('Standard Profiles'!$G$19=$B$10,7,0)+IF('Standard Profiles'!$G$19=$B$17,14,0)+IF('Standard Profiles'!$G$19=$B$24,21,0),0)),0)</f>
        <v>5.7550239231890004</v>
      </c>
      <c r="F8500" cm="1">
        <f t="array" ref="F8500">IFERROR(INDEX(Jesper!AJ$2:AJ$366,ROUNDDOWN($C8500/24,0)+1,1)*INDEX($D$3:$AA$30,INDEX(Jesper!$R$2:$R$366,ROW(INDEX(Jesper!AJ$2:AJ$366,ROUNDDOWN($C8500/24,0)+1,1))-1)+IF('Standard Profiles'!$G$20=$B$10,7,0)+IF('Standard Profiles'!$G$20=$B$17,14,0)+IF('Standard Profiles'!$G$20=$B$24,21,0),MOD($C8500,24)+1)/SUM(INDEX($D$3:$AA$30,INDEX(Jesper!$R$2:$R$366,ROW(INDEX(Jesper!AJ$2:AJ$366,ROUNDDOWN($C8500/24,0)+1,1))-1)+IF('Standard Profiles'!$G$20=$B$10,7,0)+IF('Standard Profiles'!$G$20=$B$17,14,0)+IF('Standard Profiles'!$G$20=$B$24,21,0),0)),0)</f>
        <v>0</v>
      </c>
      <c r="G8500" cm="1">
        <f t="array" ref="G8500">IFERROR(INDEX(Jesper!AK$2:AK$366,ROUNDDOWN($C8500/24,0)+1,1)*INDEX($D$3:$AA$30,INDEX(Jesper!$R$2:$R$366,ROW(INDEX(Jesper!AK$2:AK$366,ROUNDDOWN($C8500/24,0)+1,1))-1)+IF('Standard Profiles'!$G$21=$B$10,7,0)+IF('Standard Profiles'!$G$21=$B$17,14,0)+IF('Standard Profiles'!$G$21=$B$24,21,0),MOD($C8500,24)+1)/SUM(INDEX($D$3:$AA$30,INDEX(Jesper!$R$2:$R$366,ROW(INDEX(Jesper!AK$2:AK$366,ROUNDDOWN($C8500/24,0)+1,1))-1)+IF('Standard Profiles'!$G$21=$B$10,7,0)+IF('Standard Profiles'!$G$21=$B$17,14,0)+IF('Standard Profiles'!$G$21=$B$24,21,0),0)),0)</f>
        <v>4.9356700688719943</v>
      </c>
      <c r="H8500" cm="1">
        <f t="array" ref="H8500">IFERROR(INDEX(Jesper!AL$2:AL$366,ROUNDDOWN($C8500/24,0)+1,1)*INDEX($D$3:$AA$30,INDEX(Jesper!$R$2:$R$366,ROW(INDEX(Jesper!AL$2:AL$366,ROUNDDOWN($C8500/24,0)+1,1))-1)+IF('Standard Profiles'!$G$22=$B$10,7,0)+IF('Standard Profiles'!$G$22=$B$17,14,0)+IF('Standard Profiles'!$G$22=$B$24,21,0),MOD($C8500,24)+1)/SUM(INDEX($D$3:$AA$30,INDEX(Jesper!$R$2:$R$366,ROW(INDEX(Jesper!AL$2:AL$366,ROUNDDOWN($C8500/24,0)+1,1))-1)+IF('Standard Profiles'!$G$22=$B$10,7,0)+IF('Standard Profiles'!$G$22=$B$17,14,0)+IF('Standard Profiles'!$G$22=$B$24,21,0),0)),0)</f>
        <v>0</v>
      </c>
      <c r="I8500">
        <f t="shared" si="944"/>
        <v>2.3691216330585561</v>
      </c>
      <c r="J8500">
        <f t="shared" si="945"/>
        <v>13.335085113414515</v>
      </c>
      <c r="K8500">
        <f t="shared" si="946"/>
        <v>0.63663654024280358</v>
      </c>
      <c r="L8500">
        <f t="shared" si="947"/>
        <v>0.31831827012140179</v>
      </c>
      <c r="M8500">
        <f t="shared" si="948"/>
        <v>0</v>
      </c>
      <c r="N8500" s="45">
        <f t="shared" si="949"/>
        <v>45279.749999979467</v>
      </c>
    </row>
    <row r="8501" spans="2:14" x14ac:dyDescent="0.25">
      <c r="B8501">
        <f t="shared" si="943"/>
        <v>2</v>
      </c>
      <c r="C8501" s="16">
        <v>8467</v>
      </c>
      <c r="D8501" cm="1">
        <f t="array" ref="D8501">IFERROR(INDEX(Jesper!AH$2:AH$366,ROUNDDOWN($C8501/24,0)+1,1)*INDEX($D$3:$AA$30,INDEX(Jesper!$R$2:$R$366,ROW(INDEX(Jesper!AH$2:AH$366,ROUNDDOWN($C8501/24,0)+1,1))-1)+IF('Standard Profiles'!$G$18=$B$10,7,0)+IF('Standard Profiles'!$G$18=$B$17,14,0)+IF('Standard Profiles'!$G$18=$B$24,21,0),MOD($C8501,24)+1)/SUM(INDEX($D$3:$AA$30,INDEX(Jesper!$R$2:$R$366,ROW(INDEX(Jesper!AH$2:AH$366,ROUNDDOWN($C8501/24,0)+1,1))-1)+IF('Standard Profiles'!$G$18=$B$10,7,0)+IF('Standard Profiles'!$G$18=$B$17,14,0)+IF('Standard Profiles'!$G$18=$B$24,21,0),0)),0)</f>
        <v>5.968467564776283</v>
      </c>
      <c r="E8501" cm="1">
        <f t="array" ref="E8501">IFERROR(INDEX(Jesper!AI$2:AI$366,ROUNDDOWN($C8501/24,0)+1,1)*INDEX($D$3:$AA$30,INDEX(Jesper!$R$2:$R$366,ROW(INDEX(Jesper!AI$2:AI$366,ROUNDDOWN($C8501/24,0)+1,1))-1)+IF('Standard Profiles'!$G$19=$B$10,7,0)+IF('Standard Profiles'!$G$19=$B$17,14,0)+IF('Standard Profiles'!$G$19=$B$24,21,0),MOD($C8501,24)+1)/SUM(INDEX($D$3:$AA$30,INDEX(Jesper!$R$2:$R$366,ROW(INDEX(Jesper!AI$2:AI$366,ROUNDDOWN($C8501/24,0)+1,1))-1)+IF('Standard Profiles'!$G$19=$B$10,7,0)+IF('Standard Profiles'!$G$19=$B$17,14,0)+IF('Standard Profiles'!$G$19=$B$24,21,0),0)),0)</f>
        <v>5.7550239231890004</v>
      </c>
      <c r="F8501" cm="1">
        <f t="array" ref="F8501">IFERROR(INDEX(Jesper!AJ$2:AJ$366,ROUNDDOWN($C8501/24,0)+1,1)*INDEX($D$3:$AA$30,INDEX(Jesper!$R$2:$R$366,ROW(INDEX(Jesper!AJ$2:AJ$366,ROUNDDOWN($C8501/24,0)+1,1))-1)+IF('Standard Profiles'!$G$20=$B$10,7,0)+IF('Standard Profiles'!$G$20=$B$17,14,0)+IF('Standard Profiles'!$G$20=$B$24,21,0),MOD($C8501,24)+1)/SUM(INDEX($D$3:$AA$30,INDEX(Jesper!$R$2:$R$366,ROW(INDEX(Jesper!AJ$2:AJ$366,ROUNDDOWN($C8501/24,0)+1,1))-1)+IF('Standard Profiles'!$G$20=$B$10,7,0)+IF('Standard Profiles'!$G$20=$B$17,14,0)+IF('Standard Profiles'!$G$20=$B$24,21,0),0)),0)</f>
        <v>0</v>
      </c>
      <c r="G8501" cm="1">
        <f t="array" ref="G8501">IFERROR(INDEX(Jesper!AK$2:AK$366,ROUNDDOWN($C8501/24,0)+1,1)*INDEX($D$3:$AA$30,INDEX(Jesper!$R$2:$R$366,ROW(INDEX(Jesper!AK$2:AK$366,ROUNDDOWN($C8501/24,0)+1,1))-1)+IF('Standard Profiles'!$G$21=$B$10,7,0)+IF('Standard Profiles'!$G$21=$B$17,14,0)+IF('Standard Profiles'!$G$21=$B$24,21,0),MOD($C8501,24)+1)/SUM(INDEX($D$3:$AA$30,INDEX(Jesper!$R$2:$R$366,ROW(INDEX(Jesper!AK$2:AK$366,ROUNDDOWN($C8501/24,0)+1,1))-1)+IF('Standard Profiles'!$G$21=$B$10,7,0)+IF('Standard Profiles'!$G$21=$B$17,14,0)+IF('Standard Profiles'!$G$21=$B$24,21,0),0)),0)</f>
        <v>4.9356700688719943</v>
      </c>
      <c r="H8501" cm="1">
        <f t="array" ref="H8501">IFERROR(INDEX(Jesper!AL$2:AL$366,ROUNDDOWN($C8501/24,0)+1,1)*INDEX($D$3:$AA$30,INDEX(Jesper!$R$2:$R$366,ROW(INDEX(Jesper!AL$2:AL$366,ROUNDDOWN($C8501/24,0)+1,1))-1)+IF('Standard Profiles'!$G$22=$B$10,7,0)+IF('Standard Profiles'!$G$22=$B$17,14,0)+IF('Standard Profiles'!$G$22=$B$24,21,0),MOD($C8501,24)+1)/SUM(INDEX($D$3:$AA$30,INDEX(Jesper!$R$2:$R$366,ROW(INDEX(Jesper!AL$2:AL$366,ROUNDDOWN($C8501/24,0)+1,1))-1)+IF('Standard Profiles'!$G$22=$B$10,7,0)+IF('Standard Profiles'!$G$22=$B$17,14,0)+IF('Standard Profiles'!$G$22=$B$24,21,0),0)),0)</f>
        <v>0</v>
      </c>
      <c r="I8501">
        <f t="shared" si="944"/>
        <v>2.3691216330585561</v>
      </c>
      <c r="J8501">
        <f t="shared" si="945"/>
        <v>13.335085113414515</v>
      </c>
      <c r="K8501">
        <f t="shared" si="946"/>
        <v>0.63663654024280358</v>
      </c>
      <c r="L8501">
        <f t="shared" si="947"/>
        <v>0.31831827012140179</v>
      </c>
      <c r="M8501">
        <f t="shared" si="948"/>
        <v>0</v>
      </c>
      <c r="N8501" s="45">
        <f t="shared" si="949"/>
        <v>45279.791666646131</v>
      </c>
    </row>
    <row r="8502" spans="2:14" x14ac:dyDescent="0.25">
      <c r="B8502">
        <f t="shared" si="943"/>
        <v>2</v>
      </c>
      <c r="C8502" s="16">
        <v>8468</v>
      </c>
      <c r="D8502" cm="1">
        <f t="array" ref="D8502">IFERROR(INDEX(Jesper!AH$2:AH$366,ROUNDDOWN($C8502/24,0)+1,1)*INDEX($D$3:$AA$30,INDEX(Jesper!$R$2:$R$366,ROW(INDEX(Jesper!AH$2:AH$366,ROUNDDOWN($C8502/24,0)+1,1))-1)+IF('Standard Profiles'!$G$18=$B$10,7,0)+IF('Standard Profiles'!$G$18=$B$17,14,0)+IF('Standard Profiles'!$G$18=$B$24,21,0),MOD($C8502,24)+1)/SUM(INDEX($D$3:$AA$30,INDEX(Jesper!$R$2:$R$366,ROW(INDEX(Jesper!AH$2:AH$366,ROUNDDOWN($C8502/24,0)+1,1))-1)+IF('Standard Profiles'!$G$18=$B$10,7,0)+IF('Standard Profiles'!$G$18=$B$17,14,0)+IF('Standard Profiles'!$G$18=$B$24,21,0),0)),0)</f>
        <v>5.968467564776283</v>
      </c>
      <c r="E8502" cm="1">
        <f t="array" ref="E8502">IFERROR(INDEX(Jesper!AI$2:AI$366,ROUNDDOWN($C8502/24,0)+1,1)*INDEX($D$3:$AA$30,INDEX(Jesper!$R$2:$R$366,ROW(INDEX(Jesper!AI$2:AI$366,ROUNDDOWN($C8502/24,0)+1,1))-1)+IF('Standard Profiles'!$G$19=$B$10,7,0)+IF('Standard Profiles'!$G$19=$B$17,14,0)+IF('Standard Profiles'!$G$19=$B$24,21,0),MOD($C8502,24)+1)/SUM(INDEX($D$3:$AA$30,INDEX(Jesper!$R$2:$R$366,ROW(INDEX(Jesper!AI$2:AI$366,ROUNDDOWN($C8502/24,0)+1,1))-1)+IF('Standard Profiles'!$G$19=$B$10,7,0)+IF('Standard Profiles'!$G$19=$B$17,14,0)+IF('Standard Profiles'!$G$19=$B$24,21,0),0)),0)</f>
        <v>5.7550239231890004</v>
      </c>
      <c r="F8502" cm="1">
        <f t="array" ref="F8502">IFERROR(INDEX(Jesper!AJ$2:AJ$366,ROUNDDOWN($C8502/24,0)+1,1)*INDEX($D$3:$AA$30,INDEX(Jesper!$R$2:$R$366,ROW(INDEX(Jesper!AJ$2:AJ$366,ROUNDDOWN($C8502/24,0)+1,1))-1)+IF('Standard Profiles'!$G$20=$B$10,7,0)+IF('Standard Profiles'!$G$20=$B$17,14,0)+IF('Standard Profiles'!$G$20=$B$24,21,0),MOD($C8502,24)+1)/SUM(INDEX($D$3:$AA$30,INDEX(Jesper!$R$2:$R$366,ROW(INDEX(Jesper!AJ$2:AJ$366,ROUNDDOWN($C8502/24,0)+1,1))-1)+IF('Standard Profiles'!$G$20=$B$10,7,0)+IF('Standard Profiles'!$G$20=$B$17,14,0)+IF('Standard Profiles'!$G$20=$B$24,21,0),0)),0)</f>
        <v>0</v>
      </c>
      <c r="G8502" cm="1">
        <f t="array" ref="G8502">IFERROR(INDEX(Jesper!AK$2:AK$366,ROUNDDOWN($C8502/24,0)+1,1)*INDEX($D$3:$AA$30,INDEX(Jesper!$R$2:$R$366,ROW(INDEX(Jesper!AK$2:AK$366,ROUNDDOWN($C8502/24,0)+1,1))-1)+IF('Standard Profiles'!$G$21=$B$10,7,0)+IF('Standard Profiles'!$G$21=$B$17,14,0)+IF('Standard Profiles'!$G$21=$B$24,21,0),MOD($C8502,24)+1)/SUM(INDEX($D$3:$AA$30,INDEX(Jesper!$R$2:$R$366,ROW(INDEX(Jesper!AK$2:AK$366,ROUNDDOWN($C8502/24,0)+1,1))-1)+IF('Standard Profiles'!$G$21=$B$10,7,0)+IF('Standard Profiles'!$G$21=$B$17,14,0)+IF('Standard Profiles'!$G$21=$B$24,21,0),0)),0)</f>
        <v>4.9356700688719943</v>
      </c>
      <c r="H8502" cm="1">
        <f t="array" ref="H8502">IFERROR(INDEX(Jesper!AL$2:AL$366,ROUNDDOWN($C8502/24,0)+1,1)*INDEX($D$3:$AA$30,INDEX(Jesper!$R$2:$R$366,ROW(INDEX(Jesper!AL$2:AL$366,ROUNDDOWN($C8502/24,0)+1,1))-1)+IF('Standard Profiles'!$G$22=$B$10,7,0)+IF('Standard Profiles'!$G$22=$B$17,14,0)+IF('Standard Profiles'!$G$22=$B$24,21,0),MOD($C8502,24)+1)/SUM(INDEX($D$3:$AA$30,INDEX(Jesper!$R$2:$R$366,ROW(INDEX(Jesper!AL$2:AL$366,ROUNDDOWN($C8502/24,0)+1,1))-1)+IF('Standard Profiles'!$G$22=$B$10,7,0)+IF('Standard Profiles'!$G$22=$B$17,14,0)+IF('Standard Profiles'!$G$22=$B$24,21,0),0)),0)</f>
        <v>0</v>
      </c>
      <c r="I8502">
        <f t="shared" si="944"/>
        <v>2.3691216330585561</v>
      </c>
      <c r="J8502">
        <f t="shared" si="945"/>
        <v>13.335085113414515</v>
      </c>
      <c r="K8502">
        <f t="shared" si="946"/>
        <v>0.63663654024280358</v>
      </c>
      <c r="L8502">
        <f t="shared" si="947"/>
        <v>0.31831827012140179</v>
      </c>
      <c r="M8502">
        <f t="shared" si="948"/>
        <v>0</v>
      </c>
      <c r="N8502" s="45">
        <f t="shared" si="949"/>
        <v>45279.833333312796</v>
      </c>
    </row>
    <row r="8503" spans="2:14" x14ac:dyDescent="0.25">
      <c r="B8503">
        <f t="shared" si="943"/>
        <v>2</v>
      </c>
      <c r="C8503" s="16">
        <v>8469</v>
      </c>
      <c r="D8503" cm="1">
        <f t="array" ref="D8503">IFERROR(INDEX(Jesper!AH$2:AH$366,ROUNDDOWN($C8503/24,0)+1,1)*INDEX($D$3:$AA$30,INDEX(Jesper!$R$2:$R$366,ROW(INDEX(Jesper!AH$2:AH$366,ROUNDDOWN($C8503/24,0)+1,1))-1)+IF('Standard Profiles'!$G$18=$B$10,7,0)+IF('Standard Profiles'!$G$18=$B$17,14,0)+IF('Standard Profiles'!$G$18=$B$24,21,0),MOD($C8503,24)+1)/SUM(INDEX($D$3:$AA$30,INDEX(Jesper!$R$2:$R$366,ROW(INDEX(Jesper!AH$2:AH$366,ROUNDDOWN($C8503/24,0)+1,1))-1)+IF('Standard Profiles'!$G$18=$B$10,7,0)+IF('Standard Profiles'!$G$18=$B$17,14,0)+IF('Standard Profiles'!$G$18=$B$24,21,0),0)),0)</f>
        <v>5.968467564776283</v>
      </c>
      <c r="E8503" cm="1">
        <f t="array" ref="E8503">IFERROR(INDEX(Jesper!AI$2:AI$366,ROUNDDOWN($C8503/24,0)+1,1)*INDEX($D$3:$AA$30,INDEX(Jesper!$R$2:$R$366,ROW(INDEX(Jesper!AI$2:AI$366,ROUNDDOWN($C8503/24,0)+1,1))-1)+IF('Standard Profiles'!$G$19=$B$10,7,0)+IF('Standard Profiles'!$G$19=$B$17,14,0)+IF('Standard Profiles'!$G$19=$B$24,21,0),MOD($C8503,24)+1)/SUM(INDEX($D$3:$AA$30,INDEX(Jesper!$R$2:$R$366,ROW(INDEX(Jesper!AI$2:AI$366,ROUNDDOWN($C8503/24,0)+1,1))-1)+IF('Standard Profiles'!$G$19=$B$10,7,0)+IF('Standard Profiles'!$G$19=$B$17,14,0)+IF('Standard Profiles'!$G$19=$B$24,21,0),0)),0)</f>
        <v>5.7550239231890004</v>
      </c>
      <c r="F8503" cm="1">
        <f t="array" ref="F8503">IFERROR(INDEX(Jesper!AJ$2:AJ$366,ROUNDDOWN($C8503/24,0)+1,1)*INDEX($D$3:$AA$30,INDEX(Jesper!$R$2:$R$366,ROW(INDEX(Jesper!AJ$2:AJ$366,ROUNDDOWN($C8503/24,0)+1,1))-1)+IF('Standard Profiles'!$G$20=$B$10,7,0)+IF('Standard Profiles'!$G$20=$B$17,14,0)+IF('Standard Profiles'!$G$20=$B$24,21,0),MOD($C8503,24)+1)/SUM(INDEX($D$3:$AA$30,INDEX(Jesper!$R$2:$R$366,ROW(INDEX(Jesper!AJ$2:AJ$366,ROUNDDOWN($C8503/24,0)+1,1))-1)+IF('Standard Profiles'!$G$20=$B$10,7,0)+IF('Standard Profiles'!$G$20=$B$17,14,0)+IF('Standard Profiles'!$G$20=$B$24,21,0),0)),0)</f>
        <v>0</v>
      </c>
      <c r="G8503" cm="1">
        <f t="array" ref="G8503">IFERROR(INDEX(Jesper!AK$2:AK$366,ROUNDDOWN($C8503/24,0)+1,1)*INDEX($D$3:$AA$30,INDEX(Jesper!$R$2:$R$366,ROW(INDEX(Jesper!AK$2:AK$366,ROUNDDOWN($C8503/24,0)+1,1))-1)+IF('Standard Profiles'!$G$21=$B$10,7,0)+IF('Standard Profiles'!$G$21=$B$17,14,0)+IF('Standard Profiles'!$G$21=$B$24,21,0),MOD($C8503,24)+1)/SUM(INDEX($D$3:$AA$30,INDEX(Jesper!$R$2:$R$366,ROW(INDEX(Jesper!AK$2:AK$366,ROUNDDOWN($C8503/24,0)+1,1))-1)+IF('Standard Profiles'!$G$21=$B$10,7,0)+IF('Standard Profiles'!$G$21=$B$17,14,0)+IF('Standard Profiles'!$G$21=$B$24,21,0),0)),0)</f>
        <v>4.9356700688719943</v>
      </c>
      <c r="H8503" cm="1">
        <f t="array" ref="H8503">IFERROR(INDEX(Jesper!AL$2:AL$366,ROUNDDOWN($C8503/24,0)+1,1)*INDEX($D$3:$AA$30,INDEX(Jesper!$R$2:$R$366,ROW(INDEX(Jesper!AL$2:AL$366,ROUNDDOWN($C8503/24,0)+1,1))-1)+IF('Standard Profiles'!$G$22=$B$10,7,0)+IF('Standard Profiles'!$G$22=$B$17,14,0)+IF('Standard Profiles'!$G$22=$B$24,21,0),MOD($C8503,24)+1)/SUM(INDEX($D$3:$AA$30,INDEX(Jesper!$R$2:$R$366,ROW(INDEX(Jesper!AL$2:AL$366,ROUNDDOWN($C8503/24,0)+1,1))-1)+IF('Standard Profiles'!$G$22=$B$10,7,0)+IF('Standard Profiles'!$G$22=$B$17,14,0)+IF('Standard Profiles'!$G$22=$B$24,21,0),0)),0)</f>
        <v>0</v>
      </c>
      <c r="I8503">
        <f t="shared" si="944"/>
        <v>2.3691216330585561</v>
      </c>
      <c r="J8503">
        <f t="shared" si="945"/>
        <v>13.335085113414515</v>
      </c>
      <c r="K8503">
        <f t="shared" si="946"/>
        <v>0.63663654024280358</v>
      </c>
      <c r="L8503">
        <f t="shared" si="947"/>
        <v>0.31831827012140179</v>
      </c>
      <c r="M8503">
        <f t="shared" si="948"/>
        <v>0</v>
      </c>
      <c r="N8503" s="45">
        <f t="shared" si="949"/>
        <v>45279.87499997946</v>
      </c>
    </row>
    <row r="8504" spans="2:14" x14ac:dyDescent="0.25">
      <c r="B8504">
        <f t="shared" si="943"/>
        <v>2</v>
      </c>
      <c r="C8504" s="16">
        <v>8470</v>
      </c>
      <c r="D8504" cm="1">
        <f t="array" ref="D8504">IFERROR(INDEX(Jesper!AH$2:AH$366,ROUNDDOWN($C8504/24,0)+1,1)*INDEX($D$3:$AA$30,INDEX(Jesper!$R$2:$R$366,ROW(INDEX(Jesper!AH$2:AH$366,ROUNDDOWN($C8504/24,0)+1,1))-1)+IF('Standard Profiles'!$G$18=$B$10,7,0)+IF('Standard Profiles'!$G$18=$B$17,14,0)+IF('Standard Profiles'!$G$18=$B$24,21,0),MOD($C8504,24)+1)/SUM(INDEX($D$3:$AA$30,INDEX(Jesper!$R$2:$R$366,ROW(INDEX(Jesper!AH$2:AH$366,ROUNDDOWN($C8504/24,0)+1,1))-1)+IF('Standard Profiles'!$G$18=$B$10,7,0)+IF('Standard Profiles'!$G$18=$B$17,14,0)+IF('Standard Profiles'!$G$18=$B$24,21,0),0)),0)</f>
        <v>5.968467564776283</v>
      </c>
      <c r="E8504" cm="1">
        <f t="array" ref="E8504">IFERROR(INDEX(Jesper!AI$2:AI$366,ROUNDDOWN($C8504/24,0)+1,1)*INDEX($D$3:$AA$30,INDEX(Jesper!$R$2:$R$366,ROW(INDEX(Jesper!AI$2:AI$366,ROUNDDOWN($C8504/24,0)+1,1))-1)+IF('Standard Profiles'!$G$19=$B$10,7,0)+IF('Standard Profiles'!$G$19=$B$17,14,0)+IF('Standard Profiles'!$G$19=$B$24,21,0),MOD($C8504,24)+1)/SUM(INDEX($D$3:$AA$30,INDEX(Jesper!$R$2:$R$366,ROW(INDEX(Jesper!AI$2:AI$366,ROUNDDOWN($C8504/24,0)+1,1))-1)+IF('Standard Profiles'!$G$19=$B$10,7,0)+IF('Standard Profiles'!$G$19=$B$17,14,0)+IF('Standard Profiles'!$G$19=$B$24,21,0),0)),0)</f>
        <v>5.7550239231890004</v>
      </c>
      <c r="F8504" cm="1">
        <f t="array" ref="F8504">IFERROR(INDEX(Jesper!AJ$2:AJ$366,ROUNDDOWN($C8504/24,0)+1,1)*INDEX($D$3:$AA$30,INDEX(Jesper!$R$2:$R$366,ROW(INDEX(Jesper!AJ$2:AJ$366,ROUNDDOWN($C8504/24,0)+1,1))-1)+IF('Standard Profiles'!$G$20=$B$10,7,0)+IF('Standard Profiles'!$G$20=$B$17,14,0)+IF('Standard Profiles'!$G$20=$B$24,21,0),MOD($C8504,24)+1)/SUM(INDEX($D$3:$AA$30,INDEX(Jesper!$R$2:$R$366,ROW(INDEX(Jesper!AJ$2:AJ$366,ROUNDDOWN($C8504/24,0)+1,1))-1)+IF('Standard Profiles'!$G$20=$B$10,7,0)+IF('Standard Profiles'!$G$20=$B$17,14,0)+IF('Standard Profiles'!$G$20=$B$24,21,0),0)),0)</f>
        <v>0</v>
      </c>
      <c r="G8504" cm="1">
        <f t="array" ref="G8504">IFERROR(INDEX(Jesper!AK$2:AK$366,ROUNDDOWN($C8504/24,0)+1,1)*INDEX($D$3:$AA$30,INDEX(Jesper!$R$2:$R$366,ROW(INDEX(Jesper!AK$2:AK$366,ROUNDDOWN($C8504/24,0)+1,1))-1)+IF('Standard Profiles'!$G$21=$B$10,7,0)+IF('Standard Profiles'!$G$21=$B$17,14,0)+IF('Standard Profiles'!$G$21=$B$24,21,0),MOD($C8504,24)+1)/SUM(INDEX($D$3:$AA$30,INDEX(Jesper!$R$2:$R$366,ROW(INDEX(Jesper!AK$2:AK$366,ROUNDDOWN($C8504/24,0)+1,1))-1)+IF('Standard Profiles'!$G$21=$B$10,7,0)+IF('Standard Profiles'!$G$21=$B$17,14,0)+IF('Standard Profiles'!$G$21=$B$24,21,0),0)),0)</f>
        <v>4.9356700688719943</v>
      </c>
      <c r="H8504" cm="1">
        <f t="array" ref="H8504">IFERROR(INDEX(Jesper!AL$2:AL$366,ROUNDDOWN($C8504/24,0)+1,1)*INDEX($D$3:$AA$30,INDEX(Jesper!$R$2:$R$366,ROW(INDEX(Jesper!AL$2:AL$366,ROUNDDOWN($C8504/24,0)+1,1))-1)+IF('Standard Profiles'!$G$22=$B$10,7,0)+IF('Standard Profiles'!$G$22=$B$17,14,0)+IF('Standard Profiles'!$G$22=$B$24,21,0),MOD($C8504,24)+1)/SUM(INDEX($D$3:$AA$30,INDEX(Jesper!$R$2:$R$366,ROW(INDEX(Jesper!AL$2:AL$366,ROUNDDOWN($C8504/24,0)+1,1))-1)+IF('Standard Profiles'!$G$22=$B$10,7,0)+IF('Standard Profiles'!$G$22=$B$17,14,0)+IF('Standard Profiles'!$G$22=$B$24,21,0),0)),0)</f>
        <v>0</v>
      </c>
      <c r="I8504">
        <f t="shared" si="944"/>
        <v>2.3691216330585561</v>
      </c>
      <c r="J8504">
        <f t="shared" si="945"/>
        <v>13.335085113414515</v>
      </c>
      <c r="K8504">
        <f t="shared" si="946"/>
        <v>0.63663654024280358</v>
      </c>
      <c r="L8504">
        <f t="shared" si="947"/>
        <v>0.31831827012140179</v>
      </c>
      <c r="M8504">
        <f t="shared" si="948"/>
        <v>0</v>
      </c>
      <c r="N8504" s="45">
        <f t="shared" si="949"/>
        <v>45279.916666646124</v>
      </c>
    </row>
    <row r="8505" spans="2:14" x14ac:dyDescent="0.25">
      <c r="B8505">
        <f t="shared" si="943"/>
        <v>2</v>
      </c>
      <c r="C8505" s="16">
        <v>8471</v>
      </c>
      <c r="D8505" cm="1">
        <f t="array" ref="D8505">IFERROR(INDEX(Jesper!AH$2:AH$366,ROUNDDOWN($C8505/24,0)+1,1)*INDEX($D$3:$AA$30,INDEX(Jesper!$R$2:$R$366,ROW(INDEX(Jesper!AH$2:AH$366,ROUNDDOWN($C8505/24,0)+1,1))-1)+IF('Standard Profiles'!$G$18=$B$10,7,0)+IF('Standard Profiles'!$G$18=$B$17,14,0)+IF('Standard Profiles'!$G$18=$B$24,21,0),MOD($C8505,24)+1)/SUM(INDEX($D$3:$AA$30,INDEX(Jesper!$R$2:$R$366,ROW(INDEX(Jesper!AH$2:AH$366,ROUNDDOWN($C8505/24,0)+1,1))-1)+IF('Standard Profiles'!$G$18=$B$10,7,0)+IF('Standard Profiles'!$G$18=$B$17,14,0)+IF('Standard Profiles'!$G$18=$B$24,21,0),0)),0)</f>
        <v>5.968467564776283</v>
      </c>
      <c r="E8505" cm="1">
        <f t="array" ref="E8505">IFERROR(INDEX(Jesper!AI$2:AI$366,ROUNDDOWN($C8505/24,0)+1,1)*INDEX($D$3:$AA$30,INDEX(Jesper!$R$2:$R$366,ROW(INDEX(Jesper!AI$2:AI$366,ROUNDDOWN($C8505/24,0)+1,1))-1)+IF('Standard Profiles'!$G$19=$B$10,7,0)+IF('Standard Profiles'!$G$19=$B$17,14,0)+IF('Standard Profiles'!$G$19=$B$24,21,0),MOD($C8505,24)+1)/SUM(INDEX($D$3:$AA$30,INDEX(Jesper!$R$2:$R$366,ROW(INDEX(Jesper!AI$2:AI$366,ROUNDDOWN($C8505/24,0)+1,1))-1)+IF('Standard Profiles'!$G$19=$B$10,7,0)+IF('Standard Profiles'!$G$19=$B$17,14,0)+IF('Standard Profiles'!$G$19=$B$24,21,0),0)),0)</f>
        <v>5.7550239231890004</v>
      </c>
      <c r="F8505" cm="1">
        <f t="array" ref="F8505">IFERROR(INDEX(Jesper!AJ$2:AJ$366,ROUNDDOWN($C8505/24,0)+1,1)*INDEX($D$3:$AA$30,INDEX(Jesper!$R$2:$R$366,ROW(INDEX(Jesper!AJ$2:AJ$366,ROUNDDOWN($C8505/24,0)+1,1))-1)+IF('Standard Profiles'!$G$20=$B$10,7,0)+IF('Standard Profiles'!$G$20=$B$17,14,0)+IF('Standard Profiles'!$G$20=$B$24,21,0),MOD($C8505,24)+1)/SUM(INDEX($D$3:$AA$30,INDEX(Jesper!$R$2:$R$366,ROW(INDEX(Jesper!AJ$2:AJ$366,ROUNDDOWN($C8505/24,0)+1,1))-1)+IF('Standard Profiles'!$G$20=$B$10,7,0)+IF('Standard Profiles'!$G$20=$B$17,14,0)+IF('Standard Profiles'!$G$20=$B$24,21,0),0)),0)</f>
        <v>0</v>
      </c>
      <c r="G8505" cm="1">
        <f t="array" ref="G8505">IFERROR(INDEX(Jesper!AK$2:AK$366,ROUNDDOWN($C8505/24,0)+1,1)*INDEX($D$3:$AA$30,INDEX(Jesper!$R$2:$R$366,ROW(INDEX(Jesper!AK$2:AK$366,ROUNDDOWN($C8505/24,0)+1,1))-1)+IF('Standard Profiles'!$G$21=$B$10,7,0)+IF('Standard Profiles'!$G$21=$B$17,14,0)+IF('Standard Profiles'!$G$21=$B$24,21,0),MOD($C8505,24)+1)/SUM(INDEX($D$3:$AA$30,INDEX(Jesper!$R$2:$R$366,ROW(INDEX(Jesper!AK$2:AK$366,ROUNDDOWN($C8505/24,0)+1,1))-1)+IF('Standard Profiles'!$G$21=$B$10,7,0)+IF('Standard Profiles'!$G$21=$B$17,14,0)+IF('Standard Profiles'!$G$21=$B$24,21,0),0)),0)</f>
        <v>4.9356700688719943</v>
      </c>
      <c r="H8505" cm="1">
        <f t="array" ref="H8505">IFERROR(INDEX(Jesper!AL$2:AL$366,ROUNDDOWN($C8505/24,0)+1,1)*INDEX($D$3:$AA$30,INDEX(Jesper!$R$2:$R$366,ROW(INDEX(Jesper!AL$2:AL$366,ROUNDDOWN($C8505/24,0)+1,1))-1)+IF('Standard Profiles'!$G$22=$B$10,7,0)+IF('Standard Profiles'!$G$22=$B$17,14,0)+IF('Standard Profiles'!$G$22=$B$24,21,0),MOD($C8505,24)+1)/SUM(INDEX($D$3:$AA$30,INDEX(Jesper!$R$2:$R$366,ROW(INDEX(Jesper!AL$2:AL$366,ROUNDDOWN($C8505/24,0)+1,1))-1)+IF('Standard Profiles'!$G$22=$B$10,7,0)+IF('Standard Profiles'!$G$22=$B$17,14,0)+IF('Standard Profiles'!$G$22=$B$24,21,0),0)),0)</f>
        <v>0</v>
      </c>
      <c r="I8505">
        <f t="shared" si="944"/>
        <v>2.3691216330585561</v>
      </c>
      <c r="J8505">
        <f t="shared" si="945"/>
        <v>13.335085113414515</v>
      </c>
      <c r="K8505">
        <f t="shared" si="946"/>
        <v>0.63663654024280358</v>
      </c>
      <c r="L8505">
        <f t="shared" si="947"/>
        <v>0.31831827012140179</v>
      </c>
      <c r="M8505">
        <f t="shared" si="948"/>
        <v>0</v>
      </c>
      <c r="N8505" s="45">
        <f t="shared" si="949"/>
        <v>45279.958333312788</v>
      </c>
    </row>
    <row r="8506" spans="2:14" x14ac:dyDescent="0.25">
      <c r="B8506">
        <f t="shared" si="943"/>
        <v>3</v>
      </c>
      <c r="C8506" s="16">
        <v>8472</v>
      </c>
      <c r="D8506" cm="1">
        <f t="array" ref="D8506">IFERROR(INDEX(Jesper!AH$2:AH$366,ROUNDDOWN($C8506/24,0)+1,1)*INDEX($D$3:$AA$30,INDEX(Jesper!$R$2:$R$366,ROW(INDEX(Jesper!AH$2:AH$366,ROUNDDOWN($C8506/24,0)+1,1))-1)+IF('Standard Profiles'!$G$18=$B$10,7,0)+IF('Standard Profiles'!$G$18=$B$17,14,0)+IF('Standard Profiles'!$G$18=$B$24,21,0),MOD($C8506,24)+1)/SUM(INDEX($D$3:$AA$30,INDEX(Jesper!$R$2:$R$366,ROW(INDEX(Jesper!AH$2:AH$366,ROUNDDOWN($C8506/24,0)+1,1))-1)+IF('Standard Profiles'!$G$18=$B$10,7,0)+IF('Standard Profiles'!$G$18=$B$17,14,0)+IF('Standard Profiles'!$G$18=$B$24,21,0),0)),0)</f>
        <v>6.0862661301766732</v>
      </c>
      <c r="E8506" cm="1">
        <f t="array" ref="E8506">IFERROR(INDEX(Jesper!AI$2:AI$366,ROUNDDOWN($C8506/24,0)+1,1)*INDEX($D$3:$AA$30,INDEX(Jesper!$R$2:$R$366,ROW(INDEX(Jesper!AI$2:AI$366,ROUNDDOWN($C8506/24,0)+1,1))-1)+IF('Standard Profiles'!$G$19=$B$10,7,0)+IF('Standard Profiles'!$G$19=$B$17,14,0)+IF('Standard Profiles'!$G$19=$B$24,21,0),MOD($C8506,24)+1)/SUM(INDEX($D$3:$AA$30,INDEX(Jesper!$R$2:$R$366,ROW(INDEX(Jesper!AI$2:AI$366,ROUNDDOWN($C8506/24,0)+1,1))-1)+IF('Standard Profiles'!$G$19=$B$10,7,0)+IF('Standard Profiles'!$G$19=$B$17,14,0)+IF('Standard Profiles'!$G$19=$B$24,21,0),0)),0)</f>
        <v>7.0977063527340887</v>
      </c>
      <c r="F8506" cm="1">
        <f t="array" ref="F8506">IFERROR(INDEX(Jesper!AJ$2:AJ$366,ROUNDDOWN($C8506/24,0)+1,1)*INDEX($D$3:$AA$30,INDEX(Jesper!$R$2:$R$366,ROW(INDEX(Jesper!AJ$2:AJ$366,ROUNDDOWN($C8506/24,0)+1,1))-1)+IF('Standard Profiles'!$G$20=$B$10,7,0)+IF('Standard Profiles'!$G$20=$B$17,14,0)+IF('Standard Profiles'!$G$20=$B$24,21,0),MOD($C8506,24)+1)/SUM(INDEX($D$3:$AA$30,INDEX(Jesper!$R$2:$R$366,ROW(INDEX(Jesper!AJ$2:AJ$366,ROUNDDOWN($C8506/24,0)+1,1))-1)+IF('Standard Profiles'!$G$20=$B$10,7,0)+IF('Standard Profiles'!$G$20=$B$17,14,0)+IF('Standard Profiles'!$G$20=$B$24,21,0),0)),0)</f>
        <v>0</v>
      </c>
      <c r="G8506" cm="1">
        <f t="array" ref="G8506">IFERROR(INDEX(Jesper!AK$2:AK$366,ROUNDDOWN($C8506/24,0)+1,1)*INDEX($D$3:$AA$30,INDEX(Jesper!$R$2:$R$366,ROW(INDEX(Jesper!AK$2:AK$366,ROUNDDOWN($C8506/24,0)+1,1))-1)+IF('Standard Profiles'!$G$21=$B$10,7,0)+IF('Standard Profiles'!$G$21=$B$17,14,0)+IF('Standard Profiles'!$G$21=$B$24,21,0),MOD($C8506,24)+1)/SUM(INDEX($D$3:$AA$30,INDEX(Jesper!$R$2:$R$366,ROW(INDEX(Jesper!AK$2:AK$366,ROUNDDOWN($C8506/24,0)+1,1))-1)+IF('Standard Profiles'!$G$21=$B$10,7,0)+IF('Standard Profiles'!$G$21=$B$17,14,0)+IF('Standard Profiles'!$G$21=$B$24,21,0),0)),0)</f>
        <v>8.7025782089004533</v>
      </c>
      <c r="H8506" cm="1">
        <f t="array" ref="H8506">IFERROR(INDEX(Jesper!AL$2:AL$366,ROUNDDOWN($C8506/24,0)+1,1)*INDEX($D$3:$AA$30,INDEX(Jesper!$R$2:$R$366,ROW(INDEX(Jesper!AL$2:AL$366,ROUNDDOWN($C8506/24,0)+1,1))-1)+IF('Standard Profiles'!$G$22=$B$10,7,0)+IF('Standard Profiles'!$G$22=$B$17,14,0)+IF('Standard Profiles'!$G$22=$B$24,21,0),MOD($C8506,24)+1)/SUM(INDEX($D$3:$AA$30,INDEX(Jesper!$R$2:$R$366,ROW(INDEX(Jesper!AL$2:AL$366,ROUNDDOWN($C8506/24,0)+1,1))-1)+IF('Standard Profiles'!$G$22=$B$10,7,0)+IF('Standard Profiles'!$G$22=$B$17,14,0)+IF('Standard Profiles'!$G$22=$B$24,21,0),0)),0)</f>
        <v>0</v>
      </c>
      <c r="I8506">
        <f t="shared" si="944"/>
        <v>4.1772375402722153</v>
      </c>
      <c r="J8506">
        <f t="shared" si="945"/>
        <v>16.735510570710733</v>
      </c>
      <c r="K8506">
        <f t="shared" si="946"/>
        <v>0.64920172055217851</v>
      </c>
      <c r="L8506">
        <f t="shared" si="947"/>
        <v>0.32460086027608925</v>
      </c>
      <c r="M8506">
        <f t="shared" si="948"/>
        <v>0</v>
      </c>
      <c r="N8506" s="45">
        <f t="shared" si="949"/>
        <v>45279.999999979453</v>
      </c>
    </row>
    <row r="8507" spans="2:14" x14ac:dyDescent="0.25">
      <c r="B8507">
        <f t="shared" si="943"/>
        <v>3</v>
      </c>
      <c r="C8507" s="16">
        <v>8473</v>
      </c>
      <c r="D8507" cm="1">
        <f t="array" ref="D8507">IFERROR(INDEX(Jesper!AH$2:AH$366,ROUNDDOWN($C8507/24,0)+1,1)*INDEX($D$3:$AA$30,INDEX(Jesper!$R$2:$R$366,ROW(INDEX(Jesper!AH$2:AH$366,ROUNDDOWN($C8507/24,0)+1,1))-1)+IF('Standard Profiles'!$G$18=$B$10,7,0)+IF('Standard Profiles'!$G$18=$B$17,14,0)+IF('Standard Profiles'!$G$18=$B$24,21,0),MOD($C8507,24)+1)/SUM(INDEX($D$3:$AA$30,INDEX(Jesper!$R$2:$R$366,ROW(INDEX(Jesper!AH$2:AH$366,ROUNDDOWN($C8507/24,0)+1,1))-1)+IF('Standard Profiles'!$G$18=$B$10,7,0)+IF('Standard Profiles'!$G$18=$B$17,14,0)+IF('Standard Profiles'!$G$18=$B$24,21,0),0)),0)</f>
        <v>6.0862661301766732</v>
      </c>
      <c r="E8507" cm="1">
        <f t="array" ref="E8507">IFERROR(INDEX(Jesper!AI$2:AI$366,ROUNDDOWN($C8507/24,0)+1,1)*INDEX($D$3:$AA$30,INDEX(Jesper!$R$2:$R$366,ROW(INDEX(Jesper!AI$2:AI$366,ROUNDDOWN($C8507/24,0)+1,1))-1)+IF('Standard Profiles'!$G$19=$B$10,7,0)+IF('Standard Profiles'!$G$19=$B$17,14,0)+IF('Standard Profiles'!$G$19=$B$24,21,0),MOD($C8507,24)+1)/SUM(INDEX($D$3:$AA$30,INDEX(Jesper!$R$2:$R$366,ROW(INDEX(Jesper!AI$2:AI$366,ROUNDDOWN($C8507/24,0)+1,1))-1)+IF('Standard Profiles'!$G$19=$B$10,7,0)+IF('Standard Profiles'!$G$19=$B$17,14,0)+IF('Standard Profiles'!$G$19=$B$24,21,0),0)),0)</f>
        <v>7.0977063527340887</v>
      </c>
      <c r="F8507" cm="1">
        <f t="array" ref="F8507">IFERROR(INDEX(Jesper!AJ$2:AJ$366,ROUNDDOWN($C8507/24,0)+1,1)*INDEX($D$3:$AA$30,INDEX(Jesper!$R$2:$R$366,ROW(INDEX(Jesper!AJ$2:AJ$366,ROUNDDOWN($C8507/24,0)+1,1))-1)+IF('Standard Profiles'!$G$20=$B$10,7,0)+IF('Standard Profiles'!$G$20=$B$17,14,0)+IF('Standard Profiles'!$G$20=$B$24,21,0),MOD($C8507,24)+1)/SUM(INDEX($D$3:$AA$30,INDEX(Jesper!$R$2:$R$366,ROW(INDEX(Jesper!AJ$2:AJ$366,ROUNDDOWN($C8507/24,0)+1,1))-1)+IF('Standard Profiles'!$G$20=$B$10,7,0)+IF('Standard Profiles'!$G$20=$B$17,14,0)+IF('Standard Profiles'!$G$20=$B$24,21,0),0)),0)</f>
        <v>0</v>
      </c>
      <c r="G8507" cm="1">
        <f t="array" ref="G8507">IFERROR(INDEX(Jesper!AK$2:AK$366,ROUNDDOWN($C8507/24,0)+1,1)*INDEX($D$3:$AA$30,INDEX(Jesper!$R$2:$R$366,ROW(INDEX(Jesper!AK$2:AK$366,ROUNDDOWN($C8507/24,0)+1,1))-1)+IF('Standard Profiles'!$G$21=$B$10,7,0)+IF('Standard Profiles'!$G$21=$B$17,14,0)+IF('Standard Profiles'!$G$21=$B$24,21,0),MOD($C8507,24)+1)/SUM(INDEX($D$3:$AA$30,INDEX(Jesper!$R$2:$R$366,ROW(INDEX(Jesper!AK$2:AK$366,ROUNDDOWN($C8507/24,0)+1,1))-1)+IF('Standard Profiles'!$G$21=$B$10,7,0)+IF('Standard Profiles'!$G$21=$B$17,14,0)+IF('Standard Profiles'!$G$21=$B$24,21,0),0)),0)</f>
        <v>8.7025782089004533</v>
      </c>
      <c r="H8507" cm="1">
        <f t="array" ref="H8507">IFERROR(INDEX(Jesper!AL$2:AL$366,ROUNDDOWN($C8507/24,0)+1,1)*INDEX($D$3:$AA$30,INDEX(Jesper!$R$2:$R$366,ROW(INDEX(Jesper!AL$2:AL$366,ROUNDDOWN($C8507/24,0)+1,1))-1)+IF('Standard Profiles'!$G$22=$B$10,7,0)+IF('Standard Profiles'!$G$22=$B$17,14,0)+IF('Standard Profiles'!$G$22=$B$24,21,0),MOD($C8507,24)+1)/SUM(INDEX($D$3:$AA$30,INDEX(Jesper!$R$2:$R$366,ROW(INDEX(Jesper!AL$2:AL$366,ROUNDDOWN($C8507/24,0)+1,1))-1)+IF('Standard Profiles'!$G$22=$B$10,7,0)+IF('Standard Profiles'!$G$22=$B$17,14,0)+IF('Standard Profiles'!$G$22=$B$24,21,0),0)),0)</f>
        <v>0</v>
      </c>
      <c r="I8507">
        <f t="shared" si="944"/>
        <v>4.1772375402722153</v>
      </c>
      <c r="J8507">
        <f t="shared" si="945"/>
        <v>16.735510570710733</v>
      </c>
      <c r="K8507">
        <f t="shared" si="946"/>
        <v>0.64920172055217851</v>
      </c>
      <c r="L8507">
        <f t="shared" si="947"/>
        <v>0.32460086027608925</v>
      </c>
      <c r="M8507">
        <f t="shared" si="948"/>
        <v>0</v>
      </c>
      <c r="N8507" s="45">
        <f t="shared" si="949"/>
        <v>45280.041666646117</v>
      </c>
    </row>
    <row r="8508" spans="2:14" x14ac:dyDescent="0.25">
      <c r="B8508">
        <f t="shared" si="943"/>
        <v>3</v>
      </c>
      <c r="C8508" s="16">
        <v>8474</v>
      </c>
      <c r="D8508" cm="1">
        <f t="array" ref="D8508">IFERROR(INDEX(Jesper!AH$2:AH$366,ROUNDDOWN($C8508/24,0)+1,1)*INDEX($D$3:$AA$30,INDEX(Jesper!$R$2:$R$366,ROW(INDEX(Jesper!AH$2:AH$366,ROUNDDOWN($C8508/24,0)+1,1))-1)+IF('Standard Profiles'!$G$18=$B$10,7,0)+IF('Standard Profiles'!$G$18=$B$17,14,0)+IF('Standard Profiles'!$G$18=$B$24,21,0),MOD($C8508,24)+1)/SUM(INDEX($D$3:$AA$30,INDEX(Jesper!$R$2:$R$366,ROW(INDEX(Jesper!AH$2:AH$366,ROUNDDOWN($C8508/24,0)+1,1))-1)+IF('Standard Profiles'!$G$18=$B$10,7,0)+IF('Standard Profiles'!$G$18=$B$17,14,0)+IF('Standard Profiles'!$G$18=$B$24,21,0),0)),0)</f>
        <v>6.0862661301766732</v>
      </c>
      <c r="E8508" cm="1">
        <f t="array" ref="E8508">IFERROR(INDEX(Jesper!AI$2:AI$366,ROUNDDOWN($C8508/24,0)+1,1)*INDEX($D$3:$AA$30,INDEX(Jesper!$R$2:$R$366,ROW(INDEX(Jesper!AI$2:AI$366,ROUNDDOWN($C8508/24,0)+1,1))-1)+IF('Standard Profiles'!$G$19=$B$10,7,0)+IF('Standard Profiles'!$G$19=$B$17,14,0)+IF('Standard Profiles'!$G$19=$B$24,21,0),MOD($C8508,24)+1)/SUM(INDEX($D$3:$AA$30,INDEX(Jesper!$R$2:$R$366,ROW(INDEX(Jesper!AI$2:AI$366,ROUNDDOWN($C8508/24,0)+1,1))-1)+IF('Standard Profiles'!$G$19=$B$10,7,0)+IF('Standard Profiles'!$G$19=$B$17,14,0)+IF('Standard Profiles'!$G$19=$B$24,21,0),0)),0)</f>
        <v>7.0977063527340887</v>
      </c>
      <c r="F8508" cm="1">
        <f t="array" ref="F8508">IFERROR(INDEX(Jesper!AJ$2:AJ$366,ROUNDDOWN($C8508/24,0)+1,1)*INDEX($D$3:$AA$30,INDEX(Jesper!$R$2:$R$366,ROW(INDEX(Jesper!AJ$2:AJ$366,ROUNDDOWN($C8508/24,0)+1,1))-1)+IF('Standard Profiles'!$G$20=$B$10,7,0)+IF('Standard Profiles'!$G$20=$B$17,14,0)+IF('Standard Profiles'!$G$20=$B$24,21,0),MOD($C8508,24)+1)/SUM(INDEX($D$3:$AA$30,INDEX(Jesper!$R$2:$R$366,ROW(INDEX(Jesper!AJ$2:AJ$366,ROUNDDOWN($C8508/24,0)+1,1))-1)+IF('Standard Profiles'!$G$20=$B$10,7,0)+IF('Standard Profiles'!$G$20=$B$17,14,0)+IF('Standard Profiles'!$G$20=$B$24,21,0),0)),0)</f>
        <v>0</v>
      </c>
      <c r="G8508" cm="1">
        <f t="array" ref="G8508">IFERROR(INDEX(Jesper!AK$2:AK$366,ROUNDDOWN($C8508/24,0)+1,1)*INDEX($D$3:$AA$30,INDEX(Jesper!$R$2:$R$366,ROW(INDEX(Jesper!AK$2:AK$366,ROUNDDOWN($C8508/24,0)+1,1))-1)+IF('Standard Profiles'!$G$21=$B$10,7,0)+IF('Standard Profiles'!$G$21=$B$17,14,0)+IF('Standard Profiles'!$G$21=$B$24,21,0),MOD($C8508,24)+1)/SUM(INDEX($D$3:$AA$30,INDEX(Jesper!$R$2:$R$366,ROW(INDEX(Jesper!AK$2:AK$366,ROUNDDOWN($C8508/24,0)+1,1))-1)+IF('Standard Profiles'!$G$21=$B$10,7,0)+IF('Standard Profiles'!$G$21=$B$17,14,0)+IF('Standard Profiles'!$G$21=$B$24,21,0),0)),0)</f>
        <v>8.7025782089004533</v>
      </c>
      <c r="H8508" cm="1">
        <f t="array" ref="H8508">IFERROR(INDEX(Jesper!AL$2:AL$366,ROUNDDOWN($C8508/24,0)+1,1)*INDEX($D$3:$AA$30,INDEX(Jesper!$R$2:$R$366,ROW(INDEX(Jesper!AL$2:AL$366,ROUNDDOWN($C8508/24,0)+1,1))-1)+IF('Standard Profiles'!$G$22=$B$10,7,0)+IF('Standard Profiles'!$G$22=$B$17,14,0)+IF('Standard Profiles'!$G$22=$B$24,21,0),MOD($C8508,24)+1)/SUM(INDEX($D$3:$AA$30,INDEX(Jesper!$R$2:$R$366,ROW(INDEX(Jesper!AL$2:AL$366,ROUNDDOWN($C8508/24,0)+1,1))-1)+IF('Standard Profiles'!$G$22=$B$10,7,0)+IF('Standard Profiles'!$G$22=$B$17,14,0)+IF('Standard Profiles'!$G$22=$B$24,21,0),0)),0)</f>
        <v>0</v>
      </c>
      <c r="I8508">
        <f t="shared" si="944"/>
        <v>4.1772375402722153</v>
      </c>
      <c r="J8508">
        <f t="shared" si="945"/>
        <v>16.735510570710733</v>
      </c>
      <c r="K8508">
        <f t="shared" si="946"/>
        <v>0.64920172055217851</v>
      </c>
      <c r="L8508">
        <f t="shared" si="947"/>
        <v>0.32460086027608925</v>
      </c>
      <c r="M8508">
        <f t="shared" si="948"/>
        <v>0</v>
      </c>
      <c r="N8508" s="45">
        <f t="shared" si="949"/>
        <v>45280.083333312781</v>
      </c>
    </row>
    <row r="8509" spans="2:14" x14ac:dyDescent="0.25">
      <c r="B8509">
        <f t="shared" si="943"/>
        <v>3</v>
      </c>
      <c r="C8509" s="16">
        <v>8475</v>
      </c>
      <c r="D8509" cm="1">
        <f t="array" ref="D8509">IFERROR(INDEX(Jesper!AH$2:AH$366,ROUNDDOWN($C8509/24,0)+1,1)*INDEX($D$3:$AA$30,INDEX(Jesper!$R$2:$R$366,ROW(INDEX(Jesper!AH$2:AH$366,ROUNDDOWN($C8509/24,0)+1,1))-1)+IF('Standard Profiles'!$G$18=$B$10,7,0)+IF('Standard Profiles'!$G$18=$B$17,14,0)+IF('Standard Profiles'!$G$18=$B$24,21,0),MOD($C8509,24)+1)/SUM(INDEX($D$3:$AA$30,INDEX(Jesper!$R$2:$R$366,ROW(INDEX(Jesper!AH$2:AH$366,ROUNDDOWN($C8509/24,0)+1,1))-1)+IF('Standard Profiles'!$G$18=$B$10,7,0)+IF('Standard Profiles'!$G$18=$B$17,14,0)+IF('Standard Profiles'!$G$18=$B$24,21,0),0)),0)</f>
        <v>6.0862661301766732</v>
      </c>
      <c r="E8509" cm="1">
        <f t="array" ref="E8509">IFERROR(INDEX(Jesper!AI$2:AI$366,ROUNDDOWN($C8509/24,0)+1,1)*INDEX($D$3:$AA$30,INDEX(Jesper!$R$2:$R$366,ROW(INDEX(Jesper!AI$2:AI$366,ROUNDDOWN($C8509/24,0)+1,1))-1)+IF('Standard Profiles'!$G$19=$B$10,7,0)+IF('Standard Profiles'!$G$19=$B$17,14,0)+IF('Standard Profiles'!$G$19=$B$24,21,0),MOD($C8509,24)+1)/SUM(INDEX($D$3:$AA$30,INDEX(Jesper!$R$2:$R$366,ROW(INDEX(Jesper!AI$2:AI$366,ROUNDDOWN($C8509/24,0)+1,1))-1)+IF('Standard Profiles'!$G$19=$B$10,7,0)+IF('Standard Profiles'!$G$19=$B$17,14,0)+IF('Standard Profiles'!$G$19=$B$24,21,0),0)),0)</f>
        <v>7.0977063527340887</v>
      </c>
      <c r="F8509" cm="1">
        <f t="array" ref="F8509">IFERROR(INDEX(Jesper!AJ$2:AJ$366,ROUNDDOWN($C8509/24,0)+1,1)*INDEX($D$3:$AA$30,INDEX(Jesper!$R$2:$R$366,ROW(INDEX(Jesper!AJ$2:AJ$366,ROUNDDOWN($C8509/24,0)+1,1))-1)+IF('Standard Profiles'!$G$20=$B$10,7,0)+IF('Standard Profiles'!$G$20=$B$17,14,0)+IF('Standard Profiles'!$G$20=$B$24,21,0),MOD($C8509,24)+1)/SUM(INDEX($D$3:$AA$30,INDEX(Jesper!$R$2:$R$366,ROW(INDEX(Jesper!AJ$2:AJ$366,ROUNDDOWN($C8509/24,0)+1,1))-1)+IF('Standard Profiles'!$G$20=$B$10,7,0)+IF('Standard Profiles'!$G$20=$B$17,14,0)+IF('Standard Profiles'!$G$20=$B$24,21,0),0)),0)</f>
        <v>0</v>
      </c>
      <c r="G8509" cm="1">
        <f t="array" ref="G8509">IFERROR(INDEX(Jesper!AK$2:AK$366,ROUNDDOWN($C8509/24,0)+1,1)*INDEX($D$3:$AA$30,INDEX(Jesper!$R$2:$R$366,ROW(INDEX(Jesper!AK$2:AK$366,ROUNDDOWN($C8509/24,0)+1,1))-1)+IF('Standard Profiles'!$G$21=$B$10,7,0)+IF('Standard Profiles'!$G$21=$B$17,14,0)+IF('Standard Profiles'!$G$21=$B$24,21,0),MOD($C8509,24)+1)/SUM(INDEX($D$3:$AA$30,INDEX(Jesper!$R$2:$R$366,ROW(INDEX(Jesper!AK$2:AK$366,ROUNDDOWN($C8509/24,0)+1,1))-1)+IF('Standard Profiles'!$G$21=$B$10,7,0)+IF('Standard Profiles'!$G$21=$B$17,14,0)+IF('Standard Profiles'!$G$21=$B$24,21,0),0)),0)</f>
        <v>8.7025782089004533</v>
      </c>
      <c r="H8509" cm="1">
        <f t="array" ref="H8509">IFERROR(INDEX(Jesper!AL$2:AL$366,ROUNDDOWN($C8509/24,0)+1,1)*INDEX($D$3:$AA$30,INDEX(Jesper!$R$2:$R$366,ROW(INDEX(Jesper!AL$2:AL$366,ROUNDDOWN($C8509/24,0)+1,1))-1)+IF('Standard Profiles'!$G$22=$B$10,7,0)+IF('Standard Profiles'!$G$22=$B$17,14,0)+IF('Standard Profiles'!$G$22=$B$24,21,0),MOD($C8509,24)+1)/SUM(INDEX($D$3:$AA$30,INDEX(Jesper!$R$2:$R$366,ROW(INDEX(Jesper!AL$2:AL$366,ROUNDDOWN($C8509/24,0)+1,1))-1)+IF('Standard Profiles'!$G$22=$B$10,7,0)+IF('Standard Profiles'!$G$22=$B$17,14,0)+IF('Standard Profiles'!$G$22=$B$24,21,0),0)),0)</f>
        <v>0</v>
      </c>
      <c r="I8509">
        <f t="shared" si="944"/>
        <v>4.1772375402722153</v>
      </c>
      <c r="J8509">
        <f t="shared" si="945"/>
        <v>16.735510570710733</v>
      </c>
      <c r="K8509">
        <f t="shared" si="946"/>
        <v>0.64920172055217851</v>
      </c>
      <c r="L8509">
        <f t="shared" si="947"/>
        <v>0.32460086027608925</v>
      </c>
      <c r="M8509">
        <f t="shared" si="948"/>
        <v>0</v>
      </c>
      <c r="N8509" s="45">
        <f t="shared" si="949"/>
        <v>45280.124999979445</v>
      </c>
    </row>
    <row r="8510" spans="2:14" x14ac:dyDescent="0.25">
      <c r="B8510">
        <f t="shared" si="943"/>
        <v>3</v>
      </c>
      <c r="C8510" s="16">
        <v>8476</v>
      </c>
      <c r="D8510" cm="1">
        <f t="array" ref="D8510">IFERROR(INDEX(Jesper!AH$2:AH$366,ROUNDDOWN($C8510/24,0)+1,1)*INDEX($D$3:$AA$30,INDEX(Jesper!$R$2:$R$366,ROW(INDEX(Jesper!AH$2:AH$366,ROUNDDOWN($C8510/24,0)+1,1))-1)+IF('Standard Profiles'!$G$18=$B$10,7,0)+IF('Standard Profiles'!$G$18=$B$17,14,0)+IF('Standard Profiles'!$G$18=$B$24,21,0),MOD($C8510,24)+1)/SUM(INDEX($D$3:$AA$30,INDEX(Jesper!$R$2:$R$366,ROW(INDEX(Jesper!AH$2:AH$366,ROUNDDOWN($C8510/24,0)+1,1))-1)+IF('Standard Profiles'!$G$18=$B$10,7,0)+IF('Standard Profiles'!$G$18=$B$17,14,0)+IF('Standard Profiles'!$G$18=$B$24,21,0),0)),0)</f>
        <v>6.0862661301766732</v>
      </c>
      <c r="E8510" cm="1">
        <f t="array" ref="E8510">IFERROR(INDEX(Jesper!AI$2:AI$366,ROUNDDOWN($C8510/24,0)+1,1)*INDEX($D$3:$AA$30,INDEX(Jesper!$R$2:$R$366,ROW(INDEX(Jesper!AI$2:AI$366,ROUNDDOWN($C8510/24,0)+1,1))-1)+IF('Standard Profiles'!$G$19=$B$10,7,0)+IF('Standard Profiles'!$G$19=$B$17,14,0)+IF('Standard Profiles'!$G$19=$B$24,21,0),MOD($C8510,24)+1)/SUM(INDEX($D$3:$AA$30,INDEX(Jesper!$R$2:$R$366,ROW(INDEX(Jesper!AI$2:AI$366,ROUNDDOWN($C8510/24,0)+1,1))-1)+IF('Standard Profiles'!$G$19=$B$10,7,0)+IF('Standard Profiles'!$G$19=$B$17,14,0)+IF('Standard Profiles'!$G$19=$B$24,21,0),0)),0)</f>
        <v>7.0977063527340887</v>
      </c>
      <c r="F8510" cm="1">
        <f t="array" ref="F8510">IFERROR(INDEX(Jesper!AJ$2:AJ$366,ROUNDDOWN($C8510/24,0)+1,1)*INDEX($D$3:$AA$30,INDEX(Jesper!$R$2:$R$366,ROW(INDEX(Jesper!AJ$2:AJ$366,ROUNDDOWN($C8510/24,0)+1,1))-1)+IF('Standard Profiles'!$G$20=$B$10,7,0)+IF('Standard Profiles'!$G$20=$B$17,14,0)+IF('Standard Profiles'!$G$20=$B$24,21,0),MOD($C8510,24)+1)/SUM(INDEX($D$3:$AA$30,INDEX(Jesper!$R$2:$R$366,ROW(INDEX(Jesper!AJ$2:AJ$366,ROUNDDOWN($C8510/24,0)+1,1))-1)+IF('Standard Profiles'!$G$20=$B$10,7,0)+IF('Standard Profiles'!$G$20=$B$17,14,0)+IF('Standard Profiles'!$G$20=$B$24,21,0),0)),0)</f>
        <v>0</v>
      </c>
      <c r="G8510" cm="1">
        <f t="array" ref="G8510">IFERROR(INDEX(Jesper!AK$2:AK$366,ROUNDDOWN($C8510/24,0)+1,1)*INDEX($D$3:$AA$30,INDEX(Jesper!$R$2:$R$366,ROW(INDEX(Jesper!AK$2:AK$366,ROUNDDOWN($C8510/24,0)+1,1))-1)+IF('Standard Profiles'!$G$21=$B$10,7,0)+IF('Standard Profiles'!$G$21=$B$17,14,0)+IF('Standard Profiles'!$G$21=$B$24,21,0),MOD($C8510,24)+1)/SUM(INDEX($D$3:$AA$30,INDEX(Jesper!$R$2:$R$366,ROW(INDEX(Jesper!AK$2:AK$366,ROUNDDOWN($C8510/24,0)+1,1))-1)+IF('Standard Profiles'!$G$21=$B$10,7,0)+IF('Standard Profiles'!$G$21=$B$17,14,0)+IF('Standard Profiles'!$G$21=$B$24,21,0),0)),0)</f>
        <v>8.7025782089004533</v>
      </c>
      <c r="H8510" cm="1">
        <f t="array" ref="H8510">IFERROR(INDEX(Jesper!AL$2:AL$366,ROUNDDOWN($C8510/24,0)+1,1)*INDEX($D$3:$AA$30,INDEX(Jesper!$R$2:$R$366,ROW(INDEX(Jesper!AL$2:AL$366,ROUNDDOWN($C8510/24,0)+1,1))-1)+IF('Standard Profiles'!$G$22=$B$10,7,0)+IF('Standard Profiles'!$G$22=$B$17,14,0)+IF('Standard Profiles'!$G$22=$B$24,21,0),MOD($C8510,24)+1)/SUM(INDEX($D$3:$AA$30,INDEX(Jesper!$R$2:$R$366,ROW(INDEX(Jesper!AL$2:AL$366,ROUNDDOWN($C8510/24,0)+1,1))-1)+IF('Standard Profiles'!$G$22=$B$10,7,0)+IF('Standard Profiles'!$G$22=$B$17,14,0)+IF('Standard Profiles'!$G$22=$B$24,21,0),0)),0)</f>
        <v>0</v>
      </c>
      <c r="I8510">
        <f t="shared" si="944"/>
        <v>4.1772375402722153</v>
      </c>
      <c r="J8510">
        <f t="shared" si="945"/>
        <v>16.735510570710733</v>
      </c>
      <c r="K8510">
        <f t="shared" si="946"/>
        <v>0.64920172055217851</v>
      </c>
      <c r="L8510">
        <f t="shared" si="947"/>
        <v>0.32460086027608925</v>
      </c>
      <c r="M8510">
        <f t="shared" si="948"/>
        <v>0</v>
      </c>
      <c r="N8510" s="45">
        <f t="shared" si="949"/>
        <v>45280.16666664611</v>
      </c>
    </row>
    <row r="8511" spans="2:14" x14ac:dyDescent="0.25">
      <c r="B8511">
        <f t="shared" si="943"/>
        <v>3</v>
      </c>
      <c r="C8511" s="16">
        <v>8477</v>
      </c>
      <c r="D8511" cm="1">
        <f t="array" ref="D8511">IFERROR(INDEX(Jesper!AH$2:AH$366,ROUNDDOWN($C8511/24,0)+1,1)*INDEX($D$3:$AA$30,INDEX(Jesper!$R$2:$R$366,ROW(INDEX(Jesper!AH$2:AH$366,ROUNDDOWN($C8511/24,0)+1,1))-1)+IF('Standard Profiles'!$G$18=$B$10,7,0)+IF('Standard Profiles'!$G$18=$B$17,14,0)+IF('Standard Profiles'!$G$18=$B$24,21,0),MOD($C8511,24)+1)/SUM(INDEX($D$3:$AA$30,INDEX(Jesper!$R$2:$R$366,ROW(INDEX(Jesper!AH$2:AH$366,ROUNDDOWN($C8511/24,0)+1,1))-1)+IF('Standard Profiles'!$G$18=$B$10,7,0)+IF('Standard Profiles'!$G$18=$B$17,14,0)+IF('Standard Profiles'!$G$18=$B$24,21,0),0)),0)</f>
        <v>6.0862661301766732</v>
      </c>
      <c r="E8511" cm="1">
        <f t="array" ref="E8511">IFERROR(INDEX(Jesper!AI$2:AI$366,ROUNDDOWN($C8511/24,0)+1,1)*INDEX($D$3:$AA$30,INDEX(Jesper!$R$2:$R$366,ROW(INDEX(Jesper!AI$2:AI$366,ROUNDDOWN($C8511/24,0)+1,1))-1)+IF('Standard Profiles'!$G$19=$B$10,7,0)+IF('Standard Profiles'!$G$19=$B$17,14,0)+IF('Standard Profiles'!$G$19=$B$24,21,0),MOD($C8511,24)+1)/SUM(INDEX($D$3:$AA$30,INDEX(Jesper!$R$2:$R$366,ROW(INDEX(Jesper!AI$2:AI$366,ROUNDDOWN($C8511/24,0)+1,1))-1)+IF('Standard Profiles'!$G$19=$B$10,7,0)+IF('Standard Profiles'!$G$19=$B$17,14,0)+IF('Standard Profiles'!$G$19=$B$24,21,0),0)),0)</f>
        <v>7.0977063527340887</v>
      </c>
      <c r="F8511" cm="1">
        <f t="array" ref="F8511">IFERROR(INDEX(Jesper!AJ$2:AJ$366,ROUNDDOWN($C8511/24,0)+1,1)*INDEX($D$3:$AA$30,INDEX(Jesper!$R$2:$R$366,ROW(INDEX(Jesper!AJ$2:AJ$366,ROUNDDOWN($C8511/24,0)+1,1))-1)+IF('Standard Profiles'!$G$20=$B$10,7,0)+IF('Standard Profiles'!$G$20=$B$17,14,0)+IF('Standard Profiles'!$G$20=$B$24,21,0),MOD($C8511,24)+1)/SUM(INDEX($D$3:$AA$30,INDEX(Jesper!$R$2:$R$366,ROW(INDEX(Jesper!AJ$2:AJ$366,ROUNDDOWN($C8511/24,0)+1,1))-1)+IF('Standard Profiles'!$G$20=$B$10,7,0)+IF('Standard Profiles'!$G$20=$B$17,14,0)+IF('Standard Profiles'!$G$20=$B$24,21,0),0)),0)</f>
        <v>0</v>
      </c>
      <c r="G8511" cm="1">
        <f t="array" ref="G8511">IFERROR(INDEX(Jesper!AK$2:AK$366,ROUNDDOWN($C8511/24,0)+1,1)*INDEX($D$3:$AA$30,INDEX(Jesper!$R$2:$R$366,ROW(INDEX(Jesper!AK$2:AK$366,ROUNDDOWN($C8511/24,0)+1,1))-1)+IF('Standard Profiles'!$G$21=$B$10,7,0)+IF('Standard Profiles'!$G$21=$B$17,14,0)+IF('Standard Profiles'!$G$21=$B$24,21,0),MOD($C8511,24)+1)/SUM(INDEX($D$3:$AA$30,INDEX(Jesper!$R$2:$R$366,ROW(INDEX(Jesper!AK$2:AK$366,ROUNDDOWN($C8511/24,0)+1,1))-1)+IF('Standard Profiles'!$G$21=$B$10,7,0)+IF('Standard Profiles'!$G$21=$B$17,14,0)+IF('Standard Profiles'!$G$21=$B$24,21,0),0)),0)</f>
        <v>8.7025782089004533</v>
      </c>
      <c r="H8511" cm="1">
        <f t="array" ref="H8511">IFERROR(INDEX(Jesper!AL$2:AL$366,ROUNDDOWN($C8511/24,0)+1,1)*INDEX($D$3:$AA$30,INDEX(Jesper!$R$2:$R$366,ROW(INDEX(Jesper!AL$2:AL$366,ROUNDDOWN($C8511/24,0)+1,1))-1)+IF('Standard Profiles'!$G$22=$B$10,7,0)+IF('Standard Profiles'!$G$22=$B$17,14,0)+IF('Standard Profiles'!$G$22=$B$24,21,0),MOD($C8511,24)+1)/SUM(INDEX($D$3:$AA$30,INDEX(Jesper!$R$2:$R$366,ROW(INDEX(Jesper!AL$2:AL$366,ROUNDDOWN($C8511/24,0)+1,1))-1)+IF('Standard Profiles'!$G$22=$B$10,7,0)+IF('Standard Profiles'!$G$22=$B$17,14,0)+IF('Standard Profiles'!$G$22=$B$24,21,0),0)),0)</f>
        <v>0</v>
      </c>
      <c r="I8511">
        <f t="shared" si="944"/>
        <v>4.1772375402722153</v>
      </c>
      <c r="J8511">
        <f t="shared" si="945"/>
        <v>16.735510570710733</v>
      </c>
      <c r="K8511">
        <f t="shared" si="946"/>
        <v>0.64920172055217851</v>
      </c>
      <c r="L8511">
        <f t="shared" si="947"/>
        <v>0.32460086027608925</v>
      </c>
      <c r="M8511">
        <f t="shared" si="948"/>
        <v>0</v>
      </c>
      <c r="N8511" s="45">
        <f t="shared" si="949"/>
        <v>45280.208333312774</v>
      </c>
    </row>
    <row r="8512" spans="2:14" x14ac:dyDescent="0.25">
      <c r="B8512">
        <f t="shared" si="943"/>
        <v>3</v>
      </c>
      <c r="C8512" s="16">
        <v>8478</v>
      </c>
      <c r="D8512" cm="1">
        <f t="array" ref="D8512">IFERROR(INDEX(Jesper!AH$2:AH$366,ROUNDDOWN($C8512/24,0)+1,1)*INDEX($D$3:$AA$30,INDEX(Jesper!$R$2:$R$366,ROW(INDEX(Jesper!AH$2:AH$366,ROUNDDOWN($C8512/24,0)+1,1))-1)+IF('Standard Profiles'!$G$18=$B$10,7,0)+IF('Standard Profiles'!$G$18=$B$17,14,0)+IF('Standard Profiles'!$G$18=$B$24,21,0),MOD($C8512,24)+1)/SUM(INDEX($D$3:$AA$30,INDEX(Jesper!$R$2:$R$366,ROW(INDEX(Jesper!AH$2:AH$366,ROUNDDOWN($C8512/24,0)+1,1))-1)+IF('Standard Profiles'!$G$18=$B$10,7,0)+IF('Standard Profiles'!$G$18=$B$17,14,0)+IF('Standard Profiles'!$G$18=$B$24,21,0),0)),0)</f>
        <v>6.0862661301766732</v>
      </c>
      <c r="E8512" cm="1">
        <f t="array" ref="E8512">IFERROR(INDEX(Jesper!AI$2:AI$366,ROUNDDOWN($C8512/24,0)+1,1)*INDEX($D$3:$AA$30,INDEX(Jesper!$R$2:$R$366,ROW(INDEX(Jesper!AI$2:AI$366,ROUNDDOWN($C8512/24,0)+1,1))-1)+IF('Standard Profiles'!$G$19=$B$10,7,0)+IF('Standard Profiles'!$G$19=$B$17,14,0)+IF('Standard Profiles'!$G$19=$B$24,21,0),MOD($C8512,24)+1)/SUM(INDEX($D$3:$AA$30,INDEX(Jesper!$R$2:$R$366,ROW(INDEX(Jesper!AI$2:AI$366,ROUNDDOWN($C8512/24,0)+1,1))-1)+IF('Standard Profiles'!$G$19=$B$10,7,0)+IF('Standard Profiles'!$G$19=$B$17,14,0)+IF('Standard Profiles'!$G$19=$B$24,21,0),0)),0)</f>
        <v>7.0977063527340887</v>
      </c>
      <c r="F8512" cm="1">
        <f t="array" ref="F8512">IFERROR(INDEX(Jesper!AJ$2:AJ$366,ROUNDDOWN($C8512/24,0)+1,1)*INDEX($D$3:$AA$30,INDEX(Jesper!$R$2:$R$366,ROW(INDEX(Jesper!AJ$2:AJ$366,ROUNDDOWN($C8512/24,0)+1,1))-1)+IF('Standard Profiles'!$G$20=$B$10,7,0)+IF('Standard Profiles'!$G$20=$B$17,14,0)+IF('Standard Profiles'!$G$20=$B$24,21,0),MOD($C8512,24)+1)/SUM(INDEX($D$3:$AA$30,INDEX(Jesper!$R$2:$R$366,ROW(INDEX(Jesper!AJ$2:AJ$366,ROUNDDOWN($C8512/24,0)+1,1))-1)+IF('Standard Profiles'!$G$20=$B$10,7,0)+IF('Standard Profiles'!$G$20=$B$17,14,0)+IF('Standard Profiles'!$G$20=$B$24,21,0),0)),0)</f>
        <v>0</v>
      </c>
      <c r="G8512" cm="1">
        <f t="array" ref="G8512">IFERROR(INDEX(Jesper!AK$2:AK$366,ROUNDDOWN($C8512/24,0)+1,1)*INDEX($D$3:$AA$30,INDEX(Jesper!$R$2:$R$366,ROW(INDEX(Jesper!AK$2:AK$366,ROUNDDOWN($C8512/24,0)+1,1))-1)+IF('Standard Profiles'!$G$21=$B$10,7,0)+IF('Standard Profiles'!$G$21=$B$17,14,0)+IF('Standard Profiles'!$G$21=$B$24,21,0),MOD($C8512,24)+1)/SUM(INDEX($D$3:$AA$30,INDEX(Jesper!$R$2:$R$366,ROW(INDEX(Jesper!AK$2:AK$366,ROUNDDOWN($C8512/24,0)+1,1))-1)+IF('Standard Profiles'!$G$21=$B$10,7,0)+IF('Standard Profiles'!$G$21=$B$17,14,0)+IF('Standard Profiles'!$G$21=$B$24,21,0),0)),0)</f>
        <v>8.7025782089004533</v>
      </c>
      <c r="H8512" cm="1">
        <f t="array" ref="H8512">IFERROR(INDEX(Jesper!AL$2:AL$366,ROUNDDOWN($C8512/24,0)+1,1)*INDEX($D$3:$AA$30,INDEX(Jesper!$R$2:$R$366,ROW(INDEX(Jesper!AL$2:AL$366,ROUNDDOWN($C8512/24,0)+1,1))-1)+IF('Standard Profiles'!$G$22=$B$10,7,0)+IF('Standard Profiles'!$G$22=$B$17,14,0)+IF('Standard Profiles'!$G$22=$B$24,21,0),MOD($C8512,24)+1)/SUM(INDEX($D$3:$AA$30,INDEX(Jesper!$R$2:$R$366,ROW(INDEX(Jesper!AL$2:AL$366,ROUNDDOWN($C8512/24,0)+1,1))-1)+IF('Standard Profiles'!$G$22=$B$10,7,0)+IF('Standard Profiles'!$G$22=$B$17,14,0)+IF('Standard Profiles'!$G$22=$B$24,21,0),0)),0)</f>
        <v>0</v>
      </c>
      <c r="I8512">
        <f t="shared" si="944"/>
        <v>4.1772375402722153</v>
      </c>
      <c r="J8512">
        <f t="shared" si="945"/>
        <v>16.735510570710733</v>
      </c>
      <c r="K8512">
        <f t="shared" si="946"/>
        <v>0.64920172055217851</v>
      </c>
      <c r="L8512">
        <f t="shared" si="947"/>
        <v>0.32460086027608925</v>
      </c>
      <c r="M8512">
        <f t="shared" si="948"/>
        <v>0</v>
      </c>
      <c r="N8512" s="45">
        <f t="shared" si="949"/>
        <v>45280.249999979438</v>
      </c>
    </row>
    <row r="8513" spans="2:14" x14ac:dyDescent="0.25">
      <c r="B8513">
        <f t="shared" si="943"/>
        <v>3</v>
      </c>
      <c r="C8513" s="16">
        <v>8479</v>
      </c>
      <c r="D8513" cm="1">
        <f t="array" ref="D8513">IFERROR(INDEX(Jesper!AH$2:AH$366,ROUNDDOWN($C8513/24,0)+1,1)*INDEX($D$3:$AA$30,INDEX(Jesper!$R$2:$R$366,ROW(INDEX(Jesper!AH$2:AH$366,ROUNDDOWN($C8513/24,0)+1,1))-1)+IF('Standard Profiles'!$G$18=$B$10,7,0)+IF('Standard Profiles'!$G$18=$B$17,14,0)+IF('Standard Profiles'!$G$18=$B$24,21,0),MOD($C8513,24)+1)/SUM(INDEX($D$3:$AA$30,INDEX(Jesper!$R$2:$R$366,ROW(INDEX(Jesper!AH$2:AH$366,ROUNDDOWN($C8513/24,0)+1,1))-1)+IF('Standard Profiles'!$G$18=$B$10,7,0)+IF('Standard Profiles'!$G$18=$B$17,14,0)+IF('Standard Profiles'!$G$18=$B$24,21,0),0)),0)</f>
        <v>24.879918210934335</v>
      </c>
      <c r="E8513" cm="1">
        <f t="array" ref="E8513">IFERROR(INDEX(Jesper!AI$2:AI$366,ROUNDDOWN($C8513/24,0)+1,1)*INDEX($D$3:$AA$30,INDEX(Jesper!$R$2:$R$366,ROW(INDEX(Jesper!AI$2:AI$366,ROUNDDOWN($C8513/24,0)+1,1))-1)+IF('Standard Profiles'!$G$19=$B$10,7,0)+IF('Standard Profiles'!$G$19=$B$17,14,0)+IF('Standard Profiles'!$G$19=$B$24,21,0),MOD($C8513,24)+1)/SUM(INDEX($D$3:$AA$30,INDEX(Jesper!$R$2:$R$366,ROW(INDEX(Jesper!AI$2:AI$366,ROUNDDOWN($C8513/24,0)+1,1))-1)+IF('Standard Profiles'!$G$19=$B$10,7,0)+IF('Standard Profiles'!$G$19=$B$17,14,0)+IF('Standard Profiles'!$G$19=$B$24,21,0),0)),0)</f>
        <v>29.014563241934198</v>
      </c>
      <c r="F8513" cm="1">
        <f t="array" ref="F8513">IFERROR(INDEX(Jesper!AJ$2:AJ$366,ROUNDDOWN($C8513/24,0)+1,1)*INDEX($D$3:$AA$30,INDEX(Jesper!$R$2:$R$366,ROW(INDEX(Jesper!AJ$2:AJ$366,ROUNDDOWN($C8513/24,0)+1,1))-1)+IF('Standard Profiles'!$G$20=$B$10,7,0)+IF('Standard Profiles'!$G$20=$B$17,14,0)+IF('Standard Profiles'!$G$20=$B$24,21,0),MOD($C8513,24)+1)/SUM(INDEX($D$3:$AA$30,INDEX(Jesper!$R$2:$R$366,ROW(INDEX(Jesper!AJ$2:AJ$366,ROUNDDOWN($C8513/24,0)+1,1))-1)+IF('Standard Profiles'!$G$20=$B$10,7,0)+IF('Standard Profiles'!$G$20=$B$17,14,0)+IF('Standard Profiles'!$G$20=$B$24,21,0),0)),0)</f>
        <v>0</v>
      </c>
      <c r="G8513" cm="1">
        <f t="array" ref="G8513">IFERROR(INDEX(Jesper!AK$2:AK$366,ROUNDDOWN($C8513/24,0)+1,1)*INDEX($D$3:$AA$30,INDEX(Jesper!$R$2:$R$366,ROW(INDEX(Jesper!AK$2:AK$366,ROUNDDOWN($C8513/24,0)+1,1))-1)+IF('Standard Profiles'!$G$21=$B$10,7,0)+IF('Standard Profiles'!$G$21=$B$17,14,0)+IF('Standard Profiles'!$G$21=$B$24,21,0),MOD($C8513,24)+1)/SUM(INDEX($D$3:$AA$30,INDEX(Jesper!$R$2:$R$366,ROW(INDEX(Jesper!AK$2:AK$366,ROUNDDOWN($C8513/24,0)+1,1))-1)+IF('Standard Profiles'!$G$21=$B$10,7,0)+IF('Standard Profiles'!$G$21=$B$17,14,0)+IF('Standard Profiles'!$G$21=$B$24,21,0),0)),0)</f>
        <v>23.975602965520746</v>
      </c>
      <c r="H8513" cm="1">
        <f t="array" ref="H8513">IFERROR(INDEX(Jesper!AL$2:AL$366,ROUNDDOWN($C8513/24,0)+1,1)*INDEX($D$3:$AA$30,INDEX(Jesper!$R$2:$R$366,ROW(INDEX(Jesper!AL$2:AL$366,ROUNDDOWN($C8513/24,0)+1,1))-1)+IF('Standard Profiles'!$G$22=$B$10,7,0)+IF('Standard Profiles'!$G$22=$B$17,14,0)+IF('Standard Profiles'!$G$22=$B$24,21,0),MOD($C8513,24)+1)/SUM(INDEX($D$3:$AA$30,INDEX(Jesper!$R$2:$R$366,ROW(INDEX(Jesper!AL$2:AL$366,ROUNDDOWN($C8513/24,0)+1,1))-1)+IF('Standard Profiles'!$G$22=$B$10,7,0)+IF('Standard Profiles'!$G$22=$B$17,14,0)+IF('Standard Profiles'!$G$22=$B$24,21,0),0)),0)</f>
        <v>0</v>
      </c>
      <c r="I8513">
        <f t="shared" si="944"/>
        <v>11.508289423449952</v>
      </c>
      <c r="J8513">
        <f t="shared" si="945"/>
        <v>62.381008081189833</v>
      </c>
      <c r="K8513">
        <f t="shared" si="946"/>
        <v>2.6538579424996627</v>
      </c>
      <c r="L8513">
        <f t="shared" si="947"/>
        <v>1.3269289712498313</v>
      </c>
      <c r="M8513">
        <f t="shared" si="948"/>
        <v>0</v>
      </c>
      <c r="N8513" s="45">
        <f t="shared" si="949"/>
        <v>45280.291666646102</v>
      </c>
    </row>
    <row r="8514" spans="2:14" x14ac:dyDescent="0.25">
      <c r="B8514">
        <f t="shared" si="943"/>
        <v>3</v>
      </c>
      <c r="C8514" s="16">
        <v>8480</v>
      </c>
      <c r="D8514" cm="1">
        <f t="array" ref="D8514">IFERROR(INDEX(Jesper!AH$2:AH$366,ROUNDDOWN($C8514/24,0)+1,1)*INDEX($D$3:$AA$30,INDEX(Jesper!$R$2:$R$366,ROW(INDEX(Jesper!AH$2:AH$366,ROUNDDOWN($C8514/24,0)+1,1))-1)+IF('Standard Profiles'!$G$18=$B$10,7,0)+IF('Standard Profiles'!$G$18=$B$17,14,0)+IF('Standard Profiles'!$G$18=$B$24,21,0),MOD($C8514,24)+1)/SUM(INDEX($D$3:$AA$30,INDEX(Jesper!$R$2:$R$366,ROW(INDEX(Jesper!AH$2:AH$366,ROUNDDOWN($C8514/24,0)+1,1))-1)+IF('Standard Profiles'!$G$18=$B$10,7,0)+IF('Standard Profiles'!$G$18=$B$17,14,0)+IF('Standard Profiles'!$G$18=$B$24,21,0),0)),0)</f>
        <v>27.76075084588463</v>
      </c>
      <c r="E8514" cm="1">
        <f t="array" ref="E8514">IFERROR(INDEX(Jesper!AI$2:AI$366,ROUNDDOWN($C8514/24,0)+1,1)*INDEX($D$3:$AA$30,INDEX(Jesper!$R$2:$R$366,ROW(INDEX(Jesper!AI$2:AI$366,ROUNDDOWN($C8514/24,0)+1,1))-1)+IF('Standard Profiles'!$G$19=$B$10,7,0)+IF('Standard Profiles'!$G$19=$B$17,14,0)+IF('Standard Profiles'!$G$19=$B$24,21,0),MOD($C8514,24)+1)/SUM(INDEX($D$3:$AA$30,INDEX(Jesper!$R$2:$R$366,ROW(INDEX(Jesper!AI$2:AI$366,ROUNDDOWN($C8514/24,0)+1,1))-1)+IF('Standard Profiles'!$G$19=$B$10,7,0)+IF('Standard Profiles'!$G$19=$B$17,14,0)+IF('Standard Profiles'!$G$19=$B$24,21,0),0)),0)</f>
        <v>32.374144248895</v>
      </c>
      <c r="F8514" cm="1">
        <f t="array" ref="F8514">IFERROR(INDEX(Jesper!AJ$2:AJ$366,ROUNDDOWN($C8514/24,0)+1,1)*INDEX($D$3:$AA$30,INDEX(Jesper!$R$2:$R$366,ROW(INDEX(Jesper!AJ$2:AJ$366,ROUNDDOWN($C8514/24,0)+1,1))-1)+IF('Standard Profiles'!$G$20=$B$10,7,0)+IF('Standard Profiles'!$G$20=$B$17,14,0)+IF('Standard Profiles'!$G$20=$B$24,21,0),MOD($C8514,24)+1)/SUM(INDEX($D$3:$AA$30,INDEX(Jesper!$R$2:$R$366,ROW(INDEX(Jesper!AJ$2:AJ$366,ROUNDDOWN($C8514/24,0)+1,1))-1)+IF('Standard Profiles'!$G$20=$B$10,7,0)+IF('Standard Profiles'!$G$20=$B$17,14,0)+IF('Standard Profiles'!$G$20=$B$24,21,0),0)),0)</f>
        <v>0</v>
      </c>
      <c r="G8514" cm="1">
        <f t="array" ref="G8514">IFERROR(INDEX(Jesper!AK$2:AK$366,ROUNDDOWN($C8514/24,0)+1,1)*INDEX($D$3:$AA$30,INDEX(Jesper!$R$2:$R$366,ROW(INDEX(Jesper!AK$2:AK$366,ROUNDDOWN($C8514/24,0)+1,1))-1)+IF('Standard Profiles'!$G$21=$B$10,7,0)+IF('Standard Profiles'!$G$21=$B$17,14,0)+IF('Standard Profiles'!$G$21=$B$24,21,0),MOD($C8514,24)+1)/SUM(INDEX($D$3:$AA$30,INDEX(Jesper!$R$2:$R$366,ROW(INDEX(Jesper!AK$2:AK$366,ROUNDDOWN($C8514/24,0)+1,1))-1)+IF('Standard Profiles'!$G$21=$B$10,7,0)+IF('Standard Profiles'!$G$21=$B$17,14,0)+IF('Standard Profiles'!$G$21=$B$24,21,0),0)),0)</f>
        <v>26.751725414159992</v>
      </c>
      <c r="H8514" cm="1">
        <f t="array" ref="H8514">IFERROR(INDEX(Jesper!AL$2:AL$366,ROUNDDOWN($C8514/24,0)+1,1)*INDEX($D$3:$AA$30,INDEX(Jesper!$R$2:$R$366,ROW(INDEX(Jesper!AL$2:AL$366,ROUNDDOWN($C8514/24,0)+1,1))-1)+IF('Standard Profiles'!$G$22=$B$10,7,0)+IF('Standard Profiles'!$G$22=$B$17,14,0)+IF('Standard Profiles'!$G$22=$B$24,21,0),MOD($C8514,24)+1)/SUM(INDEX($D$3:$AA$30,INDEX(Jesper!$R$2:$R$366,ROW(INDEX(Jesper!AL$2:AL$366,ROUNDDOWN($C8514/24,0)+1,1))-1)+IF('Standard Profiles'!$G$22=$B$10,7,0)+IF('Standard Profiles'!$G$22=$B$17,14,0)+IF('Standard Profiles'!$G$22=$B$24,21,0),0)),0)</f>
        <v>0</v>
      </c>
      <c r="I8514">
        <f t="shared" si="944"/>
        <v>12.840828198796789</v>
      </c>
      <c r="J8514">
        <f t="shared" si="945"/>
        <v>69.604072174801288</v>
      </c>
      <c r="K8514">
        <f t="shared" si="946"/>
        <v>2.9611467568943608</v>
      </c>
      <c r="L8514">
        <f t="shared" si="947"/>
        <v>1.4805733784471804</v>
      </c>
      <c r="M8514">
        <f t="shared" si="948"/>
        <v>0</v>
      </c>
      <c r="N8514" s="45">
        <f t="shared" si="949"/>
        <v>45280.333333312767</v>
      </c>
    </row>
    <row r="8515" spans="2:14" x14ac:dyDescent="0.25">
      <c r="B8515">
        <f t="shared" si="943"/>
        <v>3</v>
      </c>
      <c r="C8515" s="16">
        <v>8481</v>
      </c>
      <c r="D8515" cm="1">
        <f t="array" ref="D8515">IFERROR(INDEX(Jesper!AH$2:AH$366,ROUNDDOWN($C8515/24,0)+1,1)*INDEX($D$3:$AA$30,INDEX(Jesper!$R$2:$R$366,ROW(INDEX(Jesper!AH$2:AH$366,ROUNDDOWN($C8515/24,0)+1,1))-1)+IF('Standard Profiles'!$G$18=$B$10,7,0)+IF('Standard Profiles'!$G$18=$B$17,14,0)+IF('Standard Profiles'!$G$18=$B$24,21,0),MOD($C8515,24)+1)/SUM(INDEX($D$3:$AA$30,INDEX(Jesper!$R$2:$R$366,ROW(INDEX(Jesper!AH$2:AH$366,ROUNDDOWN($C8515/24,0)+1,1))-1)+IF('Standard Profiles'!$G$18=$B$10,7,0)+IF('Standard Profiles'!$G$18=$B$17,14,0)+IF('Standard Profiles'!$G$18=$B$24,21,0),0)),0)</f>
        <v>30.641583480834921</v>
      </c>
      <c r="E8515" cm="1">
        <f t="array" ref="E8515">IFERROR(INDEX(Jesper!AI$2:AI$366,ROUNDDOWN($C8515/24,0)+1,1)*INDEX($D$3:$AA$30,INDEX(Jesper!$R$2:$R$366,ROW(INDEX(Jesper!AI$2:AI$366,ROUNDDOWN($C8515/24,0)+1,1))-1)+IF('Standard Profiles'!$G$19=$B$10,7,0)+IF('Standard Profiles'!$G$19=$B$17,14,0)+IF('Standard Profiles'!$G$19=$B$24,21,0),MOD($C8515,24)+1)/SUM(INDEX($D$3:$AA$30,INDEX(Jesper!$R$2:$R$366,ROW(INDEX(Jesper!AI$2:AI$366,ROUNDDOWN($C8515/24,0)+1,1))-1)+IF('Standard Profiles'!$G$19=$B$10,7,0)+IF('Standard Profiles'!$G$19=$B$17,14,0)+IF('Standard Profiles'!$G$19=$B$24,21,0),0)),0)</f>
        <v>35.733725255855802</v>
      </c>
      <c r="F8515" cm="1">
        <f t="array" ref="F8515">IFERROR(INDEX(Jesper!AJ$2:AJ$366,ROUNDDOWN($C8515/24,0)+1,1)*INDEX($D$3:$AA$30,INDEX(Jesper!$R$2:$R$366,ROW(INDEX(Jesper!AJ$2:AJ$366,ROUNDDOWN($C8515/24,0)+1,1))-1)+IF('Standard Profiles'!$G$20=$B$10,7,0)+IF('Standard Profiles'!$G$20=$B$17,14,0)+IF('Standard Profiles'!$G$20=$B$24,21,0),MOD($C8515,24)+1)/SUM(INDEX($D$3:$AA$30,INDEX(Jesper!$R$2:$R$366,ROW(INDEX(Jesper!AJ$2:AJ$366,ROUNDDOWN($C8515/24,0)+1,1))-1)+IF('Standard Profiles'!$G$20=$B$10,7,0)+IF('Standard Profiles'!$G$20=$B$17,14,0)+IF('Standard Profiles'!$G$20=$B$24,21,0),0)),0)</f>
        <v>0</v>
      </c>
      <c r="G8515" cm="1">
        <f t="array" ref="G8515">IFERROR(INDEX(Jesper!AK$2:AK$366,ROUNDDOWN($C8515/24,0)+1,1)*INDEX($D$3:$AA$30,INDEX(Jesper!$R$2:$R$366,ROW(INDEX(Jesper!AK$2:AK$366,ROUNDDOWN($C8515/24,0)+1,1))-1)+IF('Standard Profiles'!$G$21=$B$10,7,0)+IF('Standard Profiles'!$G$21=$B$17,14,0)+IF('Standard Profiles'!$G$21=$B$24,21,0),MOD($C8515,24)+1)/SUM(INDEX($D$3:$AA$30,INDEX(Jesper!$R$2:$R$366,ROW(INDEX(Jesper!AK$2:AK$366,ROUNDDOWN($C8515/24,0)+1,1))-1)+IF('Standard Profiles'!$G$21=$B$10,7,0)+IF('Standard Profiles'!$G$21=$B$17,14,0)+IF('Standard Profiles'!$G$21=$B$24,21,0),0)),0)</f>
        <v>29.527847862799238</v>
      </c>
      <c r="H8515" cm="1">
        <f t="array" ref="H8515">IFERROR(INDEX(Jesper!AL$2:AL$366,ROUNDDOWN($C8515/24,0)+1,1)*INDEX($D$3:$AA$30,INDEX(Jesper!$R$2:$R$366,ROW(INDEX(Jesper!AL$2:AL$366,ROUNDDOWN($C8515/24,0)+1,1))-1)+IF('Standard Profiles'!$G$22=$B$10,7,0)+IF('Standard Profiles'!$G$22=$B$17,14,0)+IF('Standard Profiles'!$G$22=$B$24,21,0),MOD($C8515,24)+1)/SUM(INDEX($D$3:$AA$30,INDEX(Jesper!$R$2:$R$366,ROW(INDEX(Jesper!AL$2:AL$366,ROUNDDOWN($C8515/24,0)+1,1))-1)+IF('Standard Profiles'!$G$22=$B$10,7,0)+IF('Standard Profiles'!$G$22=$B$17,14,0)+IF('Standard Profiles'!$G$22=$B$24,21,0),0)),0)</f>
        <v>0</v>
      </c>
      <c r="I8515">
        <f t="shared" si="944"/>
        <v>14.173366974143628</v>
      </c>
      <c r="J8515">
        <f t="shared" si="945"/>
        <v>76.827136268412744</v>
      </c>
      <c r="K8515">
        <f t="shared" si="946"/>
        <v>3.2684355712890585</v>
      </c>
      <c r="L8515">
        <f t="shared" si="947"/>
        <v>1.6342177856445292</v>
      </c>
      <c r="M8515">
        <f t="shared" si="948"/>
        <v>0</v>
      </c>
      <c r="N8515" s="45">
        <f t="shared" si="949"/>
        <v>45280.374999979431</v>
      </c>
    </row>
    <row r="8516" spans="2:14" x14ac:dyDescent="0.25">
      <c r="B8516">
        <f t="shared" si="943"/>
        <v>3</v>
      </c>
      <c r="C8516" s="16">
        <v>8482</v>
      </c>
      <c r="D8516" cm="1">
        <f t="array" ref="D8516">IFERROR(INDEX(Jesper!AH$2:AH$366,ROUNDDOWN($C8516/24,0)+1,1)*INDEX($D$3:$AA$30,INDEX(Jesper!$R$2:$R$366,ROW(INDEX(Jesper!AH$2:AH$366,ROUNDDOWN($C8516/24,0)+1,1))-1)+IF('Standard Profiles'!$G$18=$B$10,7,0)+IF('Standard Profiles'!$G$18=$B$17,14,0)+IF('Standard Profiles'!$G$18=$B$24,21,0),MOD($C8516,24)+1)/SUM(INDEX($D$3:$AA$30,INDEX(Jesper!$R$2:$R$366,ROW(INDEX(Jesper!AH$2:AH$366,ROUNDDOWN($C8516/24,0)+1,1))-1)+IF('Standard Profiles'!$G$18=$B$10,7,0)+IF('Standard Profiles'!$G$18=$B$17,14,0)+IF('Standard Profiles'!$G$18=$B$24,21,0),0)),0)</f>
        <v>30.641583480834921</v>
      </c>
      <c r="E8516" cm="1">
        <f t="array" ref="E8516">IFERROR(INDEX(Jesper!AI$2:AI$366,ROUNDDOWN($C8516/24,0)+1,1)*INDEX($D$3:$AA$30,INDEX(Jesper!$R$2:$R$366,ROW(INDEX(Jesper!AI$2:AI$366,ROUNDDOWN($C8516/24,0)+1,1))-1)+IF('Standard Profiles'!$G$19=$B$10,7,0)+IF('Standard Profiles'!$G$19=$B$17,14,0)+IF('Standard Profiles'!$G$19=$B$24,21,0),MOD($C8516,24)+1)/SUM(INDEX($D$3:$AA$30,INDEX(Jesper!$R$2:$R$366,ROW(INDEX(Jesper!AI$2:AI$366,ROUNDDOWN($C8516/24,0)+1,1))-1)+IF('Standard Profiles'!$G$19=$B$10,7,0)+IF('Standard Profiles'!$G$19=$B$17,14,0)+IF('Standard Profiles'!$G$19=$B$24,21,0),0)),0)</f>
        <v>35.733725255855802</v>
      </c>
      <c r="F8516" cm="1">
        <f t="array" ref="F8516">IFERROR(INDEX(Jesper!AJ$2:AJ$366,ROUNDDOWN($C8516/24,0)+1,1)*INDEX($D$3:$AA$30,INDEX(Jesper!$R$2:$R$366,ROW(INDEX(Jesper!AJ$2:AJ$366,ROUNDDOWN($C8516/24,0)+1,1))-1)+IF('Standard Profiles'!$G$20=$B$10,7,0)+IF('Standard Profiles'!$G$20=$B$17,14,0)+IF('Standard Profiles'!$G$20=$B$24,21,0),MOD($C8516,24)+1)/SUM(INDEX($D$3:$AA$30,INDEX(Jesper!$R$2:$R$366,ROW(INDEX(Jesper!AJ$2:AJ$366,ROUNDDOWN($C8516/24,0)+1,1))-1)+IF('Standard Profiles'!$G$20=$B$10,7,0)+IF('Standard Profiles'!$G$20=$B$17,14,0)+IF('Standard Profiles'!$G$20=$B$24,21,0),0)),0)</f>
        <v>0</v>
      </c>
      <c r="G8516" cm="1">
        <f t="array" ref="G8516">IFERROR(INDEX(Jesper!AK$2:AK$366,ROUNDDOWN($C8516/24,0)+1,1)*INDEX($D$3:$AA$30,INDEX(Jesper!$R$2:$R$366,ROW(INDEX(Jesper!AK$2:AK$366,ROUNDDOWN($C8516/24,0)+1,1))-1)+IF('Standard Profiles'!$G$21=$B$10,7,0)+IF('Standard Profiles'!$G$21=$B$17,14,0)+IF('Standard Profiles'!$G$21=$B$24,21,0),MOD($C8516,24)+1)/SUM(INDEX($D$3:$AA$30,INDEX(Jesper!$R$2:$R$366,ROW(INDEX(Jesper!AK$2:AK$366,ROUNDDOWN($C8516/24,0)+1,1))-1)+IF('Standard Profiles'!$G$21=$B$10,7,0)+IF('Standard Profiles'!$G$21=$B$17,14,0)+IF('Standard Profiles'!$G$21=$B$24,21,0),0)),0)</f>
        <v>29.527847862799238</v>
      </c>
      <c r="H8516" cm="1">
        <f t="array" ref="H8516">IFERROR(INDEX(Jesper!AL$2:AL$366,ROUNDDOWN($C8516/24,0)+1,1)*INDEX($D$3:$AA$30,INDEX(Jesper!$R$2:$R$366,ROW(INDEX(Jesper!AL$2:AL$366,ROUNDDOWN($C8516/24,0)+1,1))-1)+IF('Standard Profiles'!$G$22=$B$10,7,0)+IF('Standard Profiles'!$G$22=$B$17,14,0)+IF('Standard Profiles'!$G$22=$B$24,21,0),MOD($C8516,24)+1)/SUM(INDEX($D$3:$AA$30,INDEX(Jesper!$R$2:$R$366,ROW(INDEX(Jesper!AL$2:AL$366,ROUNDDOWN($C8516/24,0)+1,1))-1)+IF('Standard Profiles'!$G$22=$B$10,7,0)+IF('Standard Profiles'!$G$22=$B$17,14,0)+IF('Standard Profiles'!$G$22=$B$24,21,0),0)),0)</f>
        <v>0</v>
      </c>
      <c r="I8516">
        <f t="shared" si="944"/>
        <v>14.173366974143628</v>
      </c>
      <c r="J8516">
        <f t="shared" si="945"/>
        <v>76.827136268412744</v>
      </c>
      <c r="K8516">
        <f t="shared" si="946"/>
        <v>3.2684355712890585</v>
      </c>
      <c r="L8516">
        <f t="shared" si="947"/>
        <v>1.6342177856445292</v>
      </c>
      <c r="M8516">
        <f t="shared" si="948"/>
        <v>0</v>
      </c>
      <c r="N8516" s="45">
        <f t="shared" si="949"/>
        <v>45280.416666646095</v>
      </c>
    </row>
    <row r="8517" spans="2:14" x14ac:dyDescent="0.25">
      <c r="B8517">
        <f t="shared" si="943"/>
        <v>3</v>
      </c>
      <c r="C8517" s="16">
        <v>8483</v>
      </c>
      <c r="D8517" cm="1">
        <f t="array" ref="D8517">IFERROR(INDEX(Jesper!AH$2:AH$366,ROUNDDOWN($C8517/24,0)+1,1)*INDEX($D$3:$AA$30,INDEX(Jesper!$R$2:$R$366,ROW(INDEX(Jesper!AH$2:AH$366,ROUNDDOWN($C8517/24,0)+1,1))-1)+IF('Standard Profiles'!$G$18=$B$10,7,0)+IF('Standard Profiles'!$G$18=$B$17,14,0)+IF('Standard Profiles'!$G$18=$B$24,21,0),MOD($C8517,24)+1)/SUM(INDEX($D$3:$AA$30,INDEX(Jesper!$R$2:$R$366,ROW(INDEX(Jesper!AH$2:AH$366,ROUNDDOWN($C8517/24,0)+1,1))-1)+IF('Standard Profiles'!$G$18=$B$10,7,0)+IF('Standard Profiles'!$G$18=$B$17,14,0)+IF('Standard Profiles'!$G$18=$B$24,21,0),0)),0)</f>
        <v>36.665142626640069</v>
      </c>
      <c r="E8517" cm="1">
        <f t="array" ref="E8517">IFERROR(INDEX(Jesper!AI$2:AI$366,ROUNDDOWN($C8517/24,0)+1,1)*INDEX($D$3:$AA$30,INDEX(Jesper!$R$2:$R$366,ROW(INDEX(Jesper!AI$2:AI$366,ROUNDDOWN($C8517/24,0)+1,1))-1)+IF('Standard Profiles'!$G$19=$B$10,7,0)+IF('Standard Profiles'!$G$19=$B$17,14,0)+IF('Standard Profiles'!$G$19=$B$24,21,0),MOD($C8517,24)+1)/SUM(INDEX($D$3:$AA$30,INDEX(Jesper!$R$2:$R$366,ROW(INDEX(Jesper!AI$2:AI$366,ROUNDDOWN($C8517/24,0)+1,1))-1)+IF('Standard Profiles'!$G$19=$B$10,7,0)+IF('Standard Profiles'!$G$19=$B$17,14,0)+IF('Standard Profiles'!$G$19=$B$24,21,0),0)),0)</f>
        <v>42.75830372495566</v>
      </c>
      <c r="F8517" cm="1">
        <f t="array" ref="F8517">IFERROR(INDEX(Jesper!AJ$2:AJ$366,ROUNDDOWN($C8517/24,0)+1,1)*INDEX($D$3:$AA$30,INDEX(Jesper!$R$2:$R$366,ROW(INDEX(Jesper!AJ$2:AJ$366,ROUNDDOWN($C8517/24,0)+1,1))-1)+IF('Standard Profiles'!$G$20=$B$10,7,0)+IF('Standard Profiles'!$G$20=$B$17,14,0)+IF('Standard Profiles'!$G$20=$B$24,21,0),MOD($C8517,24)+1)/SUM(INDEX($D$3:$AA$30,INDEX(Jesper!$R$2:$R$366,ROW(INDEX(Jesper!AJ$2:AJ$366,ROUNDDOWN($C8517/24,0)+1,1))-1)+IF('Standard Profiles'!$G$20=$B$10,7,0)+IF('Standard Profiles'!$G$20=$B$17,14,0)+IF('Standard Profiles'!$G$20=$B$24,21,0),0)),0)</f>
        <v>0</v>
      </c>
      <c r="G8517" cm="1">
        <f t="array" ref="G8517">IFERROR(INDEX(Jesper!AK$2:AK$366,ROUNDDOWN($C8517/24,0)+1,1)*INDEX($D$3:$AA$30,INDEX(Jesper!$R$2:$R$366,ROW(INDEX(Jesper!AK$2:AK$366,ROUNDDOWN($C8517/24,0)+1,1))-1)+IF('Standard Profiles'!$G$21=$B$10,7,0)+IF('Standard Profiles'!$G$21=$B$17,14,0)+IF('Standard Profiles'!$G$21=$B$24,21,0),MOD($C8517,24)+1)/SUM(INDEX($D$3:$AA$30,INDEX(Jesper!$R$2:$R$366,ROW(INDEX(Jesper!AK$2:AK$366,ROUNDDOWN($C8517/24,0)+1,1))-1)+IF('Standard Profiles'!$G$21=$B$10,7,0)+IF('Standard Profiles'!$G$21=$B$17,14,0)+IF('Standard Profiles'!$G$21=$B$24,21,0),0)),0)</f>
        <v>35.332467528135837</v>
      </c>
      <c r="H8517" cm="1">
        <f t="array" ref="H8517">IFERROR(INDEX(Jesper!AL$2:AL$366,ROUNDDOWN($C8517/24,0)+1,1)*INDEX($D$3:$AA$30,INDEX(Jesper!$R$2:$R$366,ROW(INDEX(Jesper!AL$2:AL$366,ROUNDDOWN($C8517/24,0)+1,1))-1)+IF('Standard Profiles'!$G$22=$B$10,7,0)+IF('Standard Profiles'!$G$22=$B$17,14,0)+IF('Standard Profiles'!$G$22=$B$24,21,0),MOD($C8517,24)+1)/SUM(INDEX($D$3:$AA$30,INDEX(Jesper!$R$2:$R$366,ROW(INDEX(Jesper!AL$2:AL$366,ROUNDDOWN($C8517/24,0)+1,1))-1)+IF('Standard Profiles'!$G$22=$B$10,7,0)+IF('Standard Profiles'!$G$22=$B$17,14,0)+IF('Standard Profiles'!$G$22=$B$24,21,0),0)),0)</f>
        <v>0</v>
      </c>
      <c r="I8517">
        <f t="shared" si="944"/>
        <v>16.959584413505194</v>
      </c>
      <c r="J8517">
        <f t="shared" si="945"/>
        <v>91.929906645963953</v>
      </c>
      <c r="K8517">
        <f t="shared" si="946"/>
        <v>3.9109485468416074</v>
      </c>
      <c r="L8517">
        <f t="shared" si="947"/>
        <v>1.9554742734208037</v>
      </c>
      <c r="M8517">
        <f t="shared" si="948"/>
        <v>0</v>
      </c>
      <c r="N8517" s="45">
        <f t="shared" si="949"/>
        <v>45280.458333312759</v>
      </c>
    </row>
    <row r="8518" spans="2:14" x14ac:dyDescent="0.25">
      <c r="B8518">
        <f t="shared" si="943"/>
        <v>3</v>
      </c>
      <c r="C8518" s="16">
        <v>8484</v>
      </c>
      <c r="D8518" cm="1">
        <f t="array" ref="D8518">IFERROR(INDEX(Jesper!AH$2:AH$366,ROUNDDOWN($C8518/24,0)+1,1)*INDEX($D$3:$AA$30,INDEX(Jesper!$R$2:$R$366,ROW(INDEX(Jesper!AH$2:AH$366,ROUNDDOWN($C8518/24,0)+1,1))-1)+IF('Standard Profiles'!$G$18=$B$10,7,0)+IF('Standard Profiles'!$G$18=$B$17,14,0)+IF('Standard Profiles'!$G$18=$B$24,21,0),MOD($C8518,24)+1)/SUM(INDEX($D$3:$AA$30,INDEX(Jesper!$R$2:$R$366,ROW(INDEX(Jesper!AH$2:AH$366,ROUNDDOWN($C8518/24,0)+1,1))-1)+IF('Standard Profiles'!$G$18=$B$10,7,0)+IF('Standard Profiles'!$G$18=$B$17,14,0)+IF('Standard Profiles'!$G$18=$B$24,21,0),0)),0)</f>
        <v>36.665142626640069</v>
      </c>
      <c r="E8518" cm="1">
        <f t="array" ref="E8518">IFERROR(INDEX(Jesper!AI$2:AI$366,ROUNDDOWN($C8518/24,0)+1,1)*INDEX($D$3:$AA$30,INDEX(Jesper!$R$2:$R$366,ROW(INDEX(Jesper!AI$2:AI$366,ROUNDDOWN($C8518/24,0)+1,1))-1)+IF('Standard Profiles'!$G$19=$B$10,7,0)+IF('Standard Profiles'!$G$19=$B$17,14,0)+IF('Standard Profiles'!$G$19=$B$24,21,0),MOD($C8518,24)+1)/SUM(INDEX($D$3:$AA$30,INDEX(Jesper!$R$2:$R$366,ROW(INDEX(Jesper!AI$2:AI$366,ROUNDDOWN($C8518/24,0)+1,1))-1)+IF('Standard Profiles'!$G$19=$B$10,7,0)+IF('Standard Profiles'!$G$19=$B$17,14,0)+IF('Standard Profiles'!$G$19=$B$24,21,0),0)),0)</f>
        <v>42.75830372495566</v>
      </c>
      <c r="F8518" cm="1">
        <f t="array" ref="F8518">IFERROR(INDEX(Jesper!AJ$2:AJ$366,ROUNDDOWN($C8518/24,0)+1,1)*INDEX($D$3:$AA$30,INDEX(Jesper!$R$2:$R$366,ROW(INDEX(Jesper!AJ$2:AJ$366,ROUNDDOWN($C8518/24,0)+1,1))-1)+IF('Standard Profiles'!$G$20=$B$10,7,0)+IF('Standard Profiles'!$G$20=$B$17,14,0)+IF('Standard Profiles'!$G$20=$B$24,21,0),MOD($C8518,24)+1)/SUM(INDEX($D$3:$AA$30,INDEX(Jesper!$R$2:$R$366,ROW(INDEX(Jesper!AJ$2:AJ$366,ROUNDDOWN($C8518/24,0)+1,1))-1)+IF('Standard Profiles'!$G$20=$B$10,7,0)+IF('Standard Profiles'!$G$20=$B$17,14,0)+IF('Standard Profiles'!$G$20=$B$24,21,0),0)),0)</f>
        <v>0</v>
      </c>
      <c r="G8518" cm="1">
        <f t="array" ref="G8518">IFERROR(INDEX(Jesper!AK$2:AK$366,ROUNDDOWN($C8518/24,0)+1,1)*INDEX($D$3:$AA$30,INDEX(Jesper!$R$2:$R$366,ROW(INDEX(Jesper!AK$2:AK$366,ROUNDDOWN($C8518/24,0)+1,1))-1)+IF('Standard Profiles'!$G$21=$B$10,7,0)+IF('Standard Profiles'!$G$21=$B$17,14,0)+IF('Standard Profiles'!$G$21=$B$24,21,0),MOD($C8518,24)+1)/SUM(INDEX($D$3:$AA$30,INDEX(Jesper!$R$2:$R$366,ROW(INDEX(Jesper!AK$2:AK$366,ROUNDDOWN($C8518/24,0)+1,1))-1)+IF('Standard Profiles'!$G$21=$B$10,7,0)+IF('Standard Profiles'!$G$21=$B$17,14,0)+IF('Standard Profiles'!$G$21=$B$24,21,0),0)),0)</f>
        <v>35.332467528135837</v>
      </c>
      <c r="H8518" cm="1">
        <f t="array" ref="H8518">IFERROR(INDEX(Jesper!AL$2:AL$366,ROUNDDOWN($C8518/24,0)+1,1)*INDEX($D$3:$AA$30,INDEX(Jesper!$R$2:$R$366,ROW(INDEX(Jesper!AL$2:AL$366,ROUNDDOWN($C8518/24,0)+1,1))-1)+IF('Standard Profiles'!$G$22=$B$10,7,0)+IF('Standard Profiles'!$G$22=$B$17,14,0)+IF('Standard Profiles'!$G$22=$B$24,21,0),MOD($C8518,24)+1)/SUM(INDEX($D$3:$AA$30,INDEX(Jesper!$R$2:$R$366,ROW(INDEX(Jesper!AL$2:AL$366,ROUNDDOWN($C8518/24,0)+1,1))-1)+IF('Standard Profiles'!$G$22=$B$10,7,0)+IF('Standard Profiles'!$G$22=$B$17,14,0)+IF('Standard Profiles'!$G$22=$B$24,21,0),0)),0)</f>
        <v>0</v>
      </c>
      <c r="I8518">
        <f t="shared" si="944"/>
        <v>16.959584413505194</v>
      </c>
      <c r="J8518">
        <f t="shared" si="945"/>
        <v>91.929906645963953</v>
      </c>
      <c r="K8518">
        <f t="shared" si="946"/>
        <v>3.9109485468416074</v>
      </c>
      <c r="L8518">
        <f t="shared" si="947"/>
        <v>1.9554742734208037</v>
      </c>
      <c r="M8518">
        <f t="shared" si="948"/>
        <v>0</v>
      </c>
      <c r="N8518" s="45">
        <f t="shared" si="949"/>
        <v>45280.499999979424</v>
      </c>
    </row>
    <row r="8519" spans="2:14" x14ac:dyDescent="0.25">
      <c r="B8519">
        <f t="shared" si="943"/>
        <v>3</v>
      </c>
      <c r="C8519" s="16">
        <v>8485</v>
      </c>
      <c r="D8519" cm="1">
        <f t="array" ref="D8519">IFERROR(INDEX(Jesper!AH$2:AH$366,ROUNDDOWN($C8519/24,0)+1,1)*INDEX($D$3:$AA$30,INDEX(Jesper!$R$2:$R$366,ROW(INDEX(Jesper!AH$2:AH$366,ROUNDDOWN($C8519/24,0)+1,1))-1)+IF('Standard Profiles'!$G$18=$B$10,7,0)+IF('Standard Profiles'!$G$18=$B$17,14,0)+IF('Standard Profiles'!$G$18=$B$24,21,0),MOD($C8519,24)+1)/SUM(INDEX($D$3:$AA$30,INDEX(Jesper!$R$2:$R$366,ROW(INDEX(Jesper!AH$2:AH$366,ROUNDDOWN($C8519/24,0)+1,1))-1)+IF('Standard Profiles'!$G$18=$B$10,7,0)+IF('Standard Profiles'!$G$18=$B$17,14,0)+IF('Standard Profiles'!$G$18=$B$24,21,0),0)),0)</f>
        <v>24.35613045912519</v>
      </c>
      <c r="E8519" cm="1">
        <f t="array" ref="E8519">IFERROR(INDEX(Jesper!AI$2:AI$366,ROUNDDOWN($C8519/24,0)+1,1)*INDEX($D$3:$AA$30,INDEX(Jesper!$R$2:$R$366,ROW(INDEX(Jesper!AI$2:AI$366,ROUNDDOWN($C8519/24,0)+1,1))-1)+IF('Standard Profiles'!$G$19=$B$10,7,0)+IF('Standard Profiles'!$G$19=$B$17,14,0)+IF('Standard Profiles'!$G$19=$B$24,21,0),MOD($C8519,24)+1)/SUM(INDEX($D$3:$AA$30,INDEX(Jesper!$R$2:$R$366,ROW(INDEX(Jesper!AI$2:AI$366,ROUNDDOWN($C8519/24,0)+1,1))-1)+IF('Standard Profiles'!$G$19=$B$10,7,0)+IF('Standard Profiles'!$G$19=$B$17,14,0)+IF('Standard Profiles'!$G$19=$B$24,21,0),0)),0)</f>
        <v>28.403730331577687</v>
      </c>
      <c r="F8519" cm="1">
        <f t="array" ref="F8519">IFERROR(INDEX(Jesper!AJ$2:AJ$366,ROUNDDOWN($C8519/24,0)+1,1)*INDEX($D$3:$AA$30,INDEX(Jesper!$R$2:$R$366,ROW(INDEX(Jesper!AJ$2:AJ$366,ROUNDDOWN($C8519/24,0)+1,1))-1)+IF('Standard Profiles'!$G$20=$B$10,7,0)+IF('Standard Profiles'!$G$20=$B$17,14,0)+IF('Standard Profiles'!$G$20=$B$24,21,0),MOD($C8519,24)+1)/SUM(INDEX($D$3:$AA$30,INDEX(Jesper!$R$2:$R$366,ROW(INDEX(Jesper!AJ$2:AJ$366,ROUNDDOWN($C8519/24,0)+1,1))-1)+IF('Standard Profiles'!$G$20=$B$10,7,0)+IF('Standard Profiles'!$G$20=$B$17,14,0)+IF('Standard Profiles'!$G$20=$B$24,21,0),0)),0)</f>
        <v>0</v>
      </c>
      <c r="G8519" cm="1">
        <f t="array" ref="G8519">IFERROR(INDEX(Jesper!AK$2:AK$366,ROUNDDOWN($C8519/24,0)+1,1)*INDEX($D$3:$AA$30,INDEX(Jesper!$R$2:$R$366,ROW(INDEX(Jesper!AK$2:AK$366,ROUNDDOWN($C8519/24,0)+1,1))-1)+IF('Standard Profiles'!$G$21=$B$10,7,0)+IF('Standard Profiles'!$G$21=$B$17,14,0)+IF('Standard Profiles'!$G$21=$B$24,21,0),MOD($C8519,24)+1)/SUM(INDEX($D$3:$AA$30,INDEX(Jesper!$R$2:$R$366,ROW(INDEX(Jesper!AK$2:AK$366,ROUNDDOWN($C8519/24,0)+1,1))-1)+IF('Standard Profiles'!$G$21=$B$10,7,0)+IF('Standard Profiles'!$G$21=$B$17,14,0)+IF('Standard Profiles'!$G$21=$B$24,21,0),0)),0)</f>
        <v>23.470853429404521</v>
      </c>
      <c r="H8519" cm="1">
        <f t="array" ref="H8519">IFERROR(INDEX(Jesper!AL$2:AL$366,ROUNDDOWN($C8519/24,0)+1,1)*INDEX($D$3:$AA$30,INDEX(Jesper!$R$2:$R$366,ROW(INDEX(Jesper!AL$2:AL$366,ROUNDDOWN($C8519/24,0)+1,1))-1)+IF('Standard Profiles'!$G$22=$B$10,7,0)+IF('Standard Profiles'!$G$22=$B$17,14,0)+IF('Standard Profiles'!$G$22=$B$24,21,0),MOD($C8519,24)+1)/SUM(INDEX($D$3:$AA$30,INDEX(Jesper!$R$2:$R$366,ROW(INDEX(Jesper!AL$2:AL$366,ROUNDDOWN($C8519/24,0)+1,1))-1)+IF('Standard Profiles'!$G$22=$B$10,7,0)+IF('Standard Profiles'!$G$22=$B$17,14,0)+IF('Standard Profiles'!$G$22=$B$24,21,0),0)),0)</f>
        <v>0</v>
      </c>
      <c r="I8519">
        <f t="shared" si="944"/>
        <v>11.266009646114165</v>
      </c>
      <c r="J8519">
        <f t="shared" si="945"/>
        <v>61.067723700533207</v>
      </c>
      <c r="K8519">
        <f t="shared" si="946"/>
        <v>2.5979872489733538</v>
      </c>
      <c r="L8519">
        <f t="shared" si="947"/>
        <v>1.2989936244866769</v>
      </c>
      <c r="M8519">
        <f t="shared" si="948"/>
        <v>0</v>
      </c>
      <c r="N8519" s="45">
        <f t="shared" si="949"/>
        <v>45280.541666646088</v>
      </c>
    </row>
    <row r="8520" spans="2:14" x14ac:dyDescent="0.25">
      <c r="B8520">
        <f t="shared" si="943"/>
        <v>3</v>
      </c>
      <c r="C8520" s="16">
        <v>8486</v>
      </c>
      <c r="D8520" cm="1">
        <f t="array" ref="D8520">IFERROR(INDEX(Jesper!AH$2:AH$366,ROUNDDOWN($C8520/24,0)+1,1)*INDEX($D$3:$AA$30,INDEX(Jesper!$R$2:$R$366,ROW(INDEX(Jesper!AH$2:AH$366,ROUNDDOWN($C8520/24,0)+1,1))-1)+IF('Standard Profiles'!$G$18=$B$10,7,0)+IF('Standard Profiles'!$G$18=$B$17,14,0)+IF('Standard Profiles'!$G$18=$B$24,21,0),MOD($C8520,24)+1)/SUM(INDEX($D$3:$AA$30,INDEX(Jesper!$R$2:$R$366,ROW(INDEX(Jesper!AH$2:AH$366,ROUNDDOWN($C8520/24,0)+1,1))-1)+IF('Standard Profiles'!$G$18=$B$10,7,0)+IF('Standard Profiles'!$G$18=$B$17,14,0)+IF('Standard Profiles'!$G$18=$B$24,21,0),0)),0)</f>
        <v>36.665142626640069</v>
      </c>
      <c r="E8520" cm="1">
        <f t="array" ref="E8520">IFERROR(INDEX(Jesper!AI$2:AI$366,ROUNDDOWN($C8520/24,0)+1,1)*INDEX($D$3:$AA$30,INDEX(Jesper!$R$2:$R$366,ROW(INDEX(Jesper!AI$2:AI$366,ROUNDDOWN($C8520/24,0)+1,1))-1)+IF('Standard Profiles'!$G$19=$B$10,7,0)+IF('Standard Profiles'!$G$19=$B$17,14,0)+IF('Standard Profiles'!$G$19=$B$24,21,0),MOD($C8520,24)+1)/SUM(INDEX($D$3:$AA$30,INDEX(Jesper!$R$2:$R$366,ROW(INDEX(Jesper!AI$2:AI$366,ROUNDDOWN($C8520/24,0)+1,1))-1)+IF('Standard Profiles'!$G$19=$B$10,7,0)+IF('Standard Profiles'!$G$19=$B$17,14,0)+IF('Standard Profiles'!$G$19=$B$24,21,0),0)),0)</f>
        <v>42.75830372495566</v>
      </c>
      <c r="F8520" cm="1">
        <f t="array" ref="F8520">IFERROR(INDEX(Jesper!AJ$2:AJ$366,ROUNDDOWN($C8520/24,0)+1,1)*INDEX($D$3:$AA$30,INDEX(Jesper!$R$2:$R$366,ROW(INDEX(Jesper!AJ$2:AJ$366,ROUNDDOWN($C8520/24,0)+1,1))-1)+IF('Standard Profiles'!$G$20=$B$10,7,0)+IF('Standard Profiles'!$G$20=$B$17,14,0)+IF('Standard Profiles'!$G$20=$B$24,21,0),MOD($C8520,24)+1)/SUM(INDEX($D$3:$AA$30,INDEX(Jesper!$R$2:$R$366,ROW(INDEX(Jesper!AJ$2:AJ$366,ROUNDDOWN($C8520/24,0)+1,1))-1)+IF('Standard Profiles'!$G$20=$B$10,7,0)+IF('Standard Profiles'!$G$20=$B$17,14,0)+IF('Standard Profiles'!$G$20=$B$24,21,0),0)),0)</f>
        <v>0</v>
      </c>
      <c r="G8520" cm="1">
        <f t="array" ref="G8520">IFERROR(INDEX(Jesper!AK$2:AK$366,ROUNDDOWN($C8520/24,0)+1,1)*INDEX($D$3:$AA$30,INDEX(Jesper!$R$2:$R$366,ROW(INDEX(Jesper!AK$2:AK$366,ROUNDDOWN($C8520/24,0)+1,1))-1)+IF('Standard Profiles'!$G$21=$B$10,7,0)+IF('Standard Profiles'!$G$21=$B$17,14,0)+IF('Standard Profiles'!$G$21=$B$24,21,0),MOD($C8520,24)+1)/SUM(INDEX($D$3:$AA$30,INDEX(Jesper!$R$2:$R$366,ROW(INDEX(Jesper!AK$2:AK$366,ROUNDDOWN($C8520/24,0)+1,1))-1)+IF('Standard Profiles'!$G$21=$B$10,7,0)+IF('Standard Profiles'!$G$21=$B$17,14,0)+IF('Standard Profiles'!$G$21=$B$24,21,0),0)),0)</f>
        <v>35.332467528135837</v>
      </c>
      <c r="H8520" cm="1">
        <f t="array" ref="H8520">IFERROR(INDEX(Jesper!AL$2:AL$366,ROUNDDOWN($C8520/24,0)+1,1)*INDEX($D$3:$AA$30,INDEX(Jesper!$R$2:$R$366,ROW(INDEX(Jesper!AL$2:AL$366,ROUNDDOWN($C8520/24,0)+1,1))-1)+IF('Standard Profiles'!$G$22=$B$10,7,0)+IF('Standard Profiles'!$G$22=$B$17,14,0)+IF('Standard Profiles'!$G$22=$B$24,21,0),MOD($C8520,24)+1)/SUM(INDEX($D$3:$AA$30,INDEX(Jesper!$R$2:$R$366,ROW(INDEX(Jesper!AL$2:AL$366,ROUNDDOWN($C8520/24,0)+1,1))-1)+IF('Standard Profiles'!$G$22=$B$10,7,0)+IF('Standard Profiles'!$G$22=$B$17,14,0)+IF('Standard Profiles'!$G$22=$B$24,21,0),0)),0)</f>
        <v>0</v>
      </c>
      <c r="I8520">
        <f t="shared" si="944"/>
        <v>16.959584413505194</v>
      </c>
      <c r="J8520">
        <f t="shared" si="945"/>
        <v>91.929906645963953</v>
      </c>
      <c r="K8520">
        <f t="shared" si="946"/>
        <v>3.9109485468416074</v>
      </c>
      <c r="L8520">
        <f t="shared" si="947"/>
        <v>1.9554742734208037</v>
      </c>
      <c r="M8520">
        <f t="shared" si="948"/>
        <v>0</v>
      </c>
      <c r="N8520" s="45">
        <f t="shared" si="949"/>
        <v>45280.583333312752</v>
      </c>
    </row>
    <row r="8521" spans="2:14" x14ac:dyDescent="0.25">
      <c r="B8521">
        <f t="shared" si="943"/>
        <v>3</v>
      </c>
      <c r="C8521" s="16">
        <v>8487</v>
      </c>
      <c r="D8521" cm="1">
        <f t="array" ref="D8521">IFERROR(INDEX(Jesper!AH$2:AH$366,ROUNDDOWN($C8521/24,0)+1,1)*INDEX($D$3:$AA$30,INDEX(Jesper!$R$2:$R$366,ROW(INDEX(Jesper!AH$2:AH$366,ROUNDDOWN($C8521/24,0)+1,1))-1)+IF('Standard Profiles'!$G$18=$B$10,7,0)+IF('Standard Profiles'!$G$18=$B$17,14,0)+IF('Standard Profiles'!$G$18=$B$24,21,0),MOD($C8521,24)+1)/SUM(INDEX($D$3:$AA$30,INDEX(Jesper!$R$2:$R$366,ROW(INDEX(Jesper!AH$2:AH$366,ROUNDDOWN($C8521/24,0)+1,1))-1)+IF('Standard Profiles'!$G$18=$B$10,7,0)+IF('Standard Profiles'!$G$18=$B$17,14,0)+IF('Standard Profiles'!$G$18=$B$24,21,0),0)),0)</f>
        <v>36.665142626640069</v>
      </c>
      <c r="E8521" cm="1">
        <f t="array" ref="E8521">IFERROR(INDEX(Jesper!AI$2:AI$366,ROUNDDOWN($C8521/24,0)+1,1)*INDEX($D$3:$AA$30,INDEX(Jesper!$R$2:$R$366,ROW(INDEX(Jesper!AI$2:AI$366,ROUNDDOWN($C8521/24,0)+1,1))-1)+IF('Standard Profiles'!$G$19=$B$10,7,0)+IF('Standard Profiles'!$G$19=$B$17,14,0)+IF('Standard Profiles'!$G$19=$B$24,21,0),MOD($C8521,24)+1)/SUM(INDEX($D$3:$AA$30,INDEX(Jesper!$R$2:$R$366,ROW(INDEX(Jesper!AI$2:AI$366,ROUNDDOWN($C8521/24,0)+1,1))-1)+IF('Standard Profiles'!$G$19=$B$10,7,0)+IF('Standard Profiles'!$G$19=$B$17,14,0)+IF('Standard Profiles'!$G$19=$B$24,21,0),0)),0)</f>
        <v>42.75830372495566</v>
      </c>
      <c r="F8521" cm="1">
        <f t="array" ref="F8521">IFERROR(INDEX(Jesper!AJ$2:AJ$366,ROUNDDOWN($C8521/24,0)+1,1)*INDEX($D$3:$AA$30,INDEX(Jesper!$R$2:$R$366,ROW(INDEX(Jesper!AJ$2:AJ$366,ROUNDDOWN($C8521/24,0)+1,1))-1)+IF('Standard Profiles'!$G$20=$B$10,7,0)+IF('Standard Profiles'!$G$20=$B$17,14,0)+IF('Standard Profiles'!$G$20=$B$24,21,0),MOD($C8521,24)+1)/SUM(INDEX($D$3:$AA$30,INDEX(Jesper!$R$2:$R$366,ROW(INDEX(Jesper!AJ$2:AJ$366,ROUNDDOWN($C8521/24,0)+1,1))-1)+IF('Standard Profiles'!$G$20=$B$10,7,0)+IF('Standard Profiles'!$G$20=$B$17,14,0)+IF('Standard Profiles'!$G$20=$B$24,21,0),0)),0)</f>
        <v>0</v>
      </c>
      <c r="G8521" cm="1">
        <f t="array" ref="G8521">IFERROR(INDEX(Jesper!AK$2:AK$366,ROUNDDOWN($C8521/24,0)+1,1)*INDEX($D$3:$AA$30,INDEX(Jesper!$R$2:$R$366,ROW(INDEX(Jesper!AK$2:AK$366,ROUNDDOWN($C8521/24,0)+1,1))-1)+IF('Standard Profiles'!$G$21=$B$10,7,0)+IF('Standard Profiles'!$G$21=$B$17,14,0)+IF('Standard Profiles'!$G$21=$B$24,21,0),MOD($C8521,24)+1)/SUM(INDEX($D$3:$AA$30,INDEX(Jesper!$R$2:$R$366,ROW(INDEX(Jesper!AK$2:AK$366,ROUNDDOWN($C8521/24,0)+1,1))-1)+IF('Standard Profiles'!$G$21=$B$10,7,0)+IF('Standard Profiles'!$G$21=$B$17,14,0)+IF('Standard Profiles'!$G$21=$B$24,21,0),0)),0)</f>
        <v>35.332467528135837</v>
      </c>
      <c r="H8521" cm="1">
        <f t="array" ref="H8521">IFERROR(INDEX(Jesper!AL$2:AL$366,ROUNDDOWN($C8521/24,0)+1,1)*INDEX($D$3:$AA$30,INDEX(Jesper!$R$2:$R$366,ROW(INDEX(Jesper!AL$2:AL$366,ROUNDDOWN($C8521/24,0)+1,1))-1)+IF('Standard Profiles'!$G$22=$B$10,7,0)+IF('Standard Profiles'!$G$22=$B$17,14,0)+IF('Standard Profiles'!$G$22=$B$24,21,0),MOD($C8521,24)+1)/SUM(INDEX($D$3:$AA$30,INDEX(Jesper!$R$2:$R$366,ROW(INDEX(Jesper!AL$2:AL$366,ROUNDDOWN($C8521/24,0)+1,1))-1)+IF('Standard Profiles'!$G$22=$B$10,7,0)+IF('Standard Profiles'!$G$22=$B$17,14,0)+IF('Standard Profiles'!$G$22=$B$24,21,0),0)),0)</f>
        <v>0</v>
      </c>
      <c r="I8521">
        <f t="shared" si="944"/>
        <v>16.959584413505194</v>
      </c>
      <c r="J8521">
        <f t="shared" si="945"/>
        <v>91.929906645963953</v>
      </c>
      <c r="K8521">
        <f t="shared" si="946"/>
        <v>3.9109485468416074</v>
      </c>
      <c r="L8521">
        <f t="shared" si="947"/>
        <v>1.9554742734208037</v>
      </c>
      <c r="M8521">
        <f t="shared" si="948"/>
        <v>0</v>
      </c>
      <c r="N8521" s="45">
        <f t="shared" si="949"/>
        <v>45280.624999979416</v>
      </c>
    </row>
    <row r="8522" spans="2:14" x14ac:dyDescent="0.25">
      <c r="B8522">
        <f t="shared" si="943"/>
        <v>3</v>
      </c>
      <c r="C8522" s="16">
        <v>8488</v>
      </c>
      <c r="D8522" cm="1">
        <f t="array" ref="D8522">IFERROR(INDEX(Jesper!AH$2:AH$366,ROUNDDOWN($C8522/24,0)+1,1)*INDEX($D$3:$AA$30,INDEX(Jesper!$R$2:$R$366,ROW(INDEX(Jesper!AH$2:AH$366,ROUNDDOWN($C8522/24,0)+1,1))-1)+IF('Standard Profiles'!$G$18=$B$10,7,0)+IF('Standard Profiles'!$G$18=$B$17,14,0)+IF('Standard Profiles'!$G$18=$B$24,21,0),MOD($C8522,24)+1)/SUM(INDEX($D$3:$AA$30,INDEX(Jesper!$R$2:$R$366,ROW(INDEX(Jesper!AH$2:AH$366,ROUNDDOWN($C8522/24,0)+1,1))-1)+IF('Standard Profiles'!$G$18=$B$10,7,0)+IF('Standard Profiles'!$G$18=$B$17,14,0)+IF('Standard Profiles'!$G$18=$B$24,21,0),0)),0)</f>
        <v>21.606244762127186</v>
      </c>
      <c r="E8522" cm="1">
        <f t="array" ref="E8522">IFERROR(INDEX(Jesper!AI$2:AI$366,ROUNDDOWN($C8522/24,0)+1,1)*INDEX($D$3:$AA$30,INDEX(Jesper!$R$2:$R$366,ROW(INDEX(Jesper!AI$2:AI$366,ROUNDDOWN($C8522/24,0)+1,1))-1)+IF('Standard Profiles'!$G$19=$B$10,7,0)+IF('Standard Profiles'!$G$19=$B$17,14,0)+IF('Standard Profiles'!$G$19=$B$24,21,0),MOD($C8522,24)+1)/SUM(INDEX($D$3:$AA$30,INDEX(Jesper!$R$2:$R$366,ROW(INDEX(Jesper!AI$2:AI$366,ROUNDDOWN($C8522/24,0)+1,1))-1)+IF('Standard Profiles'!$G$19=$B$10,7,0)+IF('Standard Profiles'!$G$19=$B$17,14,0)+IF('Standard Profiles'!$G$19=$B$24,21,0),0)),0)</f>
        <v>25.196857552206012</v>
      </c>
      <c r="F8522" cm="1">
        <f t="array" ref="F8522">IFERROR(INDEX(Jesper!AJ$2:AJ$366,ROUNDDOWN($C8522/24,0)+1,1)*INDEX($D$3:$AA$30,INDEX(Jesper!$R$2:$R$366,ROW(INDEX(Jesper!AJ$2:AJ$366,ROUNDDOWN($C8522/24,0)+1,1))-1)+IF('Standard Profiles'!$G$20=$B$10,7,0)+IF('Standard Profiles'!$G$20=$B$17,14,0)+IF('Standard Profiles'!$G$20=$B$24,21,0),MOD($C8522,24)+1)/SUM(INDEX($D$3:$AA$30,INDEX(Jesper!$R$2:$R$366,ROW(INDEX(Jesper!AJ$2:AJ$366,ROUNDDOWN($C8522/24,0)+1,1))-1)+IF('Standard Profiles'!$G$20=$B$10,7,0)+IF('Standard Profiles'!$G$20=$B$17,14,0)+IF('Standard Profiles'!$G$20=$B$24,21,0),0)),0)</f>
        <v>0</v>
      </c>
      <c r="G8522" cm="1">
        <f t="array" ref="G8522">IFERROR(INDEX(Jesper!AK$2:AK$366,ROUNDDOWN($C8522/24,0)+1,1)*INDEX($D$3:$AA$30,INDEX(Jesper!$R$2:$R$366,ROW(INDEX(Jesper!AK$2:AK$366,ROUNDDOWN($C8522/24,0)+1,1))-1)+IF('Standard Profiles'!$G$21=$B$10,7,0)+IF('Standard Profiles'!$G$21=$B$17,14,0)+IF('Standard Profiles'!$G$21=$B$24,21,0),MOD($C8522,24)+1)/SUM(INDEX($D$3:$AA$30,INDEX(Jesper!$R$2:$R$366,ROW(INDEX(Jesper!AK$2:AK$366,ROUNDDOWN($C8522/24,0)+1,1))-1)+IF('Standard Profiles'!$G$21=$B$10,7,0)+IF('Standard Profiles'!$G$21=$B$17,14,0)+IF('Standard Profiles'!$G$21=$B$24,21,0),0)),0)</f>
        <v>29.523496573694786</v>
      </c>
      <c r="H8522" cm="1">
        <f t="array" ref="H8522">IFERROR(INDEX(Jesper!AL$2:AL$366,ROUNDDOWN($C8522/24,0)+1,1)*INDEX($D$3:$AA$30,INDEX(Jesper!$R$2:$R$366,ROW(INDEX(Jesper!AL$2:AL$366,ROUNDDOWN($C8522/24,0)+1,1))-1)+IF('Standard Profiles'!$G$22=$B$10,7,0)+IF('Standard Profiles'!$G$22=$B$17,14,0)+IF('Standard Profiles'!$G$22=$B$24,21,0),MOD($C8522,24)+1)/SUM(INDEX($D$3:$AA$30,INDEX(Jesper!$R$2:$R$366,ROW(INDEX(Jesper!AL$2:AL$366,ROUNDDOWN($C8522/24,0)+1,1))-1)+IF('Standard Profiles'!$G$22=$B$10,7,0)+IF('Standard Profiles'!$G$22=$B$17,14,0)+IF('Standard Profiles'!$G$22=$B$24,21,0),0)),0)</f>
        <v>0</v>
      </c>
      <c r="I8522">
        <f t="shared" si="944"/>
        <v>14.17127835537349</v>
      </c>
      <c r="J8522">
        <f t="shared" si="945"/>
        <v>58.698321370714147</v>
      </c>
      <c r="K8522">
        <f t="shared" si="946"/>
        <v>2.3046661079602333</v>
      </c>
      <c r="L8522">
        <f t="shared" si="947"/>
        <v>1.1523330539801167</v>
      </c>
      <c r="M8522">
        <f t="shared" si="948"/>
        <v>0</v>
      </c>
      <c r="N8522" s="45">
        <f t="shared" si="949"/>
        <v>45280.666666646081</v>
      </c>
    </row>
    <row r="8523" spans="2:14" x14ac:dyDescent="0.25">
      <c r="B8523">
        <f t="shared" si="943"/>
        <v>3</v>
      </c>
      <c r="C8523" s="16">
        <v>8489</v>
      </c>
      <c r="D8523" cm="1">
        <f t="array" ref="D8523">IFERROR(INDEX(Jesper!AH$2:AH$366,ROUNDDOWN($C8523/24,0)+1,1)*INDEX($D$3:$AA$30,INDEX(Jesper!$R$2:$R$366,ROW(INDEX(Jesper!AH$2:AH$366,ROUNDDOWN($C8523/24,0)+1,1))-1)+IF('Standard Profiles'!$G$18=$B$10,7,0)+IF('Standard Profiles'!$G$18=$B$17,14,0)+IF('Standard Profiles'!$G$18=$B$24,21,0),MOD($C8523,24)+1)/SUM(INDEX($D$3:$AA$30,INDEX(Jesper!$R$2:$R$366,ROW(INDEX(Jesper!AH$2:AH$366,ROUNDDOWN($C8523/24,0)+1,1))-1)+IF('Standard Profiles'!$G$18=$B$10,7,0)+IF('Standard Profiles'!$G$18=$B$17,14,0)+IF('Standard Profiles'!$G$18=$B$24,21,0),0)),0)</f>
        <v>9.2216153487525343</v>
      </c>
      <c r="E8523" cm="1">
        <f t="array" ref="E8523">IFERROR(INDEX(Jesper!AI$2:AI$366,ROUNDDOWN($C8523/24,0)+1,1)*INDEX($D$3:$AA$30,INDEX(Jesper!$R$2:$R$366,ROW(INDEX(Jesper!AI$2:AI$366,ROUNDDOWN($C8523/24,0)+1,1))-1)+IF('Standard Profiles'!$G$19=$B$10,7,0)+IF('Standard Profiles'!$G$19=$B$17,14,0)+IF('Standard Profiles'!$G$19=$B$24,21,0),MOD($C8523,24)+1)/SUM(INDEX($D$3:$AA$30,INDEX(Jesper!$R$2:$R$366,ROW(INDEX(Jesper!AI$2:AI$366,ROUNDDOWN($C8523/24,0)+1,1))-1)+IF('Standard Profiles'!$G$19=$B$10,7,0)+IF('Standard Profiles'!$G$19=$B$17,14,0)+IF('Standard Profiles'!$G$19=$B$24,21,0),0)),0)</f>
        <v>10.754100534445591</v>
      </c>
      <c r="F8523" cm="1">
        <f t="array" ref="F8523">IFERROR(INDEX(Jesper!AJ$2:AJ$366,ROUNDDOWN($C8523/24,0)+1,1)*INDEX($D$3:$AA$30,INDEX(Jesper!$R$2:$R$366,ROW(INDEX(Jesper!AJ$2:AJ$366,ROUNDDOWN($C8523/24,0)+1,1))-1)+IF('Standard Profiles'!$G$20=$B$10,7,0)+IF('Standard Profiles'!$G$20=$B$17,14,0)+IF('Standard Profiles'!$G$20=$B$24,21,0),MOD($C8523,24)+1)/SUM(INDEX($D$3:$AA$30,INDEX(Jesper!$R$2:$R$366,ROW(INDEX(Jesper!AJ$2:AJ$366,ROUNDDOWN($C8523/24,0)+1,1))-1)+IF('Standard Profiles'!$G$20=$B$10,7,0)+IF('Standard Profiles'!$G$20=$B$17,14,0)+IF('Standard Profiles'!$G$20=$B$24,21,0),0)),0)</f>
        <v>0</v>
      </c>
      <c r="G8523" cm="1">
        <f t="array" ref="G8523">IFERROR(INDEX(Jesper!AK$2:AK$366,ROUNDDOWN($C8523/24,0)+1,1)*INDEX($D$3:$AA$30,INDEX(Jesper!$R$2:$R$366,ROW(INDEX(Jesper!AK$2:AK$366,ROUNDDOWN($C8523/24,0)+1,1))-1)+IF('Standard Profiles'!$G$21=$B$10,7,0)+IF('Standard Profiles'!$G$21=$B$17,14,0)+IF('Standard Profiles'!$G$21=$B$24,21,0),MOD($C8523,24)+1)/SUM(INDEX($D$3:$AA$30,INDEX(Jesper!$R$2:$R$366,ROW(INDEX(Jesper!AK$2:AK$366,ROUNDDOWN($C8523/24,0)+1,1))-1)+IF('Standard Profiles'!$G$21=$B$10,7,0)+IF('Standard Profiles'!$G$21=$B$17,14,0)+IF('Standard Profiles'!$G$21=$B$24,21,0),0)),0)</f>
        <v>23.475204718508973</v>
      </c>
      <c r="H8523" cm="1">
        <f t="array" ref="H8523">IFERROR(INDEX(Jesper!AL$2:AL$366,ROUNDDOWN($C8523/24,0)+1,1)*INDEX($D$3:$AA$30,INDEX(Jesper!$R$2:$R$366,ROW(INDEX(Jesper!AL$2:AL$366,ROUNDDOWN($C8523/24,0)+1,1))-1)+IF('Standard Profiles'!$G$22=$B$10,7,0)+IF('Standard Profiles'!$G$22=$B$17,14,0)+IF('Standard Profiles'!$G$22=$B$24,21,0),MOD($C8523,24)+1)/SUM(INDEX($D$3:$AA$30,INDEX(Jesper!$R$2:$R$366,ROW(INDEX(Jesper!AL$2:AL$366,ROUNDDOWN($C8523/24,0)+1,1))-1)+IF('Standard Profiles'!$G$22=$B$10,7,0)+IF('Standard Profiles'!$G$22=$B$17,14,0)+IF('Standard Profiles'!$G$22=$B$24,21,0),0)),0)</f>
        <v>0</v>
      </c>
      <c r="I8523">
        <f t="shared" si="944"/>
        <v>11.268098264884301</v>
      </c>
      <c r="J8523">
        <f t="shared" si="945"/>
        <v>30.707363881022392</v>
      </c>
      <c r="K8523">
        <f t="shared" si="946"/>
        <v>0.98363897053360372</v>
      </c>
      <c r="L8523">
        <f t="shared" si="947"/>
        <v>0.49181948526680186</v>
      </c>
      <c r="M8523">
        <f t="shared" si="948"/>
        <v>0</v>
      </c>
      <c r="N8523" s="45">
        <f t="shared" si="949"/>
        <v>45280.708333312745</v>
      </c>
    </row>
    <row r="8524" spans="2:14" x14ac:dyDescent="0.25">
      <c r="B8524">
        <f t="shared" si="943"/>
        <v>3</v>
      </c>
      <c r="C8524" s="16">
        <v>8490</v>
      </c>
      <c r="D8524" cm="1">
        <f t="array" ref="D8524">IFERROR(INDEX(Jesper!AH$2:AH$366,ROUNDDOWN($C8524/24,0)+1,1)*INDEX($D$3:$AA$30,INDEX(Jesper!$R$2:$R$366,ROW(INDEX(Jesper!AH$2:AH$366,ROUNDDOWN($C8524/24,0)+1,1))-1)+IF('Standard Profiles'!$G$18=$B$10,7,0)+IF('Standard Profiles'!$G$18=$B$17,14,0)+IF('Standard Profiles'!$G$18=$B$24,21,0),MOD($C8524,24)+1)/SUM(INDEX($D$3:$AA$30,INDEX(Jesper!$R$2:$R$366,ROW(INDEX(Jesper!AH$2:AH$366,ROUNDDOWN($C8524/24,0)+1,1))-1)+IF('Standard Profiles'!$G$18=$B$10,7,0)+IF('Standard Profiles'!$G$18=$B$17,14,0)+IF('Standard Profiles'!$G$18=$B$24,21,0),0)),0)</f>
        <v>6.0862661301766732</v>
      </c>
      <c r="E8524" cm="1">
        <f t="array" ref="E8524">IFERROR(INDEX(Jesper!AI$2:AI$366,ROUNDDOWN($C8524/24,0)+1,1)*INDEX($D$3:$AA$30,INDEX(Jesper!$R$2:$R$366,ROW(INDEX(Jesper!AI$2:AI$366,ROUNDDOWN($C8524/24,0)+1,1))-1)+IF('Standard Profiles'!$G$19=$B$10,7,0)+IF('Standard Profiles'!$G$19=$B$17,14,0)+IF('Standard Profiles'!$G$19=$B$24,21,0),MOD($C8524,24)+1)/SUM(INDEX($D$3:$AA$30,INDEX(Jesper!$R$2:$R$366,ROW(INDEX(Jesper!AI$2:AI$366,ROUNDDOWN($C8524/24,0)+1,1))-1)+IF('Standard Profiles'!$G$19=$B$10,7,0)+IF('Standard Profiles'!$G$19=$B$17,14,0)+IF('Standard Profiles'!$G$19=$B$24,21,0),0)),0)</f>
        <v>7.0977063527340887</v>
      </c>
      <c r="F8524" cm="1">
        <f t="array" ref="F8524">IFERROR(INDEX(Jesper!AJ$2:AJ$366,ROUNDDOWN($C8524/24,0)+1,1)*INDEX($D$3:$AA$30,INDEX(Jesper!$R$2:$R$366,ROW(INDEX(Jesper!AJ$2:AJ$366,ROUNDDOWN($C8524/24,0)+1,1))-1)+IF('Standard Profiles'!$G$20=$B$10,7,0)+IF('Standard Profiles'!$G$20=$B$17,14,0)+IF('Standard Profiles'!$G$20=$B$24,21,0),MOD($C8524,24)+1)/SUM(INDEX($D$3:$AA$30,INDEX(Jesper!$R$2:$R$366,ROW(INDEX(Jesper!AJ$2:AJ$366,ROUNDDOWN($C8524/24,0)+1,1))-1)+IF('Standard Profiles'!$G$20=$B$10,7,0)+IF('Standard Profiles'!$G$20=$B$17,14,0)+IF('Standard Profiles'!$G$20=$B$24,21,0),0)),0)</f>
        <v>0</v>
      </c>
      <c r="G8524" cm="1">
        <f t="array" ref="G8524">IFERROR(INDEX(Jesper!AK$2:AK$366,ROUNDDOWN($C8524/24,0)+1,1)*INDEX($D$3:$AA$30,INDEX(Jesper!$R$2:$R$366,ROW(INDEX(Jesper!AK$2:AK$366,ROUNDDOWN($C8524/24,0)+1,1))-1)+IF('Standard Profiles'!$G$21=$B$10,7,0)+IF('Standard Profiles'!$G$21=$B$17,14,0)+IF('Standard Profiles'!$G$21=$B$24,21,0),MOD($C8524,24)+1)/SUM(INDEX($D$3:$AA$30,INDEX(Jesper!$R$2:$R$366,ROW(INDEX(Jesper!AK$2:AK$366,ROUNDDOWN($C8524/24,0)+1,1))-1)+IF('Standard Profiles'!$G$21=$B$10,7,0)+IF('Standard Profiles'!$G$21=$B$17,14,0)+IF('Standard Profiles'!$G$21=$B$24,21,0),0)),0)</f>
        <v>8.7025782089004533</v>
      </c>
      <c r="H8524" cm="1">
        <f t="array" ref="H8524">IFERROR(INDEX(Jesper!AL$2:AL$366,ROUNDDOWN($C8524/24,0)+1,1)*INDEX($D$3:$AA$30,INDEX(Jesper!$R$2:$R$366,ROW(INDEX(Jesper!AL$2:AL$366,ROUNDDOWN($C8524/24,0)+1,1))-1)+IF('Standard Profiles'!$G$22=$B$10,7,0)+IF('Standard Profiles'!$G$22=$B$17,14,0)+IF('Standard Profiles'!$G$22=$B$24,21,0),MOD($C8524,24)+1)/SUM(INDEX($D$3:$AA$30,INDEX(Jesper!$R$2:$R$366,ROW(INDEX(Jesper!AL$2:AL$366,ROUNDDOWN($C8524/24,0)+1,1))-1)+IF('Standard Profiles'!$G$22=$B$10,7,0)+IF('Standard Profiles'!$G$22=$B$17,14,0)+IF('Standard Profiles'!$G$22=$B$24,21,0),0)),0)</f>
        <v>0</v>
      </c>
      <c r="I8524">
        <f t="shared" si="944"/>
        <v>4.1772375402722153</v>
      </c>
      <c r="J8524">
        <f t="shared" si="945"/>
        <v>16.735510570710733</v>
      </c>
      <c r="K8524">
        <f t="shared" si="946"/>
        <v>0.64920172055217851</v>
      </c>
      <c r="L8524">
        <f t="shared" si="947"/>
        <v>0.32460086027608925</v>
      </c>
      <c r="M8524">
        <f t="shared" si="948"/>
        <v>0</v>
      </c>
      <c r="N8524" s="45">
        <f t="shared" si="949"/>
        <v>45280.749999979409</v>
      </c>
    </row>
    <row r="8525" spans="2:14" x14ac:dyDescent="0.25">
      <c r="B8525">
        <f t="shared" si="943"/>
        <v>3</v>
      </c>
      <c r="C8525" s="16">
        <v>8491</v>
      </c>
      <c r="D8525" cm="1">
        <f t="array" ref="D8525">IFERROR(INDEX(Jesper!AH$2:AH$366,ROUNDDOWN($C8525/24,0)+1,1)*INDEX($D$3:$AA$30,INDEX(Jesper!$R$2:$R$366,ROW(INDEX(Jesper!AH$2:AH$366,ROUNDDOWN($C8525/24,0)+1,1))-1)+IF('Standard Profiles'!$G$18=$B$10,7,0)+IF('Standard Profiles'!$G$18=$B$17,14,0)+IF('Standard Profiles'!$G$18=$B$24,21,0),MOD($C8525,24)+1)/SUM(INDEX($D$3:$AA$30,INDEX(Jesper!$R$2:$R$366,ROW(INDEX(Jesper!AH$2:AH$366,ROUNDDOWN($C8525/24,0)+1,1))-1)+IF('Standard Profiles'!$G$18=$B$10,7,0)+IF('Standard Profiles'!$G$18=$B$17,14,0)+IF('Standard Profiles'!$G$18=$B$24,21,0),0)),0)</f>
        <v>6.0862661301766732</v>
      </c>
      <c r="E8525" cm="1">
        <f t="array" ref="E8525">IFERROR(INDEX(Jesper!AI$2:AI$366,ROUNDDOWN($C8525/24,0)+1,1)*INDEX($D$3:$AA$30,INDEX(Jesper!$R$2:$R$366,ROW(INDEX(Jesper!AI$2:AI$366,ROUNDDOWN($C8525/24,0)+1,1))-1)+IF('Standard Profiles'!$G$19=$B$10,7,0)+IF('Standard Profiles'!$G$19=$B$17,14,0)+IF('Standard Profiles'!$G$19=$B$24,21,0),MOD($C8525,24)+1)/SUM(INDEX($D$3:$AA$30,INDEX(Jesper!$R$2:$R$366,ROW(INDEX(Jesper!AI$2:AI$366,ROUNDDOWN($C8525/24,0)+1,1))-1)+IF('Standard Profiles'!$G$19=$B$10,7,0)+IF('Standard Profiles'!$G$19=$B$17,14,0)+IF('Standard Profiles'!$G$19=$B$24,21,0),0)),0)</f>
        <v>7.0977063527340887</v>
      </c>
      <c r="F8525" cm="1">
        <f t="array" ref="F8525">IFERROR(INDEX(Jesper!AJ$2:AJ$366,ROUNDDOWN($C8525/24,0)+1,1)*INDEX($D$3:$AA$30,INDEX(Jesper!$R$2:$R$366,ROW(INDEX(Jesper!AJ$2:AJ$366,ROUNDDOWN($C8525/24,0)+1,1))-1)+IF('Standard Profiles'!$G$20=$B$10,7,0)+IF('Standard Profiles'!$G$20=$B$17,14,0)+IF('Standard Profiles'!$G$20=$B$24,21,0),MOD($C8525,24)+1)/SUM(INDEX($D$3:$AA$30,INDEX(Jesper!$R$2:$R$366,ROW(INDEX(Jesper!AJ$2:AJ$366,ROUNDDOWN($C8525/24,0)+1,1))-1)+IF('Standard Profiles'!$G$20=$B$10,7,0)+IF('Standard Profiles'!$G$20=$B$17,14,0)+IF('Standard Profiles'!$G$20=$B$24,21,0),0)),0)</f>
        <v>0</v>
      </c>
      <c r="G8525" cm="1">
        <f t="array" ref="G8525">IFERROR(INDEX(Jesper!AK$2:AK$366,ROUNDDOWN($C8525/24,0)+1,1)*INDEX($D$3:$AA$30,INDEX(Jesper!$R$2:$R$366,ROW(INDEX(Jesper!AK$2:AK$366,ROUNDDOWN($C8525/24,0)+1,1))-1)+IF('Standard Profiles'!$G$21=$B$10,7,0)+IF('Standard Profiles'!$G$21=$B$17,14,0)+IF('Standard Profiles'!$G$21=$B$24,21,0),MOD($C8525,24)+1)/SUM(INDEX($D$3:$AA$30,INDEX(Jesper!$R$2:$R$366,ROW(INDEX(Jesper!AK$2:AK$366,ROUNDDOWN($C8525/24,0)+1,1))-1)+IF('Standard Profiles'!$G$21=$B$10,7,0)+IF('Standard Profiles'!$G$21=$B$17,14,0)+IF('Standard Profiles'!$G$21=$B$24,21,0),0)),0)</f>
        <v>8.7025782089004533</v>
      </c>
      <c r="H8525" cm="1">
        <f t="array" ref="H8525">IFERROR(INDEX(Jesper!AL$2:AL$366,ROUNDDOWN($C8525/24,0)+1,1)*INDEX($D$3:$AA$30,INDEX(Jesper!$R$2:$R$366,ROW(INDEX(Jesper!AL$2:AL$366,ROUNDDOWN($C8525/24,0)+1,1))-1)+IF('Standard Profiles'!$G$22=$B$10,7,0)+IF('Standard Profiles'!$G$22=$B$17,14,0)+IF('Standard Profiles'!$G$22=$B$24,21,0),MOD($C8525,24)+1)/SUM(INDEX($D$3:$AA$30,INDEX(Jesper!$R$2:$R$366,ROW(INDEX(Jesper!AL$2:AL$366,ROUNDDOWN($C8525/24,0)+1,1))-1)+IF('Standard Profiles'!$G$22=$B$10,7,0)+IF('Standard Profiles'!$G$22=$B$17,14,0)+IF('Standard Profiles'!$G$22=$B$24,21,0),0)),0)</f>
        <v>0</v>
      </c>
      <c r="I8525">
        <f t="shared" si="944"/>
        <v>4.1772375402722153</v>
      </c>
      <c r="J8525">
        <f t="shared" si="945"/>
        <v>16.735510570710733</v>
      </c>
      <c r="K8525">
        <f t="shared" si="946"/>
        <v>0.64920172055217851</v>
      </c>
      <c r="L8525">
        <f t="shared" si="947"/>
        <v>0.32460086027608925</v>
      </c>
      <c r="M8525">
        <f t="shared" si="948"/>
        <v>0</v>
      </c>
      <c r="N8525" s="45">
        <f t="shared" si="949"/>
        <v>45280.791666646073</v>
      </c>
    </row>
    <row r="8526" spans="2:14" x14ac:dyDescent="0.25">
      <c r="B8526">
        <f t="shared" si="943"/>
        <v>3</v>
      </c>
      <c r="C8526" s="16">
        <v>8492</v>
      </c>
      <c r="D8526" cm="1">
        <f t="array" ref="D8526">IFERROR(INDEX(Jesper!AH$2:AH$366,ROUNDDOWN($C8526/24,0)+1,1)*INDEX($D$3:$AA$30,INDEX(Jesper!$R$2:$R$366,ROW(INDEX(Jesper!AH$2:AH$366,ROUNDDOWN($C8526/24,0)+1,1))-1)+IF('Standard Profiles'!$G$18=$B$10,7,0)+IF('Standard Profiles'!$G$18=$B$17,14,0)+IF('Standard Profiles'!$G$18=$B$24,21,0),MOD($C8526,24)+1)/SUM(INDEX($D$3:$AA$30,INDEX(Jesper!$R$2:$R$366,ROW(INDEX(Jesper!AH$2:AH$366,ROUNDDOWN($C8526/24,0)+1,1))-1)+IF('Standard Profiles'!$G$18=$B$10,7,0)+IF('Standard Profiles'!$G$18=$B$17,14,0)+IF('Standard Profiles'!$G$18=$B$24,21,0),0)),0)</f>
        <v>6.0862661301766732</v>
      </c>
      <c r="E8526" cm="1">
        <f t="array" ref="E8526">IFERROR(INDEX(Jesper!AI$2:AI$366,ROUNDDOWN($C8526/24,0)+1,1)*INDEX($D$3:$AA$30,INDEX(Jesper!$R$2:$R$366,ROW(INDEX(Jesper!AI$2:AI$366,ROUNDDOWN($C8526/24,0)+1,1))-1)+IF('Standard Profiles'!$G$19=$B$10,7,0)+IF('Standard Profiles'!$G$19=$B$17,14,0)+IF('Standard Profiles'!$G$19=$B$24,21,0),MOD($C8526,24)+1)/SUM(INDEX($D$3:$AA$30,INDEX(Jesper!$R$2:$R$366,ROW(INDEX(Jesper!AI$2:AI$366,ROUNDDOWN($C8526/24,0)+1,1))-1)+IF('Standard Profiles'!$G$19=$B$10,7,0)+IF('Standard Profiles'!$G$19=$B$17,14,0)+IF('Standard Profiles'!$G$19=$B$24,21,0),0)),0)</f>
        <v>7.0977063527340887</v>
      </c>
      <c r="F8526" cm="1">
        <f t="array" ref="F8526">IFERROR(INDEX(Jesper!AJ$2:AJ$366,ROUNDDOWN($C8526/24,0)+1,1)*INDEX($D$3:$AA$30,INDEX(Jesper!$R$2:$R$366,ROW(INDEX(Jesper!AJ$2:AJ$366,ROUNDDOWN($C8526/24,0)+1,1))-1)+IF('Standard Profiles'!$G$20=$B$10,7,0)+IF('Standard Profiles'!$G$20=$B$17,14,0)+IF('Standard Profiles'!$G$20=$B$24,21,0),MOD($C8526,24)+1)/SUM(INDEX($D$3:$AA$30,INDEX(Jesper!$R$2:$R$366,ROW(INDEX(Jesper!AJ$2:AJ$366,ROUNDDOWN($C8526/24,0)+1,1))-1)+IF('Standard Profiles'!$G$20=$B$10,7,0)+IF('Standard Profiles'!$G$20=$B$17,14,0)+IF('Standard Profiles'!$G$20=$B$24,21,0),0)),0)</f>
        <v>0</v>
      </c>
      <c r="G8526" cm="1">
        <f t="array" ref="G8526">IFERROR(INDEX(Jesper!AK$2:AK$366,ROUNDDOWN($C8526/24,0)+1,1)*INDEX($D$3:$AA$30,INDEX(Jesper!$R$2:$R$366,ROW(INDEX(Jesper!AK$2:AK$366,ROUNDDOWN($C8526/24,0)+1,1))-1)+IF('Standard Profiles'!$G$21=$B$10,7,0)+IF('Standard Profiles'!$G$21=$B$17,14,0)+IF('Standard Profiles'!$G$21=$B$24,21,0),MOD($C8526,24)+1)/SUM(INDEX($D$3:$AA$30,INDEX(Jesper!$R$2:$R$366,ROW(INDEX(Jesper!AK$2:AK$366,ROUNDDOWN($C8526/24,0)+1,1))-1)+IF('Standard Profiles'!$G$21=$B$10,7,0)+IF('Standard Profiles'!$G$21=$B$17,14,0)+IF('Standard Profiles'!$G$21=$B$24,21,0),0)),0)</f>
        <v>8.7025782089004533</v>
      </c>
      <c r="H8526" cm="1">
        <f t="array" ref="H8526">IFERROR(INDEX(Jesper!AL$2:AL$366,ROUNDDOWN($C8526/24,0)+1,1)*INDEX($D$3:$AA$30,INDEX(Jesper!$R$2:$R$366,ROW(INDEX(Jesper!AL$2:AL$366,ROUNDDOWN($C8526/24,0)+1,1))-1)+IF('Standard Profiles'!$G$22=$B$10,7,0)+IF('Standard Profiles'!$G$22=$B$17,14,0)+IF('Standard Profiles'!$G$22=$B$24,21,0),MOD($C8526,24)+1)/SUM(INDEX($D$3:$AA$30,INDEX(Jesper!$R$2:$R$366,ROW(INDEX(Jesper!AL$2:AL$366,ROUNDDOWN($C8526/24,0)+1,1))-1)+IF('Standard Profiles'!$G$22=$B$10,7,0)+IF('Standard Profiles'!$G$22=$B$17,14,0)+IF('Standard Profiles'!$G$22=$B$24,21,0),0)),0)</f>
        <v>0</v>
      </c>
      <c r="I8526">
        <f t="shared" si="944"/>
        <v>4.1772375402722153</v>
      </c>
      <c r="J8526">
        <f t="shared" si="945"/>
        <v>16.735510570710733</v>
      </c>
      <c r="K8526">
        <f t="shared" si="946"/>
        <v>0.64920172055217851</v>
      </c>
      <c r="L8526">
        <f t="shared" si="947"/>
        <v>0.32460086027608925</v>
      </c>
      <c r="M8526">
        <f t="shared" si="948"/>
        <v>0</v>
      </c>
      <c r="N8526" s="45">
        <f t="shared" si="949"/>
        <v>45280.833333312738</v>
      </c>
    </row>
    <row r="8527" spans="2:14" x14ac:dyDescent="0.25">
      <c r="B8527">
        <f t="shared" si="943"/>
        <v>3</v>
      </c>
      <c r="C8527" s="16">
        <v>8493</v>
      </c>
      <c r="D8527" cm="1">
        <f t="array" ref="D8527">IFERROR(INDEX(Jesper!AH$2:AH$366,ROUNDDOWN($C8527/24,0)+1,1)*INDEX($D$3:$AA$30,INDEX(Jesper!$R$2:$R$366,ROW(INDEX(Jesper!AH$2:AH$366,ROUNDDOWN($C8527/24,0)+1,1))-1)+IF('Standard Profiles'!$G$18=$B$10,7,0)+IF('Standard Profiles'!$G$18=$B$17,14,0)+IF('Standard Profiles'!$G$18=$B$24,21,0),MOD($C8527,24)+1)/SUM(INDEX($D$3:$AA$30,INDEX(Jesper!$R$2:$R$366,ROW(INDEX(Jesper!AH$2:AH$366,ROUNDDOWN($C8527/24,0)+1,1))-1)+IF('Standard Profiles'!$G$18=$B$10,7,0)+IF('Standard Profiles'!$G$18=$B$17,14,0)+IF('Standard Profiles'!$G$18=$B$24,21,0),0)),0)</f>
        <v>6.0862661301766732</v>
      </c>
      <c r="E8527" cm="1">
        <f t="array" ref="E8527">IFERROR(INDEX(Jesper!AI$2:AI$366,ROUNDDOWN($C8527/24,0)+1,1)*INDEX($D$3:$AA$30,INDEX(Jesper!$R$2:$R$366,ROW(INDEX(Jesper!AI$2:AI$366,ROUNDDOWN($C8527/24,0)+1,1))-1)+IF('Standard Profiles'!$G$19=$B$10,7,0)+IF('Standard Profiles'!$G$19=$B$17,14,0)+IF('Standard Profiles'!$G$19=$B$24,21,0),MOD($C8527,24)+1)/SUM(INDEX($D$3:$AA$30,INDEX(Jesper!$R$2:$R$366,ROW(INDEX(Jesper!AI$2:AI$366,ROUNDDOWN($C8527/24,0)+1,1))-1)+IF('Standard Profiles'!$G$19=$B$10,7,0)+IF('Standard Profiles'!$G$19=$B$17,14,0)+IF('Standard Profiles'!$G$19=$B$24,21,0),0)),0)</f>
        <v>7.0977063527340887</v>
      </c>
      <c r="F8527" cm="1">
        <f t="array" ref="F8527">IFERROR(INDEX(Jesper!AJ$2:AJ$366,ROUNDDOWN($C8527/24,0)+1,1)*INDEX($D$3:$AA$30,INDEX(Jesper!$R$2:$R$366,ROW(INDEX(Jesper!AJ$2:AJ$366,ROUNDDOWN($C8527/24,0)+1,1))-1)+IF('Standard Profiles'!$G$20=$B$10,7,0)+IF('Standard Profiles'!$G$20=$B$17,14,0)+IF('Standard Profiles'!$G$20=$B$24,21,0),MOD($C8527,24)+1)/SUM(INDEX($D$3:$AA$30,INDEX(Jesper!$R$2:$R$366,ROW(INDEX(Jesper!AJ$2:AJ$366,ROUNDDOWN($C8527/24,0)+1,1))-1)+IF('Standard Profiles'!$G$20=$B$10,7,0)+IF('Standard Profiles'!$G$20=$B$17,14,0)+IF('Standard Profiles'!$G$20=$B$24,21,0),0)),0)</f>
        <v>0</v>
      </c>
      <c r="G8527" cm="1">
        <f t="array" ref="G8527">IFERROR(INDEX(Jesper!AK$2:AK$366,ROUNDDOWN($C8527/24,0)+1,1)*INDEX($D$3:$AA$30,INDEX(Jesper!$R$2:$R$366,ROW(INDEX(Jesper!AK$2:AK$366,ROUNDDOWN($C8527/24,0)+1,1))-1)+IF('Standard Profiles'!$G$21=$B$10,7,0)+IF('Standard Profiles'!$G$21=$B$17,14,0)+IF('Standard Profiles'!$G$21=$B$24,21,0),MOD($C8527,24)+1)/SUM(INDEX($D$3:$AA$30,INDEX(Jesper!$R$2:$R$366,ROW(INDEX(Jesper!AK$2:AK$366,ROUNDDOWN($C8527/24,0)+1,1))-1)+IF('Standard Profiles'!$G$21=$B$10,7,0)+IF('Standard Profiles'!$G$21=$B$17,14,0)+IF('Standard Profiles'!$G$21=$B$24,21,0),0)),0)</f>
        <v>8.7025782089004533</v>
      </c>
      <c r="H8527" cm="1">
        <f t="array" ref="H8527">IFERROR(INDEX(Jesper!AL$2:AL$366,ROUNDDOWN($C8527/24,0)+1,1)*INDEX($D$3:$AA$30,INDEX(Jesper!$R$2:$R$366,ROW(INDEX(Jesper!AL$2:AL$366,ROUNDDOWN($C8527/24,0)+1,1))-1)+IF('Standard Profiles'!$G$22=$B$10,7,0)+IF('Standard Profiles'!$G$22=$B$17,14,0)+IF('Standard Profiles'!$G$22=$B$24,21,0),MOD($C8527,24)+1)/SUM(INDEX($D$3:$AA$30,INDEX(Jesper!$R$2:$R$366,ROW(INDEX(Jesper!AL$2:AL$366,ROUNDDOWN($C8527/24,0)+1,1))-1)+IF('Standard Profiles'!$G$22=$B$10,7,0)+IF('Standard Profiles'!$G$22=$B$17,14,0)+IF('Standard Profiles'!$G$22=$B$24,21,0),0)),0)</f>
        <v>0</v>
      </c>
      <c r="I8527">
        <f t="shared" si="944"/>
        <v>4.1772375402722153</v>
      </c>
      <c r="J8527">
        <f t="shared" si="945"/>
        <v>16.735510570710733</v>
      </c>
      <c r="K8527">
        <f t="shared" si="946"/>
        <v>0.64920172055217851</v>
      </c>
      <c r="L8527">
        <f t="shared" si="947"/>
        <v>0.32460086027608925</v>
      </c>
      <c r="M8527">
        <f t="shared" si="948"/>
        <v>0</v>
      </c>
      <c r="N8527" s="45">
        <f t="shared" si="949"/>
        <v>45280.874999979402</v>
      </c>
    </row>
    <row r="8528" spans="2:14" x14ac:dyDescent="0.25">
      <c r="B8528">
        <f t="shared" si="943"/>
        <v>3</v>
      </c>
      <c r="C8528" s="16">
        <v>8494</v>
      </c>
      <c r="D8528" cm="1">
        <f t="array" ref="D8528">IFERROR(INDEX(Jesper!AH$2:AH$366,ROUNDDOWN($C8528/24,0)+1,1)*INDEX($D$3:$AA$30,INDEX(Jesper!$R$2:$R$366,ROW(INDEX(Jesper!AH$2:AH$366,ROUNDDOWN($C8528/24,0)+1,1))-1)+IF('Standard Profiles'!$G$18=$B$10,7,0)+IF('Standard Profiles'!$G$18=$B$17,14,0)+IF('Standard Profiles'!$G$18=$B$24,21,0),MOD($C8528,24)+1)/SUM(INDEX($D$3:$AA$30,INDEX(Jesper!$R$2:$R$366,ROW(INDEX(Jesper!AH$2:AH$366,ROUNDDOWN($C8528/24,0)+1,1))-1)+IF('Standard Profiles'!$G$18=$B$10,7,0)+IF('Standard Profiles'!$G$18=$B$17,14,0)+IF('Standard Profiles'!$G$18=$B$24,21,0),0)),0)</f>
        <v>6.0862661301766732</v>
      </c>
      <c r="E8528" cm="1">
        <f t="array" ref="E8528">IFERROR(INDEX(Jesper!AI$2:AI$366,ROUNDDOWN($C8528/24,0)+1,1)*INDEX($D$3:$AA$30,INDEX(Jesper!$R$2:$R$366,ROW(INDEX(Jesper!AI$2:AI$366,ROUNDDOWN($C8528/24,0)+1,1))-1)+IF('Standard Profiles'!$G$19=$B$10,7,0)+IF('Standard Profiles'!$G$19=$B$17,14,0)+IF('Standard Profiles'!$G$19=$B$24,21,0),MOD($C8528,24)+1)/SUM(INDEX($D$3:$AA$30,INDEX(Jesper!$R$2:$R$366,ROW(INDEX(Jesper!AI$2:AI$366,ROUNDDOWN($C8528/24,0)+1,1))-1)+IF('Standard Profiles'!$G$19=$B$10,7,0)+IF('Standard Profiles'!$G$19=$B$17,14,0)+IF('Standard Profiles'!$G$19=$B$24,21,0),0)),0)</f>
        <v>7.0977063527340887</v>
      </c>
      <c r="F8528" cm="1">
        <f t="array" ref="F8528">IFERROR(INDEX(Jesper!AJ$2:AJ$366,ROUNDDOWN($C8528/24,0)+1,1)*INDEX($D$3:$AA$30,INDEX(Jesper!$R$2:$R$366,ROW(INDEX(Jesper!AJ$2:AJ$366,ROUNDDOWN($C8528/24,0)+1,1))-1)+IF('Standard Profiles'!$G$20=$B$10,7,0)+IF('Standard Profiles'!$G$20=$B$17,14,0)+IF('Standard Profiles'!$G$20=$B$24,21,0),MOD($C8528,24)+1)/SUM(INDEX($D$3:$AA$30,INDEX(Jesper!$R$2:$R$366,ROW(INDEX(Jesper!AJ$2:AJ$366,ROUNDDOWN($C8528/24,0)+1,1))-1)+IF('Standard Profiles'!$G$20=$B$10,7,0)+IF('Standard Profiles'!$G$20=$B$17,14,0)+IF('Standard Profiles'!$G$20=$B$24,21,0),0)),0)</f>
        <v>0</v>
      </c>
      <c r="G8528" cm="1">
        <f t="array" ref="G8528">IFERROR(INDEX(Jesper!AK$2:AK$366,ROUNDDOWN($C8528/24,0)+1,1)*INDEX($D$3:$AA$30,INDEX(Jesper!$R$2:$R$366,ROW(INDEX(Jesper!AK$2:AK$366,ROUNDDOWN($C8528/24,0)+1,1))-1)+IF('Standard Profiles'!$G$21=$B$10,7,0)+IF('Standard Profiles'!$G$21=$B$17,14,0)+IF('Standard Profiles'!$G$21=$B$24,21,0),MOD($C8528,24)+1)/SUM(INDEX($D$3:$AA$30,INDEX(Jesper!$R$2:$R$366,ROW(INDEX(Jesper!AK$2:AK$366,ROUNDDOWN($C8528/24,0)+1,1))-1)+IF('Standard Profiles'!$G$21=$B$10,7,0)+IF('Standard Profiles'!$G$21=$B$17,14,0)+IF('Standard Profiles'!$G$21=$B$24,21,0),0)),0)</f>
        <v>8.7025782089004533</v>
      </c>
      <c r="H8528" cm="1">
        <f t="array" ref="H8528">IFERROR(INDEX(Jesper!AL$2:AL$366,ROUNDDOWN($C8528/24,0)+1,1)*INDEX($D$3:$AA$30,INDEX(Jesper!$R$2:$R$366,ROW(INDEX(Jesper!AL$2:AL$366,ROUNDDOWN($C8528/24,0)+1,1))-1)+IF('Standard Profiles'!$G$22=$B$10,7,0)+IF('Standard Profiles'!$G$22=$B$17,14,0)+IF('Standard Profiles'!$G$22=$B$24,21,0),MOD($C8528,24)+1)/SUM(INDEX($D$3:$AA$30,INDEX(Jesper!$R$2:$R$366,ROW(INDEX(Jesper!AL$2:AL$366,ROUNDDOWN($C8528/24,0)+1,1))-1)+IF('Standard Profiles'!$G$22=$B$10,7,0)+IF('Standard Profiles'!$G$22=$B$17,14,0)+IF('Standard Profiles'!$G$22=$B$24,21,0),0)),0)</f>
        <v>0</v>
      </c>
      <c r="I8528">
        <f t="shared" si="944"/>
        <v>4.1772375402722153</v>
      </c>
      <c r="J8528">
        <f t="shared" si="945"/>
        <v>16.735510570710733</v>
      </c>
      <c r="K8528">
        <f t="shared" si="946"/>
        <v>0.64920172055217851</v>
      </c>
      <c r="L8528">
        <f t="shared" si="947"/>
        <v>0.32460086027608925</v>
      </c>
      <c r="M8528">
        <f t="shared" si="948"/>
        <v>0</v>
      </c>
      <c r="N8528" s="45">
        <f t="shared" si="949"/>
        <v>45280.916666646066</v>
      </c>
    </row>
    <row r="8529" spans="2:14" x14ac:dyDescent="0.25">
      <c r="B8529">
        <f t="shared" si="943"/>
        <v>3</v>
      </c>
      <c r="C8529" s="16">
        <v>8495</v>
      </c>
      <c r="D8529" cm="1">
        <f t="array" ref="D8529">IFERROR(INDEX(Jesper!AH$2:AH$366,ROUNDDOWN($C8529/24,0)+1,1)*INDEX($D$3:$AA$30,INDEX(Jesper!$R$2:$R$366,ROW(INDEX(Jesper!AH$2:AH$366,ROUNDDOWN($C8529/24,0)+1,1))-1)+IF('Standard Profiles'!$G$18=$B$10,7,0)+IF('Standard Profiles'!$G$18=$B$17,14,0)+IF('Standard Profiles'!$G$18=$B$24,21,0),MOD($C8529,24)+1)/SUM(INDEX($D$3:$AA$30,INDEX(Jesper!$R$2:$R$366,ROW(INDEX(Jesper!AH$2:AH$366,ROUNDDOWN($C8529/24,0)+1,1))-1)+IF('Standard Profiles'!$G$18=$B$10,7,0)+IF('Standard Profiles'!$G$18=$B$17,14,0)+IF('Standard Profiles'!$G$18=$B$24,21,0),0)),0)</f>
        <v>6.0862661301766732</v>
      </c>
      <c r="E8529" cm="1">
        <f t="array" ref="E8529">IFERROR(INDEX(Jesper!AI$2:AI$366,ROUNDDOWN($C8529/24,0)+1,1)*INDEX($D$3:$AA$30,INDEX(Jesper!$R$2:$R$366,ROW(INDEX(Jesper!AI$2:AI$366,ROUNDDOWN($C8529/24,0)+1,1))-1)+IF('Standard Profiles'!$G$19=$B$10,7,0)+IF('Standard Profiles'!$G$19=$B$17,14,0)+IF('Standard Profiles'!$G$19=$B$24,21,0),MOD($C8529,24)+1)/SUM(INDEX($D$3:$AA$30,INDEX(Jesper!$R$2:$R$366,ROW(INDEX(Jesper!AI$2:AI$366,ROUNDDOWN($C8529/24,0)+1,1))-1)+IF('Standard Profiles'!$G$19=$B$10,7,0)+IF('Standard Profiles'!$G$19=$B$17,14,0)+IF('Standard Profiles'!$G$19=$B$24,21,0),0)),0)</f>
        <v>7.0977063527340887</v>
      </c>
      <c r="F8529" cm="1">
        <f t="array" ref="F8529">IFERROR(INDEX(Jesper!AJ$2:AJ$366,ROUNDDOWN($C8529/24,0)+1,1)*INDEX($D$3:$AA$30,INDEX(Jesper!$R$2:$R$366,ROW(INDEX(Jesper!AJ$2:AJ$366,ROUNDDOWN($C8529/24,0)+1,1))-1)+IF('Standard Profiles'!$G$20=$B$10,7,0)+IF('Standard Profiles'!$G$20=$B$17,14,0)+IF('Standard Profiles'!$G$20=$B$24,21,0),MOD($C8529,24)+1)/SUM(INDEX($D$3:$AA$30,INDEX(Jesper!$R$2:$R$366,ROW(INDEX(Jesper!AJ$2:AJ$366,ROUNDDOWN($C8529/24,0)+1,1))-1)+IF('Standard Profiles'!$G$20=$B$10,7,0)+IF('Standard Profiles'!$G$20=$B$17,14,0)+IF('Standard Profiles'!$G$20=$B$24,21,0),0)),0)</f>
        <v>0</v>
      </c>
      <c r="G8529" cm="1">
        <f t="array" ref="G8529">IFERROR(INDEX(Jesper!AK$2:AK$366,ROUNDDOWN($C8529/24,0)+1,1)*INDEX($D$3:$AA$30,INDEX(Jesper!$R$2:$R$366,ROW(INDEX(Jesper!AK$2:AK$366,ROUNDDOWN($C8529/24,0)+1,1))-1)+IF('Standard Profiles'!$G$21=$B$10,7,0)+IF('Standard Profiles'!$G$21=$B$17,14,0)+IF('Standard Profiles'!$G$21=$B$24,21,0),MOD($C8529,24)+1)/SUM(INDEX($D$3:$AA$30,INDEX(Jesper!$R$2:$R$366,ROW(INDEX(Jesper!AK$2:AK$366,ROUNDDOWN($C8529/24,0)+1,1))-1)+IF('Standard Profiles'!$G$21=$B$10,7,0)+IF('Standard Profiles'!$G$21=$B$17,14,0)+IF('Standard Profiles'!$G$21=$B$24,21,0),0)),0)</f>
        <v>8.7025782089004533</v>
      </c>
      <c r="H8529" cm="1">
        <f t="array" ref="H8529">IFERROR(INDEX(Jesper!AL$2:AL$366,ROUNDDOWN($C8529/24,0)+1,1)*INDEX($D$3:$AA$30,INDEX(Jesper!$R$2:$R$366,ROW(INDEX(Jesper!AL$2:AL$366,ROUNDDOWN($C8529/24,0)+1,1))-1)+IF('Standard Profiles'!$G$22=$B$10,7,0)+IF('Standard Profiles'!$G$22=$B$17,14,0)+IF('Standard Profiles'!$G$22=$B$24,21,0),MOD($C8529,24)+1)/SUM(INDEX($D$3:$AA$30,INDEX(Jesper!$R$2:$R$366,ROW(INDEX(Jesper!AL$2:AL$366,ROUNDDOWN($C8529/24,0)+1,1))-1)+IF('Standard Profiles'!$G$22=$B$10,7,0)+IF('Standard Profiles'!$G$22=$B$17,14,0)+IF('Standard Profiles'!$G$22=$B$24,21,0),0)),0)</f>
        <v>0</v>
      </c>
      <c r="I8529">
        <f t="shared" si="944"/>
        <v>4.1772375402722153</v>
      </c>
      <c r="J8529">
        <f t="shared" si="945"/>
        <v>16.735510570710733</v>
      </c>
      <c r="K8529">
        <f t="shared" si="946"/>
        <v>0.64920172055217851</v>
      </c>
      <c r="L8529">
        <f t="shared" si="947"/>
        <v>0.32460086027608925</v>
      </c>
      <c r="M8529">
        <f t="shared" si="948"/>
        <v>0</v>
      </c>
      <c r="N8529" s="45">
        <f t="shared" si="949"/>
        <v>45280.95833331273</v>
      </c>
    </row>
    <row r="8530" spans="2:14" x14ac:dyDescent="0.25">
      <c r="B8530">
        <f t="shared" si="943"/>
        <v>4</v>
      </c>
      <c r="C8530" s="16">
        <v>8496</v>
      </c>
      <c r="D8530" cm="1">
        <f t="array" ref="D8530">IFERROR(INDEX(Jesper!AH$2:AH$366,ROUNDDOWN($C8530/24,0)+1,1)*INDEX($D$3:$AA$30,INDEX(Jesper!$R$2:$R$366,ROW(INDEX(Jesper!AH$2:AH$366,ROUNDDOWN($C8530/24,0)+1,1))-1)+IF('Standard Profiles'!$G$18=$B$10,7,0)+IF('Standard Profiles'!$G$18=$B$17,14,0)+IF('Standard Profiles'!$G$18=$B$24,21,0),MOD($C8530,24)+1)/SUM(INDEX($D$3:$AA$30,INDEX(Jesper!$R$2:$R$366,ROW(INDEX(Jesper!AH$2:AH$366,ROUNDDOWN($C8530/24,0)+1,1))-1)+IF('Standard Profiles'!$G$18=$B$10,7,0)+IF('Standard Profiles'!$G$18=$B$17,14,0)+IF('Standard Profiles'!$G$18=$B$24,21,0),0)),0)</f>
        <v>5.9140921619575435</v>
      </c>
      <c r="E8530" cm="1">
        <f t="array" ref="E8530">IFERROR(INDEX(Jesper!AI$2:AI$366,ROUNDDOWN($C8530/24,0)+1,1)*INDEX($D$3:$AA$30,INDEX(Jesper!$R$2:$R$366,ROW(INDEX(Jesper!AI$2:AI$366,ROUNDDOWN($C8530/24,0)+1,1))-1)+IF('Standard Profiles'!$G$19=$B$10,7,0)+IF('Standard Profiles'!$G$19=$B$17,14,0)+IF('Standard Profiles'!$G$19=$B$24,21,0),MOD($C8530,24)+1)/SUM(INDEX($D$3:$AA$30,INDEX(Jesper!$R$2:$R$366,ROW(INDEX(Jesper!AI$2:AI$366,ROUNDDOWN($C8530/24,0)+1,1))-1)+IF('Standard Profiles'!$G$19=$B$10,7,0)+IF('Standard Profiles'!$G$19=$B$17,14,0)+IF('Standard Profiles'!$G$19=$B$24,21,0),0)),0)</f>
        <v>5.6718656731220163</v>
      </c>
      <c r="F8530" cm="1">
        <f t="array" ref="F8530">IFERROR(INDEX(Jesper!AJ$2:AJ$366,ROUNDDOWN($C8530/24,0)+1,1)*INDEX($D$3:$AA$30,INDEX(Jesper!$R$2:$R$366,ROW(INDEX(Jesper!AJ$2:AJ$366,ROUNDDOWN($C8530/24,0)+1,1))-1)+IF('Standard Profiles'!$G$20=$B$10,7,0)+IF('Standard Profiles'!$G$20=$B$17,14,0)+IF('Standard Profiles'!$G$20=$B$24,21,0),MOD($C8530,24)+1)/SUM(INDEX($D$3:$AA$30,INDEX(Jesper!$R$2:$R$366,ROW(INDEX(Jesper!AJ$2:AJ$366,ROUNDDOWN($C8530/24,0)+1,1))-1)+IF('Standard Profiles'!$G$20=$B$10,7,0)+IF('Standard Profiles'!$G$20=$B$17,14,0)+IF('Standard Profiles'!$G$20=$B$24,21,0),0)),0)</f>
        <v>0</v>
      </c>
      <c r="G8530" cm="1">
        <f t="array" ref="G8530">IFERROR(INDEX(Jesper!AK$2:AK$366,ROUNDDOWN($C8530/24,0)+1,1)*INDEX($D$3:$AA$30,INDEX(Jesper!$R$2:$R$366,ROW(INDEX(Jesper!AK$2:AK$366,ROUNDDOWN($C8530/24,0)+1,1))-1)+IF('Standard Profiles'!$G$21=$B$10,7,0)+IF('Standard Profiles'!$G$21=$B$17,14,0)+IF('Standard Profiles'!$G$21=$B$24,21,0),MOD($C8530,24)+1)/SUM(INDEX($D$3:$AA$30,INDEX(Jesper!$R$2:$R$366,ROW(INDEX(Jesper!AK$2:AK$366,ROUNDDOWN($C8530/24,0)+1,1))-1)+IF('Standard Profiles'!$G$21=$B$10,7,0)+IF('Standard Profiles'!$G$21=$B$17,14,0)+IF('Standard Profiles'!$G$21=$B$24,21,0),0)),0)</f>
        <v>5.0129941543226684</v>
      </c>
      <c r="H8530" cm="1">
        <f t="array" ref="H8530">IFERROR(INDEX(Jesper!AL$2:AL$366,ROUNDDOWN($C8530/24,0)+1,1)*INDEX($D$3:$AA$30,INDEX(Jesper!$R$2:$R$366,ROW(INDEX(Jesper!AL$2:AL$366,ROUNDDOWN($C8530/24,0)+1,1))-1)+IF('Standard Profiles'!$G$22=$B$10,7,0)+IF('Standard Profiles'!$G$22=$B$17,14,0)+IF('Standard Profiles'!$G$22=$B$24,21,0),MOD($C8530,24)+1)/SUM(INDEX($D$3:$AA$30,INDEX(Jesper!$R$2:$R$366,ROW(INDEX(Jesper!AL$2:AL$366,ROUNDDOWN($C8530/24,0)+1,1))-1)+IF('Standard Profiles'!$G$22=$B$10,7,0)+IF('Standard Profiles'!$G$22=$B$17,14,0)+IF('Standard Profiles'!$G$22=$B$24,21,0),0)),0)</f>
        <v>0</v>
      </c>
      <c r="I8530">
        <f t="shared" si="944"/>
        <v>2.4062371940748797</v>
      </c>
      <c r="J8530">
        <f t="shared" si="945"/>
        <v>13.246460049414143</v>
      </c>
      <c r="K8530">
        <f t="shared" si="946"/>
        <v>0.63083649727547131</v>
      </c>
      <c r="L8530">
        <f t="shared" si="947"/>
        <v>0.31541824863773565</v>
      </c>
      <c r="M8530">
        <f t="shared" si="948"/>
        <v>0</v>
      </c>
      <c r="N8530" s="45">
        <f t="shared" si="949"/>
        <v>45280.999999979394</v>
      </c>
    </row>
    <row r="8531" spans="2:14" x14ac:dyDescent="0.25">
      <c r="B8531">
        <f t="shared" si="943"/>
        <v>4</v>
      </c>
      <c r="C8531" s="16">
        <v>8497</v>
      </c>
      <c r="D8531" cm="1">
        <f t="array" ref="D8531">IFERROR(INDEX(Jesper!AH$2:AH$366,ROUNDDOWN($C8531/24,0)+1,1)*INDEX($D$3:$AA$30,INDEX(Jesper!$R$2:$R$366,ROW(INDEX(Jesper!AH$2:AH$366,ROUNDDOWN($C8531/24,0)+1,1))-1)+IF('Standard Profiles'!$G$18=$B$10,7,0)+IF('Standard Profiles'!$G$18=$B$17,14,0)+IF('Standard Profiles'!$G$18=$B$24,21,0),MOD($C8531,24)+1)/SUM(INDEX($D$3:$AA$30,INDEX(Jesper!$R$2:$R$366,ROW(INDEX(Jesper!AH$2:AH$366,ROUNDDOWN($C8531/24,0)+1,1))-1)+IF('Standard Profiles'!$G$18=$B$10,7,0)+IF('Standard Profiles'!$G$18=$B$17,14,0)+IF('Standard Profiles'!$G$18=$B$24,21,0),0)),0)</f>
        <v>5.9140921619575435</v>
      </c>
      <c r="E8531" cm="1">
        <f t="array" ref="E8531">IFERROR(INDEX(Jesper!AI$2:AI$366,ROUNDDOWN($C8531/24,0)+1,1)*INDEX($D$3:$AA$30,INDEX(Jesper!$R$2:$R$366,ROW(INDEX(Jesper!AI$2:AI$366,ROUNDDOWN($C8531/24,0)+1,1))-1)+IF('Standard Profiles'!$G$19=$B$10,7,0)+IF('Standard Profiles'!$G$19=$B$17,14,0)+IF('Standard Profiles'!$G$19=$B$24,21,0),MOD($C8531,24)+1)/SUM(INDEX($D$3:$AA$30,INDEX(Jesper!$R$2:$R$366,ROW(INDEX(Jesper!AI$2:AI$366,ROUNDDOWN($C8531/24,0)+1,1))-1)+IF('Standard Profiles'!$G$19=$B$10,7,0)+IF('Standard Profiles'!$G$19=$B$17,14,0)+IF('Standard Profiles'!$G$19=$B$24,21,0),0)),0)</f>
        <v>5.6718656731220163</v>
      </c>
      <c r="F8531" cm="1">
        <f t="array" ref="F8531">IFERROR(INDEX(Jesper!AJ$2:AJ$366,ROUNDDOWN($C8531/24,0)+1,1)*INDEX($D$3:$AA$30,INDEX(Jesper!$R$2:$R$366,ROW(INDEX(Jesper!AJ$2:AJ$366,ROUNDDOWN($C8531/24,0)+1,1))-1)+IF('Standard Profiles'!$G$20=$B$10,7,0)+IF('Standard Profiles'!$G$20=$B$17,14,0)+IF('Standard Profiles'!$G$20=$B$24,21,0),MOD($C8531,24)+1)/SUM(INDEX($D$3:$AA$30,INDEX(Jesper!$R$2:$R$366,ROW(INDEX(Jesper!AJ$2:AJ$366,ROUNDDOWN($C8531/24,0)+1,1))-1)+IF('Standard Profiles'!$G$20=$B$10,7,0)+IF('Standard Profiles'!$G$20=$B$17,14,0)+IF('Standard Profiles'!$G$20=$B$24,21,0),0)),0)</f>
        <v>0</v>
      </c>
      <c r="G8531" cm="1">
        <f t="array" ref="G8531">IFERROR(INDEX(Jesper!AK$2:AK$366,ROUNDDOWN($C8531/24,0)+1,1)*INDEX($D$3:$AA$30,INDEX(Jesper!$R$2:$R$366,ROW(INDEX(Jesper!AK$2:AK$366,ROUNDDOWN($C8531/24,0)+1,1))-1)+IF('Standard Profiles'!$G$21=$B$10,7,0)+IF('Standard Profiles'!$G$21=$B$17,14,0)+IF('Standard Profiles'!$G$21=$B$24,21,0),MOD($C8531,24)+1)/SUM(INDEX($D$3:$AA$30,INDEX(Jesper!$R$2:$R$366,ROW(INDEX(Jesper!AK$2:AK$366,ROUNDDOWN($C8531/24,0)+1,1))-1)+IF('Standard Profiles'!$G$21=$B$10,7,0)+IF('Standard Profiles'!$G$21=$B$17,14,0)+IF('Standard Profiles'!$G$21=$B$24,21,0),0)),0)</f>
        <v>5.0129941543226684</v>
      </c>
      <c r="H8531" cm="1">
        <f t="array" ref="H8531">IFERROR(INDEX(Jesper!AL$2:AL$366,ROUNDDOWN($C8531/24,0)+1,1)*INDEX($D$3:$AA$30,INDEX(Jesper!$R$2:$R$366,ROW(INDEX(Jesper!AL$2:AL$366,ROUNDDOWN($C8531/24,0)+1,1))-1)+IF('Standard Profiles'!$G$22=$B$10,7,0)+IF('Standard Profiles'!$G$22=$B$17,14,0)+IF('Standard Profiles'!$G$22=$B$24,21,0),MOD($C8531,24)+1)/SUM(INDEX($D$3:$AA$30,INDEX(Jesper!$R$2:$R$366,ROW(INDEX(Jesper!AL$2:AL$366,ROUNDDOWN($C8531/24,0)+1,1))-1)+IF('Standard Profiles'!$G$22=$B$10,7,0)+IF('Standard Profiles'!$G$22=$B$17,14,0)+IF('Standard Profiles'!$G$22=$B$24,21,0),0)),0)</f>
        <v>0</v>
      </c>
      <c r="I8531">
        <f t="shared" si="944"/>
        <v>2.4062371940748797</v>
      </c>
      <c r="J8531">
        <f t="shared" si="945"/>
        <v>13.246460049414143</v>
      </c>
      <c r="K8531">
        <f t="shared" si="946"/>
        <v>0.63083649727547131</v>
      </c>
      <c r="L8531">
        <f t="shared" si="947"/>
        <v>0.31541824863773565</v>
      </c>
      <c r="M8531">
        <f t="shared" si="948"/>
        <v>0</v>
      </c>
      <c r="N8531" s="45">
        <f t="shared" si="949"/>
        <v>45281.041666646059</v>
      </c>
    </row>
    <row r="8532" spans="2:14" x14ac:dyDescent="0.25">
      <c r="B8532">
        <f t="shared" si="943"/>
        <v>4</v>
      </c>
      <c r="C8532" s="16">
        <v>8498</v>
      </c>
      <c r="D8532" cm="1">
        <f t="array" ref="D8532">IFERROR(INDEX(Jesper!AH$2:AH$366,ROUNDDOWN($C8532/24,0)+1,1)*INDEX($D$3:$AA$30,INDEX(Jesper!$R$2:$R$366,ROW(INDEX(Jesper!AH$2:AH$366,ROUNDDOWN($C8532/24,0)+1,1))-1)+IF('Standard Profiles'!$G$18=$B$10,7,0)+IF('Standard Profiles'!$G$18=$B$17,14,0)+IF('Standard Profiles'!$G$18=$B$24,21,0),MOD($C8532,24)+1)/SUM(INDEX($D$3:$AA$30,INDEX(Jesper!$R$2:$R$366,ROW(INDEX(Jesper!AH$2:AH$366,ROUNDDOWN($C8532/24,0)+1,1))-1)+IF('Standard Profiles'!$G$18=$B$10,7,0)+IF('Standard Profiles'!$G$18=$B$17,14,0)+IF('Standard Profiles'!$G$18=$B$24,21,0),0)),0)</f>
        <v>5.9140921619575435</v>
      </c>
      <c r="E8532" cm="1">
        <f t="array" ref="E8532">IFERROR(INDEX(Jesper!AI$2:AI$366,ROUNDDOWN($C8532/24,0)+1,1)*INDEX($D$3:$AA$30,INDEX(Jesper!$R$2:$R$366,ROW(INDEX(Jesper!AI$2:AI$366,ROUNDDOWN($C8532/24,0)+1,1))-1)+IF('Standard Profiles'!$G$19=$B$10,7,0)+IF('Standard Profiles'!$G$19=$B$17,14,0)+IF('Standard Profiles'!$G$19=$B$24,21,0),MOD($C8532,24)+1)/SUM(INDEX($D$3:$AA$30,INDEX(Jesper!$R$2:$R$366,ROW(INDEX(Jesper!AI$2:AI$366,ROUNDDOWN($C8532/24,0)+1,1))-1)+IF('Standard Profiles'!$G$19=$B$10,7,0)+IF('Standard Profiles'!$G$19=$B$17,14,0)+IF('Standard Profiles'!$G$19=$B$24,21,0),0)),0)</f>
        <v>5.6718656731220163</v>
      </c>
      <c r="F8532" cm="1">
        <f t="array" ref="F8532">IFERROR(INDEX(Jesper!AJ$2:AJ$366,ROUNDDOWN($C8532/24,0)+1,1)*INDEX($D$3:$AA$30,INDEX(Jesper!$R$2:$R$366,ROW(INDEX(Jesper!AJ$2:AJ$366,ROUNDDOWN($C8532/24,0)+1,1))-1)+IF('Standard Profiles'!$G$20=$B$10,7,0)+IF('Standard Profiles'!$G$20=$B$17,14,0)+IF('Standard Profiles'!$G$20=$B$24,21,0),MOD($C8532,24)+1)/SUM(INDEX($D$3:$AA$30,INDEX(Jesper!$R$2:$R$366,ROW(INDEX(Jesper!AJ$2:AJ$366,ROUNDDOWN($C8532/24,0)+1,1))-1)+IF('Standard Profiles'!$G$20=$B$10,7,0)+IF('Standard Profiles'!$G$20=$B$17,14,0)+IF('Standard Profiles'!$G$20=$B$24,21,0),0)),0)</f>
        <v>0</v>
      </c>
      <c r="G8532" cm="1">
        <f t="array" ref="G8532">IFERROR(INDEX(Jesper!AK$2:AK$366,ROUNDDOWN($C8532/24,0)+1,1)*INDEX($D$3:$AA$30,INDEX(Jesper!$R$2:$R$366,ROW(INDEX(Jesper!AK$2:AK$366,ROUNDDOWN($C8532/24,0)+1,1))-1)+IF('Standard Profiles'!$G$21=$B$10,7,0)+IF('Standard Profiles'!$G$21=$B$17,14,0)+IF('Standard Profiles'!$G$21=$B$24,21,0),MOD($C8532,24)+1)/SUM(INDEX($D$3:$AA$30,INDEX(Jesper!$R$2:$R$366,ROW(INDEX(Jesper!AK$2:AK$366,ROUNDDOWN($C8532/24,0)+1,1))-1)+IF('Standard Profiles'!$G$21=$B$10,7,0)+IF('Standard Profiles'!$G$21=$B$17,14,0)+IF('Standard Profiles'!$G$21=$B$24,21,0),0)),0)</f>
        <v>5.0129941543226684</v>
      </c>
      <c r="H8532" cm="1">
        <f t="array" ref="H8532">IFERROR(INDEX(Jesper!AL$2:AL$366,ROUNDDOWN($C8532/24,0)+1,1)*INDEX($D$3:$AA$30,INDEX(Jesper!$R$2:$R$366,ROW(INDEX(Jesper!AL$2:AL$366,ROUNDDOWN($C8532/24,0)+1,1))-1)+IF('Standard Profiles'!$G$22=$B$10,7,0)+IF('Standard Profiles'!$G$22=$B$17,14,0)+IF('Standard Profiles'!$G$22=$B$24,21,0),MOD($C8532,24)+1)/SUM(INDEX($D$3:$AA$30,INDEX(Jesper!$R$2:$R$366,ROW(INDEX(Jesper!AL$2:AL$366,ROUNDDOWN($C8532/24,0)+1,1))-1)+IF('Standard Profiles'!$G$22=$B$10,7,0)+IF('Standard Profiles'!$G$22=$B$17,14,0)+IF('Standard Profiles'!$G$22=$B$24,21,0),0)),0)</f>
        <v>0</v>
      </c>
      <c r="I8532">
        <f t="shared" si="944"/>
        <v>2.4062371940748797</v>
      </c>
      <c r="J8532">
        <f t="shared" si="945"/>
        <v>13.246460049414143</v>
      </c>
      <c r="K8532">
        <f t="shared" si="946"/>
        <v>0.63083649727547131</v>
      </c>
      <c r="L8532">
        <f t="shared" si="947"/>
        <v>0.31541824863773565</v>
      </c>
      <c r="M8532">
        <f t="shared" si="948"/>
        <v>0</v>
      </c>
      <c r="N8532" s="45">
        <f t="shared" si="949"/>
        <v>45281.083333312723</v>
      </c>
    </row>
    <row r="8533" spans="2:14" x14ac:dyDescent="0.25">
      <c r="B8533">
        <f t="shared" si="943"/>
        <v>4</v>
      </c>
      <c r="C8533" s="16">
        <v>8499</v>
      </c>
      <c r="D8533" cm="1">
        <f t="array" ref="D8533">IFERROR(INDEX(Jesper!AH$2:AH$366,ROUNDDOWN($C8533/24,0)+1,1)*INDEX($D$3:$AA$30,INDEX(Jesper!$R$2:$R$366,ROW(INDEX(Jesper!AH$2:AH$366,ROUNDDOWN($C8533/24,0)+1,1))-1)+IF('Standard Profiles'!$G$18=$B$10,7,0)+IF('Standard Profiles'!$G$18=$B$17,14,0)+IF('Standard Profiles'!$G$18=$B$24,21,0),MOD($C8533,24)+1)/SUM(INDEX($D$3:$AA$30,INDEX(Jesper!$R$2:$R$366,ROW(INDEX(Jesper!AH$2:AH$366,ROUNDDOWN($C8533/24,0)+1,1))-1)+IF('Standard Profiles'!$G$18=$B$10,7,0)+IF('Standard Profiles'!$G$18=$B$17,14,0)+IF('Standard Profiles'!$G$18=$B$24,21,0),0)),0)</f>
        <v>5.9140921619575435</v>
      </c>
      <c r="E8533" cm="1">
        <f t="array" ref="E8533">IFERROR(INDEX(Jesper!AI$2:AI$366,ROUNDDOWN($C8533/24,0)+1,1)*INDEX($D$3:$AA$30,INDEX(Jesper!$R$2:$R$366,ROW(INDEX(Jesper!AI$2:AI$366,ROUNDDOWN($C8533/24,0)+1,1))-1)+IF('Standard Profiles'!$G$19=$B$10,7,0)+IF('Standard Profiles'!$G$19=$B$17,14,0)+IF('Standard Profiles'!$G$19=$B$24,21,0),MOD($C8533,24)+1)/SUM(INDEX($D$3:$AA$30,INDEX(Jesper!$R$2:$R$366,ROW(INDEX(Jesper!AI$2:AI$366,ROUNDDOWN($C8533/24,0)+1,1))-1)+IF('Standard Profiles'!$G$19=$B$10,7,0)+IF('Standard Profiles'!$G$19=$B$17,14,0)+IF('Standard Profiles'!$G$19=$B$24,21,0),0)),0)</f>
        <v>5.6718656731220163</v>
      </c>
      <c r="F8533" cm="1">
        <f t="array" ref="F8533">IFERROR(INDEX(Jesper!AJ$2:AJ$366,ROUNDDOWN($C8533/24,0)+1,1)*INDEX($D$3:$AA$30,INDEX(Jesper!$R$2:$R$366,ROW(INDEX(Jesper!AJ$2:AJ$366,ROUNDDOWN($C8533/24,0)+1,1))-1)+IF('Standard Profiles'!$G$20=$B$10,7,0)+IF('Standard Profiles'!$G$20=$B$17,14,0)+IF('Standard Profiles'!$G$20=$B$24,21,0),MOD($C8533,24)+1)/SUM(INDEX($D$3:$AA$30,INDEX(Jesper!$R$2:$R$366,ROW(INDEX(Jesper!AJ$2:AJ$366,ROUNDDOWN($C8533/24,0)+1,1))-1)+IF('Standard Profiles'!$G$20=$B$10,7,0)+IF('Standard Profiles'!$G$20=$B$17,14,0)+IF('Standard Profiles'!$G$20=$B$24,21,0),0)),0)</f>
        <v>0</v>
      </c>
      <c r="G8533" cm="1">
        <f t="array" ref="G8533">IFERROR(INDEX(Jesper!AK$2:AK$366,ROUNDDOWN($C8533/24,0)+1,1)*INDEX($D$3:$AA$30,INDEX(Jesper!$R$2:$R$366,ROW(INDEX(Jesper!AK$2:AK$366,ROUNDDOWN($C8533/24,0)+1,1))-1)+IF('Standard Profiles'!$G$21=$B$10,7,0)+IF('Standard Profiles'!$G$21=$B$17,14,0)+IF('Standard Profiles'!$G$21=$B$24,21,0),MOD($C8533,24)+1)/SUM(INDEX($D$3:$AA$30,INDEX(Jesper!$R$2:$R$366,ROW(INDEX(Jesper!AK$2:AK$366,ROUNDDOWN($C8533/24,0)+1,1))-1)+IF('Standard Profiles'!$G$21=$B$10,7,0)+IF('Standard Profiles'!$G$21=$B$17,14,0)+IF('Standard Profiles'!$G$21=$B$24,21,0),0)),0)</f>
        <v>5.0129941543226684</v>
      </c>
      <c r="H8533" cm="1">
        <f t="array" ref="H8533">IFERROR(INDEX(Jesper!AL$2:AL$366,ROUNDDOWN($C8533/24,0)+1,1)*INDEX($D$3:$AA$30,INDEX(Jesper!$R$2:$R$366,ROW(INDEX(Jesper!AL$2:AL$366,ROUNDDOWN($C8533/24,0)+1,1))-1)+IF('Standard Profiles'!$G$22=$B$10,7,0)+IF('Standard Profiles'!$G$22=$B$17,14,0)+IF('Standard Profiles'!$G$22=$B$24,21,0),MOD($C8533,24)+1)/SUM(INDEX($D$3:$AA$30,INDEX(Jesper!$R$2:$R$366,ROW(INDEX(Jesper!AL$2:AL$366,ROUNDDOWN($C8533/24,0)+1,1))-1)+IF('Standard Profiles'!$G$22=$B$10,7,0)+IF('Standard Profiles'!$G$22=$B$17,14,0)+IF('Standard Profiles'!$G$22=$B$24,21,0),0)),0)</f>
        <v>0</v>
      </c>
      <c r="I8533">
        <f t="shared" si="944"/>
        <v>2.4062371940748797</v>
      </c>
      <c r="J8533">
        <f t="shared" si="945"/>
        <v>13.246460049414143</v>
      </c>
      <c r="K8533">
        <f t="shared" si="946"/>
        <v>0.63083649727547131</v>
      </c>
      <c r="L8533">
        <f t="shared" si="947"/>
        <v>0.31541824863773565</v>
      </c>
      <c r="M8533">
        <f t="shared" si="948"/>
        <v>0</v>
      </c>
      <c r="N8533" s="45">
        <f t="shared" si="949"/>
        <v>45281.124999979387</v>
      </c>
    </row>
    <row r="8534" spans="2:14" x14ac:dyDescent="0.25">
      <c r="B8534">
        <f t="shared" si="943"/>
        <v>4</v>
      </c>
      <c r="C8534" s="16">
        <v>8500</v>
      </c>
      <c r="D8534" cm="1">
        <f t="array" ref="D8534">IFERROR(INDEX(Jesper!AH$2:AH$366,ROUNDDOWN($C8534/24,0)+1,1)*INDEX($D$3:$AA$30,INDEX(Jesper!$R$2:$R$366,ROW(INDEX(Jesper!AH$2:AH$366,ROUNDDOWN($C8534/24,0)+1,1))-1)+IF('Standard Profiles'!$G$18=$B$10,7,0)+IF('Standard Profiles'!$G$18=$B$17,14,0)+IF('Standard Profiles'!$G$18=$B$24,21,0),MOD($C8534,24)+1)/SUM(INDEX($D$3:$AA$30,INDEX(Jesper!$R$2:$R$366,ROW(INDEX(Jesper!AH$2:AH$366,ROUNDDOWN($C8534/24,0)+1,1))-1)+IF('Standard Profiles'!$G$18=$B$10,7,0)+IF('Standard Profiles'!$G$18=$B$17,14,0)+IF('Standard Profiles'!$G$18=$B$24,21,0),0)),0)</f>
        <v>5.9140921619575435</v>
      </c>
      <c r="E8534" cm="1">
        <f t="array" ref="E8534">IFERROR(INDEX(Jesper!AI$2:AI$366,ROUNDDOWN($C8534/24,0)+1,1)*INDEX($D$3:$AA$30,INDEX(Jesper!$R$2:$R$366,ROW(INDEX(Jesper!AI$2:AI$366,ROUNDDOWN($C8534/24,0)+1,1))-1)+IF('Standard Profiles'!$G$19=$B$10,7,0)+IF('Standard Profiles'!$G$19=$B$17,14,0)+IF('Standard Profiles'!$G$19=$B$24,21,0),MOD($C8534,24)+1)/SUM(INDEX($D$3:$AA$30,INDEX(Jesper!$R$2:$R$366,ROW(INDEX(Jesper!AI$2:AI$366,ROUNDDOWN($C8534/24,0)+1,1))-1)+IF('Standard Profiles'!$G$19=$B$10,7,0)+IF('Standard Profiles'!$G$19=$B$17,14,0)+IF('Standard Profiles'!$G$19=$B$24,21,0),0)),0)</f>
        <v>5.6718656731220163</v>
      </c>
      <c r="F8534" cm="1">
        <f t="array" ref="F8534">IFERROR(INDEX(Jesper!AJ$2:AJ$366,ROUNDDOWN($C8534/24,0)+1,1)*INDEX($D$3:$AA$30,INDEX(Jesper!$R$2:$R$366,ROW(INDEX(Jesper!AJ$2:AJ$366,ROUNDDOWN($C8534/24,0)+1,1))-1)+IF('Standard Profiles'!$G$20=$B$10,7,0)+IF('Standard Profiles'!$G$20=$B$17,14,0)+IF('Standard Profiles'!$G$20=$B$24,21,0),MOD($C8534,24)+1)/SUM(INDEX($D$3:$AA$30,INDEX(Jesper!$R$2:$R$366,ROW(INDEX(Jesper!AJ$2:AJ$366,ROUNDDOWN($C8534/24,0)+1,1))-1)+IF('Standard Profiles'!$G$20=$B$10,7,0)+IF('Standard Profiles'!$G$20=$B$17,14,0)+IF('Standard Profiles'!$G$20=$B$24,21,0),0)),0)</f>
        <v>0</v>
      </c>
      <c r="G8534" cm="1">
        <f t="array" ref="G8534">IFERROR(INDEX(Jesper!AK$2:AK$366,ROUNDDOWN($C8534/24,0)+1,1)*INDEX($D$3:$AA$30,INDEX(Jesper!$R$2:$R$366,ROW(INDEX(Jesper!AK$2:AK$366,ROUNDDOWN($C8534/24,0)+1,1))-1)+IF('Standard Profiles'!$G$21=$B$10,7,0)+IF('Standard Profiles'!$G$21=$B$17,14,0)+IF('Standard Profiles'!$G$21=$B$24,21,0),MOD($C8534,24)+1)/SUM(INDEX($D$3:$AA$30,INDEX(Jesper!$R$2:$R$366,ROW(INDEX(Jesper!AK$2:AK$366,ROUNDDOWN($C8534/24,0)+1,1))-1)+IF('Standard Profiles'!$G$21=$B$10,7,0)+IF('Standard Profiles'!$G$21=$B$17,14,0)+IF('Standard Profiles'!$G$21=$B$24,21,0),0)),0)</f>
        <v>5.0129941543226684</v>
      </c>
      <c r="H8534" cm="1">
        <f t="array" ref="H8534">IFERROR(INDEX(Jesper!AL$2:AL$366,ROUNDDOWN($C8534/24,0)+1,1)*INDEX($D$3:$AA$30,INDEX(Jesper!$R$2:$R$366,ROW(INDEX(Jesper!AL$2:AL$366,ROUNDDOWN($C8534/24,0)+1,1))-1)+IF('Standard Profiles'!$G$22=$B$10,7,0)+IF('Standard Profiles'!$G$22=$B$17,14,0)+IF('Standard Profiles'!$G$22=$B$24,21,0),MOD($C8534,24)+1)/SUM(INDEX($D$3:$AA$30,INDEX(Jesper!$R$2:$R$366,ROW(INDEX(Jesper!AL$2:AL$366,ROUNDDOWN($C8534/24,0)+1,1))-1)+IF('Standard Profiles'!$G$22=$B$10,7,0)+IF('Standard Profiles'!$G$22=$B$17,14,0)+IF('Standard Profiles'!$G$22=$B$24,21,0),0)),0)</f>
        <v>0</v>
      </c>
      <c r="I8534">
        <f t="shared" si="944"/>
        <v>2.4062371940748797</v>
      </c>
      <c r="J8534">
        <f t="shared" si="945"/>
        <v>13.246460049414143</v>
      </c>
      <c r="K8534">
        <f t="shared" si="946"/>
        <v>0.63083649727547131</v>
      </c>
      <c r="L8534">
        <f t="shared" si="947"/>
        <v>0.31541824863773565</v>
      </c>
      <c r="M8534">
        <f t="shared" si="948"/>
        <v>0</v>
      </c>
      <c r="N8534" s="45">
        <f t="shared" si="949"/>
        <v>45281.166666646051</v>
      </c>
    </row>
    <row r="8535" spans="2:14" x14ac:dyDescent="0.25">
      <c r="B8535">
        <f t="shared" si="943"/>
        <v>4</v>
      </c>
      <c r="C8535" s="16">
        <v>8501</v>
      </c>
      <c r="D8535" cm="1">
        <f t="array" ref="D8535">IFERROR(INDEX(Jesper!AH$2:AH$366,ROUNDDOWN($C8535/24,0)+1,1)*INDEX($D$3:$AA$30,INDEX(Jesper!$R$2:$R$366,ROW(INDEX(Jesper!AH$2:AH$366,ROUNDDOWN($C8535/24,0)+1,1))-1)+IF('Standard Profiles'!$G$18=$B$10,7,0)+IF('Standard Profiles'!$G$18=$B$17,14,0)+IF('Standard Profiles'!$G$18=$B$24,21,0),MOD($C8535,24)+1)/SUM(INDEX($D$3:$AA$30,INDEX(Jesper!$R$2:$R$366,ROW(INDEX(Jesper!AH$2:AH$366,ROUNDDOWN($C8535/24,0)+1,1))-1)+IF('Standard Profiles'!$G$18=$B$10,7,0)+IF('Standard Profiles'!$G$18=$B$17,14,0)+IF('Standard Profiles'!$G$18=$B$24,21,0),0)),0)</f>
        <v>5.9140921619575435</v>
      </c>
      <c r="E8535" cm="1">
        <f t="array" ref="E8535">IFERROR(INDEX(Jesper!AI$2:AI$366,ROUNDDOWN($C8535/24,0)+1,1)*INDEX($D$3:$AA$30,INDEX(Jesper!$R$2:$R$366,ROW(INDEX(Jesper!AI$2:AI$366,ROUNDDOWN($C8535/24,0)+1,1))-1)+IF('Standard Profiles'!$G$19=$B$10,7,0)+IF('Standard Profiles'!$G$19=$B$17,14,0)+IF('Standard Profiles'!$G$19=$B$24,21,0),MOD($C8535,24)+1)/SUM(INDEX($D$3:$AA$30,INDEX(Jesper!$R$2:$R$366,ROW(INDEX(Jesper!AI$2:AI$366,ROUNDDOWN($C8535/24,0)+1,1))-1)+IF('Standard Profiles'!$G$19=$B$10,7,0)+IF('Standard Profiles'!$G$19=$B$17,14,0)+IF('Standard Profiles'!$G$19=$B$24,21,0),0)),0)</f>
        <v>5.6718656731220163</v>
      </c>
      <c r="F8535" cm="1">
        <f t="array" ref="F8535">IFERROR(INDEX(Jesper!AJ$2:AJ$366,ROUNDDOWN($C8535/24,0)+1,1)*INDEX($D$3:$AA$30,INDEX(Jesper!$R$2:$R$366,ROW(INDEX(Jesper!AJ$2:AJ$366,ROUNDDOWN($C8535/24,0)+1,1))-1)+IF('Standard Profiles'!$G$20=$B$10,7,0)+IF('Standard Profiles'!$G$20=$B$17,14,0)+IF('Standard Profiles'!$G$20=$B$24,21,0),MOD($C8535,24)+1)/SUM(INDEX($D$3:$AA$30,INDEX(Jesper!$R$2:$R$366,ROW(INDEX(Jesper!AJ$2:AJ$366,ROUNDDOWN($C8535/24,0)+1,1))-1)+IF('Standard Profiles'!$G$20=$B$10,7,0)+IF('Standard Profiles'!$G$20=$B$17,14,0)+IF('Standard Profiles'!$G$20=$B$24,21,0),0)),0)</f>
        <v>0</v>
      </c>
      <c r="G8535" cm="1">
        <f t="array" ref="G8535">IFERROR(INDEX(Jesper!AK$2:AK$366,ROUNDDOWN($C8535/24,0)+1,1)*INDEX($D$3:$AA$30,INDEX(Jesper!$R$2:$R$366,ROW(INDEX(Jesper!AK$2:AK$366,ROUNDDOWN($C8535/24,0)+1,1))-1)+IF('Standard Profiles'!$G$21=$B$10,7,0)+IF('Standard Profiles'!$G$21=$B$17,14,0)+IF('Standard Profiles'!$G$21=$B$24,21,0),MOD($C8535,24)+1)/SUM(INDEX($D$3:$AA$30,INDEX(Jesper!$R$2:$R$366,ROW(INDEX(Jesper!AK$2:AK$366,ROUNDDOWN($C8535/24,0)+1,1))-1)+IF('Standard Profiles'!$G$21=$B$10,7,0)+IF('Standard Profiles'!$G$21=$B$17,14,0)+IF('Standard Profiles'!$G$21=$B$24,21,0),0)),0)</f>
        <v>5.0129941543226684</v>
      </c>
      <c r="H8535" cm="1">
        <f t="array" ref="H8535">IFERROR(INDEX(Jesper!AL$2:AL$366,ROUNDDOWN($C8535/24,0)+1,1)*INDEX($D$3:$AA$30,INDEX(Jesper!$R$2:$R$366,ROW(INDEX(Jesper!AL$2:AL$366,ROUNDDOWN($C8535/24,0)+1,1))-1)+IF('Standard Profiles'!$G$22=$B$10,7,0)+IF('Standard Profiles'!$G$22=$B$17,14,0)+IF('Standard Profiles'!$G$22=$B$24,21,0),MOD($C8535,24)+1)/SUM(INDEX($D$3:$AA$30,INDEX(Jesper!$R$2:$R$366,ROW(INDEX(Jesper!AL$2:AL$366,ROUNDDOWN($C8535/24,0)+1,1))-1)+IF('Standard Profiles'!$G$22=$B$10,7,0)+IF('Standard Profiles'!$G$22=$B$17,14,0)+IF('Standard Profiles'!$G$22=$B$24,21,0),0)),0)</f>
        <v>0</v>
      </c>
      <c r="I8535">
        <f t="shared" si="944"/>
        <v>2.4062371940748797</v>
      </c>
      <c r="J8535">
        <f t="shared" si="945"/>
        <v>13.246460049414143</v>
      </c>
      <c r="K8535">
        <f t="shared" si="946"/>
        <v>0.63083649727547131</v>
      </c>
      <c r="L8535">
        <f t="shared" si="947"/>
        <v>0.31541824863773565</v>
      </c>
      <c r="M8535">
        <f t="shared" si="948"/>
        <v>0</v>
      </c>
      <c r="N8535" s="45">
        <f t="shared" si="949"/>
        <v>45281.208333312716</v>
      </c>
    </row>
    <row r="8536" spans="2:14" x14ac:dyDescent="0.25">
      <c r="B8536">
        <f t="shared" si="943"/>
        <v>4</v>
      </c>
      <c r="C8536" s="16">
        <v>8502</v>
      </c>
      <c r="D8536" cm="1">
        <f t="array" ref="D8536">IFERROR(INDEX(Jesper!AH$2:AH$366,ROUNDDOWN($C8536/24,0)+1,1)*INDEX($D$3:$AA$30,INDEX(Jesper!$R$2:$R$366,ROW(INDEX(Jesper!AH$2:AH$366,ROUNDDOWN($C8536/24,0)+1,1))-1)+IF('Standard Profiles'!$G$18=$B$10,7,0)+IF('Standard Profiles'!$G$18=$B$17,14,0)+IF('Standard Profiles'!$G$18=$B$24,21,0),MOD($C8536,24)+1)/SUM(INDEX($D$3:$AA$30,INDEX(Jesper!$R$2:$R$366,ROW(INDEX(Jesper!AH$2:AH$366,ROUNDDOWN($C8536/24,0)+1,1))-1)+IF('Standard Profiles'!$G$18=$B$10,7,0)+IF('Standard Profiles'!$G$18=$B$17,14,0)+IF('Standard Profiles'!$G$18=$B$24,21,0),0)),0)</f>
        <v>5.9140921619575435</v>
      </c>
      <c r="E8536" cm="1">
        <f t="array" ref="E8536">IFERROR(INDEX(Jesper!AI$2:AI$366,ROUNDDOWN($C8536/24,0)+1,1)*INDEX($D$3:$AA$30,INDEX(Jesper!$R$2:$R$366,ROW(INDEX(Jesper!AI$2:AI$366,ROUNDDOWN($C8536/24,0)+1,1))-1)+IF('Standard Profiles'!$G$19=$B$10,7,0)+IF('Standard Profiles'!$G$19=$B$17,14,0)+IF('Standard Profiles'!$G$19=$B$24,21,0),MOD($C8536,24)+1)/SUM(INDEX($D$3:$AA$30,INDEX(Jesper!$R$2:$R$366,ROW(INDEX(Jesper!AI$2:AI$366,ROUNDDOWN($C8536/24,0)+1,1))-1)+IF('Standard Profiles'!$G$19=$B$10,7,0)+IF('Standard Profiles'!$G$19=$B$17,14,0)+IF('Standard Profiles'!$G$19=$B$24,21,0),0)),0)</f>
        <v>5.6718656731220163</v>
      </c>
      <c r="F8536" cm="1">
        <f t="array" ref="F8536">IFERROR(INDEX(Jesper!AJ$2:AJ$366,ROUNDDOWN($C8536/24,0)+1,1)*INDEX($D$3:$AA$30,INDEX(Jesper!$R$2:$R$366,ROW(INDEX(Jesper!AJ$2:AJ$366,ROUNDDOWN($C8536/24,0)+1,1))-1)+IF('Standard Profiles'!$G$20=$B$10,7,0)+IF('Standard Profiles'!$G$20=$B$17,14,0)+IF('Standard Profiles'!$G$20=$B$24,21,0),MOD($C8536,24)+1)/SUM(INDEX($D$3:$AA$30,INDEX(Jesper!$R$2:$R$366,ROW(INDEX(Jesper!AJ$2:AJ$366,ROUNDDOWN($C8536/24,0)+1,1))-1)+IF('Standard Profiles'!$G$20=$B$10,7,0)+IF('Standard Profiles'!$G$20=$B$17,14,0)+IF('Standard Profiles'!$G$20=$B$24,21,0),0)),0)</f>
        <v>0</v>
      </c>
      <c r="G8536" cm="1">
        <f t="array" ref="G8536">IFERROR(INDEX(Jesper!AK$2:AK$366,ROUNDDOWN($C8536/24,0)+1,1)*INDEX($D$3:$AA$30,INDEX(Jesper!$R$2:$R$366,ROW(INDEX(Jesper!AK$2:AK$366,ROUNDDOWN($C8536/24,0)+1,1))-1)+IF('Standard Profiles'!$G$21=$B$10,7,0)+IF('Standard Profiles'!$G$21=$B$17,14,0)+IF('Standard Profiles'!$G$21=$B$24,21,0),MOD($C8536,24)+1)/SUM(INDEX($D$3:$AA$30,INDEX(Jesper!$R$2:$R$366,ROW(INDEX(Jesper!AK$2:AK$366,ROUNDDOWN($C8536/24,0)+1,1))-1)+IF('Standard Profiles'!$G$21=$B$10,7,0)+IF('Standard Profiles'!$G$21=$B$17,14,0)+IF('Standard Profiles'!$G$21=$B$24,21,0),0)),0)</f>
        <v>5.0129941543226684</v>
      </c>
      <c r="H8536" cm="1">
        <f t="array" ref="H8536">IFERROR(INDEX(Jesper!AL$2:AL$366,ROUNDDOWN($C8536/24,0)+1,1)*INDEX($D$3:$AA$30,INDEX(Jesper!$R$2:$R$366,ROW(INDEX(Jesper!AL$2:AL$366,ROUNDDOWN($C8536/24,0)+1,1))-1)+IF('Standard Profiles'!$G$22=$B$10,7,0)+IF('Standard Profiles'!$G$22=$B$17,14,0)+IF('Standard Profiles'!$G$22=$B$24,21,0),MOD($C8536,24)+1)/SUM(INDEX($D$3:$AA$30,INDEX(Jesper!$R$2:$R$366,ROW(INDEX(Jesper!AL$2:AL$366,ROUNDDOWN($C8536/24,0)+1,1))-1)+IF('Standard Profiles'!$G$22=$B$10,7,0)+IF('Standard Profiles'!$G$22=$B$17,14,0)+IF('Standard Profiles'!$G$22=$B$24,21,0),0)),0)</f>
        <v>0</v>
      </c>
      <c r="I8536">
        <f t="shared" si="944"/>
        <v>2.4062371940748797</v>
      </c>
      <c r="J8536">
        <f t="shared" si="945"/>
        <v>13.246460049414143</v>
      </c>
      <c r="K8536">
        <f t="shared" si="946"/>
        <v>0.63083649727547131</v>
      </c>
      <c r="L8536">
        <f t="shared" si="947"/>
        <v>0.31541824863773565</v>
      </c>
      <c r="M8536">
        <f t="shared" si="948"/>
        <v>0</v>
      </c>
      <c r="N8536" s="45">
        <f t="shared" si="949"/>
        <v>45281.24999997938</v>
      </c>
    </row>
    <row r="8537" spans="2:14" x14ac:dyDescent="0.25">
      <c r="B8537">
        <f t="shared" si="943"/>
        <v>4</v>
      </c>
      <c r="C8537" s="16">
        <v>8503</v>
      </c>
      <c r="D8537" cm="1">
        <f t="array" ref="D8537">IFERROR(INDEX(Jesper!AH$2:AH$366,ROUNDDOWN($C8537/24,0)+1,1)*INDEX($D$3:$AA$30,INDEX(Jesper!$R$2:$R$366,ROW(INDEX(Jesper!AH$2:AH$366,ROUNDDOWN($C8537/24,0)+1,1))-1)+IF('Standard Profiles'!$G$18=$B$10,7,0)+IF('Standard Profiles'!$G$18=$B$17,14,0)+IF('Standard Profiles'!$G$18=$B$24,21,0),MOD($C8537,24)+1)/SUM(INDEX($D$3:$AA$30,INDEX(Jesper!$R$2:$R$366,ROW(INDEX(Jesper!AH$2:AH$366,ROUNDDOWN($C8537/24,0)+1,1))-1)+IF('Standard Profiles'!$G$18=$B$10,7,0)+IF('Standard Profiles'!$G$18=$B$17,14,0)+IF('Standard Profiles'!$G$18=$B$24,21,0),0)),0)</f>
        <v>24.176091898426439</v>
      </c>
      <c r="E8537" cm="1">
        <f t="array" ref="E8537">IFERROR(INDEX(Jesper!AI$2:AI$366,ROUNDDOWN($C8537/24,0)+1,1)*INDEX($D$3:$AA$30,INDEX(Jesper!$R$2:$R$366,ROW(INDEX(Jesper!AI$2:AI$366,ROUNDDOWN($C8537/24,0)+1,1))-1)+IF('Standard Profiles'!$G$19=$B$10,7,0)+IF('Standard Profiles'!$G$19=$B$17,14,0)+IF('Standard Profiles'!$G$19=$B$24,21,0),MOD($C8537,24)+1)/SUM(INDEX($D$3:$AA$30,INDEX(Jesper!$R$2:$R$366,ROW(INDEX(Jesper!AI$2:AI$366,ROUNDDOWN($C8537/24,0)+1,1))-1)+IF('Standard Profiles'!$G$19=$B$10,7,0)+IF('Standard Profiles'!$G$19=$B$17,14,0)+IF('Standard Profiles'!$G$19=$B$24,21,0),0)),0)</f>
        <v>23.185899372853328</v>
      </c>
      <c r="F8537" cm="1">
        <f t="array" ref="F8537">IFERROR(INDEX(Jesper!AJ$2:AJ$366,ROUNDDOWN($C8537/24,0)+1,1)*INDEX($D$3:$AA$30,INDEX(Jesper!$R$2:$R$366,ROW(INDEX(Jesper!AJ$2:AJ$366,ROUNDDOWN($C8537/24,0)+1,1))-1)+IF('Standard Profiles'!$G$20=$B$10,7,0)+IF('Standard Profiles'!$G$20=$B$17,14,0)+IF('Standard Profiles'!$G$20=$B$24,21,0),MOD($C8537,24)+1)/SUM(INDEX($D$3:$AA$30,INDEX(Jesper!$R$2:$R$366,ROW(INDEX(Jesper!AJ$2:AJ$366,ROUNDDOWN($C8537/24,0)+1,1))-1)+IF('Standard Profiles'!$G$20=$B$10,7,0)+IF('Standard Profiles'!$G$20=$B$17,14,0)+IF('Standard Profiles'!$G$20=$B$24,21,0),0)),0)</f>
        <v>0</v>
      </c>
      <c r="G8537" cm="1">
        <f t="array" ref="G8537">IFERROR(INDEX(Jesper!AK$2:AK$366,ROUNDDOWN($C8537/24,0)+1,1)*INDEX($D$3:$AA$30,INDEX(Jesper!$R$2:$R$366,ROW(INDEX(Jesper!AK$2:AK$366,ROUNDDOWN($C8537/24,0)+1,1))-1)+IF('Standard Profiles'!$G$21=$B$10,7,0)+IF('Standard Profiles'!$G$21=$B$17,14,0)+IF('Standard Profiles'!$G$21=$B$24,21,0),MOD($C8537,24)+1)/SUM(INDEX($D$3:$AA$30,INDEX(Jesper!$R$2:$R$366,ROW(INDEX(Jesper!AK$2:AK$366,ROUNDDOWN($C8537/24,0)+1,1))-1)+IF('Standard Profiles'!$G$21=$B$10,7,0)+IF('Standard Profiles'!$G$21=$B$17,14,0)+IF('Standard Profiles'!$G$21=$B$24,21,0),0)),0)</f>
        <v>13.81079889515895</v>
      </c>
      <c r="H8537" cm="1">
        <f t="array" ref="H8537">IFERROR(INDEX(Jesper!AL$2:AL$366,ROUNDDOWN($C8537/24,0)+1,1)*INDEX($D$3:$AA$30,INDEX(Jesper!$R$2:$R$366,ROW(INDEX(Jesper!AL$2:AL$366,ROUNDDOWN($C8537/24,0)+1,1))-1)+IF('Standard Profiles'!$G$22=$B$10,7,0)+IF('Standard Profiles'!$G$22=$B$17,14,0)+IF('Standard Profiles'!$G$22=$B$24,21,0),MOD($C8537,24)+1)/SUM(INDEX($D$3:$AA$30,INDEX(Jesper!$R$2:$R$366,ROW(INDEX(Jesper!AL$2:AL$366,ROUNDDOWN($C8537/24,0)+1,1))-1)+IF('Standard Profiles'!$G$22=$B$10,7,0)+IF('Standard Profiles'!$G$22=$B$17,14,0)+IF('Standard Profiles'!$G$22=$B$24,21,0),0)),0)</f>
        <v>0</v>
      </c>
      <c r="I8537">
        <f t="shared" si="944"/>
        <v>6.6291834696762928</v>
      </c>
      <c r="J8537">
        <f t="shared" si="945"/>
        <v>50.675431993014193</v>
      </c>
      <c r="K8537">
        <f t="shared" si="946"/>
        <v>2.5787831358321536</v>
      </c>
      <c r="L8537">
        <f t="shared" si="947"/>
        <v>1.2893915679160768</v>
      </c>
      <c r="M8537">
        <f t="shared" si="948"/>
        <v>0</v>
      </c>
      <c r="N8537" s="45">
        <f t="shared" si="949"/>
        <v>45281.291666646044</v>
      </c>
    </row>
    <row r="8538" spans="2:14" x14ac:dyDescent="0.25">
      <c r="B8538">
        <f t="shared" si="943"/>
        <v>4</v>
      </c>
      <c r="C8538" s="16">
        <v>8504</v>
      </c>
      <c r="D8538" cm="1">
        <f t="array" ref="D8538">IFERROR(INDEX(Jesper!AH$2:AH$366,ROUNDDOWN($C8538/24,0)+1,1)*INDEX($D$3:$AA$30,INDEX(Jesper!$R$2:$R$366,ROW(INDEX(Jesper!AH$2:AH$366,ROUNDDOWN($C8538/24,0)+1,1))-1)+IF('Standard Profiles'!$G$18=$B$10,7,0)+IF('Standard Profiles'!$G$18=$B$17,14,0)+IF('Standard Profiles'!$G$18=$B$24,21,0),MOD($C8538,24)+1)/SUM(INDEX($D$3:$AA$30,INDEX(Jesper!$R$2:$R$366,ROW(INDEX(Jesper!AH$2:AH$366,ROUNDDOWN($C8538/24,0)+1,1))-1)+IF('Standard Profiles'!$G$18=$B$10,7,0)+IF('Standard Profiles'!$G$18=$B$17,14,0)+IF('Standard Profiles'!$G$18=$B$24,21,0),0)),0)</f>
        <v>26.975428855086346</v>
      </c>
      <c r="E8538" cm="1">
        <f t="array" ref="E8538">IFERROR(INDEX(Jesper!AI$2:AI$366,ROUNDDOWN($C8538/24,0)+1,1)*INDEX($D$3:$AA$30,INDEX(Jesper!$R$2:$R$366,ROW(INDEX(Jesper!AI$2:AI$366,ROUNDDOWN($C8538/24,0)+1,1))-1)+IF('Standard Profiles'!$G$19=$B$10,7,0)+IF('Standard Profiles'!$G$19=$B$17,14,0)+IF('Standard Profiles'!$G$19=$B$24,21,0),MOD($C8538,24)+1)/SUM(INDEX($D$3:$AA$30,INDEX(Jesper!$R$2:$R$366,ROW(INDEX(Jesper!AI$2:AI$366,ROUNDDOWN($C8538/24,0)+1,1))-1)+IF('Standard Profiles'!$G$19=$B$10,7,0)+IF('Standard Profiles'!$G$19=$B$17,14,0)+IF('Standard Profiles'!$G$19=$B$24,21,0),0)),0)</f>
        <v>25.870582458131086</v>
      </c>
      <c r="F8538" cm="1">
        <f t="array" ref="F8538">IFERROR(INDEX(Jesper!AJ$2:AJ$366,ROUNDDOWN($C8538/24,0)+1,1)*INDEX($D$3:$AA$30,INDEX(Jesper!$R$2:$R$366,ROW(INDEX(Jesper!AJ$2:AJ$366,ROUNDDOWN($C8538/24,0)+1,1))-1)+IF('Standard Profiles'!$G$20=$B$10,7,0)+IF('Standard Profiles'!$G$20=$B$17,14,0)+IF('Standard Profiles'!$G$20=$B$24,21,0),MOD($C8538,24)+1)/SUM(INDEX($D$3:$AA$30,INDEX(Jesper!$R$2:$R$366,ROW(INDEX(Jesper!AJ$2:AJ$366,ROUNDDOWN($C8538/24,0)+1,1))-1)+IF('Standard Profiles'!$G$20=$B$10,7,0)+IF('Standard Profiles'!$G$20=$B$17,14,0)+IF('Standard Profiles'!$G$20=$B$24,21,0),0)),0)</f>
        <v>0</v>
      </c>
      <c r="G8538" cm="1">
        <f t="array" ref="G8538">IFERROR(INDEX(Jesper!AK$2:AK$366,ROUNDDOWN($C8538/24,0)+1,1)*INDEX($D$3:$AA$30,INDEX(Jesper!$R$2:$R$366,ROW(INDEX(Jesper!AK$2:AK$366,ROUNDDOWN($C8538/24,0)+1,1))-1)+IF('Standard Profiles'!$G$21=$B$10,7,0)+IF('Standard Profiles'!$G$21=$B$17,14,0)+IF('Standard Profiles'!$G$21=$B$24,21,0),MOD($C8538,24)+1)/SUM(INDEX($D$3:$AA$30,INDEX(Jesper!$R$2:$R$366,ROW(INDEX(Jesper!AK$2:AK$366,ROUNDDOWN($C8538/24,0)+1,1))-1)+IF('Standard Profiles'!$G$21=$B$10,7,0)+IF('Standard Profiles'!$G$21=$B$17,14,0)+IF('Standard Profiles'!$G$21=$B$24,21,0),0)),0)</f>
        <v>15.409944030387882</v>
      </c>
      <c r="H8538" cm="1">
        <f t="array" ref="H8538">IFERROR(INDEX(Jesper!AL$2:AL$366,ROUNDDOWN($C8538/24,0)+1,1)*INDEX($D$3:$AA$30,INDEX(Jesper!$R$2:$R$366,ROW(INDEX(Jesper!AL$2:AL$366,ROUNDDOWN($C8538/24,0)+1,1))-1)+IF('Standard Profiles'!$G$22=$B$10,7,0)+IF('Standard Profiles'!$G$22=$B$17,14,0)+IF('Standard Profiles'!$G$22=$B$24,21,0),MOD($C8538,24)+1)/SUM(INDEX($D$3:$AA$30,INDEX(Jesper!$R$2:$R$366,ROW(INDEX(Jesper!AL$2:AL$366,ROUNDDOWN($C8538/24,0)+1,1))-1)+IF('Standard Profiles'!$G$22=$B$10,7,0)+IF('Standard Profiles'!$G$22=$B$17,14,0)+IF('Standard Profiles'!$G$22=$B$24,21,0),0)),0)</f>
        <v>0</v>
      </c>
      <c r="I8538">
        <f t="shared" si="944"/>
        <v>7.39677313458618</v>
      </c>
      <c r="J8538">
        <f t="shared" si="945"/>
        <v>56.543113592205316</v>
      </c>
      <c r="K8538">
        <f t="shared" si="946"/>
        <v>2.8773790778758772</v>
      </c>
      <c r="L8538">
        <f t="shared" si="947"/>
        <v>1.4386895389379386</v>
      </c>
      <c r="M8538">
        <f t="shared" si="948"/>
        <v>0</v>
      </c>
      <c r="N8538" s="45">
        <f t="shared" si="949"/>
        <v>45281.333333312708</v>
      </c>
    </row>
    <row r="8539" spans="2:14" x14ac:dyDescent="0.25">
      <c r="B8539">
        <f t="shared" si="943"/>
        <v>4</v>
      </c>
      <c r="C8539" s="16">
        <v>8505</v>
      </c>
      <c r="D8539" cm="1">
        <f t="array" ref="D8539">IFERROR(INDEX(Jesper!AH$2:AH$366,ROUNDDOWN($C8539/24,0)+1,1)*INDEX($D$3:$AA$30,INDEX(Jesper!$R$2:$R$366,ROW(INDEX(Jesper!AH$2:AH$366,ROUNDDOWN($C8539/24,0)+1,1))-1)+IF('Standard Profiles'!$G$18=$B$10,7,0)+IF('Standard Profiles'!$G$18=$B$17,14,0)+IF('Standard Profiles'!$G$18=$B$24,21,0),MOD($C8539,24)+1)/SUM(INDEX($D$3:$AA$30,INDEX(Jesper!$R$2:$R$366,ROW(INDEX(Jesper!AH$2:AH$366,ROUNDDOWN($C8539/24,0)+1,1))-1)+IF('Standard Profiles'!$G$18=$B$10,7,0)+IF('Standard Profiles'!$G$18=$B$17,14,0)+IF('Standard Profiles'!$G$18=$B$24,21,0),0)),0)</f>
        <v>29.774765811746253</v>
      </c>
      <c r="E8539" cm="1">
        <f t="array" ref="E8539">IFERROR(INDEX(Jesper!AI$2:AI$366,ROUNDDOWN($C8539/24,0)+1,1)*INDEX($D$3:$AA$30,INDEX(Jesper!$R$2:$R$366,ROW(INDEX(Jesper!AI$2:AI$366,ROUNDDOWN($C8539/24,0)+1,1))-1)+IF('Standard Profiles'!$G$19=$B$10,7,0)+IF('Standard Profiles'!$G$19=$B$17,14,0)+IF('Standard Profiles'!$G$19=$B$24,21,0),MOD($C8539,24)+1)/SUM(INDEX($D$3:$AA$30,INDEX(Jesper!$R$2:$R$366,ROW(INDEX(Jesper!AI$2:AI$366,ROUNDDOWN($C8539/24,0)+1,1))-1)+IF('Standard Profiles'!$G$19=$B$10,7,0)+IF('Standard Profiles'!$G$19=$B$17,14,0)+IF('Standard Profiles'!$G$19=$B$24,21,0),0)),0)</f>
        <v>28.555265543408844</v>
      </c>
      <c r="F8539" cm="1">
        <f t="array" ref="F8539">IFERROR(INDEX(Jesper!AJ$2:AJ$366,ROUNDDOWN($C8539/24,0)+1,1)*INDEX($D$3:$AA$30,INDEX(Jesper!$R$2:$R$366,ROW(INDEX(Jesper!AJ$2:AJ$366,ROUNDDOWN($C8539/24,0)+1,1))-1)+IF('Standard Profiles'!$G$20=$B$10,7,0)+IF('Standard Profiles'!$G$20=$B$17,14,0)+IF('Standard Profiles'!$G$20=$B$24,21,0),MOD($C8539,24)+1)/SUM(INDEX($D$3:$AA$30,INDEX(Jesper!$R$2:$R$366,ROW(INDEX(Jesper!AJ$2:AJ$366,ROUNDDOWN($C8539/24,0)+1,1))-1)+IF('Standard Profiles'!$G$20=$B$10,7,0)+IF('Standard Profiles'!$G$20=$B$17,14,0)+IF('Standard Profiles'!$G$20=$B$24,21,0),0)),0)</f>
        <v>0</v>
      </c>
      <c r="G8539" cm="1">
        <f t="array" ref="G8539">IFERROR(INDEX(Jesper!AK$2:AK$366,ROUNDDOWN($C8539/24,0)+1,1)*INDEX($D$3:$AA$30,INDEX(Jesper!$R$2:$R$366,ROW(INDEX(Jesper!AK$2:AK$366,ROUNDDOWN($C8539/24,0)+1,1))-1)+IF('Standard Profiles'!$G$21=$B$10,7,0)+IF('Standard Profiles'!$G$21=$B$17,14,0)+IF('Standard Profiles'!$G$21=$B$24,21,0),MOD($C8539,24)+1)/SUM(INDEX($D$3:$AA$30,INDEX(Jesper!$R$2:$R$366,ROW(INDEX(Jesper!AK$2:AK$366,ROUNDDOWN($C8539/24,0)+1,1))-1)+IF('Standard Profiles'!$G$21=$B$10,7,0)+IF('Standard Profiles'!$G$21=$B$17,14,0)+IF('Standard Profiles'!$G$21=$B$24,21,0),0)),0)</f>
        <v>17.00908916561681</v>
      </c>
      <c r="H8539" cm="1">
        <f t="array" ref="H8539">IFERROR(INDEX(Jesper!AL$2:AL$366,ROUNDDOWN($C8539/24,0)+1,1)*INDEX($D$3:$AA$30,INDEX(Jesper!$R$2:$R$366,ROW(INDEX(Jesper!AL$2:AL$366,ROUNDDOWN($C8539/24,0)+1,1))-1)+IF('Standard Profiles'!$G$22=$B$10,7,0)+IF('Standard Profiles'!$G$22=$B$17,14,0)+IF('Standard Profiles'!$G$22=$B$24,21,0),MOD($C8539,24)+1)/SUM(INDEX($D$3:$AA$30,INDEX(Jesper!$R$2:$R$366,ROW(INDEX(Jesper!AL$2:AL$366,ROUNDDOWN($C8539/24,0)+1,1))-1)+IF('Standard Profiles'!$G$22=$B$10,7,0)+IF('Standard Profiles'!$G$22=$B$17,14,0)+IF('Standard Profiles'!$G$22=$B$24,21,0),0)),0)</f>
        <v>0</v>
      </c>
      <c r="I8539">
        <f t="shared" si="944"/>
        <v>8.1643627994960646</v>
      </c>
      <c r="J8539">
        <f t="shared" si="945"/>
        <v>62.410795191396438</v>
      </c>
      <c r="K8539">
        <f t="shared" si="946"/>
        <v>3.1759750199196004</v>
      </c>
      <c r="L8539">
        <f t="shared" si="947"/>
        <v>1.5879875099598002</v>
      </c>
      <c r="M8539">
        <f t="shared" si="948"/>
        <v>0</v>
      </c>
      <c r="N8539" s="45">
        <f t="shared" si="949"/>
        <v>45281.374999979373</v>
      </c>
    </row>
    <row r="8540" spans="2:14" x14ac:dyDescent="0.25">
      <c r="B8540">
        <f t="shared" si="943"/>
        <v>4</v>
      </c>
      <c r="C8540" s="16">
        <v>8506</v>
      </c>
      <c r="D8540" cm="1">
        <f t="array" ref="D8540">IFERROR(INDEX(Jesper!AH$2:AH$366,ROUNDDOWN($C8540/24,0)+1,1)*INDEX($D$3:$AA$30,INDEX(Jesper!$R$2:$R$366,ROW(INDEX(Jesper!AH$2:AH$366,ROUNDDOWN($C8540/24,0)+1,1))-1)+IF('Standard Profiles'!$G$18=$B$10,7,0)+IF('Standard Profiles'!$G$18=$B$17,14,0)+IF('Standard Profiles'!$G$18=$B$24,21,0),MOD($C8540,24)+1)/SUM(INDEX($D$3:$AA$30,INDEX(Jesper!$R$2:$R$366,ROW(INDEX(Jesper!AH$2:AH$366,ROUNDDOWN($C8540/24,0)+1,1))-1)+IF('Standard Profiles'!$G$18=$B$10,7,0)+IF('Standard Profiles'!$G$18=$B$17,14,0)+IF('Standard Profiles'!$G$18=$B$24,21,0),0)),0)</f>
        <v>29.774765811746253</v>
      </c>
      <c r="E8540" cm="1">
        <f t="array" ref="E8540">IFERROR(INDEX(Jesper!AI$2:AI$366,ROUNDDOWN($C8540/24,0)+1,1)*INDEX($D$3:$AA$30,INDEX(Jesper!$R$2:$R$366,ROW(INDEX(Jesper!AI$2:AI$366,ROUNDDOWN($C8540/24,0)+1,1))-1)+IF('Standard Profiles'!$G$19=$B$10,7,0)+IF('Standard Profiles'!$G$19=$B$17,14,0)+IF('Standard Profiles'!$G$19=$B$24,21,0),MOD($C8540,24)+1)/SUM(INDEX($D$3:$AA$30,INDEX(Jesper!$R$2:$R$366,ROW(INDEX(Jesper!AI$2:AI$366,ROUNDDOWN($C8540/24,0)+1,1))-1)+IF('Standard Profiles'!$G$19=$B$10,7,0)+IF('Standard Profiles'!$G$19=$B$17,14,0)+IF('Standard Profiles'!$G$19=$B$24,21,0),0)),0)</f>
        <v>28.555265543408844</v>
      </c>
      <c r="F8540" cm="1">
        <f t="array" ref="F8540">IFERROR(INDEX(Jesper!AJ$2:AJ$366,ROUNDDOWN($C8540/24,0)+1,1)*INDEX($D$3:$AA$30,INDEX(Jesper!$R$2:$R$366,ROW(INDEX(Jesper!AJ$2:AJ$366,ROUNDDOWN($C8540/24,0)+1,1))-1)+IF('Standard Profiles'!$G$20=$B$10,7,0)+IF('Standard Profiles'!$G$20=$B$17,14,0)+IF('Standard Profiles'!$G$20=$B$24,21,0),MOD($C8540,24)+1)/SUM(INDEX($D$3:$AA$30,INDEX(Jesper!$R$2:$R$366,ROW(INDEX(Jesper!AJ$2:AJ$366,ROUNDDOWN($C8540/24,0)+1,1))-1)+IF('Standard Profiles'!$G$20=$B$10,7,0)+IF('Standard Profiles'!$G$20=$B$17,14,0)+IF('Standard Profiles'!$G$20=$B$24,21,0),0)),0)</f>
        <v>0</v>
      </c>
      <c r="G8540" cm="1">
        <f t="array" ref="G8540">IFERROR(INDEX(Jesper!AK$2:AK$366,ROUNDDOWN($C8540/24,0)+1,1)*INDEX($D$3:$AA$30,INDEX(Jesper!$R$2:$R$366,ROW(INDEX(Jesper!AK$2:AK$366,ROUNDDOWN($C8540/24,0)+1,1))-1)+IF('Standard Profiles'!$G$21=$B$10,7,0)+IF('Standard Profiles'!$G$21=$B$17,14,0)+IF('Standard Profiles'!$G$21=$B$24,21,0),MOD($C8540,24)+1)/SUM(INDEX($D$3:$AA$30,INDEX(Jesper!$R$2:$R$366,ROW(INDEX(Jesper!AK$2:AK$366,ROUNDDOWN($C8540/24,0)+1,1))-1)+IF('Standard Profiles'!$G$21=$B$10,7,0)+IF('Standard Profiles'!$G$21=$B$17,14,0)+IF('Standard Profiles'!$G$21=$B$24,21,0),0)),0)</f>
        <v>17.00908916561681</v>
      </c>
      <c r="H8540" cm="1">
        <f t="array" ref="H8540">IFERROR(INDEX(Jesper!AL$2:AL$366,ROUNDDOWN($C8540/24,0)+1,1)*INDEX($D$3:$AA$30,INDEX(Jesper!$R$2:$R$366,ROW(INDEX(Jesper!AL$2:AL$366,ROUNDDOWN($C8540/24,0)+1,1))-1)+IF('Standard Profiles'!$G$22=$B$10,7,0)+IF('Standard Profiles'!$G$22=$B$17,14,0)+IF('Standard Profiles'!$G$22=$B$24,21,0),MOD($C8540,24)+1)/SUM(INDEX($D$3:$AA$30,INDEX(Jesper!$R$2:$R$366,ROW(INDEX(Jesper!AL$2:AL$366,ROUNDDOWN($C8540/24,0)+1,1))-1)+IF('Standard Profiles'!$G$22=$B$10,7,0)+IF('Standard Profiles'!$G$22=$B$17,14,0)+IF('Standard Profiles'!$G$22=$B$24,21,0),0)),0)</f>
        <v>0</v>
      </c>
      <c r="I8540">
        <f t="shared" si="944"/>
        <v>8.1643627994960646</v>
      </c>
      <c r="J8540">
        <f t="shared" si="945"/>
        <v>62.410795191396438</v>
      </c>
      <c r="K8540">
        <f t="shared" si="946"/>
        <v>3.1759750199196004</v>
      </c>
      <c r="L8540">
        <f t="shared" si="947"/>
        <v>1.5879875099598002</v>
      </c>
      <c r="M8540">
        <f t="shared" si="948"/>
        <v>0</v>
      </c>
      <c r="N8540" s="45">
        <f t="shared" si="949"/>
        <v>45281.416666646037</v>
      </c>
    </row>
    <row r="8541" spans="2:14" x14ac:dyDescent="0.25">
      <c r="B8541">
        <f t="shared" si="943"/>
        <v>4</v>
      </c>
      <c r="C8541" s="16">
        <v>8507</v>
      </c>
      <c r="D8541" cm="1">
        <f t="array" ref="D8541">IFERROR(INDEX(Jesper!AH$2:AH$366,ROUNDDOWN($C8541/24,0)+1,1)*INDEX($D$3:$AA$30,INDEX(Jesper!$R$2:$R$366,ROW(INDEX(Jesper!AH$2:AH$366,ROUNDDOWN($C8541/24,0)+1,1))-1)+IF('Standard Profiles'!$G$18=$B$10,7,0)+IF('Standard Profiles'!$G$18=$B$17,14,0)+IF('Standard Profiles'!$G$18=$B$24,21,0),MOD($C8541,24)+1)/SUM(INDEX($D$3:$AA$30,INDEX(Jesper!$R$2:$R$366,ROW(INDEX(Jesper!AH$2:AH$366,ROUNDDOWN($C8541/24,0)+1,1))-1)+IF('Standard Profiles'!$G$18=$B$10,7,0)+IF('Standard Profiles'!$G$18=$B$17,14,0)+IF('Standard Profiles'!$G$18=$B$24,21,0),0)),0)</f>
        <v>35.62792490294423</v>
      </c>
      <c r="E8541" cm="1">
        <f t="array" ref="E8541">IFERROR(INDEX(Jesper!AI$2:AI$366,ROUNDDOWN($C8541/24,0)+1,1)*INDEX($D$3:$AA$30,INDEX(Jesper!$R$2:$R$366,ROW(INDEX(Jesper!AI$2:AI$366,ROUNDDOWN($C8541/24,0)+1,1))-1)+IF('Standard Profiles'!$G$19=$B$10,7,0)+IF('Standard Profiles'!$G$19=$B$17,14,0)+IF('Standard Profiles'!$G$19=$B$24,21,0),MOD($C8541,24)+1)/SUM(INDEX($D$3:$AA$30,INDEX(Jesper!$R$2:$R$366,ROW(INDEX(Jesper!AI$2:AI$366,ROUNDDOWN($C8541/24,0)+1,1))-1)+IF('Standard Profiles'!$G$19=$B$10,7,0)+IF('Standard Profiles'!$G$19=$B$17,14,0)+IF('Standard Profiles'!$G$19=$B$24,21,0),0)),0)</f>
        <v>34.168693812625961</v>
      </c>
      <c r="F8541" cm="1">
        <f t="array" ref="F8541">IFERROR(INDEX(Jesper!AJ$2:AJ$366,ROUNDDOWN($C8541/24,0)+1,1)*INDEX($D$3:$AA$30,INDEX(Jesper!$R$2:$R$366,ROW(INDEX(Jesper!AJ$2:AJ$366,ROUNDDOWN($C8541/24,0)+1,1))-1)+IF('Standard Profiles'!$G$20=$B$10,7,0)+IF('Standard Profiles'!$G$20=$B$17,14,0)+IF('Standard Profiles'!$G$20=$B$24,21,0),MOD($C8541,24)+1)/SUM(INDEX($D$3:$AA$30,INDEX(Jesper!$R$2:$R$366,ROW(INDEX(Jesper!AJ$2:AJ$366,ROUNDDOWN($C8541/24,0)+1,1))-1)+IF('Standard Profiles'!$G$20=$B$10,7,0)+IF('Standard Profiles'!$G$20=$B$17,14,0)+IF('Standard Profiles'!$G$20=$B$24,21,0),0)),0)</f>
        <v>0</v>
      </c>
      <c r="G8541" cm="1">
        <f t="array" ref="G8541">IFERROR(INDEX(Jesper!AK$2:AK$366,ROUNDDOWN($C8541/24,0)+1,1)*INDEX($D$3:$AA$30,INDEX(Jesper!$R$2:$R$366,ROW(INDEX(Jesper!AK$2:AK$366,ROUNDDOWN($C8541/24,0)+1,1))-1)+IF('Standard Profiles'!$G$21=$B$10,7,0)+IF('Standard Profiles'!$G$21=$B$17,14,0)+IF('Standard Profiles'!$G$21=$B$24,21,0),MOD($C8541,24)+1)/SUM(INDEX($D$3:$AA$30,INDEX(Jesper!$R$2:$R$366,ROW(INDEX(Jesper!AK$2:AK$366,ROUNDDOWN($C8541/24,0)+1,1))-1)+IF('Standard Profiles'!$G$21=$B$10,7,0)+IF('Standard Profiles'!$G$21=$B$17,14,0)+IF('Standard Profiles'!$G$21=$B$24,21,0),0)),0)</f>
        <v>20.352756266550031</v>
      </c>
      <c r="H8541" cm="1">
        <f t="array" ref="H8541">IFERROR(INDEX(Jesper!AL$2:AL$366,ROUNDDOWN($C8541/24,0)+1,1)*INDEX($D$3:$AA$30,INDEX(Jesper!$R$2:$R$366,ROW(INDEX(Jesper!AL$2:AL$366,ROUNDDOWN($C8541/24,0)+1,1))-1)+IF('Standard Profiles'!$G$22=$B$10,7,0)+IF('Standard Profiles'!$G$22=$B$17,14,0)+IF('Standard Profiles'!$G$22=$B$24,21,0),MOD($C8541,24)+1)/SUM(INDEX($D$3:$AA$30,INDEX(Jesper!$R$2:$R$366,ROW(INDEX(Jesper!AL$2:AL$366,ROUNDDOWN($C8541/24,0)+1,1))-1)+IF('Standard Profiles'!$G$22=$B$10,7,0)+IF('Standard Profiles'!$G$22=$B$17,14,0)+IF('Standard Profiles'!$G$22=$B$24,21,0),0)),0)</f>
        <v>0</v>
      </c>
      <c r="I8541">
        <f t="shared" si="944"/>
        <v>9.7693230079440099</v>
      </c>
      <c r="J8541">
        <f t="shared" si="945"/>
        <v>74.679583989705137</v>
      </c>
      <c r="K8541">
        <f t="shared" si="946"/>
        <v>3.8003119896473847</v>
      </c>
      <c r="L8541">
        <f t="shared" si="947"/>
        <v>1.9001559948236924</v>
      </c>
      <c r="M8541">
        <f t="shared" si="948"/>
        <v>0</v>
      </c>
      <c r="N8541" s="45">
        <f t="shared" si="949"/>
        <v>45281.458333312701</v>
      </c>
    </row>
    <row r="8542" spans="2:14" x14ac:dyDescent="0.25">
      <c r="B8542">
        <f t="shared" si="943"/>
        <v>4</v>
      </c>
      <c r="C8542" s="16">
        <v>8508</v>
      </c>
      <c r="D8542" cm="1">
        <f t="array" ref="D8542">IFERROR(INDEX(Jesper!AH$2:AH$366,ROUNDDOWN($C8542/24,0)+1,1)*INDEX($D$3:$AA$30,INDEX(Jesper!$R$2:$R$366,ROW(INDEX(Jesper!AH$2:AH$366,ROUNDDOWN($C8542/24,0)+1,1))-1)+IF('Standard Profiles'!$G$18=$B$10,7,0)+IF('Standard Profiles'!$G$18=$B$17,14,0)+IF('Standard Profiles'!$G$18=$B$24,21,0),MOD($C8542,24)+1)/SUM(INDEX($D$3:$AA$30,INDEX(Jesper!$R$2:$R$366,ROW(INDEX(Jesper!AH$2:AH$366,ROUNDDOWN($C8542/24,0)+1,1))-1)+IF('Standard Profiles'!$G$18=$B$10,7,0)+IF('Standard Profiles'!$G$18=$B$17,14,0)+IF('Standard Profiles'!$G$18=$B$24,21,0),0)),0)</f>
        <v>35.62792490294423</v>
      </c>
      <c r="E8542" cm="1">
        <f t="array" ref="E8542">IFERROR(INDEX(Jesper!AI$2:AI$366,ROUNDDOWN($C8542/24,0)+1,1)*INDEX($D$3:$AA$30,INDEX(Jesper!$R$2:$R$366,ROW(INDEX(Jesper!AI$2:AI$366,ROUNDDOWN($C8542/24,0)+1,1))-1)+IF('Standard Profiles'!$G$19=$B$10,7,0)+IF('Standard Profiles'!$G$19=$B$17,14,0)+IF('Standard Profiles'!$G$19=$B$24,21,0),MOD($C8542,24)+1)/SUM(INDEX($D$3:$AA$30,INDEX(Jesper!$R$2:$R$366,ROW(INDEX(Jesper!AI$2:AI$366,ROUNDDOWN($C8542/24,0)+1,1))-1)+IF('Standard Profiles'!$G$19=$B$10,7,0)+IF('Standard Profiles'!$G$19=$B$17,14,0)+IF('Standard Profiles'!$G$19=$B$24,21,0),0)),0)</f>
        <v>34.168693812625961</v>
      </c>
      <c r="F8542" cm="1">
        <f t="array" ref="F8542">IFERROR(INDEX(Jesper!AJ$2:AJ$366,ROUNDDOWN($C8542/24,0)+1,1)*INDEX($D$3:$AA$30,INDEX(Jesper!$R$2:$R$366,ROW(INDEX(Jesper!AJ$2:AJ$366,ROUNDDOWN($C8542/24,0)+1,1))-1)+IF('Standard Profiles'!$G$20=$B$10,7,0)+IF('Standard Profiles'!$G$20=$B$17,14,0)+IF('Standard Profiles'!$G$20=$B$24,21,0),MOD($C8542,24)+1)/SUM(INDEX($D$3:$AA$30,INDEX(Jesper!$R$2:$R$366,ROW(INDEX(Jesper!AJ$2:AJ$366,ROUNDDOWN($C8542/24,0)+1,1))-1)+IF('Standard Profiles'!$G$20=$B$10,7,0)+IF('Standard Profiles'!$G$20=$B$17,14,0)+IF('Standard Profiles'!$G$20=$B$24,21,0),0)),0)</f>
        <v>0</v>
      </c>
      <c r="G8542" cm="1">
        <f t="array" ref="G8542">IFERROR(INDEX(Jesper!AK$2:AK$366,ROUNDDOWN($C8542/24,0)+1,1)*INDEX($D$3:$AA$30,INDEX(Jesper!$R$2:$R$366,ROW(INDEX(Jesper!AK$2:AK$366,ROUNDDOWN($C8542/24,0)+1,1))-1)+IF('Standard Profiles'!$G$21=$B$10,7,0)+IF('Standard Profiles'!$G$21=$B$17,14,0)+IF('Standard Profiles'!$G$21=$B$24,21,0),MOD($C8542,24)+1)/SUM(INDEX($D$3:$AA$30,INDEX(Jesper!$R$2:$R$366,ROW(INDEX(Jesper!AK$2:AK$366,ROUNDDOWN($C8542/24,0)+1,1))-1)+IF('Standard Profiles'!$G$21=$B$10,7,0)+IF('Standard Profiles'!$G$21=$B$17,14,0)+IF('Standard Profiles'!$G$21=$B$24,21,0),0)),0)</f>
        <v>20.352756266550031</v>
      </c>
      <c r="H8542" cm="1">
        <f t="array" ref="H8542">IFERROR(INDEX(Jesper!AL$2:AL$366,ROUNDDOWN($C8542/24,0)+1,1)*INDEX($D$3:$AA$30,INDEX(Jesper!$R$2:$R$366,ROW(INDEX(Jesper!AL$2:AL$366,ROUNDDOWN($C8542/24,0)+1,1))-1)+IF('Standard Profiles'!$G$22=$B$10,7,0)+IF('Standard Profiles'!$G$22=$B$17,14,0)+IF('Standard Profiles'!$G$22=$B$24,21,0),MOD($C8542,24)+1)/SUM(INDEX($D$3:$AA$30,INDEX(Jesper!$R$2:$R$366,ROW(INDEX(Jesper!AL$2:AL$366,ROUNDDOWN($C8542/24,0)+1,1))-1)+IF('Standard Profiles'!$G$22=$B$10,7,0)+IF('Standard Profiles'!$G$22=$B$17,14,0)+IF('Standard Profiles'!$G$22=$B$24,21,0),0)),0)</f>
        <v>0</v>
      </c>
      <c r="I8542">
        <f t="shared" si="944"/>
        <v>9.7693230079440099</v>
      </c>
      <c r="J8542">
        <f t="shared" si="945"/>
        <v>74.679583989705137</v>
      </c>
      <c r="K8542">
        <f t="shared" si="946"/>
        <v>3.8003119896473847</v>
      </c>
      <c r="L8542">
        <f t="shared" si="947"/>
        <v>1.9001559948236924</v>
      </c>
      <c r="M8542">
        <f t="shared" si="948"/>
        <v>0</v>
      </c>
      <c r="N8542" s="45">
        <f t="shared" si="949"/>
        <v>45281.499999979365</v>
      </c>
    </row>
    <row r="8543" spans="2:14" x14ac:dyDescent="0.25">
      <c r="B8543">
        <f t="shared" si="943"/>
        <v>4</v>
      </c>
      <c r="C8543" s="16">
        <v>8509</v>
      </c>
      <c r="D8543" cm="1">
        <f t="array" ref="D8543">IFERROR(INDEX(Jesper!AH$2:AH$366,ROUNDDOWN($C8543/24,0)+1,1)*INDEX($D$3:$AA$30,INDEX(Jesper!$R$2:$R$366,ROW(INDEX(Jesper!AH$2:AH$366,ROUNDDOWN($C8543/24,0)+1,1))-1)+IF('Standard Profiles'!$G$18=$B$10,7,0)+IF('Standard Profiles'!$G$18=$B$17,14,0)+IF('Standard Profiles'!$G$18=$B$24,21,0),MOD($C8543,24)+1)/SUM(INDEX($D$3:$AA$30,INDEX(Jesper!$R$2:$R$366,ROW(INDEX(Jesper!AH$2:AH$366,ROUNDDOWN($C8543/24,0)+1,1))-1)+IF('Standard Profiles'!$G$18=$B$10,7,0)+IF('Standard Profiles'!$G$18=$B$17,14,0)+IF('Standard Profiles'!$G$18=$B$24,21,0),0)),0)</f>
        <v>23.667121542670095</v>
      </c>
      <c r="E8543" cm="1">
        <f t="array" ref="E8543">IFERROR(INDEX(Jesper!AI$2:AI$366,ROUNDDOWN($C8543/24,0)+1,1)*INDEX($D$3:$AA$30,INDEX(Jesper!$R$2:$R$366,ROW(INDEX(Jesper!AI$2:AI$366,ROUNDDOWN($C8543/24,0)+1,1))-1)+IF('Standard Profiles'!$G$19=$B$10,7,0)+IF('Standard Profiles'!$G$19=$B$17,14,0)+IF('Standard Profiles'!$G$19=$B$24,21,0),MOD($C8543,24)+1)/SUM(INDEX($D$3:$AA$30,INDEX(Jesper!$R$2:$R$366,ROW(INDEX(Jesper!AI$2:AI$366,ROUNDDOWN($C8543/24,0)+1,1))-1)+IF('Standard Profiles'!$G$19=$B$10,7,0)+IF('Standard Profiles'!$G$19=$B$17,14,0)+IF('Standard Profiles'!$G$19=$B$24,21,0),0)),0)</f>
        <v>22.697775175530101</v>
      </c>
      <c r="F8543" cm="1">
        <f t="array" ref="F8543">IFERROR(INDEX(Jesper!AJ$2:AJ$366,ROUNDDOWN($C8543/24,0)+1,1)*INDEX($D$3:$AA$30,INDEX(Jesper!$R$2:$R$366,ROW(INDEX(Jesper!AJ$2:AJ$366,ROUNDDOWN($C8543/24,0)+1,1))-1)+IF('Standard Profiles'!$G$20=$B$10,7,0)+IF('Standard Profiles'!$G$20=$B$17,14,0)+IF('Standard Profiles'!$G$20=$B$24,21,0),MOD($C8543,24)+1)/SUM(INDEX($D$3:$AA$30,INDEX(Jesper!$R$2:$R$366,ROW(INDEX(Jesper!AJ$2:AJ$366,ROUNDDOWN($C8543/24,0)+1,1))-1)+IF('Standard Profiles'!$G$20=$B$10,7,0)+IF('Standard Profiles'!$G$20=$B$17,14,0)+IF('Standard Profiles'!$G$20=$B$24,21,0),0)),0)</f>
        <v>0</v>
      </c>
      <c r="G8543" cm="1">
        <f t="array" ref="G8543">IFERROR(INDEX(Jesper!AK$2:AK$366,ROUNDDOWN($C8543/24,0)+1,1)*INDEX($D$3:$AA$30,INDEX(Jesper!$R$2:$R$366,ROW(INDEX(Jesper!AK$2:AK$366,ROUNDDOWN($C8543/24,0)+1,1))-1)+IF('Standard Profiles'!$G$21=$B$10,7,0)+IF('Standard Profiles'!$G$21=$B$17,14,0)+IF('Standard Profiles'!$G$21=$B$24,21,0),MOD($C8543,24)+1)/SUM(INDEX($D$3:$AA$30,INDEX(Jesper!$R$2:$R$366,ROW(INDEX(Jesper!AK$2:AK$366,ROUNDDOWN($C8543/24,0)+1,1))-1)+IF('Standard Profiles'!$G$21=$B$10,7,0)+IF('Standard Profiles'!$G$21=$B$17,14,0)+IF('Standard Profiles'!$G$21=$B$24,21,0),0)),0)</f>
        <v>13.520045234208236</v>
      </c>
      <c r="H8543" cm="1">
        <f t="array" ref="H8543">IFERROR(INDEX(Jesper!AL$2:AL$366,ROUNDDOWN($C8543/24,0)+1,1)*INDEX($D$3:$AA$30,INDEX(Jesper!$R$2:$R$366,ROW(INDEX(Jesper!AL$2:AL$366,ROUNDDOWN($C8543/24,0)+1,1))-1)+IF('Standard Profiles'!$G$22=$B$10,7,0)+IF('Standard Profiles'!$G$22=$B$17,14,0)+IF('Standard Profiles'!$G$22=$B$24,21,0),MOD($C8543,24)+1)/SUM(INDEX($D$3:$AA$30,INDEX(Jesper!$R$2:$R$366,ROW(INDEX(Jesper!AL$2:AL$366,ROUNDDOWN($C8543/24,0)+1,1))-1)+IF('Standard Profiles'!$G$22=$B$10,7,0)+IF('Standard Profiles'!$G$22=$B$17,14,0)+IF('Standard Profiles'!$G$22=$B$24,21,0),0)),0)</f>
        <v>0</v>
      </c>
      <c r="I8543">
        <f t="shared" si="944"/>
        <v>6.4896217124199502</v>
      </c>
      <c r="J8543">
        <f t="shared" si="945"/>
        <v>49.608580793161266</v>
      </c>
      <c r="K8543">
        <f t="shared" si="946"/>
        <v>2.5244929645514769</v>
      </c>
      <c r="L8543">
        <f t="shared" si="947"/>
        <v>1.2622464822757384</v>
      </c>
      <c r="M8543">
        <f t="shared" si="948"/>
        <v>0</v>
      </c>
      <c r="N8543" s="45">
        <f t="shared" si="949"/>
        <v>45281.54166664603</v>
      </c>
    </row>
    <row r="8544" spans="2:14" x14ac:dyDescent="0.25">
      <c r="B8544">
        <f t="shared" si="943"/>
        <v>4</v>
      </c>
      <c r="C8544" s="16">
        <v>8510</v>
      </c>
      <c r="D8544" cm="1">
        <f t="array" ref="D8544">IFERROR(INDEX(Jesper!AH$2:AH$366,ROUNDDOWN($C8544/24,0)+1,1)*INDEX($D$3:$AA$30,INDEX(Jesper!$R$2:$R$366,ROW(INDEX(Jesper!AH$2:AH$366,ROUNDDOWN($C8544/24,0)+1,1))-1)+IF('Standard Profiles'!$G$18=$B$10,7,0)+IF('Standard Profiles'!$G$18=$B$17,14,0)+IF('Standard Profiles'!$G$18=$B$24,21,0),MOD($C8544,24)+1)/SUM(INDEX($D$3:$AA$30,INDEX(Jesper!$R$2:$R$366,ROW(INDEX(Jesper!AH$2:AH$366,ROUNDDOWN($C8544/24,0)+1,1))-1)+IF('Standard Profiles'!$G$18=$B$10,7,0)+IF('Standard Profiles'!$G$18=$B$17,14,0)+IF('Standard Profiles'!$G$18=$B$24,21,0),0)),0)</f>
        <v>35.62792490294423</v>
      </c>
      <c r="E8544" cm="1">
        <f t="array" ref="E8544">IFERROR(INDEX(Jesper!AI$2:AI$366,ROUNDDOWN($C8544/24,0)+1,1)*INDEX($D$3:$AA$30,INDEX(Jesper!$R$2:$R$366,ROW(INDEX(Jesper!AI$2:AI$366,ROUNDDOWN($C8544/24,0)+1,1))-1)+IF('Standard Profiles'!$G$19=$B$10,7,0)+IF('Standard Profiles'!$G$19=$B$17,14,0)+IF('Standard Profiles'!$G$19=$B$24,21,0),MOD($C8544,24)+1)/SUM(INDEX($D$3:$AA$30,INDEX(Jesper!$R$2:$R$366,ROW(INDEX(Jesper!AI$2:AI$366,ROUNDDOWN($C8544/24,0)+1,1))-1)+IF('Standard Profiles'!$G$19=$B$10,7,0)+IF('Standard Profiles'!$G$19=$B$17,14,0)+IF('Standard Profiles'!$G$19=$B$24,21,0),0)),0)</f>
        <v>34.168693812625961</v>
      </c>
      <c r="F8544" cm="1">
        <f t="array" ref="F8544">IFERROR(INDEX(Jesper!AJ$2:AJ$366,ROUNDDOWN($C8544/24,0)+1,1)*INDEX($D$3:$AA$30,INDEX(Jesper!$R$2:$R$366,ROW(INDEX(Jesper!AJ$2:AJ$366,ROUNDDOWN($C8544/24,0)+1,1))-1)+IF('Standard Profiles'!$G$20=$B$10,7,0)+IF('Standard Profiles'!$G$20=$B$17,14,0)+IF('Standard Profiles'!$G$20=$B$24,21,0),MOD($C8544,24)+1)/SUM(INDEX($D$3:$AA$30,INDEX(Jesper!$R$2:$R$366,ROW(INDEX(Jesper!AJ$2:AJ$366,ROUNDDOWN($C8544/24,0)+1,1))-1)+IF('Standard Profiles'!$G$20=$B$10,7,0)+IF('Standard Profiles'!$G$20=$B$17,14,0)+IF('Standard Profiles'!$G$20=$B$24,21,0),0)),0)</f>
        <v>0</v>
      </c>
      <c r="G8544" cm="1">
        <f t="array" ref="G8544">IFERROR(INDEX(Jesper!AK$2:AK$366,ROUNDDOWN($C8544/24,0)+1,1)*INDEX($D$3:$AA$30,INDEX(Jesper!$R$2:$R$366,ROW(INDEX(Jesper!AK$2:AK$366,ROUNDDOWN($C8544/24,0)+1,1))-1)+IF('Standard Profiles'!$G$21=$B$10,7,0)+IF('Standard Profiles'!$G$21=$B$17,14,0)+IF('Standard Profiles'!$G$21=$B$24,21,0),MOD($C8544,24)+1)/SUM(INDEX($D$3:$AA$30,INDEX(Jesper!$R$2:$R$366,ROW(INDEX(Jesper!AK$2:AK$366,ROUNDDOWN($C8544/24,0)+1,1))-1)+IF('Standard Profiles'!$G$21=$B$10,7,0)+IF('Standard Profiles'!$G$21=$B$17,14,0)+IF('Standard Profiles'!$G$21=$B$24,21,0),0)),0)</f>
        <v>20.352756266550031</v>
      </c>
      <c r="H8544" cm="1">
        <f t="array" ref="H8544">IFERROR(INDEX(Jesper!AL$2:AL$366,ROUNDDOWN($C8544/24,0)+1,1)*INDEX($D$3:$AA$30,INDEX(Jesper!$R$2:$R$366,ROW(INDEX(Jesper!AL$2:AL$366,ROUNDDOWN($C8544/24,0)+1,1))-1)+IF('Standard Profiles'!$G$22=$B$10,7,0)+IF('Standard Profiles'!$G$22=$B$17,14,0)+IF('Standard Profiles'!$G$22=$B$24,21,0),MOD($C8544,24)+1)/SUM(INDEX($D$3:$AA$30,INDEX(Jesper!$R$2:$R$366,ROW(INDEX(Jesper!AL$2:AL$366,ROUNDDOWN($C8544/24,0)+1,1))-1)+IF('Standard Profiles'!$G$22=$B$10,7,0)+IF('Standard Profiles'!$G$22=$B$17,14,0)+IF('Standard Profiles'!$G$22=$B$24,21,0),0)),0)</f>
        <v>0</v>
      </c>
      <c r="I8544">
        <f t="shared" si="944"/>
        <v>9.7693230079440099</v>
      </c>
      <c r="J8544">
        <f t="shared" si="945"/>
        <v>74.679583989705137</v>
      </c>
      <c r="K8544">
        <f t="shared" si="946"/>
        <v>3.8003119896473847</v>
      </c>
      <c r="L8544">
        <f t="shared" si="947"/>
        <v>1.9001559948236924</v>
      </c>
      <c r="M8544">
        <f t="shared" si="948"/>
        <v>0</v>
      </c>
      <c r="N8544" s="45">
        <f t="shared" si="949"/>
        <v>45281.583333312694</v>
      </c>
    </row>
    <row r="8545" spans="2:14" x14ac:dyDescent="0.25">
      <c r="B8545">
        <f t="shared" si="943"/>
        <v>4</v>
      </c>
      <c r="C8545" s="16">
        <v>8511</v>
      </c>
      <c r="D8545" cm="1">
        <f t="array" ref="D8545">IFERROR(INDEX(Jesper!AH$2:AH$366,ROUNDDOWN($C8545/24,0)+1,1)*INDEX($D$3:$AA$30,INDEX(Jesper!$R$2:$R$366,ROW(INDEX(Jesper!AH$2:AH$366,ROUNDDOWN($C8545/24,0)+1,1))-1)+IF('Standard Profiles'!$G$18=$B$10,7,0)+IF('Standard Profiles'!$G$18=$B$17,14,0)+IF('Standard Profiles'!$G$18=$B$24,21,0),MOD($C8545,24)+1)/SUM(INDEX($D$3:$AA$30,INDEX(Jesper!$R$2:$R$366,ROW(INDEX(Jesper!AH$2:AH$366,ROUNDDOWN($C8545/24,0)+1,1))-1)+IF('Standard Profiles'!$G$18=$B$10,7,0)+IF('Standard Profiles'!$G$18=$B$17,14,0)+IF('Standard Profiles'!$G$18=$B$24,21,0),0)),0)</f>
        <v>35.62792490294423</v>
      </c>
      <c r="E8545" cm="1">
        <f t="array" ref="E8545">IFERROR(INDEX(Jesper!AI$2:AI$366,ROUNDDOWN($C8545/24,0)+1,1)*INDEX($D$3:$AA$30,INDEX(Jesper!$R$2:$R$366,ROW(INDEX(Jesper!AI$2:AI$366,ROUNDDOWN($C8545/24,0)+1,1))-1)+IF('Standard Profiles'!$G$19=$B$10,7,0)+IF('Standard Profiles'!$G$19=$B$17,14,0)+IF('Standard Profiles'!$G$19=$B$24,21,0),MOD($C8545,24)+1)/SUM(INDEX($D$3:$AA$30,INDEX(Jesper!$R$2:$R$366,ROW(INDEX(Jesper!AI$2:AI$366,ROUNDDOWN($C8545/24,0)+1,1))-1)+IF('Standard Profiles'!$G$19=$B$10,7,0)+IF('Standard Profiles'!$G$19=$B$17,14,0)+IF('Standard Profiles'!$G$19=$B$24,21,0),0)),0)</f>
        <v>34.168693812625961</v>
      </c>
      <c r="F8545" cm="1">
        <f t="array" ref="F8545">IFERROR(INDEX(Jesper!AJ$2:AJ$366,ROUNDDOWN($C8545/24,0)+1,1)*INDEX($D$3:$AA$30,INDEX(Jesper!$R$2:$R$366,ROW(INDEX(Jesper!AJ$2:AJ$366,ROUNDDOWN($C8545/24,0)+1,1))-1)+IF('Standard Profiles'!$G$20=$B$10,7,0)+IF('Standard Profiles'!$G$20=$B$17,14,0)+IF('Standard Profiles'!$G$20=$B$24,21,0),MOD($C8545,24)+1)/SUM(INDEX($D$3:$AA$30,INDEX(Jesper!$R$2:$R$366,ROW(INDEX(Jesper!AJ$2:AJ$366,ROUNDDOWN($C8545/24,0)+1,1))-1)+IF('Standard Profiles'!$G$20=$B$10,7,0)+IF('Standard Profiles'!$G$20=$B$17,14,0)+IF('Standard Profiles'!$G$20=$B$24,21,0),0)),0)</f>
        <v>0</v>
      </c>
      <c r="G8545" cm="1">
        <f t="array" ref="G8545">IFERROR(INDEX(Jesper!AK$2:AK$366,ROUNDDOWN($C8545/24,0)+1,1)*INDEX($D$3:$AA$30,INDEX(Jesper!$R$2:$R$366,ROW(INDEX(Jesper!AK$2:AK$366,ROUNDDOWN($C8545/24,0)+1,1))-1)+IF('Standard Profiles'!$G$21=$B$10,7,0)+IF('Standard Profiles'!$G$21=$B$17,14,0)+IF('Standard Profiles'!$G$21=$B$24,21,0),MOD($C8545,24)+1)/SUM(INDEX($D$3:$AA$30,INDEX(Jesper!$R$2:$R$366,ROW(INDEX(Jesper!AK$2:AK$366,ROUNDDOWN($C8545/24,0)+1,1))-1)+IF('Standard Profiles'!$G$21=$B$10,7,0)+IF('Standard Profiles'!$G$21=$B$17,14,0)+IF('Standard Profiles'!$G$21=$B$24,21,0),0)),0)</f>
        <v>20.352756266550031</v>
      </c>
      <c r="H8545" cm="1">
        <f t="array" ref="H8545">IFERROR(INDEX(Jesper!AL$2:AL$366,ROUNDDOWN($C8545/24,0)+1,1)*INDEX($D$3:$AA$30,INDEX(Jesper!$R$2:$R$366,ROW(INDEX(Jesper!AL$2:AL$366,ROUNDDOWN($C8545/24,0)+1,1))-1)+IF('Standard Profiles'!$G$22=$B$10,7,0)+IF('Standard Profiles'!$G$22=$B$17,14,0)+IF('Standard Profiles'!$G$22=$B$24,21,0),MOD($C8545,24)+1)/SUM(INDEX($D$3:$AA$30,INDEX(Jesper!$R$2:$R$366,ROW(INDEX(Jesper!AL$2:AL$366,ROUNDDOWN($C8545/24,0)+1,1))-1)+IF('Standard Profiles'!$G$22=$B$10,7,0)+IF('Standard Profiles'!$G$22=$B$17,14,0)+IF('Standard Profiles'!$G$22=$B$24,21,0),0)),0)</f>
        <v>0</v>
      </c>
      <c r="I8545">
        <f t="shared" si="944"/>
        <v>9.7693230079440099</v>
      </c>
      <c r="J8545">
        <f t="shared" si="945"/>
        <v>74.679583989705137</v>
      </c>
      <c r="K8545">
        <f t="shared" si="946"/>
        <v>3.8003119896473847</v>
      </c>
      <c r="L8545">
        <f t="shared" si="947"/>
        <v>1.9001559948236924</v>
      </c>
      <c r="M8545">
        <f t="shared" si="948"/>
        <v>0</v>
      </c>
      <c r="N8545" s="45">
        <f t="shared" si="949"/>
        <v>45281.624999979358</v>
      </c>
    </row>
    <row r="8546" spans="2:14" x14ac:dyDescent="0.25">
      <c r="B8546">
        <f t="shared" si="943"/>
        <v>4</v>
      </c>
      <c r="C8546" s="16">
        <v>8512</v>
      </c>
      <c r="D8546" cm="1">
        <f t="array" ref="D8546">IFERROR(INDEX(Jesper!AH$2:AH$366,ROUNDDOWN($C8546/24,0)+1,1)*INDEX($D$3:$AA$30,INDEX(Jesper!$R$2:$R$366,ROW(INDEX(Jesper!AH$2:AH$366,ROUNDDOWN($C8546/24,0)+1,1))-1)+IF('Standard Profiles'!$G$18=$B$10,7,0)+IF('Standard Profiles'!$G$18=$B$17,14,0)+IF('Standard Profiles'!$G$18=$B$24,21,0),MOD($C8546,24)+1)/SUM(INDEX($D$3:$AA$30,INDEX(Jesper!$R$2:$R$366,ROW(INDEX(Jesper!AH$2:AH$366,ROUNDDOWN($C8546/24,0)+1,1))-1)+IF('Standard Profiles'!$G$18=$B$10,7,0)+IF('Standard Profiles'!$G$18=$B$17,14,0)+IF('Standard Profiles'!$G$18=$B$24,21,0),0)),0)</f>
        <v>20.995027174949279</v>
      </c>
      <c r="E8546" cm="1">
        <f t="array" ref="E8546">IFERROR(INDEX(Jesper!AI$2:AI$366,ROUNDDOWN($C8546/24,0)+1,1)*INDEX($D$3:$AA$30,INDEX(Jesper!$R$2:$R$366,ROW(INDEX(Jesper!AI$2:AI$366,ROUNDDOWN($C8546/24,0)+1,1))-1)+IF('Standard Profiles'!$G$19=$B$10,7,0)+IF('Standard Profiles'!$G$19=$B$17,14,0)+IF('Standard Profiles'!$G$19=$B$24,21,0),MOD($C8546,24)+1)/SUM(INDEX($D$3:$AA$30,INDEX(Jesper!$R$2:$R$366,ROW(INDEX(Jesper!AI$2:AI$366,ROUNDDOWN($C8546/24,0)+1,1))-1)+IF('Standard Profiles'!$G$19=$B$10,7,0)+IF('Standard Profiles'!$G$19=$B$17,14,0)+IF('Standard Profiles'!$G$19=$B$24,21,0),0)),0)</f>
        <v>20.135123139583154</v>
      </c>
      <c r="F8546" cm="1">
        <f t="array" ref="F8546">IFERROR(INDEX(Jesper!AJ$2:AJ$366,ROUNDDOWN($C8546/24,0)+1,1)*INDEX($D$3:$AA$30,INDEX(Jesper!$R$2:$R$366,ROW(INDEX(Jesper!AJ$2:AJ$366,ROUNDDOWN($C8546/24,0)+1,1))-1)+IF('Standard Profiles'!$G$20=$B$10,7,0)+IF('Standard Profiles'!$G$20=$B$17,14,0)+IF('Standard Profiles'!$G$20=$B$24,21,0),MOD($C8546,24)+1)/SUM(INDEX($D$3:$AA$30,INDEX(Jesper!$R$2:$R$366,ROW(INDEX(Jesper!AJ$2:AJ$366,ROUNDDOWN($C8546/24,0)+1,1))-1)+IF('Standard Profiles'!$G$20=$B$10,7,0)+IF('Standard Profiles'!$G$20=$B$17,14,0)+IF('Standard Profiles'!$G$20=$B$24,21,0),0)),0)</f>
        <v>0</v>
      </c>
      <c r="G8546" cm="1">
        <f t="array" ref="G8546">IFERROR(INDEX(Jesper!AK$2:AK$366,ROUNDDOWN($C8546/24,0)+1,1)*INDEX($D$3:$AA$30,INDEX(Jesper!$R$2:$R$366,ROW(INDEX(Jesper!AK$2:AK$366,ROUNDDOWN($C8546/24,0)+1,1))-1)+IF('Standard Profiles'!$G$21=$B$10,7,0)+IF('Standard Profiles'!$G$21=$B$17,14,0)+IF('Standard Profiles'!$G$21=$B$24,21,0),MOD($C8546,24)+1)/SUM(INDEX($D$3:$AA$30,INDEX(Jesper!$R$2:$R$366,ROW(INDEX(Jesper!AK$2:AK$366,ROUNDDOWN($C8546/24,0)+1,1))-1)+IF('Standard Profiles'!$G$21=$B$10,7,0)+IF('Standard Profiles'!$G$21=$B$17,14,0)+IF('Standard Profiles'!$G$21=$B$24,21,0),0)),0)</f>
        <v>17.00658266853965</v>
      </c>
      <c r="H8546" cm="1">
        <f t="array" ref="H8546">IFERROR(INDEX(Jesper!AL$2:AL$366,ROUNDDOWN($C8546/24,0)+1,1)*INDEX($D$3:$AA$30,INDEX(Jesper!$R$2:$R$366,ROW(INDEX(Jesper!AL$2:AL$366,ROUNDDOWN($C8546/24,0)+1,1))-1)+IF('Standard Profiles'!$G$22=$B$10,7,0)+IF('Standard Profiles'!$G$22=$B$17,14,0)+IF('Standard Profiles'!$G$22=$B$24,21,0),MOD($C8546,24)+1)/SUM(INDEX($D$3:$AA$30,INDEX(Jesper!$R$2:$R$366,ROW(INDEX(Jesper!AL$2:AL$366,ROUNDDOWN($C8546/24,0)+1,1))-1)+IF('Standard Profiles'!$G$22=$B$10,7,0)+IF('Standard Profiles'!$G$22=$B$17,14,0)+IF('Standard Profiles'!$G$22=$B$24,21,0),0)),0)</f>
        <v>0</v>
      </c>
      <c r="I8546">
        <f t="shared" si="944"/>
        <v>8.1631596808990281</v>
      </c>
      <c r="J8546">
        <f t="shared" si="945"/>
        <v>46.614368954181174</v>
      </c>
      <c r="K8546">
        <f t="shared" si="946"/>
        <v>2.2394695653279233</v>
      </c>
      <c r="L8546">
        <f t="shared" si="947"/>
        <v>1.1197347826639616</v>
      </c>
      <c r="M8546">
        <f t="shared" si="948"/>
        <v>0</v>
      </c>
      <c r="N8546" s="45">
        <f t="shared" si="949"/>
        <v>45281.666666646022</v>
      </c>
    </row>
    <row r="8547" spans="2:14" x14ac:dyDescent="0.25">
      <c r="B8547">
        <f t="shared" ref="B8547:B8610" si="950">WEEKDAY(N8547,2)</f>
        <v>4</v>
      </c>
      <c r="C8547" s="16">
        <v>8513</v>
      </c>
      <c r="D8547" cm="1">
        <f t="array" ref="D8547">IFERROR(INDEX(Jesper!AH$2:AH$366,ROUNDDOWN($C8547/24,0)+1,1)*INDEX($D$3:$AA$30,INDEX(Jesper!$R$2:$R$366,ROW(INDEX(Jesper!AH$2:AH$366,ROUNDDOWN($C8547/24,0)+1,1))-1)+IF('Standard Profiles'!$G$18=$B$10,7,0)+IF('Standard Profiles'!$G$18=$B$17,14,0)+IF('Standard Profiles'!$G$18=$B$24,21,0),MOD($C8547,24)+1)/SUM(INDEX($D$3:$AA$30,INDEX(Jesper!$R$2:$R$366,ROW(INDEX(Jesper!AH$2:AH$366,ROUNDDOWN($C8547/24,0)+1,1))-1)+IF('Standard Profiles'!$G$18=$B$10,7,0)+IF('Standard Profiles'!$G$18=$B$17,14,0)+IF('Standard Profiles'!$G$18=$B$24,21,0),0)),0)</f>
        <v>8.9607456999356732</v>
      </c>
      <c r="E8547" cm="1">
        <f t="array" ref="E8547">IFERROR(INDEX(Jesper!AI$2:AI$366,ROUNDDOWN($C8547/24,0)+1,1)*INDEX($D$3:$AA$30,INDEX(Jesper!$R$2:$R$366,ROW(INDEX(Jesper!AI$2:AI$366,ROUNDDOWN($C8547/24,0)+1,1))-1)+IF('Standard Profiles'!$G$19=$B$10,7,0)+IF('Standard Profiles'!$G$19=$B$17,14,0)+IF('Standard Profiles'!$G$19=$B$24,21,0),MOD($C8547,24)+1)/SUM(INDEX($D$3:$AA$30,INDEX(Jesper!$R$2:$R$366,ROW(INDEX(Jesper!AI$2:AI$366,ROUNDDOWN($C8547/24,0)+1,1))-1)+IF('Standard Profiles'!$G$19=$B$10,7,0)+IF('Standard Profiles'!$G$19=$B$17,14,0)+IF('Standard Profiles'!$G$19=$B$24,21,0),0)),0)</f>
        <v>8.5937358683666911</v>
      </c>
      <c r="F8547" cm="1">
        <f t="array" ref="F8547">IFERROR(INDEX(Jesper!AJ$2:AJ$366,ROUNDDOWN($C8547/24,0)+1,1)*INDEX($D$3:$AA$30,INDEX(Jesper!$R$2:$R$366,ROW(INDEX(Jesper!AJ$2:AJ$366,ROUNDDOWN($C8547/24,0)+1,1))-1)+IF('Standard Profiles'!$G$20=$B$10,7,0)+IF('Standard Profiles'!$G$20=$B$17,14,0)+IF('Standard Profiles'!$G$20=$B$24,21,0),MOD($C8547,24)+1)/SUM(INDEX($D$3:$AA$30,INDEX(Jesper!$R$2:$R$366,ROW(INDEX(Jesper!AJ$2:AJ$366,ROUNDDOWN($C8547/24,0)+1,1))-1)+IF('Standard Profiles'!$G$20=$B$10,7,0)+IF('Standard Profiles'!$G$20=$B$17,14,0)+IF('Standard Profiles'!$G$20=$B$24,21,0),0)),0)</f>
        <v>0</v>
      </c>
      <c r="G8547" cm="1">
        <f t="array" ref="G8547">IFERROR(INDEX(Jesper!AK$2:AK$366,ROUNDDOWN($C8547/24,0)+1,1)*INDEX($D$3:$AA$30,INDEX(Jesper!$R$2:$R$366,ROW(INDEX(Jesper!AK$2:AK$366,ROUNDDOWN($C8547/24,0)+1,1))-1)+IF('Standard Profiles'!$G$21=$B$10,7,0)+IF('Standard Profiles'!$G$21=$B$17,14,0)+IF('Standard Profiles'!$G$21=$B$24,21,0),MOD($C8547,24)+1)/SUM(INDEX($D$3:$AA$30,INDEX(Jesper!$R$2:$R$366,ROW(INDEX(Jesper!AK$2:AK$366,ROUNDDOWN($C8547/24,0)+1,1))-1)+IF('Standard Profiles'!$G$21=$B$10,7,0)+IF('Standard Profiles'!$G$21=$B$17,14,0)+IF('Standard Profiles'!$G$21=$B$24,21,0),0)),0)</f>
        <v>13.522551731285395</v>
      </c>
      <c r="H8547" cm="1">
        <f t="array" ref="H8547">IFERROR(INDEX(Jesper!AL$2:AL$366,ROUNDDOWN($C8547/24,0)+1,1)*INDEX($D$3:$AA$30,INDEX(Jesper!$R$2:$R$366,ROW(INDEX(Jesper!AL$2:AL$366,ROUNDDOWN($C8547/24,0)+1,1))-1)+IF('Standard Profiles'!$G$22=$B$10,7,0)+IF('Standard Profiles'!$G$22=$B$17,14,0)+IF('Standard Profiles'!$G$22=$B$24,21,0),MOD($C8547,24)+1)/SUM(INDEX($D$3:$AA$30,INDEX(Jesper!$R$2:$R$366,ROW(INDEX(Jesper!AL$2:AL$366,ROUNDDOWN($C8547/24,0)+1,1))-1)+IF('Standard Profiles'!$G$22=$B$10,7,0)+IF('Standard Profiles'!$G$22=$B$17,14,0)+IF('Standard Profiles'!$G$22=$B$24,21,0),0)),0)</f>
        <v>0</v>
      </c>
      <c r="I8547">
        <f t="shared" ref="I8547:I8610" si="951">IF($B8547&lt;6,AC$37*$D8547+AC$38*$E8547+AC$39*$F8547+AC$40*$G8547,AC$46*$D8547+AC$47*$E8547+AC$48*$F8547+AC$49*$G8547+AC$50*$H8547)</f>
        <v>6.4908248310169867</v>
      </c>
      <c r="J8547">
        <f t="shared" ref="J8547:J8610" si="952">IF($B8547&lt;6,AD$37*$D8547+AD$38*$E8547+AD$39*$F8547+AD$40*$G8547,AD$46*$D8547+AD$47*$E8547+AD$48*$F8547+AD$49*$G8547+AD$50*$H8547)</f>
        <v>23.152489156581062</v>
      </c>
      <c r="K8547">
        <f t="shared" ref="K8547:K8610" si="953">IF($B8547&lt;6,AE$37*$D8547+AE$38*$E8547+AE$39*$F8547+AE$40*$G8547,AE$46*$D8547+AE$47*$E8547+AE$48*$F8547+AE$49*$G8547+AE$50*$H8547)</f>
        <v>0.95581287465980524</v>
      </c>
      <c r="L8547">
        <f t="shared" ref="L8547:L8610" si="954">IF($B8547&lt;6,AF$37*$D8547+AF$38*$E8547+AF$39*$F8547+AF$40*$G8547,AF$46*$D8547+AF$47*$E8547+AF$48*$F8547+AF$49*$G8547+AF$50*$H8547)</f>
        <v>0.47790643732990262</v>
      </c>
      <c r="M8547">
        <f t="shared" ref="M8547:M8610" si="955">IF($B8547&lt;6,AG$37*$D8547+AG$38*$E8547+AG$39*$F8547+AG$40*$G8547,AG$46*$D8547+AG$47*$E8547+AG$48*$F8547+AG$49*$G8547+AG$50*$H8547)</f>
        <v>0</v>
      </c>
      <c r="N8547" s="45">
        <f t="shared" si="949"/>
        <v>45281.708333312687</v>
      </c>
    </row>
    <row r="8548" spans="2:14" x14ac:dyDescent="0.25">
      <c r="B8548">
        <f t="shared" si="950"/>
        <v>4</v>
      </c>
      <c r="C8548" s="16">
        <v>8514</v>
      </c>
      <c r="D8548" cm="1">
        <f t="array" ref="D8548">IFERROR(INDEX(Jesper!AH$2:AH$366,ROUNDDOWN($C8548/24,0)+1,1)*INDEX($D$3:$AA$30,INDEX(Jesper!$R$2:$R$366,ROW(INDEX(Jesper!AH$2:AH$366,ROUNDDOWN($C8548/24,0)+1,1))-1)+IF('Standard Profiles'!$G$18=$B$10,7,0)+IF('Standard Profiles'!$G$18=$B$17,14,0)+IF('Standard Profiles'!$G$18=$B$24,21,0),MOD($C8548,24)+1)/SUM(INDEX($D$3:$AA$30,INDEX(Jesper!$R$2:$R$366,ROW(INDEX(Jesper!AH$2:AH$366,ROUNDDOWN($C8548/24,0)+1,1))-1)+IF('Standard Profiles'!$G$18=$B$10,7,0)+IF('Standard Profiles'!$G$18=$B$17,14,0)+IF('Standard Profiles'!$G$18=$B$24,21,0),0)),0)</f>
        <v>5.9140921619575435</v>
      </c>
      <c r="E8548" cm="1">
        <f t="array" ref="E8548">IFERROR(INDEX(Jesper!AI$2:AI$366,ROUNDDOWN($C8548/24,0)+1,1)*INDEX($D$3:$AA$30,INDEX(Jesper!$R$2:$R$366,ROW(INDEX(Jesper!AI$2:AI$366,ROUNDDOWN($C8548/24,0)+1,1))-1)+IF('Standard Profiles'!$G$19=$B$10,7,0)+IF('Standard Profiles'!$G$19=$B$17,14,0)+IF('Standard Profiles'!$G$19=$B$24,21,0),MOD($C8548,24)+1)/SUM(INDEX($D$3:$AA$30,INDEX(Jesper!$R$2:$R$366,ROW(INDEX(Jesper!AI$2:AI$366,ROUNDDOWN($C8548/24,0)+1,1))-1)+IF('Standard Profiles'!$G$19=$B$10,7,0)+IF('Standard Profiles'!$G$19=$B$17,14,0)+IF('Standard Profiles'!$G$19=$B$24,21,0),0)),0)</f>
        <v>5.6718656731220163</v>
      </c>
      <c r="F8548" cm="1">
        <f t="array" ref="F8548">IFERROR(INDEX(Jesper!AJ$2:AJ$366,ROUNDDOWN($C8548/24,0)+1,1)*INDEX($D$3:$AA$30,INDEX(Jesper!$R$2:$R$366,ROW(INDEX(Jesper!AJ$2:AJ$366,ROUNDDOWN($C8548/24,0)+1,1))-1)+IF('Standard Profiles'!$G$20=$B$10,7,0)+IF('Standard Profiles'!$G$20=$B$17,14,0)+IF('Standard Profiles'!$G$20=$B$24,21,0),MOD($C8548,24)+1)/SUM(INDEX($D$3:$AA$30,INDEX(Jesper!$R$2:$R$366,ROW(INDEX(Jesper!AJ$2:AJ$366,ROUNDDOWN($C8548/24,0)+1,1))-1)+IF('Standard Profiles'!$G$20=$B$10,7,0)+IF('Standard Profiles'!$G$20=$B$17,14,0)+IF('Standard Profiles'!$G$20=$B$24,21,0),0)),0)</f>
        <v>0</v>
      </c>
      <c r="G8548" cm="1">
        <f t="array" ref="G8548">IFERROR(INDEX(Jesper!AK$2:AK$366,ROUNDDOWN($C8548/24,0)+1,1)*INDEX($D$3:$AA$30,INDEX(Jesper!$R$2:$R$366,ROW(INDEX(Jesper!AK$2:AK$366,ROUNDDOWN($C8548/24,0)+1,1))-1)+IF('Standard Profiles'!$G$21=$B$10,7,0)+IF('Standard Profiles'!$G$21=$B$17,14,0)+IF('Standard Profiles'!$G$21=$B$24,21,0),MOD($C8548,24)+1)/SUM(INDEX($D$3:$AA$30,INDEX(Jesper!$R$2:$R$366,ROW(INDEX(Jesper!AK$2:AK$366,ROUNDDOWN($C8548/24,0)+1,1))-1)+IF('Standard Profiles'!$G$21=$B$10,7,0)+IF('Standard Profiles'!$G$21=$B$17,14,0)+IF('Standard Profiles'!$G$21=$B$24,21,0),0)),0)</f>
        <v>5.0129941543226684</v>
      </c>
      <c r="H8548" cm="1">
        <f t="array" ref="H8548">IFERROR(INDEX(Jesper!AL$2:AL$366,ROUNDDOWN($C8548/24,0)+1,1)*INDEX($D$3:$AA$30,INDEX(Jesper!$R$2:$R$366,ROW(INDEX(Jesper!AL$2:AL$366,ROUNDDOWN($C8548/24,0)+1,1))-1)+IF('Standard Profiles'!$G$22=$B$10,7,0)+IF('Standard Profiles'!$G$22=$B$17,14,0)+IF('Standard Profiles'!$G$22=$B$24,21,0),MOD($C8548,24)+1)/SUM(INDEX($D$3:$AA$30,INDEX(Jesper!$R$2:$R$366,ROW(INDEX(Jesper!AL$2:AL$366,ROUNDDOWN($C8548/24,0)+1,1))-1)+IF('Standard Profiles'!$G$22=$B$10,7,0)+IF('Standard Profiles'!$G$22=$B$17,14,0)+IF('Standard Profiles'!$G$22=$B$24,21,0),0)),0)</f>
        <v>0</v>
      </c>
      <c r="I8548">
        <f t="shared" si="951"/>
        <v>2.4062371940748797</v>
      </c>
      <c r="J8548">
        <f t="shared" si="952"/>
        <v>13.246460049414143</v>
      </c>
      <c r="K8548">
        <f t="shared" si="953"/>
        <v>0.63083649727547131</v>
      </c>
      <c r="L8548">
        <f t="shared" si="954"/>
        <v>0.31541824863773565</v>
      </c>
      <c r="M8548">
        <f t="shared" si="955"/>
        <v>0</v>
      </c>
      <c r="N8548" s="45">
        <f t="shared" ref="N8548:N8611" si="956">N8547+1/24</f>
        <v>45281.749999979351</v>
      </c>
    </row>
    <row r="8549" spans="2:14" x14ac:dyDescent="0.25">
      <c r="B8549">
        <f t="shared" si="950"/>
        <v>4</v>
      </c>
      <c r="C8549" s="16">
        <v>8515</v>
      </c>
      <c r="D8549" cm="1">
        <f t="array" ref="D8549">IFERROR(INDEX(Jesper!AH$2:AH$366,ROUNDDOWN($C8549/24,0)+1,1)*INDEX($D$3:$AA$30,INDEX(Jesper!$R$2:$R$366,ROW(INDEX(Jesper!AH$2:AH$366,ROUNDDOWN($C8549/24,0)+1,1))-1)+IF('Standard Profiles'!$G$18=$B$10,7,0)+IF('Standard Profiles'!$G$18=$B$17,14,0)+IF('Standard Profiles'!$G$18=$B$24,21,0),MOD($C8549,24)+1)/SUM(INDEX($D$3:$AA$30,INDEX(Jesper!$R$2:$R$366,ROW(INDEX(Jesper!AH$2:AH$366,ROUNDDOWN($C8549/24,0)+1,1))-1)+IF('Standard Profiles'!$G$18=$B$10,7,0)+IF('Standard Profiles'!$G$18=$B$17,14,0)+IF('Standard Profiles'!$G$18=$B$24,21,0),0)),0)</f>
        <v>5.9140921619575435</v>
      </c>
      <c r="E8549" cm="1">
        <f t="array" ref="E8549">IFERROR(INDEX(Jesper!AI$2:AI$366,ROUNDDOWN($C8549/24,0)+1,1)*INDEX($D$3:$AA$30,INDEX(Jesper!$R$2:$R$366,ROW(INDEX(Jesper!AI$2:AI$366,ROUNDDOWN($C8549/24,0)+1,1))-1)+IF('Standard Profiles'!$G$19=$B$10,7,0)+IF('Standard Profiles'!$G$19=$B$17,14,0)+IF('Standard Profiles'!$G$19=$B$24,21,0),MOD($C8549,24)+1)/SUM(INDEX($D$3:$AA$30,INDEX(Jesper!$R$2:$R$366,ROW(INDEX(Jesper!AI$2:AI$366,ROUNDDOWN($C8549/24,0)+1,1))-1)+IF('Standard Profiles'!$G$19=$B$10,7,0)+IF('Standard Profiles'!$G$19=$B$17,14,0)+IF('Standard Profiles'!$G$19=$B$24,21,0),0)),0)</f>
        <v>5.6718656731220163</v>
      </c>
      <c r="F8549" cm="1">
        <f t="array" ref="F8549">IFERROR(INDEX(Jesper!AJ$2:AJ$366,ROUNDDOWN($C8549/24,0)+1,1)*INDEX($D$3:$AA$30,INDEX(Jesper!$R$2:$R$366,ROW(INDEX(Jesper!AJ$2:AJ$366,ROUNDDOWN($C8549/24,0)+1,1))-1)+IF('Standard Profiles'!$G$20=$B$10,7,0)+IF('Standard Profiles'!$G$20=$B$17,14,0)+IF('Standard Profiles'!$G$20=$B$24,21,0),MOD($C8549,24)+1)/SUM(INDEX($D$3:$AA$30,INDEX(Jesper!$R$2:$R$366,ROW(INDEX(Jesper!AJ$2:AJ$366,ROUNDDOWN($C8549/24,0)+1,1))-1)+IF('Standard Profiles'!$G$20=$B$10,7,0)+IF('Standard Profiles'!$G$20=$B$17,14,0)+IF('Standard Profiles'!$G$20=$B$24,21,0),0)),0)</f>
        <v>0</v>
      </c>
      <c r="G8549" cm="1">
        <f t="array" ref="G8549">IFERROR(INDEX(Jesper!AK$2:AK$366,ROUNDDOWN($C8549/24,0)+1,1)*INDEX($D$3:$AA$30,INDEX(Jesper!$R$2:$R$366,ROW(INDEX(Jesper!AK$2:AK$366,ROUNDDOWN($C8549/24,0)+1,1))-1)+IF('Standard Profiles'!$G$21=$B$10,7,0)+IF('Standard Profiles'!$G$21=$B$17,14,0)+IF('Standard Profiles'!$G$21=$B$24,21,0),MOD($C8549,24)+1)/SUM(INDEX($D$3:$AA$30,INDEX(Jesper!$R$2:$R$366,ROW(INDEX(Jesper!AK$2:AK$366,ROUNDDOWN($C8549/24,0)+1,1))-1)+IF('Standard Profiles'!$G$21=$B$10,7,0)+IF('Standard Profiles'!$G$21=$B$17,14,0)+IF('Standard Profiles'!$G$21=$B$24,21,0),0)),0)</f>
        <v>5.0129941543226684</v>
      </c>
      <c r="H8549" cm="1">
        <f t="array" ref="H8549">IFERROR(INDEX(Jesper!AL$2:AL$366,ROUNDDOWN($C8549/24,0)+1,1)*INDEX($D$3:$AA$30,INDEX(Jesper!$R$2:$R$366,ROW(INDEX(Jesper!AL$2:AL$366,ROUNDDOWN($C8549/24,0)+1,1))-1)+IF('Standard Profiles'!$G$22=$B$10,7,0)+IF('Standard Profiles'!$G$22=$B$17,14,0)+IF('Standard Profiles'!$G$22=$B$24,21,0),MOD($C8549,24)+1)/SUM(INDEX($D$3:$AA$30,INDEX(Jesper!$R$2:$R$366,ROW(INDEX(Jesper!AL$2:AL$366,ROUNDDOWN($C8549/24,0)+1,1))-1)+IF('Standard Profiles'!$G$22=$B$10,7,0)+IF('Standard Profiles'!$G$22=$B$17,14,0)+IF('Standard Profiles'!$G$22=$B$24,21,0),0)),0)</f>
        <v>0</v>
      </c>
      <c r="I8549">
        <f t="shared" si="951"/>
        <v>2.4062371940748797</v>
      </c>
      <c r="J8549">
        <f t="shared" si="952"/>
        <v>13.246460049414143</v>
      </c>
      <c r="K8549">
        <f t="shared" si="953"/>
        <v>0.63083649727547131</v>
      </c>
      <c r="L8549">
        <f t="shared" si="954"/>
        <v>0.31541824863773565</v>
      </c>
      <c r="M8549">
        <f t="shared" si="955"/>
        <v>0</v>
      </c>
      <c r="N8549" s="45">
        <f t="shared" si="956"/>
        <v>45281.791666646015</v>
      </c>
    </row>
    <row r="8550" spans="2:14" x14ac:dyDescent="0.25">
      <c r="B8550">
        <f t="shared" si="950"/>
        <v>4</v>
      </c>
      <c r="C8550" s="16">
        <v>8516</v>
      </c>
      <c r="D8550" cm="1">
        <f t="array" ref="D8550">IFERROR(INDEX(Jesper!AH$2:AH$366,ROUNDDOWN($C8550/24,0)+1,1)*INDEX($D$3:$AA$30,INDEX(Jesper!$R$2:$R$366,ROW(INDEX(Jesper!AH$2:AH$366,ROUNDDOWN($C8550/24,0)+1,1))-1)+IF('Standard Profiles'!$G$18=$B$10,7,0)+IF('Standard Profiles'!$G$18=$B$17,14,0)+IF('Standard Profiles'!$G$18=$B$24,21,0),MOD($C8550,24)+1)/SUM(INDEX($D$3:$AA$30,INDEX(Jesper!$R$2:$R$366,ROW(INDEX(Jesper!AH$2:AH$366,ROUNDDOWN($C8550/24,0)+1,1))-1)+IF('Standard Profiles'!$G$18=$B$10,7,0)+IF('Standard Profiles'!$G$18=$B$17,14,0)+IF('Standard Profiles'!$G$18=$B$24,21,0),0)),0)</f>
        <v>5.9140921619575435</v>
      </c>
      <c r="E8550" cm="1">
        <f t="array" ref="E8550">IFERROR(INDEX(Jesper!AI$2:AI$366,ROUNDDOWN($C8550/24,0)+1,1)*INDEX($D$3:$AA$30,INDEX(Jesper!$R$2:$R$366,ROW(INDEX(Jesper!AI$2:AI$366,ROUNDDOWN($C8550/24,0)+1,1))-1)+IF('Standard Profiles'!$G$19=$B$10,7,0)+IF('Standard Profiles'!$G$19=$B$17,14,0)+IF('Standard Profiles'!$G$19=$B$24,21,0),MOD($C8550,24)+1)/SUM(INDEX($D$3:$AA$30,INDEX(Jesper!$R$2:$R$366,ROW(INDEX(Jesper!AI$2:AI$366,ROUNDDOWN($C8550/24,0)+1,1))-1)+IF('Standard Profiles'!$G$19=$B$10,7,0)+IF('Standard Profiles'!$G$19=$B$17,14,0)+IF('Standard Profiles'!$G$19=$B$24,21,0),0)),0)</f>
        <v>5.6718656731220163</v>
      </c>
      <c r="F8550" cm="1">
        <f t="array" ref="F8550">IFERROR(INDEX(Jesper!AJ$2:AJ$366,ROUNDDOWN($C8550/24,0)+1,1)*INDEX($D$3:$AA$30,INDEX(Jesper!$R$2:$R$366,ROW(INDEX(Jesper!AJ$2:AJ$366,ROUNDDOWN($C8550/24,0)+1,1))-1)+IF('Standard Profiles'!$G$20=$B$10,7,0)+IF('Standard Profiles'!$G$20=$B$17,14,0)+IF('Standard Profiles'!$G$20=$B$24,21,0),MOD($C8550,24)+1)/SUM(INDEX($D$3:$AA$30,INDEX(Jesper!$R$2:$R$366,ROW(INDEX(Jesper!AJ$2:AJ$366,ROUNDDOWN($C8550/24,0)+1,1))-1)+IF('Standard Profiles'!$G$20=$B$10,7,0)+IF('Standard Profiles'!$G$20=$B$17,14,0)+IF('Standard Profiles'!$G$20=$B$24,21,0),0)),0)</f>
        <v>0</v>
      </c>
      <c r="G8550" cm="1">
        <f t="array" ref="G8550">IFERROR(INDEX(Jesper!AK$2:AK$366,ROUNDDOWN($C8550/24,0)+1,1)*INDEX($D$3:$AA$30,INDEX(Jesper!$R$2:$R$366,ROW(INDEX(Jesper!AK$2:AK$366,ROUNDDOWN($C8550/24,0)+1,1))-1)+IF('Standard Profiles'!$G$21=$B$10,7,0)+IF('Standard Profiles'!$G$21=$B$17,14,0)+IF('Standard Profiles'!$G$21=$B$24,21,0),MOD($C8550,24)+1)/SUM(INDEX($D$3:$AA$30,INDEX(Jesper!$R$2:$R$366,ROW(INDEX(Jesper!AK$2:AK$366,ROUNDDOWN($C8550/24,0)+1,1))-1)+IF('Standard Profiles'!$G$21=$B$10,7,0)+IF('Standard Profiles'!$G$21=$B$17,14,0)+IF('Standard Profiles'!$G$21=$B$24,21,0),0)),0)</f>
        <v>5.0129941543226684</v>
      </c>
      <c r="H8550" cm="1">
        <f t="array" ref="H8550">IFERROR(INDEX(Jesper!AL$2:AL$366,ROUNDDOWN($C8550/24,0)+1,1)*INDEX($D$3:$AA$30,INDEX(Jesper!$R$2:$R$366,ROW(INDEX(Jesper!AL$2:AL$366,ROUNDDOWN($C8550/24,0)+1,1))-1)+IF('Standard Profiles'!$G$22=$B$10,7,0)+IF('Standard Profiles'!$G$22=$B$17,14,0)+IF('Standard Profiles'!$G$22=$B$24,21,0),MOD($C8550,24)+1)/SUM(INDEX($D$3:$AA$30,INDEX(Jesper!$R$2:$R$366,ROW(INDEX(Jesper!AL$2:AL$366,ROUNDDOWN($C8550/24,0)+1,1))-1)+IF('Standard Profiles'!$G$22=$B$10,7,0)+IF('Standard Profiles'!$G$22=$B$17,14,0)+IF('Standard Profiles'!$G$22=$B$24,21,0),0)),0)</f>
        <v>0</v>
      </c>
      <c r="I8550">
        <f t="shared" si="951"/>
        <v>2.4062371940748797</v>
      </c>
      <c r="J8550">
        <f t="shared" si="952"/>
        <v>13.246460049414143</v>
      </c>
      <c r="K8550">
        <f t="shared" si="953"/>
        <v>0.63083649727547131</v>
      </c>
      <c r="L8550">
        <f t="shared" si="954"/>
        <v>0.31541824863773565</v>
      </c>
      <c r="M8550">
        <f t="shared" si="955"/>
        <v>0</v>
      </c>
      <c r="N8550" s="45">
        <f t="shared" si="956"/>
        <v>45281.833333312679</v>
      </c>
    </row>
    <row r="8551" spans="2:14" x14ac:dyDescent="0.25">
      <c r="B8551">
        <f t="shared" si="950"/>
        <v>4</v>
      </c>
      <c r="C8551" s="16">
        <v>8517</v>
      </c>
      <c r="D8551" cm="1">
        <f t="array" ref="D8551">IFERROR(INDEX(Jesper!AH$2:AH$366,ROUNDDOWN($C8551/24,0)+1,1)*INDEX($D$3:$AA$30,INDEX(Jesper!$R$2:$R$366,ROW(INDEX(Jesper!AH$2:AH$366,ROUNDDOWN($C8551/24,0)+1,1))-1)+IF('Standard Profiles'!$G$18=$B$10,7,0)+IF('Standard Profiles'!$G$18=$B$17,14,0)+IF('Standard Profiles'!$G$18=$B$24,21,0),MOD($C8551,24)+1)/SUM(INDEX($D$3:$AA$30,INDEX(Jesper!$R$2:$R$366,ROW(INDEX(Jesper!AH$2:AH$366,ROUNDDOWN($C8551/24,0)+1,1))-1)+IF('Standard Profiles'!$G$18=$B$10,7,0)+IF('Standard Profiles'!$G$18=$B$17,14,0)+IF('Standard Profiles'!$G$18=$B$24,21,0),0)),0)</f>
        <v>5.9140921619575435</v>
      </c>
      <c r="E8551" cm="1">
        <f t="array" ref="E8551">IFERROR(INDEX(Jesper!AI$2:AI$366,ROUNDDOWN($C8551/24,0)+1,1)*INDEX($D$3:$AA$30,INDEX(Jesper!$R$2:$R$366,ROW(INDEX(Jesper!AI$2:AI$366,ROUNDDOWN($C8551/24,0)+1,1))-1)+IF('Standard Profiles'!$G$19=$B$10,7,0)+IF('Standard Profiles'!$G$19=$B$17,14,0)+IF('Standard Profiles'!$G$19=$B$24,21,0),MOD($C8551,24)+1)/SUM(INDEX($D$3:$AA$30,INDEX(Jesper!$R$2:$R$366,ROW(INDEX(Jesper!AI$2:AI$366,ROUNDDOWN($C8551/24,0)+1,1))-1)+IF('Standard Profiles'!$G$19=$B$10,7,0)+IF('Standard Profiles'!$G$19=$B$17,14,0)+IF('Standard Profiles'!$G$19=$B$24,21,0),0)),0)</f>
        <v>5.6718656731220163</v>
      </c>
      <c r="F8551" cm="1">
        <f t="array" ref="F8551">IFERROR(INDEX(Jesper!AJ$2:AJ$366,ROUNDDOWN($C8551/24,0)+1,1)*INDEX($D$3:$AA$30,INDEX(Jesper!$R$2:$R$366,ROW(INDEX(Jesper!AJ$2:AJ$366,ROUNDDOWN($C8551/24,0)+1,1))-1)+IF('Standard Profiles'!$G$20=$B$10,7,0)+IF('Standard Profiles'!$G$20=$B$17,14,0)+IF('Standard Profiles'!$G$20=$B$24,21,0),MOD($C8551,24)+1)/SUM(INDEX($D$3:$AA$30,INDEX(Jesper!$R$2:$R$366,ROW(INDEX(Jesper!AJ$2:AJ$366,ROUNDDOWN($C8551/24,0)+1,1))-1)+IF('Standard Profiles'!$G$20=$B$10,7,0)+IF('Standard Profiles'!$G$20=$B$17,14,0)+IF('Standard Profiles'!$G$20=$B$24,21,0),0)),0)</f>
        <v>0</v>
      </c>
      <c r="G8551" cm="1">
        <f t="array" ref="G8551">IFERROR(INDEX(Jesper!AK$2:AK$366,ROUNDDOWN($C8551/24,0)+1,1)*INDEX($D$3:$AA$30,INDEX(Jesper!$R$2:$R$366,ROW(INDEX(Jesper!AK$2:AK$366,ROUNDDOWN($C8551/24,0)+1,1))-1)+IF('Standard Profiles'!$G$21=$B$10,7,0)+IF('Standard Profiles'!$G$21=$B$17,14,0)+IF('Standard Profiles'!$G$21=$B$24,21,0),MOD($C8551,24)+1)/SUM(INDEX($D$3:$AA$30,INDEX(Jesper!$R$2:$R$366,ROW(INDEX(Jesper!AK$2:AK$366,ROUNDDOWN($C8551/24,0)+1,1))-1)+IF('Standard Profiles'!$G$21=$B$10,7,0)+IF('Standard Profiles'!$G$21=$B$17,14,0)+IF('Standard Profiles'!$G$21=$B$24,21,0),0)),0)</f>
        <v>5.0129941543226684</v>
      </c>
      <c r="H8551" cm="1">
        <f t="array" ref="H8551">IFERROR(INDEX(Jesper!AL$2:AL$366,ROUNDDOWN($C8551/24,0)+1,1)*INDEX($D$3:$AA$30,INDEX(Jesper!$R$2:$R$366,ROW(INDEX(Jesper!AL$2:AL$366,ROUNDDOWN($C8551/24,0)+1,1))-1)+IF('Standard Profiles'!$G$22=$B$10,7,0)+IF('Standard Profiles'!$G$22=$B$17,14,0)+IF('Standard Profiles'!$G$22=$B$24,21,0),MOD($C8551,24)+1)/SUM(INDEX($D$3:$AA$30,INDEX(Jesper!$R$2:$R$366,ROW(INDEX(Jesper!AL$2:AL$366,ROUNDDOWN($C8551/24,0)+1,1))-1)+IF('Standard Profiles'!$G$22=$B$10,7,0)+IF('Standard Profiles'!$G$22=$B$17,14,0)+IF('Standard Profiles'!$G$22=$B$24,21,0),0)),0)</f>
        <v>0</v>
      </c>
      <c r="I8551">
        <f t="shared" si="951"/>
        <v>2.4062371940748797</v>
      </c>
      <c r="J8551">
        <f t="shared" si="952"/>
        <v>13.246460049414143</v>
      </c>
      <c r="K8551">
        <f t="shared" si="953"/>
        <v>0.63083649727547131</v>
      </c>
      <c r="L8551">
        <f t="shared" si="954"/>
        <v>0.31541824863773565</v>
      </c>
      <c r="M8551">
        <f t="shared" si="955"/>
        <v>0</v>
      </c>
      <c r="N8551" s="45">
        <f t="shared" si="956"/>
        <v>45281.874999979344</v>
      </c>
    </row>
    <row r="8552" spans="2:14" x14ac:dyDescent="0.25">
      <c r="B8552">
        <f t="shared" si="950"/>
        <v>4</v>
      </c>
      <c r="C8552" s="16">
        <v>8518</v>
      </c>
      <c r="D8552" cm="1">
        <f t="array" ref="D8552">IFERROR(INDEX(Jesper!AH$2:AH$366,ROUNDDOWN($C8552/24,0)+1,1)*INDEX($D$3:$AA$30,INDEX(Jesper!$R$2:$R$366,ROW(INDEX(Jesper!AH$2:AH$366,ROUNDDOWN($C8552/24,0)+1,1))-1)+IF('Standard Profiles'!$G$18=$B$10,7,0)+IF('Standard Profiles'!$G$18=$B$17,14,0)+IF('Standard Profiles'!$G$18=$B$24,21,0),MOD($C8552,24)+1)/SUM(INDEX($D$3:$AA$30,INDEX(Jesper!$R$2:$R$366,ROW(INDEX(Jesper!AH$2:AH$366,ROUNDDOWN($C8552/24,0)+1,1))-1)+IF('Standard Profiles'!$G$18=$B$10,7,0)+IF('Standard Profiles'!$G$18=$B$17,14,0)+IF('Standard Profiles'!$G$18=$B$24,21,0),0)),0)</f>
        <v>5.9140921619575435</v>
      </c>
      <c r="E8552" cm="1">
        <f t="array" ref="E8552">IFERROR(INDEX(Jesper!AI$2:AI$366,ROUNDDOWN($C8552/24,0)+1,1)*INDEX($D$3:$AA$30,INDEX(Jesper!$R$2:$R$366,ROW(INDEX(Jesper!AI$2:AI$366,ROUNDDOWN($C8552/24,0)+1,1))-1)+IF('Standard Profiles'!$G$19=$B$10,7,0)+IF('Standard Profiles'!$G$19=$B$17,14,0)+IF('Standard Profiles'!$G$19=$B$24,21,0),MOD($C8552,24)+1)/SUM(INDEX($D$3:$AA$30,INDEX(Jesper!$R$2:$R$366,ROW(INDEX(Jesper!AI$2:AI$366,ROUNDDOWN($C8552/24,0)+1,1))-1)+IF('Standard Profiles'!$G$19=$B$10,7,0)+IF('Standard Profiles'!$G$19=$B$17,14,0)+IF('Standard Profiles'!$G$19=$B$24,21,0),0)),0)</f>
        <v>5.6718656731220163</v>
      </c>
      <c r="F8552" cm="1">
        <f t="array" ref="F8552">IFERROR(INDEX(Jesper!AJ$2:AJ$366,ROUNDDOWN($C8552/24,0)+1,1)*INDEX($D$3:$AA$30,INDEX(Jesper!$R$2:$R$366,ROW(INDEX(Jesper!AJ$2:AJ$366,ROUNDDOWN($C8552/24,0)+1,1))-1)+IF('Standard Profiles'!$G$20=$B$10,7,0)+IF('Standard Profiles'!$G$20=$B$17,14,0)+IF('Standard Profiles'!$G$20=$B$24,21,0),MOD($C8552,24)+1)/SUM(INDEX($D$3:$AA$30,INDEX(Jesper!$R$2:$R$366,ROW(INDEX(Jesper!AJ$2:AJ$366,ROUNDDOWN($C8552/24,0)+1,1))-1)+IF('Standard Profiles'!$G$20=$B$10,7,0)+IF('Standard Profiles'!$G$20=$B$17,14,0)+IF('Standard Profiles'!$G$20=$B$24,21,0),0)),0)</f>
        <v>0</v>
      </c>
      <c r="G8552" cm="1">
        <f t="array" ref="G8552">IFERROR(INDEX(Jesper!AK$2:AK$366,ROUNDDOWN($C8552/24,0)+1,1)*INDEX($D$3:$AA$30,INDEX(Jesper!$R$2:$R$366,ROW(INDEX(Jesper!AK$2:AK$366,ROUNDDOWN($C8552/24,0)+1,1))-1)+IF('Standard Profiles'!$G$21=$B$10,7,0)+IF('Standard Profiles'!$G$21=$B$17,14,0)+IF('Standard Profiles'!$G$21=$B$24,21,0),MOD($C8552,24)+1)/SUM(INDEX($D$3:$AA$30,INDEX(Jesper!$R$2:$R$366,ROW(INDEX(Jesper!AK$2:AK$366,ROUNDDOWN($C8552/24,0)+1,1))-1)+IF('Standard Profiles'!$G$21=$B$10,7,0)+IF('Standard Profiles'!$G$21=$B$17,14,0)+IF('Standard Profiles'!$G$21=$B$24,21,0),0)),0)</f>
        <v>5.0129941543226684</v>
      </c>
      <c r="H8552" cm="1">
        <f t="array" ref="H8552">IFERROR(INDEX(Jesper!AL$2:AL$366,ROUNDDOWN($C8552/24,0)+1,1)*INDEX($D$3:$AA$30,INDEX(Jesper!$R$2:$R$366,ROW(INDEX(Jesper!AL$2:AL$366,ROUNDDOWN($C8552/24,0)+1,1))-1)+IF('Standard Profiles'!$G$22=$B$10,7,0)+IF('Standard Profiles'!$G$22=$B$17,14,0)+IF('Standard Profiles'!$G$22=$B$24,21,0),MOD($C8552,24)+1)/SUM(INDEX($D$3:$AA$30,INDEX(Jesper!$R$2:$R$366,ROW(INDEX(Jesper!AL$2:AL$366,ROUNDDOWN($C8552/24,0)+1,1))-1)+IF('Standard Profiles'!$G$22=$B$10,7,0)+IF('Standard Profiles'!$G$22=$B$17,14,0)+IF('Standard Profiles'!$G$22=$B$24,21,0),0)),0)</f>
        <v>0</v>
      </c>
      <c r="I8552">
        <f t="shared" si="951"/>
        <v>2.4062371940748797</v>
      </c>
      <c r="J8552">
        <f t="shared" si="952"/>
        <v>13.246460049414143</v>
      </c>
      <c r="K8552">
        <f t="shared" si="953"/>
        <v>0.63083649727547131</v>
      </c>
      <c r="L8552">
        <f t="shared" si="954"/>
        <v>0.31541824863773565</v>
      </c>
      <c r="M8552">
        <f t="shared" si="955"/>
        <v>0</v>
      </c>
      <c r="N8552" s="45">
        <f t="shared" si="956"/>
        <v>45281.916666646008</v>
      </c>
    </row>
    <row r="8553" spans="2:14" x14ac:dyDescent="0.25">
      <c r="B8553">
        <f t="shared" si="950"/>
        <v>4</v>
      </c>
      <c r="C8553" s="16">
        <v>8519</v>
      </c>
      <c r="D8553" cm="1">
        <f t="array" ref="D8553">IFERROR(INDEX(Jesper!AH$2:AH$366,ROUNDDOWN($C8553/24,0)+1,1)*INDEX($D$3:$AA$30,INDEX(Jesper!$R$2:$R$366,ROW(INDEX(Jesper!AH$2:AH$366,ROUNDDOWN($C8553/24,0)+1,1))-1)+IF('Standard Profiles'!$G$18=$B$10,7,0)+IF('Standard Profiles'!$G$18=$B$17,14,0)+IF('Standard Profiles'!$G$18=$B$24,21,0),MOD($C8553,24)+1)/SUM(INDEX($D$3:$AA$30,INDEX(Jesper!$R$2:$R$366,ROW(INDEX(Jesper!AH$2:AH$366,ROUNDDOWN($C8553/24,0)+1,1))-1)+IF('Standard Profiles'!$G$18=$B$10,7,0)+IF('Standard Profiles'!$G$18=$B$17,14,0)+IF('Standard Profiles'!$G$18=$B$24,21,0),0)),0)</f>
        <v>5.9140921619575435</v>
      </c>
      <c r="E8553" cm="1">
        <f t="array" ref="E8553">IFERROR(INDEX(Jesper!AI$2:AI$366,ROUNDDOWN($C8553/24,0)+1,1)*INDEX($D$3:$AA$30,INDEX(Jesper!$R$2:$R$366,ROW(INDEX(Jesper!AI$2:AI$366,ROUNDDOWN($C8553/24,0)+1,1))-1)+IF('Standard Profiles'!$G$19=$B$10,7,0)+IF('Standard Profiles'!$G$19=$B$17,14,0)+IF('Standard Profiles'!$G$19=$B$24,21,0),MOD($C8553,24)+1)/SUM(INDEX($D$3:$AA$30,INDEX(Jesper!$R$2:$R$366,ROW(INDEX(Jesper!AI$2:AI$366,ROUNDDOWN($C8553/24,0)+1,1))-1)+IF('Standard Profiles'!$G$19=$B$10,7,0)+IF('Standard Profiles'!$G$19=$B$17,14,0)+IF('Standard Profiles'!$G$19=$B$24,21,0),0)),0)</f>
        <v>5.6718656731220163</v>
      </c>
      <c r="F8553" cm="1">
        <f t="array" ref="F8553">IFERROR(INDEX(Jesper!AJ$2:AJ$366,ROUNDDOWN($C8553/24,0)+1,1)*INDEX($D$3:$AA$30,INDEX(Jesper!$R$2:$R$366,ROW(INDEX(Jesper!AJ$2:AJ$366,ROUNDDOWN($C8553/24,0)+1,1))-1)+IF('Standard Profiles'!$G$20=$B$10,7,0)+IF('Standard Profiles'!$G$20=$B$17,14,0)+IF('Standard Profiles'!$G$20=$B$24,21,0),MOD($C8553,24)+1)/SUM(INDEX($D$3:$AA$30,INDEX(Jesper!$R$2:$R$366,ROW(INDEX(Jesper!AJ$2:AJ$366,ROUNDDOWN($C8553/24,0)+1,1))-1)+IF('Standard Profiles'!$G$20=$B$10,7,0)+IF('Standard Profiles'!$G$20=$B$17,14,0)+IF('Standard Profiles'!$G$20=$B$24,21,0),0)),0)</f>
        <v>0</v>
      </c>
      <c r="G8553" cm="1">
        <f t="array" ref="G8553">IFERROR(INDEX(Jesper!AK$2:AK$366,ROUNDDOWN($C8553/24,0)+1,1)*INDEX($D$3:$AA$30,INDEX(Jesper!$R$2:$R$366,ROW(INDEX(Jesper!AK$2:AK$366,ROUNDDOWN($C8553/24,0)+1,1))-1)+IF('Standard Profiles'!$G$21=$B$10,7,0)+IF('Standard Profiles'!$G$21=$B$17,14,0)+IF('Standard Profiles'!$G$21=$B$24,21,0),MOD($C8553,24)+1)/SUM(INDEX($D$3:$AA$30,INDEX(Jesper!$R$2:$R$366,ROW(INDEX(Jesper!AK$2:AK$366,ROUNDDOWN($C8553/24,0)+1,1))-1)+IF('Standard Profiles'!$G$21=$B$10,7,0)+IF('Standard Profiles'!$G$21=$B$17,14,0)+IF('Standard Profiles'!$G$21=$B$24,21,0),0)),0)</f>
        <v>5.0129941543226684</v>
      </c>
      <c r="H8553" cm="1">
        <f t="array" ref="H8553">IFERROR(INDEX(Jesper!AL$2:AL$366,ROUNDDOWN($C8553/24,0)+1,1)*INDEX($D$3:$AA$30,INDEX(Jesper!$R$2:$R$366,ROW(INDEX(Jesper!AL$2:AL$366,ROUNDDOWN($C8553/24,0)+1,1))-1)+IF('Standard Profiles'!$G$22=$B$10,7,0)+IF('Standard Profiles'!$G$22=$B$17,14,0)+IF('Standard Profiles'!$G$22=$B$24,21,0),MOD($C8553,24)+1)/SUM(INDEX($D$3:$AA$30,INDEX(Jesper!$R$2:$R$366,ROW(INDEX(Jesper!AL$2:AL$366,ROUNDDOWN($C8553/24,0)+1,1))-1)+IF('Standard Profiles'!$G$22=$B$10,7,0)+IF('Standard Profiles'!$G$22=$B$17,14,0)+IF('Standard Profiles'!$G$22=$B$24,21,0),0)),0)</f>
        <v>0</v>
      </c>
      <c r="I8553">
        <f t="shared" si="951"/>
        <v>2.4062371940748797</v>
      </c>
      <c r="J8553">
        <f t="shared" si="952"/>
        <v>13.246460049414143</v>
      </c>
      <c r="K8553">
        <f t="shared" si="953"/>
        <v>0.63083649727547131</v>
      </c>
      <c r="L8553">
        <f t="shared" si="954"/>
        <v>0.31541824863773565</v>
      </c>
      <c r="M8553">
        <f t="shared" si="955"/>
        <v>0</v>
      </c>
      <c r="N8553" s="45">
        <f t="shared" si="956"/>
        <v>45281.958333312672</v>
      </c>
    </row>
    <row r="8554" spans="2:14" x14ac:dyDescent="0.25">
      <c r="B8554">
        <f t="shared" si="950"/>
        <v>5</v>
      </c>
      <c r="C8554" s="16">
        <v>8520</v>
      </c>
      <c r="D8554" cm="1">
        <f t="array" ref="D8554">IFERROR(INDEX(Jesper!AH$2:AH$366,ROUNDDOWN($C8554/24,0)+1,1)*INDEX($D$3:$AA$30,INDEX(Jesper!$R$2:$R$366,ROW(INDEX(Jesper!AH$2:AH$366,ROUNDDOWN($C8554/24,0)+1,1))-1)+IF('Standard Profiles'!$G$18=$B$10,7,0)+IF('Standard Profiles'!$G$18=$B$17,14,0)+IF('Standard Profiles'!$G$18=$B$24,21,0),MOD($C8554,24)+1)/SUM(INDEX($D$3:$AA$30,INDEX(Jesper!$R$2:$R$366,ROW(INDEX(Jesper!AH$2:AH$366,ROUNDDOWN($C8554/24,0)+1,1))-1)+IF('Standard Profiles'!$G$18=$B$10,7,0)+IF('Standard Profiles'!$G$18=$B$17,14,0)+IF('Standard Profiles'!$G$18=$B$24,21,0),0)),0)</f>
        <v>9.0402811943234926</v>
      </c>
      <c r="E8554" cm="1">
        <f t="array" ref="E8554">IFERROR(INDEX(Jesper!AI$2:AI$366,ROUNDDOWN($C8554/24,0)+1,1)*INDEX($D$3:$AA$30,INDEX(Jesper!$R$2:$R$366,ROW(INDEX(Jesper!AI$2:AI$366,ROUNDDOWN($C8554/24,0)+1,1))-1)+IF('Standard Profiles'!$G$19=$B$10,7,0)+IF('Standard Profiles'!$G$19=$B$17,14,0)+IF('Standard Profiles'!$G$19=$B$24,21,0),MOD($C8554,24)+1)/SUM(INDEX($D$3:$AA$30,INDEX(Jesper!$R$2:$R$366,ROW(INDEX(Jesper!AI$2:AI$366,ROUNDDOWN($C8554/24,0)+1,1))-1)+IF('Standard Profiles'!$G$19=$B$10,7,0)+IF('Standard Profiles'!$G$19=$B$17,14,0)+IF('Standard Profiles'!$G$19=$B$24,21,0),0)),0)</f>
        <v>8.6700137869481555</v>
      </c>
      <c r="F8554" cm="1">
        <f t="array" ref="F8554">IFERROR(INDEX(Jesper!AJ$2:AJ$366,ROUNDDOWN($C8554/24,0)+1,1)*INDEX($D$3:$AA$30,INDEX(Jesper!$R$2:$R$366,ROW(INDEX(Jesper!AJ$2:AJ$366,ROUNDDOWN($C8554/24,0)+1,1))-1)+IF('Standard Profiles'!$G$20=$B$10,7,0)+IF('Standard Profiles'!$G$20=$B$17,14,0)+IF('Standard Profiles'!$G$20=$B$24,21,0),MOD($C8554,24)+1)/SUM(INDEX($D$3:$AA$30,INDEX(Jesper!$R$2:$R$366,ROW(INDEX(Jesper!AJ$2:AJ$366,ROUNDDOWN($C8554/24,0)+1,1))-1)+IF('Standard Profiles'!$G$20=$B$10,7,0)+IF('Standard Profiles'!$G$20=$B$17,14,0)+IF('Standard Profiles'!$G$20=$B$24,21,0),0)),0)</f>
        <v>0</v>
      </c>
      <c r="G8554" cm="1">
        <f t="array" ref="G8554">IFERROR(INDEX(Jesper!AK$2:AK$366,ROUNDDOWN($C8554/24,0)+1,1)*INDEX($D$3:$AA$30,INDEX(Jesper!$R$2:$R$366,ROW(INDEX(Jesper!AK$2:AK$366,ROUNDDOWN($C8554/24,0)+1,1))-1)+IF('Standard Profiles'!$G$21=$B$10,7,0)+IF('Standard Profiles'!$G$21=$B$17,14,0)+IF('Standard Profiles'!$G$21=$B$24,21,0),MOD($C8554,24)+1)/SUM(INDEX($D$3:$AA$30,INDEX(Jesper!$R$2:$R$366,ROW(INDEX(Jesper!AK$2:AK$366,ROUNDDOWN($C8554/24,0)+1,1))-1)+IF('Standard Profiles'!$G$21=$B$10,7,0)+IF('Standard Profiles'!$G$21=$B$17,14,0)+IF('Standard Profiles'!$G$21=$B$24,21,0),0)),0)</f>
        <v>4.8385549024650905</v>
      </c>
      <c r="H8554" cm="1">
        <f t="array" ref="H8554">IFERROR(INDEX(Jesper!AL$2:AL$366,ROUNDDOWN($C8554/24,0)+1,1)*INDEX($D$3:$AA$30,INDEX(Jesper!$R$2:$R$366,ROW(INDEX(Jesper!AL$2:AL$366,ROUNDDOWN($C8554/24,0)+1,1))-1)+IF('Standard Profiles'!$G$22=$B$10,7,0)+IF('Standard Profiles'!$G$22=$B$17,14,0)+IF('Standard Profiles'!$G$22=$B$24,21,0),MOD($C8554,24)+1)/SUM(INDEX($D$3:$AA$30,INDEX(Jesper!$R$2:$R$366,ROW(INDEX(Jesper!AL$2:AL$366,ROUNDDOWN($C8554/24,0)+1,1))-1)+IF('Standard Profiles'!$G$22=$B$10,7,0)+IF('Standard Profiles'!$G$22=$B$17,14,0)+IF('Standard Profiles'!$G$22=$B$24,21,0),0)),0)</f>
        <v>0</v>
      </c>
      <c r="I8554">
        <f t="shared" si="951"/>
        <v>2.3225063531832424</v>
      </c>
      <c r="J8554">
        <f t="shared" si="952"/>
        <v>18.779898539461737</v>
      </c>
      <c r="K8554">
        <f t="shared" si="953"/>
        <v>0.96429666072783926</v>
      </c>
      <c r="L8554">
        <f t="shared" si="954"/>
        <v>0.48214833036391963</v>
      </c>
      <c r="M8554">
        <f t="shared" si="955"/>
        <v>0</v>
      </c>
      <c r="N8554" s="45">
        <f t="shared" si="956"/>
        <v>45281.999999979336</v>
      </c>
    </row>
    <row r="8555" spans="2:14" x14ac:dyDescent="0.25">
      <c r="B8555">
        <f t="shared" si="950"/>
        <v>5</v>
      </c>
      <c r="C8555" s="16">
        <v>8521</v>
      </c>
      <c r="D8555" cm="1">
        <f t="array" ref="D8555">IFERROR(INDEX(Jesper!AH$2:AH$366,ROUNDDOWN($C8555/24,0)+1,1)*INDEX($D$3:$AA$30,INDEX(Jesper!$R$2:$R$366,ROW(INDEX(Jesper!AH$2:AH$366,ROUNDDOWN($C8555/24,0)+1,1))-1)+IF('Standard Profiles'!$G$18=$B$10,7,0)+IF('Standard Profiles'!$G$18=$B$17,14,0)+IF('Standard Profiles'!$G$18=$B$24,21,0),MOD($C8555,24)+1)/SUM(INDEX($D$3:$AA$30,INDEX(Jesper!$R$2:$R$366,ROW(INDEX(Jesper!AH$2:AH$366,ROUNDDOWN($C8555/24,0)+1,1))-1)+IF('Standard Profiles'!$G$18=$B$10,7,0)+IF('Standard Profiles'!$G$18=$B$17,14,0)+IF('Standard Profiles'!$G$18=$B$24,21,0),0)),0)</f>
        <v>5.4789582995899959</v>
      </c>
      <c r="E8555" cm="1">
        <f t="array" ref="E8555">IFERROR(INDEX(Jesper!AI$2:AI$366,ROUNDDOWN($C8555/24,0)+1,1)*INDEX($D$3:$AA$30,INDEX(Jesper!$R$2:$R$366,ROW(INDEX(Jesper!AI$2:AI$366,ROUNDDOWN($C8555/24,0)+1,1))-1)+IF('Standard Profiles'!$G$19=$B$10,7,0)+IF('Standard Profiles'!$G$19=$B$17,14,0)+IF('Standard Profiles'!$G$19=$B$24,21,0),MOD($C8555,24)+1)/SUM(INDEX($D$3:$AA$30,INDEX(Jesper!$R$2:$R$366,ROW(INDEX(Jesper!AI$2:AI$366,ROUNDDOWN($C8555/24,0)+1,1))-1)+IF('Standard Profiles'!$G$19=$B$10,7,0)+IF('Standard Profiles'!$G$19=$B$17,14,0)+IF('Standard Profiles'!$G$19=$B$24,21,0),0)),0)</f>
        <v>5.2545538102716094</v>
      </c>
      <c r="F8555" cm="1">
        <f t="array" ref="F8555">IFERROR(INDEX(Jesper!AJ$2:AJ$366,ROUNDDOWN($C8555/24,0)+1,1)*INDEX($D$3:$AA$30,INDEX(Jesper!$R$2:$R$366,ROW(INDEX(Jesper!AJ$2:AJ$366,ROUNDDOWN($C8555/24,0)+1,1))-1)+IF('Standard Profiles'!$G$20=$B$10,7,0)+IF('Standard Profiles'!$G$20=$B$17,14,0)+IF('Standard Profiles'!$G$20=$B$24,21,0),MOD($C8555,24)+1)/SUM(INDEX($D$3:$AA$30,INDEX(Jesper!$R$2:$R$366,ROW(INDEX(Jesper!AJ$2:AJ$366,ROUNDDOWN($C8555/24,0)+1,1))-1)+IF('Standard Profiles'!$G$20=$B$10,7,0)+IF('Standard Profiles'!$G$20=$B$17,14,0)+IF('Standard Profiles'!$G$20=$B$24,21,0),0)),0)</f>
        <v>0</v>
      </c>
      <c r="G8555" cm="1">
        <f t="array" ref="G8555">IFERROR(INDEX(Jesper!AK$2:AK$366,ROUNDDOWN($C8555/24,0)+1,1)*INDEX($D$3:$AA$30,INDEX(Jesper!$R$2:$R$366,ROW(INDEX(Jesper!AK$2:AK$366,ROUNDDOWN($C8555/24,0)+1,1))-1)+IF('Standard Profiles'!$G$21=$B$10,7,0)+IF('Standard Profiles'!$G$21=$B$17,14,0)+IF('Standard Profiles'!$G$21=$B$24,21,0),MOD($C8555,24)+1)/SUM(INDEX($D$3:$AA$30,INDEX(Jesper!$R$2:$R$366,ROW(INDEX(Jesper!AK$2:AK$366,ROUNDDOWN($C8555/24,0)+1,1))-1)+IF('Standard Profiles'!$G$21=$B$10,7,0)+IF('Standard Profiles'!$G$21=$B$17,14,0)+IF('Standard Profiles'!$G$21=$B$24,21,0),0)),0)</f>
        <v>4.8385549024650905</v>
      </c>
      <c r="H8555" cm="1">
        <f t="array" ref="H8555">IFERROR(INDEX(Jesper!AL$2:AL$366,ROUNDDOWN($C8555/24,0)+1,1)*INDEX($D$3:$AA$30,INDEX(Jesper!$R$2:$R$366,ROW(INDEX(Jesper!AL$2:AL$366,ROUNDDOWN($C8555/24,0)+1,1))-1)+IF('Standard Profiles'!$G$22=$B$10,7,0)+IF('Standard Profiles'!$G$22=$B$17,14,0)+IF('Standard Profiles'!$G$22=$B$24,21,0),MOD($C8555,24)+1)/SUM(INDEX($D$3:$AA$30,INDEX(Jesper!$R$2:$R$366,ROW(INDEX(Jesper!AL$2:AL$366,ROUNDDOWN($C8555/24,0)+1,1))-1)+IF('Standard Profiles'!$G$22=$B$10,7,0)+IF('Standard Profiles'!$G$22=$B$17,14,0)+IF('Standard Profiles'!$G$22=$B$24,21,0),0)),0)</f>
        <v>0</v>
      </c>
      <c r="I8555">
        <f t="shared" si="951"/>
        <v>2.3225063531832424</v>
      </c>
      <c r="J8555">
        <f t="shared" si="952"/>
        <v>12.372927331209054</v>
      </c>
      <c r="K8555">
        <f t="shared" si="953"/>
        <v>0.58442221862293298</v>
      </c>
      <c r="L8555">
        <f t="shared" si="954"/>
        <v>0.29221110931146649</v>
      </c>
      <c r="M8555">
        <f t="shared" si="955"/>
        <v>0</v>
      </c>
      <c r="N8555" s="45">
        <f t="shared" si="956"/>
        <v>45282.041666646001</v>
      </c>
    </row>
    <row r="8556" spans="2:14" x14ac:dyDescent="0.25">
      <c r="B8556">
        <f t="shared" si="950"/>
        <v>5</v>
      </c>
      <c r="C8556" s="16">
        <v>8522</v>
      </c>
      <c r="D8556" cm="1">
        <f t="array" ref="D8556">IFERROR(INDEX(Jesper!AH$2:AH$366,ROUNDDOWN($C8556/24,0)+1,1)*INDEX($D$3:$AA$30,INDEX(Jesper!$R$2:$R$366,ROW(INDEX(Jesper!AH$2:AH$366,ROUNDDOWN($C8556/24,0)+1,1))-1)+IF('Standard Profiles'!$G$18=$B$10,7,0)+IF('Standard Profiles'!$G$18=$B$17,14,0)+IF('Standard Profiles'!$G$18=$B$24,21,0),MOD($C8556,24)+1)/SUM(INDEX($D$3:$AA$30,INDEX(Jesper!$R$2:$R$366,ROW(INDEX(Jesper!AH$2:AH$366,ROUNDDOWN($C8556/24,0)+1,1))-1)+IF('Standard Profiles'!$G$18=$B$10,7,0)+IF('Standard Profiles'!$G$18=$B$17,14,0)+IF('Standard Profiles'!$G$18=$B$24,21,0),0)),0)</f>
        <v>5.4789582995899959</v>
      </c>
      <c r="E8556" cm="1">
        <f t="array" ref="E8556">IFERROR(INDEX(Jesper!AI$2:AI$366,ROUNDDOWN($C8556/24,0)+1,1)*INDEX($D$3:$AA$30,INDEX(Jesper!$R$2:$R$366,ROW(INDEX(Jesper!AI$2:AI$366,ROUNDDOWN($C8556/24,0)+1,1))-1)+IF('Standard Profiles'!$G$19=$B$10,7,0)+IF('Standard Profiles'!$G$19=$B$17,14,0)+IF('Standard Profiles'!$G$19=$B$24,21,0),MOD($C8556,24)+1)/SUM(INDEX($D$3:$AA$30,INDEX(Jesper!$R$2:$R$366,ROW(INDEX(Jesper!AI$2:AI$366,ROUNDDOWN($C8556/24,0)+1,1))-1)+IF('Standard Profiles'!$G$19=$B$10,7,0)+IF('Standard Profiles'!$G$19=$B$17,14,0)+IF('Standard Profiles'!$G$19=$B$24,21,0),0)),0)</f>
        <v>5.2545538102716094</v>
      </c>
      <c r="F8556" cm="1">
        <f t="array" ref="F8556">IFERROR(INDEX(Jesper!AJ$2:AJ$366,ROUNDDOWN($C8556/24,0)+1,1)*INDEX($D$3:$AA$30,INDEX(Jesper!$R$2:$R$366,ROW(INDEX(Jesper!AJ$2:AJ$366,ROUNDDOWN($C8556/24,0)+1,1))-1)+IF('Standard Profiles'!$G$20=$B$10,7,0)+IF('Standard Profiles'!$G$20=$B$17,14,0)+IF('Standard Profiles'!$G$20=$B$24,21,0),MOD($C8556,24)+1)/SUM(INDEX($D$3:$AA$30,INDEX(Jesper!$R$2:$R$366,ROW(INDEX(Jesper!AJ$2:AJ$366,ROUNDDOWN($C8556/24,0)+1,1))-1)+IF('Standard Profiles'!$G$20=$B$10,7,0)+IF('Standard Profiles'!$G$20=$B$17,14,0)+IF('Standard Profiles'!$G$20=$B$24,21,0),0)),0)</f>
        <v>0</v>
      </c>
      <c r="G8556" cm="1">
        <f t="array" ref="G8556">IFERROR(INDEX(Jesper!AK$2:AK$366,ROUNDDOWN($C8556/24,0)+1,1)*INDEX($D$3:$AA$30,INDEX(Jesper!$R$2:$R$366,ROW(INDEX(Jesper!AK$2:AK$366,ROUNDDOWN($C8556/24,0)+1,1))-1)+IF('Standard Profiles'!$G$21=$B$10,7,0)+IF('Standard Profiles'!$G$21=$B$17,14,0)+IF('Standard Profiles'!$G$21=$B$24,21,0),MOD($C8556,24)+1)/SUM(INDEX($D$3:$AA$30,INDEX(Jesper!$R$2:$R$366,ROW(INDEX(Jesper!AK$2:AK$366,ROUNDDOWN($C8556/24,0)+1,1))-1)+IF('Standard Profiles'!$G$21=$B$10,7,0)+IF('Standard Profiles'!$G$21=$B$17,14,0)+IF('Standard Profiles'!$G$21=$B$24,21,0),0)),0)</f>
        <v>4.8385549024650905</v>
      </c>
      <c r="H8556" cm="1">
        <f t="array" ref="H8556">IFERROR(INDEX(Jesper!AL$2:AL$366,ROUNDDOWN($C8556/24,0)+1,1)*INDEX($D$3:$AA$30,INDEX(Jesper!$R$2:$R$366,ROW(INDEX(Jesper!AL$2:AL$366,ROUNDDOWN($C8556/24,0)+1,1))-1)+IF('Standard Profiles'!$G$22=$B$10,7,0)+IF('Standard Profiles'!$G$22=$B$17,14,0)+IF('Standard Profiles'!$G$22=$B$24,21,0),MOD($C8556,24)+1)/SUM(INDEX($D$3:$AA$30,INDEX(Jesper!$R$2:$R$366,ROW(INDEX(Jesper!AL$2:AL$366,ROUNDDOWN($C8556/24,0)+1,1))-1)+IF('Standard Profiles'!$G$22=$B$10,7,0)+IF('Standard Profiles'!$G$22=$B$17,14,0)+IF('Standard Profiles'!$G$22=$B$24,21,0),0)),0)</f>
        <v>0</v>
      </c>
      <c r="I8556">
        <f t="shared" si="951"/>
        <v>2.3225063531832424</v>
      </c>
      <c r="J8556">
        <f t="shared" si="952"/>
        <v>12.372927331209054</v>
      </c>
      <c r="K8556">
        <f t="shared" si="953"/>
        <v>0.58442221862293298</v>
      </c>
      <c r="L8556">
        <f t="shared" si="954"/>
        <v>0.29221110931146649</v>
      </c>
      <c r="M8556">
        <f t="shared" si="955"/>
        <v>0</v>
      </c>
      <c r="N8556" s="45">
        <f t="shared" si="956"/>
        <v>45282.083333312665</v>
      </c>
    </row>
    <row r="8557" spans="2:14" x14ac:dyDescent="0.25">
      <c r="B8557">
        <f t="shared" si="950"/>
        <v>5</v>
      </c>
      <c r="C8557" s="16">
        <v>8523</v>
      </c>
      <c r="D8557" cm="1">
        <f t="array" ref="D8557">IFERROR(INDEX(Jesper!AH$2:AH$366,ROUNDDOWN($C8557/24,0)+1,1)*INDEX($D$3:$AA$30,INDEX(Jesper!$R$2:$R$366,ROW(INDEX(Jesper!AH$2:AH$366,ROUNDDOWN($C8557/24,0)+1,1))-1)+IF('Standard Profiles'!$G$18=$B$10,7,0)+IF('Standard Profiles'!$G$18=$B$17,14,0)+IF('Standard Profiles'!$G$18=$B$24,21,0),MOD($C8557,24)+1)/SUM(INDEX($D$3:$AA$30,INDEX(Jesper!$R$2:$R$366,ROW(INDEX(Jesper!AH$2:AH$366,ROUNDDOWN($C8557/24,0)+1,1))-1)+IF('Standard Profiles'!$G$18=$B$10,7,0)+IF('Standard Profiles'!$G$18=$B$17,14,0)+IF('Standard Profiles'!$G$18=$B$24,21,0),0)),0)</f>
        <v>5.4789582995899959</v>
      </c>
      <c r="E8557" cm="1">
        <f t="array" ref="E8557">IFERROR(INDEX(Jesper!AI$2:AI$366,ROUNDDOWN($C8557/24,0)+1,1)*INDEX($D$3:$AA$30,INDEX(Jesper!$R$2:$R$366,ROW(INDEX(Jesper!AI$2:AI$366,ROUNDDOWN($C8557/24,0)+1,1))-1)+IF('Standard Profiles'!$G$19=$B$10,7,0)+IF('Standard Profiles'!$G$19=$B$17,14,0)+IF('Standard Profiles'!$G$19=$B$24,21,0),MOD($C8557,24)+1)/SUM(INDEX($D$3:$AA$30,INDEX(Jesper!$R$2:$R$366,ROW(INDEX(Jesper!AI$2:AI$366,ROUNDDOWN($C8557/24,0)+1,1))-1)+IF('Standard Profiles'!$G$19=$B$10,7,0)+IF('Standard Profiles'!$G$19=$B$17,14,0)+IF('Standard Profiles'!$G$19=$B$24,21,0),0)),0)</f>
        <v>5.2545538102716094</v>
      </c>
      <c r="F8557" cm="1">
        <f t="array" ref="F8557">IFERROR(INDEX(Jesper!AJ$2:AJ$366,ROUNDDOWN($C8557/24,0)+1,1)*INDEX($D$3:$AA$30,INDEX(Jesper!$R$2:$R$366,ROW(INDEX(Jesper!AJ$2:AJ$366,ROUNDDOWN($C8557/24,0)+1,1))-1)+IF('Standard Profiles'!$G$20=$B$10,7,0)+IF('Standard Profiles'!$G$20=$B$17,14,0)+IF('Standard Profiles'!$G$20=$B$24,21,0),MOD($C8557,24)+1)/SUM(INDEX($D$3:$AA$30,INDEX(Jesper!$R$2:$R$366,ROW(INDEX(Jesper!AJ$2:AJ$366,ROUNDDOWN($C8557/24,0)+1,1))-1)+IF('Standard Profiles'!$G$20=$B$10,7,0)+IF('Standard Profiles'!$G$20=$B$17,14,0)+IF('Standard Profiles'!$G$20=$B$24,21,0),0)),0)</f>
        <v>0</v>
      </c>
      <c r="G8557" cm="1">
        <f t="array" ref="G8557">IFERROR(INDEX(Jesper!AK$2:AK$366,ROUNDDOWN($C8557/24,0)+1,1)*INDEX($D$3:$AA$30,INDEX(Jesper!$R$2:$R$366,ROW(INDEX(Jesper!AK$2:AK$366,ROUNDDOWN($C8557/24,0)+1,1))-1)+IF('Standard Profiles'!$G$21=$B$10,7,0)+IF('Standard Profiles'!$G$21=$B$17,14,0)+IF('Standard Profiles'!$G$21=$B$24,21,0),MOD($C8557,24)+1)/SUM(INDEX($D$3:$AA$30,INDEX(Jesper!$R$2:$R$366,ROW(INDEX(Jesper!AK$2:AK$366,ROUNDDOWN($C8557/24,0)+1,1))-1)+IF('Standard Profiles'!$G$21=$B$10,7,0)+IF('Standard Profiles'!$G$21=$B$17,14,0)+IF('Standard Profiles'!$G$21=$B$24,21,0),0)),0)</f>
        <v>4.8385549024650905</v>
      </c>
      <c r="H8557" cm="1">
        <f t="array" ref="H8557">IFERROR(INDEX(Jesper!AL$2:AL$366,ROUNDDOWN($C8557/24,0)+1,1)*INDEX($D$3:$AA$30,INDEX(Jesper!$R$2:$R$366,ROW(INDEX(Jesper!AL$2:AL$366,ROUNDDOWN($C8557/24,0)+1,1))-1)+IF('Standard Profiles'!$G$22=$B$10,7,0)+IF('Standard Profiles'!$G$22=$B$17,14,0)+IF('Standard Profiles'!$G$22=$B$24,21,0),MOD($C8557,24)+1)/SUM(INDEX($D$3:$AA$30,INDEX(Jesper!$R$2:$R$366,ROW(INDEX(Jesper!AL$2:AL$366,ROUNDDOWN($C8557/24,0)+1,1))-1)+IF('Standard Profiles'!$G$22=$B$10,7,0)+IF('Standard Profiles'!$G$22=$B$17,14,0)+IF('Standard Profiles'!$G$22=$B$24,21,0),0)),0)</f>
        <v>0</v>
      </c>
      <c r="I8557">
        <f t="shared" si="951"/>
        <v>2.3225063531832424</v>
      </c>
      <c r="J8557">
        <f t="shared" si="952"/>
        <v>12.372927331209054</v>
      </c>
      <c r="K8557">
        <f t="shared" si="953"/>
        <v>0.58442221862293298</v>
      </c>
      <c r="L8557">
        <f t="shared" si="954"/>
        <v>0.29221110931146649</v>
      </c>
      <c r="M8557">
        <f t="shared" si="955"/>
        <v>0</v>
      </c>
      <c r="N8557" s="45">
        <f t="shared" si="956"/>
        <v>45282.124999979329</v>
      </c>
    </row>
    <row r="8558" spans="2:14" x14ac:dyDescent="0.25">
      <c r="B8558">
        <f t="shared" si="950"/>
        <v>5</v>
      </c>
      <c r="C8558" s="16">
        <v>8524</v>
      </c>
      <c r="D8558" cm="1">
        <f t="array" ref="D8558">IFERROR(INDEX(Jesper!AH$2:AH$366,ROUNDDOWN($C8558/24,0)+1,1)*INDEX($D$3:$AA$30,INDEX(Jesper!$R$2:$R$366,ROW(INDEX(Jesper!AH$2:AH$366,ROUNDDOWN($C8558/24,0)+1,1))-1)+IF('Standard Profiles'!$G$18=$B$10,7,0)+IF('Standard Profiles'!$G$18=$B$17,14,0)+IF('Standard Profiles'!$G$18=$B$24,21,0),MOD($C8558,24)+1)/SUM(INDEX($D$3:$AA$30,INDEX(Jesper!$R$2:$R$366,ROW(INDEX(Jesper!AH$2:AH$366,ROUNDDOWN($C8558/24,0)+1,1))-1)+IF('Standard Profiles'!$G$18=$B$10,7,0)+IF('Standard Profiles'!$G$18=$B$17,14,0)+IF('Standard Profiles'!$G$18=$B$24,21,0),0)),0)</f>
        <v>5.4789582995899959</v>
      </c>
      <c r="E8558" cm="1">
        <f t="array" ref="E8558">IFERROR(INDEX(Jesper!AI$2:AI$366,ROUNDDOWN($C8558/24,0)+1,1)*INDEX($D$3:$AA$30,INDEX(Jesper!$R$2:$R$366,ROW(INDEX(Jesper!AI$2:AI$366,ROUNDDOWN($C8558/24,0)+1,1))-1)+IF('Standard Profiles'!$G$19=$B$10,7,0)+IF('Standard Profiles'!$G$19=$B$17,14,0)+IF('Standard Profiles'!$G$19=$B$24,21,0),MOD($C8558,24)+1)/SUM(INDEX($D$3:$AA$30,INDEX(Jesper!$R$2:$R$366,ROW(INDEX(Jesper!AI$2:AI$366,ROUNDDOWN($C8558/24,0)+1,1))-1)+IF('Standard Profiles'!$G$19=$B$10,7,0)+IF('Standard Profiles'!$G$19=$B$17,14,0)+IF('Standard Profiles'!$G$19=$B$24,21,0),0)),0)</f>
        <v>5.2545538102716094</v>
      </c>
      <c r="F8558" cm="1">
        <f t="array" ref="F8558">IFERROR(INDEX(Jesper!AJ$2:AJ$366,ROUNDDOWN($C8558/24,0)+1,1)*INDEX($D$3:$AA$30,INDEX(Jesper!$R$2:$R$366,ROW(INDEX(Jesper!AJ$2:AJ$366,ROUNDDOWN($C8558/24,0)+1,1))-1)+IF('Standard Profiles'!$G$20=$B$10,7,0)+IF('Standard Profiles'!$G$20=$B$17,14,0)+IF('Standard Profiles'!$G$20=$B$24,21,0),MOD($C8558,24)+1)/SUM(INDEX($D$3:$AA$30,INDEX(Jesper!$R$2:$R$366,ROW(INDEX(Jesper!AJ$2:AJ$366,ROUNDDOWN($C8558/24,0)+1,1))-1)+IF('Standard Profiles'!$G$20=$B$10,7,0)+IF('Standard Profiles'!$G$20=$B$17,14,0)+IF('Standard Profiles'!$G$20=$B$24,21,0),0)),0)</f>
        <v>0</v>
      </c>
      <c r="G8558" cm="1">
        <f t="array" ref="G8558">IFERROR(INDEX(Jesper!AK$2:AK$366,ROUNDDOWN($C8558/24,0)+1,1)*INDEX($D$3:$AA$30,INDEX(Jesper!$R$2:$R$366,ROW(INDEX(Jesper!AK$2:AK$366,ROUNDDOWN($C8558/24,0)+1,1))-1)+IF('Standard Profiles'!$G$21=$B$10,7,0)+IF('Standard Profiles'!$G$21=$B$17,14,0)+IF('Standard Profiles'!$G$21=$B$24,21,0),MOD($C8558,24)+1)/SUM(INDEX($D$3:$AA$30,INDEX(Jesper!$R$2:$R$366,ROW(INDEX(Jesper!AK$2:AK$366,ROUNDDOWN($C8558/24,0)+1,1))-1)+IF('Standard Profiles'!$G$21=$B$10,7,0)+IF('Standard Profiles'!$G$21=$B$17,14,0)+IF('Standard Profiles'!$G$21=$B$24,21,0),0)),0)</f>
        <v>4.8385549024650905</v>
      </c>
      <c r="H8558" cm="1">
        <f t="array" ref="H8558">IFERROR(INDEX(Jesper!AL$2:AL$366,ROUNDDOWN($C8558/24,0)+1,1)*INDEX($D$3:$AA$30,INDEX(Jesper!$R$2:$R$366,ROW(INDEX(Jesper!AL$2:AL$366,ROUNDDOWN($C8558/24,0)+1,1))-1)+IF('Standard Profiles'!$G$22=$B$10,7,0)+IF('Standard Profiles'!$G$22=$B$17,14,0)+IF('Standard Profiles'!$G$22=$B$24,21,0),MOD($C8558,24)+1)/SUM(INDEX($D$3:$AA$30,INDEX(Jesper!$R$2:$R$366,ROW(INDEX(Jesper!AL$2:AL$366,ROUNDDOWN($C8558/24,0)+1,1))-1)+IF('Standard Profiles'!$G$22=$B$10,7,0)+IF('Standard Profiles'!$G$22=$B$17,14,0)+IF('Standard Profiles'!$G$22=$B$24,21,0),0)),0)</f>
        <v>0</v>
      </c>
      <c r="I8558">
        <f t="shared" si="951"/>
        <v>2.3225063531832424</v>
      </c>
      <c r="J8558">
        <f t="shared" si="952"/>
        <v>12.372927331209054</v>
      </c>
      <c r="K8558">
        <f t="shared" si="953"/>
        <v>0.58442221862293298</v>
      </c>
      <c r="L8558">
        <f t="shared" si="954"/>
        <v>0.29221110931146649</v>
      </c>
      <c r="M8558">
        <f t="shared" si="955"/>
        <v>0</v>
      </c>
      <c r="N8558" s="45">
        <f t="shared" si="956"/>
        <v>45282.166666645993</v>
      </c>
    </row>
    <row r="8559" spans="2:14" x14ac:dyDescent="0.25">
      <c r="B8559">
        <f t="shared" si="950"/>
        <v>5</v>
      </c>
      <c r="C8559" s="16">
        <v>8525</v>
      </c>
      <c r="D8559" cm="1">
        <f t="array" ref="D8559">IFERROR(INDEX(Jesper!AH$2:AH$366,ROUNDDOWN($C8559/24,0)+1,1)*INDEX($D$3:$AA$30,INDEX(Jesper!$R$2:$R$366,ROW(INDEX(Jesper!AH$2:AH$366,ROUNDDOWN($C8559/24,0)+1,1))-1)+IF('Standard Profiles'!$G$18=$B$10,7,0)+IF('Standard Profiles'!$G$18=$B$17,14,0)+IF('Standard Profiles'!$G$18=$B$24,21,0),MOD($C8559,24)+1)/SUM(INDEX($D$3:$AA$30,INDEX(Jesper!$R$2:$R$366,ROW(INDEX(Jesper!AH$2:AH$366,ROUNDDOWN($C8559/24,0)+1,1))-1)+IF('Standard Profiles'!$G$18=$B$10,7,0)+IF('Standard Profiles'!$G$18=$B$17,14,0)+IF('Standard Profiles'!$G$18=$B$24,21,0),0)),0)</f>
        <v>5.4789582995899959</v>
      </c>
      <c r="E8559" cm="1">
        <f t="array" ref="E8559">IFERROR(INDEX(Jesper!AI$2:AI$366,ROUNDDOWN($C8559/24,0)+1,1)*INDEX($D$3:$AA$30,INDEX(Jesper!$R$2:$R$366,ROW(INDEX(Jesper!AI$2:AI$366,ROUNDDOWN($C8559/24,0)+1,1))-1)+IF('Standard Profiles'!$G$19=$B$10,7,0)+IF('Standard Profiles'!$G$19=$B$17,14,0)+IF('Standard Profiles'!$G$19=$B$24,21,0),MOD($C8559,24)+1)/SUM(INDEX($D$3:$AA$30,INDEX(Jesper!$R$2:$R$366,ROW(INDEX(Jesper!AI$2:AI$366,ROUNDDOWN($C8559/24,0)+1,1))-1)+IF('Standard Profiles'!$G$19=$B$10,7,0)+IF('Standard Profiles'!$G$19=$B$17,14,0)+IF('Standard Profiles'!$G$19=$B$24,21,0),0)),0)</f>
        <v>5.2545538102716094</v>
      </c>
      <c r="F8559" cm="1">
        <f t="array" ref="F8559">IFERROR(INDEX(Jesper!AJ$2:AJ$366,ROUNDDOWN($C8559/24,0)+1,1)*INDEX($D$3:$AA$30,INDEX(Jesper!$R$2:$R$366,ROW(INDEX(Jesper!AJ$2:AJ$366,ROUNDDOWN($C8559/24,0)+1,1))-1)+IF('Standard Profiles'!$G$20=$B$10,7,0)+IF('Standard Profiles'!$G$20=$B$17,14,0)+IF('Standard Profiles'!$G$20=$B$24,21,0),MOD($C8559,24)+1)/SUM(INDEX($D$3:$AA$30,INDEX(Jesper!$R$2:$R$366,ROW(INDEX(Jesper!AJ$2:AJ$366,ROUNDDOWN($C8559/24,0)+1,1))-1)+IF('Standard Profiles'!$G$20=$B$10,7,0)+IF('Standard Profiles'!$G$20=$B$17,14,0)+IF('Standard Profiles'!$G$20=$B$24,21,0),0)),0)</f>
        <v>0</v>
      </c>
      <c r="G8559" cm="1">
        <f t="array" ref="G8559">IFERROR(INDEX(Jesper!AK$2:AK$366,ROUNDDOWN($C8559/24,0)+1,1)*INDEX($D$3:$AA$30,INDEX(Jesper!$R$2:$R$366,ROW(INDEX(Jesper!AK$2:AK$366,ROUNDDOWN($C8559/24,0)+1,1))-1)+IF('Standard Profiles'!$G$21=$B$10,7,0)+IF('Standard Profiles'!$G$21=$B$17,14,0)+IF('Standard Profiles'!$G$21=$B$24,21,0),MOD($C8559,24)+1)/SUM(INDEX($D$3:$AA$30,INDEX(Jesper!$R$2:$R$366,ROW(INDEX(Jesper!AK$2:AK$366,ROUNDDOWN($C8559/24,0)+1,1))-1)+IF('Standard Profiles'!$G$21=$B$10,7,0)+IF('Standard Profiles'!$G$21=$B$17,14,0)+IF('Standard Profiles'!$G$21=$B$24,21,0),0)),0)</f>
        <v>4.8385549024650905</v>
      </c>
      <c r="H8559" cm="1">
        <f t="array" ref="H8559">IFERROR(INDEX(Jesper!AL$2:AL$366,ROUNDDOWN($C8559/24,0)+1,1)*INDEX($D$3:$AA$30,INDEX(Jesper!$R$2:$R$366,ROW(INDEX(Jesper!AL$2:AL$366,ROUNDDOWN($C8559/24,0)+1,1))-1)+IF('Standard Profiles'!$G$22=$B$10,7,0)+IF('Standard Profiles'!$G$22=$B$17,14,0)+IF('Standard Profiles'!$G$22=$B$24,21,0),MOD($C8559,24)+1)/SUM(INDEX($D$3:$AA$30,INDEX(Jesper!$R$2:$R$366,ROW(INDEX(Jesper!AL$2:AL$366,ROUNDDOWN($C8559/24,0)+1,1))-1)+IF('Standard Profiles'!$G$22=$B$10,7,0)+IF('Standard Profiles'!$G$22=$B$17,14,0)+IF('Standard Profiles'!$G$22=$B$24,21,0),0)),0)</f>
        <v>0</v>
      </c>
      <c r="I8559">
        <f t="shared" si="951"/>
        <v>2.3225063531832424</v>
      </c>
      <c r="J8559">
        <f t="shared" si="952"/>
        <v>12.372927331209054</v>
      </c>
      <c r="K8559">
        <f t="shared" si="953"/>
        <v>0.58442221862293298</v>
      </c>
      <c r="L8559">
        <f t="shared" si="954"/>
        <v>0.29221110931146649</v>
      </c>
      <c r="M8559">
        <f t="shared" si="955"/>
        <v>0</v>
      </c>
      <c r="N8559" s="45">
        <f t="shared" si="956"/>
        <v>45282.208333312657</v>
      </c>
    </row>
    <row r="8560" spans="2:14" x14ac:dyDescent="0.25">
      <c r="B8560">
        <f t="shared" si="950"/>
        <v>5</v>
      </c>
      <c r="C8560" s="16">
        <v>8526</v>
      </c>
      <c r="D8560" cm="1">
        <f t="array" ref="D8560">IFERROR(INDEX(Jesper!AH$2:AH$366,ROUNDDOWN($C8560/24,0)+1,1)*INDEX($D$3:$AA$30,INDEX(Jesper!$R$2:$R$366,ROW(INDEX(Jesper!AH$2:AH$366,ROUNDDOWN($C8560/24,0)+1,1))-1)+IF('Standard Profiles'!$G$18=$B$10,7,0)+IF('Standard Profiles'!$G$18=$B$17,14,0)+IF('Standard Profiles'!$G$18=$B$24,21,0),MOD($C8560,24)+1)/SUM(INDEX($D$3:$AA$30,INDEX(Jesper!$R$2:$R$366,ROW(INDEX(Jesper!AH$2:AH$366,ROUNDDOWN($C8560/24,0)+1,1))-1)+IF('Standard Profiles'!$G$18=$B$10,7,0)+IF('Standard Profiles'!$G$18=$B$17,14,0)+IF('Standard Profiles'!$G$18=$B$24,21,0),0)),0)</f>
        <v>5.4789582995899959</v>
      </c>
      <c r="E8560" cm="1">
        <f t="array" ref="E8560">IFERROR(INDEX(Jesper!AI$2:AI$366,ROUNDDOWN($C8560/24,0)+1,1)*INDEX($D$3:$AA$30,INDEX(Jesper!$R$2:$R$366,ROW(INDEX(Jesper!AI$2:AI$366,ROUNDDOWN($C8560/24,0)+1,1))-1)+IF('Standard Profiles'!$G$19=$B$10,7,0)+IF('Standard Profiles'!$G$19=$B$17,14,0)+IF('Standard Profiles'!$G$19=$B$24,21,0),MOD($C8560,24)+1)/SUM(INDEX($D$3:$AA$30,INDEX(Jesper!$R$2:$R$366,ROW(INDEX(Jesper!AI$2:AI$366,ROUNDDOWN($C8560/24,0)+1,1))-1)+IF('Standard Profiles'!$G$19=$B$10,7,0)+IF('Standard Profiles'!$G$19=$B$17,14,0)+IF('Standard Profiles'!$G$19=$B$24,21,0),0)),0)</f>
        <v>5.2545538102716094</v>
      </c>
      <c r="F8560" cm="1">
        <f t="array" ref="F8560">IFERROR(INDEX(Jesper!AJ$2:AJ$366,ROUNDDOWN($C8560/24,0)+1,1)*INDEX($D$3:$AA$30,INDEX(Jesper!$R$2:$R$366,ROW(INDEX(Jesper!AJ$2:AJ$366,ROUNDDOWN($C8560/24,0)+1,1))-1)+IF('Standard Profiles'!$G$20=$B$10,7,0)+IF('Standard Profiles'!$G$20=$B$17,14,0)+IF('Standard Profiles'!$G$20=$B$24,21,0),MOD($C8560,24)+1)/SUM(INDEX($D$3:$AA$30,INDEX(Jesper!$R$2:$R$366,ROW(INDEX(Jesper!AJ$2:AJ$366,ROUNDDOWN($C8560/24,0)+1,1))-1)+IF('Standard Profiles'!$G$20=$B$10,7,0)+IF('Standard Profiles'!$G$20=$B$17,14,0)+IF('Standard Profiles'!$G$20=$B$24,21,0),0)),0)</f>
        <v>0</v>
      </c>
      <c r="G8560" cm="1">
        <f t="array" ref="G8560">IFERROR(INDEX(Jesper!AK$2:AK$366,ROUNDDOWN($C8560/24,0)+1,1)*INDEX($D$3:$AA$30,INDEX(Jesper!$R$2:$R$366,ROW(INDEX(Jesper!AK$2:AK$366,ROUNDDOWN($C8560/24,0)+1,1))-1)+IF('Standard Profiles'!$G$21=$B$10,7,0)+IF('Standard Profiles'!$G$21=$B$17,14,0)+IF('Standard Profiles'!$G$21=$B$24,21,0),MOD($C8560,24)+1)/SUM(INDEX($D$3:$AA$30,INDEX(Jesper!$R$2:$R$366,ROW(INDEX(Jesper!AK$2:AK$366,ROUNDDOWN($C8560/24,0)+1,1))-1)+IF('Standard Profiles'!$G$21=$B$10,7,0)+IF('Standard Profiles'!$G$21=$B$17,14,0)+IF('Standard Profiles'!$G$21=$B$24,21,0),0)),0)</f>
        <v>4.8385549024650905</v>
      </c>
      <c r="H8560" cm="1">
        <f t="array" ref="H8560">IFERROR(INDEX(Jesper!AL$2:AL$366,ROUNDDOWN($C8560/24,0)+1,1)*INDEX($D$3:$AA$30,INDEX(Jesper!$R$2:$R$366,ROW(INDEX(Jesper!AL$2:AL$366,ROUNDDOWN($C8560/24,0)+1,1))-1)+IF('Standard Profiles'!$G$22=$B$10,7,0)+IF('Standard Profiles'!$G$22=$B$17,14,0)+IF('Standard Profiles'!$G$22=$B$24,21,0),MOD($C8560,24)+1)/SUM(INDEX($D$3:$AA$30,INDEX(Jesper!$R$2:$R$366,ROW(INDEX(Jesper!AL$2:AL$366,ROUNDDOWN($C8560/24,0)+1,1))-1)+IF('Standard Profiles'!$G$22=$B$10,7,0)+IF('Standard Profiles'!$G$22=$B$17,14,0)+IF('Standard Profiles'!$G$22=$B$24,21,0),0)),0)</f>
        <v>0</v>
      </c>
      <c r="I8560">
        <f t="shared" si="951"/>
        <v>2.3225063531832424</v>
      </c>
      <c r="J8560">
        <f t="shared" si="952"/>
        <v>12.372927331209054</v>
      </c>
      <c r="K8560">
        <f t="shared" si="953"/>
        <v>0.58442221862293298</v>
      </c>
      <c r="L8560">
        <f t="shared" si="954"/>
        <v>0.29221110931146649</v>
      </c>
      <c r="M8560">
        <f t="shared" si="955"/>
        <v>0</v>
      </c>
      <c r="N8560" s="45">
        <f t="shared" si="956"/>
        <v>45282.249999979322</v>
      </c>
    </row>
    <row r="8561" spans="2:14" x14ac:dyDescent="0.25">
      <c r="B8561">
        <f t="shared" si="950"/>
        <v>5</v>
      </c>
      <c r="C8561" s="16">
        <v>8527</v>
      </c>
      <c r="D8561" cm="1">
        <f t="array" ref="D8561">IFERROR(INDEX(Jesper!AH$2:AH$366,ROUNDDOWN($C8561/24,0)+1,1)*INDEX($D$3:$AA$30,INDEX(Jesper!$R$2:$R$366,ROW(INDEX(Jesper!AH$2:AH$366,ROUNDDOWN($C8561/24,0)+1,1))-1)+IF('Standard Profiles'!$G$18=$B$10,7,0)+IF('Standard Profiles'!$G$18=$B$17,14,0)+IF('Standard Profiles'!$G$18=$B$24,21,0),MOD($C8561,24)+1)/SUM(INDEX($D$3:$AA$30,INDEX(Jesper!$R$2:$R$366,ROW(INDEX(Jesper!AH$2:AH$366,ROUNDDOWN($C8561/24,0)+1,1))-1)+IF('Standard Profiles'!$G$18=$B$10,7,0)+IF('Standard Profiles'!$G$18=$B$17,14,0)+IF('Standard Profiles'!$G$18=$B$24,21,0),0)),0)</f>
        <v>23.34036235625338</v>
      </c>
      <c r="E8561" cm="1">
        <f t="array" ref="E8561">IFERROR(INDEX(Jesper!AI$2:AI$366,ROUNDDOWN($C8561/24,0)+1,1)*INDEX($D$3:$AA$30,INDEX(Jesper!$R$2:$R$366,ROW(INDEX(Jesper!AI$2:AI$366,ROUNDDOWN($C8561/24,0)+1,1))-1)+IF('Standard Profiles'!$G$19=$B$10,7,0)+IF('Standard Profiles'!$G$19=$B$17,14,0)+IF('Standard Profiles'!$G$19=$B$24,21,0),MOD($C8561,24)+1)/SUM(INDEX($D$3:$AA$30,INDEX(Jesper!$R$2:$R$366,ROW(INDEX(Jesper!AI$2:AI$366,ROUNDDOWN($C8561/24,0)+1,1))-1)+IF('Standard Profiles'!$G$19=$B$10,7,0)+IF('Standard Profiles'!$G$19=$B$17,14,0)+IF('Standard Profiles'!$G$19=$B$24,21,0),0)),0)</f>
        <v>22.384399231757051</v>
      </c>
      <c r="F8561" cm="1">
        <f t="array" ref="F8561">IFERROR(INDEX(Jesper!AJ$2:AJ$366,ROUNDDOWN($C8561/24,0)+1,1)*INDEX($D$3:$AA$30,INDEX(Jesper!$R$2:$R$366,ROW(INDEX(Jesper!AJ$2:AJ$366,ROUNDDOWN($C8561/24,0)+1,1))-1)+IF('Standard Profiles'!$G$20=$B$10,7,0)+IF('Standard Profiles'!$G$20=$B$17,14,0)+IF('Standard Profiles'!$G$20=$B$24,21,0),MOD($C8561,24)+1)/SUM(INDEX($D$3:$AA$30,INDEX(Jesper!$R$2:$R$366,ROW(INDEX(Jesper!AJ$2:AJ$366,ROUNDDOWN($C8561/24,0)+1,1))-1)+IF('Standard Profiles'!$G$20=$B$10,7,0)+IF('Standard Profiles'!$G$20=$B$17,14,0)+IF('Standard Profiles'!$G$20=$B$24,21,0),0)),0)</f>
        <v>0</v>
      </c>
      <c r="G8561" cm="1">
        <f t="array" ref="G8561">IFERROR(INDEX(Jesper!AK$2:AK$366,ROUNDDOWN($C8561/24,0)+1,1)*INDEX($D$3:$AA$30,INDEX(Jesper!$R$2:$R$366,ROW(INDEX(Jesper!AK$2:AK$366,ROUNDDOWN($C8561/24,0)+1,1))-1)+IF('Standard Profiles'!$G$21=$B$10,7,0)+IF('Standard Profiles'!$G$21=$B$17,14,0)+IF('Standard Profiles'!$G$21=$B$24,21,0),MOD($C8561,24)+1)/SUM(INDEX($D$3:$AA$30,INDEX(Jesper!$R$2:$R$366,ROW(INDEX(Jesper!AK$2:AK$366,ROUNDDOWN($C8561/24,0)+1,1))-1)+IF('Standard Profiles'!$G$21=$B$10,7,0)+IF('Standard Profiles'!$G$21=$B$17,14,0)+IF('Standard Profiles'!$G$21=$B$24,21,0),0)),0)</f>
        <v>13.110922961518311</v>
      </c>
      <c r="H8561" cm="1">
        <f t="array" ref="H8561">IFERROR(INDEX(Jesper!AL$2:AL$366,ROUNDDOWN($C8561/24,0)+1,1)*INDEX($D$3:$AA$30,INDEX(Jesper!$R$2:$R$366,ROW(INDEX(Jesper!AL$2:AL$366,ROUNDDOWN($C8561/24,0)+1,1))-1)+IF('Standard Profiles'!$G$22=$B$10,7,0)+IF('Standard Profiles'!$G$22=$B$17,14,0)+IF('Standard Profiles'!$G$22=$B$24,21,0),MOD($C8561,24)+1)/SUM(INDEX($D$3:$AA$30,INDEX(Jesper!$R$2:$R$366,ROW(INDEX(Jesper!AL$2:AL$366,ROUNDDOWN($C8561/24,0)+1,1))-1)+IF('Standard Profiles'!$G$22=$B$10,7,0)+IF('Standard Profiles'!$G$22=$B$17,14,0)+IF('Standard Profiles'!$G$22=$B$24,21,0),0)),0)</f>
        <v>0</v>
      </c>
      <c r="I8561">
        <f t="shared" si="951"/>
        <v>6.2932430215287862</v>
      </c>
      <c r="J8561">
        <f t="shared" si="952"/>
        <v>48.807983550999417</v>
      </c>
      <c r="K8561">
        <f t="shared" si="953"/>
        <v>2.4896386513336939</v>
      </c>
      <c r="L8561">
        <f t="shared" si="954"/>
        <v>1.2448193256668469</v>
      </c>
      <c r="M8561">
        <f t="shared" si="955"/>
        <v>0</v>
      </c>
      <c r="N8561" s="45">
        <f t="shared" si="956"/>
        <v>45282.291666645986</v>
      </c>
    </row>
    <row r="8562" spans="2:14" x14ac:dyDescent="0.25">
      <c r="B8562">
        <f t="shared" si="950"/>
        <v>5</v>
      </c>
      <c r="C8562" s="16">
        <v>8528</v>
      </c>
      <c r="D8562" cm="1">
        <f t="array" ref="D8562">IFERROR(INDEX(Jesper!AH$2:AH$366,ROUNDDOWN($C8562/24,0)+1,1)*INDEX($D$3:$AA$30,INDEX(Jesper!$R$2:$R$366,ROW(INDEX(Jesper!AH$2:AH$366,ROUNDDOWN($C8562/24,0)+1,1))-1)+IF('Standard Profiles'!$G$18=$B$10,7,0)+IF('Standard Profiles'!$G$18=$B$17,14,0)+IF('Standard Profiles'!$G$18=$B$24,21,0),MOD($C8562,24)+1)/SUM(INDEX($D$3:$AA$30,INDEX(Jesper!$R$2:$R$366,ROW(INDEX(Jesper!AH$2:AH$366,ROUNDDOWN($C8562/24,0)+1,1))-1)+IF('Standard Profiles'!$G$18=$B$10,7,0)+IF('Standard Profiles'!$G$18=$B$17,14,0)+IF('Standard Profiles'!$G$18=$B$24,21,0),0)),0)</f>
        <v>29.175452945316724</v>
      </c>
      <c r="E8562" cm="1">
        <f t="array" ref="E8562">IFERROR(INDEX(Jesper!AI$2:AI$366,ROUNDDOWN($C8562/24,0)+1,1)*INDEX($D$3:$AA$30,INDEX(Jesper!$R$2:$R$366,ROW(INDEX(Jesper!AI$2:AI$366,ROUNDDOWN($C8562/24,0)+1,1))-1)+IF('Standard Profiles'!$G$19=$B$10,7,0)+IF('Standard Profiles'!$G$19=$B$17,14,0)+IF('Standard Profiles'!$G$19=$B$24,21,0),MOD($C8562,24)+1)/SUM(INDEX($D$3:$AA$30,INDEX(Jesper!$R$2:$R$366,ROW(INDEX(Jesper!AI$2:AI$366,ROUNDDOWN($C8562/24,0)+1,1))-1)+IF('Standard Profiles'!$G$19=$B$10,7,0)+IF('Standard Profiles'!$G$19=$B$17,14,0)+IF('Standard Profiles'!$G$19=$B$24,21,0),0)),0)</f>
        <v>27.980499039696316</v>
      </c>
      <c r="F8562" cm="1">
        <f t="array" ref="F8562">IFERROR(INDEX(Jesper!AJ$2:AJ$366,ROUNDDOWN($C8562/24,0)+1,1)*INDEX($D$3:$AA$30,INDEX(Jesper!$R$2:$R$366,ROW(INDEX(Jesper!AJ$2:AJ$366,ROUNDDOWN($C8562/24,0)+1,1))-1)+IF('Standard Profiles'!$G$20=$B$10,7,0)+IF('Standard Profiles'!$G$20=$B$17,14,0)+IF('Standard Profiles'!$G$20=$B$24,21,0),MOD($C8562,24)+1)/SUM(INDEX($D$3:$AA$30,INDEX(Jesper!$R$2:$R$366,ROW(INDEX(Jesper!AJ$2:AJ$366,ROUNDDOWN($C8562/24,0)+1,1))-1)+IF('Standard Profiles'!$G$20=$B$10,7,0)+IF('Standard Profiles'!$G$20=$B$17,14,0)+IF('Standard Profiles'!$G$20=$B$24,21,0),0)),0)</f>
        <v>0</v>
      </c>
      <c r="G8562" cm="1">
        <f t="array" ref="G8562">IFERROR(INDEX(Jesper!AK$2:AK$366,ROUNDDOWN($C8562/24,0)+1,1)*INDEX($D$3:$AA$30,INDEX(Jesper!$R$2:$R$366,ROW(INDEX(Jesper!AK$2:AK$366,ROUNDDOWN($C8562/24,0)+1,1))-1)+IF('Standard Profiles'!$G$21=$B$10,7,0)+IF('Standard Profiles'!$G$21=$B$17,14,0)+IF('Standard Profiles'!$G$21=$B$24,21,0),MOD($C8562,24)+1)/SUM(INDEX($D$3:$AA$30,INDEX(Jesper!$R$2:$R$366,ROW(INDEX(Jesper!AK$2:AK$366,ROUNDDOWN($C8562/24,0)+1,1))-1)+IF('Standard Profiles'!$G$21=$B$10,7,0)+IF('Standard Profiles'!$G$21=$B$17,14,0)+IF('Standard Profiles'!$G$21=$B$24,21,0),0)),0)</f>
        <v>16.388653701897887</v>
      </c>
      <c r="H8562" cm="1">
        <f t="array" ref="H8562">IFERROR(INDEX(Jesper!AL$2:AL$366,ROUNDDOWN($C8562/24,0)+1,1)*INDEX($D$3:$AA$30,INDEX(Jesper!$R$2:$R$366,ROW(INDEX(Jesper!AL$2:AL$366,ROUNDDOWN($C8562/24,0)+1,1))-1)+IF('Standard Profiles'!$G$22=$B$10,7,0)+IF('Standard Profiles'!$G$22=$B$17,14,0)+IF('Standard Profiles'!$G$22=$B$24,21,0),MOD($C8562,24)+1)/SUM(INDEX($D$3:$AA$30,INDEX(Jesper!$R$2:$R$366,ROW(INDEX(Jesper!AL$2:AL$366,ROUNDDOWN($C8562/24,0)+1,1))-1)+IF('Standard Profiles'!$G$22=$B$10,7,0)+IF('Standard Profiles'!$G$22=$B$17,14,0)+IF('Standard Profiles'!$G$22=$B$24,21,0),0)),0)</f>
        <v>0</v>
      </c>
      <c r="I8562">
        <f t="shared" si="951"/>
        <v>7.8665537769109815</v>
      </c>
      <c r="J8562">
        <f t="shared" si="952"/>
        <v>61.009979438749269</v>
      </c>
      <c r="K8562">
        <f t="shared" si="953"/>
        <v>3.1120483141671174</v>
      </c>
      <c r="L8562">
        <f t="shared" si="954"/>
        <v>1.5560241570835587</v>
      </c>
      <c r="M8562">
        <f t="shared" si="955"/>
        <v>0</v>
      </c>
      <c r="N8562" s="45">
        <f t="shared" si="956"/>
        <v>45282.33333331265</v>
      </c>
    </row>
    <row r="8563" spans="2:14" x14ac:dyDescent="0.25">
      <c r="B8563">
        <f t="shared" si="950"/>
        <v>5</v>
      </c>
      <c r="C8563" s="16">
        <v>8529</v>
      </c>
      <c r="D8563" cm="1">
        <f t="array" ref="D8563">IFERROR(INDEX(Jesper!AH$2:AH$366,ROUNDDOWN($C8563/24,0)+1,1)*INDEX($D$3:$AA$30,INDEX(Jesper!$R$2:$R$366,ROW(INDEX(Jesper!AH$2:AH$366,ROUNDDOWN($C8563/24,0)+1,1))-1)+IF('Standard Profiles'!$G$18=$B$10,7,0)+IF('Standard Profiles'!$G$18=$B$17,14,0)+IF('Standard Profiles'!$G$18=$B$24,21,0),MOD($C8563,24)+1)/SUM(INDEX($D$3:$AA$30,INDEX(Jesper!$R$2:$R$366,ROW(INDEX(Jesper!AH$2:AH$366,ROUNDDOWN($C8563/24,0)+1,1))-1)+IF('Standard Profiles'!$G$18=$B$10,7,0)+IF('Standard Profiles'!$G$18=$B$17,14,0)+IF('Standard Profiles'!$G$18=$B$24,21,0),0)),0)</f>
        <v>32.092998239848399</v>
      </c>
      <c r="E8563" cm="1">
        <f t="array" ref="E8563">IFERROR(INDEX(Jesper!AI$2:AI$366,ROUNDDOWN($C8563/24,0)+1,1)*INDEX($D$3:$AA$30,INDEX(Jesper!$R$2:$R$366,ROW(INDEX(Jesper!AI$2:AI$366,ROUNDDOWN($C8563/24,0)+1,1))-1)+IF('Standard Profiles'!$G$19=$B$10,7,0)+IF('Standard Profiles'!$G$19=$B$17,14,0)+IF('Standard Profiles'!$G$19=$B$24,21,0),MOD($C8563,24)+1)/SUM(INDEX($D$3:$AA$30,INDEX(Jesper!$R$2:$R$366,ROW(INDEX(Jesper!AI$2:AI$366,ROUNDDOWN($C8563/24,0)+1,1))-1)+IF('Standard Profiles'!$G$19=$B$10,7,0)+IF('Standard Profiles'!$G$19=$B$17,14,0)+IF('Standard Profiles'!$G$19=$B$24,21,0),0)),0)</f>
        <v>30.778548943665946</v>
      </c>
      <c r="F8563" cm="1">
        <f t="array" ref="F8563">IFERROR(INDEX(Jesper!AJ$2:AJ$366,ROUNDDOWN($C8563/24,0)+1,1)*INDEX($D$3:$AA$30,INDEX(Jesper!$R$2:$R$366,ROW(INDEX(Jesper!AJ$2:AJ$366,ROUNDDOWN($C8563/24,0)+1,1))-1)+IF('Standard Profiles'!$G$20=$B$10,7,0)+IF('Standard Profiles'!$G$20=$B$17,14,0)+IF('Standard Profiles'!$G$20=$B$24,21,0),MOD($C8563,24)+1)/SUM(INDEX($D$3:$AA$30,INDEX(Jesper!$R$2:$R$366,ROW(INDEX(Jesper!AJ$2:AJ$366,ROUNDDOWN($C8563/24,0)+1,1))-1)+IF('Standard Profiles'!$G$20=$B$10,7,0)+IF('Standard Profiles'!$G$20=$B$17,14,0)+IF('Standard Profiles'!$G$20=$B$24,21,0),0)),0)</f>
        <v>0</v>
      </c>
      <c r="G8563" cm="1">
        <f t="array" ref="G8563">IFERROR(INDEX(Jesper!AK$2:AK$366,ROUNDDOWN($C8563/24,0)+1,1)*INDEX($D$3:$AA$30,INDEX(Jesper!$R$2:$R$366,ROW(INDEX(Jesper!AK$2:AK$366,ROUNDDOWN($C8563/24,0)+1,1))-1)+IF('Standard Profiles'!$G$21=$B$10,7,0)+IF('Standard Profiles'!$G$21=$B$17,14,0)+IF('Standard Profiles'!$G$21=$B$24,21,0),MOD($C8563,24)+1)/SUM(INDEX($D$3:$AA$30,INDEX(Jesper!$R$2:$R$366,ROW(INDEX(Jesper!AK$2:AK$366,ROUNDDOWN($C8563/24,0)+1,1))-1)+IF('Standard Profiles'!$G$21=$B$10,7,0)+IF('Standard Profiles'!$G$21=$B$17,14,0)+IF('Standard Profiles'!$G$21=$B$24,21,0),0)),0)</f>
        <v>18.027519072087674</v>
      </c>
      <c r="H8563" cm="1">
        <f t="array" ref="H8563">IFERROR(INDEX(Jesper!AL$2:AL$366,ROUNDDOWN($C8563/24,0)+1,1)*INDEX($D$3:$AA$30,INDEX(Jesper!$R$2:$R$366,ROW(INDEX(Jesper!AL$2:AL$366,ROUNDDOWN($C8563/24,0)+1,1))-1)+IF('Standard Profiles'!$G$22=$B$10,7,0)+IF('Standard Profiles'!$G$22=$B$17,14,0)+IF('Standard Profiles'!$G$22=$B$24,21,0),MOD($C8563,24)+1)/SUM(INDEX($D$3:$AA$30,INDEX(Jesper!$R$2:$R$366,ROW(INDEX(Jesper!AL$2:AL$366,ROUNDDOWN($C8563/24,0)+1,1))-1)+IF('Standard Profiles'!$G$22=$B$10,7,0)+IF('Standard Profiles'!$G$22=$B$17,14,0)+IF('Standard Profiles'!$G$22=$B$24,21,0),0)),0)</f>
        <v>0</v>
      </c>
      <c r="I8563">
        <f t="shared" si="951"/>
        <v>8.6532091546020791</v>
      </c>
      <c r="J8563">
        <f t="shared" si="952"/>
        <v>67.110977382624185</v>
      </c>
      <c r="K8563">
        <f t="shared" si="953"/>
        <v>3.4232531455838293</v>
      </c>
      <c r="L8563">
        <f t="shared" si="954"/>
        <v>1.7116265727919147</v>
      </c>
      <c r="M8563">
        <f t="shared" si="955"/>
        <v>0</v>
      </c>
      <c r="N8563" s="45">
        <f t="shared" si="956"/>
        <v>45282.374999979314</v>
      </c>
    </row>
    <row r="8564" spans="2:14" x14ac:dyDescent="0.25">
      <c r="B8564">
        <f t="shared" si="950"/>
        <v>5</v>
      </c>
      <c r="C8564" s="16">
        <v>8530</v>
      </c>
      <c r="D8564" cm="1">
        <f t="array" ref="D8564">IFERROR(INDEX(Jesper!AH$2:AH$366,ROUNDDOWN($C8564/24,0)+1,1)*INDEX($D$3:$AA$30,INDEX(Jesper!$R$2:$R$366,ROW(INDEX(Jesper!AH$2:AH$366,ROUNDDOWN($C8564/24,0)+1,1))-1)+IF('Standard Profiles'!$G$18=$B$10,7,0)+IF('Standard Profiles'!$G$18=$B$17,14,0)+IF('Standard Profiles'!$G$18=$B$24,21,0),MOD($C8564,24)+1)/SUM(INDEX($D$3:$AA$30,INDEX(Jesper!$R$2:$R$366,ROW(INDEX(Jesper!AH$2:AH$366,ROUNDDOWN($C8564/24,0)+1,1))-1)+IF('Standard Profiles'!$G$18=$B$10,7,0)+IF('Standard Profiles'!$G$18=$B$17,14,0)+IF('Standard Profiles'!$G$18=$B$24,21,0),0)),0)</f>
        <v>32.092998239848399</v>
      </c>
      <c r="E8564" cm="1">
        <f t="array" ref="E8564">IFERROR(INDEX(Jesper!AI$2:AI$366,ROUNDDOWN($C8564/24,0)+1,1)*INDEX($D$3:$AA$30,INDEX(Jesper!$R$2:$R$366,ROW(INDEX(Jesper!AI$2:AI$366,ROUNDDOWN($C8564/24,0)+1,1))-1)+IF('Standard Profiles'!$G$19=$B$10,7,0)+IF('Standard Profiles'!$G$19=$B$17,14,0)+IF('Standard Profiles'!$G$19=$B$24,21,0),MOD($C8564,24)+1)/SUM(INDEX($D$3:$AA$30,INDEX(Jesper!$R$2:$R$366,ROW(INDEX(Jesper!AI$2:AI$366,ROUNDDOWN($C8564/24,0)+1,1))-1)+IF('Standard Profiles'!$G$19=$B$10,7,0)+IF('Standard Profiles'!$G$19=$B$17,14,0)+IF('Standard Profiles'!$G$19=$B$24,21,0),0)),0)</f>
        <v>30.778548943665946</v>
      </c>
      <c r="F8564" cm="1">
        <f t="array" ref="F8564">IFERROR(INDEX(Jesper!AJ$2:AJ$366,ROUNDDOWN($C8564/24,0)+1,1)*INDEX($D$3:$AA$30,INDEX(Jesper!$R$2:$R$366,ROW(INDEX(Jesper!AJ$2:AJ$366,ROUNDDOWN($C8564/24,0)+1,1))-1)+IF('Standard Profiles'!$G$20=$B$10,7,0)+IF('Standard Profiles'!$G$20=$B$17,14,0)+IF('Standard Profiles'!$G$20=$B$24,21,0),MOD($C8564,24)+1)/SUM(INDEX($D$3:$AA$30,INDEX(Jesper!$R$2:$R$366,ROW(INDEX(Jesper!AJ$2:AJ$366,ROUNDDOWN($C8564/24,0)+1,1))-1)+IF('Standard Profiles'!$G$20=$B$10,7,0)+IF('Standard Profiles'!$G$20=$B$17,14,0)+IF('Standard Profiles'!$G$20=$B$24,21,0),0)),0)</f>
        <v>0</v>
      </c>
      <c r="G8564" cm="1">
        <f t="array" ref="G8564">IFERROR(INDEX(Jesper!AK$2:AK$366,ROUNDDOWN($C8564/24,0)+1,1)*INDEX($D$3:$AA$30,INDEX(Jesper!$R$2:$R$366,ROW(INDEX(Jesper!AK$2:AK$366,ROUNDDOWN($C8564/24,0)+1,1))-1)+IF('Standard Profiles'!$G$21=$B$10,7,0)+IF('Standard Profiles'!$G$21=$B$17,14,0)+IF('Standard Profiles'!$G$21=$B$24,21,0),MOD($C8564,24)+1)/SUM(INDEX($D$3:$AA$30,INDEX(Jesper!$R$2:$R$366,ROW(INDEX(Jesper!AK$2:AK$366,ROUNDDOWN($C8564/24,0)+1,1))-1)+IF('Standard Profiles'!$G$21=$B$10,7,0)+IF('Standard Profiles'!$G$21=$B$17,14,0)+IF('Standard Profiles'!$G$21=$B$24,21,0),0)),0)</f>
        <v>18.027519072087674</v>
      </c>
      <c r="H8564" cm="1">
        <f t="array" ref="H8564">IFERROR(INDEX(Jesper!AL$2:AL$366,ROUNDDOWN($C8564/24,0)+1,1)*INDEX($D$3:$AA$30,INDEX(Jesper!$R$2:$R$366,ROW(INDEX(Jesper!AL$2:AL$366,ROUNDDOWN($C8564/24,0)+1,1))-1)+IF('Standard Profiles'!$G$22=$B$10,7,0)+IF('Standard Profiles'!$G$22=$B$17,14,0)+IF('Standard Profiles'!$G$22=$B$24,21,0),MOD($C8564,24)+1)/SUM(INDEX($D$3:$AA$30,INDEX(Jesper!$R$2:$R$366,ROW(INDEX(Jesper!AL$2:AL$366,ROUNDDOWN($C8564/24,0)+1,1))-1)+IF('Standard Profiles'!$G$22=$B$10,7,0)+IF('Standard Profiles'!$G$22=$B$17,14,0)+IF('Standard Profiles'!$G$22=$B$24,21,0),0)),0)</f>
        <v>0</v>
      </c>
      <c r="I8564">
        <f t="shared" si="951"/>
        <v>8.6532091546020791</v>
      </c>
      <c r="J8564">
        <f t="shared" si="952"/>
        <v>67.110977382624185</v>
      </c>
      <c r="K8564">
        <f t="shared" si="953"/>
        <v>3.4232531455838293</v>
      </c>
      <c r="L8564">
        <f t="shared" si="954"/>
        <v>1.7116265727919147</v>
      </c>
      <c r="M8564">
        <f t="shared" si="955"/>
        <v>0</v>
      </c>
      <c r="N8564" s="45">
        <f t="shared" si="956"/>
        <v>45282.416666645979</v>
      </c>
    </row>
    <row r="8565" spans="2:14" x14ac:dyDescent="0.25">
      <c r="B8565">
        <f t="shared" si="950"/>
        <v>5</v>
      </c>
      <c r="C8565" s="16">
        <v>8531</v>
      </c>
      <c r="D8565" cm="1">
        <f t="array" ref="D8565">IFERROR(INDEX(Jesper!AH$2:AH$366,ROUNDDOWN($C8565/24,0)+1,1)*INDEX($D$3:$AA$30,INDEX(Jesper!$R$2:$R$366,ROW(INDEX(Jesper!AH$2:AH$366,ROUNDDOWN($C8565/24,0)+1,1))-1)+IF('Standard Profiles'!$G$18=$B$10,7,0)+IF('Standard Profiles'!$G$18=$B$17,14,0)+IF('Standard Profiles'!$G$18=$B$24,21,0),MOD($C8565,24)+1)/SUM(INDEX($D$3:$AA$30,INDEX(Jesper!$R$2:$R$366,ROW(INDEX(Jesper!AH$2:AH$366,ROUNDDOWN($C8565/24,0)+1,1))-1)+IF('Standard Profiles'!$G$18=$B$10,7,0)+IF('Standard Profiles'!$G$18=$B$17,14,0)+IF('Standard Profiles'!$G$18=$B$24,21,0),0)),0)</f>
        <v>37.92808882891174</v>
      </c>
      <c r="E8565" cm="1">
        <f t="array" ref="E8565">IFERROR(INDEX(Jesper!AI$2:AI$366,ROUNDDOWN($C8565/24,0)+1,1)*INDEX($D$3:$AA$30,INDEX(Jesper!$R$2:$R$366,ROW(INDEX(Jesper!AI$2:AI$366,ROUNDDOWN($C8565/24,0)+1,1))-1)+IF('Standard Profiles'!$G$19=$B$10,7,0)+IF('Standard Profiles'!$G$19=$B$17,14,0)+IF('Standard Profiles'!$G$19=$B$24,21,0),MOD($C8565,24)+1)/SUM(INDEX($D$3:$AA$30,INDEX(Jesper!$R$2:$R$366,ROW(INDEX(Jesper!AI$2:AI$366,ROUNDDOWN($C8565/24,0)+1,1))-1)+IF('Standard Profiles'!$G$19=$B$10,7,0)+IF('Standard Profiles'!$G$19=$B$17,14,0)+IF('Standard Profiles'!$G$19=$B$24,21,0),0)),0)</f>
        <v>36.374648751605207</v>
      </c>
      <c r="F8565" cm="1">
        <f t="array" ref="F8565">IFERROR(INDEX(Jesper!AJ$2:AJ$366,ROUNDDOWN($C8565/24,0)+1,1)*INDEX($D$3:$AA$30,INDEX(Jesper!$R$2:$R$366,ROW(INDEX(Jesper!AJ$2:AJ$366,ROUNDDOWN($C8565/24,0)+1,1))-1)+IF('Standard Profiles'!$G$20=$B$10,7,0)+IF('Standard Profiles'!$G$20=$B$17,14,0)+IF('Standard Profiles'!$G$20=$B$24,21,0),MOD($C8565,24)+1)/SUM(INDEX($D$3:$AA$30,INDEX(Jesper!$R$2:$R$366,ROW(INDEX(Jesper!AJ$2:AJ$366,ROUNDDOWN($C8565/24,0)+1,1))-1)+IF('Standard Profiles'!$G$20=$B$10,7,0)+IF('Standard Profiles'!$G$20=$B$17,14,0)+IF('Standard Profiles'!$G$20=$B$24,21,0),0)),0)</f>
        <v>0</v>
      </c>
      <c r="G8565" cm="1">
        <f t="array" ref="G8565">IFERROR(INDEX(Jesper!AK$2:AK$366,ROUNDDOWN($C8565/24,0)+1,1)*INDEX($D$3:$AA$30,INDEX(Jesper!$R$2:$R$366,ROW(INDEX(Jesper!AK$2:AK$366,ROUNDDOWN($C8565/24,0)+1,1))-1)+IF('Standard Profiles'!$G$21=$B$10,7,0)+IF('Standard Profiles'!$G$21=$B$17,14,0)+IF('Standard Profiles'!$G$21=$B$24,21,0),MOD($C8565,24)+1)/SUM(INDEX($D$3:$AA$30,INDEX(Jesper!$R$2:$R$366,ROW(INDEX(Jesper!AK$2:AK$366,ROUNDDOWN($C8565/24,0)+1,1))-1)+IF('Standard Profiles'!$G$21=$B$10,7,0)+IF('Standard Profiles'!$G$21=$B$17,14,0)+IF('Standard Profiles'!$G$21=$B$24,21,0),0)),0)</f>
        <v>21.305249812467249</v>
      </c>
      <c r="H8565" cm="1">
        <f t="array" ref="H8565">IFERROR(INDEX(Jesper!AL$2:AL$366,ROUNDDOWN($C8565/24,0)+1,1)*INDEX($D$3:$AA$30,INDEX(Jesper!$R$2:$R$366,ROW(INDEX(Jesper!AL$2:AL$366,ROUNDDOWN($C8565/24,0)+1,1))-1)+IF('Standard Profiles'!$G$22=$B$10,7,0)+IF('Standard Profiles'!$G$22=$B$17,14,0)+IF('Standard Profiles'!$G$22=$B$24,21,0),MOD($C8565,24)+1)/SUM(INDEX($D$3:$AA$30,INDEX(Jesper!$R$2:$R$366,ROW(INDEX(Jesper!AL$2:AL$366,ROUNDDOWN($C8565/24,0)+1,1))-1)+IF('Standard Profiles'!$G$22=$B$10,7,0)+IF('Standard Profiles'!$G$22=$B$17,14,0)+IF('Standard Profiles'!$G$22=$B$24,21,0),0)),0)</f>
        <v>0</v>
      </c>
      <c r="I8565">
        <f t="shared" si="951"/>
        <v>10.226519909984274</v>
      </c>
      <c r="J8565">
        <f t="shared" si="952"/>
        <v>79.312973270374044</v>
      </c>
      <c r="K8565">
        <f t="shared" si="953"/>
        <v>4.0456628084172523</v>
      </c>
      <c r="L8565">
        <f t="shared" si="954"/>
        <v>2.0228314042086262</v>
      </c>
      <c r="M8565">
        <f t="shared" si="955"/>
        <v>0</v>
      </c>
      <c r="N8565" s="45">
        <f t="shared" si="956"/>
        <v>45282.458333312643</v>
      </c>
    </row>
    <row r="8566" spans="2:14" x14ac:dyDescent="0.25">
      <c r="B8566">
        <f t="shared" si="950"/>
        <v>5</v>
      </c>
      <c r="C8566" s="16">
        <v>8532</v>
      </c>
      <c r="D8566" cm="1">
        <f t="array" ref="D8566">IFERROR(INDEX(Jesper!AH$2:AH$366,ROUNDDOWN($C8566/24,0)+1,1)*INDEX($D$3:$AA$30,INDEX(Jesper!$R$2:$R$366,ROW(INDEX(Jesper!AH$2:AH$366,ROUNDDOWN($C8566/24,0)+1,1))-1)+IF('Standard Profiles'!$G$18=$B$10,7,0)+IF('Standard Profiles'!$G$18=$B$17,14,0)+IF('Standard Profiles'!$G$18=$B$24,21,0),MOD($C8566,24)+1)/SUM(INDEX($D$3:$AA$30,INDEX(Jesper!$R$2:$R$366,ROW(INDEX(Jesper!AH$2:AH$366,ROUNDDOWN($C8566/24,0)+1,1))-1)+IF('Standard Profiles'!$G$18=$B$10,7,0)+IF('Standard Profiles'!$G$18=$B$17,14,0)+IF('Standard Profiles'!$G$18=$B$24,21,0),0)),0)</f>
        <v>37.92808882891174</v>
      </c>
      <c r="E8566" cm="1">
        <f t="array" ref="E8566">IFERROR(INDEX(Jesper!AI$2:AI$366,ROUNDDOWN($C8566/24,0)+1,1)*INDEX($D$3:$AA$30,INDEX(Jesper!$R$2:$R$366,ROW(INDEX(Jesper!AI$2:AI$366,ROUNDDOWN($C8566/24,0)+1,1))-1)+IF('Standard Profiles'!$G$19=$B$10,7,0)+IF('Standard Profiles'!$G$19=$B$17,14,0)+IF('Standard Profiles'!$G$19=$B$24,21,0),MOD($C8566,24)+1)/SUM(INDEX($D$3:$AA$30,INDEX(Jesper!$R$2:$R$366,ROW(INDEX(Jesper!AI$2:AI$366,ROUNDDOWN($C8566/24,0)+1,1))-1)+IF('Standard Profiles'!$G$19=$B$10,7,0)+IF('Standard Profiles'!$G$19=$B$17,14,0)+IF('Standard Profiles'!$G$19=$B$24,21,0),0)),0)</f>
        <v>36.374648751605207</v>
      </c>
      <c r="F8566" cm="1">
        <f t="array" ref="F8566">IFERROR(INDEX(Jesper!AJ$2:AJ$366,ROUNDDOWN($C8566/24,0)+1,1)*INDEX($D$3:$AA$30,INDEX(Jesper!$R$2:$R$366,ROW(INDEX(Jesper!AJ$2:AJ$366,ROUNDDOWN($C8566/24,0)+1,1))-1)+IF('Standard Profiles'!$G$20=$B$10,7,0)+IF('Standard Profiles'!$G$20=$B$17,14,0)+IF('Standard Profiles'!$G$20=$B$24,21,0),MOD($C8566,24)+1)/SUM(INDEX($D$3:$AA$30,INDEX(Jesper!$R$2:$R$366,ROW(INDEX(Jesper!AJ$2:AJ$366,ROUNDDOWN($C8566/24,0)+1,1))-1)+IF('Standard Profiles'!$G$20=$B$10,7,0)+IF('Standard Profiles'!$G$20=$B$17,14,0)+IF('Standard Profiles'!$G$20=$B$24,21,0),0)),0)</f>
        <v>0</v>
      </c>
      <c r="G8566" cm="1">
        <f t="array" ref="G8566">IFERROR(INDEX(Jesper!AK$2:AK$366,ROUNDDOWN($C8566/24,0)+1,1)*INDEX($D$3:$AA$30,INDEX(Jesper!$R$2:$R$366,ROW(INDEX(Jesper!AK$2:AK$366,ROUNDDOWN($C8566/24,0)+1,1))-1)+IF('Standard Profiles'!$G$21=$B$10,7,0)+IF('Standard Profiles'!$G$21=$B$17,14,0)+IF('Standard Profiles'!$G$21=$B$24,21,0),MOD($C8566,24)+1)/SUM(INDEX($D$3:$AA$30,INDEX(Jesper!$R$2:$R$366,ROW(INDEX(Jesper!AK$2:AK$366,ROUNDDOWN($C8566/24,0)+1,1))-1)+IF('Standard Profiles'!$G$21=$B$10,7,0)+IF('Standard Profiles'!$G$21=$B$17,14,0)+IF('Standard Profiles'!$G$21=$B$24,21,0),0)),0)</f>
        <v>21.305249812467249</v>
      </c>
      <c r="H8566" cm="1">
        <f t="array" ref="H8566">IFERROR(INDEX(Jesper!AL$2:AL$366,ROUNDDOWN($C8566/24,0)+1,1)*INDEX($D$3:$AA$30,INDEX(Jesper!$R$2:$R$366,ROW(INDEX(Jesper!AL$2:AL$366,ROUNDDOWN($C8566/24,0)+1,1))-1)+IF('Standard Profiles'!$G$22=$B$10,7,0)+IF('Standard Profiles'!$G$22=$B$17,14,0)+IF('Standard Profiles'!$G$22=$B$24,21,0),MOD($C8566,24)+1)/SUM(INDEX($D$3:$AA$30,INDEX(Jesper!$R$2:$R$366,ROW(INDEX(Jesper!AL$2:AL$366,ROUNDDOWN($C8566/24,0)+1,1))-1)+IF('Standard Profiles'!$G$22=$B$10,7,0)+IF('Standard Profiles'!$G$22=$B$17,14,0)+IF('Standard Profiles'!$G$22=$B$24,21,0),0)),0)</f>
        <v>0</v>
      </c>
      <c r="I8566">
        <f t="shared" si="951"/>
        <v>10.226519909984274</v>
      </c>
      <c r="J8566">
        <f t="shared" si="952"/>
        <v>79.312973270374044</v>
      </c>
      <c r="K8566">
        <f t="shared" si="953"/>
        <v>4.0456628084172523</v>
      </c>
      <c r="L8566">
        <f t="shared" si="954"/>
        <v>2.0228314042086262</v>
      </c>
      <c r="M8566">
        <f t="shared" si="955"/>
        <v>0</v>
      </c>
      <c r="N8566" s="45">
        <f t="shared" si="956"/>
        <v>45282.499999979307</v>
      </c>
    </row>
    <row r="8567" spans="2:14" x14ac:dyDescent="0.25">
      <c r="B8567">
        <f t="shared" si="950"/>
        <v>5</v>
      </c>
      <c r="C8567" s="16">
        <v>8533</v>
      </c>
      <c r="D8567" cm="1">
        <f t="array" ref="D8567">IFERROR(INDEX(Jesper!AH$2:AH$366,ROUNDDOWN($C8567/24,0)+1,1)*INDEX($D$3:$AA$30,INDEX(Jesper!$R$2:$R$366,ROW(INDEX(Jesper!AH$2:AH$366,ROUNDDOWN($C8567/24,0)+1,1))-1)+IF('Standard Profiles'!$G$18=$B$10,7,0)+IF('Standard Profiles'!$G$18=$B$17,14,0)+IF('Standard Profiles'!$G$18=$B$24,21,0),MOD($C8567,24)+1)/SUM(INDEX($D$3:$AA$30,INDEX(Jesper!$R$2:$R$366,ROW(INDEX(Jesper!AH$2:AH$366,ROUNDDOWN($C8567/24,0)+1,1))-1)+IF('Standard Profiles'!$G$18=$B$10,7,0)+IF('Standard Profiles'!$G$18=$B$17,14,0)+IF('Standard Profiles'!$G$18=$B$24,21,0),0)),0)</f>
        <v>26.25790765078505</v>
      </c>
      <c r="E8567" cm="1">
        <f t="array" ref="E8567">IFERROR(INDEX(Jesper!AI$2:AI$366,ROUNDDOWN($C8567/24,0)+1,1)*INDEX($D$3:$AA$30,INDEX(Jesper!$R$2:$R$366,ROW(INDEX(Jesper!AI$2:AI$366,ROUNDDOWN($C8567/24,0)+1,1))-1)+IF('Standard Profiles'!$G$19=$B$10,7,0)+IF('Standard Profiles'!$G$19=$B$17,14,0)+IF('Standard Profiles'!$G$19=$B$24,21,0),MOD($C8567,24)+1)/SUM(INDEX($D$3:$AA$30,INDEX(Jesper!$R$2:$R$366,ROW(INDEX(Jesper!AI$2:AI$366,ROUNDDOWN($C8567/24,0)+1,1))-1)+IF('Standard Profiles'!$G$19=$B$10,7,0)+IF('Standard Profiles'!$G$19=$B$17,14,0)+IF('Standard Profiles'!$G$19=$B$24,21,0),0)),0)</f>
        <v>25.182449135726685</v>
      </c>
      <c r="F8567" cm="1">
        <f t="array" ref="F8567">IFERROR(INDEX(Jesper!AJ$2:AJ$366,ROUNDDOWN($C8567/24,0)+1,1)*INDEX($D$3:$AA$30,INDEX(Jesper!$R$2:$R$366,ROW(INDEX(Jesper!AJ$2:AJ$366,ROUNDDOWN($C8567/24,0)+1,1))-1)+IF('Standard Profiles'!$G$20=$B$10,7,0)+IF('Standard Profiles'!$G$20=$B$17,14,0)+IF('Standard Profiles'!$G$20=$B$24,21,0),MOD($C8567,24)+1)/SUM(INDEX($D$3:$AA$30,INDEX(Jesper!$R$2:$R$366,ROW(INDEX(Jesper!AJ$2:AJ$366,ROUNDDOWN($C8567/24,0)+1,1))-1)+IF('Standard Profiles'!$G$20=$B$10,7,0)+IF('Standard Profiles'!$G$20=$B$17,14,0)+IF('Standard Profiles'!$G$20=$B$24,21,0),0)),0)</f>
        <v>0</v>
      </c>
      <c r="G8567" cm="1">
        <f t="array" ref="G8567">IFERROR(INDEX(Jesper!AK$2:AK$366,ROUNDDOWN($C8567/24,0)+1,1)*INDEX($D$3:$AA$30,INDEX(Jesper!$R$2:$R$366,ROW(INDEX(Jesper!AK$2:AK$366,ROUNDDOWN($C8567/24,0)+1,1))-1)+IF('Standard Profiles'!$G$21=$B$10,7,0)+IF('Standard Profiles'!$G$21=$B$17,14,0)+IF('Standard Profiles'!$G$21=$B$24,21,0),MOD($C8567,24)+1)/SUM(INDEX($D$3:$AA$30,INDEX(Jesper!$R$2:$R$366,ROW(INDEX(Jesper!AK$2:AK$366,ROUNDDOWN($C8567/24,0)+1,1))-1)+IF('Standard Profiles'!$G$21=$B$10,7,0)+IF('Standard Profiles'!$G$21=$B$17,14,0)+IF('Standard Profiles'!$G$21=$B$24,21,0),0)),0)</f>
        <v>14.7497883317081</v>
      </c>
      <c r="H8567" cm="1">
        <f t="array" ref="H8567">IFERROR(INDEX(Jesper!AL$2:AL$366,ROUNDDOWN($C8567/24,0)+1,1)*INDEX($D$3:$AA$30,INDEX(Jesper!$R$2:$R$366,ROW(INDEX(Jesper!AL$2:AL$366,ROUNDDOWN($C8567/24,0)+1,1))-1)+IF('Standard Profiles'!$G$22=$B$10,7,0)+IF('Standard Profiles'!$G$22=$B$17,14,0)+IF('Standard Profiles'!$G$22=$B$24,21,0),MOD($C8567,24)+1)/SUM(INDEX($D$3:$AA$30,INDEX(Jesper!$R$2:$R$366,ROW(INDEX(Jesper!AL$2:AL$366,ROUNDDOWN($C8567/24,0)+1,1))-1)+IF('Standard Profiles'!$G$22=$B$10,7,0)+IF('Standard Profiles'!$G$22=$B$17,14,0)+IF('Standard Profiles'!$G$22=$B$24,21,0),0)),0)</f>
        <v>0</v>
      </c>
      <c r="I8567">
        <f t="shared" si="951"/>
        <v>7.0798983992198847</v>
      </c>
      <c r="J8567">
        <f t="shared" si="952"/>
        <v>54.90898149487434</v>
      </c>
      <c r="K8567">
        <f t="shared" si="953"/>
        <v>2.8008434827504054</v>
      </c>
      <c r="L8567">
        <f t="shared" si="954"/>
        <v>1.4004217413752027</v>
      </c>
      <c r="M8567">
        <f t="shared" si="955"/>
        <v>0</v>
      </c>
      <c r="N8567" s="45">
        <f t="shared" si="956"/>
        <v>45282.541666645971</v>
      </c>
    </row>
    <row r="8568" spans="2:14" x14ac:dyDescent="0.25">
      <c r="B8568">
        <f t="shared" si="950"/>
        <v>5</v>
      </c>
      <c r="C8568" s="16">
        <v>8534</v>
      </c>
      <c r="D8568" cm="1">
        <f t="array" ref="D8568">IFERROR(INDEX(Jesper!AH$2:AH$366,ROUNDDOWN($C8568/24,0)+1,1)*INDEX($D$3:$AA$30,INDEX(Jesper!$R$2:$R$366,ROW(INDEX(Jesper!AH$2:AH$366,ROUNDDOWN($C8568/24,0)+1,1))-1)+IF('Standard Profiles'!$G$18=$B$10,7,0)+IF('Standard Profiles'!$G$18=$B$17,14,0)+IF('Standard Profiles'!$G$18=$B$24,21,0),MOD($C8568,24)+1)/SUM(INDEX($D$3:$AA$30,INDEX(Jesper!$R$2:$R$366,ROW(INDEX(Jesper!AH$2:AH$366,ROUNDDOWN($C8568/24,0)+1,1))-1)+IF('Standard Profiles'!$G$18=$B$10,7,0)+IF('Standard Profiles'!$G$18=$B$17,14,0)+IF('Standard Profiles'!$G$18=$B$24,21,0),0)),0)</f>
        <v>37.92808882891174</v>
      </c>
      <c r="E8568" cm="1">
        <f t="array" ref="E8568">IFERROR(INDEX(Jesper!AI$2:AI$366,ROUNDDOWN($C8568/24,0)+1,1)*INDEX($D$3:$AA$30,INDEX(Jesper!$R$2:$R$366,ROW(INDEX(Jesper!AI$2:AI$366,ROUNDDOWN($C8568/24,0)+1,1))-1)+IF('Standard Profiles'!$G$19=$B$10,7,0)+IF('Standard Profiles'!$G$19=$B$17,14,0)+IF('Standard Profiles'!$G$19=$B$24,21,0),MOD($C8568,24)+1)/SUM(INDEX($D$3:$AA$30,INDEX(Jesper!$R$2:$R$366,ROW(INDEX(Jesper!AI$2:AI$366,ROUNDDOWN($C8568/24,0)+1,1))-1)+IF('Standard Profiles'!$G$19=$B$10,7,0)+IF('Standard Profiles'!$G$19=$B$17,14,0)+IF('Standard Profiles'!$G$19=$B$24,21,0),0)),0)</f>
        <v>36.374648751605207</v>
      </c>
      <c r="F8568" cm="1">
        <f t="array" ref="F8568">IFERROR(INDEX(Jesper!AJ$2:AJ$366,ROUNDDOWN($C8568/24,0)+1,1)*INDEX($D$3:$AA$30,INDEX(Jesper!$R$2:$R$366,ROW(INDEX(Jesper!AJ$2:AJ$366,ROUNDDOWN($C8568/24,0)+1,1))-1)+IF('Standard Profiles'!$G$20=$B$10,7,0)+IF('Standard Profiles'!$G$20=$B$17,14,0)+IF('Standard Profiles'!$G$20=$B$24,21,0),MOD($C8568,24)+1)/SUM(INDEX($D$3:$AA$30,INDEX(Jesper!$R$2:$R$366,ROW(INDEX(Jesper!AJ$2:AJ$366,ROUNDDOWN($C8568/24,0)+1,1))-1)+IF('Standard Profiles'!$G$20=$B$10,7,0)+IF('Standard Profiles'!$G$20=$B$17,14,0)+IF('Standard Profiles'!$G$20=$B$24,21,0),0)),0)</f>
        <v>0</v>
      </c>
      <c r="G8568" cm="1">
        <f t="array" ref="G8568">IFERROR(INDEX(Jesper!AK$2:AK$366,ROUNDDOWN($C8568/24,0)+1,1)*INDEX($D$3:$AA$30,INDEX(Jesper!$R$2:$R$366,ROW(INDEX(Jesper!AK$2:AK$366,ROUNDDOWN($C8568/24,0)+1,1))-1)+IF('Standard Profiles'!$G$21=$B$10,7,0)+IF('Standard Profiles'!$G$21=$B$17,14,0)+IF('Standard Profiles'!$G$21=$B$24,21,0),MOD($C8568,24)+1)/SUM(INDEX($D$3:$AA$30,INDEX(Jesper!$R$2:$R$366,ROW(INDEX(Jesper!AK$2:AK$366,ROUNDDOWN($C8568/24,0)+1,1))-1)+IF('Standard Profiles'!$G$21=$B$10,7,0)+IF('Standard Profiles'!$G$21=$B$17,14,0)+IF('Standard Profiles'!$G$21=$B$24,21,0),0)),0)</f>
        <v>21.305249812467249</v>
      </c>
      <c r="H8568" cm="1">
        <f t="array" ref="H8568">IFERROR(INDEX(Jesper!AL$2:AL$366,ROUNDDOWN($C8568/24,0)+1,1)*INDEX($D$3:$AA$30,INDEX(Jesper!$R$2:$R$366,ROW(INDEX(Jesper!AL$2:AL$366,ROUNDDOWN($C8568/24,0)+1,1))-1)+IF('Standard Profiles'!$G$22=$B$10,7,0)+IF('Standard Profiles'!$G$22=$B$17,14,0)+IF('Standard Profiles'!$G$22=$B$24,21,0),MOD($C8568,24)+1)/SUM(INDEX($D$3:$AA$30,INDEX(Jesper!$R$2:$R$366,ROW(INDEX(Jesper!AL$2:AL$366,ROUNDDOWN($C8568/24,0)+1,1))-1)+IF('Standard Profiles'!$G$22=$B$10,7,0)+IF('Standard Profiles'!$G$22=$B$17,14,0)+IF('Standard Profiles'!$G$22=$B$24,21,0),0)),0)</f>
        <v>0</v>
      </c>
      <c r="I8568">
        <f t="shared" si="951"/>
        <v>10.226519909984274</v>
      </c>
      <c r="J8568">
        <f t="shared" si="952"/>
        <v>79.312973270374044</v>
      </c>
      <c r="K8568">
        <f t="shared" si="953"/>
        <v>4.0456628084172523</v>
      </c>
      <c r="L8568">
        <f t="shared" si="954"/>
        <v>2.0228314042086262</v>
      </c>
      <c r="M8568">
        <f t="shared" si="955"/>
        <v>0</v>
      </c>
      <c r="N8568" s="45">
        <f t="shared" si="956"/>
        <v>45282.583333312636</v>
      </c>
    </row>
    <row r="8569" spans="2:14" x14ac:dyDescent="0.25">
      <c r="B8569">
        <f t="shared" si="950"/>
        <v>5</v>
      </c>
      <c r="C8569" s="16">
        <v>8535</v>
      </c>
      <c r="D8569" cm="1">
        <f t="array" ref="D8569">IFERROR(INDEX(Jesper!AH$2:AH$366,ROUNDDOWN($C8569/24,0)+1,1)*INDEX($D$3:$AA$30,INDEX(Jesper!$R$2:$R$366,ROW(INDEX(Jesper!AH$2:AH$366,ROUNDDOWN($C8569/24,0)+1,1))-1)+IF('Standard Profiles'!$G$18=$B$10,7,0)+IF('Standard Profiles'!$G$18=$B$17,14,0)+IF('Standard Profiles'!$G$18=$B$24,21,0),MOD($C8569,24)+1)/SUM(INDEX($D$3:$AA$30,INDEX(Jesper!$R$2:$R$366,ROW(INDEX(Jesper!AH$2:AH$366,ROUNDDOWN($C8569/24,0)+1,1))-1)+IF('Standard Profiles'!$G$18=$B$10,7,0)+IF('Standard Profiles'!$G$18=$B$17,14,0)+IF('Standard Profiles'!$G$18=$B$24,21,0),0)),0)</f>
        <v>29.175452945316724</v>
      </c>
      <c r="E8569" cm="1">
        <f t="array" ref="E8569">IFERROR(INDEX(Jesper!AI$2:AI$366,ROUNDDOWN($C8569/24,0)+1,1)*INDEX($D$3:$AA$30,INDEX(Jesper!$R$2:$R$366,ROW(INDEX(Jesper!AI$2:AI$366,ROUNDDOWN($C8569/24,0)+1,1))-1)+IF('Standard Profiles'!$G$19=$B$10,7,0)+IF('Standard Profiles'!$G$19=$B$17,14,0)+IF('Standard Profiles'!$G$19=$B$24,21,0),MOD($C8569,24)+1)/SUM(INDEX($D$3:$AA$30,INDEX(Jesper!$R$2:$R$366,ROW(INDEX(Jesper!AI$2:AI$366,ROUNDDOWN($C8569/24,0)+1,1))-1)+IF('Standard Profiles'!$G$19=$B$10,7,0)+IF('Standard Profiles'!$G$19=$B$17,14,0)+IF('Standard Profiles'!$G$19=$B$24,21,0),0)),0)</f>
        <v>27.980499039696316</v>
      </c>
      <c r="F8569" cm="1">
        <f t="array" ref="F8569">IFERROR(INDEX(Jesper!AJ$2:AJ$366,ROUNDDOWN($C8569/24,0)+1,1)*INDEX($D$3:$AA$30,INDEX(Jesper!$R$2:$R$366,ROW(INDEX(Jesper!AJ$2:AJ$366,ROUNDDOWN($C8569/24,0)+1,1))-1)+IF('Standard Profiles'!$G$20=$B$10,7,0)+IF('Standard Profiles'!$G$20=$B$17,14,0)+IF('Standard Profiles'!$G$20=$B$24,21,0),MOD($C8569,24)+1)/SUM(INDEX($D$3:$AA$30,INDEX(Jesper!$R$2:$R$366,ROW(INDEX(Jesper!AJ$2:AJ$366,ROUNDDOWN($C8569/24,0)+1,1))-1)+IF('Standard Profiles'!$G$20=$B$10,7,0)+IF('Standard Profiles'!$G$20=$B$17,14,0)+IF('Standard Profiles'!$G$20=$B$24,21,0),0)),0)</f>
        <v>0</v>
      </c>
      <c r="G8569" cm="1">
        <f t="array" ref="G8569">IFERROR(INDEX(Jesper!AK$2:AK$366,ROUNDDOWN($C8569/24,0)+1,1)*INDEX($D$3:$AA$30,INDEX(Jesper!$R$2:$R$366,ROW(INDEX(Jesper!AK$2:AK$366,ROUNDDOWN($C8569/24,0)+1,1))-1)+IF('Standard Profiles'!$G$21=$B$10,7,0)+IF('Standard Profiles'!$G$21=$B$17,14,0)+IF('Standard Profiles'!$G$21=$B$24,21,0),MOD($C8569,24)+1)/SUM(INDEX($D$3:$AA$30,INDEX(Jesper!$R$2:$R$366,ROW(INDEX(Jesper!AK$2:AK$366,ROUNDDOWN($C8569/24,0)+1,1))-1)+IF('Standard Profiles'!$G$21=$B$10,7,0)+IF('Standard Profiles'!$G$21=$B$17,14,0)+IF('Standard Profiles'!$G$21=$B$24,21,0),0)),0)</f>
        <v>18.027519072087674</v>
      </c>
      <c r="H8569" cm="1">
        <f t="array" ref="H8569">IFERROR(INDEX(Jesper!AL$2:AL$366,ROUNDDOWN($C8569/24,0)+1,1)*INDEX($D$3:$AA$30,INDEX(Jesper!$R$2:$R$366,ROW(INDEX(Jesper!AL$2:AL$366,ROUNDDOWN($C8569/24,0)+1,1))-1)+IF('Standard Profiles'!$G$22=$B$10,7,0)+IF('Standard Profiles'!$G$22=$B$17,14,0)+IF('Standard Profiles'!$G$22=$B$24,21,0),MOD($C8569,24)+1)/SUM(INDEX($D$3:$AA$30,INDEX(Jesper!$R$2:$R$366,ROW(INDEX(Jesper!AL$2:AL$366,ROUNDDOWN($C8569/24,0)+1,1))-1)+IF('Standard Profiles'!$G$22=$B$10,7,0)+IF('Standard Profiles'!$G$22=$B$17,14,0)+IF('Standard Profiles'!$G$22=$B$24,21,0),0)),0)</f>
        <v>0</v>
      </c>
      <c r="I8569">
        <f t="shared" si="951"/>
        <v>8.6532091546020791</v>
      </c>
      <c r="J8569">
        <f t="shared" si="952"/>
        <v>61.862189431247963</v>
      </c>
      <c r="K8569">
        <f t="shared" si="953"/>
        <v>3.1120483141671174</v>
      </c>
      <c r="L8569">
        <f t="shared" si="954"/>
        <v>1.5560241570835587</v>
      </c>
      <c r="M8569">
        <f t="shared" si="955"/>
        <v>0</v>
      </c>
      <c r="N8569" s="45">
        <f t="shared" si="956"/>
        <v>45282.6249999793</v>
      </c>
    </row>
    <row r="8570" spans="2:14" x14ac:dyDescent="0.25">
      <c r="B8570">
        <f t="shared" si="950"/>
        <v>5</v>
      </c>
      <c r="C8570" s="16">
        <v>8536</v>
      </c>
      <c r="D8570" cm="1">
        <f t="array" ref="D8570">IFERROR(INDEX(Jesper!AH$2:AH$366,ROUNDDOWN($C8570/24,0)+1,1)*INDEX($D$3:$AA$30,INDEX(Jesper!$R$2:$R$366,ROW(INDEX(Jesper!AH$2:AH$366,ROUNDDOWN($C8570/24,0)+1,1))-1)+IF('Standard Profiles'!$G$18=$B$10,7,0)+IF('Standard Profiles'!$G$18=$B$17,14,0)+IF('Standard Profiles'!$G$18=$B$24,21,0),MOD($C8570,24)+1)/SUM(INDEX($D$3:$AA$30,INDEX(Jesper!$R$2:$R$366,ROW(INDEX(Jesper!AH$2:AH$366,ROUNDDOWN($C8570/24,0)+1,1))-1)+IF('Standard Profiles'!$G$18=$B$10,7,0)+IF('Standard Profiles'!$G$18=$B$17,14,0)+IF('Standard Profiles'!$G$18=$B$24,21,0),0)),0)</f>
        <v>13.697395748974989</v>
      </c>
      <c r="E8570" cm="1">
        <f t="array" ref="E8570">IFERROR(INDEX(Jesper!AI$2:AI$366,ROUNDDOWN($C8570/24,0)+1,1)*INDEX($D$3:$AA$30,INDEX(Jesper!$R$2:$R$366,ROW(INDEX(Jesper!AI$2:AI$366,ROUNDDOWN($C8570/24,0)+1,1))-1)+IF('Standard Profiles'!$G$19=$B$10,7,0)+IF('Standard Profiles'!$G$19=$B$17,14,0)+IF('Standard Profiles'!$G$19=$B$24,21,0),MOD($C8570,24)+1)/SUM(INDEX($D$3:$AA$30,INDEX(Jesper!$R$2:$R$366,ROW(INDEX(Jesper!AI$2:AI$366,ROUNDDOWN($C8570/24,0)+1,1))-1)+IF('Standard Profiles'!$G$19=$B$10,7,0)+IF('Standard Profiles'!$G$19=$B$17,14,0)+IF('Standard Profiles'!$G$19=$B$24,21,0),0)),0)</f>
        <v>13.136384525679022</v>
      </c>
      <c r="F8570" cm="1">
        <f t="array" ref="F8570">IFERROR(INDEX(Jesper!AJ$2:AJ$366,ROUNDDOWN($C8570/24,0)+1,1)*INDEX($D$3:$AA$30,INDEX(Jesper!$R$2:$R$366,ROW(INDEX(Jesper!AJ$2:AJ$366,ROUNDDOWN($C8570/24,0)+1,1))-1)+IF('Standard Profiles'!$G$20=$B$10,7,0)+IF('Standard Profiles'!$G$20=$B$17,14,0)+IF('Standard Profiles'!$G$20=$B$24,21,0),MOD($C8570,24)+1)/SUM(INDEX($D$3:$AA$30,INDEX(Jesper!$R$2:$R$366,ROW(INDEX(Jesper!AJ$2:AJ$366,ROUNDDOWN($C8570/24,0)+1,1))-1)+IF('Standard Profiles'!$G$20=$B$10,7,0)+IF('Standard Profiles'!$G$20=$B$17,14,0)+IF('Standard Profiles'!$G$20=$B$24,21,0),0)),0)</f>
        <v>0</v>
      </c>
      <c r="G8570" cm="1">
        <f t="array" ref="G8570">IFERROR(INDEX(Jesper!AK$2:AK$366,ROUNDDOWN($C8570/24,0)+1,1)*INDEX($D$3:$AA$30,INDEX(Jesper!$R$2:$R$366,ROW(INDEX(Jesper!AK$2:AK$366,ROUNDDOWN($C8570/24,0)+1,1))-1)+IF('Standard Profiles'!$G$21=$B$10,7,0)+IF('Standard Profiles'!$G$21=$B$17,14,0)+IF('Standard Profiles'!$G$21=$B$24,21,0),MOD($C8570,24)+1)/SUM(INDEX($D$3:$AA$30,INDEX(Jesper!$R$2:$R$366,ROW(INDEX(Jesper!AK$2:AK$366,ROUNDDOWN($C8570/24,0)+1,1))-1)+IF('Standard Profiles'!$G$21=$B$10,7,0)+IF('Standard Profiles'!$G$21=$B$17,14,0)+IF('Standard Profiles'!$G$21=$B$24,21,0),0)),0)</f>
        <v>15.608241620855129</v>
      </c>
      <c r="H8570" cm="1">
        <f t="array" ref="H8570">IFERROR(INDEX(Jesper!AL$2:AL$366,ROUNDDOWN($C8570/24,0)+1,1)*INDEX($D$3:$AA$30,INDEX(Jesper!$R$2:$R$366,ROW(INDEX(Jesper!AL$2:AL$366,ROUNDDOWN($C8570/24,0)+1,1))-1)+IF('Standard Profiles'!$G$22=$B$10,7,0)+IF('Standard Profiles'!$G$22=$B$17,14,0)+IF('Standard Profiles'!$G$22=$B$24,21,0),MOD($C8570,24)+1)/SUM(INDEX($D$3:$AA$30,INDEX(Jesper!$R$2:$R$366,ROW(INDEX(Jesper!AL$2:AL$366,ROUNDDOWN($C8570/24,0)+1,1))-1)+IF('Standard Profiles'!$G$22=$B$10,7,0)+IF('Standard Profiles'!$G$22=$B$17,14,0)+IF('Standard Profiles'!$G$22=$B$24,21,0),0)),0)</f>
        <v>0</v>
      </c>
      <c r="I8570">
        <f t="shared" si="951"/>
        <v>7.4919559780104583</v>
      </c>
      <c r="J8570">
        <f t="shared" si="952"/>
        <v>32.758482597662685</v>
      </c>
      <c r="K8570">
        <f t="shared" si="953"/>
        <v>1.4610555465573323</v>
      </c>
      <c r="L8570">
        <f t="shared" si="954"/>
        <v>0.73052777327866614</v>
      </c>
      <c r="M8570">
        <f t="shared" si="955"/>
        <v>0</v>
      </c>
      <c r="N8570" s="45">
        <f t="shared" si="956"/>
        <v>45282.666666645964</v>
      </c>
    </row>
    <row r="8571" spans="2:14" x14ac:dyDescent="0.25">
      <c r="B8571">
        <f t="shared" si="950"/>
        <v>5</v>
      </c>
      <c r="C8571" s="16">
        <v>8537</v>
      </c>
      <c r="D8571" cm="1">
        <f t="array" ref="D8571">IFERROR(INDEX(Jesper!AH$2:AH$366,ROUNDDOWN($C8571/24,0)+1,1)*INDEX($D$3:$AA$30,INDEX(Jesper!$R$2:$R$366,ROW(INDEX(Jesper!AH$2:AH$366,ROUNDDOWN($C8571/24,0)+1,1))-1)+IF('Standard Profiles'!$G$18=$B$10,7,0)+IF('Standard Profiles'!$G$18=$B$17,14,0)+IF('Standard Profiles'!$G$18=$B$24,21,0),MOD($C8571,24)+1)/SUM(INDEX($D$3:$AA$30,INDEX(Jesper!$R$2:$R$366,ROW(INDEX(Jesper!AH$2:AH$366,ROUNDDOWN($C8571/24,0)+1,1))-1)+IF('Standard Profiles'!$G$18=$B$10,7,0)+IF('Standard Profiles'!$G$18=$B$17,14,0)+IF('Standard Profiles'!$G$18=$B$24,21,0),0)),0)</f>
        <v>9.0402811943234926</v>
      </c>
      <c r="E8571" cm="1">
        <f t="array" ref="E8571">IFERROR(INDEX(Jesper!AI$2:AI$366,ROUNDDOWN($C8571/24,0)+1,1)*INDEX($D$3:$AA$30,INDEX(Jesper!$R$2:$R$366,ROW(INDEX(Jesper!AI$2:AI$366,ROUNDDOWN($C8571/24,0)+1,1))-1)+IF('Standard Profiles'!$G$19=$B$10,7,0)+IF('Standard Profiles'!$G$19=$B$17,14,0)+IF('Standard Profiles'!$G$19=$B$24,21,0),MOD($C8571,24)+1)/SUM(INDEX($D$3:$AA$30,INDEX(Jesper!$R$2:$R$366,ROW(INDEX(Jesper!AI$2:AI$366,ROUNDDOWN($C8571/24,0)+1,1))-1)+IF('Standard Profiles'!$G$19=$B$10,7,0)+IF('Standard Profiles'!$G$19=$B$17,14,0)+IF('Standard Profiles'!$G$19=$B$24,21,0),0)),0)</f>
        <v>8.6700137869481555</v>
      </c>
      <c r="F8571" cm="1">
        <f t="array" ref="F8571">IFERROR(INDEX(Jesper!AJ$2:AJ$366,ROUNDDOWN($C8571/24,0)+1,1)*INDEX($D$3:$AA$30,INDEX(Jesper!$R$2:$R$366,ROW(INDEX(Jesper!AJ$2:AJ$366,ROUNDDOWN($C8571/24,0)+1,1))-1)+IF('Standard Profiles'!$G$20=$B$10,7,0)+IF('Standard Profiles'!$G$20=$B$17,14,0)+IF('Standard Profiles'!$G$20=$B$24,21,0),MOD($C8571,24)+1)/SUM(INDEX($D$3:$AA$30,INDEX(Jesper!$R$2:$R$366,ROW(INDEX(Jesper!AJ$2:AJ$366,ROUNDDOWN($C8571/24,0)+1,1))-1)+IF('Standard Profiles'!$G$20=$B$10,7,0)+IF('Standard Profiles'!$G$20=$B$17,14,0)+IF('Standard Profiles'!$G$20=$B$24,21,0),0)),0)</f>
        <v>0</v>
      </c>
      <c r="G8571" cm="1">
        <f t="array" ref="G8571">IFERROR(INDEX(Jesper!AK$2:AK$366,ROUNDDOWN($C8571/24,0)+1,1)*INDEX($D$3:$AA$30,INDEX(Jesper!$R$2:$R$366,ROW(INDEX(Jesper!AK$2:AK$366,ROUNDDOWN($C8571/24,0)+1,1))-1)+IF('Standard Profiles'!$G$21=$B$10,7,0)+IF('Standard Profiles'!$G$21=$B$17,14,0)+IF('Standard Profiles'!$G$21=$B$24,21,0),MOD($C8571,24)+1)/SUM(INDEX($D$3:$AA$30,INDEX(Jesper!$R$2:$R$366,ROW(INDEX(Jesper!AK$2:AK$366,ROUNDDOWN($C8571/24,0)+1,1))-1)+IF('Standard Profiles'!$G$21=$B$10,7,0)+IF('Standard Profiles'!$G$21=$B$17,14,0)+IF('Standard Profiles'!$G$21=$B$24,21,0),0)),0)</f>
        <v>13.110922961518311</v>
      </c>
      <c r="H8571" cm="1">
        <f t="array" ref="H8571">IFERROR(INDEX(Jesper!AL$2:AL$366,ROUNDDOWN($C8571/24,0)+1,1)*INDEX($D$3:$AA$30,INDEX(Jesper!$R$2:$R$366,ROW(INDEX(Jesper!AL$2:AL$366,ROUNDDOWN($C8571/24,0)+1,1))-1)+IF('Standard Profiles'!$G$22=$B$10,7,0)+IF('Standard Profiles'!$G$22=$B$17,14,0)+IF('Standard Profiles'!$G$22=$B$24,21,0),MOD($C8571,24)+1)/SUM(INDEX($D$3:$AA$30,INDEX(Jesper!$R$2:$R$366,ROW(INDEX(Jesper!AL$2:AL$366,ROUNDDOWN($C8571/24,0)+1,1))-1)+IF('Standard Profiles'!$G$22=$B$10,7,0)+IF('Standard Profiles'!$G$22=$B$17,14,0)+IF('Standard Profiles'!$G$22=$B$24,21,0),0)),0)</f>
        <v>0</v>
      </c>
      <c r="I8571">
        <f t="shared" si="951"/>
        <v>6.2932430215287862</v>
      </c>
      <c r="J8571">
        <f t="shared" si="952"/>
        <v>23.081529930169413</v>
      </c>
      <c r="K8571">
        <f t="shared" si="953"/>
        <v>0.96429666072783926</v>
      </c>
      <c r="L8571">
        <f t="shared" si="954"/>
        <v>0.48214833036391963</v>
      </c>
      <c r="M8571">
        <f t="shared" si="955"/>
        <v>0</v>
      </c>
      <c r="N8571" s="45">
        <f t="shared" si="956"/>
        <v>45282.708333312628</v>
      </c>
    </row>
    <row r="8572" spans="2:14" x14ac:dyDescent="0.25">
      <c r="B8572">
        <f t="shared" si="950"/>
        <v>5</v>
      </c>
      <c r="C8572" s="16">
        <v>8538</v>
      </c>
      <c r="D8572" cm="1">
        <f t="array" ref="D8572">IFERROR(INDEX(Jesper!AH$2:AH$366,ROUNDDOWN($C8572/24,0)+1,1)*INDEX($D$3:$AA$30,INDEX(Jesper!$R$2:$R$366,ROW(INDEX(Jesper!AH$2:AH$366,ROUNDDOWN($C8572/24,0)+1,1))-1)+IF('Standard Profiles'!$G$18=$B$10,7,0)+IF('Standard Profiles'!$G$18=$B$17,14,0)+IF('Standard Profiles'!$G$18=$B$24,21,0),MOD($C8572,24)+1)/SUM(INDEX($D$3:$AA$30,INDEX(Jesper!$R$2:$R$366,ROW(INDEX(Jesper!AH$2:AH$366,ROUNDDOWN($C8572/24,0)+1,1))-1)+IF('Standard Profiles'!$G$18=$B$10,7,0)+IF('Standard Profiles'!$G$18=$B$17,14,0)+IF('Standard Profiles'!$G$18=$B$24,21,0),0)),0)</f>
        <v>5.7529062145694949</v>
      </c>
      <c r="E8572" cm="1">
        <f t="array" ref="E8572">IFERROR(INDEX(Jesper!AI$2:AI$366,ROUNDDOWN($C8572/24,0)+1,1)*INDEX($D$3:$AA$30,INDEX(Jesper!$R$2:$R$366,ROW(INDEX(Jesper!AI$2:AI$366,ROUNDDOWN($C8572/24,0)+1,1))-1)+IF('Standard Profiles'!$G$19=$B$10,7,0)+IF('Standard Profiles'!$G$19=$B$17,14,0)+IF('Standard Profiles'!$G$19=$B$24,21,0),MOD($C8572,24)+1)/SUM(INDEX($D$3:$AA$30,INDEX(Jesper!$R$2:$R$366,ROW(INDEX(Jesper!AI$2:AI$366,ROUNDDOWN($C8572/24,0)+1,1))-1)+IF('Standard Profiles'!$G$19=$B$10,7,0)+IF('Standard Profiles'!$G$19=$B$17,14,0)+IF('Standard Profiles'!$G$19=$B$24,21,0),0)),0)</f>
        <v>5.517281500785189</v>
      </c>
      <c r="F8572" cm="1">
        <f t="array" ref="F8572">IFERROR(INDEX(Jesper!AJ$2:AJ$366,ROUNDDOWN($C8572/24,0)+1,1)*INDEX($D$3:$AA$30,INDEX(Jesper!$R$2:$R$366,ROW(INDEX(Jesper!AJ$2:AJ$366,ROUNDDOWN($C8572/24,0)+1,1))-1)+IF('Standard Profiles'!$G$20=$B$10,7,0)+IF('Standard Profiles'!$G$20=$B$17,14,0)+IF('Standard Profiles'!$G$20=$B$24,21,0),MOD($C8572,24)+1)/SUM(INDEX($D$3:$AA$30,INDEX(Jesper!$R$2:$R$366,ROW(INDEX(Jesper!AJ$2:AJ$366,ROUNDDOWN($C8572/24,0)+1,1))-1)+IF('Standard Profiles'!$G$20=$B$10,7,0)+IF('Standard Profiles'!$G$20=$B$17,14,0)+IF('Standard Profiles'!$G$20=$B$24,21,0),0)),0)</f>
        <v>0</v>
      </c>
      <c r="G8572" cm="1">
        <f t="array" ref="G8572">IFERROR(INDEX(Jesper!AK$2:AK$366,ROUNDDOWN($C8572/24,0)+1,1)*INDEX($D$3:$AA$30,INDEX(Jesper!$R$2:$R$366,ROW(INDEX(Jesper!AK$2:AK$366,ROUNDDOWN($C8572/24,0)+1,1))-1)+IF('Standard Profiles'!$G$21=$B$10,7,0)+IF('Standard Profiles'!$G$21=$B$17,14,0)+IF('Standard Profiles'!$G$21=$B$24,21,0),MOD($C8572,24)+1)/SUM(INDEX($D$3:$AA$30,INDEX(Jesper!$R$2:$R$366,ROW(INDEX(Jesper!AK$2:AK$366,ROUNDDOWN($C8572/24,0)+1,1))-1)+IF('Standard Profiles'!$G$21=$B$10,7,0)+IF('Standard Profiles'!$G$21=$B$17,14,0)+IF('Standard Profiles'!$G$21=$B$24,21,0),0)),0)</f>
        <v>4.8385549024650905</v>
      </c>
      <c r="H8572" cm="1">
        <f t="array" ref="H8572">IFERROR(INDEX(Jesper!AL$2:AL$366,ROUNDDOWN($C8572/24,0)+1,1)*INDEX($D$3:$AA$30,INDEX(Jesper!$R$2:$R$366,ROW(INDEX(Jesper!AL$2:AL$366,ROUNDDOWN($C8572/24,0)+1,1))-1)+IF('Standard Profiles'!$G$22=$B$10,7,0)+IF('Standard Profiles'!$G$22=$B$17,14,0)+IF('Standard Profiles'!$G$22=$B$24,21,0),MOD($C8572,24)+1)/SUM(INDEX($D$3:$AA$30,INDEX(Jesper!$R$2:$R$366,ROW(INDEX(Jesper!AL$2:AL$366,ROUNDDOWN($C8572/24,0)+1,1))-1)+IF('Standard Profiles'!$G$22=$B$10,7,0)+IF('Standard Profiles'!$G$22=$B$17,14,0)+IF('Standard Profiles'!$G$22=$B$24,21,0),0)),0)</f>
        <v>0</v>
      </c>
      <c r="I8572">
        <f t="shared" si="951"/>
        <v>2.3225063531832424</v>
      </c>
      <c r="J8572">
        <f t="shared" si="952"/>
        <v>12.865771270305412</v>
      </c>
      <c r="K8572">
        <f t="shared" si="953"/>
        <v>0.61364332955407952</v>
      </c>
      <c r="L8572">
        <f t="shared" si="954"/>
        <v>0.30682166477703976</v>
      </c>
      <c r="M8572">
        <f t="shared" si="955"/>
        <v>0</v>
      </c>
      <c r="N8572" s="45">
        <f t="shared" si="956"/>
        <v>45282.749999979293</v>
      </c>
    </row>
    <row r="8573" spans="2:14" x14ac:dyDescent="0.25">
      <c r="B8573">
        <f t="shared" si="950"/>
        <v>5</v>
      </c>
      <c r="C8573" s="16">
        <v>8539</v>
      </c>
      <c r="D8573" cm="1">
        <f t="array" ref="D8573">IFERROR(INDEX(Jesper!AH$2:AH$366,ROUNDDOWN($C8573/24,0)+1,1)*INDEX($D$3:$AA$30,INDEX(Jesper!$R$2:$R$366,ROW(INDEX(Jesper!AH$2:AH$366,ROUNDDOWN($C8573/24,0)+1,1))-1)+IF('Standard Profiles'!$G$18=$B$10,7,0)+IF('Standard Profiles'!$G$18=$B$17,14,0)+IF('Standard Profiles'!$G$18=$B$24,21,0),MOD($C8573,24)+1)/SUM(INDEX($D$3:$AA$30,INDEX(Jesper!$R$2:$R$366,ROW(INDEX(Jesper!AH$2:AH$366,ROUNDDOWN($C8573/24,0)+1,1))-1)+IF('Standard Profiles'!$G$18=$B$10,7,0)+IF('Standard Profiles'!$G$18=$B$17,14,0)+IF('Standard Profiles'!$G$18=$B$24,21,0),0)),0)</f>
        <v>5.4789582995899959</v>
      </c>
      <c r="E8573" cm="1">
        <f t="array" ref="E8573">IFERROR(INDEX(Jesper!AI$2:AI$366,ROUNDDOWN($C8573/24,0)+1,1)*INDEX($D$3:$AA$30,INDEX(Jesper!$R$2:$R$366,ROW(INDEX(Jesper!AI$2:AI$366,ROUNDDOWN($C8573/24,0)+1,1))-1)+IF('Standard Profiles'!$G$19=$B$10,7,0)+IF('Standard Profiles'!$G$19=$B$17,14,0)+IF('Standard Profiles'!$G$19=$B$24,21,0),MOD($C8573,24)+1)/SUM(INDEX($D$3:$AA$30,INDEX(Jesper!$R$2:$R$366,ROW(INDEX(Jesper!AI$2:AI$366,ROUNDDOWN($C8573/24,0)+1,1))-1)+IF('Standard Profiles'!$G$19=$B$10,7,0)+IF('Standard Profiles'!$G$19=$B$17,14,0)+IF('Standard Profiles'!$G$19=$B$24,21,0),0)),0)</f>
        <v>5.2545538102716094</v>
      </c>
      <c r="F8573" cm="1">
        <f t="array" ref="F8573">IFERROR(INDEX(Jesper!AJ$2:AJ$366,ROUNDDOWN($C8573/24,0)+1,1)*INDEX($D$3:$AA$30,INDEX(Jesper!$R$2:$R$366,ROW(INDEX(Jesper!AJ$2:AJ$366,ROUNDDOWN($C8573/24,0)+1,1))-1)+IF('Standard Profiles'!$G$20=$B$10,7,0)+IF('Standard Profiles'!$G$20=$B$17,14,0)+IF('Standard Profiles'!$G$20=$B$24,21,0),MOD($C8573,24)+1)/SUM(INDEX($D$3:$AA$30,INDEX(Jesper!$R$2:$R$366,ROW(INDEX(Jesper!AJ$2:AJ$366,ROUNDDOWN($C8573/24,0)+1,1))-1)+IF('Standard Profiles'!$G$20=$B$10,7,0)+IF('Standard Profiles'!$G$20=$B$17,14,0)+IF('Standard Profiles'!$G$20=$B$24,21,0),0)),0)</f>
        <v>0</v>
      </c>
      <c r="G8573" cm="1">
        <f t="array" ref="G8573">IFERROR(INDEX(Jesper!AK$2:AK$366,ROUNDDOWN($C8573/24,0)+1,1)*INDEX($D$3:$AA$30,INDEX(Jesper!$R$2:$R$366,ROW(INDEX(Jesper!AK$2:AK$366,ROUNDDOWN($C8573/24,0)+1,1))-1)+IF('Standard Profiles'!$G$21=$B$10,7,0)+IF('Standard Profiles'!$G$21=$B$17,14,0)+IF('Standard Profiles'!$G$21=$B$24,21,0),MOD($C8573,24)+1)/SUM(INDEX($D$3:$AA$30,INDEX(Jesper!$R$2:$R$366,ROW(INDEX(Jesper!AK$2:AK$366,ROUNDDOWN($C8573/24,0)+1,1))-1)+IF('Standard Profiles'!$G$21=$B$10,7,0)+IF('Standard Profiles'!$G$21=$B$17,14,0)+IF('Standard Profiles'!$G$21=$B$24,21,0),0)),0)</f>
        <v>4.8385549024650905</v>
      </c>
      <c r="H8573" cm="1">
        <f t="array" ref="H8573">IFERROR(INDEX(Jesper!AL$2:AL$366,ROUNDDOWN($C8573/24,0)+1,1)*INDEX($D$3:$AA$30,INDEX(Jesper!$R$2:$R$366,ROW(INDEX(Jesper!AL$2:AL$366,ROUNDDOWN($C8573/24,0)+1,1))-1)+IF('Standard Profiles'!$G$22=$B$10,7,0)+IF('Standard Profiles'!$G$22=$B$17,14,0)+IF('Standard Profiles'!$G$22=$B$24,21,0),MOD($C8573,24)+1)/SUM(INDEX($D$3:$AA$30,INDEX(Jesper!$R$2:$R$366,ROW(INDEX(Jesper!AL$2:AL$366,ROUNDDOWN($C8573/24,0)+1,1))-1)+IF('Standard Profiles'!$G$22=$B$10,7,0)+IF('Standard Profiles'!$G$22=$B$17,14,0)+IF('Standard Profiles'!$G$22=$B$24,21,0),0)),0)</f>
        <v>0</v>
      </c>
      <c r="I8573">
        <f t="shared" si="951"/>
        <v>2.3225063531832424</v>
      </c>
      <c r="J8573">
        <f t="shared" si="952"/>
        <v>12.372927331209054</v>
      </c>
      <c r="K8573">
        <f t="shared" si="953"/>
        <v>0.58442221862293298</v>
      </c>
      <c r="L8573">
        <f t="shared" si="954"/>
        <v>0.29221110931146649</v>
      </c>
      <c r="M8573">
        <f t="shared" si="955"/>
        <v>0</v>
      </c>
      <c r="N8573" s="45">
        <f t="shared" si="956"/>
        <v>45282.791666645957</v>
      </c>
    </row>
    <row r="8574" spans="2:14" x14ac:dyDescent="0.25">
      <c r="B8574">
        <f t="shared" si="950"/>
        <v>5</v>
      </c>
      <c r="C8574" s="16">
        <v>8540</v>
      </c>
      <c r="D8574" cm="1">
        <f t="array" ref="D8574">IFERROR(INDEX(Jesper!AH$2:AH$366,ROUNDDOWN($C8574/24,0)+1,1)*INDEX($D$3:$AA$30,INDEX(Jesper!$R$2:$R$366,ROW(INDEX(Jesper!AH$2:AH$366,ROUNDDOWN($C8574/24,0)+1,1))-1)+IF('Standard Profiles'!$G$18=$B$10,7,0)+IF('Standard Profiles'!$G$18=$B$17,14,0)+IF('Standard Profiles'!$G$18=$B$24,21,0),MOD($C8574,24)+1)/SUM(INDEX($D$3:$AA$30,INDEX(Jesper!$R$2:$R$366,ROW(INDEX(Jesper!AH$2:AH$366,ROUNDDOWN($C8574/24,0)+1,1))-1)+IF('Standard Profiles'!$G$18=$B$10,7,0)+IF('Standard Profiles'!$G$18=$B$17,14,0)+IF('Standard Profiles'!$G$18=$B$24,21,0),0)),0)</f>
        <v>5.4789582995899959</v>
      </c>
      <c r="E8574" cm="1">
        <f t="array" ref="E8574">IFERROR(INDEX(Jesper!AI$2:AI$366,ROUNDDOWN($C8574/24,0)+1,1)*INDEX($D$3:$AA$30,INDEX(Jesper!$R$2:$R$366,ROW(INDEX(Jesper!AI$2:AI$366,ROUNDDOWN($C8574/24,0)+1,1))-1)+IF('Standard Profiles'!$G$19=$B$10,7,0)+IF('Standard Profiles'!$G$19=$B$17,14,0)+IF('Standard Profiles'!$G$19=$B$24,21,0),MOD($C8574,24)+1)/SUM(INDEX($D$3:$AA$30,INDEX(Jesper!$R$2:$R$366,ROW(INDEX(Jesper!AI$2:AI$366,ROUNDDOWN($C8574/24,0)+1,1))-1)+IF('Standard Profiles'!$G$19=$B$10,7,0)+IF('Standard Profiles'!$G$19=$B$17,14,0)+IF('Standard Profiles'!$G$19=$B$24,21,0),0)),0)</f>
        <v>5.2545538102716094</v>
      </c>
      <c r="F8574" cm="1">
        <f t="array" ref="F8574">IFERROR(INDEX(Jesper!AJ$2:AJ$366,ROUNDDOWN($C8574/24,0)+1,1)*INDEX($D$3:$AA$30,INDEX(Jesper!$R$2:$R$366,ROW(INDEX(Jesper!AJ$2:AJ$366,ROUNDDOWN($C8574/24,0)+1,1))-1)+IF('Standard Profiles'!$G$20=$B$10,7,0)+IF('Standard Profiles'!$G$20=$B$17,14,0)+IF('Standard Profiles'!$G$20=$B$24,21,0),MOD($C8574,24)+1)/SUM(INDEX($D$3:$AA$30,INDEX(Jesper!$R$2:$R$366,ROW(INDEX(Jesper!AJ$2:AJ$366,ROUNDDOWN($C8574/24,0)+1,1))-1)+IF('Standard Profiles'!$G$20=$B$10,7,0)+IF('Standard Profiles'!$G$20=$B$17,14,0)+IF('Standard Profiles'!$G$20=$B$24,21,0),0)),0)</f>
        <v>0</v>
      </c>
      <c r="G8574" cm="1">
        <f t="array" ref="G8574">IFERROR(INDEX(Jesper!AK$2:AK$366,ROUNDDOWN($C8574/24,0)+1,1)*INDEX($D$3:$AA$30,INDEX(Jesper!$R$2:$R$366,ROW(INDEX(Jesper!AK$2:AK$366,ROUNDDOWN($C8574/24,0)+1,1))-1)+IF('Standard Profiles'!$G$21=$B$10,7,0)+IF('Standard Profiles'!$G$21=$B$17,14,0)+IF('Standard Profiles'!$G$21=$B$24,21,0),MOD($C8574,24)+1)/SUM(INDEX($D$3:$AA$30,INDEX(Jesper!$R$2:$R$366,ROW(INDEX(Jesper!AK$2:AK$366,ROUNDDOWN($C8574/24,0)+1,1))-1)+IF('Standard Profiles'!$G$21=$B$10,7,0)+IF('Standard Profiles'!$G$21=$B$17,14,0)+IF('Standard Profiles'!$G$21=$B$24,21,0),0)),0)</f>
        <v>4.8385549024650905</v>
      </c>
      <c r="H8574" cm="1">
        <f t="array" ref="H8574">IFERROR(INDEX(Jesper!AL$2:AL$366,ROUNDDOWN($C8574/24,0)+1,1)*INDEX($D$3:$AA$30,INDEX(Jesper!$R$2:$R$366,ROW(INDEX(Jesper!AL$2:AL$366,ROUNDDOWN($C8574/24,0)+1,1))-1)+IF('Standard Profiles'!$G$22=$B$10,7,0)+IF('Standard Profiles'!$G$22=$B$17,14,0)+IF('Standard Profiles'!$G$22=$B$24,21,0),MOD($C8574,24)+1)/SUM(INDEX($D$3:$AA$30,INDEX(Jesper!$R$2:$R$366,ROW(INDEX(Jesper!AL$2:AL$366,ROUNDDOWN($C8574/24,0)+1,1))-1)+IF('Standard Profiles'!$G$22=$B$10,7,0)+IF('Standard Profiles'!$G$22=$B$17,14,0)+IF('Standard Profiles'!$G$22=$B$24,21,0),0)),0)</f>
        <v>0</v>
      </c>
      <c r="I8574">
        <f t="shared" si="951"/>
        <v>2.3225063531832424</v>
      </c>
      <c r="J8574">
        <f t="shared" si="952"/>
        <v>12.372927331209054</v>
      </c>
      <c r="K8574">
        <f t="shared" si="953"/>
        <v>0.58442221862293298</v>
      </c>
      <c r="L8574">
        <f t="shared" si="954"/>
        <v>0.29221110931146649</v>
      </c>
      <c r="M8574">
        <f t="shared" si="955"/>
        <v>0</v>
      </c>
      <c r="N8574" s="45">
        <f t="shared" si="956"/>
        <v>45282.833333312621</v>
      </c>
    </row>
    <row r="8575" spans="2:14" x14ac:dyDescent="0.25">
      <c r="B8575">
        <f t="shared" si="950"/>
        <v>5</v>
      </c>
      <c r="C8575" s="16">
        <v>8541</v>
      </c>
      <c r="D8575" cm="1">
        <f t="array" ref="D8575">IFERROR(INDEX(Jesper!AH$2:AH$366,ROUNDDOWN($C8575/24,0)+1,1)*INDEX($D$3:$AA$30,INDEX(Jesper!$R$2:$R$366,ROW(INDEX(Jesper!AH$2:AH$366,ROUNDDOWN($C8575/24,0)+1,1))-1)+IF('Standard Profiles'!$G$18=$B$10,7,0)+IF('Standard Profiles'!$G$18=$B$17,14,0)+IF('Standard Profiles'!$G$18=$B$24,21,0),MOD($C8575,24)+1)/SUM(INDEX($D$3:$AA$30,INDEX(Jesper!$R$2:$R$366,ROW(INDEX(Jesper!AH$2:AH$366,ROUNDDOWN($C8575/24,0)+1,1))-1)+IF('Standard Profiles'!$G$18=$B$10,7,0)+IF('Standard Profiles'!$G$18=$B$17,14,0)+IF('Standard Profiles'!$G$18=$B$24,21,0),0)),0)</f>
        <v>5.4789582995899959</v>
      </c>
      <c r="E8575" cm="1">
        <f t="array" ref="E8575">IFERROR(INDEX(Jesper!AI$2:AI$366,ROUNDDOWN($C8575/24,0)+1,1)*INDEX($D$3:$AA$30,INDEX(Jesper!$R$2:$R$366,ROW(INDEX(Jesper!AI$2:AI$366,ROUNDDOWN($C8575/24,0)+1,1))-1)+IF('Standard Profiles'!$G$19=$B$10,7,0)+IF('Standard Profiles'!$G$19=$B$17,14,0)+IF('Standard Profiles'!$G$19=$B$24,21,0),MOD($C8575,24)+1)/SUM(INDEX($D$3:$AA$30,INDEX(Jesper!$R$2:$R$366,ROW(INDEX(Jesper!AI$2:AI$366,ROUNDDOWN($C8575/24,0)+1,1))-1)+IF('Standard Profiles'!$G$19=$B$10,7,0)+IF('Standard Profiles'!$G$19=$B$17,14,0)+IF('Standard Profiles'!$G$19=$B$24,21,0),0)),0)</f>
        <v>5.2545538102716094</v>
      </c>
      <c r="F8575" cm="1">
        <f t="array" ref="F8575">IFERROR(INDEX(Jesper!AJ$2:AJ$366,ROUNDDOWN($C8575/24,0)+1,1)*INDEX($D$3:$AA$30,INDEX(Jesper!$R$2:$R$366,ROW(INDEX(Jesper!AJ$2:AJ$366,ROUNDDOWN($C8575/24,0)+1,1))-1)+IF('Standard Profiles'!$G$20=$B$10,7,0)+IF('Standard Profiles'!$G$20=$B$17,14,0)+IF('Standard Profiles'!$G$20=$B$24,21,0),MOD($C8575,24)+1)/SUM(INDEX($D$3:$AA$30,INDEX(Jesper!$R$2:$R$366,ROW(INDEX(Jesper!AJ$2:AJ$366,ROUNDDOWN($C8575/24,0)+1,1))-1)+IF('Standard Profiles'!$G$20=$B$10,7,0)+IF('Standard Profiles'!$G$20=$B$17,14,0)+IF('Standard Profiles'!$G$20=$B$24,21,0),0)),0)</f>
        <v>0</v>
      </c>
      <c r="G8575" cm="1">
        <f t="array" ref="G8575">IFERROR(INDEX(Jesper!AK$2:AK$366,ROUNDDOWN($C8575/24,0)+1,1)*INDEX($D$3:$AA$30,INDEX(Jesper!$R$2:$R$366,ROW(INDEX(Jesper!AK$2:AK$366,ROUNDDOWN($C8575/24,0)+1,1))-1)+IF('Standard Profiles'!$G$21=$B$10,7,0)+IF('Standard Profiles'!$G$21=$B$17,14,0)+IF('Standard Profiles'!$G$21=$B$24,21,0),MOD($C8575,24)+1)/SUM(INDEX($D$3:$AA$30,INDEX(Jesper!$R$2:$R$366,ROW(INDEX(Jesper!AK$2:AK$366,ROUNDDOWN($C8575/24,0)+1,1))-1)+IF('Standard Profiles'!$G$21=$B$10,7,0)+IF('Standard Profiles'!$G$21=$B$17,14,0)+IF('Standard Profiles'!$G$21=$B$24,21,0),0)),0)</f>
        <v>4.8385549024650905</v>
      </c>
      <c r="H8575" cm="1">
        <f t="array" ref="H8575">IFERROR(INDEX(Jesper!AL$2:AL$366,ROUNDDOWN($C8575/24,0)+1,1)*INDEX($D$3:$AA$30,INDEX(Jesper!$R$2:$R$366,ROW(INDEX(Jesper!AL$2:AL$366,ROUNDDOWN($C8575/24,0)+1,1))-1)+IF('Standard Profiles'!$G$22=$B$10,7,0)+IF('Standard Profiles'!$G$22=$B$17,14,0)+IF('Standard Profiles'!$G$22=$B$24,21,0),MOD($C8575,24)+1)/SUM(INDEX($D$3:$AA$30,INDEX(Jesper!$R$2:$R$366,ROW(INDEX(Jesper!AL$2:AL$366,ROUNDDOWN($C8575/24,0)+1,1))-1)+IF('Standard Profiles'!$G$22=$B$10,7,0)+IF('Standard Profiles'!$G$22=$B$17,14,0)+IF('Standard Profiles'!$G$22=$B$24,21,0),0)),0)</f>
        <v>0</v>
      </c>
      <c r="I8575">
        <f t="shared" si="951"/>
        <v>2.3225063531832424</v>
      </c>
      <c r="J8575">
        <f t="shared" si="952"/>
        <v>12.372927331209054</v>
      </c>
      <c r="K8575">
        <f t="shared" si="953"/>
        <v>0.58442221862293298</v>
      </c>
      <c r="L8575">
        <f t="shared" si="954"/>
        <v>0.29221110931146649</v>
      </c>
      <c r="M8575">
        <f t="shared" si="955"/>
        <v>0</v>
      </c>
      <c r="N8575" s="45">
        <f t="shared" si="956"/>
        <v>45282.874999979285</v>
      </c>
    </row>
    <row r="8576" spans="2:14" x14ac:dyDescent="0.25">
      <c r="B8576">
        <f t="shared" si="950"/>
        <v>5</v>
      </c>
      <c r="C8576" s="16">
        <v>8542</v>
      </c>
      <c r="D8576" cm="1">
        <f t="array" ref="D8576">IFERROR(INDEX(Jesper!AH$2:AH$366,ROUNDDOWN($C8576/24,0)+1,1)*INDEX($D$3:$AA$30,INDEX(Jesper!$R$2:$R$366,ROW(INDEX(Jesper!AH$2:AH$366,ROUNDDOWN($C8576/24,0)+1,1))-1)+IF('Standard Profiles'!$G$18=$B$10,7,0)+IF('Standard Profiles'!$G$18=$B$17,14,0)+IF('Standard Profiles'!$G$18=$B$24,21,0),MOD($C8576,24)+1)/SUM(INDEX($D$3:$AA$30,INDEX(Jesper!$R$2:$R$366,ROW(INDEX(Jesper!AH$2:AH$366,ROUNDDOWN($C8576/24,0)+1,1))-1)+IF('Standard Profiles'!$G$18=$B$10,7,0)+IF('Standard Profiles'!$G$18=$B$17,14,0)+IF('Standard Profiles'!$G$18=$B$24,21,0),0)),0)</f>
        <v>5.4789582995899959</v>
      </c>
      <c r="E8576" cm="1">
        <f t="array" ref="E8576">IFERROR(INDEX(Jesper!AI$2:AI$366,ROUNDDOWN($C8576/24,0)+1,1)*INDEX($D$3:$AA$30,INDEX(Jesper!$R$2:$R$366,ROW(INDEX(Jesper!AI$2:AI$366,ROUNDDOWN($C8576/24,0)+1,1))-1)+IF('Standard Profiles'!$G$19=$B$10,7,0)+IF('Standard Profiles'!$G$19=$B$17,14,0)+IF('Standard Profiles'!$G$19=$B$24,21,0),MOD($C8576,24)+1)/SUM(INDEX($D$3:$AA$30,INDEX(Jesper!$R$2:$R$366,ROW(INDEX(Jesper!AI$2:AI$366,ROUNDDOWN($C8576/24,0)+1,1))-1)+IF('Standard Profiles'!$G$19=$B$10,7,0)+IF('Standard Profiles'!$G$19=$B$17,14,0)+IF('Standard Profiles'!$G$19=$B$24,21,0),0)),0)</f>
        <v>5.2545538102716094</v>
      </c>
      <c r="F8576" cm="1">
        <f t="array" ref="F8576">IFERROR(INDEX(Jesper!AJ$2:AJ$366,ROUNDDOWN($C8576/24,0)+1,1)*INDEX($D$3:$AA$30,INDEX(Jesper!$R$2:$R$366,ROW(INDEX(Jesper!AJ$2:AJ$366,ROUNDDOWN($C8576/24,0)+1,1))-1)+IF('Standard Profiles'!$G$20=$B$10,7,0)+IF('Standard Profiles'!$G$20=$B$17,14,0)+IF('Standard Profiles'!$G$20=$B$24,21,0),MOD($C8576,24)+1)/SUM(INDEX($D$3:$AA$30,INDEX(Jesper!$R$2:$R$366,ROW(INDEX(Jesper!AJ$2:AJ$366,ROUNDDOWN($C8576/24,0)+1,1))-1)+IF('Standard Profiles'!$G$20=$B$10,7,0)+IF('Standard Profiles'!$G$20=$B$17,14,0)+IF('Standard Profiles'!$G$20=$B$24,21,0),0)),0)</f>
        <v>0</v>
      </c>
      <c r="G8576" cm="1">
        <f t="array" ref="G8576">IFERROR(INDEX(Jesper!AK$2:AK$366,ROUNDDOWN($C8576/24,0)+1,1)*INDEX($D$3:$AA$30,INDEX(Jesper!$R$2:$R$366,ROW(INDEX(Jesper!AK$2:AK$366,ROUNDDOWN($C8576/24,0)+1,1))-1)+IF('Standard Profiles'!$G$21=$B$10,7,0)+IF('Standard Profiles'!$G$21=$B$17,14,0)+IF('Standard Profiles'!$G$21=$B$24,21,0),MOD($C8576,24)+1)/SUM(INDEX($D$3:$AA$30,INDEX(Jesper!$R$2:$R$366,ROW(INDEX(Jesper!AK$2:AK$366,ROUNDDOWN($C8576/24,0)+1,1))-1)+IF('Standard Profiles'!$G$21=$B$10,7,0)+IF('Standard Profiles'!$G$21=$B$17,14,0)+IF('Standard Profiles'!$G$21=$B$24,21,0),0)),0)</f>
        <v>4.8385549024650905</v>
      </c>
      <c r="H8576" cm="1">
        <f t="array" ref="H8576">IFERROR(INDEX(Jesper!AL$2:AL$366,ROUNDDOWN($C8576/24,0)+1,1)*INDEX($D$3:$AA$30,INDEX(Jesper!$R$2:$R$366,ROW(INDEX(Jesper!AL$2:AL$366,ROUNDDOWN($C8576/24,0)+1,1))-1)+IF('Standard Profiles'!$G$22=$B$10,7,0)+IF('Standard Profiles'!$G$22=$B$17,14,0)+IF('Standard Profiles'!$G$22=$B$24,21,0),MOD($C8576,24)+1)/SUM(INDEX($D$3:$AA$30,INDEX(Jesper!$R$2:$R$366,ROW(INDEX(Jesper!AL$2:AL$366,ROUNDDOWN($C8576/24,0)+1,1))-1)+IF('Standard Profiles'!$G$22=$B$10,7,0)+IF('Standard Profiles'!$G$22=$B$17,14,0)+IF('Standard Profiles'!$G$22=$B$24,21,0),0)),0)</f>
        <v>0</v>
      </c>
      <c r="I8576">
        <f t="shared" si="951"/>
        <v>2.3225063531832424</v>
      </c>
      <c r="J8576">
        <f t="shared" si="952"/>
        <v>12.372927331209054</v>
      </c>
      <c r="K8576">
        <f t="shared" si="953"/>
        <v>0.58442221862293298</v>
      </c>
      <c r="L8576">
        <f t="shared" si="954"/>
        <v>0.29221110931146649</v>
      </c>
      <c r="M8576">
        <f t="shared" si="955"/>
        <v>0</v>
      </c>
      <c r="N8576" s="45">
        <f t="shared" si="956"/>
        <v>45282.91666664595</v>
      </c>
    </row>
    <row r="8577" spans="2:14" x14ac:dyDescent="0.25">
      <c r="B8577">
        <f t="shared" si="950"/>
        <v>5</v>
      </c>
      <c r="C8577" s="16">
        <v>8543</v>
      </c>
      <c r="D8577" cm="1">
        <f t="array" ref="D8577">IFERROR(INDEX(Jesper!AH$2:AH$366,ROUNDDOWN($C8577/24,0)+1,1)*INDEX($D$3:$AA$30,INDEX(Jesper!$R$2:$R$366,ROW(INDEX(Jesper!AH$2:AH$366,ROUNDDOWN($C8577/24,0)+1,1))-1)+IF('Standard Profiles'!$G$18=$B$10,7,0)+IF('Standard Profiles'!$G$18=$B$17,14,0)+IF('Standard Profiles'!$G$18=$B$24,21,0),MOD($C8577,24)+1)/SUM(INDEX($D$3:$AA$30,INDEX(Jesper!$R$2:$R$366,ROW(INDEX(Jesper!AH$2:AH$366,ROUNDDOWN($C8577/24,0)+1,1))-1)+IF('Standard Profiles'!$G$18=$B$10,7,0)+IF('Standard Profiles'!$G$18=$B$17,14,0)+IF('Standard Profiles'!$G$18=$B$24,21,0),0)),0)</f>
        <v>5.4789582995899959</v>
      </c>
      <c r="E8577" cm="1">
        <f t="array" ref="E8577">IFERROR(INDEX(Jesper!AI$2:AI$366,ROUNDDOWN($C8577/24,0)+1,1)*INDEX($D$3:$AA$30,INDEX(Jesper!$R$2:$R$366,ROW(INDEX(Jesper!AI$2:AI$366,ROUNDDOWN($C8577/24,0)+1,1))-1)+IF('Standard Profiles'!$G$19=$B$10,7,0)+IF('Standard Profiles'!$G$19=$B$17,14,0)+IF('Standard Profiles'!$G$19=$B$24,21,0),MOD($C8577,24)+1)/SUM(INDEX($D$3:$AA$30,INDEX(Jesper!$R$2:$R$366,ROW(INDEX(Jesper!AI$2:AI$366,ROUNDDOWN($C8577/24,0)+1,1))-1)+IF('Standard Profiles'!$G$19=$B$10,7,0)+IF('Standard Profiles'!$G$19=$B$17,14,0)+IF('Standard Profiles'!$G$19=$B$24,21,0),0)),0)</f>
        <v>5.2545538102716094</v>
      </c>
      <c r="F8577" cm="1">
        <f t="array" ref="F8577">IFERROR(INDEX(Jesper!AJ$2:AJ$366,ROUNDDOWN($C8577/24,0)+1,1)*INDEX($D$3:$AA$30,INDEX(Jesper!$R$2:$R$366,ROW(INDEX(Jesper!AJ$2:AJ$366,ROUNDDOWN($C8577/24,0)+1,1))-1)+IF('Standard Profiles'!$G$20=$B$10,7,0)+IF('Standard Profiles'!$G$20=$B$17,14,0)+IF('Standard Profiles'!$G$20=$B$24,21,0),MOD($C8577,24)+1)/SUM(INDEX($D$3:$AA$30,INDEX(Jesper!$R$2:$R$366,ROW(INDEX(Jesper!AJ$2:AJ$366,ROUNDDOWN($C8577/24,0)+1,1))-1)+IF('Standard Profiles'!$G$20=$B$10,7,0)+IF('Standard Profiles'!$G$20=$B$17,14,0)+IF('Standard Profiles'!$G$20=$B$24,21,0),0)),0)</f>
        <v>0</v>
      </c>
      <c r="G8577" cm="1">
        <f t="array" ref="G8577">IFERROR(INDEX(Jesper!AK$2:AK$366,ROUNDDOWN($C8577/24,0)+1,1)*INDEX($D$3:$AA$30,INDEX(Jesper!$R$2:$R$366,ROW(INDEX(Jesper!AK$2:AK$366,ROUNDDOWN($C8577/24,0)+1,1))-1)+IF('Standard Profiles'!$G$21=$B$10,7,0)+IF('Standard Profiles'!$G$21=$B$17,14,0)+IF('Standard Profiles'!$G$21=$B$24,21,0),MOD($C8577,24)+1)/SUM(INDEX($D$3:$AA$30,INDEX(Jesper!$R$2:$R$366,ROW(INDEX(Jesper!AK$2:AK$366,ROUNDDOWN($C8577/24,0)+1,1))-1)+IF('Standard Profiles'!$G$21=$B$10,7,0)+IF('Standard Profiles'!$G$21=$B$17,14,0)+IF('Standard Profiles'!$G$21=$B$24,21,0),0)),0)</f>
        <v>4.8385549024650905</v>
      </c>
      <c r="H8577" cm="1">
        <f t="array" ref="H8577">IFERROR(INDEX(Jesper!AL$2:AL$366,ROUNDDOWN($C8577/24,0)+1,1)*INDEX($D$3:$AA$30,INDEX(Jesper!$R$2:$R$366,ROW(INDEX(Jesper!AL$2:AL$366,ROUNDDOWN($C8577/24,0)+1,1))-1)+IF('Standard Profiles'!$G$22=$B$10,7,0)+IF('Standard Profiles'!$G$22=$B$17,14,0)+IF('Standard Profiles'!$G$22=$B$24,21,0),MOD($C8577,24)+1)/SUM(INDEX($D$3:$AA$30,INDEX(Jesper!$R$2:$R$366,ROW(INDEX(Jesper!AL$2:AL$366,ROUNDDOWN($C8577/24,0)+1,1))-1)+IF('Standard Profiles'!$G$22=$B$10,7,0)+IF('Standard Profiles'!$G$22=$B$17,14,0)+IF('Standard Profiles'!$G$22=$B$24,21,0),0)),0)</f>
        <v>0</v>
      </c>
      <c r="I8577">
        <f t="shared" si="951"/>
        <v>2.3225063531832424</v>
      </c>
      <c r="J8577">
        <f t="shared" si="952"/>
        <v>12.372927331209054</v>
      </c>
      <c r="K8577">
        <f t="shared" si="953"/>
        <v>0.58442221862293298</v>
      </c>
      <c r="L8577">
        <f t="shared" si="954"/>
        <v>0.29221110931146649</v>
      </c>
      <c r="M8577">
        <f t="shared" si="955"/>
        <v>0</v>
      </c>
      <c r="N8577" s="45">
        <f t="shared" si="956"/>
        <v>45282.958333312614</v>
      </c>
    </row>
    <row r="8578" spans="2:14" x14ac:dyDescent="0.25">
      <c r="B8578">
        <f t="shared" si="950"/>
        <v>6</v>
      </c>
      <c r="C8578" s="16">
        <v>8544</v>
      </c>
      <c r="D8578" cm="1">
        <f t="array" ref="D8578">IFERROR(INDEX(Jesper!AH$2:AH$366,ROUNDDOWN($C8578/24,0)+1,1)*INDEX($D$3:$AA$30,INDEX(Jesper!$R$2:$R$366,ROW(INDEX(Jesper!AH$2:AH$366,ROUNDDOWN($C8578/24,0)+1,1))-1)+IF('Standard Profiles'!$G$18=$B$10,7,0)+IF('Standard Profiles'!$G$18=$B$17,14,0)+IF('Standard Profiles'!$G$18=$B$24,21,0),MOD($C8578,24)+1)/SUM(INDEX($D$3:$AA$30,INDEX(Jesper!$R$2:$R$366,ROW(INDEX(Jesper!AH$2:AH$366,ROUNDDOWN($C8578/24,0)+1,1))-1)+IF('Standard Profiles'!$G$18=$B$10,7,0)+IF('Standard Profiles'!$G$18=$B$17,14,0)+IF('Standard Profiles'!$G$18=$B$24,21,0),0)),0)</f>
        <v>0</v>
      </c>
      <c r="E8578" cm="1">
        <f t="array" ref="E8578">IFERROR(INDEX(Jesper!AI$2:AI$366,ROUNDDOWN($C8578/24,0)+1,1)*INDEX($D$3:$AA$30,INDEX(Jesper!$R$2:$R$366,ROW(INDEX(Jesper!AI$2:AI$366,ROUNDDOWN($C8578/24,0)+1,1))-1)+IF('Standard Profiles'!$G$19=$B$10,7,0)+IF('Standard Profiles'!$G$19=$B$17,14,0)+IF('Standard Profiles'!$G$19=$B$24,21,0),MOD($C8578,24)+1)/SUM(INDEX($D$3:$AA$30,INDEX(Jesper!$R$2:$R$366,ROW(INDEX(Jesper!AI$2:AI$366,ROUNDDOWN($C8578/24,0)+1,1))-1)+IF('Standard Profiles'!$G$19=$B$10,7,0)+IF('Standard Profiles'!$G$19=$B$17,14,0)+IF('Standard Profiles'!$G$19=$B$24,21,0),0)),0)</f>
        <v>5.5798188989903306</v>
      </c>
      <c r="F8578" cm="1">
        <f t="array" ref="F8578">IFERROR(INDEX(Jesper!AJ$2:AJ$366,ROUNDDOWN($C8578/24,0)+1,1)*INDEX($D$3:$AA$30,INDEX(Jesper!$R$2:$R$366,ROW(INDEX(Jesper!AJ$2:AJ$366,ROUNDDOWN($C8578/24,0)+1,1))-1)+IF('Standard Profiles'!$G$20=$B$10,7,0)+IF('Standard Profiles'!$G$20=$B$17,14,0)+IF('Standard Profiles'!$G$20=$B$24,21,0),MOD($C8578,24)+1)/SUM(INDEX($D$3:$AA$30,INDEX(Jesper!$R$2:$R$366,ROW(INDEX(Jesper!AJ$2:AJ$366,ROUNDDOWN($C8578/24,0)+1,1))-1)+IF('Standard Profiles'!$G$20=$B$10,7,0)+IF('Standard Profiles'!$G$20=$B$17,14,0)+IF('Standard Profiles'!$G$20=$B$24,21,0),0)),0)</f>
        <v>4.7151812561500259</v>
      </c>
      <c r="G8578" cm="1">
        <f t="array" ref="G8578">IFERROR(INDEX(Jesper!AK$2:AK$366,ROUNDDOWN($C8578/24,0)+1,1)*INDEX($D$3:$AA$30,INDEX(Jesper!$R$2:$R$366,ROW(INDEX(Jesper!AK$2:AK$366,ROUNDDOWN($C8578/24,0)+1,1))-1)+IF('Standard Profiles'!$G$21=$B$10,7,0)+IF('Standard Profiles'!$G$21=$B$17,14,0)+IF('Standard Profiles'!$G$21=$B$24,21,0),MOD($C8578,24)+1)/SUM(INDEX($D$3:$AA$30,INDEX(Jesper!$R$2:$R$366,ROW(INDEX(Jesper!AK$2:AK$366,ROUNDDOWN($C8578/24,0)+1,1))-1)+IF('Standard Profiles'!$G$21=$B$10,7,0)+IF('Standard Profiles'!$G$21=$B$17,14,0)+IF('Standard Profiles'!$G$21=$B$24,21,0),0)),0)</f>
        <v>6.9228904768836452</v>
      </c>
      <c r="H8578" cm="1">
        <f t="array" ref="H8578">IFERROR(INDEX(Jesper!AL$2:AL$366,ROUNDDOWN($C8578/24,0)+1,1)*INDEX($D$3:$AA$30,INDEX(Jesper!$R$2:$R$366,ROW(INDEX(Jesper!AL$2:AL$366,ROUNDDOWN($C8578/24,0)+1,1))-1)+IF('Standard Profiles'!$G$22=$B$10,7,0)+IF('Standard Profiles'!$G$22=$B$17,14,0)+IF('Standard Profiles'!$G$22=$B$24,21,0),MOD($C8578,24)+1)/SUM(INDEX($D$3:$AA$30,INDEX(Jesper!$R$2:$R$366,ROW(INDEX(Jesper!AL$2:AL$366,ROUNDDOWN($C8578/24,0)+1,1))-1)+IF('Standard Profiles'!$G$22=$B$10,7,0)+IF('Standard Profiles'!$G$22=$B$17,14,0)+IF('Standard Profiles'!$G$22=$B$24,21,0),0)),0)</f>
        <v>1.9523527697238785</v>
      </c>
      <c r="I8578">
        <f t="shared" si="951"/>
        <v>1.8742586589349244</v>
      </c>
      <c r="J8578">
        <f t="shared" si="952"/>
        <v>16.626406474934114</v>
      </c>
      <c r="K8578">
        <f t="shared" si="953"/>
        <v>0.44638551191922643</v>
      </c>
      <c r="L8578">
        <f t="shared" si="954"/>
        <v>0.22319275595961321</v>
      </c>
      <c r="M8578">
        <f t="shared" si="955"/>
        <v>0</v>
      </c>
      <c r="N8578" s="45">
        <f t="shared" si="956"/>
        <v>45282.999999979278</v>
      </c>
    </row>
    <row r="8579" spans="2:14" x14ac:dyDescent="0.25">
      <c r="B8579">
        <f t="shared" si="950"/>
        <v>6</v>
      </c>
      <c r="C8579" s="16">
        <v>8545</v>
      </c>
      <c r="D8579" cm="1">
        <f t="array" ref="D8579">IFERROR(INDEX(Jesper!AH$2:AH$366,ROUNDDOWN($C8579/24,0)+1,1)*INDEX($D$3:$AA$30,INDEX(Jesper!$R$2:$R$366,ROW(INDEX(Jesper!AH$2:AH$366,ROUNDDOWN($C8579/24,0)+1,1))-1)+IF('Standard Profiles'!$G$18=$B$10,7,0)+IF('Standard Profiles'!$G$18=$B$17,14,0)+IF('Standard Profiles'!$G$18=$B$24,21,0),MOD($C8579,24)+1)/SUM(INDEX($D$3:$AA$30,INDEX(Jesper!$R$2:$R$366,ROW(INDEX(Jesper!AH$2:AH$366,ROUNDDOWN($C8579/24,0)+1,1))-1)+IF('Standard Profiles'!$G$18=$B$10,7,0)+IF('Standard Profiles'!$G$18=$B$17,14,0)+IF('Standard Profiles'!$G$18=$B$24,21,0),0)),0)</f>
        <v>0</v>
      </c>
      <c r="E8579" cm="1">
        <f t="array" ref="E8579">IFERROR(INDEX(Jesper!AI$2:AI$366,ROUNDDOWN($C8579/24,0)+1,1)*INDEX($D$3:$AA$30,INDEX(Jesper!$R$2:$R$366,ROW(INDEX(Jesper!AI$2:AI$366,ROUNDDOWN($C8579/24,0)+1,1))-1)+IF('Standard Profiles'!$G$19=$B$10,7,0)+IF('Standard Profiles'!$G$19=$B$17,14,0)+IF('Standard Profiles'!$G$19=$B$24,21,0),MOD($C8579,24)+1)/SUM(INDEX($D$3:$AA$30,INDEX(Jesper!$R$2:$R$366,ROW(INDEX(Jesper!AI$2:AI$366,ROUNDDOWN($C8579/24,0)+1,1))-1)+IF('Standard Profiles'!$G$19=$B$10,7,0)+IF('Standard Profiles'!$G$19=$B$17,14,0)+IF('Standard Profiles'!$G$19=$B$24,21,0),0)),0)</f>
        <v>5.021837009091298</v>
      </c>
      <c r="F8579" cm="1">
        <f t="array" ref="F8579">IFERROR(INDEX(Jesper!AJ$2:AJ$366,ROUNDDOWN($C8579/24,0)+1,1)*INDEX($D$3:$AA$30,INDEX(Jesper!$R$2:$R$366,ROW(INDEX(Jesper!AJ$2:AJ$366,ROUNDDOWN($C8579/24,0)+1,1))-1)+IF('Standard Profiles'!$G$20=$B$10,7,0)+IF('Standard Profiles'!$G$20=$B$17,14,0)+IF('Standard Profiles'!$G$20=$B$24,21,0),MOD($C8579,24)+1)/SUM(INDEX($D$3:$AA$30,INDEX(Jesper!$R$2:$R$366,ROW(INDEX(Jesper!AJ$2:AJ$366,ROUNDDOWN($C8579/24,0)+1,1))-1)+IF('Standard Profiles'!$G$20=$B$10,7,0)+IF('Standard Profiles'!$G$20=$B$17,14,0)+IF('Standard Profiles'!$G$20=$B$24,21,0),0)),0)</f>
        <v>4.2436631305350234</v>
      </c>
      <c r="G8579" cm="1">
        <f t="array" ref="G8579">IFERROR(INDEX(Jesper!AK$2:AK$366,ROUNDDOWN($C8579/24,0)+1,1)*INDEX($D$3:$AA$30,INDEX(Jesper!$R$2:$R$366,ROW(INDEX(Jesper!AK$2:AK$366,ROUNDDOWN($C8579/24,0)+1,1))-1)+IF('Standard Profiles'!$G$21=$B$10,7,0)+IF('Standard Profiles'!$G$21=$B$17,14,0)+IF('Standard Profiles'!$G$21=$B$24,21,0),MOD($C8579,24)+1)/SUM(INDEX($D$3:$AA$30,INDEX(Jesper!$R$2:$R$366,ROW(INDEX(Jesper!AK$2:AK$366,ROUNDDOWN($C8579/24,0)+1,1))-1)+IF('Standard Profiles'!$G$21=$B$10,7,0)+IF('Standard Profiles'!$G$21=$B$17,14,0)+IF('Standard Profiles'!$G$21=$B$24,21,0),0)),0)</f>
        <v>6.9228904768836452</v>
      </c>
      <c r="H8579" cm="1">
        <f t="array" ref="H8579">IFERROR(INDEX(Jesper!AL$2:AL$366,ROUNDDOWN($C8579/24,0)+1,1)*INDEX($D$3:$AA$30,INDEX(Jesper!$R$2:$R$366,ROW(INDEX(Jesper!AL$2:AL$366,ROUNDDOWN($C8579/24,0)+1,1))-1)+IF('Standard Profiles'!$G$22=$B$10,7,0)+IF('Standard Profiles'!$G$22=$B$17,14,0)+IF('Standard Profiles'!$G$22=$B$24,21,0),MOD($C8579,24)+1)/SUM(INDEX($D$3:$AA$30,INDEX(Jesper!$R$2:$R$366,ROW(INDEX(Jesper!AL$2:AL$366,ROUNDDOWN($C8579/24,0)+1,1))-1)+IF('Standard Profiles'!$G$22=$B$10,7,0)+IF('Standard Profiles'!$G$22=$B$17,14,0)+IF('Standard Profiles'!$G$22=$B$24,21,0),0)),0)</f>
        <v>3.8117363599370973</v>
      </c>
      <c r="I8579">
        <f t="shared" si="951"/>
        <v>3.6592669055396154</v>
      </c>
      <c r="J8579">
        <f t="shared" si="952"/>
        <v>15.738239629816492</v>
      </c>
      <c r="K8579">
        <f t="shared" si="953"/>
        <v>0.40174696072730387</v>
      </c>
      <c r="L8579">
        <f t="shared" si="954"/>
        <v>0.20087348036365194</v>
      </c>
      <c r="M8579">
        <f t="shared" si="955"/>
        <v>0</v>
      </c>
      <c r="N8579" s="45">
        <f t="shared" si="956"/>
        <v>45283.041666645942</v>
      </c>
    </row>
    <row r="8580" spans="2:14" x14ac:dyDescent="0.25">
      <c r="B8580">
        <f t="shared" si="950"/>
        <v>6</v>
      </c>
      <c r="C8580" s="16">
        <v>8546</v>
      </c>
      <c r="D8580" cm="1">
        <f t="array" ref="D8580">IFERROR(INDEX(Jesper!AH$2:AH$366,ROUNDDOWN($C8580/24,0)+1,1)*INDEX($D$3:$AA$30,INDEX(Jesper!$R$2:$R$366,ROW(INDEX(Jesper!AH$2:AH$366,ROUNDDOWN($C8580/24,0)+1,1))-1)+IF('Standard Profiles'!$G$18=$B$10,7,0)+IF('Standard Profiles'!$G$18=$B$17,14,0)+IF('Standard Profiles'!$G$18=$B$24,21,0),MOD($C8580,24)+1)/SUM(INDEX($D$3:$AA$30,INDEX(Jesper!$R$2:$R$366,ROW(INDEX(Jesper!AH$2:AH$366,ROUNDDOWN($C8580/24,0)+1,1))-1)+IF('Standard Profiles'!$G$18=$B$10,7,0)+IF('Standard Profiles'!$G$18=$B$17,14,0)+IF('Standard Profiles'!$G$18=$B$24,21,0),0)),0)</f>
        <v>0</v>
      </c>
      <c r="E8580" cm="1">
        <f t="array" ref="E8580">IFERROR(INDEX(Jesper!AI$2:AI$366,ROUNDDOWN($C8580/24,0)+1,1)*INDEX($D$3:$AA$30,INDEX(Jesper!$R$2:$R$366,ROW(INDEX(Jesper!AI$2:AI$366,ROUNDDOWN($C8580/24,0)+1,1))-1)+IF('Standard Profiles'!$G$19=$B$10,7,0)+IF('Standard Profiles'!$G$19=$B$17,14,0)+IF('Standard Profiles'!$G$19=$B$24,21,0),MOD($C8580,24)+1)/SUM(INDEX($D$3:$AA$30,INDEX(Jesper!$R$2:$R$366,ROW(INDEX(Jesper!AI$2:AI$366,ROUNDDOWN($C8580/24,0)+1,1))-1)+IF('Standard Profiles'!$G$19=$B$10,7,0)+IF('Standard Profiles'!$G$19=$B$17,14,0)+IF('Standard Profiles'!$G$19=$B$24,21,0),0)),0)</f>
        <v>5.021837009091298</v>
      </c>
      <c r="F8580" cm="1">
        <f t="array" ref="F8580">IFERROR(INDEX(Jesper!AJ$2:AJ$366,ROUNDDOWN($C8580/24,0)+1,1)*INDEX($D$3:$AA$30,INDEX(Jesper!$R$2:$R$366,ROW(INDEX(Jesper!AJ$2:AJ$366,ROUNDDOWN($C8580/24,0)+1,1))-1)+IF('Standard Profiles'!$G$20=$B$10,7,0)+IF('Standard Profiles'!$G$20=$B$17,14,0)+IF('Standard Profiles'!$G$20=$B$24,21,0),MOD($C8580,24)+1)/SUM(INDEX($D$3:$AA$30,INDEX(Jesper!$R$2:$R$366,ROW(INDEX(Jesper!AJ$2:AJ$366,ROUNDDOWN($C8580/24,0)+1,1))-1)+IF('Standard Profiles'!$G$20=$B$10,7,0)+IF('Standard Profiles'!$G$20=$B$17,14,0)+IF('Standard Profiles'!$G$20=$B$24,21,0),0)),0)</f>
        <v>4.2436631305350234</v>
      </c>
      <c r="G8580" cm="1">
        <f t="array" ref="G8580">IFERROR(INDEX(Jesper!AK$2:AK$366,ROUNDDOWN($C8580/24,0)+1,1)*INDEX($D$3:$AA$30,INDEX(Jesper!$R$2:$R$366,ROW(INDEX(Jesper!AK$2:AK$366,ROUNDDOWN($C8580/24,0)+1,1))-1)+IF('Standard Profiles'!$G$21=$B$10,7,0)+IF('Standard Profiles'!$G$21=$B$17,14,0)+IF('Standard Profiles'!$G$21=$B$24,21,0),MOD($C8580,24)+1)/SUM(INDEX($D$3:$AA$30,INDEX(Jesper!$R$2:$R$366,ROW(INDEX(Jesper!AK$2:AK$366,ROUNDDOWN($C8580/24,0)+1,1))-1)+IF('Standard Profiles'!$G$21=$B$10,7,0)+IF('Standard Profiles'!$G$21=$B$17,14,0)+IF('Standard Profiles'!$G$21=$B$24,21,0),0)),0)</f>
        <v>6.9228904768836452</v>
      </c>
      <c r="H8580" cm="1">
        <f t="array" ref="H8580">IFERROR(INDEX(Jesper!AL$2:AL$366,ROUNDDOWN($C8580/24,0)+1,1)*INDEX($D$3:$AA$30,INDEX(Jesper!$R$2:$R$366,ROW(INDEX(Jesper!AL$2:AL$366,ROUNDDOWN($C8580/24,0)+1,1))-1)+IF('Standard Profiles'!$G$22=$B$10,7,0)+IF('Standard Profiles'!$G$22=$B$17,14,0)+IF('Standard Profiles'!$G$22=$B$24,21,0),MOD($C8580,24)+1)/SUM(INDEX($D$3:$AA$30,INDEX(Jesper!$R$2:$R$366,ROW(INDEX(Jesper!AL$2:AL$366,ROUNDDOWN($C8580/24,0)+1,1))-1)+IF('Standard Profiles'!$G$22=$B$10,7,0)+IF('Standard Profiles'!$G$22=$B$17,14,0)+IF('Standard Profiles'!$G$22=$B$24,21,0),0)),0)</f>
        <v>3.8117363599370973</v>
      </c>
      <c r="I8580">
        <f t="shared" si="951"/>
        <v>3.6592669055396154</v>
      </c>
      <c r="J8580">
        <f t="shared" si="952"/>
        <v>15.738239629816492</v>
      </c>
      <c r="K8580">
        <f t="shared" si="953"/>
        <v>0.40174696072730387</v>
      </c>
      <c r="L8580">
        <f t="shared" si="954"/>
        <v>0.20087348036365194</v>
      </c>
      <c r="M8580">
        <f t="shared" si="955"/>
        <v>0</v>
      </c>
      <c r="N8580" s="45">
        <f t="shared" si="956"/>
        <v>45283.083333312607</v>
      </c>
    </row>
    <row r="8581" spans="2:14" x14ac:dyDescent="0.25">
      <c r="B8581">
        <f t="shared" si="950"/>
        <v>6</v>
      </c>
      <c r="C8581" s="16">
        <v>8547</v>
      </c>
      <c r="D8581" cm="1">
        <f t="array" ref="D8581">IFERROR(INDEX(Jesper!AH$2:AH$366,ROUNDDOWN($C8581/24,0)+1,1)*INDEX($D$3:$AA$30,INDEX(Jesper!$R$2:$R$366,ROW(INDEX(Jesper!AH$2:AH$366,ROUNDDOWN($C8581/24,0)+1,1))-1)+IF('Standard Profiles'!$G$18=$B$10,7,0)+IF('Standard Profiles'!$G$18=$B$17,14,0)+IF('Standard Profiles'!$G$18=$B$24,21,0),MOD($C8581,24)+1)/SUM(INDEX($D$3:$AA$30,INDEX(Jesper!$R$2:$R$366,ROW(INDEX(Jesper!AH$2:AH$366,ROUNDDOWN($C8581/24,0)+1,1))-1)+IF('Standard Profiles'!$G$18=$B$10,7,0)+IF('Standard Profiles'!$G$18=$B$17,14,0)+IF('Standard Profiles'!$G$18=$B$24,21,0),0)),0)</f>
        <v>0</v>
      </c>
      <c r="E8581" cm="1">
        <f t="array" ref="E8581">IFERROR(INDEX(Jesper!AI$2:AI$366,ROUNDDOWN($C8581/24,0)+1,1)*INDEX($D$3:$AA$30,INDEX(Jesper!$R$2:$R$366,ROW(INDEX(Jesper!AI$2:AI$366,ROUNDDOWN($C8581/24,0)+1,1))-1)+IF('Standard Profiles'!$G$19=$B$10,7,0)+IF('Standard Profiles'!$G$19=$B$17,14,0)+IF('Standard Profiles'!$G$19=$B$24,21,0),MOD($C8581,24)+1)/SUM(INDEX($D$3:$AA$30,INDEX(Jesper!$R$2:$R$366,ROW(INDEX(Jesper!AI$2:AI$366,ROUNDDOWN($C8581/24,0)+1,1))-1)+IF('Standard Profiles'!$G$19=$B$10,7,0)+IF('Standard Profiles'!$G$19=$B$17,14,0)+IF('Standard Profiles'!$G$19=$B$24,21,0),0)),0)</f>
        <v>5.021837009091298</v>
      </c>
      <c r="F8581" cm="1">
        <f t="array" ref="F8581">IFERROR(INDEX(Jesper!AJ$2:AJ$366,ROUNDDOWN($C8581/24,0)+1,1)*INDEX($D$3:$AA$30,INDEX(Jesper!$R$2:$R$366,ROW(INDEX(Jesper!AJ$2:AJ$366,ROUNDDOWN($C8581/24,0)+1,1))-1)+IF('Standard Profiles'!$G$20=$B$10,7,0)+IF('Standard Profiles'!$G$20=$B$17,14,0)+IF('Standard Profiles'!$G$20=$B$24,21,0),MOD($C8581,24)+1)/SUM(INDEX($D$3:$AA$30,INDEX(Jesper!$R$2:$R$366,ROW(INDEX(Jesper!AJ$2:AJ$366,ROUNDDOWN($C8581/24,0)+1,1))-1)+IF('Standard Profiles'!$G$20=$B$10,7,0)+IF('Standard Profiles'!$G$20=$B$17,14,0)+IF('Standard Profiles'!$G$20=$B$24,21,0),0)),0)</f>
        <v>4.2436631305350234</v>
      </c>
      <c r="G8581" cm="1">
        <f t="array" ref="G8581">IFERROR(INDEX(Jesper!AK$2:AK$366,ROUNDDOWN($C8581/24,0)+1,1)*INDEX($D$3:$AA$30,INDEX(Jesper!$R$2:$R$366,ROW(INDEX(Jesper!AK$2:AK$366,ROUNDDOWN($C8581/24,0)+1,1))-1)+IF('Standard Profiles'!$G$21=$B$10,7,0)+IF('Standard Profiles'!$G$21=$B$17,14,0)+IF('Standard Profiles'!$G$21=$B$24,21,0),MOD($C8581,24)+1)/SUM(INDEX($D$3:$AA$30,INDEX(Jesper!$R$2:$R$366,ROW(INDEX(Jesper!AK$2:AK$366,ROUNDDOWN($C8581/24,0)+1,1))-1)+IF('Standard Profiles'!$G$21=$B$10,7,0)+IF('Standard Profiles'!$G$21=$B$17,14,0)+IF('Standard Profiles'!$G$21=$B$24,21,0),0)),0)</f>
        <v>6.9228904768836452</v>
      </c>
      <c r="H8581" cm="1">
        <f t="array" ref="H8581">IFERROR(INDEX(Jesper!AL$2:AL$366,ROUNDDOWN($C8581/24,0)+1,1)*INDEX($D$3:$AA$30,INDEX(Jesper!$R$2:$R$366,ROW(INDEX(Jesper!AL$2:AL$366,ROUNDDOWN($C8581/24,0)+1,1))-1)+IF('Standard Profiles'!$G$22=$B$10,7,0)+IF('Standard Profiles'!$G$22=$B$17,14,0)+IF('Standard Profiles'!$G$22=$B$24,21,0),MOD($C8581,24)+1)/SUM(INDEX($D$3:$AA$30,INDEX(Jesper!$R$2:$R$366,ROW(INDEX(Jesper!AL$2:AL$366,ROUNDDOWN($C8581/24,0)+1,1))-1)+IF('Standard Profiles'!$G$22=$B$10,7,0)+IF('Standard Profiles'!$G$22=$B$17,14,0)+IF('Standard Profiles'!$G$22=$B$24,21,0),0)),0)</f>
        <v>3.8117363599370973</v>
      </c>
      <c r="I8581">
        <f t="shared" si="951"/>
        <v>3.6592669055396154</v>
      </c>
      <c r="J8581">
        <f t="shared" si="952"/>
        <v>15.738239629816492</v>
      </c>
      <c r="K8581">
        <f t="shared" si="953"/>
        <v>0.40174696072730387</v>
      </c>
      <c r="L8581">
        <f t="shared" si="954"/>
        <v>0.20087348036365194</v>
      </c>
      <c r="M8581">
        <f t="shared" si="955"/>
        <v>0</v>
      </c>
      <c r="N8581" s="45">
        <f t="shared" si="956"/>
        <v>45283.124999979271</v>
      </c>
    </row>
    <row r="8582" spans="2:14" x14ac:dyDescent="0.25">
      <c r="B8582">
        <f t="shared" si="950"/>
        <v>6</v>
      </c>
      <c r="C8582" s="16">
        <v>8548</v>
      </c>
      <c r="D8582" cm="1">
        <f t="array" ref="D8582">IFERROR(INDEX(Jesper!AH$2:AH$366,ROUNDDOWN($C8582/24,0)+1,1)*INDEX($D$3:$AA$30,INDEX(Jesper!$R$2:$R$366,ROW(INDEX(Jesper!AH$2:AH$366,ROUNDDOWN($C8582/24,0)+1,1))-1)+IF('Standard Profiles'!$G$18=$B$10,7,0)+IF('Standard Profiles'!$G$18=$B$17,14,0)+IF('Standard Profiles'!$G$18=$B$24,21,0),MOD($C8582,24)+1)/SUM(INDEX($D$3:$AA$30,INDEX(Jesper!$R$2:$R$366,ROW(INDEX(Jesper!AH$2:AH$366,ROUNDDOWN($C8582/24,0)+1,1))-1)+IF('Standard Profiles'!$G$18=$B$10,7,0)+IF('Standard Profiles'!$G$18=$B$17,14,0)+IF('Standard Profiles'!$G$18=$B$24,21,0),0)),0)</f>
        <v>0</v>
      </c>
      <c r="E8582" cm="1">
        <f t="array" ref="E8582">IFERROR(INDEX(Jesper!AI$2:AI$366,ROUNDDOWN($C8582/24,0)+1,1)*INDEX($D$3:$AA$30,INDEX(Jesper!$R$2:$R$366,ROW(INDEX(Jesper!AI$2:AI$366,ROUNDDOWN($C8582/24,0)+1,1))-1)+IF('Standard Profiles'!$G$19=$B$10,7,0)+IF('Standard Profiles'!$G$19=$B$17,14,0)+IF('Standard Profiles'!$G$19=$B$24,21,0),MOD($C8582,24)+1)/SUM(INDEX($D$3:$AA$30,INDEX(Jesper!$R$2:$R$366,ROW(INDEX(Jesper!AI$2:AI$366,ROUNDDOWN($C8582/24,0)+1,1))-1)+IF('Standard Profiles'!$G$19=$B$10,7,0)+IF('Standard Profiles'!$G$19=$B$17,14,0)+IF('Standard Profiles'!$G$19=$B$24,21,0),0)),0)</f>
        <v>5.021837009091298</v>
      </c>
      <c r="F8582" cm="1">
        <f t="array" ref="F8582">IFERROR(INDEX(Jesper!AJ$2:AJ$366,ROUNDDOWN($C8582/24,0)+1,1)*INDEX($D$3:$AA$30,INDEX(Jesper!$R$2:$R$366,ROW(INDEX(Jesper!AJ$2:AJ$366,ROUNDDOWN($C8582/24,0)+1,1))-1)+IF('Standard Profiles'!$G$20=$B$10,7,0)+IF('Standard Profiles'!$G$20=$B$17,14,0)+IF('Standard Profiles'!$G$20=$B$24,21,0),MOD($C8582,24)+1)/SUM(INDEX($D$3:$AA$30,INDEX(Jesper!$R$2:$R$366,ROW(INDEX(Jesper!AJ$2:AJ$366,ROUNDDOWN($C8582/24,0)+1,1))-1)+IF('Standard Profiles'!$G$20=$B$10,7,0)+IF('Standard Profiles'!$G$20=$B$17,14,0)+IF('Standard Profiles'!$G$20=$B$24,21,0),0)),0)</f>
        <v>4.2436631305350234</v>
      </c>
      <c r="G8582" cm="1">
        <f t="array" ref="G8582">IFERROR(INDEX(Jesper!AK$2:AK$366,ROUNDDOWN($C8582/24,0)+1,1)*INDEX($D$3:$AA$30,INDEX(Jesper!$R$2:$R$366,ROW(INDEX(Jesper!AK$2:AK$366,ROUNDDOWN($C8582/24,0)+1,1))-1)+IF('Standard Profiles'!$G$21=$B$10,7,0)+IF('Standard Profiles'!$G$21=$B$17,14,0)+IF('Standard Profiles'!$G$21=$B$24,21,0),MOD($C8582,24)+1)/SUM(INDEX($D$3:$AA$30,INDEX(Jesper!$R$2:$R$366,ROW(INDEX(Jesper!AK$2:AK$366,ROUNDDOWN($C8582/24,0)+1,1))-1)+IF('Standard Profiles'!$G$21=$B$10,7,0)+IF('Standard Profiles'!$G$21=$B$17,14,0)+IF('Standard Profiles'!$G$21=$B$24,21,0),0)),0)</f>
        <v>6.9228904768836452</v>
      </c>
      <c r="H8582" cm="1">
        <f t="array" ref="H8582">IFERROR(INDEX(Jesper!AL$2:AL$366,ROUNDDOWN($C8582/24,0)+1,1)*INDEX($D$3:$AA$30,INDEX(Jesper!$R$2:$R$366,ROW(INDEX(Jesper!AL$2:AL$366,ROUNDDOWN($C8582/24,0)+1,1))-1)+IF('Standard Profiles'!$G$22=$B$10,7,0)+IF('Standard Profiles'!$G$22=$B$17,14,0)+IF('Standard Profiles'!$G$22=$B$24,21,0),MOD($C8582,24)+1)/SUM(INDEX($D$3:$AA$30,INDEX(Jesper!$R$2:$R$366,ROW(INDEX(Jesper!AL$2:AL$366,ROUNDDOWN($C8582/24,0)+1,1))-1)+IF('Standard Profiles'!$G$22=$B$10,7,0)+IF('Standard Profiles'!$G$22=$B$17,14,0)+IF('Standard Profiles'!$G$22=$B$24,21,0),0)),0)</f>
        <v>3.8117363599370973</v>
      </c>
      <c r="I8582">
        <f t="shared" si="951"/>
        <v>3.6592669055396154</v>
      </c>
      <c r="J8582">
        <f t="shared" si="952"/>
        <v>15.738239629816492</v>
      </c>
      <c r="K8582">
        <f t="shared" si="953"/>
        <v>0.40174696072730387</v>
      </c>
      <c r="L8582">
        <f t="shared" si="954"/>
        <v>0.20087348036365194</v>
      </c>
      <c r="M8582">
        <f t="shared" si="955"/>
        <v>0</v>
      </c>
      <c r="N8582" s="45">
        <f t="shared" si="956"/>
        <v>45283.166666645935</v>
      </c>
    </row>
    <row r="8583" spans="2:14" x14ac:dyDescent="0.25">
      <c r="B8583">
        <f t="shared" si="950"/>
        <v>6</v>
      </c>
      <c r="C8583" s="16">
        <v>8549</v>
      </c>
      <c r="D8583" cm="1">
        <f t="array" ref="D8583">IFERROR(INDEX(Jesper!AH$2:AH$366,ROUNDDOWN($C8583/24,0)+1,1)*INDEX($D$3:$AA$30,INDEX(Jesper!$R$2:$R$366,ROW(INDEX(Jesper!AH$2:AH$366,ROUNDDOWN($C8583/24,0)+1,1))-1)+IF('Standard Profiles'!$G$18=$B$10,7,0)+IF('Standard Profiles'!$G$18=$B$17,14,0)+IF('Standard Profiles'!$G$18=$B$24,21,0),MOD($C8583,24)+1)/SUM(INDEX($D$3:$AA$30,INDEX(Jesper!$R$2:$R$366,ROW(INDEX(Jesper!AH$2:AH$366,ROUNDDOWN($C8583/24,0)+1,1))-1)+IF('Standard Profiles'!$G$18=$B$10,7,0)+IF('Standard Profiles'!$G$18=$B$17,14,0)+IF('Standard Profiles'!$G$18=$B$24,21,0),0)),0)</f>
        <v>0</v>
      </c>
      <c r="E8583" cm="1">
        <f t="array" ref="E8583">IFERROR(INDEX(Jesper!AI$2:AI$366,ROUNDDOWN($C8583/24,0)+1,1)*INDEX($D$3:$AA$30,INDEX(Jesper!$R$2:$R$366,ROW(INDEX(Jesper!AI$2:AI$366,ROUNDDOWN($C8583/24,0)+1,1))-1)+IF('Standard Profiles'!$G$19=$B$10,7,0)+IF('Standard Profiles'!$G$19=$B$17,14,0)+IF('Standard Profiles'!$G$19=$B$24,21,0),MOD($C8583,24)+1)/SUM(INDEX($D$3:$AA$30,INDEX(Jesper!$R$2:$R$366,ROW(INDEX(Jesper!AI$2:AI$366,ROUNDDOWN($C8583/24,0)+1,1))-1)+IF('Standard Profiles'!$G$19=$B$10,7,0)+IF('Standard Profiles'!$G$19=$B$17,14,0)+IF('Standard Profiles'!$G$19=$B$24,21,0),0)),0)</f>
        <v>5.021837009091298</v>
      </c>
      <c r="F8583" cm="1">
        <f t="array" ref="F8583">IFERROR(INDEX(Jesper!AJ$2:AJ$366,ROUNDDOWN($C8583/24,0)+1,1)*INDEX($D$3:$AA$30,INDEX(Jesper!$R$2:$R$366,ROW(INDEX(Jesper!AJ$2:AJ$366,ROUNDDOWN($C8583/24,0)+1,1))-1)+IF('Standard Profiles'!$G$20=$B$10,7,0)+IF('Standard Profiles'!$G$20=$B$17,14,0)+IF('Standard Profiles'!$G$20=$B$24,21,0),MOD($C8583,24)+1)/SUM(INDEX($D$3:$AA$30,INDEX(Jesper!$R$2:$R$366,ROW(INDEX(Jesper!AJ$2:AJ$366,ROUNDDOWN($C8583/24,0)+1,1))-1)+IF('Standard Profiles'!$G$20=$B$10,7,0)+IF('Standard Profiles'!$G$20=$B$17,14,0)+IF('Standard Profiles'!$G$20=$B$24,21,0),0)),0)</f>
        <v>4.2436631305350234</v>
      </c>
      <c r="G8583" cm="1">
        <f t="array" ref="G8583">IFERROR(INDEX(Jesper!AK$2:AK$366,ROUNDDOWN($C8583/24,0)+1,1)*INDEX($D$3:$AA$30,INDEX(Jesper!$R$2:$R$366,ROW(INDEX(Jesper!AK$2:AK$366,ROUNDDOWN($C8583/24,0)+1,1))-1)+IF('Standard Profiles'!$G$21=$B$10,7,0)+IF('Standard Profiles'!$G$21=$B$17,14,0)+IF('Standard Profiles'!$G$21=$B$24,21,0),MOD($C8583,24)+1)/SUM(INDEX($D$3:$AA$30,INDEX(Jesper!$R$2:$R$366,ROW(INDEX(Jesper!AK$2:AK$366,ROUNDDOWN($C8583/24,0)+1,1))-1)+IF('Standard Profiles'!$G$21=$B$10,7,0)+IF('Standard Profiles'!$G$21=$B$17,14,0)+IF('Standard Profiles'!$G$21=$B$24,21,0),0)),0)</f>
        <v>6.9228904768836452</v>
      </c>
      <c r="H8583" cm="1">
        <f t="array" ref="H8583">IFERROR(INDEX(Jesper!AL$2:AL$366,ROUNDDOWN($C8583/24,0)+1,1)*INDEX($D$3:$AA$30,INDEX(Jesper!$R$2:$R$366,ROW(INDEX(Jesper!AL$2:AL$366,ROUNDDOWN($C8583/24,0)+1,1))-1)+IF('Standard Profiles'!$G$22=$B$10,7,0)+IF('Standard Profiles'!$G$22=$B$17,14,0)+IF('Standard Profiles'!$G$22=$B$24,21,0),MOD($C8583,24)+1)/SUM(INDEX($D$3:$AA$30,INDEX(Jesper!$R$2:$R$366,ROW(INDEX(Jesper!AL$2:AL$366,ROUNDDOWN($C8583/24,0)+1,1))-1)+IF('Standard Profiles'!$G$22=$B$10,7,0)+IF('Standard Profiles'!$G$22=$B$17,14,0)+IF('Standard Profiles'!$G$22=$B$24,21,0),0)),0)</f>
        <v>4.7414281550437058</v>
      </c>
      <c r="I8583">
        <f t="shared" si="951"/>
        <v>4.5517710288419604</v>
      </c>
      <c r="J8583">
        <f t="shared" si="952"/>
        <v>15.775427301620757</v>
      </c>
      <c r="K8583">
        <f t="shared" si="953"/>
        <v>0.40174696072730387</v>
      </c>
      <c r="L8583">
        <f t="shared" si="954"/>
        <v>0.20087348036365194</v>
      </c>
      <c r="M8583">
        <f t="shared" si="955"/>
        <v>0</v>
      </c>
      <c r="N8583" s="45">
        <f t="shared" si="956"/>
        <v>45283.208333312599</v>
      </c>
    </row>
    <row r="8584" spans="2:14" x14ac:dyDescent="0.25">
      <c r="B8584">
        <f t="shared" si="950"/>
        <v>6</v>
      </c>
      <c r="C8584" s="16">
        <v>8550</v>
      </c>
      <c r="D8584" cm="1">
        <f t="array" ref="D8584">IFERROR(INDEX(Jesper!AH$2:AH$366,ROUNDDOWN($C8584/24,0)+1,1)*INDEX($D$3:$AA$30,INDEX(Jesper!$R$2:$R$366,ROW(INDEX(Jesper!AH$2:AH$366,ROUNDDOWN($C8584/24,0)+1,1))-1)+IF('Standard Profiles'!$G$18=$B$10,7,0)+IF('Standard Profiles'!$G$18=$B$17,14,0)+IF('Standard Profiles'!$G$18=$B$24,21,0),MOD($C8584,24)+1)/SUM(INDEX($D$3:$AA$30,INDEX(Jesper!$R$2:$R$366,ROW(INDEX(Jesper!AH$2:AH$366,ROUNDDOWN($C8584/24,0)+1,1))-1)+IF('Standard Profiles'!$G$18=$B$10,7,0)+IF('Standard Profiles'!$G$18=$B$17,14,0)+IF('Standard Profiles'!$G$18=$B$24,21,0),0)),0)</f>
        <v>0</v>
      </c>
      <c r="E8584" cm="1">
        <f t="array" ref="E8584">IFERROR(INDEX(Jesper!AI$2:AI$366,ROUNDDOWN($C8584/24,0)+1,1)*INDEX($D$3:$AA$30,INDEX(Jesper!$R$2:$R$366,ROW(INDEX(Jesper!AI$2:AI$366,ROUNDDOWN($C8584/24,0)+1,1))-1)+IF('Standard Profiles'!$G$19=$B$10,7,0)+IF('Standard Profiles'!$G$19=$B$17,14,0)+IF('Standard Profiles'!$G$19=$B$24,21,0),MOD($C8584,24)+1)/SUM(INDEX($D$3:$AA$30,INDEX(Jesper!$R$2:$R$366,ROW(INDEX(Jesper!AI$2:AI$366,ROUNDDOWN($C8584/24,0)+1,1))-1)+IF('Standard Profiles'!$G$19=$B$10,7,0)+IF('Standard Profiles'!$G$19=$B$17,14,0)+IF('Standard Profiles'!$G$19=$B$24,21,0),0)),0)</f>
        <v>5.021837009091298</v>
      </c>
      <c r="F8584" cm="1">
        <f t="array" ref="F8584">IFERROR(INDEX(Jesper!AJ$2:AJ$366,ROUNDDOWN($C8584/24,0)+1,1)*INDEX($D$3:$AA$30,INDEX(Jesper!$R$2:$R$366,ROW(INDEX(Jesper!AJ$2:AJ$366,ROUNDDOWN($C8584/24,0)+1,1))-1)+IF('Standard Profiles'!$G$20=$B$10,7,0)+IF('Standard Profiles'!$G$20=$B$17,14,0)+IF('Standard Profiles'!$G$20=$B$24,21,0),MOD($C8584,24)+1)/SUM(INDEX($D$3:$AA$30,INDEX(Jesper!$R$2:$R$366,ROW(INDEX(Jesper!AJ$2:AJ$366,ROUNDDOWN($C8584/24,0)+1,1))-1)+IF('Standard Profiles'!$G$20=$B$10,7,0)+IF('Standard Profiles'!$G$20=$B$17,14,0)+IF('Standard Profiles'!$G$20=$B$24,21,0),0)),0)</f>
        <v>4.2436631305350234</v>
      </c>
      <c r="G8584" cm="1">
        <f t="array" ref="G8584">IFERROR(INDEX(Jesper!AK$2:AK$366,ROUNDDOWN($C8584/24,0)+1,1)*INDEX($D$3:$AA$30,INDEX(Jesper!$R$2:$R$366,ROW(INDEX(Jesper!AK$2:AK$366,ROUNDDOWN($C8584/24,0)+1,1))-1)+IF('Standard Profiles'!$G$21=$B$10,7,0)+IF('Standard Profiles'!$G$21=$B$17,14,0)+IF('Standard Profiles'!$G$21=$B$24,21,0),MOD($C8584,24)+1)/SUM(INDEX($D$3:$AA$30,INDEX(Jesper!$R$2:$R$366,ROW(INDEX(Jesper!AK$2:AK$366,ROUNDDOWN($C8584/24,0)+1,1))-1)+IF('Standard Profiles'!$G$21=$B$10,7,0)+IF('Standard Profiles'!$G$21=$B$17,14,0)+IF('Standard Profiles'!$G$21=$B$24,21,0),0)),0)</f>
        <v>6.9228904768836452</v>
      </c>
      <c r="H8584" cm="1">
        <f t="array" ref="H8584">IFERROR(INDEX(Jesper!AL$2:AL$366,ROUNDDOWN($C8584/24,0)+1,1)*INDEX($D$3:$AA$30,INDEX(Jesper!$R$2:$R$366,ROW(INDEX(Jesper!AL$2:AL$366,ROUNDDOWN($C8584/24,0)+1,1))-1)+IF('Standard Profiles'!$G$22=$B$10,7,0)+IF('Standard Profiles'!$G$22=$B$17,14,0)+IF('Standard Profiles'!$G$22=$B$24,21,0),MOD($C8584,24)+1)/SUM(INDEX($D$3:$AA$30,INDEX(Jesper!$R$2:$R$366,ROW(INDEX(Jesper!AL$2:AL$366,ROUNDDOWN($C8584/24,0)+1,1))-1)+IF('Standard Profiles'!$G$22=$B$10,7,0)+IF('Standard Profiles'!$G$22=$B$17,14,0)+IF('Standard Profiles'!$G$22=$B$24,21,0),0)),0)</f>
        <v>5.9500274886822977</v>
      </c>
      <c r="I8584">
        <f t="shared" si="951"/>
        <v>5.7120263891350085</v>
      </c>
      <c r="J8584">
        <f t="shared" si="952"/>
        <v>15.823771274966299</v>
      </c>
      <c r="K8584">
        <f t="shared" si="953"/>
        <v>0.40174696072730387</v>
      </c>
      <c r="L8584">
        <f t="shared" si="954"/>
        <v>0.20087348036365194</v>
      </c>
      <c r="M8584">
        <f t="shared" si="955"/>
        <v>0</v>
      </c>
      <c r="N8584" s="45">
        <f t="shared" si="956"/>
        <v>45283.249999979264</v>
      </c>
    </row>
    <row r="8585" spans="2:14" x14ac:dyDescent="0.25">
      <c r="B8585">
        <f t="shared" si="950"/>
        <v>6</v>
      </c>
      <c r="C8585" s="16">
        <v>8551</v>
      </c>
      <c r="D8585" cm="1">
        <f t="array" ref="D8585">IFERROR(INDEX(Jesper!AH$2:AH$366,ROUNDDOWN($C8585/24,0)+1,1)*INDEX($D$3:$AA$30,INDEX(Jesper!$R$2:$R$366,ROW(INDEX(Jesper!AH$2:AH$366,ROUNDDOWN($C8585/24,0)+1,1))-1)+IF('Standard Profiles'!$G$18=$B$10,7,0)+IF('Standard Profiles'!$G$18=$B$17,14,0)+IF('Standard Profiles'!$G$18=$B$24,21,0),MOD($C8585,24)+1)/SUM(INDEX($D$3:$AA$30,INDEX(Jesper!$R$2:$R$366,ROW(INDEX(Jesper!AH$2:AH$366,ROUNDDOWN($C8585/24,0)+1,1))-1)+IF('Standard Profiles'!$G$18=$B$10,7,0)+IF('Standard Profiles'!$G$18=$B$17,14,0)+IF('Standard Profiles'!$G$18=$B$24,21,0),0)),0)</f>
        <v>0</v>
      </c>
      <c r="E8585" cm="1">
        <f t="array" ref="E8585">IFERROR(INDEX(Jesper!AI$2:AI$366,ROUNDDOWN($C8585/24,0)+1,1)*INDEX($D$3:$AA$30,INDEX(Jesper!$R$2:$R$366,ROW(INDEX(Jesper!AI$2:AI$366,ROUNDDOWN($C8585/24,0)+1,1))-1)+IF('Standard Profiles'!$G$19=$B$10,7,0)+IF('Standard Profiles'!$G$19=$B$17,14,0)+IF('Standard Profiles'!$G$19=$B$24,21,0),MOD($C8585,24)+1)/SUM(INDEX($D$3:$AA$30,INDEX(Jesper!$R$2:$R$366,ROW(INDEX(Jesper!AI$2:AI$366,ROUNDDOWN($C8585/24,0)+1,1))-1)+IF('Standard Profiles'!$G$19=$B$10,7,0)+IF('Standard Profiles'!$G$19=$B$17,14,0)+IF('Standard Profiles'!$G$19=$B$24,21,0),0)),0)</f>
        <v>5.021837009091298</v>
      </c>
      <c r="F8585" cm="1">
        <f t="array" ref="F8585">IFERROR(INDEX(Jesper!AJ$2:AJ$366,ROUNDDOWN($C8585/24,0)+1,1)*INDEX($D$3:$AA$30,INDEX(Jesper!$R$2:$R$366,ROW(INDEX(Jesper!AJ$2:AJ$366,ROUNDDOWN($C8585/24,0)+1,1))-1)+IF('Standard Profiles'!$G$20=$B$10,7,0)+IF('Standard Profiles'!$G$20=$B$17,14,0)+IF('Standard Profiles'!$G$20=$B$24,21,0),MOD($C8585,24)+1)/SUM(INDEX($D$3:$AA$30,INDEX(Jesper!$R$2:$R$366,ROW(INDEX(Jesper!AJ$2:AJ$366,ROUNDDOWN($C8585/24,0)+1,1))-1)+IF('Standard Profiles'!$G$20=$B$10,7,0)+IF('Standard Profiles'!$G$20=$B$17,14,0)+IF('Standard Profiles'!$G$20=$B$24,21,0),0)),0)</f>
        <v>4.2436631305350234</v>
      </c>
      <c r="G8585" cm="1">
        <f t="array" ref="G8585">IFERROR(INDEX(Jesper!AK$2:AK$366,ROUNDDOWN($C8585/24,0)+1,1)*INDEX($D$3:$AA$30,INDEX(Jesper!$R$2:$R$366,ROW(INDEX(Jesper!AK$2:AK$366,ROUNDDOWN($C8585/24,0)+1,1))-1)+IF('Standard Profiles'!$G$21=$B$10,7,0)+IF('Standard Profiles'!$G$21=$B$17,14,0)+IF('Standard Profiles'!$G$21=$B$24,21,0),MOD($C8585,24)+1)/SUM(INDEX($D$3:$AA$30,INDEX(Jesper!$R$2:$R$366,ROW(INDEX(Jesper!AK$2:AK$366,ROUNDDOWN($C8585/24,0)+1,1))-1)+IF('Standard Profiles'!$G$21=$B$10,7,0)+IF('Standard Profiles'!$G$21=$B$17,14,0)+IF('Standard Profiles'!$G$21=$B$24,21,0),0)),0)</f>
        <v>6.9228904768836452</v>
      </c>
      <c r="H8585" cm="1">
        <f t="array" ref="H8585">IFERROR(INDEX(Jesper!AL$2:AL$366,ROUNDDOWN($C8585/24,0)+1,1)*INDEX($D$3:$AA$30,INDEX(Jesper!$R$2:$R$366,ROW(INDEX(Jesper!AL$2:AL$366,ROUNDDOWN($C8585/24,0)+1,1))-1)+IF('Standard Profiles'!$G$22=$B$10,7,0)+IF('Standard Profiles'!$G$22=$B$17,14,0)+IF('Standard Profiles'!$G$22=$B$24,21,0),MOD($C8585,24)+1)/SUM(INDEX($D$3:$AA$30,INDEX(Jesper!$R$2:$R$366,ROW(INDEX(Jesper!AL$2:AL$366,ROUNDDOWN($C8585/24,0)+1,1))-1)+IF('Standard Profiles'!$G$22=$B$10,7,0)+IF('Standard Profiles'!$G$22=$B$17,14,0)+IF('Standard Profiles'!$G$22=$B$24,21,0),0)),0)</f>
        <v>6.7867501042782461</v>
      </c>
      <c r="I8585">
        <f t="shared" si="951"/>
        <v>6.5152801001071197</v>
      </c>
      <c r="J8585">
        <f t="shared" si="952"/>
        <v>15.857240179590137</v>
      </c>
      <c r="K8585">
        <f t="shared" si="953"/>
        <v>0.40174696072730387</v>
      </c>
      <c r="L8585">
        <f t="shared" si="954"/>
        <v>0.20087348036365194</v>
      </c>
      <c r="M8585">
        <f t="shared" si="955"/>
        <v>0</v>
      </c>
      <c r="N8585" s="45">
        <f t="shared" si="956"/>
        <v>45283.291666645928</v>
      </c>
    </row>
    <row r="8586" spans="2:14" x14ac:dyDescent="0.25">
      <c r="B8586">
        <f t="shared" si="950"/>
        <v>6</v>
      </c>
      <c r="C8586" s="16">
        <v>8552</v>
      </c>
      <c r="D8586" cm="1">
        <f t="array" ref="D8586">IFERROR(INDEX(Jesper!AH$2:AH$366,ROUNDDOWN($C8586/24,0)+1,1)*INDEX($D$3:$AA$30,INDEX(Jesper!$R$2:$R$366,ROW(INDEX(Jesper!AH$2:AH$366,ROUNDDOWN($C8586/24,0)+1,1))-1)+IF('Standard Profiles'!$G$18=$B$10,7,0)+IF('Standard Profiles'!$G$18=$B$17,14,0)+IF('Standard Profiles'!$G$18=$B$24,21,0),MOD($C8586,24)+1)/SUM(INDEX($D$3:$AA$30,INDEX(Jesper!$R$2:$R$366,ROW(INDEX(Jesper!AH$2:AH$366,ROUNDDOWN($C8586/24,0)+1,1))-1)+IF('Standard Profiles'!$G$18=$B$10,7,0)+IF('Standard Profiles'!$G$18=$B$17,14,0)+IF('Standard Profiles'!$G$18=$B$24,21,0),0)),0)</f>
        <v>0</v>
      </c>
      <c r="E8586" cm="1">
        <f t="array" ref="E8586">IFERROR(INDEX(Jesper!AI$2:AI$366,ROUNDDOWN($C8586/24,0)+1,1)*INDEX($D$3:$AA$30,INDEX(Jesper!$R$2:$R$366,ROW(INDEX(Jesper!AI$2:AI$366,ROUNDDOWN($C8586/24,0)+1,1))-1)+IF('Standard Profiles'!$G$19=$B$10,7,0)+IF('Standard Profiles'!$G$19=$B$17,14,0)+IF('Standard Profiles'!$G$19=$B$24,21,0),MOD($C8586,24)+1)/SUM(INDEX($D$3:$AA$30,INDEX(Jesper!$R$2:$R$366,ROW(INDEX(Jesper!AI$2:AI$366,ROUNDDOWN($C8586/24,0)+1,1))-1)+IF('Standard Profiles'!$G$19=$B$10,7,0)+IF('Standard Profiles'!$G$19=$B$17,14,0)+IF('Standard Profiles'!$G$19=$B$24,21,0),0)),0)</f>
        <v>5.021837009091298</v>
      </c>
      <c r="F8586" cm="1">
        <f t="array" ref="F8586">IFERROR(INDEX(Jesper!AJ$2:AJ$366,ROUNDDOWN($C8586/24,0)+1,1)*INDEX($D$3:$AA$30,INDEX(Jesper!$R$2:$R$366,ROW(INDEX(Jesper!AJ$2:AJ$366,ROUNDDOWN($C8586/24,0)+1,1))-1)+IF('Standard Profiles'!$G$20=$B$10,7,0)+IF('Standard Profiles'!$G$20=$B$17,14,0)+IF('Standard Profiles'!$G$20=$B$24,21,0),MOD($C8586,24)+1)/SUM(INDEX($D$3:$AA$30,INDEX(Jesper!$R$2:$R$366,ROW(INDEX(Jesper!AJ$2:AJ$366,ROUNDDOWN($C8586/24,0)+1,1))-1)+IF('Standard Profiles'!$G$20=$B$10,7,0)+IF('Standard Profiles'!$G$20=$B$17,14,0)+IF('Standard Profiles'!$G$20=$B$24,21,0),0)),0)</f>
        <v>4.2436631305350234</v>
      </c>
      <c r="G8586" cm="1">
        <f t="array" ref="G8586">IFERROR(INDEX(Jesper!AK$2:AK$366,ROUNDDOWN($C8586/24,0)+1,1)*INDEX($D$3:$AA$30,INDEX(Jesper!$R$2:$R$366,ROW(INDEX(Jesper!AK$2:AK$366,ROUNDDOWN($C8586/24,0)+1,1))-1)+IF('Standard Profiles'!$G$21=$B$10,7,0)+IF('Standard Profiles'!$G$21=$B$17,14,0)+IF('Standard Profiles'!$G$21=$B$24,21,0),MOD($C8586,24)+1)/SUM(INDEX($D$3:$AA$30,INDEX(Jesper!$R$2:$R$366,ROW(INDEX(Jesper!AK$2:AK$366,ROUNDDOWN($C8586/24,0)+1,1))-1)+IF('Standard Profiles'!$G$21=$B$10,7,0)+IF('Standard Profiles'!$G$21=$B$17,14,0)+IF('Standard Profiles'!$G$21=$B$24,21,0),0)),0)</f>
        <v>6.9228904768836452</v>
      </c>
      <c r="H8586" cm="1">
        <f t="array" ref="H8586">IFERROR(INDEX(Jesper!AL$2:AL$366,ROUNDDOWN($C8586/24,0)+1,1)*INDEX($D$3:$AA$30,INDEX(Jesper!$R$2:$R$366,ROW(INDEX(Jesper!AL$2:AL$366,ROUNDDOWN($C8586/24,0)+1,1))-1)+IF('Standard Profiles'!$G$22=$B$10,7,0)+IF('Standard Profiles'!$G$22=$B$17,14,0)+IF('Standard Profiles'!$G$22=$B$24,21,0),MOD($C8586,24)+1)/SUM(INDEX($D$3:$AA$30,INDEX(Jesper!$R$2:$R$366,ROW(INDEX(Jesper!AL$2:AL$366,ROUNDDOWN($C8586/24,0)+1,1))-1)+IF('Standard Profiles'!$G$22=$B$10,7,0)+IF('Standard Profiles'!$G$22=$B$17,14,0)+IF('Standard Profiles'!$G$22=$B$24,21,0),0)),0)</f>
        <v>6.7867501042782461</v>
      </c>
      <c r="I8586">
        <f t="shared" si="951"/>
        <v>6.5152801001071197</v>
      </c>
      <c r="J8586">
        <f t="shared" si="952"/>
        <v>15.857240179590137</v>
      </c>
      <c r="K8586">
        <f t="shared" si="953"/>
        <v>0.40174696072730387</v>
      </c>
      <c r="L8586">
        <f t="shared" si="954"/>
        <v>0.20087348036365194</v>
      </c>
      <c r="M8586">
        <f t="shared" si="955"/>
        <v>0</v>
      </c>
      <c r="N8586" s="45">
        <f t="shared" si="956"/>
        <v>45283.333333312592</v>
      </c>
    </row>
    <row r="8587" spans="2:14" x14ac:dyDescent="0.25">
      <c r="B8587">
        <f t="shared" si="950"/>
        <v>6</v>
      </c>
      <c r="C8587" s="16">
        <v>8553</v>
      </c>
      <c r="D8587" cm="1">
        <f t="array" ref="D8587">IFERROR(INDEX(Jesper!AH$2:AH$366,ROUNDDOWN($C8587/24,0)+1,1)*INDEX($D$3:$AA$30,INDEX(Jesper!$R$2:$R$366,ROW(INDEX(Jesper!AH$2:AH$366,ROUNDDOWN($C8587/24,0)+1,1))-1)+IF('Standard Profiles'!$G$18=$B$10,7,0)+IF('Standard Profiles'!$G$18=$B$17,14,0)+IF('Standard Profiles'!$G$18=$B$24,21,0),MOD($C8587,24)+1)/SUM(INDEX($D$3:$AA$30,INDEX(Jesper!$R$2:$R$366,ROW(INDEX(Jesper!AH$2:AH$366,ROUNDDOWN($C8587/24,0)+1,1))-1)+IF('Standard Profiles'!$G$18=$B$10,7,0)+IF('Standard Profiles'!$G$18=$B$17,14,0)+IF('Standard Profiles'!$G$18=$B$24,21,0),0)),0)</f>
        <v>0</v>
      </c>
      <c r="E8587" cm="1">
        <f t="array" ref="E8587">IFERROR(INDEX(Jesper!AI$2:AI$366,ROUNDDOWN($C8587/24,0)+1,1)*INDEX($D$3:$AA$30,INDEX(Jesper!$R$2:$R$366,ROW(INDEX(Jesper!AI$2:AI$366,ROUNDDOWN($C8587/24,0)+1,1))-1)+IF('Standard Profiles'!$G$19=$B$10,7,0)+IF('Standard Profiles'!$G$19=$B$17,14,0)+IF('Standard Profiles'!$G$19=$B$24,21,0),MOD($C8587,24)+1)/SUM(INDEX($D$3:$AA$30,INDEX(Jesper!$R$2:$R$366,ROW(INDEX(Jesper!AI$2:AI$366,ROUNDDOWN($C8587/24,0)+1,1))-1)+IF('Standard Profiles'!$G$19=$B$10,7,0)+IF('Standard Profiles'!$G$19=$B$17,14,0)+IF('Standard Profiles'!$G$19=$B$24,21,0),0)),0)</f>
        <v>5.021837009091298</v>
      </c>
      <c r="F8587" cm="1">
        <f t="array" ref="F8587">IFERROR(INDEX(Jesper!AJ$2:AJ$366,ROUNDDOWN($C8587/24,0)+1,1)*INDEX($D$3:$AA$30,INDEX(Jesper!$R$2:$R$366,ROW(INDEX(Jesper!AJ$2:AJ$366,ROUNDDOWN($C8587/24,0)+1,1))-1)+IF('Standard Profiles'!$G$20=$B$10,7,0)+IF('Standard Profiles'!$G$20=$B$17,14,0)+IF('Standard Profiles'!$G$20=$B$24,21,0),MOD($C8587,24)+1)/SUM(INDEX($D$3:$AA$30,INDEX(Jesper!$R$2:$R$366,ROW(INDEX(Jesper!AJ$2:AJ$366,ROUNDDOWN($C8587/24,0)+1,1))-1)+IF('Standard Profiles'!$G$20=$B$10,7,0)+IF('Standard Profiles'!$G$20=$B$17,14,0)+IF('Standard Profiles'!$G$20=$B$24,21,0),0)),0)</f>
        <v>4.2436631305350234</v>
      </c>
      <c r="G8587" cm="1">
        <f t="array" ref="G8587">IFERROR(INDEX(Jesper!AK$2:AK$366,ROUNDDOWN($C8587/24,0)+1,1)*INDEX($D$3:$AA$30,INDEX(Jesper!$R$2:$R$366,ROW(INDEX(Jesper!AK$2:AK$366,ROUNDDOWN($C8587/24,0)+1,1))-1)+IF('Standard Profiles'!$G$21=$B$10,7,0)+IF('Standard Profiles'!$G$21=$B$17,14,0)+IF('Standard Profiles'!$G$21=$B$24,21,0),MOD($C8587,24)+1)/SUM(INDEX($D$3:$AA$30,INDEX(Jesper!$R$2:$R$366,ROW(INDEX(Jesper!AK$2:AK$366,ROUNDDOWN($C8587/24,0)+1,1))-1)+IF('Standard Profiles'!$G$21=$B$10,7,0)+IF('Standard Profiles'!$G$21=$B$17,14,0)+IF('Standard Profiles'!$G$21=$B$24,21,0),0)),0)</f>
        <v>6.9228904768836452</v>
      </c>
      <c r="H8587" cm="1">
        <f t="array" ref="H8587">IFERROR(INDEX(Jesper!AL$2:AL$366,ROUNDDOWN($C8587/24,0)+1,1)*INDEX($D$3:$AA$30,INDEX(Jesper!$R$2:$R$366,ROW(INDEX(Jesper!AL$2:AL$366,ROUNDDOWN($C8587/24,0)+1,1))-1)+IF('Standard Profiles'!$G$22=$B$10,7,0)+IF('Standard Profiles'!$G$22=$B$17,14,0)+IF('Standard Profiles'!$G$22=$B$24,21,0),MOD($C8587,24)+1)/SUM(INDEX($D$3:$AA$30,INDEX(Jesper!$R$2:$R$366,ROW(INDEX(Jesper!AL$2:AL$366,ROUNDDOWN($C8587/24,0)+1,1))-1)+IF('Standard Profiles'!$G$22=$B$10,7,0)+IF('Standard Profiles'!$G$22=$B$17,14,0)+IF('Standard Profiles'!$G$22=$B$24,21,0),0)),0)</f>
        <v>6.7867501042782461</v>
      </c>
      <c r="I8587">
        <f t="shared" si="951"/>
        <v>6.5152801001071197</v>
      </c>
      <c r="J8587">
        <f t="shared" si="952"/>
        <v>15.857240179590137</v>
      </c>
      <c r="K8587">
        <f t="shared" si="953"/>
        <v>0.40174696072730387</v>
      </c>
      <c r="L8587">
        <f t="shared" si="954"/>
        <v>0.20087348036365194</v>
      </c>
      <c r="M8587">
        <f t="shared" si="955"/>
        <v>0</v>
      </c>
      <c r="N8587" s="45">
        <f t="shared" si="956"/>
        <v>45283.374999979256</v>
      </c>
    </row>
    <row r="8588" spans="2:14" x14ac:dyDescent="0.25">
      <c r="B8588">
        <f t="shared" si="950"/>
        <v>6</v>
      </c>
      <c r="C8588" s="16">
        <v>8554</v>
      </c>
      <c r="D8588" cm="1">
        <f t="array" ref="D8588">IFERROR(INDEX(Jesper!AH$2:AH$366,ROUNDDOWN($C8588/24,0)+1,1)*INDEX($D$3:$AA$30,INDEX(Jesper!$R$2:$R$366,ROW(INDEX(Jesper!AH$2:AH$366,ROUNDDOWN($C8588/24,0)+1,1))-1)+IF('Standard Profiles'!$G$18=$B$10,7,0)+IF('Standard Profiles'!$G$18=$B$17,14,0)+IF('Standard Profiles'!$G$18=$B$24,21,0),MOD($C8588,24)+1)/SUM(INDEX($D$3:$AA$30,INDEX(Jesper!$R$2:$R$366,ROW(INDEX(Jesper!AH$2:AH$366,ROUNDDOWN($C8588/24,0)+1,1))-1)+IF('Standard Profiles'!$G$18=$B$10,7,0)+IF('Standard Profiles'!$G$18=$B$17,14,0)+IF('Standard Profiles'!$G$18=$B$24,21,0),0)),0)</f>
        <v>0</v>
      </c>
      <c r="E8588" cm="1">
        <f t="array" ref="E8588">IFERROR(INDEX(Jesper!AI$2:AI$366,ROUNDDOWN($C8588/24,0)+1,1)*INDEX($D$3:$AA$30,INDEX(Jesper!$R$2:$R$366,ROW(INDEX(Jesper!AI$2:AI$366,ROUNDDOWN($C8588/24,0)+1,1))-1)+IF('Standard Profiles'!$G$19=$B$10,7,0)+IF('Standard Profiles'!$G$19=$B$17,14,0)+IF('Standard Profiles'!$G$19=$B$24,21,0),MOD($C8588,24)+1)/SUM(INDEX($D$3:$AA$30,INDEX(Jesper!$R$2:$R$366,ROW(INDEX(Jesper!AI$2:AI$366,ROUNDDOWN($C8588/24,0)+1,1))-1)+IF('Standard Profiles'!$G$19=$B$10,7,0)+IF('Standard Profiles'!$G$19=$B$17,14,0)+IF('Standard Profiles'!$G$19=$B$24,21,0),0)),0)</f>
        <v>5.021837009091298</v>
      </c>
      <c r="F8588" cm="1">
        <f t="array" ref="F8588">IFERROR(INDEX(Jesper!AJ$2:AJ$366,ROUNDDOWN($C8588/24,0)+1,1)*INDEX($D$3:$AA$30,INDEX(Jesper!$R$2:$R$366,ROW(INDEX(Jesper!AJ$2:AJ$366,ROUNDDOWN($C8588/24,0)+1,1))-1)+IF('Standard Profiles'!$G$20=$B$10,7,0)+IF('Standard Profiles'!$G$20=$B$17,14,0)+IF('Standard Profiles'!$G$20=$B$24,21,0),MOD($C8588,24)+1)/SUM(INDEX($D$3:$AA$30,INDEX(Jesper!$R$2:$R$366,ROW(INDEX(Jesper!AJ$2:AJ$366,ROUNDDOWN($C8588/24,0)+1,1))-1)+IF('Standard Profiles'!$G$20=$B$10,7,0)+IF('Standard Profiles'!$G$20=$B$17,14,0)+IF('Standard Profiles'!$G$20=$B$24,21,0),0)),0)</f>
        <v>4.2436631305350234</v>
      </c>
      <c r="G8588" cm="1">
        <f t="array" ref="G8588">IFERROR(INDEX(Jesper!AK$2:AK$366,ROUNDDOWN($C8588/24,0)+1,1)*INDEX($D$3:$AA$30,INDEX(Jesper!$R$2:$R$366,ROW(INDEX(Jesper!AK$2:AK$366,ROUNDDOWN($C8588/24,0)+1,1))-1)+IF('Standard Profiles'!$G$21=$B$10,7,0)+IF('Standard Profiles'!$G$21=$B$17,14,0)+IF('Standard Profiles'!$G$21=$B$24,21,0),MOD($C8588,24)+1)/SUM(INDEX($D$3:$AA$30,INDEX(Jesper!$R$2:$R$366,ROW(INDEX(Jesper!AK$2:AK$366,ROUNDDOWN($C8588/24,0)+1,1))-1)+IF('Standard Profiles'!$G$21=$B$10,7,0)+IF('Standard Profiles'!$G$21=$B$17,14,0)+IF('Standard Profiles'!$G$21=$B$24,21,0),0)),0)</f>
        <v>6.9228904768836452</v>
      </c>
      <c r="H8588" cm="1">
        <f t="array" ref="H8588">IFERROR(INDEX(Jesper!AL$2:AL$366,ROUNDDOWN($C8588/24,0)+1,1)*INDEX($D$3:$AA$30,INDEX(Jesper!$R$2:$R$366,ROW(INDEX(Jesper!AL$2:AL$366,ROUNDDOWN($C8588/24,0)+1,1))-1)+IF('Standard Profiles'!$G$22=$B$10,7,0)+IF('Standard Profiles'!$G$22=$B$17,14,0)+IF('Standard Profiles'!$G$22=$B$24,21,0),MOD($C8588,24)+1)/SUM(INDEX($D$3:$AA$30,INDEX(Jesper!$R$2:$R$366,ROW(INDEX(Jesper!AL$2:AL$366,ROUNDDOWN($C8588/24,0)+1,1))-1)+IF('Standard Profiles'!$G$22=$B$10,7,0)+IF('Standard Profiles'!$G$22=$B$17,14,0)+IF('Standard Profiles'!$G$22=$B$24,21,0),0)),0)</f>
        <v>6.7867501042782461</v>
      </c>
      <c r="I8588">
        <f t="shared" si="951"/>
        <v>6.5152801001071197</v>
      </c>
      <c r="J8588">
        <f t="shared" si="952"/>
        <v>15.857240179590137</v>
      </c>
      <c r="K8588">
        <f t="shared" si="953"/>
        <v>0.40174696072730387</v>
      </c>
      <c r="L8588">
        <f t="shared" si="954"/>
        <v>0.20087348036365194</v>
      </c>
      <c r="M8588">
        <f t="shared" si="955"/>
        <v>0</v>
      </c>
      <c r="N8588" s="45">
        <f t="shared" si="956"/>
        <v>45283.41666664592</v>
      </c>
    </row>
    <row r="8589" spans="2:14" x14ac:dyDescent="0.25">
      <c r="B8589">
        <f t="shared" si="950"/>
        <v>6</v>
      </c>
      <c r="C8589" s="16">
        <v>8555</v>
      </c>
      <c r="D8589" cm="1">
        <f t="array" ref="D8589">IFERROR(INDEX(Jesper!AH$2:AH$366,ROUNDDOWN($C8589/24,0)+1,1)*INDEX($D$3:$AA$30,INDEX(Jesper!$R$2:$R$366,ROW(INDEX(Jesper!AH$2:AH$366,ROUNDDOWN($C8589/24,0)+1,1))-1)+IF('Standard Profiles'!$G$18=$B$10,7,0)+IF('Standard Profiles'!$G$18=$B$17,14,0)+IF('Standard Profiles'!$G$18=$B$24,21,0),MOD($C8589,24)+1)/SUM(INDEX($D$3:$AA$30,INDEX(Jesper!$R$2:$R$366,ROW(INDEX(Jesper!AH$2:AH$366,ROUNDDOWN($C8589/24,0)+1,1))-1)+IF('Standard Profiles'!$G$18=$B$10,7,0)+IF('Standard Profiles'!$G$18=$B$17,14,0)+IF('Standard Profiles'!$G$18=$B$24,21,0),0)),0)</f>
        <v>0</v>
      </c>
      <c r="E8589" cm="1">
        <f t="array" ref="E8589">IFERROR(INDEX(Jesper!AI$2:AI$366,ROUNDDOWN($C8589/24,0)+1,1)*INDEX($D$3:$AA$30,INDEX(Jesper!$R$2:$R$366,ROW(INDEX(Jesper!AI$2:AI$366,ROUNDDOWN($C8589/24,0)+1,1))-1)+IF('Standard Profiles'!$G$19=$B$10,7,0)+IF('Standard Profiles'!$G$19=$B$17,14,0)+IF('Standard Profiles'!$G$19=$B$24,21,0),MOD($C8589,24)+1)/SUM(INDEX($D$3:$AA$30,INDEX(Jesper!$R$2:$R$366,ROW(INDEX(Jesper!AI$2:AI$366,ROUNDDOWN($C8589/24,0)+1,1))-1)+IF('Standard Profiles'!$G$19=$B$10,7,0)+IF('Standard Profiles'!$G$19=$B$17,14,0)+IF('Standard Profiles'!$G$19=$B$24,21,0),0)),0)</f>
        <v>5.021837009091298</v>
      </c>
      <c r="F8589" cm="1">
        <f t="array" ref="F8589">IFERROR(INDEX(Jesper!AJ$2:AJ$366,ROUNDDOWN($C8589/24,0)+1,1)*INDEX($D$3:$AA$30,INDEX(Jesper!$R$2:$R$366,ROW(INDEX(Jesper!AJ$2:AJ$366,ROUNDDOWN($C8589/24,0)+1,1))-1)+IF('Standard Profiles'!$G$20=$B$10,7,0)+IF('Standard Profiles'!$G$20=$B$17,14,0)+IF('Standard Profiles'!$G$20=$B$24,21,0),MOD($C8589,24)+1)/SUM(INDEX($D$3:$AA$30,INDEX(Jesper!$R$2:$R$366,ROW(INDEX(Jesper!AJ$2:AJ$366,ROUNDDOWN($C8589/24,0)+1,1))-1)+IF('Standard Profiles'!$G$20=$B$10,7,0)+IF('Standard Profiles'!$G$20=$B$17,14,0)+IF('Standard Profiles'!$G$20=$B$24,21,0),0)),0)</f>
        <v>4.2436631305350234</v>
      </c>
      <c r="G8589" cm="1">
        <f t="array" ref="G8589">IFERROR(INDEX(Jesper!AK$2:AK$366,ROUNDDOWN($C8589/24,0)+1,1)*INDEX($D$3:$AA$30,INDEX(Jesper!$R$2:$R$366,ROW(INDEX(Jesper!AK$2:AK$366,ROUNDDOWN($C8589/24,0)+1,1))-1)+IF('Standard Profiles'!$G$21=$B$10,7,0)+IF('Standard Profiles'!$G$21=$B$17,14,0)+IF('Standard Profiles'!$G$21=$B$24,21,0),MOD($C8589,24)+1)/SUM(INDEX($D$3:$AA$30,INDEX(Jesper!$R$2:$R$366,ROW(INDEX(Jesper!AK$2:AK$366,ROUNDDOWN($C8589/24,0)+1,1))-1)+IF('Standard Profiles'!$G$21=$B$10,7,0)+IF('Standard Profiles'!$G$21=$B$17,14,0)+IF('Standard Profiles'!$G$21=$B$24,21,0),0)),0)</f>
        <v>6.9228904768836452</v>
      </c>
      <c r="H8589" cm="1">
        <f t="array" ref="H8589">IFERROR(INDEX(Jesper!AL$2:AL$366,ROUNDDOWN($C8589/24,0)+1,1)*INDEX($D$3:$AA$30,INDEX(Jesper!$R$2:$R$366,ROW(INDEX(Jesper!AL$2:AL$366,ROUNDDOWN($C8589/24,0)+1,1))-1)+IF('Standard Profiles'!$G$22=$B$10,7,0)+IF('Standard Profiles'!$G$22=$B$17,14,0)+IF('Standard Profiles'!$G$22=$B$24,21,0),MOD($C8589,24)+1)/SUM(INDEX($D$3:$AA$30,INDEX(Jesper!$R$2:$R$366,ROW(INDEX(Jesper!AL$2:AL$366,ROUNDDOWN($C8589/24,0)+1,1))-1)+IF('Standard Profiles'!$G$22=$B$10,7,0)+IF('Standard Profiles'!$G$22=$B$17,14,0)+IF('Standard Profiles'!$G$22=$B$24,21,0),0)),0)</f>
        <v>6.7867501042782461</v>
      </c>
      <c r="I8589">
        <f t="shared" si="951"/>
        <v>6.5152801001071197</v>
      </c>
      <c r="J8589">
        <f t="shared" si="952"/>
        <v>15.857240179590137</v>
      </c>
      <c r="K8589">
        <f t="shared" si="953"/>
        <v>0.40174696072730387</v>
      </c>
      <c r="L8589">
        <f t="shared" si="954"/>
        <v>0.20087348036365194</v>
      </c>
      <c r="M8589">
        <f t="shared" si="955"/>
        <v>0</v>
      </c>
      <c r="N8589" s="45">
        <f t="shared" si="956"/>
        <v>45283.458333312585</v>
      </c>
    </row>
    <row r="8590" spans="2:14" x14ac:dyDescent="0.25">
      <c r="B8590">
        <f t="shared" si="950"/>
        <v>6</v>
      </c>
      <c r="C8590" s="16">
        <v>8556</v>
      </c>
      <c r="D8590" cm="1">
        <f t="array" ref="D8590">IFERROR(INDEX(Jesper!AH$2:AH$366,ROUNDDOWN($C8590/24,0)+1,1)*INDEX($D$3:$AA$30,INDEX(Jesper!$R$2:$R$366,ROW(INDEX(Jesper!AH$2:AH$366,ROUNDDOWN($C8590/24,0)+1,1))-1)+IF('Standard Profiles'!$G$18=$B$10,7,0)+IF('Standard Profiles'!$G$18=$B$17,14,0)+IF('Standard Profiles'!$G$18=$B$24,21,0),MOD($C8590,24)+1)/SUM(INDEX($D$3:$AA$30,INDEX(Jesper!$R$2:$R$366,ROW(INDEX(Jesper!AH$2:AH$366,ROUNDDOWN($C8590/24,0)+1,1))-1)+IF('Standard Profiles'!$G$18=$B$10,7,0)+IF('Standard Profiles'!$G$18=$B$17,14,0)+IF('Standard Profiles'!$G$18=$B$24,21,0),0)),0)</f>
        <v>0</v>
      </c>
      <c r="E8590" cm="1">
        <f t="array" ref="E8590">IFERROR(INDEX(Jesper!AI$2:AI$366,ROUNDDOWN($C8590/24,0)+1,1)*INDEX($D$3:$AA$30,INDEX(Jesper!$R$2:$R$366,ROW(INDEX(Jesper!AI$2:AI$366,ROUNDDOWN($C8590/24,0)+1,1))-1)+IF('Standard Profiles'!$G$19=$B$10,7,0)+IF('Standard Profiles'!$G$19=$B$17,14,0)+IF('Standard Profiles'!$G$19=$B$24,21,0),MOD($C8590,24)+1)/SUM(INDEX($D$3:$AA$30,INDEX(Jesper!$R$2:$R$366,ROW(INDEX(Jesper!AI$2:AI$366,ROUNDDOWN($C8590/24,0)+1,1))-1)+IF('Standard Profiles'!$G$19=$B$10,7,0)+IF('Standard Profiles'!$G$19=$B$17,14,0)+IF('Standard Profiles'!$G$19=$B$24,21,0),0)),0)</f>
        <v>5.021837009091298</v>
      </c>
      <c r="F8590" cm="1">
        <f t="array" ref="F8590">IFERROR(INDEX(Jesper!AJ$2:AJ$366,ROUNDDOWN($C8590/24,0)+1,1)*INDEX($D$3:$AA$30,INDEX(Jesper!$R$2:$R$366,ROW(INDEX(Jesper!AJ$2:AJ$366,ROUNDDOWN($C8590/24,0)+1,1))-1)+IF('Standard Profiles'!$G$20=$B$10,7,0)+IF('Standard Profiles'!$G$20=$B$17,14,0)+IF('Standard Profiles'!$G$20=$B$24,21,0),MOD($C8590,24)+1)/SUM(INDEX($D$3:$AA$30,INDEX(Jesper!$R$2:$R$366,ROW(INDEX(Jesper!AJ$2:AJ$366,ROUNDDOWN($C8590/24,0)+1,1))-1)+IF('Standard Profiles'!$G$20=$B$10,7,0)+IF('Standard Profiles'!$G$20=$B$17,14,0)+IF('Standard Profiles'!$G$20=$B$24,21,0),0)),0)</f>
        <v>4.2436631305350234</v>
      </c>
      <c r="G8590" cm="1">
        <f t="array" ref="G8590">IFERROR(INDEX(Jesper!AK$2:AK$366,ROUNDDOWN($C8590/24,0)+1,1)*INDEX($D$3:$AA$30,INDEX(Jesper!$R$2:$R$366,ROW(INDEX(Jesper!AK$2:AK$366,ROUNDDOWN($C8590/24,0)+1,1))-1)+IF('Standard Profiles'!$G$21=$B$10,7,0)+IF('Standard Profiles'!$G$21=$B$17,14,0)+IF('Standard Profiles'!$G$21=$B$24,21,0),MOD($C8590,24)+1)/SUM(INDEX($D$3:$AA$30,INDEX(Jesper!$R$2:$R$366,ROW(INDEX(Jesper!AK$2:AK$366,ROUNDDOWN($C8590/24,0)+1,1))-1)+IF('Standard Profiles'!$G$21=$B$10,7,0)+IF('Standard Profiles'!$G$21=$B$17,14,0)+IF('Standard Profiles'!$G$21=$B$24,21,0),0)),0)</f>
        <v>6.9228904768836452</v>
      </c>
      <c r="H8590" cm="1">
        <f t="array" ref="H8590">IFERROR(INDEX(Jesper!AL$2:AL$366,ROUNDDOWN($C8590/24,0)+1,1)*INDEX($D$3:$AA$30,INDEX(Jesper!$R$2:$R$366,ROW(INDEX(Jesper!AL$2:AL$366,ROUNDDOWN($C8590/24,0)+1,1))-1)+IF('Standard Profiles'!$G$22=$B$10,7,0)+IF('Standard Profiles'!$G$22=$B$17,14,0)+IF('Standard Profiles'!$G$22=$B$24,21,0),MOD($C8590,24)+1)/SUM(INDEX($D$3:$AA$30,INDEX(Jesper!$R$2:$R$366,ROW(INDEX(Jesper!AL$2:AL$366,ROUNDDOWN($C8590/24,0)+1,1))-1)+IF('Standard Profiles'!$G$22=$B$10,7,0)+IF('Standard Profiles'!$G$22=$B$17,14,0)+IF('Standard Profiles'!$G$22=$B$24,21,0),0)),0)</f>
        <v>6.7867501042782461</v>
      </c>
      <c r="I8590">
        <f t="shared" si="951"/>
        <v>6.5152801001071197</v>
      </c>
      <c r="J8590">
        <f t="shared" si="952"/>
        <v>15.857240179590137</v>
      </c>
      <c r="K8590">
        <f t="shared" si="953"/>
        <v>0.40174696072730387</v>
      </c>
      <c r="L8590">
        <f t="shared" si="954"/>
        <v>0.20087348036365194</v>
      </c>
      <c r="M8590">
        <f t="shared" si="955"/>
        <v>0</v>
      </c>
      <c r="N8590" s="45">
        <f t="shared" si="956"/>
        <v>45283.499999979249</v>
      </c>
    </row>
    <row r="8591" spans="2:14" x14ac:dyDescent="0.25">
      <c r="B8591">
        <f t="shared" si="950"/>
        <v>6</v>
      </c>
      <c r="C8591" s="16">
        <v>8557</v>
      </c>
      <c r="D8591" cm="1">
        <f t="array" ref="D8591">IFERROR(INDEX(Jesper!AH$2:AH$366,ROUNDDOWN($C8591/24,0)+1,1)*INDEX($D$3:$AA$30,INDEX(Jesper!$R$2:$R$366,ROW(INDEX(Jesper!AH$2:AH$366,ROUNDDOWN($C8591/24,0)+1,1))-1)+IF('Standard Profiles'!$G$18=$B$10,7,0)+IF('Standard Profiles'!$G$18=$B$17,14,0)+IF('Standard Profiles'!$G$18=$B$24,21,0),MOD($C8591,24)+1)/SUM(INDEX($D$3:$AA$30,INDEX(Jesper!$R$2:$R$366,ROW(INDEX(Jesper!AH$2:AH$366,ROUNDDOWN($C8591/24,0)+1,1))-1)+IF('Standard Profiles'!$G$18=$B$10,7,0)+IF('Standard Profiles'!$G$18=$B$17,14,0)+IF('Standard Profiles'!$G$18=$B$24,21,0),0)),0)</f>
        <v>0</v>
      </c>
      <c r="E8591" cm="1">
        <f t="array" ref="E8591">IFERROR(INDEX(Jesper!AI$2:AI$366,ROUNDDOWN($C8591/24,0)+1,1)*INDEX($D$3:$AA$30,INDEX(Jesper!$R$2:$R$366,ROW(INDEX(Jesper!AI$2:AI$366,ROUNDDOWN($C8591/24,0)+1,1))-1)+IF('Standard Profiles'!$G$19=$B$10,7,0)+IF('Standard Profiles'!$G$19=$B$17,14,0)+IF('Standard Profiles'!$G$19=$B$24,21,0),MOD($C8591,24)+1)/SUM(INDEX($D$3:$AA$30,INDEX(Jesper!$R$2:$R$366,ROW(INDEX(Jesper!AI$2:AI$366,ROUNDDOWN($C8591/24,0)+1,1))-1)+IF('Standard Profiles'!$G$19=$B$10,7,0)+IF('Standard Profiles'!$G$19=$B$17,14,0)+IF('Standard Profiles'!$G$19=$B$24,21,0),0)),0)</f>
        <v>5.021837009091298</v>
      </c>
      <c r="F8591" cm="1">
        <f t="array" ref="F8591">IFERROR(INDEX(Jesper!AJ$2:AJ$366,ROUNDDOWN($C8591/24,0)+1,1)*INDEX($D$3:$AA$30,INDEX(Jesper!$R$2:$R$366,ROW(INDEX(Jesper!AJ$2:AJ$366,ROUNDDOWN($C8591/24,0)+1,1))-1)+IF('Standard Profiles'!$G$20=$B$10,7,0)+IF('Standard Profiles'!$G$20=$B$17,14,0)+IF('Standard Profiles'!$G$20=$B$24,21,0),MOD($C8591,24)+1)/SUM(INDEX($D$3:$AA$30,INDEX(Jesper!$R$2:$R$366,ROW(INDEX(Jesper!AJ$2:AJ$366,ROUNDDOWN($C8591/24,0)+1,1))-1)+IF('Standard Profiles'!$G$20=$B$10,7,0)+IF('Standard Profiles'!$G$20=$B$17,14,0)+IF('Standard Profiles'!$G$20=$B$24,21,0),0)),0)</f>
        <v>4.2436631305350234</v>
      </c>
      <c r="G8591" cm="1">
        <f t="array" ref="G8591">IFERROR(INDEX(Jesper!AK$2:AK$366,ROUNDDOWN($C8591/24,0)+1,1)*INDEX($D$3:$AA$30,INDEX(Jesper!$R$2:$R$366,ROW(INDEX(Jesper!AK$2:AK$366,ROUNDDOWN($C8591/24,0)+1,1))-1)+IF('Standard Profiles'!$G$21=$B$10,7,0)+IF('Standard Profiles'!$G$21=$B$17,14,0)+IF('Standard Profiles'!$G$21=$B$24,21,0),MOD($C8591,24)+1)/SUM(INDEX($D$3:$AA$30,INDEX(Jesper!$R$2:$R$366,ROW(INDEX(Jesper!AK$2:AK$366,ROUNDDOWN($C8591/24,0)+1,1))-1)+IF('Standard Profiles'!$G$21=$B$10,7,0)+IF('Standard Profiles'!$G$21=$B$17,14,0)+IF('Standard Profiles'!$G$21=$B$24,21,0),0)),0)</f>
        <v>6.9228904768836452</v>
      </c>
      <c r="H8591" cm="1">
        <f t="array" ref="H8591">IFERROR(INDEX(Jesper!AL$2:AL$366,ROUNDDOWN($C8591/24,0)+1,1)*INDEX($D$3:$AA$30,INDEX(Jesper!$R$2:$R$366,ROW(INDEX(Jesper!AL$2:AL$366,ROUNDDOWN($C8591/24,0)+1,1))-1)+IF('Standard Profiles'!$G$22=$B$10,7,0)+IF('Standard Profiles'!$G$22=$B$17,14,0)+IF('Standard Profiles'!$G$22=$B$24,21,0),MOD($C8591,24)+1)/SUM(INDEX($D$3:$AA$30,INDEX(Jesper!$R$2:$R$366,ROW(INDEX(Jesper!AL$2:AL$366,ROUNDDOWN($C8591/24,0)+1,1))-1)+IF('Standard Profiles'!$G$22=$B$10,7,0)+IF('Standard Profiles'!$G$22=$B$17,14,0)+IF('Standard Profiles'!$G$22=$B$24,21,0),0)),0)</f>
        <v>6.7867501042782461</v>
      </c>
      <c r="I8591">
        <f t="shared" si="951"/>
        <v>6.5152801001071197</v>
      </c>
      <c r="J8591">
        <f t="shared" si="952"/>
        <v>15.857240179590137</v>
      </c>
      <c r="K8591">
        <f t="shared" si="953"/>
        <v>0.40174696072730387</v>
      </c>
      <c r="L8591">
        <f t="shared" si="954"/>
        <v>0.20087348036365194</v>
      </c>
      <c r="M8591">
        <f t="shared" si="955"/>
        <v>0</v>
      </c>
      <c r="N8591" s="45">
        <f t="shared" si="956"/>
        <v>45283.541666645913</v>
      </c>
    </row>
    <row r="8592" spans="2:14" x14ac:dyDescent="0.25">
      <c r="B8592">
        <f t="shared" si="950"/>
        <v>6</v>
      </c>
      <c r="C8592" s="16">
        <v>8558</v>
      </c>
      <c r="D8592" cm="1">
        <f t="array" ref="D8592">IFERROR(INDEX(Jesper!AH$2:AH$366,ROUNDDOWN($C8592/24,0)+1,1)*INDEX($D$3:$AA$30,INDEX(Jesper!$R$2:$R$366,ROW(INDEX(Jesper!AH$2:AH$366,ROUNDDOWN($C8592/24,0)+1,1))-1)+IF('Standard Profiles'!$G$18=$B$10,7,0)+IF('Standard Profiles'!$G$18=$B$17,14,0)+IF('Standard Profiles'!$G$18=$B$24,21,0),MOD($C8592,24)+1)/SUM(INDEX($D$3:$AA$30,INDEX(Jesper!$R$2:$R$366,ROW(INDEX(Jesper!AH$2:AH$366,ROUNDDOWN($C8592/24,0)+1,1))-1)+IF('Standard Profiles'!$G$18=$B$10,7,0)+IF('Standard Profiles'!$G$18=$B$17,14,0)+IF('Standard Profiles'!$G$18=$B$24,21,0),0)),0)</f>
        <v>0</v>
      </c>
      <c r="E8592" cm="1">
        <f t="array" ref="E8592">IFERROR(INDEX(Jesper!AI$2:AI$366,ROUNDDOWN($C8592/24,0)+1,1)*INDEX($D$3:$AA$30,INDEX(Jesper!$R$2:$R$366,ROW(INDEX(Jesper!AI$2:AI$366,ROUNDDOWN($C8592/24,0)+1,1))-1)+IF('Standard Profiles'!$G$19=$B$10,7,0)+IF('Standard Profiles'!$G$19=$B$17,14,0)+IF('Standard Profiles'!$G$19=$B$24,21,0),MOD($C8592,24)+1)/SUM(INDEX($D$3:$AA$30,INDEX(Jesper!$R$2:$R$366,ROW(INDEX(Jesper!AI$2:AI$366,ROUNDDOWN($C8592/24,0)+1,1))-1)+IF('Standard Profiles'!$G$19=$B$10,7,0)+IF('Standard Profiles'!$G$19=$B$17,14,0)+IF('Standard Profiles'!$G$19=$B$24,21,0),0)),0)</f>
        <v>5.021837009091298</v>
      </c>
      <c r="F8592" cm="1">
        <f t="array" ref="F8592">IFERROR(INDEX(Jesper!AJ$2:AJ$366,ROUNDDOWN($C8592/24,0)+1,1)*INDEX($D$3:$AA$30,INDEX(Jesper!$R$2:$R$366,ROW(INDEX(Jesper!AJ$2:AJ$366,ROUNDDOWN($C8592/24,0)+1,1))-1)+IF('Standard Profiles'!$G$20=$B$10,7,0)+IF('Standard Profiles'!$G$20=$B$17,14,0)+IF('Standard Profiles'!$G$20=$B$24,21,0),MOD($C8592,24)+1)/SUM(INDEX($D$3:$AA$30,INDEX(Jesper!$R$2:$R$366,ROW(INDEX(Jesper!AJ$2:AJ$366,ROUNDDOWN($C8592/24,0)+1,1))-1)+IF('Standard Profiles'!$G$20=$B$10,7,0)+IF('Standard Profiles'!$G$20=$B$17,14,0)+IF('Standard Profiles'!$G$20=$B$24,21,0),0)),0)</f>
        <v>4.2436631305350234</v>
      </c>
      <c r="G8592" cm="1">
        <f t="array" ref="G8592">IFERROR(INDEX(Jesper!AK$2:AK$366,ROUNDDOWN($C8592/24,0)+1,1)*INDEX($D$3:$AA$30,INDEX(Jesper!$R$2:$R$366,ROW(INDEX(Jesper!AK$2:AK$366,ROUNDDOWN($C8592/24,0)+1,1))-1)+IF('Standard Profiles'!$G$21=$B$10,7,0)+IF('Standard Profiles'!$G$21=$B$17,14,0)+IF('Standard Profiles'!$G$21=$B$24,21,0),MOD($C8592,24)+1)/SUM(INDEX($D$3:$AA$30,INDEX(Jesper!$R$2:$R$366,ROW(INDEX(Jesper!AK$2:AK$366,ROUNDDOWN($C8592/24,0)+1,1))-1)+IF('Standard Profiles'!$G$21=$B$10,7,0)+IF('Standard Profiles'!$G$21=$B$17,14,0)+IF('Standard Profiles'!$G$21=$B$24,21,0),0)),0)</f>
        <v>6.9228904768836452</v>
      </c>
      <c r="H8592" cm="1">
        <f t="array" ref="H8592">IFERROR(INDEX(Jesper!AL$2:AL$366,ROUNDDOWN($C8592/24,0)+1,1)*INDEX($D$3:$AA$30,INDEX(Jesper!$R$2:$R$366,ROW(INDEX(Jesper!AL$2:AL$366,ROUNDDOWN($C8592/24,0)+1,1))-1)+IF('Standard Profiles'!$G$22=$B$10,7,0)+IF('Standard Profiles'!$G$22=$B$17,14,0)+IF('Standard Profiles'!$G$22=$B$24,21,0),MOD($C8592,24)+1)/SUM(INDEX($D$3:$AA$30,INDEX(Jesper!$R$2:$R$366,ROW(INDEX(Jesper!AL$2:AL$366,ROUNDDOWN($C8592/24,0)+1,1))-1)+IF('Standard Profiles'!$G$22=$B$10,7,0)+IF('Standard Profiles'!$G$22=$B$17,14,0)+IF('Standard Profiles'!$G$22=$B$24,21,0),0)),0)</f>
        <v>6.7867501042782461</v>
      </c>
      <c r="I8592">
        <f t="shared" si="951"/>
        <v>6.5152801001071197</v>
      </c>
      <c r="J8592">
        <f t="shared" si="952"/>
        <v>15.857240179590137</v>
      </c>
      <c r="K8592">
        <f t="shared" si="953"/>
        <v>0.40174696072730387</v>
      </c>
      <c r="L8592">
        <f t="shared" si="954"/>
        <v>0.20087348036365194</v>
      </c>
      <c r="M8592">
        <f t="shared" si="955"/>
        <v>0</v>
      </c>
      <c r="N8592" s="45">
        <f t="shared" si="956"/>
        <v>45283.583333312577</v>
      </c>
    </row>
    <row r="8593" spans="2:14" x14ac:dyDescent="0.25">
      <c r="B8593">
        <f t="shared" si="950"/>
        <v>6</v>
      </c>
      <c r="C8593" s="16">
        <v>8559</v>
      </c>
      <c r="D8593" cm="1">
        <f t="array" ref="D8593">IFERROR(INDEX(Jesper!AH$2:AH$366,ROUNDDOWN($C8593/24,0)+1,1)*INDEX($D$3:$AA$30,INDEX(Jesper!$R$2:$R$366,ROW(INDEX(Jesper!AH$2:AH$366,ROUNDDOWN($C8593/24,0)+1,1))-1)+IF('Standard Profiles'!$G$18=$B$10,7,0)+IF('Standard Profiles'!$G$18=$B$17,14,0)+IF('Standard Profiles'!$G$18=$B$24,21,0),MOD($C8593,24)+1)/SUM(INDEX($D$3:$AA$30,INDEX(Jesper!$R$2:$R$366,ROW(INDEX(Jesper!AH$2:AH$366,ROUNDDOWN($C8593/24,0)+1,1))-1)+IF('Standard Profiles'!$G$18=$B$10,7,0)+IF('Standard Profiles'!$G$18=$B$17,14,0)+IF('Standard Profiles'!$G$18=$B$24,21,0),0)),0)</f>
        <v>0</v>
      </c>
      <c r="E8593" cm="1">
        <f t="array" ref="E8593">IFERROR(INDEX(Jesper!AI$2:AI$366,ROUNDDOWN($C8593/24,0)+1,1)*INDEX($D$3:$AA$30,INDEX(Jesper!$R$2:$R$366,ROW(INDEX(Jesper!AI$2:AI$366,ROUNDDOWN($C8593/24,0)+1,1))-1)+IF('Standard Profiles'!$G$19=$B$10,7,0)+IF('Standard Profiles'!$G$19=$B$17,14,0)+IF('Standard Profiles'!$G$19=$B$24,21,0),MOD($C8593,24)+1)/SUM(INDEX($D$3:$AA$30,INDEX(Jesper!$R$2:$R$366,ROW(INDEX(Jesper!AI$2:AI$366,ROUNDDOWN($C8593/24,0)+1,1))-1)+IF('Standard Profiles'!$G$19=$B$10,7,0)+IF('Standard Profiles'!$G$19=$B$17,14,0)+IF('Standard Profiles'!$G$19=$B$24,21,0),0)),0)</f>
        <v>5.021837009091298</v>
      </c>
      <c r="F8593" cm="1">
        <f t="array" ref="F8593">IFERROR(INDEX(Jesper!AJ$2:AJ$366,ROUNDDOWN($C8593/24,0)+1,1)*INDEX($D$3:$AA$30,INDEX(Jesper!$R$2:$R$366,ROW(INDEX(Jesper!AJ$2:AJ$366,ROUNDDOWN($C8593/24,0)+1,1))-1)+IF('Standard Profiles'!$G$20=$B$10,7,0)+IF('Standard Profiles'!$G$20=$B$17,14,0)+IF('Standard Profiles'!$G$20=$B$24,21,0),MOD($C8593,24)+1)/SUM(INDEX($D$3:$AA$30,INDEX(Jesper!$R$2:$R$366,ROW(INDEX(Jesper!AJ$2:AJ$366,ROUNDDOWN($C8593/24,0)+1,1))-1)+IF('Standard Profiles'!$G$20=$B$10,7,0)+IF('Standard Profiles'!$G$20=$B$17,14,0)+IF('Standard Profiles'!$G$20=$B$24,21,0),0)),0)</f>
        <v>4.2436631305350234</v>
      </c>
      <c r="G8593" cm="1">
        <f t="array" ref="G8593">IFERROR(INDEX(Jesper!AK$2:AK$366,ROUNDDOWN($C8593/24,0)+1,1)*INDEX($D$3:$AA$30,INDEX(Jesper!$R$2:$R$366,ROW(INDEX(Jesper!AK$2:AK$366,ROUNDDOWN($C8593/24,0)+1,1))-1)+IF('Standard Profiles'!$G$21=$B$10,7,0)+IF('Standard Profiles'!$G$21=$B$17,14,0)+IF('Standard Profiles'!$G$21=$B$24,21,0),MOD($C8593,24)+1)/SUM(INDEX($D$3:$AA$30,INDEX(Jesper!$R$2:$R$366,ROW(INDEX(Jesper!AK$2:AK$366,ROUNDDOWN($C8593/24,0)+1,1))-1)+IF('Standard Profiles'!$G$21=$B$10,7,0)+IF('Standard Profiles'!$G$21=$B$17,14,0)+IF('Standard Profiles'!$G$21=$B$24,21,0),0)),0)</f>
        <v>6.9228904768836452</v>
      </c>
      <c r="H8593" cm="1">
        <f t="array" ref="H8593">IFERROR(INDEX(Jesper!AL$2:AL$366,ROUNDDOWN($C8593/24,0)+1,1)*INDEX($D$3:$AA$30,INDEX(Jesper!$R$2:$R$366,ROW(INDEX(Jesper!AL$2:AL$366,ROUNDDOWN($C8593/24,0)+1,1))-1)+IF('Standard Profiles'!$G$22=$B$10,7,0)+IF('Standard Profiles'!$G$22=$B$17,14,0)+IF('Standard Profiles'!$G$22=$B$24,21,0),MOD($C8593,24)+1)/SUM(INDEX($D$3:$AA$30,INDEX(Jesper!$R$2:$R$366,ROW(INDEX(Jesper!AL$2:AL$366,ROUNDDOWN($C8593/24,0)+1,1))-1)+IF('Standard Profiles'!$G$22=$B$10,7,0)+IF('Standard Profiles'!$G$22=$B$17,14,0)+IF('Standard Profiles'!$G$22=$B$24,21,0),0)),0)</f>
        <v>6.135965847703619</v>
      </c>
      <c r="I8593">
        <f t="shared" si="951"/>
        <v>5.8905272137954778</v>
      </c>
      <c r="J8593">
        <f t="shared" si="952"/>
        <v>15.831208809327153</v>
      </c>
      <c r="K8593">
        <f t="shared" si="953"/>
        <v>0.40174696072730387</v>
      </c>
      <c r="L8593">
        <f t="shared" si="954"/>
        <v>0.20087348036365194</v>
      </c>
      <c r="M8593">
        <f t="shared" si="955"/>
        <v>0</v>
      </c>
      <c r="N8593" s="45">
        <f t="shared" si="956"/>
        <v>45283.624999979242</v>
      </c>
    </row>
    <row r="8594" spans="2:14" x14ac:dyDescent="0.25">
      <c r="B8594">
        <f t="shared" si="950"/>
        <v>6</v>
      </c>
      <c r="C8594" s="16">
        <v>8560</v>
      </c>
      <c r="D8594" cm="1">
        <f t="array" ref="D8594">IFERROR(INDEX(Jesper!AH$2:AH$366,ROUNDDOWN($C8594/24,0)+1,1)*INDEX($D$3:$AA$30,INDEX(Jesper!$R$2:$R$366,ROW(INDEX(Jesper!AH$2:AH$366,ROUNDDOWN($C8594/24,0)+1,1))-1)+IF('Standard Profiles'!$G$18=$B$10,7,0)+IF('Standard Profiles'!$G$18=$B$17,14,0)+IF('Standard Profiles'!$G$18=$B$24,21,0),MOD($C8594,24)+1)/SUM(INDEX($D$3:$AA$30,INDEX(Jesper!$R$2:$R$366,ROW(INDEX(Jesper!AH$2:AH$366,ROUNDDOWN($C8594/24,0)+1,1))-1)+IF('Standard Profiles'!$G$18=$B$10,7,0)+IF('Standard Profiles'!$G$18=$B$17,14,0)+IF('Standard Profiles'!$G$18=$B$24,21,0),0)),0)</f>
        <v>0</v>
      </c>
      <c r="E8594" cm="1">
        <f t="array" ref="E8594">IFERROR(INDEX(Jesper!AI$2:AI$366,ROUNDDOWN($C8594/24,0)+1,1)*INDEX($D$3:$AA$30,INDEX(Jesper!$R$2:$R$366,ROW(INDEX(Jesper!AI$2:AI$366,ROUNDDOWN($C8594/24,0)+1,1))-1)+IF('Standard Profiles'!$G$19=$B$10,7,0)+IF('Standard Profiles'!$G$19=$B$17,14,0)+IF('Standard Profiles'!$G$19=$B$24,21,0),MOD($C8594,24)+1)/SUM(INDEX($D$3:$AA$30,INDEX(Jesper!$R$2:$R$366,ROW(INDEX(Jesper!AI$2:AI$366,ROUNDDOWN($C8594/24,0)+1,1))-1)+IF('Standard Profiles'!$G$19=$B$10,7,0)+IF('Standard Profiles'!$G$19=$B$17,14,0)+IF('Standard Profiles'!$G$19=$B$24,21,0),0)),0)</f>
        <v>5.021837009091298</v>
      </c>
      <c r="F8594" cm="1">
        <f t="array" ref="F8594">IFERROR(INDEX(Jesper!AJ$2:AJ$366,ROUNDDOWN($C8594/24,0)+1,1)*INDEX($D$3:$AA$30,INDEX(Jesper!$R$2:$R$366,ROW(INDEX(Jesper!AJ$2:AJ$366,ROUNDDOWN($C8594/24,0)+1,1))-1)+IF('Standard Profiles'!$G$20=$B$10,7,0)+IF('Standard Profiles'!$G$20=$B$17,14,0)+IF('Standard Profiles'!$G$20=$B$24,21,0),MOD($C8594,24)+1)/SUM(INDEX($D$3:$AA$30,INDEX(Jesper!$R$2:$R$366,ROW(INDEX(Jesper!AJ$2:AJ$366,ROUNDDOWN($C8594/24,0)+1,1))-1)+IF('Standard Profiles'!$G$20=$B$10,7,0)+IF('Standard Profiles'!$G$20=$B$17,14,0)+IF('Standard Profiles'!$G$20=$B$24,21,0),0)),0)</f>
        <v>4.2436631305350234</v>
      </c>
      <c r="G8594" cm="1">
        <f t="array" ref="G8594">IFERROR(INDEX(Jesper!AK$2:AK$366,ROUNDDOWN($C8594/24,0)+1,1)*INDEX($D$3:$AA$30,INDEX(Jesper!$R$2:$R$366,ROW(INDEX(Jesper!AK$2:AK$366,ROUNDDOWN($C8594/24,0)+1,1))-1)+IF('Standard Profiles'!$G$21=$B$10,7,0)+IF('Standard Profiles'!$G$21=$B$17,14,0)+IF('Standard Profiles'!$G$21=$B$24,21,0),MOD($C8594,24)+1)/SUM(INDEX($D$3:$AA$30,INDEX(Jesper!$R$2:$R$366,ROW(INDEX(Jesper!AK$2:AK$366,ROUNDDOWN($C8594/24,0)+1,1))-1)+IF('Standard Profiles'!$G$21=$B$10,7,0)+IF('Standard Profiles'!$G$21=$B$17,14,0)+IF('Standard Profiles'!$G$21=$B$24,21,0),0)),0)</f>
        <v>6.9228904768836452</v>
      </c>
      <c r="H8594" cm="1">
        <f t="array" ref="H8594">IFERROR(INDEX(Jesper!AL$2:AL$366,ROUNDDOWN($C8594/24,0)+1,1)*INDEX($D$3:$AA$30,INDEX(Jesper!$R$2:$R$366,ROW(INDEX(Jesper!AL$2:AL$366,ROUNDDOWN($C8594/24,0)+1,1))-1)+IF('Standard Profiles'!$G$22=$B$10,7,0)+IF('Standard Profiles'!$G$22=$B$17,14,0)+IF('Standard Profiles'!$G$22=$B$24,21,0),MOD($C8594,24)+1)/SUM(INDEX($D$3:$AA$30,INDEX(Jesper!$R$2:$R$366,ROW(INDEX(Jesper!AL$2:AL$366,ROUNDDOWN($C8594/24,0)+1,1))-1)+IF('Standard Profiles'!$G$22=$B$10,7,0)+IF('Standard Profiles'!$G$22=$B$17,14,0)+IF('Standard Profiles'!$G$22=$B$24,21,0),0)),0)</f>
        <v>5.5781507706396543</v>
      </c>
      <c r="I8594">
        <f t="shared" si="951"/>
        <v>5.3550247398140707</v>
      </c>
      <c r="J8594">
        <f t="shared" si="952"/>
        <v>15.808896206244594</v>
      </c>
      <c r="K8594">
        <f t="shared" si="953"/>
        <v>0.40174696072730387</v>
      </c>
      <c r="L8594">
        <f t="shared" si="954"/>
        <v>0.20087348036365194</v>
      </c>
      <c r="M8594">
        <f t="shared" si="955"/>
        <v>0</v>
      </c>
      <c r="N8594" s="45">
        <f t="shared" si="956"/>
        <v>45283.666666645906</v>
      </c>
    </row>
    <row r="8595" spans="2:14" x14ac:dyDescent="0.25">
      <c r="B8595">
        <f t="shared" si="950"/>
        <v>6</v>
      </c>
      <c r="C8595" s="16">
        <v>8561</v>
      </c>
      <c r="D8595" cm="1">
        <f t="array" ref="D8595">IFERROR(INDEX(Jesper!AH$2:AH$366,ROUNDDOWN($C8595/24,0)+1,1)*INDEX($D$3:$AA$30,INDEX(Jesper!$R$2:$R$366,ROW(INDEX(Jesper!AH$2:AH$366,ROUNDDOWN($C8595/24,0)+1,1))-1)+IF('Standard Profiles'!$G$18=$B$10,7,0)+IF('Standard Profiles'!$G$18=$B$17,14,0)+IF('Standard Profiles'!$G$18=$B$24,21,0),MOD($C8595,24)+1)/SUM(INDEX($D$3:$AA$30,INDEX(Jesper!$R$2:$R$366,ROW(INDEX(Jesper!AH$2:AH$366,ROUNDDOWN($C8595/24,0)+1,1))-1)+IF('Standard Profiles'!$G$18=$B$10,7,0)+IF('Standard Profiles'!$G$18=$B$17,14,0)+IF('Standard Profiles'!$G$18=$B$24,21,0),0)),0)</f>
        <v>0</v>
      </c>
      <c r="E8595" cm="1">
        <f t="array" ref="E8595">IFERROR(INDEX(Jesper!AI$2:AI$366,ROUNDDOWN($C8595/24,0)+1,1)*INDEX($D$3:$AA$30,INDEX(Jesper!$R$2:$R$366,ROW(INDEX(Jesper!AI$2:AI$366,ROUNDDOWN($C8595/24,0)+1,1))-1)+IF('Standard Profiles'!$G$19=$B$10,7,0)+IF('Standard Profiles'!$G$19=$B$17,14,0)+IF('Standard Profiles'!$G$19=$B$24,21,0),MOD($C8595,24)+1)/SUM(INDEX($D$3:$AA$30,INDEX(Jesper!$R$2:$R$366,ROW(INDEX(Jesper!AI$2:AI$366,ROUNDDOWN($C8595/24,0)+1,1))-1)+IF('Standard Profiles'!$G$19=$B$10,7,0)+IF('Standard Profiles'!$G$19=$B$17,14,0)+IF('Standard Profiles'!$G$19=$B$24,21,0),0)),0)</f>
        <v>5.021837009091298</v>
      </c>
      <c r="F8595" cm="1">
        <f t="array" ref="F8595">IFERROR(INDEX(Jesper!AJ$2:AJ$366,ROUNDDOWN($C8595/24,0)+1,1)*INDEX($D$3:$AA$30,INDEX(Jesper!$R$2:$R$366,ROW(INDEX(Jesper!AJ$2:AJ$366,ROUNDDOWN($C8595/24,0)+1,1))-1)+IF('Standard Profiles'!$G$20=$B$10,7,0)+IF('Standard Profiles'!$G$20=$B$17,14,0)+IF('Standard Profiles'!$G$20=$B$24,21,0),MOD($C8595,24)+1)/SUM(INDEX($D$3:$AA$30,INDEX(Jesper!$R$2:$R$366,ROW(INDEX(Jesper!AJ$2:AJ$366,ROUNDDOWN($C8595/24,0)+1,1))-1)+IF('Standard Profiles'!$G$20=$B$10,7,0)+IF('Standard Profiles'!$G$20=$B$17,14,0)+IF('Standard Profiles'!$G$20=$B$24,21,0),0)),0)</f>
        <v>4.2436631305350234</v>
      </c>
      <c r="G8595" cm="1">
        <f t="array" ref="G8595">IFERROR(INDEX(Jesper!AK$2:AK$366,ROUNDDOWN($C8595/24,0)+1,1)*INDEX($D$3:$AA$30,INDEX(Jesper!$R$2:$R$366,ROW(INDEX(Jesper!AK$2:AK$366,ROUNDDOWN($C8595/24,0)+1,1))-1)+IF('Standard Profiles'!$G$21=$B$10,7,0)+IF('Standard Profiles'!$G$21=$B$17,14,0)+IF('Standard Profiles'!$G$21=$B$24,21,0),MOD($C8595,24)+1)/SUM(INDEX($D$3:$AA$30,INDEX(Jesper!$R$2:$R$366,ROW(INDEX(Jesper!AK$2:AK$366,ROUNDDOWN($C8595/24,0)+1,1))-1)+IF('Standard Profiles'!$G$21=$B$10,7,0)+IF('Standard Profiles'!$G$21=$B$17,14,0)+IF('Standard Profiles'!$G$21=$B$24,21,0),0)),0)</f>
        <v>6.9228904768836452</v>
      </c>
      <c r="H8595" cm="1">
        <f t="array" ref="H8595">IFERROR(INDEX(Jesper!AL$2:AL$366,ROUNDDOWN($C8595/24,0)+1,1)*INDEX($D$3:$AA$30,INDEX(Jesper!$R$2:$R$366,ROW(INDEX(Jesper!AL$2:AL$366,ROUNDDOWN($C8595/24,0)+1,1))-1)+IF('Standard Profiles'!$G$22=$B$10,7,0)+IF('Standard Profiles'!$G$22=$B$17,14,0)+IF('Standard Profiles'!$G$22=$B$24,21,0),MOD($C8595,24)+1)/SUM(INDEX($D$3:$AA$30,INDEX(Jesper!$R$2:$R$366,ROW(INDEX(Jesper!AL$2:AL$366,ROUNDDOWN($C8595/24,0)+1,1))-1)+IF('Standard Profiles'!$G$22=$B$10,7,0)+IF('Standard Profiles'!$G$22=$B$17,14,0)+IF('Standard Profiles'!$G$22=$B$24,21,0),0)),0)</f>
        <v>5.0203356935756887</v>
      </c>
      <c r="I8595">
        <f t="shared" si="951"/>
        <v>4.8195222658326635</v>
      </c>
      <c r="J8595">
        <f t="shared" si="952"/>
        <v>15.786583603162036</v>
      </c>
      <c r="K8595">
        <f t="shared" si="953"/>
        <v>0.40174696072730387</v>
      </c>
      <c r="L8595">
        <f t="shared" si="954"/>
        <v>0.20087348036365194</v>
      </c>
      <c r="M8595">
        <f t="shared" si="955"/>
        <v>0</v>
      </c>
      <c r="N8595" s="45">
        <f t="shared" si="956"/>
        <v>45283.70833331257</v>
      </c>
    </row>
    <row r="8596" spans="2:14" x14ac:dyDescent="0.25">
      <c r="B8596">
        <f t="shared" si="950"/>
        <v>6</v>
      </c>
      <c r="C8596" s="16">
        <v>8562</v>
      </c>
      <c r="D8596" cm="1">
        <f t="array" ref="D8596">IFERROR(INDEX(Jesper!AH$2:AH$366,ROUNDDOWN($C8596/24,0)+1,1)*INDEX($D$3:$AA$30,INDEX(Jesper!$R$2:$R$366,ROW(INDEX(Jesper!AH$2:AH$366,ROUNDDOWN($C8596/24,0)+1,1))-1)+IF('Standard Profiles'!$G$18=$B$10,7,0)+IF('Standard Profiles'!$G$18=$B$17,14,0)+IF('Standard Profiles'!$G$18=$B$24,21,0),MOD($C8596,24)+1)/SUM(INDEX($D$3:$AA$30,INDEX(Jesper!$R$2:$R$366,ROW(INDEX(Jesper!AH$2:AH$366,ROUNDDOWN($C8596/24,0)+1,1))-1)+IF('Standard Profiles'!$G$18=$B$10,7,0)+IF('Standard Profiles'!$G$18=$B$17,14,0)+IF('Standard Profiles'!$G$18=$B$24,21,0),0)),0)</f>
        <v>0</v>
      </c>
      <c r="E8596" cm="1">
        <f t="array" ref="E8596">IFERROR(INDEX(Jesper!AI$2:AI$366,ROUNDDOWN($C8596/24,0)+1,1)*INDEX($D$3:$AA$30,INDEX(Jesper!$R$2:$R$366,ROW(INDEX(Jesper!AI$2:AI$366,ROUNDDOWN($C8596/24,0)+1,1))-1)+IF('Standard Profiles'!$G$19=$B$10,7,0)+IF('Standard Profiles'!$G$19=$B$17,14,0)+IF('Standard Profiles'!$G$19=$B$24,21,0),MOD($C8596,24)+1)/SUM(INDEX($D$3:$AA$30,INDEX(Jesper!$R$2:$R$366,ROW(INDEX(Jesper!AI$2:AI$366,ROUNDDOWN($C8596/24,0)+1,1))-1)+IF('Standard Profiles'!$G$19=$B$10,7,0)+IF('Standard Profiles'!$G$19=$B$17,14,0)+IF('Standard Profiles'!$G$19=$B$24,21,0),0)),0)</f>
        <v>5.021837009091298</v>
      </c>
      <c r="F8596" cm="1">
        <f t="array" ref="F8596">IFERROR(INDEX(Jesper!AJ$2:AJ$366,ROUNDDOWN($C8596/24,0)+1,1)*INDEX($D$3:$AA$30,INDEX(Jesper!$R$2:$R$366,ROW(INDEX(Jesper!AJ$2:AJ$366,ROUNDDOWN($C8596/24,0)+1,1))-1)+IF('Standard Profiles'!$G$20=$B$10,7,0)+IF('Standard Profiles'!$G$20=$B$17,14,0)+IF('Standard Profiles'!$G$20=$B$24,21,0),MOD($C8596,24)+1)/SUM(INDEX($D$3:$AA$30,INDEX(Jesper!$R$2:$R$366,ROW(INDEX(Jesper!AJ$2:AJ$366,ROUNDDOWN($C8596/24,0)+1,1))-1)+IF('Standard Profiles'!$G$20=$B$10,7,0)+IF('Standard Profiles'!$G$20=$B$17,14,0)+IF('Standard Profiles'!$G$20=$B$24,21,0),0)),0)</f>
        <v>4.2436631305350234</v>
      </c>
      <c r="G8596" cm="1">
        <f t="array" ref="G8596">IFERROR(INDEX(Jesper!AK$2:AK$366,ROUNDDOWN($C8596/24,0)+1,1)*INDEX($D$3:$AA$30,INDEX(Jesper!$R$2:$R$366,ROW(INDEX(Jesper!AK$2:AK$366,ROUNDDOWN($C8596/24,0)+1,1))-1)+IF('Standard Profiles'!$G$21=$B$10,7,0)+IF('Standard Profiles'!$G$21=$B$17,14,0)+IF('Standard Profiles'!$G$21=$B$24,21,0),MOD($C8596,24)+1)/SUM(INDEX($D$3:$AA$30,INDEX(Jesper!$R$2:$R$366,ROW(INDEX(Jesper!AK$2:AK$366,ROUNDDOWN($C8596/24,0)+1,1))-1)+IF('Standard Profiles'!$G$21=$B$10,7,0)+IF('Standard Profiles'!$G$21=$B$17,14,0)+IF('Standard Profiles'!$G$21=$B$24,21,0),0)),0)</f>
        <v>6.9228904768836452</v>
      </c>
      <c r="H8596" cm="1">
        <f t="array" ref="H8596">IFERROR(INDEX(Jesper!AL$2:AL$366,ROUNDDOWN($C8596/24,0)+1,1)*INDEX($D$3:$AA$30,INDEX(Jesper!$R$2:$R$366,ROW(INDEX(Jesper!AL$2:AL$366,ROUNDDOWN($C8596/24,0)+1,1))-1)+IF('Standard Profiles'!$G$22=$B$10,7,0)+IF('Standard Profiles'!$G$22=$B$17,14,0)+IF('Standard Profiles'!$G$22=$B$24,21,0),MOD($C8596,24)+1)/SUM(INDEX($D$3:$AA$30,INDEX(Jesper!$R$2:$R$366,ROW(INDEX(Jesper!AL$2:AL$366,ROUNDDOWN($C8596/24,0)+1,1))-1)+IF('Standard Profiles'!$G$22=$B$10,7,0)+IF('Standard Profiles'!$G$22=$B$17,14,0)+IF('Standard Profiles'!$G$22=$B$24,21,0),0)),0)</f>
        <v>4.8343973345543665</v>
      </c>
      <c r="I8596">
        <f t="shared" si="951"/>
        <v>4.6410214411721942</v>
      </c>
      <c r="J8596">
        <f t="shared" si="952"/>
        <v>15.779146068801182</v>
      </c>
      <c r="K8596">
        <f t="shared" si="953"/>
        <v>0.40174696072730387</v>
      </c>
      <c r="L8596">
        <f t="shared" si="954"/>
        <v>0.20087348036365194</v>
      </c>
      <c r="M8596">
        <f t="shared" si="955"/>
        <v>0</v>
      </c>
      <c r="N8596" s="45">
        <f t="shared" si="956"/>
        <v>45283.749999979234</v>
      </c>
    </row>
    <row r="8597" spans="2:14" x14ac:dyDescent="0.25">
      <c r="B8597">
        <f t="shared" si="950"/>
        <v>6</v>
      </c>
      <c r="C8597" s="16">
        <v>8563</v>
      </c>
      <c r="D8597" cm="1">
        <f t="array" ref="D8597">IFERROR(INDEX(Jesper!AH$2:AH$366,ROUNDDOWN($C8597/24,0)+1,1)*INDEX($D$3:$AA$30,INDEX(Jesper!$R$2:$R$366,ROW(INDEX(Jesper!AH$2:AH$366,ROUNDDOWN($C8597/24,0)+1,1))-1)+IF('Standard Profiles'!$G$18=$B$10,7,0)+IF('Standard Profiles'!$G$18=$B$17,14,0)+IF('Standard Profiles'!$G$18=$B$24,21,0),MOD($C8597,24)+1)/SUM(INDEX($D$3:$AA$30,INDEX(Jesper!$R$2:$R$366,ROW(INDEX(Jesper!AH$2:AH$366,ROUNDDOWN($C8597/24,0)+1,1))-1)+IF('Standard Profiles'!$G$18=$B$10,7,0)+IF('Standard Profiles'!$G$18=$B$17,14,0)+IF('Standard Profiles'!$G$18=$B$24,21,0),0)),0)</f>
        <v>0</v>
      </c>
      <c r="E8597" cm="1">
        <f t="array" ref="E8597">IFERROR(INDEX(Jesper!AI$2:AI$366,ROUNDDOWN($C8597/24,0)+1,1)*INDEX($D$3:$AA$30,INDEX(Jesper!$R$2:$R$366,ROW(INDEX(Jesper!AI$2:AI$366,ROUNDDOWN($C8597/24,0)+1,1))-1)+IF('Standard Profiles'!$G$19=$B$10,7,0)+IF('Standard Profiles'!$G$19=$B$17,14,0)+IF('Standard Profiles'!$G$19=$B$24,21,0),MOD($C8597,24)+1)/SUM(INDEX($D$3:$AA$30,INDEX(Jesper!$R$2:$R$366,ROW(INDEX(Jesper!AI$2:AI$366,ROUNDDOWN($C8597/24,0)+1,1))-1)+IF('Standard Profiles'!$G$19=$B$10,7,0)+IF('Standard Profiles'!$G$19=$B$17,14,0)+IF('Standard Profiles'!$G$19=$B$24,21,0),0)),0)</f>
        <v>5.021837009091298</v>
      </c>
      <c r="F8597" cm="1">
        <f t="array" ref="F8597">IFERROR(INDEX(Jesper!AJ$2:AJ$366,ROUNDDOWN($C8597/24,0)+1,1)*INDEX($D$3:$AA$30,INDEX(Jesper!$R$2:$R$366,ROW(INDEX(Jesper!AJ$2:AJ$366,ROUNDDOWN($C8597/24,0)+1,1))-1)+IF('Standard Profiles'!$G$20=$B$10,7,0)+IF('Standard Profiles'!$G$20=$B$17,14,0)+IF('Standard Profiles'!$G$20=$B$24,21,0),MOD($C8597,24)+1)/SUM(INDEX($D$3:$AA$30,INDEX(Jesper!$R$2:$R$366,ROW(INDEX(Jesper!AJ$2:AJ$366,ROUNDDOWN($C8597/24,0)+1,1))-1)+IF('Standard Profiles'!$G$20=$B$10,7,0)+IF('Standard Profiles'!$G$20=$B$17,14,0)+IF('Standard Profiles'!$G$20=$B$24,21,0),0)),0)</f>
        <v>4.2436631305350234</v>
      </c>
      <c r="G8597" cm="1">
        <f t="array" ref="G8597">IFERROR(INDEX(Jesper!AK$2:AK$366,ROUNDDOWN($C8597/24,0)+1,1)*INDEX($D$3:$AA$30,INDEX(Jesper!$R$2:$R$366,ROW(INDEX(Jesper!AK$2:AK$366,ROUNDDOWN($C8597/24,0)+1,1))-1)+IF('Standard Profiles'!$G$21=$B$10,7,0)+IF('Standard Profiles'!$G$21=$B$17,14,0)+IF('Standard Profiles'!$G$21=$B$24,21,0),MOD($C8597,24)+1)/SUM(INDEX($D$3:$AA$30,INDEX(Jesper!$R$2:$R$366,ROW(INDEX(Jesper!AK$2:AK$366,ROUNDDOWN($C8597/24,0)+1,1))-1)+IF('Standard Profiles'!$G$21=$B$10,7,0)+IF('Standard Profiles'!$G$21=$B$17,14,0)+IF('Standard Profiles'!$G$21=$B$24,21,0),0)),0)</f>
        <v>6.9228904768836452</v>
      </c>
      <c r="H8597" cm="1">
        <f t="array" ref="H8597">IFERROR(INDEX(Jesper!AL$2:AL$366,ROUNDDOWN($C8597/24,0)+1,1)*INDEX($D$3:$AA$30,INDEX(Jesper!$R$2:$R$366,ROW(INDEX(Jesper!AL$2:AL$366,ROUNDDOWN($C8597/24,0)+1,1))-1)+IF('Standard Profiles'!$G$22=$B$10,7,0)+IF('Standard Profiles'!$G$22=$B$17,14,0)+IF('Standard Profiles'!$G$22=$B$24,21,0),MOD($C8597,24)+1)/SUM(INDEX($D$3:$AA$30,INDEX(Jesper!$R$2:$R$366,ROW(INDEX(Jesper!AL$2:AL$366,ROUNDDOWN($C8597/24,0)+1,1))-1)+IF('Standard Profiles'!$G$22=$B$10,7,0)+IF('Standard Profiles'!$G$22=$B$17,14,0)+IF('Standard Profiles'!$G$22=$B$24,21,0),0)),0)</f>
        <v>3.904705539447757</v>
      </c>
      <c r="I8597">
        <f t="shared" si="951"/>
        <v>3.7485173178698488</v>
      </c>
      <c r="J8597">
        <f t="shared" si="952"/>
        <v>15.741958396996919</v>
      </c>
      <c r="K8597">
        <f t="shared" si="953"/>
        <v>0.40174696072730387</v>
      </c>
      <c r="L8597">
        <f t="shared" si="954"/>
        <v>0.20087348036365194</v>
      </c>
      <c r="M8597">
        <f t="shared" si="955"/>
        <v>0</v>
      </c>
      <c r="N8597" s="45">
        <f t="shared" si="956"/>
        <v>45283.791666645899</v>
      </c>
    </row>
    <row r="8598" spans="2:14" x14ac:dyDescent="0.25">
      <c r="B8598">
        <f t="shared" si="950"/>
        <v>6</v>
      </c>
      <c r="C8598" s="16">
        <v>8564</v>
      </c>
      <c r="D8598" cm="1">
        <f t="array" ref="D8598">IFERROR(INDEX(Jesper!AH$2:AH$366,ROUNDDOWN($C8598/24,0)+1,1)*INDEX($D$3:$AA$30,INDEX(Jesper!$R$2:$R$366,ROW(INDEX(Jesper!AH$2:AH$366,ROUNDDOWN($C8598/24,0)+1,1))-1)+IF('Standard Profiles'!$G$18=$B$10,7,0)+IF('Standard Profiles'!$G$18=$B$17,14,0)+IF('Standard Profiles'!$G$18=$B$24,21,0),MOD($C8598,24)+1)/SUM(INDEX($D$3:$AA$30,INDEX(Jesper!$R$2:$R$366,ROW(INDEX(Jesper!AH$2:AH$366,ROUNDDOWN($C8598/24,0)+1,1))-1)+IF('Standard Profiles'!$G$18=$B$10,7,0)+IF('Standard Profiles'!$G$18=$B$17,14,0)+IF('Standard Profiles'!$G$18=$B$24,21,0),0)),0)</f>
        <v>0</v>
      </c>
      <c r="E8598" cm="1">
        <f t="array" ref="E8598">IFERROR(INDEX(Jesper!AI$2:AI$366,ROUNDDOWN($C8598/24,0)+1,1)*INDEX($D$3:$AA$30,INDEX(Jesper!$R$2:$R$366,ROW(INDEX(Jesper!AI$2:AI$366,ROUNDDOWN($C8598/24,0)+1,1))-1)+IF('Standard Profiles'!$G$19=$B$10,7,0)+IF('Standard Profiles'!$G$19=$B$17,14,0)+IF('Standard Profiles'!$G$19=$B$24,21,0),MOD($C8598,24)+1)/SUM(INDEX($D$3:$AA$30,INDEX(Jesper!$R$2:$R$366,ROW(INDEX(Jesper!AI$2:AI$366,ROUNDDOWN($C8598/24,0)+1,1))-1)+IF('Standard Profiles'!$G$19=$B$10,7,0)+IF('Standard Profiles'!$G$19=$B$17,14,0)+IF('Standard Profiles'!$G$19=$B$24,21,0),0)),0)</f>
        <v>5.021837009091298</v>
      </c>
      <c r="F8598" cm="1">
        <f t="array" ref="F8598">IFERROR(INDEX(Jesper!AJ$2:AJ$366,ROUNDDOWN($C8598/24,0)+1,1)*INDEX($D$3:$AA$30,INDEX(Jesper!$R$2:$R$366,ROW(INDEX(Jesper!AJ$2:AJ$366,ROUNDDOWN($C8598/24,0)+1,1))-1)+IF('Standard Profiles'!$G$20=$B$10,7,0)+IF('Standard Profiles'!$G$20=$B$17,14,0)+IF('Standard Profiles'!$G$20=$B$24,21,0),MOD($C8598,24)+1)/SUM(INDEX($D$3:$AA$30,INDEX(Jesper!$R$2:$R$366,ROW(INDEX(Jesper!AJ$2:AJ$366,ROUNDDOWN($C8598/24,0)+1,1))-1)+IF('Standard Profiles'!$G$20=$B$10,7,0)+IF('Standard Profiles'!$G$20=$B$17,14,0)+IF('Standard Profiles'!$G$20=$B$24,21,0),0)),0)</f>
        <v>4.2436631305350234</v>
      </c>
      <c r="G8598" cm="1">
        <f t="array" ref="G8598">IFERROR(INDEX(Jesper!AK$2:AK$366,ROUNDDOWN($C8598/24,0)+1,1)*INDEX($D$3:$AA$30,INDEX(Jesper!$R$2:$R$366,ROW(INDEX(Jesper!AK$2:AK$366,ROUNDDOWN($C8598/24,0)+1,1))-1)+IF('Standard Profiles'!$G$21=$B$10,7,0)+IF('Standard Profiles'!$G$21=$B$17,14,0)+IF('Standard Profiles'!$G$21=$B$24,21,0),MOD($C8598,24)+1)/SUM(INDEX($D$3:$AA$30,INDEX(Jesper!$R$2:$R$366,ROW(INDEX(Jesper!AK$2:AK$366,ROUNDDOWN($C8598/24,0)+1,1))-1)+IF('Standard Profiles'!$G$21=$B$10,7,0)+IF('Standard Profiles'!$G$21=$B$17,14,0)+IF('Standard Profiles'!$G$21=$B$24,21,0),0)),0)</f>
        <v>6.9228904768836452</v>
      </c>
      <c r="H8598" cm="1">
        <f t="array" ref="H8598">IFERROR(INDEX(Jesper!AL$2:AL$366,ROUNDDOWN($C8598/24,0)+1,1)*INDEX($D$3:$AA$30,INDEX(Jesper!$R$2:$R$366,ROW(INDEX(Jesper!AL$2:AL$366,ROUNDDOWN($C8598/24,0)+1,1))-1)+IF('Standard Profiles'!$G$22=$B$10,7,0)+IF('Standard Profiles'!$G$22=$B$17,14,0)+IF('Standard Profiles'!$G$22=$B$24,21,0),MOD($C8598,24)+1)/SUM(INDEX($D$3:$AA$30,INDEX(Jesper!$R$2:$R$366,ROW(INDEX(Jesper!AL$2:AL$366,ROUNDDOWN($C8598/24,0)+1,1))-1)+IF('Standard Profiles'!$G$22=$B$10,7,0)+IF('Standard Profiles'!$G$22=$B$17,14,0)+IF('Standard Profiles'!$G$22=$B$24,21,0),0)),0)</f>
        <v>2.8820445648304878</v>
      </c>
      <c r="I8598">
        <f t="shared" si="951"/>
        <v>2.7667627822372696</v>
      </c>
      <c r="J8598">
        <f t="shared" si="952"/>
        <v>15.701051958012229</v>
      </c>
      <c r="K8598">
        <f t="shared" si="953"/>
        <v>0.40174696072730387</v>
      </c>
      <c r="L8598">
        <f t="shared" si="954"/>
        <v>0.20087348036365194</v>
      </c>
      <c r="M8598">
        <f t="shared" si="955"/>
        <v>0</v>
      </c>
      <c r="N8598" s="45">
        <f t="shared" si="956"/>
        <v>45283.833333312563</v>
      </c>
    </row>
    <row r="8599" spans="2:14" x14ac:dyDescent="0.25">
      <c r="B8599">
        <f t="shared" si="950"/>
        <v>6</v>
      </c>
      <c r="C8599" s="16">
        <v>8565</v>
      </c>
      <c r="D8599" cm="1">
        <f t="array" ref="D8599">IFERROR(INDEX(Jesper!AH$2:AH$366,ROUNDDOWN($C8599/24,0)+1,1)*INDEX($D$3:$AA$30,INDEX(Jesper!$R$2:$R$366,ROW(INDEX(Jesper!AH$2:AH$366,ROUNDDOWN($C8599/24,0)+1,1))-1)+IF('Standard Profiles'!$G$18=$B$10,7,0)+IF('Standard Profiles'!$G$18=$B$17,14,0)+IF('Standard Profiles'!$G$18=$B$24,21,0),MOD($C8599,24)+1)/SUM(INDEX($D$3:$AA$30,INDEX(Jesper!$R$2:$R$366,ROW(INDEX(Jesper!AH$2:AH$366,ROUNDDOWN($C8599/24,0)+1,1))-1)+IF('Standard Profiles'!$G$18=$B$10,7,0)+IF('Standard Profiles'!$G$18=$B$17,14,0)+IF('Standard Profiles'!$G$18=$B$24,21,0),0)),0)</f>
        <v>0</v>
      </c>
      <c r="E8599" cm="1">
        <f t="array" ref="E8599">IFERROR(INDEX(Jesper!AI$2:AI$366,ROUNDDOWN($C8599/24,0)+1,1)*INDEX($D$3:$AA$30,INDEX(Jesper!$R$2:$R$366,ROW(INDEX(Jesper!AI$2:AI$366,ROUNDDOWN($C8599/24,0)+1,1))-1)+IF('Standard Profiles'!$G$19=$B$10,7,0)+IF('Standard Profiles'!$G$19=$B$17,14,0)+IF('Standard Profiles'!$G$19=$B$24,21,0),MOD($C8599,24)+1)/SUM(INDEX($D$3:$AA$30,INDEX(Jesper!$R$2:$R$366,ROW(INDEX(Jesper!AI$2:AI$366,ROUNDDOWN($C8599/24,0)+1,1))-1)+IF('Standard Profiles'!$G$19=$B$10,7,0)+IF('Standard Profiles'!$G$19=$B$17,14,0)+IF('Standard Profiles'!$G$19=$B$24,21,0),0)),0)</f>
        <v>5.021837009091298</v>
      </c>
      <c r="F8599" cm="1">
        <f t="array" ref="F8599">IFERROR(INDEX(Jesper!AJ$2:AJ$366,ROUNDDOWN($C8599/24,0)+1,1)*INDEX($D$3:$AA$30,INDEX(Jesper!$R$2:$R$366,ROW(INDEX(Jesper!AJ$2:AJ$366,ROUNDDOWN($C8599/24,0)+1,1))-1)+IF('Standard Profiles'!$G$20=$B$10,7,0)+IF('Standard Profiles'!$G$20=$B$17,14,0)+IF('Standard Profiles'!$G$20=$B$24,21,0),MOD($C8599,24)+1)/SUM(INDEX($D$3:$AA$30,INDEX(Jesper!$R$2:$R$366,ROW(INDEX(Jesper!AJ$2:AJ$366,ROUNDDOWN($C8599/24,0)+1,1))-1)+IF('Standard Profiles'!$G$20=$B$10,7,0)+IF('Standard Profiles'!$G$20=$B$17,14,0)+IF('Standard Profiles'!$G$20=$B$24,21,0),0)),0)</f>
        <v>4.2436631305350234</v>
      </c>
      <c r="G8599" cm="1">
        <f t="array" ref="G8599">IFERROR(INDEX(Jesper!AK$2:AK$366,ROUNDDOWN($C8599/24,0)+1,1)*INDEX($D$3:$AA$30,INDEX(Jesper!$R$2:$R$366,ROW(INDEX(Jesper!AK$2:AK$366,ROUNDDOWN($C8599/24,0)+1,1))-1)+IF('Standard Profiles'!$G$21=$B$10,7,0)+IF('Standard Profiles'!$G$21=$B$17,14,0)+IF('Standard Profiles'!$G$21=$B$24,21,0),MOD($C8599,24)+1)/SUM(INDEX($D$3:$AA$30,INDEX(Jesper!$R$2:$R$366,ROW(INDEX(Jesper!AK$2:AK$366,ROUNDDOWN($C8599/24,0)+1,1))-1)+IF('Standard Profiles'!$G$21=$B$10,7,0)+IF('Standard Profiles'!$G$21=$B$17,14,0)+IF('Standard Profiles'!$G$21=$B$24,21,0),0)),0)</f>
        <v>6.9228904768836452</v>
      </c>
      <c r="H8599" cm="1">
        <f t="array" ref="H8599">IFERROR(INDEX(Jesper!AL$2:AL$366,ROUNDDOWN($C8599/24,0)+1,1)*INDEX($D$3:$AA$30,INDEX(Jesper!$R$2:$R$366,ROW(INDEX(Jesper!AL$2:AL$366,ROUNDDOWN($C8599/24,0)+1,1))-1)+IF('Standard Profiles'!$G$22=$B$10,7,0)+IF('Standard Profiles'!$G$22=$B$17,14,0)+IF('Standard Profiles'!$G$22=$B$24,21,0),MOD($C8599,24)+1)/SUM(INDEX($D$3:$AA$30,INDEX(Jesper!$R$2:$R$366,ROW(INDEX(Jesper!AL$2:AL$366,ROUNDDOWN($C8599/24,0)+1,1))-1)+IF('Standard Profiles'!$G$22=$B$10,7,0)+IF('Standard Profiles'!$G$22=$B$17,14,0)+IF('Standard Profiles'!$G$22=$B$24,21,0),0)),0)</f>
        <v>2.8820445648304878</v>
      </c>
      <c r="I8599">
        <f t="shared" si="951"/>
        <v>2.7667627822372696</v>
      </c>
      <c r="J8599">
        <f t="shared" si="952"/>
        <v>15.701051958012229</v>
      </c>
      <c r="K8599">
        <f t="shared" si="953"/>
        <v>0.40174696072730387</v>
      </c>
      <c r="L8599">
        <f t="shared" si="954"/>
        <v>0.20087348036365194</v>
      </c>
      <c r="M8599">
        <f t="shared" si="955"/>
        <v>0</v>
      </c>
      <c r="N8599" s="45">
        <f t="shared" si="956"/>
        <v>45283.874999979227</v>
      </c>
    </row>
    <row r="8600" spans="2:14" x14ac:dyDescent="0.25">
      <c r="B8600">
        <f t="shared" si="950"/>
        <v>6</v>
      </c>
      <c r="C8600" s="16">
        <v>8566</v>
      </c>
      <c r="D8600" cm="1">
        <f t="array" ref="D8600">IFERROR(INDEX(Jesper!AH$2:AH$366,ROUNDDOWN($C8600/24,0)+1,1)*INDEX($D$3:$AA$30,INDEX(Jesper!$R$2:$R$366,ROW(INDEX(Jesper!AH$2:AH$366,ROUNDDOWN($C8600/24,0)+1,1))-1)+IF('Standard Profiles'!$G$18=$B$10,7,0)+IF('Standard Profiles'!$G$18=$B$17,14,0)+IF('Standard Profiles'!$G$18=$B$24,21,0),MOD($C8600,24)+1)/SUM(INDEX($D$3:$AA$30,INDEX(Jesper!$R$2:$R$366,ROW(INDEX(Jesper!AH$2:AH$366,ROUNDDOWN($C8600/24,0)+1,1))-1)+IF('Standard Profiles'!$G$18=$B$10,7,0)+IF('Standard Profiles'!$G$18=$B$17,14,0)+IF('Standard Profiles'!$G$18=$B$24,21,0),0)),0)</f>
        <v>0</v>
      </c>
      <c r="E8600" cm="1">
        <f t="array" ref="E8600">IFERROR(INDEX(Jesper!AI$2:AI$366,ROUNDDOWN($C8600/24,0)+1,1)*INDEX($D$3:$AA$30,INDEX(Jesper!$R$2:$R$366,ROW(INDEX(Jesper!AI$2:AI$366,ROUNDDOWN($C8600/24,0)+1,1))-1)+IF('Standard Profiles'!$G$19=$B$10,7,0)+IF('Standard Profiles'!$G$19=$B$17,14,0)+IF('Standard Profiles'!$G$19=$B$24,21,0),MOD($C8600,24)+1)/SUM(INDEX($D$3:$AA$30,INDEX(Jesper!$R$2:$R$366,ROW(INDEX(Jesper!AI$2:AI$366,ROUNDDOWN($C8600/24,0)+1,1))-1)+IF('Standard Profiles'!$G$19=$B$10,7,0)+IF('Standard Profiles'!$G$19=$B$17,14,0)+IF('Standard Profiles'!$G$19=$B$24,21,0),0)),0)</f>
        <v>5.021837009091298</v>
      </c>
      <c r="F8600" cm="1">
        <f t="array" ref="F8600">IFERROR(INDEX(Jesper!AJ$2:AJ$366,ROUNDDOWN($C8600/24,0)+1,1)*INDEX($D$3:$AA$30,INDEX(Jesper!$R$2:$R$366,ROW(INDEX(Jesper!AJ$2:AJ$366,ROUNDDOWN($C8600/24,0)+1,1))-1)+IF('Standard Profiles'!$G$20=$B$10,7,0)+IF('Standard Profiles'!$G$20=$B$17,14,0)+IF('Standard Profiles'!$G$20=$B$24,21,0),MOD($C8600,24)+1)/SUM(INDEX($D$3:$AA$30,INDEX(Jesper!$R$2:$R$366,ROW(INDEX(Jesper!AJ$2:AJ$366,ROUNDDOWN($C8600/24,0)+1,1))-1)+IF('Standard Profiles'!$G$20=$B$10,7,0)+IF('Standard Profiles'!$G$20=$B$17,14,0)+IF('Standard Profiles'!$G$20=$B$24,21,0),0)),0)</f>
        <v>4.2436631305350234</v>
      </c>
      <c r="G8600" cm="1">
        <f t="array" ref="G8600">IFERROR(INDEX(Jesper!AK$2:AK$366,ROUNDDOWN($C8600/24,0)+1,1)*INDEX($D$3:$AA$30,INDEX(Jesper!$R$2:$R$366,ROW(INDEX(Jesper!AK$2:AK$366,ROUNDDOWN($C8600/24,0)+1,1))-1)+IF('Standard Profiles'!$G$21=$B$10,7,0)+IF('Standard Profiles'!$G$21=$B$17,14,0)+IF('Standard Profiles'!$G$21=$B$24,21,0),MOD($C8600,24)+1)/SUM(INDEX($D$3:$AA$30,INDEX(Jesper!$R$2:$R$366,ROW(INDEX(Jesper!AK$2:AK$366,ROUNDDOWN($C8600/24,0)+1,1))-1)+IF('Standard Profiles'!$G$21=$B$10,7,0)+IF('Standard Profiles'!$G$21=$B$17,14,0)+IF('Standard Profiles'!$G$21=$B$24,21,0),0)),0)</f>
        <v>6.9228904768836452</v>
      </c>
      <c r="H8600" cm="1">
        <f t="array" ref="H8600">IFERROR(INDEX(Jesper!AL$2:AL$366,ROUNDDOWN($C8600/24,0)+1,1)*INDEX($D$3:$AA$30,INDEX(Jesper!$R$2:$R$366,ROW(INDEX(Jesper!AL$2:AL$366,ROUNDDOWN($C8600/24,0)+1,1))-1)+IF('Standard Profiles'!$G$22=$B$10,7,0)+IF('Standard Profiles'!$G$22=$B$17,14,0)+IF('Standard Profiles'!$G$22=$B$24,21,0),MOD($C8600,24)+1)/SUM(INDEX($D$3:$AA$30,INDEX(Jesper!$R$2:$R$366,ROW(INDEX(Jesper!AL$2:AL$366,ROUNDDOWN($C8600/24,0)+1,1))-1)+IF('Standard Profiles'!$G$22=$B$10,7,0)+IF('Standard Profiles'!$G$22=$B$17,14,0)+IF('Standard Profiles'!$G$22=$B$24,21,0),0)),0)</f>
        <v>2.8820445648304878</v>
      </c>
      <c r="I8600">
        <f t="shared" si="951"/>
        <v>2.7667627822372696</v>
      </c>
      <c r="J8600">
        <f t="shared" si="952"/>
        <v>15.701051958012229</v>
      </c>
      <c r="K8600">
        <f t="shared" si="953"/>
        <v>0.40174696072730387</v>
      </c>
      <c r="L8600">
        <f t="shared" si="954"/>
        <v>0.20087348036365194</v>
      </c>
      <c r="M8600">
        <f t="shared" si="955"/>
        <v>0</v>
      </c>
      <c r="N8600" s="45">
        <f t="shared" si="956"/>
        <v>45283.916666645891</v>
      </c>
    </row>
    <row r="8601" spans="2:14" x14ac:dyDescent="0.25">
      <c r="B8601">
        <f t="shared" si="950"/>
        <v>6</v>
      </c>
      <c r="C8601" s="16">
        <v>8567</v>
      </c>
      <c r="D8601" cm="1">
        <f t="array" ref="D8601">IFERROR(INDEX(Jesper!AH$2:AH$366,ROUNDDOWN($C8601/24,0)+1,1)*INDEX($D$3:$AA$30,INDEX(Jesper!$R$2:$R$366,ROW(INDEX(Jesper!AH$2:AH$366,ROUNDDOWN($C8601/24,0)+1,1))-1)+IF('Standard Profiles'!$G$18=$B$10,7,0)+IF('Standard Profiles'!$G$18=$B$17,14,0)+IF('Standard Profiles'!$G$18=$B$24,21,0),MOD($C8601,24)+1)/SUM(INDEX($D$3:$AA$30,INDEX(Jesper!$R$2:$R$366,ROW(INDEX(Jesper!AH$2:AH$366,ROUNDDOWN($C8601/24,0)+1,1))-1)+IF('Standard Profiles'!$G$18=$B$10,7,0)+IF('Standard Profiles'!$G$18=$B$17,14,0)+IF('Standard Profiles'!$G$18=$B$24,21,0),0)),0)</f>
        <v>0</v>
      </c>
      <c r="E8601" cm="1">
        <f t="array" ref="E8601">IFERROR(INDEX(Jesper!AI$2:AI$366,ROUNDDOWN($C8601/24,0)+1,1)*INDEX($D$3:$AA$30,INDEX(Jesper!$R$2:$R$366,ROW(INDEX(Jesper!AI$2:AI$366,ROUNDDOWN($C8601/24,0)+1,1))-1)+IF('Standard Profiles'!$G$19=$B$10,7,0)+IF('Standard Profiles'!$G$19=$B$17,14,0)+IF('Standard Profiles'!$G$19=$B$24,21,0),MOD($C8601,24)+1)/SUM(INDEX($D$3:$AA$30,INDEX(Jesper!$R$2:$R$366,ROW(INDEX(Jesper!AI$2:AI$366,ROUNDDOWN($C8601/24,0)+1,1))-1)+IF('Standard Profiles'!$G$19=$B$10,7,0)+IF('Standard Profiles'!$G$19=$B$17,14,0)+IF('Standard Profiles'!$G$19=$B$24,21,0),0)),0)</f>
        <v>5.021837009091298</v>
      </c>
      <c r="F8601" cm="1">
        <f t="array" ref="F8601">IFERROR(INDEX(Jesper!AJ$2:AJ$366,ROUNDDOWN($C8601/24,0)+1,1)*INDEX($D$3:$AA$30,INDEX(Jesper!$R$2:$R$366,ROW(INDEX(Jesper!AJ$2:AJ$366,ROUNDDOWN($C8601/24,0)+1,1))-1)+IF('Standard Profiles'!$G$20=$B$10,7,0)+IF('Standard Profiles'!$G$20=$B$17,14,0)+IF('Standard Profiles'!$G$20=$B$24,21,0),MOD($C8601,24)+1)/SUM(INDEX($D$3:$AA$30,INDEX(Jesper!$R$2:$R$366,ROW(INDEX(Jesper!AJ$2:AJ$366,ROUNDDOWN($C8601/24,0)+1,1))-1)+IF('Standard Profiles'!$G$20=$B$10,7,0)+IF('Standard Profiles'!$G$20=$B$17,14,0)+IF('Standard Profiles'!$G$20=$B$24,21,0),0)),0)</f>
        <v>4.2436631305350234</v>
      </c>
      <c r="G8601" cm="1">
        <f t="array" ref="G8601">IFERROR(INDEX(Jesper!AK$2:AK$366,ROUNDDOWN($C8601/24,0)+1,1)*INDEX($D$3:$AA$30,INDEX(Jesper!$R$2:$R$366,ROW(INDEX(Jesper!AK$2:AK$366,ROUNDDOWN($C8601/24,0)+1,1))-1)+IF('Standard Profiles'!$G$21=$B$10,7,0)+IF('Standard Profiles'!$G$21=$B$17,14,0)+IF('Standard Profiles'!$G$21=$B$24,21,0),MOD($C8601,24)+1)/SUM(INDEX($D$3:$AA$30,INDEX(Jesper!$R$2:$R$366,ROW(INDEX(Jesper!AK$2:AK$366,ROUNDDOWN($C8601/24,0)+1,1))-1)+IF('Standard Profiles'!$G$21=$B$10,7,0)+IF('Standard Profiles'!$G$21=$B$17,14,0)+IF('Standard Profiles'!$G$21=$B$24,21,0),0)),0)</f>
        <v>6.9228904768836452</v>
      </c>
      <c r="H8601" cm="1">
        <f t="array" ref="H8601">IFERROR(INDEX(Jesper!AL$2:AL$366,ROUNDDOWN($C8601/24,0)+1,1)*INDEX($D$3:$AA$30,INDEX(Jesper!$R$2:$R$366,ROW(INDEX(Jesper!AL$2:AL$366,ROUNDDOWN($C8601/24,0)+1,1))-1)+IF('Standard Profiles'!$G$22=$B$10,7,0)+IF('Standard Profiles'!$G$22=$B$17,14,0)+IF('Standard Profiles'!$G$22=$B$24,21,0),MOD($C8601,24)+1)/SUM(INDEX($D$3:$AA$30,INDEX(Jesper!$R$2:$R$366,ROW(INDEX(Jesper!AL$2:AL$366,ROUNDDOWN($C8601/24,0)+1,1))-1)+IF('Standard Profiles'!$G$22=$B$10,7,0)+IF('Standard Profiles'!$G$22=$B$17,14,0)+IF('Standard Profiles'!$G$22=$B$24,21,0),0)),0)</f>
        <v>2.8820445648304878</v>
      </c>
      <c r="I8601">
        <f t="shared" si="951"/>
        <v>2.7667627822372696</v>
      </c>
      <c r="J8601">
        <f t="shared" si="952"/>
        <v>15.701051958012229</v>
      </c>
      <c r="K8601">
        <f t="shared" si="953"/>
        <v>0.40174696072730387</v>
      </c>
      <c r="L8601">
        <f t="shared" si="954"/>
        <v>0.20087348036365194</v>
      </c>
      <c r="M8601">
        <f t="shared" si="955"/>
        <v>0</v>
      </c>
      <c r="N8601" s="45">
        <f t="shared" si="956"/>
        <v>45283.958333312556</v>
      </c>
    </row>
    <row r="8602" spans="2:14" x14ac:dyDescent="0.25">
      <c r="B8602">
        <f t="shared" si="950"/>
        <v>7</v>
      </c>
      <c r="C8602" s="16">
        <v>8568</v>
      </c>
      <c r="D8602" cm="1">
        <f t="array" ref="D8602">IFERROR(INDEX(Jesper!AH$2:AH$366,ROUNDDOWN($C8602/24,0)+1,1)*INDEX($D$3:$AA$30,INDEX(Jesper!$R$2:$R$366,ROW(INDEX(Jesper!AH$2:AH$366,ROUNDDOWN($C8602/24,0)+1,1))-1)+IF('Standard Profiles'!$G$18=$B$10,7,0)+IF('Standard Profiles'!$G$18=$B$17,14,0)+IF('Standard Profiles'!$G$18=$B$24,21,0),MOD($C8602,24)+1)/SUM(INDEX($D$3:$AA$30,INDEX(Jesper!$R$2:$R$366,ROW(INDEX(Jesper!AH$2:AH$366,ROUNDDOWN($C8602/24,0)+1,1))-1)+IF('Standard Profiles'!$G$18=$B$10,7,0)+IF('Standard Profiles'!$G$18=$B$17,14,0)+IF('Standard Profiles'!$G$18=$B$24,21,0),0)),0)</f>
        <v>0</v>
      </c>
      <c r="E8602" cm="1">
        <f t="array" ref="E8602">IFERROR(INDEX(Jesper!AI$2:AI$366,ROUNDDOWN($C8602/24,0)+1,1)*INDEX($D$3:$AA$30,INDEX(Jesper!$R$2:$R$366,ROW(INDEX(Jesper!AI$2:AI$366,ROUNDDOWN($C8602/24,0)+1,1))-1)+IF('Standard Profiles'!$G$19=$B$10,7,0)+IF('Standard Profiles'!$G$19=$B$17,14,0)+IF('Standard Profiles'!$G$19=$B$24,21,0),MOD($C8602,24)+1)/SUM(INDEX($D$3:$AA$30,INDEX(Jesper!$R$2:$R$366,ROW(INDEX(Jesper!AI$2:AI$366,ROUNDDOWN($C8602/24,0)+1,1))-1)+IF('Standard Profiles'!$G$19=$B$10,7,0)+IF('Standard Profiles'!$G$19=$B$17,14,0)+IF('Standard Profiles'!$G$19=$B$24,21,0),0)),0)</f>
        <v>4.5710496115411008</v>
      </c>
      <c r="F8602" cm="1">
        <f t="array" ref="F8602">IFERROR(INDEX(Jesper!AJ$2:AJ$366,ROUNDDOWN($C8602/24,0)+1,1)*INDEX($D$3:$AA$30,INDEX(Jesper!$R$2:$R$366,ROW(INDEX(Jesper!AJ$2:AJ$366,ROUNDDOWN($C8602/24,0)+1,1))-1)+IF('Standard Profiles'!$G$20=$B$10,7,0)+IF('Standard Profiles'!$G$20=$B$17,14,0)+IF('Standard Profiles'!$G$20=$B$24,21,0),MOD($C8602,24)+1)/SUM(INDEX($D$3:$AA$30,INDEX(Jesper!$R$2:$R$366,ROW(INDEX(Jesper!AJ$2:AJ$366,ROUNDDOWN($C8602/24,0)+1,1))-1)+IF('Standard Profiles'!$G$20=$B$10,7,0)+IF('Standard Profiles'!$G$20=$B$17,14,0)+IF('Standard Profiles'!$G$20=$B$24,21,0),0)),0)</f>
        <v>3.6708686966110213</v>
      </c>
      <c r="G8602" cm="1">
        <f t="array" ref="G8602">IFERROR(INDEX(Jesper!AK$2:AK$366,ROUNDDOWN($C8602/24,0)+1,1)*INDEX($D$3:$AA$30,INDEX(Jesper!$R$2:$R$366,ROW(INDEX(Jesper!AK$2:AK$366,ROUNDDOWN($C8602/24,0)+1,1))-1)+IF('Standard Profiles'!$G$21=$B$10,7,0)+IF('Standard Profiles'!$G$21=$B$17,14,0)+IF('Standard Profiles'!$G$21=$B$24,21,0),MOD($C8602,24)+1)/SUM(INDEX($D$3:$AA$30,INDEX(Jesper!$R$2:$R$366,ROW(INDEX(Jesper!AK$2:AK$366,ROUNDDOWN($C8602/24,0)+1,1))-1)+IF('Standard Profiles'!$G$21=$B$10,7,0)+IF('Standard Profiles'!$G$21=$B$17,14,0)+IF('Standard Profiles'!$G$21=$B$24,21,0),0)),0)</f>
        <v>5.573306682046689</v>
      </c>
      <c r="H8602" cm="1">
        <f t="array" ref="H8602">IFERROR(INDEX(Jesper!AL$2:AL$366,ROUNDDOWN($C8602/24,0)+1,1)*INDEX($D$3:$AA$30,INDEX(Jesper!$R$2:$R$366,ROW(INDEX(Jesper!AL$2:AL$366,ROUNDDOWN($C8602/24,0)+1,1))-1)+IF('Standard Profiles'!$G$22=$B$10,7,0)+IF('Standard Profiles'!$G$22=$B$17,14,0)+IF('Standard Profiles'!$G$22=$B$24,21,0),MOD($C8602,24)+1)/SUM(INDEX($D$3:$AA$30,INDEX(Jesper!$R$2:$R$366,ROW(INDEX(Jesper!AL$2:AL$366,ROUNDDOWN($C8602/24,0)+1,1))-1)+IF('Standard Profiles'!$G$22=$B$10,7,0)+IF('Standard Profiles'!$G$22=$B$17,14,0)+IF('Standard Profiles'!$G$22=$B$24,21,0),0)),0)</f>
        <v>2.5659806585751159</v>
      </c>
      <c r="I8602">
        <f t="shared" si="951"/>
        <v>2.4633414322321125</v>
      </c>
      <c r="J8602">
        <f t="shared" si="952"/>
        <v>13.369338263156882</v>
      </c>
      <c r="K8602">
        <f t="shared" si="953"/>
        <v>0.36568396892328808</v>
      </c>
      <c r="L8602">
        <f t="shared" si="954"/>
        <v>0.18284198446164404</v>
      </c>
      <c r="M8602">
        <f t="shared" si="955"/>
        <v>0</v>
      </c>
      <c r="N8602" s="45">
        <f t="shared" si="956"/>
        <v>45283.99999997922</v>
      </c>
    </row>
    <row r="8603" spans="2:14" x14ac:dyDescent="0.25">
      <c r="B8603">
        <f t="shared" si="950"/>
        <v>7</v>
      </c>
      <c r="C8603" s="16">
        <v>8569</v>
      </c>
      <c r="D8603" cm="1">
        <f t="array" ref="D8603">IFERROR(INDEX(Jesper!AH$2:AH$366,ROUNDDOWN($C8603/24,0)+1,1)*INDEX($D$3:$AA$30,INDEX(Jesper!$R$2:$R$366,ROW(INDEX(Jesper!AH$2:AH$366,ROUNDDOWN($C8603/24,0)+1,1))-1)+IF('Standard Profiles'!$G$18=$B$10,7,0)+IF('Standard Profiles'!$G$18=$B$17,14,0)+IF('Standard Profiles'!$G$18=$B$24,21,0),MOD($C8603,24)+1)/SUM(INDEX($D$3:$AA$30,INDEX(Jesper!$R$2:$R$366,ROW(INDEX(Jesper!AH$2:AH$366,ROUNDDOWN($C8603/24,0)+1,1))-1)+IF('Standard Profiles'!$G$18=$B$10,7,0)+IF('Standard Profiles'!$G$18=$B$17,14,0)+IF('Standard Profiles'!$G$18=$B$24,21,0),0)),0)</f>
        <v>0</v>
      </c>
      <c r="E8603" cm="1">
        <f t="array" ref="E8603">IFERROR(INDEX(Jesper!AI$2:AI$366,ROUNDDOWN($C8603/24,0)+1,1)*INDEX($D$3:$AA$30,INDEX(Jesper!$R$2:$R$366,ROW(INDEX(Jesper!AI$2:AI$366,ROUNDDOWN($C8603/24,0)+1,1))-1)+IF('Standard Profiles'!$G$19=$B$10,7,0)+IF('Standard Profiles'!$G$19=$B$17,14,0)+IF('Standard Profiles'!$G$19=$B$24,21,0),MOD($C8603,24)+1)/SUM(INDEX($D$3:$AA$30,INDEX(Jesper!$R$2:$R$366,ROW(INDEX(Jesper!AI$2:AI$366,ROUNDDOWN($C8603/24,0)+1,1))-1)+IF('Standard Profiles'!$G$19=$B$10,7,0)+IF('Standard Profiles'!$G$19=$B$17,14,0)+IF('Standard Profiles'!$G$19=$B$24,21,0),0)),0)</f>
        <v>4.5710496115411008</v>
      </c>
      <c r="F8603" cm="1">
        <f t="array" ref="F8603">IFERROR(INDEX(Jesper!AJ$2:AJ$366,ROUNDDOWN($C8603/24,0)+1,1)*INDEX($D$3:$AA$30,INDEX(Jesper!$R$2:$R$366,ROW(INDEX(Jesper!AJ$2:AJ$366,ROUNDDOWN($C8603/24,0)+1,1))-1)+IF('Standard Profiles'!$G$20=$B$10,7,0)+IF('Standard Profiles'!$G$20=$B$17,14,0)+IF('Standard Profiles'!$G$20=$B$24,21,0),MOD($C8603,24)+1)/SUM(INDEX($D$3:$AA$30,INDEX(Jesper!$R$2:$R$366,ROW(INDEX(Jesper!AJ$2:AJ$366,ROUNDDOWN($C8603/24,0)+1,1))-1)+IF('Standard Profiles'!$G$20=$B$10,7,0)+IF('Standard Profiles'!$G$20=$B$17,14,0)+IF('Standard Profiles'!$G$20=$B$24,21,0),0)),0)</f>
        <v>3.6708686966110213</v>
      </c>
      <c r="G8603" cm="1">
        <f t="array" ref="G8603">IFERROR(INDEX(Jesper!AK$2:AK$366,ROUNDDOWN($C8603/24,0)+1,1)*INDEX($D$3:$AA$30,INDEX(Jesper!$R$2:$R$366,ROW(INDEX(Jesper!AK$2:AK$366,ROUNDDOWN($C8603/24,0)+1,1))-1)+IF('Standard Profiles'!$G$21=$B$10,7,0)+IF('Standard Profiles'!$G$21=$B$17,14,0)+IF('Standard Profiles'!$G$21=$B$24,21,0),MOD($C8603,24)+1)/SUM(INDEX($D$3:$AA$30,INDEX(Jesper!$R$2:$R$366,ROW(INDEX(Jesper!AK$2:AK$366,ROUNDDOWN($C8603/24,0)+1,1))-1)+IF('Standard Profiles'!$G$21=$B$10,7,0)+IF('Standard Profiles'!$G$21=$B$17,14,0)+IF('Standard Profiles'!$G$21=$B$24,21,0),0)),0)</f>
        <v>5.573306682046689</v>
      </c>
      <c r="H8603" cm="1">
        <f t="array" ref="H8603">IFERROR(INDEX(Jesper!AL$2:AL$366,ROUNDDOWN($C8603/24,0)+1,1)*INDEX($D$3:$AA$30,INDEX(Jesper!$R$2:$R$366,ROW(INDEX(Jesper!AL$2:AL$366,ROUNDDOWN($C8603/24,0)+1,1))-1)+IF('Standard Profiles'!$G$22=$B$10,7,0)+IF('Standard Profiles'!$G$22=$B$17,14,0)+IF('Standard Profiles'!$G$22=$B$24,21,0),MOD($C8603,24)+1)/SUM(INDEX($D$3:$AA$30,INDEX(Jesper!$R$2:$R$366,ROW(INDEX(Jesper!AL$2:AL$366,ROUNDDOWN($C8603/24,0)+1,1))-1)+IF('Standard Profiles'!$G$22=$B$10,7,0)+IF('Standard Profiles'!$G$22=$B$17,14,0)+IF('Standard Profiles'!$G$22=$B$24,21,0),0)),0)</f>
        <v>2.979848506732393</v>
      </c>
      <c r="I8603">
        <f t="shared" si="951"/>
        <v>2.8606545664630989</v>
      </c>
      <c r="J8603">
        <f t="shared" si="952"/>
        <v>13.385892977083174</v>
      </c>
      <c r="K8603">
        <f t="shared" si="953"/>
        <v>0.36568396892328808</v>
      </c>
      <c r="L8603">
        <f t="shared" si="954"/>
        <v>0.18284198446164404</v>
      </c>
      <c r="M8603">
        <f t="shared" si="955"/>
        <v>0</v>
      </c>
      <c r="N8603" s="45">
        <f t="shared" si="956"/>
        <v>45284.041666645884</v>
      </c>
    </row>
    <row r="8604" spans="2:14" x14ac:dyDescent="0.25">
      <c r="B8604">
        <f t="shared" si="950"/>
        <v>7</v>
      </c>
      <c r="C8604" s="16">
        <v>8570</v>
      </c>
      <c r="D8604" cm="1">
        <f t="array" ref="D8604">IFERROR(INDEX(Jesper!AH$2:AH$366,ROUNDDOWN($C8604/24,0)+1,1)*INDEX($D$3:$AA$30,INDEX(Jesper!$R$2:$R$366,ROW(INDEX(Jesper!AH$2:AH$366,ROUNDDOWN($C8604/24,0)+1,1))-1)+IF('Standard Profiles'!$G$18=$B$10,7,0)+IF('Standard Profiles'!$G$18=$B$17,14,0)+IF('Standard Profiles'!$G$18=$B$24,21,0),MOD($C8604,24)+1)/SUM(INDEX($D$3:$AA$30,INDEX(Jesper!$R$2:$R$366,ROW(INDEX(Jesper!AH$2:AH$366,ROUNDDOWN($C8604/24,0)+1,1))-1)+IF('Standard Profiles'!$G$18=$B$10,7,0)+IF('Standard Profiles'!$G$18=$B$17,14,0)+IF('Standard Profiles'!$G$18=$B$24,21,0),0)),0)</f>
        <v>0</v>
      </c>
      <c r="E8604" cm="1">
        <f t="array" ref="E8604">IFERROR(INDEX(Jesper!AI$2:AI$366,ROUNDDOWN($C8604/24,0)+1,1)*INDEX($D$3:$AA$30,INDEX(Jesper!$R$2:$R$366,ROW(INDEX(Jesper!AI$2:AI$366,ROUNDDOWN($C8604/24,0)+1,1))-1)+IF('Standard Profiles'!$G$19=$B$10,7,0)+IF('Standard Profiles'!$G$19=$B$17,14,0)+IF('Standard Profiles'!$G$19=$B$24,21,0),MOD($C8604,24)+1)/SUM(INDEX($D$3:$AA$30,INDEX(Jesper!$R$2:$R$366,ROW(INDEX(Jesper!AI$2:AI$366,ROUNDDOWN($C8604/24,0)+1,1))-1)+IF('Standard Profiles'!$G$19=$B$10,7,0)+IF('Standard Profiles'!$G$19=$B$17,14,0)+IF('Standard Profiles'!$G$19=$B$24,21,0),0)),0)</f>
        <v>4.5710496115411008</v>
      </c>
      <c r="F8604" cm="1">
        <f t="array" ref="F8604">IFERROR(INDEX(Jesper!AJ$2:AJ$366,ROUNDDOWN($C8604/24,0)+1,1)*INDEX($D$3:$AA$30,INDEX(Jesper!$R$2:$R$366,ROW(INDEX(Jesper!AJ$2:AJ$366,ROUNDDOWN($C8604/24,0)+1,1))-1)+IF('Standard Profiles'!$G$20=$B$10,7,0)+IF('Standard Profiles'!$G$20=$B$17,14,0)+IF('Standard Profiles'!$G$20=$B$24,21,0),MOD($C8604,24)+1)/SUM(INDEX($D$3:$AA$30,INDEX(Jesper!$R$2:$R$366,ROW(INDEX(Jesper!AJ$2:AJ$366,ROUNDDOWN($C8604/24,0)+1,1))-1)+IF('Standard Profiles'!$G$20=$B$10,7,0)+IF('Standard Profiles'!$G$20=$B$17,14,0)+IF('Standard Profiles'!$G$20=$B$24,21,0),0)),0)</f>
        <v>3.6708686966110213</v>
      </c>
      <c r="G8604" cm="1">
        <f t="array" ref="G8604">IFERROR(INDEX(Jesper!AK$2:AK$366,ROUNDDOWN($C8604/24,0)+1,1)*INDEX($D$3:$AA$30,INDEX(Jesper!$R$2:$R$366,ROW(INDEX(Jesper!AK$2:AK$366,ROUNDDOWN($C8604/24,0)+1,1))-1)+IF('Standard Profiles'!$G$21=$B$10,7,0)+IF('Standard Profiles'!$G$21=$B$17,14,0)+IF('Standard Profiles'!$G$21=$B$24,21,0),MOD($C8604,24)+1)/SUM(INDEX($D$3:$AA$30,INDEX(Jesper!$R$2:$R$366,ROW(INDEX(Jesper!AK$2:AK$366,ROUNDDOWN($C8604/24,0)+1,1))-1)+IF('Standard Profiles'!$G$21=$B$10,7,0)+IF('Standard Profiles'!$G$21=$B$17,14,0)+IF('Standard Profiles'!$G$21=$B$24,21,0),0)),0)</f>
        <v>5.573306682046689</v>
      </c>
      <c r="H8604" cm="1">
        <f t="array" ref="H8604">IFERROR(INDEX(Jesper!AL$2:AL$366,ROUNDDOWN($C8604/24,0)+1,1)*INDEX($D$3:$AA$30,INDEX(Jesper!$R$2:$R$366,ROW(INDEX(Jesper!AL$2:AL$366,ROUNDDOWN($C8604/24,0)+1,1))-1)+IF('Standard Profiles'!$G$22=$B$10,7,0)+IF('Standard Profiles'!$G$22=$B$17,14,0)+IF('Standard Profiles'!$G$22=$B$24,21,0),MOD($C8604,24)+1)/SUM(INDEX($D$3:$AA$30,INDEX(Jesper!$R$2:$R$366,ROW(INDEX(Jesper!AL$2:AL$366,ROUNDDOWN($C8604/24,0)+1,1))-1)+IF('Standard Profiles'!$G$22=$B$10,7,0)+IF('Standard Profiles'!$G$22=$B$17,14,0)+IF('Standard Profiles'!$G$22=$B$24,21,0),0)),0)</f>
        <v>2.979848506732393</v>
      </c>
      <c r="I8604">
        <f t="shared" si="951"/>
        <v>2.8606545664630989</v>
      </c>
      <c r="J8604">
        <f t="shared" si="952"/>
        <v>13.385892977083174</v>
      </c>
      <c r="K8604">
        <f t="shared" si="953"/>
        <v>0.36568396892328808</v>
      </c>
      <c r="L8604">
        <f t="shared" si="954"/>
        <v>0.18284198446164404</v>
      </c>
      <c r="M8604">
        <f t="shared" si="955"/>
        <v>0</v>
      </c>
      <c r="N8604" s="45">
        <f t="shared" si="956"/>
        <v>45284.083333312548</v>
      </c>
    </row>
    <row r="8605" spans="2:14" x14ac:dyDescent="0.25">
      <c r="B8605">
        <f t="shared" si="950"/>
        <v>7</v>
      </c>
      <c r="C8605" s="16">
        <v>8571</v>
      </c>
      <c r="D8605" cm="1">
        <f t="array" ref="D8605">IFERROR(INDEX(Jesper!AH$2:AH$366,ROUNDDOWN($C8605/24,0)+1,1)*INDEX($D$3:$AA$30,INDEX(Jesper!$R$2:$R$366,ROW(INDEX(Jesper!AH$2:AH$366,ROUNDDOWN($C8605/24,0)+1,1))-1)+IF('Standard Profiles'!$G$18=$B$10,7,0)+IF('Standard Profiles'!$G$18=$B$17,14,0)+IF('Standard Profiles'!$G$18=$B$24,21,0),MOD($C8605,24)+1)/SUM(INDEX($D$3:$AA$30,INDEX(Jesper!$R$2:$R$366,ROW(INDEX(Jesper!AH$2:AH$366,ROUNDDOWN($C8605/24,0)+1,1))-1)+IF('Standard Profiles'!$G$18=$B$10,7,0)+IF('Standard Profiles'!$G$18=$B$17,14,0)+IF('Standard Profiles'!$G$18=$B$24,21,0),0)),0)</f>
        <v>0</v>
      </c>
      <c r="E8605" cm="1">
        <f t="array" ref="E8605">IFERROR(INDEX(Jesper!AI$2:AI$366,ROUNDDOWN($C8605/24,0)+1,1)*INDEX($D$3:$AA$30,INDEX(Jesper!$R$2:$R$366,ROW(INDEX(Jesper!AI$2:AI$366,ROUNDDOWN($C8605/24,0)+1,1))-1)+IF('Standard Profiles'!$G$19=$B$10,7,0)+IF('Standard Profiles'!$G$19=$B$17,14,0)+IF('Standard Profiles'!$G$19=$B$24,21,0),MOD($C8605,24)+1)/SUM(INDEX($D$3:$AA$30,INDEX(Jesper!$R$2:$R$366,ROW(INDEX(Jesper!AI$2:AI$366,ROUNDDOWN($C8605/24,0)+1,1))-1)+IF('Standard Profiles'!$G$19=$B$10,7,0)+IF('Standard Profiles'!$G$19=$B$17,14,0)+IF('Standard Profiles'!$G$19=$B$24,21,0),0)),0)</f>
        <v>4.5710496115411008</v>
      </c>
      <c r="F8605" cm="1">
        <f t="array" ref="F8605">IFERROR(INDEX(Jesper!AJ$2:AJ$366,ROUNDDOWN($C8605/24,0)+1,1)*INDEX($D$3:$AA$30,INDEX(Jesper!$R$2:$R$366,ROW(INDEX(Jesper!AJ$2:AJ$366,ROUNDDOWN($C8605/24,0)+1,1))-1)+IF('Standard Profiles'!$G$20=$B$10,7,0)+IF('Standard Profiles'!$G$20=$B$17,14,0)+IF('Standard Profiles'!$G$20=$B$24,21,0),MOD($C8605,24)+1)/SUM(INDEX($D$3:$AA$30,INDEX(Jesper!$R$2:$R$366,ROW(INDEX(Jesper!AJ$2:AJ$366,ROUNDDOWN($C8605/24,0)+1,1))-1)+IF('Standard Profiles'!$G$20=$B$10,7,0)+IF('Standard Profiles'!$G$20=$B$17,14,0)+IF('Standard Profiles'!$G$20=$B$24,21,0),0)),0)</f>
        <v>3.6708686966110213</v>
      </c>
      <c r="G8605" cm="1">
        <f t="array" ref="G8605">IFERROR(INDEX(Jesper!AK$2:AK$366,ROUNDDOWN($C8605/24,0)+1,1)*INDEX($D$3:$AA$30,INDEX(Jesper!$R$2:$R$366,ROW(INDEX(Jesper!AK$2:AK$366,ROUNDDOWN($C8605/24,0)+1,1))-1)+IF('Standard Profiles'!$G$21=$B$10,7,0)+IF('Standard Profiles'!$G$21=$B$17,14,0)+IF('Standard Profiles'!$G$21=$B$24,21,0),MOD($C8605,24)+1)/SUM(INDEX($D$3:$AA$30,INDEX(Jesper!$R$2:$R$366,ROW(INDEX(Jesper!AK$2:AK$366,ROUNDDOWN($C8605/24,0)+1,1))-1)+IF('Standard Profiles'!$G$21=$B$10,7,0)+IF('Standard Profiles'!$G$21=$B$17,14,0)+IF('Standard Profiles'!$G$21=$B$24,21,0),0)),0)</f>
        <v>5.573306682046689</v>
      </c>
      <c r="H8605" cm="1">
        <f t="array" ref="H8605">IFERROR(INDEX(Jesper!AL$2:AL$366,ROUNDDOWN($C8605/24,0)+1,1)*INDEX($D$3:$AA$30,INDEX(Jesper!$R$2:$R$366,ROW(INDEX(Jesper!AL$2:AL$366,ROUNDDOWN($C8605/24,0)+1,1))-1)+IF('Standard Profiles'!$G$22=$B$10,7,0)+IF('Standard Profiles'!$G$22=$B$17,14,0)+IF('Standard Profiles'!$G$22=$B$24,21,0),MOD($C8605,24)+1)/SUM(INDEX($D$3:$AA$30,INDEX(Jesper!$R$2:$R$366,ROW(INDEX(Jesper!AL$2:AL$366,ROUNDDOWN($C8605/24,0)+1,1))-1)+IF('Standard Profiles'!$G$22=$B$10,7,0)+IF('Standard Profiles'!$G$22=$B$17,14,0)+IF('Standard Profiles'!$G$22=$B$24,21,0),0)),0)</f>
        <v>2.979848506732393</v>
      </c>
      <c r="I8605">
        <f t="shared" si="951"/>
        <v>2.8606545664630989</v>
      </c>
      <c r="J8605">
        <f t="shared" si="952"/>
        <v>13.385892977083174</v>
      </c>
      <c r="K8605">
        <f t="shared" si="953"/>
        <v>0.36568396892328808</v>
      </c>
      <c r="L8605">
        <f t="shared" si="954"/>
        <v>0.18284198446164404</v>
      </c>
      <c r="M8605">
        <f t="shared" si="955"/>
        <v>0</v>
      </c>
      <c r="N8605" s="45">
        <f t="shared" si="956"/>
        <v>45284.124999979213</v>
      </c>
    </row>
    <row r="8606" spans="2:14" x14ac:dyDescent="0.25">
      <c r="B8606">
        <f t="shared" si="950"/>
        <v>7</v>
      </c>
      <c r="C8606" s="16">
        <v>8572</v>
      </c>
      <c r="D8606" cm="1">
        <f t="array" ref="D8606">IFERROR(INDEX(Jesper!AH$2:AH$366,ROUNDDOWN($C8606/24,0)+1,1)*INDEX($D$3:$AA$30,INDEX(Jesper!$R$2:$R$366,ROW(INDEX(Jesper!AH$2:AH$366,ROUNDDOWN($C8606/24,0)+1,1))-1)+IF('Standard Profiles'!$G$18=$B$10,7,0)+IF('Standard Profiles'!$G$18=$B$17,14,0)+IF('Standard Profiles'!$G$18=$B$24,21,0),MOD($C8606,24)+1)/SUM(INDEX($D$3:$AA$30,INDEX(Jesper!$R$2:$R$366,ROW(INDEX(Jesper!AH$2:AH$366,ROUNDDOWN($C8606/24,0)+1,1))-1)+IF('Standard Profiles'!$G$18=$B$10,7,0)+IF('Standard Profiles'!$G$18=$B$17,14,0)+IF('Standard Profiles'!$G$18=$B$24,21,0),0)),0)</f>
        <v>0</v>
      </c>
      <c r="E8606" cm="1">
        <f t="array" ref="E8606">IFERROR(INDEX(Jesper!AI$2:AI$366,ROUNDDOWN($C8606/24,0)+1,1)*INDEX($D$3:$AA$30,INDEX(Jesper!$R$2:$R$366,ROW(INDEX(Jesper!AI$2:AI$366,ROUNDDOWN($C8606/24,0)+1,1))-1)+IF('Standard Profiles'!$G$19=$B$10,7,0)+IF('Standard Profiles'!$G$19=$B$17,14,0)+IF('Standard Profiles'!$G$19=$B$24,21,0),MOD($C8606,24)+1)/SUM(INDEX($D$3:$AA$30,INDEX(Jesper!$R$2:$R$366,ROW(INDEX(Jesper!AI$2:AI$366,ROUNDDOWN($C8606/24,0)+1,1))-1)+IF('Standard Profiles'!$G$19=$B$10,7,0)+IF('Standard Profiles'!$G$19=$B$17,14,0)+IF('Standard Profiles'!$G$19=$B$24,21,0),0)),0)</f>
        <v>4.5710496115411008</v>
      </c>
      <c r="F8606" cm="1">
        <f t="array" ref="F8606">IFERROR(INDEX(Jesper!AJ$2:AJ$366,ROUNDDOWN($C8606/24,0)+1,1)*INDEX($D$3:$AA$30,INDEX(Jesper!$R$2:$R$366,ROW(INDEX(Jesper!AJ$2:AJ$366,ROUNDDOWN($C8606/24,0)+1,1))-1)+IF('Standard Profiles'!$G$20=$B$10,7,0)+IF('Standard Profiles'!$G$20=$B$17,14,0)+IF('Standard Profiles'!$G$20=$B$24,21,0),MOD($C8606,24)+1)/SUM(INDEX($D$3:$AA$30,INDEX(Jesper!$R$2:$R$366,ROW(INDEX(Jesper!AJ$2:AJ$366,ROUNDDOWN($C8606/24,0)+1,1))-1)+IF('Standard Profiles'!$G$20=$B$10,7,0)+IF('Standard Profiles'!$G$20=$B$17,14,0)+IF('Standard Profiles'!$G$20=$B$24,21,0),0)),0)</f>
        <v>3.6708686966110213</v>
      </c>
      <c r="G8606" cm="1">
        <f t="array" ref="G8606">IFERROR(INDEX(Jesper!AK$2:AK$366,ROUNDDOWN($C8606/24,0)+1,1)*INDEX($D$3:$AA$30,INDEX(Jesper!$R$2:$R$366,ROW(INDEX(Jesper!AK$2:AK$366,ROUNDDOWN($C8606/24,0)+1,1))-1)+IF('Standard Profiles'!$G$21=$B$10,7,0)+IF('Standard Profiles'!$G$21=$B$17,14,0)+IF('Standard Profiles'!$G$21=$B$24,21,0),MOD($C8606,24)+1)/SUM(INDEX($D$3:$AA$30,INDEX(Jesper!$R$2:$R$366,ROW(INDEX(Jesper!AK$2:AK$366,ROUNDDOWN($C8606/24,0)+1,1))-1)+IF('Standard Profiles'!$G$21=$B$10,7,0)+IF('Standard Profiles'!$G$21=$B$17,14,0)+IF('Standard Profiles'!$G$21=$B$24,21,0),0)),0)</f>
        <v>5.573306682046689</v>
      </c>
      <c r="H8606" cm="1">
        <f t="array" ref="H8606">IFERROR(INDEX(Jesper!AL$2:AL$366,ROUNDDOWN($C8606/24,0)+1,1)*INDEX($D$3:$AA$30,INDEX(Jesper!$R$2:$R$366,ROW(INDEX(Jesper!AL$2:AL$366,ROUNDDOWN($C8606/24,0)+1,1))-1)+IF('Standard Profiles'!$G$22=$B$10,7,0)+IF('Standard Profiles'!$G$22=$B$17,14,0)+IF('Standard Profiles'!$G$22=$B$24,21,0),MOD($C8606,24)+1)/SUM(INDEX($D$3:$AA$30,INDEX(Jesper!$R$2:$R$366,ROW(INDEX(Jesper!AL$2:AL$366,ROUNDDOWN($C8606/24,0)+1,1))-1)+IF('Standard Profiles'!$G$22=$B$10,7,0)+IF('Standard Profiles'!$G$22=$B$17,14,0)+IF('Standard Profiles'!$G$22=$B$24,21,0),0)),0)</f>
        <v>2.979848506732393</v>
      </c>
      <c r="I8606">
        <f t="shared" si="951"/>
        <v>2.8606545664630989</v>
      </c>
      <c r="J8606">
        <f t="shared" si="952"/>
        <v>13.385892977083174</v>
      </c>
      <c r="K8606">
        <f t="shared" si="953"/>
        <v>0.36568396892328808</v>
      </c>
      <c r="L8606">
        <f t="shared" si="954"/>
        <v>0.18284198446164404</v>
      </c>
      <c r="M8606">
        <f t="shared" si="955"/>
        <v>0</v>
      </c>
      <c r="N8606" s="45">
        <f t="shared" si="956"/>
        <v>45284.166666645877</v>
      </c>
    </row>
    <row r="8607" spans="2:14" x14ac:dyDescent="0.25">
      <c r="B8607">
        <f t="shared" si="950"/>
        <v>7</v>
      </c>
      <c r="C8607" s="16">
        <v>8573</v>
      </c>
      <c r="D8607" cm="1">
        <f t="array" ref="D8607">IFERROR(INDEX(Jesper!AH$2:AH$366,ROUNDDOWN($C8607/24,0)+1,1)*INDEX($D$3:$AA$30,INDEX(Jesper!$R$2:$R$366,ROW(INDEX(Jesper!AH$2:AH$366,ROUNDDOWN($C8607/24,0)+1,1))-1)+IF('Standard Profiles'!$G$18=$B$10,7,0)+IF('Standard Profiles'!$G$18=$B$17,14,0)+IF('Standard Profiles'!$G$18=$B$24,21,0),MOD($C8607,24)+1)/SUM(INDEX($D$3:$AA$30,INDEX(Jesper!$R$2:$R$366,ROW(INDEX(Jesper!AH$2:AH$366,ROUNDDOWN($C8607/24,0)+1,1))-1)+IF('Standard Profiles'!$G$18=$B$10,7,0)+IF('Standard Profiles'!$G$18=$B$17,14,0)+IF('Standard Profiles'!$G$18=$B$24,21,0),0)),0)</f>
        <v>0</v>
      </c>
      <c r="E8607" cm="1">
        <f t="array" ref="E8607">IFERROR(INDEX(Jesper!AI$2:AI$366,ROUNDDOWN($C8607/24,0)+1,1)*INDEX($D$3:$AA$30,INDEX(Jesper!$R$2:$R$366,ROW(INDEX(Jesper!AI$2:AI$366,ROUNDDOWN($C8607/24,0)+1,1))-1)+IF('Standard Profiles'!$G$19=$B$10,7,0)+IF('Standard Profiles'!$G$19=$B$17,14,0)+IF('Standard Profiles'!$G$19=$B$24,21,0),MOD($C8607,24)+1)/SUM(INDEX($D$3:$AA$30,INDEX(Jesper!$R$2:$R$366,ROW(INDEX(Jesper!AI$2:AI$366,ROUNDDOWN($C8607/24,0)+1,1))-1)+IF('Standard Profiles'!$G$19=$B$10,7,0)+IF('Standard Profiles'!$G$19=$B$17,14,0)+IF('Standard Profiles'!$G$19=$B$24,21,0),0)),0)</f>
        <v>4.5710496115411008</v>
      </c>
      <c r="F8607" cm="1">
        <f t="array" ref="F8607">IFERROR(INDEX(Jesper!AJ$2:AJ$366,ROUNDDOWN($C8607/24,0)+1,1)*INDEX($D$3:$AA$30,INDEX(Jesper!$R$2:$R$366,ROW(INDEX(Jesper!AJ$2:AJ$366,ROUNDDOWN($C8607/24,0)+1,1))-1)+IF('Standard Profiles'!$G$20=$B$10,7,0)+IF('Standard Profiles'!$G$20=$B$17,14,0)+IF('Standard Profiles'!$G$20=$B$24,21,0),MOD($C8607,24)+1)/SUM(INDEX($D$3:$AA$30,INDEX(Jesper!$R$2:$R$366,ROW(INDEX(Jesper!AJ$2:AJ$366,ROUNDDOWN($C8607/24,0)+1,1))-1)+IF('Standard Profiles'!$G$20=$B$10,7,0)+IF('Standard Profiles'!$G$20=$B$17,14,0)+IF('Standard Profiles'!$G$20=$B$24,21,0),0)),0)</f>
        <v>3.6708686966110213</v>
      </c>
      <c r="G8607" cm="1">
        <f t="array" ref="G8607">IFERROR(INDEX(Jesper!AK$2:AK$366,ROUNDDOWN($C8607/24,0)+1,1)*INDEX($D$3:$AA$30,INDEX(Jesper!$R$2:$R$366,ROW(INDEX(Jesper!AK$2:AK$366,ROUNDDOWN($C8607/24,0)+1,1))-1)+IF('Standard Profiles'!$G$21=$B$10,7,0)+IF('Standard Profiles'!$G$21=$B$17,14,0)+IF('Standard Profiles'!$G$21=$B$24,21,0),MOD($C8607,24)+1)/SUM(INDEX($D$3:$AA$30,INDEX(Jesper!$R$2:$R$366,ROW(INDEX(Jesper!AK$2:AK$366,ROUNDDOWN($C8607/24,0)+1,1))-1)+IF('Standard Profiles'!$G$21=$B$10,7,0)+IF('Standard Profiles'!$G$21=$B$17,14,0)+IF('Standard Profiles'!$G$21=$B$24,21,0),0)),0)</f>
        <v>5.573306682046689</v>
      </c>
      <c r="H8607" cm="1">
        <f t="array" ref="H8607">IFERROR(INDEX(Jesper!AL$2:AL$366,ROUNDDOWN($C8607/24,0)+1,1)*INDEX($D$3:$AA$30,INDEX(Jesper!$R$2:$R$366,ROW(INDEX(Jesper!AL$2:AL$366,ROUNDDOWN($C8607/24,0)+1,1))-1)+IF('Standard Profiles'!$G$22=$B$10,7,0)+IF('Standard Profiles'!$G$22=$B$17,14,0)+IF('Standard Profiles'!$G$22=$B$24,21,0),MOD($C8607,24)+1)/SUM(INDEX($D$3:$AA$30,INDEX(Jesper!$R$2:$R$366,ROW(INDEX(Jesper!AL$2:AL$366,ROUNDDOWN($C8607/24,0)+1,1))-1)+IF('Standard Profiles'!$G$22=$B$10,7,0)+IF('Standard Profiles'!$G$22=$B$17,14,0)+IF('Standard Profiles'!$G$22=$B$24,21,0),0)),0)</f>
        <v>3.7248106334154913</v>
      </c>
      <c r="I8607">
        <f t="shared" si="951"/>
        <v>3.5758182080788736</v>
      </c>
      <c r="J8607">
        <f t="shared" si="952"/>
        <v>13.415691462150496</v>
      </c>
      <c r="K8607">
        <f t="shared" si="953"/>
        <v>0.36568396892328808</v>
      </c>
      <c r="L8607">
        <f t="shared" si="954"/>
        <v>0.18284198446164404</v>
      </c>
      <c r="M8607">
        <f t="shared" si="955"/>
        <v>0</v>
      </c>
      <c r="N8607" s="45">
        <f t="shared" si="956"/>
        <v>45284.208333312541</v>
      </c>
    </row>
    <row r="8608" spans="2:14" x14ac:dyDescent="0.25">
      <c r="B8608">
        <f t="shared" si="950"/>
        <v>7</v>
      </c>
      <c r="C8608" s="16">
        <v>8574</v>
      </c>
      <c r="D8608" cm="1">
        <f t="array" ref="D8608">IFERROR(INDEX(Jesper!AH$2:AH$366,ROUNDDOWN($C8608/24,0)+1,1)*INDEX($D$3:$AA$30,INDEX(Jesper!$R$2:$R$366,ROW(INDEX(Jesper!AH$2:AH$366,ROUNDDOWN($C8608/24,0)+1,1))-1)+IF('Standard Profiles'!$G$18=$B$10,7,0)+IF('Standard Profiles'!$G$18=$B$17,14,0)+IF('Standard Profiles'!$G$18=$B$24,21,0),MOD($C8608,24)+1)/SUM(INDEX($D$3:$AA$30,INDEX(Jesper!$R$2:$R$366,ROW(INDEX(Jesper!AH$2:AH$366,ROUNDDOWN($C8608/24,0)+1,1))-1)+IF('Standard Profiles'!$G$18=$B$10,7,0)+IF('Standard Profiles'!$G$18=$B$17,14,0)+IF('Standard Profiles'!$G$18=$B$24,21,0),0)),0)</f>
        <v>0</v>
      </c>
      <c r="E8608" cm="1">
        <f t="array" ref="E8608">IFERROR(INDEX(Jesper!AI$2:AI$366,ROUNDDOWN($C8608/24,0)+1,1)*INDEX($D$3:$AA$30,INDEX(Jesper!$R$2:$R$366,ROW(INDEX(Jesper!AI$2:AI$366,ROUNDDOWN($C8608/24,0)+1,1))-1)+IF('Standard Profiles'!$G$19=$B$10,7,0)+IF('Standard Profiles'!$G$19=$B$17,14,0)+IF('Standard Profiles'!$G$19=$B$24,21,0),MOD($C8608,24)+1)/SUM(INDEX($D$3:$AA$30,INDEX(Jesper!$R$2:$R$366,ROW(INDEX(Jesper!AI$2:AI$366,ROUNDDOWN($C8608/24,0)+1,1))-1)+IF('Standard Profiles'!$G$19=$B$10,7,0)+IF('Standard Profiles'!$G$19=$B$17,14,0)+IF('Standard Profiles'!$G$19=$B$24,21,0),0)),0)</f>
        <v>4.5710496115411008</v>
      </c>
      <c r="F8608" cm="1">
        <f t="array" ref="F8608">IFERROR(INDEX(Jesper!AJ$2:AJ$366,ROUNDDOWN($C8608/24,0)+1,1)*INDEX($D$3:$AA$30,INDEX(Jesper!$R$2:$R$366,ROW(INDEX(Jesper!AJ$2:AJ$366,ROUNDDOWN($C8608/24,0)+1,1))-1)+IF('Standard Profiles'!$G$20=$B$10,7,0)+IF('Standard Profiles'!$G$20=$B$17,14,0)+IF('Standard Profiles'!$G$20=$B$24,21,0),MOD($C8608,24)+1)/SUM(INDEX($D$3:$AA$30,INDEX(Jesper!$R$2:$R$366,ROW(INDEX(Jesper!AJ$2:AJ$366,ROUNDDOWN($C8608/24,0)+1,1))-1)+IF('Standard Profiles'!$G$20=$B$10,7,0)+IF('Standard Profiles'!$G$20=$B$17,14,0)+IF('Standard Profiles'!$G$20=$B$24,21,0),0)),0)</f>
        <v>3.6708686966110213</v>
      </c>
      <c r="G8608" cm="1">
        <f t="array" ref="G8608">IFERROR(INDEX(Jesper!AK$2:AK$366,ROUNDDOWN($C8608/24,0)+1,1)*INDEX($D$3:$AA$30,INDEX(Jesper!$R$2:$R$366,ROW(INDEX(Jesper!AK$2:AK$366,ROUNDDOWN($C8608/24,0)+1,1))-1)+IF('Standard Profiles'!$G$21=$B$10,7,0)+IF('Standard Profiles'!$G$21=$B$17,14,0)+IF('Standard Profiles'!$G$21=$B$24,21,0),MOD($C8608,24)+1)/SUM(INDEX($D$3:$AA$30,INDEX(Jesper!$R$2:$R$366,ROW(INDEX(Jesper!AK$2:AK$366,ROUNDDOWN($C8608/24,0)+1,1))-1)+IF('Standard Profiles'!$G$21=$B$10,7,0)+IF('Standard Profiles'!$G$21=$B$17,14,0)+IF('Standard Profiles'!$G$21=$B$24,21,0),0)),0)</f>
        <v>5.573306682046689</v>
      </c>
      <c r="H8608" cm="1">
        <f t="array" ref="H8608">IFERROR(INDEX(Jesper!AL$2:AL$366,ROUNDDOWN($C8608/24,0)+1,1)*INDEX($D$3:$AA$30,INDEX(Jesper!$R$2:$R$366,ROW(INDEX(Jesper!AL$2:AL$366,ROUNDDOWN($C8608/24,0)+1,1))-1)+IF('Standard Profiles'!$G$22=$B$10,7,0)+IF('Standard Profiles'!$G$22=$B$17,14,0)+IF('Standard Profiles'!$G$22=$B$24,21,0),MOD($C8608,24)+1)/SUM(INDEX($D$3:$AA$30,INDEX(Jesper!$R$2:$R$366,ROW(INDEX(Jesper!AL$2:AL$366,ROUNDDOWN($C8608/24,0)+1,1))-1)+IF('Standard Profiles'!$G$22=$B$10,7,0)+IF('Standard Profiles'!$G$22=$B$17,14,0)+IF('Standard Profiles'!$G$22=$B$24,21,0),0)),0)</f>
        <v>4.3869991904671348</v>
      </c>
      <c r="I8608">
        <f t="shared" si="951"/>
        <v>4.2115192228484517</v>
      </c>
      <c r="J8608">
        <f t="shared" si="952"/>
        <v>13.442179004432562</v>
      </c>
      <c r="K8608">
        <f t="shared" si="953"/>
        <v>0.36568396892328808</v>
      </c>
      <c r="L8608">
        <f t="shared" si="954"/>
        <v>0.18284198446164404</v>
      </c>
      <c r="M8608">
        <f t="shared" si="955"/>
        <v>0</v>
      </c>
      <c r="N8608" s="45">
        <f t="shared" si="956"/>
        <v>45284.249999979205</v>
      </c>
    </row>
    <row r="8609" spans="2:14" x14ac:dyDescent="0.25">
      <c r="B8609">
        <f t="shared" si="950"/>
        <v>7</v>
      </c>
      <c r="C8609" s="16">
        <v>8575</v>
      </c>
      <c r="D8609" cm="1">
        <f t="array" ref="D8609">IFERROR(INDEX(Jesper!AH$2:AH$366,ROUNDDOWN($C8609/24,0)+1,1)*INDEX($D$3:$AA$30,INDEX(Jesper!$R$2:$R$366,ROW(INDEX(Jesper!AH$2:AH$366,ROUNDDOWN($C8609/24,0)+1,1))-1)+IF('Standard Profiles'!$G$18=$B$10,7,0)+IF('Standard Profiles'!$G$18=$B$17,14,0)+IF('Standard Profiles'!$G$18=$B$24,21,0),MOD($C8609,24)+1)/SUM(INDEX($D$3:$AA$30,INDEX(Jesper!$R$2:$R$366,ROW(INDEX(Jesper!AH$2:AH$366,ROUNDDOWN($C8609/24,0)+1,1))-1)+IF('Standard Profiles'!$G$18=$B$10,7,0)+IF('Standard Profiles'!$G$18=$B$17,14,0)+IF('Standard Profiles'!$G$18=$B$24,21,0),0)),0)</f>
        <v>0</v>
      </c>
      <c r="E8609" cm="1">
        <f t="array" ref="E8609">IFERROR(INDEX(Jesper!AI$2:AI$366,ROUNDDOWN($C8609/24,0)+1,1)*INDEX($D$3:$AA$30,INDEX(Jesper!$R$2:$R$366,ROW(INDEX(Jesper!AI$2:AI$366,ROUNDDOWN($C8609/24,0)+1,1))-1)+IF('Standard Profiles'!$G$19=$B$10,7,0)+IF('Standard Profiles'!$G$19=$B$17,14,0)+IF('Standard Profiles'!$G$19=$B$24,21,0),MOD($C8609,24)+1)/SUM(INDEX($D$3:$AA$30,INDEX(Jesper!$R$2:$R$366,ROW(INDEX(Jesper!AI$2:AI$366,ROUNDDOWN($C8609/24,0)+1,1))-1)+IF('Standard Profiles'!$G$19=$B$10,7,0)+IF('Standard Profiles'!$G$19=$B$17,14,0)+IF('Standard Profiles'!$G$19=$B$24,21,0),0)),0)</f>
        <v>4.5710496115411008</v>
      </c>
      <c r="F8609" cm="1">
        <f t="array" ref="F8609">IFERROR(INDEX(Jesper!AJ$2:AJ$366,ROUNDDOWN($C8609/24,0)+1,1)*INDEX($D$3:$AA$30,INDEX(Jesper!$R$2:$R$366,ROW(INDEX(Jesper!AJ$2:AJ$366,ROUNDDOWN($C8609/24,0)+1,1))-1)+IF('Standard Profiles'!$G$20=$B$10,7,0)+IF('Standard Profiles'!$G$20=$B$17,14,0)+IF('Standard Profiles'!$G$20=$B$24,21,0),MOD($C8609,24)+1)/SUM(INDEX($D$3:$AA$30,INDEX(Jesper!$R$2:$R$366,ROW(INDEX(Jesper!AJ$2:AJ$366,ROUNDDOWN($C8609/24,0)+1,1))-1)+IF('Standard Profiles'!$G$20=$B$10,7,0)+IF('Standard Profiles'!$G$20=$B$17,14,0)+IF('Standard Profiles'!$G$20=$B$24,21,0),0)),0)</f>
        <v>3.6708686966110213</v>
      </c>
      <c r="G8609" cm="1">
        <f t="array" ref="G8609">IFERROR(INDEX(Jesper!AK$2:AK$366,ROUNDDOWN($C8609/24,0)+1,1)*INDEX($D$3:$AA$30,INDEX(Jesper!$R$2:$R$366,ROW(INDEX(Jesper!AK$2:AK$366,ROUNDDOWN($C8609/24,0)+1,1))-1)+IF('Standard Profiles'!$G$21=$B$10,7,0)+IF('Standard Profiles'!$G$21=$B$17,14,0)+IF('Standard Profiles'!$G$21=$B$24,21,0),MOD($C8609,24)+1)/SUM(INDEX($D$3:$AA$30,INDEX(Jesper!$R$2:$R$366,ROW(INDEX(Jesper!AK$2:AK$366,ROUNDDOWN($C8609/24,0)+1,1))-1)+IF('Standard Profiles'!$G$21=$B$10,7,0)+IF('Standard Profiles'!$G$21=$B$17,14,0)+IF('Standard Profiles'!$G$21=$B$24,21,0),0)),0)</f>
        <v>5.573306682046689</v>
      </c>
      <c r="H8609" cm="1">
        <f t="array" ref="H8609">IFERROR(INDEX(Jesper!AL$2:AL$366,ROUNDDOWN($C8609/24,0)+1,1)*INDEX($D$3:$AA$30,INDEX(Jesper!$R$2:$R$366,ROW(INDEX(Jesper!AL$2:AL$366,ROUNDDOWN($C8609/24,0)+1,1))-1)+IF('Standard Profiles'!$G$22=$B$10,7,0)+IF('Standard Profiles'!$G$22=$B$17,14,0)+IF('Standard Profiles'!$G$22=$B$24,21,0),MOD($C8609,24)+1)/SUM(INDEX($D$3:$AA$30,INDEX(Jesper!$R$2:$R$366,ROW(INDEX(Jesper!AL$2:AL$366,ROUNDDOWN($C8609/24,0)+1,1))-1)+IF('Standard Profiles'!$G$22=$B$10,7,0)+IF('Standard Profiles'!$G$22=$B$17,14,0)+IF('Standard Profiles'!$G$22=$B$24,21,0),0)),0)</f>
        <v>5.2147348867816881</v>
      </c>
      <c r="I8609">
        <f t="shared" si="951"/>
        <v>5.0061454913104235</v>
      </c>
      <c r="J8609">
        <f t="shared" si="952"/>
        <v>13.475288432285144</v>
      </c>
      <c r="K8609">
        <f t="shared" si="953"/>
        <v>0.36568396892328808</v>
      </c>
      <c r="L8609">
        <f t="shared" si="954"/>
        <v>0.18284198446164404</v>
      </c>
      <c r="M8609">
        <f t="shared" si="955"/>
        <v>0</v>
      </c>
      <c r="N8609" s="45">
        <f t="shared" si="956"/>
        <v>45284.29166664587</v>
      </c>
    </row>
    <row r="8610" spans="2:14" x14ac:dyDescent="0.25">
      <c r="B8610">
        <f t="shared" si="950"/>
        <v>7</v>
      </c>
      <c r="C8610" s="16">
        <v>8576</v>
      </c>
      <c r="D8610" cm="1">
        <f t="array" ref="D8610">IFERROR(INDEX(Jesper!AH$2:AH$366,ROUNDDOWN($C8610/24,0)+1,1)*INDEX($D$3:$AA$30,INDEX(Jesper!$R$2:$R$366,ROW(INDEX(Jesper!AH$2:AH$366,ROUNDDOWN($C8610/24,0)+1,1))-1)+IF('Standard Profiles'!$G$18=$B$10,7,0)+IF('Standard Profiles'!$G$18=$B$17,14,0)+IF('Standard Profiles'!$G$18=$B$24,21,0),MOD($C8610,24)+1)/SUM(INDEX($D$3:$AA$30,INDEX(Jesper!$R$2:$R$366,ROW(INDEX(Jesper!AH$2:AH$366,ROUNDDOWN($C8610/24,0)+1,1))-1)+IF('Standard Profiles'!$G$18=$B$10,7,0)+IF('Standard Profiles'!$G$18=$B$17,14,0)+IF('Standard Profiles'!$G$18=$B$24,21,0),0)),0)</f>
        <v>0</v>
      </c>
      <c r="E8610" cm="1">
        <f t="array" ref="E8610">IFERROR(INDEX(Jesper!AI$2:AI$366,ROUNDDOWN($C8610/24,0)+1,1)*INDEX($D$3:$AA$30,INDEX(Jesper!$R$2:$R$366,ROW(INDEX(Jesper!AI$2:AI$366,ROUNDDOWN($C8610/24,0)+1,1))-1)+IF('Standard Profiles'!$G$19=$B$10,7,0)+IF('Standard Profiles'!$G$19=$B$17,14,0)+IF('Standard Profiles'!$G$19=$B$24,21,0),MOD($C8610,24)+1)/SUM(INDEX($D$3:$AA$30,INDEX(Jesper!$R$2:$R$366,ROW(INDEX(Jesper!AI$2:AI$366,ROUNDDOWN($C8610/24,0)+1,1))-1)+IF('Standard Profiles'!$G$19=$B$10,7,0)+IF('Standard Profiles'!$G$19=$B$17,14,0)+IF('Standard Profiles'!$G$19=$B$24,21,0),0)),0)</f>
        <v>4.5710496115411008</v>
      </c>
      <c r="F8610" cm="1">
        <f t="array" ref="F8610">IFERROR(INDEX(Jesper!AJ$2:AJ$366,ROUNDDOWN($C8610/24,0)+1,1)*INDEX($D$3:$AA$30,INDEX(Jesper!$R$2:$R$366,ROW(INDEX(Jesper!AJ$2:AJ$366,ROUNDDOWN($C8610/24,0)+1,1))-1)+IF('Standard Profiles'!$G$20=$B$10,7,0)+IF('Standard Profiles'!$G$20=$B$17,14,0)+IF('Standard Profiles'!$G$20=$B$24,21,0),MOD($C8610,24)+1)/SUM(INDEX($D$3:$AA$30,INDEX(Jesper!$R$2:$R$366,ROW(INDEX(Jesper!AJ$2:AJ$366,ROUNDDOWN($C8610/24,0)+1,1))-1)+IF('Standard Profiles'!$G$20=$B$10,7,0)+IF('Standard Profiles'!$G$20=$B$17,14,0)+IF('Standard Profiles'!$G$20=$B$24,21,0),0)),0)</f>
        <v>3.6708686966110213</v>
      </c>
      <c r="G8610" cm="1">
        <f t="array" ref="G8610">IFERROR(INDEX(Jesper!AK$2:AK$366,ROUNDDOWN($C8610/24,0)+1,1)*INDEX($D$3:$AA$30,INDEX(Jesper!$R$2:$R$366,ROW(INDEX(Jesper!AK$2:AK$366,ROUNDDOWN($C8610/24,0)+1,1))-1)+IF('Standard Profiles'!$G$21=$B$10,7,0)+IF('Standard Profiles'!$G$21=$B$17,14,0)+IF('Standard Profiles'!$G$21=$B$24,21,0),MOD($C8610,24)+1)/SUM(INDEX($D$3:$AA$30,INDEX(Jesper!$R$2:$R$366,ROW(INDEX(Jesper!AK$2:AK$366,ROUNDDOWN($C8610/24,0)+1,1))-1)+IF('Standard Profiles'!$G$21=$B$10,7,0)+IF('Standard Profiles'!$G$21=$B$17,14,0)+IF('Standard Profiles'!$G$21=$B$24,21,0),0)),0)</f>
        <v>5.573306682046689</v>
      </c>
      <c r="H8610" cm="1">
        <f t="array" ref="H8610">IFERROR(INDEX(Jesper!AL$2:AL$366,ROUNDDOWN($C8610/24,0)+1,1)*INDEX($D$3:$AA$30,INDEX(Jesper!$R$2:$R$366,ROW(INDEX(Jesper!AL$2:AL$366,ROUNDDOWN($C8610/24,0)+1,1))-1)+IF('Standard Profiles'!$G$22=$B$10,7,0)+IF('Standard Profiles'!$G$22=$B$17,14,0)+IF('Standard Profiles'!$G$22=$B$24,21,0),MOD($C8610,24)+1)/SUM(INDEX($D$3:$AA$30,INDEX(Jesper!$R$2:$R$366,ROW(INDEX(Jesper!AL$2:AL$366,ROUNDDOWN($C8610/24,0)+1,1))-1)+IF('Standard Profiles'!$G$22=$B$10,7,0)+IF('Standard Profiles'!$G$22=$B$17,14,0)+IF('Standard Profiles'!$G$22=$B$24,21,0),0)),0)</f>
        <v>5.2147348867816881</v>
      </c>
      <c r="I8610">
        <f t="shared" si="951"/>
        <v>5.0061454913104235</v>
      </c>
      <c r="J8610">
        <f t="shared" si="952"/>
        <v>13.475288432285144</v>
      </c>
      <c r="K8610">
        <f t="shared" si="953"/>
        <v>0.36568396892328808</v>
      </c>
      <c r="L8610">
        <f t="shared" si="954"/>
        <v>0.18284198446164404</v>
      </c>
      <c r="M8610">
        <f t="shared" si="955"/>
        <v>0</v>
      </c>
      <c r="N8610" s="45">
        <f t="shared" si="956"/>
        <v>45284.333333312534</v>
      </c>
    </row>
    <row r="8611" spans="2:14" x14ac:dyDescent="0.25">
      <c r="B8611">
        <f t="shared" ref="B8611:B8674" si="957">WEEKDAY(N8611,2)</f>
        <v>7</v>
      </c>
      <c r="C8611" s="16">
        <v>8577</v>
      </c>
      <c r="D8611" cm="1">
        <f t="array" ref="D8611">IFERROR(INDEX(Jesper!AH$2:AH$366,ROUNDDOWN($C8611/24,0)+1,1)*INDEX($D$3:$AA$30,INDEX(Jesper!$R$2:$R$366,ROW(INDEX(Jesper!AH$2:AH$366,ROUNDDOWN($C8611/24,0)+1,1))-1)+IF('Standard Profiles'!$G$18=$B$10,7,0)+IF('Standard Profiles'!$G$18=$B$17,14,0)+IF('Standard Profiles'!$G$18=$B$24,21,0),MOD($C8611,24)+1)/SUM(INDEX($D$3:$AA$30,INDEX(Jesper!$R$2:$R$366,ROW(INDEX(Jesper!AH$2:AH$366,ROUNDDOWN($C8611/24,0)+1,1))-1)+IF('Standard Profiles'!$G$18=$B$10,7,0)+IF('Standard Profiles'!$G$18=$B$17,14,0)+IF('Standard Profiles'!$G$18=$B$24,21,0),0)),0)</f>
        <v>0</v>
      </c>
      <c r="E8611" cm="1">
        <f t="array" ref="E8611">IFERROR(INDEX(Jesper!AI$2:AI$366,ROUNDDOWN($C8611/24,0)+1,1)*INDEX($D$3:$AA$30,INDEX(Jesper!$R$2:$R$366,ROW(INDEX(Jesper!AI$2:AI$366,ROUNDDOWN($C8611/24,0)+1,1))-1)+IF('Standard Profiles'!$G$19=$B$10,7,0)+IF('Standard Profiles'!$G$19=$B$17,14,0)+IF('Standard Profiles'!$G$19=$B$24,21,0),MOD($C8611,24)+1)/SUM(INDEX($D$3:$AA$30,INDEX(Jesper!$R$2:$R$366,ROW(INDEX(Jesper!AI$2:AI$366,ROUNDDOWN($C8611/24,0)+1,1))-1)+IF('Standard Profiles'!$G$19=$B$10,7,0)+IF('Standard Profiles'!$G$19=$B$17,14,0)+IF('Standard Profiles'!$G$19=$B$24,21,0),0)),0)</f>
        <v>4.5710496115411008</v>
      </c>
      <c r="F8611" cm="1">
        <f t="array" ref="F8611">IFERROR(INDEX(Jesper!AJ$2:AJ$366,ROUNDDOWN($C8611/24,0)+1,1)*INDEX($D$3:$AA$30,INDEX(Jesper!$R$2:$R$366,ROW(INDEX(Jesper!AJ$2:AJ$366,ROUNDDOWN($C8611/24,0)+1,1))-1)+IF('Standard Profiles'!$G$20=$B$10,7,0)+IF('Standard Profiles'!$G$20=$B$17,14,0)+IF('Standard Profiles'!$G$20=$B$24,21,0),MOD($C8611,24)+1)/SUM(INDEX($D$3:$AA$30,INDEX(Jesper!$R$2:$R$366,ROW(INDEX(Jesper!AJ$2:AJ$366,ROUNDDOWN($C8611/24,0)+1,1))-1)+IF('Standard Profiles'!$G$20=$B$10,7,0)+IF('Standard Profiles'!$G$20=$B$17,14,0)+IF('Standard Profiles'!$G$20=$B$24,21,0),0)),0)</f>
        <v>3.6708686966110213</v>
      </c>
      <c r="G8611" cm="1">
        <f t="array" ref="G8611">IFERROR(INDEX(Jesper!AK$2:AK$366,ROUNDDOWN($C8611/24,0)+1,1)*INDEX($D$3:$AA$30,INDEX(Jesper!$R$2:$R$366,ROW(INDEX(Jesper!AK$2:AK$366,ROUNDDOWN($C8611/24,0)+1,1))-1)+IF('Standard Profiles'!$G$21=$B$10,7,0)+IF('Standard Profiles'!$G$21=$B$17,14,0)+IF('Standard Profiles'!$G$21=$B$24,21,0),MOD($C8611,24)+1)/SUM(INDEX($D$3:$AA$30,INDEX(Jesper!$R$2:$R$366,ROW(INDEX(Jesper!AK$2:AK$366,ROUNDDOWN($C8611/24,0)+1,1))-1)+IF('Standard Profiles'!$G$21=$B$10,7,0)+IF('Standard Profiles'!$G$21=$B$17,14,0)+IF('Standard Profiles'!$G$21=$B$24,21,0),0)),0)</f>
        <v>5.573306682046689</v>
      </c>
      <c r="H8611" cm="1">
        <f t="array" ref="H8611">IFERROR(INDEX(Jesper!AL$2:AL$366,ROUNDDOWN($C8611/24,0)+1,1)*INDEX($D$3:$AA$30,INDEX(Jesper!$R$2:$R$366,ROW(INDEX(Jesper!AL$2:AL$366,ROUNDDOWN($C8611/24,0)+1,1))-1)+IF('Standard Profiles'!$G$22=$B$10,7,0)+IF('Standard Profiles'!$G$22=$B$17,14,0)+IF('Standard Profiles'!$G$22=$B$24,21,0),MOD($C8611,24)+1)/SUM(INDEX($D$3:$AA$30,INDEX(Jesper!$R$2:$R$366,ROW(INDEX(Jesper!AL$2:AL$366,ROUNDDOWN($C8611/24,0)+1,1))-1)+IF('Standard Profiles'!$G$22=$B$10,7,0)+IF('Standard Profiles'!$G$22=$B$17,14,0)+IF('Standard Profiles'!$G$22=$B$24,21,0),0)),0)</f>
        <v>5.2147348867816881</v>
      </c>
      <c r="I8611">
        <f t="shared" ref="I8611:I8674" si="958">IF($B8611&lt;6,AC$37*$D8611+AC$38*$E8611+AC$39*$F8611+AC$40*$G8611,AC$46*$D8611+AC$47*$E8611+AC$48*$F8611+AC$49*$G8611+AC$50*$H8611)</f>
        <v>5.0061454913104235</v>
      </c>
      <c r="J8611">
        <f t="shared" ref="J8611:J8674" si="959">IF($B8611&lt;6,AD$37*$D8611+AD$38*$E8611+AD$39*$F8611+AD$40*$G8611,AD$46*$D8611+AD$47*$E8611+AD$48*$F8611+AD$49*$G8611+AD$50*$H8611)</f>
        <v>13.475288432285144</v>
      </c>
      <c r="K8611">
        <f t="shared" ref="K8611:K8674" si="960">IF($B8611&lt;6,AE$37*$D8611+AE$38*$E8611+AE$39*$F8611+AE$40*$G8611,AE$46*$D8611+AE$47*$E8611+AE$48*$F8611+AE$49*$G8611+AE$50*$H8611)</f>
        <v>0.36568396892328808</v>
      </c>
      <c r="L8611">
        <f t="shared" ref="L8611:L8674" si="961">IF($B8611&lt;6,AF$37*$D8611+AF$38*$E8611+AF$39*$F8611+AF$40*$G8611,AF$46*$D8611+AF$47*$E8611+AF$48*$F8611+AF$49*$G8611+AF$50*$H8611)</f>
        <v>0.18284198446164404</v>
      </c>
      <c r="M8611">
        <f t="shared" ref="M8611:M8674" si="962">IF($B8611&lt;6,AG$37*$D8611+AG$38*$E8611+AG$39*$F8611+AG$40*$G8611,AG$46*$D8611+AG$47*$E8611+AG$48*$F8611+AG$49*$G8611+AG$50*$H8611)</f>
        <v>0</v>
      </c>
      <c r="N8611" s="45">
        <f t="shared" si="956"/>
        <v>45284.374999979198</v>
      </c>
    </row>
    <row r="8612" spans="2:14" x14ac:dyDescent="0.25">
      <c r="B8612">
        <f t="shared" si="957"/>
        <v>7</v>
      </c>
      <c r="C8612" s="16">
        <v>8578</v>
      </c>
      <c r="D8612" cm="1">
        <f t="array" ref="D8612">IFERROR(INDEX(Jesper!AH$2:AH$366,ROUNDDOWN($C8612/24,0)+1,1)*INDEX($D$3:$AA$30,INDEX(Jesper!$R$2:$R$366,ROW(INDEX(Jesper!AH$2:AH$366,ROUNDDOWN($C8612/24,0)+1,1))-1)+IF('Standard Profiles'!$G$18=$B$10,7,0)+IF('Standard Profiles'!$G$18=$B$17,14,0)+IF('Standard Profiles'!$G$18=$B$24,21,0),MOD($C8612,24)+1)/SUM(INDEX($D$3:$AA$30,INDEX(Jesper!$R$2:$R$366,ROW(INDEX(Jesper!AH$2:AH$366,ROUNDDOWN($C8612/24,0)+1,1))-1)+IF('Standard Profiles'!$G$18=$B$10,7,0)+IF('Standard Profiles'!$G$18=$B$17,14,0)+IF('Standard Profiles'!$G$18=$B$24,21,0),0)),0)</f>
        <v>0</v>
      </c>
      <c r="E8612" cm="1">
        <f t="array" ref="E8612">IFERROR(INDEX(Jesper!AI$2:AI$366,ROUNDDOWN($C8612/24,0)+1,1)*INDEX($D$3:$AA$30,INDEX(Jesper!$R$2:$R$366,ROW(INDEX(Jesper!AI$2:AI$366,ROUNDDOWN($C8612/24,0)+1,1))-1)+IF('Standard Profiles'!$G$19=$B$10,7,0)+IF('Standard Profiles'!$G$19=$B$17,14,0)+IF('Standard Profiles'!$G$19=$B$24,21,0),MOD($C8612,24)+1)/SUM(INDEX($D$3:$AA$30,INDEX(Jesper!$R$2:$R$366,ROW(INDEX(Jesper!AI$2:AI$366,ROUNDDOWN($C8612/24,0)+1,1))-1)+IF('Standard Profiles'!$G$19=$B$10,7,0)+IF('Standard Profiles'!$G$19=$B$17,14,0)+IF('Standard Profiles'!$G$19=$B$24,21,0),0)),0)</f>
        <v>4.5710496115411008</v>
      </c>
      <c r="F8612" cm="1">
        <f t="array" ref="F8612">IFERROR(INDEX(Jesper!AJ$2:AJ$366,ROUNDDOWN($C8612/24,0)+1,1)*INDEX($D$3:$AA$30,INDEX(Jesper!$R$2:$R$366,ROW(INDEX(Jesper!AJ$2:AJ$366,ROUNDDOWN($C8612/24,0)+1,1))-1)+IF('Standard Profiles'!$G$20=$B$10,7,0)+IF('Standard Profiles'!$G$20=$B$17,14,0)+IF('Standard Profiles'!$G$20=$B$24,21,0),MOD($C8612,24)+1)/SUM(INDEX($D$3:$AA$30,INDEX(Jesper!$R$2:$R$366,ROW(INDEX(Jesper!AJ$2:AJ$366,ROUNDDOWN($C8612/24,0)+1,1))-1)+IF('Standard Profiles'!$G$20=$B$10,7,0)+IF('Standard Profiles'!$G$20=$B$17,14,0)+IF('Standard Profiles'!$G$20=$B$24,21,0),0)),0)</f>
        <v>3.6708686966110213</v>
      </c>
      <c r="G8612" cm="1">
        <f t="array" ref="G8612">IFERROR(INDEX(Jesper!AK$2:AK$366,ROUNDDOWN($C8612/24,0)+1,1)*INDEX($D$3:$AA$30,INDEX(Jesper!$R$2:$R$366,ROW(INDEX(Jesper!AK$2:AK$366,ROUNDDOWN($C8612/24,0)+1,1))-1)+IF('Standard Profiles'!$G$21=$B$10,7,0)+IF('Standard Profiles'!$G$21=$B$17,14,0)+IF('Standard Profiles'!$G$21=$B$24,21,0),MOD($C8612,24)+1)/SUM(INDEX($D$3:$AA$30,INDEX(Jesper!$R$2:$R$366,ROW(INDEX(Jesper!AK$2:AK$366,ROUNDDOWN($C8612/24,0)+1,1))-1)+IF('Standard Profiles'!$G$21=$B$10,7,0)+IF('Standard Profiles'!$G$21=$B$17,14,0)+IF('Standard Profiles'!$G$21=$B$24,21,0),0)),0)</f>
        <v>5.573306682046689</v>
      </c>
      <c r="H8612" cm="1">
        <f t="array" ref="H8612">IFERROR(INDEX(Jesper!AL$2:AL$366,ROUNDDOWN($C8612/24,0)+1,1)*INDEX($D$3:$AA$30,INDEX(Jesper!$R$2:$R$366,ROW(INDEX(Jesper!AL$2:AL$366,ROUNDDOWN($C8612/24,0)+1,1))-1)+IF('Standard Profiles'!$G$22=$B$10,7,0)+IF('Standard Profiles'!$G$22=$B$17,14,0)+IF('Standard Profiles'!$G$22=$B$24,21,0),MOD($C8612,24)+1)/SUM(INDEX($D$3:$AA$30,INDEX(Jesper!$R$2:$R$366,ROW(INDEX(Jesper!AL$2:AL$366,ROUNDDOWN($C8612/24,0)+1,1))-1)+IF('Standard Profiles'!$G$22=$B$10,7,0)+IF('Standard Profiles'!$G$22=$B$17,14,0)+IF('Standard Profiles'!$G$22=$B$24,21,0),0)),0)</f>
        <v>5.2147348867816881</v>
      </c>
      <c r="I8612">
        <f t="shared" si="958"/>
        <v>5.0061454913104235</v>
      </c>
      <c r="J8612">
        <f t="shared" si="959"/>
        <v>13.475288432285144</v>
      </c>
      <c r="K8612">
        <f t="shared" si="960"/>
        <v>0.36568396892328808</v>
      </c>
      <c r="L8612">
        <f t="shared" si="961"/>
        <v>0.18284198446164404</v>
      </c>
      <c r="M8612">
        <f t="shared" si="962"/>
        <v>0</v>
      </c>
      <c r="N8612" s="45">
        <f t="shared" ref="N8612:N8675" si="963">N8611+1/24</f>
        <v>45284.416666645862</v>
      </c>
    </row>
    <row r="8613" spans="2:14" x14ac:dyDescent="0.25">
      <c r="B8613">
        <f t="shared" si="957"/>
        <v>7</v>
      </c>
      <c r="C8613" s="16">
        <v>8579</v>
      </c>
      <c r="D8613" cm="1">
        <f t="array" ref="D8613">IFERROR(INDEX(Jesper!AH$2:AH$366,ROUNDDOWN($C8613/24,0)+1,1)*INDEX($D$3:$AA$30,INDEX(Jesper!$R$2:$R$366,ROW(INDEX(Jesper!AH$2:AH$366,ROUNDDOWN($C8613/24,0)+1,1))-1)+IF('Standard Profiles'!$G$18=$B$10,7,0)+IF('Standard Profiles'!$G$18=$B$17,14,0)+IF('Standard Profiles'!$G$18=$B$24,21,0),MOD($C8613,24)+1)/SUM(INDEX($D$3:$AA$30,INDEX(Jesper!$R$2:$R$366,ROW(INDEX(Jesper!AH$2:AH$366,ROUNDDOWN($C8613/24,0)+1,1))-1)+IF('Standard Profiles'!$G$18=$B$10,7,0)+IF('Standard Profiles'!$G$18=$B$17,14,0)+IF('Standard Profiles'!$G$18=$B$24,21,0),0)),0)</f>
        <v>0</v>
      </c>
      <c r="E8613" cm="1">
        <f t="array" ref="E8613">IFERROR(INDEX(Jesper!AI$2:AI$366,ROUNDDOWN($C8613/24,0)+1,1)*INDEX($D$3:$AA$30,INDEX(Jesper!$R$2:$R$366,ROW(INDEX(Jesper!AI$2:AI$366,ROUNDDOWN($C8613/24,0)+1,1))-1)+IF('Standard Profiles'!$G$19=$B$10,7,0)+IF('Standard Profiles'!$G$19=$B$17,14,0)+IF('Standard Profiles'!$G$19=$B$24,21,0),MOD($C8613,24)+1)/SUM(INDEX($D$3:$AA$30,INDEX(Jesper!$R$2:$R$366,ROW(INDEX(Jesper!AI$2:AI$366,ROUNDDOWN($C8613/24,0)+1,1))-1)+IF('Standard Profiles'!$G$19=$B$10,7,0)+IF('Standard Profiles'!$G$19=$B$17,14,0)+IF('Standard Profiles'!$G$19=$B$24,21,0),0)),0)</f>
        <v>4.5710496115411008</v>
      </c>
      <c r="F8613" cm="1">
        <f t="array" ref="F8613">IFERROR(INDEX(Jesper!AJ$2:AJ$366,ROUNDDOWN($C8613/24,0)+1,1)*INDEX($D$3:$AA$30,INDEX(Jesper!$R$2:$R$366,ROW(INDEX(Jesper!AJ$2:AJ$366,ROUNDDOWN($C8613/24,0)+1,1))-1)+IF('Standard Profiles'!$G$20=$B$10,7,0)+IF('Standard Profiles'!$G$20=$B$17,14,0)+IF('Standard Profiles'!$G$20=$B$24,21,0),MOD($C8613,24)+1)/SUM(INDEX($D$3:$AA$30,INDEX(Jesper!$R$2:$R$366,ROW(INDEX(Jesper!AJ$2:AJ$366,ROUNDDOWN($C8613/24,0)+1,1))-1)+IF('Standard Profiles'!$G$20=$B$10,7,0)+IF('Standard Profiles'!$G$20=$B$17,14,0)+IF('Standard Profiles'!$G$20=$B$24,21,0),0)),0)</f>
        <v>3.6708686966110213</v>
      </c>
      <c r="G8613" cm="1">
        <f t="array" ref="G8613">IFERROR(INDEX(Jesper!AK$2:AK$366,ROUNDDOWN($C8613/24,0)+1,1)*INDEX($D$3:$AA$30,INDEX(Jesper!$R$2:$R$366,ROW(INDEX(Jesper!AK$2:AK$366,ROUNDDOWN($C8613/24,0)+1,1))-1)+IF('Standard Profiles'!$G$21=$B$10,7,0)+IF('Standard Profiles'!$G$21=$B$17,14,0)+IF('Standard Profiles'!$G$21=$B$24,21,0),MOD($C8613,24)+1)/SUM(INDEX($D$3:$AA$30,INDEX(Jesper!$R$2:$R$366,ROW(INDEX(Jesper!AK$2:AK$366,ROUNDDOWN($C8613/24,0)+1,1))-1)+IF('Standard Profiles'!$G$21=$B$10,7,0)+IF('Standard Profiles'!$G$21=$B$17,14,0)+IF('Standard Profiles'!$G$21=$B$24,21,0),0)),0)</f>
        <v>5.573306682046689</v>
      </c>
      <c r="H8613" cm="1">
        <f t="array" ref="H8613">IFERROR(INDEX(Jesper!AL$2:AL$366,ROUNDDOWN($C8613/24,0)+1,1)*INDEX($D$3:$AA$30,INDEX(Jesper!$R$2:$R$366,ROW(INDEX(Jesper!AL$2:AL$366,ROUNDDOWN($C8613/24,0)+1,1))-1)+IF('Standard Profiles'!$G$22=$B$10,7,0)+IF('Standard Profiles'!$G$22=$B$17,14,0)+IF('Standard Profiles'!$G$22=$B$24,21,0),MOD($C8613,24)+1)/SUM(INDEX($D$3:$AA$30,INDEX(Jesper!$R$2:$R$366,ROW(INDEX(Jesper!AL$2:AL$366,ROUNDDOWN($C8613/24,0)+1,1))-1)+IF('Standard Profiles'!$G$22=$B$10,7,0)+IF('Standard Profiles'!$G$22=$B$17,14,0)+IF('Standard Profiles'!$G$22=$B$24,21,0),0)),0)</f>
        <v>5.2147348867816881</v>
      </c>
      <c r="I8613">
        <f t="shared" si="958"/>
        <v>5.0061454913104235</v>
      </c>
      <c r="J8613">
        <f t="shared" si="959"/>
        <v>13.475288432285144</v>
      </c>
      <c r="K8613">
        <f t="shared" si="960"/>
        <v>0.36568396892328808</v>
      </c>
      <c r="L8613">
        <f t="shared" si="961"/>
        <v>0.18284198446164404</v>
      </c>
      <c r="M8613">
        <f t="shared" si="962"/>
        <v>0</v>
      </c>
      <c r="N8613" s="45">
        <f t="shared" si="963"/>
        <v>45284.458333312527</v>
      </c>
    </row>
    <row r="8614" spans="2:14" x14ac:dyDescent="0.25">
      <c r="B8614">
        <f t="shared" si="957"/>
        <v>7</v>
      </c>
      <c r="C8614" s="16">
        <v>8580</v>
      </c>
      <c r="D8614" cm="1">
        <f t="array" ref="D8614">IFERROR(INDEX(Jesper!AH$2:AH$366,ROUNDDOWN($C8614/24,0)+1,1)*INDEX($D$3:$AA$30,INDEX(Jesper!$R$2:$R$366,ROW(INDEX(Jesper!AH$2:AH$366,ROUNDDOWN($C8614/24,0)+1,1))-1)+IF('Standard Profiles'!$G$18=$B$10,7,0)+IF('Standard Profiles'!$G$18=$B$17,14,0)+IF('Standard Profiles'!$G$18=$B$24,21,0),MOD($C8614,24)+1)/SUM(INDEX($D$3:$AA$30,INDEX(Jesper!$R$2:$R$366,ROW(INDEX(Jesper!AH$2:AH$366,ROUNDDOWN($C8614/24,0)+1,1))-1)+IF('Standard Profiles'!$G$18=$B$10,7,0)+IF('Standard Profiles'!$G$18=$B$17,14,0)+IF('Standard Profiles'!$G$18=$B$24,21,0),0)),0)</f>
        <v>0</v>
      </c>
      <c r="E8614" cm="1">
        <f t="array" ref="E8614">IFERROR(INDEX(Jesper!AI$2:AI$366,ROUNDDOWN($C8614/24,0)+1,1)*INDEX($D$3:$AA$30,INDEX(Jesper!$R$2:$R$366,ROW(INDEX(Jesper!AI$2:AI$366,ROUNDDOWN($C8614/24,0)+1,1))-1)+IF('Standard Profiles'!$G$19=$B$10,7,0)+IF('Standard Profiles'!$G$19=$B$17,14,0)+IF('Standard Profiles'!$G$19=$B$24,21,0),MOD($C8614,24)+1)/SUM(INDEX($D$3:$AA$30,INDEX(Jesper!$R$2:$R$366,ROW(INDEX(Jesper!AI$2:AI$366,ROUNDDOWN($C8614/24,0)+1,1))-1)+IF('Standard Profiles'!$G$19=$B$10,7,0)+IF('Standard Profiles'!$G$19=$B$17,14,0)+IF('Standard Profiles'!$G$19=$B$24,21,0),0)),0)</f>
        <v>4.5710496115411008</v>
      </c>
      <c r="F8614" cm="1">
        <f t="array" ref="F8614">IFERROR(INDEX(Jesper!AJ$2:AJ$366,ROUNDDOWN($C8614/24,0)+1,1)*INDEX($D$3:$AA$30,INDEX(Jesper!$R$2:$R$366,ROW(INDEX(Jesper!AJ$2:AJ$366,ROUNDDOWN($C8614/24,0)+1,1))-1)+IF('Standard Profiles'!$G$20=$B$10,7,0)+IF('Standard Profiles'!$G$20=$B$17,14,0)+IF('Standard Profiles'!$G$20=$B$24,21,0),MOD($C8614,24)+1)/SUM(INDEX($D$3:$AA$30,INDEX(Jesper!$R$2:$R$366,ROW(INDEX(Jesper!AJ$2:AJ$366,ROUNDDOWN($C8614/24,0)+1,1))-1)+IF('Standard Profiles'!$G$20=$B$10,7,0)+IF('Standard Profiles'!$G$20=$B$17,14,0)+IF('Standard Profiles'!$G$20=$B$24,21,0),0)),0)</f>
        <v>3.6708686966110213</v>
      </c>
      <c r="G8614" cm="1">
        <f t="array" ref="G8614">IFERROR(INDEX(Jesper!AK$2:AK$366,ROUNDDOWN($C8614/24,0)+1,1)*INDEX($D$3:$AA$30,INDEX(Jesper!$R$2:$R$366,ROW(INDEX(Jesper!AK$2:AK$366,ROUNDDOWN($C8614/24,0)+1,1))-1)+IF('Standard Profiles'!$G$21=$B$10,7,0)+IF('Standard Profiles'!$G$21=$B$17,14,0)+IF('Standard Profiles'!$G$21=$B$24,21,0),MOD($C8614,24)+1)/SUM(INDEX($D$3:$AA$30,INDEX(Jesper!$R$2:$R$366,ROW(INDEX(Jesper!AK$2:AK$366,ROUNDDOWN($C8614/24,0)+1,1))-1)+IF('Standard Profiles'!$G$21=$B$10,7,0)+IF('Standard Profiles'!$G$21=$B$17,14,0)+IF('Standard Profiles'!$G$21=$B$24,21,0),0)),0)</f>
        <v>5.573306682046689</v>
      </c>
      <c r="H8614" cm="1">
        <f t="array" ref="H8614">IFERROR(INDEX(Jesper!AL$2:AL$366,ROUNDDOWN($C8614/24,0)+1,1)*INDEX($D$3:$AA$30,INDEX(Jesper!$R$2:$R$366,ROW(INDEX(Jesper!AL$2:AL$366,ROUNDDOWN($C8614/24,0)+1,1))-1)+IF('Standard Profiles'!$G$22=$B$10,7,0)+IF('Standard Profiles'!$G$22=$B$17,14,0)+IF('Standard Profiles'!$G$22=$B$24,21,0),MOD($C8614,24)+1)/SUM(INDEX($D$3:$AA$30,INDEX(Jesper!$R$2:$R$366,ROW(INDEX(Jesper!AL$2:AL$366,ROUNDDOWN($C8614/24,0)+1,1))-1)+IF('Standard Profiles'!$G$22=$B$10,7,0)+IF('Standard Profiles'!$G$22=$B$17,14,0)+IF('Standard Profiles'!$G$22=$B$24,21,0),0)),0)</f>
        <v>5.2147348867816881</v>
      </c>
      <c r="I8614">
        <f t="shared" si="958"/>
        <v>5.0061454913104235</v>
      </c>
      <c r="J8614">
        <f t="shared" si="959"/>
        <v>13.475288432285144</v>
      </c>
      <c r="K8614">
        <f t="shared" si="960"/>
        <v>0.36568396892328808</v>
      </c>
      <c r="L8614">
        <f t="shared" si="961"/>
        <v>0.18284198446164404</v>
      </c>
      <c r="M8614">
        <f t="shared" si="962"/>
        <v>0</v>
      </c>
      <c r="N8614" s="45">
        <f t="shared" si="963"/>
        <v>45284.499999979191</v>
      </c>
    </row>
    <row r="8615" spans="2:14" x14ac:dyDescent="0.25">
      <c r="B8615">
        <f t="shared" si="957"/>
        <v>7</v>
      </c>
      <c r="C8615" s="16">
        <v>8581</v>
      </c>
      <c r="D8615" cm="1">
        <f t="array" ref="D8615">IFERROR(INDEX(Jesper!AH$2:AH$366,ROUNDDOWN($C8615/24,0)+1,1)*INDEX($D$3:$AA$30,INDEX(Jesper!$R$2:$R$366,ROW(INDEX(Jesper!AH$2:AH$366,ROUNDDOWN($C8615/24,0)+1,1))-1)+IF('Standard Profiles'!$G$18=$B$10,7,0)+IF('Standard Profiles'!$G$18=$B$17,14,0)+IF('Standard Profiles'!$G$18=$B$24,21,0),MOD($C8615,24)+1)/SUM(INDEX($D$3:$AA$30,INDEX(Jesper!$R$2:$R$366,ROW(INDEX(Jesper!AH$2:AH$366,ROUNDDOWN($C8615/24,0)+1,1))-1)+IF('Standard Profiles'!$G$18=$B$10,7,0)+IF('Standard Profiles'!$G$18=$B$17,14,0)+IF('Standard Profiles'!$G$18=$B$24,21,0),0)),0)</f>
        <v>0</v>
      </c>
      <c r="E8615" cm="1">
        <f t="array" ref="E8615">IFERROR(INDEX(Jesper!AI$2:AI$366,ROUNDDOWN($C8615/24,0)+1,1)*INDEX($D$3:$AA$30,INDEX(Jesper!$R$2:$R$366,ROW(INDEX(Jesper!AI$2:AI$366,ROUNDDOWN($C8615/24,0)+1,1))-1)+IF('Standard Profiles'!$G$19=$B$10,7,0)+IF('Standard Profiles'!$G$19=$B$17,14,0)+IF('Standard Profiles'!$G$19=$B$24,21,0),MOD($C8615,24)+1)/SUM(INDEX($D$3:$AA$30,INDEX(Jesper!$R$2:$R$366,ROW(INDEX(Jesper!AI$2:AI$366,ROUNDDOWN($C8615/24,0)+1,1))-1)+IF('Standard Profiles'!$G$19=$B$10,7,0)+IF('Standard Profiles'!$G$19=$B$17,14,0)+IF('Standard Profiles'!$G$19=$B$24,21,0),0)),0)</f>
        <v>4.5710496115411008</v>
      </c>
      <c r="F8615" cm="1">
        <f t="array" ref="F8615">IFERROR(INDEX(Jesper!AJ$2:AJ$366,ROUNDDOWN($C8615/24,0)+1,1)*INDEX($D$3:$AA$30,INDEX(Jesper!$R$2:$R$366,ROW(INDEX(Jesper!AJ$2:AJ$366,ROUNDDOWN($C8615/24,0)+1,1))-1)+IF('Standard Profiles'!$G$20=$B$10,7,0)+IF('Standard Profiles'!$G$20=$B$17,14,0)+IF('Standard Profiles'!$G$20=$B$24,21,0),MOD($C8615,24)+1)/SUM(INDEX($D$3:$AA$30,INDEX(Jesper!$R$2:$R$366,ROW(INDEX(Jesper!AJ$2:AJ$366,ROUNDDOWN($C8615/24,0)+1,1))-1)+IF('Standard Profiles'!$G$20=$B$10,7,0)+IF('Standard Profiles'!$G$20=$B$17,14,0)+IF('Standard Profiles'!$G$20=$B$24,21,0),0)),0)</f>
        <v>3.6708686966110213</v>
      </c>
      <c r="G8615" cm="1">
        <f t="array" ref="G8615">IFERROR(INDEX(Jesper!AK$2:AK$366,ROUNDDOWN($C8615/24,0)+1,1)*INDEX($D$3:$AA$30,INDEX(Jesper!$R$2:$R$366,ROW(INDEX(Jesper!AK$2:AK$366,ROUNDDOWN($C8615/24,0)+1,1))-1)+IF('Standard Profiles'!$G$21=$B$10,7,0)+IF('Standard Profiles'!$G$21=$B$17,14,0)+IF('Standard Profiles'!$G$21=$B$24,21,0),MOD($C8615,24)+1)/SUM(INDEX($D$3:$AA$30,INDEX(Jesper!$R$2:$R$366,ROW(INDEX(Jesper!AK$2:AK$366,ROUNDDOWN($C8615/24,0)+1,1))-1)+IF('Standard Profiles'!$G$21=$B$10,7,0)+IF('Standard Profiles'!$G$21=$B$17,14,0)+IF('Standard Profiles'!$G$21=$B$24,21,0),0)),0)</f>
        <v>5.573306682046689</v>
      </c>
      <c r="H8615" cm="1">
        <f t="array" ref="H8615">IFERROR(INDEX(Jesper!AL$2:AL$366,ROUNDDOWN($C8615/24,0)+1,1)*INDEX($D$3:$AA$30,INDEX(Jesper!$R$2:$R$366,ROW(INDEX(Jesper!AL$2:AL$366,ROUNDDOWN($C8615/24,0)+1,1))-1)+IF('Standard Profiles'!$G$22=$B$10,7,0)+IF('Standard Profiles'!$G$22=$B$17,14,0)+IF('Standard Profiles'!$G$22=$B$24,21,0),MOD($C8615,24)+1)/SUM(INDEX($D$3:$AA$30,INDEX(Jesper!$R$2:$R$366,ROW(INDEX(Jesper!AL$2:AL$366,ROUNDDOWN($C8615/24,0)+1,1))-1)+IF('Standard Profiles'!$G$22=$B$10,7,0)+IF('Standard Profiles'!$G$22=$B$17,14,0)+IF('Standard Profiles'!$G$22=$B$24,21,0),0)),0)</f>
        <v>5.2147348867816881</v>
      </c>
      <c r="I8615">
        <f t="shared" si="958"/>
        <v>5.0061454913104235</v>
      </c>
      <c r="J8615">
        <f t="shared" si="959"/>
        <v>13.475288432285144</v>
      </c>
      <c r="K8615">
        <f t="shared" si="960"/>
        <v>0.36568396892328808</v>
      </c>
      <c r="L8615">
        <f t="shared" si="961"/>
        <v>0.18284198446164404</v>
      </c>
      <c r="M8615">
        <f t="shared" si="962"/>
        <v>0</v>
      </c>
      <c r="N8615" s="45">
        <f t="shared" si="963"/>
        <v>45284.541666645855</v>
      </c>
    </row>
    <row r="8616" spans="2:14" x14ac:dyDescent="0.25">
      <c r="B8616">
        <f t="shared" si="957"/>
        <v>7</v>
      </c>
      <c r="C8616" s="16">
        <v>8582</v>
      </c>
      <c r="D8616" cm="1">
        <f t="array" ref="D8616">IFERROR(INDEX(Jesper!AH$2:AH$366,ROUNDDOWN($C8616/24,0)+1,1)*INDEX($D$3:$AA$30,INDEX(Jesper!$R$2:$R$366,ROW(INDEX(Jesper!AH$2:AH$366,ROUNDDOWN($C8616/24,0)+1,1))-1)+IF('Standard Profiles'!$G$18=$B$10,7,0)+IF('Standard Profiles'!$G$18=$B$17,14,0)+IF('Standard Profiles'!$G$18=$B$24,21,0),MOD($C8616,24)+1)/SUM(INDEX($D$3:$AA$30,INDEX(Jesper!$R$2:$R$366,ROW(INDEX(Jesper!AH$2:AH$366,ROUNDDOWN($C8616/24,0)+1,1))-1)+IF('Standard Profiles'!$G$18=$B$10,7,0)+IF('Standard Profiles'!$G$18=$B$17,14,0)+IF('Standard Profiles'!$G$18=$B$24,21,0),0)),0)</f>
        <v>0</v>
      </c>
      <c r="E8616" cm="1">
        <f t="array" ref="E8616">IFERROR(INDEX(Jesper!AI$2:AI$366,ROUNDDOWN($C8616/24,0)+1,1)*INDEX($D$3:$AA$30,INDEX(Jesper!$R$2:$R$366,ROW(INDEX(Jesper!AI$2:AI$366,ROUNDDOWN($C8616/24,0)+1,1))-1)+IF('Standard Profiles'!$G$19=$B$10,7,0)+IF('Standard Profiles'!$G$19=$B$17,14,0)+IF('Standard Profiles'!$G$19=$B$24,21,0),MOD($C8616,24)+1)/SUM(INDEX($D$3:$AA$30,INDEX(Jesper!$R$2:$R$366,ROW(INDEX(Jesper!AI$2:AI$366,ROUNDDOWN($C8616/24,0)+1,1))-1)+IF('Standard Profiles'!$G$19=$B$10,7,0)+IF('Standard Profiles'!$G$19=$B$17,14,0)+IF('Standard Profiles'!$G$19=$B$24,21,0),0)),0)</f>
        <v>4.5710496115411008</v>
      </c>
      <c r="F8616" cm="1">
        <f t="array" ref="F8616">IFERROR(INDEX(Jesper!AJ$2:AJ$366,ROUNDDOWN($C8616/24,0)+1,1)*INDEX($D$3:$AA$30,INDEX(Jesper!$R$2:$R$366,ROW(INDEX(Jesper!AJ$2:AJ$366,ROUNDDOWN($C8616/24,0)+1,1))-1)+IF('Standard Profiles'!$G$20=$B$10,7,0)+IF('Standard Profiles'!$G$20=$B$17,14,0)+IF('Standard Profiles'!$G$20=$B$24,21,0),MOD($C8616,24)+1)/SUM(INDEX($D$3:$AA$30,INDEX(Jesper!$R$2:$R$366,ROW(INDEX(Jesper!AJ$2:AJ$366,ROUNDDOWN($C8616/24,0)+1,1))-1)+IF('Standard Profiles'!$G$20=$B$10,7,0)+IF('Standard Profiles'!$G$20=$B$17,14,0)+IF('Standard Profiles'!$G$20=$B$24,21,0),0)),0)</f>
        <v>3.6708686966110213</v>
      </c>
      <c r="G8616" cm="1">
        <f t="array" ref="G8616">IFERROR(INDEX(Jesper!AK$2:AK$366,ROUNDDOWN($C8616/24,0)+1,1)*INDEX($D$3:$AA$30,INDEX(Jesper!$R$2:$R$366,ROW(INDEX(Jesper!AK$2:AK$366,ROUNDDOWN($C8616/24,0)+1,1))-1)+IF('Standard Profiles'!$G$21=$B$10,7,0)+IF('Standard Profiles'!$G$21=$B$17,14,0)+IF('Standard Profiles'!$G$21=$B$24,21,0),MOD($C8616,24)+1)/SUM(INDEX($D$3:$AA$30,INDEX(Jesper!$R$2:$R$366,ROW(INDEX(Jesper!AK$2:AK$366,ROUNDDOWN($C8616/24,0)+1,1))-1)+IF('Standard Profiles'!$G$21=$B$10,7,0)+IF('Standard Profiles'!$G$21=$B$17,14,0)+IF('Standard Profiles'!$G$21=$B$24,21,0),0)),0)</f>
        <v>5.573306682046689</v>
      </c>
      <c r="H8616" cm="1">
        <f t="array" ref="H8616">IFERROR(INDEX(Jesper!AL$2:AL$366,ROUNDDOWN($C8616/24,0)+1,1)*INDEX($D$3:$AA$30,INDEX(Jesper!$R$2:$R$366,ROW(INDEX(Jesper!AL$2:AL$366,ROUNDDOWN($C8616/24,0)+1,1))-1)+IF('Standard Profiles'!$G$22=$B$10,7,0)+IF('Standard Profiles'!$G$22=$B$17,14,0)+IF('Standard Profiles'!$G$22=$B$24,21,0),MOD($C8616,24)+1)/SUM(INDEX($D$3:$AA$30,INDEX(Jesper!$R$2:$R$366,ROW(INDEX(Jesper!AL$2:AL$366,ROUNDDOWN($C8616/24,0)+1,1))-1)+IF('Standard Profiles'!$G$22=$B$10,7,0)+IF('Standard Profiles'!$G$22=$B$17,14,0)+IF('Standard Profiles'!$G$22=$B$24,21,0),0)),0)</f>
        <v>5.2147348867816881</v>
      </c>
      <c r="I8616">
        <f t="shared" si="958"/>
        <v>5.0061454913104235</v>
      </c>
      <c r="J8616">
        <f t="shared" si="959"/>
        <v>13.475288432285144</v>
      </c>
      <c r="K8616">
        <f t="shared" si="960"/>
        <v>0.36568396892328808</v>
      </c>
      <c r="L8616">
        <f t="shared" si="961"/>
        <v>0.18284198446164404</v>
      </c>
      <c r="M8616">
        <f t="shared" si="962"/>
        <v>0</v>
      </c>
      <c r="N8616" s="45">
        <f t="shared" si="963"/>
        <v>45284.583333312519</v>
      </c>
    </row>
    <row r="8617" spans="2:14" x14ac:dyDescent="0.25">
      <c r="B8617">
        <f t="shared" si="957"/>
        <v>7</v>
      </c>
      <c r="C8617" s="16">
        <v>8583</v>
      </c>
      <c r="D8617" cm="1">
        <f t="array" ref="D8617">IFERROR(INDEX(Jesper!AH$2:AH$366,ROUNDDOWN($C8617/24,0)+1,1)*INDEX($D$3:$AA$30,INDEX(Jesper!$R$2:$R$366,ROW(INDEX(Jesper!AH$2:AH$366,ROUNDDOWN($C8617/24,0)+1,1))-1)+IF('Standard Profiles'!$G$18=$B$10,7,0)+IF('Standard Profiles'!$G$18=$B$17,14,0)+IF('Standard Profiles'!$G$18=$B$24,21,0),MOD($C8617,24)+1)/SUM(INDEX($D$3:$AA$30,INDEX(Jesper!$R$2:$R$366,ROW(INDEX(Jesper!AH$2:AH$366,ROUNDDOWN($C8617/24,0)+1,1))-1)+IF('Standard Profiles'!$G$18=$B$10,7,0)+IF('Standard Profiles'!$G$18=$B$17,14,0)+IF('Standard Profiles'!$G$18=$B$24,21,0),0)),0)</f>
        <v>0</v>
      </c>
      <c r="E8617" cm="1">
        <f t="array" ref="E8617">IFERROR(INDEX(Jesper!AI$2:AI$366,ROUNDDOWN($C8617/24,0)+1,1)*INDEX($D$3:$AA$30,INDEX(Jesper!$R$2:$R$366,ROW(INDEX(Jesper!AI$2:AI$366,ROUNDDOWN($C8617/24,0)+1,1))-1)+IF('Standard Profiles'!$G$19=$B$10,7,0)+IF('Standard Profiles'!$G$19=$B$17,14,0)+IF('Standard Profiles'!$G$19=$B$24,21,0),MOD($C8617,24)+1)/SUM(INDEX($D$3:$AA$30,INDEX(Jesper!$R$2:$R$366,ROW(INDEX(Jesper!AI$2:AI$366,ROUNDDOWN($C8617/24,0)+1,1))-1)+IF('Standard Profiles'!$G$19=$B$10,7,0)+IF('Standard Profiles'!$G$19=$B$17,14,0)+IF('Standard Profiles'!$G$19=$B$24,21,0),0)),0)</f>
        <v>4.5710496115411008</v>
      </c>
      <c r="F8617" cm="1">
        <f t="array" ref="F8617">IFERROR(INDEX(Jesper!AJ$2:AJ$366,ROUNDDOWN($C8617/24,0)+1,1)*INDEX($D$3:$AA$30,INDEX(Jesper!$R$2:$R$366,ROW(INDEX(Jesper!AJ$2:AJ$366,ROUNDDOWN($C8617/24,0)+1,1))-1)+IF('Standard Profiles'!$G$20=$B$10,7,0)+IF('Standard Profiles'!$G$20=$B$17,14,0)+IF('Standard Profiles'!$G$20=$B$24,21,0),MOD($C8617,24)+1)/SUM(INDEX($D$3:$AA$30,INDEX(Jesper!$R$2:$R$366,ROW(INDEX(Jesper!AJ$2:AJ$366,ROUNDDOWN($C8617/24,0)+1,1))-1)+IF('Standard Profiles'!$G$20=$B$10,7,0)+IF('Standard Profiles'!$G$20=$B$17,14,0)+IF('Standard Profiles'!$G$20=$B$24,21,0),0)),0)</f>
        <v>3.6708686966110213</v>
      </c>
      <c r="G8617" cm="1">
        <f t="array" ref="G8617">IFERROR(INDEX(Jesper!AK$2:AK$366,ROUNDDOWN($C8617/24,0)+1,1)*INDEX($D$3:$AA$30,INDEX(Jesper!$R$2:$R$366,ROW(INDEX(Jesper!AK$2:AK$366,ROUNDDOWN($C8617/24,0)+1,1))-1)+IF('Standard Profiles'!$G$21=$B$10,7,0)+IF('Standard Profiles'!$G$21=$B$17,14,0)+IF('Standard Profiles'!$G$21=$B$24,21,0),MOD($C8617,24)+1)/SUM(INDEX($D$3:$AA$30,INDEX(Jesper!$R$2:$R$366,ROW(INDEX(Jesper!AK$2:AK$366,ROUNDDOWN($C8617/24,0)+1,1))-1)+IF('Standard Profiles'!$G$21=$B$10,7,0)+IF('Standard Profiles'!$G$21=$B$17,14,0)+IF('Standard Profiles'!$G$21=$B$24,21,0),0)),0)</f>
        <v>5.573306682046689</v>
      </c>
      <c r="H8617" cm="1">
        <f t="array" ref="H8617">IFERROR(INDEX(Jesper!AL$2:AL$366,ROUNDDOWN($C8617/24,0)+1,1)*INDEX($D$3:$AA$30,INDEX(Jesper!$R$2:$R$366,ROW(INDEX(Jesper!AL$2:AL$366,ROUNDDOWN($C8617/24,0)+1,1))-1)+IF('Standard Profiles'!$G$22=$B$10,7,0)+IF('Standard Profiles'!$G$22=$B$17,14,0)+IF('Standard Profiles'!$G$22=$B$24,21,0),MOD($C8617,24)+1)/SUM(INDEX($D$3:$AA$30,INDEX(Jesper!$R$2:$R$366,ROW(INDEX(Jesper!AL$2:AL$366,ROUNDDOWN($C8617/24,0)+1,1))-1)+IF('Standard Profiles'!$G$22=$B$10,7,0)+IF('Standard Profiles'!$G$22=$B$17,14,0)+IF('Standard Profiles'!$G$22=$B$24,21,0),0)),0)</f>
        <v>4.6353198993614999</v>
      </c>
      <c r="I8617">
        <f t="shared" si="958"/>
        <v>4.4499071033870425</v>
      </c>
      <c r="J8617">
        <f t="shared" si="959"/>
        <v>13.452111832788336</v>
      </c>
      <c r="K8617">
        <f t="shared" si="960"/>
        <v>0.36568396892328808</v>
      </c>
      <c r="L8617">
        <f t="shared" si="961"/>
        <v>0.18284198446164404</v>
      </c>
      <c r="M8617">
        <f t="shared" si="962"/>
        <v>0</v>
      </c>
      <c r="N8617" s="45">
        <f t="shared" si="963"/>
        <v>45284.624999979183</v>
      </c>
    </row>
    <row r="8618" spans="2:14" x14ac:dyDescent="0.25">
      <c r="B8618">
        <f t="shared" si="957"/>
        <v>7</v>
      </c>
      <c r="C8618" s="16">
        <v>8584</v>
      </c>
      <c r="D8618" cm="1">
        <f t="array" ref="D8618">IFERROR(INDEX(Jesper!AH$2:AH$366,ROUNDDOWN($C8618/24,0)+1,1)*INDEX($D$3:$AA$30,INDEX(Jesper!$R$2:$R$366,ROW(INDEX(Jesper!AH$2:AH$366,ROUNDDOWN($C8618/24,0)+1,1))-1)+IF('Standard Profiles'!$G$18=$B$10,7,0)+IF('Standard Profiles'!$G$18=$B$17,14,0)+IF('Standard Profiles'!$G$18=$B$24,21,0),MOD($C8618,24)+1)/SUM(INDEX($D$3:$AA$30,INDEX(Jesper!$R$2:$R$366,ROW(INDEX(Jesper!AH$2:AH$366,ROUNDDOWN($C8618/24,0)+1,1))-1)+IF('Standard Profiles'!$G$18=$B$10,7,0)+IF('Standard Profiles'!$G$18=$B$17,14,0)+IF('Standard Profiles'!$G$18=$B$24,21,0),0)),0)</f>
        <v>0</v>
      </c>
      <c r="E8618" cm="1">
        <f t="array" ref="E8618">IFERROR(INDEX(Jesper!AI$2:AI$366,ROUNDDOWN($C8618/24,0)+1,1)*INDEX($D$3:$AA$30,INDEX(Jesper!$R$2:$R$366,ROW(INDEX(Jesper!AI$2:AI$366,ROUNDDOWN($C8618/24,0)+1,1))-1)+IF('Standard Profiles'!$G$19=$B$10,7,0)+IF('Standard Profiles'!$G$19=$B$17,14,0)+IF('Standard Profiles'!$G$19=$B$24,21,0),MOD($C8618,24)+1)/SUM(INDEX($D$3:$AA$30,INDEX(Jesper!$R$2:$R$366,ROW(INDEX(Jesper!AI$2:AI$366,ROUNDDOWN($C8618/24,0)+1,1))-1)+IF('Standard Profiles'!$G$19=$B$10,7,0)+IF('Standard Profiles'!$G$19=$B$17,14,0)+IF('Standard Profiles'!$G$19=$B$24,21,0),0)),0)</f>
        <v>4.5710496115411008</v>
      </c>
      <c r="F8618" cm="1">
        <f t="array" ref="F8618">IFERROR(INDEX(Jesper!AJ$2:AJ$366,ROUNDDOWN($C8618/24,0)+1,1)*INDEX($D$3:$AA$30,INDEX(Jesper!$R$2:$R$366,ROW(INDEX(Jesper!AJ$2:AJ$366,ROUNDDOWN($C8618/24,0)+1,1))-1)+IF('Standard Profiles'!$G$20=$B$10,7,0)+IF('Standard Profiles'!$G$20=$B$17,14,0)+IF('Standard Profiles'!$G$20=$B$24,21,0),MOD($C8618,24)+1)/SUM(INDEX($D$3:$AA$30,INDEX(Jesper!$R$2:$R$366,ROW(INDEX(Jesper!AJ$2:AJ$366,ROUNDDOWN($C8618/24,0)+1,1))-1)+IF('Standard Profiles'!$G$20=$B$10,7,0)+IF('Standard Profiles'!$G$20=$B$17,14,0)+IF('Standard Profiles'!$G$20=$B$24,21,0),0)),0)</f>
        <v>3.6708686966110213</v>
      </c>
      <c r="G8618" cm="1">
        <f t="array" ref="G8618">IFERROR(INDEX(Jesper!AK$2:AK$366,ROUNDDOWN($C8618/24,0)+1,1)*INDEX($D$3:$AA$30,INDEX(Jesper!$R$2:$R$366,ROW(INDEX(Jesper!AK$2:AK$366,ROUNDDOWN($C8618/24,0)+1,1))-1)+IF('Standard Profiles'!$G$21=$B$10,7,0)+IF('Standard Profiles'!$G$21=$B$17,14,0)+IF('Standard Profiles'!$G$21=$B$24,21,0),MOD($C8618,24)+1)/SUM(INDEX($D$3:$AA$30,INDEX(Jesper!$R$2:$R$366,ROW(INDEX(Jesper!AK$2:AK$366,ROUNDDOWN($C8618/24,0)+1,1))-1)+IF('Standard Profiles'!$G$21=$B$10,7,0)+IF('Standard Profiles'!$G$21=$B$17,14,0)+IF('Standard Profiles'!$G$21=$B$24,21,0),0)),0)</f>
        <v>5.573306682046689</v>
      </c>
      <c r="H8618" cm="1">
        <f t="array" ref="H8618">IFERROR(INDEX(Jesper!AL$2:AL$366,ROUNDDOWN($C8618/24,0)+1,1)*INDEX($D$3:$AA$30,INDEX(Jesper!$R$2:$R$366,ROW(INDEX(Jesper!AL$2:AL$366,ROUNDDOWN($C8618/24,0)+1,1))-1)+IF('Standard Profiles'!$G$22=$B$10,7,0)+IF('Standard Profiles'!$G$22=$B$17,14,0)+IF('Standard Profiles'!$G$22=$B$24,21,0),MOD($C8618,24)+1)/SUM(INDEX($D$3:$AA$30,INDEX(Jesper!$R$2:$R$366,ROW(INDEX(Jesper!AL$2:AL$366,ROUNDDOWN($C8618/24,0)+1,1))-1)+IF('Standard Profiles'!$G$22=$B$10,7,0)+IF('Standard Profiles'!$G$22=$B$17,14,0)+IF('Standard Profiles'!$G$22=$B$24,21,0),0)),0)</f>
        <v>4.5525463297300455</v>
      </c>
      <c r="I8618">
        <f t="shared" si="958"/>
        <v>4.3704444765408459</v>
      </c>
      <c r="J8618">
        <f t="shared" si="959"/>
        <v>13.448800890003078</v>
      </c>
      <c r="K8618">
        <f t="shared" si="960"/>
        <v>0.36568396892328808</v>
      </c>
      <c r="L8618">
        <f t="shared" si="961"/>
        <v>0.18284198446164404</v>
      </c>
      <c r="M8618">
        <f t="shared" si="962"/>
        <v>0</v>
      </c>
      <c r="N8618" s="45">
        <f t="shared" si="963"/>
        <v>45284.666666645848</v>
      </c>
    </row>
    <row r="8619" spans="2:14" x14ac:dyDescent="0.25">
      <c r="B8619">
        <f t="shared" si="957"/>
        <v>7</v>
      </c>
      <c r="C8619" s="16">
        <v>8585</v>
      </c>
      <c r="D8619" cm="1">
        <f t="array" ref="D8619">IFERROR(INDEX(Jesper!AH$2:AH$366,ROUNDDOWN($C8619/24,0)+1,1)*INDEX($D$3:$AA$30,INDEX(Jesper!$R$2:$R$366,ROW(INDEX(Jesper!AH$2:AH$366,ROUNDDOWN($C8619/24,0)+1,1))-1)+IF('Standard Profiles'!$G$18=$B$10,7,0)+IF('Standard Profiles'!$G$18=$B$17,14,0)+IF('Standard Profiles'!$G$18=$B$24,21,0),MOD($C8619,24)+1)/SUM(INDEX($D$3:$AA$30,INDEX(Jesper!$R$2:$R$366,ROW(INDEX(Jesper!AH$2:AH$366,ROUNDDOWN($C8619/24,0)+1,1))-1)+IF('Standard Profiles'!$G$18=$B$10,7,0)+IF('Standard Profiles'!$G$18=$B$17,14,0)+IF('Standard Profiles'!$G$18=$B$24,21,0),0)),0)</f>
        <v>0</v>
      </c>
      <c r="E8619" cm="1">
        <f t="array" ref="E8619">IFERROR(INDEX(Jesper!AI$2:AI$366,ROUNDDOWN($C8619/24,0)+1,1)*INDEX($D$3:$AA$30,INDEX(Jesper!$R$2:$R$366,ROW(INDEX(Jesper!AI$2:AI$366,ROUNDDOWN($C8619/24,0)+1,1))-1)+IF('Standard Profiles'!$G$19=$B$10,7,0)+IF('Standard Profiles'!$G$19=$B$17,14,0)+IF('Standard Profiles'!$G$19=$B$24,21,0),MOD($C8619,24)+1)/SUM(INDEX($D$3:$AA$30,INDEX(Jesper!$R$2:$R$366,ROW(INDEX(Jesper!AI$2:AI$366,ROUNDDOWN($C8619/24,0)+1,1))-1)+IF('Standard Profiles'!$G$19=$B$10,7,0)+IF('Standard Profiles'!$G$19=$B$17,14,0)+IF('Standard Profiles'!$G$19=$B$24,21,0),0)),0)</f>
        <v>4.5710496115411008</v>
      </c>
      <c r="F8619" cm="1">
        <f t="array" ref="F8619">IFERROR(INDEX(Jesper!AJ$2:AJ$366,ROUNDDOWN($C8619/24,0)+1,1)*INDEX($D$3:$AA$30,INDEX(Jesper!$R$2:$R$366,ROW(INDEX(Jesper!AJ$2:AJ$366,ROUNDDOWN($C8619/24,0)+1,1))-1)+IF('Standard Profiles'!$G$20=$B$10,7,0)+IF('Standard Profiles'!$G$20=$B$17,14,0)+IF('Standard Profiles'!$G$20=$B$24,21,0),MOD($C8619,24)+1)/SUM(INDEX($D$3:$AA$30,INDEX(Jesper!$R$2:$R$366,ROW(INDEX(Jesper!AJ$2:AJ$366,ROUNDDOWN($C8619/24,0)+1,1))-1)+IF('Standard Profiles'!$G$20=$B$10,7,0)+IF('Standard Profiles'!$G$20=$B$17,14,0)+IF('Standard Profiles'!$G$20=$B$24,21,0),0)),0)</f>
        <v>3.6708686966110213</v>
      </c>
      <c r="G8619" cm="1">
        <f t="array" ref="G8619">IFERROR(INDEX(Jesper!AK$2:AK$366,ROUNDDOWN($C8619/24,0)+1,1)*INDEX($D$3:$AA$30,INDEX(Jesper!$R$2:$R$366,ROW(INDEX(Jesper!AK$2:AK$366,ROUNDDOWN($C8619/24,0)+1,1))-1)+IF('Standard Profiles'!$G$21=$B$10,7,0)+IF('Standard Profiles'!$G$21=$B$17,14,0)+IF('Standard Profiles'!$G$21=$B$24,21,0),MOD($C8619,24)+1)/SUM(INDEX($D$3:$AA$30,INDEX(Jesper!$R$2:$R$366,ROW(INDEX(Jesper!AK$2:AK$366,ROUNDDOWN($C8619/24,0)+1,1))-1)+IF('Standard Profiles'!$G$21=$B$10,7,0)+IF('Standard Profiles'!$G$21=$B$17,14,0)+IF('Standard Profiles'!$G$21=$B$24,21,0),0)),0)</f>
        <v>5.573306682046689</v>
      </c>
      <c r="H8619" cm="1">
        <f t="array" ref="H8619">IFERROR(INDEX(Jesper!AL$2:AL$366,ROUNDDOWN($C8619/24,0)+1,1)*INDEX($D$3:$AA$30,INDEX(Jesper!$R$2:$R$366,ROW(INDEX(Jesper!AL$2:AL$366,ROUNDDOWN($C8619/24,0)+1,1))-1)+IF('Standard Profiles'!$G$22=$B$10,7,0)+IF('Standard Profiles'!$G$22=$B$17,14,0)+IF('Standard Profiles'!$G$22=$B$24,21,0),MOD($C8619,24)+1)/SUM(INDEX($D$3:$AA$30,INDEX(Jesper!$R$2:$R$366,ROW(INDEX(Jesper!AL$2:AL$366,ROUNDDOWN($C8619/24,0)+1,1))-1)+IF('Standard Profiles'!$G$22=$B$10,7,0)+IF('Standard Profiles'!$G$22=$B$17,14,0)+IF('Standard Profiles'!$G$22=$B$24,21,0),0)),0)</f>
        <v>3.8903577726784024</v>
      </c>
      <c r="I8619">
        <f t="shared" si="958"/>
        <v>3.7347434617712683</v>
      </c>
      <c r="J8619">
        <f t="shared" si="959"/>
        <v>13.422313347721014</v>
      </c>
      <c r="K8619">
        <f t="shared" si="960"/>
        <v>0.36568396892328808</v>
      </c>
      <c r="L8619">
        <f t="shared" si="961"/>
        <v>0.18284198446164404</v>
      </c>
      <c r="M8619">
        <f t="shared" si="962"/>
        <v>0</v>
      </c>
      <c r="N8619" s="45">
        <f t="shared" si="963"/>
        <v>45284.708333312512</v>
      </c>
    </row>
    <row r="8620" spans="2:14" x14ac:dyDescent="0.25">
      <c r="B8620">
        <f t="shared" si="957"/>
        <v>7</v>
      </c>
      <c r="C8620" s="16">
        <v>8586</v>
      </c>
      <c r="D8620" cm="1">
        <f t="array" ref="D8620">IFERROR(INDEX(Jesper!AH$2:AH$366,ROUNDDOWN($C8620/24,0)+1,1)*INDEX($D$3:$AA$30,INDEX(Jesper!$R$2:$R$366,ROW(INDEX(Jesper!AH$2:AH$366,ROUNDDOWN($C8620/24,0)+1,1))-1)+IF('Standard Profiles'!$G$18=$B$10,7,0)+IF('Standard Profiles'!$G$18=$B$17,14,0)+IF('Standard Profiles'!$G$18=$B$24,21,0),MOD($C8620,24)+1)/SUM(INDEX($D$3:$AA$30,INDEX(Jesper!$R$2:$R$366,ROW(INDEX(Jesper!AH$2:AH$366,ROUNDDOWN($C8620/24,0)+1,1))-1)+IF('Standard Profiles'!$G$18=$B$10,7,0)+IF('Standard Profiles'!$G$18=$B$17,14,0)+IF('Standard Profiles'!$G$18=$B$24,21,0),0)),0)</f>
        <v>0</v>
      </c>
      <c r="E8620" cm="1">
        <f t="array" ref="E8620">IFERROR(INDEX(Jesper!AI$2:AI$366,ROUNDDOWN($C8620/24,0)+1,1)*INDEX($D$3:$AA$30,INDEX(Jesper!$R$2:$R$366,ROW(INDEX(Jesper!AI$2:AI$366,ROUNDDOWN($C8620/24,0)+1,1))-1)+IF('Standard Profiles'!$G$19=$B$10,7,0)+IF('Standard Profiles'!$G$19=$B$17,14,0)+IF('Standard Profiles'!$G$19=$B$24,21,0),MOD($C8620,24)+1)/SUM(INDEX($D$3:$AA$30,INDEX(Jesper!$R$2:$R$366,ROW(INDEX(Jesper!AI$2:AI$366,ROUNDDOWN($C8620/24,0)+1,1))-1)+IF('Standard Profiles'!$G$19=$B$10,7,0)+IF('Standard Profiles'!$G$19=$B$17,14,0)+IF('Standard Profiles'!$G$19=$B$24,21,0),0)),0)</f>
        <v>4.5710496115411008</v>
      </c>
      <c r="F8620" cm="1">
        <f t="array" ref="F8620">IFERROR(INDEX(Jesper!AJ$2:AJ$366,ROUNDDOWN($C8620/24,0)+1,1)*INDEX($D$3:$AA$30,INDEX(Jesper!$R$2:$R$366,ROW(INDEX(Jesper!AJ$2:AJ$366,ROUNDDOWN($C8620/24,0)+1,1))-1)+IF('Standard Profiles'!$G$20=$B$10,7,0)+IF('Standard Profiles'!$G$20=$B$17,14,0)+IF('Standard Profiles'!$G$20=$B$24,21,0),MOD($C8620,24)+1)/SUM(INDEX($D$3:$AA$30,INDEX(Jesper!$R$2:$R$366,ROW(INDEX(Jesper!AJ$2:AJ$366,ROUNDDOWN($C8620/24,0)+1,1))-1)+IF('Standard Profiles'!$G$20=$B$10,7,0)+IF('Standard Profiles'!$G$20=$B$17,14,0)+IF('Standard Profiles'!$G$20=$B$24,21,0),0)),0)</f>
        <v>3.6708686966110213</v>
      </c>
      <c r="G8620" cm="1">
        <f t="array" ref="G8620">IFERROR(INDEX(Jesper!AK$2:AK$366,ROUNDDOWN($C8620/24,0)+1,1)*INDEX($D$3:$AA$30,INDEX(Jesper!$R$2:$R$366,ROW(INDEX(Jesper!AK$2:AK$366,ROUNDDOWN($C8620/24,0)+1,1))-1)+IF('Standard Profiles'!$G$21=$B$10,7,0)+IF('Standard Profiles'!$G$21=$B$17,14,0)+IF('Standard Profiles'!$G$21=$B$24,21,0),MOD($C8620,24)+1)/SUM(INDEX($D$3:$AA$30,INDEX(Jesper!$R$2:$R$366,ROW(INDEX(Jesper!AK$2:AK$366,ROUNDDOWN($C8620/24,0)+1,1))-1)+IF('Standard Profiles'!$G$21=$B$10,7,0)+IF('Standard Profiles'!$G$21=$B$17,14,0)+IF('Standard Profiles'!$G$21=$B$24,21,0),0)),0)</f>
        <v>5.573306682046689</v>
      </c>
      <c r="H8620" cm="1">
        <f t="array" ref="H8620">IFERROR(INDEX(Jesper!AL$2:AL$366,ROUNDDOWN($C8620/24,0)+1,1)*INDEX($D$3:$AA$30,INDEX(Jesper!$R$2:$R$366,ROW(INDEX(Jesper!AL$2:AL$366,ROUNDDOWN($C8620/24,0)+1,1))-1)+IF('Standard Profiles'!$G$22=$B$10,7,0)+IF('Standard Profiles'!$G$22=$B$17,14,0)+IF('Standard Profiles'!$G$22=$B$24,21,0),MOD($C8620,24)+1)/SUM(INDEX($D$3:$AA$30,INDEX(Jesper!$R$2:$R$366,ROW(INDEX(Jesper!AL$2:AL$366,ROUNDDOWN($C8620/24,0)+1,1))-1)+IF('Standard Profiles'!$G$22=$B$10,7,0)+IF('Standard Profiles'!$G$22=$B$17,14,0)+IF('Standard Profiles'!$G$22=$B$24,21,0),0)),0)</f>
        <v>3.642037063784036</v>
      </c>
      <c r="I8620">
        <f t="shared" si="958"/>
        <v>3.4963555812326765</v>
      </c>
      <c r="J8620">
        <f t="shared" si="959"/>
        <v>13.412380519365238</v>
      </c>
      <c r="K8620">
        <f t="shared" si="960"/>
        <v>0.36568396892328808</v>
      </c>
      <c r="L8620">
        <f t="shared" si="961"/>
        <v>0.18284198446164404</v>
      </c>
      <c r="M8620">
        <f t="shared" si="962"/>
        <v>0</v>
      </c>
      <c r="N8620" s="45">
        <f t="shared" si="963"/>
        <v>45284.749999979176</v>
      </c>
    </row>
    <row r="8621" spans="2:14" x14ac:dyDescent="0.25">
      <c r="B8621">
        <f t="shared" si="957"/>
        <v>7</v>
      </c>
      <c r="C8621" s="16">
        <v>8587</v>
      </c>
      <c r="D8621" cm="1">
        <f t="array" ref="D8621">IFERROR(INDEX(Jesper!AH$2:AH$366,ROUNDDOWN($C8621/24,0)+1,1)*INDEX($D$3:$AA$30,INDEX(Jesper!$R$2:$R$366,ROW(INDEX(Jesper!AH$2:AH$366,ROUNDDOWN($C8621/24,0)+1,1))-1)+IF('Standard Profiles'!$G$18=$B$10,7,0)+IF('Standard Profiles'!$G$18=$B$17,14,0)+IF('Standard Profiles'!$G$18=$B$24,21,0),MOD($C8621,24)+1)/SUM(INDEX($D$3:$AA$30,INDEX(Jesper!$R$2:$R$366,ROW(INDEX(Jesper!AH$2:AH$366,ROUNDDOWN($C8621/24,0)+1,1))-1)+IF('Standard Profiles'!$G$18=$B$10,7,0)+IF('Standard Profiles'!$G$18=$B$17,14,0)+IF('Standard Profiles'!$G$18=$B$24,21,0),0)),0)</f>
        <v>0</v>
      </c>
      <c r="E8621" cm="1">
        <f t="array" ref="E8621">IFERROR(INDEX(Jesper!AI$2:AI$366,ROUNDDOWN($C8621/24,0)+1,1)*INDEX($D$3:$AA$30,INDEX(Jesper!$R$2:$R$366,ROW(INDEX(Jesper!AI$2:AI$366,ROUNDDOWN($C8621/24,0)+1,1))-1)+IF('Standard Profiles'!$G$19=$B$10,7,0)+IF('Standard Profiles'!$G$19=$B$17,14,0)+IF('Standard Profiles'!$G$19=$B$24,21,0),MOD($C8621,24)+1)/SUM(INDEX($D$3:$AA$30,INDEX(Jesper!$R$2:$R$366,ROW(INDEX(Jesper!AI$2:AI$366,ROUNDDOWN($C8621/24,0)+1,1))-1)+IF('Standard Profiles'!$G$19=$B$10,7,0)+IF('Standard Profiles'!$G$19=$B$17,14,0)+IF('Standard Profiles'!$G$19=$B$24,21,0),0)),0)</f>
        <v>4.5710496115411008</v>
      </c>
      <c r="F8621" cm="1">
        <f t="array" ref="F8621">IFERROR(INDEX(Jesper!AJ$2:AJ$366,ROUNDDOWN($C8621/24,0)+1,1)*INDEX($D$3:$AA$30,INDEX(Jesper!$R$2:$R$366,ROW(INDEX(Jesper!AJ$2:AJ$366,ROUNDDOWN($C8621/24,0)+1,1))-1)+IF('Standard Profiles'!$G$20=$B$10,7,0)+IF('Standard Profiles'!$G$20=$B$17,14,0)+IF('Standard Profiles'!$G$20=$B$24,21,0),MOD($C8621,24)+1)/SUM(INDEX($D$3:$AA$30,INDEX(Jesper!$R$2:$R$366,ROW(INDEX(Jesper!AJ$2:AJ$366,ROUNDDOWN($C8621/24,0)+1,1))-1)+IF('Standard Profiles'!$G$20=$B$10,7,0)+IF('Standard Profiles'!$G$20=$B$17,14,0)+IF('Standard Profiles'!$G$20=$B$24,21,0),0)),0)</f>
        <v>3.6708686966110213</v>
      </c>
      <c r="G8621" cm="1">
        <f t="array" ref="G8621">IFERROR(INDEX(Jesper!AK$2:AK$366,ROUNDDOWN($C8621/24,0)+1,1)*INDEX($D$3:$AA$30,INDEX(Jesper!$R$2:$R$366,ROW(INDEX(Jesper!AK$2:AK$366,ROUNDDOWN($C8621/24,0)+1,1))-1)+IF('Standard Profiles'!$G$21=$B$10,7,0)+IF('Standard Profiles'!$G$21=$B$17,14,0)+IF('Standard Profiles'!$G$21=$B$24,21,0),MOD($C8621,24)+1)/SUM(INDEX($D$3:$AA$30,INDEX(Jesper!$R$2:$R$366,ROW(INDEX(Jesper!AK$2:AK$366,ROUNDDOWN($C8621/24,0)+1,1))-1)+IF('Standard Profiles'!$G$21=$B$10,7,0)+IF('Standard Profiles'!$G$21=$B$17,14,0)+IF('Standard Profiles'!$G$21=$B$24,21,0),0)),0)</f>
        <v>5.573306682046689</v>
      </c>
      <c r="H8621" cm="1">
        <f t="array" ref="H8621">IFERROR(INDEX(Jesper!AL$2:AL$366,ROUNDDOWN($C8621/24,0)+1,1)*INDEX($D$3:$AA$30,INDEX(Jesper!$R$2:$R$366,ROW(INDEX(Jesper!AL$2:AL$366,ROUNDDOWN($C8621/24,0)+1,1))-1)+IF('Standard Profiles'!$G$22=$B$10,7,0)+IF('Standard Profiles'!$G$22=$B$17,14,0)+IF('Standard Profiles'!$G$22=$B$24,21,0),MOD($C8621,24)+1)/SUM(INDEX($D$3:$AA$30,INDEX(Jesper!$R$2:$R$366,ROW(INDEX(Jesper!AL$2:AL$366,ROUNDDOWN($C8621/24,0)+1,1))-1)+IF('Standard Profiles'!$G$22=$B$10,7,0)+IF('Standard Profiles'!$G$22=$B$17,14,0)+IF('Standard Profiles'!$G$22=$B$24,21,0),0)),0)</f>
        <v>3.0626220763638488</v>
      </c>
      <c r="I8621">
        <f t="shared" si="958"/>
        <v>2.9401171933092964</v>
      </c>
      <c r="J8621">
        <f t="shared" si="959"/>
        <v>13.389203919868431</v>
      </c>
      <c r="K8621">
        <f t="shared" si="960"/>
        <v>0.36568396892328808</v>
      </c>
      <c r="L8621">
        <f t="shared" si="961"/>
        <v>0.18284198446164404</v>
      </c>
      <c r="M8621">
        <f t="shared" si="962"/>
        <v>0</v>
      </c>
      <c r="N8621" s="45">
        <f t="shared" si="963"/>
        <v>45284.79166664584</v>
      </c>
    </row>
    <row r="8622" spans="2:14" x14ac:dyDescent="0.25">
      <c r="B8622">
        <f t="shared" si="957"/>
        <v>7</v>
      </c>
      <c r="C8622" s="16">
        <v>8588</v>
      </c>
      <c r="D8622" cm="1">
        <f t="array" ref="D8622">IFERROR(INDEX(Jesper!AH$2:AH$366,ROUNDDOWN($C8622/24,0)+1,1)*INDEX($D$3:$AA$30,INDEX(Jesper!$R$2:$R$366,ROW(INDEX(Jesper!AH$2:AH$366,ROUNDDOWN($C8622/24,0)+1,1))-1)+IF('Standard Profiles'!$G$18=$B$10,7,0)+IF('Standard Profiles'!$G$18=$B$17,14,0)+IF('Standard Profiles'!$G$18=$B$24,21,0),MOD($C8622,24)+1)/SUM(INDEX($D$3:$AA$30,INDEX(Jesper!$R$2:$R$366,ROW(INDEX(Jesper!AH$2:AH$366,ROUNDDOWN($C8622/24,0)+1,1))-1)+IF('Standard Profiles'!$G$18=$B$10,7,0)+IF('Standard Profiles'!$G$18=$B$17,14,0)+IF('Standard Profiles'!$G$18=$B$24,21,0),0)),0)</f>
        <v>0</v>
      </c>
      <c r="E8622" cm="1">
        <f t="array" ref="E8622">IFERROR(INDEX(Jesper!AI$2:AI$366,ROUNDDOWN($C8622/24,0)+1,1)*INDEX($D$3:$AA$30,INDEX(Jesper!$R$2:$R$366,ROW(INDEX(Jesper!AI$2:AI$366,ROUNDDOWN($C8622/24,0)+1,1))-1)+IF('Standard Profiles'!$G$19=$B$10,7,0)+IF('Standard Profiles'!$G$19=$B$17,14,0)+IF('Standard Profiles'!$G$19=$B$24,21,0),MOD($C8622,24)+1)/SUM(INDEX($D$3:$AA$30,INDEX(Jesper!$R$2:$R$366,ROW(INDEX(Jesper!AI$2:AI$366,ROUNDDOWN($C8622/24,0)+1,1))-1)+IF('Standard Profiles'!$G$19=$B$10,7,0)+IF('Standard Profiles'!$G$19=$B$17,14,0)+IF('Standard Profiles'!$G$19=$B$24,21,0),0)),0)</f>
        <v>4.5710496115411008</v>
      </c>
      <c r="F8622" cm="1">
        <f t="array" ref="F8622">IFERROR(INDEX(Jesper!AJ$2:AJ$366,ROUNDDOWN($C8622/24,0)+1,1)*INDEX($D$3:$AA$30,INDEX(Jesper!$R$2:$R$366,ROW(INDEX(Jesper!AJ$2:AJ$366,ROUNDDOWN($C8622/24,0)+1,1))-1)+IF('Standard Profiles'!$G$20=$B$10,7,0)+IF('Standard Profiles'!$G$20=$B$17,14,0)+IF('Standard Profiles'!$G$20=$B$24,21,0),MOD($C8622,24)+1)/SUM(INDEX($D$3:$AA$30,INDEX(Jesper!$R$2:$R$366,ROW(INDEX(Jesper!AJ$2:AJ$366,ROUNDDOWN($C8622/24,0)+1,1))-1)+IF('Standard Profiles'!$G$20=$B$10,7,0)+IF('Standard Profiles'!$G$20=$B$17,14,0)+IF('Standard Profiles'!$G$20=$B$24,21,0),0)),0)</f>
        <v>3.6708686966110213</v>
      </c>
      <c r="G8622" cm="1">
        <f t="array" ref="G8622">IFERROR(INDEX(Jesper!AK$2:AK$366,ROUNDDOWN($C8622/24,0)+1,1)*INDEX($D$3:$AA$30,INDEX(Jesper!$R$2:$R$366,ROW(INDEX(Jesper!AK$2:AK$366,ROUNDDOWN($C8622/24,0)+1,1))-1)+IF('Standard Profiles'!$G$21=$B$10,7,0)+IF('Standard Profiles'!$G$21=$B$17,14,0)+IF('Standard Profiles'!$G$21=$B$24,21,0),MOD($C8622,24)+1)/SUM(INDEX($D$3:$AA$30,INDEX(Jesper!$R$2:$R$366,ROW(INDEX(Jesper!AK$2:AK$366,ROUNDDOWN($C8622/24,0)+1,1))-1)+IF('Standard Profiles'!$G$21=$B$10,7,0)+IF('Standard Profiles'!$G$21=$B$17,14,0)+IF('Standard Profiles'!$G$21=$B$24,21,0),0)),0)</f>
        <v>5.573306682046689</v>
      </c>
      <c r="H8622" cm="1">
        <f t="array" ref="H8622">IFERROR(INDEX(Jesper!AL$2:AL$366,ROUNDDOWN($C8622/24,0)+1,1)*INDEX($D$3:$AA$30,INDEX(Jesper!$R$2:$R$366,ROW(INDEX(Jesper!AL$2:AL$366,ROUNDDOWN($C8622/24,0)+1,1))-1)+IF('Standard Profiles'!$G$22=$B$10,7,0)+IF('Standard Profiles'!$G$22=$B$17,14,0)+IF('Standard Profiles'!$G$22=$B$24,21,0),MOD($C8622,24)+1)/SUM(INDEX($D$3:$AA$30,INDEX(Jesper!$R$2:$R$366,ROW(INDEX(Jesper!AL$2:AL$366,ROUNDDOWN($C8622/24,0)+1,1))-1)+IF('Standard Profiles'!$G$22=$B$10,7,0)+IF('Standard Profiles'!$G$22=$B$17,14,0)+IF('Standard Profiles'!$G$22=$B$24,21,0),0)),0)</f>
        <v>2.5659806585751159</v>
      </c>
      <c r="I8622">
        <f t="shared" si="958"/>
        <v>2.4633414322321125</v>
      </c>
      <c r="J8622">
        <f t="shared" si="959"/>
        <v>13.369338263156882</v>
      </c>
      <c r="K8622">
        <f t="shared" si="960"/>
        <v>0.36568396892328808</v>
      </c>
      <c r="L8622">
        <f t="shared" si="961"/>
        <v>0.18284198446164404</v>
      </c>
      <c r="M8622">
        <f t="shared" si="962"/>
        <v>0</v>
      </c>
      <c r="N8622" s="45">
        <f t="shared" si="963"/>
        <v>45284.833333312505</v>
      </c>
    </row>
    <row r="8623" spans="2:14" x14ac:dyDescent="0.25">
      <c r="B8623">
        <f t="shared" si="957"/>
        <v>7</v>
      </c>
      <c r="C8623" s="16">
        <v>8589</v>
      </c>
      <c r="D8623" cm="1">
        <f t="array" ref="D8623">IFERROR(INDEX(Jesper!AH$2:AH$366,ROUNDDOWN($C8623/24,0)+1,1)*INDEX($D$3:$AA$30,INDEX(Jesper!$R$2:$R$366,ROW(INDEX(Jesper!AH$2:AH$366,ROUNDDOWN($C8623/24,0)+1,1))-1)+IF('Standard Profiles'!$G$18=$B$10,7,0)+IF('Standard Profiles'!$G$18=$B$17,14,0)+IF('Standard Profiles'!$G$18=$B$24,21,0),MOD($C8623,24)+1)/SUM(INDEX($D$3:$AA$30,INDEX(Jesper!$R$2:$R$366,ROW(INDEX(Jesper!AH$2:AH$366,ROUNDDOWN($C8623/24,0)+1,1))-1)+IF('Standard Profiles'!$G$18=$B$10,7,0)+IF('Standard Profiles'!$G$18=$B$17,14,0)+IF('Standard Profiles'!$G$18=$B$24,21,0),0)),0)</f>
        <v>0</v>
      </c>
      <c r="E8623" cm="1">
        <f t="array" ref="E8623">IFERROR(INDEX(Jesper!AI$2:AI$366,ROUNDDOWN($C8623/24,0)+1,1)*INDEX($D$3:$AA$30,INDEX(Jesper!$R$2:$R$366,ROW(INDEX(Jesper!AI$2:AI$366,ROUNDDOWN($C8623/24,0)+1,1))-1)+IF('Standard Profiles'!$G$19=$B$10,7,0)+IF('Standard Profiles'!$G$19=$B$17,14,0)+IF('Standard Profiles'!$G$19=$B$24,21,0),MOD($C8623,24)+1)/SUM(INDEX($D$3:$AA$30,INDEX(Jesper!$R$2:$R$366,ROW(INDEX(Jesper!AI$2:AI$366,ROUNDDOWN($C8623/24,0)+1,1))-1)+IF('Standard Profiles'!$G$19=$B$10,7,0)+IF('Standard Profiles'!$G$19=$B$17,14,0)+IF('Standard Profiles'!$G$19=$B$24,21,0),0)),0)</f>
        <v>4.5710496115411008</v>
      </c>
      <c r="F8623" cm="1">
        <f t="array" ref="F8623">IFERROR(INDEX(Jesper!AJ$2:AJ$366,ROUNDDOWN($C8623/24,0)+1,1)*INDEX($D$3:$AA$30,INDEX(Jesper!$R$2:$R$366,ROW(INDEX(Jesper!AJ$2:AJ$366,ROUNDDOWN($C8623/24,0)+1,1))-1)+IF('Standard Profiles'!$G$20=$B$10,7,0)+IF('Standard Profiles'!$G$20=$B$17,14,0)+IF('Standard Profiles'!$G$20=$B$24,21,0),MOD($C8623,24)+1)/SUM(INDEX($D$3:$AA$30,INDEX(Jesper!$R$2:$R$366,ROW(INDEX(Jesper!AJ$2:AJ$366,ROUNDDOWN($C8623/24,0)+1,1))-1)+IF('Standard Profiles'!$G$20=$B$10,7,0)+IF('Standard Profiles'!$G$20=$B$17,14,0)+IF('Standard Profiles'!$G$20=$B$24,21,0),0)),0)</f>
        <v>3.6708686966110213</v>
      </c>
      <c r="G8623" cm="1">
        <f t="array" ref="G8623">IFERROR(INDEX(Jesper!AK$2:AK$366,ROUNDDOWN($C8623/24,0)+1,1)*INDEX($D$3:$AA$30,INDEX(Jesper!$R$2:$R$366,ROW(INDEX(Jesper!AK$2:AK$366,ROUNDDOWN($C8623/24,0)+1,1))-1)+IF('Standard Profiles'!$G$21=$B$10,7,0)+IF('Standard Profiles'!$G$21=$B$17,14,0)+IF('Standard Profiles'!$G$21=$B$24,21,0),MOD($C8623,24)+1)/SUM(INDEX($D$3:$AA$30,INDEX(Jesper!$R$2:$R$366,ROW(INDEX(Jesper!AK$2:AK$366,ROUNDDOWN($C8623/24,0)+1,1))-1)+IF('Standard Profiles'!$G$21=$B$10,7,0)+IF('Standard Profiles'!$G$21=$B$17,14,0)+IF('Standard Profiles'!$G$21=$B$24,21,0),0)),0)</f>
        <v>5.573306682046689</v>
      </c>
      <c r="H8623" cm="1">
        <f t="array" ref="H8623">IFERROR(INDEX(Jesper!AL$2:AL$366,ROUNDDOWN($C8623/24,0)+1,1)*INDEX($D$3:$AA$30,INDEX(Jesper!$R$2:$R$366,ROW(INDEX(Jesper!AL$2:AL$366,ROUNDDOWN($C8623/24,0)+1,1))-1)+IF('Standard Profiles'!$G$22=$B$10,7,0)+IF('Standard Profiles'!$G$22=$B$17,14,0)+IF('Standard Profiles'!$G$22=$B$24,21,0),MOD($C8623,24)+1)/SUM(INDEX($D$3:$AA$30,INDEX(Jesper!$R$2:$R$366,ROW(INDEX(Jesper!AL$2:AL$366,ROUNDDOWN($C8623/24,0)+1,1))-1)+IF('Standard Profiles'!$G$22=$B$10,7,0)+IF('Standard Profiles'!$G$22=$B$17,14,0)+IF('Standard Profiles'!$G$22=$B$24,21,0),0)),0)</f>
        <v>2.2348863800492951</v>
      </c>
      <c r="I8623">
        <f t="shared" si="958"/>
        <v>2.1454909248473246</v>
      </c>
      <c r="J8623">
        <f t="shared" si="959"/>
        <v>13.356094492015849</v>
      </c>
      <c r="K8623">
        <f t="shared" si="960"/>
        <v>0.36568396892328808</v>
      </c>
      <c r="L8623">
        <f t="shared" si="961"/>
        <v>0.18284198446164404</v>
      </c>
      <c r="M8623">
        <f t="shared" si="962"/>
        <v>0</v>
      </c>
      <c r="N8623" s="45">
        <f t="shared" si="963"/>
        <v>45284.874999979169</v>
      </c>
    </row>
    <row r="8624" spans="2:14" x14ac:dyDescent="0.25">
      <c r="B8624">
        <f t="shared" si="957"/>
        <v>7</v>
      </c>
      <c r="C8624" s="16">
        <v>8590</v>
      </c>
      <c r="D8624" cm="1">
        <f t="array" ref="D8624">IFERROR(INDEX(Jesper!AH$2:AH$366,ROUNDDOWN($C8624/24,0)+1,1)*INDEX($D$3:$AA$30,INDEX(Jesper!$R$2:$R$366,ROW(INDEX(Jesper!AH$2:AH$366,ROUNDDOWN($C8624/24,0)+1,1))-1)+IF('Standard Profiles'!$G$18=$B$10,7,0)+IF('Standard Profiles'!$G$18=$B$17,14,0)+IF('Standard Profiles'!$G$18=$B$24,21,0),MOD($C8624,24)+1)/SUM(INDEX($D$3:$AA$30,INDEX(Jesper!$R$2:$R$366,ROW(INDEX(Jesper!AH$2:AH$366,ROUNDDOWN($C8624/24,0)+1,1))-1)+IF('Standard Profiles'!$G$18=$B$10,7,0)+IF('Standard Profiles'!$G$18=$B$17,14,0)+IF('Standard Profiles'!$G$18=$B$24,21,0),0)),0)</f>
        <v>0</v>
      </c>
      <c r="E8624" cm="1">
        <f t="array" ref="E8624">IFERROR(INDEX(Jesper!AI$2:AI$366,ROUNDDOWN($C8624/24,0)+1,1)*INDEX($D$3:$AA$30,INDEX(Jesper!$R$2:$R$366,ROW(INDEX(Jesper!AI$2:AI$366,ROUNDDOWN($C8624/24,0)+1,1))-1)+IF('Standard Profiles'!$G$19=$B$10,7,0)+IF('Standard Profiles'!$G$19=$B$17,14,0)+IF('Standard Profiles'!$G$19=$B$24,21,0),MOD($C8624,24)+1)/SUM(INDEX($D$3:$AA$30,INDEX(Jesper!$R$2:$R$366,ROW(INDEX(Jesper!AI$2:AI$366,ROUNDDOWN($C8624/24,0)+1,1))-1)+IF('Standard Profiles'!$G$19=$B$10,7,0)+IF('Standard Profiles'!$G$19=$B$17,14,0)+IF('Standard Profiles'!$G$19=$B$24,21,0),0)),0)</f>
        <v>4.5710496115411008</v>
      </c>
      <c r="F8624" cm="1">
        <f t="array" ref="F8624">IFERROR(INDEX(Jesper!AJ$2:AJ$366,ROUNDDOWN($C8624/24,0)+1,1)*INDEX($D$3:$AA$30,INDEX(Jesper!$R$2:$R$366,ROW(INDEX(Jesper!AJ$2:AJ$366,ROUNDDOWN($C8624/24,0)+1,1))-1)+IF('Standard Profiles'!$G$20=$B$10,7,0)+IF('Standard Profiles'!$G$20=$B$17,14,0)+IF('Standard Profiles'!$G$20=$B$24,21,0),MOD($C8624,24)+1)/SUM(INDEX($D$3:$AA$30,INDEX(Jesper!$R$2:$R$366,ROW(INDEX(Jesper!AJ$2:AJ$366,ROUNDDOWN($C8624/24,0)+1,1))-1)+IF('Standard Profiles'!$G$20=$B$10,7,0)+IF('Standard Profiles'!$G$20=$B$17,14,0)+IF('Standard Profiles'!$G$20=$B$24,21,0),0)),0)</f>
        <v>3.6708686966110213</v>
      </c>
      <c r="G8624" cm="1">
        <f t="array" ref="G8624">IFERROR(INDEX(Jesper!AK$2:AK$366,ROUNDDOWN($C8624/24,0)+1,1)*INDEX($D$3:$AA$30,INDEX(Jesper!$R$2:$R$366,ROW(INDEX(Jesper!AK$2:AK$366,ROUNDDOWN($C8624/24,0)+1,1))-1)+IF('Standard Profiles'!$G$21=$B$10,7,0)+IF('Standard Profiles'!$G$21=$B$17,14,0)+IF('Standard Profiles'!$G$21=$B$24,21,0),MOD($C8624,24)+1)/SUM(INDEX($D$3:$AA$30,INDEX(Jesper!$R$2:$R$366,ROW(INDEX(Jesper!AK$2:AK$366,ROUNDDOWN($C8624/24,0)+1,1))-1)+IF('Standard Profiles'!$G$21=$B$10,7,0)+IF('Standard Profiles'!$G$21=$B$17,14,0)+IF('Standard Profiles'!$G$21=$B$24,21,0),0)),0)</f>
        <v>5.573306682046689</v>
      </c>
      <c r="H8624" cm="1">
        <f t="array" ref="H8624">IFERROR(INDEX(Jesper!AL$2:AL$366,ROUNDDOWN($C8624/24,0)+1,1)*INDEX($D$3:$AA$30,INDEX(Jesper!$R$2:$R$366,ROW(INDEX(Jesper!AL$2:AL$366,ROUNDDOWN($C8624/24,0)+1,1))-1)+IF('Standard Profiles'!$G$22=$B$10,7,0)+IF('Standard Profiles'!$G$22=$B$17,14,0)+IF('Standard Profiles'!$G$22=$B$24,21,0),MOD($C8624,24)+1)/SUM(INDEX($D$3:$AA$30,INDEX(Jesper!$R$2:$R$366,ROW(INDEX(Jesper!AL$2:AL$366,ROUNDDOWN($C8624/24,0)+1,1))-1)+IF('Standard Profiles'!$G$22=$B$10,7,0)+IF('Standard Profiles'!$G$22=$B$17,14,0)+IF('Standard Profiles'!$G$22=$B$24,21,0),0)),0)</f>
        <v>2.2348863800492951</v>
      </c>
      <c r="I8624">
        <f t="shared" si="958"/>
        <v>2.1454909248473246</v>
      </c>
      <c r="J8624">
        <f t="shared" si="959"/>
        <v>13.356094492015849</v>
      </c>
      <c r="K8624">
        <f t="shared" si="960"/>
        <v>0.36568396892328808</v>
      </c>
      <c r="L8624">
        <f t="shared" si="961"/>
        <v>0.18284198446164404</v>
      </c>
      <c r="M8624">
        <f t="shared" si="962"/>
        <v>0</v>
      </c>
      <c r="N8624" s="45">
        <f t="shared" si="963"/>
        <v>45284.916666645833</v>
      </c>
    </row>
    <row r="8625" spans="2:14" x14ac:dyDescent="0.25">
      <c r="B8625">
        <f t="shared" si="957"/>
        <v>7</v>
      </c>
      <c r="C8625" s="16">
        <v>8591</v>
      </c>
      <c r="D8625" cm="1">
        <f t="array" ref="D8625">IFERROR(INDEX(Jesper!AH$2:AH$366,ROUNDDOWN($C8625/24,0)+1,1)*INDEX($D$3:$AA$30,INDEX(Jesper!$R$2:$R$366,ROW(INDEX(Jesper!AH$2:AH$366,ROUNDDOWN($C8625/24,0)+1,1))-1)+IF('Standard Profiles'!$G$18=$B$10,7,0)+IF('Standard Profiles'!$G$18=$B$17,14,0)+IF('Standard Profiles'!$G$18=$B$24,21,0),MOD($C8625,24)+1)/SUM(INDEX($D$3:$AA$30,INDEX(Jesper!$R$2:$R$366,ROW(INDEX(Jesper!AH$2:AH$366,ROUNDDOWN($C8625/24,0)+1,1))-1)+IF('Standard Profiles'!$G$18=$B$10,7,0)+IF('Standard Profiles'!$G$18=$B$17,14,0)+IF('Standard Profiles'!$G$18=$B$24,21,0),0)),0)</f>
        <v>0</v>
      </c>
      <c r="E8625" cm="1">
        <f t="array" ref="E8625">IFERROR(INDEX(Jesper!AI$2:AI$366,ROUNDDOWN($C8625/24,0)+1,1)*INDEX($D$3:$AA$30,INDEX(Jesper!$R$2:$R$366,ROW(INDEX(Jesper!AI$2:AI$366,ROUNDDOWN($C8625/24,0)+1,1))-1)+IF('Standard Profiles'!$G$19=$B$10,7,0)+IF('Standard Profiles'!$G$19=$B$17,14,0)+IF('Standard Profiles'!$G$19=$B$24,21,0),MOD($C8625,24)+1)/SUM(INDEX($D$3:$AA$30,INDEX(Jesper!$R$2:$R$366,ROW(INDEX(Jesper!AI$2:AI$366,ROUNDDOWN($C8625/24,0)+1,1))-1)+IF('Standard Profiles'!$G$19=$B$10,7,0)+IF('Standard Profiles'!$G$19=$B$17,14,0)+IF('Standard Profiles'!$G$19=$B$24,21,0),0)),0)</f>
        <v>4.5710496115411008</v>
      </c>
      <c r="F8625" cm="1">
        <f t="array" ref="F8625">IFERROR(INDEX(Jesper!AJ$2:AJ$366,ROUNDDOWN($C8625/24,0)+1,1)*INDEX($D$3:$AA$30,INDEX(Jesper!$R$2:$R$366,ROW(INDEX(Jesper!AJ$2:AJ$366,ROUNDDOWN($C8625/24,0)+1,1))-1)+IF('Standard Profiles'!$G$20=$B$10,7,0)+IF('Standard Profiles'!$G$20=$B$17,14,0)+IF('Standard Profiles'!$G$20=$B$24,21,0),MOD($C8625,24)+1)/SUM(INDEX($D$3:$AA$30,INDEX(Jesper!$R$2:$R$366,ROW(INDEX(Jesper!AJ$2:AJ$366,ROUNDDOWN($C8625/24,0)+1,1))-1)+IF('Standard Profiles'!$G$20=$B$10,7,0)+IF('Standard Profiles'!$G$20=$B$17,14,0)+IF('Standard Profiles'!$G$20=$B$24,21,0),0)),0)</f>
        <v>3.6708686966110213</v>
      </c>
      <c r="G8625" cm="1">
        <f t="array" ref="G8625">IFERROR(INDEX(Jesper!AK$2:AK$366,ROUNDDOWN($C8625/24,0)+1,1)*INDEX($D$3:$AA$30,INDEX(Jesper!$R$2:$R$366,ROW(INDEX(Jesper!AK$2:AK$366,ROUNDDOWN($C8625/24,0)+1,1))-1)+IF('Standard Profiles'!$G$21=$B$10,7,0)+IF('Standard Profiles'!$G$21=$B$17,14,0)+IF('Standard Profiles'!$G$21=$B$24,21,0),MOD($C8625,24)+1)/SUM(INDEX($D$3:$AA$30,INDEX(Jesper!$R$2:$R$366,ROW(INDEX(Jesper!AK$2:AK$366,ROUNDDOWN($C8625/24,0)+1,1))-1)+IF('Standard Profiles'!$G$21=$B$10,7,0)+IF('Standard Profiles'!$G$21=$B$17,14,0)+IF('Standard Profiles'!$G$21=$B$24,21,0),0)),0)</f>
        <v>5.573306682046689</v>
      </c>
      <c r="H8625" cm="1">
        <f t="array" ref="H8625">IFERROR(INDEX(Jesper!AL$2:AL$366,ROUNDDOWN($C8625/24,0)+1,1)*INDEX($D$3:$AA$30,INDEX(Jesper!$R$2:$R$366,ROW(INDEX(Jesper!AL$2:AL$366,ROUNDDOWN($C8625/24,0)+1,1))-1)+IF('Standard Profiles'!$G$22=$B$10,7,0)+IF('Standard Profiles'!$G$22=$B$17,14,0)+IF('Standard Profiles'!$G$22=$B$24,21,0),MOD($C8625,24)+1)/SUM(INDEX($D$3:$AA$30,INDEX(Jesper!$R$2:$R$366,ROW(INDEX(Jesper!AL$2:AL$366,ROUNDDOWN($C8625/24,0)+1,1))-1)+IF('Standard Profiles'!$G$22=$B$10,7,0)+IF('Standard Profiles'!$G$22=$B$17,14,0)+IF('Standard Profiles'!$G$22=$B$24,21,0),0)),0)</f>
        <v>2.2348863800492951</v>
      </c>
      <c r="I8625">
        <f t="shared" si="958"/>
        <v>2.1454909248473246</v>
      </c>
      <c r="J8625">
        <f t="shared" si="959"/>
        <v>13.356094492015849</v>
      </c>
      <c r="K8625">
        <f t="shared" si="960"/>
        <v>0.36568396892328808</v>
      </c>
      <c r="L8625">
        <f t="shared" si="961"/>
        <v>0.18284198446164404</v>
      </c>
      <c r="M8625">
        <f t="shared" si="962"/>
        <v>0</v>
      </c>
      <c r="N8625" s="45">
        <f t="shared" si="963"/>
        <v>45284.958333312497</v>
      </c>
    </row>
    <row r="8626" spans="2:14" x14ac:dyDescent="0.25">
      <c r="B8626">
        <f t="shared" si="957"/>
        <v>1</v>
      </c>
      <c r="C8626" s="16">
        <v>8592</v>
      </c>
      <c r="D8626" cm="1">
        <f t="array" ref="D8626">IFERROR(INDEX(Jesper!AH$2:AH$366,ROUNDDOWN($C8626/24,0)+1,1)*INDEX($D$3:$AA$30,INDEX(Jesper!$R$2:$R$366,ROW(INDEX(Jesper!AH$2:AH$366,ROUNDDOWN($C8626/24,0)+1,1))-1)+IF('Standard Profiles'!$G$18=$B$10,7,0)+IF('Standard Profiles'!$G$18=$B$17,14,0)+IF('Standard Profiles'!$G$18=$B$24,21,0),MOD($C8626,24)+1)/SUM(INDEX($D$3:$AA$30,INDEX(Jesper!$R$2:$R$366,ROW(INDEX(Jesper!AH$2:AH$366,ROUNDDOWN($C8626/24,0)+1,1))-1)+IF('Standard Profiles'!$G$18=$B$10,7,0)+IF('Standard Profiles'!$G$18=$B$17,14,0)+IF('Standard Profiles'!$G$18=$B$24,21,0),0)),0)</f>
        <v>5.5058103752448675</v>
      </c>
      <c r="E8626" cm="1">
        <f t="array" ref="E8626">IFERROR(INDEX(Jesper!AI$2:AI$366,ROUNDDOWN($C8626/24,0)+1,1)*INDEX($D$3:$AA$30,INDEX(Jesper!$R$2:$R$366,ROW(INDEX(Jesper!AI$2:AI$366,ROUNDDOWN($C8626/24,0)+1,1))-1)+IF('Standard Profiles'!$G$19=$B$10,7,0)+IF('Standard Profiles'!$G$19=$B$17,14,0)+IF('Standard Profiles'!$G$19=$B$24,21,0),MOD($C8626,24)+1)/SUM(INDEX($D$3:$AA$30,INDEX(Jesper!$R$2:$R$366,ROW(INDEX(Jesper!AI$2:AI$366,ROUNDDOWN($C8626/24,0)+1,1))-1)+IF('Standard Profiles'!$G$19=$B$10,7,0)+IF('Standard Profiles'!$G$19=$B$17,14,0)+IF('Standard Profiles'!$G$19=$B$24,21,0),0)),0)</f>
        <v>4.0410371751250098</v>
      </c>
      <c r="F8626" cm="1">
        <f t="array" ref="F8626">IFERROR(INDEX(Jesper!AJ$2:AJ$366,ROUNDDOWN($C8626/24,0)+1,1)*INDEX($D$3:$AA$30,INDEX(Jesper!$R$2:$R$366,ROW(INDEX(Jesper!AJ$2:AJ$366,ROUNDDOWN($C8626/24,0)+1,1))-1)+IF('Standard Profiles'!$G$20=$B$10,7,0)+IF('Standard Profiles'!$G$20=$B$17,14,0)+IF('Standard Profiles'!$G$20=$B$24,21,0),MOD($C8626,24)+1)/SUM(INDEX($D$3:$AA$30,INDEX(Jesper!$R$2:$R$366,ROW(INDEX(Jesper!AJ$2:AJ$366,ROUNDDOWN($C8626/24,0)+1,1))-1)+IF('Standard Profiles'!$G$20=$B$10,7,0)+IF('Standard Profiles'!$G$20=$B$17,14,0)+IF('Standard Profiles'!$G$20=$B$24,21,0),0)),0)</f>
        <v>0</v>
      </c>
      <c r="G8626" cm="1">
        <f t="array" ref="G8626">IFERROR(INDEX(Jesper!AK$2:AK$366,ROUNDDOWN($C8626/24,0)+1,1)*INDEX($D$3:$AA$30,INDEX(Jesper!$R$2:$R$366,ROW(INDEX(Jesper!AK$2:AK$366,ROUNDDOWN($C8626/24,0)+1,1))-1)+IF('Standard Profiles'!$G$21=$B$10,7,0)+IF('Standard Profiles'!$G$21=$B$17,14,0)+IF('Standard Profiles'!$G$21=$B$24,21,0),MOD($C8626,24)+1)/SUM(INDEX($D$3:$AA$30,INDEX(Jesper!$R$2:$R$366,ROW(INDEX(Jesper!AK$2:AK$366,ROUNDDOWN($C8626/24,0)+1,1))-1)+IF('Standard Profiles'!$G$21=$B$10,7,0)+IF('Standard Profiles'!$G$21=$B$17,14,0)+IF('Standard Profiles'!$G$21=$B$24,21,0),0)),0)</f>
        <v>0.81378217454463664</v>
      </c>
      <c r="H8626" cm="1">
        <f t="array" ref="H8626">IFERROR(INDEX(Jesper!AL$2:AL$366,ROUNDDOWN($C8626/24,0)+1,1)*INDEX($D$3:$AA$30,INDEX(Jesper!$R$2:$R$366,ROW(INDEX(Jesper!AL$2:AL$366,ROUNDDOWN($C8626/24,0)+1,1))-1)+IF('Standard Profiles'!$G$22=$B$10,7,0)+IF('Standard Profiles'!$G$22=$B$17,14,0)+IF('Standard Profiles'!$G$22=$B$24,21,0),MOD($C8626,24)+1)/SUM(INDEX($D$3:$AA$30,INDEX(Jesper!$R$2:$R$366,ROW(INDEX(Jesper!AL$2:AL$366,ROUNDDOWN($C8626/24,0)+1,1))-1)+IF('Standard Profiles'!$G$22=$B$10,7,0)+IF('Standard Profiles'!$G$22=$B$17,14,0)+IF('Standard Profiles'!$G$22=$B$24,21,0),0)),0)</f>
        <v>0</v>
      </c>
      <c r="I8626">
        <f t="shared" si="958"/>
        <v>0.39061544378142538</v>
      </c>
      <c r="J8626">
        <f t="shared" si="959"/>
        <v>9.0890846210939102</v>
      </c>
      <c r="K8626">
        <f t="shared" si="960"/>
        <v>0.58728644002611918</v>
      </c>
      <c r="L8626">
        <f t="shared" si="961"/>
        <v>0.29364322001305959</v>
      </c>
      <c r="M8626">
        <f t="shared" si="962"/>
        <v>0</v>
      </c>
      <c r="N8626" s="45">
        <f t="shared" si="963"/>
        <v>45284.999999979162</v>
      </c>
    </row>
    <row r="8627" spans="2:14" x14ac:dyDescent="0.25">
      <c r="B8627">
        <f t="shared" si="957"/>
        <v>1</v>
      </c>
      <c r="C8627" s="16">
        <v>8593</v>
      </c>
      <c r="D8627" cm="1">
        <f t="array" ref="D8627">IFERROR(INDEX(Jesper!AH$2:AH$366,ROUNDDOWN($C8627/24,0)+1,1)*INDEX($D$3:$AA$30,INDEX(Jesper!$R$2:$R$366,ROW(INDEX(Jesper!AH$2:AH$366,ROUNDDOWN($C8627/24,0)+1,1))-1)+IF('Standard Profiles'!$G$18=$B$10,7,0)+IF('Standard Profiles'!$G$18=$B$17,14,0)+IF('Standard Profiles'!$G$18=$B$24,21,0),MOD($C8627,24)+1)/SUM(INDEX($D$3:$AA$30,INDEX(Jesper!$R$2:$R$366,ROW(INDEX(Jesper!AH$2:AH$366,ROUNDDOWN($C8627/24,0)+1,1))-1)+IF('Standard Profiles'!$G$18=$B$10,7,0)+IF('Standard Profiles'!$G$18=$B$17,14,0)+IF('Standard Profiles'!$G$18=$B$24,21,0),0)),0)</f>
        <v>5.5058103752448675</v>
      </c>
      <c r="E8627" cm="1">
        <f t="array" ref="E8627">IFERROR(INDEX(Jesper!AI$2:AI$366,ROUNDDOWN($C8627/24,0)+1,1)*INDEX($D$3:$AA$30,INDEX(Jesper!$R$2:$R$366,ROW(INDEX(Jesper!AI$2:AI$366,ROUNDDOWN($C8627/24,0)+1,1))-1)+IF('Standard Profiles'!$G$19=$B$10,7,0)+IF('Standard Profiles'!$G$19=$B$17,14,0)+IF('Standard Profiles'!$G$19=$B$24,21,0),MOD($C8627,24)+1)/SUM(INDEX($D$3:$AA$30,INDEX(Jesper!$R$2:$R$366,ROW(INDEX(Jesper!AI$2:AI$366,ROUNDDOWN($C8627/24,0)+1,1))-1)+IF('Standard Profiles'!$G$19=$B$10,7,0)+IF('Standard Profiles'!$G$19=$B$17,14,0)+IF('Standard Profiles'!$G$19=$B$24,21,0),0)),0)</f>
        <v>4.0410371751250098</v>
      </c>
      <c r="F8627" cm="1">
        <f t="array" ref="F8627">IFERROR(INDEX(Jesper!AJ$2:AJ$366,ROUNDDOWN($C8627/24,0)+1,1)*INDEX($D$3:$AA$30,INDEX(Jesper!$R$2:$R$366,ROW(INDEX(Jesper!AJ$2:AJ$366,ROUNDDOWN($C8627/24,0)+1,1))-1)+IF('Standard Profiles'!$G$20=$B$10,7,0)+IF('Standard Profiles'!$G$20=$B$17,14,0)+IF('Standard Profiles'!$G$20=$B$24,21,0),MOD($C8627,24)+1)/SUM(INDEX($D$3:$AA$30,INDEX(Jesper!$R$2:$R$366,ROW(INDEX(Jesper!AJ$2:AJ$366,ROUNDDOWN($C8627/24,0)+1,1))-1)+IF('Standard Profiles'!$G$20=$B$10,7,0)+IF('Standard Profiles'!$G$20=$B$17,14,0)+IF('Standard Profiles'!$G$20=$B$24,21,0),0)),0)</f>
        <v>0</v>
      </c>
      <c r="G8627" cm="1">
        <f t="array" ref="G8627">IFERROR(INDEX(Jesper!AK$2:AK$366,ROUNDDOWN($C8627/24,0)+1,1)*INDEX($D$3:$AA$30,INDEX(Jesper!$R$2:$R$366,ROW(INDEX(Jesper!AK$2:AK$366,ROUNDDOWN($C8627/24,0)+1,1))-1)+IF('Standard Profiles'!$G$21=$B$10,7,0)+IF('Standard Profiles'!$G$21=$B$17,14,0)+IF('Standard Profiles'!$G$21=$B$24,21,0),MOD($C8627,24)+1)/SUM(INDEX($D$3:$AA$30,INDEX(Jesper!$R$2:$R$366,ROW(INDEX(Jesper!AK$2:AK$366,ROUNDDOWN($C8627/24,0)+1,1))-1)+IF('Standard Profiles'!$G$21=$B$10,7,0)+IF('Standard Profiles'!$G$21=$B$17,14,0)+IF('Standard Profiles'!$G$21=$B$24,21,0),0)),0)</f>
        <v>0.81378217454463664</v>
      </c>
      <c r="H8627" cm="1">
        <f t="array" ref="H8627">IFERROR(INDEX(Jesper!AL$2:AL$366,ROUNDDOWN($C8627/24,0)+1,1)*INDEX($D$3:$AA$30,INDEX(Jesper!$R$2:$R$366,ROW(INDEX(Jesper!AL$2:AL$366,ROUNDDOWN($C8627/24,0)+1,1))-1)+IF('Standard Profiles'!$G$22=$B$10,7,0)+IF('Standard Profiles'!$G$22=$B$17,14,0)+IF('Standard Profiles'!$G$22=$B$24,21,0),MOD($C8627,24)+1)/SUM(INDEX($D$3:$AA$30,INDEX(Jesper!$R$2:$R$366,ROW(INDEX(Jesper!AL$2:AL$366,ROUNDDOWN($C8627/24,0)+1,1))-1)+IF('Standard Profiles'!$G$22=$B$10,7,0)+IF('Standard Profiles'!$G$22=$B$17,14,0)+IF('Standard Profiles'!$G$22=$B$24,21,0),0)),0)</f>
        <v>0</v>
      </c>
      <c r="I8627">
        <f t="shared" si="958"/>
        <v>0.39061544378142538</v>
      </c>
      <c r="J8627">
        <f t="shared" si="959"/>
        <v>9.0890846210939102</v>
      </c>
      <c r="K8627">
        <f t="shared" si="960"/>
        <v>0.58728644002611918</v>
      </c>
      <c r="L8627">
        <f t="shared" si="961"/>
        <v>0.29364322001305959</v>
      </c>
      <c r="M8627">
        <f t="shared" si="962"/>
        <v>0</v>
      </c>
      <c r="N8627" s="45">
        <f t="shared" si="963"/>
        <v>45285.041666645826</v>
      </c>
    </row>
    <row r="8628" spans="2:14" x14ac:dyDescent="0.25">
      <c r="B8628">
        <f t="shared" si="957"/>
        <v>1</v>
      </c>
      <c r="C8628" s="16">
        <v>8594</v>
      </c>
      <c r="D8628" cm="1">
        <f t="array" ref="D8628">IFERROR(INDEX(Jesper!AH$2:AH$366,ROUNDDOWN($C8628/24,0)+1,1)*INDEX($D$3:$AA$30,INDEX(Jesper!$R$2:$R$366,ROW(INDEX(Jesper!AH$2:AH$366,ROUNDDOWN($C8628/24,0)+1,1))-1)+IF('Standard Profiles'!$G$18=$B$10,7,0)+IF('Standard Profiles'!$G$18=$B$17,14,0)+IF('Standard Profiles'!$G$18=$B$24,21,0),MOD($C8628,24)+1)/SUM(INDEX($D$3:$AA$30,INDEX(Jesper!$R$2:$R$366,ROW(INDEX(Jesper!AH$2:AH$366,ROUNDDOWN($C8628/24,0)+1,1))-1)+IF('Standard Profiles'!$G$18=$B$10,7,0)+IF('Standard Profiles'!$G$18=$B$17,14,0)+IF('Standard Profiles'!$G$18=$B$24,21,0),0)),0)</f>
        <v>5.5058103752448675</v>
      </c>
      <c r="E8628" cm="1">
        <f t="array" ref="E8628">IFERROR(INDEX(Jesper!AI$2:AI$366,ROUNDDOWN($C8628/24,0)+1,1)*INDEX($D$3:$AA$30,INDEX(Jesper!$R$2:$R$366,ROW(INDEX(Jesper!AI$2:AI$366,ROUNDDOWN($C8628/24,0)+1,1))-1)+IF('Standard Profiles'!$G$19=$B$10,7,0)+IF('Standard Profiles'!$G$19=$B$17,14,0)+IF('Standard Profiles'!$G$19=$B$24,21,0),MOD($C8628,24)+1)/SUM(INDEX($D$3:$AA$30,INDEX(Jesper!$R$2:$R$366,ROW(INDEX(Jesper!AI$2:AI$366,ROUNDDOWN($C8628/24,0)+1,1))-1)+IF('Standard Profiles'!$G$19=$B$10,7,0)+IF('Standard Profiles'!$G$19=$B$17,14,0)+IF('Standard Profiles'!$G$19=$B$24,21,0),0)),0)</f>
        <v>4.0410371751250098</v>
      </c>
      <c r="F8628" cm="1">
        <f t="array" ref="F8628">IFERROR(INDEX(Jesper!AJ$2:AJ$366,ROUNDDOWN($C8628/24,0)+1,1)*INDEX($D$3:$AA$30,INDEX(Jesper!$R$2:$R$366,ROW(INDEX(Jesper!AJ$2:AJ$366,ROUNDDOWN($C8628/24,0)+1,1))-1)+IF('Standard Profiles'!$G$20=$B$10,7,0)+IF('Standard Profiles'!$G$20=$B$17,14,0)+IF('Standard Profiles'!$G$20=$B$24,21,0),MOD($C8628,24)+1)/SUM(INDEX($D$3:$AA$30,INDEX(Jesper!$R$2:$R$366,ROW(INDEX(Jesper!AJ$2:AJ$366,ROUNDDOWN($C8628/24,0)+1,1))-1)+IF('Standard Profiles'!$G$20=$B$10,7,0)+IF('Standard Profiles'!$G$20=$B$17,14,0)+IF('Standard Profiles'!$G$20=$B$24,21,0),0)),0)</f>
        <v>0</v>
      </c>
      <c r="G8628" cm="1">
        <f t="array" ref="G8628">IFERROR(INDEX(Jesper!AK$2:AK$366,ROUNDDOWN($C8628/24,0)+1,1)*INDEX($D$3:$AA$30,INDEX(Jesper!$R$2:$R$366,ROW(INDEX(Jesper!AK$2:AK$366,ROUNDDOWN($C8628/24,0)+1,1))-1)+IF('Standard Profiles'!$G$21=$B$10,7,0)+IF('Standard Profiles'!$G$21=$B$17,14,0)+IF('Standard Profiles'!$G$21=$B$24,21,0),MOD($C8628,24)+1)/SUM(INDEX($D$3:$AA$30,INDEX(Jesper!$R$2:$R$366,ROW(INDEX(Jesper!AK$2:AK$366,ROUNDDOWN($C8628/24,0)+1,1))-1)+IF('Standard Profiles'!$G$21=$B$10,7,0)+IF('Standard Profiles'!$G$21=$B$17,14,0)+IF('Standard Profiles'!$G$21=$B$24,21,0),0)),0)</f>
        <v>0.81378217454463664</v>
      </c>
      <c r="H8628" cm="1">
        <f t="array" ref="H8628">IFERROR(INDEX(Jesper!AL$2:AL$366,ROUNDDOWN($C8628/24,0)+1,1)*INDEX($D$3:$AA$30,INDEX(Jesper!$R$2:$R$366,ROW(INDEX(Jesper!AL$2:AL$366,ROUNDDOWN($C8628/24,0)+1,1))-1)+IF('Standard Profiles'!$G$22=$B$10,7,0)+IF('Standard Profiles'!$G$22=$B$17,14,0)+IF('Standard Profiles'!$G$22=$B$24,21,0),MOD($C8628,24)+1)/SUM(INDEX($D$3:$AA$30,INDEX(Jesper!$R$2:$R$366,ROW(INDEX(Jesper!AL$2:AL$366,ROUNDDOWN($C8628/24,0)+1,1))-1)+IF('Standard Profiles'!$G$22=$B$10,7,0)+IF('Standard Profiles'!$G$22=$B$17,14,0)+IF('Standard Profiles'!$G$22=$B$24,21,0),0)),0)</f>
        <v>0</v>
      </c>
      <c r="I8628">
        <f t="shared" si="958"/>
        <v>0.39061544378142538</v>
      </c>
      <c r="J8628">
        <f t="shared" si="959"/>
        <v>9.0890846210939102</v>
      </c>
      <c r="K8628">
        <f t="shared" si="960"/>
        <v>0.58728644002611918</v>
      </c>
      <c r="L8628">
        <f t="shared" si="961"/>
        <v>0.29364322001305959</v>
      </c>
      <c r="M8628">
        <f t="shared" si="962"/>
        <v>0</v>
      </c>
      <c r="N8628" s="45">
        <f t="shared" si="963"/>
        <v>45285.08333331249</v>
      </c>
    </row>
    <row r="8629" spans="2:14" x14ac:dyDescent="0.25">
      <c r="B8629">
        <f t="shared" si="957"/>
        <v>1</v>
      </c>
      <c r="C8629" s="16">
        <v>8595</v>
      </c>
      <c r="D8629" cm="1">
        <f t="array" ref="D8629">IFERROR(INDEX(Jesper!AH$2:AH$366,ROUNDDOWN($C8629/24,0)+1,1)*INDEX($D$3:$AA$30,INDEX(Jesper!$R$2:$R$366,ROW(INDEX(Jesper!AH$2:AH$366,ROUNDDOWN($C8629/24,0)+1,1))-1)+IF('Standard Profiles'!$G$18=$B$10,7,0)+IF('Standard Profiles'!$G$18=$B$17,14,0)+IF('Standard Profiles'!$G$18=$B$24,21,0),MOD($C8629,24)+1)/SUM(INDEX($D$3:$AA$30,INDEX(Jesper!$R$2:$R$366,ROW(INDEX(Jesper!AH$2:AH$366,ROUNDDOWN($C8629/24,0)+1,1))-1)+IF('Standard Profiles'!$G$18=$B$10,7,0)+IF('Standard Profiles'!$G$18=$B$17,14,0)+IF('Standard Profiles'!$G$18=$B$24,21,0),0)),0)</f>
        <v>5.5058103752448675</v>
      </c>
      <c r="E8629" cm="1">
        <f t="array" ref="E8629">IFERROR(INDEX(Jesper!AI$2:AI$366,ROUNDDOWN($C8629/24,0)+1,1)*INDEX($D$3:$AA$30,INDEX(Jesper!$R$2:$R$366,ROW(INDEX(Jesper!AI$2:AI$366,ROUNDDOWN($C8629/24,0)+1,1))-1)+IF('Standard Profiles'!$G$19=$B$10,7,0)+IF('Standard Profiles'!$G$19=$B$17,14,0)+IF('Standard Profiles'!$G$19=$B$24,21,0),MOD($C8629,24)+1)/SUM(INDEX($D$3:$AA$30,INDEX(Jesper!$R$2:$R$366,ROW(INDEX(Jesper!AI$2:AI$366,ROUNDDOWN($C8629/24,0)+1,1))-1)+IF('Standard Profiles'!$G$19=$B$10,7,0)+IF('Standard Profiles'!$G$19=$B$17,14,0)+IF('Standard Profiles'!$G$19=$B$24,21,0),0)),0)</f>
        <v>4.0410371751250098</v>
      </c>
      <c r="F8629" cm="1">
        <f t="array" ref="F8629">IFERROR(INDEX(Jesper!AJ$2:AJ$366,ROUNDDOWN($C8629/24,0)+1,1)*INDEX($D$3:$AA$30,INDEX(Jesper!$R$2:$R$366,ROW(INDEX(Jesper!AJ$2:AJ$366,ROUNDDOWN($C8629/24,0)+1,1))-1)+IF('Standard Profiles'!$G$20=$B$10,7,0)+IF('Standard Profiles'!$G$20=$B$17,14,0)+IF('Standard Profiles'!$G$20=$B$24,21,0),MOD($C8629,24)+1)/SUM(INDEX($D$3:$AA$30,INDEX(Jesper!$R$2:$R$366,ROW(INDEX(Jesper!AJ$2:AJ$366,ROUNDDOWN($C8629/24,0)+1,1))-1)+IF('Standard Profiles'!$G$20=$B$10,7,0)+IF('Standard Profiles'!$G$20=$B$17,14,0)+IF('Standard Profiles'!$G$20=$B$24,21,0),0)),0)</f>
        <v>0</v>
      </c>
      <c r="G8629" cm="1">
        <f t="array" ref="G8629">IFERROR(INDEX(Jesper!AK$2:AK$366,ROUNDDOWN($C8629/24,0)+1,1)*INDEX($D$3:$AA$30,INDEX(Jesper!$R$2:$R$366,ROW(INDEX(Jesper!AK$2:AK$366,ROUNDDOWN($C8629/24,0)+1,1))-1)+IF('Standard Profiles'!$G$21=$B$10,7,0)+IF('Standard Profiles'!$G$21=$B$17,14,0)+IF('Standard Profiles'!$G$21=$B$24,21,0),MOD($C8629,24)+1)/SUM(INDEX($D$3:$AA$30,INDEX(Jesper!$R$2:$R$366,ROW(INDEX(Jesper!AK$2:AK$366,ROUNDDOWN($C8629/24,0)+1,1))-1)+IF('Standard Profiles'!$G$21=$B$10,7,0)+IF('Standard Profiles'!$G$21=$B$17,14,0)+IF('Standard Profiles'!$G$21=$B$24,21,0),0)),0)</f>
        <v>0.81378217454463664</v>
      </c>
      <c r="H8629" cm="1">
        <f t="array" ref="H8629">IFERROR(INDEX(Jesper!AL$2:AL$366,ROUNDDOWN($C8629/24,0)+1,1)*INDEX($D$3:$AA$30,INDEX(Jesper!$R$2:$R$366,ROW(INDEX(Jesper!AL$2:AL$366,ROUNDDOWN($C8629/24,0)+1,1))-1)+IF('Standard Profiles'!$G$22=$B$10,7,0)+IF('Standard Profiles'!$G$22=$B$17,14,0)+IF('Standard Profiles'!$G$22=$B$24,21,0),MOD($C8629,24)+1)/SUM(INDEX($D$3:$AA$30,INDEX(Jesper!$R$2:$R$366,ROW(INDEX(Jesper!AL$2:AL$366,ROUNDDOWN($C8629/24,0)+1,1))-1)+IF('Standard Profiles'!$G$22=$B$10,7,0)+IF('Standard Profiles'!$G$22=$B$17,14,0)+IF('Standard Profiles'!$G$22=$B$24,21,0),0)),0)</f>
        <v>0</v>
      </c>
      <c r="I8629">
        <f t="shared" si="958"/>
        <v>0.39061544378142538</v>
      </c>
      <c r="J8629">
        <f t="shared" si="959"/>
        <v>9.0890846210939102</v>
      </c>
      <c r="K8629">
        <f t="shared" si="960"/>
        <v>0.58728644002611918</v>
      </c>
      <c r="L8629">
        <f t="shared" si="961"/>
        <v>0.29364322001305959</v>
      </c>
      <c r="M8629">
        <f t="shared" si="962"/>
        <v>0</v>
      </c>
      <c r="N8629" s="45">
        <f t="shared" si="963"/>
        <v>45285.124999979154</v>
      </c>
    </row>
    <row r="8630" spans="2:14" x14ac:dyDescent="0.25">
      <c r="B8630">
        <f t="shared" si="957"/>
        <v>1</v>
      </c>
      <c r="C8630" s="16">
        <v>8596</v>
      </c>
      <c r="D8630" cm="1">
        <f t="array" ref="D8630">IFERROR(INDEX(Jesper!AH$2:AH$366,ROUNDDOWN($C8630/24,0)+1,1)*INDEX($D$3:$AA$30,INDEX(Jesper!$R$2:$R$366,ROW(INDEX(Jesper!AH$2:AH$366,ROUNDDOWN($C8630/24,0)+1,1))-1)+IF('Standard Profiles'!$G$18=$B$10,7,0)+IF('Standard Profiles'!$G$18=$B$17,14,0)+IF('Standard Profiles'!$G$18=$B$24,21,0),MOD($C8630,24)+1)/SUM(INDEX($D$3:$AA$30,INDEX(Jesper!$R$2:$R$366,ROW(INDEX(Jesper!AH$2:AH$366,ROUNDDOWN($C8630/24,0)+1,1))-1)+IF('Standard Profiles'!$G$18=$B$10,7,0)+IF('Standard Profiles'!$G$18=$B$17,14,0)+IF('Standard Profiles'!$G$18=$B$24,21,0),0)),0)</f>
        <v>5.5058103752448675</v>
      </c>
      <c r="E8630" cm="1">
        <f t="array" ref="E8630">IFERROR(INDEX(Jesper!AI$2:AI$366,ROUNDDOWN($C8630/24,0)+1,1)*INDEX($D$3:$AA$30,INDEX(Jesper!$R$2:$R$366,ROW(INDEX(Jesper!AI$2:AI$366,ROUNDDOWN($C8630/24,0)+1,1))-1)+IF('Standard Profiles'!$G$19=$B$10,7,0)+IF('Standard Profiles'!$G$19=$B$17,14,0)+IF('Standard Profiles'!$G$19=$B$24,21,0),MOD($C8630,24)+1)/SUM(INDEX($D$3:$AA$30,INDEX(Jesper!$R$2:$R$366,ROW(INDEX(Jesper!AI$2:AI$366,ROUNDDOWN($C8630/24,0)+1,1))-1)+IF('Standard Profiles'!$G$19=$B$10,7,0)+IF('Standard Profiles'!$G$19=$B$17,14,0)+IF('Standard Profiles'!$G$19=$B$24,21,0),0)),0)</f>
        <v>4.0410371751250098</v>
      </c>
      <c r="F8630" cm="1">
        <f t="array" ref="F8630">IFERROR(INDEX(Jesper!AJ$2:AJ$366,ROUNDDOWN($C8630/24,0)+1,1)*INDEX($D$3:$AA$30,INDEX(Jesper!$R$2:$R$366,ROW(INDEX(Jesper!AJ$2:AJ$366,ROUNDDOWN($C8630/24,0)+1,1))-1)+IF('Standard Profiles'!$G$20=$B$10,7,0)+IF('Standard Profiles'!$G$20=$B$17,14,0)+IF('Standard Profiles'!$G$20=$B$24,21,0),MOD($C8630,24)+1)/SUM(INDEX($D$3:$AA$30,INDEX(Jesper!$R$2:$R$366,ROW(INDEX(Jesper!AJ$2:AJ$366,ROUNDDOWN($C8630/24,0)+1,1))-1)+IF('Standard Profiles'!$G$20=$B$10,7,0)+IF('Standard Profiles'!$G$20=$B$17,14,0)+IF('Standard Profiles'!$G$20=$B$24,21,0),0)),0)</f>
        <v>0</v>
      </c>
      <c r="G8630" cm="1">
        <f t="array" ref="G8630">IFERROR(INDEX(Jesper!AK$2:AK$366,ROUNDDOWN($C8630/24,0)+1,1)*INDEX($D$3:$AA$30,INDEX(Jesper!$R$2:$R$366,ROW(INDEX(Jesper!AK$2:AK$366,ROUNDDOWN($C8630/24,0)+1,1))-1)+IF('Standard Profiles'!$G$21=$B$10,7,0)+IF('Standard Profiles'!$G$21=$B$17,14,0)+IF('Standard Profiles'!$G$21=$B$24,21,0),MOD($C8630,24)+1)/SUM(INDEX($D$3:$AA$30,INDEX(Jesper!$R$2:$R$366,ROW(INDEX(Jesper!AK$2:AK$366,ROUNDDOWN($C8630/24,0)+1,1))-1)+IF('Standard Profiles'!$G$21=$B$10,7,0)+IF('Standard Profiles'!$G$21=$B$17,14,0)+IF('Standard Profiles'!$G$21=$B$24,21,0),0)),0)</f>
        <v>0.81378217454463664</v>
      </c>
      <c r="H8630" cm="1">
        <f t="array" ref="H8630">IFERROR(INDEX(Jesper!AL$2:AL$366,ROUNDDOWN($C8630/24,0)+1,1)*INDEX($D$3:$AA$30,INDEX(Jesper!$R$2:$R$366,ROW(INDEX(Jesper!AL$2:AL$366,ROUNDDOWN($C8630/24,0)+1,1))-1)+IF('Standard Profiles'!$G$22=$B$10,7,0)+IF('Standard Profiles'!$G$22=$B$17,14,0)+IF('Standard Profiles'!$G$22=$B$24,21,0),MOD($C8630,24)+1)/SUM(INDEX($D$3:$AA$30,INDEX(Jesper!$R$2:$R$366,ROW(INDEX(Jesper!AL$2:AL$366,ROUNDDOWN($C8630/24,0)+1,1))-1)+IF('Standard Profiles'!$G$22=$B$10,7,0)+IF('Standard Profiles'!$G$22=$B$17,14,0)+IF('Standard Profiles'!$G$22=$B$24,21,0),0)),0)</f>
        <v>0</v>
      </c>
      <c r="I8630">
        <f t="shared" si="958"/>
        <v>0.39061544378142538</v>
      </c>
      <c r="J8630">
        <f t="shared" si="959"/>
        <v>9.0890846210939102</v>
      </c>
      <c r="K8630">
        <f t="shared" si="960"/>
        <v>0.58728644002611918</v>
      </c>
      <c r="L8630">
        <f t="shared" si="961"/>
        <v>0.29364322001305959</v>
      </c>
      <c r="M8630">
        <f t="shared" si="962"/>
        <v>0</v>
      </c>
      <c r="N8630" s="45">
        <f t="shared" si="963"/>
        <v>45285.166666645819</v>
      </c>
    </row>
    <row r="8631" spans="2:14" x14ac:dyDescent="0.25">
      <c r="B8631">
        <f t="shared" si="957"/>
        <v>1</v>
      </c>
      <c r="C8631" s="16">
        <v>8597</v>
      </c>
      <c r="D8631" cm="1">
        <f t="array" ref="D8631">IFERROR(INDEX(Jesper!AH$2:AH$366,ROUNDDOWN($C8631/24,0)+1,1)*INDEX($D$3:$AA$30,INDEX(Jesper!$R$2:$R$366,ROW(INDEX(Jesper!AH$2:AH$366,ROUNDDOWN($C8631/24,0)+1,1))-1)+IF('Standard Profiles'!$G$18=$B$10,7,0)+IF('Standard Profiles'!$G$18=$B$17,14,0)+IF('Standard Profiles'!$G$18=$B$24,21,0),MOD($C8631,24)+1)/SUM(INDEX($D$3:$AA$30,INDEX(Jesper!$R$2:$R$366,ROW(INDEX(Jesper!AH$2:AH$366,ROUNDDOWN($C8631/24,0)+1,1))-1)+IF('Standard Profiles'!$G$18=$B$10,7,0)+IF('Standard Profiles'!$G$18=$B$17,14,0)+IF('Standard Profiles'!$G$18=$B$24,21,0),0)),0)</f>
        <v>5.5058103752448675</v>
      </c>
      <c r="E8631" cm="1">
        <f t="array" ref="E8631">IFERROR(INDEX(Jesper!AI$2:AI$366,ROUNDDOWN($C8631/24,0)+1,1)*INDEX($D$3:$AA$30,INDEX(Jesper!$R$2:$R$366,ROW(INDEX(Jesper!AI$2:AI$366,ROUNDDOWN($C8631/24,0)+1,1))-1)+IF('Standard Profiles'!$G$19=$B$10,7,0)+IF('Standard Profiles'!$G$19=$B$17,14,0)+IF('Standard Profiles'!$G$19=$B$24,21,0),MOD($C8631,24)+1)/SUM(INDEX($D$3:$AA$30,INDEX(Jesper!$R$2:$R$366,ROW(INDEX(Jesper!AI$2:AI$366,ROUNDDOWN($C8631/24,0)+1,1))-1)+IF('Standard Profiles'!$G$19=$B$10,7,0)+IF('Standard Profiles'!$G$19=$B$17,14,0)+IF('Standard Profiles'!$G$19=$B$24,21,0),0)),0)</f>
        <v>4.0410371751250098</v>
      </c>
      <c r="F8631" cm="1">
        <f t="array" ref="F8631">IFERROR(INDEX(Jesper!AJ$2:AJ$366,ROUNDDOWN($C8631/24,0)+1,1)*INDEX($D$3:$AA$30,INDEX(Jesper!$R$2:$R$366,ROW(INDEX(Jesper!AJ$2:AJ$366,ROUNDDOWN($C8631/24,0)+1,1))-1)+IF('Standard Profiles'!$G$20=$B$10,7,0)+IF('Standard Profiles'!$G$20=$B$17,14,0)+IF('Standard Profiles'!$G$20=$B$24,21,0),MOD($C8631,24)+1)/SUM(INDEX($D$3:$AA$30,INDEX(Jesper!$R$2:$R$366,ROW(INDEX(Jesper!AJ$2:AJ$366,ROUNDDOWN($C8631/24,0)+1,1))-1)+IF('Standard Profiles'!$G$20=$B$10,7,0)+IF('Standard Profiles'!$G$20=$B$17,14,0)+IF('Standard Profiles'!$G$20=$B$24,21,0),0)),0)</f>
        <v>0</v>
      </c>
      <c r="G8631" cm="1">
        <f t="array" ref="G8631">IFERROR(INDEX(Jesper!AK$2:AK$366,ROUNDDOWN($C8631/24,0)+1,1)*INDEX($D$3:$AA$30,INDEX(Jesper!$R$2:$R$366,ROW(INDEX(Jesper!AK$2:AK$366,ROUNDDOWN($C8631/24,0)+1,1))-1)+IF('Standard Profiles'!$G$21=$B$10,7,0)+IF('Standard Profiles'!$G$21=$B$17,14,0)+IF('Standard Profiles'!$G$21=$B$24,21,0),MOD($C8631,24)+1)/SUM(INDEX($D$3:$AA$30,INDEX(Jesper!$R$2:$R$366,ROW(INDEX(Jesper!AK$2:AK$366,ROUNDDOWN($C8631/24,0)+1,1))-1)+IF('Standard Profiles'!$G$21=$B$10,7,0)+IF('Standard Profiles'!$G$21=$B$17,14,0)+IF('Standard Profiles'!$G$21=$B$24,21,0),0)),0)</f>
        <v>0.81378217454463664</v>
      </c>
      <c r="H8631" cm="1">
        <f t="array" ref="H8631">IFERROR(INDEX(Jesper!AL$2:AL$366,ROUNDDOWN($C8631/24,0)+1,1)*INDEX($D$3:$AA$30,INDEX(Jesper!$R$2:$R$366,ROW(INDEX(Jesper!AL$2:AL$366,ROUNDDOWN($C8631/24,0)+1,1))-1)+IF('Standard Profiles'!$G$22=$B$10,7,0)+IF('Standard Profiles'!$G$22=$B$17,14,0)+IF('Standard Profiles'!$G$22=$B$24,21,0),MOD($C8631,24)+1)/SUM(INDEX($D$3:$AA$30,INDEX(Jesper!$R$2:$R$366,ROW(INDEX(Jesper!AL$2:AL$366,ROUNDDOWN($C8631/24,0)+1,1))-1)+IF('Standard Profiles'!$G$22=$B$10,7,0)+IF('Standard Profiles'!$G$22=$B$17,14,0)+IF('Standard Profiles'!$G$22=$B$24,21,0),0)),0)</f>
        <v>0</v>
      </c>
      <c r="I8631">
        <f t="shared" si="958"/>
        <v>0.39061544378142538</v>
      </c>
      <c r="J8631">
        <f t="shared" si="959"/>
        <v>9.0890846210939102</v>
      </c>
      <c r="K8631">
        <f t="shared" si="960"/>
        <v>0.58728644002611918</v>
      </c>
      <c r="L8631">
        <f t="shared" si="961"/>
        <v>0.29364322001305959</v>
      </c>
      <c r="M8631">
        <f t="shared" si="962"/>
        <v>0</v>
      </c>
      <c r="N8631" s="45">
        <f t="shared" si="963"/>
        <v>45285.208333312483</v>
      </c>
    </row>
    <row r="8632" spans="2:14" x14ac:dyDescent="0.25">
      <c r="B8632">
        <f t="shared" si="957"/>
        <v>1</v>
      </c>
      <c r="C8632" s="16">
        <v>8598</v>
      </c>
      <c r="D8632" cm="1">
        <f t="array" ref="D8632">IFERROR(INDEX(Jesper!AH$2:AH$366,ROUNDDOWN($C8632/24,0)+1,1)*INDEX($D$3:$AA$30,INDEX(Jesper!$R$2:$R$366,ROW(INDEX(Jesper!AH$2:AH$366,ROUNDDOWN($C8632/24,0)+1,1))-1)+IF('Standard Profiles'!$G$18=$B$10,7,0)+IF('Standard Profiles'!$G$18=$B$17,14,0)+IF('Standard Profiles'!$G$18=$B$24,21,0),MOD($C8632,24)+1)/SUM(INDEX($D$3:$AA$30,INDEX(Jesper!$R$2:$R$366,ROW(INDEX(Jesper!AH$2:AH$366,ROUNDDOWN($C8632/24,0)+1,1))-1)+IF('Standard Profiles'!$G$18=$B$10,7,0)+IF('Standard Profiles'!$G$18=$B$17,14,0)+IF('Standard Profiles'!$G$18=$B$24,21,0),0)),0)</f>
        <v>5.5058103752448675</v>
      </c>
      <c r="E8632" cm="1">
        <f t="array" ref="E8632">IFERROR(INDEX(Jesper!AI$2:AI$366,ROUNDDOWN($C8632/24,0)+1,1)*INDEX($D$3:$AA$30,INDEX(Jesper!$R$2:$R$366,ROW(INDEX(Jesper!AI$2:AI$366,ROUNDDOWN($C8632/24,0)+1,1))-1)+IF('Standard Profiles'!$G$19=$B$10,7,0)+IF('Standard Profiles'!$G$19=$B$17,14,0)+IF('Standard Profiles'!$G$19=$B$24,21,0),MOD($C8632,24)+1)/SUM(INDEX($D$3:$AA$30,INDEX(Jesper!$R$2:$R$366,ROW(INDEX(Jesper!AI$2:AI$366,ROUNDDOWN($C8632/24,0)+1,1))-1)+IF('Standard Profiles'!$G$19=$B$10,7,0)+IF('Standard Profiles'!$G$19=$B$17,14,0)+IF('Standard Profiles'!$G$19=$B$24,21,0),0)),0)</f>
        <v>4.0410371751250098</v>
      </c>
      <c r="F8632" cm="1">
        <f t="array" ref="F8632">IFERROR(INDEX(Jesper!AJ$2:AJ$366,ROUNDDOWN($C8632/24,0)+1,1)*INDEX($D$3:$AA$30,INDEX(Jesper!$R$2:$R$366,ROW(INDEX(Jesper!AJ$2:AJ$366,ROUNDDOWN($C8632/24,0)+1,1))-1)+IF('Standard Profiles'!$G$20=$B$10,7,0)+IF('Standard Profiles'!$G$20=$B$17,14,0)+IF('Standard Profiles'!$G$20=$B$24,21,0),MOD($C8632,24)+1)/SUM(INDEX($D$3:$AA$30,INDEX(Jesper!$R$2:$R$366,ROW(INDEX(Jesper!AJ$2:AJ$366,ROUNDDOWN($C8632/24,0)+1,1))-1)+IF('Standard Profiles'!$G$20=$B$10,7,0)+IF('Standard Profiles'!$G$20=$B$17,14,0)+IF('Standard Profiles'!$G$20=$B$24,21,0),0)),0)</f>
        <v>0</v>
      </c>
      <c r="G8632" cm="1">
        <f t="array" ref="G8632">IFERROR(INDEX(Jesper!AK$2:AK$366,ROUNDDOWN($C8632/24,0)+1,1)*INDEX($D$3:$AA$30,INDEX(Jesper!$R$2:$R$366,ROW(INDEX(Jesper!AK$2:AK$366,ROUNDDOWN($C8632/24,0)+1,1))-1)+IF('Standard Profiles'!$G$21=$B$10,7,0)+IF('Standard Profiles'!$G$21=$B$17,14,0)+IF('Standard Profiles'!$G$21=$B$24,21,0),MOD($C8632,24)+1)/SUM(INDEX($D$3:$AA$30,INDEX(Jesper!$R$2:$R$366,ROW(INDEX(Jesper!AK$2:AK$366,ROUNDDOWN($C8632/24,0)+1,1))-1)+IF('Standard Profiles'!$G$21=$B$10,7,0)+IF('Standard Profiles'!$G$21=$B$17,14,0)+IF('Standard Profiles'!$G$21=$B$24,21,0),0)),0)</f>
        <v>0.81378217454463664</v>
      </c>
      <c r="H8632" cm="1">
        <f t="array" ref="H8632">IFERROR(INDEX(Jesper!AL$2:AL$366,ROUNDDOWN($C8632/24,0)+1,1)*INDEX($D$3:$AA$30,INDEX(Jesper!$R$2:$R$366,ROW(INDEX(Jesper!AL$2:AL$366,ROUNDDOWN($C8632/24,0)+1,1))-1)+IF('Standard Profiles'!$G$22=$B$10,7,0)+IF('Standard Profiles'!$G$22=$B$17,14,0)+IF('Standard Profiles'!$G$22=$B$24,21,0),MOD($C8632,24)+1)/SUM(INDEX($D$3:$AA$30,INDEX(Jesper!$R$2:$R$366,ROW(INDEX(Jesper!AL$2:AL$366,ROUNDDOWN($C8632/24,0)+1,1))-1)+IF('Standard Profiles'!$G$22=$B$10,7,0)+IF('Standard Profiles'!$G$22=$B$17,14,0)+IF('Standard Profiles'!$G$22=$B$24,21,0),0)),0)</f>
        <v>0</v>
      </c>
      <c r="I8632">
        <f t="shared" si="958"/>
        <v>0.39061544378142538</v>
      </c>
      <c r="J8632">
        <f t="shared" si="959"/>
        <v>9.0890846210939102</v>
      </c>
      <c r="K8632">
        <f t="shared" si="960"/>
        <v>0.58728644002611918</v>
      </c>
      <c r="L8632">
        <f t="shared" si="961"/>
        <v>0.29364322001305959</v>
      </c>
      <c r="M8632">
        <f t="shared" si="962"/>
        <v>0</v>
      </c>
      <c r="N8632" s="45">
        <f t="shared" si="963"/>
        <v>45285.249999979147</v>
      </c>
    </row>
    <row r="8633" spans="2:14" x14ac:dyDescent="0.25">
      <c r="B8633">
        <f t="shared" si="957"/>
        <v>1</v>
      </c>
      <c r="C8633" s="16">
        <v>8599</v>
      </c>
      <c r="D8633" cm="1">
        <f t="array" ref="D8633">IFERROR(INDEX(Jesper!AH$2:AH$366,ROUNDDOWN($C8633/24,0)+1,1)*INDEX($D$3:$AA$30,INDEX(Jesper!$R$2:$R$366,ROW(INDEX(Jesper!AH$2:AH$366,ROUNDDOWN($C8633/24,0)+1,1))-1)+IF('Standard Profiles'!$G$18=$B$10,7,0)+IF('Standard Profiles'!$G$18=$B$17,14,0)+IF('Standard Profiles'!$G$18=$B$24,21,0),MOD($C8633,24)+1)/SUM(INDEX($D$3:$AA$30,INDEX(Jesper!$R$2:$R$366,ROW(INDEX(Jesper!AH$2:AH$366,ROUNDDOWN($C8633/24,0)+1,1))-1)+IF('Standard Profiles'!$G$18=$B$10,7,0)+IF('Standard Profiles'!$G$18=$B$17,14,0)+IF('Standard Profiles'!$G$18=$B$24,21,0),0)),0)</f>
        <v>23.454752198543137</v>
      </c>
      <c r="E8633" cm="1">
        <f t="array" ref="E8633">IFERROR(INDEX(Jesper!AI$2:AI$366,ROUNDDOWN($C8633/24,0)+1,1)*INDEX($D$3:$AA$30,INDEX(Jesper!$R$2:$R$366,ROW(INDEX(Jesper!AI$2:AI$366,ROUNDDOWN($C8633/24,0)+1,1))-1)+IF('Standard Profiles'!$G$19=$B$10,7,0)+IF('Standard Profiles'!$G$19=$B$17,14,0)+IF('Standard Profiles'!$G$19=$B$24,21,0),MOD($C8633,24)+1)/SUM(INDEX($D$3:$AA$30,INDEX(Jesper!$R$2:$R$366,ROW(INDEX(Jesper!AI$2:AI$366,ROUNDDOWN($C8633/24,0)+1,1))-1)+IF('Standard Profiles'!$G$19=$B$10,7,0)+IF('Standard Profiles'!$G$19=$B$17,14,0)+IF('Standard Profiles'!$G$19=$B$24,21,0),0)),0)</f>
        <v>17.214818366032542</v>
      </c>
      <c r="F8633" cm="1">
        <f t="array" ref="F8633">IFERROR(INDEX(Jesper!AJ$2:AJ$366,ROUNDDOWN($C8633/24,0)+1,1)*INDEX($D$3:$AA$30,INDEX(Jesper!$R$2:$R$366,ROW(INDEX(Jesper!AJ$2:AJ$366,ROUNDDOWN($C8633/24,0)+1,1))-1)+IF('Standard Profiles'!$G$20=$B$10,7,0)+IF('Standard Profiles'!$G$20=$B$17,14,0)+IF('Standard Profiles'!$G$20=$B$24,21,0),MOD($C8633,24)+1)/SUM(INDEX($D$3:$AA$30,INDEX(Jesper!$R$2:$R$366,ROW(INDEX(Jesper!AJ$2:AJ$366,ROUNDDOWN($C8633/24,0)+1,1))-1)+IF('Standard Profiles'!$G$20=$B$10,7,0)+IF('Standard Profiles'!$G$20=$B$17,14,0)+IF('Standard Profiles'!$G$20=$B$24,21,0),0)),0)</f>
        <v>0</v>
      </c>
      <c r="G8633" cm="1">
        <f t="array" ref="G8633">IFERROR(INDEX(Jesper!AK$2:AK$366,ROUNDDOWN($C8633/24,0)+1,1)*INDEX($D$3:$AA$30,INDEX(Jesper!$R$2:$R$366,ROW(INDEX(Jesper!AK$2:AK$366,ROUNDDOWN($C8633/24,0)+1,1))-1)+IF('Standard Profiles'!$G$21=$B$10,7,0)+IF('Standard Profiles'!$G$21=$B$17,14,0)+IF('Standard Profiles'!$G$21=$B$24,21,0),MOD($C8633,24)+1)/SUM(INDEX($D$3:$AA$30,INDEX(Jesper!$R$2:$R$366,ROW(INDEX(Jesper!AK$2:AK$366,ROUNDDOWN($C8633/24,0)+1,1))-1)+IF('Standard Profiles'!$G$21=$B$10,7,0)+IF('Standard Profiles'!$G$21=$B$17,14,0)+IF('Standard Profiles'!$G$21=$B$24,21,0),0)),0)</f>
        <v>3.5399524592691689</v>
      </c>
      <c r="H8633" cm="1">
        <f t="array" ref="H8633">IFERROR(INDEX(Jesper!AL$2:AL$366,ROUNDDOWN($C8633/24,0)+1,1)*INDEX($D$3:$AA$30,INDEX(Jesper!$R$2:$R$366,ROW(INDEX(Jesper!AL$2:AL$366,ROUNDDOWN($C8633/24,0)+1,1))-1)+IF('Standard Profiles'!$G$22=$B$10,7,0)+IF('Standard Profiles'!$G$22=$B$17,14,0)+IF('Standard Profiles'!$G$22=$B$24,21,0),MOD($C8633,24)+1)/SUM(INDEX($D$3:$AA$30,INDEX(Jesper!$R$2:$R$366,ROW(INDEX(Jesper!AL$2:AL$366,ROUNDDOWN($C8633/24,0)+1,1))-1)+IF('Standard Profiles'!$G$22=$B$10,7,0)+IF('Standard Profiles'!$G$22=$B$17,14,0)+IF('Standard Profiles'!$G$22=$B$24,21,0),0)),0)</f>
        <v>0</v>
      </c>
      <c r="I8633">
        <f t="shared" si="958"/>
        <v>1.6991771804492002</v>
      </c>
      <c r="J8633">
        <f t="shared" si="959"/>
        <v>38.757585491628745</v>
      </c>
      <c r="K8633">
        <f t="shared" si="960"/>
        <v>2.5018402345112682</v>
      </c>
      <c r="L8633">
        <f t="shared" si="961"/>
        <v>1.2509201172556341</v>
      </c>
      <c r="M8633">
        <f t="shared" si="962"/>
        <v>0</v>
      </c>
      <c r="N8633" s="45">
        <f t="shared" si="963"/>
        <v>45285.291666645811</v>
      </c>
    </row>
    <row r="8634" spans="2:14" x14ac:dyDescent="0.25">
      <c r="B8634">
        <f t="shared" si="957"/>
        <v>1</v>
      </c>
      <c r="C8634" s="16">
        <v>8600</v>
      </c>
      <c r="D8634" cm="1">
        <f t="array" ref="D8634">IFERROR(INDEX(Jesper!AH$2:AH$366,ROUNDDOWN($C8634/24,0)+1,1)*INDEX($D$3:$AA$30,INDEX(Jesper!$R$2:$R$366,ROW(INDEX(Jesper!AH$2:AH$366,ROUNDDOWN($C8634/24,0)+1,1))-1)+IF('Standard Profiles'!$G$18=$B$10,7,0)+IF('Standard Profiles'!$G$18=$B$17,14,0)+IF('Standard Profiles'!$G$18=$B$24,21,0),MOD($C8634,24)+1)/SUM(INDEX($D$3:$AA$30,INDEX(Jesper!$R$2:$R$366,ROW(INDEX(Jesper!AH$2:AH$366,ROUNDDOWN($C8634/24,0)+1,1))-1)+IF('Standard Profiles'!$G$18=$B$10,7,0)+IF('Standard Profiles'!$G$18=$B$17,14,0)+IF('Standard Profiles'!$G$18=$B$24,21,0),0)),0)</f>
        <v>26.386596223361028</v>
      </c>
      <c r="E8634" cm="1">
        <f t="array" ref="E8634">IFERROR(INDEX(Jesper!AI$2:AI$366,ROUNDDOWN($C8634/24,0)+1,1)*INDEX($D$3:$AA$30,INDEX(Jesper!$R$2:$R$366,ROW(INDEX(Jesper!AI$2:AI$366,ROUNDDOWN($C8634/24,0)+1,1))-1)+IF('Standard Profiles'!$G$19=$B$10,7,0)+IF('Standard Profiles'!$G$19=$B$17,14,0)+IF('Standard Profiles'!$G$19=$B$24,21,0),MOD($C8634,24)+1)/SUM(INDEX($D$3:$AA$30,INDEX(Jesper!$R$2:$R$366,ROW(INDEX(Jesper!AI$2:AI$366,ROUNDDOWN($C8634/24,0)+1,1))-1)+IF('Standard Profiles'!$G$19=$B$10,7,0)+IF('Standard Profiles'!$G$19=$B$17,14,0)+IF('Standard Profiles'!$G$19=$B$24,21,0),0)),0)</f>
        <v>19.366670661786607</v>
      </c>
      <c r="F8634" cm="1">
        <f t="array" ref="F8634">IFERROR(INDEX(Jesper!AJ$2:AJ$366,ROUNDDOWN($C8634/24,0)+1,1)*INDEX($D$3:$AA$30,INDEX(Jesper!$R$2:$R$366,ROW(INDEX(Jesper!AJ$2:AJ$366,ROUNDDOWN($C8634/24,0)+1,1))-1)+IF('Standard Profiles'!$G$20=$B$10,7,0)+IF('Standard Profiles'!$G$20=$B$17,14,0)+IF('Standard Profiles'!$G$20=$B$24,21,0),MOD($C8634,24)+1)/SUM(INDEX($D$3:$AA$30,INDEX(Jesper!$R$2:$R$366,ROW(INDEX(Jesper!AJ$2:AJ$366,ROUNDDOWN($C8634/24,0)+1,1))-1)+IF('Standard Profiles'!$G$20=$B$10,7,0)+IF('Standard Profiles'!$G$20=$B$17,14,0)+IF('Standard Profiles'!$G$20=$B$24,21,0),0)),0)</f>
        <v>0</v>
      </c>
      <c r="G8634" cm="1">
        <f t="array" ref="G8634">IFERROR(INDEX(Jesper!AK$2:AK$366,ROUNDDOWN($C8634/24,0)+1,1)*INDEX($D$3:$AA$30,INDEX(Jesper!$R$2:$R$366,ROW(INDEX(Jesper!AK$2:AK$366,ROUNDDOWN($C8634/24,0)+1,1))-1)+IF('Standard Profiles'!$G$21=$B$10,7,0)+IF('Standard Profiles'!$G$21=$B$17,14,0)+IF('Standard Profiles'!$G$21=$B$24,21,0),MOD($C8634,24)+1)/SUM(INDEX($D$3:$AA$30,INDEX(Jesper!$R$2:$R$366,ROW(INDEX(Jesper!AK$2:AK$366,ROUNDDOWN($C8634/24,0)+1,1))-1)+IF('Standard Profiles'!$G$21=$B$10,7,0)+IF('Standard Profiles'!$G$21=$B$17,14,0)+IF('Standard Profiles'!$G$21=$B$24,21,0),0)),0)</f>
        <v>3.9824465166778151</v>
      </c>
      <c r="H8634" cm="1">
        <f t="array" ref="H8634">IFERROR(INDEX(Jesper!AL$2:AL$366,ROUNDDOWN($C8634/24,0)+1,1)*INDEX($D$3:$AA$30,INDEX(Jesper!$R$2:$R$366,ROW(INDEX(Jesper!AL$2:AL$366,ROUNDDOWN($C8634/24,0)+1,1))-1)+IF('Standard Profiles'!$G$22=$B$10,7,0)+IF('Standard Profiles'!$G$22=$B$17,14,0)+IF('Standard Profiles'!$G$22=$B$24,21,0),MOD($C8634,24)+1)/SUM(INDEX($D$3:$AA$30,INDEX(Jesper!$R$2:$R$366,ROW(INDEX(Jesper!AL$2:AL$366,ROUNDDOWN($C8634/24,0)+1,1))-1)+IF('Standard Profiles'!$G$22=$B$10,7,0)+IF('Standard Profiles'!$G$22=$B$17,14,0)+IF('Standard Profiles'!$G$22=$B$24,21,0),0)),0)</f>
        <v>0</v>
      </c>
      <c r="I8634">
        <f t="shared" si="958"/>
        <v>1.9115743280053503</v>
      </c>
      <c r="J8634">
        <f t="shared" si="959"/>
        <v>43.602283678082337</v>
      </c>
      <c r="K8634">
        <f t="shared" si="960"/>
        <v>2.8145702638251766</v>
      </c>
      <c r="L8634">
        <f t="shared" si="961"/>
        <v>1.4072851319125883</v>
      </c>
      <c r="M8634">
        <f t="shared" si="962"/>
        <v>0</v>
      </c>
      <c r="N8634" s="45">
        <f t="shared" si="963"/>
        <v>45285.333333312476</v>
      </c>
    </row>
    <row r="8635" spans="2:14" x14ac:dyDescent="0.25">
      <c r="B8635">
        <f t="shared" si="957"/>
        <v>1</v>
      </c>
      <c r="C8635" s="16">
        <v>8601</v>
      </c>
      <c r="D8635" cm="1">
        <f t="array" ref="D8635">IFERROR(INDEX(Jesper!AH$2:AH$366,ROUNDDOWN($C8635/24,0)+1,1)*INDEX($D$3:$AA$30,INDEX(Jesper!$R$2:$R$366,ROW(INDEX(Jesper!AH$2:AH$366,ROUNDDOWN($C8635/24,0)+1,1))-1)+IF('Standard Profiles'!$G$18=$B$10,7,0)+IF('Standard Profiles'!$G$18=$B$17,14,0)+IF('Standard Profiles'!$G$18=$B$24,21,0),MOD($C8635,24)+1)/SUM(INDEX($D$3:$AA$30,INDEX(Jesper!$R$2:$R$366,ROW(INDEX(Jesper!AH$2:AH$366,ROUNDDOWN($C8635/24,0)+1,1))-1)+IF('Standard Profiles'!$G$18=$B$10,7,0)+IF('Standard Profiles'!$G$18=$B$17,14,0)+IF('Standard Profiles'!$G$18=$B$24,21,0),0)),0)</f>
        <v>29.31844024817892</v>
      </c>
      <c r="E8635" cm="1">
        <f t="array" ref="E8635">IFERROR(INDEX(Jesper!AI$2:AI$366,ROUNDDOWN($C8635/24,0)+1,1)*INDEX($D$3:$AA$30,INDEX(Jesper!$R$2:$R$366,ROW(INDEX(Jesper!AI$2:AI$366,ROUNDDOWN($C8635/24,0)+1,1))-1)+IF('Standard Profiles'!$G$19=$B$10,7,0)+IF('Standard Profiles'!$G$19=$B$17,14,0)+IF('Standard Profiles'!$G$19=$B$24,21,0),MOD($C8635,24)+1)/SUM(INDEX($D$3:$AA$30,INDEX(Jesper!$R$2:$R$366,ROW(INDEX(Jesper!AI$2:AI$366,ROUNDDOWN($C8635/24,0)+1,1))-1)+IF('Standard Profiles'!$G$19=$B$10,7,0)+IF('Standard Profiles'!$G$19=$B$17,14,0)+IF('Standard Profiles'!$G$19=$B$24,21,0),0)),0)</f>
        <v>21.518522957540675</v>
      </c>
      <c r="F8635" cm="1">
        <f t="array" ref="F8635">IFERROR(INDEX(Jesper!AJ$2:AJ$366,ROUNDDOWN($C8635/24,0)+1,1)*INDEX($D$3:$AA$30,INDEX(Jesper!$R$2:$R$366,ROW(INDEX(Jesper!AJ$2:AJ$366,ROUNDDOWN($C8635/24,0)+1,1))-1)+IF('Standard Profiles'!$G$20=$B$10,7,0)+IF('Standard Profiles'!$G$20=$B$17,14,0)+IF('Standard Profiles'!$G$20=$B$24,21,0),MOD($C8635,24)+1)/SUM(INDEX($D$3:$AA$30,INDEX(Jesper!$R$2:$R$366,ROW(INDEX(Jesper!AJ$2:AJ$366,ROUNDDOWN($C8635/24,0)+1,1))-1)+IF('Standard Profiles'!$G$20=$B$10,7,0)+IF('Standard Profiles'!$G$20=$B$17,14,0)+IF('Standard Profiles'!$G$20=$B$24,21,0),0)),0)</f>
        <v>0</v>
      </c>
      <c r="G8635" cm="1">
        <f t="array" ref="G8635">IFERROR(INDEX(Jesper!AK$2:AK$366,ROUNDDOWN($C8635/24,0)+1,1)*INDEX($D$3:$AA$30,INDEX(Jesper!$R$2:$R$366,ROW(INDEX(Jesper!AK$2:AK$366,ROUNDDOWN($C8635/24,0)+1,1))-1)+IF('Standard Profiles'!$G$21=$B$10,7,0)+IF('Standard Profiles'!$G$21=$B$17,14,0)+IF('Standard Profiles'!$G$21=$B$24,21,0),MOD($C8635,24)+1)/SUM(INDEX($D$3:$AA$30,INDEX(Jesper!$R$2:$R$366,ROW(INDEX(Jesper!AK$2:AK$366,ROUNDDOWN($C8635/24,0)+1,1))-1)+IF('Standard Profiles'!$G$21=$B$10,7,0)+IF('Standard Profiles'!$G$21=$B$17,14,0)+IF('Standard Profiles'!$G$21=$B$24,21,0),0)),0)</f>
        <v>4.4249405740864614</v>
      </c>
      <c r="H8635" cm="1">
        <f t="array" ref="H8635">IFERROR(INDEX(Jesper!AL$2:AL$366,ROUNDDOWN($C8635/24,0)+1,1)*INDEX($D$3:$AA$30,INDEX(Jesper!$R$2:$R$366,ROW(INDEX(Jesper!AL$2:AL$366,ROUNDDOWN($C8635/24,0)+1,1))-1)+IF('Standard Profiles'!$G$22=$B$10,7,0)+IF('Standard Profiles'!$G$22=$B$17,14,0)+IF('Standard Profiles'!$G$22=$B$24,21,0),MOD($C8635,24)+1)/SUM(INDEX($D$3:$AA$30,INDEX(Jesper!$R$2:$R$366,ROW(INDEX(Jesper!AL$2:AL$366,ROUNDDOWN($C8635/24,0)+1,1))-1)+IF('Standard Profiles'!$G$22=$B$10,7,0)+IF('Standard Profiles'!$G$22=$B$17,14,0)+IF('Standard Profiles'!$G$22=$B$24,21,0),0)),0)</f>
        <v>0</v>
      </c>
      <c r="I8635">
        <f t="shared" si="958"/>
        <v>2.1239714755615005</v>
      </c>
      <c r="J8635">
        <f t="shared" si="959"/>
        <v>48.446981864535928</v>
      </c>
      <c r="K8635">
        <f t="shared" si="960"/>
        <v>3.127300293139085</v>
      </c>
      <c r="L8635">
        <f t="shared" si="961"/>
        <v>1.5636501465695425</v>
      </c>
      <c r="M8635">
        <f t="shared" si="962"/>
        <v>0</v>
      </c>
      <c r="N8635" s="45">
        <f t="shared" si="963"/>
        <v>45285.37499997914</v>
      </c>
    </row>
    <row r="8636" spans="2:14" x14ac:dyDescent="0.25">
      <c r="B8636">
        <f t="shared" si="957"/>
        <v>1</v>
      </c>
      <c r="C8636" s="16">
        <v>8602</v>
      </c>
      <c r="D8636" cm="1">
        <f t="array" ref="D8636">IFERROR(INDEX(Jesper!AH$2:AH$366,ROUNDDOWN($C8636/24,0)+1,1)*INDEX($D$3:$AA$30,INDEX(Jesper!$R$2:$R$366,ROW(INDEX(Jesper!AH$2:AH$366,ROUNDDOWN($C8636/24,0)+1,1))-1)+IF('Standard Profiles'!$G$18=$B$10,7,0)+IF('Standard Profiles'!$G$18=$B$17,14,0)+IF('Standard Profiles'!$G$18=$B$24,21,0),MOD($C8636,24)+1)/SUM(INDEX($D$3:$AA$30,INDEX(Jesper!$R$2:$R$366,ROW(INDEX(Jesper!AH$2:AH$366,ROUNDDOWN($C8636/24,0)+1,1))-1)+IF('Standard Profiles'!$G$18=$B$10,7,0)+IF('Standard Profiles'!$G$18=$B$17,14,0)+IF('Standard Profiles'!$G$18=$B$24,21,0),0)),0)</f>
        <v>29.31844024817892</v>
      </c>
      <c r="E8636" cm="1">
        <f t="array" ref="E8636">IFERROR(INDEX(Jesper!AI$2:AI$366,ROUNDDOWN($C8636/24,0)+1,1)*INDEX($D$3:$AA$30,INDEX(Jesper!$R$2:$R$366,ROW(INDEX(Jesper!AI$2:AI$366,ROUNDDOWN($C8636/24,0)+1,1))-1)+IF('Standard Profiles'!$G$19=$B$10,7,0)+IF('Standard Profiles'!$G$19=$B$17,14,0)+IF('Standard Profiles'!$G$19=$B$24,21,0),MOD($C8636,24)+1)/SUM(INDEX($D$3:$AA$30,INDEX(Jesper!$R$2:$R$366,ROW(INDEX(Jesper!AI$2:AI$366,ROUNDDOWN($C8636/24,0)+1,1))-1)+IF('Standard Profiles'!$G$19=$B$10,7,0)+IF('Standard Profiles'!$G$19=$B$17,14,0)+IF('Standard Profiles'!$G$19=$B$24,21,0),0)),0)</f>
        <v>21.518522957540675</v>
      </c>
      <c r="F8636" cm="1">
        <f t="array" ref="F8636">IFERROR(INDEX(Jesper!AJ$2:AJ$366,ROUNDDOWN($C8636/24,0)+1,1)*INDEX($D$3:$AA$30,INDEX(Jesper!$R$2:$R$366,ROW(INDEX(Jesper!AJ$2:AJ$366,ROUNDDOWN($C8636/24,0)+1,1))-1)+IF('Standard Profiles'!$G$20=$B$10,7,0)+IF('Standard Profiles'!$G$20=$B$17,14,0)+IF('Standard Profiles'!$G$20=$B$24,21,0),MOD($C8636,24)+1)/SUM(INDEX($D$3:$AA$30,INDEX(Jesper!$R$2:$R$366,ROW(INDEX(Jesper!AJ$2:AJ$366,ROUNDDOWN($C8636/24,0)+1,1))-1)+IF('Standard Profiles'!$G$20=$B$10,7,0)+IF('Standard Profiles'!$G$20=$B$17,14,0)+IF('Standard Profiles'!$G$20=$B$24,21,0),0)),0)</f>
        <v>0</v>
      </c>
      <c r="G8636" cm="1">
        <f t="array" ref="G8636">IFERROR(INDEX(Jesper!AK$2:AK$366,ROUNDDOWN($C8636/24,0)+1,1)*INDEX($D$3:$AA$30,INDEX(Jesper!$R$2:$R$366,ROW(INDEX(Jesper!AK$2:AK$366,ROUNDDOWN($C8636/24,0)+1,1))-1)+IF('Standard Profiles'!$G$21=$B$10,7,0)+IF('Standard Profiles'!$G$21=$B$17,14,0)+IF('Standard Profiles'!$G$21=$B$24,21,0),MOD($C8636,24)+1)/SUM(INDEX($D$3:$AA$30,INDEX(Jesper!$R$2:$R$366,ROW(INDEX(Jesper!AK$2:AK$366,ROUNDDOWN($C8636/24,0)+1,1))-1)+IF('Standard Profiles'!$G$21=$B$10,7,0)+IF('Standard Profiles'!$G$21=$B$17,14,0)+IF('Standard Profiles'!$G$21=$B$24,21,0),0)),0)</f>
        <v>4.4249405740864614</v>
      </c>
      <c r="H8636" cm="1">
        <f t="array" ref="H8636">IFERROR(INDEX(Jesper!AL$2:AL$366,ROUNDDOWN($C8636/24,0)+1,1)*INDEX($D$3:$AA$30,INDEX(Jesper!$R$2:$R$366,ROW(INDEX(Jesper!AL$2:AL$366,ROUNDDOWN($C8636/24,0)+1,1))-1)+IF('Standard Profiles'!$G$22=$B$10,7,0)+IF('Standard Profiles'!$G$22=$B$17,14,0)+IF('Standard Profiles'!$G$22=$B$24,21,0),MOD($C8636,24)+1)/SUM(INDEX($D$3:$AA$30,INDEX(Jesper!$R$2:$R$366,ROW(INDEX(Jesper!AL$2:AL$366,ROUNDDOWN($C8636/24,0)+1,1))-1)+IF('Standard Profiles'!$G$22=$B$10,7,0)+IF('Standard Profiles'!$G$22=$B$17,14,0)+IF('Standard Profiles'!$G$22=$B$24,21,0),0)),0)</f>
        <v>0</v>
      </c>
      <c r="I8636">
        <f t="shared" si="958"/>
        <v>2.1239714755615005</v>
      </c>
      <c r="J8636">
        <f t="shared" si="959"/>
        <v>48.446981864535928</v>
      </c>
      <c r="K8636">
        <f t="shared" si="960"/>
        <v>3.127300293139085</v>
      </c>
      <c r="L8636">
        <f t="shared" si="961"/>
        <v>1.5636501465695425</v>
      </c>
      <c r="M8636">
        <f t="shared" si="962"/>
        <v>0</v>
      </c>
      <c r="N8636" s="45">
        <f t="shared" si="963"/>
        <v>45285.416666645804</v>
      </c>
    </row>
    <row r="8637" spans="2:14" x14ac:dyDescent="0.25">
      <c r="B8637">
        <f t="shared" si="957"/>
        <v>1</v>
      </c>
      <c r="C8637" s="16">
        <v>8603</v>
      </c>
      <c r="D8637" cm="1">
        <f t="array" ref="D8637">IFERROR(INDEX(Jesper!AH$2:AH$366,ROUNDDOWN($C8637/24,0)+1,1)*INDEX($D$3:$AA$30,INDEX(Jesper!$R$2:$R$366,ROW(INDEX(Jesper!AH$2:AH$366,ROUNDDOWN($C8637/24,0)+1,1))-1)+IF('Standard Profiles'!$G$18=$B$10,7,0)+IF('Standard Profiles'!$G$18=$B$17,14,0)+IF('Standard Profiles'!$G$18=$B$24,21,0),MOD($C8637,24)+1)/SUM(INDEX($D$3:$AA$30,INDEX(Jesper!$R$2:$R$366,ROW(INDEX(Jesper!AH$2:AH$366,ROUNDDOWN($C8637/24,0)+1,1))-1)+IF('Standard Profiles'!$G$18=$B$10,7,0)+IF('Standard Profiles'!$G$18=$B$17,14,0)+IF('Standard Profiles'!$G$18=$B$24,21,0),0)),0)</f>
        <v>35.1821282978147</v>
      </c>
      <c r="E8637" cm="1">
        <f t="array" ref="E8637">IFERROR(INDEX(Jesper!AI$2:AI$366,ROUNDDOWN($C8637/24,0)+1,1)*INDEX($D$3:$AA$30,INDEX(Jesper!$R$2:$R$366,ROW(INDEX(Jesper!AI$2:AI$366,ROUNDDOWN($C8637/24,0)+1,1))-1)+IF('Standard Profiles'!$G$19=$B$10,7,0)+IF('Standard Profiles'!$G$19=$B$17,14,0)+IF('Standard Profiles'!$G$19=$B$24,21,0),MOD($C8637,24)+1)/SUM(INDEX($D$3:$AA$30,INDEX(Jesper!$R$2:$R$366,ROW(INDEX(Jesper!AI$2:AI$366,ROUNDDOWN($C8637/24,0)+1,1))-1)+IF('Standard Profiles'!$G$19=$B$10,7,0)+IF('Standard Profiles'!$G$19=$B$17,14,0)+IF('Standard Profiles'!$G$19=$B$24,21,0),0)),0)</f>
        <v>25.822227549048808</v>
      </c>
      <c r="F8637" cm="1">
        <f t="array" ref="F8637">IFERROR(INDEX(Jesper!AJ$2:AJ$366,ROUNDDOWN($C8637/24,0)+1,1)*INDEX($D$3:$AA$30,INDEX(Jesper!$R$2:$R$366,ROW(INDEX(Jesper!AJ$2:AJ$366,ROUNDDOWN($C8637/24,0)+1,1))-1)+IF('Standard Profiles'!$G$20=$B$10,7,0)+IF('Standard Profiles'!$G$20=$B$17,14,0)+IF('Standard Profiles'!$G$20=$B$24,21,0),MOD($C8637,24)+1)/SUM(INDEX($D$3:$AA$30,INDEX(Jesper!$R$2:$R$366,ROW(INDEX(Jesper!AJ$2:AJ$366,ROUNDDOWN($C8637/24,0)+1,1))-1)+IF('Standard Profiles'!$G$20=$B$10,7,0)+IF('Standard Profiles'!$G$20=$B$17,14,0)+IF('Standard Profiles'!$G$20=$B$24,21,0),0)),0)</f>
        <v>0</v>
      </c>
      <c r="G8637" cm="1">
        <f t="array" ref="G8637">IFERROR(INDEX(Jesper!AK$2:AK$366,ROUNDDOWN($C8637/24,0)+1,1)*INDEX($D$3:$AA$30,INDEX(Jesper!$R$2:$R$366,ROW(INDEX(Jesper!AK$2:AK$366,ROUNDDOWN($C8637/24,0)+1,1))-1)+IF('Standard Profiles'!$G$21=$B$10,7,0)+IF('Standard Profiles'!$G$21=$B$17,14,0)+IF('Standard Profiles'!$G$21=$B$24,21,0),MOD($C8637,24)+1)/SUM(INDEX($D$3:$AA$30,INDEX(Jesper!$R$2:$R$366,ROW(INDEX(Jesper!AK$2:AK$366,ROUNDDOWN($C8637/24,0)+1,1))-1)+IF('Standard Profiles'!$G$21=$B$10,7,0)+IF('Standard Profiles'!$G$21=$B$17,14,0)+IF('Standard Profiles'!$G$21=$B$24,21,0),0)),0)</f>
        <v>5.3099286889037529</v>
      </c>
      <c r="H8637" cm="1">
        <f t="array" ref="H8637">IFERROR(INDEX(Jesper!AL$2:AL$366,ROUNDDOWN($C8637/24,0)+1,1)*INDEX($D$3:$AA$30,INDEX(Jesper!$R$2:$R$366,ROW(INDEX(Jesper!AL$2:AL$366,ROUNDDOWN($C8637/24,0)+1,1))-1)+IF('Standard Profiles'!$G$22=$B$10,7,0)+IF('Standard Profiles'!$G$22=$B$17,14,0)+IF('Standard Profiles'!$G$22=$B$24,21,0),MOD($C8637,24)+1)/SUM(INDEX($D$3:$AA$30,INDEX(Jesper!$R$2:$R$366,ROW(INDEX(Jesper!AL$2:AL$366,ROUNDDOWN($C8637/24,0)+1,1))-1)+IF('Standard Profiles'!$G$22=$B$10,7,0)+IF('Standard Profiles'!$G$22=$B$17,14,0)+IF('Standard Profiles'!$G$22=$B$24,21,0),0)),0)</f>
        <v>0</v>
      </c>
      <c r="I8637">
        <f t="shared" si="958"/>
        <v>2.5487657706738003</v>
      </c>
      <c r="J8637">
        <f t="shared" si="959"/>
        <v>58.136378237443104</v>
      </c>
      <c r="K8637">
        <f t="shared" si="960"/>
        <v>3.7527603517669017</v>
      </c>
      <c r="L8637">
        <f t="shared" si="961"/>
        <v>1.8763801758834509</v>
      </c>
      <c r="M8637">
        <f t="shared" si="962"/>
        <v>0</v>
      </c>
      <c r="N8637" s="45">
        <f t="shared" si="963"/>
        <v>45285.458333312468</v>
      </c>
    </row>
    <row r="8638" spans="2:14" x14ac:dyDescent="0.25">
      <c r="B8638">
        <f t="shared" si="957"/>
        <v>1</v>
      </c>
      <c r="C8638" s="16">
        <v>8604</v>
      </c>
      <c r="D8638" cm="1">
        <f t="array" ref="D8638">IFERROR(INDEX(Jesper!AH$2:AH$366,ROUNDDOWN($C8638/24,0)+1,1)*INDEX($D$3:$AA$30,INDEX(Jesper!$R$2:$R$366,ROW(INDEX(Jesper!AH$2:AH$366,ROUNDDOWN($C8638/24,0)+1,1))-1)+IF('Standard Profiles'!$G$18=$B$10,7,0)+IF('Standard Profiles'!$G$18=$B$17,14,0)+IF('Standard Profiles'!$G$18=$B$24,21,0),MOD($C8638,24)+1)/SUM(INDEX($D$3:$AA$30,INDEX(Jesper!$R$2:$R$366,ROW(INDEX(Jesper!AH$2:AH$366,ROUNDDOWN($C8638/24,0)+1,1))-1)+IF('Standard Profiles'!$G$18=$B$10,7,0)+IF('Standard Profiles'!$G$18=$B$17,14,0)+IF('Standard Profiles'!$G$18=$B$24,21,0),0)),0)</f>
        <v>35.1821282978147</v>
      </c>
      <c r="E8638" cm="1">
        <f t="array" ref="E8638">IFERROR(INDEX(Jesper!AI$2:AI$366,ROUNDDOWN($C8638/24,0)+1,1)*INDEX($D$3:$AA$30,INDEX(Jesper!$R$2:$R$366,ROW(INDEX(Jesper!AI$2:AI$366,ROUNDDOWN($C8638/24,0)+1,1))-1)+IF('Standard Profiles'!$G$19=$B$10,7,0)+IF('Standard Profiles'!$G$19=$B$17,14,0)+IF('Standard Profiles'!$G$19=$B$24,21,0),MOD($C8638,24)+1)/SUM(INDEX($D$3:$AA$30,INDEX(Jesper!$R$2:$R$366,ROW(INDEX(Jesper!AI$2:AI$366,ROUNDDOWN($C8638/24,0)+1,1))-1)+IF('Standard Profiles'!$G$19=$B$10,7,0)+IF('Standard Profiles'!$G$19=$B$17,14,0)+IF('Standard Profiles'!$G$19=$B$24,21,0),0)),0)</f>
        <v>25.822227549048808</v>
      </c>
      <c r="F8638" cm="1">
        <f t="array" ref="F8638">IFERROR(INDEX(Jesper!AJ$2:AJ$366,ROUNDDOWN($C8638/24,0)+1,1)*INDEX($D$3:$AA$30,INDEX(Jesper!$R$2:$R$366,ROW(INDEX(Jesper!AJ$2:AJ$366,ROUNDDOWN($C8638/24,0)+1,1))-1)+IF('Standard Profiles'!$G$20=$B$10,7,0)+IF('Standard Profiles'!$G$20=$B$17,14,0)+IF('Standard Profiles'!$G$20=$B$24,21,0),MOD($C8638,24)+1)/SUM(INDEX($D$3:$AA$30,INDEX(Jesper!$R$2:$R$366,ROW(INDEX(Jesper!AJ$2:AJ$366,ROUNDDOWN($C8638/24,0)+1,1))-1)+IF('Standard Profiles'!$G$20=$B$10,7,0)+IF('Standard Profiles'!$G$20=$B$17,14,0)+IF('Standard Profiles'!$G$20=$B$24,21,0),0)),0)</f>
        <v>0</v>
      </c>
      <c r="G8638" cm="1">
        <f t="array" ref="G8638">IFERROR(INDEX(Jesper!AK$2:AK$366,ROUNDDOWN($C8638/24,0)+1,1)*INDEX($D$3:$AA$30,INDEX(Jesper!$R$2:$R$366,ROW(INDEX(Jesper!AK$2:AK$366,ROUNDDOWN($C8638/24,0)+1,1))-1)+IF('Standard Profiles'!$G$21=$B$10,7,0)+IF('Standard Profiles'!$G$21=$B$17,14,0)+IF('Standard Profiles'!$G$21=$B$24,21,0),MOD($C8638,24)+1)/SUM(INDEX($D$3:$AA$30,INDEX(Jesper!$R$2:$R$366,ROW(INDEX(Jesper!AK$2:AK$366,ROUNDDOWN($C8638/24,0)+1,1))-1)+IF('Standard Profiles'!$G$21=$B$10,7,0)+IF('Standard Profiles'!$G$21=$B$17,14,0)+IF('Standard Profiles'!$G$21=$B$24,21,0),0)),0)</f>
        <v>5.3099286889037529</v>
      </c>
      <c r="H8638" cm="1">
        <f t="array" ref="H8638">IFERROR(INDEX(Jesper!AL$2:AL$366,ROUNDDOWN($C8638/24,0)+1,1)*INDEX($D$3:$AA$30,INDEX(Jesper!$R$2:$R$366,ROW(INDEX(Jesper!AL$2:AL$366,ROUNDDOWN($C8638/24,0)+1,1))-1)+IF('Standard Profiles'!$G$22=$B$10,7,0)+IF('Standard Profiles'!$G$22=$B$17,14,0)+IF('Standard Profiles'!$G$22=$B$24,21,0),MOD($C8638,24)+1)/SUM(INDEX($D$3:$AA$30,INDEX(Jesper!$R$2:$R$366,ROW(INDEX(Jesper!AL$2:AL$366,ROUNDDOWN($C8638/24,0)+1,1))-1)+IF('Standard Profiles'!$G$22=$B$10,7,0)+IF('Standard Profiles'!$G$22=$B$17,14,0)+IF('Standard Profiles'!$G$22=$B$24,21,0),0)),0)</f>
        <v>0</v>
      </c>
      <c r="I8638">
        <f t="shared" si="958"/>
        <v>2.5487657706738003</v>
      </c>
      <c r="J8638">
        <f t="shared" si="959"/>
        <v>58.136378237443104</v>
      </c>
      <c r="K8638">
        <f t="shared" si="960"/>
        <v>3.7527603517669017</v>
      </c>
      <c r="L8638">
        <f t="shared" si="961"/>
        <v>1.8763801758834509</v>
      </c>
      <c r="M8638">
        <f t="shared" si="962"/>
        <v>0</v>
      </c>
      <c r="N8638" s="45">
        <f t="shared" si="963"/>
        <v>45285.499999979133</v>
      </c>
    </row>
    <row r="8639" spans="2:14" x14ac:dyDescent="0.25">
      <c r="B8639">
        <f t="shared" si="957"/>
        <v>1</v>
      </c>
      <c r="C8639" s="16">
        <v>8605</v>
      </c>
      <c r="D8639" cm="1">
        <f t="array" ref="D8639">IFERROR(INDEX(Jesper!AH$2:AH$366,ROUNDDOWN($C8639/24,0)+1,1)*INDEX($D$3:$AA$30,INDEX(Jesper!$R$2:$R$366,ROW(INDEX(Jesper!AH$2:AH$366,ROUNDDOWN($C8639/24,0)+1,1))-1)+IF('Standard Profiles'!$G$18=$B$10,7,0)+IF('Standard Profiles'!$G$18=$B$17,14,0)+IF('Standard Profiles'!$G$18=$B$24,21,0),MOD($C8639,24)+1)/SUM(INDEX($D$3:$AA$30,INDEX(Jesper!$R$2:$R$366,ROW(INDEX(Jesper!AH$2:AH$366,ROUNDDOWN($C8639/24,0)+1,1))-1)+IF('Standard Profiles'!$G$18=$B$10,7,0)+IF('Standard Profiles'!$G$18=$B$17,14,0)+IF('Standard Profiles'!$G$18=$B$24,21,0),0)),0)</f>
        <v>23.454752198543137</v>
      </c>
      <c r="E8639" cm="1">
        <f t="array" ref="E8639">IFERROR(INDEX(Jesper!AI$2:AI$366,ROUNDDOWN($C8639/24,0)+1,1)*INDEX($D$3:$AA$30,INDEX(Jesper!$R$2:$R$366,ROW(INDEX(Jesper!AI$2:AI$366,ROUNDDOWN($C8639/24,0)+1,1))-1)+IF('Standard Profiles'!$G$19=$B$10,7,0)+IF('Standard Profiles'!$G$19=$B$17,14,0)+IF('Standard Profiles'!$G$19=$B$24,21,0),MOD($C8639,24)+1)/SUM(INDEX($D$3:$AA$30,INDEX(Jesper!$R$2:$R$366,ROW(INDEX(Jesper!AI$2:AI$366,ROUNDDOWN($C8639/24,0)+1,1))-1)+IF('Standard Profiles'!$G$19=$B$10,7,0)+IF('Standard Profiles'!$G$19=$B$17,14,0)+IF('Standard Profiles'!$G$19=$B$24,21,0),0)),0)</f>
        <v>17.214818366032542</v>
      </c>
      <c r="F8639" cm="1">
        <f t="array" ref="F8639">IFERROR(INDEX(Jesper!AJ$2:AJ$366,ROUNDDOWN($C8639/24,0)+1,1)*INDEX($D$3:$AA$30,INDEX(Jesper!$R$2:$R$366,ROW(INDEX(Jesper!AJ$2:AJ$366,ROUNDDOWN($C8639/24,0)+1,1))-1)+IF('Standard Profiles'!$G$20=$B$10,7,0)+IF('Standard Profiles'!$G$20=$B$17,14,0)+IF('Standard Profiles'!$G$20=$B$24,21,0),MOD($C8639,24)+1)/SUM(INDEX($D$3:$AA$30,INDEX(Jesper!$R$2:$R$366,ROW(INDEX(Jesper!AJ$2:AJ$366,ROUNDDOWN($C8639/24,0)+1,1))-1)+IF('Standard Profiles'!$G$20=$B$10,7,0)+IF('Standard Profiles'!$G$20=$B$17,14,0)+IF('Standard Profiles'!$G$20=$B$24,21,0),0)),0)</f>
        <v>0</v>
      </c>
      <c r="G8639" cm="1">
        <f t="array" ref="G8639">IFERROR(INDEX(Jesper!AK$2:AK$366,ROUNDDOWN($C8639/24,0)+1,1)*INDEX($D$3:$AA$30,INDEX(Jesper!$R$2:$R$366,ROW(INDEX(Jesper!AK$2:AK$366,ROUNDDOWN($C8639/24,0)+1,1))-1)+IF('Standard Profiles'!$G$21=$B$10,7,0)+IF('Standard Profiles'!$G$21=$B$17,14,0)+IF('Standard Profiles'!$G$21=$B$24,21,0),MOD($C8639,24)+1)/SUM(INDEX($D$3:$AA$30,INDEX(Jesper!$R$2:$R$366,ROW(INDEX(Jesper!AK$2:AK$366,ROUNDDOWN($C8639/24,0)+1,1))-1)+IF('Standard Profiles'!$G$21=$B$10,7,0)+IF('Standard Profiles'!$G$21=$B$17,14,0)+IF('Standard Profiles'!$G$21=$B$24,21,0),0)),0)</f>
        <v>3.5399524592691689</v>
      </c>
      <c r="H8639" cm="1">
        <f t="array" ref="H8639">IFERROR(INDEX(Jesper!AL$2:AL$366,ROUNDDOWN($C8639/24,0)+1,1)*INDEX($D$3:$AA$30,INDEX(Jesper!$R$2:$R$366,ROW(INDEX(Jesper!AL$2:AL$366,ROUNDDOWN($C8639/24,0)+1,1))-1)+IF('Standard Profiles'!$G$22=$B$10,7,0)+IF('Standard Profiles'!$G$22=$B$17,14,0)+IF('Standard Profiles'!$G$22=$B$24,21,0),MOD($C8639,24)+1)/SUM(INDEX($D$3:$AA$30,INDEX(Jesper!$R$2:$R$366,ROW(INDEX(Jesper!AL$2:AL$366,ROUNDDOWN($C8639/24,0)+1,1))-1)+IF('Standard Profiles'!$G$22=$B$10,7,0)+IF('Standard Profiles'!$G$22=$B$17,14,0)+IF('Standard Profiles'!$G$22=$B$24,21,0),0)),0)</f>
        <v>0</v>
      </c>
      <c r="I8639">
        <f t="shared" si="958"/>
        <v>1.6991771804492002</v>
      </c>
      <c r="J8639">
        <f t="shared" si="959"/>
        <v>38.757585491628745</v>
      </c>
      <c r="K8639">
        <f t="shared" si="960"/>
        <v>2.5018402345112682</v>
      </c>
      <c r="L8639">
        <f t="shared" si="961"/>
        <v>1.2509201172556341</v>
      </c>
      <c r="M8639">
        <f t="shared" si="962"/>
        <v>0</v>
      </c>
      <c r="N8639" s="45">
        <f t="shared" si="963"/>
        <v>45285.541666645797</v>
      </c>
    </row>
    <row r="8640" spans="2:14" x14ac:dyDescent="0.25">
      <c r="B8640">
        <f t="shared" si="957"/>
        <v>1</v>
      </c>
      <c r="C8640" s="16">
        <v>8606</v>
      </c>
      <c r="D8640" cm="1">
        <f t="array" ref="D8640">IFERROR(INDEX(Jesper!AH$2:AH$366,ROUNDDOWN($C8640/24,0)+1,1)*INDEX($D$3:$AA$30,INDEX(Jesper!$R$2:$R$366,ROW(INDEX(Jesper!AH$2:AH$366,ROUNDDOWN($C8640/24,0)+1,1))-1)+IF('Standard Profiles'!$G$18=$B$10,7,0)+IF('Standard Profiles'!$G$18=$B$17,14,0)+IF('Standard Profiles'!$G$18=$B$24,21,0),MOD($C8640,24)+1)/SUM(INDEX($D$3:$AA$30,INDEX(Jesper!$R$2:$R$366,ROW(INDEX(Jesper!AH$2:AH$366,ROUNDDOWN($C8640/24,0)+1,1))-1)+IF('Standard Profiles'!$G$18=$B$10,7,0)+IF('Standard Profiles'!$G$18=$B$17,14,0)+IF('Standard Profiles'!$G$18=$B$24,21,0),0)),0)</f>
        <v>35.1821282978147</v>
      </c>
      <c r="E8640" cm="1">
        <f t="array" ref="E8640">IFERROR(INDEX(Jesper!AI$2:AI$366,ROUNDDOWN($C8640/24,0)+1,1)*INDEX($D$3:$AA$30,INDEX(Jesper!$R$2:$R$366,ROW(INDEX(Jesper!AI$2:AI$366,ROUNDDOWN($C8640/24,0)+1,1))-1)+IF('Standard Profiles'!$G$19=$B$10,7,0)+IF('Standard Profiles'!$G$19=$B$17,14,0)+IF('Standard Profiles'!$G$19=$B$24,21,0),MOD($C8640,24)+1)/SUM(INDEX($D$3:$AA$30,INDEX(Jesper!$R$2:$R$366,ROW(INDEX(Jesper!AI$2:AI$366,ROUNDDOWN($C8640/24,0)+1,1))-1)+IF('Standard Profiles'!$G$19=$B$10,7,0)+IF('Standard Profiles'!$G$19=$B$17,14,0)+IF('Standard Profiles'!$G$19=$B$24,21,0),0)),0)</f>
        <v>25.822227549048808</v>
      </c>
      <c r="F8640" cm="1">
        <f t="array" ref="F8640">IFERROR(INDEX(Jesper!AJ$2:AJ$366,ROUNDDOWN($C8640/24,0)+1,1)*INDEX($D$3:$AA$30,INDEX(Jesper!$R$2:$R$366,ROW(INDEX(Jesper!AJ$2:AJ$366,ROUNDDOWN($C8640/24,0)+1,1))-1)+IF('Standard Profiles'!$G$20=$B$10,7,0)+IF('Standard Profiles'!$G$20=$B$17,14,0)+IF('Standard Profiles'!$G$20=$B$24,21,0),MOD($C8640,24)+1)/SUM(INDEX($D$3:$AA$30,INDEX(Jesper!$R$2:$R$366,ROW(INDEX(Jesper!AJ$2:AJ$366,ROUNDDOWN($C8640/24,0)+1,1))-1)+IF('Standard Profiles'!$G$20=$B$10,7,0)+IF('Standard Profiles'!$G$20=$B$17,14,0)+IF('Standard Profiles'!$G$20=$B$24,21,0),0)),0)</f>
        <v>0</v>
      </c>
      <c r="G8640" cm="1">
        <f t="array" ref="G8640">IFERROR(INDEX(Jesper!AK$2:AK$366,ROUNDDOWN($C8640/24,0)+1,1)*INDEX($D$3:$AA$30,INDEX(Jesper!$R$2:$R$366,ROW(INDEX(Jesper!AK$2:AK$366,ROUNDDOWN($C8640/24,0)+1,1))-1)+IF('Standard Profiles'!$G$21=$B$10,7,0)+IF('Standard Profiles'!$G$21=$B$17,14,0)+IF('Standard Profiles'!$G$21=$B$24,21,0),MOD($C8640,24)+1)/SUM(INDEX($D$3:$AA$30,INDEX(Jesper!$R$2:$R$366,ROW(INDEX(Jesper!AK$2:AK$366,ROUNDDOWN($C8640/24,0)+1,1))-1)+IF('Standard Profiles'!$G$21=$B$10,7,0)+IF('Standard Profiles'!$G$21=$B$17,14,0)+IF('Standard Profiles'!$G$21=$B$24,21,0),0)),0)</f>
        <v>5.3099286889037529</v>
      </c>
      <c r="H8640" cm="1">
        <f t="array" ref="H8640">IFERROR(INDEX(Jesper!AL$2:AL$366,ROUNDDOWN($C8640/24,0)+1,1)*INDEX($D$3:$AA$30,INDEX(Jesper!$R$2:$R$366,ROW(INDEX(Jesper!AL$2:AL$366,ROUNDDOWN($C8640/24,0)+1,1))-1)+IF('Standard Profiles'!$G$22=$B$10,7,0)+IF('Standard Profiles'!$G$22=$B$17,14,0)+IF('Standard Profiles'!$G$22=$B$24,21,0),MOD($C8640,24)+1)/SUM(INDEX($D$3:$AA$30,INDEX(Jesper!$R$2:$R$366,ROW(INDEX(Jesper!AL$2:AL$366,ROUNDDOWN($C8640/24,0)+1,1))-1)+IF('Standard Profiles'!$G$22=$B$10,7,0)+IF('Standard Profiles'!$G$22=$B$17,14,0)+IF('Standard Profiles'!$G$22=$B$24,21,0),0)),0)</f>
        <v>0</v>
      </c>
      <c r="I8640">
        <f t="shared" si="958"/>
        <v>2.5487657706738003</v>
      </c>
      <c r="J8640">
        <f t="shared" si="959"/>
        <v>58.136378237443104</v>
      </c>
      <c r="K8640">
        <f t="shared" si="960"/>
        <v>3.7527603517669017</v>
      </c>
      <c r="L8640">
        <f t="shared" si="961"/>
        <v>1.8763801758834509</v>
      </c>
      <c r="M8640">
        <f t="shared" si="962"/>
        <v>0</v>
      </c>
      <c r="N8640" s="45">
        <f t="shared" si="963"/>
        <v>45285.583333312461</v>
      </c>
    </row>
    <row r="8641" spans="2:14" x14ac:dyDescent="0.25">
      <c r="B8641">
        <f t="shared" si="957"/>
        <v>1</v>
      </c>
      <c r="C8641" s="16">
        <v>8607</v>
      </c>
      <c r="D8641" cm="1">
        <f t="array" ref="D8641">IFERROR(INDEX(Jesper!AH$2:AH$366,ROUNDDOWN($C8641/24,0)+1,1)*INDEX($D$3:$AA$30,INDEX(Jesper!$R$2:$R$366,ROW(INDEX(Jesper!AH$2:AH$366,ROUNDDOWN($C8641/24,0)+1,1))-1)+IF('Standard Profiles'!$G$18=$B$10,7,0)+IF('Standard Profiles'!$G$18=$B$17,14,0)+IF('Standard Profiles'!$G$18=$B$24,21,0),MOD($C8641,24)+1)/SUM(INDEX($D$3:$AA$30,INDEX(Jesper!$R$2:$R$366,ROW(INDEX(Jesper!AH$2:AH$366,ROUNDDOWN($C8641/24,0)+1,1))-1)+IF('Standard Profiles'!$G$18=$B$10,7,0)+IF('Standard Profiles'!$G$18=$B$17,14,0)+IF('Standard Profiles'!$G$18=$B$24,21,0),0)),0)</f>
        <v>35.1821282978147</v>
      </c>
      <c r="E8641" cm="1">
        <f t="array" ref="E8641">IFERROR(INDEX(Jesper!AI$2:AI$366,ROUNDDOWN($C8641/24,0)+1,1)*INDEX($D$3:$AA$30,INDEX(Jesper!$R$2:$R$366,ROW(INDEX(Jesper!AI$2:AI$366,ROUNDDOWN($C8641/24,0)+1,1))-1)+IF('Standard Profiles'!$G$19=$B$10,7,0)+IF('Standard Profiles'!$G$19=$B$17,14,0)+IF('Standard Profiles'!$G$19=$B$24,21,0),MOD($C8641,24)+1)/SUM(INDEX($D$3:$AA$30,INDEX(Jesper!$R$2:$R$366,ROW(INDEX(Jesper!AI$2:AI$366,ROUNDDOWN($C8641/24,0)+1,1))-1)+IF('Standard Profiles'!$G$19=$B$10,7,0)+IF('Standard Profiles'!$G$19=$B$17,14,0)+IF('Standard Profiles'!$G$19=$B$24,21,0),0)),0)</f>
        <v>25.822227549048808</v>
      </c>
      <c r="F8641" cm="1">
        <f t="array" ref="F8641">IFERROR(INDEX(Jesper!AJ$2:AJ$366,ROUNDDOWN($C8641/24,0)+1,1)*INDEX($D$3:$AA$30,INDEX(Jesper!$R$2:$R$366,ROW(INDEX(Jesper!AJ$2:AJ$366,ROUNDDOWN($C8641/24,0)+1,1))-1)+IF('Standard Profiles'!$G$20=$B$10,7,0)+IF('Standard Profiles'!$G$20=$B$17,14,0)+IF('Standard Profiles'!$G$20=$B$24,21,0),MOD($C8641,24)+1)/SUM(INDEX($D$3:$AA$30,INDEX(Jesper!$R$2:$R$366,ROW(INDEX(Jesper!AJ$2:AJ$366,ROUNDDOWN($C8641/24,0)+1,1))-1)+IF('Standard Profiles'!$G$20=$B$10,7,0)+IF('Standard Profiles'!$G$20=$B$17,14,0)+IF('Standard Profiles'!$G$20=$B$24,21,0),0)),0)</f>
        <v>0</v>
      </c>
      <c r="G8641" cm="1">
        <f t="array" ref="G8641">IFERROR(INDEX(Jesper!AK$2:AK$366,ROUNDDOWN($C8641/24,0)+1,1)*INDEX($D$3:$AA$30,INDEX(Jesper!$R$2:$R$366,ROW(INDEX(Jesper!AK$2:AK$366,ROUNDDOWN($C8641/24,0)+1,1))-1)+IF('Standard Profiles'!$G$21=$B$10,7,0)+IF('Standard Profiles'!$G$21=$B$17,14,0)+IF('Standard Profiles'!$G$21=$B$24,21,0),MOD($C8641,24)+1)/SUM(INDEX($D$3:$AA$30,INDEX(Jesper!$R$2:$R$366,ROW(INDEX(Jesper!AK$2:AK$366,ROUNDDOWN($C8641/24,0)+1,1))-1)+IF('Standard Profiles'!$G$21=$B$10,7,0)+IF('Standard Profiles'!$G$21=$B$17,14,0)+IF('Standard Profiles'!$G$21=$B$24,21,0),0)),0)</f>
        <v>5.3099286889037529</v>
      </c>
      <c r="H8641" cm="1">
        <f t="array" ref="H8641">IFERROR(INDEX(Jesper!AL$2:AL$366,ROUNDDOWN($C8641/24,0)+1,1)*INDEX($D$3:$AA$30,INDEX(Jesper!$R$2:$R$366,ROW(INDEX(Jesper!AL$2:AL$366,ROUNDDOWN($C8641/24,0)+1,1))-1)+IF('Standard Profiles'!$G$22=$B$10,7,0)+IF('Standard Profiles'!$G$22=$B$17,14,0)+IF('Standard Profiles'!$G$22=$B$24,21,0),MOD($C8641,24)+1)/SUM(INDEX($D$3:$AA$30,INDEX(Jesper!$R$2:$R$366,ROW(INDEX(Jesper!AL$2:AL$366,ROUNDDOWN($C8641/24,0)+1,1))-1)+IF('Standard Profiles'!$G$22=$B$10,7,0)+IF('Standard Profiles'!$G$22=$B$17,14,0)+IF('Standard Profiles'!$G$22=$B$24,21,0),0)),0)</f>
        <v>0</v>
      </c>
      <c r="I8641">
        <f t="shared" si="958"/>
        <v>2.5487657706738003</v>
      </c>
      <c r="J8641">
        <f t="shared" si="959"/>
        <v>58.136378237443104</v>
      </c>
      <c r="K8641">
        <f t="shared" si="960"/>
        <v>3.7527603517669017</v>
      </c>
      <c r="L8641">
        <f t="shared" si="961"/>
        <v>1.8763801758834509</v>
      </c>
      <c r="M8641">
        <f t="shared" si="962"/>
        <v>0</v>
      </c>
      <c r="N8641" s="45">
        <f t="shared" si="963"/>
        <v>45285.624999979125</v>
      </c>
    </row>
    <row r="8642" spans="2:14" x14ac:dyDescent="0.25">
      <c r="B8642">
        <f t="shared" si="957"/>
        <v>1</v>
      </c>
      <c r="C8642" s="16">
        <v>8608</v>
      </c>
      <c r="D8642" cm="1">
        <f t="array" ref="D8642">IFERROR(INDEX(Jesper!AH$2:AH$366,ROUNDDOWN($C8642/24,0)+1,1)*INDEX($D$3:$AA$30,INDEX(Jesper!$R$2:$R$366,ROW(INDEX(Jesper!AH$2:AH$366,ROUNDDOWN($C8642/24,0)+1,1))-1)+IF('Standard Profiles'!$G$18=$B$10,7,0)+IF('Standard Profiles'!$G$18=$B$17,14,0)+IF('Standard Profiles'!$G$18=$B$24,21,0),MOD($C8642,24)+1)/SUM(INDEX($D$3:$AA$30,INDEX(Jesper!$R$2:$R$366,ROW(INDEX(Jesper!AH$2:AH$366,ROUNDDOWN($C8642/24,0)+1,1))-1)+IF('Standard Profiles'!$G$18=$B$10,7,0)+IF('Standard Profiles'!$G$18=$B$17,14,0)+IF('Standard Profiles'!$G$18=$B$24,21,0),0)),0)</f>
        <v>20.522908173725241</v>
      </c>
      <c r="E8642" cm="1">
        <f t="array" ref="E8642">IFERROR(INDEX(Jesper!AI$2:AI$366,ROUNDDOWN($C8642/24,0)+1,1)*INDEX($D$3:$AA$30,INDEX(Jesper!$R$2:$R$366,ROW(INDEX(Jesper!AI$2:AI$366,ROUNDDOWN($C8642/24,0)+1,1))-1)+IF('Standard Profiles'!$G$19=$B$10,7,0)+IF('Standard Profiles'!$G$19=$B$17,14,0)+IF('Standard Profiles'!$G$19=$B$24,21,0),MOD($C8642,24)+1)/SUM(INDEX($D$3:$AA$30,INDEX(Jesper!$R$2:$R$366,ROW(INDEX(Jesper!AI$2:AI$366,ROUNDDOWN($C8642/24,0)+1,1))-1)+IF('Standard Profiles'!$G$19=$B$10,7,0)+IF('Standard Profiles'!$G$19=$B$17,14,0)+IF('Standard Profiles'!$G$19=$B$24,21,0),0)),0)</f>
        <v>15.062966070278472</v>
      </c>
      <c r="F8642" cm="1">
        <f t="array" ref="F8642">IFERROR(INDEX(Jesper!AJ$2:AJ$366,ROUNDDOWN($C8642/24,0)+1,1)*INDEX($D$3:$AA$30,INDEX(Jesper!$R$2:$R$366,ROW(INDEX(Jesper!AJ$2:AJ$366,ROUNDDOWN($C8642/24,0)+1,1))-1)+IF('Standard Profiles'!$G$20=$B$10,7,0)+IF('Standard Profiles'!$G$20=$B$17,14,0)+IF('Standard Profiles'!$G$20=$B$24,21,0),MOD($C8642,24)+1)/SUM(INDEX($D$3:$AA$30,INDEX(Jesper!$R$2:$R$366,ROW(INDEX(Jesper!AJ$2:AJ$366,ROUNDDOWN($C8642/24,0)+1,1))-1)+IF('Standard Profiles'!$G$20=$B$10,7,0)+IF('Standard Profiles'!$G$20=$B$17,14,0)+IF('Standard Profiles'!$G$20=$B$24,21,0),0)),0)</f>
        <v>0</v>
      </c>
      <c r="G8642" cm="1">
        <f t="array" ref="G8642">IFERROR(INDEX(Jesper!AK$2:AK$366,ROUNDDOWN($C8642/24,0)+1,1)*INDEX($D$3:$AA$30,INDEX(Jesper!$R$2:$R$366,ROW(INDEX(Jesper!AK$2:AK$366,ROUNDDOWN($C8642/24,0)+1,1))-1)+IF('Standard Profiles'!$G$21=$B$10,7,0)+IF('Standard Profiles'!$G$21=$B$17,14,0)+IF('Standard Profiles'!$G$21=$B$24,21,0),MOD($C8642,24)+1)/SUM(INDEX($D$3:$AA$30,INDEX(Jesper!$R$2:$R$366,ROW(INDEX(Jesper!AK$2:AK$366,ROUNDDOWN($C8642/24,0)+1,1))-1)+IF('Standard Profiles'!$G$21=$B$10,7,0)+IF('Standard Profiles'!$G$21=$B$17,14,0)+IF('Standard Profiles'!$G$21=$B$24,21,0),0)),0)</f>
        <v>4.4249405740864614</v>
      </c>
      <c r="H8642" cm="1">
        <f t="array" ref="H8642">IFERROR(INDEX(Jesper!AL$2:AL$366,ROUNDDOWN($C8642/24,0)+1,1)*INDEX($D$3:$AA$30,INDEX(Jesper!$R$2:$R$366,ROW(INDEX(Jesper!AL$2:AL$366,ROUNDDOWN($C8642/24,0)+1,1))-1)+IF('Standard Profiles'!$G$22=$B$10,7,0)+IF('Standard Profiles'!$G$22=$B$17,14,0)+IF('Standard Profiles'!$G$22=$B$24,21,0),MOD($C8642,24)+1)/SUM(INDEX($D$3:$AA$30,INDEX(Jesper!$R$2:$R$366,ROW(INDEX(Jesper!AL$2:AL$366,ROUNDDOWN($C8642/24,0)+1,1))-1)+IF('Standard Profiles'!$G$22=$B$10,7,0)+IF('Standard Profiles'!$G$22=$B$17,14,0)+IF('Standard Profiles'!$G$22=$B$24,21,0),0)),0)</f>
        <v>0</v>
      </c>
      <c r="I8642">
        <f t="shared" si="958"/>
        <v>2.1239714755615005</v>
      </c>
      <c r="J8642">
        <f t="shared" si="959"/>
        <v>34.603178034732636</v>
      </c>
      <c r="K8642">
        <f t="shared" si="960"/>
        <v>2.1891102051973594</v>
      </c>
      <c r="L8642">
        <f t="shared" si="961"/>
        <v>1.0945551025986797</v>
      </c>
      <c r="M8642">
        <f t="shared" si="962"/>
        <v>0</v>
      </c>
      <c r="N8642" s="45">
        <f t="shared" si="963"/>
        <v>45285.66666664579</v>
      </c>
    </row>
    <row r="8643" spans="2:14" x14ac:dyDescent="0.25">
      <c r="B8643">
        <f t="shared" si="957"/>
        <v>1</v>
      </c>
      <c r="C8643" s="16">
        <v>8609</v>
      </c>
      <c r="D8643" cm="1">
        <f t="array" ref="D8643">IFERROR(INDEX(Jesper!AH$2:AH$366,ROUNDDOWN($C8643/24,0)+1,1)*INDEX($D$3:$AA$30,INDEX(Jesper!$R$2:$R$366,ROW(INDEX(Jesper!AH$2:AH$366,ROUNDDOWN($C8643/24,0)+1,1))-1)+IF('Standard Profiles'!$G$18=$B$10,7,0)+IF('Standard Profiles'!$G$18=$B$17,14,0)+IF('Standard Profiles'!$G$18=$B$24,21,0),MOD($C8643,24)+1)/SUM(INDEX($D$3:$AA$30,INDEX(Jesper!$R$2:$R$366,ROW(INDEX(Jesper!AH$2:AH$366,ROUNDDOWN($C8643/24,0)+1,1))-1)+IF('Standard Profiles'!$G$18=$B$10,7,0)+IF('Standard Profiles'!$G$18=$B$17,14,0)+IF('Standard Profiles'!$G$18=$B$24,21,0),0)),0)</f>
        <v>5.8636880496357842</v>
      </c>
      <c r="E8643" cm="1">
        <f t="array" ref="E8643">IFERROR(INDEX(Jesper!AI$2:AI$366,ROUNDDOWN($C8643/24,0)+1,1)*INDEX($D$3:$AA$30,INDEX(Jesper!$R$2:$R$366,ROW(INDEX(Jesper!AI$2:AI$366,ROUNDDOWN($C8643/24,0)+1,1))-1)+IF('Standard Profiles'!$G$19=$B$10,7,0)+IF('Standard Profiles'!$G$19=$B$17,14,0)+IF('Standard Profiles'!$G$19=$B$24,21,0),MOD($C8643,24)+1)/SUM(INDEX($D$3:$AA$30,INDEX(Jesper!$R$2:$R$366,ROW(INDEX(Jesper!AI$2:AI$366,ROUNDDOWN($C8643/24,0)+1,1))-1)+IF('Standard Profiles'!$G$19=$B$10,7,0)+IF('Standard Profiles'!$G$19=$B$17,14,0)+IF('Standard Profiles'!$G$19=$B$24,21,0),0)),0)</f>
        <v>4.3037045915081356</v>
      </c>
      <c r="F8643" cm="1">
        <f t="array" ref="F8643">IFERROR(INDEX(Jesper!AJ$2:AJ$366,ROUNDDOWN($C8643/24,0)+1,1)*INDEX($D$3:$AA$30,INDEX(Jesper!$R$2:$R$366,ROW(INDEX(Jesper!AJ$2:AJ$366,ROUNDDOWN($C8643/24,0)+1,1))-1)+IF('Standard Profiles'!$G$20=$B$10,7,0)+IF('Standard Profiles'!$G$20=$B$17,14,0)+IF('Standard Profiles'!$G$20=$B$24,21,0),MOD($C8643,24)+1)/SUM(INDEX($D$3:$AA$30,INDEX(Jesper!$R$2:$R$366,ROW(INDEX(Jesper!AJ$2:AJ$366,ROUNDDOWN($C8643/24,0)+1,1))-1)+IF('Standard Profiles'!$G$20=$B$10,7,0)+IF('Standard Profiles'!$G$20=$B$17,14,0)+IF('Standard Profiles'!$G$20=$B$24,21,0),0)),0)</f>
        <v>0</v>
      </c>
      <c r="G8643" cm="1">
        <f t="array" ref="G8643">IFERROR(INDEX(Jesper!AK$2:AK$366,ROUNDDOWN($C8643/24,0)+1,1)*INDEX($D$3:$AA$30,INDEX(Jesper!$R$2:$R$366,ROW(INDEX(Jesper!AK$2:AK$366,ROUNDDOWN($C8643/24,0)+1,1))-1)+IF('Standard Profiles'!$G$21=$B$10,7,0)+IF('Standard Profiles'!$G$21=$B$17,14,0)+IF('Standard Profiles'!$G$21=$B$24,21,0),MOD($C8643,24)+1)/SUM(INDEX($D$3:$AA$30,INDEX(Jesper!$R$2:$R$366,ROW(INDEX(Jesper!AK$2:AK$366,ROUNDDOWN($C8643/24,0)+1,1))-1)+IF('Standard Profiles'!$G$21=$B$10,7,0)+IF('Standard Profiles'!$G$21=$B$17,14,0)+IF('Standard Profiles'!$G$21=$B$24,21,0),0)),0)</f>
        <v>3.5602970136327849</v>
      </c>
      <c r="H8643" cm="1">
        <f t="array" ref="H8643">IFERROR(INDEX(Jesper!AL$2:AL$366,ROUNDDOWN($C8643/24,0)+1,1)*INDEX($D$3:$AA$30,INDEX(Jesper!$R$2:$R$366,ROW(INDEX(Jesper!AL$2:AL$366,ROUNDDOWN($C8643/24,0)+1,1))-1)+IF('Standard Profiles'!$G$22=$B$10,7,0)+IF('Standard Profiles'!$G$22=$B$17,14,0)+IF('Standard Profiles'!$G$22=$B$24,21,0),MOD($C8643,24)+1)/SUM(INDEX($D$3:$AA$30,INDEX(Jesper!$R$2:$R$366,ROW(INDEX(Jesper!AL$2:AL$366,ROUNDDOWN($C8643/24,0)+1,1))-1)+IF('Standard Profiles'!$G$22=$B$10,7,0)+IF('Standard Profiles'!$G$22=$B$17,14,0)+IF('Standard Profiles'!$G$22=$B$24,21,0),0)),0)</f>
        <v>0</v>
      </c>
      <c r="I8643">
        <f t="shared" si="958"/>
        <v>1.7089425665437359</v>
      </c>
      <c r="J8643">
        <f t="shared" si="959"/>
        <v>11.080557000291243</v>
      </c>
      <c r="K8643">
        <f t="shared" si="960"/>
        <v>0.62546005862781706</v>
      </c>
      <c r="L8643">
        <f t="shared" si="961"/>
        <v>0.31273002931390853</v>
      </c>
      <c r="M8643">
        <f t="shared" si="962"/>
        <v>0</v>
      </c>
      <c r="N8643" s="45">
        <f t="shared" si="963"/>
        <v>45285.708333312454</v>
      </c>
    </row>
    <row r="8644" spans="2:14" x14ac:dyDescent="0.25">
      <c r="B8644">
        <f t="shared" si="957"/>
        <v>1</v>
      </c>
      <c r="C8644" s="16">
        <v>8610</v>
      </c>
      <c r="D8644" cm="1">
        <f t="array" ref="D8644">IFERROR(INDEX(Jesper!AH$2:AH$366,ROUNDDOWN($C8644/24,0)+1,1)*INDEX($D$3:$AA$30,INDEX(Jesper!$R$2:$R$366,ROW(INDEX(Jesper!AH$2:AH$366,ROUNDDOWN($C8644/24,0)+1,1))-1)+IF('Standard Profiles'!$G$18=$B$10,7,0)+IF('Standard Profiles'!$G$18=$B$17,14,0)+IF('Standard Profiles'!$G$18=$B$24,21,0),MOD($C8644,24)+1)/SUM(INDEX($D$3:$AA$30,INDEX(Jesper!$R$2:$R$366,ROW(INDEX(Jesper!AH$2:AH$366,ROUNDDOWN($C8644/24,0)+1,1))-1)+IF('Standard Profiles'!$G$18=$B$10,7,0)+IF('Standard Profiles'!$G$18=$B$17,14,0)+IF('Standard Profiles'!$G$18=$B$24,21,0),0)),0)</f>
        <v>5.7811008940071114</v>
      </c>
      <c r="E8644" cm="1">
        <f t="array" ref="E8644">IFERROR(INDEX(Jesper!AI$2:AI$366,ROUNDDOWN($C8644/24,0)+1,1)*INDEX($D$3:$AA$30,INDEX(Jesper!$R$2:$R$366,ROW(INDEX(Jesper!AI$2:AI$366,ROUNDDOWN($C8644/24,0)+1,1))-1)+IF('Standard Profiles'!$G$19=$B$10,7,0)+IF('Standard Profiles'!$G$19=$B$17,14,0)+IF('Standard Profiles'!$G$19=$B$24,21,0),MOD($C8644,24)+1)/SUM(INDEX($D$3:$AA$30,INDEX(Jesper!$R$2:$R$366,ROW(INDEX(Jesper!AI$2:AI$366,ROUNDDOWN($C8644/24,0)+1,1))-1)+IF('Standard Profiles'!$G$19=$B$10,7,0)+IF('Standard Profiles'!$G$19=$B$17,14,0)+IF('Standard Profiles'!$G$19=$B$24,21,0),0)),0)</f>
        <v>4.2430890338812599</v>
      </c>
      <c r="F8644" cm="1">
        <f t="array" ref="F8644">IFERROR(INDEX(Jesper!AJ$2:AJ$366,ROUNDDOWN($C8644/24,0)+1,1)*INDEX($D$3:$AA$30,INDEX(Jesper!$R$2:$R$366,ROW(INDEX(Jesper!AJ$2:AJ$366,ROUNDDOWN($C8644/24,0)+1,1))-1)+IF('Standard Profiles'!$G$20=$B$10,7,0)+IF('Standard Profiles'!$G$20=$B$17,14,0)+IF('Standard Profiles'!$G$20=$B$24,21,0),MOD($C8644,24)+1)/SUM(INDEX($D$3:$AA$30,INDEX(Jesper!$R$2:$R$366,ROW(INDEX(Jesper!AJ$2:AJ$366,ROUNDDOWN($C8644/24,0)+1,1))-1)+IF('Standard Profiles'!$G$20=$B$10,7,0)+IF('Standard Profiles'!$G$20=$B$17,14,0)+IF('Standard Profiles'!$G$20=$B$24,21,0),0)),0)</f>
        <v>0</v>
      </c>
      <c r="G8644" cm="1">
        <f t="array" ref="G8644">IFERROR(INDEX(Jesper!AK$2:AK$366,ROUNDDOWN($C8644/24,0)+1,1)*INDEX($D$3:$AA$30,INDEX(Jesper!$R$2:$R$366,ROW(INDEX(Jesper!AK$2:AK$366,ROUNDDOWN($C8644/24,0)+1,1))-1)+IF('Standard Profiles'!$G$21=$B$10,7,0)+IF('Standard Profiles'!$G$21=$B$17,14,0)+IF('Standard Profiles'!$G$21=$B$24,21,0),MOD($C8644,24)+1)/SUM(INDEX($D$3:$AA$30,INDEX(Jesper!$R$2:$R$366,ROW(INDEX(Jesper!AK$2:AK$366,ROUNDDOWN($C8644/24,0)+1,1))-1)+IF('Standard Profiles'!$G$21=$B$10,7,0)+IF('Standard Profiles'!$G$21=$B$17,14,0)+IF('Standard Profiles'!$G$21=$B$24,21,0),0)),0)</f>
        <v>1.2715346477259948</v>
      </c>
      <c r="H8644" cm="1">
        <f t="array" ref="H8644">IFERROR(INDEX(Jesper!AL$2:AL$366,ROUNDDOWN($C8644/24,0)+1,1)*INDEX($D$3:$AA$30,INDEX(Jesper!$R$2:$R$366,ROW(INDEX(Jesper!AL$2:AL$366,ROUNDDOWN($C8644/24,0)+1,1))-1)+IF('Standard Profiles'!$G$22=$B$10,7,0)+IF('Standard Profiles'!$G$22=$B$17,14,0)+IF('Standard Profiles'!$G$22=$B$24,21,0),MOD($C8644,24)+1)/SUM(INDEX($D$3:$AA$30,INDEX(Jesper!$R$2:$R$366,ROW(INDEX(Jesper!AL$2:AL$366,ROUNDDOWN($C8644/24,0)+1,1))-1)+IF('Standard Profiles'!$G$22=$B$10,7,0)+IF('Standard Profiles'!$G$22=$B$17,14,0)+IF('Standard Profiles'!$G$22=$B$24,21,0),0)),0)</f>
        <v>0</v>
      </c>
      <c r="I8644">
        <f t="shared" si="958"/>
        <v>0.61033663090847723</v>
      </c>
      <c r="J8644">
        <f t="shared" si="959"/>
        <v>9.7604118016647501</v>
      </c>
      <c r="K8644">
        <f t="shared" si="960"/>
        <v>0.6166507620274253</v>
      </c>
      <c r="L8644">
        <f t="shared" si="961"/>
        <v>0.30832538101371265</v>
      </c>
      <c r="M8644">
        <f t="shared" si="962"/>
        <v>0</v>
      </c>
      <c r="N8644" s="45">
        <f t="shared" si="963"/>
        <v>45285.749999979118</v>
      </c>
    </row>
    <row r="8645" spans="2:14" x14ac:dyDescent="0.25">
      <c r="B8645">
        <f t="shared" si="957"/>
        <v>1</v>
      </c>
      <c r="C8645" s="16">
        <v>8611</v>
      </c>
      <c r="D8645" cm="1">
        <f t="array" ref="D8645">IFERROR(INDEX(Jesper!AH$2:AH$366,ROUNDDOWN($C8645/24,0)+1,1)*INDEX($D$3:$AA$30,INDEX(Jesper!$R$2:$R$366,ROW(INDEX(Jesper!AH$2:AH$366,ROUNDDOWN($C8645/24,0)+1,1))-1)+IF('Standard Profiles'!$G$18=$B$10,7,0)+IF('Standard Profiles'!$G$18=$B$17,14,0)+IF('Standard Profiles'!$G$18=$B$24,21,0),MOD($C8645,24)+1)/SUM(INDEX($D$3:$AA$30,INDEX(Jesper!$R$2:$R$366,ROW(INDEX(Jesper!AH$2:AH$366,ROUNDDOWN($C8645/24,0)+1,1))-1)+IF('Standard Profiles'!$G$18=$B$10,7,0)+IF('Standard Profiles'!$G$18=$B$17,14,0)+IF('Standard Profiles'!$G$18=$B$24,21,0),0)),0)</f>
        <v>5.7811008940071114</v>
      </c>
      <c r="E8645" cm="1">
        <f t="array" ref="E8645">IFERROR(INDEX(Jesper!AI$2:AI$366,ROUNDDOWN($C8645/24,0)+1,1)*INDEX($D$3:$AA$30,INDEX(Jesper!$R$2:$R$366,ROW(INDEX(Jesper!AI$2:AI$366,ROUNDDOWN($C8645/24,0)+1,1))-1)+IF('Standard Profiles'!$G$19=$B$10,7,0)+IF('Standard Profiles'!$G$19=$B$17,14,0)+IF('Standard Profiles'!$G$19=$B$24,21,0),MOD($C8645,24)+1)/SUM(INDEX($D$3:$AA$30,INDEX(Jesper!$R$2:$R$366,ROW(INDEX(Jesper!AI$2:AI$366,ROUNDDOWN($C8645/24,0)+1,1))-1)+IF('Standard Profiles'!$G$19=$B$10,7,0)+IF('Standard Profiles'!$G$19=$B$17,14,0)+IF('Standard Profiles'!$G$19=$B$24,21,0),0)),0)</f>
        <v>4.2430890338812599</v>
      </c>
      <c r="F8645" cm="1">
        <f t="array" ref="F8645">IFERROR(INDEX(Jesper!AJ$2:AJ$366,ROUNDDOWN($C8645/24,0)+1,1)*INDEX($D$3:$AA$30,INDEX(Jesper!$R$2:$R$366,ROW(INDEX(Jesper!AJ$2:AJ$366,ROUNDDOWN($C8645/24,0)+1,1))-1)+IF('Standard Profiles'!$G$20=$B$10,7,0)+IF('Standard Profiles'!$G$20=$B$17,14,0)+IF('Standard Profiles'!$G$20=$B$24,21,0),MOD($C8645,24)+1)/SUM(INDEX($D$3:$AA$30,INDEX(Jesper!$R$2:$R$366,ROW(INDEX(Jesper!AJ$2:AJ$366,ROUNDDOWN($C8645/24,0)+1,1))-1)+IF('Standard Profiles'!$G$20=$B$10,7,0)+IF('Standard Profiles'!$G$20=$B$17,14,0)+IF('Standard Profiles'!$G$20=$B$24,21,0),0)),0)</f>
        <v>0</v>
      </c>
      <c r="G8645" cm="1">
        <f t="array" ref="G8645">IFERROR(INDEX(Jesper!AK$2:AK$366,ROUNDDOWN($C8645/24,0)+1,1)*INDEX($D$3:$AA$30,INDEX(Jesper!$R$2:$R$366,ROW(INDEX(Jesper!AK$2:AK$366,ROUNDDOWN($C8645/24,0)+1,1))-1)+IF('Standard Profiles'!$G$21=$B$10,7,0)+IF('Standard Profiles'!$G$21=$B$17,14,0)+IF('Standard Profiles'!$G$21=$B$24,21,0),MOD($C8645,24)+1)/SUM(INDEX($D$3:$AA$30,INDEX(Jesper!$R$2:$R$366,ROW(INDEX(Jesper!AK$2:AK$366,ROUNDDOWN($C8645/24,0)+1,1))-1)+IF('Standard Profiles'!$G$21=$B$10,7,0)+IF('Standard Profiles'!$G$21=$B$17,14,0)+IF('Standard Profiles'!$G$21=$B$24,21,0),0)),0)</f>
        <v>1.2715346477259948</v>
      </c>
      <c r="H8645" cm="1">
        <f t="array" ref="H8645">IFERROR(INDEX(Jesper!AL$2:AL$366,ROUNDDOWN($C8645/24,0)+1,1)*INDEX($D$3:$AA$30,INDEX(Jesper!$R$2:$R$366,ROW(INDEX(Jesper!AL$2:AL$366,ROUNDDOWN($C8645/24,0)+1,1))-1)+IF('Standard Profiles'!$G$22=$B$10,7,0)+IF('Standard Profiles'!$G$22=$B$17,14,0)+IF('Standard Profiles'!$G$22=$B$24,21,0),MOD($C8645,24)+1)/SUM(INDEX($D$3:$AA$30,INDEX(Jesper!$R$2:$R$366,ROW(INDEX(Jesper!AL$2:AL$366,ROUNDDOWN($C8645/24,0)+1,1))-1)+IF('Standard Profiles'!$G$22=$B$10,7,0)+IF('Standard Profiles'!$G$22=$B$17,14,0)+IF('Standard Profiles'!$G$22=$B$24,21,0),0)),0)</f>
        <v>0</v>
      </c>
      <c r="I8645">
        <f t="shared" si="958"/>
        <v>0.61033663090847723</v>
      </c>
      <c r="J8645">
        <f t="shared" si="959"/>
        <v>9.7604118016647501</v>
      </c>
      <c r="K8645">
        <f t="shared" si="960"/>
        <v>0.6166507620274253</v>
      </c>
      <c r="L8645">
        <f t="shared" si="961"/>
        <v>0.30832538101371265</v>
      </c>
      <c r="M8645">
        <f t="shared" si="962"/>
        <v>0</v>
      </c>
      <c r="N8645" s="45">
        <f t="shared" si="963"/>
        <v>45285.791666645782</v>
      </c>
    </row>
    <row r="8646" spans="2:14" x14ac:dyDescent="0.25">
      <c r="B8646">
        <f t="shared" si="957"/>
        <v>1</v>
      </c>
      <c r="C8646" s="16">
        <v>8612</v>
      </c>
      <c r="D8646" cm="1">
        <f t="array" ref="D8646">IFERROR(INDEX(Jesper!AH$2:AH$366,ROUNDDOWN($C8646/24,0)+1,1)*INDEX($D$3:$AA$30,INDEX(Jesper!$R$2:$R$366,ROW(INDEX(Jesper!AH$2:AH$366,ROUNDDOWN($C8646/24,0)+1,1))-1)+IF('Standard Profiles'!$G$18=$B$10,7,0)+IF('Standard Profiles'!$G$18=$B$17,14,0)+IF('Standard Profiles'!$G$18=$B$24,21,0),MOD($C8646,24)+1)/SUM(INDEX($D$3:$AA$30,INDEX(Jesper!$R$2:$R$366,ROW(INDEX(Jesper!AH$2:AH$366,ROUNDDOWN($C8646/24,0)+1,1))-1)+IF('Standard Profiles'!$G$18=$B$10,7,0)+IF('Standard Profiles'!$G$18=$B$17,14,0)+IF('Standard Profiles'!$G$18=$B$24,21,0),0)),0)</f>
        <v>5.7811008940071114</v>
      </c>
      <c r="E8646" cm="1">
        <f t="array" ref="E8646">IFERROR(INDEX(Jesper!AI$2:AI$366,ROUNDDOWN($C8646/24,0)+1,1)*INDEX($D$3:$AA$30,INDEX(Jesper!$R$2:$R$366,ROW(INDEX(Jesper!AI$2:AI$366,ROUNDDOWN($C8646/24,0)+1,1))-1)+IF('Standard Profiles'!$G$19=$B$10,7,0)+IF('Standard Profiles'!$G$19=$B$17,14,0)+IF('Standard Profiles'!$G$19=$B$24,21,0),MOD($C8646,24)+1)/SUM(INDEX($D$3:$AA$30,INDEX(Jesper!$R$2:$R$366,ROW(INDEX(Jesper!AI$2:AI$366,ROUNDDOWN($C8646/24,0)+1,1))-1)+IF('Standard Profiles'!$G$19=$B$10,7,0)+IF('Standard Profiles'!$G$19=$B$17,14,0)+IF('Standard Profiles'!$G$19=$B$24,21,0),0)),0)</f>
        <v>4.2430890338812599</v>
      </c>
      <c r="F8646" cm="1">
        <f t="array" ref="F8646">IFERROR(INDEX(Jesper!AJ$2:AJ$366,ROUNDDOWN($C8646/24,0)+1,1)*INDEX($D$3:$AA$30,INDEX(Jesper!$R$2:$R$366,ROW(INDEX(Jesper!AJ$2:AJ$366,ROUNDDOWN($C8646/24,0)+1,1))-1)+IF('Standard Profiles'!$G$20=$B$10,7,0)+IF('Standard Profiles'!$G$20=$B$17,14,0)+IF('Standard Profiles'!$G$20=$B$24,21,0),MOD($C8646,24)+1)/SUM(INDEX($D$3:$AA$30,INDEX(Jesper!$R$2:$R$366,ROW(INDEX(Jesper!AJ$2:AJ$366,ROUNDDOWN($C8646/24,0)+1,1))-1)+IF('Standard Profiles'!$G$20=$B$10,7,0)+IF('Standard Profiles'!$G$20=$B$17,14,0)+IF('Standard Profiles'!$G$20=$B$24,21,0),0)),0)</f>
        <v>0</v>
      </c>
      <c r="G8646" cm="1">
        <f t="array" ref="G8646">IFERROR(INDEX(Jesper!AK$2:AK$366,ROUNDDOWN($C8646/24,0)+1,1)*INDEX($D$3:$AA$30,INDEX(Jesper!$R$2:$R$366,ROW(INDEX(Jesper!AK$2:AK$366,ROUNDDOWN($C8646/24,0)+1,1))-1)+IF('Standard Profiles'!$G$21=$B$10,7,0)+IF('Standard Profiles'!$G$21=$B$17,14,0)+IF('Standard Profiles'!$G$21=$B$24,21,0),MOD($C8646,24)+1)/SUM(INDEX($D$3:$AA$30,INDEX(Jesper!$R$2:$R$366,ROW(INDEX(Jesper!AK$2:AK$366,ROUNDDOWN($C8646/24,0)+1,1))-1)+IF('Standard Profiles'!$G$21=$B$10,7,0)+IF('Standard Profiles'!$G$21=$B$17,14,0)+IF('Standard Profiles'!$G$21=$B$24,21,0),0)),0)</f>
        <v>1.2715346477259948</v>
      </c>
      <c r="H8646" cm="1">
        <f t="array" ref="H8646">IFERROR(INDEX(Jesper!AL$2:AL$366,ROUNDDOWN($C8646/24,0)+1,1)*INDEX($D$3:$AA$30,INDEX(Jesper!$R$2:$R$366,ROW(INDEX(Jesper!AL$2:AL$366,ROUNDDOWN($C8646/24,0)+1,1))-1)+IF('Standard Profiles'!$G$22=$B$10,7,0)+IF('Standard Profiles'!$G$22=$B$17,14,0)+IF('Standard Profiles'!$G$22=$B$24,21,0),MOD($C8646,24)+1)/SUM(INDEX($D$3:$AA$30,INDEX(Jesper!$R$2:$R$366,ROW(INDEX(Jesper!AL$2:AL$366,ROUNDDOWN($C8646/24,0)+1,1))-1)+IF('Standard Profiles'!$G$22=$B$10,7,0)+IF('Standard Profiles'!$G$22=$B$17,14,0)+IF('Standard Profiles'!$G$22=$B$24,21,0),0)),0)</f>
        <v>0</v>
      </c>
      <c r="I8646">
        <f t="shared" si="958"/>
        <v>0.61033663090847723</v>
      </c>
      <c r="J8646">
        <f t="shared" si="959"/>
        <v>9.7604118016647501</v>
      </c>
      <c r="K8646">
        <f t="shared" si="960"/>
        <v>0.6166507620274253</v>
      </c>
      <c r="L8646">
        <f t="shared" si="961"/>
        <v>0.30832538101371265</v>
      </c>
      <c r="M8646">
        <f t="shared" si="962"/>
        <v>0</v>
      </c>
      <c r="N8646" s="45">
        <f t="shared" si="963"/>
        <v>45285.833333312446</v>
      </c>
    </row>
    <row r="8647" spans="2:14" x14ac:dyDescent="0.25">
      <c r="B8647">
        <f t="shared" si="957"/>
        <v>1</v>
      </c>
      <c r="C8647" s="16">
        <v>8613</v>
      </c>
      <c r="D8647" cm="1">
        <f t="array" ref="D8647">IFERROR(INDEX(Jesper!AH$2:AH$366,ROUNDDOWN($C8647/24,0)+1,1)*INDEX($D$3:$AA$30,INDEX(Jesper!$R$2:$R$366,ROW(INDEX(Jesper!AH$2:AH$366,ROUNDDOWN($C8647/24,0)+1,1))-1)+IF('Standard Profiles'!$G$18=$B$10,7,0)+IF('Standard Profiles'!$G$18=$B$17,14,0)+IF('Standard Profiles'!$G$18=$B$24,21,0),MOD($C8647,24)+1)/SUM(INDEX($D$3:$AA$30,INDEX(Jesper!$R$2:$R$366,ROW(INDEX(Jesper!AH$2:AH$366,ROUNDDOWN($C8647/24,0)+1,1))-1)+IF('Standard Profiles'!$G$18=$B$10,7,0)+IF('Standard Profiles'!$G$18=$B$17,14,0)+IF('Standard Profiles'!$G$18=$B$24,21,0),0)),0)</f>
        <v>5.7811008940071114</v>
      </c>
      <c r="E8647" cm="1">
        <f t="array" ref="E8647">IFERROR(INDEX(Jesper!AI$2:AI$366,ROUNDDOWN($C8647/24,0)+1,1)*INDEX($D$3:$AA$30,INDEX(Jesper!$R$2:$R$366,ROW(INDEX(Jesper!AI$2:AI$366,ROUNDDOWN($C8647/24,0)+1,1))-1)+IF('Standard Profiles'!$G$19=$B$10,7,0)+IF('Standard Profiles'!$G$19=$B$17,14,0)+IF('Standard Profiles'!$G$19=$B$24,21,0),MOD($C8647,24)+1)/SUM(INDEX($D$3:$AA$30,INDEX(Jesper!$R$2:$R$366,ROW(INDEX(Jesper!AI$2:AI$366,ROUNDDOWN($C8647/24,0)+1,1))-1)+IF('Standard Profiles'!$G$19=$B$10,7,0)+IF('Standard Profiles'!$G$19=$B$17,14,0)+IF('Standard Profiles'!$G$19=$B$24,21,0),0)),0)</f>
        <v>4.2430890338812599</v>
      </c>
      <c r="F8647" cm="1">
        <f t="array" ref="F8647">IFERROR(INDEX(Jesper!AJ$2:AJ$366,ROUNDDOWN($C8647/24,0)+1,1)*INDEX($D$3:$AA$30,INDEX(Jesper!$R$2:$R$366,ROW(INDEX(Jesper!AJ$2:AJ$366,ROUNDDOWN($C8647/24,0)+1,1))-1)+IF('Standard Profiles'!$G$20=$B$10,7,0)+IF('Standard Profiles'!$G$20=$B$17,14,0)+IF('Standard Profiles'!$G$20=$B$24,21,0),MOD($C8647,24)+1)/SUM(INDEX($D$3:$AA$30,INDEX(Jesper!$R$2:$R$366,ROW(INDEX(Jesper!AJ$2:AJ$366,ROUNDDOWN($C8647/24,0)+1,1))-1)+IF('Standard Profiles'!$G$20=$B$10,7,0)+IF('Standard Profiles'!$G$20=$B$17,14,0)+IF('Standard Profiles'!$G$20=$B$24,21,0),0)),0)</f>
        <v>0</v>
      </c>
      <c r="G8647" cm="1">
        <f t="array" ref="G8647">IFERROR(INDEX(Jesper!AK$2:AK$366,ROUNDDOWN($C8647/24,0)+1,1)*INDEX($D$3:$AA$30,INDEX(Jesper!$R$2:$R$366,ROW(INDEX(Jesper!AK$2:AK$366,ROUNDDOWN($C8647/24,0)+1,1))-1)+IF('Standard Profiles'!$G$21=$B$10,7,0)+IF('Standard Profiles'!$G$21=$B$17,14,0)+IF('Standard Profiles'!$G$21=$B$24,21,0),MOD($C8647,24)+1)/SUM(INDEX($D$3:$AA$30,INDEX(Jesper!$R$2:$R$366,ROW(INDEX(Jesper!AK$2:AK$366,ROUNDDOWN($C8647/24,0)+1,1))-1)+IF('Standard Profiles'!$G$21=$B$10,7,0)+IF('Standard Profiles'!$G$21=$B$17,14,0)+IF('Standard Profiles'!$G$21=$B$24,21,0),0)),0)</f>
        <v>1.2715346477259948</v>
      </c>
      <c r="H8647" cm="1">
        <f t="array" ref="H8647">IFERROR(INDEX(Jesper!AL$2:AL$366,ROUNDDOWN($C8647/24,0)+1,1)*INDEX($D$3:$AA$30,INDEX(Jesper!$R$2:$R$366,ROW(INDEX(Jesper!AL$2:AL$366,ROUNDDOWN($C8647/24,0)+1,1))-1)+IF('Standard Profiles'!$G$22=$B$10,7,0)+IF('Standard Profiles'!$G$22=$B$17,14,0)+IF('Standard Profiles'!$G$22=$B$24,21,0),MOD($C8647,24)+1)/SUM(INDEX($D$3:$AA$30,INDEX(Jesper!$R$2:$R$366,ROW(INDEX(Jesper!AL$2:AL$366,ROUNDDOWN($C8647/24,0)+1,1))-1)+IF('Standard Profiles'!$G$22=$B$10,7,0)+IF('Standard Profiles'!$G$22=$B$17,14,0)+IF('Standard Profiles'!$G$22=$B$24,21,0),0)),0)</f>
        <v>0</v>
      </c>
      <c r="I8647">
        <f t="shared" si="958"/>
        <v>0.61033663090847723</v>
      </c>
      <c r="J8647">
        <f t="shared" si="959"/>
        <v>9.7604118016647501</v>
      </c>
      <c r="K8647">
        <f t="shared" si="960"/>
        <v>0.6166507620274253</v>
      </c>
      <c r="L8647">
        <f t="shared" si="961"/>
        <v>0.30832538101371265</v>
      </c>
      <c r="M8647">
        <f t="shared" si="962"/>
        <v>0</v>
      </c>
      <c r="N8647" s="45">
        <f t="shared" si="963"/>
        <v>45285.874999979111</v>
      </c>
    </row>
    <row r="8648" spans="2:14" x14ac:dyDescent="0.25">
      <c r="B8648">
        <f t="shared" si="957"/>
        <v>1</v>
      </c>
      <c r="C8648" s="16">
        <v>8614</v>
      </c>
      <c r="D8648" cm="1">
        <f t="array" ref="D8648">IFERROR(INDEX(Jesper!AH$2:AH$366,ROUNDDOWN($C8648/24,0)+1,1)*INDEX($D$3:$AA$30,INDEX(Jesper!$R$2:$R$366,ROW(INDEX(Jesper!AH$2:AH$366,ROUNDDOWN($C8648/24,0)+1,1))-1)+IF('Standard Profiles'!$G$18=$B$10,7,0)+IF('Standard Profiles'!$G$18=$B$17,14,0)+IF('Standard Profiles'!$G$18=$B$24,21,0),MOD($C8648,24)+1)/SUM(INDEX($D$3:$AA$30,INDEX(Jesper!$R$2:$R$366,ROW(INDEX(Jesper!AH$2:AH$366,ROUNDDOWN($C8648/24,0)+1,1))-1)+IF('Standard Profiles'!$G$18=$B$10,7,0)+IF('Standard Profiles'!$G$18=$B$17,14,0)+IF('Standard Profiles'!$G$18=$B$24,21,0),0)),0)</f>
        <v>5.7811008940071114</v>
      </c>
      <c r="E8648" cm="1">
        <f t="array" ref="E8648">IFERROR(INDEX(Jesper!AI$2:AI$366,ROUNDDOWN($C8648/24,0)+1,1)*INDEX($D$3:$AA$30,INDEX(Jesper!$R$2:$R$366,ROW(INDEX(Jesper!AI$2:AI$366,ROUNDDOWN($C8648/24,0)+1,1))-1)+IF('Standard Profiles'!$G$19=$B$10,7,0)+IF('Standard Profiles'!$G$19=$B$17,14,0)+IF('Standard Profiles'!$G$19=$B$24,21,0),MOD($C8648,24)+1)/SUM(INDEX($D$3:$AA$30,INDEX(Jesper!$R$2:$R$366,ROW(INDEX(Jesper!AI$2:AI$366,ROUNDDOWN($C8648/24,0)+1,1))-1)+IF('Standard Profiles'!$G$19=$B$10,7,0)+IF('Standard Profiles'!$G$19=$B$17,14,0)+IF('Standard Profiles'!$G$19=$B$24,21,0),0)),0)</f>
        <v>4.2430890338812599</v>
      </c>
      <c r="F8648" cm="1">
        <f t="array" ref="F8648">IFERROR(INDEX(Jesper!AJ$2:AJ$366,ROUNDDOWN($C8648/24,0)+1,1)*INDEX($D$3:$AA$30,INDEX(Jesper!$R$2:$R$366,ROW(INDEX(Jesper!AJ$2:AJ$366,ROUNDDOWN($C8648/24,0)+1,1))-1)+IF('Standard Profiles'!$G$20=$B$10,7,0)+IF('Standard Profiles'!$G$20=$B$17,14,0)+IF('Standard Profiles'!$G$20=$B$24,21,0),MOD($C8648,24)+1)/SUM(INDEX($D$3:$AA$30,INDEX(Jesper!$R$2:$R$366,ROW(INDEX(Jesper!AJ$2:AJ$366,ROUNDDOWN($C8648/24,0)+1,1))-1)+IF('Standard Profiles'!$G$20=$B$10,7,0)+IF('Standard Profiles'!$G$20=$B$17,14,0)+IF('Standard Profiles'!$G$20=$B$24,21,0),0)),0)</f>
        <v>0</v>
      </c>
      <c r="G8648" cm="1">
        <f t="array" ref="G8648">IFERROR(INDEX(Jesper!AK$2:AK$366,ROUNDDOWN($C8648/24,0)+1,1)*INDEX($D$3:$AA$30,INDEX(Jesper!$R$2:$R$366,ROW(INDEX(Jesper!AK$2:AK$366,ROUNDDOWN($C8648/24,0)+1,1))-1)+IF('Standard Profiles'!$G$21=$B$10,7,0)+IF('Standard Profiles'!$G$21=$B$17,14,0)+IF('Standard Profiles'!$G$21=$B$24,21,0),MOD($C8648,24)+1)/SUM(INDEX($D$3:$AA$30,INDEX(Jesper!$R$2:$R$366,ROW(INDEX(Jesper!AK$2:AK$366,ROUNDDOWN($C8648/24,0)+1,1))-1)+IF('Standard Profiles'!$G$21=$B$10,7,0)+IF('Standard Profiles'!$G$21=$B$17,14,0)+IF('Standard Profiles'!$G$21=$B$24,21,0),0)),0)</f>
        <v>1.2715346477259948</v>
      </c>
      <c r="H8648" cm="1">
        <f t="array" ref="H8648">IFERROR(INDEX(Jesper!AL$2:AL$366,ROUNDDOWN($C8648/24,0)+1,1)*INDEX($D$3:$AA$30,INDEX(Jesper!$R$2:$R$366,ROW(INDEX(Jesper!AL$2:AL$366,ROUNDDOWN($C8648/24,0)+1,1))-1)+IF('Standard Profiles'!$G$22=$B$10,7,0)+IF('Standard Profiles'!$G$22=$B$17,14,0)+IF('Standard Profiles'!$G$22=$B$24,21,0),MOD($C8648,24)+1)/SUM(INDEX($D$3:$AA$30,INDEX(Jesper!$R$2:$R$366,ROW(INDEX(Jesper!AL$2:AL$366,ROUNDDOWN($C8648/24,0)+1,1))-1)+IF('Standard Profiles'!$G$22=$B$10,7,0)+IF('Standard Profiles'!$G$22=$B$17,14,0)+IF('Standard Profiles'!$G$22=$B$24,21,0),0)),0)</f>
        <v>0</v>
      </c>
      <c r="I8648">
        <f t="shared" si="958"/>
        <v>0.61033663090847723</v>
      </c>
      <c r="J8648">
        <f t="shared" si="959"/>
        <v>9.7604118016647501</v>
      </c>
      <c r="K8648">
        <f t="shared" si="960"/>
        <v>0.6166507620274253</v>
      </c>
      <c r="L8648">
        <f t="shared" si="961"/>
        <v>0.30832538101371265</v>
      </c>
      <c r="M8648">
        <f t="shared" si="962"/>
        <v>0</v>
      </c>
      <c r="N8648" s="45">
        <f t="shared" si="963"/>
        <v>45285.916666645775</v>
      </c>
    </row>
    <row r="8649" spans="2:14" x14ac:dyDescent="0.25">
      <c r="B8649">
        <f t="shared" si="957"/>
        <v>1</v>
      </c>
      <c r="C8649" s="16">
        <v>8615</v>
      </c>
      <c r="D8649" cm="1">
        <f t="array" ref="D8649">IFERROR(INDEX(Jesper!AH$2:AH$366,ROUNDDOWN($C8649/24,0)+1,1)*INDEX($D$3:$AA$30,INDEX(Jesper!$R$2:$R$366,ROW(INDEX(Jesper!AH$2:AH$366,ROUNDDOWN($C8649/24,0)+1,1))-1)+IF('Standard Profiles'!$G$18=$B$10,7,0)+IF('Standard Profiles'!$G$18=$B$17,14,0)+IF('Standard Profiles'!$G$18=$B$24,21,0),MOD($C8649,24)+1)/SUM(INDEX($D$3:$AA$30,INDEX(Jesper!$R$2:$R$366,ROW(INDEX(Jesper!AH$2:AH$366,ROUNDDOWN($C8649/24,0)+1,1))-1)+IF('Standard Profiles'!$G$18=$B$10,7,0)+IF('Standard Profiles'!$G$18=$B$17,14,0)+IF('Standard Profiles'!$G$18=$B$24,21,0),0)),0)</f>
        <v>5.7811008940071114</v>
      </c>
      <c r="E8649" cm="1">
        <f t="array" ref="E8649">IFERROR(INDEX(Jesper!AI$2:AI$366,ROUNDDOWN($C8649/24,0)+1,1)*INDEX($D$3:$AA$30,INDEX(Jesper!$R$2:$R$366,ROW(INDEX(Jesper!AI$2:AI$366,ROUNDDOWN($C8649/24,0)+1,1))-1)+IF('Standard Profiles'!$G$19=$B$10,7,0)+IF('Standard Profiles'!$G$19=$B$17,14,0)+IF('Standard Profiles'!$G$19=$B$24,21,0),MOD($C8649,24)+1)/SUM(INDEX($D$3:$AA$30,INDEX(Jesper!$R$2:$R$366,ROW(INDEX(Jesper!AI$2:AI$366,ROUNDDOWN($C8649/24,0)+1,1))-1)+IF('Standard Profiles'!$G$19=$B$10,7,0)+IF('Standard Profiles'!$G$19=$B$17,14,0)+IF('Standard Profiles'!$G$19=$B$24,21,0),0)),0)</f>
        <v>4.2430890338812599</v>
      </c>
      <c r="F8649" cm="1">
        <f t="array" ref="F8649">IFERROR(INDEX(Jesper!AJ$2:AJ$366,ROUNDDOWN($C8649/24,0)+1,1)*INDEX($D$3:$AA$30,INDEX(Jesper!$R$2:$R$366,ROW(INDEX(Jesper!AJ$2:AJ$366,ROUNDDOWN($C8649/24,0)+1,1))-1)+IF('Standard Profiles'!$G$20=$B$10,7,0)+IF('Standard Profiles'!$G$20=$B$17,14,0)+IF('Standard Profiles'!$G$20=$B$24,21,0),MOD($C8649,24)+1)/SUM(INDEX($D$3:$AA$30,INDEX(Jesper!$R$2:$R$366,ROW(INDEX(Jesper!AJ$2:AJ$366,ROUNDDOWN($C8649/24,0)+1,1))-1)+IF('Standard Profiles'!$G$20=$B$10,7,0)+IF('Standard Profiles'!$G$20=$B$17,14,0)+IF('Standard Profiles'!$G$20=$B$24,21,0),0)),0)</f>
        <v>0</v>
      </c>
      <c r="G8649" cm="1">
        <f t="array" ref="G8649">IFERROR(INDEX(Jesper!AK$2:AK$366,ROUNDDOWN($C8649/24,0)+1,1)*INDEX($D$3:$AA$30,INDEX(Jesper!$R$2:$R$366,ROW(INDEX(Jesper!AK$2:AK$366,ROUNDDOWN($C8649/24,0)+1,1))-1)+IF('Standard Profiles'!$G$21=$B$10,7,0)+IF('Standard Profiles'!$G$21=$B$17,14,0)+IF('Standard Profiles'!$G$21=$B$24,21,0),MOD($C8649,24)+1)/SUM(INDEX($D$3:$AA$30,INDEX(Jesper!$R$2:$R$366,ROW(INDEX(Jesper!AK$2:AK$366,ROUNDDOWN($C8649/24,0)+1,1))-1)+IF('Standard Profiles'!$G$21=$B$10,7,0)+IF('Standard Profiles'!$G$21=$B$17,14,0)+IF('Standard Profiles'!$G$21=$B$24,21,0),0)),0)</f>
        <v>1.2715346477259948</v>
      </c>
      <c r="H8649" cm="1">
        <f t="array" ref="H8649">IFERROR(INDEX(Jesper!AL$2:AL$366,ROUNDDOWN($C8649/24,0)+1,1)*INDEX($D$3:$AA$30,INDEX(Jesper!$R$2:$R$366,ROW(INDEX(Jesper!AL$2:AL$366,ROUNDDOWN($C8649/24,0)+1,1))-1)+IF('Standard Profiles'!$G$22=$B$10,7,0)+IF('Standard Profiles'!$G$22=$B$17,14,0)+IF('Standard Profiles'!$G$22=$B$24,21,0),MOD($C8649,24)+1)/SUM(INDEX($D$3:$AA$30,INDEX(Jesper!$R$2:$R$366,ROW(INDEX(Jesper!AL$2:AL$366,ROUNDDOWN($C8649/24,0)+1,1))-1)+IF('Standard Profiles'!$G$22=$B$10,7,0)+IF('Standard Profiles'!$G$22=$B$17,14,0)+IF('Standard Profiles'!$G$22=$B$24,21,0),0)),0)</f>
        <v>0</v>
      </c>
      <c r="I8649">
        <f t="shared" si="958"/>
        <v>0.61033663090847723</v>
      </c>
      <c r="J8649">
        <f t="shared" si="959"/>
        <v>9.7604118016647501</v>
      </c>
      <c r="K8649">
        <f t="shared" si="960"/>
        <v>0.6166507620274253</v>
      </c>
      <c r="L8649">
        <f t="shared" si="961"/>
        <v>0.30832538101371265</v>
      </c>
      <c r="M8649">
        <f t="shared" si="962"/>
        <v>0</v>
      </c>
      <c r="N8649" s="45">
        <f t="shared" si="963"/>
        <v>45285.958333312439</v>
      </c>
    </row>
    <row r="8650" spans="2:14" x14ac:dyDescent="0.25">
      <c r="B8650">
        <f t="shared" si="957"/>
        <v>2</v>
      </c>
      <c r="C8650" s="16">
        <v>8616</v>
      </c>
      <c r="D8650" cm="1">
        <f t="array" ref="D8650">IFERROR(INDEX(Jesper!AH$2:AH$366,ROUNDDOWN($C8650/24,0)+1,1)*INDEX($D$3:$AA$30,INDEX(Jesper!$R$2:$R$366,ROW(INDEX(Jesper!AH$2:AH$366,ROUNDDOWN($C8650/24,0)+1,1))-1)+IF('Standard Profiles'!$G$18=$B$10,7,0)+IF('Standard Profiles'!$G$18=$B$17,14,0)+IF('Standard Profiles'!$G$18=$B$24,21,0),MOD($C8650,24)+1)/SUM(INDEX($D$3:$AA$30,INDEX(Jesper!$R$2:$R$366,ROW(INDEX(Jesper!AH$2:AH$366,ROUNDDOWN($C8650/24,0)+1,1))-1)+IF('Standard Profiles'!$G$18=$B$10,7,0)+IF('Standard Profiles'!$G$18=$B$17,14,0)+IF('Standard Profiles'!$G$18=$B$24,21,0),0)),0)</f>
        <v>3.7010964598769851</v>
      </c>
      <c r="E8650" cm="1">
        <f t="array" ref="E8650">IFERROR(INDEX(Jesper!AI$2:AI$366,ROUNDDOWN($C8650/24,0)+1,1)*INDEX($D$3:$AA$30,INDEX(Jesper!$R$2:$R$366,ROW(INDEX(Jesper!AI$2:AI$366,ROUNDDOWN($C8650/24,0)+1,1))-1)+IF('Standard Profiles'!$G$19=$B$10,7,0)+IF('Standard Profiles'!$G$19=$B$17,14,0)+IF('Standard Profiles'!$G$19=$B$24,21,0),MOD($C8650,24)+1)/SUM(INDEX($D$3:$AA$30,INDEX(Jesper!$R$2:$R$366,ROW(INDEX(Jesper!AI$2:AI$366,ROUNDDOWN($C8650/24,0)+1,1))-1)+IF('Standard Profiles'!$G$19=$B$10,7,0)+IF('Standard Profiles'!$G$19=$B$17,14,0)+IF('Standard Profiles'!$G$19=$B$24,21,0),0)),0)</f>
        <v>2.8588330876825312</v>
      </c>
      <c r="F8650" cm="1">
        <f t="array" ref="F8650">IFERROR(INDEX(Jesper!AJ$2:AJ$366,ROUNDDOWN($C8650/24,0)+1,1)*INDEX($D$3:$AA$30,INDEX(Jesper!$R$2:$R$366,ROW(INDEX(Jesper!AJ$2:AJ$366,ROUNDDOWN($C8650/24,0)+1,1))-1)+IF('Standard Profiles'!$G$20=$B$10,7,0)+IF('Standard Profiles'!$G$20=$B$17,14,0)+IF('Standard Profiles'!$G$20=$B$24,21,0),MOD($C8650,24)+1)/SUM(INDEX($D$3:$AA$30,INDEX(Jesper!$R$2:$R$366,ROW(INDEX(Jesper!AJ$2:AJ$366,ROUNDDOWN($C8650/24,0)+1,1))-1)+IF('Standard Profiles'!$G$20=$B$10,7,0)+IF('Standard Profiles'!$G$20=$B$17,14,0)+IF('Standard Profiles'!$G$20=$B$24,21,0),0)),0)</f>
        <v>0</v>
      </c>
      <c r="G8650" cm="1">
        <f t="array" ref="G8650">IFERROR(INDEX(Jesper!AK$2:AK$366,ROUNDDOWN($C8650/24,0)+1,1)*INDEX($D$3:$AA$30,INDEX(Jesper!$R$2:$R$366,ROW(INDEX(Jesper!AK$2:AK$366,ROUNDDOWN($C8650/24,0)+1,1))-1)+IF('Standard Profiles'!$G$21=$B$10,7,0)+IF('Standard Profiles'!$G$21=$B$17,14,0)+IF('Standard Profiles'!$G$21=$B$24,21,0),MOD($C8650,24)+1)/SUM(INDEX($D$3:$AA$30,INDEX(Jesper!$R$2:$R$366,ROW(INDEX(Jesper!AK$2:AK$366,ROUNDDOWN($C8650/24,0)+1,1))-1)+IF('Standard Profiles'!$G$21=$B$10,7,0)+IF('Standard Profiles'!$G$21=$B$17,14,0)+IF('Standard Profiles'!$G$21=$B$24,21,0),0)),0)</f>
        <v>1.8022547207710791</v>
      </c>
      <c r="H8650" cm="1">
        <f t="array" ref="H8650">IFERROR(INDEX(Jesper!AL$2:AL$366,ROUNDDOWN($C8650/24,0)+1,1)*INDEX($D$3:$AA$30,INDEX(Jesper!$R$2:$R$366,ROW(INDEX(Jesper!AL$2:AL$366,ROUNDDOWN($C8650/24,0)+1,1))-1)+IF('Standard Profiles'!$G$22=$B$10,7,0)+IF('Standard Profiles'!$G$22=$B$17,14,0)+IF('Standard Profiles'!$G$22=$B$24,21,0),MOD($C8650,24)+1)/SUM(INDEX($D$3:$AA$30,INDEX(Jesper!$R$2:$R$366,ROW(INDEX(Jesper!AL$2:AL$366,ROUNDDOWN($C8650/24,0)+1,1))-1)+IF('Standard Profiles'!$G$22=$B$10,7,0)+IF('Standard Profiles'!$G$22=$B$17,14,0)+IF('Standard Profiles'!$G$22=$B$24,21,0),0)),0)</f>
        <v>0</v>
      </c>
      <c r="I8650">
        <f t="shared" si="958"/>
        <v>0.8650822659701175</v>
      </c>
      <c r="J8650">
        <f t="shared" si="959"/>
        <v>6.9049265687801604</v>
      </c>
      <c r="K8650">
        <f t="shared" si="960"/>
        <v>0.39478362238687842</v>
      </c>
      <c r="L8650">
        <f t="shared" si="961"/>
        <v>0.19739181119343921</v>
      </c>
      <c r="M8650">
        <f t="shared" si="962"/>
        <v>0</v>
      </c>
      <c r="N8650" s="45">
        <f t="shared" si="963"/>
        <v>45285.999999979103</v>
      </c>
    </row>
    <row r="8651" spans="2:14" x14ac:dyDescent="0.25">
      <c r="B8651">
        <f t="shared" si="957"/>
        <v>2</v>
      </c>
      <c r="C8651" s="16">
        <v>8617</v>
      </c>
      <c r="D8651" cm="1">
        <f t="array" ref="D8651">IFERROR(INDEX(Jesper!AH$2:AH$366,ROUNDDOWN($C8651/24,0)+1,1)*INDEX($D$3:$AA$30,INDEX(Jesper!$R$2:$R$366,ROW(INDEX(Jesper!AH$2:AH$366,ROUNDDOWN($C8651/24,0)+1,1))-1)+IF('Standard Profiles'!$G$18=$B$10,7,0)+IF('Standard Profiles'!$G$18=$B$17,14,0)+IF('Standard Profiles'!$G$18=$B$24,21,0),MOD($C8651,24)+1)/SUM(INDEX($D$3:$AA$30,INDEX(Jesper!$R$2:$R$366,ROW(INDEX(Jesper!AH$2:AH$366,ROUNDDOWN($C8651/24,0)+1,1))-1)+IF('Standard Profiles'!$G$18=$B$10,7,0)+IF('Standard Profiles'!$G$18=$B$17,14,0)+IF('Standard Profiles'!$G$18=$B$24,21,0),0)),0)</f>
        <v>5.6397660340982645</v>
      </c>
      <c r="E8651" cm="1">
        <f t="array" ref="E8651">IFERROR(INDEX(Jesper!AI$2:AI$366,ROUNDDOWN($C8651/24,0)+1,1)*INDEX($D$3:$AA$30,INDEX(Jesper!$R$2:$R$366,ROW(INDEX(Jesper!AI$2:AI$366,ROUNDDOWN($C8651/24,0)+1,1))-1)+IF('Standard Profiles'!$G$19=$B$10,7,0)+IF('Standard Profiles'!$G$19=$B$17,14,0)+IF('Standard Profiles'!$G$19=$B$24,21,0),MOD($C8651,24)+1)/SUM(INDEX($D$3:$AA$30,INDEX(Jesper!$R$2:$R$366,ROW(INDEX(Jesper!AI$2:AI$366,ROUNDDOWN($C8651/24,0)+1,1))-1)+IF('Standard Profiles'!$G$19=$B$10,7,0)+IF('Standard Profiles'!$G$19=$B$17,14,0)+IF('Standard Profiles'!$G$19=$B$24,21,0),0)),0)</f>
        <v>4.356317085992429</v>
      </c>
      <c r="F8651" cm="1">
        <f t="array" ref="F8651">IFERROR(INDEX(Jesper!AJ$2:AJ$366,ROUNDDOWN($C8651/24,0)+1,1)*INDEX($D$3:$AA$30,INDEX(Jesper!$R$2:$R$366,ROW(INDEX(Jesper!AJ$2:AJ$366,ROUNDDOWN($C8651/24,0)+1,1))-1)+IF('Standard Profiles'!$G$20=$B$10,7,0)+IF('Standard Profiles'!$G$20=$B$17,14,0)+IF('Standard Profiles'!$G$20=$B$24,21,0),MOD($C8651,24)+1)/SUM(INDEX($D$3:$AA$30,INDEX(Jesper!$R$2:$R$366,ROW(INDEX(Jesper!AJ$2:AJ$366,ROUNDDOWN($C8651/24,0)+1,1))-1)+IF('Standard Profiles'!$G$20=$B$10,7,0)+IF('Standard Profiles'!$G$20=$B$17,14,0)+IF('Standard Profiles'!$G$20=$B$24,21,0),0)),0)</f>
        <v>0</v>
      </c>
      <c r="G8651" cm="1">
        <f t="array" ref="G8651">IFERROR(INDEX(Jesper!AK$2:AK$366,ROUNDDOWN($C8651/24,0)+1,1)*INDEX($D$3:$AA$30,INDEX(Jesper!$R$2:$R$366,ROW(INDEX(Jesper!AK$2:AK$366,ROUNDDOWN($C8651/24,0)+1,1))-1)+IF('Standard Profiles'!$G$21=$B$10,7,0)+IF('Standard Profiles'!$G$21=$B$17,14,0)+IF('Standard Profiles'!$G$21=$B$24,21,0),MOD($C8651,24)+1)/SUM(INDEX($D$3:$AA$30,INDEX(Jesper!$R$2:$R$366,ROW(INDEX(Jesper!AK$2:AK$366,ROUNDDOWN($C8651/24,0)+1,1))-1)+IF('Standard Profiles'!$G$21=$B$10,7,0)+IF('Standard Profiles'!$G$21=$B$17,14,0)+IF('Standard Profiles'!$G$21=$B$24,21,0),0)),0)</f>
        <v>1.8022547207710791</v>
      </c>
      <c r="H8651" cm="1">
        <f t="array" ref="H8651">IFERROR(INDEX(Jesper!AL$2:AL$366,ROUNDDOWN($C8651/24,0)+1,1)*INDEX($D$3:$AA$30,INDEX(Jesper!$R$2:$R$366,ROW(INDEX(Jesper!AL$2:AL$366,ROUNDDOWN($C8651/24,0)+1,1))-1)+IF('Standard Profiles'!$G$22=$B$10,7,0)+IF('Standard Profiles'!$G$22=$B$17,14,0)+IF('Standard Profiles'!$G$22=$B$24,21,0),MOD($C8651,24)+1)/SUM(INDEX($D$3:$AA$30,INDEX(Jesper!$R$2:$R$366,ROW(INDEX(Jesper!AL$2:AL$366,ROUNDDOWN($C8651/24,0)+1,1))-1)+IF('Standard Profiles'!$G$22=$B$10,7,0)+IF('Standard Profiles'!$G$22=$B$17,14,0)+IF('Standard Profiles'!$G$22=$B$24,21,0),0)),0)</f>
        <v>0</v>
      </c>
      <c r="I8651">
        <f t="shared" si="958"/>
        <v>0.8650822659701175</v>
      </c>
      <c r="J8651">
        <f t="shared" si="959"/>
        <v>10.030893009435932</v>
      </c>
      <c r="K8651">
        <f t="shared" si="960"/>
        <v>0.6015750436371482</v>
      </c>
      <c r="L8651">
        <f t="shared" si="961"/>
        <v>0.3007875218185741</v>
      </c>
      <c r="M8651">
        <f t="shared" si="962"/>
        <v>0</v>
      </c>
      <c r="N8651" s="45">
        <f t="shared" si="963"/>
        <v>45286.041666645768</v>
      </c>
    </row>
    <row r="8652" spans="2:14" x14ac:dyDescent="0.25">
      <c r="B8652">
        <f t="shared" si="957"/>
        <v>2</v>
      </c>
      <c r="C8652" s="16">
        <v>8618</v>
      </c>
      <c r="D8652" cm="1">
        <f t="array" ref="D8652">IFERROR(INDEX(Jesper!AH$2:AH$366,ROUNDDOWN($C8652/24,0)+1,1)*INDEX($D$3:$AA$30,INDEX(Jesper!$R$2:$R$366,ROW(INDEX(Jesper!AH$2:AH$366,ROUNDDOWN($C8652/24,0)+1,1))-1)+IF('Standard Profiles'!$G$18=$B$10,7,0)+IF('Standard Profiles'!$G$18=$B$17,14,0)+IF('Standard Profiles'!$G$18=$B$24,21,0),MOD($C8652,24)+1)/SUM(INDEX($D$3:$AA$30,INDEX(Jesper!$R$2:$R$366,ROW(INDEX(Jesper!AH$2:AH$366,ROUNDDOWN($C8652/24,0)+1,1))-1)+IF('Standard Profiles'!$G$18=$B$10,7,0)+IF('Standard Profiles'!$G$18=$B$17,14,0)+IF('Standard Profiles'!$G$18=$B$24,21,0),0)),0)</f>
        <v>5.6397660340982645</v>
      </c>
      <c r="E8652" cm="1">
        <f t="array" ref="E8652">IFERROR(INDEX(Jesper!AI$2:AI$366,ROUNDDOWN($C8652/24,0)+1,1)*INDEX($D$3:$AA$30,INDEX(Jesper!$R$2:$R$366,ROW(INDEX(Jesper!AI$2:AI$366,ROUNDDOWN($C8652/24,0)+1,1))-1)+IF('Standard Profiles'!$G$19=$B$10,7,0)+IF('Standard Profiles'!$G$19=$B$17,14,0)+IF('Standard Profiles'!$G$19=$B$24,21,0),MOD($C8652,24)+1)/SUM(INDEX($D$3:$AA$30,INDEX(Jesper!$R$2:$R$366,ROW(INDEX(Jesper!AI$2:AI$366,ROUNDDOWN($C8652/24,0)+1,1))-1)+IF('Standard Profiles'!$G$19=$B$10,7,0)+IF('Standard Profiles'!$G$19=$B$17,14,0)+IF('Standard Profiles'!$G$19=$B$24,21,0),0)),0)</f>
        <v>4.356317085992429</v>
      </c>
      <c r="F8652" cm="1">
        <f t="array" ref="F8652">IFERROR(INDEX(Jesper!AJ$2:AJ$366,ROUNDDOWN($C8652/24,0)+1,1)*INDEX($D$3:$AA$30,INDEX(Jesper!$R$2:$R$366,ROW(INDEX(Jesper!AJ$2:AJ$366,ROUNDDOWN($C8652/24,0)+1,1))-1)+IF('Standard Profiles'!$G$20=$B$10,7,0)+IF('Standard Profiles'!$G$20=$B$17,14,0)+IF('Standard Profiles'!$G$20=$B$24,21,0),MOD($C8652,24)+1)/SUM(INDEX($D$3:$AA$30,INDEX(Jesper!$R$2:$R$366,ROW(INDEX(Jesper!AJ$2:AJ$366,ROUNDDOWN($C8652/24,0)+1,1))-1)+IF('Standard Profiles'!$G$20=$B$10,7,0)+IF('Standard Profiles'!$G$20=$B$17,14,0)+IF('Standard Profiles'!$G$20=$B$24,21,0),0)),0)</f>
        <v>0</v>
      </c>
      <c r="G8652" cm="1">
        <f t="array" ref="G8652">IFERROR(INDEX(Jesper!AK$2:AK$366,ROUNDDOWN($C8652/24,0)+1,1)*INDEX($D$3:$AA$30,INDEX(Jesper!$R$2:$R$366,ROW(INDEX(Jesper!AK$2:AK$366,ROUNDDOWN($C8652/24,0)+1,1))-1)+IF('Standard Profiles'!$G$21=$B$10,7,0)+IF('Standard Profiles'!$G$21=$B$17,14,0)+IF('Standard Profiles'!$G$21=$B$24,21,0),MOD($C8652,24)+1)/SUM(INDEX($D$3:$AA$30,INDEX(Jesper!$R$2:$R$366,ROW(INDEX(Jesper!AK$2:AK$366,ROUNDDOWN($C8652/24,0)+1,1))-1)+IF('Standard Profiles'!$G$21=$B$10,7,0)+IF('Standard Profiles'!$G$21=$B$17,14,0)+IF('Standard Profiles'!$G$21=$B$24,21,0),0)),0)</f>
        <v>1.8022547207710791</v>
      </c>
      <c r="H8652" cm="1">
        <f t="array" ref="H8652">IFERROR(INDEX(Jesper!AL$2:AL$366,ROUNDDOWN($C8652/24,0)+1,1)*INDEX($D$3:$AA$30,INDEX(Jesper!$R$2:$R$366,ROW(INDEX(Jesper!AL$2:AL$366,ROUNDDOWN($C8652/24,0)+1,1))-1)+IF('Standard Profiles'!$G$22=$B$10,7,0)+IF('Standard Profiles'!$G$22=$B$17,14,0)+IF('Standard Profiles'!$G$22=$B$24,21,0),MOD($C8652,24)+1)/SUM(INDEX($D$3:$AA$30,INDEX(Jesper!$R$2:$R$366,ROW(INDEX(Jesper!AL$2:AL$366,ROUNDDOWN($C8652/24,0)+1,1))-1)+IF('Standard Profiles'!$G$22=$B$10,7,0)+IF('Standard Profiles'!$G$22=$B$17,14,0)+IF('Standard Profiles'!$G$22=$B$24,21,0),0)),0)</f>
        <v>0</v>
      </c>
      <c r="I8652">
        <f t="shared" si="958"/>
        <v>0.8650822659701175</v>
      </c>
      <c r="J8652">
        <f t="shared" si="959"/>
        <v>10.030893009435932</v>
      </c>
      <c r="K8652">
        <f t="shared" si="960"/>
        <v>0.6015750436371482</v>
      </c>
      <c r="L8652">
        <f t="shared" si="961"/>
        <v>0.3007875218185741</v>
      </c>
      <c r="M8652">
        <f t="shared" si="962"/>
        <v>0</v>
      </c>
      <c r="N8652" s="45">
        <f t="shared" si="963"/>
        <v>45286.083333312432</v>
      </c>
    </row>
    <row r="8653" spans="2:14" x14ac:dyDescent="0.25">
      <c r="B8653">
        <f t="shared" si="957"/>
        <v>2</v>
      </c>
      <c r="C8653" s="16">
        <v>8619</v>
      </c>
      <c r="D8653" cm="1">
        <f t="array" ref="D8653">IFERROR(INDEX(Jesper!AH$2:AH$366,ROUNDDOWN($C8653/24,0)+1,1)*INDEX($D$3:$AA$30,INDEX(Jesper!$R$2:$R$366,ROW(INDEX(Jesper!AH$2:AH$366,ROUNDDOWN($C8653/24,0)+1,1))-1)+IF('Standard Profiles'!$G$18=$B$10,7,0)+IF('Standard Profiles'!$G$18=$B$17,14,0)+IF('Standard Profiles'!$G$18=$B$24,21,0),MOD($C8653,24)+1)/SUM(INDEX($D$3:$AA$30,INDEX(Jesper!$R$2:$R$366,ROW(INDEX(Jesper!AH$2:AH$366,ROUNDDOWN($C8653/24,0)+1,1))-1)+IF('Standard Profiles'!$G$18=$B$10,7,0)+IF('Standard Profiles'!$G$18=$B$17,14,0)+IF('Standard Profiles'!$G$18=$B$24,21,0),0)),0)</f>
        <v>5.6397660340982645</v>
      </c>
      <c r="E8653" cm="1">
        <f t="array" ref="E8653">IFERROR(INDEX(Jesper!AI$2:AI$366,ROUNDDOWN($C8653/24,0)+1,1)*INDEX($D$3:$AA$30,INDEX(Jesper!$R$2:$R$366,ROW(INDEX(Jesper!AI$2:AI$366,ROUNDDOWN($C8653/24,0)+1,1))-1)+IF('Standard Profiles'!$G$19=$B$10,7,0)+IF('Standard Profiles'!$G$19=$B$17,14,0)+IF('Standard Profiles'!$G$19=$B$24,21,0),MOD($C8653,24)+1)/SUM(INDEX($D$3:$AA$30,INDEX(Jesper!$R$2:$R$366,ROW(INDEX(Jesper!AI$2:AI$366,ROUNDDOWN($C8653/24,0)+1,1))-1)+IF('Standard Profiles'!$G$19=$B$10,7,0)+IF('Standard Profiles'!$G$19=$B$17,14,0)+IF('Standard Profiles'!$G$19=$B$24,21,0),0)),0)</f>
        <v>4.356317085992429</v>
      </c>
      <c r="F8653" cm="1">
        <f t="array" ref="F8653">IFERROR(INDEX(Jesper!AJ$2:AJ$366,ROUNDDOWN($C8653/24,0)+1,1)*INDEX($D$3:$AA$30,INDEX(Jesper!$R$2:$R$366,ROW(INDEX(Jesper!AJ$2:AJ$366,ROUNDDOWN($C8653/24,0)+1,1))-1)+IF('Standard Profiles'!$G$20=$B$10,7,0)+IF('Standard Profiles'!$G$20=$B$17,14,0)+IF('Standard Profiles'!$G$20=$B$24,21,0),MOD($C8653,24)+1)/SUM(INDEX($D$3:$AA$30,INDEX(Jesper!$R$2:$R$366,ROW(INDEX(Jesper!AJ$2:AJ$366,ROUNDDOWN($C8653/24,0)+1,1))-1)+IF('Standard Profiles'!$G$20=$B$10,7,0)+IF('Standard Profiles'!$G$20=$B$17,14,0)+IF('Standard Profiles'!$G$20=$B$24,21,0),0)),0)</f>
        <v>0</v>
      </c>
      <c r="G8653" cm="1">
        <f t="array" ref="G8653">IFERROR(INDEX(Jesper!AK$2:AK$366,ROUNDDOWN($C8653/24,0)+1,1)*INDEX($D$3:$AA$30,INDEX(Jesper!$R$2:$R$366,ROW(INDEX(Jesper!AK$2:AK$366,ROUNDDOWN($C8653/24,0)+1,1))-1)+IF('Standard Profiles'!$G$21=$B$10,7,0)+IF('Standard Profiles'!$G$21=$B$17,14,0)+IF('Standard Profiles'!$G$21=$B$24,21,0),MOD($C8653,24)+1)/SUM(INDEX($D$3:$AA$30,INDEX(Jesper!$R$2:$R$366,ROW(INDEX(Jesper!AK$2:AK$366,ROUNDDOWN($C8653/24,0)+1,1))-1)+IF('Standard Profiles'!$G$21=$B$10,7,0)+IF('Standard Profiles'!$G$21=$B$17,14,0)+IF('Standard Profiles'!$G$21=$B$24,21,0),0)),0)</f>
        <v>1.8022547207710791</v>
      </c>
      <c r="H8653" cm="1">
        <f t="array" ref="H8653">IFERROR(INDEX(Jesper!AL$2:AL$366,ROUNDDOWN($C8653/24,0)+1,1)*INDEX($D$3:$AA$30,INDEX(Jesper!$R$2:$R$366,ROW(INDEX(Jesper!AL$2:AL$366,ROUNDDOWN($C8653/24,0)+1,1))-1)+IF('Standard Profiles'!$G$22=$B$10,7,0)+IF('Standard Profiles'!$G$22=$B$17,14,0)+IF('Standard Profiles'!$G$22=$B$24,21,0),MOD($C8653,24)+1)/SUM(INDEX($D$3:$AA$30,INDEX(Jesper!$R$2:$R$366,ROW(INDEX(Jesper!AL$2:AL$366,ROUNDDOWN($C8653/24,0)+1,1))-1)+IF('Standard Profiles'!$G$22=$B$10,7,0)+IF('Standard Profiles'!$G$22=$B$17,14,0)+IF('Standard Profiles'!$G$22=$B$24,21,0),0)),0)</f>
        <v>0</v>
      </c>
      <c r="I8653">
        <f t="shared" si="958"/>
        <v>0.8650822659701175</v>
      </c>
      <c r="J8653">
        <f t="shared" si="959"/>
        <v>10.030893009435932</v>
      </c>
      <c r="K8653">
        <f t="shared" si="960"/>
        <v>0.6015750436371482</v>
      </c>
      <c r="L8653">
        <f t="shared" si="961"/>
        <v>0.3007875218185741</v>
      </c>
      <c r="M8653">
        <f t="shared" si="962"/>
        <v>0</v>
      </c>
      <c r="N8653" s="45">
        <f t="shared" si="963"/>
        <v>45286.124999979096</v>
      </c>
    </row>
    <row r="8654" spans="2:14" x14ac:dyDescent="0.25">
      <c r="B8654">
        <f t="shared" si="957"/>
        <v>2</v>
      </c>
      <c r="C8654" s="16">
        <v>8620</v>
      </c>
      <c r="D8654" cm="1">
        <f t="array" ref="D8654">IFERROR(INDEX(Jesper!AH$2:AH$366,ROUNDDOWN($C8654/24,0)+1,1)*INDEX($D$3:$AA$30,INDEX(Jesper!$R$2:$R$366,ROW(INDEX(Jesper!AH$2:AH$366,ROUNDDOWN($C8654/24,0)+1,1))-1)+IF('Standard Profiles'!$G$18=$B$10,7,0)+IF('Standard Profiles'!$G$18=$B$17,14,0)+IF('Standard Profiles'!$G$18=$B$24,21,0),MOD($C8654,24)+1)/SUM(INDEX($D$3:$AA$30,INDEX(Jesper!$R$2:$R$366,ROW(INDEX(Jesper!AH$2:AH$366,ROUNDDOWN($C8654/24,0)+1,1))-1)+IF('Standard Profiles'!$G$18=$B$10,7,0)+IF('Standard Profiles'!$G$18=$B$17,14,0)+IF('Standard Profiles'!$G$18=$B$24,21,0),0)),0)</f>
        <v>5.6397660340982645</v>
      </c>
      <c r="E8654" cm="1">
        <f t="array" ref="E8654">IFERROR(INDEX(Jesper!AI$2:AI$366,ROUNDDOWN($C8654/24,0)+1,1)*INDEX($D$3:$AA$30,INDEX(Jesper!$R$2:$R$366,ROW(INDEX(Jesper!AI$2:AI$366,ROUNDDOWN($C8654/24,0)+1,1))-1)+IF('Standard Profiles'!$G$19=$B$10,7,0)+IF('Standard Profiles'!$G$19=$B$17,14,0)+IF('Standard Profiles'!$G$19=$B$24,21,0),MOD($C8654,24)+1)/SUM(INDEX($D$3:$AA$30,INDEX(Jesper!$R$2:$R$366,ROW(INDEX(Jesper!AI$2:AI$366,ROUNDDOWN($C8654/24,0)+1,1))-1)+IF('Standard Profiles'!$G$19=$B$10,7,0)+IF('Standard Profiles'!$G$19=$B$17,14,0)+IF('Standard Profiles'!$G$19=$B$24,21,0),0)),0)</f>
        <v>4.356317085992429</v>
      </c>
      <c r="F8654" cm="1">
        <f t="array" ref="F8654">IFERROR(INDEX(Jesper!AJ$2:AJ$366,ROUNDDOWN($C8654/24,0)+1,1)*INDEX($D$3:$AA$30,INDEX(Jesper!$R$2:$R$366,ROW(INDEX(Jesper!AJ$2:AJ$366,ROUNDDOWN($C8654/24,0)+1,1))-1)+IF('Standard Profiles'!$G$20=$B$10,7,0)+IF('Standard Profiles'!$G$20=$B$17,14,0)+IF('Standard Profiles'!$G$20=$B$24,21,0),MOD($C8654,24)+1)/SUM(INDEX($D$3:$AA$30,INDEX(Jesper!$R$2:$R$366,ROW(INDEX(Jesper!AJ$2:AJ$366,ROUNDDOWN($C8654/24,0)+1,1))-1)+IF('Standard Profiles'!$G$20=$B$10,7,0)+IF('Standard Profiles'!$G$20=$B$17,14,0)+IF('Standard Profiles'!$G$20=$B$24,21,0),0)),0)</f>
        <v>0</v>
      </c>
      <c r="G8654" cm="1">
        <f t="array" ref="G8654">IFERROR(INDEX(Jesper!AK$2:AK$366,ROUNDDOWN($C8654/24,0)+1,1)*INDEX($D$3:$AA$30,INDEX(Jesper!$R$2:$R$366,ROW(INDEX(Jesper!AK$2:AK$366,ROUNDDOWN($C8654/24,0)+1,1))-1)+IF('Standard Profiles'!$G$21=$B$10,7,0)+IF('Standard Profiles'!$G$21=$B$17,14,0)+IF('Standard Profiles'!$G$21=$B$24,21,0),MOD($C8654,24)+1)/SUM(INDEX($D$3:$AA$30,INDEX(Jesper!$R$2:$R$366,ROW(INDEX(Jesper!AK$2:AK$366,ROUNDDOWN($C8654/24,0)+1,1))-1)+IF('Standard Profiles'!$G$21=$B$10,7,0)+IF('Standard Profiles'!$G$21=$B$17,14,0)+IF('Standard Profiles'!$G$21=$B$24,21,0),0)),0)</f>
        <v>1.8022547207710791</v>
      </c>
      <c r="H8654" cm="1">
        <f t="array" ref="H8654">IFERROR(INDEX(Jesper!AL$2:AL$366,ROUNDDOWN($C8654/24,0)+1,1)*INDEX($D$3:$AA$30,INDEX(Jesper!$R$2:$R$366,ROW(INDEX(Jesper!AL$2:AL$366,ROUNDDOWN($C8654/24,0)+1,1))-1)+IF('Standard Profiles'!$G$22=$B$10,7,0)+IF('Standard Profiles'!$G$22=$B$17,14,0)+IF('Standard Profiles'!$G$22=$B$24,21,0),MOD($C8654,24)+1)/SUM(INDEX($D$3:$AA$30,INDEX(Jesper!$R$2:$R$366,ROW(INDEX(Jesper!AL$2:AL$366,ROUNDDOWN($C8654/24,0)+1,1))-1)+IF('Standard Profiles'!$G$22=$B$10,7,0)+IF('Standard Profiles'!$G$22=$B$17,14,0)+IF('Standard Profiles'!$G$22=$B$24,21,0),0)),0)</f>
        <v>0</v>
      </c>
      <c r="I8654">
        <f t="shared" si="958"/>
        <v>0.8650822659701175</v>
      </c>
      <c r="J8654">
        <f t="shared" si="959"/>
        <v>10.030893009435932</v>
      </c>
      <c r="K8654">
        <f t="shared" si="960"/>
        <v>0.6015750436371482</v>
      </c>
      <c r="L8654">
        <f t="shared" si="961"/>
        <v>0.3007875218185741</v>
      </c>
      <c r="M8654">
        <f t="shared" si="962"/>
        <v>0</v>
      </c>
      <c r="N8654" s="45">
        <f t="shared" si="963"/>
        <v>45286.16666664576</v>
      </c>
    </row>
    <row r="8655" spans="2:14" x14ac:dyDescent="0.25">
      <c r="B8655">
        <f t="shared" si="957"/>
        <v>2</v>
      </c>
      <c r="C8655" s="16">
        <v>8621</v>
      </c>
      <c r="D8655" cm="1">
        <f t="array" ref="D8655">IFERROR(INDEX(Jesper!AH$2:AH$366,ROUNDDOWN($C8655/24,0)+1,1)*INDEX($D$3:$AA$30,INDEX(Jesper!$R$2:$R$366,ROW(INDEX(Jesper!AH$2:AH$366,ROUNDDOWN($C8655/24,0)+1,1))-1)+IF('Standard Profiles'!$G$18=$B$10,7,0)+IF('Standard Profiles'!$G$18=$B$17,14,0)+IF('Standard Profiles'!$G$18=$B$24,21,0),MOD($C8655,24)+1)/SUM(INDEX($D$3:$AA$30,INDEX(Jesper!$R$2:$R$366,ROW(INDEX(Jesper!AH$2:AH$366,ROUNDDOWN($C8655/24,0)+1,1))-1)+IF('Standard Profiles'!$G$18=$B$10,7,0)+IF('Standard Profiles'!$G$18=$B$17,14,0)+IF('Standard Profiles'!$G$18=$B$24,21,0),0)),0)</f>
        <v>5.6397660340982645</v>
      </c>
      <c r="E8655" cm="1">
        <f t="array" ref="E8655">IFERROR(INDEX(Jesper!AI$2:AI$366,ROUNDDOWN($C8655/24,0)+1,1)*INDEX($D$3:$AA$30,INDEX(Jesper!$R$2:$R$366,ROW(INDEX(Jesper!AI$2:AI$366,ROUNDDOWN($C8655/24,0)+1,1))-1)+IF('Standard Profiles'!$G$19=$B$10,7,0)+IF('Standard Profiles'!$G$19=$B$17,14,0)+IF('Standard Profiles'!$G$19=$B$24,21,0),MOD($C8655,24)+1)/SUM(INDEX($D$3:$AA$30,INDEX(Jesper!$R$2:$R$366,ROW(INDEX(Jesper!AI$2:AI$366,ROUNDDOWN($C8655/24,0)+1,1))-1)+IF('Standard Profiles'!$G$19=$B$10,7,0)+IF('Standard Profiles'!$G$19=$B$17,14,0)+IF('Standard Profiles'!$G$19=$B$24,21,0),0)),0)</f>
        <v>4.356317085992429</v>
      </c>
      <c r="F8655" cm="1">
        <f t="array" ref="F8655">IFERROR(INDEX(Jesper!AJ$2:AJ$366,ROUNDDOWN($C8655/24,0)+1,1)*INDEX($D$3:$AA$30,INDEX(Jesper!$R$2:$R$366,ROW(INDEX(Jesper!AJ$2:AJ$366,ROUNDDOWN($C8655/24,0)+1,1))-1)+IF('Standard Profiles'!$G$20=$B$10,7,0)+IF('Standard Profiles'!$G$20=$B$17,14,0)+IF('Standard Profiles'!$G$20=$B$24,21,0),MOD($C8655,24)+1)/SUM(INDEX($D$3:$AA$30,INDEX(Jesper!$R$2:$R$366,ROW(INDEX(Jesper!AJ$2:AJ$366,ROUNDDOWN($C8655/24,0)+1,1))-1)+IF('Standard Profiles'!$G$20=$B$10,7,0)+IF('Standard Profiles'!$G$20=$B$17,14,0)+IF('Standard Profiles'!$G$20=$B$24,21,0),0)),0)</f>
        <v>0</v>
      </c>
      <c r="G8655" cm="1">
        <f t="array" ref="G8655">IFERROR(INDEX(Jesper!AK$2:AK$366,ROUNDDOWN($C8655/24,0)+1,1)*INDEX($D$3:$AA$30,INDEX(Jesper!$R$2:$R$366,ROW(INDEX(Jesper!AK$2:AK$366,ROUNDDOWN($C8655/24,0)+1,1))-1)+IF('Standard Profiles'!$G$21=$B$10,7,0)+IF('Standard Profiles'!$G$21=$B$17,14,0)+IF('Standard Profiles'!$G$21=$B$24,21,0),MOD($C8655,24)+1)/SUM(INDEX($D$3:$AA$30,INDEX(Jesper!$R$2:$R$366,ROW(INDEX(Jesper!AK$2:AK$366,ROUNDDOWN($C8655/24,0)+1,1))-1)+IF('Standard Profiles'!$G$21=$B$10,7,0)+IF('Standard Profiles'!$G$21=$B$17,14,0)+IF('Standard Profiles'!$G$21=$B$24,21,0),0)),0)</f>
        <v>1.8022547207710791</v>
      </c>
      <c r="H8655" cm="1">
        <f t="array" ref="H8655">IFERROR(INDEX(Jesper!AL$2:AL$366,ROUNDDOWN($C8655/24,0)+1,1)*INDEX($D$3:$AA$30,INDEX(Jesper!$R$2:$R$366,ROW(INDEX(Jesper!AL$2:AL$366,ROUNDDOWN($C8655/24,0)+1,1))-1)+IF('Standard Profiles'!$G$22=$B$10,7,0)+IF('Standard Profiles'!$G$22=$B$17,14,0)+IF('Standard Profiles'!$G$22=$B$24,21,0),MOD($C8655,24)+1)/SUM(INDEX($D$3:$AA$30,INDEX(Jesper!$R$2:$R$366,ROW(INDEX(Jesper!AL$2:AL$366,ROUNDDOWN($C8655/24,0)+1,1))-1)+IF('Standard Profiles'!$G$22=$B$10,7,0)+IF('Standard Profiles'!$G$22=$B$17,14,0)+IF('Standard Profiles'!$G$22=$B$24,21,0),0)),0)</f>
        <v>0</v>
      </c>
      <c r="I8655">
        <f t="shared" si="958"/>
        <v>0.8650822659701175</v>
      </c>
      <c r="J8655">
        <f t="shared" si="959"/>
        <v>10.030893009435932</v>
      </c>
      <c r="K8655">
        <f t="shared" si="960"/>
        <v>0.6015750436371482</v>
      </c>
      <c r="L8655">
        <f t="shared" si="961"/>
        <v>0.3007875218185741</v>
      </c>
      <c r="M8655">
        <f t="shared" si="962"/>
        <v>0</v>
      </c>
      <c r="N8655" s="45">
        <f t="shared" si="963"/>
        <v>45286.208333312425</v>
      </c>
    </row>
    <row r="8656" spans="2:14" x14ac:dyDescent="0.25">
      <c r="B8656">
        <f t="shared" si="957"/>
        <v>2</v>
      </c>
      <c r="C8656" s="16">
        <v>8622</v>
      </c>
      <c r="D8656" cm="1">
        <f t="array" ref="D8656">IFERROR(INDEX(Jesper!AH$2:AH$366,ROUNDDOWN($C8656/24,0)+1,1)*INDEX($D$3:$AA$30,INDEX(Jesper!$R$2:$R$366,ROW(INDEX(Jesper!AH$2:AH$366,ROUNDDOWN($C8656/24,0)+1,1))-1)+IF('Standard Profiles'!$G$18=$B$10,7,0)+IF('Standard Profiles'!$G$18=$B$17,14,0)+IF('Standard Profiles'!$G$18=$B$24,21,0),MOD($C8656,24)+1)/SUM(INDEX($D$3:$AA$30,INDEX(Jesper!$R$2:$R$366,ROW(INDEX(Jesper!AH$2:AH$366,ROUNDDOWN($C8656/24,0)+1,1))-1)+IF('Standard Profiles'!$G$18=$B$10,7,0)+IF('Standard Profiles'!$G$18=$B$17,14,0)+IF('Standard Profiles'!$G$18=$B$24,21,0),0)),0)</f>
        <v>5.6397660340982645</v>
      </c>
      <c r="E8656" cm="1">
        <f t="array" ref="E8656">IFERROR(INDEX(Jesper!AI$2:AI$366,ROUNDDOWN($C8656/24,0)+1,1)*INDEX($D$3:$AA$30,INDEX(Jesper!$R$2:$R$366,ROW(INDEX(Jesper!AI$2:AI$366,ROUNDDOWN($C8656/24,0)+1,1))-1)+IF('Standard Profiles'!$G$19=$B$10,7,0)+IF('Standard Profiles'!$G$19=$B$17,14,0)+IF('Standard Profiles'!$G$19=$B$24,21,0),MOD($C8656,24)+1)/SUM(INDEX($D$3:$AA$30,INDEX(Jesper!$R$2:$R$366,ROW(INDEX(Jesper!AI$2:AI$366,ROUNDDOWN($C8656/24,0)+1,1))-1)+IF('Standard Profiles'!$G$19=$B$10,7,0)+IF('Standard Profiles'!$G$19=$B$17,14,0)+IF('Standard Profiles'!$G$19=$B$24,21,0),0)),0)</f>
        <v>4.356317085992429</v>
      </c>
      <c r="F8656" cm="1">
        <f t="array" ref="F8656">IFERROR(INDEX(Jesper!AJ$2:AJ$366,ROUNDDOWN($C8656/24,0)+1,1)*INDEX($D$3:$AA$30,INDEX(Jesper!$R$2:$R$366,ROW(INDEX(Jesper!AJ$2:AJ$366,ROUNDDOWN($C8656/24,0)+1,1))-1)+IF('Standard Profiles'!$G$20=$B$10,7,0)+IF('Standard Profiles'!$G$20=$B$17,14,0)+IF('Standard Profiles'!$G$20=$B$24,21,0),MOD($C8656,24)+1)/SUM(INDEX($D$3:$AA$30,INDEX(Jesper!$R$2:$R$366,ROW(INDEX(Jesper!AJ$2:AJ$366,ROUNDDOWN($C8656/24,0)+1,1))-1)+IF('Standard Profiles'!$G$20=$B$10,7,0)+IF('Standard Profiles'!$G$20=$B$17,14,0)+IF('Standard Profiles'!$G$20=$B$24,21,0),0)),0)</f>
        <v>0</v>
      </c>
      <c r="G8656" cm="1">
        <f t="array" ref="G8656">IFERROR(INDEX(Jesper!AK$2:AK$366,ROUNDDOWN($C8656/24,0)+1,1)*INDEX($D$3:$AA$30,INDEX(Jesper!$R$2:$R$366,ROW(INDEX(Jesper!AK$2:AK$366,ROUNDDOWN($C8656/24,0)+1,1))-1)+IF('Standard Profiles'!$G$21=$B$10,7,0)+IF('Standard Profiles'!$G$21=$B$17,14,0)+IF('Standard Profiles'!$G$21=$B$24,21,0),MOD($C8656,24)+1)/SUM(INDEX($D$3:$AA$30,INDEX(Jesper!$R$2:$R$366,ROW(INDEX(Jesper!AK$2:AK$366,ROUNDDOWN($C8656/24,0)+1,1))-1)+IF('Standard Profiles'!$G$21=$B$10,7,0)+IF('Standard Profiles'!$G$21=$B$17,14,0)+IF('Standard Profiles'!$G$21=$B$24,21,0),0)),0)</f>
        <v>1.8022547207710791</v>
      </c>
      <c r="H8656" cm="1">
        <f t="array" ref="H8656">IFERROR(INDEX(Jesper!AL$2:AL$366,ROUNDDOWN($C8656/24,0)+1,1)*INDEX($D$3:$AA$30,INDEX(Jesper!$R$2:$R$366,ROW(INDEX(Jesper!AL$2:AL$366,ROUNDDOWN($C8656/24,0)+1,1))-1)+IF('Standard Profiles'!$G$22=$B$10,7,0)+IF('Standard Profiles'!$G$22=$B$17,14,0)+IF('Standard Profiles'!$G$22=$B$24,21,0),MOD($C8656,24)+1)/SUM(INDEX($D$3:$AA$30,INDEX(Jesper!$R$2:$R$366,ROW(INDEX(Jesper!AL$2:AL$366,ROUNDDOWN($C8656/24,0)+1,1))-1)+IF('Standard Profiles'!$G$22=$B$10,7,0)+IF('Standard Profiles'!$G$22=$B$17,14,0)+IF('Standard Profiles'!$G$22=$B$24,21,0),0)),0)</f>
        <v>0</v>
      </c>
      <c r="I8656">
        <f t="shared" si="958"/>
        <v>0.8650822659701175</v>
      </c>
      <c r="J8656">
        <f t="shared" si="959"/>
        <v>10.030893009435932</v>
      </c>
      <c r="K8656">
        <f t="shared" si="960"/>
        <v>0.6015750436371482</v>
      </c>
      <c r="L8656">
        <f t="shared" si="961"/>
        <v>0.3007875218185741</v>
      </c>
      <c r="M8656">
        <f t="shared" si="962"/>
        <v>0</v>
      </c>
      <c r="N8656" s="45">
        <f t="shared" si="963"/>
        <v>45286.249999979089</v>
      </c>
    </row>
    <row r="8657" spans="2:14" x14ac:dyDescent="0.25">
      <c r="B8657">
        <f t="shared" si="957"/>
        <v>2</v>
      </c>
      <c r="C8657" s="16">
        <v>8623</v>
      </c>
      <c r="D8657" cm="1">
        <f t="array" ref="D8657">IFERROR(INDEX(Jesper!AH$2:AH$366,ROUNDDOWN($C8657/24,0)+1,1)*INDEX($D$3:$AA$30,INDEX(Jesper!$R$2:$R$366,ROW(INDEX(Jesper!AH$2:AH$366,ROUNDDOWN($C8657/24,0)+1,1))-1)+IF('Standard Profiles'!$G$18=$B$10,7,0)+IF('Standard Profiles'!$G$18=$B$17,14,0)+IF('Standard Profiles'!$G$18=$B$24,21,0),MOD($C8657,24)+1)/SUM(INDEX($D$3:$AA$30,INDEX(Jesper!$R$2:$R$366,ROW(INDEX(Jesper!AH$2:AH$366,ROUNDDOWN($C8657/24,0)+1,1))-1)+IF('Standard Profiles'!$G$18=$B$10,7,0)+IF('Standard Profiles'!$G$18=$B$17,14,0)+IF('Standard Profiles'!$G$18=$B$24,21,0),0)),0)</f>
        <v>23.775138687495492</v>
      </c>
      <c r="E8657" cm="1">
        <f t="array" ref="E8657">IFERROR(INDEX(Jesper!AI$2:AI$366,ROUNDDOWN($C8657/24,0)+1,1)*INDEX($D$3:$AA$30,INDEX(Jesper!$R$2:$R$366,ROW(INDEX(Jesper!AI$2:AI$366,ROUNDDOWN($C8657/24,0)+1,1))-1)+IF('Standard Profiles'!$G$19=$B$10,7,0)+IF('Standard Profiles'!$G$19=$B$17,14,0)+IF('Standard Profiles'!$G$19=$B$24,21,0),MOD($C8657,24)+1)/SUM(INDEX($D$3:$AA$30,INDEX(Jesper!$R$2:$R$366,ROW(INDEX(Jesper!AI$2:AI$366,ROUNDDOWN($C8657/24,0)+1,1))-1)+IF('Standard Profiles'!$G$19=$B$10,7,0)+IF('Standard Profiles'!$G$19=$B$17,14,0)+IF('Standard Profiles'!$G$19=$B$24,21,0),0)),0)</f>
        <v>18.364599215636829</v>
      </c>
      <c r="F8657" cm="1">
        <f t="array" ref="F8657">IFERROR(INDEX(Jesper!AJ$2:AJ$366,ROUNDDOWN($C8657/24,0)+1,1)*INDEX($D$3:$AA$30,INDEX(Jesper!$R$2:$R$366,ROW(INDEX(Jesper!AJ$2:AJ$366,ROUNDDOWN($C8657/24,0)+1,1))-1)+IF('Standard Profiles'!$G$20=$B$10,7,0)+IF('Standard Profiles'!$G$20=$B$17,14,0)+IF('Standard Profiles'!$G$20=$B$24,21,0),MOD($C8657,24)+1)/SUM(INDEX($D$3:$AA$30,INDEX(Jesper!$R$2:$R$366,ROW(INDEX(Jesper!AJ$2:AJ$366,ROUNDDOWN($C8657/24,0)+1,1))-1)+IF('Standard Profiles'!$G$20=$B$10,7,0)+IF('Standard Profiles'!$G$20=$B$17,14,0)+IF('Standard Profiles'!$G$20=$B$24,21,0),0)),0)</f>
        <v>0</v>
      </c>
      <c r="G8657" cm="1">
        <f t="array" ref="G8657">IFERROR(INDEX(Jesper!AK$2:AK$366,ROUNDDOWN($C8657/24,0)+1,1)*INDEX($D$3:$AA$30,INDEX(Jesper!$R$2:$R$366,ROW(INDEX(Jesper!AK$2:AK$366,ROUNDDOWN($C8657/24,0)+1,1))-1)+IF('Standard Profiles'!$G$21=$B$10,7,0)+IF('Standard Profiles'!$G$21=$B$17,14,0)+IF('Standard Profiles'!$G$21=$B$24,21,0),MOD($C8657,24)+1)/SUM(INDEX($D$3:$AA$30,INDEX(Jesper!$R$2:$R$366,ROW(INDEX(Jesper!AK$2:AK$366,ROUNDDOWN($C8657/24,0)+1,1))-1)+IF('Standard Profiles'!$G$21=$B$10,7,0)+IF('Standard Profiles'!$G$21=$B$17,14,0)+IF('Standard Profiles'!$G$21=$B$24,21,0),0)),0)</f>
        <v>5.1916563408018499</v>
      </c>
      <c r="H8657" cm="1">
        <f t="array" ref="H8657">IFERROR(INDEX(Jesper!AL$2:AL$366,ROUNDDOWN($C8657/24,0)+1,1)*INDEX($D$3:$AA$30,INDEX(Jesper!$R$2:$R$366,ROW(INDEX(Jesper!AL$2:AL$366,ROUNDDOWN($C8657/24,0)+1,1))-1)+IF('Standard Profiles'!$G$22=$B$10,7,0)+IF('Standard Profiles'!$G$22=$B$17,14,0)+IF('Standard Profiles'!$G$22=$B$24,21,0),MOD($C8657,24)+1)/SUM(INDEX($D$3:$AA$30,INDEX(Jesper!$R$2:$R$366,ROW(INDEX(Jesper!AL$2:AL$366,ROUNDDOWN($C8657/24,0)+1,1))-1)+IF('Standard Profiles'!$G$22=$B$10,7,0)+IF('Standard Profiles'!$G$22=$B$17,14,0)+IF('Standard Profiles'!$G$22=$B$24,21,0),0)),0)</f>
        <v>0</v>
      </c>
      <c r="I8657">
        <f t="shared" si="958"/>
        <v>2.4919950435848865</v>
      </c>
      <c r="J8657">
        <f t="shared" si="959"/>
        <v>41.035377010350004</v>
      </c>
      <c r="K8657">
        <f t="shared" si="960"/>
        <v>2.5360147933328525</v>
      </c>
      <c r="L8657">
        <f t="shared" si="961"/>
        <v>1.2680073966664263</v>
      </c>
      <c r="M8657">
        <f t="shared" si="962"/>
        <v>0</v>
      </c>
      <c r="N8657" s="45">
        <f t="shared" si="963"/>
        <v>45286.291666645753</v>
      </c>
    </row>
    <row r="8658" spans="2:14" x14ac:dyDescent="0.25">
      <c r="B8658">
        <f t="shared" si="957"/>
        <v>2</v>
      </c>
      <c r="C8658" s="16">
        <v>8624</v>
      </c>
      <c r="D8658" cm="1">
        <f t="array" ref="D8658">IFERROR(INDEX(Jesper!AH$2:AH$366,ROUNDDOWN($C8658/24,0)+1,1)*INDEX($D$3:$AA$30,INDEX(Jesper!$R$2:$R$366,ROW(INDEX(Jesper!AH$2:AH$366,ROUNDDOWN($C8658/24,0)+1,1))-1)+IF('Standard Profiles'!$G$18=$B$10,7,0)+IF('Standard Profiles'!$G$18=$B$17,14,0)+IF('Standard Profiles'!$G$18=$B$24,21,0),MOD($C8658,24)+1)/SUM(INDEX($D$3:$AA$30,INDEX(Jesper!$R$2:$R$366,ROW(INDEX(Jesper!AH$2:AH$366,ROUNDDOWN($C8658/24,0)+1,1))-1)+IF('Standard Profiles'!$G$18=$B$10,7,0)+IF('Standard Profiles'!$G$18=$B$17,14,0)+IF('Standard Profiles'!$G$18=$B$24,21,0),0)),0)</f>
        <v>26.528049482889706</v>
      </c>
      <c r="E8658" cm="1">
        <f t="array" ref="E8658">IFERROR(INDEX(Jesper!AI$2:AI$366,ROUNDDOWN($C8658/24,0)+1,1)*INDEX($D$3:$AA$30,INDEX(Jesper!$R$2:$R$366,ROW(INDEX(Jesper!AI$2:AI$366,ROUNDDOWN($C8658/24,0)+1,1))-1)+IF('Standard Profiles'!$G$19=$B$10,7,0)+IF('Standard Profiles'!$G$19=$B$17,14,0)+IF('Standard Profiles'!$G$19=$B$24,21,0),MOD($C8658,24)+1)/SUM(INDEX($D$3:$AA$30,INDEX(Jesper!$R$2:$R$366,ROW(INDEX(Jesper!AI$2:AI$366,ROUNDDOWN($C8658/24,0)+1,1))-1)+IF('Standard Profiles'!$G$19=$B$10,7,0)+IF('Standard Profiles'!$G$19=$B$17,14,0)+IF('Standard Profiles'!$G$19=$B$24,21,0),0)),0)</f>
        <v>20.491026493236884</v>
      </c>
      <c r="F8658" cm="1">
        <f t="array" ref="F8658">IFERROR(INDEX(Jesper!AJ$2:AJ$366,ROUNDDOWN($C8658/24,0)+1,1)*INDEX($D$3:$AA$30,INDEX(Jesper!$R$2:$R$366,ROW(INDEX(Jesper!AJ$2:AJ$366,ROUNDDOWN($C8658/24,0)+1,1))-1)+IF('Standard Profiles'!$G$20=$B$10,7,0)+IF('Standard Profiles'!$G$20=$B$17,14,0)+IF('Standard Profiles'!$G$20=$B$24,21,0),MOD($C8658,24)+1)/SUM(INDEX($D$3:$AA$30,INDEX(Jesper!$R$2:$R$366,ROW(INDEX(Jesper!AJ$2:AJ$366,ROUNDDOWN($C8658/24,0)+1,1))-1)+IF('Standard Profiles'!$G$20=$B$10,7,0)+IF('Standard Profiles'!$G$20=$B$17,14,0)+IF('Standard Profiles'!$G$20=$B$24,21,0),0)),0)</f>
        <v>0</v>
      </c>
      <c r="G8658" cm="1">
        <f t="array" ref="G8658">IFERROR(INDEX(Jesper!AK$2:AK$366,ROUNDDOWN($C8658/24,0)+1,1)*INDEX($D$3:$AA$30,INDEX(Jesper!$R$2:$R$366,ROW(INDEX(Jesper!AK$2:AK$366,ROUNDDOWN($C8658/24,0)+1,1))-1)+IF('Standard Profiles'!$G$21=$B$10,7,0)+IF('Standard Profiles'!$G$21=$B$17,14,0)+IF('Standard Profiles'!$G$21=$B$24,21,0),MOD($C8658,24)+1)/SUM(INDEX($D$3:$AA$30,INDEX(Jesper!$R$2:$R$366,ROW(INDEX(Jesper!AK$2:AK$366,ROUNDDOWN($C8658/24,0)+1,1))-1)+IF('Standard Profiles'!$G$21=$B$10,7,0)+IF('Standard Profiles'!$G$21=$B$17,14,0)+IF('Standard Profiles'!$G$21=$B$24,21,0),0)),0)</f>
        <v>5.7927954960525909</v>
      </c>
      <c r="H8658" cm="1">
        <f t="array" ref="H8658">IFERROR(INDEX(Jesper!AL$2:AL$366,ROUNDDOWN($C8658/24,0)+1,1)*INDEX($D$3:$AA$30,INDEX(Jesper!$R$2:$R$366,ROW(INDEX(Jesper!AL$2:AL$366,ROUNDDOWN($C8658/24,0)+1,1))-1)+IF('Standard Profiles'!$G$22=$B$10,7,0)+IF('Standard Profiles'!$G$22=$B$17,14,0)+IF('Standard Profiles'!$G$22=$B$24,21,0),MOD($C8658,24)+1)/SUM(INDEX($D$3:$AA$30,INDEX(Jesper!$R$2:$R$366,ROW(INDEX(Jesper!AL$2:AL$366,ROUNDDOWN($C8658/24,0)+1,1))-1)+IF('Standard Profiles'!$G$22=$B$10,7,0)+IF('Standard Profiles'!$G$22=$B$17,14,0)+IF('Standard Profiles'!$G$22=$B$24,21,0),0)),0)</f>
        <v>0</v>
      </c>
      <c r="I8658">
        <f t="shared" si="958"/>
        <v>2.7805418381052425</v>
      </c>
      <c r="J8658">
        <f t="shared" si="959"/>
        <v>45.786841716811587</v>
      </c>
      <c r="K8658">
        <f t="shared" si="960"/>
        <v>2.8296586115082354</v>
      </c>
      <c r="L8658">
        <f t="shared" si="961"/>
        <v>1.4148293057541177</v>
      </c>
      <c r="M8658">
        <f t="shared" si="962"/>
        <v>0</v>
      </c>
      <c r="N8658" s="45">
        <f t="shared" si="963"/>
        <v>45286.333333312417</v>
      </c>
    </row>
    <row r="8659" spans="2:14" x14ac:dyDescent="0.25">
      <c r="B8659">
        <f t="shared" si="957"/>
        <v>2</v>
      </c>
      <c r="C8659" s="16">
        <v>8625</v>
      </c>
      <c r="D8659" cm="1">
        <f t="array" ref="D8659">IFERROR(INDEX(Jesper!AH$2:AH$366,ROUNDDOWN($C8659/24,0)+1,1)*INDEX($D$3:$AA$30,INDEX(Jesper!$R$2:$R$366,ROW(INDEX(Jesper!AH$2:AH$366,ROUNDDOWN($C8659/24,0)+1,1))-1)+IF('Standard Profiles'!$G$18=$B$10,7,0)+IF('Standard Profiles'!$G$18=$B$17,14,0)+IF('Standard Profiles'!$G$18=$B$24,21,0),MOD($C8659,24)+1)/SUM(INDEX($D$3:$AA$30,INDEX(Jesper!$R$2:$R$366,ROW(INDEX(Jesper!AH$2:AH$366,ROUNDDOWN($C8659/24,0)+1,1))-1)+IF('Standard Profiles'!$G$18=$B$10,7,0)+IF('Standard Profiles'!$G$18=$B$17,14,0)+IF('Standard Profiles'!$G$18=$B$24,21,0),0)),0)</f>
        <v>29.280960278283924</v>
      </c>
      <c r="E8659" cm="1">
        <f t="array" ref="E8659">IFERROR(INDEX(Jesper!AI$2:AI$366,ROUNDDOWN($C8659/24,0)+1,1)*INDEX($D$3:$AA$30,INDEX(Jesper!$R$2:$R$366,ROW(INDEX(Jesper!AI$2:AI$366,ROUNDDOWN($C8659/24,0)+1,1))-1)+IF('Standard Profiles'!$G$19=$B$10,7,0)+IF('Standard Profiles'!$G$19=$B$17,14,0)+IF('Standard Profiles'!$G$19=$B$24,21,0),MOD($C8659,24)+1)/SUM(INDEX($D$3:$AA$30,INDEX(Jesper!$R$2:$R$366,ROW(INDEX(Jesper!AI$2:AI$366,ROUNDDOWN($C8659/24,0)+1,1))-1)+IF('Standard Profiles'!$G$19=$B$10,7,0)+IF('Standard Profiles'!$G$19=$B$17,14,0)+IF('Standard Profiles'!$G$19=$B$24,21,0),0)),0)</f>
        <v>22.617453770836939</v>
      </c>
      <c r="F8659" cm="1">
        <f t="array" ref="F8659">IFERROR(INDEX(Jesper!AJ$2:AJ$366,ROUNDDOWN($C8659/24,0)+1,1)*INDEX($D$3:$AA$30,INDEX(Jesper!$R$2:$R$366,ROW(INDEX(Jesper!AJ$2:AJ$366,ROUNDDOWN($C8659/24,0)+1,1))-1)+IF('Standard Profiles'!$G$20=$B$10,7,0)+IF('Standard Profiles'!$G$20=$B$17,14,0)+IF('Standard Profiles'!$G$20=$B$24,21,0),MOD($C8659,24)+1)/SUM(INDEX($D$3:$AA$30,INDEX(Jesper!$R$2:$R$366,ROW(INDEX(Jesper!AJ$2:AJ$366,ROUNDDOWN($C8659/24,0)+1,1))-1)+IF('Standard Profiles'!$G$20=$B$10,7,0)+IF('Standard Profiles'!$G$20=$B$17,14,0)+IF('Standard Profiles'!$G$20=$B$24,21,0),0)),0)</f>
        <v>0</v>
      </c>
      <c r="G8659" cm="1">
        <f t="array" ref="G8659">IFERROR(INDEX(Jesper!AK$2:AK$366,ROUNDDOWN($C8659/24,0)+1,1)*INDEX($D$3:$AA$30,INDEX(Jesper!$R$2:$R$366,ROW(INDEX(Jesper!AK$2:AK$366,ROUNDDOWN($C8659/24,0)+1,1))-1)+IF('Standard Profiles'!$G$21=$B$10,7,0)+IF('Standard Profiles'!$G$21=$B$17,14,0)+IF('Standard Profiles'!$G$21=$B$24,21,0),MOD($C8659,24)+1)/SUM(INDEX($D$3:$AA$30,INDEX(Jesper!$R$2:$R$366,ROW(INDEX(Jesper!AK$2:AK$366,ROUNDDOWN($C8659/24,0)+1,1))-1)+IF('Standard Profiles'!$G$21=$B$10,7,0)+IF('Standard Profiles'!$G$21=$B$17,14,0)+IF('Standard Profiles'!$G$21=$B$24,21,0),0)),0)</f>
        <v>6.3939346513033311</v>
      </c>
      <c r="H8659" cm="1">
        <f t="array" ref="H8659">IFERROR(INDEX(Jesper!AL$2:AL$366,ROUNDDOWN($C8659/24,0)+1,1)*INDEX($D$3:$AA$30,INDEX(Jesper!$R$2:$R$366,ROW(INDEX(Jesper!AL$2:AL$366,ROUNDDOWN($C8659/24,0)+1,1))-1)+IF('Standard Profiles'!$G$22=$B$10,7,0)+IF('Standard Profiles'!$G$22=$B$17,14,0)+IF('Standard Profiles'!$G$22=$B$24,21,0),MOD($C8659,24)+1)/SUM(INDEX($D$3:$AA$30,INDEX(Jesper!$R$2:$R$366,ROW(INDEX(Jesper!AL$2:AL$366,ROUNDDOWN($C8659/24,0)+1,1))-1)+IF('Standard Profiles'!$G$22=$B$10,7,0)+IF('Standard Profiles'!$G$22=$B$17,14,0)+IF('Standard Profiles'!$G$22=$B$24,21,0),0)),0)</f>
        <v>0</v>
      </c>
      <c r="I8659">
        <f t="shared" si="958"/>
        <v>3.0690886326255975</v>
      </c>
      <c r="J8659">
        <f t="shared" si="959"/>
        <v>50.53830642327317</v>
      </c>
      <c r="K8659">
        <f t="shared" si="960"/>
        <v>3.1233024296836187</v>
      </c>
      <c r="L8659">
        <f t="shared" si="961"/>
        <v>1.5616512148418094</v>
      </c>
      <c r="M8659">
        <f t="shared" si="962"/>
        <v>0</v>
      </c>
      <c r="N8659" s="45">
        <f t="shared" si="963"/>
        <v>45286.374999979082</v>
      </c>
    </row>
    <row r="8660" spans="2:14" x14ac:dyDescent="0.25">
      <c r="B8660">
        <f t="shared" si="957"/>
        <v>2</v>
      </c>
      <c r="C8660" s="16">
        <v>8626</v>
      </c>
      <c r="D8660" cm="1">
        <f t="array" ref="D8660">IFERROR(INDEX(Jesper!AH$2:AH$366,ROUNDDOWN($C8660/24,0)+1,1)*INDEX($D$3:$AA$30,INDEX(Jesper!$R$2:$R$366,ROW(INDEX(Jesper!AH$2:AH$366,ROUNDDOWN($C8660/24,0)+1,1))-1)+IF('Standard Profiles'!$G$18=$B$10,7,0)+IF('Standard Profiles'!$G$18=$B$17,14,0)+IF('Standard Profiles'!$G$18=$B$24,21,0),MOD($C8660,24)+1)/SUM(INDEX($D$3:$AA$30,INDEX(Jesper!$R$2:$R$366,ROW(INDEX(Jesper!AH$2:AH$366,ROUNDDOWN($C8660/24,0)+1,1))-1)+IF('Standard Profiles'!$G$18=$B$10,7,0)+IF('Standard Profiles'!$G$18=$B$17,14,0)+IF('Standard Profiles'!$G$18=$B$24,21,0),0)),0)</f>
        <v>29.280960278283924</v>
      </c>
      <c r="E8660" cm="1">
        <f t="array" ref="E8660">IFERROR(INDEX(Jesper!AI$2:AI$366,ROUNDDOWN($C8660/24,0)+1,1)*INDEX($D$3:$AA$30,INDEX(Jesper!$R$2:$R$366,ROW(INDEX(Jesper!AI$2:AI$366,ROUNDDOWN($C8660/24,0)+1,1))-1)+IF('Standard Profiles'!$G$19=$B$10,7,0)+IF('Standard Profiles'!$G$19=$B$17,14,0)+IF('Standard Profiles'!$G$19=$B$24,21,0),MOD($C8660,24)+1)/SUM(INDEX($D$3:$AA$30,INDEX(Jesper!$R$2:$R$366,ROW(INDEX(Jesper!AI$2:AI$366,ROUNDDOWN($C8660/24,0)+1,1))-1)+IF('Standard Profiles'!$G$19=$B$10,7,0)+IF('Standard Profiles'!$G$19=$B$17,14,0)+IF('Standard Profiles'!$G$19=$B$24,21,0),0)),0)</f>
        <v>22.617453770836939</v>
      </c>
      <c r="F8660" cm="1">
        <f t="array" ref="F8660">IFERROR(INDEX(Jesper!AJ$2:AJ$366,ROUNDDOWN($C8660/24,0)+1,1)*INDEX($D$3:$AA$30,INDEX(Jesper!$R$2:$R$366,ROW(INDEX(Jesper!AJ$2:AJ$366,ROUNDDOWN($C8660/24,0)+1,1))-1)+IF('Standard Profiles'!$G$20=$B$10,7,0)+IF('Standard Profiles'!$G$20=$B$17,14,0)+IF('Standard Profiles'!$G$20=$B$24,21,0),MOD($C8660,24)+1)/SUM(INDEX($D$3:$AA$30,INDEX(Jesper!$R$2:$R$366,ROW(INDEX(Jesper!AJ$2:AJ$366,ROUNDDOWN($C8660/24,0)+1,1))-1)+IF('Standard Profiles'!$G$20=$B$10,7,0)+IF('Standard Profiles'!$G$20=$B$17,14,0)+IF('Standard Profiles'!$G$20=$B$24,21,0),0)),0)</f>
        <v>0</v>
      </c>
      <c r="G8660" cm="1">
        <f t="array" ref="G8660">IFERROR(INDEX(Jesper!AK$2:AK$366,ROUNDDOWN($C8660/24,0)+1,1)*INDEX($D$3:$AA$30,INDEX(Jesper!$R$2:$R$366,ROW(INDEX(Jesper!AK$2:AK$366,ROUNDDOWN($C8660/24,0)+1,1))-1)+IF('Standard Profiles'!$G$21=$B$10,7,0)+IF('Standard Profiles'!$G$21=$B$17,14,0)+IF('Standard Profiles'!$G$21=$B$24,21,0),MOD($C8660,24)+1)/SUM(INDEX($D$3:$AA$30,INDEX(Jesper!$R$2:$R$366,ROW(INDEX(Jesper!AK$2:AK$366,ROUNDDOWN($C8660/24,0)+1,1))-1)+IF('Standard Profiles'!$G$21=$B$10,7,0)+IF('Standard Profiles'!$G$21=$B$17,14,0)+IF('Standard Profiles'!$G$21=$B$24,21,0),0)),0)</f>
        <v>6.3939346513033311</v>
      </c>
      <c r="H8660" cm="1">
        <f t="array" ref="H8660">IFERROR(INDEX(Jesper!AL$2:AL$366,ROUNDDOWN($C8660/24,0)+1,1)*INDEX($D$3:$AA$30,INDEX(Jesper!$R$2:$R$366,ROW(INDEX(Jesper!AL$2:AL$366,ROUNDDOWN($C8660/24,0)+1,1))-1)+IF('Standard Profiles'!$G$22=$B$10,7,0)+IF('Standard Profiles'!$G$22=$B$17,14,0)+IF('Standard Profiles'!$G$22=$B$24,21,0),MOD($C8660,24)+1)/SUM(INDEX($D$3:$AA$30,INDEX(Jesper!$R$2:$R$366,ROW(INDEX(Jesper!AL$2:AL$366,ROUNDDOWN($C8660/24,0)+1,1))-1)+IF('Standard Profiles'!$G$22=$B$10,7,0)+IF('Standard Profiles'!$G$22=$B$17,14,0)+IF('Standard Profiles'!$G$22=$B$24,21,0),0)),0)</f>
        <v>0</v>
      </c>
      <c r="I8660">
        <f t="shared" si="958"/>
        <v>3.0690886326255975</v>
      </c>
      <c r="J8660">
        <f t="shared" si="959"/>
        <v>50.53830642327317</v>
      </c>
      <c r="K8660">
        <f t="shared" si="960"/>
        <v>3.1233024296836187</v>
      </c>
      <c r="L8660">
        <f t="shared" si="961"/>
        <v>1.5616512148418094</v>
      </c>
      <c r="M8660">
        <f t="shared" si="962"/>
        <v>0</v>
      </c>
      <c r="N8660" s="45">
        <f t="shared" si="963"/>
        <v>45286.416666645746</v>
      </c>
    </row>
    <row r="8661" spans="2:14" x14ac:dyDescent="0.25">
      <c r="B8661">
        <f t="shared" si="957"/>
        <v>2</v>
      </c>
      <c r="C8661" s="16">
        <v>8627</v>
      </c>
      <c r="D8661" cm="1">
        <f t="array" ref="D8661">IFERROR(INDEX(Jesper!AH$2:AH$366,ROUNDDOWN($C8661/24,0)+1,1)*INDEX($D$3:$AA$30,INDEX(Jesper!$R$2:$R$366,ROW(INDEX(Jesper!AH$2:AH$366,ROUNDDOWN($C8661/24,0)+1,1))-1)+IF('Standard Profiles'!$G$18=$B$10,7,0)+IF('Standard Profiles'!$G$18=$B$17,14,0)+IF('Standard Profiles'!$G$18=$B$24,21,0),MOD($C8661,24)+1)/SUM(INDEX($D$3:$AA$30,INDEX(Jesper!$R$2:$R$366,ROW(INDEX(Jesper!AH$2:AH$366,ROUNDDOWN($C8661/24,0)+1,1))-1)+IF('Standard Profiles'!$G$18=$B$10,7,0)+IF('Standard Profiles'!$G$18=$B$17,14,0)+IF('Standard Profiles'!$G$18=$B$24,21,0),0)),0)</f>
        <v>35.037046486835457</v>
      </c>
      <c r="E8661" cm="1">
        <f t="array" ref="E8661">IFERROR(INDEX(Jesper!AI$2:AI$366,ROUNDDOWN($C8661/24,0)+1,1)*INDEX($D$3:$AA$30,INDEX(Jesper!$R$2:$R$366,ROW(INDEX(Jesper!AI$2:AI$366,ROUNDDOWN($C8661/24,0)+1,1))-1)+IF('Standard Profiles'!$G$19=$B$10,7,0)+IF('Standard Profiles'!$G$19=$B$17,14,0)+IF('Standard Profiles'!$G$19=$B$24,21,0),MOD($C8661,24)+1)/SUM(INDEX($D$3:$AA$30,INDEX(Jesper!$R$2:$R$366,ROW(INDEX(Jesper!AI$2:AI$366,ROUNDDOWN($C8661/24,0)+1,1))-1)+IF('Standard Profiles'!$G$19=$B$10,7,0)+IF('Standard Profiles'!$G$19=$B$17,14,0)+IF('Standard Profiles'!$G$19=$B$24,21,0),0)),0)</f>
        <v>27.063619896727957</v>
      </c>
      <c r="F8661" cm="1">
        <f t="array" ref="F8661">IFERROR(INDEX(Jesper!AJ$2:AJ$366,ROUNDDOWN($C8661/24,0)+1,1)*INDEX($D$3:$AA$30,INDEX(Jesper!$R$2:$R$366,ROW(INDEX(Jesper!AJ$2:AJ$366,ROUNDDOWN($C8661/24,0)+1,1))-1)+IF('Standard Profiles'!$G$20=$B$10,7,0)+IF('Standard Profiles'!$G$20=$B$17,14,0)+IF('Standard Profiles'!$G$20=$B$24,21,0),MOD($C8661,24)+1)/SUM(INDEX($D$3:$AA$30,INDEX(Jesper!$R$2:$R$366,ROW(INDEX(Jesper!AJ$2:AJ$366,ROUNDDOWN($C8661/24,0)+1,1))-1)+IF('Standard Profiles'!$G$20=$B$10,7,0)+IF('Standard Profiles'!$G$20=$B$17,14,0)+IF('Standard Profiles'!$G$20=$B$24,21,0),0)),0)</f>
        <v>0</v>
      </c>
      <c r="G8661" cm="1">
        <f t="array" ref="G8661">IFERROR(INDEX(Jesper!AK$2:AK$366,ROUNDDOWN($C8661/24,0)+1,1)*INDEX($D$3:$AA$30,INDEX(Jesper!$R$2:$R$366,ROW(INDEX(Jesper!AK$2:AK$366,ROUNDDOWN($C8661/24,0)+1,1))-1)+IF('Standard Profiles'!$G$21=$B$10,7,0)+IF('Standard Profiles'!$G$21=$B$17,14,0)+IF('Standard Profiles'!$G$21=$B$24,21,0),MOD($C8661,24)+1)/SUM(INDEX($D$3:$AA$30,INDEX(Jesper!$R$2:$R$366,ROW(INDEX(Jesper!AK$2:AK$366,ROUNDDOWN($C8661/24,0)+1,1))-1)+IF('Standard Profiles'!$G$21=$B$10,7,0)+IF('Standard Profiles'!$G$21=$B$17,14,0)+IF('Standard Profiles'!$G$21=$B$24,21,0),0)),0)</f>
        <v>7.6508619759185166</v>
      </c>
      <c r="H8661" cm="1">
        <f t="array" ref="H8661">IFERROR(INDEX(Jesper!AL$2:AL$366,ROUNDDOWN($C8661/24,0)+1,1)*INDEX($D$3:$AA$30,INDEX(Jesper!$R$2:$R$366,ROW(INDEX(Jesper!AL$2:AL$366,ROUNDDOWN($C8661/24,0)+1,1))-1)+IF('Standard Profiles'!$G$22=$B$10,7,0)+IF('Standard Profiles'!$G$22=$B$17,14,0)+IF('Standard Profiles'!$G$22=$B$24,21,0),MOD($C8661,24)+1)/SUM(INDEX($D$3:$AA$30,INDEX(Jesper!$R$2:$R$366,ROW(INDEX(Jesper!AL$2:AL$366,ROUNDDOWN($C8661/24,0)+1,1))-1)+IF('Standard Profiles'!$G$22=$B$10,7,0)+IF('Standard Profiles'!$G$22=$B$17,14,0)+IF('Standard Profiles'!$G$22=$B$24,21,0),0)),0)</f>
        <v>0</v>
      </c>
      <c r="I8661">
        <f t="shared" si="958"/>
        <v>3.6724137484408863</v>
      </c>
      <c r="J8661">
        <f t="shared" si="959"/>
        <v>60.473187173147366</v>
      </c>
      <c r="K8661">
        <f t="shared" si="960"/>
        <v>3.7372849585957826</v>
      </c>
      <c r="L8661">
        <f t="shared" si="961"/>
        <v>1.8686424792978913</v>
      </c>
      <c r="M8661">
        <f t="shared" si="962"/>
        <v>0</v>
      </c>
      <c r="N8661" s="45">
        <f t="shared" si="963"/>
        <v>45286.45833331241</v>
      </c>
    </row>
    <row r="8662" spans="2:14" x14ac:dyDescent="0.25">
      <c r="B8662">
        <f t="shared" si="957"/>
        <v>2</v>
      </c>
      <c r="C8662" s="16">
        <v>8628</v>
      </c>
      <c r="D8662" cm="1">
        <f t="array" ref="D8662">IFERROR(INDEX(Jesper!AH$2:AH$366,ROUNDDOWN($C8662/24,0)+1,1)*INDEX($D$3:$AA$30,INDEX(Jesper!$R$2:$R$366,ROW(INDEX(Jesper!AH$2:AH$366,ROUNDDOWN($C8662/24,0)+1,1))-1)+IF('Standard Profiles'!$G$18=$B$10,7,0)+IF('Standard Profiles'!$G$18=$B$17,14,0)+IF('Standard Profiles'!$G$18=$B$24,21,0),MOD($C8662,24)+1)/SUM(INDEX($D$3:$AA$30,INDEX(Jesper!$R$2:$R$366,ROW(INDEX(Jesper!AH$2:AH$366,ROUNDDOWN($C8662/24,0)+1,1))-1)+IF('Standard Profiles'!$G$18=$B$10,7,0)+IF('Standard Profiles'!$G$18=$B$17,14,0)+IF('Standard Profiles'!$G$18=$B$24,21,0),0)),0)</f>
        <v>35.037046486835457</v>
      </c>
      <c r="E8662" cm="1">
        <f t="array" ref="E8662">IFERROR(INDEX(Jesper!AI$2:AI$366,ROUNDDOWN($C8662/24,0)+1,1)*INDEX($D$3:$AA$30,INDEX(Jesper!$R$2:$R$366,ROW(INDEX(Jesper!AI$2:AI$366,ROUNDDOWN($C8662/24,0)+1,1))-1)+IF('Standard Profiles'!$G$19=$B$10,7,0)+IF('Standard Profiles'!$G$19=$B$17,14,0)+IF('Standard Profiles'!$G$19=$B$24,21,0),MOD($C8662,24)+1)/SUM(INDEX($D$3:$AA$30,INDEX(Jesper!$R$2:$R$366,ROW(INDEX(Jesper!AI$2:AI$366,ROUNDDOWN($C8662/24,0)+1,1))-1)+IF('Standard Profiles'!$G$19=$B$10,7,0)+IF('Standard Profiles'!$G$19=$B$17,14,0)+IF('Standard Profiles'!$G$19=$B$24,21,0),0)),0)</f>
        <v>27.063619896727957</v>
      </c>
      <c r="F8662" cm="1">
        <f t="array" ref="F8662">IFERROR(INDEX(Jesper!AJ$2:AJ$366,ROUNDDOWN($C8662/24,0)+1,1)*INDEX($D$3:$AA$30,INDEX(Jesper!$R$2:$R$366,ROW(INDEX(Jesper!AJ$2:AJ$366,ROUNDDOWN($C8662/24,0)+1,1))-1)+IF('Standard Profiles'!$G$20=$B$10,7,0)+IF('Standard Profiles'!$G$20=$B$17,14,0)+IF('Standard Profiles'!$G$20=$B$24,21,0),MOD($C8662,24)+1)/SUM(INDEX($D$3:$AA$30,INDEX(Jesper!$R$2:$R$366,ROW(INDEX(Jesper!AJ$2:AJ$366,ROUNDDOWN($C8662/24,0)+1,1))-1)+IF('Standard Profiles'!$G$20=$B$10,7,0)+IF('Standard Profiles'!$G$20=$B$17,14,0)+IF('Standard Profiles'!$G$20=$B$24,21,0),0)),0)</f>
        <v>0</v>
      </c>
      <c r="G8662" cm="1">
        <f t="array" ref="G8662">IFERROR(INDEX(Jesper!AK$2:AK$366,ROUNDDOWN($C8662/24,0)+1,1)*INDEX($D$3:$AA$30,INDEX(Jesper!$R$2:$R$366,ROW(INDEX(Jesper!AK$2:AK$366,ROUNDDOWN($C8662/24,0)+1,1))-1)+IF('Standard Profiles'!$G$21=$B$10,7,0)+IF('Standard Profiles'!$G$21=$B$17,14,0)+IF('Standard Profiles'!$G$21=$B$24,21,0),MOD($C8662,24)+1)/SUM(INDEX($D$3:$AA$30,INDEX(Jesper!$R$2:$R$366,ROW(INDEX(Jesper!AK$2:AK$366,ROUNDDOWN($C8662/24,0)+1,1))-1)+IF('Standard Profiles'!$G$21=$B$10,7,0)+IF('Standard Profiles'!$G$21=$B$17,14,0)+IF('Standard Profiles'!$G$21=$B$24,21,0),0)),0)</f>
        <v>7.6508619759185166</v>
      </c>
      <c r="H8662" cm="1">
        <f t="array" ref="H8662">IFERROR(INDEX(Jesper!AL$2:AL$366,ROUNDDOWN($C8662/24,0)+1,1)*INDEX($D$3:$AA$30,INDEX(Jesper!$R$2:$R$366,ROW(INDEX(Jesper!AL$2:AL$366,ROUNDDOWN($C8662/24,0)+1,1))-1)+IF('Standard Profiles'!$G$22=$B$10,7,0)+IF('Standard Profiles'!$G$22=$B$17,14,0)+IF('Standard Profiles'!$G$22=$B$24,21,0),MOD($C8662,24)+1)/SUM(INDEX($D$3:$AA$30,INDEX(Jesper!$R$2:$R$366,ROW(INDEX(Jesper!AL$2:AL$366,ROUNDDOWN($C8662/24,0)+1,1))-1)+IF('Standard Profiles'!$G$22=$B$10,7,0)+IF('Standard Profiles'!$G$22=$B$17,14,0)+IF('Standard Profiles'!$G$22=$B$24,21,0),0)),0)</f>
        <v>0</v>
      </c>
      <c r="I8662">
        <f t="shared" si="958"/>
        <v>3.6724137484408863</v>
      </c>
      <c r="J8662">
        <f t="shared" si="959"/>
        <v>60.473187173147366</v>
      </c>
      <c r="K8662">
        <f t="shared" si="960"/>
        <v>3.7372849585957826</v>
      </c>
      <c r="L8662">
        <f t="shared" si="961"/>
        <v>1.8686424792978913</v>
      </c>
      <c r="M8662">
        <f t="shared" si="962"/>
        <v>0</v>
      </c>
      <c r="N8662" s="45">
        <f t="shared" si="963"/>
        <v>45286.499999979074</v>
      </c>
    </row>
    <row r="8663" spans="2:14" x14ac:dyDescent="0.25">
      <c r="B8663">
        <f t="shared" si="957"/>
        <v>2</v>
      </c>
      <c r="C8663" s="16">
        <v>8629</v>
      </c>
      <c r="D8663" cm="1">
        <f t="array" ref="D8663">IFERROR(INDEX(Jesper!AH$2:AH$366,ROUNDDOWN($C8663/24,0)+1,1)*INDEX($D$3:$AA$30,INDEX(Jesper!$R$2:$R$366,ROW(INDEX(Jesper!AH$2:AH$366,ROUNDDOWN($C8663/24,0)+1,1))-1)+IF('Standard Profiles'!$G$18=$B$10,7,0)+IF('Standard Profiles'!$G$18=$B$17,14,0)+IF('Standard Profiles'!$G$18=$B$24,21,0),MOD($C8663,24)+1)/SUM(INDEX($D$3:$AA$30,INDEX(Jesper!$R$2:$R$366,ROW(INDEX(Jesper!AH$2:AH$366,ROUNDDOWN($C8663/24,0)+1,1))-1)+IF('Standard Profiles'!$G$18=$B$10,7,0)+IF('Standard Profiles'!$G$18=$B$17,14,0)+IF('Standard Profiles'!$G$18=$B$24,21,0),0)),0)</f>
        <v>23.274609451969269</v>
      </c>
      <c r="E8663" cm="1">
        <f t="array" ref="E8663">IFERROR(INDEX(Jesper!AI$2:AI$366,ROUNDDOWN($C8663/24,0)+1,1)*INDEX($D$3:$AA$30,INDEX(Jesper!$R$2:$R$366,ROW(INDEX(Jesper!AI$2:AI$366,ROUNDDOWN($C8663/24,0)+1,1))-1)+IF('Standard Profiles'!$G$19=$B$10,7,0)+IF('Standard Profiles'!$G$19=$B$17,14,0)+IF('Standard Profiles'!$G$19=$B$24,21,0),MOD($C8663,24)+1)/SUM(INDEX($D$3:$AA$30,INDEX(Jesper!$R$2:$R$366,ROW(INDEX(Jesper!AI$2:AI$366,ROUNDDOWN($C8663/24,0)+1,1))-1)+IF('Standard Profiles'!$G$19=$B$10,7,0)+IF('Standard Profiles'!$G$19=$B$17,14,0)+IF('Standard Profiles'!$G$19=$B$24,21,0),0)),0)</f>
        <v>17.977976074255</v>
      </c>
      <c r="F8663" cm="1">
        <f t="array" ref="F8663">IFERROR(INDEX(Jesper!AJ$2:AJ$366,ROUNDDOWN($C8663/24,0)+1,1)*INDEX($D$3:$AA$30,INDEX(Jesper!$R$2:$R$366,ROW(INDEX(Jesper!AJ$2:AJ$366,ROUNDDOWN($C8663/24,0)+1,1))-1)+IF('Standard Profiles'!$G$20=$B$10,7,0)+IF('Standard Profiles'!$G$20=$B$17,14,0)+IF('Standard Profiles'!$G$20=$B$24,21,0),MOD($C8663,24)+1)/SUM(INDEX($D$3:$AA$30,INDEX(Jesper!$R$2:$R$366,ROW(INDEX(Jesper!AJ$2:AJ$366,ROUNDDOWN($C8663/24,0)+1,1))-1)+IF('Standard Profiles'!$G$20=$B$10,7,0)+IF('Standard Profiles'!$G$20=$B$17,14,0)+IF('Standard Profiles'!$G$20=$B$24,21,0),0)),0)</f>
        <v>0</v>
      </c>
      <c r="G8663" cm="1">
        <f t="array" ref="G8663">IFERROR(INDEX(Jesper!AK$2:AK$366,ROUNDDOWN($C8663/24,0)+1,1)*INDEX($D$3:$AA$30,INDEX(Jesper!$R$2:$R$366,ROW(INDEX(Jesper!AK$2:AK$366,ROUNDDOWN($C8663/24,0)+1,1))-1)+IF('Standard Profiles'!$G$21=$B$10,7,0)+IF('Standard Profiles'!$G$21=$B$17,14,0)+IF('Standard Profiles'!$G$21=$B$24,21,0),MOD($C8663,24)+1)/SUM(INDEX($D$3:$AA$30,INDEX(Jesper!$R$2:$R$366,ROW(INDEX(Jesper!AK$2:AK$366,ROUNDDOWN($C8663/24,0)+1,1))-1)+IF('Standard Profiles'!$G$21=$B$10,7,0)+IF('Standard Profiles'!$G$21=$B$17,14,0)+IF('Standard Profiles'!$G$21=$B$24,21,0),0)),0)</f>
        <v>5.082358312574442</v>
      </c>
      <c r="H8663" cm="1">
        <f t="array" ref="H8663">IFERROR(INDEX(Jesper!AL$2:AL$366,ROUNDDOWN($C8663/24,0)+1,1)*INDEX($D$3:$AA$30,INDEX(Jesper!$R$2:$R$366,ROW(INDEX(Jesper!AL$2:AL$366,ROUNDDOWN($C8663/24,0)+1,1))-1)+IF('Standard Profiles'!$G$22=$B$10,7,0)+IF('Standard Profiles'!$G$22=$B$17,14,0)+IF('Standard Profiles'!$G$22=$B$24,21,0),MOD($C8663,24)+1)/SUM(INDEX($D$3:$AA$30,INDEX(Jesper!$R$2:$R$366,ROW(INDEX(Jesper!AL$2:AL$366,ROUNDDOWN($C8663/24,0)+1,1))-1)+IF('Standard Profiles'!$G$22=$B$10,7,0)+IF('Standard Profiles'!$G$22=$B$17,14,0)+IF('Standard Profiles'!$G$22=$B$24,21,0),0)),0)</f>
        <v>0</v>
      </c>
      <c r="I8663">
        <f t="shared" si="958"/>
        <v>2.4395319900357308</v>
      </c>
      <c r="J8663">
        <f t="shared" si="959"/>
        <v>40.171474336447901</v>
      </c>
      <c r="K8663">
        <f t="shared" si="960"/>
        <v>2.4826250082100554</v>
      </c>
      <c r="L8663">
        <f t="shared" si="961"/>
        <v>1.2413125041050277</v>
      </c>
      <c r="M8663">
        <f t="shared" si="962"/>
        <v>0</v>
      </c>
      <c r="N8663" s="45">
        <f t="shared" si="963"/>
        <v>45286.541666645739</v>
      </c>
    </row>
    <row r="8664" spans="2:14" x14ac:dyDescent="0.25">
      <c r="B8664">
        <f t="shared" si="957"/>
        <v>2</v>
      </c>
      <c r="C8664" s="16">
        <v>8630</v>
      </c>
      <c r="D8664" cm="1">
        <f t="array" ref="D8664">IFERROR(INDEX(Jesper!AH$2:AH$366,ROUNDDOWN($C8664/24,0)+1,1)*INDEX($D$3:$AA$30,INDEX(Jesper!$R$2:$R$366,ROW(INDEX(Jesper!AH$2:AH$366,ROUNDDOWN($C8664/24,0)+1,1))-1)+IF('Standard Profiles'!$G$18=$B$10,7,0)+IF('Standard Profiles'!$G$18=$B$17,14,0)+IF('Standard Profiles'!$G$18=$B$24,21,0),MOD($C8664,24)+1)/SUM(INDEX($D$3:$AA$30,INDEX(Jesper!$R$2:$R$366,ROW(INDEX(Jesper!AH$2:AH$366,ROUNDDOWN($C8664/24,0)+1,1))-1)+IF('Standard Profiles'!$G$18=$B$10,7,0)+IF('Standard Profiles'!$G$18=$B$17,14,0)+IF('Standard Profiles'!$G$18=$B$24,21,0),0)),0)</f>
        <v>35.037046486835457</v>
      </c>
      <c r="E8664" cm="1">
        <f t="array" ref="E8664">IFERROR(INDEX(Jesper!AI$2:AI$366,ROUNDDOWN($C8664/24,0)+1,1)*INDEX($D$3:$AA$30,INDEX(Jesper!$R$2:$R$366,ROW(INDEX(Jesper!AI$2:AI$366,ROUNDDOWN($C8664/24,0)+1,1))-1)+IF('Standard Profiles'!$G$19=$B$10,7,0)+IF('Standard Profiles'!$G$19=$B$17,14,0)+IF('Standard Profiles'!$G$19=$B$24,21,0),MOD($C8664,24)+1)/SUM(INDEX($D$3:$AA$30,INDEX(Jesper!$R$2:$R$366,ROW(INDEX(Jesper!AI$2:AI$366,ROUNDDOWN($C8664/24,0)+1,1))-1)+IF('Standard Profiles'!$G$19=$B$10,7,0)+IF('Standard Profiles'!$G$19=$B$17,14,0)+IF('Standard Profiles'!$G$19=$B$24,21,0),0)),0)</f>
        <v>27.063619896727957</v>
      </c>
      <c r="F8664" cm="1">
        <f t="array" ref="F8664">IFERROR(INDEX(Jesper!AJ$2:AJ$366,ROUNDDOWN($C8664/24,0)+1,1)*INDEX($D$3:$AA$30,INDEX(Jesper!$R$2:$R$366,ROW(INDEX(Jesper!AJ$2:AJ$366,ROUNDDOWN($C8664/24,0)+1,1))-1)+IF('Standard Profiles'!$G$20=$B$10,7,0)+IF('Standard Profiles'!$G$20=$B$17,14,0)+IF('Standard Profiles'!$G$20=$B$24,21,0),MOD($C8664,24)+1)/SUM(INDEX($D$3:$AA$30,INDEX(Jesper!$R$2:$R$366,ROW(INDEX(Jesper!AJ$2:AJ$366,ROUNDDOWN($C8664/24,0)+1,1))-1)+IF('Standard Profiles'!$G$20=$B$10,7,0)+IF('Standard Profiles'!$G$20=$B$17,14,0)+IF('Standard Profiles'!$G$20=$B$24,21,0),0)),0)</f>
        <v>0</v>
      </c>
      <c r="G8664" cm="1">
        <f t="array" ref="G8664">IFERROR(INDEX(Jesper!AK$2:AK$366,ROUNDDOWN($C8664/24,0)+1,1)*INDEX($D$3:$AA$30,INDEX(Jesper!$R$2:$R$366,ROW(INDEX(Jesper!AK$2:AK$366,ROUNDDOWN($C8664/24,0)+1,1))-1)+IF('Standard Profiles'!$G$21=$B$10,7,0)+IF('Standard Profiles'!$G$21=$B$17,14,0)+IF('Standard Profiles'!$G$21=$B$24,21,0),MOD($C8664,24)+1)/SUM(INDEX($D$3:$AA$30,INDEX(Jesper!$R$2:$R$366,ROW(INDEX(Jesper!AK$2:AK$366,ROUNDDOWN($C8664/24,0)+1,1))-1)+IF('Standard Profiles'!$G$21=$B$10,7,0)+IF('Standard Profiles'!$G$21=$B$17,14,0)+IF('Standard Profiles'!$G$21=$B$24,21,0),0)),0)</f>
        <v>7.6508619759185166</v>
      </c>
      <c r="H8664" cm="1">
        <f t="array" ref="H8664">IFERROR(INDEX(Jesper!AL$2:AL$366,ROUNDDOWN($C8664/24,0)+1,1)*INDEX($D$3:$AA$30,INDEX(Jesper!$R$2:$R$366,ROW(INDEX(Jesper!AL$2:AL$366,ROUNDDOWN($C8664/24,0)+1,1))-1)+IF('Standard Profiles'!$G$22=$B$10,7,0)+IF('Standard Profiles'!$G$22=$B$17,14,0)+IF('Standard Profiles'!$G$22=$B$24,21,0),MOD($C8664,24)+1)/SUM(INDEX($D$3:$AA$30,INDEX(Jesper!$R$2:$R$366,ROW(INDEX(Jesper!AL$2:AL$366,ROUNDDOWN($C8664/24,0)+1,1))-1)+IF('Standard Profiles'!$G$22=$B$10,7,0)+IF('Standard Profiles'!$G$22=$B$17,14,0)+IF('Standard Profiles'!$G$22=$B$24,21,0),0)),0)</f>
        <v>0</v>
      </c>
      <c r="I8664">
        <f t="shared" si="958"/>
        <v>3.6724137484408863</v>
      </c>
      <c r="J8664">
        <f t="shared" si="959"/>
        <v>60.473187173147366</v>
      </c>
      <c r="K8664">
        <f t="shared" si="960"/>
        <v>3.7372849585957826</v>
      </c>
      <c r="L8664">
        <f t="shared" si="961"/>
        <v>1.8686424792978913</v>
      </c>
      <c r="M8664">
        <f t="shared" si="962"/>
        <v>0</v>
      </c>
      <c r="N8664" s="45">
        <f t="shared" si="963"/>
        <v>45286.583333312403</v>
      </c>
    </row>
    <row r="8665" spans="2:14" x14ac:dyDescent="0.25">
      <c r="B8665">
        <f t="shared" si="957"/>
        <v>2</v>
      </c>
      <c r="C8665" s="16">
        <v>8631</v>
      </c>
      <c r="D8665" cm="1">
        <f t="array" ref="D8665">IFERROR(INDEX(Jesper!AH$2:AH$366,ROUNDDOWN($C8665/24,0)+1,1)*INDEX($D$3:$AA$30,INDEX(Jesper!$R$2:$R$366,ROW(INDEX(Jesper!AH$2:AH$366,ROUNDDOWN($C8665/24,0)+1,1))-1)+IF('Standard Profiles'!$G$18=$B$10,7,0)+IF('Standard Profiles'!$G$18=$B$17,14,0)+IF('Standard Profiles'!$G$18=$B$24,21,0),MOD($C8665,24)+1)/SUM(INDEX($D$3:$AA$30,INDEX(Jesper!$R$2:$R$366,ROW(INDEX(Jesper!AH$2:AH$366,ROUNDDOWN($C8665/24,0)+1,1))-1)+IF('Standard Profiles'!$G$18=$B$10,7,0)+IF('Standard Profiles'!$G$18=$B$17,14,0)+IF('Standard Profiles'!$G$18=$B$24,21,0),0)),0)</f>
        <v>35.037046486835457</v>
      </c>
      <c r="E8665" cm="1">
        <f t="array" ref="E8665">IFERROR(INDEX(Jesper!AI$2:AI$366,ROUNDDOWN($C8665/24,0)+1,1)*INDEX($D$3:$AA$30,INDEX(Jesper!$R$2:$R$366,ROW(INDEX(Jesper!AI$2:AI$366,ROUNDDOWN($C8665/24,0)+1,1))-1)+IF('Standard Profiles'!$G$19=$B$10,7,0)+IF('Standard Profiles'!$G$19=$B$17,14,0)+IF('Standard Profiles'!$G$19=$B$24,21,0),MOD($C8665,24)+1)/SUM(INDEX($D$3:$AA$30,INDEX(Jesper!$R$2:$R$366,ROW(INDEX(Jesper!AI$2:AI$366,ROUNDDOWN($C8665/24,0)+1,1))-1)+IF('Standard Profiles'!$G$19=$B$10,7,0)+IF('Standard Profiles'!$G$19=$B$17,14,0)+IF('Standard Profiles'!$G$19=$B$24,21,0),0)),0)</f>
        <v>27.063619896727957</v>
      </c>
      <c r="F8665" cm="1">
        <f t="array" ref="F8665">IFERROR(INDEX(Jesper!AJ$2:AJ$366,ROUNDDOWN($C8665/24,0)+1,1)*INDEX($D$3:$AA$30,INDEX(Jesper!$R$2:$R$366,ROW(INDEX(Jesper!AJ$2:AJ$366,ROUNDDOWN($C8665/24,0)+1,1))-1)+IF('Standard Profiles'!$G$20=$B$10,7,0)+IF('Standard Profiles'!$G$20=$B$17,14,0)+IF('Standard Profiles'!$G$20=$B$24,21,0),MOD($C8665,24)+1)/SUM(INDEX($D$3:$AA$30,INDEX(Jesper!$R$2:$R$366,ROW(INDEX(Jesper!AJ$2:AJ$366,ROUNDDOWN($C8665/24,0)+1,1))-1)+IF('Standard Profiles'!$G$20=$B$10,7,0)+IF('Standard Profiles'!$G$20=$B$17,14,0)+IF('Standard Profiles'!$G$20=$B$24,21,0),0)),0)</f>
        <v>0</v>
      </c>
      <c r="G8665" cm="1">
        <f t="array" ref="G8665">IFERROR(INDEX(Jesper!AK$2:AK$366,ROUNDDOWN($C8665/24,0)+1,1)*INDEX($D$3:$AA$30,INDEX(Jesper!$R$2:$R$366,ROW(INDEX(Jesper!AK$2:AK$366,ROUNDDOWN($C8665/24,0)+1,1))-1)+IF('Standard Profiles'!$G$21=$B$10,7,0)+IF('Standard Profiles'!$G$21=$B$17,14,0)+IF('Standard Profiles'!$G$21=$B$24,21,0),MOD($C8665,24)+1)/SUM(INDEX($D$3:$AA$30,INDEX(Jesper!$R$2:$R$366,ROW(INDEX(Jesper!AK$2:AK$366,ROUNDDOWN($C8665/24,0)+1,1))-1)+IF('Standard Profiles'!$G$21=$B$10,7,0)+IF('Standard Profiles'!$G$21=$B$17,14,0)+IF('Standard Profiles'!$G$21=$B$24,21,0),0)),0)</f>
        <v>7.6508619759185166</v>
      </c>
      <c r="H8665" cm="1">
        <f t="array" ref="H8665">IFERROR(INDEX(Jesper!AL$2:AL$366,ROUNDDOWN($C8665/24,0)+1,1)*INDEX($D$3:$AA$30,INDEX(Jesper!$R$2:$R$366,ROW(INDEX(Jesper!AL$2:AL$366,ROUNDDOWN($C8665/24,0)+1,1))-1)+IF('Standard Profiles'!$G$22=$B$10,7,0)+IF('Standard Profiles'!$G$22=$B$17,14,0)+IF('Standard Profiles'!$G$22=$B$24,21,0),MOD($C8665,24)+1)/SUM(INDEX($D$3:$AA$30,INDEX(Jesper!$R$2:$R$366,ROW(INDEX(Jesper!AL$2:AL$366,ROUNDDOWN($C8665/24,0)+1,1))-1)+IF('Standard Profiles'!$G$22=$B$10,7,0)+IF('Standard Profiles'!$G$22=$B$17,14,0)+IF('Standard Profiles'!$G$22=$B$24,21,0),0)),0)</f>
        <v>0</v>
      </c>
      <c r="I8665">
        <f t="shared" si="958"/>
        <v>3.6724137484408863</v>
      </c>
      <c r="J8665">
        <f t="shared" si="959"/>
        <v>60.473187173147366</v>
      </c>
      <c r="K8665">
        <f t="shared" si="960"/>
        <v>3.7372849585957826</v>
      </c>
      <c r="L8665">
        <f t="shared" si="961"/>
        <v>1.8686424792978913</v>
      </c>
      <c r="M8665">
        <f t="shared" si="962"/>
        <v>0</v>
      </c>
      <c r="N8665" s="45">
        <f t="shared" si="963"/>
        <v>45286.624999979067</v>
      </c>
    </row>
    <row r="8666" spans="2:14" x14ac:dyDescent="0.25">
      <c r="B8666">
        <f t="shared" si="957"/>
        <v>2</v>
      </c>
      <c r="C8666" s="16">
        <v>8632</v>
      </c>
      <c r="D8666" cm="1">
        <f t="array" ref="D8666">IFERROR(INDEX(Jesper!AH$2:AH$366,ROUNDDOWN($C8666/24,0)+1,1)*INDEX($D$3:$AA$30,INDEX(Jesper!$R$2:$R$366,ROW(INDEX(Jesper!AH$2:AH$366,ROUNDDOWN($C8666/24,0)+1,1))-1)+IF('Standard Profiles'!$G$18=$B$10,7,0)+IF('Standard Profiles'!$G$18=$B$17,14,0)+IF('Standard Profiles'!$G$18=$B$24,21,0),MOD($C8666,24)+1)/SUM(INDEX($D$3:$AA$30,INDEX(Jesper!$R$2:$R$366,ROW(INDEX(Jesper!AH$2:AH$366,ROUNDDOWN($C8666/24,0)+1,1))-1)+IF('Standard Profiles'!$G$18=$B$10,7,0)+IF('Standard Profiles'!$G$18=$B$17,14,0)+IF('Standard Profiles'!$G$18=$B$24,21,0),0)),0)</f>
        <v>20.646830965456612</v>
      </c>
      <c r="E8666" cm="1">
        <f t="array" ref="E8666">IFERROR(INDEX(Jesper!AI$2:AI$366,ROUNDDOWN($C8666/24,0)+1,1)*INDEX($D$3:$AA$30,INDEX(Jesper!$R$2:$R$366,ROW(INDEX(Jesper!AI$2:AI$366,ROUNDDOWN($C8666/24,0)+1,1))-1)+IF('Standard Profiles'!$G$19=$B$10,7,0)+IF('Standard Profiles'!$G$19=$B$17,14,0)+IF('Standard Profiles'!$G$19=$B$24,21,0),MOD($C8666,24)+1)/SUM(INDEX($D$3:$AA$30,INDEX(Jesper!$R$2:$R$366,ROW(INDEX(Jesper!AI$2:AI$366,ROUNDDOWN($C8666/24,0)+1,1))-1)+IF('Standard Profiles'!$G$19=$B$10,7,0)+IF('Standard Profiles'!$G$19=$B$17,14,0)+IF('Standard Profiles'!$G$19=$B$24,21,0),0)),0)</f>
        <v>15.948204582000406</v>
      </c>
      <c r="F8666" cm="1">
        <f t="array" ref="F8666">IFERROR(INDEX(Jesper!AJ$2:AJ$366,ROUNDDOWN($C8666/24,0)+1,1)*INDEX($D$3:$AA$30,INDEX(Jesper!$R$2:$R$366,ROW(INDEX(Jesper!AJ$2:AJ$366,ROUNDDOWN($C8666/24,0)+1,1))-1)+IF('Standard Profiles'!$G$20=$B$10,7,0)+IF('Standard Profiles'!$G$20=$B$17,14,0)+IF('Standard Profiles'!$G$20=$B$24,21,0),MOD($C8666,24)+1)/SUM(INDEX($D$3:$AA$30,INDEX(Jesper!$R$2:$R$366,ROW(INDEX(Jesper!AJ$2:AJ$366,ROUNDDOWN($C8666/24,0)+1,1))-1)+IF('Standard Profiles'!$G$20=$B$10,7,0)+IF('Standard Profiles'!$G$20=$B$17,14,0)+IF('Standard Profiles'!$G$20=$B$24,21,0),0)),0)</f>
        <v>0</v>
      </c>
      <c r="G8666" cm="1">
        <f t="array" ref="G8666">IFERROR(INDEX(Jesper!AK$2:AK$366,ROUNDDOWN($C8666/24,0)+1,1)*INDEX($D$3:$AA$30,INDEX(Jesper!$R$2:$R$366,ROW(INDEX(Jesper!AK$2:AK$366,ROUNDDOWN($C8666/24,0)+1,1))-1)+IF('Standard Profiles'!$G$21=$B$10,7,0)+IF('Standard Profiles'!$G$21=$B$17,14,0)+IF('Standard Profiles'!$G$21=$B$24,21,0),MOD($C8666,24)+1)/SUM(INDEX($D$3:$AA$30,INDEX(Jesper!$R$2:$R$366,ROW(INDEX(Jesper!AK$2:AK$366,ROUNDDOWN($C8666/24,0)+1,1))-1)+IF('Standard Profiles'!$G$21=$B$10,7,0)+IF('Standard Profiles'!$G$21=$B$17,14,0)+IF('Standard Profiles'!$G$21=$B$24,21,0),0)),0)</f>
        <v>6.3950973962844744</v>
      </c>
      <c r="H8666" cm="1">
        <f t="array" ref="H8666">IFERROR(INDEX(Jesper!AL$2:AL$366,ROUNDDOWN($C8666/24,0)+1,1)*INDEX($D$3:$AA$30,INDEX(Jesper!$R$2:$R$366,ROW(INDEX(Jesper!AL$2:AL$366,ROUNDDOWN($C8666/24,0)+1,1))-1)+IF('Standard Profiles'!$G$22=$B$10,7,0)+IF('Standard Profiles'!$G$22=$B$17,14,0)+IF('Standard Profiles'!$G$22=$B$24,21,0),MOD($C8666,24)+1)/SUM(INDEX($D$3:$AA$30,INDEX(Jesper!$R$2:$R$366,ROW(INDEX(Jesper!AL$2:AL$366,ROUNDDOWN($C8666/24,0)+1,1))-1)+IF('Standard Profiles'!$G$22=$B$10,7,0)+IF('Standard Profiles'!$G$22=$B$17,14,0)+IF('Standard Profiles'!$G$22=$B$24,21,0),0)),0)</f>
        <v>0</v>
      </c>
      <c r="I8666">
        <f t="shared" si="958"/>
        <v>3.0696467502165463</v>
      </c>
      <c r="J8666">
        <f t="shared" si="959"/>
        <v>36.616993239051887</v>
      </c>
      <c r="K8666">
        <f t="shared" si="960"/>
        <v>2.202328636315372</v>
      </c>
      <c r="L8666">
        <f t="shared" si="961"/>
        <v>1.101164318157686</v>
      </c>
      <c r="M8666">
        <f t="shared" si="962"/>
        <v>0</v>
      </c>
      <c r="N8666" s="45">
        <f t="shared" si="963"/>
        <v>45286.666666645731</v>
      </c>
    </row>
    <row r="8667" spans="2:14" x14ac:dyDescent="0.25">
      <c r="B8667">
        <f t="shared" si="957"/>
        <v>2</v>
      </c>
      <c r="C8667" s="16">
        <v>8633</v>
      </c>
      <c r="D8667" cm="1">
        <f t="array" ref="D8667">IFERROR(INDEX(Jesper!AH$2:AH$366,ROUNDDOWN($C8667/24,0)+1,1)*INDEX($D$3:$AA$30,INDEX(Jesper!$R$2:$R$366,ROW(INDEX(Jesper!AH$2:AH$366,ROUNDDOWN($C8667/24,0)+1,1))-1)+IF('Standard Profiles'!$G$18=$B$10,7,0)+IF('Standard Profiles'!$G$18=$B$17,14,0)+IF('Standard Profiles'!$G$18=$B$24,21,0),MOD($C8667,24)+1)/SUM(INDEX($D$3:$AA$30,INDEX(Jesper!$R$2:$R$366,ROW(INDEX(Jesper!AH$2:AH$366,ROUNDDOWN($C8667/24,0)+1,1))-1)+IF('Standard Profiles'!$G$18=$B$10,7,0)+IF('Standard Profiles'!$G$18=$B$17,14,0)+IF('Standard Profiles'!$G$18=$B$24,21,0),0)),0)</f>
        <v>8.8121344282785365</v>
      </c>
      <c r="E8667" cm="1">
        <f t="array" ref="E8667">IFERROR(INDEX(Jesper!AI$2:AI$366,ROUNDDOWN($C8667/24,0)+1,1)*INDEX($D$3:$AA$30,INDEX(Jesper!$R$2:$R$366,ROW(INDEX(Jesper!AI$2:AI$366,ROUNDDOWN($C8667/24,0)+1,1))-1)+IF('Standard Profiles'!$G$19=$B$10,7,0)+IF('Standard Profiles'!$G$19=$B$17,14,0)+IF('Standard Profiles'!$G$19=$B$24,21,0),MOD($C8667,24)+1)/SUM(INDEX($D$3:$AA$30,INDEX(Jesper!$R$2:$R$366,ROW(INDEX(Jesper!AI$2:AI$366,ROUNDDOWN($C8667/24,0)+1,1))-1)+IF('Standard Profiles'!$G$19=$B$10,7,0)+IF('Standard Profiles'!$G$19=$B$17,14,0)+IF('Standard Profiles'!$G$19=$B$24,21,0),0)),0)</f>
        <v>6.806745446863169</v>
      </c>
      <c r="F8667" cm="1">
        <f t="array" ref="F8667">IFERROR(INDEX(Jesper!AJ$2:AJ$366,ROUNDDOWN($C8667/24,0)+1,1)*INDEX($D$3:$AA$30,INDEX(Jesper!$R$2:$R$366,ROW(INDEX(Jesper!AJ$2:AJ$366,ROUNDDOWN($C8667/24,0)+1,1))-1)+IF('Standard Profiles'!$G$20=$B$10,7,0)+IF('Standard Profiles'!$G$20=$B$17,14,0)+IF('Standard Profiles'!$G$20=$B$24,21,0),MOD($C8667,24)+1)/SUM(INDEX($D$3:$AA$30,INDEX(Jesper!$R$2:$R$366,ROW(INDEX(Jesper!AJ$2:AJ$366,ROUNDDOWN($C8667/24,0)+1,1))-1)+IF('Standard Profiles'!$G$20=$B$10,7,0)+IF('Standard Profiles'!$G$20=$B$17,14,0)+IF('Standard Profiles'!$G$20=$B$24,21,0),0)),0)</f>
        <v>0</v>
      </c>
      <c r="G8667" cm="1">
        <f t="array" ref="G8667">IFERROR(INDEX(Jesper!AK$2:AK$366,ROUNDDOWN($C8667/24,0)+1,1)*INDEX($D$3:$AA$30,INDEX(Jesper!$R$2:$R$366,ROW(INDEX(Jesper!AK$2:AK$366,ROUNDDOWN($C8667/24,0)+1,1))-1)+IF('Standard Profiles'!$G$21=$B$10,7,0)+IF('Standard Profiles'!$G$21=$B$17,14,0)+IF('Standard Profiles'!$G$21=$B$24,21,0),MOD($C8667,24)+1)/SUM(INDEX($D$3:$AA$30,INDEX(Jesper!$R$2:$R$366,ROW(INDEX(Jesper!AK$2:AK$366,ROUNDDOWN($C8667/24,0)+1,1))-1)+IF('Standard Profiles'!$G$21=$B$10,7,0)+IF('Standard Profiles'!$G$21=$B$17,14,0)+IF('Standard Profiles'!$G$21=$B$24,21,0),0)),0)</f>
        <v>5.0811955675933005</v>
      </c>
      <c r="H8667" cm="1">
        <f t="array" ref="H8667">IFERROR(INDEX(Jesper!AL$2:AL$366,ROUNDDOWN($C8667/24,0)+1,1)*INDEX($D$3:$AA$30,INDEX(Jesper!$R$2:$R$366,ROW(INDEX(Jesper!AL$2:AL$366,ROUNDDOWN($C8667/24,0)+1,1))-1)+IF('Standard Profiles'!$G$22=$B$10,7,0)+IF('Standard Profiles'!$G$22=$B$17,14,0)+IF('Standard Profiles'!$G$22=$B$24,21,0),MOD($C8667,24)+1)/SUM(INDEX($D$3:$AA$30,INDEX(Jesper!$R$2:$R$366,ROW(INDEX(Jesper!AL$2:AL$366,ROUNDDOWN($C8667/24,0)+1,1))-1)+IF('Standard Profiles'!$G$22=$B$10,7,0)+IF('Standard Profiles'!$G$22=$B$17,14,0)+IF('Standard Profiles'!$G$22=$B$24,21,0),0)),0)</f>
        <v>0</v>
      </c>
      <c r="I8667">
        <f t="shared" si="958"/>
        <v>2.4389738724447829</v>
      </c>
      <c r="J8667">
        <f t="shared" si="959"/>
        <v>16.851160061765658</v>
      </c>
      <c r="K8667">
        <f t="shared" si="960"/>
        <v>0.93996100568304397</v>
      </c>
      <c r="L8667">
        <f t="shared" si="961"/>
        <v>0.46998050284152199</v>
      </c>
      <c r="M8667">
        <f t="shared" si="962"/>
        <v>0</v>
      </c>
      <c r="N8667" s="45">
        <f t="shared" si="963"/>
        <v>45286.708333312396</v>
      </c>
    </row>
    <row r="8668" spans="2:14" x14ac:dyDescent="0.25">
      <c r="B8668">
        <f t="shared" si="957"/>
        <v>2</v>
      </c>
      <c r="C8668" s="16">
        <v>8634</v>
      </c>
      <c r="D8668" cm="1">
        <f t="array" ref="D8668">IFERROR(INDEX(Jesper!AH$2:AH$366,ROUNDDOWN($C8668/24,0)+1,1)*INDEX($D$3:$AA$30,INDEX(Jesper!$R$2:$R$366,ROW(INDEX(Jesper!AH$2:AH$366,ROUNDDOWN($C8668/24,0)+1,1))-1)+IF('Standard Profiles'!$G$18=$B$10,7,0)+IF('Standard Profiles'!$G$18=$B$17,14,0)+IF('Standard Profiles'!$G$18=$B$24,21,0),MOD($C8668,24)+1)/SUM(INDEX($D$3:$AA$30,INDEX(Jesper!$R$2:$R$366,ROW(INDEX(Jesper!AH$2:AH$366,ROUNDDOWN($C8668/24,0)+1,1))-1)+IF('Standard Profiles'!$G$18=$B$10,7,0)+IF('Standard Profiles'!$G$18=$B$17,14,0)+IF('Standard Profiles'!$G$18=$B$24,21,0),0)),0)</f>
        <v>5.8160087226638346</v>
      </c>
      <c r="E8668" cm="1">
        <f t="array" ref="E8668">IFERROR(INDEX(Jesper!AI$2:AI$366,ROUNDDOWN($C8668/24,0)+1,1)*INDEX($D$3:$AA$30,INDEX(Jesper!$R$2:$R$366,ROW(INDEX(Jesper!AI$2:AI$366,ROUNDDOWN($C8668/24,0)+1,1))-1)+IF('Standard Profiles'!$G$19=$B$10,7,0)+IF('Standard Profiles'!$G$19=$B$17,14,0)+IF('Standard Profiles'!$G$19=$B$24,21,0),MOD($C8668,24)+1)/SUM(INDEX($D$3:$AA$30,INDEX(Jesper!$R$2:$R$366,ROW(INDEX(Jesper!AI$2:AI$366,ROUNDDOWN($C8668/24,0)+1,1))-1)+IF('Standard Profiles'!$G$19=$B$10,7,0)+IF('Standard Profiles'!$G$19=$B$17,14,0)+IF('Standard Profiles'!$G$19=$B$24,21,0),0)),0)</f>
        <v>4.4924519949296915</v>
      </c>
      <c r="F8668" cm="1">
        <f t="array" ref="F8668">IFERROR(INDEX(Jesper!AJ$2:AJ$366,ROUNDDOWN($C8668/24,0)+1,1)*INDEX($D$3:$AA$30,INDEX(Jesper!$R$2:$R$366,ROW(INDEX(Jesper!AJ$2:AJ$366,ROUNDDOWN($C8668/24,0)+1,1))-1)+IF('Standard Profiles'!$G$20=$B$10,7,0)+IF('Standard Profiles'!$G$20=$B$17,14,0)+IF('Standard Profiles'!$G$20=$B$24,21,0),MOD($C8668,24)+1)/SUM(INDEX($D$3:$AA$30,INDEX(Jesper!$R$2:$R$366,ROW(INDEX(Jesper!AJ$2:AJ$366,ROUNDDOWN($C8668/24,0)+1,1))-1)+IF('Standard Profiles'!$G$20=$B$10,7,0)+IF('Standard Profiles'!$G$20=$B$17,14,0)+IF('Standard Profiles'!$G$20=$B$24,21,0),0)),0)</f>
        <v>0</v>
      </c>
      <c r="G8668" cm="1">
        <f t="array" ref="G8668">IFERROR(INDEX(Jesper!AK$2:AK$366,ROUNDDOWN($C8668/24,0)+1,1)*INDEX($D$3:$AA$30,INDEX(Jesper!$R$2:$R$366,ROW(INDEX(Jesper!AK$2:AK$366,ROUNDDOWN($C8668/24,0)+1,1))-1)+IF('Standard Profiles'!$G$21=$B$10,7,0)+IF('Standard Profiles'!$G$21=$B$17,14,0)+IF('Standard Profiles'!$G$21=$B$24,21,0),MOD($C8668,24)+1)/SUM(INDEX($D$3:$AA$30,INDEX(Jesper!$R$2:$R$366,ROW(INDEX(Jesper!AK$2:AK$366,ROUNDDOWN($C8668/24,0)+1,1))-1)+IF('Standard Profiles'!$G$21=$B$10,7,0)+IF('Standard Profiles'!$G$21=$B$17,14,0)+IF('Standard Profiles'!$G$21=$B$24,21,0),0)),0)</f>
        <v>1.8022547207710791</v>
      </c>
      <c r="H8668" cm="1">
        <f t="array" ref="H8668">IFERROR(INDEX(Jesper!AL$2:AL$366,ROUNDDOWN($C8668/24,0)+1,1)*INDEX($D$3:$AA$30,INDEX(Jesper!$R$2:$R$366,ROW(INDEX(Jesper!AL$2:AL$366,ROUNDDOWN($C8668/24,0)+1,1))-1)+IF('Standard Profiles'!$G$22=$B$10,7,0)+IF('Standard Profiles'!$G$22=$B$17,14,0)+IF('Standard Profiles'!$G$22=$B$24,21,0),MOD($C8668,24)+1)/SUM(INDEX($D$3:$AA$30,INDEX(Jesper!$R$2:$R$366,ROW(INDEX(Jesper!AL$2:AL$366,ROUNDDOWN($C8668/24,0)+1,1))-1)+IF('Standard Profiles'!$G$22=$B$10,7,0)+IF('Standard Profiles'!$G$22=$B$17,14,0)+IF('Standard Profiles'!$G$22=$B$24,21,0),0)),0)</f>
        <v>0</v>
      </c>
      <c r="I8668">
        <f t="shared" si="958"/>
        <v>0.8650822659701175</v>
      </c>
      <c r="J8668">
        <f t="shared" si="959"/>
        <v>10.315071776768274</v>
      </c>
      <c r="K8668">
        <f t="shared" si="960"/>
        <v>0.62037426375080906</v>
      </c>
      <c r="L8668">
        <f t="shared" si="961"/>
        <v>0.31018713187540453</v>
      </c>
      <c r="M8668">
        <f t="shared" si="962"/>
        <v>0</v>
      </c>
      <c r="N8668" s="45">
        <f t="shared" si="963"/>
        <v>45286.74999997906</v>
      </c>
    </row>
    <row r="8669" spans="2:14" x14ac:dyDescent="0.25">
      <c r="B8669">
        <f t="shared" si="957"/>
        <v>2</v>
      </c>
      <c r="C8669" s="16">
        <v>8635</v>
      </c>
      <c r="D8669" cm="1">
        <f t="array" ref="D8669">IFERROR(INDEX(Jesper!AH$2:AH$366,ROUNDDOWN($C8669/24,0)+1,1)*INDEX($D$3:$AA$30,INDEX(Jesper!$R$2:$R$366,ROW(INDEX(Jesper!AH$2:AH$366,ROUNDDOWN($C8669/24,0)+1,1))-1)+IF('Standard Profiles'!$G$18=$B$10,7,0)+IF('Standard Profiles'!$G$18=$B$17,14,0)+IF('Standard Profiles'!$G$18=$B$24,21,0),MOD($C8669,24)+1)/SUM(INDEX($D$3:$AA$30,INDEX(Jesper!$R$2:$R$366,ROW(INDEX(Jesper!AH$2:AH$366,ROUNDDOWN($C8669/24,0)+1,1))-1)+IF('Standard Profiles'!$G$18=$B$10,7,0)+IF('Standard Profiles'!$G$18=$B$17,14,0)+IF('Standard Profiles'!$G$18=$B$24,21,0),0)),0)</f>
        <v>5.8160087226638346</v>
      </c>
      <c r="E8669" cm="1">
        <f t="array" ref="E8669">IFERROR(INDEX(Jesper!AI$2:AI$366,ROUNDDOWN($C8669/24,0)+1,1)*INDEX($D$3:$AA$30,INDEX(Jesper!$R$2:$R$366,ROW(INDEX(Jesper!AI$2:AI$366,ROUNDDOWN($C8669/24,0)+1,1))-1)+IF('Standard Profiles'!$G$19=$B$10,7,0)+IF('Standard Profiles'!$G$19=$B$17,14,0)+IF('Standard Profiles'!$G$19=$B$24,21,0),MOD($C8669,24)+1)/SUM(INDEX($D$3:$AA$30,INDEX(Jesper!$R$2:$R$366,ROW(INDEX(Jesper!AI$2:AI$366,ROUNDDOWN($C8669/24,0)+1,1))-1)+IF('Standard Profiles'!$G$19=$B$10,7,0)+IF('Standard Profiles'!$G$19=$B$17,14,0)+IF('Standard Profiles'!$G$19=$B$24,21,0),0)),0)</f>
        <v>4.4924519949296915</v>
      </c>
      <c r="F8669" cm="1">
        <f t="array" ref="F8669">IFERROR(INDEX(Jesper!AJ$2:AJ$366,ROUNDDOWN($C8669/24,0)+1,1)*INDEX($D$3:$AA$30,INDEX(Jesper!$R$2:$R$366,ROW(INDEX(Jesper!AJ$2:AJ$366,ROUNDDOWN($C8669/24,0)+1,1))-1)+IF('Standard Profiles'!$G$20=$B$10,7,0)+IF('Standard Profiles'!$G$20=$B$17,14,0)+IF('Standard Profiles'!$G$20=$B$24,21,0),MOD($C8669,24)+1)/SUM(INDEX($D$3:$AA$30,INDEX(Jesper!$R$2:$R$366,ROW(INDEX(Jesper!AJ$2:AJ$366,ROUNDDOWN($C8669/24,0)+1,1))-1)+IF('Standard Profiles'!$G$20=$B$10,7,0)+IF('Standard Profiles'!$G$20=$B$17,14,0)+IF('Standard Profiles'!$G$20=$B$24,21,0),0)),0)</f>
        <v>0</v>
      </c>
      <c r="G8669" cm="1">
        <f t="array" ref="G8669">IFERROR(INDEX(Jesper!AK$2:AK$366,ROUNDDOWN($C8669/24,0)+1,1)*INDEX($D$3:$AA$30,INDEX(Jesper!$R$2:$R$366,ROW(INDEX(Jesper!AK$2:AK$366,ROUNDDOWN($C8669/24,0)+1,1))-1)+IF('Standard Profiles'!$G$21=$B$10,7,0)+IF('Standard Profiles'!$G$21=$B$17,14,0)+IF('Standard Profiles'!$G$21=$B$24,21,0),MOD($C8669,24)+1)/SUM(INDEX($D$3:$AA$30,INDEX(Jesper!$R$2:$R$366,ROW(INDEX(Jesper!AK$2:AK$366,ROUNDDOWN($C8669/24,0)+1,1))-1)+IF('Standard Profiles'!$G$21=$B$10,7,0)+IF('Standard Profiles'!$G$21=$B$17,14,0)+IF('Standard Profiles'!$G$21=$B$24,21,0),0)),0)</f>
        <v>1.8022547207710791</v>
      </c>
      <c r="H8669" cm="1">
        <f t="array" ref="H8669">IFERROR(INDEX(Jesper!AL$2:AL$366,ROUNDDOWN($C8669/24,0)+1,1)*INDEX($D$3:$AA$30,INDEX(Jesper!$R$2:$R$366,ROW(INDEX(Jesper!AL$2:AL$366,ROUNDDOWN($C8669/24,0)+1,1))-1)+IF('Standard Profiles'!$G$22=$B$10,7,0)+IF('Standard Profiles'!$G$22=$B$17,14,0)+IF('Standard Profiles'!$G$22=$B$24,21,0),MOD($C8669,24)+1)/SUM(INDEX($D$3:$AA$30,INDEX(Jesper!$R$2:$R$366,ROW(INDEX(Jesper!AL$2:AL$366,ROUNDDOWN($C8669/24,0)+1,1))-1)+IF('Standard Profiles'!$G$22=$B$10,7,0)+IF('Standard Profiles'!$G$22=$B$17,14,0)+IF('Standard Profiles'!$G$22=$B$24,21,0),0)),0)</f>
        <v>0</v>
      </c>
      <c r="I8669">
        <f t="shared" si="958"/>
        <v>0.8650822659701175</v>
      </c>
      <c r="J8669">
        <f t="shared" si="959"/>
        <v>10.315071776768274</v>
      </c>
      <c r="K8669">
        <f t="shared" si="960"/>
        <v>0.62037426375080906</v>
      </c>
      <c r="L8669">
        <f t="shared" si="961"/>
        <v>0.31018713187540453</v>
      </c>
      <c r="M8669">
        <f t="shared" si="962"/>
        <v>0</v>
      </c>
      <c r="N8669" s="45">
        <f t="shared" si="963"/>
        <v>45286.791666645724</v>
      </c>
    </row>
    <row r="8670" spans="2:14" x14ac:dyDescent="0.25">
      <c r="B8670">
        <f t="shared" si="957"/>
        <v>2</v>
      </c>
      <c r="C8670" s="16">
        <v>8636</v>
      </c>
      <c r="D8670" cm="1">
        <f t="array" ref="D8670">IFERROR(INDEX(Jesper!AH$2:AH$366,ROUNDDOWN($C8670/24,0)+1,1)*INDEX($D$3:$AA$30,INDEX(Jesper!$R$2:$R$366,ROW(INDEX(Jesper!AH$2:AH$366,ROUNDDOWN($C8670/24,0)+1,1))-1)+IF('Standard Profiles'!$G$18=$B$10,7,0)+IF('Standard Profiles'!$G$18=$B$17,14,0)+IF('Standard Profiles'!$G$18=$B$24,21,0),MOD($C8670,24)+1)/SUM(INDEX($D$3:$AA$30,INDEX(Jesper!$R$2:$R$366,ROW(INDEX(Jesper!AH$2:AH$366,ROUNDDOWN($C8670/24,0)+1,1))-1)+IF('Standard Profiles'!$G$18=$B$10,7,0)+IF('Standard Profiles'!$G$18=$B$17,14,0)+IF('Standard Profiles'!$G$18=$B$24,21,0),0)),0)</f>
        <v>5.8160087226638346</v>
      </c>
      <c r="E8670" cm="1">
        <f t="array" ref="E8670">IFERROR(INDEX(Jesper!AI$2:AI$366,ROUNDDOWN($C8670/24,0)+1,1)*INDEX($D$3:$AA$30,INDEX(Jesper!$R$2:$R$366,ROW(INDEX(Jesper!AI$2:AI$366,ROUNDDOWN($C8670/24,0)+1,1))-1)+IF('Standard Profiles'!$G$19=$B$10,7,0)+IF('Standard Profiles'!$G$19=$B$17,14,0)+IF('Standard Profiles'!$G$19=$B$24,21,0),MOD($C8670,24)+1)/SUM(INDEX($D$3:$AA$30,INDEX(Jesper!$R$2:$R$366,ROW(INDEX(Jesper!AI$2:AI$366,ROUNDDOWN($C8670/24,0)+1,1))-1)+IF('Standard Profiles'!$G$19=$B$10,7,0)+IF('Standard Profiles'!$G$19=$B$17,14,0)+IF('Standard Profiles'!$G$19=$B$24,21,0),0)),0)</f>
        <v>4.4924519949296915</v>
      </c>
      <c r="F8670" cm="1">
        <f t="array" ref="F8670">IFERROR(INDEX(Jesper!AJ$2:AJ$366,ROUNDDOWN($C8670/24,0)+1,1)*INDEX($D$3:$AA$30,INDEX(Jesper!$R$2:$R$366,ROW(INDEX(Jesper!AJ$2:AJ$366,ROUNDDOWN($C8670/24,0)+1,1))-1)+IF('Standard Profiles'!$G$20=$B$10,7,0)+IF('Standard Profiles'!$G$20=$B$17,14,0)+IF('Standard Profiles'!$G$20=$B$24,21,0),MOD($C8670,24)+1)/SUM(INDEX($D$3:$AA$30,INDEX(Jesper!$R$2:$R$366,ROW(INDEX(Jesper!AJ$2:AJ$366,ROUNDDOWN($C8670/24,0)+1,1))-1)+IF('Standard Profiles'!$G$20=$B$10,7,0)+IF('Standard Profiles'!$G$20=$B$17,14,0)+IF('Standard Profiles'!$G$20=$B$24,21,0),0)),0)</f>
        <v>0</v>
      </c>
      <c r="G8670" cm="1">
        <f t="array" ref="G8670">IFERROR(INDEX(Jesper!AK$2:AK$366,ROUNDDOWN($C8670/24,0)+1,1)*INDEX($D$3:$AA$30,INDEX(Jesper!$R$2:$R$366,ROW(INDEX(Jesper!AK$2:AK$366,ROUNDDOWN($C8670/24,0)+1,1))-1)+IF('Standard Profiles'!$G$21=$B$10,7,0)+IF('Standard Profiles'!$G$21=$B$17,14,0)+IF('Standard Profiles'!$G$21=$B$24,21,0),MOD($C8670,24)+1)/SUM(INDEX($D$3:$AA$30,INDEX(Jesper!$R$2:$R$366,ROW(INDEX(Jesper!AK$2:AK$366,ROUNDDOWN($C8670/24,0)+1,1))-1)+IF('Standard Profiles'!$G$21=$B$10,7,0)+IF('Standard Profiles'!$G$21=$B$17,14,0)+IF('Standard Profiles'!$G$21=$B$24,21,0),0)),0)</f>
        <v>1.8022547207710791</v>
      </c>
      <c r="H8670" cm="1">
        <f t="array" ref="H8670">IFERROR(INDEX(Jesper!AL$2:AL$366,ROUNDDOWN($C8670/24,0)+1,1)*INDEX($D$3:$AA$30,INDEX(Jesper!$R$2:$R$366,ROW(INDEX(Jesper!AL$2:AL$366,ROUNDDOWN($C8670/24,0)+1,1))-1)+IF('Standard Profiles'!$G$22=$B$10,7,0)+IF('Standard Profiles'!$G$22=$B$17,14,0)+IF('Standard Profiles'!$G$22=$B$24,21,0),MOD($C8670,24)+1)/SUM(INDEX($D$3:$AA$30,INDEX(Jesper!$R$2:$R$366,ROW(INDEX(Jesper!AL$2:AL$366,ROUNDDOWN($C8670/24,0)+1,1))-1)+IF('Standard Profiles'!$G$22=$B$10,7,0)+IF('Standard Profiles'!$G$22=$B$17,14,0)+IF('Standard Profiles'!$G$22=$B$24,21,0),0)),0)</f>
        <v>0</v>
      </c>
      <c r="I8670">
        <f t="shared" si="958"/>
        <v>0.8650822659701175</v>
      </c>
      <c r="J8670">
        <f t="shared" si="959"/>
        <v>10.315071776768274</v>
      </c>
      <c r="K8670">
        <f t="shared" si="960"/>
        <v>0.62037426375080906</v>
      </c>
      <c r="L8670">
        <f t="shared" si="961"/>
        <v>0.31018713187540453</v>
      </c>
      <c r="M8670">
        <f t="shared" si="962"/>
        <v>0</v>
      </c>
      <c r="N8670" s="45">
        <f t="shared" si="963"/>
        <v>45286.833333312388</v>
      </c>
    </row>
    <row r="8671" spans="2:14" x14ac:dyDescent="0.25">
      <c r="B8671">
        <f t="shared" si="957"/>
        <v>2</v>
      </c>
      <c r="C8671" s="16">
        <v>8637</v>
      </c>
      <c r="D8671" cm="1">
        <f t="array" ref="D8671">IFERROR(INDEX(Jesper!AH$2:AH$366,ROUNDDOWN($C8671/24,0)+1,1)*INDEX($D$3:$AA$30,INDEX(Jesper!$R$2:$R$366,ROW(INDEX(Jesper!AH$2:AH$366,ROUNDDOWN($C8671/24,0)+1,1))-1)+IF('Standard Profiles'!$G$18=$B$10,7,0)+IF('Standard Profiles'!$G$18=$B$17,14,0)+IF('Standard Profiles'!$G$18=$B$24,21,0),MOD($C8671,24)+1)/SUM(INDEX($D$3:$AA$30,INDEX(Jesper!$R$2:$R$366,ROW(INDEX(Jesper!AH$2:AH$366,ROUNDDOWN($C8671/24,0)+1,1))-1)+IF('Standard Profiles'!$G$18=$B$10,7,0)+IF('Standard Profiles'!$G$18=$B$17,14,0)+IF('Standard Profiles'!$G$18=$B$24,21,0),0)),0)</f>
        <v>5.8160087226638346</v>
      </c>
      <c r="E8671" cm="1">
        <f t="array" ref="E8671">IFERROR(INDEX(Jesper!AI$2:AI$366,ROUNDDOWN($C8671/24,0)+1,1)*INDEX($D$3:$AA$30,INDEX(Jesper!$R$2:$R$366,ROW(INDEX(Jesper!AI$2:AI$366,ROUNDDOWN($C8671/24,0)+1,1))-1)+IF('Standard Profiles'!$G$19=$B$10,7,0)+IF('Standard Profiles'!$G$19=$B$17,14,0)+IF('Standard Profiles'!$G$19=$B$24,21,0),MOD($C8671,24)+1)/SUM(INDEX($D$3:$AA$30,INDEX(Jesper!$R$2:$R$366,ROW(INDEX(Jesper!AI$2:AI$366,ROUNDDOWN($C8671/24,0)+1,1))-1)+IF('Standard Profiles'!$G$19=$B$10,7,0)+IF('Standard Profiles'!$G$19=$B$17,14,0)+IF('Standard Profiles'!$G$19=$B$24,21,0),0)),0)</f>
        <v>4.4924519949296915</v>
      </c>
      <c r="F8671" cm="1">
        <f t="array" ref="F8671">IFERROR(INDEX(Jesper!AJ$2:AJ$366,ROUNDDOWN($C8671/24,0)+1,1)*INDEX($D$3:$AA$30,INDEX(Jesper!$R$2:$R$366,ROW(INDEX(Jesper!AJ$2:AJ$366,ROUNDDOWN($C8671/24,0)+1,1))-1)+IF('Standard Profiles'!$G$20=$B$10,7,0)+IF('Standard Profiles'!$G$20=$B$17,14,0)+IF('Standard Profiles'!$G$20=$B$24,21,0),MOD($C8671,24)+1)/SUM(INDEX($D$3:$AA$30,INDEX(Jesper!$R$2:$R$366,ROW(INDEX(Jesper!AJ$2:AJ$366,ROUNDDOWN($C8671/24,0)+1,1))-1)+IF('Standard Profiles'!$G$20=$B$10,7,0)+IF('Standard Profiles'!$G$20=$B$17,14,0)+IF('Standard Profiles'!$G$20=$B$24,21,0),0)),0)</f>
        <v>0</v>
      </c>
      <c r="G8671" cm="1">
        <f t="array" ref="G8671">IFERROR(INDEX(Jesper!AK$2:AK$366,ROUNDDOWN($C8671/24,0)+1,1)*INDEX($D$3:$AA$30,INDEX(Jesper!$R$2:$R$366,ROW(INDEX(Jesper!AK$2:AK$366,ROUNDDOWN($C8671/24,0)+1,1))-1)+IF('Standard Profiles'!$G$21=$B$10,7,0)+IF('Standard Profiles'!$G$21=$B$17,14,0)+IF('Standard Profiles'!$G$21=$B$24,21,0),MOD($C8671,24)+1)/SUM(INDEX($D$3:$AA$30,INDEX(Jesper!$R$2:$R$366,ROW(INDEX(Jesper!AK$2:AK$366,ROUNDDOWN($C8671/24,0)+1,1))-1)+IF('Standard Profiles'!$G$21=$B$10,7,0)+IF('Standard Profiles'!$G$21=$B$17,14,0)+IF('Standard Profiles'!$G$21=$B$24,21,0),0)),0)</f>
        <v>1.8022547207710791</v>
      </c>
      <c r="H8671" cm="1">
        <f t="array" ref="H8671">IFERROR(INDEX(Jesper!AL$2:AL$366,ROUNDDOWN($C8671/24,0)+1,1)*INDEX($D$3:$AA$30,INDEX(Jesper!$R$2:$R$366,ROW(INDEX(Jesper!AL$2:AL$366,ROUNDDOWN($C8671/24,0)+1,1))-1)+IF('Standard Profiles'!$G$22=$B$10,7,0)+IF('Standard Profiles'!$G$22=$B$17,14,0)+IF('Standard Profiles'!$G$22=$B$24,21,0),MOD($C8671,24)+1)/SUM(INDEX($D$3:$AA$30,INDEX(Jesper!$R$2:$R$366,ROW(INDEX(Jesper!AL$2:AL$366,ROUNDDOWN($C8671/24,0)+1,1))-1)+IF('Standard Profiles'!$G$22=$B$10,7,0)+IF('Standard Profiles'!$G$22=$B$17,14,0)+IF('Standard Profiles'!$G$22=$B$24,21,0),0)),0)</f>
        <v>0</v>
      </c>
      <c r="I8671">
        <f t="shared" si="958"/>
        <v>0.8650822659701175</v>
      </c>
      <c r="J8671">
        <f t="shared" si="959"/>
        <v>10.315071776768274</v>
      </c>
      <c r="K8671">
        <f t="shared" si="960"/>
        <v>0.62037426375080906</v>
      </c>
      <c r="L8671">
        <f t="shared" si="961"/>
        <v>0.31018713187540453</v>
      </c>
      <c r="M8671">
        <f t="shared" si="962"/>
        <v>0</v>
      </c>
      <c r="N8671" s="45">
        <f t="shared" si="963"/>
        <v>45286.874999979053</v>
      </c>
    </row>
    <row r="8672" spans="2:14" x14ac:dyDescent="0.25">
      <c r="B8672">
        <f t="shared" si="957"/>
        <v>2</v>
      </c>
      <c r="C8672" s="16">
        <v>8638</v>
      </c>
      <c r="D8672" cm="1">
        <f t="array" ref="D8672">IFERROR(INDEX(Jesper!AH$2:AH$366,ROUNDDOWN($C8672/24,0)+1,1)*INDEX($D$3:$AA$30,INDEX(Jesper!$R$2:$R$366,ROW(INDEX(Jesper!AH$2:AH$366,ROUNDDOWN($C8672/24,0)+1,1))-1)+IF('Standard Profiles'!$G$18=$B$10,7,0)+IF('Standard Profiles'!$G$18=$B$17,14,0)+IF('Standard Profiles'!$G$18=$B$24,21,0),MOD($C8672,24)+1)/SUM(INDEX($D$3:$AA$30,INDEX(Jesper!$R$2:$R$366,ROW(INDEX(Jesper!AH$2:AH$366,ROUNDDOWN($C8672/24,0)+1,1))-1)+IF('Standard Profiles'!$G$18=$B$10,7,0)+IF('Standard Profiles'!$G$18=$B$17,14,0)+IF('Standard Profiles'!$G$18=$B$24,21,0),0)),0)</f>
        <v>5.8160087226638346</v>
      </c>
      <c r="E8672" cm="1">
        <f t="array" ref="E8672">IFERROR(INDEX(Jesper!AI$2:AI$366,ROUNDDOWN($C8672/24,0)+1,1)*INDEX($D$3:$AA$30,INDEX(Jesper!$R$2:$R$366,ROW(INDEX(Jesper!AI$2:AI$366,ROUNDDOWN($C8672/24,0)+1,1))-1)+IF('Standard Profiles'!$G$19=$B$10,7,0)+IF('Standard Profiles'!$G$19=$B$17,14,0)+IF('Standard Profiles'!$G$19=$B$24,21,0),MOD($C8672,24)+1)/SUM(INDEX($D$3:$AA$30,INDEX(Jesper!$R$2:$R$366,ROW(INDEX(Jesper!AI$2:AI$366,ROUNDDOWN($C8672/24,0)+1,1))-1)+IF('Standard Profiles'!$G$19=$B$10,7,0)+IF('Standard Profiles'!$G$19=$B$17,14,0)+IF('Standard Profiles'!$G$19=$B$24,21,0),0)),0)</f>
        <v>4.4924519949296915</v>
      </c>
      <c r="F8672" cm="1">
        <f t="array" ref="F8672">IFERROR(INDEX(Jesper!AJ$2:AJ$366,ROUNDDOWN($C8672/24,0)+1,1)*INDEX($D$3:$AA$30,INDEX(Jesper!$R$2:$R$366,ROW(INDEX(Jesper!AJ$2:AJ$366,ROUNDDOWN($C8672/24,0)+1,1))-1)+IF('Standard Profiles'!$G$20=$B$10,7,0)+IF('Standard Profiles'!$G$20=$B$17,14,0)+IF('Standard Profiles'!$G$20=$B$24,21,0),MOD($C8672,24)+1)/SUM(INDEX($D$3:$AA$30,INDEX(Jesper!$R$2:$R$366,ROW(INDEX(Jesper!AJ$2:AJ$366,ROUNDDOWN($C8672/24,0)+1,1))-1)+IF('Standard Profiles'!$G$20=$B$10,7,0)+IF('Standard Profiles'!$G$20=$B$17,14,0)+IF('Standard Profiles'!$G$20=$B$24,21,0),0)),0)</f>
        <v>0</v>
      </c>
      <c r="G8672" cm="1">
        <f t="array" ref="G8672">IFERROR(INDEX(Jesper!AK$2:AK$366,ROUNDDOWN($C8672/24,0)+1,1)*INDEX($D$3:$AA$30,INDEX(Jesper!$R$2:$R$366,ROW(INDEX(Jesper!AK$2:AK$366,ROUNDDOWN($C8672/24,0)+1,1))-1)+IF('Standard Profiles'!$G$21=$B$10,7,0)+IF('Standard Profiles'!$G$21=$B$17,14,0)+IF('Standard Profiles'!$G$21=$B$24,21,0),MOD($C8672,24)+1)/SUM(INDEX($D$3:$AA$30,INDEX(Jesper!$R$2:$R$366,ROW(INDEX(Jesper!AK$2:AK$366,ROUNDDOWN($C8672/24,0)+1,1))-1)+IF('Standard Profiles'!$G$21=$B$10,7,0)+IF('Standard Profiles'!$G$21=$B$17,14,0)+IF('Standard Profiles'!$G$21=$B$24,21,0),0)),0)</f>
        <v>1.8022547207710791</v>
      </c>
      <c r="H8672" cm="1">
        <f t="array" ref="H8672">IFERROR(INDEX(Jesper!AL$2:AL$366,ROUNDDOWN($C8672/24,0)+1,1)*INDEX($D$3:$AA$30,INDEX(Jesper!$R$2:$R$366,ROW(INDEX(Jesper!AL$2:AL$366,ROUNDDOWN($C8672/24,0)+1,1))-1)+IF('Standard Profiles'!$G$22=$B$10,7,0)+IF('Standard Profiles'!$G$22=$B$17,14,0)+IF('Standard Profiles'!$G$22=$B$24,21,0),MOD($C8672,24)+1)/SUM(INDEX($D$3:$AA$30,INDEX(Jesper!$R$2:$R$366,ROW(INDEX(Jesper!AL$2:AL$366,ROUNDDOWN($C8672/24,0)+1,1))-1)+IF('Standard Profiles'!$G$22=$B$10,7,0)+IF('Standard Profiles'!$G$22=$B$17,14,0)+IF('Standard Profiles'!$G$22=$B$24,21,0),0)),0)</f>
        <v>0</v>
      </c>
      <c r="I8672">
        <f t="shared" si="958"/>
        <v>0.8650822659701175</v>
      </c>
      <c r="J8672">
        <f t="shared" si="959"/>
        <v>10.315071776768274</v>
      </c>
      <c r="K8672">
        <f t="shared" si="960"/>
        <v>0.62037426375080906</v>
      </c>
      <c r="L8672">
        <f t="shared" si="961"/>
        <v>0.31018713187540453</v>
      </c>
      <c r="M8672">
        <f t="shared" si="962"/>
        <v>0</v>
      </c>
      <c r="N8672" s="45">
        <f t="shared" si="963"/>
        <v>45286.916666645717</v>
      </c>
    </row>
    <row r="8673" spans="2:14" x14ac:dyDescent="0.25">
      <c r="B8673">
        <f t="shared" si="957"/>
        <v>2</v>
      </c>
      <c r="C8673" s="16">
        <v>8639</v>
      </c>
      <c r="D8673" cm="1">
        <f t="array" ref="D8673">IFERROR(INDEX(Jesper!AH$2:AH$366,ROUNDDOWN($C8673/24,0)+1,1)*INDEX($D$3:$AA$30,INDEX(Jesper!$R$2:$R$366,ROW(INDEX(Jesper!AH$2:AH$366,ROUNDDOWN($C8673/24,0)+1,1))-1)+IF('Standard Profiles'!$G$18=$B$10,7,0)+IF('Standard Profiles'!$G$18=$B$17,14,0)+IF('Standard Profiles'!$G$18=$B$24,21,0),MOD($C8673,24)+1)/SUM(INDEX($D$3:$AA$30,INDEX(Jesper!$R$2:$R$366,ROW(INDEX(Jesper!AH$2:AH$366,ROUNDDOWN($C8673/24,0)+1,1))-1)+IF('Standard Profiles'!$G$18=$B$10,7,0)+IF('Standard Profiles'!$G$18=$B$17,14,0)+IF('Standard Profiles'!$G$18=$B$24,21,0),0)),0)</f>
        <v>5.8160087226638346</v>
      </c>
      <c r="E8673" cm="1">
        <f t="array" ref="E8673">IFERROR(INDEX(Jesper!AI$2:AI$366,ROUNDDOWN($C8673/24,0)+1,1)*INDEX($D$3:$AA$30,INDEX(Jesper!$R$2:$R$366,ROW(INDEX(Jesper!AI$2:AI$366,ROUNDDOWN($C8673/24,0)+1,1))-1)+IF('Standard Profiles'!$G$19=$B$10,7,0)+IF('Standard Profiles'!$G$19=$B$17,14,0)+IF('Standard Profiles'!$G$19=$B$24,21,0),MOD($C8673,24)+1)/SUM(INDEX($D$3:$AA$30,INDEX(Jesper!$R$2:$R$366,ROW(INDEX(Jesper!AI$2:AI$366,ROUNDDOWN($C8673/24,0)+1,1))-1)+IF('Standard Profiles'!$G$19=$B$10,7,0)+IF('Standard Profiles'!$G$19=$B$17,14,0)+IF('Standard Profiles'!$G$19=$B$24,21,0),0)),0)</f>
        <v>4.4924519949296915</v>
      </c>
      <c r="F8673" cm="1">
        <f t="array" ref="F8673">IFERROR(INDEX(Jesper!AJ$2:AJ$366,ROUNDDOWN($C8673/24,0)+1,1)*INDEX($D$3:$AA$30,INDEX(Jesper!$R$2:$R$366,ROW(INDEX(Jesper!AJ$2:AJ$366,ROUNDDOWN($C8673/24,0)+1,1))-1)+IF('Standard Profiles'!$G$20=$B$10,7,0)+IF('Standard Profiles'!$G$20=$B$17,14,0)+IF('Standard Profiles'!$G$20=$B$24,21,0),MOD($C8673,24)+1)/SUM(INDEX($D$3:$AA$30,INDEX(Jesper!$R$2:$R$366,ROW(INDEX(Jesper!AJ$2:AJ$366,ROUNDDOWN($C8673/24,0)+1,1))-1)+IF('Standard Profiles'!$G$20=$B$10,7,0)+IF('Standard Profiles'!$G$20=$B$17,14,0)+IF('Standard Profiles'!$G$20=$B$24,21,0),0)),0)</f>
        <v>0</v>
      </c>
      <c r="G8673" cm="1">
        <f t="array" ref="G8673">IFERROR(INDEX(Jesper!AK$2:AK$366,ROUNDDOWN($C8673/24,0)+1,1)*INDEX($D$3:$AA$30,INDEX(Jesper!$R$2:$R$366,ROW(INDEX(Jesper!AK$2:AK$366,ROUNDDOWN($C8673/24,0)+1,1))-1)+IF('Standard Profiles'!$G$21=$B$10,7,0)+IF('Standard Profiles'!$G$21=$B$17,14,0)+IF('Standard Profiles'!$G$21=$B$24,21,0),MOD($C8673,24)+1)/SUM(INDEX($D$3:$AA$30,INDEX(Jesper!$R$2:$R$366,ROW(INDEX(Jesper!AK$2:AK$366,ROUNDDOWN($C8673/24,0)+1,1))-1)+IF('Standard Profiles'!$G$21=$B$10,7,0)+IF('Standard Profiles'!$G$21=$B$17,14,0)+IF('Standard Profiles'!$G$21=$B$24,21,0),0)),0)</f>
        <v>1.8022547207710791</v>
      </c>
      <c r="H8673" cm="1">
        <f t="array" ref="H8673">IFERROR(INDEX(Jesper!AL$2:AL$366,ROUNDDOWN($C8673/24,0)+1,1)*INDEX($D$3:$AA$30,INDEX(Jesper!$R$2:$R$366,ROW(INDEX(Jesper!AL$2:AL$366,ROUNDDOWN($C8673/24,0)+1,1))-1)+IF('Standard Profiles'!$G$22=$B$10,7,0)+IF('Standard Profiles'!$G$22=$B$17,14,0)+IF('Standard Profiles'!$G$22=$B$24,21,0),MOD($C8673,24)+1)/SUM(INDEX($D$3:$AA$30,INDEX(Jesper!$R$2:$R$366,ROW(INDEX(Jesper!AL$2:AL$366,ROUNDDOWN($C8673/24,0)+1,1))-1)+IF('Standard Profiles'!$G$22=$B$10,7,0)+IF('Standard Profiles'!$G$22=$B$17,14,0)+IF('Standard Profiles'!$G$22=$B$24,21,0),0)),0)</f>
        <v>0</v>
      </c>
      <c r="I8673">
        <f t="shared" si="958"/>
        <v>0.8650822659701175</v>
      </c>
      <c r="J8673">
        <f t="shared" si="959"/>
        <v>10.315071776768274</v>
      </c>
      <c r="K8673">
        <f t="shared" si="960"/>
        <v>0.62037426375080906</v>
      </c>
      <c r="L8673">
        <f t="shared" si="961"/>
        <v>0.31018713187540453</v>
      </c>
      <c r="M8673">
        <f t="shared" si="962"/>
        <v>0</v>
      </c>
      <c r="N8673" s="45">
        <f t="shared" si="963"/>
        <v>45286.958333312381</v>
      </c>
    </row>
    <row r="8674" spans="2:14" x14ac:dyDescent="0.25">
      <c r="B8674">
        <f t="shared" si="957"/>
        <v>3</v>
      </c>
      <c r="C8674" s="16">
        <v>8640</v>
      </c>
      <c r="D8674" cm="1">
        <f t="array" ref="D8674">IFERROR(INDEX(Jesper!AH$2:AH$366,ROUNDDOWN($C8674/24,0)+1,1)*INDEX($D$3:$AA$30,INDEX(Jesper!$R$2:$R$366,ROW(INDEX(Jesper!AH$2:AH$366,ROUNDDOWN($C8674/24,0)+1,1))-1)+IF('Standard Profiles'!$G$18=$B$10,7,0)+IF('Standard Profiles'!$G$18=$B$17,14,0)+IF('Standard Profiles'!$G$18=$B$24,21,0),MOD($C8674,24)+1)/SUM(INDEX($D$3:$AA$30,INDEX(Jesper!$R$2:$R$366,ROW(INDEX(Jesper!AH$2:AH$366,ROUNDDOWN($C8674/24,0)+1,1))-1)+IF('Standard Profiles'!$G$18=$B$10,7,0)+IF('Standard Profiles'!$G$18=$B$17,14,0)+IF('Standard Profiles'!$G$18=$B$24,21,0),0)),0)</f>
        <v>5.8804972413294196</v>
      </c>
      <c r="E8674" cm="1">
        <f t="array" ref="E8674">IFERROR(INDEX(Jesper!AI$2:AI$366,ROUNDDOWN($C8674/24,0)+1,1)*INDEX($D$3:$AA$30,INDEX(Jesper!$R$2:$R$366,ROW(INDEX(Jesper!AI$2:AI$366,ROUNDDOWN($C8674/24,0)+1,1))-1)+IF('Standard Profiles'!$G$19=$B$10,7,0)+IF('Standard Profiles'!$G$19=$B$17,14,0)+IF('Standard Profiles'!$G$19=$B$24,21,0),MOD($C8674,24)+1)/SUM(INDEX($D$3:$AA$30,INDEX(Jesper!$R$2:$R$366,ROW(INDEX(Jesper!AI$2:AI$366,ROUNDDOWN($C8674/24,0)+1,1))-1)+IF('Standard Profiles'!$G$19=$B$10,7,0)+IF('Standard Profiles'!$G$19=$B$17,14,0)+IF('Standard Profiles'!$G$19=$B$24,21,0),0)),0)</f>
        <v>5.393652857587953</v>
      </c>
      <c r="F8674" cm="1">
        <f t="array" ref="F8674">IFERROR(INDEX(Jesper!AJ$2:AJ$366,ROUNDDOWN($C8674/24,0)+1,1)*INDEX($D$3:$AA$30,INDEX(Jesper!$R$2:$R$366,ROW(INDEX(Jesper!AJ$2:AJ$366,ROUNDDOWN($C8674/24,0)+1,1))-1)+IF('Standard Profiles'!$G$20=$B$10,7,0)+IF('Standard Profiles'!$G$20=$B$17,14,0)+IF('Standard Profiles'!$G$20=$B$24,21,0),MOD($C8674,24)+1)/SUM(INDEX($D$3:$AA$30,INDEX(Jesper!$R$2:$R$366,ROW(INDEX(Jesper!AJ$2:AJ$366,ROUNDDOWN($C8674/24,0)+1,1))-1)+IF('Standard Profiles'!$G$20=$B$10,7,0)+IF('Standard Profiles'!$G$20=$B$17,14,0)+IF('Standard Profiles'!$G$20=$B$24,21,0),0)),0)</f>
        <v>0</v>
      </c>
      <c r="G8674" cm="1">
        <f t="array" ref="G8674">IFERROR(INDEX(Jesper!AK$2:AK$366,ROUNDDOWN($C8674/24,0)+1,1)*INDEX($D$3:$AA$30,INDEX(Jesper!$R$2:$R$366,ROW(INDEX(Jesper!AK$2:AK$366,ROUNDDOWN($C8674/24,0)+1,1))-1)+IF('Standard Profiles'!$G$21=$B$10,7,0)+IF('Standard Profiles'!$G$21=$B$17,14,0)+IF('Standard Profiles'!$G$21=$B$24,21,0),MOD($C8674,24)+1)/SUM(INDEX($D$3:$AA$30,INDEX(Jesper!$R$2:$R$366,ROW(INDEX(Jesper!AK$2:AK$366,ROUNDDOWN($C8674/24,0)+1,1))-1)+IF('Standard Profiles'!$G$21=$B$10,7,0)+IF('Standard Profiles'!$G$21=$B$17,14,0)+IF('Standard Profiles'!$G$21=$B$24,21,0),0)),0)</f>
        <v>4.2930753144050513</v>
      </c>
      <c r="H8674" cm="1">
        <f t="array" ref="H8674">IFERROR(INDEX(Jesper!AL$2:AL$366,ROUNDDOWN($C8674/24,0)+1,1)*INDEX($D$3:$AA$30,INDEX(Jesper!$R$2:$R$366,ROW(INDEX(Jesper!AL$2:AL$366,ROUNDDOWN($C8674/24,0)+1,1))-1)+IF('Standard Profiles'!$G$22=$B$10,7,0)+IF('Standard Profiles'!$G$22=$B$17,14,0)+IF('Standard Profiles'!$G$22=$B$24,21,0),MOD($C8674,24)+1)/SUM(INDEX($D$3:$AA$30,INDEX(Jesper!$R$2:$R$366,ROW(INDEX(Jesper!AL$2:AL$366,ROUNDDOWN($C8674/24,0)+1,1))-1)+IF('Standard Profiles'!$G$22=$B$10,7,0)+IF('Standard Profiles'!$G$22=$B$17,14,0)+IF('Standard Profiles'!$G$22=$B$24,21,0),0)),0)</f>
        <v>0</v>
      </c>
      <c r="I8674">
        <f t="shared" si="958"/>
        <v>2.0606761509144236</v>
      </c>
      <c r="J8674">
        <f t="shared" si="959"/>
        <v>12.565669703795294</v>
      </c>
      <c r="K8674">
        <f t="shared" si="960"/>
        <v>0.62725303907513819</v>
      </c>
      <c r="L8674">
        <f t="shared" si="961"/>
        <v>0.31362651953756909</v>
      </c>
      <c r="M8674">
        <f t="shared" si="962"/>
        <v>0</v>
      </c>
      <c r="N8674" s="45">
        <f t="shared" si="963"/>
        <v>45286.999999979045</v>
      </c>
    </row>
    <row r="8675" spans="2:14" x14ac:dyDescent="0.25">
      <c r="B8675">
        <f t="shared" ref="B8675:B8738" si="964">WEEKDAY(N8675,2)</f>
        <v>3</v>
      </c>
      <c r="C8675" s="16">
        <v>8641</v>
      </c>
      <c r="D8675" cm="1">
        <f t="array" ref="D8675">IFERROR(INDEX(Jesper!AH$2:AH$366,ROUNDDOWN($C8675/24,0)+1,1)*INDEX($D$3:$AA$30,INDEX(Jesper!$R$2:$R$366,ROW(INDEX(Jesper!AH$2:AH$366,ROUNDDOWN($C8675/24,0)+1,1))-1)+IF('Standard Profiles'!$G$18=$B$10,7,0)+IF('Standard Profiles'!$G$18=$B$17,14,0)+IF('Standard Profiles'!$G$18=$B$24,21,0),MOD($C8675,24)+1)/SUM(INDEX($D$3:$AA$30,INDEX(Jesper!$R$2:$R$366,ROW(INDEX(Jesper!AH$2:AH$366,ROUNDDOWN($C8675/24,0)+1,1))-1)+IF('Standard Profiles'!$G$18=$B$10,7,0)+IF('Standard Profiles'!$G$18=$B$17,14,0)+IF('Standard Profiles'!$G$18=$B$24,21,0),0)),0)</f>
        <v>5.8804972413294196</v>
      </c>
      <c r="E8675" cm="1">
        <f t="array" ref="E8675">IFERROR(INDEX(Jesper!AI$2:AI$366,ROUNDDOWN($C8675/24,0)+1,1)*INDEX($D$3:$AA$30,INDEX(Jesper!$R$2:$R$366,ROW(INDEX(Jesper!AI$2:AI$366,ROUNDDOWN($C8675/24,0)+1,1))-1)+IF('Standard Profiles'!$G$19=$B$10,7,0)+IF('Standard Profiles'!$G$19=$B$17,14,0)+IF('Standard Profiles'!$G$19=$B$24,21,0),MOD($C8675,24)+1)/SUM(INDEX($D$3:$AA$30,INDEX(Jesper!$R$2:$R$366,ROW(INDEX(Jesper!AI$2:AI$366,ROUNDDOWN($C8675/24,0)+1,1))-1)+IF('Standard Profiles'!$G$19=$B$10,7,0)+IF('Standard Profiles'!$G$19=$B$17,14,0)+IF('Standard Profiles'!$G$19=$B$24,21,0),0)),0)</f>
        <v>5.393652857587953</v>
      </c>
      <c r="F8675" cm="1">
        <f t="array" ref="F8675">IFERROR(INDEX(Jesper!AJ$2:AJ$366,ROUNDDOWN($C8675/24,0)+1,1)*INDEX($D$3:$AA$30,INDEX(Jesper!$R$2:$R$366,ROW(INDEX(Jesper!AJ$2:AJ$366,ROUNDDOWN($C8675/24,0)+1,1))-1)+IF('Standard Profiles'!$G$20=$B$10,7,0)+IF('Standard Profiles'!$G$20=$B$17,14,0)+IF('Standard Profiles'!$G$20=$B$24,21,0),MOD($C8675,24)+1)/SUM(INDEX($D$3:$AA$30,INDEX(Jesper!$R$2:$R$366,ROW(INDEX(Jesper!AJ$2:AJ$366,ROUNDDOWN($C8675/24,0)+1,1))-1)+IF('Standard Profiles'!$G$20=$B$10,7,0)+IF('Standard Profiles'!$G$20=$B$17,14,0)+IF('Standard Profiles'!$G$20=$B$24,21,0),0)),0)</f>
        <v>0</v>
      </c>
      <c r="G8675" cm="1">
        <f t="array" ref="G8675">IFERROR(INDEX(Jesper!AK$2:AK$366,ROUNDDOWN($C8675/24,0)+1,1)*INDEX($D$3:$AA$30,INDEX(Jesper!$R$2:$R$366,ROW(INDEX(Jesper!AK$2:AK$366,ROUNDDOWN($C8675/24,0)+1,1))-1)+IF('Standard Profiles'!$G$21=$B$10,7,0)+IF('Standard Profiles'!$G$21=$B$17,14,0)+IF('Standard Profiles'!$G$21=$B$24,21,0),MOD($C8675,24)+1)/SUM(INDEX($D$3:$AA$30,INDEX(Jesper!$R$2:$R$366,ROW(INDEX(Jesper!AK$2:AK$366,ROUNDDOWN($C8675/24,0)+1,1))-1)+IF('Standard Profiles'!$G$21=$B$10,7,0)+IF('Standard Profiles'!$G$21=$B$17,14,0)+IF('Standard Profiles'!$G$21=$B$24,21,0),0)),0)</f>
        <v>4.2930753144050513</v>
      </c>
      <c r="H8675" cm="1">
        <f t="array" ref="H8675">IFERROR(INDEX(Jesper!AL$2:AL$366,ROUNDDOWN($C8675/24,0)+1,1)*INDEX($D$3:$AA$30,INDEX(Jesper!$R$2:$R$366,ROW(INDEX(Jesper!AL$2:AL$366,ROUNDDOWN($C8675/24,0)+1,1))-1)+IF('Standard Profiles'!$G$22=$B$10,7,0)+IF('Standard Profiles'!$G$22=$B$17,14,0)+IF('Standard Profiles'!$G$22=$B$24,21,0),MOD($C8675,24)+1)/SUM(INDEX($D$3:$AA$30,INDEX(Jesper!$R$2:$R$366,ROW(INDEX(Jesper!AL$2:AL$366,ROUNDDOWN($C8675/24,0)+1,1))-1)+IF('Standard Profiles'!$G$22=$B$10,7,0)+IF('Standard Profiles'!$G$22=$B$17,14,0)+IF('Standard Profiles'!$G$22=$B$24,21,0),0)),0)</f>
        <v>0</v>
      </c>
      <c r="I8675">
        <f t="shared" ref="I8675:I8738" si="965">IF($B8675&lt;6,AC$37*$D8675+AC$38*$E8675+AC$39*$F8675+AC$40*$G8675,AC$46*$D8675+AC$47*$E8675+AC$48*$F8675+AC$49*$G8675+AC$50*$H8675)</f>
        <v>2.0606761509144236</v>
      </c>
      <c r="J8675">
        <f t="shared" ref="J8675:J8738" si="966">IF($B8675&lt;6,AD$37*$D8675+AD$38*$E8675+AD$39*$F8675+AD$40*$G8675,AD$46*$D8675+AD$47*$E8675+AD$48*$F8675+AD$49*$G8675+AD$50*$H8675)</f>
        <v>12.565669703795294</v>
      </c>
      <c r="K8675">
        <f t="shared" ref="K8675:K8738" si="967">IF($B8675&lt;6,AE$37*$D8675+AE$38*$E8675+AE$39*$F8675+AE$40*$G8675,AE$46*$D8675+AE$47*$E8675+AE$48*$F8675+AE$49*$G8675+AE$50*$H8675)</f>
        <v>0.62725303907513819</v>
      </c>
      <c r="L8675">
        <f t="shared" ref="L8675:L8738" si="968">IF($B8675&lt;6,AF$37*$D8675+AF$38*$E8675+AF$39*$F8675+AF$40*$G8675,AF$46*$D8675+AF$47*$E8675+AF$48*$F8675+AF$49*$G8675+AF$50*$H8675)</f>
        <v>0.31362651953756909</v>
      </c>
      <c r="M8675">
        <f t="shared" ref="M8675:M8738" si="969">IF($B8675&lt;6,AG$37*$D8675+AG$38*$E8675+AG$39*$F8675+AG$40*$G8675,AG$46*$D8675+AG$47*$E8675+AG$48*$F8675+AG$49*$G8675+AG$50*$H8675)</f>
        <v>0</v>
      </c>
      <c r="N8675" s="45">
        <f t="shared" si="963"/>
        <v>45287.041666645709</v>
      </c>
    </row>
    <row r="8676" spans="2:14" x14ac:dyDescent="0.25">
      <c r="B8676">
        <f t="shared" si="964"/>
        <v>3</v>
      </c>
      <c r="C8676" s="16">
        <v>8642</v>
      </c>
      <c r="D8676" cm="1">
        <f t="array" ref="D8676">IFERROR(INDEX(Jesper!AH$2:AH$366,ROUNDDOWN($C8676/24,0)+1,1)*INDEX($D$3:$AA$30,INDEX(Jesper!$R$2:$R$366,ROW(INDEX(Jesper!AH$2:AH$366,ROUNDDOWN($C8676/24,0)+1,1))-1)+IF('Standard Profiles'!$G$18=$B$10,7,0)+IF('Standard Profiles'!$G$18=$B$17,14,0)+IF('Standard Profiles'!$G$18=$B$24,21,0),MOD($C8676,24)+1)/SUM(INDEX($D$3:$AA$30,INDEX(Jesper!$R$2:$R$366,ROW(INDEX(Jesper!AH$2:AH$366,ROUNDDOWN($C8676/24,0)+1,1))-1)+IF('Standard Profiles'!$G$18=$B$10,7,0)+IF('Standard Profiles'!$G$18=$B$17,14,0)+IF('Standard Profiles'!$G$18=$B$24,21,0),0)),0)</f>
        <v>5.8804972413294196</v>
      </c>
      <c r="E8676" cm="1">
        <f t="array" ref="E8676">IFERROR(INDEX(Jesper!AI$2:AI$366,ROUNDDOWN($C8676/24,0)+1,1)*INDEX($D$3:$AA$30,INDEX(Jesper!$R$2:$R$366,ROW(INDEX(Jesper!AI$2:AI$366,ROUNDDOWN($C8676/24,0)+1,1))-1)+IF('Standard Profiles'!$G$19=$B$10,7,0)+IF('Standard Profiles'!$G$19=$B$17,14,0)+IF('Standard Profiles'!$G$19=$B$24,21,0),MOD($C8676,24)+1)/SUM(INDEX($D$3:$AA$30,INDEX(Jesper!$R$2:$R$366,ROW(INDEX(Jesper!AI$2:AI$366,ROUNDDOWN($C8676/24,0)+1,1))-1)+IF('Standard Profiles'!$G$19=$B$10,7,0)+IF('Standard Profiles'!$G$19=$B$17,14,0)+IF('Standard Profiles'!$G$19=$B$24,21,0),0)),0)</f>
        <v>5.393652857587953</v>
      </c>
      <c r="F8676" cm="1">
        <f t="array" ref="F8676">IFERROR(INDEX(Jesper!AJ$2:AJ$366,ROUNDDOWN($C8676/24,0)+1,1)*INDEX($D$3:$AA$30,INDEX(Jesper!$R$2:$R$366,ROW(INDEX(Jesper!AJ$2:AJ$366,ROUNDDOWN($C8676/24,0)+1,1))-1)+IF('Standard Profiles'!$G$20=$B$10,7,0)+IF('Standard Profiles'!$G$20=$B$17,14,0)+IF('Standard Profiles'!$G$20=$B$24,21,0),MOD($C8676,24)+1)/SUM(INDEX($D$3:$AA$30,INDEX(Jesper!$R$2:$R$366,ROW(INDEX(Jesper!AJ$2:AJ$366,ROUNDDOWN($C8676/24,0)+1,1))-1)+IF('Standard Profiles'!$G$20=$B$10,7,0)+IF('Standard Profiles'!$G$20=$B$17,14,0)+IF('Standard Profiles'!$G$20=$B$24,21,0),0)),0)</f>
        <v>0</v>
      </c>
      <c r="G8676" cm="1">
        <f t="array" ref="G8676">IFERROR(INDEX(Jesper!AK$2:AK$366,ROUNDDOWN($C8676/24,0)+1,1)*INDEX($D$3:$AA$30,INDEX(Jesper!$R$2:$R$366,ROW(INDEX(Jesper!AK$2:AK$366,ROUNDDOWN($C8676/24,0)+1,1))-1)+IF('Standard Profiles'!$G$21=$B$10,7,0)+IF('Standard Profiles'!$G$21=$B$17,14,0)+IF('Standard Profiles'!$G$21=$B$24,21,0),MOD($C8676,24)+1)/SUM(INDEX($D$3:$AA$30,INDEX(Jesper!$R$2:$R$366,ROW(INDEX(Jesper!AK$2:AK$366,ROUNDDOWN($C8676/24,0)+1,1))-1)+IF('Standard Profiles'!$G$21=$B$10,7,0)+IF('Standard Profiles'!$G$21=$B$17,14,0)+IF('Standard Profiles'!$G$21=$B$24,21,0),0)),0)</f>
        <v>4.2930753144050513</v>
      </c>
      <c r="H8676" cm="1">
        <f t="array" ref="H8676">IFERROR(INDEX(Jesper!AL$2:AL$366,ROUNDDOWN($C8676/24,0)+1,1)*INDEX($D$3:$AA$30,INDEX(Jesper!$R$2:$R$366,ROW(INDEX(Jesper!AL$2:AL$366,ROUNDDOWN($C8676/24,0)+1,1))-1)+IF('Standard Profiles'!$G$22=$B$10,7,0)+IF('Standard Profiles'!$G$22=$B$17,14,0)+IF('Standard Profiles'!$G$22=$B$24,21,0),MOD($C8676,24)+1)/SUM(INDEX($D$3:$AA$30,INDEX(Jesper!$R$2:$R$366,ROW(INDEX(Jesper!AL$2:AL$366,ROUNDDOWN($C8676/24,0)+1,1))-1)+IF('Standard Profiles'!$G$22=$B$10,7,0)+IF('Standard Profiles'!$G$22=$B$17,14,0)+IF('Standard Profiles'!$G$22=$B$24,21,0),0)),0)</f>
        <v>0</v>
      </c>
      <c r="I8676">
        <f t="shared" si="965"/>
        <v>2.0606761509144236</v>
      </c>
      <c r="J8676">
        <f t="shared" si="966"/>
        <v>12.565669703795294</v>
      </c>
      <c r="K8676">
        <f t="shared" si="967"/>
        <v>0.62725303907513819</v>
      </c>
      <c r="L8676">
        <f t="shared" si="968"/>
        <v>0.31362651953756909</v>
      </c>
      <c r="M8676">
        <f t="shared" si="969"/>
        <v>0</v>
      </c>
      <c r="N8676" s="45">
        <f t="shared" ref="N8676:N8739" si="970">N8675+1/24</f>
        <v>45287.083333312374</v>
      </c>
    </row>
    <row r="8677" spans="2:14" x14ac:dyDescent="0.25">
      <c r="B8677">
        <f t="shared" si="964"/>
        <v>3</v>
      </c>
      <c r="C8677" s="16">
        <v>8643</v>
      </c>
      <c r="D8677" cm="1">
        <f t="array" ref="D8677">IFERROR(INDEX(Jesper!AH$2:AH$366,ROUNDDOWN($C8677/24,0)+1,1)*INDEX($D$3:$AA$30,INDEX(Jesper!$R$2:$R$366,ROW(INDEX(Jesper!AH$2:AH$366,ROUNDDOWN($C8677/24,0)+1,1))-1)+IF('Standard Profiles'!$G$18=$B$10,7,0)+IF('Standard Profiles'!$G$18=$B$17,14,0)+IF('Standard Profiles'!$G$18=$B$24,21,0),MOD($C8677,24)+1)/SUM(INDEX($D$3:$AA$30,INDEX(Jesper!$R$2:$R$366,ROW(INDEX(Jesper!AH$2:AH$366,ROUNDDOWN($C8677/24,0)+1,1))-1)+IF('Standard Profiles'!$G$18=$B$10,7,0)+IF('Standard Profiles'!$G$18=$B$17,14,0)+IF('Standard Profiles'!$G$18=$B$24,21,0),0)),0)</f>
        <v>5.8804972413294196</v>
      </c>
      <c r="E8677" cm="1">
        <f t="array" ref="E8677">IFERROR(INDEX(Jesper!AI$2:AI$366,ROUNDDOWN($C8677/24,0)+1,1)*INDEX($D$3:$AA$30,INDEX(Jesper!$R$2:$R$366,ROW(INDEX(Jesper!AI$2:AI$366,ROUNDDOWN($C8677/24,0)+1,1))-1)+IF('Standard Profiles'!$G$19=$B$10,7,0)+IF('Standard Profiles'!$G$19=$B$17,14,0)+IF('Standard Profiles'!$G$19=$B$24,21,0),MOD($C8677,24)+1)/SUM(INDEX($D$3:$AA$30,INDEX(Jesper!$R$2:$R$366,ROW(INDEX(Jesper!AI$2:AI$366,ROUNDDOWN($C8677/24,0)+1,1))-1)+IF('Standard Profiles'!$G$19=$B$10,7,0)+IF('Standard Profiles'!$G$19=$B$17,14,0)+IF('Standard Profiles'!$G$19=$B$24,21,0),0)),0)</f>
        <v>5.393652857587953</v>
      </c>
      <c r="F8677" cm="1">
        <f t="array" ref="F8677">IFERROR(INDEX(Jesper!AJ$2:AJ$366,ROUNDDOWN($C8677/24,0)+1,1)*INDEX($D$3:$AA$30,INDEX(Jesper!$R$2:$R$366,ROW(INDEX(Jesper!AJ$2:AJ$366,ROUNDDOWN($C8677/24,0)+1,1))-1)+IF('Standard Profiles'!$G$20=$B$10,7,0)+IF('Standard Profiles'!$G$20=$B$17,14,0)+IF('Standard Profiles'!$G$20=$B$24,21,0),MOD($C8677,24)+1)/SUM(INDEX($D$3:$AA$30,INDEX(Jesper!$R$2:$R$366,ROW(INDEX(Jesper!AJ$2:AJ$366,ROUNDDOWN($C8677/24,0)+1,1))-1)+IF('Standard Profiles'!$G$20=$B$10,7,0)+IF('Standard Profiles'!$G$20=$B$17,14,0)+IF('Standard Profiles'!$G$20=$B$24,21,0),0)),0)</f>
        <v>0</v>
      </c>
      <c r="G8677" cm="1">
        <f t="array" ref="G8677">IFERROR(INDEX(Jesper!AK$2:AK$366,ROUNDDOWN($C8677/24,0)+1,1)*INDEX($D$3:$AA$30,INDEX(Jesper!$R$2:$R$366,ROW(INDEX(Jesper!AK$2:AK$366,ROUNDDOWN($C8677/24,0)+1,1))-1)+IF('Standard Profiles'!$G$21=$B$10,7,0)+IF('Standard Profiles'!$G$21=$B$17,14,0)+IF('Standard Profiles'!$G$21=$B$24,21,0),MOD($C8677,24)+1)/SUM(INDEX($D$3:$AA$30,INDEX(Jesper!$R$2:$R$366,ROW(INDEX(Jesper!AK$2:AK$366,ROUNDDOWN($C8677/24,0)+1,1))-1)+IF('Standard Profiles'!$G$21=$B$10,7,0)+IF('Standard Profiles'!$G$21=$B$17,14,0)+IF('Standard Profiles'!$G$21=$B$24,21,0),0)),0)</f>
        <v>4.2930753144050513</v>
      </c>
      <c r="H8677" cm="1">
        <f t="array" ref="H8677">IFERROR(INDEX(Jesper!AL$2:AL$366,ROUNDDOWN($C8677/24,0)+1,1)*INDEX($D$3:$AA$30,INDEX(Jesper!$R$2:$R$366,ROW(INDEX(Jesper!AL$2:AL$366,ROUNDDOWN($C8677/24,0)+1,1))-1)+IF('Standard Profiles'!$G$22=$B$10,7,0)+IF('Standard Profiles'!$G$22=$B$17,14,0)+IF('Standard Profiles'!$G$22=$B$24,21,0),MOD($C8677,24)+1)/SUM(INDEX($D$3:$AA$30,INDEX(Jesper!$R$2:$R$366,ROW(INDEX(Jesper!AL$2:AL$366,ROUNDDOWN($C8677/24,0)+1,1))-1)+IF('Standard Profiles'!$G$22=$B$10,7,0)+IF('Standard Profiles'!$G$22=$B$17,14,0)+IF('Standard Profiles'!$G$22=$B$24,21,0),0)),0)</f>
        <v>0</v>
      </c>
      <c r="I8677">
        <f t="shared" si="965"/>
        <v>2.0606761509144236</v>
      </c>
      <c r="J8677">
        <f t="shared" si="966"/>
        <v>12.565669703795294</v>
      </c>
      <c r="K8677">
        <f t="shared" si="967"/>
        <v>0.62725303907513819</v>
      </c>
      <c r="L8677">
        <f t="shared" si="968"/>
        <v>0.31362651953756909</v>
      </c>
      <c r="M8677">
        <f t="shared" si="969"/>
        <v>0</v>
      </c>
      <c r="N8677" s="45">
        <f t="shared" si="970"/>
        <v>45287.124999979038</v>
      </c>
    </row>
    <row r="8678" spans="2:14" x14ac:dyDescent="0.25">
      <c r="B8678">
        <f t="shared" si="964"/>
        <v>3</v>
      </c>
      <c r="C8678" s="16">
        <v>8644</v>
      </c>
      <c r="D8678" cm="1">
        <f t="array" ref="D8678">IFERROR(INDEX(Jesper!AH$2:AH$366,ROUNDDOWN($C8678/24,0)+1,1)*INDEX($D$3:$AA$30,INDEX(Jesper!$R$2:$R$366,ROW(INDEX(Jesper!AH$2:AH$366,ROUNDDOWN($C8678/24,0)+1,1))-1)+IF('Standard Profiles'!$G$18=$B$10,7,0)+IF('Standard Profiles'!$G$18=$B$17,14,0)+IF('Standard Profiles'!$G$18=$B$24,21,0),MOD($C8678,24)+1)/SUM(INDEX($D$3:$AA$30,INDEX(Jesper!$R$2:$R$366,ROW(INDEX(Jesper!AH$2:AH$366,ROUNDDOWN($C8678/24,0)+1,1))-1)+IF('Standard Profiles'!$G$18=$B$10,7,0)+IF('Standard Profiles'!$G$18=$B$17,14,0)+IF('Standard Profiles'!$G$18=$B$24,21,0),0)),0)</f>
        <v>5.8804972413294196</v>
      </c>
      <c r="E8678" cm="1">
        <f t="array" ref="E8678">IFERROR(INDEX(Jesper!AI$2:AI$366,ROUNDDOWN($C8678/24,0)+1,1)*INDEX($D$3:$AA$30,INDEX(Jesper!$R$2:$R$366,ROW(INDEX(Jesper!AI$2:AI$366,ROUNDDOWN($C8678/24,0)+1,1))-1)+IF('Standard Profiles'!$G$19=$B$10,7,0)+IF('Standard Profiles'!$G$19=$B$17,14,0)+IF('Standard Profiles'!$G$19=$B$24,21,0),MOD($C8678,24)+1)/SUM(INDEX($D$3:$AA$30,INDEX(Jesper!$R$2:$R$366,ROW(INDEX(Jesper!AI$2:AI$366,ROUNDDOWN($C8678/24,0)+1,1))-1)+IF('Standard Profiles'!$G$19=$B$10,7,0)+IF('Standard Profiles'!$G$19=$B$17,14,0)+IF('Standard Profiles'!$G$19=$B$24,21,0),0)),0)</f>
        <v>5.393652857587953</v>
      </c>
      <c r="F8678" cm="1">
        <f t="array" ref="F8678">IFERROR(INDEX(Jesper!AJ$2:AJ$366,ROUNDDOWN($C8678/24,0)+1,1)*INDEX($D$3:$AA$30,INDEX(Jesper!$R$2:$R$366,ROW(INDEX(Jesper!AJ$2:AJ$366,ROUNDDOWN($C8678/24,0)+1,1))-1)+IF('Standard Profiles'!$G$20=$B$10,7,0)+IF('Standard Profiles'!$G$20=$B$17,14,0)+IF('Standard Profiles'!$G$20=$B$24,21,0),MOD($C8678,24)+1)/SUM(INDEX($D$3:$AA$30,INDEX(Jesper!$R$2:$R$366,ROW(INDEX(Jesper!AJ$2:AJ$366,ROUNDDOWN($C8678/24,0)+1,1))-1)+IF('Standard Profiles'!$G$20=$B$10,7,0)+IF('Standard Profiles'!$G$20=$B$17,14,0)+IF('Standard Profiles'!$G$20=$B$24,21,0),0)),0)</f>
        <v>0</v>
      </c>
      <c r="G8678" cm="1">
        <f t="array" ref="G8678">IFERROR(INDEX(Jesper!AK$2:AK$366,ROUNDDOWN($C8678/24,0)+1,1)*INDEX($D$3:$AA$30,INDEX(Jesper!$R$2:$R$366,ROW(INDEX(Jesper!AK$2:AK$366,ROUNDDOWN($C8678/24,0)+1,1))-1)+IF('Standard Profiles'!$G$21=$B$10,7,0)+IF('Standard Profiles'!$G$21=$B$17,14,0)+IF('Standard Profiles'!$G$21=$B$24,21,0),MOD($C8678,24)+1)/SUM(INDEX($D$3:$AA$30,INDEX(Jesper!$R$2:$R$366,ROW(INDEX(Jesper!AK$2:AK$366,ROUNDDOWN($C8678/24,0)+1,1))-1)+IF('Standard Profiles'!$G$21=$B$10,7,0)+IF('Standard Profiles'!$G$21=$B$17,14,0)+IF('Standard Profiles'!$G$21=$B$24,21,0),0)),0)</f>
        <v>4.2930753144050513</v>
      </c>
      <c r="H8678" cm="1">
        <f t="array" ref="H8678">IFERROR(INDEX(Jesper!AL$2:AL$366,ROUNDDOWN($C8678/24,0)+1,1)*INDEX($D$3:$AA$30,INDEX(Jesper!$R$2:$R$366,ROW(INDEX(Jesper!AL$2:AL$366,ROUNDDOWN($C8678/24,0)+1,1))-1)+IF('Standard Profiles'!$G$22=$B$10,7,0)+IF('Standard Profiles'!$G$22=$B$17,14,0)+IF('Standard Profiles'!$G$22=$B$24,21,0),MOD($C8678,24)+1)/SUM(INDEX($D$3:$AA$30,INDEX(Jesper!$R$2:$R$366,ROW(INDEX(Jesper!AL$2:AL$366,ROUNDDOWN($C8678/24,0)+1,1))-1)+IF('Standard Profiles'!$G$22=$B$10,7,0)+IF('Standard Profiles'!$G$22=$B$17,14,0)+IF('Standard Profiles'!$G$22=$B$24,21,0),0)),0)</f>
        <v>0</v>
      </c>
      <c r="I8678">
        <f t="shared" si="965"/>
        <v>2.0606761509144236</v>
      </c>
      <c r="J8678">
        <f t="shared" si="966"/>
        <v>12.565669703795294</v>
      </c>
      <c r="K8678">
        <f t="shared" si="967"/>
        <v>0.62725303907513819</v>
      </c>
      <c r="L8678">
        <f t="shared" si="968"/>
        <v>0.31362651953756909</v>
      </c>
      <c r="M8678">
        <f t="shared" si="969"/>
        <v>0</v>
      </c>
      <c r="N8678" s="45">
        <f t="shared" si="970"/>
        <v>45287.166666645702</v>
      </c>
    </row>
    <row r="8679" spans="2:14" x14ac:dyDescent="0.25">
      <c r="B8679">
        <f t="shared" si="964"/>
        <v>3</v>
      </c>
      <c r="C8679" s="16">
        <v>8645</v>
      </c>
      <c r="D8679" cm="1">
        <f t="array" ref="D8679">IFERROR(INDEX(Jesper!AH$2:AH$366,ROUNDDOWN($C8679/24,0)+1,1)*INDEX($D$3:$AA$30,INDEX(Jesper!$R$2:$R$366,ROW(INDEX(Jesper!AH$2:AH$366,ROUNDDOWN($C8679/24,0)+1,1))-1)+IF('Standard Profiles'!$G$18=$B$10,7,0)+IF('Standard Profiles'!$G$18=$B$17,14,0)+IF('Standard Profiles'!$G$18=$B$24,21,0),MOD($C8679,24)+1)/SUM(INDEX($D$3:$AA$30,INDEX(Jesper!$R$2:$R$366,ROW(INDEX(Jesper!AH$2:AH$366,ROUNDDOWN($C8679/24,0)+1,1))-1)+IF('Standard Profiles'!$G$18=$B$10,7,0)+IF('Standard Profiles'!$G$18=$B$17,14,0)+IF('Standard Profiles'!$G$18=$B$24,21,0),0)),0)</f>
        <v>5.8804972413294196</v>
      </c>
      <c r="E8679" cm="1">
        <f t="array" ref="E8679">IFERROR(INDEX(Jesper!AI$2:AI$366,ROUNDDOWN($C8679/24,0)+1,1)*INDEX($D$3:$AA$30,INDEX(Jesper!$R$2:$R$366,ROW(INDEX(Jesper!AI$2:AI$366,ROUNDDOWN($C8679/24,0)+1,1))-1)+IF('Standard Profiles'!$G$19=$B$10,7,0)+IF('Standard Profiles'!$G$19=$B$17,14,0)+IF('Standard Profiles'!$G$19=$B$24,21,0),MOD($C8679,24)+1)/SUM(INDEX($D$3:$AA$30,INDEX(Jesper!$R$2:$R$366,ROW(INDEX(Jesper!AI$2:AI$366,ROUNDDOWN($C8679/24,0)+1,1))-1)+IF('Standard Profiles'!$G$19=$B$10,7,0)+IF('Standard Profiles'!$G$19=$B$17,14,0)+IF('Standard Profiles'!$G$19=$B$24,21,0),0)),0)</f>
        <v>5.393652857587953</v>
      </c>
      <c r="F8679" cm="1">
        <f t="array" ref="F8679">IFERROR(INDEX(Jesper!AJ$2:AJ$366,ROUNDDOWN($C8679/24,0)+1,1)*INDEX($D$3:$AA$30,INDEX(Jesper!$R$2:$R$366,ROW(INDEX(Jesper!AJ$2:AJ$366,ROUNDDOWN($C8679/24,0)+1,1))-1)+IF('Standard Profiles'!$G$20=$B$10,7,0)+IF('Standard Profiles'!$G$20=$B$17,14,0)+IF('Standard Profiles'!$G$20=$B$24,21,0),MOD($C8679,24)+1)/SUM(INDEX($D$3:$AA$30,INDEX(Jesper!$R$2:$R$366,ROW(INDEX(Jesper!AJ$2:AJ$366,ROUNDDOWN($C8679/24,0)+1,1))-1)+IF('Standard Profiles'!$G$20=$B$10,7,0)+IF('Standard Profiles'!$G$20=$B$17,14,0)+IF('Standard Profiles'!$G$20=$B$24,21,0),0)),0)</f>
        <v>0</v>
      </c>
      <c r="G8679" cm="1">
        <f t="array" ref="G8679">IFERROR(INDEX(Jesper!AK$2:AK$366,ROUNDDOWN($C8679/24,0)+1,1)*INDEX($D$3:$AA$30,INDEX(Jesper!$R$2:$R$366,ROW(INDEX(Jesper!AK$2:AK$366,ROUNDDOWN($C8679/24,0)+1,1))-1)+IF('Standard Profiles'!$G$21=$B$10,7,0)+IF('Standard Profiles'!$G$21=$B$17,14,0)+IF('Standard Profiles'!$G$21=$B$24,21,0),MOD($C8679,24)+1)/SUM(INDEX($D$3:$AA$30,INDEX(Jesper!$R$2:$R$366,ROW(INDEX(Jesper!AK$2:AK$366,ROUNDDOWN($C8679/24,0)+1,1))-1)+IF('Standard Profiles'!$G$21=$B$10,7,0)+IF('Standard Profiles'!$G$21=$B$17,14,0)+IF('Standard Profiles'!$G$21=$B$24,21,0),0)),0)</f>
        <v>4.2930753144050513</v>
      </c>
      <c r="H8679" cm="1">
        <f t="array" ref="H8679">IFERROR(INDEX(Jesper!AL$2:AL$366,ROUNDDOWN($C8679/24,0)+1,1)*INDEX($D$3:$AA$30,INDEX(Jesper!$R$2:$R$366,ROW(INDEX(Jesper!AL$2:AL$366,ROUNDDOWN($C8679/24,0)+1,1))-1)+IF('Standard Profiles'!$G$22=$B$10,7,0)+IF('Standard Profiles'!$G$22=$B$17,14,0)+IF('Standard Profiles'!$G$22=$B$24,21,0),MOD($C8679,24)+1)/SUM(INDEX($D$3:$AA$30,INDEX(Jesper!$R$2:$R$366,ROW(INDEX(Jesper!AL$2:AL$366,ROUNDDOWN($C8679/24,0)+1,1))-1)+IF('Standard Profiles'!$G$22=$B$10,7,0)+IF('Standard Profiles'!$G$22=$B$17,14,0)+IF('Standard Profiles'!$G$22=$B$24,21,0),0)),0)</f>
        <v>0</v>
      </c>
      <c r="I8679">
        <f t="shared" si="965"/>
        <v>2.0606761509144236</v>
      </c>
      <c r="J8679">
        <f t="shared" si="966"/>
        <v>12.565669703795294</v>
      </c>
      <c r="K8679">
        <f t="shared" si="967"/>
        <v>0.62725303907513819</v>
      </c>
      <c r="L8679">
        <f t="shared" si="968"/>
        <v>0.31362651953756909</v>
      </c>
      <c r="M8679">
        <f t="shared" si="969"/>
        <v>0</v>
      </c>
      <c r="N8679" s="45">
        <f t="shared" si="970"/>
        <v>45287.208333312366</v>
      </c>
    </row>
    <row r="8680" spans="2:14" x14ac:dyDescent="0.25">
      <c r="B8680">
        <f t="shared" si="964"/>
        <v>3</v>
      </c>
      <c r="C8680" s="16">
        <v>8646</v>
      </c>
      <c r="D8680" cm="1">
        <f t="array" ref="D8680">IFERROR(INDEX(Jesper!AH$2:AH$366,ROUNDDOWN($C8680/24,0)+1,1)*INDEX($D$3:$AA$30,INDEX(Jesper!$R$2:$R$366,ROW(INDEX(Jesper!AH$2:AH$366,ROUNDDOWN($C8680/24,0)+1,1))-1)+IF('Standard Profiles'!$G$18=$B$10,7,0)+IF('Standard Profiles'!$G$18=$B$17,14,0)+IF('Standard Profiles'!$G$18=$B$24,21,0),MOD($C8680,24)+1)/SUM(INDEX($D$3:$AA$30,INDEX(Jesper!$R$2:$R$366,ROW(INDEX(Jesper!AH$2:AH$366,ROUNDDOWN($C8680/24,0)+1,1))-1)+IF('Standard Profiles'!$G$18=$B$10,7,0)+IF('Standard Profiles'!$G$18=$B$17,14,0)+IF('Standard Profiles'!$G$18=$B$24,21,0),0)),0)</f>
        <v>5.8804972413294196</v>
      </c>
      <c r="E8680" cm="1">
        <f t="array" ref="E8680">IFERROR(INDEX(Jesper!AI$2:AI$366,ROUNDDOWN($C8680/24,0)+1,1)*INDEX($D$3:$AA$30,INDEX(Jesper!$R$2:$R$366,ROW(INDEX(Jesper!AI$2:AI$366,ROUNDDOWN($C8680/24,0)+1,1))-1)+IF('Standard Profiles'!$G$19=$B$10,7,0)+IF('Standard Profiles'!$G$19=$B$17,14,0)+IF('Standard Profiles'!$G$19=$B$24,21,0),MOD($C8680,24)+1)/SUM(INDEX($D$3:$AA$30,INDEX(Jesper!$R$2:$R$366,ROW(INDEX(Jesper!AI$2:AI$366,ROUNDDOWN($C8680/24,0)+1,1))-1)+IF('Standard Profiles'!$G$19=$B$10,7,0)+IF('Standard Profiles'!$G$19=$B$17,14,0)+IF('Standard Profiles'!$G$19=$B$24,21,0),0)),0)</f>
        <v>5.393652857587953</v>
      </c>
      <c r="F8680" cm="1">
        <f t="array" ref="F8680">IFERROR(INDEX(Jesper!AJ$2:AJ$366,ROUNDDOWN($C8680/24,0)+1,1)*INDEX($D$3:$AA$30,INDEX(Jesper!$R$2:$R$366,ROW(INDEX(Jesper!AJ$2:AJ$366,ROUNDDOWN($C8680/24,0)+1,1))-1)+IF('Standard Profiles'!$G$20=$B$10,7,0)+IF('Standard Profiles'!$G$20=$B$17,14,0)+IF('Standard Profiles'!$G$20=$B$24,21,0),MOD($C8680,24)+1)/SUM(INDEX($D$3:$AA$30,INDEX(Jesper!$R$2:$R$366,ROW(INDEX(Jesper!AJ$2:AJ$366,ROUNDDOWN($C8680/24,0)+1,1))-1)+IF('Standard Profiles'!$G$20=$B$10,7,0)+IF('Standard Profiles'!$G$20=$B$17,14,0)+IF('Standard Profiles'!$G$20=$B$24,21,0),0)),0)</f>
        <v>0</v>
      </c>
      <c r="G8680" cm="1">
        <f t="array" ref="G8680">IFERROR(INDEX(Jesper!AK$2:AK$366,ROUNDDOWN($C8680/24,0)+1,1)*INDEX($D$3:$AA$30,INDEX(Jesper!$R$2:$R$366,ROW(INDEX(Jesper!AK$2:AK$366,ROUNDDOWN($C8680/24,0)+1,1))-1)+IF('Standard Profiles'!$G$21=$B$10,7,0)+IF('Standard Profiles'!$G$21=$B$17,14,0)+IF('Standard Profiles'!$G$21=$B$24,21,0),MOD($C8680,24)+1)/SUM(INDEX($D$3:$AA$30,INDEX(Jesper!$R$2:$R$366,ROW(INDEX(Jesper!AK$2:AK$366,ROUNDDOWN($C8680/24,0)+1,1))-1)+IF('Standard Profiles'!$G$21=$B$10,7,0)+IF('Standard Profiles'!$G$21=$B$17,14,0)+IF('Standard Profiles'!$G$21=$B$24,21,0),0)),0)</f>
        <v>4.2930753144050513</v>
      </c>
      <c r="H8680" cm="1">
        <f t="array" ref="H8680">IFERROR(INDEX(Jesper!AL$2:AL$366,ROUNDDOWN($C8680/24,0)+1,1)*INDEX($D$3:$AA$30,INDEX(Jesper!$R$2:$R$366,ROW(INDEX(Jesper!AL$2:AL$366,ROUNDDOWN($C8680/24,0)+1,1))-1)+IF('Standard Profiles'!$G$22=$B$10,7,0)+IF('Standard Profiles'!$G$22=$B$17,14,0)+IF('Standard Profiles'!$G$22=$B$24,21,0),MOD($C8680,24)+1)/SUM(INDEX($D$3:$AA$30,INDEX(Jesper!$R$2:$R$366,ROW(INDEX(Jesper!AL$2:AL$366,ROUNDDOWN($C8680/24,0)+1,1))-1)+IF('Standard Profiles'!$G$22=$B$10,7,0)+IF('Standard Profiles'!$G$22=$B$17,14,0)+IF('Standard Profiles'!$G$22=$B$24,21,0),0)),0)</f>
        <v>0</v>
      </c>
      <c r="I8680">
        <f t="shared" si="965"/>
        <v>2.0606761509144236</v>
      </c>
      <c r="J8680">
        <f t="shared" si="966"/>
        <v>12.565669703795294</v>
      </c>
      <c r="K8680">
        <f t="shared" si="967"/>
        <v>0.62725303907513819</v>
      </c>
      <c r="L8680">
        <f t="shared" si="968"/>
        <v>0.31362651953756909</v>
      </c>
      <c r="M8680">
        <f t="shared" si="969"/>
        <v>0</v>
      </c>
      <c r="N8680" s="45">
        <f t="shared" si="970"/>
        <v>45287.249999979031</v>
      </c>
    </row>
    <row r="8681" spans="2:14" x14ac:dyDescent="0.25">
      <c r="B8681">
        <f t="shared" si="964"/>
        <v>3</v>
      </c>
      <c r="C8681" s="16">
        <v>8647</v>
      </c>
      <c r="D8681" cm="1">
        <f t="array" ref="D8681">IFERROR(INDEX(Jesper!AH$2:AH$366,ROUNDDOWN($C8681/24,0)+1,1)*INDEX($D$3:$AA$30,INDEX(Jesper!$R$2:$R$366,ROW(INDEX(Jesper!AH$2:AH$366,ROUNDDOWN($C8681/24,0)+1,1))-1)+IF('Standard Profiles'!$G$18=$B$10,7,0)+IF('Standard Profiles'!$G$18=$B$17,14,0)+IF('Standard Profiles'!$G$18=$B$24,21,0),MOD($C8681,24)+1)/SUM(INDEX($D$3:$AA$30,INDEX(Jesper!$R$2:$R$366,ROW(INDEX(Jesper!AH$2:AH$366,ROUNDDOWN($C8681/24,0)+1,1))-1)+IF('Standard Profiles'!$G$18=$B$10,7,0)+IF('Standard Profiles'!$G$18=$B$17,14,0)+IF('Standard Profiles'!$G$18=$B$24,21,0),0)),0)</f>
        <v>24.038759935010265</v>
      </c>
      <c r="E8681" cm="1">
        <f t="array" ref="E8681">IFERROR(INDEX(Jesper!AI$2:AI$366,ROUNDDOWN($C8681/24,0)+1,1)*INDEX($D$3:$AA$30,INDEX(Jesper!$R$2:$R$366,ROW(INDEX(Jesper!AI$2:AI$366,ROUNDDOWN($C8681/24,0)+1,1))-1)+IF('Standard Profiles'!$G$19=$B$10,7,0)+IF('Standard Profiles'!$G$19=$B$17,14,0)+IF('Standard Profiles'!$G$19=$B$24,21,0),MOD($C8681,24)+1)/SUM(INDEX($D$3:$AA$30,INDEX(Jesper!$R$2:$R$366,ROW(INDEX(Jesper!AI$2:AI$366,ROUNDDOWN($C8681/24,0)+1,1))-1)+IF('Standard Profiles'!$G$19=$B$10,7,0)+IF('Standard Profiles'!$G$19=$B$17,14,0)+IF('Standard Profiles'!$G$19=$B$24,21,0),0)),0)</f>
        <v>22.048599105715596</v>
      </c>
      <c r="F8681" cm="1">
        <f t="array" ref="F8681">IFERROR(INDEX(Jesper!AJ$2:AJ$366,ROUNDDOWN($C8681/24,0)+1,1)*INDEX($D$3:$AA$30,INDEX(Jesper!$R$2:$R$366,ROW(INDEX(Jesper!AJ$2:AJ$366,ROUNDDOWN($C8681/24,0)+1,1))-1)+IF('Standard Profiles'!$G$20=$B$10,7,0)+IF('Standard Profiles'!$G$20=$B$17,14,0)+IF('Standard Profiles'!$G$20=$B$24,21,0),MOD($C8681,24)+1)/SUM(INDEX($D$3:$AA$30,INDEX(Jesper!$R$2:$R$366,ROW(INDEX(Jesper!AJ$2:AJ$366,ROUNDDOWN($C8681/24,0)+1,1))-1)+IF('Standard Profiles'!$G$20=$B$10,7,0)+IF('Standard Profiles'!$G$20=$B$17,14,0)+IF('Standard Profiles'!$G$20=$B$24,21,0),0)),0)</f>
        <v>0</v>
      </c>
      <c r="G8681" cm="1">
        <f t="array" ref="G8681">IFERROR(INDEX(Jesper!AK$2:AK$366,ROUNDDOWN($C8681/24,0)+1,1)*INDEX($D$3:$AA$30,INDEX(Jesper!$R$2:$R$366,ROW(INDEX(Jesper!AK$2:AK$366,ROUNDDOWN($C8681/24,0)+1,1))-1)+IF('Standard Profiles'!$G$21=$B$10,7,0)+IF('Standard Profiles'!$G$21=$B$17,14,0)+IF('Standard Profiles'!$G$21=$B$24,21,0),MOD($C8681,24)+1)/SUM(INDEX($D$3:$AA$30,INDEX(Jesper!$R$2:$R$366,ROW(INDEX(Jesper!AK$2:AK$366,ROUNDDOWN($C8681/24,0)+1,1))-1)+IF('Standard Profiles'!$G$21=$B$10,7,0)+IF('Standard Profiles'!$G$21=$B$17,14,0)+IF('Standard Profiles'!$G$21=$B$24,21,0),0)),0)</f>
        <v>11.827422491185915</v>
      </c>
      <c r="H8681" cm="1">
        <f t="array" ref="H8681">IFERROR(INDEX(Jesper!AL$2:AL$366,ROUNDDOWN($C8681/24,0)+1,1)*INDEX($D$3:$AA$30,INDEX(Jesper!$R$2:$R$366,ROW(INDEX(Jesper!AL$2:AL$366,ROUNDDOWN($C8681/24,0)+1,1))-1)+IF('Standard Profiles'!$G$22=$B$10,7,0)+IF('Standard Profiles'!$G$22=$B$17,14,0)+IF('Standard Profiles'!$G$22=$B$24,21,0),MOD($C8681,24)+1)/SUM(INDEX($D$3:$AA$30,INDEX(Jesper!$R$2:$R$366,ROW(INDEX(Jesper!AL$2:AL$366,ROUNDDOWN($C8681/24,0)+1,1))-1)+IF('Standard Profiles'!$G$22=$B$10,7,0)+IF('Standard Profiles'!$G$22=$B$17,14,0)+IF('Standard Profiles'!$G$22=$B$24,21,0),0)),0)</f>
        <v>0</v>
      </c>
      <c r="I8681">
        <f t="shared" si="965"/>
        <v>5.6771627957692363</v>
      </c>
      <c r="J8681">
        <f t="shared" si="966"/>
        <v>48.391417146540896</v>
      </c>
      <c r="K8681">
        <f t="shared" si="967"/>
        <v>2.564134393067762</v>
      </c>
      <c r="L8681">
        <f t="shared" si="968"/>
        <v>1.282067196533881</v>
      </c>
      <c r="M8681">
        <f t="shared" si="969"/>
        <v>0</v>
      </c>
      <c r="N8681" s="45">
        <f t="shared" si="970"/>
        <v>45287.291666645695</v>
      </c>
    </row>
    <row r="8682" spans="2:14" x14ac:dyDescent="0.25">
      <c r="B8682">
        <f t="shared" si="964"/>
        <v>3</v>
      </c>
      <c r="C8682" s="16">
        <v>8648</v>
      </c>
      <c r="D8682" cm="1">
        <f t="array" ref="D8682">IFERROR(INDEX(Jesper!AH$2:AH$366,ROUNDDOWN($C8682/24,0)+1,1)*INDEX($D$3:$AA$30,INDEX(Jesper!$R$2:$R$366,ROW(INDEX(Jesper!AH$2:AH$366,ROUNDDOWN($C8682/24,0)+1,1))-1)+IF('Standard Profiles'!$G$18=$B$10,7,0)+IF('Standard Profiles'!$G$18=$B$17,14,0)+IF('Standard Profiles'!$G$18=$B$24,21,0),MOD($C8682,24)+1)/SUM(INDEX($D$3:$AA$30,INDEX(Jesper!$R$2:$R$366,ROW(INDEX(Jesper!AH$2:AH$366,ROUNDDOWN($C8682/24,0)+1,1))-1)+IF('Standard Profiles'!$G$18=$B$10,7,0)+IF('Standard Profiles'!$G$18=$B$17,14,0)+IF('Standard Profiles'!$G$18=$B$24,21,0),0)),0)</f>
        <v>26.822195295906191</v>
      </c>
      <c r="E8682" cm="1">
        <f t="array" ref="E8682">IFERROR(INDEX(Jesper!AI$2:AI$366,ROUNDDOWN($C8682/24,0)+1,1)*INDEX($D$3:$AA$30,INDEX(Jesper!$R$2:$R$366,ROW(INDEX(Jesper!AI$2:AI$366,ROUNDDOWN($C8682/24,0)+1,1))-1)+IF('Standard Profiles'!$G$19=$B$10,7,0)+IF('Standard Profiles'!$G$19=$B$17,14,0)+IF('Standard Profiles'!$G$19=$B$24,21,0),MOD($C8682,24)+1)/SUM(INDEX($D$3:$AA$30,INDEX(Jesper!$R$2:$R$366,ROW(INDEX(Jesper!AI$2:AI$366,ROUNDDOWN($C8682/24,0)+1,1))-1)+IF('Standard Profiles'!$G$19=$B$10,7,0)+IF('Standard Profiles'!$G$19=$B$17,14,0)+IF('Standard Profiles'!$G$19=$B$24,21,0),0)),0)</f>
        <v>24.601594791640565</v>
      </c>
      <c r="F8682" cm="1">
        <f t="array" ref="F8682">IFERROR(INDEX(Jesper!AJ$2:AJ$366,ROUNDDOWN($C8682/24,0)+1,1)*INDEX($D$3:$AA$30,INDEX(Jesper!$R$2:$R$366,ROW(INDEX(Jesper!AJ$2:AJ$366,ROUNDDOWN($C8682/24,0)+1,1))-1)+IF('Standard Profiles'!$G$20=$B$10,7,0)+IF('Standard Profiles'!$G$20=$B$17,14,0)+IF('Standard Profiles'!$G$20=$B$24,21,0),MOD($C8682,24)+1)/SUM(INDEX($D$3:$AA$30,INDEX(Jesper!$R$2:$R$366,ROW(INDEX(Jesper!AJ$2:AJ$366,ROUNDDOWN($C8682/24,0)+1,1))-1)+IF('Standard Profiles'!$G$20=$B$10,7,0)+IF('Standard Profiles'!$G$20=$B$17,14,0)+IF('Standard Profiles'!$G$20=$B$24,21,0),0)),0)</f>
        <v>0</v>
      </c>
      <c r="G8682" cm="1">
        <f t="array" ref="G8682">IFERROR(INDEX(Jesper!AK$2:AK$366,ROUNDDOWN($C8682/24,0)+1,1)*INDEX($D$3:$AA$30,INDEX(Jesper!$R$2:$R$366,ROW(INDEX(Jesper!AK$2:AK$366,ROUNDDOWN($C8682/24,0)+1,1))-1)+IF('Standard Profiles'!$G$21=$B$10,7,0)+IF('Standard Profiles'!$G$21=$B$17,14,0)+IF('Standard Profiles'!$G$21=$B$24,21,0),MOD($C8682,24)+1)/SUM(INDEX($D$3:$AA$30,INDEX(Jesper!$R$2:$R$366,ROW(INDEX(Jesper!AK$2:AK$366,ROUNDDOWN($C8682/24,0)+1,1))-1)+IF('Standard Profiles'!$G$21=$B$10,7,0)+IF('Standard Profiles'!$G$21=$B$17,14,0)+IF('Standard Profiles'!$G$21=$B$24,21,0),0)),0)</f>
        <v>13.196913516481128</v>
      </c>
      <c r="H8682" cm="1">
        <f t="array" ref="H8682">IFERROR(INDEX(Jesper!AL$2:AL$366,ROUNDDOWN($C8682/24,0)+1,1)*INDEX($D$3:$AA$30,INDEX(Jesper!$R$2:$R$366,ROW(INDEX(Jesper!AL$2:AL$366,ROUNDDOWN($C8682/24,0)+1,1))-1)+IF('Standard Profiles'!$G$22=$B$10,7,0)+IF('Standard Profiles'!$G$22=$B$17,14,0)+IF('Standard Profiles'!$G$22=$B$24,21,0),MOD($C8682,24)+1)/SUM(INDEX($D$3:$AA$30,INDEX(Jesper!$R$2:$R$366,ROW(INDEX(Jesper!AL$2:AL$366,ROUNDDOWN($C8682/24,0)+1,1))-1)+IF('Standard Profiles'!$G$22=$B$10,7,0)+IF('Standard Profiles'!$G$22=$B$17,14,0)+IF('Standard Profiles'!$G$22=$B$24,21,0),0)),0)</f>
        <v>0</v>
      </c>
      <c r="I8682">
        <f t="shared" si="965"/>
        <v>6.3345184879109384</v>
      </c>
      <c r="J8682">
        <f t="shared" si="966"/>
        <v>53.994633868771956</v>
      </c>
      <c r="K8682">
        <f t="shared" si="967"/>
        <v>2.8610341648966604</v>
      </c>
      <c r="L8682">
        <f t="shared" si="968"/>
        <v>1.4305170824483302</v>
      </c>
      <c r="M8682">
        <f t="shared" si="969"/>
        <v>0</v>
      </c>
      <c r="N8682" s="45">
        <f t="shared" si="970"/>
        <v>45287.333333312359</v>
      </c>
    </row>
    <row r="8683" spans="2:14" x14ac:dyDescent="0.25">
      <c r="B8683">
        <f t="shared" si="964"/>
        <v>3</v>
      </c>
      <c r="C8683" s="16">
        <v>8649</v>
      </c>
      <c r="D8683" cm="1">
        <f t="array" ref="D8683">IFERROR(INDEX(Jesper!AH$2:AH$366,ROUNDDOWN($C8683/24,0)+1,1)*INDEX($D$3:$AA$30,INDEX(Jesper!$R$2:$R$366,ROW(INDEX(Jesper!AH$2:AH$366,ROUNDDOWN($C8683/24,0)+1,1))-1)+IF('Standard Profiles'!$G$18=$B$10,7,0)+IF('Standard Profiles'!$G$18=$B$17,14,0)+IF('Standard Profiles'!$G$18=$B$24,21,0),MOD($C8683,24)+1)/SUM(INDEX($D$3:$AA$30,INDEX(Jesper!$R$2:$R$366,ROW(INDEX(Jesper!AH$2:AH$366,ROUNDDOWN($C8683/24,0)+1,1))-1)+IF('Standard Profiles'!$G$18=$B$10,7,0)+IF('Standard Profiles'!$G$18=$B$17,14,0)+IF('Standard Profiles'!$G$18=$B$24,21,0),0)),0)</f>
        <v>29.605630656802116</v>
      </c>
      <c r="E8683" cm="1">
        <f t="array" ref="E8683">IFERROR(INDEX(Jesper!AI$2:AI$366,ROUNDDOWN($C8683/24,0)+1,1)*INDEX($D$3:$AA$30,INDEX(Jesper!$R$2:$R$366,ROW(INDEX(Jesper!AI$2:AI$366,ROUNDDOWN($C8683/24,0)+1,1))-1)+IF('Standard Profiles'!$G$19=$B$10,7,0)+IF('Standard Profiles'!$G$19=$B$17,14,0)+IF('Standard Profiles'!$G$19=$B$24,21,0),MOD($C8683,24)+1)/SUM(INDEX($D$3:$AA$30,INDEX(Jesper!$R$2:$R$366,ROW(INDEX(Jesper!AI$2:AI$366,ROUNDDOWN($C8683/24,0)+1,1))-1)+IF('Standard Profiles'!$G$19=$B$10,7,0)+IF('Standard Profiles'!$G$19=$B$17,14,0)+IF('Standard Profiles'!$G$19=$B$24,21,0),0)),0)</f>
        <v>27.154590477565527</v>
      </c>
      <c r="F8683" cm="1">
        <f t="array" ref="F8683">IFERROR(INDEX(Jesper!AJ$2:AJ$366,ROUNDDOWN($C8683/24,0)+1,1)*INDEX($D$3:$AA$30,INDEX(Jesper!$R$2:$R$366,ROW(INDEX(Jesper!AJ$2:AJ$366,ROUNDDOWN($C8683/24,0)+1,1))-1)+IF('Standard Profiles'!$G$20=$B$10,7,0)+IF('Standard Profiles'!$G$20=$B$17,14,0)+IF('Standard Profiles'!$G$20=$B$24,21,0),MOD($C8683,24)+1)/SUM(INDEX($D$3:$AA$30,INDEX(Jesper!$R$2:$R$366,ROW(INDEX(Jesper!AJ$2:AJ$366,ROUNDDOWN($C8683/24,0)+1,1))-1)+IF('Standard Profiles'!$G$20=$B$10,7,0)+IF('Standard Profiles'!$G$20=$B$17,14,0)+IF('Standard Profiles'!$G$20=$B$24,21,0),0)),0)</f>
        <v>0</v>
      </c>
      <c r="G8683" cm="1">
        <f t="array" ref="G8683">IFERROR(INDEX(Jesper!AK$2:AK$366,ROUNDDOWN($C8683/24,0)+1,1)*INDEX($D$3:$AA$30,INDEX(Jesper!$R$2:$R$366,ROW(INDEX(Jesper!AK$2:AK$366,ROUNDDOWN($C8683/24,0)+1,1))-1)+IF('Standard Profiles'!$G$21=$B$10,7,0)+IF('Standard Profiles'!$G$21=$B$17,14,0)+IF('Standard Profiles'!$G$21=$B$24,21,0),MOD($C8683,24)+1)/SUM(INDEX($D$3:$AA$30,INDEX(Jesper!$R$2:$R$366,ROW(INDEX(Jesper!AK$2:AK$366,ROUNDDOWN($C8683/24,0)+1,1))-1)+IF('Standard Profiles'!$G$21=$B$10,7,0)+IF('Standard Profiles'!$G$21=$B$17,14,0)+IF('Standard Profiles'!$G$21=$B$24,21,0),0)),0)</f>
        <v>14.56640454177634</v>
      </c>
      <c r="H8683" cm="1">
        <f t="array" ref="H8683">IFERROR(INDEX(Jesper!AL$2:AL$366,ROUNDDOWN($C8683/24,0)+1,1)*INDEX($D$3:$AA$30,INDEX(Jesper!$R$2:$R$366,ROW(INDEX(Jesper!AL$2:AL$366,ROUNDDOWN($C8683/24,0)+1,1))-1)+IF('Standard Profiles'!$G$22=$B$10,7,0)+IF('Standard Profiles'!$G$22=$B$17,14,0)+IF('Standard Profiles'!$G$22=$B$24,21,0),MOD($C8683,24)+1)/SUM(INDEX($D$3:$AA$30,INDEX(Jesper!$R$2:$R$366,ROW(INDEX(Jesper!AL$2:AL$366,ROUNDDOWN($C8683/24,0)+1,1))-1)+IF('Standard Profiles'!$G$22=$B$10,7,0)+IF('Standard Profiles'!$G$22=$B$17,14,0)+IF('Standard Profiles'!$G$22=$B$24,21,0),0)),0)</f>
        <v>0</v>
      </c>
      <c r="I8683">
        <f t="shared" si="965"/>
        <v>6.9918741800526396</v>
      </c>
      <c r="J8683">
        <f t="shared" si="966"/>
        <v>59.597850591003009</v>
      </c>
      <c r="K8683">
        <f t="shared" si="967"/>
        <v>3.1579339367255592</v>
      </c>
      <c r="L8683">
        <f t="shared" si="968"/>
        <v>1.5789669683627796</v>
      </c>
      <c r="M8683">
        <f t="shared" si="969"/>
        <v>0</v>
      </c>
      <c r="N8683" s="45">
        <f t="shared" si="970"/>
        <v>45287.374999979023</v>
      </c>
    </row>
    <row r="8684" spans="2:14" x14ac:dyDescent="0.25">
      <c r="B8684">
        <f t="shared" si="964"/>
        <v>3</v>
      </c>
      <c r="C8684" s="16">
        <v>8650</v>
      </c>
      <c r="D8684" cm="1">
        <f t="array" ref="D8684">IFERROR(INDEX(Jesper!AH$2:AH$366,ROUNDDOWN($C8684/24,0)+1,1)*INDEX($D$3:$AA$30,INDEX(Jesper!$R$2:$R$366,ROW(INDEX(Jesper!AH$2:AH$366,ROUNDDOWN($C8684/24,0)+1,1))-1)+IF('Standard Profiles'!$G$18=$B$10,7,0)+IF('Standard Profiles'!$G$18=$B$17,14,0)+IF('Standard Profiles'!$G$18=$B$24,21,0),MOD($C8684,24)+1)/SUM(INDEX($D$3:$AA$30,INDEX(Jesper!$R$2:$R$366,ROW(INDEX(Jesper!AH$2:AH$366,ROUNDDOWN($C8684/24,0)+1,1))-1)+IF('Standard Profiles'!$G$18=$B$10,7,0)+IF('Standard Profiles'!$G$18=$B$17,14,0)+IF('Standard Profiles'!$G$18=$B$24,21,0),0)),0)</f>
        <v>29.605630656802116</v>
      </c>
      <c r="E8684" cm="1">
        <f t="array" ref="E8684">IFERROR(INDEX(Jesper!AI$2:AI$366,ROUNDDOWN($C8684/24,0)+1,1)*INDEX($D$3:$AA$30,INDEX(Jesper!$R$2:$R$366,ROW(INDEX(Jesper!AI$2:AI$366,ROUNDDOWN($C8684/24,0)+1,1))-1)+IF('Standard Profiles'!$G$19=$B$10,7,0)+IF('Standard Profiles'!$G$19=$B$17,14,0)+IF('Standard Profiles'!$G$19=$B$24,21,0),MOD($C8684,24)+1)/SUM(INDEX($D$3:$AA$30,INDEX(Jesper!$R$2:$R$366,ROW(INDEX(Jesper!AI$2:AI$366,ROUNDDOWN($C8684/24,0)+1,1))-1)+IF('Standard Profiles'!$G$19=$B$10,7,0)+IF('Standard Profiles'!$G$19=$B$17,14,0)+IF('Standard Profiles'!$G$19=$B$24,21,0),0)),0)</f>
        <v>27.154590477565527</v>
      </c>
      <c r="F8684" cm="1">
        <f t="array" ref="F8684">IFERROR(INDEX(Jesper!AJ$2:AJ$366,ROUNDDOWN($C8684/24,0)+1,1)*INDEX($D$3:$AA$30,INDEX(Jesper!$R$2:$R$366,ROW(INDEX(Jesper!AJ$2:AJ$366,ROUNDDOWN($C8684/24,0)+1,1))-1)+IF('Standard Profiles'!$G$20=$B$10,7,0)+IF('Standard Profiles'!$G$20=$B$17,14,0)+IF('Standard Profiles'!$G$20=$B$24,21,0),MOD($C8684,24)+1)/SUM(INDEX($D$3:$AA$30,INDEX(Jesper!$R$2:$R$366,ROW(INDEX(Jesper!AJ$2:AJ$366,ROUNDDOWN($C8684/24,0)+1,1))-1)+IF('Standard Profiles'!$G$20=$B$10,7,0)+IF('Standard Profiles'!$G$20=$B$17,14,0)+IF('Standard Profiles'!$G$20=$B$24,21,0),0)),0)</f>
        <v>0</v>
      </c>
      <c r="G8684" cm="1">
        <f t="array" ref="G8684">IFERROR(INDEX(Jesper!AK$2:AK$366,ROUNDDOWN($C8684/24,0)+1,1)*INDEX($D$3:$AA$30,INDEX(Jesper!$R$2:$R$366,ROW(INDEX(Jesper!AK$2:AK$366,ROUNDDOWN($C8684/24,0)+1,1))-1)+IF('Standard Profiles'!$G$21=$B$10,7,0)+IF('Standard Profiles'!$G$21=$B$17,14,0)+IF('Standard Profiles'!$G$21=$B$24,21,0),MOD($C8684,24)+1)/SUM(INDEX($D$3:$AA$30,INDEX(Jesper!$R$2:$R$366,ROW(INDEX(Jesper!AK$2:AK$366,ROUNDDOWN($C8684/24,0)+1,1))-1)+IF('Standard Profiles'!$G$21=$B$10,7,0)+IF('Standard Profiles'!$G$21=$B$17,14,0)+IF('Standard Profiles'!$G$21=$B$24,21,0),0)),0)</f>
        <v>14.56640454177634</v>
      </c>
      <c r="H8684" cm="1">
        <f t="array" ref="H8684">IFERROR(INDEX(Jesper!AL$2:AL$366,ROUNDDOWN($C8684/24,0)+1,1)*INDEX($D$3:$AA$30,INDEX(Jesper!$R$2:$R$366,ROW(INDEX(Jesper!AL$2:AL$366,ROUNDDOWN($C8684/24,0)+1,1))-1)+IF('Standard Profiles'!$G$22=$B$10,7,0)+IF('Standard Profiles'!$G$22=$B$17,14,0)+IF('Standard Profiles'!$G$22=$B$24,21,0),MOD($C8684,24)+1)/SUM(INDEX($D$3:$AA$30,INDEX(Jesper!$R$2:$R$366,ROW(INDEX(Jesper!AL$2:AL$366,ROUNDDOWN($C8684/24,0)+1,1))-1)+IF('Standard Profiles'!$G$22=$B$10,7,0)+IF('Standard Profiles'!$G$22=$B$17,14,0)+IF('Standard Profiles'!$G$22=$B$24,21,0),0)),0)</f>
        <v>0</v>
      </c>
      <c r="I8684">
        <f t="shared" si="965"/>
        <v>6.9918741800526396</v>
      </c>
      <c r="J8684">
        <f t="shared" si="966"/>
        <v>59.597850591003009</v>
      </c>
      <c r="K8684">
        <f t="shared" si="967"/>
        <v>3.1579339367255592</v>
      </c>
      <c r="L8684">
        <f t="shared" si="968"/>
        <v>1.5789669683627796</v>
      </c>
      <c r="M8684">
        <f t="shared" si="969"/>
        <v>0</v>
      </c>
      <c r="N8684" s="45">
        <f t="shared" si="970"/>
        <v>45287.416666645688</v>
      </c>
    </row>
    <row r="8685" spans="2:14" x14ac:dyDescent="0.25">
      <c r="B8685">
        <f t="shared" si="964"/>
        <v>3</v>
      </c>
      <c r="C8685" s="16">
        <v>8651</v>
      </c>
      <c r="D8685" cm="1">
        <f t="array" ref="D8685">IFERROR(INDEX(Jesper!AH$2:AH$366,ROUNDDOWN($C8685/24,0)+1,1)*INDEX($D$3:$AA$30,INDEX(Jesper!$R$2:$R$366,ROW(INDEX(Jesper!AH$2:AH$366,ROUNDDOWN($C8685/24,0)+1,1))-1)+IF('Standard Profiles'!$G$18=$B$10,7,0)+IF('Standard Profiles'!$G$18=$B$17,14,0)+IF('Standard Profiles'!$G$18=$B$24,21,0),MOD($C8685,24)+1)/SUM(INDEX($D$3:$AA$30,INDEX(Jesper!$R$2:$R$366,ROW(INDEX(Jesper!AH$2:AH$366,ROUNDDOWN($C8685/24,0)+1,1))-1)+IF('Standard Profiles'!$G$18=$B$10,7,0)+IF('Standard Profiles'!$G$18=$B$17,14,0)+IF('Standard Profiles'!$G$18=$B$24,21,0),0)),0)</f>
        <v>35.425540956857226</v>
      </c>
      <c r="E8685" cm="1">
        <f t="array" ref="E8685">IFERROR(INDEX(Jesper!AI$2:AI$366,ROUNDDOWN($C8685/24,0)+1,1)*INDEX($D$3:$AA$30,INDEX(Jesper!$R$2:$R$366,ROW(INDEX(Jesper!AI$2:AI$366,ROUNDDOWN($C8685/24,0)+1,1))-1)+IF('Standard Profiles'!$G$19=$B$10,7,0)+IF('Standard Profiles'!$G$19=$B$17,14,0)+IF('Standard Profiles'!$G$19=$B$24,21,0),MOD($C8685,24)+1)/SUM(INDEX($D$3:$AA$30,INDEX(Jesper!$R$2:$R$366,ROW(INDEX(Jesper!AI$2:AI$366,ROUNDDOWN($C8685/24,0)+1,1))-1)+IF('Standard Profiles'!$G$19=$B$10,7,0)+IF('Standard Profiles'!$G$19=$B$17,14,0)+IF('Standard Profiles'!$G$19=$B$24,21,0),0)),0)</f>
        <v>32.492672366317727</v>
      </c>
      <c r="F8685" cm="1">
        <f t="array" ref="F8685">IFERROR(INDEX(Jesper!AJ$2:AJ$366,ROUNDDOWN($C8685/24,0)+1,1)*INDEX($D$3:$AA$30,INDEX(Jesper!$R$2:$R$366,ROW(INDEX(Jesper!AJ$2:AJ$366,ROUNDDOWN($C8685/24,0)+1,1))-1)+IF('Standard Profiles'!$G$20=$B$10,7,0)+IF('Standard Profiles'!$G$20=$B$17,14,0)+IF('Standard Profiles'!$G$20=$B$24,21,0),MOD($C8685,24)+1)/SUM(INDEX($D$3:$AA$30,INDEX(Jesper!$R$2:$R$366,ROW(INDEX(Jesper!AJ$2:AJ$366,ROUNDDOWN($C8685/24,0)+1,1))-1)+IF('Standard Profiles'!$G$20=$B$10,7,0)+IF('Standard Profiles'!$G$20=$B$17,14,0)+IF('Standard Profiles'!$G$20=$B$24,21,0),0)),0)</f>
        <v>0</v>
      </c>
      <c r="G8685" cm="1">
        <f t="array" ref="G8685">IFERROR(INDEX(Jesper!AK$2:AK$366,ROUNDDOWN($C8685/24,0)+1,1)*INDEX($D$3:$AA$30,INDEX(Jesper!$R$2:$R$366,ROW(INDEX(Jesper!AK$2:AK$366,ROUNDDOWN($C8685/24,0)+1,1))-1)+IF('Standard Profiles'!$G$21=$B$10,7,0)+IF('Standard Profiles'!$G$21=$B$17,14,0)+IF('Standard Profiles'!$G$21=$B$24,21,0),MOD($C8685,24)+1)/SUM(INDEX($D$3:$AA$30,INDEX(Jesper!$R$2:$R$366,ROW(INDEX(Jesper!AK$2:AK$366,ROUNDDOWN($C8685/24,0)+1,1))-1)+IF('Standard Profiles'!$G$21=$B$10,7,0)+IF('Standard Profiles'!$G$21=$B$17,14,0)+IF('Standard Profiles'!$G$21=$B$24,21,0),0)),0)</f>
        <v>17.429885776484507</v>
      </c>
      <c r="H8685" cm="1">
        <f t="array" ref="H8685">IFERROR(INDEX(Jesper!AL$2:AL$366,ROUNDDOWN($C8685/24,0)+1,1)*INDEX($D$3:$AA$30,INDEX(Jesper!$R$2:$R$366,ROW(INDEX(Jesper!AL$2:AL$366,ROUNDDOWN($C8685/24,0)+1,1))-1)+IF('Standard Profiles'!$G$22=$B$10,7,0)+IF('Standard Profiles'!$G$22=$B$17,14,0)+IF('Standard Profiles'!$G$22=$B$24,21,0),MOD($C8685,24)+1)/SUM(INDEX($D$3:$AA$30,INDEX(Jesper!$R$2:$R$366,ROW(INDEX(Jesper!AL$2:AL$366,ROUNDDOWN($C8685/24,0)+1,1))-1)+IF('Standard Profiles'!$G$22=$B$10,7,0)+IF('Standard Profiles'!$G$22=$B$17,14,0)+IF('Standard Profiles'!$G$22=$B$24,21,0),0)),0)</f>
        <v>0</v>
      </c>
      <c r="I8685">
        <f t="shared" si="965"/>
        <v>8.3663451727125597</v>
      </c>
      <c r="J8685">
        <f t="shared" si="966"/>
        <v>71.313667373849739</v>
      </c>
      <c r="K8685">
        <f t="shared" si="967"/>
        <v>3.7787243687314378</v>
      </c>
      <c r="L8685">
        <f t="shared" si="968"/>
        <v>1.8893621843657189</v>
      </c>
      <c r="M8685">
        <f t="shared" si="969"/>
        <v>0</v>
      </c>
      <c r="N8685" s="45">
        <f t="shared" si="970"/>
        <v>45287.458333312352</v>
      </c>
    </row>
    <row r="8686" spans="2:14" x14ac:dyDescent="0.25">
      <c r="B8686">
        <f t="shared" si="964"/>
        <v>3</v>
      </c>
      <c r="C8686" s="16">
        <v>8652</v>
      </c>
      <c r="D8686" cm="1">
        <f t="array" ref="D8686">IFERROR(INDEX(Jesper!AH$2:AH$366,ROUNDDOWN($C8686/24,0)+1,1)*INDEX($D$3:$AA$30,INDEX(Jesper!$R$2:$R$366,ROW(INDEX(Jesper!AH$2:AH$366,ROUNDDOWN($C8686/24,0)+1,1))-1)+IF('Standard Profiles'!$G$18=$B$10,7,0)+IF('Standard Profiles'!$G$18=$B$17,14,0)+IF('Standard Profiles'!$G$18=$B$24,21,0),MOD($C8686,24)+1)/SUM(INDEX($D$3:$AA$30,INDEX(Jesper!$R$2:$R$366,ROW(INDEX(Jesper!AH$2:AH$366,ROUNDDOWN($C8686/24,0)+1,1))-1)+IF('Standard Profiles'!$G$18=$B$10,7,0)+IF('Standard Profiles'!$G$18=$B$17,14,0)+IF('Standard Profiles'!$G$18=$B$24,21,0),0)),0)</f>
        <v>35.425540956857226</v>
      </c>
      <c r="E8686" cm="1">
        <f t="array" ref="E8686">IFERROR(INDEX(Jesper!AI$2:AI$366,ROUNDDOWN($C8686/24,0)+1,1)*INDEX($D$3:$AA$30,INDEX(Jesper!$R$2:$R$366,ROW(INDEX(Jesper!AI$2:AI$366,ROUNDDOWN($C8686/24,0)+1,1))-1)+IF('Standard Profiles'!$G$19=$B$10,7,0)+IF('Standard Profiles'!$G$19=$B$17,14,0)+IF('Standard Profiles'!$G$19=$B$24,21,0),MOD($C8686,24)+1)/SUM(INDEX($D$3:$AA$30,INDEX(Jesper!$R$2:$R$366,ROW(INDEX(Jesper!AI$2:AI$366,ROUNDDOWN($C8686/24,0)+1,1))-1)+IF('Standard Profiles'!$G$19=$B$10,7,0)+IF('Standard Profiles'!$G$19=$B$17,14,0)+IF('Standard Profiles'!$G$19=$B$24,21,0),0)),0)</f>
        <v>32.492672366317727</v>
      </c>
      <c r="F8686" cm="1">
        <f t="array" ref="F8686">IFERROR(INDEX(Jesper!AJ$2:AJ$366,ROUNDDOWN($C8686/24,0)+1,1)*INDEX($D$3:$AA$30,INDEX(Jesper!$R$2:$R$366,ROW(INDEX(Jesper!AJ$2:AJ$366,ROUNDDOWN($C8686/24,0)+1,1))-1)+IF('Standard Profiles'!$G$20=$B$10,7,0)+IF('Standard Profiles'!$G$20=$B$17,14,0)+IF('Standard Profiles'!$G$20=$B$24,21,0),MOD($C8686,24)+1)/SUM(INDEX($D$3:$AA$30,INDEX(Jesper!$R$2:$R$366,ROW(INDEX(Jesper!AJ$2:AJ$366,ROUNDDOWN($C8686/24,0)+1,1))-1)+IF('Standard Profiles'!$G$20=$B$10,7,0)+IF('Standard Profiles'!$G$20=$B$17,14,0)+IF('Standard Profiles'!$G$20=$B$24,21,0),0)),0)</f>
        <v>0</v>
      </c>
      <c r="G8686" cm="1">
        <f t="array" ref="G8686">IFERROR(INDEX(Jesper!AK$2:AK$366,ROUNDDOWN($C8686/24,0)+1,1)*INDEX($D$3:$AA$30,INDEX(Jesper!$R$2:$R$366,ROW(INDEX(Jesper!AK$2:AK$366,ROUNDDOWN($C8686/24,0)+1,1))-1)+IF('Standard Profiles'!$G$21=$B$10,7,0)+IF('Standard Profiles'!$G$21=$B$17,14,0)+IF('Standard Profiles'!$G$21=$B$24,21,0),MOD($C8686,24)+1)/SUM(INDEX($D$3:$AA$30,INDEX(Jesper!$R$2:$R$366,ROW(INDEX(Jesper!AK$2:AK$366,ROUNDDOWN($C8686/24,0)+1,1))-1)+IF('Standard Profiles'!$G$21=$B$10,7,0)+IF('Standard Profiles'!$G$21=$B$17,14,0)+IF('Standard Profiles'!$G$21=$B$24,21,0),0)),0)</f>
        <v>17.429885776484507</v>
      </c>
      <c r="H8686" cm="1">
        <f t="array" ref="H8686">IFERROR(INDEX(Jesper!AL$2:AL$366,ROUNDDOWN($C8686/24,0)+1,1)*INDEX($D$3:$AA$30,INDEX(Jesper!$R$2:$R$366,ROW(INDEX(Jesper!AL$2:AL$366,ROUNDDOWN($C8686/24,0)+1,1))-1)+IF('Standard Profiles'!$G$22=$B$10,7,0)+IF('Standard Profiles'!$G$22=$B$17,14,0)+IF('Standard Profiles'!$G$22=$B$24,21,0),MOD($C8686,24)+1)/SUM(INDEX($D$3:$AA$30,INDEX(Jesper!$R$2:$R$366,ROW(INDEX(Jesper!AL$2:AL$366,ROUNDDOWN($C8686/24,0)+1,1))-1)+IF('Standard Profiles'!$G$22=$B$10,7,0)+IF('Standard Profiles'!$G$22=$B$17,14,0)+IF('Standard Profiles'!$G$22=$B$24,21,0),0)),0)</f>
        <v>0</v>
      </c>
      <c r="I8686">
        <f t="shared" si="965"/>
        <v>8.3663451727125597</v>
      </c>
      <c r="J8686">
        <f t="shared" si="966"/>
        <v>71.313667373849739</v>
      </c>
      <c r="K8686">
        <f t="shared" si="967"/>
        <v>3.7787243687314378</v>
      </c>
      <c r="L8686">
        <f t="shared" si="968"/>
        <v>1.8893621843657189</v>
      </c>
      <c r="M8686">
        <f t="shared" si="969"/>
        <v>0</v>
      </c>
      <c r="N8686" s="45">
        <f t="shared" si="970"/>
        <v>45287.499999979016</v>
      </c>
    </row>
    <row r="8687" spans="2:14" x14ac:dyDescent="0.25">
      <c r="B8687">
        <f t="shared" si="964"/>
        <v>3</v>
      </c>
      <c r="C8687" s="16">
        <v>8653</v>
      </c>
      <c r="D8687" cm="1">
        <f t="array" ref="D8687">IFERROR(INDEX(Jesper!AH$2:AH$366,ROUNDDOWN($C8687/24,0)+1,1)*INDEX($D$3:$AA$30,INDEX(Jesper!$R$2:$R$366,ROW(INDEX(Jesper!AH$2:AH$366,ROUNDDOWN($C8687/24,0)+1,1))-1)+IF('Standard Profiles'!$G$18=$B$10,7,0)+IF('Standard Profiles'!$G$18=$B$17,14,0)+IF('Standard Profiles'!$G$18=$B$24,21,0),MOD($C8687,24)+1)/SUM(INDEX($D$3:$AA$30,INDEX(Jesper!$R$2:$R$366,ROW(INDEX(Jesper!AH$2:AH$366,ROUNDDOWN($C8687/24,0)+1,1))-1)+IF('Standard Profiles'!$G$18=$B$10,7,0)+IF('Standard Profiles'!$G$18=$B$17,14,0)+IF('Standard Profiles'!$G$18=$B$24,21,0),0)),0)</f>
        <v>23.532680778483734</v>
      </c>
      <c r="E8687" cm="1">
        <f t="array" ref="E8687">IFERROR(INDEX(Jesper!AI$2:AI$366,ROUNDDOWN($C8687/24,0)+1,1)*INDEX($D$3:$AA$30,INDEX(Jesper!$R$2:$R$366,ROW(INDEX(Jesper!AI$2:AI$366,ROUNDDOWN($C8687/24,0)+1,1))-1)+IF('Standard Profiles'!$G$19=$B$10,7,0)+IF('Standard Profiles'!$G$19=$B$17,14,0)+IF('Standard Profiles'!$G$19=$B$24,21,0),MOD($C8687,24)+1)/SUM(INDEX($D$3:$AA$30,INDEX(Jesper!$R$2:$R$366,ROW(INDEX(Jesper!AI$2:AI$366,ROUNDDOWN($C8687/24,0)+1,1))-1)+IF('Standard Profiles'!$G$19=$B$10,7,0)+IF('Standard Profiles'!$G$19=$B$17,14,0)+IF('Standard Profiles'!$G$19=$B$24,21,0),0)),0)</f>
        <v>21.58441807191106</v>
      </c>
      <c r="F8687" cm="1">
        <f t="array" ref="F8687">IFERROR(INDEX(Jesper!AJ$2:AJ$366,ROUNDDOWN($C8687/24,0)+1,1)*INDEX($D$3:$AA$30,INDEX(Jesper!$R$2:$R$366,ROW(INDEX(Jesper!AJ$2:AJ$366,ROUNDDOWN($C8687/24,0)+1,1))-1)+IF('Standard Profiles'!$G$20=$B$10,7,0)+IF('Standard Profiles'!$G$20=$B$17,14,0)+IF('Standard Profiles'!$G$20=$B$24,21,0),MOD($C8687,24)+1)/SUM(INDEX($D$3:$AA$30,INDEX(Jesper!$R$2:$R$366,ROW(INDEX(Jesper!AJ$2:AJ$366,ROUNDDOWN($C8687/24,0)+1,1))-1)+IF('Standard Profiles'!$G$20=$B$10,7,0)+IF('Standard Profiles'!$G$20=$B$17,14,0)+IF('Standard Profiles'!$G$20=$B$24,21,0),0)),0)</f>
        <v>0</v>
      </c>
      <c r="G8687" cm="1">
        <f t="array" ref="G8687">IFERROR(INDEX(Jesper!AK$2:AK$366,ROUNDDOWN($C8687/24,0)+1,1)*INDEX($D$3:$AA$30,INDEX(Jesper!$R$2:$R$366,ROW(INDEX(Jesper!AK$2:AK$366,ROUNDDOWN($C8687/24,0)+1,1))-1)+IF('Standard Profiles'!$G$21=$B$10,7,0)+IF('Standard Profiles'!$G$21=$B$17,14,0)+IF('Standard Profiles'!$G$21=$B$24,21,0),MOD($C8687,24)+1)/SUM(INDEX($D$3:$AA$30,INDEX(Jesper!$R$2:$R$366,ROW(INDEX(Jesper!AK$2:AK$366,ROUNDDOWN($C8687/24,0)+1,1))-1)+IF('Standard Profiles'!$G$21=$B$10,7,0)+IF('Standard Profiles'!$G$21=$B$17,14,0)+IF('Standard Profiles'!$G$21=$B$24,21,0),0)),0)</f>
        <v>11.578424122950423</v>
      </c>
      <c r="H8687" cm="1">
        <f t="array" ref="H8687">IFERROR(INDEX(Jesper!AL$2:AL$366,ROUNDDOWN($C8687/24,0)+1,1)*INDEX($D$3:$AA$30,INDEX(Jesper!$R$2:$R$366,ROW(INDEX(Jesper!AL$2:AL$366,ROUNDDOWN($C8687/24,0)+1,1))-1)+IF('Standard Profiles'!$G$22=$B$10,7,0)+IF('Standard Profiles'!$G$22=$B$17,14,0)+IF('Standard Profiles'!$G$22=$B$24,21,0),MOD($C8687,24)+1)/SUM(INDEX($D$3:$AA$30,INDEX(Jesper!$R$2:$R$366,ROW(INDEX(Jesper!AL$2:AL$366,ROUNDDOWN($C8687/24,0)+1,1))-1)+IF('Standard Profiles'!$G$22=$B$10,7,0)+IF('Standard Profiles'!$G$22=$B$17,14,0)+IF('Standard Profiles'!$G$22=$B$24,21,0),0)),0)</f>
        <v>0</v>
      </c>
      <c r="I8687">
        <f t="shared" si="965"/>
        <v>5.5576435790162</v>
      </c>
      <c r="J8687">
        <f t="shared" si="966"/>
        <v>47.372650469771614</v>
      </c>
      <c r="K8687">
        <f t="shared" si="967"/>
        <v>2.5101526163715984</v>
      </c>
      <c r="L8687">
        <f t="shared" si="968"/>
        <v>1.2550763081857992</v>
      </c>
      <c r="M8687">
        <f t="shared" si="969"/>
        <v>0</v>
      </c>
      <c r="N8687" s="45">
        <f t="shared" si="970"/>
        <v>45287.54166664568</v>
      </c>
    </row>
    <row r="8688" spans="2:14" x14ac:dyDescent="0.25">
      <c r="B8688">
        <f t="shared" si="964"/>
        <v>3</v>
      </c>
      <c r="C8688" s="16">
        <v>8654</v>
      </c>
      <c r="D8688" cm="1">
        <f t="array" ref="D8688">IFERROR(INDEX(Jesper!AH$2:AH$366,ROUNDDOWN($C8688/24,0)+1,1)*INDEX($D$3:$AA$30,INDEX(Jesper!$R$2:$R$366,ROW(INDEX(Jesper!AH$2:AH$366,ROUNDDOWN($C8688/24,0)+1,1))-1)+IF('Standard Profiles'!$G$18=$B$10,7,0)+IF('Standard Profiles'!$G$18=$B$17,14,0)+IF('Standard Profiles'!$G$18=$B$24,21,0),MOD($C8688,24)+1)/SUM(INDEX($D$3:$AA$30,INDEX(Jesper!$R$2:$R$366,ROW(INDEX(Jesper!AH$2:AH$366,ROUNDDOWN($C8688/24,0)+1,1))-1)+IF('Standard Profiles'!$G$18=$B$10,7,0)+IF('Standard Profiles'!$G$18=$B$17,14,0)+IF('Standard Profiles'!$G$18=$B$24,21,0),0)),0)</f>
        <v>35.425540956857226</v>
      </c>
      <c r="E8688" cm="1">
        <f t="array" ref="E8688">IFERROR(INDEX(Jesper!AI$2:AI$366,ROUNDDOWN($C8688/24,0)+1,1)*INDEX($D$3:$AA$30,INDEX(Jesper!$R$2:$R$366,ROW(INDEX(Jesper!AI$2:AI$366,ROUNDDOWN($C8688/24,0)+1,1))-1)+IF('Standard Profiles'!$G$19=$B$10,7,0)+IF('Standard Profiles'!$G$19=$B$17,14,0)+IF('Standard Profiles'!$G$19=$B$24,21,0),MOD($C8688,24)+1)/SUM(INDEX($D$3:$AA$30,INDEX(Jesper!$R$2:$R$366,ROW(INDEX(Jesper!AI$2:AI$366,ROUNDDOWN($C8688/24,0)+1,1))-1)+IF('Standard Profiles'!$G$19=$B$10,7,0)+IF('Standard Profiles'!$G$19=$B$17,14,0)+IF('Standard Profiles'!$G$19=$B$24,21,0),0)),0)</f>
        <v>32.492672366317727</v>
      </c>
      <c r="F8688" cm="1">
        <f t="array" ref="F8688">IFERROR(INDEX(Jesper!AJ$2:AJ$366,ROUNDDOWN($C8688/24,0)+1,1)*INDEX($D$3:$AA$30,INDEX(Jesper!$R$2:$R$366,ROW(INDEX(Jesper!AJ$2:AJ$366,ROUNDDOWN($C8688/24,0)+1,1))-1)+IF('Standard Profiles'!$G$20=$B$10,7,0)+IF('Standard Profiles'!$G$20=$B$17,14,0)+IF('Standard Profiles'!$G$20=$B$24,21,0),MOD($C8688,24)+1)/SUM(INDEX($D$3:$AA$30,INDEX(Jesper!$R$2:$R$366,ROW(INDEX(Jesper!AJ$2:AJ$366,ROUNDDOWN($C8688/24,0)+1,1))-1)+IF('Standard Profiles'!$G$20=$B$10,7,0)+IF('Standard Profiles'!$G$20=$B$17,14,0)+IF('Standard Profiles'!$G$20=$B$24,21,0),0)),0)</f>
        <v>0</v>
      </c>
      <c r="G8688" cm="1">
        <f t="array" ref="G8688">IFERROR(INDEX(Jesper!AK$2:AK$366,ROUNDDOWN($C8688/24,0)+1,1)*INDEX($D$3:$AA$30,INDEX(Jesper!$R$2:$R$366,ROW(INDEX(Jesper!AK$2:AK$366,ROUNDDOWN($C8688/24,0)+1,1))-1)+IF('Standard Profiles'!$G$21=$B$10,7,0)+IF('Standard Profiles'!$G$21=$B$17,14,0)+IF('Standard Profiles'!$G$21=$B$24,21,0),MOD($C8688,24)+1)/SUM(INDEX($D$3:$AA$30,INDEX(Jesper!$R$2:$R$366,ROW(INDEX(Jesper!AK$2:AK$366,ROUNDDOWN($C8688/24,0)+1,1))-1)+IF('Standard Profiles'!$G$21=$B$10,7,0)+IF('Standard Profiles'!$G$21=$B$17,14,0)+IF('Standard Profiles'!$G$21=$B$24,21,0),0)),0)</f>
        <v>17.429885776484507</v>
      </c>
      <c r="H8688" cm="1">
        <f t="array" ref="H8688">IFERROR(INDEX(Jesper!AL$2:AL$366,ROUNDDOWN($C8688/24,0)+1,1)*INDEX($D$3:$AA$30,INDEX(Jesper!$R$2:$R$366,ROW(INDEX(Jesper!AL$2:AL$366,ROUNDDOWN($C8688/24,0)+1,1))-1)+IF('Standard Profiles'!$G$22=$B$10,7,0)+IF('Standard Profiles'!$G$22=$B$17,14,0)+IF('Standard Profiles'!$G$22=$B$24,21,0),MOD($C8688,24)+1)/SUM(INDEX($D$3:$AA$30,INDEX(Jesper!$R$2:$R$366,ROW(INDEX(Jesper!AL$2:AL$366,ROUNDDOWN($C8688/24,0)+1,1))-1)+IF('Standard Profiles'!$G$22=$B$10,7,0)+IF('Standard Profiles'!$G$22=$B$17,14,0)+IF('Standard Profiles'!$G$22=$B$24,21,0),0)),0)</f>
        <v>0</v>
      </c>
      <c r="I8688">
        <f t="shared" si="965"/>
        <v>8.3663451727125597</v>
      </c>
      <c r="J8688">
        <f t="shared" si="966"/>
        <v>71.313667373849739</v>
      </c>
      <c r="K8688">
        <f t="shared" si="967"/>
        <v>3.7787243687314378</v>
      </c>
      <c r="L8688">
        <f t="shared" si="968"/>
        <v>1.8893621843657189</v>
      </c>
      <c r="M8688">
        <f t="shared" si="969"/>
        <v>0</v>
      </c>
      <c r="N8688" s="45">
        <f t="shared" si="970"/>
        <v>45287.583333312345</v>
      </c>
    </row>
    <row r="8689" spans="2:14" x14ac:dyDescent="0.25">
      <c r="B8689">
        <f t="shared" si="964"/>
        <v>3</v>
      </c>
      <c r="C8689" s="16">
        <v>8655</v>
      </c>
      <c r="D8689" cm="1">
        <f t="array" ref="D8689">IFERROR(INDEX(Jesper!AH$2:AH$366,ROUNDDOWN($C8689/24,0)+1,1)*INDEX($D$3:$AA$30,INDEX(Jesper!$R$2:$R$366,ROW(INDEX(Jesper!AH$2:AH$366,ROUNDDOWN($C8689/24,0)+1,1))-1)+IF('Standard Profiles'!$G$18=$B$10,7,0)+IF('Standard Profiles'!$G$18=$B$17,14,0)+IF('Standard Profiles'!$G$18=$B$24,21,0),MOD($C8689,24)+1)/SUM(INDEX($D$3:$AA$30,INDEX(Jesper!$R$2:$R$366,ROW(INDEX(Jesper!AH$2:AH$366,ROUNDDOWN($C8689/24,0)+1,1))-1)+IF('Standard Profiles'!$G$18=$B$10,7,0)+IF('Standard Profiles'!$G$18=$B$17,14,0)+IF('Standard Profiles'!$G$18=$B$24,21,0),0)),0)</f>
        <v>35.425540956857226</v>
      </c>
      <c r="E8689" cm="1">
        <f t="array" ref="E8689">IFERROR(INDEX(Jesper!AI$2:AI$366,ROUNDDOWN($C8689/24,0)+1,1)*INDEX($D$3:$AA$30,INDEX(Jesper!$R$2:$R$366,ROW(INDEX(Jesper!AI$2:AI$366,ROUNDDOWN($C8689/24,0)+1,1))-1)+IF('Standard Profiles'!$G$19=$B$10,7,0)+IF('Standard Profiles'!$G$19=$B$17,14,0)+IF('Standard Profiles'!$G$19=$B$24,21,0),MOD($C8689,24)+1)/SUM(INDEX($D$3:$AA$30,INDEX(Jesper!$R$2:$R$366,ROW(INDEX(Jesper!AI$2:AI$366,ROUNDDOWN($C8689/24,0)+1,1))-1)+IF('Standard Profiles'!$G$19=$B$10,7,0)+IF('Standard Profiles'!$G$19=$B$17,14,0)+IF('Standard Profiles'!$G$19=$B$24,21,0),0)),0)</f>
        <v>32.492672366317727</v>
      </c>
      <c r="F8689" cm="1">
        <f t="array" ref="F8689">IFERROR(INDEX(Jesper!AJ$2:AJ$366,ROUNDDOWN($C8689/24,0)+1,1)*INDEX($D$3:$AA$30,INDEX(Jesper!$R$2:$R$366,ROW(INDEX(Jesper!AJ$2:AJ$366,ROUNDDOWN($C8689/24,0)+1,1))-1)+IF('Standard Profiles'!$G$20=$B$10,7,0)+IF('Standard Profiles'!$G$20=$B$17,14,0)+IF('Standard Profiles'!$G$20=$B$24,21,0),MOD($C8689,24)+1)/SUM(INDEX($D$3:$AA$30,INDEX(Jesper!$R$2:$R$366,ROW(INDEX(Jesper!AJ$2:AJ$366,ROUNDDOWN($C8689/24,0)+1,1))-1)+IF('Standard Profiles'!$G$20=$B$10,7,0)+IF('Standard Profiles'!$G$20=$B$17,14,0)+IF('Standard Profiles'!$G$20=$B$24,21,0),0)),0)</f>
        <v>0</v>
      </c>
      <c r="G8689" cm="1">
        <f t="array" ref="G8689">IFERROR(INDEX(Jesper!AK$2:AK$366,ROUNDDOWN($C8689/24,0)+1,1)*INDEX($D$3:$AA$30,INDEX(Jesper!$R$2:$R$366,ROW(INDEX(Jesper!AK$2:AK$366,ROUNDDOWN($C8689/24,0)+1,1))-1)+IF('Standard Profiles'!$G$21=$B$10,7,0)+IF('Standard Profiles'!$G$21=$B$17,14,0)+IF('Standard Profiles'!$G$21=$B$24,21,0),MOD($C8689,24)+1)/SUM(INDEX($D$3:$AA$30,INDEX(Jesper!$R$2:$R$366,ROW(INDEX(Jesper!AK$2:AK$366,ROUNDDOWN($C8689/24,0)+1,1))-1)+IF('Standard Profiles'!$G$21=$B$10,7,0)+IF('Standard Profiles'!$G$21=$B$17,14,0)+IF('Standard Profiles'!$G$21=$B$24,21,0),0)),0)</f>
        <v>17.429885776484507</v>
      </c>
      <c r="H8689" cm="1">
        <f t="array" ref="H8689">IFERROR(INDEX(Jesper!AL$2:AL$366,ROUNDDOWN($C8689/24,0)+1,1)*INDEX($D$3:$AA$30,INDEX(Jesper!$R$2:$R$366,ROW(INDEX(Jesper!AL$2:AL$366,ROUNDDOWN($C8689/24,0)+1,1))-1)+IF('Standard Profiles'!$G$22=$B$10,7,0)+IF('Standard Profiles'!$G$22=$B$17,14,0)+IF('Standard Profiles'!$G$22=$B$24,21,0),MOD($C8689,24)+1)/SUM(INDEX($D$3:$AA$30,INDEX(Jesper!$R$2:$R$366,ROW(INDEX(Jesper!AL$2:AL$366,ROUNDDOWN($C8689/24,0)+1,1))-1)+IF('Standard Profiles'!$G$22=$B$10,7,0)+IF('Standard Profiles'!$G$22=$B$17,14,0)+IF('Standard Profiles'!$G$22=$B$24,21,0),0)),0)</f>
        <v>0</v>
      </c>
      <c r="I8689">
        <f t="shared" si="965"/>
        <v>8.3663451727125597</v>
      </c>
      <c r="J8689">
        <f t="shared" si="966"/>
        <v>71.313667373849739</v>
      </c>
      <c r="K8689">
        <f t="shared" si="967"/>
        <v>3.7787243687314378</v>
      </c>
      <c r="L8689">
        <f t="shared" si="968"/>
        <v>1.8893621843657189</v>
      </c>
      <c r="M8689">
        <f t="shared" si="969"/>
        <v>0</v>
      </c>
      <c r="N8689" s="45">
        <f t="shared" si="970"/>
        <v>45287.624999979009</v>
      </c>
    </row>
    <row r="8690" spans="2:14" x14ac:dyDescent="0.25">
      <c r="B8690">
        <f t="shared" si="964"/>
        <v>3</v>
      </c>
      <c r="C8690" s="16">
        <v>8656</v>
      </c>
      <c r="D8690" cm="1">
        <f t="array" ref="D8690">IFERROR(INDEX(Jesper!AH$2:AH$366,ROUNDDOWN($C8690/24,0)+1,1)*INDEX($D$3:$AA$30,INDEX(Jesper!$R$2:$R$366,ROW(INDEX(Jesper!AH$2:AH$366,ROUNDDOWN($C8690/24,0)+1,1))-1)+IF('Standard Profiles'!$G$18=$B$10,7,0)+IF('Standard Profiles'!$G$18=$B$17,14,0)+IF('Standard Profiles'!$G$18=$B$24,21,0),MOD($C8690,24)+1)/SUM(INDEX($D$3:$AA$30,INDEX(Jesper!$R$2:$R$366,ROW(INDEX(Jesper!AH$2:AH$366,ROUNDDOWN($C8690/24,0)+1,1))-1)+IF('Standard Profiles'!$G$18=$B$10,7,0)+IF('Standard Profiles'!$G$18=$B$17,14,0)+IF('Standard Profiles'!$G$18=$B$24,21,0),0)),0)</f>
        <v>20.875765206719443</v>
      </c>
      <c r="E8690" cm="1">
        <f t="array" ref="E8690">IFERROR(INDEX(Jesper!AI$2:AI$366,ROUNDDOWN($C8690/24,0)+1,1)*INDEX($D$3:$AA$30,INDEX(Jesper!$R$2:$R$366,ROW(INDEX(Jesper!AI$2:AI$366,ROUNDDOWN($C8690/24,0)+1,1))-1)+IF('Standard Profiles'!$G$19=$B$10,7,0)+IF('Standard Profiles'!$G$19=$B$17,14,0)+IF('Standard Profiles'!$G$19=$B$24,21,0),MOD($C8690,24)+1)/SUM(INDEX($D$3:$AA$30,INDEX(Jesper!$R$2:$R$366,ROW(INDEX(Jesper!AI$2:AI$366,ROUNDDOWN($C8690/24,0)+1,1))-1)+IF('Standard Profiles'!$G$19=$B$10,7,0)+IF('Standard Profiles'!$G$19=$B$17,14,0)+IF('Standard Profiles'!$G$19=$B$24,21,0),0)),0)</f>
        <v>19.147467644437228</v>
      </c>
      <c r="F8690" cm="1">
        <f t="array" ref="F8690">IFERROR(INDEX(Jesper!AJ$2:AJ$366,ROUNDDOWN($C8690/24,0)+1,1)*INDEX($D$3:$AA$30,INDEX(Jesper!$R$2:$R$366,ROW(INDEX(Jesper!AJ$2:AJ$366,ROUNDDOWN($C8690/24,0)+1,1))-1)+IF('Standard Profiles'!$G$20=$B$10,7,0)+IF('Standard Profiles'!$G$20=$B$17,14,0)+IF('Standard Profiles'!$G$20=$B$24,21,0),MOD($C8690,24)+1)/SUM(INDEX($D$3:$AA$30,INDEX(Jesper!$R$2:$R$366,ROW(INDEX(Jesper!AJ$2:AJ$366,ROUNDDOWN($C8690/24,0)+1,1))-1)+IF('Standard Profiles'!$G$20=$B$10,7,0)+IF('Standard Profiles'!$G$20=$B$17,14,0)+IF('Standard Profiles'!$G$20=$B$24,21,0),0)),0)</f>
        <v>0</v>
      </c>
      <c r="G8690" cm="1">
        <f t="array" ref="G8690">IFERROR(INDEX(Jesper!AK$2:AK$366,ROUNDDOWN($C8690/24,0)+1,1)*INDEX($D$3:$AA$30,INDEX(Jesper!$R$2:$R$366,ROW(INDEX(Jesper!AK$2:AK$366,ROUNDDOWN($C8690/24,0)+1,1))-1)+IF('Standard Profiles'!$G$21=$B$10,7,0)+IF('Standard Profiles'!$G$21=$B$17,14,0)+IF('Standard Profiles'!$G$21=$B$24,21,0),MOD($C8690,24)+1)/SUM(INDEX($D$3:$AA$30,INDEX(Jesper!$R$2:$R$366,ROW(INDEX(Jesper!AK$2:AK$366,ROUNDDOWN($C8690/24,0)+1,1))-1)+IF('Standard Profiles'!$G$21=$B$10,7,0)+IF('Standard Profiles'!$G$21=$B$17,14,0)+IF('Standard Profiles'!$G$21=$B$24,21,0),0)),0)</f>
        <v>14.564258004119138</v>
      </c>
      <c r="H8690" cm="1">
        <f t="array" ref="H8690">IFERROR(INDEX(Jesper!AL$2:AL$366,ROUNDDOWN($C8690/24,0)+1,1)*INDEX($D$3:$AA$30,INDEX(Jesper!$R$2:$R$366,ROW(INDEX(Jesper!AL$2:AL$366,ROUNDDOWN($C8690/24,0)+1,1))-1)+IF('Standard Profiles'!$G$22=$B$10,7,0)+IF('Standard Profiles'!$G$22=$B$17,14,0)+IF('Standard Profiles'!$G$22=$B$24,21,0),MOD($C8690,24)+1)/SUM(INDEX($D$3:$AA$30,INDEX(Jesper!$R$2:$R$366,ROW(INDEX(Jesper!AL$2:AL$366,ROUNDDOWN($C8690/24,0)+1,1))-1)+IF('Standard Profiles'!$G$22=$B$10,7,0)+IF('Standard Profiles'!$G$22=$B$17,14,0)+IF('Standard Profiles'!$G$22=$B$24,21,0),0)),0)</f>
        <v>0</v>
      </c>
      <c r="I8690">
        <f t="shared" si="965"/>
        <v>6.990843841977183</v>
      </c>
      <c r="J8690">
        <f t="shared" si="966"/>
        <v>44.256524580223513</v>
      </c>
      <c r="K8690">
        <f t="shared" si="967"/>
        <v>2.2267482887167409</v>
      </c>
      <c r="L8690">
        <f t="shared" si="968"/>
        <v>1.1133741443583705</v>
      </c>
      <c r="M8690">
        <f t="shared" si="969"/>
        <v>0</v>
      </c>
      <c r="N8690" s="45">
        <f t="shared" si="970"/>
        <v>45287.666666645673</v>
      </c>
    </row>
    <row r="8691" spans="2:14" x14ac:dyDescent="0.25">
      <c r="B8691">
        <f t="shared" si="964"/>
        <v>3</v>
      </c>
      <c r="C8691" s="16">
        <v>8657</v>
      </c>
      <c r="D8691" cm="1">
        <f t="array" ref="D8691">IFERROR(INDEX(Jesper!AH$2:AH$366,ROUNDDOWN($C8691/24,0)+1,1)*INDEX($D$3:$AA$30,INDEX(Jesper!$R$2:$R$366,ROW(INDEX(Jesper!AH$2:AH$366,ROUNDDOWN($C8691/24,0)+1,1))-1)+IF('Standard Profiles'!$G$18=$B$10,7,0)+IF('Standard Profiles'!$G$18=$B$17,14,0)+IF('Standard Profiles'!$G$18=$B$24,21,0),MOD($C8691,24)+1)/SUM(INDEX($D$3:$AA$30,INDEX(Jesper!$R$2:$R$366,ROW(INDEX(Jesper!AH$2:AH$366,ROUNDDOWN($C8691/24,0)+1,1))-1)+IF('Standard Profiles'!$G$18=$B$10,7,0)+IF('Standard Profiles'!$G$18=$B$17,14,0)+IF('Standard Profiles'!$G$18=$B$24,21,0),0)),0)</f>
        <v>8.9098443050445759</v>
      </c>
      <c r="E8691" cm="1">
        <f t="array" ref="E8691">IFERROR(INDEX(Jesper!AI$2:AI$366,ROUNDDOWN($C8691/24,0)+1,1)*INDEX($D$3:$AA$30,INDEX(Jesper!$R$2:$R$366,ROW(INDEX(Jesper!AI$2:AI$366,ROUNDDOWN($C8691/24,0)+1,1))-1)+IF('Standard Profiles'!$G$19=$B$10,7,0)+IF('Standard Profiles'!$G$19=$B$17,14,0)+IF('Standard Profiles'!$G$19=$B$24,21,0),MOD($C8691,24)+1)/SUM(INDEX($D$3:$AA$30,INDEX(Jesper!$R$2:$R$366,ROW(INDEX(Jesper!AI$2:AI$366,ROUNDDOWN($C8691/24,0)+1,1))-1)+IF('Standard Profiles'!$G$19=$B$10,7,0)+IF('Standard Profiles'!$G$19=$B$17,14,0)+IF('Standard Profiles'!$G$19=$B$24,21,0),0)),0)</f>
        <v>8.1722012993756863</v>
      </c>
      <c r="F8691" cm="1">
        <f t="array" ref="F8691">IFERROR(INDEX(Jesper!AJ$2:AJ$366,ROUNDDOWN($C8691/24,0)+1,1)*INDEX($D$3:$AA$30,INDEX(Jesper!$R$2:$R$366,ROW(INDEX(Jesper!AJ$2:AJ$366,ROUNDDOWN($C8691/24,0)+1,1))-1)+IF('Standard Profiles'!$G$20=$B$10,7,0)+IF('Standard Profiles'!$G$20=$B$17,14,0)+IF('Standard Profiles'!$G$20=$B$24,21,0),MOD($C8691,24)+1)/SUM(INDEX($D$3:$AA$30,INDEX(Jesper!$R$2:$R$366,ROW(INDEX(Jesper!AJ$2:AJ$366,ROUNDDOWN($C8691/24,0)+1,1))-1)+IF('Standard Profiles'!$G$20=$B$10,7,0)+IF('Standard Profiles'!$G$20=$B$17,14,0)+IF('Standard Profiles'!$G$20=$B$24,21,0),0)),0)</f>
        <v>0</v>
      </c>
      <c r="G8691" cm="1">
        <f t="array" ref="G8691">IFERROR(INDEX(Jesper!AK$2:AK$366,ROUNDDOWN($C8691/24,0)+1,1)*INDEX($D$3:$AA$30,INDEX(Jesper!$R$2:$R$366,ROW(INDEX(Jesper!AK$2:AK$366,ROUNDDOWN($C8691/24,0)+1,1))-1)+IF('Standard Profiles'!$G$21=$B$10,7,0)+IF('Standard Profiles'!$G$21=$B$17,14,0)+IF('Standard Profiles'!$G$21=$B$24,21,0),MOD($C8691,24)+1)/SUM(INDEX($D$3:$AA$30,INDEX(Jesper!$R$2:$R$366,ROW(INDEX(Jesper!AK$2:AK$366,ROUNDDOWN($C8691/24,0)+1,1))-1)+IF('Standard Profiles'!$G$21=$B$10,7,0)+IF('Standard Profiles'!$G$21=$B$17,14,0)+IF('Standard Profiles'!$G$21=$B$24,21,0),0)),0)</f>
        <v>11.580570660607625</v>
      </c>
      <c r="H8691" cm="1">
        <f t="array" ref="H8691">IFERROR(INDEX(Jesper!AL$2:AL$366,ROUNDDOWN($C8691/24,0)+1,1)*INDEX($D$3:$AA$30,INDEX(Jesper!$R$2:$R$366,ROW(INDEX(Jesper!AL$2:AL$366,ROUNDDOWN($C8691/24,0)+1,1))-1)+IF('Standard Profiles'!$G$22=$B$10,7,0)+IF('Standard Profiles'!$G$22=$B$17,14,0)+IF('Standard Profiles'!$G$22=$B$24,21,0),MOD($C8691,24)+1)/SUM(INDEX($D$3:$AA$30,INDEX(Jesper!$R$2:$R$366,ROW(INDEX(Jesper!AL$2:AL$366,ROUNDDOWN($C8691/24,0)+1,1))-1)+IF('Standard Profiles'!$G$22=$B$10,7,0)+IF('Standard Profiles'!$G$22=$B$17,14,0)+IF('Standard Profiles'!$G$22=$B$24,21,0),0)),0)</f>
        <v>0</v>
      </c>
      <c r="I8691">
        <f t="shared" si="965"/>
        <v>5.5586739170916575</v>
      </c>
      <c r="J8691">
        <f t="shared" si="966"/>
        <v>21.678367259129097</v>
      </c>
      <c r="K8691">
        <f t="shared" si="967"/>
        <v>0.95038339253808812</v>
      </c>
      <c r="L8691">
        <f t="shared" si="968"/>
        <v>0.47519169626904406</v>
      </c>
      <c r="M8691">
        <f t="shared" si="969"/>
        <v>0</v>
      </c>
      <c r="N8691" s="45">
        <f t="shared" si="970"/>
        <v>45287.708333312337</v>
      </c>
    </row>
    <row r="8692" spans="2:14" x14ac:dyDescent="0.25">
      <c r="B8692">
        <f t="shared" si="964"/>
        <v>3</v>
      </c>
      <c r="C8692" s="16">
        <v>8658</v>
      </c>
      <c r="D8692" cm="1">
        <f t="array" ref="D8692">IFERROR(INDEX(Jesper!AH$2:AH$366,ROUNDDOWN($C8692/24,0)+1,1)*INDEX($D$3:$AA$30,INDEX(Jesper!$R$2:$R$366,ROW(INDEX(Jesper!AH$2:AH$366,ROUNDDOWN($C8692/24,0)+1,1))-1)+IF('Standard Profiles'!$G$18=$B$10,7,0)+IF('Standard Profiles'!$G$18=$B$17,14,0)+IF('Standard Profiles'!$G$18=$B$24,21,0),MOD($C8692,24)+1)/SUM(INDEX($D$3:$AA$30,INDEX(Jesper!$R$2:$R$366,ROW(INDEX(Jesper!AH$2:AH$366,ROUNDDOWN($C8692/24,0)+1,1))-1)+IF('Standard Profiles'!$G$18=$B$10,7,0)+IF('Standard Profiles'!$G$18=$B$17,14,0)+IF('Standard Profiles'!$G$18=$B$24,21,0),0)),0)</f>
        <v>5.8804972413294196</v>
      </c>
      <c r="E8692" cm="1">
        <f t="array" ref="E8692">IFERROR(INDEX(Jesper!AI$2:AI$366,ROUNDDOWN($C8692/24,0)+1,1)*INDEX($D$3:$AA$30,INDEX(Jesper!$R$2:$R$366,ROW(INDEX(Jesper!AI$2:AI$366,ROUNDDOWN($C8692/24,0)+1,1))-1)+IF('Standard Profiles'!$G$19=$B$10,7,0)+IF('Standard Profiles'!$G$19=$B$17,14,0)+IF('Standard Profiles'!$G$19=$B$24,21,0),MOD($C8692,24)+1)/SUM(INDEX($D$3:$AA$30,INDEX(Jesper!$R$2:$R$366,ROW(INDEX(Jesper!AI$2:AI$366,ROUNDDOWN($C8692/24,0)+1,1))-1)+IF('Standard Profiles'!$G$19=$B$10,7,0)+IF('Standard Profiles'!$G$19=$B$17,14,0)+IF('Standard Profiles'!$G$19=$B$24,21,0),0)),0)</f>
        <v>5.393652857587953</v>
      </c>
      <c r="F8692" cm="1">
        <f t="array" ref="F8692">IFERROR(INDEX(Jesper!AJ$2:AJ$366,ROUNDDOWN($C8692/24,0)+1,1)*INDEX($D$3:$AA$30,INDEX(Jesper!$R$2:$R$366,ROW(INDEX(Jesper!AJ$2:AJ$366,ROUNDDOWN($C8692/24,0)+1,1))-1)+IF('Standard Profiles'!$G$20=$B$10,7,0)+IF('Standard Profiles'!$G$20=$B$17,14,0)+IF('Standard Profiles'!$G$20=$B$24,21,0),MOD($C8692,24)+1)/SUM(INDEX($D$3:$AA$30,INDEX(Jesper!$R$2:$R$366,ROW(INDEX(Jesper!AJ$2:AJ$366,ROUNDDOWN($C8692/24,0)+1,1))-1)+IF('Standard Profiles'!$G$20=$B$10,7,0)+IF('Standard Profiles'!$G$20=$B$17,14,0)+IF('Standard Profiles'!$G$20=$B$24,21,0),0)),0)</f>
        <v>0</v>
      </c>
      <c r="G8692" cm="1">
        <f t="array" ref="G8692">IFERROR(INDEX(Jesper!AK$2:AK$366,ROUNDDOWN($C8692/24,0)+1,1)*INDEX($D$3:$AA$30,INDEX(Jesper!$R$2:$R$366,ROW(INDEX(Jesper!AK$2:AK$366,ROUNDDOWN($C8692/24,0)+1,1))-1)+IF('Standard Profiles'!$G$21=$B$10,7,0)+IF('Standard Profiles'!$G$21=$B$17,14,0)+IF('Standard Profiles'!$G$21=$B$24,21,0),MOD($C8692,24)+1)/SUM(INDEX($D$3:$AA$30,INDEX(Jesper!$R$2:$R$366,ROW(INDEX(Jesper!AK$2:AK$366,ROUNDDOWN($C8692/24,0)+1,1))-1)+IF('Standard Profiles'!$G$21=$B$10,7,0)+IF('Standard Profiles'!$G$21=$B$17,14,0)+IF('Standard Profiles'!$G$21=$B$24,21,0),0)),0)</f>
        <v>4.2930753144050513</v>
      </c>
      <c r="H8692" cm="1">
        <f t="array" ref="H8692">IFERROR(INDEX(Jesper!AL$2:AL$366,ROUNDDOWN($C8692/24,0)+1,1)*INDEX($D$3:$AA$30,INDEX(Jesper!$R$2:$R$366,ROW(INDEX(Jesper!AL$2:AL$366,ROUNDDOWN($C8692/24,0)+1,1))-1)+IF('Standard Profiles'!$G$22=$B$10,7,0)+IF('Standard Profiles'!$G$22=$B$17,14,0)+IF('Standard Profiles'!$G$22=$B$24,21,0),MOD($C8692,24)+1)/SUM(INDEX($D$3:$AA$30,INDEX(Jesper!$R$2:$R$366,ROW(INDEX(Jesper!AL$2:AL$366,ROUNDDOWN($C8692/24,0)+1,1))-1)+IF('Standard Profiles'!$G$22=$B$10,7,0)+IF('Standard Profiles'!$G$22=$B$17,14,0)+IF('Standard Profiles'!$G$22=$B$24,21,0),0)),0)</f>
        <v>0</v>
      </c>
      <c r="I8692">
        <f t="shared" si="965"/>
        <v>2.0606761509144236</v>
      </c>
      <c r="J8692">
        <f t="shared" si="966"/>
        <v>12.565669703795294</v>
      </c>
      <c r="K8692">
        <f t="shared" si="967"/>
        <v>0.62725303907513819</v>
      </c>
      <c r="L8692">
        <f t="shared" si="968"/>
        <v>0.31362651953756909</v>
      </c>
      <c r="M8692">
        <f t="shared" si="969"/>
        <v>0</v>
      </c>
      <c r="N8692" s="45">
        <f t="shared" si="970"/>
        <v>45287.749999979002</v>
      </c>
    </row>
    <row r="8693" spans="2:14" x14ac:dyDescent="0.25">
      <c r="B8693">
        <f t="shared" si="964"/>
        <v>3</v>
      </c>
      <c r="C8693" s="16">
        <v>8659</v>
      </c>
      <c r="D8693" cm="1">
        <f t="array" ref="D8693">IFERROR(INDEX(Jesper!AH$2:AH$366,ROUNDDOWN($C8693/24,0)+1,1)*INDEX($D$3:$AA$30,INDEX(Jesper!$R$2:$R$366,ROW(INDEX(Jesper!AH$2:AH$366,ROUNDDOWN($C8693/24,0)+1,1))-1)+IF('Standard Profiles'!$G$18=$B$10,7,0)+IF('Standard Profiles'!$G$18=$B$17,14,0)+IF('Standard Profiles'!$G$18=$B$24,21,0),MOD($C8693,24)+1)/SUM(INDEX($D$3:$AA$30,INDEX(Jesper!$R$2:$R$366,ROW(INDEX(Jesper!AH$2:AH$366,ROUNDDOWN($C8693/24,0)+1,1))-1)+IF('Standard Profiles'!$G$18=$B$10,7,0)+IF('Standard Profiles'!$G$18=$B$17,14,0)+IF('Standard Profiles'!$G$18=$B$24,21,0),0)),0)</f>
        <v>5.8804972413294196</v>
      </c>
      <c r="E8693" cm="1">
        <f t="array" ref="E8693">IFERROR(INDEX(Jesper!AI$2:AI$366,ROUNDDOWN($C8693/24,0)+1,1)*INDEX($D$3:$AA$30,INDEX(Jesper!$R$2:$R$366,ROW(INDEX(Jesper!AI$2:AI$366,ROUNDDOWN($C8693/24,0)+1,1))-1)+IF('Standard Profiles'!$G$19=$B$10,7,0)+IF('Standard Profiles'!$G$19=$B$17,14,0)+IF('Standard Profiles'!$G$19=$B$24,21,0),MOD($C8693,24)+1)/SUM(INDEX($D$3:$AA$30,INDEX(Jesper!$R$2:$R$366,ROW(INDEX(Jesper!AI$2:AI$366,ROUNDDOWN($C8693/24,0)+1,1))-1)+IF('Standard Profiles'!$G$19=$B$10,7,0)+IF('Standard Profiles'!$G$19=$B$17,14,0)+IF('Standard Profiles'!$G$19=$B$24,21,0),0)),0)</f>
        <v>5.393652857587953</v>
      </c>
      <c r="F8693" cm="1">
        <f t="array" ref="F8693">IFERROR(INDEX(Jesper!AJ$2:AJ$366,ROUNDDOWN($C8693/24,0)+1,1)*INDEX($D$3:$AA$30,INDEX(Jesper!$R$2:$R$366,ROW(INDEX(Jesper!AJ$2:AJ$366,ROUNDDOWN($C8693/24,0)+1,1))-1)+IF('Standard Profiles'!$G$20=$B$10,7,0)+IF('Standard Profiles'!$G$20=$B$17,14,0)+IF('Standard Profiles'!$G$20=$B$24,21,0),MOD($C8693,24)+1)/SUM(INDEX($D$3:$AA$30,INDEX(Jesper!$R$2:$R$366,ROW(INDEX(Jesper!AJ$2:AJ$366,ROUNDDOWN($C8693/24,0)+1,1))-1)+IF('Standard Profiles'!$G$20=$B$10,7,0)+IF('Standard Profiles'!$G$20=$B$17,14,0)+IF('Standard Profiles'!$G$20=$B$24,21,0),0)),0)</f>
        <v>0</v>
      </c>
      <c r="G8693" cm="1">
        <f t="array" ref="G8693">IFERROR(INDEX(Jesper!AK$2:AK$366,ROUNDDOWN($C8693/24,0)+1,1)*INDEX($D$3:$AA$30,INDEX(Jesper!$R$2:$R$366,ROW(INDEX(Jesper!AK$2:AK$366,ROUNDDOWN($C8693/24,0)+1,1))-1)+IF('Standard Profiles'!$G$21=$B$10,7,0)+IF('Standard Profiles'!$G$21=$B$17,14,0)+IF('Standard Profiles'!$G$21=$B$24,21,0),MOD($C8693,24)+1)/SUM(INDEX($D$3:$AA$30,INDEX(Jesper!$R$2:$R$366,ROW(INDEX(Jesper!AK$2:AK$366,ROUNDDOWN($C8693/24,0)+1,1))-1)+IF('Standard Profiles'!$G$21=$B$10,7,0)+IF('Standard Profiles'!$G$21=$B$17,14,0)+IF('Standard Profiles'!$G$21=$B$24,21,0),0)),0)</f>
        <v>4.2930753144050513</v>
      </c>
      <c r="H8693" cm="1">
        <f t="array" ref="H8693">IFERROR(INDEX(Jesper!AL$2:AL$366,ROUNDDOWN($C8693/24,0)+1,1)*INDEX($D$3:$AA$30,INDEX(Jesper!$R$2:$R$366,ROW(INDEX(Jesper!AL$2:AL$366,ROUNDDOWN($C8693/24,0)+1,1))-1)+IF('Standard Profiles'!$G$22=$B$10,7,0)+IF('Standard Profiles'!$G$22=$B$17,14,0)+IF('Standard Profiles'!$G$22=$B$24,21,0),MOD($C8693,24)+1)/SUM(INDEX($D$3:$AA$30,INDEX(Jesper!$R$2:$R$366,ROW(INDEX(Jesper!AL$2:AL$366,ROUNDDOWN($C8693/24,0)+1,1))-1)+IF('Standard Profiles'!$G$22=$B$10,7,0)+IF('Standard Profiles'!$G$22=$B$17,14,0)+IF('Standard Profiles'!$G$22=$B$24,21,0),0)),0)</f>
        <v>0</v>
      </c>
      <c r="I8693">
        <f t="shared" si="965"/>
        <v>2.0606761509144236</v>
      </c>
      <c r="J8693">
        <f t="shared" si="966"/>
        <v>12.565669703795294</v>
      </c>
      <c r="K8693">
        <f t="shared" si="967"/>
        <v>0.62725303907513819</v>
      </c>
      <c r="L8693">
        <f t="shared" si="968"/>
        <v>0.31362651953756909</v>
      </c>
      <c r="M8693">
        <f t="shared" si="969"/>
        <v>0</v>
      </c>
      <c r="N8693" s="45">
        <f t="shared" si="970"/>
        <v>45287.791666645666</v>
      </c>
    </row>
    <row r="8694" spans="2:14" x14ac:dyDescent="0.25">
      <c r="B8694">
        <f t="shared" si="964"/>
        <v>3</v>
      </c>
      <c r="C8694" s="16">
        <v>8660</v>
      </c>
      <c r="D8694" cm="1">
        <f t="array" ref="D8694">IFERROR(INDEX(Jesper!AH$2:AH$366,ROUNDDOWN($C8694/24,0)+1,1)*INDEX($D$3:$AA$30,INDEX(Jesper!$R$2:$R$366,ROW(INDEX(Jesper!AH$2:AH$366,ROUNDDOWN($C8694/24,0)+1,1))-1)+IF('Standard Profiles'!$G$18=$B$10,7,0)+IF('Standard Profiles'!$G$18=$B$17,14,0)+IF('Standard Profiles'!$G$18=$B$24,21,0),MOD($C8694,24)+1)/SUM(INDEX($D$3:$AA$30,INDEX(Jesper!$R$2:$R$366,ROW(INDEX(Jesper!AH$2:AH$366,ROUNDDOWN($C8694/24,0)+1,1))-1)+IF('Standard Profiles'!$G$18=$B$10,7,0)+IF('Standard Profiles'!$G$18=$B$17,14,0)+IF('Standard Profiles'!$G$18=$B$24,21,0),0)),0)</f>
        <v>5.8804972413294196</v>
      </c>
      <c r="E8694" cm="1">
        <f t="array" ref="E8694">IFERROR(INDEX(Jesper!AI$2:AI$366,ROUNDDOWN($C8694/24,0)+1,1)*INDEX($D$3:$AA$30,INDEX(Jesper!$R$2:$R$366,ROW(INDEX(Jesper!AI$2:AI$366,ROUNDDOWN($C8694/24,0)+1,1))-1)+IF('Standard Profiles'!$G$19=$B$10,7,0)+IF('Standard Profiles'!$G$19=$B$17,14,0)+IF('Standard Profiles'!$G$19=$B$24,21,0),MOD($C8694,24)+1)/SUM(INDEX($D$3:$AA$30,INDEX(Jesper!$R$2:$R$366,ROW(INDEX(Jesper!AI$2:AI$366,ROUNDDOWN($C8694/24,0)+1,1))-1)+IF('Standard Profiles'!$G$19=$B$10,7,0)+IF('Standard Profiles'!$G$19=$B$17,14,0)+IF('Standard Profiles'!$G$19=$B$24,21,0),0)),0)</f>
        <v>5.393652857587953</v>
      </c>
      <c r="F8694" cm="1">
        <f t="array" ref="F8694">IFERROR(INDEX(Jesper!AJ$2:AJ$366,ROUNDDOWN($C8694/24,0)+1,1)*INDEX($D$3:$AA$30,INDEX(Jesper!$R$2:$R$366,ROW(INDEX(Jesper!AJ$2:AJ$366,ROUNDDOWN($C8694/24,0)+1,1))-1)+IF('Standard Profiles'!$G$20=$B$10,7,0)+IF('Standard Profiles'!$G$20=$B$17,14,0)+IF('Standard Profiles'!$G$20=$B$24,21,0),MOD($C8694,24)+1)/SUM(INDEX($D$3:$AA$30,INDEX(Jesper!$R$2:$R$366,ROW(INDEX(Jesper!AJ$2:AJ$366,ROUNDDOWN($C8694/24,0)+1,1))-1)+IF('Standard Profiles'!$G$20=$B$10,7,0)+IF('Standard Profiles'!$G$20=$B$17,14,0)+IF('Standard Profiles'!$G$20=$B$24,21,0),0)),0)</f>
        <v>0</v>
      </c>
      <c r="G8694" cm="1">
        <f t="array" ref="G8694">IFERROR(INDEX(Jesper!AK$2:AK$366,ROUNDDOWN($C8694/24,0)+1,1)*INDEX($D$3:$AA$30,INDEX(Jesper!$R$2:$R$366,ROW(INDEX(Jesper!AK$2:AK$366,ROUNDDOWN($C8694/24,0)+1,1))-1)+IF('Standard Profiles'!$G$21=$B$10,7,0)+IF('Standard Profiles'!$G$21=$B$17,14,0)+IF('Standard Profiles'!$G$21=$B$24,21,0),MOD($C8694,24)+1)/SUM(INDEX($D$3:$AA$30,INDEX(Jesper!$R$2:$R$366,ROW(INDEX(Jesper!AK$2:AK$366,ROUNDDOWN($C8694/24,0)+1,1))-1)+IF('Standard Profiles'!$G$21=$B$10,7,0)+IF('Standard Profiles'!$G$21=$B$17,14,0)+IF('Standard Profiles'!$G$21=$B$24,21,0),0)),0)</f>
        <v>4.2930753144050513</v>
      </c>
      <c r="H8694" cm="1">
        <f t="array" ref="H8694">IFERROR(INDEX(Jesper!AL$2:AL$366,ROUNDDOWN($C8694/24,0)+1,1)*INDEX($D$3:$AA$30,INDEX(Jesper!$R$2:$R$366,ROW(INDEX(Jesper!AL$2:AL$366,ROUNDDOWN($C8694/24,0)+1,1))-1)+IF('Standard Profiles'!$G$22=$B$10,7,0)+IF('Standard Profiles'!$G$22=$B$17,14,0)+IF('Standard Profiles'!$G$22=$B$24,21,0),MOD($C8694,24)+1)/SUM(INDEX($D$3:$AA$30,INDEX(Jesper!$R$2:$R$366,ROW(INDEX(Jesper!AL$2:AL$366,ROUNDDOWN($C8694/24,0)+1,1))-1)+IF('Standard Profiles'!$G$22=$B$10,7,0)+IF('Standard Profiles'!$G$22=$B$17,14,0)+IF('Standard Profiles'!$G$22=$B$24,21,0),0)),0)</f>
        <v>0</v>
      </c>
      <c r="I8694">
        <f t="shared" si="965"/>
        <v>2.0606761509144236</v>
      </c>
      <c r="J8694">
        <f t="shared" si="966"/>
        <v>12.565669703795294</v>
      </c>
      <c r="K8694">
        <f t="shared" si="967"/>
        <v>0.62725303907513819</v>
      </c>
      <c r="L8694">
        <f t="shared" si="968"/>
        <v>0.31362651953756909</v>
      </c>
      <c r="M8694">
        <f t="shared" si="969"/>
        <v>0</v>
      </c>
      <c r="N8694" s="45">
        <f t="shared" si="970"/>
        <v>45287.83333331233</v>
      </c>
    </row>
    <row r="8695" spans="2:14" x14ac:dyDescent="0.25">
      <c r="B8695">
        <f t="shared" si="964"/>
        <v>3</v>
      </c>
      <c r="C8695" s="16">
        <v>8661</v>
      </c>
      <c r="D8695" cm="1">
        <f t="array" ref="D8695">IFERROR(INDEX(Jesper!AH$2:AH$366,ROUNDDOWN($C8695/24,0)+1,1)*INDEX($D$3:$AA$30,INDEX(Jesper!$R$2:$R$366,ROW(INDEX(Jesper!AH$2:AH$366,ROUNDDOWN($C8695/24,0)+1,1))-1)+IF('Standard Profiles'!$G$18=$B$10,7,0)+IF('Standard Profiles'!$G$18=$B$17,14,0)+IF('Standard Profiles'!$G$18=$B$24,21,0),MOD($C8695,24)+1)/SUM(INDEX($D$3:$AA$30,INDEX(Jesper!$R$2:$R$366,ROW(INDEX(Jesper!AH$2:AH$366,ROUNDDOWN($C8695/24,0)+1,1))-1)+IF('Standard Profiles'!$G$18=$B$10,7,0)+IF('Standard Profiles'!$G$18=$B$17,14,0)+IF('Standard Profiles'!$G$18=$B$24,21,0),0)),0)</f>
        <v>5.8804972413294196</v>
      </c>
      <c r="E8695" cm="1">
        <f t="array" ref="E8695">IFERROR(INDEX(Jesper!AI$2:AI$366,ROUNDDOWN($C8695/24,0)+1,1)*INDEX($D$3:$AA$30,INDEX(Jesper!$R$2:$R$366,ROW(INDEX(Jesper!AI$2:AI$366,ROUNDDOWN($C8695/24,0)+1,1))-1)+IF('Standard Profiles'!$G$19=$B$10,7,0)+IF('Standard Profiles'!$G$19=$B$17,14,0)+IF('Standard Profiles'!$G$19=$B$24,21,0),MOD($C8695,24)+1)/SUM(INDEX($D$3:$AA$30,INDEX(Jesper!$R$2:$R$366,ROW(INDEX(Jesper!AI$2:AI$366,ROUNDDOWN($C8695/24,0)+1,1))-1)+IF('Standard Profiles'!$G$19=$B$10,7,0)+IF('Standard Profiles'!$G$19=$B$17,14,0)+IF('Standard Profiles'!$G$19=$B$24,21,0),0)),0)</f>
        <v>5.393652857587953</v>
      </c>
      <c r="F8695" cm="1">
        <f t="array" ref="F8695">IFERROR(INDEX(Jesper!AJ$2:AJ$366,ROUNDDOWN($C8695/24,0)+1,1)*INDEX($D$3:$AA$30,INDEX(Jesper!$R$2:$R$366,ROW(INDEX(Jesper!AJ$2:AJ$366,ROUNDDOWN($C8695/24,0)+1,1))-1)+IF('Standard Profiles'!$G$20=$B$10,7,0)+IF('Standard Profiles'!$G$20=$B$17,14,0)+IF('Standard Profiles'!$G$20=$B$24,21,0),MOD($C8695,24)+1)/SUM(INDEX($D$3:$AA$30,INDEX(Jesper!$R$2:$R$366,ROW(INDEX(Jesper!AJ$2:AJ$366,ROUNDDOWN($C8695/24,0)+1,1))-1)+IF('Standard Profiles'!$G$20=$B$10,7,0)+IF('Standard Profiles'!$G$20=$B$17,14,0)+IF('Standard Profiles'!$G$20=$B$24,21,0),0)),0)</f>
        <v>0</v>
      </c>
      <c r="G8695" cm="1">
        <f t="array" ref="G8695">IFERROR(INDEX(Jesper!AK$2:AK$366,ROUNDDOWN($C8695/24,0)+1,1)*INDEX($D$3:$AA$30,INDEX(Jesper!$R$2:$R$366,ROW(INDEX(Jesper!AK$2:AK$366,ROUNDDOWN($C8695/24,0)+1,1))-1)+IF('Standard Profiles'!$G$21=$B$10,7,0)+IF('Standard Profiles'!$G$21=$B$17,14,0)+IF('Standard Profiles'!$G$21=$B$24,21,0),MOD($C8695,24)+1)/SUM(INDEX($D$3:$AA$30,INDEX(Jesper!$R$2:$R$366,ROW(INDEX(Jesper!AK$2:AK$366,ROUNDDOWN($C8695/24,0)+1,1))-1)+IF('Standard Profiles'!$G$21=$B$10,7,0)+IF('Standard Profiles'!$G$21=$B$17,14,0)+IF('Standard Profiles'!$G$21=$B$24,21,0),0)),0)</f>
        <v>4.2930753144050513</v>
      </c>
      <c r="H8695" cm="1">
        <f t="array" ref="H8695">IFERROR(INDEX(Jesper!AL$2:AL$366,ROUNDDOWN($C8695/24,0)+1,1)*INDEX($D$3:$AA$30,INDEX(Jesper!$R$2:$R$366,ROW(INDEX(Jesper!AL$2:AL$366,ROUNDDOWN($C8695/24,0)+1,1))-1)+IF('Standard Profiles'!$G$22=$B$10,7,0)+IF('Standard Profiles'!$G$22=$B$17,14,0)+IF('Standard Profiles'!$G$22=$B$24,21,0),MOD($C8695,24)+1)/SUM(INDEX($D$3:$AA$30,INDEX(Jesper!$R$2:$R$366,ROW(INDEX(Jesper!AL$2:AL$366,ROUNDDOWN($C8695/24,0)+1,1))-1)+IF('Standard Profiles'!$G$22=$B$10,7,0)+IF('Standard Profiles'!$G$22=$B$17,14,0)+IF('Standard Profiles'!$G$22=$B$24,21,0),0)),0)</f>
        <v>0</v>
      </c>
      <c r="I8695">
        <f t="shared" si="965"/>
        <v>2.0606761509144236</v>
      </c>
      <c r="J8695">
        <f t="shared" si="966"/>
        <v>12.565669703795294</v>
      </c>
      <c r="K8695">
        <f t="shared" si="967"/>
        <v>0.62725303907513819</v>
      </c>
      <c r="L8695">
        <f t="shared" si="968"/>
        <v>0.31362651953756909</v>
      </c>
      <c r="M8695">
        <f t="shared" si="969"/>
        <v>0</v>
      </c>
      <c r="N8695" s="45">
        <f t="shared" si="970"/>
        <v>45287.874999978994</v>
      </c>
    </row>
    <row r="8696" spans="2:14" x14ac:dyDescent="0.25">
      <c r="B8696">
        <f t="shared" si="964"/>
        <v>3</v>
      </c>
      <c r="C8696" s="16">
        <v>8662</v>
      </c>
      <c r="D8696" cm="1">
        <f t="array" ref="D8696">IFERROR(INDEX(Jesper!AH$2:AH$366,ROUNDDOWN($C8696/24,0)+1,1)*INDEX($D$3:$AA$30,INDEX(Jesper!$R$2:$R$366,ROW(INDEX(Jesper!AH$2:AH$366,ROUNDDOWN($C8696/24,0)+1,1))-1)+IF('Standard Profiles'!$G$18=$B$10,7,0)+IF('Standard Profiles'!$G$18=$B$17,14,0)+IF('Standard Profiles'!$G$18=$B$24,21,0),MOD($C8696,24)+1)/SUM(INDEX($D$3:$AA$30,INDEX(Jesper!$R$2:$R$366,ROW(INDEX(Jesper!AH$2:AH$366,ROUNDDOWN($C8696/24,0)+1,1))-1)+IF('Standard Profiles'!$G$18=$B$10,7,0)+IF('Standard Profiles'!$G$18=$B$17,14,0)+IF('Standard Profiles'!$G$18=$B$24,21,0),0)),0)</f>
        <v>5.8804972413294196</v>
      </c>
      <c r="E8696" cm="1">
        <f t="array" ref="E8696">IFERROR(INDEX(Jesper!AI$2:AI$366,ROUNDDOWN($C8696/24,0)+1,1)*INDEX($D$3:$AA$30,INDEX(Jesper!$R$2:$R$366,ROW(INDEX(Jesper!AI$2:AI$366,ROUNDDOWN($C8696/24,0)+1,1))-1)+IF('Standard Profiles'!$G$19=$B$10,7,0)+IF('Standard Profiles'!$G$19=$B$17,14,0)+IF('Standard Profiles'!$G$19=$B$24,21,0),MOD($C8696,24)+1)/SUM(INDEX($D$3:$AA$30,INDEX(Jesper!$R$2:$R$366,ROW(INDEX(Jesper!AI$2:AI$366,ROUNDDOWN($C8696/24,0)+1,1))-1)+IF('Standard Profiles'!$G$19=$B$10,7,0)+IF('Standard Profiles'!$G$19=$B$17,14,0)+IF('Standard Profiles'!$G$19=$B$24,21,0),0)),0)</f>
        <v>5.393652857587953</v>
      </c>
      <c r="F8696" cm="1">
        <f t="array" ref="F8696">IFERROR(INDEX(Jesper!AJ$2:AJ$366,ROUNDDOWN($C8696/24,0)+1,1)*INDEX($D$3:$AA$30,INDEX(Jesper!$R$2:$R$366,ROW(INDEX(Jesper!AJ$2:AJ$366,ROUNDDOWN($C8696/24,0)+1,1))-1)+IF('Standard Profiles'!$G$20=$B$10,7,0)+IF('Standard Profiles'!$G$20=$B$17,14,0)+IF('Standard Profiles'!$G$20=$B$24,21,0),MOD($C8696,24)+1)/SUM(INDEX($D$3:$AA$30,INDEX(Jesper!$R$2:$R$366,ROW(INDEX(Jesper!AJ$2:AJ$366,ROUNDDOWN($C8696/24,0)+1,1))-1)+IF('Standard Profiles'!$G$20=$B$10,7,0)+IF('Standard Profiles'!$G$20=$B$17,14,0)+IF('Standard Profiles'!$G$20=$B$24,21,0),0)),0)</f>
        <v>0</v>
      </c>
      <c r="G8696" cm="1">
        <f t="array" ref="G8696">IFERROR(INDEX(Jesper!AK$2:AK$366,ROUNDDOWN($C8696/24,0)+1,1)*INDEX($D$3:$AA$30,INDEX(Jesper!$R$2:$R$366,ROW(INDEX(Jesper!AK$2:AK$366,ROUNDDOWN($C8696/24,0)+1,1))-1)+IF('Standard Profiles'!$G$21=$B$10,7,0)+IF('Standard Profiles'!$G$21=$B$17,14,0)+IF('Standard Profiles'!$G$21=$B$24,21,0),MOD($C8696,24)+1)/SUM(INDEX($D$3:$AA$30,INDEX(Jesper!$R$2:$R$366,ROW(INDEX(Jesper!AK$2:AK$366,ROUNDDOWN($C8696/24,0)+1,1))-1)+IF('Standard Profiles'!$G$21=$B$10,7,0)+IF('Standard Profiles'!$G$21=$B$17,14,0)+IF('Standard Profiles'!$G$21=$B$24,21,0),0)),0)</f>
        <v>4.2930753144050513</v>
      </c>
      <c r="H8696" cm="1">
        <f t="array" ref="H8696">IFERROR(INDEX(Jesper!AL$2:AL$366,ROUNDDOWN($C8696/24,0)+1,1)*INDEX($D$3:$AA$30,INDEX(Jesper!$R$2:$R$366,ROW(INDEX(Jesper!AL$2:AL$366,ROUNDDOWN($C8696/24,0)+1,1))-1)+IF('Standard Profiles'!$G$22=$B$10,7,0)+IF('Standard Profiles'!$G$22=$B$17,14,0)+IF('Standard Profiles'!$G$22=$B$24,21,0),MOD($C8696,24)+1)/SUM(INDEX($D$3:$AA$30,INDEX(Jesper!$R$2:$R$366,ROW(INDEX(Jesper!AL$2:AL$366,ROUNDDOWN($C8696/24,0)+1,1))-1)+IF('Standard Profiles'!$G$22=$B$10,7,0)+IF('Standard Profiles'!$G$22=$B$17,14,0)+IF('Standard Profiles'!$G$22=$B$24,21,0),0)),0)</f>
        <v>0</v>
      </c>
      <c r="I8696">
        <f t="shared" si="965"/>
        <v>2.0606761509144236</v>
      </c>
      <c r="J8696">
        <f t="shared" si="966"/>
        <v>12.565669703795294</v>
      </c>
      <c r="K8696">
        <f t="shared" si="967"/>
        <v>0.62725303907513819</v>
      </c>
      <c r="L8696">
        <f t="shared" si="968"/>
        <v>0.31362651953756909</v>
      </c>
      <c r="M8696">
        <f t="shared" si="969"/>
        <v>0</v>
      </c>
      <c r="N8696" s="45">
        <f t="shared" si="970"/>
        <v>45287.916666645659</v>
      </c>
    </row>
    <row r="8697" spans="2:14" x14ac:dyDescent="0.25">
      <c r="B8697">
        <f t="shared" si="964"/>
        <v>3</v>
      </c>
      <c r="C8697" s="16">
        <v>8663</v>
      </c>
      <c r="D8697" cm="1">
        <f t="array" ref="D8697">IFERROR(INDEX(Jesper!AH$2:AH$366,ROUNDDOWN($C8697/24,0)+1,1)*INDEX($D$3:$AA$30,INDEX(Jesper!$R$2:$R$366,ROW(INDEX(Jesper!AH$2:AH$366,ROUNDDOWN($C8697/24,0)+1,1))-1)+IF('Standard Profiles'!$G$18=$B$10,7,0)+IF('Standard Profiles'!$G$18=$B$17,14,0)+IF('Standard Profiles'!$G$18=$B$24,21,0),MOD($C8697,24)+1)/SUM(INDEX($D$3:$AA$30,INDEX(Jesper!$R$2:$R$366,ROW(INDEX(Jesper!AH$2:AH$366,ROUNDDOWN($C8697/24,0)+1,1))-1)+IF('Standard Profiles'!$G$18=$B$10,7,0)+IF('Standard Profiles'!$G$18=$B$17,14,0)+IF('Standard Profiles'!$G$18=$B$24,21,0),0)),0)</f>
        <v>5.8804972413294196</v>
      </c>
      <c r="E8697" cm="1">
        <f t="array" ref="E8697">IFERROR(INDEX(Jesper!AI$2:AI$366,ROUNDDOWN($C8697/24,0)+1,1)*INDEX($D$3:$AA$30,INDEX(Jesper!$R$2:$R$366,ROW(INDEX(Jesper!AI$2:AI$366,ROUNDDOWN($C8697/24,0)+1,1))-1)+IF('Standard Profiles'!$G$19=$B$10,7,0)+IF('Standard Profiles'!$G$19=$B$17,14,0)+IF('Standard Profiles'!$G$19=$B$24,21,0),MOD($C8697,24)+1)/SUM(INDEX($D$3:$AA$30,INDEX(Jesper!$R$2:$R$366,ROW(INDEX(Jesper!AI$2:AI$366,ROUNDDOWN($C8697/24,0)+1,1))-1)+IF('Standard Profiles'!$G$19=$B$10,7,0)+IF('Standard Profiles'!$G$19=$B$17,14,0)+IF('Standard Profiles'!$G$19=$B$24,21,0),0)),0)</f>
        <v>5.393652857587953</v>
      </c>
      <c r="F8697" cm="1">
        <f t="array" ref="F8697">IFERROR(INDEX(Jesper!AJ$2:AJ$366,ROUNDDOWN($C8697/24,0)+1,1)*INDEX($D$3:$AA$30,INDEX(Jesper!$R$2:$R$366,ROW(INDEX(Jesper!AJ$2:AJ$366,ROUNDDOWN($C8697/24,0)+1,1))-1)+IF('Standard Profiles'!$G$20=$B$10,7,0)+IF('Standard Profiles'!$G$20=$B$17,14,0)+IF('Standard Profiles'!$G$20=$B$24,21,0),MOD($C8697,24)+1)/SUM(INDEX($D$3:$AA$30,INDEX(Jesper!$R$2:$R$366,ROW(INDEX(Jesper!AJ$2:AJ$366,ROUNDDOWN($C8697/24,0)+1,1))-1)+IF('Standard Profiles'!$G$20=$B$10,7,0)+IF('Standard Profiles'!$G$20=$B$17,14,0)+IF('Standard Profiles'!$G$20=$B$24,21,0),0)),0)</f>
        <v>0</v>
      </c>
      <c r="G8697" cm="1">
        <f t="array" ref="G8697">IFERROR(INDEX(Jesper!AK$2:AK$366,ROUNDDOWN($C8697/24,0)+1,1)*INDEX($D$3:$AA$30,INDEX(Jesper!$R$2:$R$366,ROW(INDEX(Jesper!AK$2:AK$366,ROUNDDOWN($C8697/24,0)+1,1))-1)+IF('Standard Profiles'!$G$21=$B$10,7,0)+IF('Standard Profiles'!$G$21=$B$17,14,0)+IF('Standard Profiles'!$G$21=$B$24,21,0),MOD($C8697,24)+1)/SUM(INDEX($D$3:$AA$30,INDEX(Jesper!$R$2:$R$366,ROW(INDEX(Jesper!AK$2:AK$366,ROUNDDOWN($C8697/24,0)+1,1))-1)+IF('Standard Profiles'!$G$21=$B$10,7,0)+IF('Standard Profiles'!$G$21=$B$17,14,0)+IF('Standard Profiles'!$G$21=$B$24,21,0),0)),0)</f>
        <v>4.2930753144050513</v>
      </c>
      <c r="H8697" cm="1">
        <f t="array" ref="H8697">IFERROR(INDEX(Jesper!AL$2:AL$366,ROUNDDOWN($C8697/24,0)+1,1)*INDEX($D$3:$AA$30,INDEX(Jesper!$R$2:$R$366,ROW(INDEX(Jesper!AL$2:AL$366,ROUNDDOWN($C8697/24,0)+1,1))-1)+IF('Standard Profiles'!$G$22=$B$10,7,0)+IF('Standard Profiles'!$G$22=$B$17,14,0)+IF('Standard Profiles'!$G$22=$B$24,21,0),MOD($C8697,24)+1)/SUM(INDEX($D$3:$AA$30,INDEX(Jesper!$R$2:$R$366,ROW(INDEX(Jesper!AL$2:AL$366,ROUNDDOWN($C8697/24,0)+1,1))-1)+IF('Standard Profiles'!$G$22=$B$10,7,0)+IF('Standard Profiles'!$G$22=$B$17,14,0)+IF('Standard Profiles'!$G$22=$B$24,21,0),0)),0)</f>
        <v>0</v>
      </c>
      <c r="I8697">
        <f t="shared" si="965"/>
        <v>2.0606761509144236</v>
      </c>
      <c r="J8697">
        <f t="shared" si="966"/>
        <v>12.565669703795294</v>
      </c>
      <c r="K8697">
        <f t="shared" si="967"/>
        <v>0.62725303907513819</v>
      </c>
      <c r="L8697">
        <f t="shared" si="968"/>
        <v>0.31362651953756909</v>
      </c>
      <c r="M8697">
        <f t="shared" si="969"/>
        <v>0</v>
      </c>
      <c r="N8697" s="45">
        <f t="shared" si="970"/>
        <v>45287.958333312323</v>
      </c>
    </row>
    <row r="8698" spans="2:14" x14ac:dyDescent="0.25">
      <c r="B8698">
        <f t="shared" si="964"/>
        <v>4</v>
      </c>
      <c r="C8698" s="16">
        <v>8664</v>
      </c>
      <c r="D8698" cm="1">
        <f t="array" ref="D8698">IFERROR(INDEX(Jesper!AH$2:AH$366,ROUNDDOWN($C8698/24,0)+1,1)*INDEX($D$3:$AA$30,INDEX(Jesper!$R$2:$R$366,ROW(INDEX(Jesper!AH$2:AH$366,ROUNDDOWN($C8698/24,0)+1,1))-1)+IF('Standard Profiles'!$G$18=$B$10,7,0)+IF('Standard Profiles'!$G$18=$B$17,14,0)+IF('Standard Profiles'!$G$18=$B$24,21,0),MOD($C8698,24)+1)/SUM(INDEX($D$3:$AA$30,INDEX(Jesper!$R$2:$R$366,ROW(INDEX(Jesper!AH$2:AH$366,ROUNDDOWN($C8698/24,0)+1,1))-1)+IF('Standard Profiles'!$G$18=$B$10,7,0)+IF('Standard Profiles'!$G$18=$B$17,14,0)+IF('Standard Profiles'!$G$18=$B$24,21,0),0)),0)</f>
        <v>6.0484718444700345</v>
      </c>
      <c r="E8698" cm="1">
        <f t="array" ref="E8698">IFERROR(INDEX(Jesper!AI$2:AI$366,ROUNDDOWN($C8698/24,0)+1,1)*INDEX($D$3:$AA$30,INDEX(Jesper!$R$2:$R$366,ROW(INDEX(Jesper!AI$2:AI$366,ROUNDDOWN($C8698/24,0)+1,1))-1)+IF('Standard Profiles'!$G$19=$B$10,7,0)+IF('Standard Profiles'!$G$19=$B$17,14,0)+IF('Standard Profiles'!$G$19=$B$24,21,0),MOD($C8698,24)+1)/SUM(INDEX($D$3:$AA$30,INDEX(Jesper!$R$2:$R$366,ROW(INDEX(Jesper!AI$2:AI$366,ROUNDDOWN($C8698/24,0)+1,1))-1)+IF('Standard Profiles'!$G$19=$B$10,7,0)+IF('Standard Profiles'!$G$19=$B$17,14,0)+IF('Standard Profiles'!$G$19=$B$24,21,0),0)),0)</f>
        <v>6.7847169352582677</v>
      </c>
      <c r="F8698" cm="1">
        <f t="array" ref="F8698">IFERROR(INDEX(Jesper!AJ$2:AJ$366,ROUNDDOWN($C8698/24,0)+1,1)*INDEX($D$3:$AA$30,INDEX(Jesper!$R$2:$R$366,ROW(INDEX(Jesper!AJ$2:AJ$366,ROUNDDOWN($C8698/24,0)+1,1))-1)+IF('Standard Profiles'!$G$20=$B$10,7,0)+IF('Standard Profiles'!$G$20=$B$17,14,0)+IF('Standard Profiles'!$G$20=$B$24,21,0),MOD($C8698,24)+1)/SUM(INDEX($D$3:$AA$30,INDEX(Jesper!$R$2:$R$366,ROW(INDEX(Jesper!AJ$2:AJ$366,ROUNDDOWN($C8698/24,0)+1,1))-1)+IF('Standard Profiles'!$G$20=$B$10,7,0)+IF('Standard Profiles'!$G$20=$B$17,14,0)+IF('Standard Profiles'!$G$20=$B$24,21,0),0)),0)</f>
        <v>0</v>
      </c>
      <c r="G8698" cm="1">
        <f t="array" ref="G8698">IFERROR(INDEX(Jesper!AK$2:AK$366,ROUNDDOWN($C8698/24,0)+1,1)*INDEX($D$3:$AA$30,INDEX(Jesper!$R$2:$R$366,ROW(INDEX(Jesper!AK$2:AK$366,ROUNDDOWN($C8698/24,0)+1,1))-1)+IF('Standard Profiles'!$G$21=$B$10,7,0)+IF('Standard Profiles'!$G$21=$B$17,14,0)+IF('Standard Profiles'!$G$21=$B$24,21,0),MOD($C8698,24)+1)/SUM(INDEX($D$3:$AA$30,INDEX(Jesper!$R$2:$R$366,ROW(INDEX(Jesper!AK$2:AK$366,ROUNDDOWN($C8698/24,0)+1,1))-1)+IF('Standard Profiles'!$G$21=$B$10,7,0)+IF('Standard Profiles'!$G$21=$B$17,14,0)+IF('Standard Profiles'!$G$21=$B$24,21,0),0)),0)</f>
        <v>7.8926695139931349</v>
      </c>
      <c r="H8698" cm="1">
        <f t="array" ref="H8698">IFERROR(INDEX(Jesper!AL$2:AL$366,ROUNDDOWN($C8698/24,0)+1,1)*INDEX($D$3:$AA$30,INDEX(Jesper!$R$2:$R$366,ROW(INDEX(Jesper!AL$2:AL$366,ROUNDDOWN($C8698/24,0)+1,1))-1)+IF('Standard Profiles'!$G$22=$B$10,7,0)+IF('Standard Profiles'!$G$22=$B$17,14,0)+IF('Standard Profiles'!$G$22=$B$24,21,0),MOD($C8698,24)+1)/SUM(INDEX($D$3:$AA$30,INDEX(Jesper!$R$2:$R$366,ROW(INDEX(Jesper!AL$2:AL$366,ROUNDDOWN($C8698/24,0)+1,1))-1)+IF('Standard Profiles'!$G$22=$B$10,7,0)+IF('Standard Profiles'!$G$22=$B$17,14,0)+IF('Standard Profiles'!$G$22=$B$24,21,0),0)),0)</f>
        <v>0</v>
      </c>
      <c r="I8698">
        <f t="shared" si="965"/>
        <v>3.7884813667167028</v>
      </c>
      <c r="J8698">
        <f t="shared" si="966"/>
        <v>15.969621431889529</v>
      </c>
      <c r="K8698">
        <f t="shared" si="967"/>
        <v>0.64517033007680369</v>
      </c>
      <c r="L8698">
        <f t="shared" si="968"/>
        <v>0.32258516503840184</v>
      </c>
      <c r="M8698">
        <f t="shared" si="969"/>
        <v>0</v>
      </c>
      <c r="N8698" s="45">
        <f t="shared" si="970"/>
        <v>45287.999999978987</v>
      </c>
    </row>
    <row r="8699" spans="2:14" x14ac:dyDescent="0.25">
      <c r="B8699">
        <f t="shared" si="964"/>
        <v>4</v>
      </c>
      <c r="C8699" s="16">
        <v>8665</v>
      </c>
      <c r="D8699" cm="1">
        <f t="array" ref="D8699">IFERROR(INDEX(Jesper!AH$2:AH$366,ROUNDDOWN($C8699/24,0)+1,1)*INDEX($D$3:$AA$30,INDEX(Jesper!$R$2:$R$366,ROW(INDEX(Jesper!AH$2:AH$366,ROUNDDOWN($C8699/24,0)+1,1))-1)+IF('Standard Profiles'!$G$18=$B$10,7,0)+IF('Standard Profiles'!$G$18=$B$17,14,0)+IF('Standard Profiles'!$G$18=$B$24,21,0),MOD($C8699,24)+1)/SUM(INDEX($D$3:$AA$30,INDEX(Jesper!$R$2:$R$366,ROW(INDEX(Jesper!AH$2:AH$366,ROUNDDOWN($C8699/24,0)+1,1))-1)+IF('Standard Profiles'!$G$18=$B$10,7,0)+IF('Standard Profiles'!$G$18=$B$17,14,0)+IF('Standard Profiles'!$G$18=$B$24,21,0),0)),0)</f>
        <v>6.0484718444700345</v>
      </c>
      <c r="E8699" cm="1">
        <f t="array" ref="E8699">IFERROR(INDEX(Jesper!AI$2:AI$366,ROUNDDOWN($C8699/24,0)+1,1)*INDEX($D$3:$AA$30,INDEX(Jesper!$R$2:$R$366,ROW(INDEX(Jesper!AI$2:AI$366,ROUNDDOWN($C8699/24,0)+1,1))-1)+IF('Standard Profiles'!$G$19=$B$10,7,0)+IF('Standard Profiles'!$G$19=$B$17,14,0)+IF('Standard Profiles'!$G$19=$B$24,21,0),MOD($C8699,24)+1)/SUM(INDEX($D$3:$AA$30,INDEX(Jesper!$R$2:$R$366,ROW(INDEX(Jesper!AI$2:AI$366,ROUNDDOWN($C8699/24,0)+1,1))-1)+IF('Standard Profiles'!$G$19=$B$10,7,0)+IF('Standard Profiles'!$G$19=$B$17,14,0)+IF('Standard Profiles'!$G$19=$B$24,21,0),0)),0)</f>
        <v>6.7847169352582677</v>
      </c>
      <c r="F8699" cm="1">
        <f t="array" ref="F8699">IFERROR(INDEX(Jesper!AJ$2:AJ$366,ROUNDDOWN($C8699/24,0)+1,1)*INDEX($D$3:$AA$30,INDEX(Jesper!$R$2:$R$366,ROW(INDEX(Jesper!AJ$2:AJ$366,ROUNDDOWN($C8699/24,0)+1,1))-1)+IF('Standard Profiles'!$G$20=$B$10,7,0)+IF('Standard Profiles'!$G$20=$B$17,14,0)+IF('Standard Profiles'!$G$20=$B$24,21,0),MOD($C8699,24)+1)/SUM(INDEX($D$3:$AA$30,INDEX(Jesper!$R$2:$R$366,ROW(INDEX(Jesper!AJ$2:AJ$366,ROUNDDOWN($C8699/24,0)+1,1))-1)+IF('Standard Profiles'!$G$20=$B$10,7,0)+IF('Standard Profiles'!$G$20=$B$17,14,0)+IF('Standard Profiles'!$G$20=$B$24,21,0),0)),0)</f>
        <v>0</v>
      </c>
      <c r="G8699" cm="1">
        <f t="array" ref="G8699">IFERROR(INDEX(Jesper!AK$2:AK$366,ROUNDDOWN($C8699/24,0)+1,1)*INDEX($D$3:$AA$30,INDEX(Jesper!$R$2:$R$366,ROW(INDEX(Jesper!AK$2:AK$366,ROUNDDOWN($C8699/24,0)+1,1))-1)+IF('Standard Profiles'!$G$21=$B$10,7,0)+IF('Standard Profiles'!$G$21=$B$17,14,0)+IF('Standard Profiles'!$G$21=$B$24,21,0),MOD($C8699,24)+1)/SUM(INDEX($D$3:$AA$30,INDEX(Jesper!$R$2:$R$366,ROW(INDEX(Jesper!AK$2:AK$366,ROUNDDOWN($C8699/24,0)+1,1))-1)+IF('Standard Profiles'!$G$21=$B$10,7,0)+IF('Standard Profiles'!$G$21=$B$17,14,0)+IF('Standard Profiles'!$G$21=$B$24,21,0),0)),0)</f>
        <v>7.8926695139931349</v>
      </c>
      <c r="H8699" cm="1">
        <f t="array" ref="H8699">IFERROR(INDEX(Jesper!AL$2:AL$366,ROUNDDOWN($C8699/24,0)+1,1)*INDEX($D$3:$AA$30,INDEX(Jesper!$R$2:$R$366,ROW(INDEX(Jesper!AL$2:AL$366,ROUNDDOWN($C8699/24,0)+1,1))-1)+IF('Standard Profiles'!$G$22=$B$10,7,0)+IF('Standard Profiles'!$G$22=$B$17,14,0)+IF('Standard Profiles'!$G$22=$B$24,21,0),MOD($C8699,24)+1)/SUM(INDEX($D$3:$AA$30,INDEX(Jesper!$R$2:$R$366,ROW(INDEX(Jesper!AL$2:AL$366,ROUNDDOWN($C8699/24,0)+1,1))-1)+IF('Standard Profiles'!$G$22=$B$10,7,0)+IF('Standard Profiles'!$G$22=$B$17,14,0)+IF('Standard Profiles'!$G$22=$B$24,21,0),0)),0)</f>
        <v>0</v>
      </c>
      <c r="I8699">
        <f t="shared" si="965"/>
        <v>3.7884813667167028</v>
      </c>
      <c r="J8699">
        <f t="shared" si="966"/>
        <v>15.969621431889529</v>
      </c>
      <c r="K8699">
        <f t="shared" si="967"/>
        <v>0.64517033007680369</v>
      </c>
      <c r="L8699">
        <f t="shared" si="968"/>
        <v>0.32258516503840184</v>
      </c>
      <c r="M8699">
        <f t="shared" si="969"/>
        <v>0</v>
      </c>
      <c r="N8699" s="45">
        <f t="shared" si="970"/>
        <v>45288.041666645651</v>
      </c>
    </row>
    <row r="8700" spans="2:14" x14ac:dyDescent="0.25">
      <c r="B8700">
        <f t="shared" si="964"/>
        <v>4</v>
      </c>
      <c r="C8700" s="16">
        <v>8666</v>
      </c>
      <c r="D8700" cm="1">
        <f t="array" ref="D8700">IFERROR(INDEX(Jesper!AH$2:AH$366,ROUNDDOWN($C8700/24,0)+1,1)*INDEX($D$3:$AA$30,INDEX(Jesper!$R$2:$R$366,ROW(INDEX(Jesper!AH$2:AH$366,ROUNDDOWN($C8700/24,0)+1,1))-1)+IF('Standard Profiles'!$G$18=$B$10,7,0)+IF('Standard Profiles'!$G$18=$B$17,14,0)+IF('Standard Profiles'!$G$18=$B$24,21,0),MOD($C8700,24)+1)/SUM(INDEX($D$3:$AA$30,INDEX(Jesper!$R$2:$R$366,ROW(INDEX(Jesper!AH$2:AH$366,ROUNDDOWN($C8700/24,0)+1,1))-1)+IF('Standard Profiles'!$G$18=$B$10,7,0)+IF('Standard Profiles'!$G$18=$B$17,14,0)+IF('Standard Profiles'!$G$18=$B$24,21,0),0)),0)</f>
        <v>6.0484718444700345</v>
      </c>
      <c r="E8700" cm="1">
        <f t="array" ref="E8700">IFERROR(INDEX(Jesper!AI$2:AI$366,ROUNDDOWN($C8700/24,0)+1,1)*INDEX($D$3:$AA$30,INDEX(Jesper!$R$2:$R$366,ROW(INDEX(Jesper!AI$2:AI$366,ROUNDDOWN($C8700/24,0)+1,1))-1)+IF('Standard Profiles'!$G$19=$B$10,7,0)+IF('Standard Profiles'!$G$19=$B$17,14,0)+IF('Standard Profiles'!$G$19=$B$24,21,0),MOD($C8700,24)+1)/SUM(INDEX($D$3:$AA$30,INDEX(Jesper!$R$2:$R$366,ROW(INDEX(Jesper!AI$2:AI$366,ROUNDDOWN($C8700/24,0)+1,1))-1)+IF('Standard Profiles'!$G$19=$B$10,7,0)+IF('Standard Profiles'!$G$19=$B$17,14,0)+IF('Standard Profiles'!$G$19=$B$24,21,0),0)),0)</f>
        <v>6.7847169352582677</v>
      </c>
      <c r="F8700" cm="1">
        <f t="array" ref="F8700">IFERROR(INDEX(Jesper!AJ$2:AJ$366,ROUNDDOWN($C8700/24,0)+1,1)*INDEX($D$3:$AA$30,INDEX(Jesper!$R$2:$R$366,ROW(INDEX(Jesper!AJ$2:AJ$366,ROUNDDOWN($C8700/24,0)+1,1))-1)+IF('Standard Profiles'!$G$20=$B$10,7,0)+IF('Standard Profiles'!$G$20=$B$17,14,0)+IF('Standard Profiles'!$G$20=$B$24,21,0),MOD($C8700,24)+1)/SUM(INDEX($D$3:$AA$30,INDEX(Jesper!$R$2:$R$366,ROW(INDEX(Jesper!AJ$2:AJ$366,ROUNDDOWN($C8700/24,0)+1,1))-1)+IF('Standard Profiles'!$G$20=$B$10,7,0)+IF('Standard Profiles'!$G$20=$B$17,14,0)+IF('Standard Profiles'!$G$20=$B$24,21,0),0)),0)</f>
        <v>0</v>
      </c>
      <c r="G8700" cm="1">
        <f t="array" ref="G8700">IFERROR(INDEX(Jesper!AK$2:AK$366,ROUNDDOWN($C8700/24,0)+1,1)*INDEX($D$3:$AA$30,INDEX(Jesper!$R$2:$R$366,ROW(INDEX(Jesper!AK$2:AK$366,ROUNDDOWN($C8700/24,0)+1,1))-1)+IF('Standard Profiles'!$G$21=$B$10,7,0)+IF('Standard Profiles'!$G$21=$B$17,14,0)+IF('Standard Profiles'!$G$21=$B$24,21,0),MOD($C8700,24)+1)/SUM(INDEX($D$3:$AA$30,INDEX(Jesper!$R$2:$R$366,ROW(INDEX(Jesper!AK$2:AK$366,ROUNDDOWN($C8700/24,0)+1,1))-1)+IF('Standard Profiles'!$G$21=$B$10,7,0)+IF('Standard Profiles'!$G$21=$B$17,14,0)+IF('Standard Profiles'!$G$21=$B$24,21,0),0)),0)</f>
        <v>7.8926695139931349</v>
      </c>
      <c r="H8700" cm="1">
        <f t="array" ref="H8700">IFERROR(INDEX(Jesper!AL$2:AL$366,ROUNDDOWN($C8700/24,0)+1,1)*INDEX($D$3:$AA$30,INDEX(Jesper!$R$2:$R$366,ROW(INDEX(Jesper!AL$2:AL$366,ROUNDDOWN($C8700/24,0)+1,1))-1)+IF('Standard Profiles'!$G$22=$B$10,7,0)+IF('Standard Profiles'!$G$22=$B$17,14,0)+IF('Standard Profiles'!$G$22=$B$24,21,0),MOD($C8700,24)+1)/SUM(INDEX($D$3:$AA$30,INDEX(Jesper!$R$2:$R$366,ROW(INDEX(Jesper!AL$2:AL$366,ROUNDDOWN($C8700/24,0)+1,1))-1)+IF('Standard Profiles'!$G$22=$B$10,7,0)+IF('Standard Profiles'!$G$22=$B$17,14,0)+IF('Standard Profiles'!$G$22=$B$24,21,0),0)),0)</f>
        <v>0</v>
      </c>
      <c r="I8700">
        <f t="shared" si="965"/>
        <v>3.7884813667167028</v>
      </c>
      <c r="J8700">
        <f t="shared" si="966"/>
        <v>15.969621431889529</v>
      </c>
      <c r="K8700">
        <f t="shared" si="967"/>
        <v>0.64517033007680369</v>
      </c>
      <c r="L8700">
        <f t="shared" si="968"/>
        <v>0.32258516503840184</v>
      </c>
      <c r="M8700">
        <f t="shared" si="969"/>
        <v>0</v>
      </c>
      <c r="N8700" s="45">
        <f t="shared" si="970"/>
        <v>45288.083333312316</v>
      </c>
    </row>
    <row r="8701" spans="2:14" x14ac:dyDescent="0.25">
      <c r="B8701">
        <f t="shared" si="964"/>
        <v>4</v>
      </c>
      <c r="C8701" s="16">
        <v>8667</v>
      </c>
      <c r="D8701" cm="1">
        <f t="array" ref="D8701">IFERROR(INDEX(Jesper!AH$2:AH$366,ROUNDDOWN($C8701/24,0)+1,1)*INDEX($D$3:$AA$30,INDEX(Jesper!$R$2:$R$366,ROW(INDEX(Jesper!AH$2:AH$366,ROUNDDOWN($C8701/24,0)+1,1))-1)+IF('Standard Profiles'!$G$18=$B$10,7,0)+IF('Standard Profiles'!$G$18=$B$17,14,0)+IF('Standard Profiles'!$G$18=$B$24,21,0),MOD($C8701,24)+1)/SUM(INDEX($D$3:$AA$30,INDEX(Jesper!$R$2:$R$366,ROW(INDEX(Jesper!AH$2:AH$366,ROUNDDOWN($C8701/24,0)+1,1))-1)+IF('Standard Profiles'!$G$18=$B$10,7,0)+IF('Standard Profiles'!$G$18=$B$17,14,0)+IF('Standard Profiles'!$G$18=$B$24,21,0),0)),0)</f>
        <v>6.0484718444700345</v>
      </c>
      <c r="E8701" cm="1">
        <f t="array" ref="E8701">IFERROR(INDEX(Jesper!AI$2:AI$366,ROUNDDOWN($C8701/24,0)+1,1)*INDEX($D$3:$AA$30,INDEX(Jesper!$R$2:$R$366,ROW(INDEX(Jesper!AI$2:AI$366,ROUNDDOWN($C8701/24,0)+1,1))-1)+IF('Standard Profiles'!$G$19=$B$10,7,0)+IF('Standard Profiles'!$G$19=$B$17,14,0)+IF('Standard Profiles'!$G$19=$B$24,21,0),MOD($C8701,24)+1)/SUM(INDEX($D$3:$AA$30,INDEX(Jesper!$R$2:$R$366,ROW(INDEX(Jesper!AI$2:AI$366,ROUNDDOWN($C8701/24,0)+1,1))-1)+IF('Standard Profiles'!$G$19=$B$10,7,0)+IF('Standard Profiles'!$G$19=$B$17,14,0)+IF('Standard Profiles'!$G$19=$B$24,21,0),0)),0)</f>
        <v>6.7847169352582677</v>
      </c>
      <c r="F8701" cm="1">
        <f t="array" ref="F8701">IFERROR(INDEX(Jesper!AJ$2:AJ$366,ROUNDDOWN($C8701/24,0)+1,1)*INDEX($D$3:$AA$30,INDEX(Jesper!$R$2:$R$366,ROW(INDEX(Jesper!AJ$2:AJ$366,ROUNDDOWN($C8701/24,0)+1,1))-1)+IF('Standard Profiles'!$G$20=$B$10,7,0)+IF('Standard Profiles'!$G$20=$B$17,14,0)+IF('Standard Profiles'!$G$20=$B$24,21,0),MOD($C8701,24)+1)/SUM(INDEX($D$3:$AA$30,INDEX(Jesper!$R$2:$R$366,ROW(INDEX(Jesper!AJ$2:AJ$366,ROUNDDOWN($C8701/24,0)+1,1))-1)+IF('Standard Profiles'!$G$20=$B$10,7,0)+IF('Standard Profiles'!$G$20=$B$17,14,0)+IF('Standard Profiles'!$G$20=$B$24,21,0),0)),0)</f>
        <v>0</v>
      </c>
      <c r="G8701" cm="1">
        <f t="array" ref="G8701">IFERROR(INDEX(Jesper!AK$2:AK$366,ROUNDDOWN($C8701/24,0)+1,1)*INDEX($D$3:$AA$30,INDEX(Jesper!$R$2:$R$366,ROW(INDEX(Jesper!AK$2:AK$366,ROUNDDOWN($C8701/24,0)+1,1))-1)+IF('Standard Profiles'!$G$21=$B$10,7,0)+IF('Standard Profiles'!$G$21=$B$17,14,0)+IF('Standard Profiles'!$G$21=$B$24,21,0),MOD($C8701,24)+1)/SUM(INDEX($D$3:$AA$30,INDEX(Jesper!$R$2:$R$366,ROW(INDEX(Jesper!AK$2:AK$366,ROUNDDOWN($C8701/24,0)+1,1))-1)+IF('Standard Profiles'!$G$21=$B$10,7,0)+IF('Standard Profiles'!$G$21=$B$17,14,0)+IF('Standard Profiles'!$G$21=$B$24,21,0),0)),0)</f>
        <v>7.8926695139931349</v>
      </c>
      <c r="H8701" cm="1">
        <f t="array" ref="H8701">IFERROR(INDEX(Jesper!AL$2:AL$366,ROUNDDOWN($C8701/24,0)+1,1)*INDEX($D$3:$AA$30,INDEX(Jesper!$R$2:$R$366,ROW(INDEX(Jesper!AL$2:AL$366,ROUNDDOWN($C8701/24,0)+1,1))-1)+IF('Standard Profiles'!$G$22=$B$10,7,0)+IF('Standard Profiles'!$G$22=$B$17,14,0)+IF('Standard Profiles'!$G$22=$B$24,21,0),MOD($C8701,24)+1)/SUM(INDEX($D$3:$AA$30,INDEX(Jesper!$R$2:$R$366,ROW(INDEX(Jesper!AL$2:AL$366,ROUNDDOWN($C8701/24,0)+1,1))-1)+IF('Standard Profiles'!$G$22=$B$10,7,0)+IF('Standard Profiles'!$G$22=$B$17,14,0)+IF('Standard Profiles'!$G$22=$B$24,21,0),0)),0)</f>
        <v>0</v>
      </c>
      <c r="I8701">
        <f t="shared" si="965"/>
        <v>3.7884813667167028</v>
      </c>
      <c r="J8701">
        <f t="shared" si="966"/>
        <v>15.969621431889529</v>
      </c>
      <c r="K8701">
        <f t="shared" si="967"/>
        <v>0.64517033007680369</v>
      </c>
      <c r="L8701">
        <f t="shared" si="968"/>
        <v>0.32258516503840184</v>
      </c>
      <c r="M8701">
        <f t="shared" si="969"/>
        <v>0</v>
      </c>
      <c r="N8701" s="45">
        <f t="shared" si="970"/>
        <v>45288.12499997898</v>
      </c>
    </row>
    <row r="8702" spans="2:14" x14ac:dyDescent="0.25">
      <c r="B8702">
        <f t="shared" si="964"/>
        <v>4</v>
      </c>
      <c r="C8702" s="16">
        <v>8668</v>
      </c>
      <c r="D8702" cm="1">
        <f t="array" ref="D8702">IFERROR(INDEX(Jesper!AH$2:AH$366,ROUNDDOWN($C8702/24,0)+1,1)*INDEX($D$3:$AA$30,INDEX(Jesper!$R$2:$R$366,ROW(INDEX(Jesper!AH$2:AH$366,ROUNDDOWN($C8702/24,0)+1,1))-1)+IF('Standard Profiles'!$G$18=$B$10,7,0)+IF('Standard Profiles'!$G$18=$B$17,14,0)+IF('Standard Profiles'!$G$18=$B$24,21,0),MOD($C8702,24)+1)/SUM(INDEX($D$3:$AA$30,INDEX(Jesper!$R$2:$R$366,ROW(INDEX(Jesper!AH$2:AH$366,ROUNDDOWN($C8702/24,0)+1,1))-1)+IF('Standard Profiles'!$G$18=$B$10,7,0)+IF('Standard Profiles'!$G$18=$B$17,14,0)+IF('Standard Profiles'!$G$18=$B$24,21,0),0)),0)</f>
        <v>6.0484718444700345</v>
      </c>
      <c r="E8702" cm="1">
        <f t="array" ref="E8702">IFERROR(INDEX(Jesper!AI$2:AI$366,ROUNDDOWN($C8702/24,0)+1,1)*INDEX($D$3:$AA$30,INDEX(Jesper!$R$2:$R$366,ROW(INDEX(Jesper!AI$2:AI$366,ROUNDDOWN($C8702/24,0)+1,1))-1)+IF('Standard Profiles'!$G$19=$B$10,7,0)+IF('Standard Profiles'!$G$19=$B$17,14,0)+IF('Standard Profiles'!$G$19=$B$24,21,0),MOD($C8702,24)+1)/SUM(INDEX($D$3:$AA$30,INDEX(Jesper!$R$2:$R$366,ROW(INDEX(Jesper!AI$2:AI$366,ROUNDDOWN($C8702/24,0)+1,1))-1)+IF('Standard Profiles'!$G$19=$B$10,7,0)+IF('Standard Profiles'!$G$19=$B$17,14,0)+IF('Standard Profiles'!$G$19=$B$24,21,0),0)),0)</f>
        <v>6.7847169352582677</v>
      </c>
      <c r="F8702" cm="1">
        <f t="array" ref="F8702">IFERROR(INDEX(Jesper!AJ$2:AJ$366,ROUNDDOWN($C8702/24,0)+1,1)*INDEX($D$3:$AA$30,INDEX(Jesper!$R$2:$R$366,ROW(INDEX(Jesper!AJ$2:AJ$366,ROUNDDOWN($C8702/24,0)+1,1))-1)+IF('Standard Profiles'!$G$20=$B$10,7,0)+IF('Standard Profiles'!$G$20=$B$17,14,0)+IF('Standard Profiles'!$G$20=$B$24,21,0),MOD($C8702,24)+1)/SUM(INDEX($D$3:$AA$30,INDEX(Jesper!$R$2:$R$366,ROW(INDEX(Jesper!AJ$2:AJ$366,ROUNDDOWN($C8702/24,0)+1,1))-1)+IF('Standard Profiles'!$G$20=$B$10,7,0)+IF('Standard Profiles'!$G$20=$B$17,14,0)+IF('Standard Profiles'!$G$20=$B$24,21,0),0)),0)</f>
        <v>0</v>
      </c>
      <c r="G8702" cm="1">
        <f t="array" ref="G8702">IFERROR(INDEX(Jesper!AK$2:AK$366,ROUNDDOWN($C8702/24,0)+1,1)*INDEX($D$3:$AA$30,INDEX(Jesper!$R$2:$R$366,ROW(INDEX(Jesper!AK$2:AK$366,ROUNDDOWN($C8702/24,0)+1,1))-1)+IF('Standard Profiles'!$G$21=$B$10,7,0)+IF('Standard Profiles'!$G$21=$B$17,14,0)+IF('Standard Profiles'!$G$21=$B$24,21,0),MOD($C8702,24)+1)/SUM(INDEX($D$3:$AA$30,INDEX(Jesper!$R$2:$R$366,ROW(INDEX(Jesper!AK$2:AK$366,ROUNDDOWN($C8702/24,0)+1,1))-1)+IF('Standard Profiles'!$G$21=$B$10,7,0)+IF('Standard Profiles'!$G$21=$B$17,14,0)+IF('Standard Profiles'!$G$21=$B$24,21,0),0)),0)</f>
        <v>7.8926695139931349</v>
      </c>
      <c r="H8702" cm="1">
        <f t="array" ref="H8702">IFERROR(INDEX(Jesper!AL$2:AL$366,ROUNDDOWN($C8702/24,0)+1,1)*INDEX($D$3:$AA$30,INDEX(Jesper!$R$2:$R$366,ROW(INDEX(Jesper!AL$2:AL$366,ROUNDDOWN($C8702/24,0)+1,1))-1)+IF('Standard Profiles'!$G$22=$B$10,7,0)+IF('Standard Profiles'!$G$22=$B$17,14,0)+IF('Standard Profiles'!$G$22=$B$24,21,0),MOD($C8702,24)+1)/SUM(INDEX($D$3:$AA$30,INDEX(Jesper!$R$2:$R$366,ROW(INDEX(Jesper!AL$2:AL$366,ROUNDDOWN($C8702/24,0)+1,1))-1)+IF('Standard Profiles'!$G$22=$B$10,7,0)+IF('Standard Profiles'!$G$22=$B$17,14,0)+IF('Standard Profiles'!$G$22=$B$24,21,0),0)),0)</f>
        <v>0</v>
      </c>
      <c r="I8702">
        <f t="shared" si="965"/>
        <v>3.7884813667167028</v>
      </c>
      <c r="J8702">
        <f t="shared" si="966"/>
        <v>15.969621431889529</v>
      </c>
      <c r="K8702">
        <f t="shared" si="967"/>
        <v>0.64517033007680369</v>
      </c>
      <c r="L8702">
        <f t="shared" si="968"/>
        <v>0.32258516503840184</v>
      </c>
      <c r="M8702">
        <f t="shared" si="969"/>
        <v>0</v>
      </c>
      <c r="N8702" s="45">
        <f t="shared" si="970"/>
        <v>45288.166666645644</v>
      </c>
    </row>
    <row r="8703" spans="2:14" x14ac:dyDescent="0.25">
      <c r="B8703">
        <f t="shared" si="964"/>
        <v>4</v>
      </c>
      <c r="C8703" s="16">
        <v>8669</v>
      </c>
      <c r="D8703" cm="1">
        <f t="array" ref="D8703">IFERROR(INDEX(Jesper!AH$2:AH$366,ROUNDDOWN($C8703/24,0)+1,1)*INDEX($D$3:$AA$30,INDEX(Jesper!$R$2:$R$366,ROW(INDEX(Jesper!AH$2:AH$366,ROUNDDOWN($C8703/24,0)+1,1))-1)+IF('Standard Profiles'!$G$18=$B$10,7,0)+IF('Standard Profiles'!$G$18=$B$17,14,0)+IF('Standard Profiles'!$G$18=$B$24,21,0),MOD($C8703,24)+1)/SUM(INDEX($D$3:$AA$30,INDEX(Jesper!$R$2:$R$366,ROW(INDEX(Jesper!AH$2:AH$366,ROUNDDOWN($C8703/24,0)+1,1))-1)+IF('Standard Profiles'!$G$18=$B$10,7,0)+IF('Standard Profiles'!$G$18=$B$17,14,0)+IF('Standard Profiles'!$G$18=$B$24,21,0),0)),0)</f>
        <v>6.0484718444700345</v>
      </c>
      <c r="E8703" cm="1">
        <f t="array" ref="E8703">IFERROR(INDEX(Jesper!AI$2:AI$366,ROUNDDOWN($C8703/24,0)+1,1)*INDEX($D$3:$AA$30,INDEX(Jesper!$R$2:$R$366,ROW(INDEX(Jesper!AI$2:AI$366,ROUNDDOWN($C8703/24,0)+1,1))-1)+IF('Standard Profiles'!$G$19=$B$10,7,0)+IF('Standard Profiles'!$G$19=$B$17,14,0)+IF('Standard Profiles'!$G$19=$B$24,21,0),MOD($C8703,24)+1)/SUM(INDEX($D$3:$AA$30,INDEX(Jesper!$R$2:$R$366,ROW(INDEX(Jesper!AI$2:AI$366,ROUNDDOWN($C8703/24,0)+1,1))-1)+IF('Standard Profiles'!$G$19=$B$10,7,0)+IF('Standard Profiles'!$G$19=$B$17,14,0)+IF('Standard Profiles'!$G$19=$B$24,21,0),0)),0)</f>
        <v>6.7847169352582677</v>
      </c>
      <c r="F8703" cm="1">
        <f t="array" ref="F8703">IFERROR(INDEX(Jesper!AJ$2:AJ$366,ROUNDDOWN($C8703/24,0)+1,1)*INDEX($D$3:$AA$30,INDEX(Jesper!$R$2:$R$366,ROW(INDEX(Jesper!AJ$2:AJ$366,ROUNDDOWN($C8703/24,0)+1,1))-1)+IF('Standard Profiles'!$G$20=$B$10,7,0)+IF('Standard Profiles'!$G$20=$B$17,14,0)+IF('Standard Profiles'!$G$20=$B$24,21,0),MOD($C8703,24)+1)/SUM(INDEX($D$3:$AA$30,INDEX(Jesper!$R$2:$R$366,ROW(INDEX(Jesper!AJ$2:AJ$366,ROUNDDOWN($C8703/24,0)+1,1))-1)+IF('Standard Profiles'!$G$20=$B$10,7,0)+IF('Standard Profiles'!$G$20=$B$17,14,0)+IF('Standard Profiles'!$G$20=$B$24,21,0),0)),0)</f>
        <v>0</v>
      </c>
      <c r="G8703" cm="1">
        <f t="array" ref="G8703">IFERROR(INDEX(Jesper!AK$2:AK$366,ROUNDDOWN($C8703/24,0)+1,1)*INDEX($D$3:$AA$30,INDEX(Jesper!$R$2:$R$366,ROW(INDEX(Jesper!AK$2:AK$366,ROUNDDOWN($C8703/24,0)+1,1))-1)+IF('Standard Profiles'!$G$21=$B$10,7,0)+IF('Standard Profiles'!$G$21=$B$17,14,0)+IF('Standard Profiles'!$G$21=$B$24,21,0),MOD($C8703,24)+1)/SUM(INDEX($D$3:$AA$30,INDEX(Jesper!$R$2:$R$366,ROW(INDEX(Jesper!AK$2:AK$366,ROUNDDOWN($C8703/24,0)+1,1))-1)+IF('Standard Profiles'!$G$21=$B$10,7,0)+IF('Standard Profiles'!$G$21=$B$17,14,0)+IF('Standard Profiles'!$G$21=$B$24,21,0),0)),0)</f>
        <v>7.8926695139931349</v>
      </c>
      <c r="H8703" cm="1">
        <f t="array" ref="H8703">IFERROR(INDEX(Jesper!AL$2:AL$366,ROUNDDOWN($C8703/24,0)+1,1)*INDEX($D$3:$AA$30,INDEX(Jesper!$R$2:$R$366,ROW(INDEX(Jesper!AL$2:AL$366,ROUNDDOWN($C8703/24,0)+1,1))-1)+IF('Standard Profiles'!$G$22=$B$10,7,0)+IF('Standard Profiles'!$G$22=$B$17,14,0)+IF('Standard Profiles'!$G$22=$B$24,21,0),MOD($C8703,24)+1)/SUM(INDEX($D$3:$AA$30,INDEX(Jesper!$R$2:$R$366,ROW(INDEX(Jesper!AL$2:AL$366,ROUNDDOWN($C8703/24,0)+1,1))-1)+IF('Standard Profiles'!$G$22=$B$10,7,0)+IF('Standard Profiles'!$G$22=$B$17,14,0)+IF('Standard Profiles'!$G$22=$B$24,21,0),0)),0)</f>
        <v>0</v>
      </c>
      <c r="I8703">
        <f t="shared" si="965"/>
        <v>3.7884813667167028</v>
      </c>
      <c r="J8703">
        <f t="shared" si="966"/>
        <v>15.969621431889529</v>
      </c>
      <c r="K8703">
        <f t="shared" si="967"/>
        <v>0.64517033007680369</v>
      </c>
      <c r="L8703">
        <f t="shared" si="968"/>
        <v>0.32258516503840184</v>
      </c>
      <c r="M8703">
        <f t="shared" si="969"/>
        <v>0</v>
      </c>
      <c r="N8703" s="45">
        <f t="shared" si="970"/>
        <v>45288.208333312308</v>
      </c>
    </row>
    <row r="8704" spans="2:14" x14ac:dyDescent="0.25">
      <c r="B8704">
        <f t="shared" si="964"/>
        <v>4</v>
      </c>
      <c r="C8704" s="16">
        <v>8670</v>
      </c>
      <c r="D8704" cm="1">
        <f t="array" ref="D8704">IFERROR(INDEX(Jesper!AH$2:AH$366,ROUNDDOWN($C8704/24,0)+1,1)*INDEX($D$3:$AA$30,INDEX(Jesper!$R$2:$R$366,ROW(INDEX(Jesper!AH$2:AH$366,ROUNDDOWN($C8704/24,0)+1,1))-1)+IF('Standard Profiles'!$G$18=$B$10,7,0)+IF('Standard Profiles'!$G$18=$B$17,14,0)+IF('Standard Profiles'!$G$18=$B$24,21,0),MOD($C8704,24)+1)/SUM(INDEX($D$3:$AA$30,INDEX(Jesper!$R$2:$R$366,ROW(INDEX(Jesper!AH$2:AH$366,ROUNDDOWN($C8704/24,0)+1,1))-1)+IF('Standard Profiles'!$G$18=$B$10,7,0)+IF('Standard Profiles'!$G$18=$B$17,14,0)+IF('Standard Profiles'!$G$18=$B$24,21,0),0)),0)</f>
        <v>6.0484718444700345</v>
      </c>
      <c r="E8704" cm="1">
        <f t="array" ref="E8704">IFERROR(INDEX(Jesper!AI$2:AI$366,ROUNDDOWN($C8704/24,0)+1,1)*INDEX($D$3:$AA$30,INDEX(Jesper!$R$2:$R$366,ROW(INDEX(Jesper!AI$2:AI$366,ROUNDDOWN($C8704/24,0)+1,1))-1)+IF('Standard Profiles'!$G$19=$B$10,7,0)+IF('Standard Profiles'!$G$19=$B$17,14,0)+IF('Standard Profiles'!$G$19=$B$24,21,0),MOD($C8704,24)+1)/SUM(INDEX($D$3:$AA$30,INDEX(Jesper!$R$2:$R$366,ROW(INDEX(Jesper!AI$2:AI$366,ROUNDDOWN($C8704/24,0)+1,1))-1)+IF('Standard Profiles'!$G$19=$B$10,7,0)+IF('Standard Profiles'!$G$19=$B$17,14,0)+IF('Standard Profiles'!$G$19=$B$24,21,0),0)),0)</f>
        <v>6.7847169352582677</v>
      </c>
      <c r="F8704" cm="1">
        <f t="array" ref="F8704">IFERROR(INDEX(Jesper!AJ$2:AJ$366,ROUNDDOWN($C8704/24,0)+1,1)*INDEX($D$3:$AA$30,INDEX(Jesper!$R$2:$R$366,ROW(INDEX(Jesper!AJ$2:AJ$366,ROUNDDOWN($C8704/24,0)+1,1))-1)+IF('Standard Profiles'!$G$20=$B$10,7,0)+IF('Standard Profiles'!$G$20=$B$17,14,0)+IF('Standard Profiles'!$G$20=$B$24,21,0),MOD($C8704,24)+1)/SUM(INDEX($D$3:$AA$30,INDEX(Jesper!$R$2:$R$366,ROW(INDEX(Jesper!AJ$2:AJ$366,ROUNDDOWN($C8704/24,0)+1,1))-1)+IF('Standard Profiles'!$G$20=$B$10,7,0)+IF('Standard Profiles'!$G$20=$B$17,14,0)+IF('Standard Profiles'!$G$20=$B$24,21,0),0)),0)</f>
        <v>0</v>
      </c>
      <c r="G8704" cm="1">
        <f t="array" ref="G8704">IFERROR(INDEX(Jesper!AK$2:AK$366,ROUNDDOWN($C8704/24,0)+1,1)*INDEX($D$3:$AA$30,INDEX(Jesper!$R$2:$R$366,ROW(INDEX(Jesper!AK$2:AK$366,ROUNDDOWN($C8704/24,0)+1,1))-1)+IF('Standard Profiles'!$G$21=$B$10,7,0)+IF('Standard Profiles'!$G$21=$B$17,14,0)+IF('Standard Profiles'!$G$21=$B$24,21,0),MOD($C8704,24)+1)/SUM(INDEX($D$3:$AA$30,INDEX(Jesper!$R$2:$R$366,ROW(INDEX(Jesper!AK$2:AK$366,ROUNDDOWN($C8704/24,0)+1,1))-1)+IF('Standard Profiles'!$G$21=$B$10,7,0)+IF('Standard Profiles'!$G$21=$B$17,14,0)+IF('Standard Profiles'!$G$21=$B$24,21,0),0)),0)</f>
        <v>7.8926695139931349</v>
      </c>
      <c r="H8704" cm="1">
        <f t="array" ref="H8704">IFERROR(INDEX(Jesper!AL$2:AL$366,ROUNDDOWN($C8704/24,0)+1,1)*INDEX($D$3:$AA$30,INDEX(Jesper!$R$2:$R$366,ROW(INDEX(Jesper!AL$2:AL$366,ROUNDDOWN($C8704/24,0)+1,1))-1)+IF('Standard Profiles'!$G$22=$B$10,7,0)+IF('Standard Profiles'!$G$22=$B$17,14,0)+IF('Standard Profiles'!$G$22=$B$24,21,0),MOD($C8704,24)+1)/SUM(INDEX($D$3:$AA$30,INDEX(Jesper!$R$2:$R$366,ROW(INDEX(Jesper!AL$2:AL$366,ROUNDDOWN($C8704/24,0)+1,1))-1)+IF('Standard Profiles'!$G$22=$B$10,7,0)+IF('Standard Profiles'!$G$22=$B$17,14,0)+IF('Standard Profiles'!$G$22=$B$24,21,0),0)),0)</f>
        <v>0</v>
      </c>
      <c r="I8704">
        <f t="shared" si="965"/>
        <v>3.7884813667167028</v>
      </c>
      <c r="J8704">
        <f t="shared" si="966"/>
        <v>15.969621431889529</v>
      </c>
      <c r="K8704">
        <f t="shared" si="967"/>
        <v>0.64517033007680369</v>
      </c>
      <c r="L8704">
        <f t="shared" si="968"/>
        <v>0.32258516503840184</v>
      </c>
      <c r="M8704">
        <f t="shared" si="969"/>
        <v>0</v>
      </c>
      <c r="N8704" s="45">
        <f t="shared" si="970"/>
        <v>45288.249999978972</v>
      </c>
    </row>
    <row r="8705" spans="2:14" x14ac:dyDescent="0.25">
      <c r="B8705">
        <f t="shared" si="964"/>
        <v>4</v>
      </c>
      <c r="C8705" s="16">
        <v>8671</v>
      </c>
      <c r="D8705" cm="1">
        <f t="array" ref="D8705">IFERROR(INDEX(Jesper!AH$2:AH$366,ROUNDDOWN($C8705/24,0)+1,1)*INDEX($D$3:$AA$30,INDEX(Jesper!$R$2:$R$366,ROW(INDEX(Jesper!AH$2:AH$366,ROUNDDOWN($C8705/24,0)+1,1))-1)+IF('Standard Profiles'!$G$18=$B$10,7,0)+IF('Standard Profiles'!$G$18=$B$17,14,0)+IF('Standard Profiles'!$G$18=$B$24,21,0),MOD($C8705,24)+1)/SUM(INDEX($D$3:$AA$30,INDEX(Jesper!$R$2:$R$366,ROW(INDEX(Jesper!AH$2:AH$366,ROUNDDOWN($C8705/24,0)+1,1))-1)+IF('Standard Profiles'!$G$18=$B$10,7,0)+IF('Standard Profiles'!$G$18=$B$17,14,0)+IF('Standard Profiles'!$G$18=$B$24,21,0),0)),0)</f>
        <v>24.725419752091142</v>
      </c>
      <c r="E8705" cm="1">
        <f t="array" ref="E8705">IFERROR(INDEX(Jesper!AI$2:AI$366,ROUNDDOWN($C8705/24,0)+1,1)*INDEX($D$3:$AA$30,INDEX(Jesper!$R$2:$R$366,ROW(INDEX(Jesper!AI$2:AI$366,ROUNDDOWN($C8705/24,0)+1,1))-1)+IF('Standard Profiles'!$G$19=$B$10,7,0)+IF('Standard Profiles'!$G$19=$B$17,14,0)+IF('Standard Profiles'!$G$19=$B$24,21,0),MOD($C8705,24)+1)/SUM(INDEX($D$3:$AA$30,INDEX(Jesper!$R$2:$R$366,ROW(INDEX(Jesper!AI$2:AI$366,ROUNDDOWN($C8705/24,0)+1,1))-1)+IF('Standard Profiles'!$G$19=$B$10,7,0)+IF('Standard Profiles'!$G$19=$B$17,14,0)+IF('Standard Profiles'!$G$19=$B$24,21,0),0)),0)</f>
        <v>27.735100441404249</v>
      </c>
      <c r="F8705" cm="1">
        <f t="array" ref="F8705">IFERROR(INDEX(Jesper!AJ$2:AJ$366,ROUNDDOWN($C8705/24,0)+1,1)*INDEX($D$3:$AA$30,INDEX(Jesper!$R$2:$R$366,ROW(INDEX(Jesper!AJ$2:AJ$366,ROUNDDOWN($C8705/24,0)+1,1))-1)+IF('Standard Profiles'!$G$20=$B$10,7,0)+IF('Standard Profiles'!$G$20=$B$17,14,0)+IF('Standard Profiles'!$G$20=$B$24,21,0),MOD($C8705,24)+1)/SUM(INDEX($D$3:$AA$30,INDEX(Jesper!$R$2:$R$366,ROW(INDEX(Jesper!AJ$2:AJ$366,ROUNDDOWN($C8705/24,0)+1,1))-1)+IF('Standard Profiles'!$G$20=$B$10,7,0)+IF('Standard Profiles'!$G$20=$B$17,14,0)+IF('Standard Profiles'!$G$20=$B$24,21,0),0)),0)</f>
        <v>0</v>
      </c>
      <c r="G8705" cm="1">
        <f t="array" ref="G8705">IFERROR(INDEX(Jesper!AK$2:AK$366,ROUNDDOWN($C8705/24,0)+1,1)*INDEX($D$3:$AA$30,INDEX(Jesper!$R$2:$R$366,ROW(INDEX(Jesper!AK$2:AK$366,ROUNDDOWN($C8705/24,0)+1,1))-1)+IF('Standard Profiles'!$G$21=$B$10,7,0)+IF('Standard Profiles'!$G$21=$B$17,14,0)+IF('Standard Profiles'!$G$21=$B$24,21,0),MOD($C8705,24)+1)/SUM(INDEX($D$3:$AA$30,INDEX(Jesper!$R$2:$R$366,ROW(INDEX(Jesper!AK$2:AK$366,ROUNDDOWN($C8705/24,0)+1,1))-1)+IF('Standard Profiles'!$G$21=$B$10,7,0)+IF('Standard Profiles'!$G$21=$B$17,14,0)+IF('Standard Profiles'!$G$21=$B$24,21,0),0)),0)</f>
        <v>21.744304511051084</v>
      </c>
      <c r="H8705" cm="1">
        <f t="array" ref="H8705">IFERROR(INDEX(Jesper!AL$2:AL$366,ROUNDDOWN($C8705/24,0)+1,1)*INDEX($D$3:$AA$30,INDEX(Jesper!$R$2:$R$366,ROW(INDEX(Jesper!AL$2:AL$366,ROUNDDOWN($C8705/24,0)+1,1))-1)+IF('Standard Profiles'!$G$22=$B$10,7,0)+IF('Standard Profiles'!$G$22=$B$17,14,0)+IF('Standard Profiles'!$G$22=$B$24,21,0),MOD($C8705,24)+1)/SUM(INDEX($D$3:$AA$30,INDEX(Jesper!$R$2:$R$366,ROW(INDEX(Jesper!AL$2:AL$366,ROUNDDOWN($C8705/24,0)+1,1))-1)+IF('Standard Profiles'!$G$22=$B$10,7,0)+IF('Standard Profiles'!$G$22=$B$17,14,0)+IF('Standard Profiles'!$G$22=$B$24,21,0),0)),0)</f>
        <v>0</v>
      </c>
      <c r="I8705">
        <f t="shared" si="965"/>
        <v>10.437266165304514</v>
      </c>
      <c r="J8705">
        <f t="shared" si="966"/>
        <v>59.811491378907377</v>
      </c>
      <c r="K8705">
        <f t="shared" si="967"/>
        <v>2.637378106889722</v>
      </c>
      <c r="L8705">
        <f t="shared" si="968"/>
        <v>1.318689053444861</v>
      </c>
      <c r="M8705">
        <f t="shared" si="969"/>
        <v>0</v>
      </c>
      <c r="N8705" s="45">
        <f t="shared" si="970"/>
        <v>45288.291666645637</v>
      </c>
    </row>
    <row r="8706" spans="2:14" x14ac:dyDescent="0.25">
      <c r="B8706">
        <f t="shared" si="964"/>
        <v>4</v>
      </c>
      <c r="C8706" s="16">
        <v>8672</v>
      </c>
      <c r="D8706" cm="1">
        <f t="array" ref="D8706">IFERROR(INDEX(Jesper!AH$2:AH$366,ROUNDDOWN($C8706/24,0)+1,1)*INDEX($D$3:$AA$30,INDEX(Jesper!$R$2:$R$366,ROW(INDEX(Jesper!AH$2:AH$366,ROUNDDOWN($C8706/24,0)+1,1))-1)+IF('Standard Profiles'!$G$18=$B$10,7,0)+IF('Standard Profiles'!$G$18=$B$17,14,0)+IF('Standard Profiles'!$G$18=$B$24,21,0),MOD($C8706,24)+1)/SUM(INDEX($D$3:$AA$30,INDEX(Jesper!$R$2:$R$366,ROW(INDEX(Jesper!AH$2:AH$366,ROUNDDOWN($C8706/24,0)+1,1))-1)+IF('Standard Profiles'!$G$18=$B$10,7,0)+IF('Standard Profiles'!$G$18=$B$17,14,0)+IF('Standard Profiles'!$G$18=$B$24,21,0),0)),0)</f>
        <v>27.588363091806958</v>
      </c>
      <c r="E8706" cm="1">
        <f t="array" ref="E8706">IFERROR(INDEX(Jesper!AI$2:AI$366,ROUNDDOWN($C8706/24,0)+1,1)*INDEX($D$3:$AA$30,INDEX(Jesper!$R$2:$R$366,ROW(INDEX(Jesper!AI$2:AI$366,ROUNDDOWN($C8706/24,0)+1,1))-1)+IF('Standard Profiles'!$G$19=$B$10,7,0)+IF('Standard Profiles'!$G$19=$B$17,14,0)+IF('Standard Profiles'!$G$19=$B$24,21,0),MOD($C8706,24)+1)/SUM(INDEX($D$3:$AA$30,INDEX(Jesper!$R$2:$R$366,ROW(INDEX(Jesper!AI$2:AI$366,ROUNDDOWN($C8706/24,0)+1,1))-1)+IF('Standard Profiles'!$G$19=$B$10,7,0)+IF('Standard Profiles'!$G$19=$B$17,14,0)+IF('Standard Profiles'!$G$19=$B$24,21,0),0)),0)</f>
        <v>30.946533124093165</v>
      </c>
      <c r="F8706" cm="1">
        <f t="array" ref="F8706">IFERROR(INDEX(Jesper!AJ$2:AJ$366,ROUNDDOWN($C8706/24,0)+1,1)*INDEX($D$3:$AA$30,INDEX(Jesper!$R$2:$R$366,ROW(INDEX(Jesper!AJ$2:AJ$366,ROUNDDOWN($C8706/24,0)+1,1))-1)+IF('Standard Profiles'!$G$20=$B$10,7,0)+IF('Standard Profiles'!$G$20=$B$17,14,0)+IF('Standard Profiles'!$G$20=$B$24,21,0),MOD($C8706,24)+1)/SUM(INDEX($D$3:$AA$30,INDEX(Jesper!$R$2:$R$366,ROW(INDEX(Jesper!AJ$2:AJ$366,ROUNDDOWN($C8706/24,0)+1,1))-1)+IF('Standard Profiles'!$G$20=$B$10,7,0)+IF('Standard Profiles'!$G$20=$B$17,14,0)+IF('Standard Profiles'!$G$20=$B$24,21,0),0)),0)</f>
        <v>0</v>
      </c>
      <c r="G8706" cm="1">
        <f t="array" ref="G8706">IFERROR(INDEX(Jesper!AK$2:AK$366,ROUNDDOWN($C8706/24,0)+1,1)*INDEX($D$3:$AA$30,INDEX(Jesper!$R$2:$R$366,ROW(INDEX(Jesper!AK$2:AK$366,ROUNDDOWN($C8706/24,0)+1,1))-1)+IF('Standard Profiles'!$G$21=$B$10,7,0)+IF('Standard Profiles'!$G$21=$B$17,14,0)+IF('Standard Profiles'!$G$21=$B$24,21,0),MOD($C8706,24)+1)/SUM(INDEX($D$3:$AA$30,INDEX(Jesper!$R$2:$R$366,ROW(INDEX(Jesper!AK$2:AK$366,ROUNDDOWN($C8706/24,0)+1,1))-1)+IF('Standard Profiles'!$G$21=$B$10,7,0)+IF('Standard Profiles'!$G$21=$B$17,14,0)+IF('Standard Profiles'!$G$21=$B$24,21,0),0)),0)</f>
        <v>24.262066086014894</v>
      </c>
      <c r="H8706" cm="1">
        <f t="array" ref="H8706">IFERROR(INDEX(Jesper!AL$2:AL$366,ROUNDDOWN($C8706/24,0)+1,1)*INDEX($D$3:$AA$30,INDEX(Jesper!$R$2:$R$366,ROW(INDEX(Jesper!AL$2:AL$366,ROUNDDOWN($C8706/24,0)+1,1))-1)+IF('Standard Profiles'!$G$22=$B$10,7,0)+IF('Standard Profiles'!$G$22=$B$17,14,0)+IF('Standard Profiles'!$G$22=$B$24,21,0),MOD($C8706,24)+1)/SUM(INDEX($D$3:$AA$30,INDEX(Jesper!$R$2:$R$366,ROW(INDEX(Jesper!AL$2:AL$366,ROUNDDOWN($C8706/24,0)+1,1))-1)+IF('Standard Profiles'!$G$22=$B$10,7,0)+IF('Standard Profiles'!$G$22=$B$17,14,0)+IF('Standard Profiles'!$G$22=$B$24,21,0),0)),0)</f>
        <v>0</v>
      </c>
      <c r="I8706">
        <f t="shared" si="965"/>
        <v>11.645791721287143</v>
      </c>
      <c r="J8706">
        <f t="shared" si="966"/>
        <v>66.737032485938755</v>
      </c>
      <c r="K8706">
        <f t="shared" si="967"/>
        <v>2.9427587297927422</v>
      </c>
      <c r="L8706">
        <f t="shared" si="968"/>
        <v>1.4713793648963711</v>
      </c>
      <c r="M8706">
        <f t="shared" si="969"/>
        <v>0</v>
      </c>
      <c r="N8706" s="45">
        <f t="shared" si="970"/>
        <v>45288.333333312301</v>
      </c>
    </row>
    <row r="8707" spans="2:14" x14ac:dyDescent="0.25">
      <c r="B8707">
        <f t="shared" si="964"/>
        <v>4</v>
      </c>
      <c r="C8707" s="16">
        <v>8673</v>
      </c>
      <c r="D8707" cm="1">
        <f t="array" ref="D8707">IFERROR(INDEX(Jesper!AH$2:AH$366,ROUNDDOWN($C8707/24,0)+1,1)*INDEX($D$3:$AA$30,INDEX(Jesper!$R$2:$R$366,ROW(INDEX(Jesper!AH$2:AH$366,ROUNDDOWN($C8707/24,0)+1,1))-1)+IF('Standard Profiles'!$G$18=$B$10,7,0)+IF('Standard Profiles'!$G$18=$B$17,14,0)+IF('Standard Profiles'!$G$18=$B$24,21,0),MOD($C8707,24)+1)/SUM(INDEX($D$3:$AA$30,INDEX(Jesper!$R$2:$R$366,ROW(INDEX(Jesper!AH$2:AH$366,ROUNDDOWN($C8707/24,0)+1,1))-1)+IF('Standard Profiles'!$G$18=$B$10,7,0)+IF('Standard Profiles'!$G$18=$B$17,14,0)+IF('Standard Profiles'!$G$18=$B$24,21,0),0)),0)</f>
        <v>30.451306431522777</v>
      </c>
      <c r="E8707" cm="1">
        <f t="array" ref="E8707">IFERROR(INDEX(Jesper!AI$2:AI$366,ROUNDDOWN($C8707/24,0)+1,1)*INDEX($D$3:$AA$30,INDEX(Jesper!$R$2:$R$366,ROW(INDEX(Jesper!AI$2:AI$366,ROUNDDOWN($C8707/24,0)+1,1))-1)+IF('Standard Profiles'!$G$19=$B$10,7,0)+IF('Standard Profiles'!$G$19=$B$17,14,0)+IF('Standard Profiles'!$G$19=$B$24,21,0),MOD($C8707,24)+1)/SUM(INDEX($D$3:$AA$30,INDEX(Jesper!$R$2:$R$366,ROW(INDEX(Jesper!AI$2:AI$366,ROUNDDOWN($C8707/24,0)+1,1))-1)+IF('Standard Profiles'!$G$19=$B$10,7,0)+IF('Standard Profiles'!$G$19=$B$17,14,0)+IF('Standard Profiles'!$G$19=$B$24,21,0),0)),0)</f>
        <v>34.15796580678208</v>
      </c>
      <c r="F8707" cm="1">
        <f t="array" ref="F8707">IFERROR(INDEX(Jesper!AJ$2:AJ$366,ROUNDDOWN($C8707/24,0)+1,1)*INDEX($D$3:$AA$30,INDEX(Jesper!$R$2:$R$366,ROW(INDEX(Jesper!AJ$2:AJ$366,ROUNDDOWN($C8707/24,0)+1,1))-1)+IF('Standard Profiles'!$G$20=$B$10,7,0)+IF('Standard Profiles'!$G$20=$B$17,14,0)+IF('Standard Profiles'!$G$20=$B$24,21,0),MOD($C8707,24)+1)/SUM(INDEX($D$3:$AA$30,INDEX(Jesper!$R$2:$R$366,ROW(INDEX(Jesper!AJ$2:AJ$366,ROUNDDOWN($C8707/24,0)+1,1))-1)+IF('Standard Profiles'!$G$20=$B$10,7,0)+IF('Standard Profiles'!$G$20=$B$17,14,0)+IF('Standard Profiles'!$G$20=$B$24,21,0),0)),0)</f>
        <v>0</v>
      </c>
      <c r="G8707" cm="1">
        <f t="array" ref="G8707">IFERROR(INDEX(Jesper!AK$2:AK$366,ROUNDDOWN($C8707/24,0)+1,1)*INDEX($D$3:$AA$30,INDEX(Jesper!$R$2:$R$366,ROW(INDEX(Jesper!AK$2:AK$366,ROUNDDOWN($C8707/24,0)+1,1))-1)+IF('Standard Profiles'!$G$21=$B$10,7,0)+IF('Standard Profiles'!$G$21=$B$17,14,0)+IF('Standard Profiles'!$G$21=$B$24,21,0),MOD($C8707,24)+1)/SUM(INDEX($D$3:$AA$30,INDEX(Jesper!$R$2:$R$366,ROW(INDEX(Jesper!AK$2:AK$366,ROUNDDOWN($C8707/24,0)+1,1))-1)+IF('Standard Profiles'!$G$21=$B$10,7,0)+IF('Standard Profiles'!$G$21=$B$17,14,0)+IF('Standard Profiles'!$G$21=$B$24,21,0),0)),0)</f>
        <v>26.7798276609787</v>
      </c>
      <c r="H8707" cm="1">
        <f t="array" ref="H8707">IFERROR(INDEX(Jesper!AL$2:AL$366,ROUNDDOWN($C8707/24,0)+1,1)*INDEX($D$3:$AA$30,INDEX(Jesper!$R$2:$R$366,ROW(INDEX(Jesper!AL$2:AL$366,ROUNDDOWN($C8707/24,0)+1,1))-1)+IF('Standard Profiles'!$G$22=$B$10,7,0)+IF('Standard Profiles'!$G$22=$B$17,14,0)+IF('Standard Profiles'!$G$22=$B$24,21,0),MOD($C8707,24)+1)/SUM(INDEX($D$3:$AA$30,INDEX(Jesper!$R$2:$R$366,ROW(INDEX(Jesper!AL$2:AL$366,ROUNDDOWN($C8707/24,0)+1,1))-1)+IF('Standard Profiles'!$G$22=$B$10,7,0)+IF('Standard Profiles'!$G$22=$B$17,14,0)+IF('Standard Profiles'!$G$22=$B$24,21,0),0)),0)</f>
        <v>0</v>
      </c>
      <c r="I8707">
        <f t="shared" si="965"/>
        <v>12.85431727726977</v>
      </c>
      <c r="J8707">
        <f t="shared" si="966"/>
        <v>73.662573592970134</v>
      </c>
      <c r="K8707">
        <f t="shared" si="967"/>
        <v>3.2481393526957629</v>
      </c>
      <c r="L8707">
        <f t="shared" si="968"/>
        <v>1.6240696763478815</v>
      </c>
      <c r="M8707">
        <f t="shared" si="969"/>
        <v>0</v>
      </c>
      <c r="N8707" s="45">
        <f t="shared" si="970"/>
        <v>45288.374999978965</v>
      </c>
    </row>
    <row r="8708" spans="2:14" x14ac:dyDescent="0.25">
      <c r="B8708">
        <f t="shared" si="964"/>
        <v>4</v>
      </c>
      <c r="C8708" s="16">
        <v>8674</v>
      </c>
      <c r="D8708" cm="1">
        <f t="array" ref="D8708">IFERROR(INDEX(Jesper!AH$2:AH$366,ROUNDDOWN($C8708/24,0)+1,1)*INDEX($D$3:$AA$30,INDEX(Jesper!$R$2:$R$366,ROW(INDEX(Jesper!AH$2:AH$366,ROUNDDOWN($C8708/24,0)+1,1))-1)+IF('Standard Profiles'!$G$18=$B$10,7,0)+IF('Standard Profiles'!$G$18=$B$17,14,0)+IF('Standard Profiles'!$G$18=$B$24,21,0),MOD($C8708,24)+1)/SUM(INDEX($D$3:$AA$30,INDEX(Jesper!$R$2:$R$366,ROW(INDEX(Jesper!AH$2:AH$366,ROUNDDOWN($C8708/24,0)+1,1))-1)+IF('Standard Profiles'!$G$18=$B$10,7,0)+IF('Standard Profiles'!$G$18=$B$17,14,0)+IF('Standard Profiles'!$G$18=$B$24,21,0),0)),0)</f>
        <v>30.451306431522777</v>
      </c>
      <c r="E8708" cm="1">
        <f t="array" ref="E8708">IFERROR(INDEX(Jesper!AI$2:AI$366,ROUNDDOWN($C8708/24,0)+1,1)*INDEX($D$3:$AA$30,INDEX(Jesper!$R$2:$R$366,ROW(INDEX(Jesper!AI$2:AI$366,ROUNDDOWN($C8708/24,0)+1,1))-1)+IF('Standard Profiles'!$G$19=$B$10,7,0)+IF('Standard Profiles'!$G$19=$B$17,14,0)+IF('Standard Profiles'!$G$19=$B$24,21,0),MOD($C8708,24)+1)/SUM(INDEX($D$3:$AA$30,INDEX(Jesper!$R$2:$R$366,ROW(INDEX(Jesper!AI$2:AI$366,ROUNDDOWN($C8708/24,0)+1,1))-1)+IF('Standard Profiles'!$G$19=$B$10,7,0)+IF('Standard Profiles'!$G$19=$B$17,14,0)+IF('Standard Profiles'!$G$19=$B$24,21,0),0)),0)</f>
        <v>34.15796580678208</v>
      </c>
      <c r="F8708" cm="1">
        <f t="array" ref="F8708">IFERROR(INDEX(Jesper!AJ$2:AJ$366,ROUNDDOWN($C8708/24,0)+1,1)*INDEX($D$3:$AA$30,INDEX(Jesper!$R$2:$R$366,ROW(INDEX(Jesper!AJ$2:AJ$366,ROUNDDOWN($C8708/24,0)+1,1))-1)+IF('Standard Profiles'!$G$20=$B$10,7,0)+IF('Standard Profiles'!$G$20=$B$17,14,0)+IF('Standard Profiles'!$G$20=$B$24,21,0),MOD($C8708,24)+1)/SUM(INDEX($D$3:$AA$30,INDEX(Jesper!$R$2:$R$366,ROW(INDEX(Jesper!AJ$2:AJ$366,ROUNDDOWN($C8708/24,0)+1,1))-1)+IF('Standard Profiles'!$G$20=$B$10,7,0)+IF('Standard Profiles'!$G$20=$B$17,14,0)+IF('Standard Profiles'!$G$20=$B$24,21,0),0)),0)</f>
        <v>0</v>
      </c>
      <c r="G8708" cm="1">
        <f t="array" ref="G8708">IFERROR(INDEX(Jesper!AK$2:AK$366,ROUNDDOWN($C8708/24,0)+1,1)*INDEX($D$3:$AA$30,INDEX(Jesper!$R$2:$R$366,ROW(INDEX(Jesper!AK$2:AK$366,ROUNDDOWN($C8708/24,0)+1,1))-1)+IF('Standard Profiles'!$G$21=$B$10,7,0)+IF('Standard Profiles'!$G$21=$B$17,14,0)+IF('Standard Profiles'!$G$21=$B$24,21,0),MOD($C8708,24)+1)/SUM(INDEX($D$3:$AA$30,INDEX(Jesper!$R$2:$R$366,ROW(INDEX(Jesper!AK$2:AK$366,ROUNDDOWN($C8708/24,0)+1,1))-1)+IF('Standard Profiles'!$G$21=$B$10,7,0)+IF('Standard Profiles'!$G$21=$B$17,14,0)+IF('Standard Profiles'!$G$21=$B$24,21,0),0)),0)</f>
        <v>26.7798276609787</v>
      </c>
      <c r="H8708" cm="1">
        <f t="array" ref="H8708">IFERROR(INDEX(Jesper!AL$2:AL$366,ROUNDDOWN($C8708/24,0)+1,1)*INDEX($D$3:$AA$30,INDEX(Jesper!$R$2:$R$366,ROW(INDEX(Jesper!AL$2:AL$366,ROUNDDOWN($C8708/24,0)+1,1))-1)+IF('Standard Profiles'!$G$22=$B$10,7,0)+IF('Standard Profiles'!$G$22=$B$17,14,0)+IF('Standard Profiles'!$G$22=$B$24,21,0),MOD($C8708,24)+1)/SUM(INDEX($D$3:$AA$30,INDEX(Jesper!$R$2:$R$366,ROW(INDEX(Jesper!AL$2:AL$366,ROUNDDOWN($C8708/24,0)+1,1))-1)+IF('Standard Profiles'!$G$22=$B$10,7,0)+IF('Standard Profiles'!$G$22=$B$17,14,0)+IF('Standard Profiles'!$G$22=$B$24,21,0),0)),0)</f>
        <v>0</v>
      </c>
      <c r="I8708">
        <f t="shared" si="965"/>
        <v>12.85431727726977</v>
      </c>
      <c r="J8708">
        <f t="shared" si="966"/>
        <v>73.662573592970134</v>
      </c>
      <c r="K8708">
        <f t="shared" si="967"/>
        <v>3.2481393526957629</v>
      </c>
      <c r="L8708">
        <f t="shared" si="968"/>
        <v>1.6240696763478815</v>
      </c>
      <c r="M8708">
        <f t="shared" si="969"/>
        <v>0</v>
      </c>
      <c r="N8708" s="45">
        <f t="shared" si="970"/>
        <v>45288.416666645629</v>
      </c>
    </row>
    <row r="8709" spans="2:14" x14ac:dyDescent="0.25">
      <c r="B8709">
        <f t="shared" si="964"/>
        <v>4</v>
      </c>
      <c r="C8709" s="16">
        <v>8675</v>
      </c>
      <c r="D8709" cm="1">
        <f t="array" ref="D8709">IFERROR(INDEX(Jesper!AH$2:AH$366,ROUNDDOWN($C8709/24,0)+1,1)*INDEX($D$3:$AA$30,INDEX(Jesper!$R$2:$R$366,ROW(INDEX(Jesper!AH$2:AH$366,ROUNDDOWN($C8709/24,0)+1,1))-1)+IF('Standard Profiles'!$G$18=$B$10,7,0)+IF('Standard Profiles'!$G$18=$B$17,14,0)+IF('Standard Profiles'!$G$18=$B$24,21,0),MOD($C8709,24)+1)/SUM(INDEX($D$3:$AA$30,INDEX(Jesper!$R$2:$R$366,ROW(INDEX(Jesper!AH$2:AH$366,ROUNDDOWN($C8709/24,0)+1,1))-1)+IF('Standard Profiles'!$G$18=$B$10,7,0)+IF('Standard Profiles'!$G$18=$B$17,14,0)+IF('Standard Profiles'!$G$18=$B$24,21,0),0)),0)</f>
        <v>36.437460687292209</v>
      </c>
      <c r="E8709" cm="1">
        <f t="array" ref="E8709">IFERROR(INDEX(Jesper!AI$2:AI$366,ROUNDDOWN($C8709/24,0)+1,1)*INDEX($D$3:$AA$30,INDEX(Jesper!$R$2:$R$366,ROW(INDEX(Jesper!AI$2:AI$366,ROUNDDOWN($C8709/24,0)+1,1))-1)+IF('Standard Profiles'!$G$19=$B$10,7,0)+IF('Standard Profiles'!$G$19=$B$17,14,0)+IF('Standard Profiles'!$G$19=$B$24,21,0),MOD($C8709,24)+1)/SUM(INDEX($D$3:$AA$30,INDEX(Jesper!$R$2:$R$366,ROW(INDEX(Jesper!AI$2:AI$366,ROUNDDOWN($C8709/24,0)+1,1))-1)+IF('Standard Profiles'!$G$19=$B$10,7,0)+IF('Standard Profiles'!$G$19=$B$17,14,0)+IF('Standard Profiles'!$G$19=$B$24,21,0),0)),0)</f>
        <v>40.872779597858887</v>
      </c>
      <c r="F8709" cm="1">
        <f t="array" ref="F8709">IFERROR(INDEX(Jesper!AJ$2:AJ$366,ROUNDDOWN($C8709/24,0)+1,1)*INDEX($D$3:$AA$30,INDEX(Jesper!$R$2:$R$366,ROW(INDEX(Jesper!AJ$2:AJ$366,ROUNDDOWN($C8709/24,0)+1,1))-1)+IF('Standard Profiles'!$G$20=$B$10,7,0)+IF('Standard Profiles'!$G$20=$B$17,14,0)+IF('Standard Profiles'!$G$20=$B$24,21,0),MOD($C8709,24)+1)/SUM(INDEX($D$3:$AA$30,INDEX(Jesper!$R$2:$R$366,ROW(INDEX(Jesper!AJ$2:AJ$366,ROUNDDOWN($C8709/24,0)+1,1))-1)+IF('Standard Profiles'!$G$20=$B$10,7,0)+IF('Standard Profiles'!$G$20=$B$17,14,0)+IF('Standard Profiles'!$G$20=$B$24,21,0),0)),0)</f>
        <v>0</v>
      </c>
      <c r="G8709" cm="1">
        <f t="array" ref="G8709">IFERROR(INDEX(Jesper!AK$2:AK$366,ROUNDDOWN($C8709/24,0)+1,1)*INDEX($D$3:$AA$30,INDEX(Jesper!$R$2:$R$366,ROW(INDEX(Jesper!AK$2:AK$366,ROUNDDOWN($C8709/24,0)+1,1))-1)+IF('Standard Profiles'!$G$21=$B$10,7,0)+IF('Standard Profiles'!$G$21=$B$17,14,0)+IF('Standard Profiles'!$G$21=$B$24,21,0),MOD($C8709,24)+1)/SUM(INDEX($D$3:$AA$30,INDEX(Jesper!$R$2:$R$366,ROW(INDEX(Jesper!AK$2:AK$366,ROUNDDOWN($C8709/24,0)+1,1))-1)+IF('Standard Profiles'!$G$21=$B$10,7,0)+IF('Standard Profiles'!$G$21=$B$17,14,0)+IF('Standard Profiles'!$G$21=$B$24,21,0),0)),0)</f>
        <v>32.044238226812119</v>
      </c>
      <c r="H8709" cm="1">
        <f t="array" ref="H8709">IFERROR(INDEX(Jesper!AL$2:AL$366,ROUNDDOWN($C8709/24,0)+1,1)*INDEX($D$3:$AA$30,INDEX(Jesper!$R$2:$R$366,ROW(INDEX(Jesper!AL$2:AL$366,ROUNDDOWN($C8709/24,0)+1,1))-1)+IF('Standard Profiles'!$G$22=$B$10,7,0)+IF('Standard Profiles'!$G$22=$B$17,14,0)+IF('Standard Profiles'!$G$22=$B$24,21,0),MOD($C8709,24)+1)/SUM(INDEX($D$3:$AA$30,INDEX(Jesper!$R$2:$R$366,ROW(INDEX(Jesper!AL$2:AL$366,ROUNDDOWN($C8709/24,0)+1,1))-1)+IF('Standard Profiles'!$G$22=$B$10,7,0)+IF('Standard Profiles'!$G$22=$B$17,14,0)+IF('Standard Profiles'!$G$22=$B$24,21,0),0)),0)</f>
        <v>0</v>
      </c>
      <c r="I8709">
        <f t="shared" si="965"/>
        <v>15.38123434886981</v>
      </c>
      <c r="J8709">
        <f t="shared" si="966"/>
        <v>88.143250453126655</v>
      </c>
      <c r="K8709">
        <f t="shared" si="967"/>
        <v>3.8866624733111692</v>
      </c>
      <c r="L8709">
        <f t="shared" si="968"/>
        <v>1.9433312366555846</v>
      </c>
      <c r="M8709">
        <f t="shared" si="969"/>
        <v>0</v>
      </c>
      <c r="N8709" s="45">
        <f t="shared" si="970"/>
        <v>45288.458333312294</v>
      </c>
    </row>
    <row r="8710" spans="2:14" x14ac:dyDescent="0.25">
      <c r="B8710">
        <f t="shared" si="964"/>
        <v>4</v>
      </c>
      <c r="C8710" s="16">
        <v>8676</v>
      </c>
      <c r="D8710" cm="1">
        <f t="array" ref="D8710">IFERROR(INDEX(Jesper!AH$2:AH$366,ROUNDDOWN($C8710/24,0)+1,1)*INDEX($D$3:$AA$30,INDEX(Jesper!$R$2:$R$366,ROW(INDEX(Jesper!AH$2:AH$366,ROUNDDOWN($C8710/24,0)+1,1))-1)+IF('Standard Profiles'!$G$18=$B$10,7,0)+IF('Standard Profiles'!$G$18=$B$17,14,0)+IF('Standard Profiles'!$G$18=$B$24,21,0),MOD($C8710,24)+1)/SUM(INDEX($D$3:$AA$30,INDEX(Jesper!$R$2:$R$366,ROW(INDEX(Jesper!AH$2:AH$366,ROUNDDOWN($C8710/24,0)+1,1))-1)+IF('Standard Profiles'!$G$18=$B$10,7,0)+IF('Standard Profiles'!$G$18=$B$17,14,0)+IF('Standard Profiles'!$G$18=$B$24,21,0),0)),0)</f>
        <v>36.437460687292209</v>
      </c>
      <c r="E8710" cm="1">
        <f t="array" ref="E8710">IFERROR(INDEX(Jesper!AI$2:AI$366,ROUNDDOWN($C8710/24,0)+1,1)*INDEX($D$3:$AA$30,INDEX(Jesper!$R$2:$R$366,ROW(INDEX(Jesper!AI$2:AI$366,ROUNDDOWN($C8710/24,0)+1,1))-1)+IF('Standard Profiles'!$G$19=$B$10,7,0)+IF('Standard Profiles'!$G$19=$B$17,14,0)+IF('Standard Profiles'!$G$19=$B$24,21,0),MOD($C8710,24)+1)/SUM(INDEX($D$3:$AA$30,INDEX(Jesper!$R$2:$R$366,ROW(INDEX(Jesper!AI$2:AI$366,ROUNDDOWN($C8710/24,0)+1,1))-1)+IF('Standard Profiles'!$G$19=$B$10,7,0)+IF('Standard Profiles'!$G$19=$B$17,14,0)+IF('Standard Profiles'!$G$19=$B$24,21,0),0)),0)</f>
        <v>40.872779597858887</v>
      </c>
      <c r="F8710" cm="1">
        <f t="array" ref="F8710">IFERROR(INDEX(Jesper!AJ$2:AJ$366,ROUNDDOWN($C8710/24,0)+1,1)*INDEX($D$3:$AA$30,INDEX(Jesper!$R$2:$R$366,ROW(INDEX(Jesper!AJ$2:AJ$366,ROUNDDOWN($C8710/24,0)+1,1))-1)+IF('Standard Profiles'!$G$20=$B$10,7,0)+IF('Standard Profiles'!$G$20=$B$17,14,0)+IF('Standard Profiles'!$G$20=$B$24,21,0),MOD($C8710,24)+1)/SUM(INDEX($D$3:$AA$30,INDEX(Jesper!$R$2:$R$366,ROW(INDEX(Jesper!AJ$2:AJ$366,ROUNDDOWN($C8710/24,0)+1,1))-1)+IF('Standard Profiles'!$G$20=$B$10,7,0)+IF('Standard Profiles'!$G$20=$B$17,14,0)+IF('Standard Profiles'!$G$20=$B$24,21,0),0)),0)</f>
        <v>0</v>
      </c>
      <c r="G8710" cm="1">
        <f t="array" ref="G8710">IFERROR(INDEX(Jesper!AK$2:AK$366,ROUNDDOWN($C8710/24,0)+1,1)*INDEX($D$3:$AA$30,INDEX(Jesper!$R$2:$R$366,ROW(INDEX(Jesper!AK$2:AK$366,ROUNDDOWN($C8710/24,0)+1,1))-1)+IF('Standard Profiles'!$G$21=$B$10,7,0)+IF('Standard Profiles'!$G$21=$B$17,14,0)+IF('Standard Profiles'!$G$21=$B$24,21,0),MOD($C8710,24)+1)/SUM(INDEX($D$3:$AA$30,INDEX(Jesper!$R$2:$R$366,ROW(INDEX(Jesper!AK$2:AK$366,ROUNDDOWN($C8710/24,0)+1,1))-1)+IF('Standard Profiles'!$G$21=$B$10,7,0)+IF('Standard Profiles'!$G$21=$B$17,14,0)+IF('Standard Profiles'!$G$21=$B$24,21,0),0)),0)</f>
        <v>32.044238226812119</v>
      </c>
      <c r="H8710" cm="1">
        <f t="array" ref="H8710">IFERROR(INDEX(Jesper!AL$2:AL$366,ROUNDDOWN($C8710/24,0)+1,1)*INDEX($D$3:$AA$30,INDEX(Jesper!$R$2:$R$366,ROW(INDEX(Jesper!AL$2:AL$366,ROUNDDOWN($C8710/24,0)+1,1))-1)+IF('Standard Profiles'!$G$22=$B$10,7,0)+IF('Standard Profiles'!$G$22=$B$17,14,0)+IF('Standard Profiles'!$G$22=$B$24,21,0),MOD($C8710,24)+1)/SUM(INDEX($D$3:$AA$30,INDEX(Jesper!$R$2:$R$366,ROW(INDEX(Jesper!AL$2:AL$366,ROUNDDOWN($C8710/24,0)+1,1))-1)+IF('Standard Profiles'!$G$22=$B$10,7,0)+IF('Standard Profiles'!$G$22=$B$17,14,0)+IF('Standard Profiles'!$G$22=$B$24,21,0),0)),0)</f>
        <v>0</v>
      </c>
      <c r="I8710">
        <f t="shared" si="965"/>
        <v>15.38123434886981</v>
      </c>
      <c r="J8710">
        <f t="shared" si="966"/>
        <v>88.143250453126655</v>
      </c>
      <c r="K8710">
        <f t="shared" si="967"/>
        <v>3.8866624733111692</v>
      </c>
      <c r="L8710">
        <f t="shared" si="968"/>
        <v>1.9433312366555846</v>
      </c>
      <c r="M8710">
        <f t="shared" si="969"/>
        <v>0</v>
      </c>
      <c r="N8710" s="45">
        <f t="shared" si="970"/>
        <v>45288.499999978958</v>
      </c>
    </row>
    <row r="8711" spans="2:14" x14ac:dyDescent="0.25">
      <c r="B8711">
        <f t="shared" si="964"/>
        <v>4</v>
      </c>
      <c r="C8711" s="16">
        <v>8677</v>
      </c>
      <c r="D8711" cm="1">
        <f t="array" ref="D8711">IFERROR(INDEX(Jesper!AH$2:AH$366,ROUNDDOWN($C8711/24,0)+1,1)*INDEX($D$3:$AA$30,INDEX(Jesper!$R$2:$R$366,ROW(INDEX(Jesper!AH$2:AH$366,ROUNDDOWN($C8711/24,0)+1,1))-1)+IF('Standard Profiles'!$G$18=$B$10,7,0)+IF('Standard Profiles'!$G$18=$B$17,14,0)+IF('Standard Profiles'!$G$18=$B$24,21,0),MOD($C8711,24)+1)/SUM(INDEX($D$3:$AA$30,INDEX(Jesper!$R$2:$R$366,ROW(INDEX(Jesper!AH$2:AH$366,ROUNDDOWN($C8711/24,0)+1,1))-1)+IF('Standard Profiles'!$G$18=$B$10,7,0)+IF('Standard Profiles'!$G$18=$B$17,14,0)+IF('Standard Profiles'!$G$18=$B$24,21,0),0)),0)</f>
        <v>24.204884599415539</v>
      </c>
      <c r="E8711" cm="1">
        <f t="array" ref="E8711">IFERROR(INDEX(Jesper!AI$2:AI$366,ROUNDDOWN($C8711/24,0)+1,1)*INDEX($D$3:$AA$30,INDEX(Jesper!$R$2:$R$366,ROW(INDEX(Jesper!AI$2:AI$366,ROUNDDOWN($C8711/24,0)+1,1))-1)+IF('Standard Profiles'!$G$19=$B$10,7,0)+IF('Standard Profiles'!$G$19=$B$17,14,0)+IF('Standard Profiles'!$G$19=$B$24,21,0),MOD($C8711,24)+1)/SUM(INDEX($D$3:$AA$30,INDEX(Jesper!$R$2:$R$366,ROW(INDEX(Jesper!AI$2:AI$366,ROUNDDOWN($C8711/24,0)+1,1))-1)+IF('Standard Profiles'!$G$19=$B$10,7,0)+IF('Standard Profiles'!$G$19=$B$17,14,0)+IF('Standard Profiles'!$G$19=$B$24,21,0),0)),0)</f>
        <v>27.151203590006265</v>
      </c>
      <c r="F8711" cm="1">
        <f t="array" ref="F8711">IFERROR(INDEX(Jesper!AJ$2:AJ$366,ROUNDDOWN($C8711/24,0)+1,1)*INDEX($D$3:$AA$30,INDEX(Jesper!$R$2:$R$366,ROW(INDEX(Jesper!AJ$2:AJ$366,ROUNDDOWN($C8711/24,0)+1,1))-1)+IF('Standard Profiles'!$G$20=$B$10,7,0)+IF('Standard Profiles'!$G$20=$B$17,14,0)+IF('Standard Profiles'!$G$20=$B$24,21,0),MOD($C8711,24)+1)/SUM(INDEX($D$3:$AA$30,INDEX(Jesper!$R$2:$R$366,ROW(INDEX(Jesper!AJ$2:AJ$366,ROUNDDOWN($C8711/24,0)+1,1))-1)+IF('Standard Profiles'!$G$20=$B$10,7,0)+IF('Standard Profiles'!$G$20=$B$17,14,0)+IF('Standard Profiles'!$G$20=$B$24,21,0),0)),0)</f>
        <v>0</v>
      </c>
      <c r="G8711" cm="1">
        <f t="array" ref="G8711">IFERROR(INDEX(Jesper!AK$2:AK$366,ROUNDDOWN($C8711/24,0)+1,1)*INDEX($D$3:$AA$30,INDEX(Jesper!$R$2:$R$366,ROW(INDEX(Jesper!AK$2:AK$366,ROUNDDOWN($C8711/24,0)+1,1))-1)+IF('Standard Profiles'!$G$21=$B$10,7,0)+IF('Standard Profiles'!$G$21=$B$17,14,0)+IF('Standard Profiles'!$G$21=$B$24,21,0),MOD($C8711,24)+1)/SUM(INDEX($D$3:$AA$30,INDEX(Jesper!$R$2:$R$366,ROW(INDEX(Jesper!AK$2:AK$366,ROUNDDOWN($C8711/24,0)+1,1))-1)+IF('Standard Profiles'!$G$21=$B$10,7,0)+IF('Standard Profiles'!$G$21=$B$17,14,0)+IF('Standard Profiles'!$G$21=$B$24,21,0),0)),0)</f>
        <v>21.286529679239482</v>
      </c>
      <c r="H8711" cm="1">
        <f t="array" ref="H8711">IFERROR(INDEX(Jesper!AL$2:AL$366,ROUNDDOWN($C8711/24,0)+1,1)*INDEX($D$3:$AA$30,INDEX(Jesper!$R$2:$R$366,ROW(INDEX(Jesper!AL$2:AL$366,ROUNDDOWN($C8711/24,0)+1,1))-1)+IF('Standard Profiles'!$G$22=$B$10,7,0)+IF('Standard Profiles'!$G$22=$B$17,14,0)+IF('Standard Profiles'!$G$22=$B$24,21,0),MOD($C8711,24)+1)/SUM(INDEX($D$3:$AA$30,INDEX(Jesper!$R$2:$R$366,ROW(INDEX(Jesper!AL$2:AL$366,ROUNDDOWN($C8711/24,0)+1,1))-1)+IF('Standard Profiles'!$G$22=$B$10,7,0)+IF('Standard Profiles'!$G$22=$B$17,14,0)+IF('Standard Profiles'!$G$22=$B$24,21,0),0)),0)</f>
        <v>0</v>
      </c>
      <c r="I8711">
        <f t="shared" si="965"/>
        <v>10.217534246034946</v>
      </c>
      <c r="J8711">
        <f t="shared" si="966"/>
        <v>58.552302086719848</v>
      </c>
      <c r="K8711">
        <f t="shared" si="967"/>
        <v>2.5818543572709909</v>
      </c>
      <c r="L8711">
        <f t="shared" si="968"/>
        <v>1.2909271786354954</v>
      </c>
      <c r="M8711">
        <f t="shared" si="969"/>
        <v>0</v>
      </c>
      <c r="N8711" s="45">
        <f t="shared" si="970"/>
        <v>45288.541666645622</v>
      </c>
    </row>
    <row r="8712" spans="2:14" x14ac:dyDescent="0.25">
      <c r="B8712">
        <f t="shared" si="964"/>
        <v>4</v>
      </c>
      <c r="C8712" s="16">
        <v>8678</v>
      </c>
      <c r="D8712" cm="1">
        <f t="array" ref="D8712">IFERROR(INDEX(Jesper!AH$2:AH$366,ROUNDDOWN($C8712/24,0)+1,1)*INDEX($D$3:$AA$30,INDEX(Jesper!$R$2:$R$366,ROW(INDEX(Jesper!AH$2:AH$366,ROUNDDOWN($C8712/24,0)+1,1))-1)+IF('Standard Profiles'!$G$18=$B$10,7,0)+IF('Standard Profiles'!$G$18=$B$17,14,0)+IF('Standard Profiles'!$G$18=$B$24,21,0),MOD($C8712,24)+1)/SUM(INDEX($D$3:$AA$30,INDEX(Jesper!$R$2:$R$366,ROW(INDEX(Jesper!AH$2:AH$366,ROUNDDOWN($C8712/24,0)+1,1))-1)+IF('Standard Profiles'!$G$18=$B$10,7,0)+IF('Standard Profiles'!$G$18=$B$17,14,0)+IF('Standard Profiles'!$G$18=$B$24,21,0),0)),0)</f>
        <v>36.437460687292209</v>
      </c>
      <c r="E8712" cm="1">
        <f t="array" ref="E8712">IFERROR(INDEX(Jesper!AI$2:AI$366,ROUNDDOWN($C8712/24,0)+1,1)*INDEX($D$3:$AA$30,INDEX(Jesper!$R$2:$R$366,ROW(INDEX(Jesper!AI$2:AI$366,ROUNDDOWN($C8712/24,0)+1,1))-1)+IF('Standard Profiles'!$G$19=$B$10,7,0)+IF('Standard Profiles'!$G$19=$B$17,14,0)+IF('Standard Profiles'!$G$19=$B$24,21,0),MOD($C8712,24)+1)/SUM(INDEX($D$3:$AA$30,INDEX(Jesper!$R$2:$R$366,ROW(INDEX(Jesper!AI$2:AI$366,ROUNDDOWN($C8712/24,0)+1,1))-1)+IF('Standard Profiles'!$G$19=$B$10,7,0)+IF('Standard Profiles'!$G$19=$B$17,14,0)+IF('Standard Profiles'!$G$19=$B$24,21,0),0)),0)</f>
        <v>40.872779597858887</v>
      </c>
      <c r="F8712" cm="1">
        <f t="array" ref="F8712">IFERROR(INDEX(Jesper!AJ$2:AJ$366,ROUNDDOWN($C8712/24,0)+1,1)*INDEX($D$3:$AA$30,INDEX(Jesper!$R$2:$R$366,ROW(INDEX(Jesper!AJ$2:AJ$366,ROUNDDOWN($C8712/24,0)+1,1))-1)+IF('Standard Profiles'!$G$20=$B$10,7,0)+IF('Standard Profiles'!$G$20=$B$17,14,0)+IF('Standard Profiles'!$G$20=$B$24,21,0),MOD($C8712,24)+1)/SUM(INDEX($D$3:$AA$30,INDEX(Jesper!$R$2:$R$366,ROW(INDEX(Jesper!AJ$2:AJ$366,ROUNDDOWN($C8712/24,0)+1,1))-1)+IF('Standard Profiles'!$G$20=$B$10,7,0)+IF('Standard Profiles'!$G$20=$B$17,14,0)+IF('Standard Profiles'!$G$20=$B$24,21,0),0)),0)</f>
        <v>0</v>
      </c>
      <c r="G8712" cm="1">
        <f t="array" ref="G8712">IFERROR(INDEX(Jesper!AK$2:AK$366,ROUNDDOWN($C8712/24,0)+1,1)*INDEX($D$3:$AA$30,INDEX(Jesper!$R$2:$R$366,ROW(INDEX(Jesper!AK$2:AK$366,ROUNDDOWN($C8712/24,0)+1,1))-1)+IF('Standard Profiles'!$G$21=$B$10,7,0)+IF('Standard Profiles'!$G$21=$B$17,14,0)+IF('Standard Profiles'!$G$21=$B$24,21,0),MOD($C8712,24)+1)/SUM(INDEX($D$3:$AA$30,INDEX(Jesper!$R$2:$R$366,ROW(INDEX(Jesper!AK$2:AK$366,ROUNDDOWN($C8712/24,0)+1,1))-1)+IF('Standard Profiles'!$G$21=$B$10,7,0)+IF('Standard Profiles'!$G$21=$B$17,14,0)+IF('Standard Profiles'!$G$21=$B$24,21,0),0)),0)</f>
        <v>32.044238226812119</v>
      </c>
      <c r="H8712" cm="1">
        <f t="array" ref="H8712">IFERROR(INDEX(Jesper!AL$2:AL$366,ROUNDDOWN($C8712/24,0)+1,1)*INDEX($D$3:$AA$30,INDEX(Jesper!$R$2:$R$366,ROW(INDEX(Jesper!AL$2:AL$366,ROUNDDOWN($C8712/24,0)+1,1))-1)+IF('Standard Profiles'!$G$22=$B$10,7,0)+IF('Standard Profiles'!$G$22=$B$17,14,0)+IF('Standard Profiles'!$G$22=$B$24,21,0),MOD($C8712,24)+1)/SUM(INDEX($D$3:$AA$30,INDEX(Jesper!$R$2:$R$366,ROW(INDEX(Jesper!AL$2:AL$366,ROUNDDOWN($C8712/24,0)+1,1))-1)+IF('Standard Profiles'!$G$22=$B$10,7,0)+IF('Standard Profiles'!$G$22=$B$17,14,0)+IF('Standard Profiles'!$G$22=$B$24,21,0),0)),0)</f>
        <v>0</v>
      </c>
      <c r="I8712">
        <f t="shared" si="965"/>
        <v>15.38123434886981</v>
      </c>
      <c r="J8712">
        <f t="shared" si="966"/>
        <v>88.143250453126655</v>
      </c>
      <c r="K8712">
        <f t="shared" si="967"/>
        <v>3.8866624733111692</v>
      </c>
      <c r="L8712">
        <f t="shared" si="968"/>
        <v>1.9433312366555846</v>
      </c>
      <c r="M8712">
        <f t="shared" si="969"/>
        <v>0</v>
      </c>
      <c r="N8712" s="45">
        <f t="shared" si="970"/>
        <v>45288.583333312286</v>
      </c>
    </row>
    <row r="8713" spans="2:14" x14ac:dyDescent="0.25">
      <c r="B8713">
        <f t="shared" si="964"/>
        <v>4</v>
      </c>
      <c r="C8713" s="16">
        <v>8679</v>
      </c>
      <c r="D8713" cm="1">
        <f t="array" ref="D8713">IFERROR(INDEX(Jesper!AH$2:AH$366,ROUNDDOWN($C8713/24,0)+1,1)*INDEX($D$3:$AA$30,INDEX(Jesper!$R$2:$R$366,ROW(INDEX(Jesper!AH$2:AH$366,ROUNDDOWN($C8713/24,0)+1,1))-1)+IF('Standard Profiles'!$G$18=$B$10,7,0)+IF('Standard Profiles'!$G$18=$B$17,14,0)+IF('Standard Profiles'!$G$18=$B$24,21,0),MOD($C8713,24)+1)/SUM(INDEX($D$3:$AA$30,INDEX(Jesper!$R$2:$R$366,ROW(INDEX(Jesper!AH$2:AH$366,ROUNDDOWN($C8713/24,0)+1,1))-1)+IF('Standard Profiles'!$G$18=$B$10,7,0)+IF('Standard Profiles'!$G$18=$B$17,14,0)+IF('Standard Profiles'!$G$18=$B$24,21,0),0)),0)</f>
        <v>36.437460687292209</v>
      </c>
      <c r="E8713" cm="1">
        <f t="array" ref="E8713">IFERROR(INDEX(Jesper!AI$2:AI$366,ROUNDDOWN($C8713/24,0)+1,1)*INDEX($D$3:$AA$30,INDEX(Jesper!$R$2:$R$366,ROW(INDEX(Jesper!AI$2:AI$366,ROUNDDOWN($C8713/24,0)+1,1))-1)+IF('Standard Profiles'!$G$19=$B$10,7,0)+IF('Standard Profiles'!$G$19=$B$17,14,0)+IF('Standard Profiles'!$G$19=$B$24,21,0),MOD($C8713,24)+1)/SUM(INDEX($D$3:$AA$30,INDEX(Jesper!$R$2:$R$366,ROW(INDEX(Jesper!AI$2:AI$366,ROUNDDOWN($C8713/24,0)+1,1))-1)+IF('Standard Profiles'!$G$19=$B$10,7,0)+IF('Standard Profiles'!$G$19=$B$17,14,0)+IF('Standard Profiles'!$G$19=$B$24,21,0),0)),0)</f>
        <v>40.872779597858887</v>
      </c>
      <c r="F8713" cm="1">
        <f t="array" ref="F8713">IFERROR(INDEX(Jesper!AJ$2:AJ$366,ROUNDDOWN($C8713/24,0)+1,1)*INDEX($D$3:$AA$30,INDEX(Jesper!$R$2:$R$366,ROW(INDEX(Jesper!AJ$2:AJ$366,ROUNDDOWN($C8713/24,0)+1,1))-1)+IF('Standard Profiles'!$G$20=$B$10,7,0)+IF('Standard Profiles'!$G$20=$B$17,14,0)+IF('Standard Profiles'!$G$20=$B$24,21,0),MOD($C8713,24)+1)/SUM(INDEX($D$3:$AA$30,INDEX(Jesper!$R$2:$R$366,ROW(INDEX(Jesper!AJ$2:AJ$366,ROUNDDOWN($C8713/24,0)+1,1))-1)+IF('Standard Profiles'!$G$20=$B$10,7,0)+IF('Standard Profiles'!$G$20=$B$17,14,0)+IF('Standard Profiles'!$G$20=$B$24,21,0),0)),0)</f>
        <v>0</v>
      </c>
      <c r="G8713" cm="1">
        <f t="array" ref="G8713">IFERROR(INDEX(Jesper!AK$2:AK$366,ROUNDDOWN($C8713/24,0)+1,1)*INDEX($D$3:$AA$30,INDEX(Jesper!$R$2:$R$366,ROW(INDEX(Jesper!AK$2:AK$366,ROUNDDOWN($C8713/24,0)+1,1))-1)+IF('Standard Profiles'!$G$21=$B$10,7,0)+IF('Standard Profiles'!$G$21=$B$17,14,0)+IF('Standard Profiles'!$G$21=$B$24,21,0),MOD($C8713,24)+1)/SUM(INDEX($D$3:$AA$30,INDEX(Jesper!$R$2:$R$366,ROW(INDEX(Jesper!AK$2:AK$366,ROUNDDOWN($C8713/24,0)+1,1))-1)+IF('Standard Profiles'!$G$21=$B$10,7,0)+IF('Standard Profiles'!$G$21=$B$17,14,0)+IF('Standard Profiles'!$G$21=$B$24,21,0),0)),0)</f>
        <v>32.044238226812119</v>
      </c>
      <c r="H8713" cm="1">
        <f t="array" ref="H8713">IFERROR(INDEX(Jesper!AL$2:AL$366,ROUNDDOWN($C8713/24,0)+1,1)*INDEX($D$3:$AA$30,INDEX(Jesper!$R$2:$R$366,ROW(INDEX(Jesper!AL$2:AL$366,ROUNDDOWN($C8713/24,0)+1,1))-1)+IF('Standard Profiles'!$G$22=$B$10,7,0)+IF('Standard Profiles'!$G$22=$B$17,14,0)+IF('Standard Profiles'!$G$22=$B$24,21,0),MOD($C8713,24)+1)/SUM(INDEX($D$3:$AA$30,INDEX(Jesper!$R$2:$R$366,ROW(INDEX(Jesper!AL$2:AL$366,ROUNDDOWN($C8713/24,0)+1,1))-1)+IF('Standard Profiles'!$G$22=$B$10,7,0)+IF('Standard Profiles'!$G$22=$B$17,14,0)+IF('Standard Profiles'!$G$22=$B$24,21,0),0)),0)</f>
        <v>0</v>
      </c>
      <c r="I8713">
        <f t="shared" si="965"/>
        <v>15.38123434886981</v>
      </c>
      <c r="J8713">
        <f t="shared" si="966"/>
        <v>88.143250453126655</v>
      </c>
      <c r="K8713">
        <f t="shared" si="967"/>
        <v>3.8866624733111692</v>
      </c>
      <c r="L8713">
        <f t="shared" si="968"/>
        <v>1.9433312366555846</v>
      </c>
      <c r="M8713">
        <f t="shared" si="969"/>
        <v>0</v>
      </c>
      <c r="N8713" s="45">
        <f t="shared" si="970"/>
        <v>45288.624999978951</v>
      </c>
    </row>
    <row r="8714" spans="2:14" x14ac:dyDescent="0.25">
      <c r="B8714">
        <f t="shared" si="964"/>
        <v>4</v>
      </c>
      <c r="C8714" s="16">
        <v>8680</v>
      </c>
      <c r="D8714" cm="1">
        <f t="array" ref="D8714">IFERROR(INDEX(Jesper!AH$2:AH$366,ROUNDDOWN($C8714/24,0)+1,1)*INDEX($D$3:$AA$30,INDEX(Jesper!$R$2:$R$366,ROW(INDEX(Jesper!AH$2:AH$366,ROUNDDOWN($C8714/24,0)+1,1))-1)+IF('Standard Profiles'!$G$18=$B$10,7,0)+IF('Standard Profiles'!$G$18=$B$17,14,0)+IF('Standard Profiles'!$G$18=$B$24,21,0),MOD($C8714,24)+1)/SUM(INDEX($D$3:$AA$30,INDEX(Jesper!$R$2:$R$366,ROW(INDEX(Jesper!AH$2:AH$366,ROUNDDOWN($C8714/24,0)+1,1))-1)+IF('Standard Profiles'!$G$18=$B$10,7,0)+IF('Standard Profiles'!$G$18=$B$17,14,0)+IF('Standard Profiles'!$G$18=$B$24,21,0),0)),0)</f>
        <v>21.472075047868625</v>
      </c>
      <c r="E8714" cm="1">
        <f t="array" ref="E8714">IFERROR(INDEX(Jesper!AI$2:AI$366,ROUNDDOWN($C8714/24,0)+1,1)*INDEX($D$3:$AA$30,INDEX(Jesper!$R$2:$R$366,ROW(INDEX(Jesper!AI$2:AI$366,ROUNDDOWN($C8714/24,0)+1,1))-1)+IF('Standard Profiles'!$G$19=$B$10,7,0)+IF('Standard Profiles'!$G$19=$B$17,14,0)+IF('Standard Profiles'!$G$19=$B$24,21,0),MOD($C8714,24)+1)/SUM(INDEX($D$3:$AA$30,INDEX(Jesper!$R$2:$R$366,ROW(INDEX(Jesper!AI$2:AI$366,ROUNDDOWN($C8714/24,0)+1,1))-1)+IF('Standard Profiles'!$G$19=$B$10,7,0)+IF('Standard Profiles'!$G$19=$B$17,14,0)+IF('Standard Profiles'!$G$19=$B$24,21,0),0)),0)</f>
        <v>24.085745120166848</v>
      </c>
      <c r="F8714" cm="1">
        <f t="array" ref="F8714">IFERROR(INDEX(Jesper!AJ$2:AJ$366,ROUNDDOWN($C8714/24,0)+1,1)*INDEX($D$3:$AA$30,INDEX(Jesper!$R$2:$R$366,ROW(INDEX(Jesper!AJ$2:AJ$366,ROUNDDOWN($C8714/24,0)+1,1))-1)+IF('Standard Profiles'!$G$20=$B$10,7,0)+IF('Standard Profiles'!$G$20=$B$17,14,0)+IF('Standard Profiles'!$G$20=$B$24,21,0),MOD($C8714,24)+1)/SUM(INDEX($D$3:$AA$30,INDEX(Jesper!$R$2:$R$366,ROW(INDEX(Jesper!AJ$2:AJ$366,ROUNDDOWN($C8714/24,0)+1,1))-1)+IF('Standard Profiles'!$G$20=$B$10,7,0)+IF('Standard Profiles'!$G$20=$B$17,14,0)+IF('Standard Profiles'!$G$20=$B$24,21,0),0)),0)</f>
        <v>0</v>
      </c>
      <c r="G8714" cm="1">
        <f t="array" ref="G8714">IFERROR(INDEX(Jesper!AK$2:AK$366,ROUNDDOWN($C8714/24,0)+1,1)*INDEX($D$3:$AA$30,INDEX(Jesper!$R$2:$R$366,ROW(INDEX(Jesper!AK$2:AK$366,ROUNDDOWN($C8714/24,0)+1,1))-1)+IF('Standard Profiles'!$G$21=$B$10,7,0)+IF('Standard Profiles'!$G$21=$B$17,14,0)+IF('Standard Profiles'!$G$21=$B$24,21,0),MOD($C8714,24)+1)/SUM(INDEX($D$3:$AA$30,INDEX(Jesper!$R$2:$R$366,ROW(INDEX(Jesper!AK$2:AK$366,ROUNDDOWN($C8714/24,0)+1,1))-1)+IF('Standard Profiles'!$G$21=$B$10,7,0)+IF('Standard Profiles'!$G$21=$B$17,14,0)+IF('Standard Profiles'!$G$21=$B$24,21,0),0)),0)</f>
        <v>26.775881326221711</v>
      </c>
      <c r="H8714" cm="1">
        <f t="array" ref="H8714">IFERROR(INDEX(Jesper!AL$2:AL$366,ROUNDDOWN($C8714/24,0)+1,1)*INDEX($D$3:$AA$30,INDEX(Jesper!$R$2:$R$366,ROW(INDEX(Jesper!AL$2:AL$366,ROUNDDOWN($C8714/24,0)+1,1))-1)+IF('Standard Profiles'!$G$22=$B$10,7,0)+IF('Standard Profiles'!$G$22=$B$17,14,0)+IF('Standard Profiles'!$G$22=$B$24,21,0),MOD($C8714,24)+1)/SUM(INDEX($D$3:$AA$30,INDEX(Jesper!$R$2:$R$366,ROW(INDEX(Jesper!AL$2:AL$366,ROUNDDOWN($C8714/24,0)+1,1))-1)+IF('Standard Profiles'!$G$22=$B$10,7,0)+IF('Standard Profiles'!$G$22=$B$17,14,0)+IF('Standard Profiles'!$G$22=$B$24,21,0),0)),0)</f>
        <v>0</v>
      </c>
      <c r="I8714">
        <f t="shared" si="965"/>
        <v>12.852423036586416</v>
      </c>
      <c r="J8714">
        <f t="shared" si="966"/>
        <v>56.045746450011791</v>
      </c>
      <c r="K8714">
        <f t="shared" si="967"/>
        <v>2.2903546717726533</v>
      </c>
      <c r="L8714">
        <f t="shared" si="968"/>
        <v>1.1451773358863266</v>
      </c>
      <c r="M8714">
        <f t="shared" si="969"/>
        <v>0</v>
      </c>
      <c r="N8714" s="45">
        <f t="shared" si="970"/>
        <v>45288.666666645615</v>
      </c>
    </row>
    <row r="8715" spans="2:14" x14ac:dyDescent="0.25">
      <c r="B8715">
        <f t="shared" si="964"/>
        <v>4</v>
      </c>
      <c r="C8715" s="16">
        <v>8681</v>
      </c>
      <c r="D8715" cm="1">
        <f t="array" ref="D8715">IFERROR(INDEX(Jesper!AH$2:AH$366,ROUNDDOWN($C8715/24,0)+1,1)*INDEX($D$3:$AA$30,INDEX(Jesper!$R$2:$R$366,ROW(INDEX(Jesper!AH$2:AH$366,ROUNDDOWN($C8715/24,0)+1,1))-1)+IF('Standard Profiles'!$G$18=$B$10,7,0)+IF('Standard Profiles'!$G$18=$B$17,14,0)+IF('Standard Profiles'!$G$18=$B$24,21,0),MOD($C8715,24)+1)/SUM(INDEX($D$3:$AA$30,INDEX(Jesper!$R$2:$R$366,ROW(INDEX(Jesper!AH$2:AH$366,ROUNDDOWN($C8715/24,0)+1,1))-1)+IF('Standard Profiles'!$G$18=$B$10,7,0)+IF('Standard Profiles'!$G$18=$B$17,14,0)+IF('Standard Profiles'!$G$18=$B$24,21,0),0)),0)</f>
        <v>9.1643512795000532</v>
      </c>
      <c r="E8715" cm="1">
        <f t="array" ref="E8715">IFERROR(INDEX(Jesper!AI$2:AI$366,ROUNDDOWN($C8715/24,0)+1,1)*INDEX($D$3:$AA$30,INDEX(Jesper!$R$2:$R$366,ROW(INDEX(Jesper!AI$2:AI$366,ROUNDDOWN($C8715/24,0)+1,1))-1)+IF('Standard Profiles'!$G$19=$B$10,7,0)+IF('Standard Profiles'!$G$19=$B$17,14,0)+IF('Standard Profiles'!$G$19=$B$24,21,0),MOD($C8715,24)+1)/SUM(INDEX($D$3:$AA$30,INDEX(Jesper!$R$2:$R$366,ROW(INDEX(Jesper!AI$2:AI$366,ROUNDDOWN($C8715/24,0)+1,1))-1)+IF('Standard Profiles'!$G$19=$B$10,7,0)+IF('Standard Profiles'!$G$19=$B$17,14,0)+IF('Standard Profiles'!$G$19=$B$24,21,0),0)),0)</f>
        <v>10.279874144330709</v>
      </c>
      <c r="F8715" cm="1">
        <f t="array" ref="F8715">IFERROR(INDEX(Jesper!AJ$2:AJ$366,ROUNDDOWN($C8715/24,0)+1,1)*INDEX($D$3:$AA$30,INDEX(Jesper!$R$2:$R$366,ROW(INDEX(Jesper!AJ$2:AJ$366,ROUNDDOWN($C8715/24,0)+1,1))-1)+IF('Standard Profiles'!$G$20=$B$10,7,0)+IF('Standard Profiles'!$G$20=$B$17,14,0)+IF('Standard Profiles'!$G$20=$B$24,21,0),MOD($C8715,24)+1)/SUM(INDEX($D$3:$AA$30,INDEX(Jesper!$R$2:$R$366,ROW(INDEX(Jesper!AJ$2:AJ$366,ROUNDDOWN($C8715/24,0)+1,1))-1)+IF('Standard Profiles'!$G$20=$B$10,7,0)+IF('Standard Profiles'!$G$20=$B$17,14,0)+IF('Standard Profiles'!$G$20=$B$24,21,0),0)),0)</f>
        <v>0</v>
      </c>
      <c r="G8715" cm="1">
        <f t="array" ref="G8715">IFERROR(INDEX(Jesper!AK$2:AK$366,ROUNDDOWN($C8715/24,0)+1,1)*INDEX($D$3:$AA$30,INDEX(Jesper!$R$2:$R$366,ROW(INDEX(Jesper!AK$2:AK$366,ROUNDDOWN($C8715/24,0)+1,1))-1)+IF('Standard Profiles'!$G$21=$B$10,7,0)+IF('Standard Profiles'!$G$21=$B$17,14,0)+IF('Standard Profiles'!$G$21=$B$24,21,0),MOD($C8715,24)+1)/SUM(INDEX($D$3:$AA$30,INDEX(Jesper!$R$2:$R$366,ROW(INDEX(Jesper!AK$2:AK$366,ROUNDDOWN($C8715/24,0)+1,1))-1)+IF('Standard Profiles'!$G$21=$B$10,7,0)+IF('Standard Profiles'!$G$21=$B$17,14,0)+IF('Standard Profiles'!$G$21=$B$24,21,0),0)),0)</f>
        <v>21.290476013996479</v>
      </c>
      <c r="H8715" cm="1">
        <f t="array" ref="H8715">IFERROR(INDEX(Jesper!AL$2:AL$366,ROUNDDOWN($C8715/24,0)+1,1)*INDEX($D$3:$AA$30,INDEX(Jesper!$R$2:$R$366,ROW(INDEX(Jesper!AL$2:AL$366,ROUNDDOWN($C8715/24,0)+1,1))-1)+IF('Standard Profiles'!$G$22=$B$10,7,0)+IF('Standard Profiles'!$G$22=$B$17,14,0)+IF('Standard Profiles'!$G$22=$B$24,21,0),MOD($C8715,24)+1)/SUM(INDEX($D$3:$AA$30,INDEX(Jesper!$R$2:$R$366,ROW(INDEX(Jesper!AL$2:AL$366,ROUNDDOWN($C8715/24,0)+1,1))-1)+IF('Standard Profiles'!$G$22=$B$10,7,0)+IF('Standard Profiles'!$G$22=$B$17,14,0)+IF('Standard Profiles'!$G$22=$B$24,21,0),0)),0)</f>
        <v>0</v>
      </c>
      <c r="I8715">
        <f t="shared" si="965"/>
        <v>10.219428486718305</v>
      </c>
      <c r="J8715">
        <f t="shared" si="966"/>
        <v>29.048976746388924</v>
      </c>
      <c r="K8715">
        <f t="shared" si="967"/>
        <v>0.9775308031466724</v>
      </c>
      <c r="L8715">
        <f t="shared" si="968"/>
        <v>0.4887654015733362</v>
      </c>
      <c r="M8715">
        <f t="shared" si="969"/>
        <v>0</v>
      </c>
      <c r="N8715" s="45">
        <f t="shared" si="970"/>
        <v>45288.708333312279</v>
      </c>
    </row>
    <row r="8716" spans="2:14" x14ac:dyDescent="0.25">
      <c r="B8716">
        <f t="shared" si="964"/>
        <v>4</v>
      </c>
      <c r="C8716" s="16">
        <v>8682</v>
      </c>
      <c r="D8716" cm="1">
        <f t="array" ref="D8716">IFERROR(INDEX(Jesper!AH$2:AH$366,ROUNDDOWN($C8716/24,0)+1,1)*INDEX($D$3:$AA$30,INDEX(Jesper!$R$2:$R$366,ROW(INDEX(Jesper!AH$2:AH$366,ROUNDDOWN($C8716/24,0)+1,1))-1)+IF('Standard Profiles'!$G$18=$B$10,7,0)+IF('Standard Profiles'!$G$18=$B$17,14,0)+IF('Standard Profiles'!$G$18=$B$24,21,0),MOD($C8716,24)+1)/SUM(INDEX($D$3:$AA$30,INDEX(Jesper!$R$2:$R$366,ROW(INDEX(Jesper!AH$2:AH$366,ROUNDDOWN($C8716/24,0)+1,1))-1)+IF('Standard Profiles'!$G$18=$B$10,7,0)+IF('Standard Profiles'!$G$18=$B$17,14,0)+IF('Standard Profiles'!$G$18=$B$24,21,0),0)),0)</f>
        <v>6.0484718444700345</v>
      </c>
      <c r="E8716" cm="1">
        <f t="array" ref="E8716">IFERROR(INDEX(Jesper!AI$2:AI$366,ROUNDDOWN($C8716/24,0)+1,1)*INDEX($D$3:$AA$30,INDEX(Jesper!$R$2:$R$366,ROW(INDEX(Jesper!AI$2:AI$366,ROUNDDOWN($C8716/24,0)+1,1))-1)+IF('Standard Profiles'!$G$19=$B$10,7,0)+IF('Standard Profiles'!$G$19=$B$17,14,0)+IF('Standard Profiles'!$G$19=$B$24,21,0),MOD($C8716,24)+1)/SUM(INDEX($D$3:$AA$30,INDEX(Jesper!$R$2:$R$366,ROW(INDEX(Jesper!AI$2:AI$366,ROUNDDOWN($C8716/24,0)+1,1))-1)+IF('Standard Profiles'!$G$19=$B$10,7,0)+IF('Standard Profiles'!$G$19=$B$17,14,0)+IF('Standard Profiles'!$G$19=$B$24,21,0),0)),0)</f>
        <v>6.7847169352582677</v>
      </c>
      <c r="F8716" cm="1">
        <f t="array" ref="F8716">IFERROR(INDEX(Jesper!AJ$2:AJ$366,ROUNDDOWN($C8716/24,0)+1,1)*INDEX($D$3:$AA$30,INDEX(Jesper!$R$2:$R$366,ROW(INDEX(Jesper!AJ$2:AJ$366,ROUNDDOWN($C8716/24,0)+1,1))-1)+IF('Standard Profiles'!$G$20=$B$10,7,0)+IF('Standard Profiles'!$G$20=$B$17,14,0)+IF('Standard Profiles'!$G$20=$B$24,21,0),MOD($C8716,24)+1)/SUM(INDEX($D$3:$AA$30,INDEX(Jesper!$R$2:$R$366,ROW(INDEX(Jesper!AJ$2:AJ$366,ROUNDDOWN($C8716/24,0)+1,1))-1)+IF('Standard Profiles'!$G$20=$B$10,7,0)+IF('Standard Profiles'!$G$20=$B$17,14,0)+IF('Standard Profiles'!$G$20=$B$24,21,0),0)),0)</f>
        <v>0</v>
      </c>
      <c r="G8716" cm="1">
        <f t="array" ref="G8716">IFERROR(INDEX(Jesper!AK$2:AK$366,ROUNDDOWN($C8716/24,0)+1,1)*INDEX($D$3:$AA$30,INDEX(Jesper!$R$2:$R$366,ROW(INDEX(Jesper!AK$2:AK$366,ROUNDDOWN($C8716/24,0)+1,1))-1)+IF('Standard Profiles'!$G$21=$B$10,7,0)+IF('Standard Profiles'!$G$21=$B$17,14,0)+IF('Standard Profiles'!$G$21=$B$24,21,0),MOD($C8716,24)+1)/SUM(INDEX($D$3:$AA$30,INDEX(Jesper!$R$2:$R$366,ROW(INDEX(Jesper!AK$2:AK$366,ROUNDDOWN($C8716/24,0)+1,1))-1)+IF('Standard Profiles'!$G$21=$B$10,7,0)+IF('Standard Profiles'!$G$21=$B$17,14,0)+IF('Standard Profiles'!$G$21=$B$24,21,0),0)),0)</f>
        <v>7.8926695139931349</v>
      </c>
      <c r="H8716" cm="1">
        <f t="array" ref="H8716">IFERROR(INDEX(Jesper!AL$2:AL$366,ROUNDDOWN($C8716/24,0)+1,1)*INDEX($D$3:$AA$30,INDEX(Jesper!$R$2:$R$366,ROW(INDEX(Jesper!AL$2:AL$366,ROUNDDOWN($C8716/24,0)+1,1))-1)+IF('Standard Profiles'!$G$22=$B$10,7,0)+IF('Standard Profiles'!$G$22=$B$17,14,0)+IF('Standard Profiles'!$G$22=$B$24,21,0),MOD($C8716,24)+1)/SUM(INDEX($D$3:$AA$30,INDEX(Jesper!$R$2:$R$366,ROW(INDEX(Jesper!AL$2:AL$366,ROUNDDOWN($C8716/24,0)+1,1))-1)+IF('Standard Profiles'!$G$22=$B$10,7,0)+IF('Standard Profiles'!$G$22=$B$17,14,0)+IF('Standard Profiles'!$G$22=$B$24,21,0),0)),0)</f>
        <v>0</v>
      </c>
      <c r="I8716">
        <f t="shared" si="965"/>
        <v>3.7884813667167028</v>
      </c>
      <c r="J8716">
        <f t="shared" si="966"/>
        <v>15.969621431889529</v>
      </c>
      <c r="K8716">
        <f t="shared" si="967"/>
        <v>0.64517033007680369</v>
      </c>
      <c r="L8716">
        <f t="shared" si="968"/>
        <v>0.32258516503840184</v>
      </c>
      <c r="M8716">
        <f t="shared" si="969"/>
        <v>0</v>
      </c>
      <c r="N8716" s="45">
        <f t="shared" si="970"/>
        <v>45288.749999978943</v>
      </c>
    </row>
    <row r="8717" spans="2:14" x14ac:dyDescent="0.25">
      <c r="B8717">
        <f t="shared" si="964"/>
        <v>4</v>
      </c>
      <c r="C8717" s="16">
        <v>8683</v>
      </c>
      <c r="D8717" cm="1">
        <f t="array" ref="D8717">IFERROR(INDEX(Jesper!AH$2:AH$366,ROUNDDOWN($C8717/24,0)+1,1)*INDEX($D$3:$AA$30,INDEX(Jesper!$R$2:$R$366,ROW(INDEX(Jesper!AH$2:AH$366,ROUNDDOWN($C8717/24,0)+1,1))-1)+IF('Standard Profiles'!$G$18=$B$10,7,0)+IF('Standard Profiles'!$G$18=$B$17,14,0)+IF('Standard Profiles'!$G$18=$B$24,21,0),MOD($C8717,24)+1)/SUM(INDEX($D$3:$AA$30,INDEX(Jesper!$R$2:$R$366,ROW(INDEX(Jesper!AH$2:AH$366,ROUNDDOWN($C8717/24,0)+1,1))-1)+IF('Standard Profiles'!$G$18=$B$10,7,0)+IF('Standard Profiles'!$G$18=$B$17,14,0)+IF('Standard Profiles'!$G$18=$B$24,21,0),0)),0)</f>
        <v>6.0484718444700345</v>
      </c>
      <c r="E8717" cm="1">
        <f t="array" ref="E8717">IFERROR(INDEX(Jesper!AI$2:AI$366,ROUNDDOWN($C8717/24,0)+1,1)*INDEX($D$3:$AA$30,INDEX(Jesper!$R$2:$R$366,ROW(INDEX(Jesper!AI$2:AI$366,ROUNDDOWN($C8717/24,0)+1,1))-1)+IF('Standard Profiles'!$G$19=$B$10,7,0)+IF('Standard Profiles'!$G$19=$B$17,14,0)+IF('Standard Profiles'!$G$19=$B$24,21,0),MOD($C8717,24)+1)/SUM(INDEX($D$3:$AA$30,INDEX(Jesper!$R$2:$R$366,ROW(INDEX(Jesper!AI$2:AI$366,ROUNDDOWN($C8717/24,0)+1,1))-1)+IF('Standard Profiles'!$G$19=$B$10,7,0)+IF('Standard Profiles'!$G$19=$B$17,14,0)+IF('Standard Profiles'!$G$19=$B$24,21,0),0)),0)</f>
        <v>6.7847169352582677</v>
      </c>
      <c r="F8717" cm="1">
        <f t="array" ref="F8717">IFERROR(INDEX(Jesper!AJ$2:AJ$366,ROUNDDOWN($C8717/24,0)+1,1)*INDEX($D$3:$AA$30,INDEX(Jesper!$R$2:$R$366,ROW(INDEX(Jesper!AJ$2:AJ$366,ROUNDDOWN($C8717/24,0)+1,1))-1)+IF('Standard Profiles'!$G$20=$B$10,7,0)+IF('Standard Profiles'!$G$20=$B$17,14,0)+IF('Standard Profiles'!$G$20=$B$24,21,0),MOD($C8717,24)+1)/SUM(INDEX($D$3:$AA$30,INDEX(Jesper!$R$2:$R$366,ROW(INDEX(Jesper!AJ$2:AJ$366,ROUNDDOWN($C8717/24,0)+1,1))-1)+IF('Standard Profiles'!$G$20=$B$10,7,0)+IF('Standard Profiles'!$G$20=$B$17,14,0)+IF('Standard Profiles'!$G$20=$B$24,21,0),0)),0)</f>
        <v>0</v>
      </c>
      <c r="G8717" cm="1">
        <f t="array" ref="G8717">IFERROR(INDEX(Jesper!AK$2:AK$366,ROUNDDOWN($C8717/24,0)+1,1)*INDEX($D$3:$AA$30,INDEX(Jesper!$R$2:$R$366,ROW(INDEX(Jesper!AK$2:AK$366,ROUNDDOWN($C8717/24,0)+1,1))-1)+IF('Standard Profiles'!$G$21=$B$10,7,0)+IF('Standard Profiles'!$G$21=$B$17,14,0)+IF('Standard Profiles'!$G$21=$B$24,21,0),MOD($C8717,24)+1)/SUM(INDEX($D$3:$AA$30,INDEX(Jesper!$R$2:$R$366,ROW(INDEX(Jesper!AK$2:AK$366,ROUNDDOWN($C8717/24,0)+1,1))-1)+IF('Standard Profiles'!$G$21=$B$10,7,0)+IF('Standard Profiles'!$G$21=$B$17,14,0)+IF('Standard Profiles'!$G$21=$B$24,21,0),0)),0)</f>
        <v>7.8926695139931349</v>
      </c>
      <c r="H8717" cm="1">
        <f t="array" ref="H8717">IFERROR(INDEX(Jesper!AL$2:AL$366,ROUNDDOWN($C8717/24,0)+1,1)*INDEX($D$3:$AA$30,INDEX(Jesper!$R$2:$R$366,ROW(INDEX(Jesper!AL$2:AL$366,ROUNDDOWN($C8717/24,0)+1,1))-1)+IF('Standard Profiles'!$G$22=$B$10,7,0)+IF('Standard Profiles'!$G$22=$B$17,14,0)+IF('Standard Profiles'!$G$22=$B$24,21,0),MOD($C8717,24)+1)/SUM(INDEX($D$3:$AA$30,INDEX(Jesper!$R$2:$R$366,ROW(INDEX(Jesper!AL$2:AL$366,ROUNDDOWN($C8717/24,0)+1,1))-1)+IF('Standard Profiles'!$G$22=$B$10,7,0)+IF('Standard Profiles'!$G$22=$B$17,14,0)+IF('Standard Profiles'!$G$22=$B$24,21,0),0)),0)</f>
        <v>0</v>
      </c>
      <c r="I8717">
        <f t="shared" si="965"/>
        <v>3.7884813667167028</v>
      </c>
      <c r="J8717">
        <f t="shared" si="966"/>
        <v>15.969621431889529</v>
      </c>
      <c r="K8717">
        <f t="shared" si="967"/>
        <v>0.64517033007680369</v>
      </c>
      <c r="L8717">
        <f t="shared" si="968"/>
        <v>0.32258516503840184</v>
      </c>
      <c r="M8717">
        <f t="shared" si="969"/>
        <v>0</v>
      </c>
      <c r="N8717" s="45">
        <f t="shared" si="970"/>
        <v>45288.791666645608</v>
      </c>
    </row>
    <row r="8718" spans="2:14" x14ac:dyDescent="0.25">
      <c r="B8718">
        <f t="shared" si="964"/>
        <v>4</v>
      </c>
      <c r="C8718" s="16">
        <v>8684</v>
      </c>
      <c r="D8718" cm="1">
        <f t="array" ref="D8718">IFERROR(INDEX(Jesper!AH$2:AH$366,ROUNDDOWN($C8718/24,0)+1,1)*INDEX($D$3:$AA$30,INDEX(Jesper!$R$2:$R$366,ROW(INDEX(Jesper!AH$2:AH$366,ROUNDDOWN($C8718/24,0)+1,1))-1)+IF('Standard Profiles'!$G$18=$B$10,7,0)+IF('Standard Profiles'!$G$18=$B$17,14,0)+IF('Standard Profiles'!$G$18=$B$24,21,0),MOD($C8718,24)+1)/SUM(INDEX($D$3:$AA$30,INDEX(Jesper!$R$2:$R$366,ROW(INDEX(Jesper!AH$2:AH$366,ROUNDDOWN($C8718/24,0)+1,1))-1)+IF('Standard Profiles'!$G$18=$B$10,7,0)+IF('Standard Profiles'!$G$18=$B$17,14,0)+IF('Standard Profiles'!$G$18=$B$24,21,0),0)),0)</f>
        <v>6.0484718444700345</v>
      </c>
      <c r="E8718" cm="1">
        <f t="array" ref="E8718">IFERROR(INDEX(Jesper!AI$2:AI$366,ROUNDDOWN($C8718/24,0)+1,1)*INDEX($D$3:$AA$30,INDEX(Jesper!$R$2:$R$366,ROW(INDEX(Jesper!AI$2:AI$366,ROUNDDOWN($C8718/24,0)+1,1))-1)+IF('Standard Profiles'!$G$19=$B$10,7,0)+IF('Standard Profiles'!$G$19=$B$17,14,0)+IF('Standard Profiles'!$G$19=$B$24,21,0),MOD($C8718,24)+1)/SUM(INDEX($D$3:$AA$30,INDEX(Jesper!$R$2:$R$366,ROW(INDEX(Jesper!AI$2:AI$366,ROUNDDOWN($C8718/24,0)+1,1))-1)+IF('Standard Profiles'!$G$19=$B$10,7,0)+IF('Standard Profiles'!$G$19=$B$17,14,0)+IF('Standard Profiles'!$G$19=$B$24,21,0),0)),0)</f>
        <v>6.7847169352582677</v>
      </c>
      <c r="F8718" cm="1">
        <f t="array" ref="F8718">IFERROR(INDEX(Jesper!AJ$2:AJ$366,ROUNDDOWN($C8718/24,0)+1,1)*INDEX($D$3:$AA$30,INDEX(Jesper!$R$2:$R$366,ROW(INDEX(Jesper!AJ$2:AJ$366,ROUNDDOWN($C8718/24,0)+1,1))-1)+IF('Standard Profiles'!$G$20=$B$10,7,0)+IF('Standard Profiles'!$G$20=$B$17,14,0)+IF('Standard Profiles'!$G$20=$B$24,21,0),MOD($C8718,24)+1)/SUM(INDEX($D$3:$AA$30,INDEX(Jesper!$R$2:$R$366,ROW(INDEX(Jesper!AJ$2:AJ$366,ROUNDDOWN($C8718/24,0)+1,1))-1)+IF('Standard Profiles'!$G$20=$B$10,7,0)+IF('Standard Profiles'!$G$20=$B$17,14,0)+IF('Standard Profiles'!$G$20=$B$24,21,0),0)),0)</f>
        <v>0</v>
      </c>
      <c r="G8718" cm="1">
        <f t="array" ref="G8718">IFERROR(INDEX(Jesper!AK$2:AK$366,ROUNDDOWN($C8718/24,0)+1,1)*INDEX($D$3:$AA$30,INDEX(Jesper!$R$2:$R$366,ROW(INDEX(Jesper!AK$2:AK$366,ROUNDDOWN($C8718/24,0)+1,1))-1)+IF('Standard Profiles'!$G$21=$B$10,7,0)+IF('Standard Profiles'!$G$21=$B$17,14,0)+IF('Standard Profiles'!$G$21=$B$24,21,0),MOD($C8718,24)+1)/SUM(INDEX($D$3:$AA$30,INDEX(Jesper!$R$2:$R$366,ROW(INDEX(Jesper!AK$2:AK$366,ROUNDDOWN($C8718/24,0)+1,1))-1)+IF('Standard Profiles'!$G$21=$B$10,7,0)+IF('Standard Profiles'!$G$21=$B$17,14,0)+IF('Standard Profiles'!$G$21=$B$24,21,0),0)),0)</f>
        <v>7.8926695139931349</v>
      </c>
      <c r="H8718" cm="1">
        <f t="array" ref="H8718">IFERROR(INDEX(Jesper!AL$2:AL$366,ROUNDDOWN($C8718/24,0)+1,1)*INDEX($D$3:$AA$30,INDEX(Jesper!$R$2:$R$366,ROW(INDEX(Jesper!AL$2:AL$366,ROUNDDOWN($C8718/24,0)+1,1))-1)+IF('Standard Profiles'!$G$22=$B$10,7,0)+IF('Standard Profiles'!$G$22=$B$17,14,0)+IF('Standard Profiles'!$G$22=$B$24,21,0),MOD($C8718,24)+1)/SUM(INDEX($D$3:$AA$30,INDEX(Jesper!$R$2:$R$366,ROW(INDEX(Jesper!AL$2:AL$366,ROUNDDOWN($C8718/24,0)+1,1))-1)+IF('Standard Profiles'!$G$22=$B$10,7,0)+IF('Standard Profiles'!$G$22=$B$17,14,0)+IF('Standard Profiles'!$G$22=$B$24,21,0),0)),0)</f>
        <v>0</v>
      </c>
      <c r="I8718">
        <f t="shared" si="965"/>
        <v>3.7884813667167028</v>
      </c>
      <c r="J8718">
        <f t="shared" si="966"/>
        <v>15.969621431889529</v>
      </c>
      <c r="K8718">
        <f t="shared" si="967"/>
        <v>0.64517033007680369</v>
      </c>
      <c r="L8718">
        <f t="shared" si="968"/>
        <v>0.32258516503840184</v>
      </c>
      <c r="M8718">
        <f t="shared" si="969"/>
        <v>0</v>
      </c>
      <c r="N8718" s="45">
        <f t="shared" si="970"/>
        <v>45288.833333312272</v>
      </c>
    </row>
    <row r="8719" spans="2:14" x14ac:dyDescent="0.25">
      <c r="B8719">
        <f t="shared" si="964"/>
        <v>4</v>
      </c>
      <c r="C8719" s="16">
        <v>8685</v>
      </c>
      <c r="D8719" cm="1">
        <f t="array" ref="D8719">IFERROR(INDEX(Jesper!AH$2:AH$366,ROUNDDOWN($C8719/24,0)+1,1)*INDEX($D$3:$AA$30,INDEX(Jesper!$R$2:$R$366,ROW(INDEX(Jesper!AH$2:AH$366,ROUNDDOWN($C8719/24,0)+1,1))-1)+IF('Standard Profiles'!$G$18=$B$10,7,0)+IF('Standard Profiles'!$G$18=$B$17,14,0)+IF('Standard Profiles'!$G$18=$B$24,21,0),MOD($C8719,24)+1)/SUM(INDEX($D$3:$AA$30,INDEX(Jesper!$R$2:$R$366,ROW(INDEX(Jesper!AH$2:AH$366,ROUNDDOWN($C8719/24,0)+1,1))-1)+IF('Standard Profiles'!$G$18=$B$10,7,0)+IF('Standard Profiles'!$G$18=$B$17,14,0)+IF('Standard Profiles'!$G$18=$B$24,21,0),0)),0)</f>
        <v>6.0484718444700345</v>
      </c>
      <c r="E8719" cm="1">
        <f t="array" ref="E8719">IFERROR(INDEX(Jesper!AI$2:AI$366,ROUNDDOWN($C8719/24,0)+1,1)*INDEX($D$3:$AA$30,INDEX(Jesper!$R$2:$R$366,ROW(INDEX(Jesper!AI$2:AI$366,ROUNDDOWN($C8719/24,0)+1,1))-1)+IF('Standard Profiles'!$G$19=$B$10,7,0)+IF('Standard Profiles'!$G$19=$B$17,14,0)+IF('Standard Profiles'!$G$19=$B$24,21,0),MOD($C8719,24)+1)/SUM(INDEX($D$3:$AA$30,INDEX(Jesper!$R$2:$R$366,ROW(INDEX(Jesper!AI$2:AI$366,ROUNDDOWN($C8719/24,0)+1,1))-1)+IF('Standard Profiles'!$G$19=$B$10,7,0)+IF('Standard Profiles'!$G$19=$B$17,14,0)+IF('Standard Profiles'!$G$19=$B$24,21,0),0)),0)</f>
        <v>6.7847169352582677</v>
      </c>
      <c r="F8719" cm="1">
        <f t="array" ref="F8719">IFERROR(INDEX(Jesper!AJ$2:AJ$366,ROUNDDOWN($C8719/24,0)+1,1)*INDEX($D$3:$AA$30,INDEX(Jesper!$R$2:$R$366,ROW(INDEX(Jesper!AJ$2:AJ$366,ROUNDDOWN($C8719/24,0)+1,1))-1)+IF('Standard Profiles'!$G$20=$B$10,7,0)+IF('Standard Profiles'!$G$20=$B$17,14,0)+IF('Standard Profiles'!$G$20=$B$24,21,0),MOD($C8719,24)+1)/SUM(INDEX($D$3:$AA$30,INDEX(Jesper!$R$2:$R$366,ROW(INDEX(Jesper!AJ$2:AJ$366,ROUNDDOWN($C8719/24,0)+1,1))-1)+IF('Standard Profiles'!$G$20=$B$10,7,0)+IF('Standard Profiles'!$G$20=$B$17,14,0)+IF('Standard Profiles'!$G$20=$B$24,21,0),0)),0)</f>
        <v>0</v>
      </c>
      <c r="G8719" cm="1">
        <f t="array" ref="G8719">IFERROR(INDEX(Jesper!AK$2:AK$366,ROUNDDOWN($C8719/24,0)+1,1)*INDEX($D$3:$AA$30,INDEX(Jesper!$R$2:$R$366,ROW(INDEX(Jesper!AK$2:AK$366,ROUNDDOWN($C8719/24,0)+1,1))-1)+IF('Standard Profiles'!$G$21=$B$10,7,0)+IF('Standard Profiles'!$G$21=$B$17,14,0)+IF('Standard Profiles'!$G$21=$B$24,21,0),MOD($C8719,24)+1)/SUM(INDEX($D$3:$AA$30,INDEX(Jesper!$R$2:$R$366,ROW(INDEX(Jesper!AK$2:AK$366,ROUNDDOWN($C8719/24,0)+1,1))-1)+IF('Standard Profiles'!$G$21=$B$10,7,0)+IF('Standard Profiles'!$G$21=$B$17,14,0)+IF('Standard Profiles'!$G$21=$B$24,21,0),0)),0)</f>
        <v>7.8926695139931349</v>
      </c>
      <c r="H8719" cm="1">
        <f t="array" ref="H8719">IFERROR(INDEX(Jesper!AL$2:AL$366,ROUNDDOWN($C8719/24,0)+1,1)*INDEX($D$3:$AA$30,INDEX(Jesper!$R$2:$R$366,ROW(INDEX(Jesper!AL$2:AL$366,ROUNDDOWN($C8719/24,0)+1,1))-1)+IF('Standard Profiles'!$G$22=$B$10,7,0)+IF('Standard Profiles'!$G$22=$B$17,14,0)+IF('Standard Profiles'!$G$22=$B$24,21,0),MOD($C8719,24)+1)/SUM(INDEX($D$3:$AA$30,INDEX(Jesper!$R$2:$R$366,ROW(INDEX(Jesper!AL$2:AL$366,ROUNDDOWN($C8719/24,0)+1,1))-1)+IF('Standard Profiles'!$G$22=$B$10,7,0)+IF('Standard Profiles'!$G$22=$B$17,14,0)+IF('Standard Profiles'!$G$22=$B$24,21,0),0)),0)</f>
        <v>0</v>
      </c>
      <c r="I8719">
        <f t="shared" si="965"/>
        <v>3.7884813667167028</v>
      </c>
      <c r="J8719">
        <f t="shared" si="966"/>
        <v>15.969621431889529</v>
      </c>
      <c r="K8719">
        <f t="shared" si="967"/>
        <v>0.64517033007680369</v>
      </c>
      <c r="L8719">
        <f t="shared" si="968"/>
        <v>0.32258516503840184</v>
      </c>
      <c r="M8719">
        <f t="shared" si="969"/>
        <v>0</v>
      </c>
      <c r="N8719" s="45">
        <f t="shared" si="970"/>
        <v>45288.874999978936</v>
      </c>
    </row>
    <row r="8720" spans="2:14" x14ac:dyDescent="0.25">
      <c r="B8720">
        <f t="shared" si="964"/>
        <v>4</v>
      </c>
      <c r="C8720" s="16">
        <v>8686</v>
      </c>
      <c r="D8720" cm="1">
        <f t="array" ref="D8720">IFERROR(INDEX(Jesper!AH$2:AH$366,ROUNDDOWN($C8720/24,0)+1,1)*INDEX($D$3:$AA$30,INDEX(Jesper!$R$2:$R$366,ROW(INDEX(Jesper!AH$2:AH$366,ROUNDDOWN($C8720/24,0)+1,1))-1)+IF('Standard Profiles'!$G$18=$B$10,7,0)+IF('Standard Profiles'!$G$18=$B$17,14,0)+IF('Standard Profiles'!$G$18=$B$24,21,0),MOD($C8720,24)+1)/SUM(INDEX($D$3:$AA$30,INDEX(Jesper!$R$2:$R$366,ROW(INDEX(Jesper!AH$2:AH$366,ROUNDDOWN($C8720/24,0)+1,1))-1)+IF('Standard Profiles'!$G$18=$B$10,7,0)+IF('Standard Profiles'!$G$18=$B$17,14,0)+IF('Standard Profiles'!$G$18=$B$24,21,0),0)),0)</f>
        <v>6.0484718444700345</v>
      </c>
      <c r="E8720" cm="1">
        <f t="array" ref="E8720">IFERROR(INDEX(Jesper!AI$2:AI$366,ROUNDDOWN($C8720/24,0)+1,1)*INDEX($D$3:$AA$30,INDEX(Jesper!$R$2:$R$366,ROW(INDEX(Jesper!AI$2:AI$366,ROUNDDOWN($C8720/24,0)+1,1))-1)+IF('Standard Profiles'!$G$19=$B$10,7,0)+IF('Standard Profiles'!$G$19=$B$17,14,0)+IF('Standard Profiles'!$G$19=$B$24,21,0),MOD($C8720,24)+1)/SUM(INDEX($D$3:$AA$30,INDEX(Jesper!$R$2:$R$366,ROW(INDEX(Jesper!AI$2:AI$366,ROUNDDOWN($C8720/24,0)+1,1))-1)+IF('Standard Profiles'!$G$19=$B$10,7,0)+IF('Standard Profiles'!$G$19=$B$17,14,0)+IF('Standard Profiles'!$G$19=$B$24,21,0),0)),0)</f>
        <v>6.7847169352582677</v>
      </c>
      <c r="F8720" cm="1">
        <f t="array" ref="F8720">IFERROR(INDEX(Jesper!AJ$2:AJ$366,ROUNDDOWN($C8720/24,0)+1,1)*INDEX($D$3:$AA$30,INDEX(Jesper!$R$2:$R$366,ROW(INDEX(Jesper!AJ$2:AJ$366,ROUNDDOWN($C8720/24,0)+1,1))-1)+IF('Standard Profiles'!$G$20=$B$10,7,0)+IF('Standard Profiles'!$G$20=$B$17,14,0)+IF('Standard Profiles'!$G$20=$B$24,21,0),MOD($C8720,24)+1)/SUM(INDEX($D$3:$AA$30,INDEX(Jesper!$R$2:$R$366,ROW(INDEX(Jesper!AJ$2:AJ$366,ROUNDDOWN($C8720/24,0)+1,1))-1)+IF('Standard Profiles'!$G$20=$B$10,7,0)+IF('Standard Profiles'!$G$20=$B$17,14,0)+IF('Standard Profiles'!$G$20=$B$24,21,0),0)),0)</f>
        <v>0</v>
      </c>
      <c r="G8720" cm="1">
        <f t="array" ref="G8720">IFERROR(INDEX(Jesper!AK$2:AK$366,ROUNDDOWN($C8720/24,0)+1,1)*INDEX($D$3:$AA$30,INDEX(Jesper!$R$2:$R$366,ROW(INDEX(Jesper!AK$2:AK$366,ROUNDDOWN($C8720/24,0)+1,1))-1)+IF('Standard Profiles'!$G$21=$B$10,7,0)+IF('Standard Profiles'!$G$21=$B$17,14,0)+IF('Standard Profiles'!$G$21=$B$24,21,0),MOD($C8720,24)+1)/SUM(INDEX($D$3:$AA$30,INDEX(Jesper!$R$2:$R$366,ROW(INDEX(Jesper!AK$2:AK$366,ROUNDDOWN($C8720/24,0)+1,1))-1)+IF('Standard Profiles'!$G$21=$B$10,7,0)+IF('Standard Profiles'!$G$21=$B$17,14,0)+IF('Standard Profiles'!$G$21=$B$24,21,0),0)),0)</f>
        <v>7.8926695139931349</v>
      </c>
      <c r="H8720" cm="1">
        <f t="array" ref="H8720">IFERROR(INDEX(Jesper!AL$2:AL$366,ROUNDDOWN($C8720/24,0)+1,1)*INDEX($D$3:$AA$30,INDEX(Jesper!$R$2:$R$366,ROW(INDEX(Jesper!AL$2:AL$366,ROUNDDOWN($C8720/24,0)+1,1))-1)+IF('Standard Profiles'!$G$22=$B$10,7,0)+IF('Standard Profiles'!$G$22=$B$17,14,0)+IF('Standard Profiles'!$G$22=$B$24,21,0),MOD($C8720,24)+1)/SUM(INDEX($D$3:$AA$30,INDEX(Jesper!$R$2:$R$366,ROW(INDEX(Jesper!AL$2:AL$366,ROUNDDOWN($C8720/24,0)+1,1))-1)+IF('Standard Profiles'!$G$22=$B$10,7,0)+IF('Standard Profiles'!$G$22=$B$17,14,0)+IF('Standard Profiles'!$G$22=$B$24,21,0),0)),0)</f>
        <v>0</v>
      </c>
      <c r="I8720">
        <f t="shared" si="965"/>
        <v>3.7884813667167028</v>
      </c>
      <c r="J8720">
        <f t="shared" si="966"/>
        <v>15.969621431889529</v>
      </c>
      <c r="K8720">
        <f t="shared" si="967"/>
        <v>0.64517033007680369</v>
      </c>
      <c r="L8720">
        <f t="shared" si="968"/>
        <v>0.32258516503840184</v>
      </c>
      <c r="M8720">
        <f t="shared" si="969"/>
        <v>0</v>
      </c>
      <c r="N8720" s="45">
        <f t="shared" si="970"/>
        <v>45288.9166666456</v>
      </c>
    </row>
    <row r="8721" spans="2:14" x14ac:dyDescent="0.25">
      <c r="B8721">
        <f t="shared" si="964"/>
        <v>4</v>
      </c>
      <c r="C8721" s="16">
        <v>8687</v>
      </c>
      <c r="D8721" cm="1">
        <f t="array" ref="D8721">IFERROR(INDEX(Jesper!AH$2:AH$366,ROUNDDOWN($C8721/24,0)+1,1)*INDEX($D$3:$AA$30,INDEX(Jesper!$R$2:$R$366,ROW(INDEX(Jesper!AH$2:AH$366,ROUNDDOWN($C8721/24,0)+1,1))-1)+IF('Standard Profiles'!$G$18=$B$10,7,0)+IF('Standard Profiles'!$G$18=$B$17,14,0)+IF('Standard Profiles'!$G$18=$B$24,21,0),MOD($C8721,24)+1)/SUM(INDEX($D$3:$AA$30,INDEX(Jesper!$R$2:$R$366,ROW(INDEX(Jesper!AH$2:AH$366,ROUNDDOWN($C8721/24,0)+1,1))-1)+IF('Standard Profiles'!$G$18=$B$10,7,0)+IF('Standard Profiles'!$G$18=$B$17,14,0)+IF('Standard Profiles'!$G$18=$B$24,21,0),0)),0)</f>
        <v>6.0484718444700345</v>
      </c>
      <c r="E8721" cm="1">
        <f t="array" ref="E8721">IFERROR(INDEX(Jesper!AI$2:AI$366,ROUNDDOWN($C8721/24,0)+1,1)*INDEX($D$3:$AA$30,INDEX(Jesper!$R$2:$R$366,ROW(INDEX(Jesper!AI$2:AI$366,ROUNDDOWN($C8721/24,0)+1,1))-1)+IF('Standard Profiles'!$G$19=$B$10,7,0)+IF('Standard Profiles'!$G$19=$B$17,14,0)+IF('Standard Profiles'!$G$19=$B$24,21,0),MOD($C8721,24)+1)/SUM(INDEX($D$3:$AA$30,INDEX(Jesper!$R$2:$R$366,ROW(INDEX(Jesper!AI$2:AI$366,ROUNDDOWN($C8721/24,0)+1,1))-1)+IF('Standard Profiles'!$G$19=$B$10,7,0)+IF('Standard Profiles'!$G$19=$B$17,14,0)+IF('Standard Profiles'!$G$19=$B$24,21,0),0)),0)</f>
        <v>6.7847169352582677</v>
      </c>
      <c r="F8721" cm="1">
        <f t="array" ref="F8721">IFERROR(INDEX(Jesper!AJ$2:AJ$366,ROUNDDOWN($C8721/24,0)+1,1)*INDEX($D$3:$AA$30,INDEX(Jesper!$R$2:$R$366,ROW(INDEX(Jesper!AJ$2:AJ$366,ROUNDDOWN($C8721/24,0)+1,1))-1)+IF('Standard Profiles'!$G$20=$B$10,7,0)+IF('Standard Profiles'!$G$20=$B$17,14,0)+IF('Standard Profiles'!$G$20=$B$24,21,0),MOD($C8721,24)+1)/SUM(INDEX($D$3:$AA$30,INDEX(Jesper!$R$2:$R$366,ROW(INDEX(Jesper!AJ$2:AJ$366,ROUNDDOWN($C8721/24,0)+1,1))-1)+IF('Standard Profiles'!$G$20=$B$10,7,0)+IF('Standard Profiles'!$G$20=$B$17,14,0)+IF('Standard Profiles'!$G$20=$B$24,21,0),0)),0)</f>
        <v>0</v>
      </c>
      <c r="G8721" cm="1">
        <f t="array" ref="G8721">IFERROR(INDEX(Jesper!AK$2:AK$366,ROUNDDOWN($C8721/24,0)+1,1)*INDEX($D$3:$AA$30,INDEX(Jesper!$R$2:$R$366,ROW(INDEX(Jesper!AK$2:AK$366,ROUNDDOWN($C8721/24,0)+1,1))-1)+IF('Standard Profiles'!$G$21=$B$10,7,0)+IF('Standard Profiles'!$G$21=$B$17,14,0)+IF('Standard Profiles'!$G$21=$B$24,21,0),MOD($C8721,24)+1)/SUM(INDEX($D$3:$AA$30,INDEX(Jesper!$R$2:$R$366,ROW(INDEX(Jesper!AK$2:AK$366,ROUNDDOWN($C8721/24,0)+1,1))-1)+IF('Standard Profiles'!$G$21=$B$10,7,0)+IF('Standard Profiles'!$G$21=$B$17,14,0)+IF('Standard Profiles'!$G$21=$B$24,21,0),0)),0)</f>
        <v>7.8926695139931349</v>
      </c>
      <c r="H8721" cm="1">
        <f t="array" ref="H8721">IFERROR(INDEX(Jesper!AL$2:AL$366,ROUNDDOWN($C8721/24,0)+1,1)*INDEX($D$3:$AA$30,INDEX(Jesper!$R$2:$R$366,ROW(INDEX(Jesper!AL$2:AL$366,ROUNDDOWN($C8721/24,0)+1,1))-1)+IF('Standard Profiles'!$G$22=$B$10,7,0)+IF('Standard Profiles'!$G$22=$B$17,14,0)+IF('Standard Profiles'!$G$22=$B$24,21,0),MOD($C8721,24)+1)/SUM(INDEX($D$3:$AA$30,INDEX(Jesper!$R$2:$R$366,ROW(INDEX(Jesper!AL$2:AL$366,ROUNDDOWN($C8721/24,0)+1,1))-1)+IF('Standard Profiles'!$G$22=$B$10,7,0)+IF('Standard Profiles'!$G$22=$B$17,14,0)+IF('Standard Profiles'!$G$22=$B$24,21,0),0)),0)</f>
        <v>0</v>
      </c>
      <c r="I8721">
        <f t="shared" si="965"/>
        <v>3.7884813667167028</v>
      </c>
      <c r="J8721">
        <f t="shared" si="966"/>
        <v>15.969621431889529</v>
      </c>
      <c r="K8721">
        <f t="shared" si="967"/>
        <v>0.64517033007680369</v>
      </c>
      <c r="L8721">
        <f t="shared" si="968"/>
        <v>0.32258516503840184</v>
      </c>
      <c r="M8721">
        <f t="shared" si="969"/>
        <v>0</v>
      </c>
      <c r="N8721" s="45">
        <f t="shared" si="970"/>
        <v>45288.958333312265</v>
      </c>
    </row>
    <row r="8722" spans="2:14" x14ac:dyDescent="0.25">
      <c r="B8722">
        <f t="shared" si="964"/>
        <v>5</v>
      </c>
      <c r="C8722" s="16">
        <v>8688</v>
      </c>
      <c r="D8722" cm="1">
        <f t="array" ref="D8722">IFERROR(INDEX(Jesper!AH$2:AH$366,ROUNDDOWN($C8722/24,0)+1,1)*INDEX($D$3:$AA$30,INDEX(Jesper!$R$2:$R$366,ROW(INDEX(Jesper!AH$2:AH$366,ROUNDDOWN($C8722/24,0)+1,1))-1)+IF('Standard Profiles'!$G$18=$B$10,7,0)+IF('Standard Profiles'!$G$18=$B$17,14,0)+IF('Standard Profiles'!$G$18=$B$24,21,0),MOD($C8722,24)+1)/SUM(INDEX($D$3:$AA$30,INDEX(Jesper!$R$2:$R$366,ROW(INDEX(Jesper!AH$2:AH$366,ROUNDDOWN($C8722/24,0)+1,1))-1)+IF('Standard Profiles'!$G$18=$B$10,7,0)+IF('Standard Profiles'!$G$18=$B$17,14,0)+IF('Standard Profiles'!$G$18=$B$24,21,0),0)),0)</f>
        <v>8.9953471485300867</v>
      </c>
      <c r="E8722" cm="1">
        <f t="array" ref="E8722">IFERROR(INDEX(Jesper!AI$2:AI$366,ROUNDDOWN($C8722/24,0)+1,1)*INDEX($D$3:$AA$30,INDEX(Jesper!$R$2:$R$366,ROW(INDEX(Jesper!AI$2:AI$366,ROUNDDOWN($C8722/24,0)+1,1))-1)+IF('Standard Profiles'!$G$19=$B$10,7,0)+IF('Standard Profiles'!$G$19=$B$17,14,0)+IF('Standard Profiles'!$G$19=$B$24,21,0),MOD($C8722,24)+1)/SUM(INDEX($D$3:$AA$30,INDEX(Jesper!$R$2:$R$366,ROW(INDEX(Jesper!AI$2:AI$366,ROUNDDOWN($C8722/24,0)+1,1))-1)+IF('Standard Profiles'!$G$19=$B$10,7,0)+IF('Standard Profiles'!$G$19=$B$17,14,0)+IF('Standard Profiles'!$G$19=$B$24,21,0),0)),0)</f>
        <v>8.2978971943268771</v>
      </c>
      <c r="F8722" cm="1">
        <f t="array" ref="F8722">IFERROR(INDEX(Jesper!AJ$2:AJ$366,ROUNDDOWN($C8722/24,0)+1,1)*INDEX($D$3:$AA$30,INDEX(Jesper!$R$2:$R$366,ROW(INDEX(Jesper!AJ$2:AJ$366,ROUNDDOWN($C8722/24,0)+1,1))-1)+IF('Standard Profiles'!$G$20=$B$10,7,0)+IF('Standard Profiles'!$G$20=$B$17,14,0)+IF('Standard Profiles'!$G$20=$B$24,21,0),MOD($C8722,24)+1)/SUM(INDEX($D$3:$AA$30,INDEX(Jesper!$R$2:$R$366,ROW(INDEX(Jesper!AJ$2:AJ$366,ROUNDDOWN($C8722/24,0)+1,1))-1)+IF('Standard Profiles'!$G$20=$B$10,7,0)+IF('Standard Profiles'!$G$20=$B$17,14,0)+IF('Standard Profiles'!$G$20=$B$24,21,0),0)),0)</f>
        <v>0</v>
      </c>
      <c r="G8722" cm="1">
        <f t="array" ref="G8722">IFERROR(INDEX(Jesper!AK$2:AK$366,ROUNDDOWN($C8722/24,0)+1,1)*INDEX($D$3:$AA$30,INDEX(Jesper!$R$2:$R$366,ROW(INDEX(Jesper!AK$2:AK$366,ROUNDDOWN($C8722/24,0)+1,1))-1)+IF('Standard Profiles'!$G$21=$B$10,7,0)+IF('Standard Profiles'!$G$21=$B$17,14,0)+IF('Standard Profiles'!$G$21=$B$24,21,0),MOD($C8722,24)+1)/SUM(INDEX($D$3:$AA$30,INDEX(Jesper!$R$2:$R$366,ROW(INDEX(Jesper!AK$2:AK$366,ROUNDDOWN($C8722/24,0)+1,1))-1)+IF('Standard Profiles'!$G$21=$B$10,7,0)+IF('Standard Profiles'!$G$21=$B$17,14,0)+IF('Standard Profiles'!$G$21=$B$24,21,0),0)),0)</f>
        <v>4.2305458195900201</v>
      </c>
      <c r="H8722" cm="1">
        <f t="array" ref="H8722">IFERROR(INDEX(Jesper!AL$2:AL$366,ROUNDDOWN($C8722/24,0)+1,1)*INDEX($D$3:$AA$30,INDEX(Jesper!$R$2:$R$366,ROW(INDEX(Jesper!AL$2:AL$366,ROUNDDOWN($C8722/24,0)+1,1))-1)+IF('Standard Profiles'!$G$22=$B$10,7,0)+IF('Standard Profiles'!$G$22=$B$17,14,0)+IF('Standard Profiles'!$G$22=$B$24,21,0),MOD($C8722,24)+1)/SUM(INDEX($D$3:$AA$30,INDEX(Jesper!$R$2:$R$366,ROW(INDEX(Jesper!AL$2:AL$366,ROUNDDOWN($C8722/24,0)+1,1))-1)+IF('Standard Profiles'!$G$22=$B$10,7,0)+IF('Standard Profiles'!$G$22=$B$17,14,0)+IF('Standard Profiles'!$G$22=$B$24,21,0),0)),0)</f>
        <v>0</v>
      </c>
      <c r="I8722">
        <f t="shared" si="965"/>
        <v>2.0306619934032084</v>
      </c>
      <c r="J8722">
        <f t="shared" si="966"/>
        <v>18.053872625278963</v>
      </c>
      <c r="K8722">
        <f t="shared" si="967"/>
        <v>0.95950369584320927</v>
      </c>
      <c r="L8722">
        <f t="shared" si="968"/>
        <v>0.47975184792160463</v>
      </c>
      <c r="M8722">
        <f t="shared" si="969"/>
        <v>0</v>
      </c>
      <c r="N8722" s="45">
        <f t="shared" si="970"/>
        <v>45288.999999978929</v>
      </c>
    </row>
    <row r="8723" spans="2:14" x14ac:dyDescent="0.25">
      <c r="B8723">
        <f t="shared" si="964"/>
        <v>5</v>
      </c>
      <c r="C8723" s="16">
        <v>8689</v>
      </c>
      <c r="D8723" cm="1">
        <f t="array" ref="D8723">IFERROR(INDEX(Jesper!AH$2:AH$366,ROUNDDOWN($C8723/24,0)+1,1)*INDEX($D$3:$AA$30,INDEX(Jesper!$R$2:$R$366,ROW(INDEX(Jesper!AH$2:AH$366,ROUNDDOWN($C8723/24,0)+1,1))-1)+IF('Standard Profiles'!$G$18=$B$10,7,0)+IF('Standard Profiles'!$G$18=$B$17,14,0)+IF('Standard Profiles'!$G$18=$B$24,21,0),MOD($C8723,24)+1)/SUM(INDEX($D$3:$AA$30,INDEX(Jesper!$R$2:$R$366,ROW(INDEX(Jesper!AH$2:AH$366,ROUNDDOWN($C8723/24,0)+1,1))-1)+IF('Standard Profiles'!$G$18=$B$10,7,0)+IF('Standard Profiles'!$G$18=$B$17,14,0)+IF('Standard Profiles'!$G$18=$B$24,21,0),0)),0)</f>
        <v>5.451725544563689</v>
      </c>
      <c r="E8723" cm="1">
        <f t="array" ref="E8723">IFERROR(INDEX(Jesper!AI$2:AI$366,ROUNDDOWN($C8723/24,0)+1,1)*INDEX($D$3:$AA$30,INDEX(Jesper!$R$2:$R$366,ROW(INDEX(Jesper!AI$2:AI$366,ROUNDDOWN($C8723/24,0)+1,1))-1)+IF('Standard Profiles'!$G$19=$B$10,7,0)+IF('Standard Profiles'!$G$19=$B$17,14,0)+IF('Standard Profiles'!$G$19=$B$24,21,0),MOD($C8723,24)+1)/SUM(INDEX($D$3:$AA$30,INDEX(Jesper!$R$2:$R$366,ROW(INDEX(Jesper!AI$2:AI$366,ROUNDDOWN($C8723/24,0)+1,1))-1)+IF('Standard Profiles'!$G$19=$B$10,7,0)+IF('Standard Profiles'!$G$19=$B$17,14,0)+IF('Standard Profiles'!$G$19=$B$24,21,0),0)),0)</f>
        <v>5.0290286026223505</v>
      </c>
      <c r="F8723" cm="1">
        <f t="array" ref="F8723">IFERROR(INDEX(Jesper!AJ$2:AJ$366,ROUNDDOWN($C8723/24,0)+1,1)*INDEX($D$3:$AA$30,INDEX(Jesper!$R$2:$R$366,ROW(INDEX(Jesper!AJ$2:AJ$366,ROUNDDOWN($C8723/24,0)+1,1))-1)+IF('Standard Profiles'!$G$20=$B$10,7,0)+IF('Standard Profiles'!$G$20=$B$17,14,0)+IF('Standard Profiles'!$G$20=$B$24,21,0),MOD($C8723,24)+1)/SUM(INDEX($D$3:$AA$30,INDEX(Jesper!$R$2:$R$366,ROW(INDEX(Jesper!AJ$2:AJ$366,ROUNDDOWN($C8723/24,0)+1,1))-1)+IF('Standard Profiles'!$G$20=$B$10,7,0)+IF('Standard Profiles'!$G$20=$B$17,14,0)+IF('Standard Profiles'!$G$20=$B$24,21,0),0)),0)</f>
        <v>0</v>
      </c>
      <c r="G8723" cm="1">
        <f t="array" ref="G8723">IFERROR(INDEX(Jesper!AK$2:AK$366,ROUNDDOWN($C8723/24,0)+1,1)*INDEX($D$3:$AA$30,INDEX(Jesper!$R$2:$R$366,ROW(INDEX(Jesper!AK$2:AK$366,ROUNDDOWN($C8723/24,0)+1,1))-1)+IF('Standard Profiles'!$G$21=$B$10,7,0)+IF('Standard Profiles'!$G$21=$B$17,14,0)+IF('Standard Profiles'!$G$21=$B$24,21,0),MOD($C8723,24)+1)/SUM(INDEX($D$3:$AA$30,INDEX(Jesper!$R$2:$R$366,ROW(INDEX(Jesper!AK$2:AK$366,ROUNDDOWN($C8723/24,0)+1,1))-1)+IF('Standard Profiles'!$G$21=$B$10,7,0)+IF('Standard Profiles'!$G$21=$B$17,14,0)+IF('Standard Profiles'!$G$21=$B$24,21,0),0)),0)</f>
        <v>4.2305458195900201</v>
      </c>
      <c r="H8723" cm="1">
        <f t="array" ref="H8723">IFERROR(INDEX(Jesper!AL$2:AL$366,ROUNDDOWN($C8723/24,0)+1,1)*INDEX($D$3:$AA$30,INDEX(Jesper!$R$2:$R$366,ROW(INDEX(Jesper!AL$2:AL$366,ROUNDDOWN($C8723/24,0)+1,1))-1)+IF('Standard Profiles'!$G$22=$B$10,7,0)+IF('Standard Profiles'!$G$22=$B$17,14,0)+IF('Standard Profiles'!$G$22=$B$24,21,0),MOD($C8723,24)+1)/SUM(INDEX($D$3:$AA$30,INDEX(Jesper!$R$2:$R$366,ROW(INDEX(Jesper!AL$2:AL$366,ROUNDDOWN($C8723/24,0)+1,1))-1)+IF('Standard Profiles'!$G$22=$B$10,7,0)+IF('Standard Profiles'!$G$22=$B$17,14,0)+IF('Standard Profiles'!$G$22=$B$24,21,0),0)),0)</f>
        <v>0</v>
      </c>
      <c r="I8723">
        <f t="shared" si="965"/>
        <v>2.0306619934032084</v>
      </c>
      <c r="J8723">
        <f t="shared" si="966"/>
        <v>11.808361886242659</v>
      </c>
      <c r="K8723">
        <f t="shared" si="967"/>
        <v>0.58151739142012682</v>
      </c>
      <c r="L8723">
        <f t="shared" si="968"/>
        <v>0.29075869571006341</v>
      </c>
      <c r="M8723">
        <f t="shared" si="969"/>
        <v>0</v>
      </c>
      <c r="N8723" s="45">
        <f t="shared" si="970"/>
        <v>45289.041666645593</v>
      </c>
    </row>
    <row r="8724" spans="2:14" x14ac:dyDescent="0.25">
      <c r="B8724">
        <f t="shared" si="964"/>
        <v>5</v>
      </c>
      <c r="C8724" s="16">
        <v>8690</v>
      </c>
      <c r="D8724" cm="1">
        <f t="array" ref="D8724">IFERROR(INDEX(Jesper!AH$2:AH$366,ROUNDDOWN($C8724/24,0)+1,1)*INDEX($D$3:$AA$30,INDEX(Jesper!$R$2:$R$366,ROW(INDEX(Jesper!AH$2:AH$366,ROUNDDOWN($C8724/24,0)+1,1))-1)+IF('Standard Profiles'!$G$18=$B$10,7,0)+IF('Standard Profiles'!$G$18=$B$17,14,0)+IF('Standard Profiles'!$G$18=$B$24,21,0),MOD($C8724,24)+1)/SUM(INDEX($D$3:$AA$30,INDEX(Jesper!$R$2:$R$366,ROW(INDEX(Jesper!AH$2:AH$366,ROUNDDOWN($C8724/24,0)+1,1))-1)+IF('Standard Profiles'!$G$18=$B$10,7,0)+IF('Standard Profiles'!$G$18=$B$17,14,0)+IF('Standard Profiles'!$G$18=$B$24,21,0),0)),0)</f>
        <v>5.451725544563689</v>
      </c>
      <c r="E8724" cm="1">
        <f t="array" ref="E8724">IFERROR(INDEX(Jesper!AI$2:AI$366,ROUNDDOWN($C8724/24,0)+1,1)*INDEX($D$3:$AA$30,INDEX(Jesper!$R$2:$R$366,ROW(INDEX(Jesper!AI$2:AI$366,ROUNDDOWN($C8724/24,0)+1,1))-1)+IF('Standard Profiles'!$G$19=$B$10,7,0)+IF('Standard Profiles'!$G$19=$B$17,14,0)+IF('Standard Profiles'!$G$19=$B$24,21,0),MOD($C8724,24)+1)/SUM(INDEX($D$3:$AA$30,INDEX(Jesper!$R$2:$R$366,ROW(INDEX(Jesper!AI$2:AI$366,ROUNDDOWN($C8724/24,0)+1,1))-1)+IF('Standard Profiles'!$G$19=$B$10,7,0)+IF('Standard Profiles'!$G$19=$B$17,14,0)+IF('Standard Profiles'!$G$19=$B$24,21,0),0)),0)</f>
        <v>5.0290286026223505</v>
      </c>
      <c r="F8724" cm="1">
        <f t="array" ref="F8724">IFERROR(INDEX(Jesper!AJ$2:AJ$366,ROUNDDOWN($C8724/24,0)+1,1)*INDEX($D$3:$AA$30,INDEX(Jesper!$R$2:$R$366,ROW(INDEX(Jesper!AJ$2:AJ$366,ROUNDDOWN($C8724/24,0)+1,1))-1)+IF('Standard Profiles'!$G$20=$B$10,7,0)+IF('Standard Profiles'!$G$20=$B$17,14,0)+IF('Standard Profiles'!$G$20=$B$24,21,0),MOD($C8724,24)+1)/SUM(INDEX($D$3:$AA$30,INDEX(Jesper!$R$2:$R$366,ROW(INDEX(Jesper!AJ$2:AJ$366,ROUNDDOWN($C8724/24,0)+1,1))-1)+IF('Standard Profiles'!$G$20=$B$10,7,0)+IF('Standard Profiles'!$G$20=$B$17,14,0)+IF('Standard Profiles'!$G$20=$B$24,21,0),0)),0)</f>
        <v>0</v>
      </c>
      <c r="G8724" cm="1">
        <f t="array" ref="G8724">IFERROR(INDEX(Jesper!AK$2:AK$366,ROUNDDOWN($C8724/24,0)+1,1)*INDEX($D$3:$AA$30,INDEX(Jesper!$R$2:$R$366,ROW(INDEX(Jesper!AK$2:AK$366,ROUNDDOWN($C8724/24,0)+1,1))-1)+IF('Standard Profiles'!$G$21=$B$10,7,0)+IF('Standard Profiles'!$G$21=$B$17,14,0)+IF('Standard Profiles'!$G$21=$B$24,21,0),MOD($C8724,24)+1)/SUM(INDEX($D$3:$AA$30,INDEX(Jesper!$R$2:$R$366,ROW(INDEX(Jesper!AK$2:AK$366,ROUNDDOWN($C8724/24,0)+1,1))-1)+IF('Standard Profiles'!$G$21=$B$10,7,0)+IF('Standard Profiles'!$G$21=$B$17,14,0)+IF('Standard Profiles'!$G$21=$B$24,21,0),0)),0)</f>
        <v>4.2305458195900201</v>
      </c>
      <c r="H8724" cm="1">
        <f t="array" ref="H8724">IFERROR(INDEX(Jesper!AL$2:AL$366,ROUNDDOWN($C8724/24,0)+1,1)*INDEX($D$3:$AA$30,INDEX(Jesper!$R$2:$R$366,ROW(INDEX(Jesper!AL$2:AL$366,ROUNDDOWN($C8724/24,0)+1,1))-1)+IF('Standard Profiles'!$G$22=$B$10,7,0)+IF('Standard Profiles'!$G$22=$B$17,14,0)+IF('Standard Profiles'!$G$22=$B$24,21,0),MOD($C8724,24)+1)/SUM(INDEX($D$3:$AA$30,INDEX(Jesper!$R$2:$R$366,ROW(INDEX(Jesper!AL$2:AL$366,ROUNDDOWN($C8724/24,0)+1,1))-1)+IF('Standard Profiles'!$G$22=$B$10,7,0)+IF('Standard Profiles'!$G$22=$B$17,14,0)+IF('Standard Profiles'!$G$22=$B$24,21,0),0)),0)</f>
        <v>0</v>
      </c>
      <c r="I8724">
        <f t="shared" si="965"/>
        <v>2.0306619934032084</v>
      </c>
      <c r="J8724">
        <f t="shared" si="966"/>
        <v>11.808361886242659</v>
      </c>
      <c r="K8724">
        <f t="shared" si="967"/>
        <v>0.58151739142012682</v>
      </c>
      <c r="L8724">
        <f t="shared" si="968"/>
        <v>0.29075869571006341</v>
      </c>
      <c r="M8724">
        <f t="shared" si="969"/>
        <v>0</v>
      </c>
      <c r="N8724" s="45">
        <f t="shared" si="970"/>
        <v>45289.083333312257</v>
      </c>
    </row>
    <row r="8725" spans="2:14" x14ac:dyDescent="0.25">
      <c r="B8725">
        <f t="shared" si="964"/>
        <v>5</v>
      </c>
      <c r="C8725" s="16">
        <v>8691</v>
      </c>
      <c r="D8725" cm="1">
        <f t="array" ref="D8725">IFERROR(INDEX(Jesper!AH$2:AH$366,ROUNDDOWN($C8725/24,0)+1,1)*INDEX($D$3:$AA$30,INDEX(Jesper!$R$2:$R$366,ROW(INDEX(Jesper!AH$2:AH$366,ROUNDDOWN($C8725/24,0)+1,1))-1)+IF('Standard Profiles'!$G$18=$B$10,7,0)+IF('Standard Profiles'!$G$18=$B$17,14,0)+IF('Standard Profiles'!$G$18=$B$24,21,0),MOD($C8725,24)+1)/SUM(INDEX($D$3:$AA$30,INDEX(Jesper!$R$2:$R$366,ROW(INDEX(Jesper!AH$2:AH$366,ROUNDDOWN($C8725/24,0)+1,1))-1)+IF('Standard Profiles'!$G$18=$B$10,7,0)+IF('Standard Profiles'!$G$18=$B$17,14,0)+IF('Standard Profiles'!$G$18=$B$24,21,0),0)),0)</f>
        <v>5.451725544563689</v>
      </c>
      <c r="E8725" cm="1">
        <f t="array" ref="E8725">IFERROR(INDEX(Jesper!AI$2:AI$366,ROUNDDOWN($C8725/24,0)+1,1)*INDEX($D$3:$AA$30,INDEX(Jesper!$R$2:$R$366,ROW(INDEX(Jesper!AI$2:AI$366,ROUNDDOWN($C8725/24,0)+1,1))-1)+IF('Standard Profiles'!$G$19=$B$10,7,0)+IF('Standard Profiles'!$G$19=$B$17,14,0)+IF('Standard Profiles'!$G$19=$B$24,21,0),MOD($C8725,24)+1)/SUM(INDEX($D$3:$AA$30,INDEX(Jesper!$R$2:$R$366,ROW(INDEX(Jesper!AI$2:AI$366,ROUNDDOWN($C8725/24,0)+1,1))-1)+IF('Standard Profiles'!$G$19=$B$10,7,0)+IF('Standard Profiles'!$G$19=$B$17,14,0)+IF('Standard Profiles'!$G$19=$B$24,21,0),0)),0)</f>
        <v>5.0290286026223505</v>
      </c>
      <c r="F8725" cm="1">
        <f t="array" ref="F8725">IFERROR(INDEX(Jesper!AJ$2:AJ$366,ROUNDDOWN($C8725/24,0)+1,1)*INDEX($D$3:$AA$30,INDEX(Jesper!$R$2:$R$366,ROW(INDEX(Jesper!AJ$2:AJ$366,ROUNDDOWN($C8725/24,0)+1,1))-1)+IF('Standard Profiles'!$G$20=$B$10,7,0)+IF('Standard Profiles'!$G$20=$B$17,14,0)+IF('Standard Profiles'!$G$20=$B$24,21,0),MOD($C8725,24)+1)/SUM(INDEX($D$3:$AA$30,INDEX(Jesper!$R$2:$R$366,ROW(INDEX(Jesper!AJ$2:AJ$366,ROUNDDOWN($C8725/24,0)+1,1))-1)+IF('Standard Profiles'!$G$20=$B$10,7,0)+IF('Standard Profiles'!$G$20=$B$17,14,0)+IF('Standard Profiles'!$G$20=$B$24,21,0),0)),0)</f>
        <v>0</v>
      </c>
      <c r="G8725" cm="1">
        <f t="array" ref="G8725">IFERROR(INDEX(Jesper!AK$2:AK$366,ROUNDDOWN($C8725/24,0)+1,1)*INDEX($D$3:$AA$30,INDEX(Jesper!$R$2:$R$366,ROW(INDEX(Jesper!AK$2:AK$366,ROUNDDOWN($C8725/24,0)+1,1))-1)+IF('Standard Profiles'!$G$21=$B$10,7,0)+IF('Standard Profiles'!$G$21=$B$17,14,0)+IF('Standard Profiles'!$G$21=$B$24,21,0),MOD($C8725,24)+1)/SUM(INDEX($D$3:$AA$30,INDEX(Jesper!$R$2:$R$366,ROW(INDEX(Jesper!AK$2:AK$366,ROUNDDOWN($C8725/24,0)+1,1))-1)+IF('Standard Profiles'!$G$21=$B$10,7,0)+IF('Standard Profiles'!$G$21=$B$17,14,0)+IF('Standard Profiles'!$G$21=$B$24,21,0),0)),0)</f>
        <v>4.2305458195900201</v>
      </c>
      <c r="H8725" cm="1">
        <f t="array" ref="H8725">IFERROR(INDEX(Jesper!AL$2:AL$366,ROUNDDOWN($C8725/24,0)+1,1)*INDEX($D$3:$AA$30,INDEX(Jesper!$R$2:$R$366,ROW(INDEX(Jesper!AL$2:AL$366,ROUNDDOWN($C8725/24,0)+1,1))-1)+IF('Standard Profiles'!$G$22=$B$10,7,0)+IF('Standard Profiles'!$G$22=$B$17,14,0)+IF('Standard Profiles'!$G$22=$B$24,21,0),MOD($C8725,24)+1)/SUM(INDEX($D$3:$AA$30,INDEX(Jesper!$R$2:$R$366,ROW(INDEX(Jesper!AL$2:AL$366,ROUNDDOWN($C8725/24,0)+1,1))-1)+IF('Standard Profiles'!$G$22=$B$10,7,0)+IF('Standard Profiles'!$G$22=$B$17,14,0)+IF('Standard Profiles'!$G$22=$B$24,21,0),0)),0)</f>
        <v>0</v>
      </c>
      <c r="I8725">
        <f t="shared" si="965"/>
        <v>2.0306619934032084</v>
      </c>
      <c r="J8725">
        <f t="shared" si="966"/>
        <v>11.808361886242659</v>
      </c>
      <c r="K8725">
        <f t="shared" si="967"/>
        <v>0.58151739142012682</v>
      </c>
      <c r="L8725">
        <f t="shared" si="968"/>
        <v>0.29075869571006341</v>
      </c>
      <c r="M8725">
        <f t="shared" si="969"/>
        <v>0</v>
      </c>
      <c r="N8725" s="45">
        <f t="shared" si="970"/>
        <v>45289.124999978922</v>
      </c>
    </row>
    <row r="8726" spans="2:14" x14ac:dyDescent="0.25">
      <c r="B8726">
        <f t="shared" si="964"/>
        <v>5</v>
      </c>
      <c r="C8726" s="16">
        <v>8692</v>
      </c>
      <c r="D8726" cm="1">
        <f t="array" ref="D8726">IFERROR(INDEX(Jesper!AH$2:AH$366,ROUNDDOWN($C8726/24,0)+1,1)*INDEX($D$3:$AA$30,INDEX(Jesper!$R$2:$R$366,ROW(INDEX(Jesper!AH$2:AH$366,ROUNDDOWN($C8726/24,0)+1,1))-1)+IF('Standard Profiles'!$G$18=$B$10,7,0)+IF('Standard Profiles'!$G$18=$B$17,14,0)+IF('Standard Profiles'!$G$18=$B$24,21,0),MOD($C8726,24)+1)/SUM(INDEX($D$3:$AA$30,INDEX(Jesper!$R$2:$R$366,ROW(INDEX(Jesper!AH$2:AH$366,ROUNDDOWN($C8726/24,0)+1,1))-1)+IF('Standard Profiles'!$G$18=$B$10,7,0)+IF('Standard Profiles'!$G$18=$B$17,14,0)+IF('Standard Profiles'!$G$18=$B$24,21,0),0)),0)</f>
        <v>5.451725544563689</v>
      </c>
      <c r="E8726" cm="1">
        <f t="array" ref="E8726">IFERROR(INDEX(Jesper!AI$2:AI$366,ROUNDDOWN($C8726/24,0)+1,1)*INDEX($D$3:$AA$30,INDEX(Jesper!$R$2:$R$366,ROW(INDEX(Jesper!AI$2:AI$366,ROUNDDOWN($C8726/24,0)+1,1))-1)+IF('Standard Profiles'!$G$19=$B$10,7,0)+IF('Standard Profiles'!$G$19=$B$17,14,0)+IF('Standard Profiles'!$G$19=$B$24,21,0),MOD($C8726,24)+1)/SUM(INDEX($D$3:$AA$30,INDEX(Jesper!$R$2:$R$366,ROW(INDEX(Jesper!AI$2:AI$366,ROUNDDOWN($C8726/24,0)+1,1))-1)+IF('Standard Profiles'!$G$19=$B$10,7,0)+IF('Standard Profiles'!$G$19=$B$17,14,0)+IF('Standard Profiles'!$G$19=$B$24,21,0),0)),0)</f>
        <v>5.0290286026223505</v>
      </c>
      <c r="F8726" cm="1">
        <f t="array" ref="F8726">IFERROR(INDEX(Jesper!AJ$2:AJ$366,ROUNDDOWN($C8726/24,0)+1,1)*INDEX($D$3:$AA$30,INDEX(Jesper!$R$2:$R$366,ROW(INDEX(Jesper!AJ$2:AJ$366,ROUNDDOWN($C8726/24,0)+1,1))-1)+IF('Standard Profiles'!$G$20=$B$10,7,0)+IF('Standard Profiles'!$G$20=$B$17,14,0)+IF('Standard Profiles'!$G$20=$B$24,21,0),MOD($C8726,24)+1)/SUM(INDEX($D$3:$AA$30,INDEX(Jesper!$R$2:$R$366,ROW(INDEX(Jesper!AJ$2:AJ$366,ROUNDDOWN($C8726/24,0)+1,1))-1)+IF('Standard Profiles'!$G$20=$B$10,7,0)+IF('Standard Profiles'!$G$20=$B$17,14,0)+IF('Standard Profiles'!$G$20=$B$24,21,0),0)),0)</f>
        <v>0</v>
      </c>
      <c r="G8726" cm="1">
        <f t="array" ref="G8726">IFERROR(INDEX(Jesper!AK$2:AK$366,ROUNDDOWN($C8726/24,0)+1,1)*INDEX($D$3:$AA$30,INDEX(Jesper!$R$2:$R$366,ROW(INDEX(Jesper!AK$2:AK$366,ROUNDDOWN($C8726/24,0)+1,1))-1)+IF('Standard Profiles'!$G$21=$B$10,7,0)+IF('Standard Profiles'!$G$21=$B$17,14,0)+IF('Standard Profiles'!$G$21=$B$24,21,0),MOD($C8726,24)+1)/SUM(INDEX($D$3:$AA$30,INDEX(Jesper!$R$2:$R$366,ROW(INDEX(Jesper!AK$2:AK$366,ROUNDDOWN($C8726/24,0)+1,1))-1)+IF('Standard Profiles'!$G$21=$B$10,7,0)+IF('Standard Profiles'!$G$21=$B$17,14,0)+IF('Standard Profiles'!$G$21=$B$24,21,0),0)),0)</f>
        <v>4.2305458195900201</v>
      </c>
      <c r="H8726" cm="1">
        <f t="array" ref="H8726">IFERROR(INDEX(Jesper!AL$2:AL$366,ROUNDDOWN($C8726/24,0)+1,1)*INDEX($D$3:$AA$30,INDEX(Jesper!$R$2:$R$366,ROW(INDEX(Jesper!AL$2:AL$366,ROUNDDOWN($C8726/24,0)+1,1))-1)+IF('Standard Profiles'!$G$22=$B$10,7,0)+IF('Standard Profiles'!$G$22=$B$17,14,0)+IF('Standard Profiles'!$G$22=$B$24,21,0),MOD($C8726,24)+1)/SUM(INDEX($D$3:$AA$30,INDEX(Jesper!$R$2:$R$366,ROW(INDEX(Jesper!AL$2:AL$366,ROUNDDOWN($C8726/24,0)+1,1))-1)+IF('Standard Profiles'!$G$22=$B$10,7,0)+IF('Standard Profiles'!$G$22=$B$17,14,0)+IF('Standard Profiles'!$G$22=$B$24,21,0),0)),0)</f>
        <v>0</v>
      </c>
      <c r="I8726">
        <f t="shared" si="965"/>
        <v>2.0306619934032084</v>
      </c>
      <c r="J8726">
        <f t="shared" si="966"/>
        <v>11.808361886242659</v>
      </c>
      <c r="K8726">
        <f t="shared" si="967"/>
        <v>0.58151739142012682</v>
      </c>
      <c r="L8726">
        <f t="shared" si="968"/>
        <v>0.29075869571006341</v>
      </c>
      <c r="M8726">
        <f t="shared" si="969"/>
        <v>0</v>
      </c>
      <c r="N8726" s="45">
        <f t="shared" si="970"/>
        <v>45289.166666645586</v>
      </c>
    </row>
    <row r="8727" spans="2:14" x14ac:dyDescent="0.25">
      <c r="B8727">
        <f t="shared" si="964"/>
        <v>5</v>
      </c>
      <c r="C8727" s="16">
        <v>8693</v>
      </c>
      <c r="D8727" cm="1">
        <f t="array" ref="D8727">IFERROR(INDEX(Jesper!AH$2:AH$366,ROUNDDOWN($C8727/24,0)+1,1)*INDEX($D$3:$AA$30,INDEX(Jesper!$R$2:$R$366,ROW(INDEX(Jesper!AH$2:AH$366,ROUNDDOWN($C8727/24,0)+1,1))-1)+IF('Standard Profiles'!$G$18=$B$10,7,0)+IF('Standard Profiles'!$G$18=$B$17,14,0)+IF('Standard Profiles'!$G$18=$B$24,21,0),MOD($C8727,24)+1)/SUM(INDEX($D$3:$AA$30,INDEX(Jesper!$R$2:$R$366,ROW(INDEX(Jesper!AH$2:AH$366,ROUNDDOWN($C8727/24,0)+1,1))-1)+IF('Standard Profiles'!$G$18=$B$10,7,0)+IF('Standard Profiles'!$G$18=$B$17,14,0)+IF('Standard Profiles'!$G$18=$B$24,21,0),0)),0)</f>
        <v>5.451725544563689</v>
      </c>
      <c r="E8727" cm="1">
        <f t="array" ref="E8727">IFERROR(INDEX(Jesper!AI$2:AI$366,ROUNDDOWN($C8727/24,0)+1,1)*INDEX($D$3:$AA$30,INDEX(Jesper!$R$2:$R$366,ROW(INDEX(Jesper!AI$2:AI$366,ROUNDDOWN($C8727/24,0)+1,1))-1)+IF('Standard Profiles'!$G$19=$B$10,7,0)+IF('Standard Profiles'!$G$19=$B$17,14,0)+IF('Standard Profiles'!$G$19=$B$24,21,0),MOD($C8727,24)+1)/SUM(INDEX($D$3:$AA$30,INDEX(Jesper!$R$2:$R$366,ROW(INDEX(Jesper!AI$2:AI$366,ROUNDDOWN($C8727/24,0)+1,1))-1)+IF('Standard Profiles'!$G$19=$B$10,7,0)+IF('Standard Profiles'!$G$19=$B$17,14,0)+IF('Standard Profiles'!$G$19=$B$24,21,0),0)),0)</f>
        <v>5.0290286026223505</v>
      </c>
      <c r="F8727" cm="1">
        <f t="array" ref="F8727">IFERROR(INDEX(Jesper!AJ$2:AJ$366,ROUNDDOWN($C8727/24,0)+1,1)*INDEX($D$3:$AA$30,INDEX(Jesper!$R$2:$R$366,ROW(INDEX(Jesper!AJ$2:AJ$366,ROUNDDOWN($C8727/24,0)+1,1))-1)+IF('Standard Profiles'!$G$20=$B$10,7,0)+IF('Standard Profiles'!$G$20=$B$17,14,0)+IF('Standard Profiles'!$G$20=$B$24,21,0),MOD($C8727,24)+1)/SUM(INDEX($D$3:$AA$30,INDEX(Jesper!$R$2:$R$366,ROW(INDEX(Jesper!AJ$2:AJ$366,ROUNDDOWN($C8727/24,0)+1,1))-1)+IF('Standard Profiles'!$G$20=$B$10,7,0)+IF('Standard Profiles'!$G$20=$B$17,14,0)+IF('Standard Profiles'!$G$20=$B$24,21,0),0)),0)</f>
        <v>0</v>
      </c>
      <c r="G8727" cm="1">
        <f t="array" ref="G8727">IFERROR(INDEX(Jesper!AK$2:AK$366,ROUNDDOWN($C8727/24,0)+1,1)*INDEX($D$3:$AA$30,INDEX(Jesper!$R$2:$R$366,ROW(INDEX(Jesper!AK$2:AK$366,ROUNDDOWN($C8727/24,0)+1,1))-1)+IF('Standard Profiles'!$G$21=$B$10,7,0)+IF('Standard Profiles'!$G$21=$B$17,14,0)+IF('Standard Profiles'!$G$21=$B$24,21,0),MOD($C8727,24)+1)/SUM(INDEX($D$3:$AA$30,INDEX(Jesper!$R$2:$R$366,ROW(INDEX(Jesper!AK$2:AK$366,ROUNDDOWN($C8727/24,0)+1,1))-1)+IF('Standard Profiles'!$G$21=$B$10,7,0)+IF('Standard Profiles'!$G$21=$B$17,14,0)+IF('Standard Profiles'!$G$21=$B$24,21,0),0)),0)</f>
        <v>4.2305458195900201</v>
      </c>
      <c r="H8727" cm="1">
        <f t="array" ref="H8727">IFERROR(INDEX(Jesper!AL$2:AL$366,ROUNDDOWN($C8727/24,0)+1,1)*INDEX($D$3:$AA$30,INDEX(Jesper!$R$2:$R$366,ROW(INDEX(Jesper!AL$2:AL$366,ROUNDDOWN($C8727/24,0)+1,1))-1)+IF('Standard Profiles'!$G$22=$B$10,7,0)+IF('Standard Profiles'!$G$22=$B$17,14,0)+IF('Standard Profiles'!$G$22=$B$24,21,0),MOD($C8727,24)+1)/SUM(INDEX($D$3:$AA$30,INDEX(Jesper!$R$2:$R$366,ROW(INDEX(Jesper!AL$2:AL$366,ROUNDDOWN($C8727/24,0)+1,1))-1)+IF('Standard Profiles'!$G$22=$B$10,7,0)+IF('Standard Profiles'!$G$22=$B$17,14,0)+IF('Standard Profiles'!$G$22=$B$24,21,0),0)),0)</f>
        <v>0</v>
      </c>
      <c r="I8727">
        <f t="shared" si="965"/>
        <v>2.0306619934032084</v>
      </c>
      <c r="J8727">
        <f t="shared" si="966"/>
        <v>11.808361886242659</v>
      </c>
      <c r="K8727">
        <f t="shared" si="967"/>
        <v>0.58151739142012682</v>
      </c>
      <c r="L8727">
        <f t="shared" si="968"/>
        <v>0.29075869571006341</v>
      </c>
      <c r="M8727">
        <f t="shared" si="969"/>
        <v>0</v>
      </c>
      <c r="N8727" s="45">
        <f t="shared" si="970"/>
        <v>45289.20833331225</v>
      </c>
    </row>
    <row r="8728" spans="2:14" x14ac:dyDescent="0.25">
      <c r="B8728">
        <f t="shared" si="964"/>
        <v>5</v>
      </c>
      <c r="C8728" s="16">
        <v>8694</v>
      </c>
      <c r="D8728" cm="1">
        <f t="array" ref="D8728">IFERROR(INDEX(Jesper!AH$2:AH$366,ROUNDDOWN($C8728/24,0)+1,1)*INDEX($D$3:$AA$30,INDEX(Jesper!$R$2:$R$366,ROW(INDEX(Jesper!AH$2:AH$366,ROUNDDOWN($C8728/24,0)+1,1))-1)+IF('Standard Profiles'!$G$18=$B$10,7,0)+IF('Standard Profiles'!$G$18=$B$17,14,0)+IF('Standard Profiles'!$G$18=$B$24,21,0),MOD($C8728,24)+1)/SUM(INDEX($D$3:$AA$30,INDEX(Jesper!$R$2:$R$366,ROW(INDEX(Jesper!AH$2:AH$366,ROUNDDOWN($C8728/24,0)+1,1))-1)+IF('Standard Profiles'!$G$18=$B$10,7,0)+IF('Standard Profiles'!$G$18=$B$17,14,0)+IF('Standard Profiles'!$G$18=$B$24,21,0),0)),0)</f>
        <v>5.451725544563689</v>
      </c>
      <c r="E8728" cm="1">
        <f t="array" ref="E8728">IFERROR(INDEX(Jesper!AI$2:AI$366,ROUNDDOWN($C8728/24,0)+1,1)*INDEX($D$3:$AA$30,INDEX(Jesper!$R$2:$R$366,ROW(INDEX(Jesper!AI$2:AI$366,ROUNDDOWN($C8728/24,0)+1,1))-1)+IF('Standard Profiles'!$G$19=$B$10,7,0)+IF('Standard Profiles'!$G$19=$B$17,14,0)+IF('Standard Profiles'!$G$19=$B$24,21,0),MOD($C8728,24)+1)/SUM(INDEX($D$3:$AA$30,INDEX(Jesper!$R$2:$R$366,ROW(INDEX(Jesper!AI$2:AI$366,ROUNDDOWN($C8728/24,0)+1,1))-1)+IF('Standard Profiles'!$G$19=$B$10,7,0)+IF('Standard Profiles'!$G$19=$B$17,14,0)+IF('Standard Profiles'!$G$19=$B$24,21,0),0)),0)</f>
        <v>5.0290286026223505</v>
      </c>
      <c r="F8728" cm="1">
        <f t="array" ref="F8728">IFERROR(INDEX(Jesper!AJ$2:AJ$366,ROUNDDOWN($C8728/24,0)+1,1)*INDEX($D$3:$AA$30,INDEX(Jesper!$R$2:$R$366,ROW(INDEX(Jesper!AJ$2:AJ$366,ROUNDDOWN($C8728/24,0)+1,1))-1)+IF('Standard Profiles'!$G$20=$B$10,7,0)+IF('Standard Profiles'!$G$20=$B$17,14,0)+IF('Standard Profiles'!$G$20=$B$24,21,0),MOD($C8728,24)+1)/SUM(INDEX($D$3:$AA$30,INDEX(Jesper!$R$2:$R$366,ROW(INDEX(Jesper!AJ$2:AJ$366,ROUNDDOWN($C8728/24,0)+1,1))-1)+IF('Standard Profiles'!$G$20=$B$10,7,0)+IF('Standard Profiles'!$G$20=$B$17,14,0)+IF('Standard Profiles'!$G$20=$B$24,21,0),0)),0)</f>
        <v>0</v>
      </c>
      <c r="G8728" cm="1">
        <f t="array" ref="G8728">IFERROR(INDEX(Jesper!AK$2:AK$366,ROUNDDOWN($C8728/24,0)+1,1)*INDEX($D$3:$AA$30,INDEX(Jesper!$R$2:$R$366,ROW(INDEX(Jesper!AK$2:AK$366,ROUNDDOWN($C8728/24,0)+1,1))-1)+IF('Standard Profiles'!$G$21=$B$10,7,0)+IF('Standard Profiles'!$G$21=$B$17,14,0)+IF('Standard Profiles'!$G$21=$B$24,21,0),MOD($C8728,24)+1)/SUM(INDEX($D$3:$AA$30,INDEX(Jesper!$R$2:$R$366,ROW(INDEX(Jesper!AK$2:AK$366,ROUNDDOWN($C8728/24,0)+1,1))-1)+IF('Standard Profiles'!$G$21=$B$10,7,0)+IF('Standard Profiles'!$G$21=$B$17,14,0)+IF('Standard Profiles'!$G$21=$B$24,21,0),0)),0)</f>
        <v>4.2305458195900201</v>
      </c>
      <c r="H8728" cm="1">
        <f t="array" ref="H8728">IFERROR(INDEX(Jesper!AL$2:AL$366,ROUNDDOWN($C8728/24,0)+1,1)*INDEX($D$3:$AA$30,INDEX(Jesper!$R$2:$R$366,ROW(INDEX(Jesper!AL$2:AL$366,ROUNDDOWN($C8728/24,0)+1,1))-1)+IF('Standard Profiles'!$G$22=$B$10,7,0)+IF('Standard Profiles'!$G$22=$B$17,14,0)+IF('Standard Profiles'!$G$22=$B$24,21,0),MOD($C8728,24)+1)/SUM(INDEX($D$3:$AA$30,INDEX(Jesper!$R$2:$R$366,ROW(INDEX(Jesper!AL$2:AL$366,ROUNDDOWN($C8728/24,0)+1,1))-1)+IF('Standard Profiles'!$G$22=$B$10,7,0)+IF('Standard Profiles'!$G$22=$B$17,14,0)+IF('Standard Profiles'!$G$22=$B$24,21,0),0)),0)</f>
        <v>0</v>
      </c>
      <c r="I8728">
        <f t="shared" si="965"/>
        <v>2.0306619934032084</v>
      </c>
      <c r="J8728">
        <f t="shared" si="966"/>
        <v>11.808361886242659</v>
      </c>
      <c r="K8728">
        <f t="shared" si="967"/>
        <v>0.58151739142012682</v>
      </c>
      <c r="L8728">
        <f t="shared" si="968"/>
        <v>0.29075869571006341</v>
      </c>
      <c r="M8728">
        <f t="shared" si="969"/>
        <v>0</v>
      </c>
      <c r="N8728" s="45">
        <f t="shared" si="970"/>
        <v>45289.249999978914</v>
      </c>
    </row>
    <row r="8729" spans="2:14" x14ac:dyDescent="0.25">
      <c r="B8729">
        <f t="shared" si="964"/>
        <v>5</v>
      </c>
      <c r="C8729" s="16">
        <v>8695</v>
      </c>
      <c r="D8729" cm="1">
        <f t="array" ref="D8729">IFERROR(INDEX(Jesper!AH$2:AH$366,ROUNDDOWN($C8729/24,0)+1,1)*INDEX($D$3:$AA$30,INDEX(Jesper!$R$2:$R$366,ROW(INDEX(Jesper!AH$2:AH$366,ROUNDDOWN($C8729/24,0)+1,1))-1)+IF('Standard Profiles'!$G$18=$B$10,7,0)+IF('Standard Profiles'!$G$18=$B$17,14,0)+IF('Standard Profiles'!$G$18=$B$24,21,0),MOD($C8729,24)+1)/SUM(INDEX($D$3:$AA$30,INDEX(Jesper!$R$2:$R$366,ROW(INDEX(Jesper!AH$2:AH$366,ROUNDDOWN($C8729/24,0)+1,1))-1)+IF('Standard Profiles'!$G$18=$B$10,7,0)+IF('Standard Profiles'!$G$18=$B$17,14,0)+IF('Standard Profiles'!$G$18=$B$24,21,0),0)),0)</f>
        <v>23.224350819841316</v>
      </c>
      <c r="E8729" cm="1">
        <f t="array" ref="E8729">IFERROR(INDEX(Jesper!AI$2:AI$366,ROUNDDOWN($C8729/24,0)+1,1)*INDEX($D$3:$AA$30,INDEX(Jesper!$R$2:$R$366,ROW(INDEX(Jesper!AI$2:AI$366,ROUNDDOWN($C8729/24,0)+1,1))-1)+IF('Standard Profiles'!$G$19=$B$10,7,0)+IF('Standard Profiles'!$G$19=$B$17,14,0)+IF('Standard Profiles'!$G$19=$B$24,21,0),MOD($C8729,24)+1)/SUM(INDEX($D$3:$AA$30,INDEX(Jesper!$R$2:$R$366,ROW(INDEX(Jesper!AI$2:AI$366,ROUNDDOWN($C8729/24,0)+1,1))-1)+IF('Standard Profiles'!$G$19=$B$10,7,0)+IF('Standard Profiles'!$G$19=$B$17,14,0)+IF('Standard Profiles'!$G$19=$B$24,21,0),0)),0)</f>
        <v>21.423661847171211</v>
      </c>
      <c r="F8729" cm="1">
        <f t="array" ref="F8729">IFERROR(INDEX(Jesper!AJ$2:AJ$366,ROUNDDOWN($C8729/24,0)+1,1)*INDEX($D$3:$AA$30,INDEX(Jesper!$R$2:$R$366,ROW(INDEX(Jesper!AJ$2:AJ$366,ROUNDDOWN($C8729/24,0)+1,1))-1)+IF('Standard Profiles'!$G$20=$B$10,7,0)+IF('Standard Profiles'!$G$20=$B$17,14,0)+IF('Standard Profiles'!$G$20=$B$24,21,0),MOD($C8729,24)+1)/SUM(INDEX($D$3:$AA$30,INDEX(Jesper!$R$2:$R$366,ROW(INDEX(Jesper!AJ$2:AJ$366,ROUNDDOWN($C8729/24,0)+1,1))-1)+IF('Standard Profiles'!$G$20=$B$10,7,0)+IF('Standard Profiles'!$G$20=$B$17,14,0)+IF('Standard Profiles'!$G$20=$B$24,21,0),0)),0)</f>
        <v>0</v>
      </c>
      <c r="G8729" cm="1">
        <f t="array" ref="G8729">IFERROR(INDEX(Jesper!AK$2:AK$366,ROUNDDOWN($C8729/24,0)+1,1)*INDEX($D$3:$AA$30,INDEX(Jesper!$R$2:$R$366,ROW(INDEX(Jesper!AK$2:AK$366,ROUNDDOWN($C8729/24,0)+1,1))-1)+IF('Standard Profiles'!$G$21=$B$10,7,0)+IF('Standard Profiles'!$G$21=$B$17,14,0)+IF('Standard Profiles'!$G$21=$B$24,21,0),MOD($C8729,24)+1)/SUM(INDEX($D$3:$AA$30,INDEX(Jesper!$R$2:$R$366,ROW(INDEX(Jesper!AK$2:AK$366,ROUNDDOWN($C8729/24,0)+1,1))-1)+IF('Standard Profiles'!$G$21=$B$10,7,0)+IF('Standard Profiles'!$G$21=$B$17,14,0)+IF('Standard Profiles'!$G$21=$B$24,21,0),0)),0)</f>
        <v>11.463414478889085</v>
      </c>
      <c r="H8729" cm="1">
        <f t="array" ref="H8729">IFERROR(INDEX(Jesper!AL$2:AL$366,ROUNDDOWN($C8729/24,0)+1,1)*INDEX($D$3:$AA$30,INDEX(Jesper!$R$2:$R$366,ROW(INDEX(Jesper!AL$2:AL$366,ROUNDDOWN($C8729/24,0)+1,1))-1)+IF('Standard Profiles'!$G$22=$B$10,7,0)+IF('Standard Profiles'!$G$22=$B$17,14,0)+IF('Standard Profiles'!$G$22=$B$24,21,0),MOD($C8729,24)+1)/SUM(INDEX($D$3:$AA$30,INDEX(Jesper!$R$2:$R$366,ROW(INDEX(Jesper!AL$2:AL$366,ROUNDDOWN($C8729/24,0)+1,1))-1)+IF('Standard Profiles'!$G$22=$B$10,7,0)+IF('Standard Profiles'!$G$22=$B$17,14,0)+IF('Standard Profiles'!$G$22=$B$24,21,0),0)),0)</f>
        <v>0</v>
      </c>
      <c r="I8729">
        <f t="shared" si="965"/>
        <v>5.5024389498667583</v>
      </c>
      <c r="J8729">
        <f t="shared" si="966"/>
        <v>46.893092064860248</v>
      </c>
      <c r="K8729">
        <f t="shared" si="967"/>
        <v>2.4772640874497407</v>
      </c>
      <c r="L8729">
        <f t="shared" si="968"/>
        <v>1.2386320437248703</v>
      </c>
      <c r="M8729">
        <f t="shared" si="969"/>
        <v>0</v>
      </c>
      <c r="N8729" s="45">
        <f t="shared" si="970"/>
        <v>45289.291666645579</v>
      </c>
    </row>
    <row r="8730" spans="2:14" x14ac:dyDescent="0.25">
      <c r="B8730">
        <f t="shared" si="964"/>
        <v>5</v>
      </c>
      <c r="C8730" s="16">
        <v>8696</v>
      </c>
      <c r="D8730" cm="1">
        <f t="array" ref="D8730">IFERROR(INDEX(Jesper!AH$2:AH$366,ROUNDDOWN($C8730/24,0)+1,1)*INDEX($D$3:$AA$30,INDEX(Jesper!$R$2:$R$366,ROW(INDEX(Jesper!AH$2:AH$366,ROUNDDOWN($C8730/24,0)+1,1))-1)+IF('Standard Profiles'!$G$18=$B$10,7,0)+IF('Standard Profiles'!$G$18=$B$17,14,0)+IF('Standard Profiles'!$G$18=$B$24,21,0),MOD($C8730,24)+1)/SUM(INDEX($D$3:$AA$30,INDEX(Jesper!$R$2:$R$366,ROW(INDEX(Jesper!AH$2:AH$366,ROUNDDOWN($C8730/24,0)+1,1))-1)+IF('Standard Profiles'!$G$18=$B$10,7,0)+IF('Standard Profiles'!$G$18=$B$17,14,0)+IF('Standard Profiles'!$G$18=$B$24,21,0),0)),0)</f>
        <v>29.030438524801649</v>
      </c>
      <c r="E8730" cm="1">
        <f t="array" ref="E8730">IFERROR(INDEX(Jesper!AI$2:AI$366,ROUNDDOWN($C8730/24,0)+1,1)*INDEX($D$3:$AA$30,INDEX(Jesper!$R$2:$R$366,ROW(INDEX(Jesper!AI$2:AI$366,ROUNDDOWN($C8730/24,0)+1,1))-1)+IF('Standard Profiles'!$G$19=$B$10,7,0)+IF('Standard Profiles'!$G$19=$B$17,14,0)+IF('Standard Profiles'!$G$19=$B$24,21,0),MOD($C8730,24)+1)/SUM(INDEX($D$3:$AA$30,INDEX(Jesper!$R$2:$R$366,ROW(INDEX(Jesper!AI$2:AI$366,ROUNDDOWN($C8730/24,0)+1,1))-1)+IF('Standard Profiles'!$G$19=$B$10,7,0)+IF('Standard Profiles'!$G$19=$B$17,14,0)+IF('Standard Profiles'!$G$19=$B$24,21,0),0)),0)</f>
        <v>26.779577308964011</v>
      </c>
      <c r="F8730" cm="1">
        <f t="array" ref="F8730">IFERROR(INDEX(Jesper!AJ$2:AJ$366,ROUNDDOWN($C8730/24,0)+1,1)*INDEX($D$3:$AA$30,INDEX(Jesper!$R$2:$R$366,ROW(INDEX(Jesper!AJ$2:AJ$366,ROUNDDOWN($C8730/24,0)+1,1))-1)+IF('Standard Profiles'!$G$20=$B$10,7,0)+IF('Standard Profiles'!$G$20=$B$17,14,0)+IF('Standard Profiles'!$G$20=$B$24,21,0),MOD($C8730,24)+1)/SUM(INDEX($D$3:$AA$30,INDEX(Jesper!$R$2:$R$366,ROW(INDEX(Jesper!AJ$2:AJ$366,ROUNDDOWN($C8730/24,0)+1,1))-1)+IF('Standard Profiles'!$G$20=$B$10,7,0)+IF('Standard Profiles'!$G$20=$B$17,14,0)+IF('Standard Profiles'!$G$20=$B$24,21,0),0)),0)</f>
        <v>0</v>
      </c>
      <c r="G8730" cm="1">
        <f t="array" ref="G8730">IFERROR(INDEX(Jesper!AK$2:AK$366,ROUNDDOWN($C8730/24,0)+1,1)*INDEX($D$3:$AA$30,INDEX(Jesper!$R$2:$R$366,ROW(INDEX(Jesper!AK$2:AK$366,ROUNDDOWN($C8730/24,0)+1,1))-1)+IF('Standard Profiles'!$G$21=$B$10,7,0)+IF('Standard Profiles'!$G$21=$B$17,14,0)+IF('Standard Profiles'!$G$21=$B$24,21,0),MOD($C8730,24)+1)/SUM(INDEX($D$3:$AA$30,INDEX(Jesper!$R$2:$R$366,ROW(INDEX(Jesper!AK$2:AK$366,ROUNDDOWN($C8730/24,0)+1,1))-1)+IF('Standard Profiles'!$G$21=$B$10,7,0)+IF('Standard Profiles'!$G$21=$B$17,14,0)+IF('Standard Profiles'!$G$21=$B$24,21,0),0)),0)</f>
        <v>14.329268098611355</v>
      </c>
      <c r="H8730" cm="1">
        <f t="array" ref="H8730">IFERROR(INDEX(Jesper!AL$2:AL$366,ROUNDDOWN($C8730/24,0)+1,1)*INDEX($D$3:$AA$30,INDEX(Jesper!$R$2:$R$366,ROW(INDEX(Jesper!AL$2:AL$366,ROUNDDOWN($C8730/24,0)+1,1))-1)+IF('Standard Profiles'!$G$22=$B$10,7,0)+IF('Standard Profiles'!$G$22=$B$17,14,0)+IF('Standard Profiles'!$G$22=$B$24,21,0),MOD($C8730,24)+1)/SUM(INDEX($D$3:$AA$30,INDEX(Jesper!$R$2:$R$366,ROW(INDEX(Jesper!AL$2:AL$366,ROUNDDOWN($C8730/24,0)+1,1))-1)+IF('Standard Profiles'!$G$22=$B$10,7,0)+IF('Standard Profiles'!$G$22=$B$17,14,0)+IF('Standard Profiles'!$G$22=$B$24,21,0),0)),0)</f>
        <v>0</v>
      </c>
      <c r="I8730">
        <f t="shared" si="965"/>
        <v>6.8780486873334468</v>
      </c>
      <c r="J8730">
        <f t="shared" si="966"/>
        <v>58.616365081075301</v>
      </c>
      <c r="K8730">
        <f t="shared" si="967"/>
        <v>3.0965801093121761</v>
      </c>
      <c r="L8730">
        <f t="shared" si="968"/>
        <v>1.548290054656088</v>
      </c>
      <c r="M8730">
        <f t="shared" si="969"/>
        <v>0</v>
      </c>
      <c r="N8730" s="45">
        <f t="shared" si="970"/>
        <v>45289.333333312243</v>
      </c>
    </row>
    <row r="8731" spans="2:14" x14ac:dyDescent="0.25">
      <c r="B8731">
        <f t="shared" si="964"/>
        <v>5</v>
      </c>
      <c r="C8731" s="16">
        <v>8697</v>
      </c>
      <c r="D8731" cm="1">
        <f t="array" ref="D8731">IFERROR(INDEX(Jesper!AH$2:AH$366,ROUNDDOWN($C8731/24,0)+1,1)*INDEX($D$3:$AA$30,INDEX(Jesper!$R$2:$R$366,ROW(INDEX(Jesper!AH$2:AH$366,ROUNDDOWN($C8731/24,0)+1,1))-1)+IF('Standard Profiles'!$G$18=$B$10,7,0)+IF('Standard Profiles'!$G$18=$B$17,14,0)+IF('Standard Profiles'!$G$18=$B$24,21,0),MOD($C8731,24)+1)/SUM(INDEX($D$3:$AA$30,INDEX(Jesper!$R$2:$R$366,ROW(INDEX(Jesper!AH$2:AH$366,ROUNDDOWN($C8731/24,0)+1,1))-1)+IF('Standard Profiles'!$G$18=$B$10,7,0)+IF('Standard Profiles'!$G$18=$B$17,14,0)+IF('Standard Profiles'!$G$18=$B$24,21,0),0)),0)</f>
        <v>31.933482377281809</v>
      </c>
      <c r="E8731" cm="1">
        <f t="array" ref="E8731">IFERROR(INDEX(Jesper!AI$2:AI$366,ROUNDDOWN($C8731/24,0)+1,1)*INDEX($D$3:$AA$30,INDEX(Jesper!$R$2:$R$366,ROW(INDEX(Jesper!AI$2:AI$366,ROUNDDOWN($C8731/24,0)+1,1))-1)+IF('Standard Profiles'!$G$19=$B$10,7,0)+IF('Standard Profiles'!$G$19=$B$17,14,0)+IF('Standard Profiles'!$G$19=$B$24,21,0),MOD($C8731,24)+1)/SUM(INDEX($D$3:$AA$30,INDEX(Jesper!$R$2:$R$366,ROW(INDEX(Jesper!AI$2:AI$366,ROUNDDOWN($C8731/24,0)+1,1))-1)+IF('Standard Profiles'!$G$19=$B$10,7,0)+IF('Standard Profiles'!$G$19=$B$17,14,0)+IF('Standard Profiles'!$G$19=$B$24,21,0),0)),0)</f>
        <v>29.457535039860417</v>
      </c>
      <c r="F8731" cm="1">
        <f t="array" ref="F8731">IFERROR(INDEX(Jesper!AJ$2:AJ$366,ROUNDDOWN($C8731/24,0)+1,1)*INDEX($D$3:$AA$30,INDEX(Jesper!$R$2:$R$366,ROW(INDEX(Jesper!AJ$2:AJ$366,ROUNDDOWN($C8731/24,0)+1,1))-1)+IF('Standard Profiles'!$G$20=$B$10,7,0)+IF('Standard Profiles'!$G$20=$B$17,14,0)+IF('Standard Profiles'!$G$20=$B$24,21,0),MOD($C8731,24)+1)/SUM(INDEX($D$3:$AA$30,INDEX(Jesper!$R$2:$R$366,ROW(INDEX(Jesper!AJ$2:AJ$366,ROUNDDOWN($C8731/24,0)+1,1))-1)+IF('Standard Profiles'!$G$20=$B$10,7,0)+IF('Standard Profiles'!$G$20=$B$17,14,0)+IF('Standard Profiles'!$G$20=$B$24,21,0),0)),0)</f>
        <v>0</v>
      </c>
      <c r="G8731" cm="1">
        <f t="array" ref="G8731">IFERROR(INDEX(Jesper!AK$2:AK$366,ROUNDDOWN($C8731/24,0)+1,1)*INDEX($D$3:$AA$30,INDEX(Jesper!$R$2:$R$366,ROW(INDEX(Jesper!AK$2:AK$366,ROUNDDOWN($C8731/24,0)+1,1))-1)+IF('Standard Profiles'!$G$21=$B$10,7,0)+IF('Standard Profiles'!$G$21=$B$17,14,0)+IF('Standard Profiles'!$G$21=$B$24,21,0),MOD($C8731,24)+1)/SUM(INDEX($D$3:$AA$30,INDEX(Jesper!$R$2:$R$366,ROW(INDEX(Jesper!AK$2:AK$366,ROUNDDOWN($C8731/24,0)+1,1))-1)+IF('Standard Profiles'!$G$21=$B$10,7,0)+IF('Standard Profiles'!$G$21=$B$17,14,0)+IF('Standard Profiles'!$G$21=$B$24,21,0),0)),0)</f>
        <v>15.762194908472493</v>
      </c>
      <c r="H8731" cm="1">
        <f t="array" ref="H8731">IFERROR(INDEX(Jesper!AL$2:AL$366,ROUNDDOWN($C8731/24,0)+1,1)*INDEX($D$3:$AA$30,INDEX(Jesper!$R$2:$R$366,ROW(INDEX(Jesper!AL$2:AL$366,ROUNDDOWN($C8731/24,0)+1,1))-1)+IF('Standard Profiles'!$G$22=$B$10,7,0)+IF('Standard Profiles'!$G$22=$B$17,14,0)+IF('Standard Profiles'!$G$22=$B$24,21,0),MOD($C8731,24)+1)/SUM(INDEX($D$3:$AA$30,INDEX(Jesper!$R$2:$R$366,ROW(INDEX(Jesper!AL$2:AL$366,ROUNDDOWN($C8731/24,0)+1,1))-1)+IF('Standard Profiles'!$G$22=$B$10,7,0)+IF('Standard Profiles'!$G$22=$B$17,14,0)+IF('Standard Profiles'!$G$22=$B$24,21,0),0)),0)</f>
        <v>0</v>
      </c>
      <c r="I8731">
        <f t="shared" si="965"/>
        <v>7.5658535560667932</v>
      </c>
      <c r="J8731">
        <f t="shared" si="966"/>
        <v>64.478001589182838</v>
      </c>
      <c r="K8731">
        <f t="shared" si="967"/>
        <v>3.4062381202433931</v>
      </c>
      <c r="L8731">
        <f t="shared" si="968"/>
        <v>1.7031190601216966</v>
      </c>
      <c r="M8731">
        <f t="shared" si="969"/>
        <v>0</v>
      </c>
      <c r="N8731" s="45">
        <f t="shared" si="970"/>
        <v>45289.374999978907</v>
      </c>
    </row>
    <row r="8732" spans="2:14" x14ac:dyDescent="0.25">
      <c r="B8732">
        <f t="shared" si="964"/>
        <v>5</v>
      </c>
      <c r="C8732" s="16">
        <v>8698</v>
      </c>
      <c r="D8732" cm="1">
        <f t="array" ref="D8732">IFERROR(INDEX(Jesper!AH$2:AH$366,ROUNDDOWN($C8732/24,0)+1,1)*INDEX($D$3:$AA$30,INDEX(Jesper!$R$2:$R$366,ROW(INDEX(Jesper!AH$2:AH$366,ROUNDDOWN($C8732/24,0)+1,1))-1)+IF('Standard Profiles'!$G$18=$B$10,7,0)+IF('Standard Profiles'!$G$18=$B$17,14,0)+IF('Standard Profiles'!$G$18=$B$24,21,0),MOD($C8732,24)+1)/SUM(INDEX($D$3:$AA$30,INDEX(Jesper!$R$2:$R$366,ROW(INDEX(Jesper!AH$2:AH$366,ROUNDDOWN($C8732/24,0)+1,1))-1)+IF('Standard Profiles'!$G$18=$B$10,7,0)+IF('Standard Profiles'!$G$18=$B$17,14,0)+IF('Standard Profiles'!$G$18=$B$24,21,0),0)),0)</f>
        <v>31.933482377281809</v>
      </c>
      <c r="E8732" cm="1">
        <f t="array" ref="E8732">IFERROR(INDEX(Jesper!AI$2:AI$366,ROUNDDOWN($C8732/24,0)+1,1)*INDEX($D$3:$AA$30,INDEX(Jesper!$R$2:$R$366,ROW(INDEX(Jesper!AI$2:AI$366,ROUNDDOWN($C8732/24,0)+1,1))-1)+IF('Standard Profiles'!$G$19=$B$10,7,0)+IF('Standard Profiles'!$G$19=$B$17,14,0)+IF('Standard Profiles'!$G$19=$B$24,21,0),MOD($C8732,24)+1)/SUM(INDEX($D$3:$AA$30,INDEX(Jesper!$R$2:$R$366,ROW(INDEX(Jesper!AI$2:AI$366,ROUNDDOWN($C8732/24,0)+1,1))-1)+IF('Standard Profiles'!$G$19=$B$10,7,0)+IF('Standard Profiles'!$G$19=$B$17,14,0)+IF('Standard Profiles'!$G$19=$B$24,21,0),0)),0)</f>
        <v>29.457535039860417</v>
      </c>
      <c r="F8732" cm="1">
        <f t="array" ref="F8732">IFERROR(INDEX(Jesper!AJ$2:AJ$366,ROUNDDOWN($C8732/24,0)+1,1)*INDEX($D$3:$AA$30,INDEX(Jesper!$R$2:$R$366,ROW(INDEX(Jesper!AJ$2:AJ$366,ROUNDDOWN($C8732/24,0)+1,1))-1)+IF('Standard Profiles'!$G$20=$B$10,7,0)+IF('Standard Profiles'!$G$20=$B$17,14,0)+IF('Standard Profiles'!$G$20=$B$24,21,0),MOD($C8732,24)+1)/SUM(INDEX($D$3:$AA$30,INDEX(Jesper!$R$2:$R$366,ROW(INDEX(Jesper!AJ$2:AJ$366,ROUNDDOWN($C8732/24,0)+1,1))-1)+IF('Standard Profiles'!$G$20=$B$10,7,0)+IF('Standard Profiles'!$G$20=$B$17,14,0)+IF('Standard Profiles'!$G$20=$B$24,21,0),0)),0)</f>
        <v>0</v>
      </c>
      <c r="G8732" cm="1">
        <f t="array" ref="G8732">IFERROR(INDEX(Jesper!AK$2:AK$366,ROUNDDOWN($C8732/24,0)+1,1)*INDEX($D$3:$AA$30,INDEX(Jesper!$R$2:$R$366,ROW(INDEX(Jesper!AK$2:AK$366,ROUNDDOWN($C8732/24,0)+1,1))-1)+IF('Standard Profiles'!$G$21=$B$10,7,0)+IF('Standard Profiles'!$G$21=$B$17,14,0)+IF('Standard Profiles'!$G$21=$B$24,21,0),MOD($C8732,24)+1)/SUM(INDEX($D$3:$AA$30,INDEX(Jesper!$R$2:$R$366,ROW(INDEX(Jesper!AK$2:AK$366,ROUNDDOWN($C8732/24,0)+1,1))-1)+IF('Standard Profiles'!$G$21=$B$10,7,0)+IF('Standard Profiles'!$G$21=$B$17,14,0)+IF('Standard Profiles'!$G$21=$B$24,21,0),0)),0)</f>
        <v>15.762194908472493</v>
      </c>
      <c r="H8732" cm="1">
        <f t="array" ref="H8732">IFERROR(INDEX(Jesper!AL$2:AL$366,ROUNDDOWN($C8732/24,0)+1,1)*INDEX($D$3:$AA$30,INDEX(Jesper!$R$2:$R$366,ROW(INDEX(Jesper!AL$2:AL$366,ROUNDDOWN($C8732/24,0)+1,1))-1)+IF('Standard Profiles'!$G$22=$B$10,7,0)+IF('Standard Profiles'!$G$22=$B$17,14,0)+IF('Standard Profiles'!$G$22=$B$24,21,0),MOD($C8732,24)+1)/SUM(INDEX($D$3:$AA$30,INDEX(Jesper!$R$2:$R$366,ROW(INDEX(Jesper!AL$2:AL$366,ROUNDDOWN($C8732/24,0)+1,1))-1)+IF('Standard Profiles'!$G$22=$B$10,7,0)+IF('Standard Profiles'!$G$22=$B$17,14,0)+IF('Standard Profiles'!$G$22=$B$24,21,0),0)),0)</f>
        <v>0</v>
      </c>
      <c r="I8732">
        <f t="shared" si="965"/>
        <v>7.5658535560667932</v>
      </c>
      <c r="J8732">
        <f t="shared" si="966"/>
        <v>64.478001589182838</v>
      </c>
      <c r="K8732">
        <f t="shared" si="967"/>
        <v>3.4062381202433931</v>
      </c>
      <c r="L8732">
        <f t="shared" si="968"/>
        <v>1.7031190601216966</v>
      </c>
      <c r="M8732">
        <f t="shared" si="969"/>
        <v>0</v>
      </c>
      <c r="N8732" s="45">
        <f t="shared" si="970"/>
        <v>45289.416666645571</v>
      </c>
    </row>
    <row r="8733" spans="2:14" x14ac:dyDescent="0.25">
      <c r="B8733">
        <f t="shared" si="964"/>
        <v>5</v>
      </c>
      <c r="C8733" s="16">
        <v>8699</v>
      </c>
      <c r="D8733" cm="1">
        <f t="array" ref="D8733">IFERROR(INDEX(Jesper!AH$2:AH$366,ROUNDDOWN($C8733/24,0)+1,1)*INDEX($D$3:$AA$30,INDEX(Jesper!$R$2:$R$366,ROW(INDEX(Jesper!AH$2:AH$366,ROUNDDOWN($C8733/24,0)+1,1))-1)+IF('Standard Profiles'!$G$18=$B$10,7,0)+IF('Standard Profiles'!$G$18=$B$17,14,0)+IF('Standard Profiles'!$G$18=$B$24,21,0),MOD($C8733,24)+1)/SUM(INDEX($D$3:$AA$30,INDEX(Jesper!$R$2:$R$366,ROW(INDEX(Jesper!AH$2:AH$366,ROUNDDOWN($C8733/24,0)+1,1))-1)+IF('Standard Profiles'!$G$18=$B$10,7,0)+IF('Standard Profiles'!$G$18=$B$17,14,0)+IF('Standard Profiles'!$G$18=$B$24,21,0),0)),0)</f>
        <v>37.739570082242139</v>
      </c>
      <c r="E8733" cm="1">
        <f t="array" ref="E8733">IFERROR(INDEX(Jesper!AI$2:AI$366,ROUNDDOWN($C8733/24,0)+1,1)*INDEX($D$3:$AA$30,INDEX(Jesper!$R$2:$R$366,ROW(INDEX(Jesper!AI$2:AI$366,ROUNDDOWN($C8733/24,0)+1,1))-1)+IF('Standard Profiles'!$G$19=$B$10,7,0)+IF('Standard Profiles'!$G$19=$B$17,14,0)+IF('Standard Profiles'!$G$19=$B$24,21,0),MOD($C8733,24)+1)/SUM(INDEX($D$3:$AA$30,INDEX(Jesper!$R$2:$R$366,ROW(INDEX(Jesper!AI$2:AI$366,ROUNDDOWN($C8733/24,0)+1,1))-1)+IF('Standard Profiles'!$G$19=$B$10,7,0)+IF('Standard Profiles'!$G$19=$B$17,14,0)+IF('Standard Profiles'!$G$19=$B$24,21,0),0)),0)</f>
        <v>34.813450501653215</v>
      </c>
      <c r="F8733" cm="1">
        <f t="array" ref="F8733">IFERROR(INDEX(Jesper!AJ$2:AJ$366,ROUNDDOWN($C8733/24,0)+1,1)*INDEX($D$3:$AA$30,INDEX(Jesper!$R$2:$R$366,ROW(INDEX(Jesper!AJ$2:AJ$366,ROUNDDOWN($C8733/24,0)+1,1))-1)+IF('Standard Profiles'!$G$20=$B$10,7,0)+IF('Standard Profiles'!$G$20=$B$17,14,0)+IF('Standard Profiles'!$G$20=$B$24,21,0),MOD($C8733,24)+1)/SUM(INDEX($D$3:$AA$30,INDEX(Jesper!$R$2:$R$366,ROW(INDEX(Jesper!AJ$2:AJ$366,ROUNDDOWN($C8733/24,0)+1,1))-1)+IF('Standard Profiles'!$G$20=$B$10,7,0)+IF('Standard Profiles'!$G$20=$B$17,14,0)+IF('Standard Profiles'!$G$20=$B$24,21,0),0)),0)</f>
        <v>0</v>
      </c>
      <c r="G8733" cm="1">
        <f t="array" ref="G8733">IFERROR(INDEX(Jesper!AK$2:AK$366,ROUNDDOWN($C8733/24,0)+1,1)*INDEX($D$3:$AA$30,INDEX(Jesper!$R$2:$R$366,ROW(INDEX(Jesper!AK$2:AK$366,ROUNDDOWN($C8733/24,0)+1,1))-1)+IF('Standard Profiles'!$G$21=$B$10,7,0)+IF('Standard Profiles'!$G$21=$B$17,14,0)+IF('Standard Profiles'!$G$21=$B$24,21,0),MOD($C8733,24)+1)/SUM(INDEX($D$3:$AA$30,INDEX(Jesper!$R$2:$R$366,ROW(INDEX(Jesper!AK$2:AK$366,ROUNDDOWN($C8733/24,0)+1,1))-1)+IF('Standard Profiles'!$G$21=$B$10,7,0)+IF('Standard Profiles'!$G$21=$B$17,14,0)+IF('Standard Profiles'!$G$21=$B$24,21,0),0)),0)</f>
        <v>18.628048528194764</v>
      </c>
      <c r="H8733" cm="1">
        <f t="array" ref="H8733">IFERROR(INDEX(Jesper!AL$2:AL$366,ROUNDDOWN($C8733/24,0)+1,1)*INDEX($D$3:$AA$30,INDEX(Jesper!$R$2:$R$366,ROW(INDEX(Jesper!AL$2:AL$366,ROUNDDOWN($C8733/24,0)+1,1))-1)+IF('Standard Profiles'!$G$22=$B$10,7,0)+IF('Standard Profiles'!$G$22=$B$17,14,0)+IF('Standard Profiles'!$G$22=$B$24,21,0),MOD($C8733,24)+1)/SUM(INDEX($D$3:$AA$30,INDEX(Jesper!$R$2:$R$366,ROW(INDEX(Jesper!AL$2:AL$366,ROUNDDOWN($C8733/24,0)+1,1))-1)+IF('Standard Profiles'!$G$22=$B$10,7,0)+IF('Standard Profiles'!$G$22=$B$17,14,0)+IF('Standard Profiles'!$G$22=$B$24,21,0),0)),0)</f>
        <v>0</v>
      </c>
      <c r="I8733">
        <f t="shared" si="965"/>
        <v>8.9414632935334826</v>
      </c>
      <c r="J8733">
        <f t="shared" si="966"/>
        <v>76.201274605397899</v>
      </c>
      <c r="K8733">
        <f t="shared" si="967"/>
        <v>4.0255541421058281</v>
      </c>
      <c r="L8733">
        <f t="shared" si="968"/>
        <v>2.012777071052914</v>
      </c>
      <c r="M8733">
        <f t="shared" si="969"/>
        <v>0</v>
      </c>
      <c r="N8733" s="45">
        <f t="shared" si="970"/>
        <v>45289.458333312235</v>
      </c>
    </row>
    <row r="8734" spans="2:14" x14ac:dyDescent="0.25">
      <c r="B8734">
        <f t="shared" si="964"/>
        <v>5</v>
      </c>
      <c r="C8734" s="16">
        <v>8700</v>
      </c>
      <c r="D8734" cm="1">
        <f t="array" ref="D8734">IFERROR(INDEX(Jesper!AH$2:AH$366,ROUNDDOWN($C8734/24,0)+1,1)*INDEX($D$3:$AA$30,INDEX(Jesper!$R$2:$R$366,ROW(INDEX(Jesper!AH$2:AH$366,ROUNDDOWN($C8734/24,0)+1,1))-1)+IF('Standard Profiles'!$G$18=$B$10,7,0)+IF('Standard Profiles'!$G$18=$B$17,14,0)+IF('Standard Profiles'!$G$18=$B$24,21,0),MOD($C8734,24)+1)/SUM(INDEX($D$3:$AA$30,INDEX(Jesper!$R$2:$R$366,ROW(INDEX(Jesper!AH$2:AH$366,ROUNDDOWN($C8734/24,0)+1,1))-1)+IF('Standard Profiles'!$G$18=$B$10,7,0)+IF('Standard Profiles'!$G$18=$B$17,14,0)+IF('Standard Profiles'!$G$18=$B$24,21,0),0)),0)</f>
        <v>37.739570082242139</v>
      </c>
      <c r="E8734" cm="1">
        <f t="array" ref="E8734">IFERROR(INDEX(Jesper!AI$2:AI$366,ROUNDDOWN($C8734/24,0)+1,1)*INDEX($D$3:$AA$30,INDEX(Jesper!$R$2:$R$366,ROW(INDEX(Jesper!AI$2:AI$366,ROUNDDOWN($C8734/24,0)+1,1))-1)+IF('Standard Profiles'!$G$19=$B$10,7,0)+IF('Standard Profiles'!$G$19=$B$17,14,0)+IF('Standard Profiles'!$G$19=$B$24,21,0),MOD($C8734,24)+1)/SUM(INDEX($D$3:$AA$30,INDEX(Jesper!$R$2:$R$366,ROW(INDEX(Jesper!AI$2:AI$366,ROUNDDOWN($C8734/24,0)+1,1))-1)+IF('Standard Profiles'!$G$19=$B$10,7,0)+IF('Standard Profiles'!$G$19=$B$17,14,0)+IF('Standard Profiles'!$G$19=$B$24,21,0),0)),0)</f>
        <v>34.813450501653215</v>
      </c>
      <c r="F8734" cm="1">
        <f t="array" ref="F8734">IFERROR(INDEX(Jesper!AJ$2:AJ$366,ROUNDDOWN($C8734/24,0)+1,1)*INDEX($D$3:$AA$30,INDEX(Jesper!$R$2:$R$366,ROW(INDEX(Jesper!AJ$2:AJ$366,ROUNDDOWN($C8734/24,0)+1,1))-1)+IF('Standard Profiles'!$G$20=$B$10,7,0)+IF('Standard Profiles'!$G$20=$B$17,14,0)+IF('Standard Profiles'!$G$20=$B$24,21,0),MOD($C8734,24)+1)/SUM(INDEX($D$3:$AA$30,INDEX(Jesper!$R$2:$R$366,ROW(INDEX(Jesper!AJ$2:AJ$366,ROUNDDOWN($C8734/24,0)+1,1))-1)+IF('Standard Profiles'!$G$20=$B$10,7,0)+IF('Standard Profiles'!$G$20=$B$17,14,0)+IF('Standard Profiles'!$G$20=$B$24,21,0),0)),0)</f>
        <v>0</v>
      </c>
      <c r="G8734" cm="1">
        <f t="array" ref="G8734">IFERROR(INDEX(Jesper!AK$2:AK$366,ROUNDDOWN($C8734/24,0)+1,1)*INDEX($D$3:$AA$30,INDEX(Jesper!$R$2:$R$366,ROW(INDEX(Jesper!AK$2:AK$366,ROUNDDOWN($C8734/24,0)+1,1))-1)+IF('Standard Profiles'!$G$21=$B$10,7,0)+IF('Standard Profiles'!$G$21=$B$17,14,0)+IF('Standard Profiles'!$G$21=$B$24,21,0),MOD($C8734,24)+1)/SUM(INDEX($D$3:$AA$30,INDEX(Jesper!$R$2:$R$366,ROW(INDEX(Jesper!AK$2:AK$366,ROUNDDOWN($C8734/24,0)+1,1))-1)+IF('Standard Profiles'!$G$21=$B$10,7,0)+IF('Standard Profiles'!$G$21=$B$17,14,0)+IF('Standard Profiles'!$G$21=$B$24,21,0),0)),0)</f>
        <v>18.628048528194764</v>
      </c>
      <c r="H8734" cm="1">
        <f t="array" ref="H8734">IFERROR(INDEX(Jesper!AL$2:AL$366,ROUNDDOWN($C8734/24,0)+1,1)*INDEX($D$3:$AA$30,INDEX(Jesper!$R$2:$R$366,ROW(INDEX(Jesper!AL$2:AL$366,ROUNDDOWN($C8734/24,0)+1,1))-1)+IF('Standard Profiles'!$G$22=$B$10,7,0)+IF('Standard Profiles'!$G$22=$B$17,14,0)+IF('Standard Profiles'!$G$22=$B$24,21,0),MOD($C8734,24)+1)/SUM(INDEX($D$3:$AA$30,INDEX(Jesper!$R$2:$R$366,ROW(INDEX(Jesper!AL$2:AL$366,ROUNDDOWN($C8734/24,0)+1,1))-1)+IF('Standard Profiles'!$G$22=$B$10,7,0)+IF('Standard Profiles'!$G$22=$B$17,14,0)+IF('Standard Profiles'!$G$22=$B$24,21,0),0)),0)</f>
        <v>0</v>
      </c>
      <c r="I8734">
        <f t="shared" si="965"/>
        <v>8.9414632935334826</v>
      </c>
      <c r="J8734">
        <f t="shared" si="966"/>
        <v>76.201274605397899</v>
      </c>
      <c r="K8734">
        <f t="shared" si="967"/>
        <v>4.0255541421058281</v>
      </c>
      <c r="L8734">
        <f t="shared" si="968"/>
        <v>2.012777071052914</v>
      </c>
      <c r="M8734">
        <f t="shared" si="969"/>
        <v>0</v>
      </c>
      <c r="N8734" s="45">
        <f t="shared" si="970"/>
        <v>45289.4999999789</v>
      </c>
    </row>
    <row r="8735" spans="2:14" x14ac:dyDescent="0.25">
      <c r="B8735">
        <f t="shared" si="964"/>
        <v>5</v>
      </c>
      <c r="C8735" s="16">
        <v>8701</v>
      </c>
      <c r="D8735" cm="1">
        <f t="array" ref="D8735">IFERROR(INDEX(Jesper!AH$2:AH$366,ROUNDDOWN($C8735/24,0)+1,1)*INDEX($D$3:$AA$30,INDEX(Jesper!$R$2:$R$366,ROW(INDEX(Jesper!AH$2:AH$366,ROUNDDOWN($C8735/24,0)+1,1))-1)+IF('Standard Profiles'!$G$18=$B$10,7,0)+IF('Standard Profiles'!$G$18=$B$17,14,0)+IF('Standard Profiles'!$G$18=$B$24,21,0),MOD($C8735,24)+1)/SUM(INDEX($D$3:$AA$30,INDEX(Jesper!$R$2:$R$366,ROW(INDEX(Jesper!AH$2:AH$366,ROUNDDOWN($C8735/24,0)+1,1))-1)+IF('Standard Profiles'!$G$18=$B$10,7,0)+IF('Standard Profiles'!$G$18=$B$17,14,0)+IF('Standard Profiles'!$G$18=$B$24,21,0),0)),0)</f>
        <v>26.127394672321479</v>
      </c>
      <c r="E8735" cm="1">
        <f t="array" ref="E8735">IFERROR(INDEX(Jesper!AI$2:AI$366,ROUNDDOWN($C8735/24,0)+1,1)*INDEX($D$3:$AA$30,INDEX(Jesper!$R$2:$R$366,ROW(INDEX(Jesper!AI$2:AI$366,ROUNDDOWN($C8735/24,0)+1,1))-1)+IF('Standard Profiles'!$G$19=$B$10,7,0)+IF('Standard Profiles'!$G$19=$B$17,14,0)+IF('Standard Profiles'!$G$19=$B$24,21,0),MOD($C8735,24)+1)/SUM(INDEX($D$3:$AA$30,INDEX(Jesper!$R$2:$R$366,ROW(INDEX(Jesper!AI$2:AI$366,ROUNDDOWN($C8735/24,0)+1,1))-1)+IF('Standard Profiles'!$G$19=$B$10,7,0)+IF('Standard Profiles'!$G$19=$B$17,14,0)+IF('Standard Profiles'!$G$19=$B$24,21,0),0)),0)</f>
        <v>24.101619578067613</v>
      </c>
      <c r="F8735" cm="1">
        <f t="array" ref="F8735">IFERROR(INDEX(Jesper!AJ$2:AJ$366,ROUNDDOWN($C8735/24,0)+1,1)*INDEX($D$3:$AA$30,INDEX(Jesper!$R$2:$R$366,ROW(INDEX(Jesper!AJ$2:AJ$366,ROUNDDOWN($C8735/24,0)+1,1))-1)+IF('Standard Profiles'!$G$20=$B$10,7,0)+IF('Standard Profiles'!$G$20=$B$17,14,0)+IF('Standard Profiles'!$G$20=$B$24,21,0),MOD($C8735,24)+1)/SUM(INDEX($D$3:$AA$30,INDEX(Jesper!$R$2:$R$366,ROW(INDEX(Jesper!AJ$2:AJ$366,ROUNDDOWN($C8735/24,0)+1,1))-1)+IF('Standard Profiles'!$G$20=$B$10,7,0)+IF('Standard Profiles'!$G$20=$B$17,14,0)+IF('Standard Profiles'!$G$20=$B$24,21,0),0)),0)</f>
        <v>0</v>
      </c>
      <c r="G8735" cm="1">
        <f t="array" ref="G8735">IFERROR(INDEX(Jesper!AK$2:AK$366,ROUNDDOWN($C8735/24,0)+1,1)*INDEX($D$3:$AA$30,INDEX(Jesper!$R$2:$R$366,ROW(INDEX(Jesper!AK$2:AK$366,ROUNDDOWN($C8735/24,0)+1,1))-1)+IF('Standard Profiles'!$G$21=$B$10,7,0)+IF('Standard Profiles'!$G$21=$B$17,14,0)+IF('Standard Profiles'!$G$21=$B$24,21,0),MOD($C8735,24)+1)/SUM(INDEX($D$3:$AA$30,INDEX(Jesper!$R$2:$R$366,ROW(INDEX(Jesper!AK$2:AK$366,ROUNDDOWN($C8735/24,0)+1,1))-1)+IF('Standard Profiles'!$G$21=$B$10,7,0)+IF('Standard Profiles'!$G$21=$B$17,14,0)+IF('Standard Profiles'!$G$21=$B$24,21,0),0)),0)</f>
        <v>12.896341288750223</v>
      </c>
      <c r="H8735" cm="1">
        <f t="array" ref="H8735">IFERROR(INDEX(Jesper!AL$2:AL$366,ROUNDDOWN($C8735/24,0)+1,1)*INDEX($D$3:$AA$30,INDEX(Jesper!$R$2:$R$366,ROW(INDEX(Jesper!AL$2:AL$366,ROUNDDOWN($C8735/24,0)+1,1))-1)+IF('Standard Profiles'!$G$22=$B$10,7,0)+IF('Standard Profiles'!$G$22=$B$17,14,0)+IF('Standard Profiles'!$G$22=$B$24,21,0),MOD($C8735,24)+1)/SUM(INDEX($D$3:$AA$30,INDEX(Jesper!$R$2:$R$366,ROW(INDEX(Jesper!AL$2:AL$366,ROUNDDOWN($C8735/24,0)+1,1))-1)+IF('Standard Profiles'!$G$22=$B$10,7,0)+IF('Standard Profiles'!$G$22=$B$17,14,0)+IF('Standard Profiles'!$G$22=$B$24,21,0),0)),0)</f>
        <v>0</v>
      </c>
      <c r="I8735">
        <f t="shared" si="965"/>
        <v>6.1902438186001039</v>
      </c>
      <c r="J8735">
        <f t="shared" si="966"/>
        <v>52.754728572967771</v>
      </c>
      <c r="K8735">
        <f t="shared" si="967"/>
        <v>2.7869220983809582</v>
      </c>
      <c r="L8735">
        <f t="shared" si="968"/>
        <v>1.3934610491904791</v>
      </c>
      <c r="M8735">
        <f t="shared" si="969"/>
        <v>0</v>
      </c>
      <c r="N8735" s="45">
        <f t="shared" si="970"/>
        <v>45289.541666645564</v>
      </c>
    </row>
    <row r="8736" spans="2:14" x14ac:dyDescent="0.25">
      <c r="B8736">
        <f t="shared" si="964"/>
        <v>5</v>
      </c>
      <c r="C8736" s="16">
        <v>8702</v>
      </c>
      <c r="D8736" cm="1">
        <f t="array" ref="D8736">IFERROR(INDEX(Jesper!AH$2:AH$366,ROUNDDOWN($C8736/24,0)+1,1)*INDEX($D$3:$AA$30,INDEX(Jesper!$R$2:$R$366,ROW(INDEX(Jesper!AH$2:AH$366,ROUNDDOWN($C8736/24,0)+1,1))-1)+IF('Standard Profiles'!$G$18=$B$10,7,0)+IF('Standard Profiles'!$G$18=$B$17,14,0)+IF('Standard Profiles'!$G$18=$B$24,21,0),MOD($C8736,24)+1)/SUM(INDEX($D$3:$AA$30,INDEX(Jesper!$R$2:$R$366,ROW(INDEX(Jesper!AH$2:AH$366,ROUNDDOWN($C8736/24,0)+1,1))-1)+IF('Standard Profiles'!$G$18=$B$10,7,0)+IF('Standard Profiles'!$G$18=$B$17,14,0)+IF('Standard Profiles'!$G$18=$B$24,21,0),0)),0)</f>
        <v>37.739570082242139</v>
      </c>
      <c r="E8736" cm="1">
        <f t="array" ref="E8736">IFERROR(INDEX(Jesper!AI$2:AI$366,ROUNDDOWN($C8736/24,0)+1,1)*INDEX($D$3:$AA$30,INDEX(Jesper!$R$2:$R$366,ROW(INDEX(Jesper!AI$2:AI$366,ROUNDDOWN($C8736/24,0)+1,1))-1)+IF('Standard Profiles'!$G$19=$B$10,7,0)+IF('Standard Profiles'!$G$19=$B$17,14,0)+IF('Standard Profiles'!$G$19=$B$24,21,0),MOD($C8736,24)+1)/SUM(INDEX($D$3:$AA$30,INDEX(Jesper!$R$2:$R$366,ROW(INDEX(Jesper!AI$2:AI$366,ROUNDDOWN($C8736/24,0)+1,1))-1)+IF('Standard Profiles'!$G$19=$B$10,7,0)+IF('Standard Profiles'!$G$19=$B$17,14,0)+IF('Standard Profiles'!$G$19=$B$24,21,0),0)),0)</f>
        <v>34.813450501653215</v>
      </c>
      <c r="F8736" cm="1">
        <f t="array" ref="F8736">IFERROR(INDEX(Jesper!AJ$2:AJ$366,ROUNDDOWN($C8736/24,0)+1,1)*INDEX($D$3:$AA$30,INDEX(Jesper!$R$2:$R$366,ROW(INDEX(Jesper!AJ$2:AJ$366,ROUNDDOWN($C8736/24,0)+1,1))-1)+IF('Standard Profiles'!$G$20=$B$10,7,0)+IF('Standard Profiles'!$G$20=$B$17,14,0)+IF('Standard Profiles'!$G$20=$B$24,21,0),MOD($C8736,24)+1)/SUM(INDEX($D$3:$AA$30,INDEX(Jesper!$R$2:$R$366,ROW(INDEX(Jesper!AJ$2:AJ$366,ROUNDDOWN($C8736/24,0)+1,1))-1)+IF('Standard Profiles'!$G$20=$B$10,7,0)+IF('Standard Profiles'!$G$20=$B$17,14,0)+IF('Standard Profiles'!$G$20=$B$24,21,0),0)),0)</f>
        <v>0</v>
      </c>
      <c r="G8736" cm="1">
        <f t="array" ref="G8736">IFERROR(INDEX(Jesper!AK$2:AK$366,ROUNDDOWN($C8736/24,0)+1,1)*INDEX($D$3:$AA$30,INDEX(Jesper!$R$2:$R$366,ROW(INDEX(Jesper!AK$2:AK$366,ROUNDDOWN($C8736/24,0)+1,1))-1)+IF('Standard Profiles'!$G$21=$B$10,7,0)+IF('Standard Profiles'!$G$21=$B$17,14,0)+IF('Standard Profiles'!$G$21=$B$24,21,0),MOD($C8736,24)+1)/SUM(INDEX($D$3:$AA$30,INDEX(Jesper!$R$2:$R$366,ROW(INDEX(Jesper!AK$2:AK$366,ROUNDDOWN($C8736/24,0)+1,1))-1)+IF('Standard Profiles'!$G$21=$B$10,7,0)+IF('Standard Profiles'!$G$21=$B$17,14,0)+IF('Standard Profiles'!$G$21=$B$24,21,0),0)),0)</f>
        <v>18.628048528194764</v>
      </c>
      <c r="H8736" cm="1">
        <f t="array" ref="H8736">IFERROR(INDEX(Jesper!AL$2:AL$366,ROUNDDOWN($C8736/24,0)+1,1)*INDEX($D$3:$AA$30,INDEX(Jesper!$R$2:$R$366,ROW(INDEX(Jesper!AL$2:AL$366,ROUNDDOWN($C8736/24,0)+1,1))-1)+IF('Standard Profiles'!$G$22=$B$10,7,0)+IF('Standard Profiles'!$G$22=$B$17,14,0)+IF('Standard Profiles'!$G$22=$B$24,21,0),MOD($C8736,24)+1)/SUM(INDEX($D$3:$AA$30,INDEX(Jesper!$R$2:$R$366,ROW(INDEX(Jesper!AL$2:AL$366,ROUNDDOWN($C8736/24,0)+1,1))-1)+IF('Standard Profiles'!$G$22=$B$10,7,0)+IF('Standard Profiles'!$G$22=$B$17,14,0)+IF('Standard Profiles'!$G$22=$B$24,21,0),0)),0)</f>
        <v>0</v>
      </c>
      <c r="I8736">
        <f t="shared" si="965"/>
        <v>8.9414632935334826</v>
      </c>
      <c r="J8736">
        <f t="shared" si="966"/>
        <v>76.201274605397899</v>
      </c>
      <c r="K8736">
        <f t="shared" si="967"/>
        <v>4.0255541421058281</v>
      </c>
      <c r="L8736">
        <f t="shared" si="968"/>
        <v>2.012777071052914</v>
      </c>
      <c r="M8736">
        <f t="shared" si="969"/>
        <v>0</v>
      </c>
      <c r="N8736" s="45">
        <f t="shared" si="970"/>
        <v>45289.583333312228</v>
      </c>
    </row>
    <row r="8737" spans="2:14" x14ac:dyDescent="0.25">
      <c r="B8737">
        <f t="shared" si="964"/>
        <v>5</v>
      </c>
      <c r="C8737" s="16">
        <v>8703</v>
      </c>
      <c r="D8737" cm="1">
        <f t="array" ref="D8737">IFERROR(INDEX(Jesper!AH$2:AH$366,ROUNDDOWN($C8737/24,0)+1,1)*INDEX($D$3:$AA$30,INDEX(Jesper!$R$2:$R$366,ROW(INDEX(Jesper!AH$2:AH$366,ROUNDDOWN($C8737/24,0)+1,1))-1)+IF('Standard Profiles'!$G$18=$B$10,7,0)+IF('Standard Profiles'!$G$18=$B$17,14,0)+IF('Standard Profiles'!$G$18=$B$24,21,0),MOD($C8737,24)+1)/SUM(INDEX($D$3:$AA$30,INDEX(Jesper!$R$2:$R$366,ROW(INDEX(Jesper!AH$2:AH$366,ROUNDDOWN($C8737/24,0)+1,1))-1)+IF('Standard Profiles'!$G$18=$B$10,7,0)+IF('Standard Profiles'!$G$18=$B$17,14,0)+IF('Standard Profiles'!$G$18=$B$24,21,0),0)),0)</f>
        <v>29.030438524801649</v>
      </c>
      <c r="E8737" cm="1">
        <f t="array" ref="E8737">IFERROR(INDEX(Jesper!AI$2:AI$366,ROUNDDOWN($C8737/24,0)+1,1)*INDEX($D$3:$AA$30,INDEX(Jesper!$R$2:$R$366,ROW(INDEX(Jesper!AI$2:AI$366,ROUNDDOWN($C8737/24,0)+1,1))-1)+IF('Standard Profiles'!$G$19=$B$10,7,0)+IF('Standard Profiles'!$G$19=$B$17,14,0)+IF('Standard Profiles'!$G$19=$B$24,21,0),MOD($C8737,24)+1)/SUM(INDEX($D$3:$AA$30,INDEX(Jesper!$R$2:$R$366,ROW(INDEX(Jesper!AI$2:AI$366,ROUNDDOWN($C8737/24,0)+1,1))-1)+IF('Standard Profiles'!$G$19=$B$10,7,0)+IF('Standard Profiles'!$G$19=$B$17,14,0)+IF('Standard Profiles'!$G$19=$B$24,21,0),0)),0)</f>
        <v>26.779577308964011</v>
      </c>
      <c r="F8737" cm="1">
        <f t="array" ref="F8737">IFERROR(INDEX(Jesper!AJ$2:AJ$366,ROUNDDOWN($C8737/24,0)+1,1)*INDEX($D$3:$AA$30,INDEX(Jesper!$R$2:$R$366,ROW(INDEX(Jesper!AJ$2:AJ$366,ROUNDDOWN($C8737/24,0)+1,1))-1)+IF('Standard Profiles'!$G$20=$B$10,7,0)+IF('Standard Profiles'!$G$20=$B$17,14,0)+IF('Standard Profiles'!$G$20=$B$24,21,0),MOD($C8737,24)+1)/SUM(INDEX($D$3:$AA$30,INDEX(Jesper!$R$2:$R$366,ROW(INDEX(Jesper!AJ$2:AJ$366,ROUNDDOWN($C8737/24,0)+1,1))-1)+IF('Standard Profiles'!$G$20=$B$10,7,0)+IF('Standard Profiles'!$G$20=$B$17,14,0)+IF('Standard Profiles'!$G$20=$B$24,21,0),0)),0)</f>
        <v>0</v>
      </c>
      <c r="G8737" cm="1">
        <f t="array" ref="G8737">IFERROR(INDEX(Jesper!AK$2:AK$366,ROUNDDOWN($C8737/24,0)+1,1)*INDEX($D$3:$AA$30,INDEX(Jesper!$R$2:$R$366,ROW(INDEX(Jesper!AK$2:AK$366,ROUNDDOWN($C8737/24,0)+1,1))-1)+IF('Standard Profiles'!$G$21=$B$10,7,0)+IF('Standard Profiles'!$G$21=$B$17,14,0)+IF('Standard Profiles'!$G$21=$B$24,21,0),MOD($C8737,24)+1)/SUM(INDEX($D$3:$AA$30,INDEX(Jesper!$R$2:$R$366,ROW(INDEX(Jesper!AK$2:AK$366,ROUNDDOWN($C8737/24,0)+1,1))-1)+IF('Standard Profiles'!$G$21=$B$10,7,0)+IF('Standard Profiles'!$G$21=$B$17,14,0)+IF('Standard Profiles'!$G$21=$B$24,21,0),0)),0)</f>
        <v>15.762194908472493</v>
      </c>
      <c r="H8737" cm="1">
        <f t="array" ref="H8737">IFERROR(INDEX(Jesper!AL$2:AL$366,ROUNDDOWN($C8737/24,0)+1,1)*INDEX($D$3:$AA$30,INDEX(Jesper!$R$2:$R$366,ROW(INDEX(Jesper!AL$2:AL$366,ROUNDDOWN($C8737/24,0)+1,1))-1)+IF('Standard Profiles'!$G$22=$B$10,7,0)+IF('Standard Profiles'!$G$22=$B$17,14,0)+IF('Standard Profiles'!$G$22=$B$24,21,0),MOD($C8737,24)+1)/SUM(INDEX($D$3:$AA$30,INDEX(Jesper!$R$2:$R$366,ROW(INDEX(Jesper!AL$2:AL$366,ROUNDDOWN($C8737/24,0)+1,1))-1)+IF('Standard Profiles'!$G$22=$B$10,7,0)+IF('Standard Profiles'!$G$22=$B$17,14,0)+IF('Standard Profiles'!$G$22=$B$24,21,0),0)),0)</f>
        <v>0</v>
      </c>
      <c r="I8737">
        <f t="shared" si="965"/>
        <v>7.5658535560667932</v>
      </c>
      <c r="J8737">
        <f t="shared" si="966"/>
        <v>59.361487022203093</v>
      </c>
      <c r="K8737">
        <f t="shared" si="967"/>
        <v>3.0965801093121761</v>
      </c>
      <c r="L8737">
        <f t="shared" si="968"/>
        <v>1.548290054656088</v>
      </c>
      <c r="M8737">
        <f t="shared" si="969"/>
        <v>0</v>
      </c>
      <c r="N8737" s="45">
        <f t="shared" si="970"/>
        <v>45289.624999978892</v>
      </c>
    </row>
    <row r="8738" spans="2:14" x14ac:dyDescent="0.25">
      <c r="B8738">
        <f t="shared" si="964"/>
        <v>5</v>
      </c>
      <c r="C8738" s="16">
        <v>8704</v>
      </c>
      <c r="D8738" cm="1">
        <f t="array" ref="D8738">IFERROR(INDEX(Jesper!AH$2:AH$366,ROUNDDOWN($C8738/24,0)+1,1)*INDEX($D$3:$AA$30,INDEX(Jesper!$R$2:$R$366,ROW(INDEX(Jesper!AH$2:AH$366,ROUNDDOWN($C8738/24,0)+1,1))-1)+IF('Standard Profiles'!$G$18=$B$10,7,0)+IF('Standard Profiles'!$G$18=$B$17,14,0)+IF('Standard Profiles'!$G$18=$B$24,21,0),MOD($C8738,24)+1)/SUM(INDEX($D$3:$AA$30,INDEX(Jesper!$R$2:$R$366,ROW(INDEX(Jesper!AH$2:AH$366,ROUNDDOWN($C8738/24,0)+1,1))-1)+IF('Standard Profiles'!$G$18=$B$10,7,0)+IF('Standard Profiles'!$G$18=$B$17,14,0)+IF('Standard Profiles'!$G$18=$B$24,21,0),0)),0)</f>
        <v>13.629313861409223</v>
      </c>
      <c r="E8738" cm="1">
        <f t="array" ref="E8738">IFERROR(INDEX(Jesper!AI$2:AI$366,ROUNDDOWN($C8738/24,0)+1,1)*INDEX($D$3:$AA$30,INDEX(Jesper!$R$2:$R$366,ROW(INDEX(Jesper!AI$2:AI$366,ROUNDDOWN($C8738/24,0)+1,1))-1)+IF('Standard Profiles'!$G$19=$B$10,7,0)+IF('Standard Profiles'!$G$19=$B$17,14,0)+IF('Standard Profiles'!$G$19=$B$24,21,0),MOD($C8738,24)+1)/SUM(INDEX($D$3:$AA$30,INDEX(Jesper!$R$2:$R$366,ROW(INDEX(Jesper!AI$2:AI$366,ROUNDDOWN($C8738/24,0)+1,1))-1)+IF('Standard Profiles'!$G$19=$B$10,7,0)+IF('Standard Profiles'!$G$19=$B$17,14,0)+IF('Standard Profiles'!$G$19=$B$24,21,0),0)),0)</f>
        <v>12.572571506555876</v>
      </c>
      <c r="F8738" cm="1">
        <f t="array" ref="F8738">IFERROR(INDEX(Jesper!AJ$2:AJ$366,ROUNDDOWN($C8738/24,0)+1,1)*INDEX($D$3:$AA$30,INDEX(Jesper!$R$2:$R$366,ROW(INDEX(Jesper!AJ$2:AJ$366,ROUNDDOWN($C8738/24,0)+1,1))-1)+IF('Standard Profiles'!$G$20=$B$10,7,0)+IF('Standard Profiles'!$G$20=$B$17,14,0)+IF('Standard Profiles'!$G$20=$B$24,21,0),MOD($C8738,24)+1)/SUM(INDEX($D$3:$AA$30,INDEX(Jesper!$R$2:$R$366,ROW(INDEX(Jesper!AJ$2:AJ$366,ROUNDDOWN($C8738/24,0)+1,1))-1)+IF('Standard Profiles'!$G$20=$B$10,7,0)+IF('Standard Profiles'!$G$20=$B$17,14,0)+IF('Standard Profiles'!$G$20=$B$24,21,0),0)),0)</f>
        <v>0</v>
      </c>
      <c r="G8738" cm="1">
        <f t="array" ref="G8738">IFERROR(INDEX(Jesper!AK$2:AK$366,ROUNDDOWN($C8738/24,0)+1,1)*INDEX($D$3:$AA$30,INDEX(Jesper!$R$2:$R$366,ROW(INDEX(Jesper!AK$2:AK$366,ROUNDDOWN($C8738/24,0)+1,1))-1)+IF('Standard Profiles'!$G$21=$B$10,7,0)+IF('Standard Profiles'!$G$21=$B$17,14,0)+IF('Standard Profiles'!$G$21=$B$24,21,0),MOD($C8738,24)+1)/SUM(INDEX($D$3:$AA$30,INDEX(Jesper!$R$2:$R$366,ROW(INDEX(Jesper!AK$2:AK$366,ROUNDDOWN($C8738/24,0)+1,1))-1)+IF('Standard Profiles'!$G$21=$B$10,7,0)+IF('Standard Profiles'!$G$21=$B$17,14,0)+IF('Standard Profiles'!$G$21=$B$24,21,0),0)),0)</f>
        <v>13.646921998677485</v>
      </c>
      <c r="H8738" cm="1">
        <f t="array" ref="H8738">IFERROR(INDEX(Jesper!AL$2:AL$366,ROUNDDOWN($C8738/24,0)+1,1)*INDEX($D$3:$AA$30,INDEX(Jesper!$R$2:$R$366,ROW(INDEX(Jesper!AL$2:AL$366,ROUNDDOWN($C8738/24,0)+1,1))-1)+IF('Standard Profiles'!$G$22=$B$10,7,0)+IF('Standard Profiles'!$G$22=$B$17,14,0)+IF('Standard Profiles'!$G$22=$B$24,21,0),MOD($C8738,24)+1)/SUM(INDEX($D$3:$AA$30,INDEX(Jesper!$R$2:$R$366,ROW(INDEX(Jesper!AL$2:AL$366,ROUNDDOWN($C8738/24,0)+1,1))-1)+IF('Standard Profiles'!$G$22=$B$10,7,0)+IF('Standard Profiles'!$G$22=$B$17,14,0)+IF('Standard Profiles'!$G$22=$B$24,21,0),0)),0)</f>
        <v>0</v>
      </c>
      <c r="I8738">
        <f t="shared" si="965"/>
        <v>6.5505225593651897</v>
      </c>
      <c r="J8738">
        <f t="shared" si="966"/>
        <v>31.117594589451919</v>
      </c>
      <c r="K8738">
        <f t="shared" si="967"/>
        <v>1.4537934785503173</v>
      </c>
      <c r="L8738">
        <f t="shared" si="968"/>
        <v>0.72689673927515863</v>
      </c>
      <c r="M8738">
        <f t="shared" si="969"/>
        <v>0</v>
      </c>
      <c r="N8738" s="45">
        <f t="shared" si="970"/>
        <v>45289.666666645557</v>
      </c>
    </row>
    <row r="8739" spans="2:14" x14ac:dyDescent="0.25">
      <c r="B8739">
        <f t="shared" ref="B8739:B8793" si="971">WEEKDAY(N8739,2)</f>
        <v>5</v>
      </c>
      <c r="C8739" s="16">
        <v>8705</v>
      </c>
      <c r="D8739" cm="1">
        <f t="array" ref="D8739">IFERROR(INDEX(Jesper!AH$2:AH$366,ROUNDDOWN($C8739/24,0)+1,1)*INDEX($D$3:$AA$30,INDEX(Jesper!$R$2:$R$366,ROW(INDEX(Jesper!AH$2:AH$366,ROUNDDOWN($C8739/24,0)+1,1))-1)+IF('Standard Profiles'!$G$18=$B$10,7,0)+IF('Standard Profiles'!$G$18=$B$17,14,0)+IF('Standard Profiles'!$G$18=$B$24,21,0),MOD($C8739,24)+1)/SUM(INDEX($D$3:$AA$30,INDEX(Jesper!$R$2:$R$366,ROW(INDEX(Jesper!AH$2:AH$366,ROUNDDOWN($C8739/24,0)+1,1))-1)+IF('Standard Profiles'!$G$18=$B$10,7,0)+IF('Standard Profiles'!$G$18=$B$17,14,0)+IF('Standard Profiles'!$G$18=$B$24,21,0),0)),0)</f>
        <v>8.9953471485300867</v>
      </c>
      <c r="E8739" cm="1">
        <f t="array" ref="E8739">IFERROR(INDEX(Jesper!AI$2:AI$366,ROUNDDOWN($C8739/24,0)+1,1)*INDEX($D$3:$AA$30,INDEX(Jesper!$R$2:$R$366,ROW(INDEX(Jesper!AI$2:AI$366,ROUNDDOWN($C8739/24,0)+1,1))-1)+IF('Standard Profiles'!$G$19=$B$10,7,0)+IF('Standard Profiles'!$G$19=$B$17,14,0)+IF('Standard Profiles'!$G$19=$B$24,21,0),MOD($C8739,24)+1)/SUM(INDEX($D$3:$AA$30,INDEX(Jesper!$R$2:$R$366,ROW(INDEX(Jesper!AI$2:AI$366,ROUNDDOWN($C8739/24,0)+1,1))-1)+IF('Standard Profiles'!$G$19=$B$10,7,0)+IF('Standard Profiles'!$G$19=$B$17,14,0)+IF('Standard Profiles'!$G$19=$B$24,21,0),0)),0)</f>
        <v>8.2978971943268771</v>
      </c>
      <c r="F8739" cm="1">
        <f t="array" ref="F8739">IFERROR(INDEX(Jesper!AJ$2:AJ$366,ROUNDDOWN($C8739/24,0)+1,1)*INDEX($D$3:$AA$30,INDEX(Jesper!$R$2:$R$366,ROW(INDEX(Jesper!AJ$2:AJ$366,ROUNDDOWN($C8739/24,0)+1,1))-1)+IF('Standard Profiles'!$G$20=$B$10,7,0)+IF('Standard Profiles'!$G$20=$B$17,14,0)+IF('Standard Profiles'!$G$20=$B$24,21,0),MOD($C8739,24)+1)/SUM(INDEX($D$3:$AA$30,INDEX(Jesper!$R$2:$R$366,ROW(INDEX(Jesper!AJ$2:AJ$366,ROUNDDOWN($C8739/24,0)+1,1))-1)+IF('Standard Profiles'!$G$20=$B$10,7,0)+IF('Standard Profiles'!$G$20=$B$17,14,0)+IF('Standard Profiles'!$G$20=$B$24,21,0),0)),0)</f>
        <v>0</v>
      </c>
      <c r="G8739" cm="1">
        <f t="array" ref="G8739">IFERROR(INDEX(Jesper!AK$2:AK$366,ROUNDDOWN($C8739/24,0)+1,1)*INDEX($D$3:$AA$30,INDEX(Jesper!$R$2:$R$366,ROW(INDEX(Jesper!AK$2:AK$366,ROUNDDOWN($C8739/24,0)+1,1))-1)+IF('Standard Profiles'!$G$21=$B$10,7,0)+IF('Standard Profiles'!$G$21=$B$17,14,0)+IF('Standard Profiles'!$G$21=$B$24,21,0),MOD($C8739,24)+1)/SUM(INDEX($D$3:$AA$30,INDEX(Jesper!$R$2:$R$366,ROW(INDEX(Jesper!AK$2:AK$366,ROUNDDOWN($C8739/24,0)+1,1))-1)+IF('Standard Profiles'!$G$21=$B$10,7,0)+IF('Standard Profiles'!$G$21=$B$17,14,0)+IF('Standard Profiles'!$G$21=$B$24,21,0),0)),0)</f>
        <v>11.463414478889085</v>
      </c>
      <c r="H8739" cm="1">
        <f t="array" ref="H8739">IFERROR(INDEX(Jesper!AL$2:AL$366,ROUNDDOWN($C8739/24,0)+1,1)*INDEX($D$3:$AA$30,INDEX(Jesper!$R$2:$R$366,ROW(INDEX(Jesper!AL$2:AL$366,ROUNDDOWN($C8739/24,0)+1,1))-1)+IF('Standard Profiles'!$G$22=$B$10,7,0)+IF('Standard Profiles'!$G$22=$B$17,14,0)+IF('Standard Profiles'!$G$22=$B$24,21,0),MOD($C8739,24)+1)/SUM(INDEX($D$3:$AA$30,INDEX(Jesper!$R$2:$R$366,ROW(INDEX(Jesper!AL$2:AL$366,ROUNDDOWN($C8739/24,0)+1,1))-1)+IF('Standard Profiles'!$G$22=$B$10,7,0)+IF('Standard Profiles'!$G$22=$B$17,14,0)+IF('Standard Profiles'!$G$22=$B$24,21,0),0)),0)</f>
        <v>0</v>
      </c>
      <c r="I8739">
        <f t="shared" ref="I8739:I8793" si="972">IF($B8739&lt;6,AC$37*$D8739+AC$38*$E8739+AC$39*$F8739+AC$40*$G8739,AC$46*$D8739+AC$47*$E8739+AC$48*$F8739+AC$49*$G8739+AC$50*$H8739)</f>
        <v>5.5024389498667583</v>
      </c>
      <c r="J8739">
        <f t="shared" ref="J8739:J8793" si="973">IF($B8739&lt;6,AD$37*$D8739+AD$38*$E8739+AD$39*$F8739+AD$40*$G8739,AD$46*$D8739+AD$47*$E8739+AD$48*$F8739+AD$49*$G8739+AD$50*$H8739)</f>
        <v>21.814964328114478</v>
      </c>
      <c r="K8739">
        <f t="shared" ref="K8739:K8793" si="974">IF($B8739&lt;6,AE$37*$D8739+AE$38*$E8739+AE$39*$F8739+AE$40*$G8739,AE$46*$D8739+AE$47*$E8739+AE$48*$F8739+AE$49*$G8739+AE$50*$H8739)</f>
        <v>0.95950369584320927</v>
      </c>
      <c r="L8739">
        <f t="shared" ref="L8739:L8793" si="975">IF($B8739&lt;6,AF$37*$D8739+AF$38*$E8739+AF$39*$F8739+AF$40*$G8739,AF$46*$D8739+AF$47*$E8739+AF$48*$F8739+AF$49*$G8739+AF$50*$H8739)</f>
        <v>0.47975184792160463</v>
      </c>
      <c r="M8739">
        <f t="shared" ref="M8739:M8793" si="976">IF($B8739&lt;6,AG$37*$D8739+AG$38*$E8739+AG$39*$F8739+AG$40*$G8739,AG$46*$D8739+AG$47*$E8739+AG$48*$F8739+AG$49*$G8739+AG$50*$H8739)</f>
        <v>0</v>
      </c>
      <c r="N8739" s="45">
        <f t="shared" si="970"/>
        <v>45289.708333312221</v>
      </c>
    </row>
    <row r="8740" spans="2:14" x14ac:dyDescent="0.25">
      <c r="B8740">
        <f t="shared" si="971"/>
        <v>5</v>
      </c>
      <c r="C8740" s="16">
        <v>8706</v>
      </c>
      <c r="D8740" cm="1">
        <f t="array" ref="D8740">IFERROR(INDEX(Jesper!AH$2:AH$366,ROUNDDOWN($C8740/24,0)+1,1)*INDEX($D$3:$AA$30,INDEX(Jesper!$R$2:$R$366,ROW(INDEX(Jesper!AH$2:AH$366,ROUNDDOWN($C8740/24,0)+1,1))-1)+IF('Standard Profiles'!$G$18=$B$10,7,0)+IF('Standard Profiles'!$G$18=$B$17,14,0)+IF('Standard Profiles'!$G$18=$B$24,21,0),MOD($C8740,24)+1)/SUM(INDEX($D$3:$AA$30,INDEX(Jesper!$R$2:$R$366,ROW(INDEX(Jesper!AH$2:AH$366,ROUNDDOWN($C8740/24,0)+1,1))-1)+IF('Standard Profiles'!$G$18=$B$10,7,0)+IF('Standard Profiles'!$G$18=$B$17,14,0)+IF('Standard Profiles'!$G$18=$B$24,21,0),0)),0)</f>
        <v>5.7243118217918729</v>
      </c>
      <c r="E8740" cm="1">
        <f t="array" ref="E8740">IFERROR(INDEX(Jesper!AI$2:AI$366,ROUNDDOWN($C8740/24,0)+1,1)*INDEX($D$3:$AA$30,INDEX(Jesper!$R$2:$R$366,ROW(INDEX(Jesper!AI$2:AI$366,ROUNDDOWN($C8740/24,0)+1,1))-1)+IF('Standard Profiles'!$G$19=$B$10,7,0)+IF('Standard Profiles'!$G$19=$B$17,14,0)+IF('Standard Profiles'!$G$19=$B$24,21,0),MOD($C8740,24)+1)/SUM(INDEX($D$3:$AA$30,INDEX(Jesper!$R$2:$R$366,ROW(INDEX(Jesper!AI$2:AI$366,ROUNDDOWN($C8740/24,0)+1,1))-1)+IF('Standard Profiles'!$G$19=$B$10,7,0)+IF('Standard Profiles'!$G$19=$B$17,14,0)+IF('Standard Profiles'!$G$19=$B$24,21,0),0)),0)</f>
        <v>5.2804800327534673</v>
      </c>
      <c r="F8740" cm="1">
        <f t="array" ref="F8740">IFERROR(INDEX(Jesper!AJ$2:AJ$366,ROUNDDOWN($C8740/24,0)+1,1)*INDEX($D$3:$AA$30,INDEX(Jesper!$R$2:$R$366,ROW(INDEX(Jesper!AJ$2:AJ$366,ROUNDDOWN($C8740/24,0)+1,1))-1)+IF('Standard Profiles'!$G$20=$B$10,7,0)+IF('Standard Profiles'!$G$20=$B$17,14,0)+IF('Standard Profiles'!$G$20=$B$24,21,0),MOD($C8740,24)+1)/SUM(INDEX($D$3:$AA$30,INDEX(Jesper!$R$2:$R$366,ROW(INDEX(Jesper!AJ$2:AJ$366,ROUNDDOWN($C8740/24,0)+1,1))-1)+IF('Standard Profiles'!$G$20=$B$10,7,0)+IF('Standard Profiles'!$G$20=$B$17,14,0)+IF('Standard Profiles'!$G$20=$B$24,21,0),0)),0)</f>
        <v>0</v>
      </c>
      <c r="G8740" cm="1">
        <f t="array" ref="G8740">IFERROR(INDEX(Jesper!AK$2:AK$366,ROUNDDOWN($C8740/24,0)+1,1)*INDEX($D$3:$AA$30,INDEX(Jesper!$R$2:$R$366,ROW(INDEX(Jesper!AK$2:AK$366,ROUNDDOWN($C8740/24,0)+1,1))-1)+IF('Standard Profiles'!$G$21=$B$10,7,0)+IF('Standard Profiles'!$G$21=$B$17,14,0)+IF('Standard Profiles'!$G$21=$B$24,21,0),MOD($C8740,24)+1)/SUM(INDEX($D$3:$AA$30,INDEX(Jesper!$R$2:$R$366,ROW(INDEX(Jesper!AK$2:AK$366,ROUNDDOWN($C8740/24,0)+1,1))-1)+IF('Standard Profiles'!$G$21=$B$10,7,0)+IF('Standard Profiles'!$G$21=$B$17,14,0)+IF('Standard Profiles'!$G$21=$B$24,21,0),0)),0)</f>
        <v>4.2305458195900201</v>
      </c>
      <c r="H8740" cm="1">
        <f t="array" ref="H8740">IFERROR(INDEX(Jesper!AL$2:AL$366,ROUNDDOWN($C8740/24,0)+1,1)*INDEX($D$3:$AA$30,INDEX(Jesper!$R$2:$R$366,ROW(INDEX(Jesper!AL$2:AL$366,ROUNDDOWN($C8740/24,0)+1,1))-1)+IF('Standard Profiles'!$G$22=$B$10,7,0)+IF('Standard Profiles'!$G$22=$B$17,14,0)+IF('Standard Profiles'!$G$22=$B$24,21,0),MOD($C8740,24)+1)/SUM(INDEX($D$3:$AA$30,INDEX(Jesper!$R$2:$R$366,ROW(INDEX(Jesper!AL$2:AL$366,ROUNDDOWN($C8740/24,0)+1,1))-1)+IF('Standard Profiles'!$G$22=$B$10,7,0)+IF('Standard Profiles'!$G$22=$B$17,14,0)+IF('Standard Profiles'!$G$22=$B$24,21,0),0)),0)</f>
        <v>0</v>
      </c>
      <c r="I8740">
        <f t="shared" si="972"/>
        <v>2.0306619934032084</v>
      </c>
      <c r="J8740">
        <f t="shared" si="973"/>
        <v>12.288785789245452</v>
      </c>
      <c r="K8740">
        <f t="shared" si="974"/>
        <v>0.6105932609911332</v>
      </c>
      <c r="L8740">
        <f t="shared" si="975"/>
        <v>0.3052966304955666</v>
      </c>
      <c r="M8740">
        <f t="shared" si="976"/>
        <v>0</v>
      </c>
      <c r="N8740" s="45">
        <f t="shared" ref="N8740:N8793" si="977">N8739+1/24</f>
        <v>45289.749999978885</v>
      </c>
    </row>
    <row r="8741" spans="2:14" x14ac:dyDescent="0.25">
      <c r="B8741">
        <f t="shared" si="971"/>
        <v>5</v>
      </c>
      <c r="C8741" s="16">
        <v>8707</v>
      </c>
      <c r="D8741" cm="1">
        <f t="array" ref="D8741">IFERROR(INDEX(Jesper!AH$2:AH$366,ROUNDDOWN($C8741/24,0)+1,1)*INDEX($D$3:$AA$30,INDEX(Jesper!$R$2:$R$366,ROW(INDEX(Jesper!AH$2:AH$366,ROUNDDOWN($C8741/24,0)+1,1))-1)+IF('Standard Profiles'!$G$18=$B$10,7,0)+IF('Standard Profiles'!$G$18=$B$17,14,0)+IF('Standard Profiles'!$G$18=$B$24,21,0),MOD($C8741,24)+1)/SUM(INDEX($D$3:$AA$30,INDEX(Jesper!$R$2:$R$366,ROW(INDEX(Jesper!AH$2:AH$366,ROUNDDOWN($C8741/24,0)+1,1))-1)+IF('Standard Profiles'!$G$18=$B$10,7,0)+IF('Standard Profiles'!$G$18=$B$17,14,0)+IF('Standard Profiles'!$G$18=$B$24,21,0),0)),0)</f>
        <v>5.451725544563689</v>
      </c>
      <c r="E8741" cm="1">
        <f t="array" ref="E8741">IFERROR(INDEX(Jesper!AI$2:AI$366,ROUNDDOWN($C8741/24,0)+1,1)*INDEX($D$3:$AA$30,INDEX(Jesper!$R$2:$R$366,ROW(INDEX(Jesper!AI$2:AI$366,ROUNDDOWN($C8741/24,0)+1,1))-1)+IF('Standard Profiles'!$G$19=$B$10,7,0)+IF('Standard Profiles'!$G$19=$B$17,14,0)+IF('Standard Profiles'!$G$19=$B$24,21,0),MOD($C8741,24)+1)/SUM(INDEX($D$3:$AA$30,INDEX(Jesper!$R$2:$R$366,ROW(INDEX(Jesper!AI$2:AI$366,ROUNDDOWN($C8741/24,0)+1,1))-1)+IF('Standard Profiles'!$G$19=$B$10,7,0)+IF('Standard Profiles'!$G$19=$B$17,14,0)+IF('Standard Profiles'!$G$19=$B$24,21,0),0)),0)</f>
        <v>5.0290286026223505</v>
      </c>
      <c r="F8741" cm="1">
        <f t="array" ref="F8741">IFERROR(INDEX(Jesper!AJ$2:AJ$366,ROUNDDOWN($C8741/24,0)+1,1)*INDEX($D$3:$AA$30,INDEX(Jesper!$R$2:$R$366,ROW(INDEX(Jesper!AJ$2:AJ$366,ROUNDDOWN($C8741/24,0)+1,1))-1)+IF('Standard Profiles'!$G$20=$B$10,7,0)+IF('Standard Profiles'!$G$20=$B$17,14,0)+IF('Standard Profiles'!$G$20=$B$24,21,0),MOD($C8741,24)+1)/SUM(INDEX($D$3:$AA$30,INDEX(Jesper!$R$2:$R$366,ROW(INDEX(Jesper!AJ$2:AJ$366,ROUNDDOWN($C8741/24,0)+1,1))-1)+IF('Standard Profiles'!$G$20=$B$10,7,0)+IF('Standard Profiles'!$G$20=$B$17,14,0)+IF('Standard Profiles'!$G$20=$B$24,21,0),0)),0)</f>
        <v>0</v>
      </c>
      <c r="G8741" cm="1">
        <f t="array" ref="G8741">IFERROR(INDEX(Jesper!AK$2:AK$366,ROUNDDOWN($C8741/24,0)+1,1)*INDEX($D$3:$AA$30,INDEX(Jesper!$R$2:$R$366,ROW(INDEX(Jesper!AK$2:AK$366,ROUNDDOWN($C8741/24,0)+1,1))-1)+IF('Standard Profiles'!$G$21=$B$10,7,0)+IF('Standard Profiles'!$G$21=$B$17,14,0)+IF('Standard Profiles'!$G$21=$B$24,21,0),MOD($C8741,24)+1)/SUM(INDEX($D$3:$AA$30,INDEX(Jesper!$R$2:$R$366,ROW(INDEX(Jesper!AK$2:AK$366,ROUNDDOWN($C8741/24,0)+1,1))-1)+IF('Standard Profiles'!$G$21=$B$10,7,0)+IF('Standard Profiles'!$G$21=$B$17,14,0)+IF('Standard Profiles'!$G$21=$B$24,21,0),0)),0)</f>
        <v>4.2305458195900201</v>
      </c>
      <c r="H8741" cm="1">
        <f t="array" ref="H8741">IFERROR(INDEX(Jesper!AL$2:AL$366,ROUNDDOWN($C8741/24,0)+1,1)*INDEX($D$3:$AA$30,INDEX(Jesper!$R$2:$R$366,ROW(INDEX(Jesper!AL$2:AL$366,ROUNDDOWN($C8741/24,0)+1,1))-1)+IF('Standard Profiles'!$G$22=$B$10,7,0)+IF('Standard Profiles'!$G$22=$B$17,14,0)+IF('Standard Profiles'!$G$22=$B$24,21,0),MOD($C8741,24)+1)/SUM(INDEX($D$3:$AA$30,INDEX(Jesper!$R$2:$R$366,ROW(INDEX(Jesper!AL$2:AL$366,ROUNDDOWN($C8741/24,0)+1,1))-1)+IF('Standard Profiles'!$G$22=$B$10,7,0)+IF('Standard Profiles'!$G$22=$B$17,14,0)+IF('Standard Profiles'!$G$22=$B$24,21,0),0)),0)</f>
        <v>0</v>
      </c>
      <c r="I8741">
        <f t="shared" si="972"/>
        <v>2.0306619934032084</v>
      </c>
      <c r="J8741">
        <f t="shared" si="973"/>
        <v>11.808361886242659</v>
      </c>
      <c r="K8741">
        <f t="shared" si="974"/>
        <v>0.58151739142012682</v>
      </c>
      <c r="L8741">
        <f t="shared" si="975"/>
        <v>0.29075869571006341</v>
      </c>
      <c r="M8741">
        <f t="shared" si="976"/>
        <v>0</v>
      </c>
      <c r="N8741" s="45">
        <f t="shared" si="977"/>
        <v>45289.791666645549</v>
      </c>
    </row>
    <row r="8742" spans="2:14" x14ac:dyDescent="0.25">
      <c r="B8742">
        <f t="shared" si="971"/>
        <v>5</v>
      </c>
      <c r="C8742" s="16">
        <v>8708</v>
      </c>
      <c r="D8742" cm="1">
        <f t="array" ref="D8742">IFERROR(INDEX(Jesper!AH$2:AH$366,ROUNDDOWN($C8742/24,0)+1,1)*INDEX($D$3:$AA$30,INDEX(Jesper!$R$2:$R$366,ROW(INDEX(Jesper!AH$2:AH$366,ROUNDDOWN($C8742/24,0)+1,1))-1)+IF('Standard Profiles'!$G$18=$B$10,7,0)+IF('Standard Profiles'!$G$18=$B$17,14,0)+IF('Standard Profiles'!$G$18=$B$24,21,0),MOD($C8742,24)+1)/SUM(INDEX($D$3:$AA$30,INDEX(Jesper!$R$2:$R$366,ROW(INDEX(Jesper!AH$2:AH$366,ROUNDDOWN($C8742/24,0)+1,1))-1)+IF('Standard Profiles'!$G$18=$B$10,7,0)+IF('Standard Profiles'!$G$18=$B$17,14,0)+IF('Standard Profiles'!$G$18=$B$24,21,0),0)),0)</f>
        <v>5.451725544563689</v>
      </c>
      <c r="E8742" cm="1">
        <f t="array" ref="E8742">IFERROR(INDEX(Jesper!AI$2:AI$366,ROUNDDOWN($C8742/24,0)+1,1)*INDEX($D$3:$AA$30,INDEX(Jesper!$R$2:$R$366,ROW(INDEX(Jesper!AI$2:AI$366,ROUNDDOWN($C8742/24,0)+1,1))-1)+IF('Standard Profiles'!$G$19=$B$10,7,0)+IF('Standard Profiles'!$G$19=$B$17,14,0)+IF('Standard Profiles'!$G$19=$B$24,21,0),MOD($C8742,24)+1)/SUM(INDEX($D$3:$AA$30,INDEX(Jesper!$R$2:$R$366,ROW(INDEX(Jesper!AI$2:AI$366,ROUNDDOWN($C8742/24,0)+1,1))-1)+IF('Standard Profiles'!$G$19=$B$10,7,0)+IF('Standard Profiles'!$G$19=$B$17,14,0)+IF('Standard Profiles'!$G$19=$B$24,21,0),0)),0)</f>
        <v>5.0290286026223505</v>
      </c>
      <c r="F8742" cm="1">
        <f t="array" ref="F8742">IFERROR(INDEX(Jesper!AJ$2:AJ$366,ROUNDDOWN($C8742/24,0)+1,1)*INDEX($D$3:$AA$30,INDEX(Jesper!$R$2:$R$366,ROW(INDEX(Jesper!AJ$2:AJ$366,ROUNDDOWN($C8742/24,0)+1,1))-1)+IF('Standard Profiles'!$G$20=$B$10,7,0)+IF('Standard Profiles'!$G$20=$B$17,14,0)+IF('Standard Profiles'!$G$20=$B$24,21,0),MOD($C8742,24)+1)/SUM(INDEX($D$3:$AA$30,INDEX(Jesper!$R$2:$R$366,ROW(INDEX(Jesper!AJ$2:AJ$366,ROUNDDOWN($C8742/24,0)+1,1))-1)+IF('Standard Profiles'!$G$20=$B$10,7,0)+IF('Standard Profiles'!$G$20=$B$17,14,0)+IF('Standard Profiles'!$G$20=$B$24,21,0),0)),0)</f>
        <v>0</v>
      </c>
      <c r="G8742" cm="1">
        <f t="array" ref="G8742">IFERROR(INDEX(Jesper!AK$2:AK$366,ROUNDDOWN($C8742/24,0)+1,1)*INDEX($D$3:$AA$30,INDEX(Jesper!$R$2:$R$366,ROW(INDEX(Jesper!AK$2:AK$366,ROUNDDOWN($C8742/24,0)+1,1))-1)+IF('Standard Profiles'!$G$21=$B$10,7,0)+IF('Standard Profiles'!$G$21=$B$17,14,0)+IF('Standard Profiles'!$G$21=$B$24,21,0),MOD($C8742,24)+1)/SUM(INDEX($D$3:$AA$30,INDEX(Jesper!$R$2:$R$366,ROW(INDEX(Jesper!AK$2:AK$366,ROUNDDOWN($C8742/24,0)+1,1))-1)+IF('Standard Profiles'!$G$21=$B$10,7,0)+IF('Standard Profiles'!$G$21=$B$17,14,0)+IF('Standard Profiles'!$G$21=$B$24,21,0),0)),0)</f>
        <v>4.2305458195900201</v>
      </c>
      <c r="H8742" cm="1">
        <f t="array" ref="H8742">IFERROR(INDEX(Jesper!AL$2:AL$366,ROUNDDOWN($C8742/24,0)+1,1)*INDEX($D$3:$AA$30,INDEX(Jesper!$R$2:$R$366,ROW(INDEX(Jesper!AL$2:AL$366,ROUNDDOWN($C8742/24,0)+1,1))-1)+IF('Standard Profiles'!$G$22=$B$10,7,0)+IF('Standard Profiles'!$G$22=$B$17,14,0)+IF('Standard Profiles'!$G$22=$B$24,21,0),MOD($C8742,24)+1)/SUM(INDEX($D$3:$AA$30,INDEX(Jesper!$R$2:$R$366,ROW(INDEX(Jesper!AL$2:AL$366,ROUNDDOWN($C8742/24,0)+1,1))-1)+IF('Standard Profiles'!$G$22=$B$10,7,0)+IF('Standard Profiles'!$G$22=$B$17,14,0)+IF('Standard Profiles'!$G$22=$B$24,21,0),0)),0)</f>
        <v>0</v>
      </c>
      <c r="I8742">
        <f t="shared" si="972"/>
        <v>2.0306619934032084</v>
      </c>
      <c r="J8742">
        <f t="shared" si="973"/>
        <v>11.808361886242659</v>
      </c>
      <c r="K8742">
        <f t="shared" si="974"/>
        <v>0.58151739142012682</v>
      </c>
      <c r="L8742">
        <f t="shared" si="975"/>
        <v>0.29075869571006341</v>
      </c>
      <c r="M8742">
        <f t="shared" si="976"/>
        <v>0</v>
      </c>
      <c r="N8742" s="45">
        <f t="shared" si="977"/>
        <v>45289.833333312214</v>
      </c>
    </row>
    <row r="8743" spans="2:14" x14ac:dyDescent="0.25">
      <c r="B8743">
        <f t="shared" si="971"/>
        <v>5</v>
      </c>
      <c r="C8743" s="16">
        <v>8709</v>
      </c>
      <c r="D8743" cm="1">
        <f t="array" ref="D8743">IFERROR(INDEX(Jesper!AH$2:AH$366,ROUNDDOWN($C8743/24,0)+1,1)*INDEX($D$3:$AA$30,INDEX(Jesper!$R$2:$R$366,ROW(INDEX(Jesper!AH$2:AH$366,ROUNDDOWN($C8743/24,0)+1,1))-1)+IF('Standard Profiles'!$G$18=$B$10,7,0)+IF('Standard Profiles'!$G$18=$B$17,14,0)+IF('Standard Profiles'!$G$18=$B$24,21,0),MOD($C8743,24)+1)/SUM(INDEX($D$3:$AA$30,INDEX(Jesper!$R$2:$R$366,ROW(INDEX(Jesper!AH$2:AH$366,ROUNDDOWN($C8743/24,0)+1,1))-1)+IF('Standard Profiles'!$G$18=$B$10,7,0)+IF('Standard Profiles'!$G$18=$B$17,14,0)+IF('Standard Profiles'!$G$18=$B$24,21,0),0)),0)</f>
        <v>5.451725544563689</v>
      </c>
      <c r="E8743" cm="1">
        <f t="array" ref="E8743">IFERROR(INDEX(Jesper!AI$2:AI$366,ROUNDDOWN($C8743/24,0)+1,1)*INDEX($D$3:$AA$30,INDEX(Jesper!$R$2:$R$366,ROW(INDEX(Jesper!AI$2:AI$366,ROUNDDOWN($C8743/24,0)+1,1))-1)+IF('Standard Profiles'!$G$19=$B$10,7,0)+IF('Standard Profiles'!$G$19=$B$17,14,0)+IF('Standard Profiles'!$G$19=$B$24,21,0),MOD($C8743,24)+1)/SUM(INDEX($D$3:$AA$30,INDEX(Jesper!$R$2:$R$366,ROW(INDEX(Jesper!AI$2:AI$366,ROUNDDOWN($C8743/24,0)+1,1))-1)+IF('Standard Profiles'!$G$19=$B$10,7,0)+IF('Standard Profiles'!$G$19=$B$17,14,0)+IF('Standard Profiles'!$G$19=$B$24,21,0),0)),0)</f>
        <v>5.0290286026223505</v>
      </c>
      <c r="F8743" cm="1">
        <f t="array" ref="F8743">IFERROR(INDEX(Jesper!AJ$2:AJ$366,ROUNDDOWN($C8743/24,0)+1,1)*INDEX($D$3:$AA$30,INDEX(Jesper!$R$2:$R$366,ROW(INDEX(Jesper!AJ$2:AJ$366,ROUNDDOWN($C8743/24,0)+1,1))-1)+IF('Standard Profiles'!$G$20=$B$10,7,0)+IF('Standard Profiles'!$G$20=$B$17,14,0)+IF('Standard Profiles'!$G$20=$B$24,21,0),MOD($C8743,24)+1)/SUM(INDEX($D$3:$AA$30,INDEX(Jesper!$R$2:$R$366,ROW(INDEX(Jesper!AJ$2:AJ$366,ROUNDDOWN($C8743/24,0)+1,1))-1)+IF('Standard Profiles'!$G$20=$B$10,7,0)+IF('Standard Profiles'!$G$20=$B$17,14,0)+IF('Standard Profiles'!$G$20=$B$24,21,0),0)),0)</f>
        <v>0</v>
      </c>
      <c r="G8743" cm="1">
        <f t="array" ref="G8743">IFERROR(INDEX(Jesper!AK$2:AK$366,ROUNDDOWN($C8743/24,0)+1,1)*INDEX($D$3:$AA$30,INDEX(Jesper!$R$2:$R$366,ROW(INDEX(Jesper!AK$2:AK$366,ROUNDDOWN($C8743/24,0)+1,1))-1)+IF('Standard Profiles'!$G$21=$B$10,7,0)+IF('Standard Profiles'!$G$21=$B$17,14,0)+IF('Standard Profiles'!$G$21=$B$24,21,0),MOD($C8743,24)+1)/SUM(INDEX($D$3:$AA$30,INDEX(Jesper!$R$2:$R$366,ROW(INDEX(Jesper!AK$2:AK$366,ROUNDDOWN($C8743/24,0)+1,1))-1)+IF('Standard Profiles'!$G$21=$B$10,7,0)+IF('Standard Profiles'!$G$21=$B$17,14,0)+IF('Standard Profiles'!$G$21=$B$24,21,0),0)),0)</f>
        <v>4.2305458195900201</v>
      </c>
      <c r="H8743" cm="1">
        <f t="array" ref="H8743">IFERROR(INDEX(Jesper!AL$2:AL$366,ROUNDDOWN($C8743/24,0)+1,1)*INDEX($D$3:$AA$30,INDEX(Jesper!$R$2:$R$366,ROW(INDEX(Jesper!AL$2:AL$366,ROUNDDOWN($C8743/24,0)+1,1))-1)+IF('Standard Profiles'!$G$22=$B$10,7,0)+IF('Standard Profiles'!$G$22=$B$17,14,0)+IF('Standard Profiles'!$G$22=$B$24,21,0),MOD($C8743,24)+1)/SUM(INDEX($D$3:$AA$30,INDEX(Jesper!$R$2:$R$366,ROW(INDEX(Jesper!AL$2:AL$366,ROUNDDOWN($C8743/24,0)+1,1))-1)+IF('Standard Profiles'!$G$22=$B$10,7,0)+IF('Standard Profiles'!$G$22=$B$17,14,0)+IF('Standard Profiles'!$G$22=$B$24,21,0),0)),0)</f>
        <v>0</v>
      </c>
      <c r="I8743">
        <f t="shared" si="972"/>
        <v>2.0306619934032084</v>
      </c>
      <c r="J8743">
        <f t="shared" si="973"/>
        <v>11.808361886242659</v>
      </c>
      <c r="K8743">
        <f t="shared" si="974"/>
        <v>0.58151739142012682</v>
      </c>
      <c r="L8743">
        <f t="shared" si="975"/>
        <v>0.29075869571006341</v>
      </c>
      <c r="M8743">
        <f t="shared" si="976"/>
        <v>0</v>
      </c>
      <c r="N8743" s="45">
        <f t="shared" si="977"/>
        <v>45289.874999978878</v>
      </c>
    </row>
    <row r="8744" spans="2:14" x14ac:dyDescent="0.25">
      <c r="B8744">
        <f t="shared" si="971"/>
        <v>5</v>
      </c>
      <c r="C8744" s="16">
        <v>8710</v>
      </c>
      <c r="D8744" cm="1">
        <f t="array" ref="D8744">IFERROR(INDEX(Jesper!AH$2:AH$366,ROUNDDOWN($C8744/24,0)+1,1)*INDEX($D$3:$AA$30,INDEX(Jesper!$R$2:$R$366,ROW(INDEX(Jesper!AH$2:AH$366,ROUNDDOWN($C8744/24,0)+1,1))-1)+IF('Standard Profiles'!$G$18=$B$10,7,0)+IF('Standard Profiles'!$G$18=$B$17,14,0)+IF('Standard Profiles'!$G$18=$B$24,21,0),MOD($C8744,24)+1)/SUM(INDEX($D$3:$AA$30,INDEX(Jesper!$R$2:$R$366,ROW(INDEX(Jesper!AH$2:AH$366,ROUNDDOWN($C8744/24,0)+1,1))-1)+IF('Standard Profiles'!$G$18=$B$10,7,0)+IF('Standard Profiles'!$G$18=$B$17,14,0)+IF('Standard Profiles'!$G$18=$B$24,21,0),0)),0)</f>
        <v>5.451725544563689</v>
      </c>
      <c r="E8744" cm="1">
        <f t="array" ref="E8744">IFERROR(INDEX(Jesper!AI$2:AI$366,ROUNDDOWN($C8744/24,0)+1,1)*INDEX($D$3:$AA$30,INDEX(Jesper!$R$2:$R$366,ROW(INDEX(Jesper!AI$2:AI$366,ROUNDDOWN($C8744/24,0)+1,1))-1)+IF('Standard Profiles'!$G$19=$B$10,7,0)+IF('Standard Profiles'!$G$19=$B$17,14,0)+IF('Standard Profiles'!$G$19=$B$24,21,0),MOD($C8744,24)+1)/SUM(INDEX($D$3:$AA$30,INDEX(Jesper!$R$2:$R$366,ROW(INDEX(Jesper!AI$2:AI$366,ROUNDDOWN($C8744/24,0)+1,1))-1)+IF('Standard Profiles'!$G$19=$B$10,7,0)+IF('Standard Profiles'!$G$19=$B$17,14,0)+IF('Standard Profiles'!$G$19=$B$24,21,0),0)),0)</f>
        <v>5.0290286026223505</v>
      </c>
      <c r="F8744" cm="1">
        <f t="array" ref="F8744">IFERROR(INDEX(Jesper!AJ$2:AJ$366,ROUNDDOWN($C8744/24,0)+1,1)*INDEX($D$3:$AA$30,INDEX(Jesper!$R$2:$R$366,ROW(INDEX(Jesper!AJ$2:AJ$366,ROUNDDOWN($C8744/24,0)+1,1))-1)+IF('Standard Profiles'!$G$20=$B$10,7,0)+IF('Standard Profiles'!$G$20=$B$17,14,0)+IF('Standard Profiles'!$G$20=$B$24,21,0),MOD($C8744,24)+1)/SUM(INDEX($D$3:$AA$30,INDEX(Jesper!$R$2:$R$366,ROW(INDEX(Jesper!AJ$2:AJ$366,ROUNDDOWN($C8744/24,0)+1,1))-1)+IF('Standard Profiles'!$G$20=$B$10,7,0)+IF('Standard Profiles'!$G$20=$B$17,14,0)+IF('Standard Profiles'!$G$20=$B$24,21,0),0)),0)</f>
        <v>0</v>
      </c>
      <c r="G8744" cm="1">
        <f t="array" ref="G8744">IFERROR(INDEX(Jesper!AK$2:AK$366,ROUNDDOWN($C8744/24,0)+1,1)*INDEX($D$3:$AA$30,INDEX(Jesper!$R$2:$R$366,ROW(INDEX(Jesper!AK$2:AK$366,ROUNDDOWN($C8744/24,0)+1,1))-1)+IF('Standard Profiles'!$G$21=$B$10,7,0)+IF('Standard Profiles'!$G$21=$B$17,14,0)+IF('Standard Profiles'!$G$21=$B$24,21,0),MOD($C8744,24)+1)/SUM(INDEX($D$3:$AA$30,INDEX(Jesper!$R$2:$R$366,ROW(INDEX(Jesper!AK$2:AK$366,ROUNDDOWN($C8744/24,0)+1,1))-1)+IF('Standard Profiles'!$G$21=$B$10,7,0)+IF('Standard Profiles'!$G$21=$B$17,14,0)+IF('Standard Profiles'!$G$21=$B$24,21,0),0)),0)</f>
        <v>4.2305458195900201</v>
      </c>
      <c r="H8744" cm="1">
        <f t="array" ref="H8744">IFERROR(INDEX(Jesper!AL$2:AL$366,ROUNDDOWN($C8744/24,0)+1,1)*INDEX($D$3:$AA$30,INDEX(Jesper!$R$2:$R$366,ROW(INDEX(Jesper!AL$2:AL$366,ROUNDDOWN($C8744/24,0)+1,1))-1)+IF('Standard Profiles'!$G$22=$B$10,7,0)+IF('Standard Profiles'!$G$22=$B$17,14,0)+IF('Standard Profiles'!$G$22=$B$24,21,0),MOD($C8744,24)+1)/SUM(INDEX($D$3:$AA$30,INDEX(Jesper!$R$2:$R$366,ROW(INDEX(Jesper!AL$2:AL$366,ROUNDDOWN($C8744/24,0)+1,1))-1)+IF('Standard Profiles'!$G$22=$B$10,7,0)+IF('Standard Profiles'!$G$22=$B$17,14,0)+IF('Standard Profiles'!$G$22=$B$24,21,0),0)),0)</f>
        <v>0</v>
      </c>
      <c r="I8744">
        <f t="shared" si="972"/>
        <v>2.0306619934032084</v>
      </c>
      <c r="J8744">
        <f t="shared" si="973"/>
        <v>11.808361886242659</v>
      </c>
      <c r="K8744">
        <f t="shared" si="974"/>
        <v>0.58151739142012682</v>
      </c>
      <c r="L8744">
        <f t="shared" si="975"/>
        <v>0.29075869571006341</v>
      </c>
      <c r="M8744">
        <f t="shared" si="976"/>
        <v>0</v>
      </c>
      <c r="N8744" s="45">
        <f t="shared" si="977"/>
        <v>45289.916666645542</v>
      </c>
    </row>
    <row r="8745" spans="2:14" x14ac:dyDescent="0.25">
      <c r="B8745">
        <f t="shared" si="971"/>
        <v>5</v>
      </c>
      <c r="C8745" s="16">
        <v>8711</v>
      </c>
      <c r="D8745" cm="1">
        <f t="array" ref="D8745">IFERROR(INDEX(Jesper!AH$2:AH$366,ROUNDDOWN($C8745/24,0)+1,1)*INDEX($D$3:$AA$30,INDEX(Jesper!$R$2:$R$366,ROW(INDEX(Jesper!AH$2:AH$366,ROUNDDOWN($C8745/24,0)+1,1))-1)+IF('Standard Profiles'!$G$18=$B$10,7,0)+IF('Standard Profiles'!$G$18=$B$17,14,0)+IF('Standard Profiles'!$G$18=$B$24,21,0),MOD($C8745,24)+1)/SUM(INDEX($D$3:$AA$30,INDEX(Jesper!$R$2:$R$366,ROW(INDEX(Jesper!AH$2:AH$366,ROUNDDOWN($C8745/24,0)+1,1))-1)+IF('Standard Profiles'!$G$18=$B$10,7,0)+IF('Standard Profiles'!$G$18=$B$17,14,0)+IF('Standard Profiles'!$G$18=$B$24,21,0),0)),0)</f>
        <v>5.451725544563689</v>
      </c>
      <c r="E8745" cm="1">
        <f t="array" ref="E8745">IFERROR(INDEX(Jesper!AI$2:AI$366,ROUNDDOWN($C8745/24,0)+1,1)*INDEX($D$3:$AA$30,INDEX(Jesper!$R$2:$R$366,ROW(INDEX(Jesper!AI$2:AI$366,ROUNDDOWN($C8745/24,0)+1,1))-1)+IF('Standard Profiles'!$G$19=$B$10,7,0)+IF('Standard Profiles'!$G$19=$B$17,14,0)+IF('Standard Profiles'!$G$19=$B$24,21,0),MOD($C8745,24)+1)/SUM(INDEX($D$3:$AA$30,INDEX(Jesper!$R$2:$R$366,ROW(INDEX(Jesper!AI$2:AI$366,ROUNDDOWN($C8745/24,0)+1,1))-1)+IF('Standard Profiles'!$G$19=$B$10,7,0)+IF('Standard Profiles'!$G$19=$B$17,14,0)+IF('Standard Profiles'!$G$19=$B$24,21,0),0)),0)</f>
        <v>5.0290286026223505</v>
      </c>
      <c r="F8745" cm="1">
        <f t="array" ref="F8745">IFERROR(INDEX(Jesper!AJ$2:AJ$366,ROUNDDOWN($C8745/24,0)+1,1)*INDEX($D$3:$AA$30,INDEX(Jesper!$R$2:$R$366,ROW(INDEX(Jesper!AJ$2:AJ$366,ROUNDDOWN($C8745/24,0)+1,1))-1)+IF('Standard Profiles'!$G$20=$B$10,7,0)+IF('Standard Profiles'!$G$20=$B$17,14,0)+IF('Standard Profiles'!$G$20=$B$24,21,0),MOD($C8745,24)+1)/SUM(INDEX($D$3:$AA$30,INDEX(Jesper!$R$2:$R$366,ROW(INDEX(Jesper!AJ$2:AJ$366,ROUNDDOWN($C8745/24,0)+1,1))-1)+IF('Standard Profiles'!$G$20=$B$10,7,0)+IF('Standard Profiles'!$G$20=$B$17,14,0)+IF('Standard Profiles'!$G$20=$B$24,21,0),0)),0)</f>
        <v>0</v>
      </c>
      <c r="G8745" cm="1">
        <f t="array" ref="G8745">IFERROR(INDEX(Jesper!AK$2:AK$366,ROUNDDOWN($C8745/24,0)+1,1)*INDEX($D$3:$AA$30,INDEX(Jesper!$R$2:$R$366,ROW(INDEX(Jesper!AK$2:AK$366,ROUNDDOWN($C8745/24,0)+1,1))-1)+IF('Standard Profiles'!$G$21=$B$10,7,0)+IF('Standard Profiles'!$G$21=$B$17,14,0)+IF('Standard Profiles'!$G$21=$B$24,21,0),MOD($C8745,24)+1)/SUM(INDEX($D$3:$AA$30,INDEX(Jesper!$R$2:$R$366,ROW(INDEX(Jesper!AK$2:AK$366,ROUNDDOWN($C8745/24,0)+1,1))-1)+IF('Standard Profiles'!$G$21=$B$10,7,0)+IF('Standard Profiles'!$G$21=$B$17,14,0)+IF('Standard Profiles'!$G$21=$B$24,21,0),0)),0)</f>
        <v>4.2305458195900201</v>
      </c>
      <c r="H8745" cm="1">
        <f t="array" ref="H8745">IFERROR(INDEX(Jesper!AL$2:AL$366,ROUNDDOWN($C8745/24,0)+1,1)*INDEX($D$3:$AA$30,INDEX(Jesper!$R$2:$R$366,ROW(INDEX(Jesper!AL$2:AL$366,ROUNDDOWN($C8745/24,0)+1,1))-1)+IF('Standard Profiles'!$G$22=$B$10,7,0)+IF('Standard Profiles'!$G$22=$B$17,14,0)+IF('Standard Profiles'!$G$22=$B$24,21,0),MOD($C8745,24)+1)/SUM(INDEX($D$3:$AA$30,INDEX(Jesper!$R$2:$R$366,ROW(INDEX(Jesper!AL$2:AL$366,ROUNDDOWN($C8745/24,0)+1,1))-1)+IF('Standard Profiles'!$G$22=$B$10,7,0)+IF('Standard Profiles'!$G$22=$B$17,14,0)+IF('Standard Profiles'!$G$22=$B$24,21,0),0)),0)</f>
        <v>0</v>
      </c>
      <c r="I8745">
        <f t="shared" si="972"/>
        <v>2.0306619934032084</v>
      </c>
      <c r="J8745">
        <f t="shared" si="973"/>
        <v>11.808361886242659</v>
      </c>
      <c r="K8745">
        <f t="shared" si="974"/>
        <v>0.58151739142012682</v>
      </c>
      <c r="L8745">
        <f t="shared" si="975"/>
        <v>0.29075869571006341</v>
      </c>
      <c r="M8745">
        <f t="shared" si="976"/>
        <v>0</v>
      </c>
      <c r="N8745" s="45">
        <f t="shared" si="977"/>
        <v>45289.958333312206</v>
      </c>
    </row>
    <row r="8746" spans="2:14" x14ac:dyDescent="0.25">
      <c r="B8746">
        <f t="shared" si="971"/>
        <v>6</v>
      </c>
      <c r="C8746" s="16">
        <v>8712</v>
      </c>
      <c r="D8746" cm="1">
        <f t="array" ref="D8746">IFERROR(INDEX(Jesper!AH$2:AH$366,ROUNDDOWN($C8746/24,0)+1,1)*INDEX($D$3:$AA$30,INDEX(Jesper!$R$2:$R$366,ROW(INDEX(Jesper!AH$2:AH$366,ROUNDDOWN($C8746/24,0)+1,1))-1)+IF('Standard Profiles'!$G$18=$B$10,7,0)+IF('Standard Profiles'!$G$18=$B$17,14,0)+IF('Standard Profiles'!$G$18=$B$24,21,0),MOD($C8746,24)+1)/SUM(INDEX($D$3:$AA$30,INDEX(Jesper!$R$2:$R$366,ROW(INDEX(Jesper!AH$2:AH$366,ROUNDDOWN($C8746/24,0)+1,1))-1)+IF('Standard Profiles'!$G$18=$B$10,7,0)+IF('Standard Profiles'!$G$18=$B$17,14,0)+IF('Standard Profiles'!$G$18=$B$24,21,0),0)),0)</f>
        <v>0</v>
      </c>
      <c r="E8746" cm="1">
        <f t="array" ref="E8746">IFERROR(INDEX(Jesper!AI$2:AI$366,ROUNDDOWN($C8746/24,0)+1,1)*INDEX($D$3:$AA$30,INDEX(Jesper!$R$2:$R$366,ROW(INDEX(Jesper!AI$2:AI$366,ROUNDDOWN($C8746/24,0)+1,1))-1)+IF('Standard Profiles'!$G$19=$B$10,7,0)+IF('Standard Profiles'!$G$19=$B$17,14,0)+IF('Standard Profiles'!$G$19=$B$24,21,0),MOD($C8746,24)+1)/SUM(INDEX($D$3:$AA$30,INDEX(Jesper!$R$2:$R$366,ROW(INDEX(Jesper!AI$2:AI$366,ROUNDDOWN($C8746/24,0)+1,1))-1)+IF('Standard Profiles'!$G$19=$B$10,7,0)+IF('Standard Profiles'!$G$19=$B$17,14,0)+IF('Standard Profiles'!$G$19=$B$24,21,0),0)),0)</f>
        <v>4.6186386091121339</v>
      </c>
      <c r="F8746" cm="1">
        <f t="array" ref="F8746">IFERROR(INDEX(Jesper!AJ$2:AJ$366,ROUNDDOWN($C8746/24,0)+1,1)*INDEX($D$3:$AA$30,INDEX(Jesper!$R$2:$R$366,ROW(INDEX(Jesper!AJ$2:AJ$366,ROUNDDOWN($C8746/24,0)+1,1))-1)+IF('Standard Profiles'!$G$20=$B$10,7,0)+IF('Standard Profiles'!$G$20=$B$17,14,0)+IF('Standard Profiles'!$G$20=$B$24,21,0),MOD($C8746,24)+1)/SUM(INDEX($D$3:$AA$30,INDEX(Jesper!$R$2:$R$366,ROW(INDEX(Jesper!AJ$2:AJ$366,ROUNDDOWN($C8746/24,0)+1,1))-1)+IF('Standard Profiles'!$G$20=$B$10,7,0)+IF('Standard Profiles'!$G$20=$B$17,14,0)+IF('Standard Profiles'!$G$20=$B$24,21,0),0)),0)</f>
        <v>3.5139183534027039</v>
      </c>
      <c r="G8746" cm="1">
        <f t="array" ref="G8746">IFERROR(INDEX(Jesper!AK$2:AK$366,ROUNDDOWN($C8746/24,0)+1,1)*INDEX($D$3:$AA$30,INDEX(Jesper!$R$2:$R$366,ROW(INDEX(Jesper!AK$2:AK$366,ROUNDDOWN($C8746/24,0)+1,1))-1)+IF('Standard Profiles'!$G$21=$B$10,7,0)+IF('Standard Profiles'!$G$21=$B$17,14,0)+IF('Standard Profiles'!$G$21=$B$24,21,0),MOD($C8746,24)+1)/SUM(INDEX($D$3:$AA$30,INDEX(Jesper!$R$2:$R$366,ROW(INDEX(Jesper!AK$2:AK$366,ROUNDDOWN($C8746/24,0)+1,1))-1)+IF('Standard Profiles'!$G$21=$B$10,7,0)+IF('Standard Profiles'!$G$21=$B$17,14,0)+IF('Standard Profiles'!$G$21=$B$24,21,0),0)),0)</f>
        <v>4.4486535196825585</v>
      </c>
      <c r="H8746" cm="1">
        <f t="array" ref="H8746">IFERROR(INDEX(Jesper!AL$2:AL$366,ROUNDDOWN($C8746/24,0)+1,1)*INDEX($D$3:$AA$30,INDEX(Jesper!$R$2:$R$366,ROW(INDEX(Jesper!AL$2:AL$366,ROUNDDOWN($C8746/24,0)+1,1))-1)+IF('Standard Profiles'!$G$22=$B$10,7,0)+IF('Standard Profiles'!$G$22=$B$17,14,0)+IF('Standard Profiles'!$G$22=$B$24,21,0),MOD($C8746,24)+1)/SUM(INDEX($D$3:$AA$30,INDEX(Jesper!$R$2:$R$366,ROW(INDEX(Jesper!AL$2:AL$366,ROUNDDOWN($C8746/24,0)+1,1))-1)+IF('Standard Profiles'!$G$22=$B$10,7,0)+IF('Standard Profiles'!$G$22=$B$17,14,0)+IF('Standard Profiles'!$G$22=$B$24,21,0),0)),0)</f>
        <v>1.1770101713207213</v>
      </c>
      <c r="I8746">
        <f t="shared" si="972"/>
        <v>1.1299297644678929</v>
      </c>
      <c r="J8746">
        <f t="shared" si="973"/>
        <v>12.074054255956767</v>
      </c>
      <c r="K8746">
        <f t="shared" si="974"/>
        <v>0.36949108872897074</v>
      </c>
      <c r="L8746">
        <f t="shared" si="975"/>
        <v>0.18474554436448537</v>
      </c>
      <c r="M8746">
        <f t="shared" si="976"/>
        <v>0</v>
      </c>
      <c r="N8746" s="45">
        <f t="shared" si="977"/>
        <v>45289.999999978871</v>
      </c>
    </row>
    <row r="8747" spans="2:14" x14ac:dyDescent="0.25">
      <c r="B8747">
        <f t="shared" si="971"/>
        <v>6</v>
      </c>
      <c r="C8747" s="16">
        <v>8713</v>
      </c>
      <c r="D8747" cm="1">
        <f t="array" ref="D8747">IFERROR(INDEX(Jesper!AH$2:AH$366,ROUNDDOWN($C8747/24,0)+1,1)*INDEX($D$3:$AA$30,INDEX(Jesper!$R$2:$R$366,ROW(INDEX(Jesper!AH$2:AH$366,ROUNDDOWN($C8747/24,0)+1,1))-1)+IF('Standard Profiles'!$G$18=$B$10,7,0)+IF('Standard Profiles'!$G$18=$B$17,14,0)+IF('Standard Profiles'!$G$18=$B$24,21,0),MOD($C8747,24)+1)/SUM(INDEX($D$3:$AA$30,INDEX(Jesper!$R$2:$R$366,ROW(INDEX(Jesper!AH$2:AH$366,ROUNDDOWN($C8747/24,0)+1,1))-1)+IF('Standard Profiles'!$G$18=$B$10,7,0)+IF('Standard Profiles'!$G$18=$B$17,14,0)+IF('Standard Profiles'!$G$18=$B$24,21,0),0)),0)</f>
        <v>0</v>
      </c>
      <c r="E8747" cm="1">
        <f t="array" ref="E8747">IFERROR(INDEX(Jesper!AI$2:AI$366,ROUNDDOWN($C8747/24,0)+1,1)*INDEX($D$3:$AA$30,INDEX(Jesper!$R$2:$R$366,ROW(INDEX(Jesper!AI$2:AI$366,ROUNDDOWN($C8747/24,0)+1,1))-1)+IF('Standard Profiles'!$G$19=$B$10,7,0)+IF('Standard Profiles'!$G$19=$B$17,14,0)+IF('Standard Profiles'!$G$19=$B$24,21,0),MOD($C8747,24)+1)/SUM(INDEX($D$3:$AA$30,INDEX(Jesper!$R$2:$R$366,ROW(INDEX(Jesper!AI$2:AI$366,ROUNDDOWN($C8747/24,0)+1,1))-1)+IF('Standard Profiles'!$G$19=$B$10,7,0)+IF('Standard Profiles'!$G$19=$B$17,14,0)+IF('Standard Profiles'!$G$19=$B$24,21,0),0)),0)</f>
        <v>4.1567747482009203</v>
      </c>
      <c r="F8747" cm="1">
        <f t="array" ref="F8747">IFERROR(INDEX(Jesper!AJ$2:AJ$366,ROUNDDOWN($C8747/24,0)+1,1)*INDEX($D$3:$AA$30,INDEX(Jesper!$R$2:$R$366,ROW(INDEX(Jesper!AJ$2:AJ$366,ROUNDDOWN($C8747/24,0)+1,1))-1)+IF('Standard Profiles'!$G$20=$B$10,7,0)+IF('Standard Profiles'!$G$20=$B$17,14,0)+IF('Standard Profiles'!$G$20=$B$24,21,0),MOD($C8747,24)+1)/SUM(INDEX($D$3:$AA$30,INDEX(Jesper!$R$2:$R$366,ROW(INDEX(Jesper!AJ$2:AJ$366,ROUNDDOWN($C8747/24,0)+1,1))-1)+IF('Standard Profiles'!$G$20=$B$10,7,0)+IF('Standard Profiles'!$G$20=$B$17,14,0)+IF('Standard Profiles'!$G$20=$B$24,21,0),0)),0)</f>
        <v>3.1625265180624331</v>
      </c>
      <c r="G8747" cm="1">
        <f t="array" ref="G8747">IFERROR(INDEX(Jesper!AK$2:AK$366,ROUNDDOWN($C8747/24,0)+1,1)*INDEX($D$3:$AA$30,INDEX(Jesper!$R$2:$R$366,ROW(INDEX(Jesper!AK$2:AK$366,ROUNDDOWN($C8747/24,0)+1,1))-1)+IF('Standard Profiles'!$G$21=$B$10,7,0)+IF('Standard Profiles'!$G$21=$B$17,14,0)+IF('Standard Profiles'!$G$21=$B$24,21,0),MOD($C8747,24)+1)/SUM(INDEX($D$3:$AA$30,INDEX(Jesper!$R$2:$R$366,ROW(INDEX(Jesper!AK$2:AK$366,ROUNDDOWN($C8747/24,0)+1,1))-1)+IF('Standard Profiles'!$G$21=$B$10,7,0)+IF('Standard Profiles'!$G$21=$B$17,14,0)+IF('Standard Profiles'!$G$21=$B$24,21,0),0)),0)</f>
        <v>4.4486535196825585</v>
      </c>
      <c r="H8747" cm="1">
        <f t="array" ref="H8747">IFERROR(INDEX(Jesper!AL$2:AL$366,ROUNDDOWN($C8747/24,0)+1,1)*INDEX($D$3:$AA$30,INDEX(Jesper!$R$2:$R$366,ROW(INDEX(Jesper!AL$2:AL$366,ROUNDDOWN($C8747/24,0)+1,1))-1)+IF('Standard Profiles'!$G$22=$B$10,7,0)+IF('Standard Profiles'!$G$22=$B$17,14,0)+IF('Standard Profiles'!$G$22=$B$24,21,0),MOD($C8747,24)+1)/SUM(INDEX($D$3:$AA$30,INDEX(Jesper!$R$2:$R$366,ROW(INDEX(Jesper!AL$2:AL$366,ROUNDDOWN($C8747/24,0)+1,1))-1)+IF('Standard Profiles'!$G$22=$B$10,7,0)+IF('Standard Profiles'!$G$22=$B$17,14,0)+IF('Standard Profiles'!$G$22=$B$24,21,0),0)),0)</f>
        <v>2.2979722392452184</v>
      </c>
      <c r="I8747">
        <f t="shared" si="972"/>
        <v>2.2060533496754107</v>
      </c>
      <c r="J8747">
        <f t="shared" si="973"/>
        <v>11.36106070573161</v>
      </c>
      <c r="K8747">
        <f t="shared" si="974"/>
        <v>0.33254197985607364</v>
      </c>
      <c r="L8747">
        <f t="shared" si="975"/>
        <v>0.16627098992803682</v>
      </c>
      <c r="M8747">
        <f t="shared" si="976"/>
        <v>0</v>
      </c>
      <c r="N8747" s="45">
        <f t="shared" si="977"/>
        <v>45290.041666645535</v>
      </c>
    </row>
    <row r="8748" spans="2:14" x14ac:dyDescent="0.25">
      <c r="B8748">
        <f t="shared" si="971"/>
        <v>6</v>
      </c>
      <c r="C8748" s="16">
        <v>8714</v>
      </c>
      <c r="D8748" cm="1">
        <f t="array" ref="D8748">IFERROR(INDEX(Jesper!AH$2:AH$366,ROUNDDOWN($C8748/24,0)+1,1)*INDEX($D$3:$AA$30,INDEX(Jesper!$R$2:$R$366,ROW(INDEX(Jesper!AH$2:AH$366,ROUNDDOWN($C8748/24,0)+1,1))-1)+IF('Standard Profiles'!$G$18=$B$10,7,0)+IF('Standard Profiles'!$G$18=$B$17,14,0)+IF('Standard Profiles'!$G$18=$B$24,21,0),MOD($C8748,24)+1)/SUM(INDEX($D$3:$AA$30,INDEX(Jesper!$R$2:$R$366,ROW(INDEX(Jesper!AH$2:AH$366,ROUNDDOWN($C8748/24,0)+1,1))-1)+IF('Standard Profiles'!$G$18=$B$10,7,0)+IF('Standard Profiles'!$G$18=$B$17,14,0)+IF('Standard Profiles'!$G$18=$B$24,21,0),0)),0)</f>
        <v>0</v>
      </c>
      <c r="E8748" cm="1">
        <f t="array" ref="E8748">IFERROR(INDEX(Jesper!AI$2:AI$366,ROUNDDOWN($C8748/24,0)+1,1)*INDEX($D$3:$AA$30,INDEX(Jesper!$R$2:$R$366,ROW(INDEX(Jesper!AI$2:AI$366,ROUNDDOWN($C8748/24,0)+1,1))-1)+IF('Standard Profiles'!$G$19=$B$10,7,0)+IF('Standard Profiles'!$G$19=$B$17,14,0)+IF('Standard Profiles'!$G$19=$B$24,21,0),MOD($C8748,24)+1)/SUM(INDEX($D$3:$AA$30,INDEX(Jesper!$R$2:$R$366,ROW(INDEX(Jesper!AI$2:AI$366,ROUNDDOWN($C8748/24,0)+1,1))-1)+IF('Standard Profiles'!$G$19=$B$10,7,0)+IF('Standard Profiles'!$G$19=$B$17,14,0)+IF('Standard Profiles'!$G$19=$B$24,21,0),0)),0)</f>
        <v>4.1567747482009203</v>
      </c>
      <c r="F8748" cm="1">
        <f t="array" ref="F8748">IFERROR(INDEX(Jesper!AJ$2:AJ$366,ROUNDDOWN($C8748/24,0)+1,1)*INDEX($D$3:$AA$30,INDEX(Jesper!$R$2:$R$366,ROW(INDEX(Jesper!AJ$2:AJ$366,ROUNDDOWN($C8748/24,0)+1,1))-1)+IF('Standard Profiles'!$G$20=$B$10,7,0)+IF('Standard Profiles'!$G$20=$B$17,14,0)+IF('Standard Profiles'!$G$20=$B$24,21,0),MOD($C8748,24)+1)/SUM(INDEX($D$3:$AA$30,INDEX(Jesper!$R$2:$R$366,ROW(INDEX(Jesper!AJ$2:AJ$366,ROUNDDOWN($C8748/24,0)+1,1))-1)+IF('Standard Profiles'!$G$20=$B$10,7,0)+IF('Standard Profiles'!$G$20=$B$17,14,0)+IF('Standard Profiles'!$G$20=$B$24,21,0),0)),0)</f>
        <v>3.1625265180624331</v>
      </c>
      <c r="G8748" cm="1">
        <f t="array" ref="G8748">IFERROR(INDEX(Jesper!AK$2:AK$366,ROUNDDOWN($C8748/24,0)+1,1)*INDEX($D$3:$AA$30,INDEX(Jesper!$R$2:$R$366,ROW(INDEX(Jesper!AK$2:AK$366,ROUNDDOWN($C8748/24,0)+1,1))-1)+IF('Standard Profiles'!$G$21=$B$10,7,0)+IF('Standard Profiles'!$G$21=$B$17,14,0)+IF('Standard Profiles'!$G$21=$B$24,21,0),MOD($C8748,24)+1)/SUM(INDEX($D$3:$AA$30,INDEX(Jesper!$R$2:$R$366,ROW(INDEX(Jesper!AK$2:AK$366,ROUNDDOWN($C8748/24,0)+1,1))-1)+IF('Standard Profiles'!$G$21=$B$10,7,0)+IF('Standard Profiles'!$G$21=$B$17,14,0)+IF('Standard Profiles'!$G$21=$B$24,21,0),0)),0)</f>
        <v>4.4486535196825585</v>
      </c>
      <c r="H8748" cm="1">
        <f t="array" ref="H8748">IFERROR(INDEX(Jesper!AL$2:AL$366,ROUNDDOWN($C8748/24,0)+1,1)*INDEX($D$3:$AA$30,INDEX(Jesper!$R$2:$R$366,ROW(INDEX(Jesper!AL$2:AL$366,ROUNDDOWN($C8748/24,0)+1,1))-1)+IF('Standard Profiles'!$G$22=$B$10,7,0)+IF('Standard Profiles'!$G$22=$B$17,14,0)+IF('Standard Profiles'!$G$22=$B$24,21,0),MOD($C8748,24)+1)/SUM(INDEX($D$3:$AA$30,INDEX(Jesper!$R$2:$R$366,ROW(INDEX(Jesper!AL$2:AL$366,ROUNDDOWN($C8748/24,0)+1,1))-1)+IF('Standard Profiles'!$G$22=$B$10,7,0)+IF('Standard Profiles'!$G$22=$B$17,14,0)+IF('Standard Profiles'!$G$22=$B$24,21,0),0)),0)</f>
        <v>2.2979722392452184</v>
      </c>
      <c r="I8748">
        <f t="shared" si="972"/>
        <v>2.2060533496754107</v>
      </c>
      <c r="J8748">
        <f t="shared" si="973"/>
        <v>11.36106070573161</v>
      </c>
      <c r="K8748">
        <f t="shared" si="974"/>
        <v>0.33254197985607364</v>
      </c>
      <c r="L8748">
        <f t="shared" si="975"/>
        <v>0.16627098992803682</v>
      </c>
      <c r="M8748">
        <f t="shared" si="976"/>
        <v>0</v>
      </c>
      <c r="N8748" s="45">
        <f t="shared" si="977"/>
        <v>45290.083333312199</v>
      </c>
    </row>
    <row r="8749" spans="2:14" x14ac:dyDescent="0.25">
      <c r="B8749">
        <f t="shared" si="971"/>
        <v>6</v>
      </c>
      <c r="C8749" s="16">
        <v>8715</v>
      </c>
      <c r="D8749" cm="1">
        <f t="array" ref="D8749">IFERROR(INDEX(Jesper!AH$2:AH$366,ROUNDDOWN($C8749/24,0)+1,1)*INDEX($D$3:$AA$30,INDEX(Jesper!$R$2:$R$366,ROW(INDEX(Jesper!AH$2:AH$366,ROUNDDOWN($C8749/24,0)+1,1))-1)+IF('Standard Profiles'!$G$18=$B$10,7,0)+IF('Standard Profiles'!$G$18=$B$17,14,0)+IF('Standard Profiles'!$G$18=$B$24,21,0),MOD($C8749,24)+1)/SUM(INDEX($D$3:$AA$30,INDEX(Jesper!$R$2:$R$366,ROW(INDEX(Jesper!AH$2:AH$366,ROUNDDOWN($C8749/24,0)+1,1))-1)+IF('Standard Profiles'!$G$18=$B$10,7,0)+IF('Standard Profiles'!$G$18=$B$17,14,0)+IF('Standard Profiles'!$G$18=$B$24,21,0),0)),0)</f>
        <v>0</v>
      </c>
      <c r="E8749" cm="1">
        <f t="array" ref="E8749">IFERROR(INDEX(Jesper!AI$2:AI$366,ROUNDDOWN($C8749/24,0)+1,1)*INDEX($D$3:$AA$30,INDEX(Jesper!$R$2:$R$366,ROW(INDEX(Jesper!AI$2:AI$366,ROUNDDOWN($C8749/24,0)+1,1))-1)+IF('Standard Profiles'!$G$19=$B$10,7,0)+IF('Standard Profiles'!$G$19=$B$17,14,0)+IF('Standard Profiles'!$G$19=$B$24,21,0),MOD($C8749,24)+1)/SUM(INDEX($D$3:$AA$30,INDEX(Jesper!$R$2:$R$366,ROW(INDEX(Jesper!AI$2:AI$366,ROUNDDOWN($C8749/24,0)+1,1))-1)+IF('Standard Profiles'!$G$19=$B$10,7,0)+IF('Standard Profiles'!$G$19=$B$17,14,0)+IF('Standard Profiles'!$G$19=$B$24,21,0),0)),0)</f>
        <v>4.1567747482009203</v>
      </c>
      <c r="F8749" cm="1">
        <f t="array" ref="F8749">IFERROR(INDEX(Jesper!AJ$2:AJ$366,ROUNDDOWN($C8749/24,0)+1,1)*INDEX($D$3:$AA$30,INDEX(Jesper!$R$2:$R$366,ROW(INDEX(Jesper!AJ$2:AJ$366,ROUNDDOWN($C8749/24,0)+1,1))-1)+IF('Standard Profiles'!$G$20=$B$10,7,0)+IF('Standard Profiles'!$G$20=$B$17,14,0)+IF('Standard Profiles'!$G$20=$B$24,21,0),MOD($C8749,24)+1)/SUM(INDEX($D$3:$AA$30,INDEX(Jesper!$R$2:$R$366,ROW(INDEX(Jesper!AJ$2:AJ$366,ROUNDDOWN($C8749/24,0)+1,1))-1)+IF('Standard Profiles'!$G$20=$B$10,7,0)+IF('Standard Profiles'!$G$20=$B$17,14,0)+IF('Standard Profiles'!$G$20=$B$24,21,0),0)),0)</f>
        <v>3.1625265180624331</v>
      </c>
      <c r="G8749" cm="1">
        <f t="array" ref="G8749">IFERROR(INDEX(Jesper!AK$2:AK$366,ROUNDDOWN($C8749/24,0)+1,1)*INDEX($D$3:$AA$30,INDEX(Jesper!$R$2:$R$366,ROW(INDEX(Jesper!AK$2:AK$366,ROUNDDOWN($C8749/24,0)+1,1))-1)+IF('Standard Profiles'!$G$21=$B$10,7,0)+IF('Standard Profiles'!$G$21=$B$17,14,0)+IF('Standard Profiles'!$G$21=$B$24,21,0),MOD($C8749,24)+1)/SUM(INDEX($D$3:$AA$30,INDEX(Jesper!$R$2:$R$366,ROW(INDEX(Jesper!AK$2:AK$366,ROUNDDOWN($C8749/24,0)+1,1))-1)+IF('Standard Profiles'!$G$21=$B$10,7,0)+IF('Standard Profiles'!$G$21=$B$17,14,0)+IF('Standard Profiles'!$G$21=$B$24,21,0),0)),0)</f>
        <v>4.4486535196825585</v>
      </c>
      <c r="H8749" cm="1">
        <f t="array" ref="H8749">IFERROR(INDEX(Jesper!AL$2:AL$366,ROUNDDOWN($C8749/24,0)+1,1)*INDEX($D$3:$AA$30,INDEX(Jesper!$R$2:$R$366,ROW(INDEX(Jesper!AL$2:AL$366,ROUNDDOWN($C8749/24,0)+1,1))-1)+IF('Standard Profiles'!$G$22=$B$10,7,0)+IF('Standard Profiles'!$G$22=$B$17,14,0)+IF('Standard Profiles'!$G$22=$B$24,21,0),MOD($C8749,24)+1)/SUM(INDEX($D$3:$AA$30,INDEX(Jesper!$R$2:$R$366,ROW(INDEX(Jesper!AL$2:AL$366,ROUNDDOWN($C8749/24,0)+1,1))-1)+IF('Standard Profiles'!$G$22=$B$10,7,0)+IF('Standard Profiles'!$G$22=$B$17,14,0)+IF('Standard Profiles'!$G$22=$B$24,21,0),0)),0)</f>
        <v>2.2979722392452184</v>
      </c>
      <c r="I8749">
        <f t="shared" si="972"/>
        <v>2.2060533496754107</v>
      </c>
      <c r="J8749">
        <f t="shared" si="973"/>
        <v>11.36106070573161</v>
      </c>
      <c r="K8749">
        <f t="shared" si="974"/>
        <v>0.33254197985607364</v>
      </c>
      <c r="L8749">
        <f t="shared" si="975"/>
        <v>0.16627098992803682</v>
      </c>
      <c r="M8749">
        <f t="shared" si="976"/>
        <v>0</v>
      </c>
      <c r="N8749" s="45">
        <f t="shared" si="977"/>
        <v>45290.124999978863</v>
      </c>
    </row>
    <row r="8750" spans="2:14" x14ac:dyDescent="0.25">
      <c r="B8750">
        <f t="shared" si="971"/>
        <v>6</v>
      </c>
      <c r="C8750" s="16">
        <v>8716</v>
      </c>
      <c r="D8750" cm="1">
        <f t="array" ref="D8750">IFERROR(INDEX(Jesper!AH$2:AH$366,ROUNDDOWN($C8750/24,0)+1,1)*INDEX($D$3:$AA$30,INDEX(Jesper!$R$2:$R$366,ROW(INDEX(Jesper!AH$2:AH$366,ROUNDDOWN($C8750/24,0)+1,1))-1)+IF('Standard Profiles'!$G$18=$B$10,7,0)+IF('Standard Profiles'!$G$18=$B$17,14,0)+IF('Standard Profiles'!$G$18=$B$24,21,0),MOD($C8750,24)+1)/SUM(INDEX($D$3:$AA$30,INDEX(Jesper!$R$2:$R$366,ROW(INDEX(Jesper!AH$2:AH$366,ROUNDDOWN($C8750/24,0)+1,1))-1)+IF('Standard Profiles'!$G$18=$B$10,7,0)+IF('Standard Profiles'!$G$18=$B$17,14,0)+IF('Standard Profiles'!$G$18=$B$24,21,0),0)),0)</f>
        <v>0</v>
      </c>
      <c r="E8750" cm="1">
        <f t="array" ref="E8750">IFERROR(INDEX(Jesper!AI$2:AI$366,ROUNDDOWN($C8750/24,0)+1,1)*INDEX($D$3:$AA$30,INDEX(Jesper!$R$2:$R$366,ROW(INDEX(Jesper!AI$2:AI$366,ROUNDDOWN($C8750/24,0)+1,1))-1)+IF('Standard Profiles'!$G$19=$B$10,7,0)+IF('Standard Profiles'!$G$19=$B$17,14,0)+IF('Standard Profiles'!$G$19=$B$24,21,0),MOD($C8750,24)+1)/SUM(INDEX($D$3:$AA$30,INDEX(Jesper!$R$2:$R$366,ROW(INDEX(Jesper!AI$2:AI$366,ROUNDDOWN($C8750/24,0)+1,1))-1)+IF('Standard Profiles'!$G$19=$B$10,7,0)+IF('Standard Profiles'!$G$19=$B$17,14,0)+IF('Standard Profiles'!$G$19=$B$24,21,0),0)),0)</f>
        <v>4.1567747482009203</v>
      </c>
      <c r="F8750" cm="1">
        <f t="array" ref="F8750">IFERROR(INDEX(Jesper!AJ$2:AJ$366,ROUNDDOWN($C8750/24,0)+1,1)*INDEX($D$3:$AA$30,INDEX(Jesper!$R$2:$R$366,ROW(INDEX(Jesper!AJ$2:AJ$366,ROUNDDOWN($C8750/24,0)+1,1))-1)+IF('Standard Profiles'!$G$20=$B$10,7,0)+IF('Standard Profiles'!$G$20=$B$17,14,0)+IF('Standard Profiles'!$G$20=$B$24,21,0),MOD($C8750,24)+1)/SUM(INDEX($D$3:$AA$30,INDEX(Jesper!$R$2:$R$366,ROW(INDEX(Jesper!AJ$2:AJ$366,ROUNDDOWN($C8750/24,0)+1,1))-1)+IF('Standard Profiles'!$G$20=$B$10,7,0)+IF('Standard Profiles'!$G$20=$B$17,14,0)+IF('Standard Profiles'!$G$20=$B$24,21,0),0)),0)</f>
        <v>3.1625265180624331</v>
      </c>
      <c r="G8750" cm="1">
        <f t="array" ref="G8750">IFERROR(INDEX(Jesper!AK$2:AK$366,ROUNDDOWN($C8750/24,0)+1,1)*INDEX($D$3:$AA$30,INDEX(Jesper!$R$2:$R$366,ROW(INDEX(Jesper!AK$2:AK$366,ROUNDDOWN($C8750/24,0)+1,1))-1)+IF('Standard Profiles'!$G$21=$B$10,7,0)+IF('Standard Profiles'!$G$21=$B$17,14,0)+IF('Standard Profiles'!$G$21=$B$24,21,0),MOD($C8750,24)+1)/SUM(INDEX($D$3:$AA$30,INDEX(Jesper!$R$2:$R$366,ROW(INDEX(Jesper!AK$2:AK$366,ROUNDDOWN($C8750/24,0)+1,1))-1)+IF('Standard Profiles'!$G$21=$B$10,7,0)+IF('Standard Profiles'!$G$21=$B$17,14,0)+IF('Standard Profiles'!$G$21=$B$24,21,0),0)),0)</f>
        <v>4.4486535196825585</v>
      </c>
      <c r="H8750" cm="1">
        <f t="array" ref="H8750">IFERROR(INDEX(Jesper!AL$2:AL$366,ROUNDDOWN($C8750/24,0)+1,1)*INDEX($D$3:$AA$30,INDEX(Jesper!$R$2:$R$366,ROW(INDEX(Jesper!AL$2:AL$366,ROUNDDOWN($C8750/24,0)+1,1))-1)+IF('Standard Profiles'!$G$22=$B$10,7,0)+IF('Standard Profiles'!$G$22=$B$17,14,0)+IF('Standard Profiles'!$G$22=$B$24,21,0),MOD($C8750,24)+1)/SUM(INDEX($D$3:$AA$30,INDEX(Jesper!$R$2:$R$366,ROW(INDEX(Jesper!AL$2:AL$366,ROUNDDOWN($C8750/24,0)+1,1))-1)+IF('Standard Profiles'!$G$22=$B$10,7,0)+IF('Standard Profiles'!$G$22=$B$17,14,0)+IF('Standard Profiles'!$G$22=$B$24,21,0),0)),0)</f>
        <v>2.2979722392452184</v>
      </c>
      <c r="I8750">
        <f t="shared" si="972"/>
        <v>2.2060533496754107</v>
      </c>
      <c r="J8750">
        <f t="shared" si="973"/>
        <v>11.36106070573161</v>
      </c>
      <c r="K8750">
        <f t="shared" si="974"/>
        <v>0.33254197985607364</v>
      </c>
      <c r="L8750">
        <f t="shared" si="975"/>
        <v>0.16627098992803682</v>
      </c>
      <c r="M8750">
        <f t="shared" si="976"/>
        <v>0</v>
      </c>
      <c r="N8750" s="45">
        <f t="shared" si="977"/>
        <v>45290.166666645528</v>
      </c>
    </row>
    <row r="8751" spans="2:14" x14ac:dyDescent="0.25">
      <c r="B8751">
        <f t="shared" si="971"/>
        <v>6</v>
      </c>
      <c r="C8751" s="16">
        <v>8717</v>
      </c>
      <c r="D8751" cm="1">
        <f t="array" ref="D8751">IFERROR(INDEX(Jesper!AH$2:AH$366,ROUNDDOWN($C8751/24,0)+1,1)*INDEX($D$3:$AA$30,INDEX(Jesper!$R$2:$R$366,ROW(INDEX(Jesper!AH$2:AH$366,ROUNDDOWN($C8751/24,0)+1,1))-1)+IF('Standard Profiles'!$G$18=$B$10,7,0)+IF('Standard Profiles'!$G$18=$B$17,14,0)+IF('Standard Profiles'!$G$18=$B$24,21,0),MOD($C8751,24)+1)/SUM(INDEX($D$3:$AA$30,INDEX(Jesper!$R$2:$R$366,ROW(INDEX(Jesper!AH$2:AH$366,ROUNDDOWN($C8751/24,0)+1,1))-1)+IF('Standard Profiles'!$G$18=$B$10,7,0)+IF('Standard Profiles'!$G$18=$B$17,14,0)+IF('Standard Profiles'!$G$18=$B$24,21,0),0)),0)</f>
        <v>0</v>
      </c>
      <c r="E8751" cm="1">
        <f t="array" ref="E8751">IFERROR(INDEX(Jesper!AI$2:AI$366,ROUNDDOWN($C8751/24,0)+1,1)*INDEX($D$3:$AA$30,INDEX(Jesper!$R$2:$R$366,ROW(INDEX(Jesper!AI$2:AI$366,ROUNDDOWN($C8751/24,0)+1,1))-1)+IF('Standard Profiles'!$G$19=$B$10,7,0)+IF('Standard Profiles'!$G$19=$B$17,14,0)+IF('Standard Profiles'!$G$19=$B$24,21,0),MOD($C8751,24)+1)/SUM(INDEX($D$3:$AA$30,INDEX(Jesper!$R$2:$R$366,ROW(INDEX(Jesper!AI$2:AI$366,ROUNDDOWN($C8751/24,0)+1,1))-1)+IF('Standard Profiles'!$G$19=$B$10,7,0)+IF('Standard Profiles'!$G$19=$B$17,14,0)+IF('Standard Profiles'!$G$19=$B$24,21,0),0)),0)</f>
        <v>4.1567747482009203</v>
      </c>
      <c r="F8751" cm="1">
        <f t="array" ref="F8751">IFERROR(INDEX(Jesper!AJ$2:AJ$366,ROUNDDOWN($C8751/24,0)+1,1)*INDEX($D$3:$AA$30,INDEX(Jesper!$R$2:$R$366,ROW(INDEX(Jesper!AJ$2:AJ$366,ROUNDDOWN($C8751/24,0)+1,1))-1)+IF('Standard Profiles'!$G$20=$B$10,7,0)+IF('Standard Profiles'!$G$20=$B$17,14,0)+IF('Standard Profiles'!$G$20=$B$24,21,0),MOD($C8751,24)+1)/SUM(INDEX($D$3:$AA$30,INDEX(Jesper!$R$2:$R$366,ROW(INDEX(Jesper!AJ$2:AJ$366,ROUNDDOWN($C8751/24,0)+1,1))-1)+IF('Standard Profiles'!$G$20=$B$10,7,0)+IF('Standard Profiles'!$G$20=$B$17,14,0)+IF('Standard Profiles'!$G$20=$B$24,21,0),0)),0)</f>
        <v>3.1625265180624331</v>
      </c>
      <c r="G8751" cm="1">
        <f t="array" ref="G8751">IFERROR(INDEX(Jesper!AK$2:AK$366,ROUNDDOWN($C8751/24,0)+1,1)*INDEX($D$3:$AA$30,INDEX(Jesper!$R$2:$R$366,ROW(INDEX(Jesper!AK$2:AK$366,ROUNDDOWN($C8751/24,0)+1,1))-1)+IF('Standard Profiles'!$G$21=$B$10,7,0)+IF('Standard Profiles'!$G$21=$B$17,14,0)+IF('Standard Profiles'!$G$21=$B$24,21,0),MOD($C8751,24)+1)/SUM(INDEX($D$3:$AA$30,INDEX(Jesper!$R$2:$R$366,ROW(INDEX(Jesper!AK$2:AK$366,ROUNDDOWN($C8751/24,0)+1,1))-1)+IF('Standard Profiles'!$G$21=$B$10,7,0)+IF('Standard Profiles'!$G$21=$B$17,14,0)+IF('Standard Profiles'!$G$21=$B$24,21,0),0)),0)</f>
        <v>4.4486535196825585</v>
      </c>
      <c r="H8751" cm="1">
        <f t="array" ref="H8751">IFERROR(INDEX(Jesper!AL$2:AL$366,ROUNDDOWN($C8751/24,0)+1,1)*INDEX($D$3:$AA$30,INDEX(Jesper!$R$2:$R$366,ROW(INDEX(Jesper!AL$2:AL$366,ROUNDDOWN($C8751/24,0)+1,1))-1)+IF('Standard Profiles'!$G$22=$B$10,7,0)+IF('Standard Profiles'!$G$22=$B$17,14,0)+IF('Standard Profiles'!$G$22=$B$24,21,0),MOD($C8751,24)+1)/SUM(INDEX($D$3:$AA$30,INDEX(Jesper!$R$2:$R$366,ROW(INDEX(Jesper!AL$2:AL$366,ROUNDDOWN($C8751/24,0)+1,1))-1)+IF('Standard Profiles'!$G$22=$B$10,7,0)+IF('Standard Profiles'!$G$22=$B$17,14,0)+IF('Standard Profiles'!$G$22=$B$24,21,0),0)),0)</f>
        <v>2.8584532732074663</v>
      </c>
      <c r="I8751">
        <f t="shared" si="972"/>
        <v>2.7441151422791692</v>
      </c>
      <c r="J8751">
        <f t="shared" si="973"/>
        <v>11.3834799470901</v>
      </c>
      <c r="K8751">
        <f t="shared" si="974"/>
        <v>0.33254197985607364</v>
      </c>
      <c r="L8751">
        <f t="shared" si="975"/>
        <v>0.16627098992803682</v>
      </c>
      <c r="M8751">
        <f t="shared" si="976"/>
        <v>0</v>
      </c>
      <c r="N8751" s="45">
        <f t="shared" si="977"/>
        <v>45290.208333312192</v>
      </c>
    </row>
    <row r="8752" spans="2:14" x14ac:dyDescent="0.25">
      <c r="B8752">
        <f t="shared" si="971"/>
        <v>6</v>
      </c>
      <c r="C8752" s="16">
        <v>8718</v>
      </c>
      <c r="D8752" cm="1">
        <f t="array" ref="D8752">IFERROR(INDEX(Jesper!AH$2:AH$366,ROUNDDOWN($C8752/24,0)+1,1)*INDEX($D$3:$AA$30,INDEX(Jesper!$R$2:$R$366,ROW(INDEX(Jesper!AH$2:AH$366,ROUNDDOWN($C8752/24,0)+1,1))-1)+IF('Standard Profiles'!$G$18=$B$10,7,0)+IF('Standard Profiles'!$G$18=$B$17,14,0)+IF('Standard Profiles'!$G$18=$B$24,21,0),MOD($C8752,24)+1)/SUM(INDEX($D$3:$AA$30,INDEX(Jesper!$R$2:$R$366,ROW(INDEX(Jesper!AH$2:AH$366,ROUNDDOWN($C8752/24,0)+1,1))-1)+IF('Standard Profiles'!$G$18=$B$10,7,0)+IF('Standard Profiles'!$G$18=$B$17,14,0)+IF('Standard Profiles'!$G$18=$B$24,21,0),0)),0)</f>
        <v>0</v>
      </c>
      <c r="E8752" cm="1">
        <f t="array" ref="E8752">IFERROR(INDEX(Jesper!AI$2:AI$366,ROUNDDOWN($C8752/24,0)+1,1)*INDEX($D$3:$AA$30,INDEX(Jesper!$R$2:$R$366,ROW(INDEX(Jesper!AI$2:AI$366,ROUNDDOWN($C8752/24,0)+1,1))-1)+IF('Standard Profiles'!$G$19=$B$10,7,0)+IF('Standard Profiles'!$G$19=$B$17,14,0)+IF('Standard Profiles'!$G$19=$B$24,21,0),MOD($C8752,24)+1)/SUM(INDEX($D$3:$AA$30,INDEX(Jesper!$R$2:$R$366,ROW(INDEX(Jesper!AI$2:AI$366,ROUNDDOWN($C8752/24,0)+1,1))-1)+IF('Standard Profiles'!$G$19=$B$10,7,0)+IF('Standard Profiles'!$G$19=$B$17,14,0)+IF('Standard Profiles'!$G$19=$B$24,21,0),0)),0)</f>
        <v>4.1567747482009203</v>
      </c>
      <c r="F8752" cm="1">
        <f t="array" ref="F8752">IFERROR(INDEX(Jesper!AJ$2:AJ$366,ROUNDDOWN($C8752/24,0)+1,1)*INDEX($D$3:$AA$30,INDEX(Jesper!$R$2:$R$366,ROW(INDEX(Jesper!AJ$2:AJ$366,ROUNDDOWN($C8752/24,0)+1,1))-1)+IF('Standard Profiles'!$G$20=$B$10,7,0)+IF('Standard Profiles'!$G$20=$B$17,14,0)+IF('Standard Profiles'!$G$20=$B$24,21,0),MOD($C8752,24)+1)/SUM(INDEX($D$3:$AA$30,INDEX(Jesper!$R$2:$R$366,ROW(INDEX(Jesper!AJ$2:AJ$366,ROUNDDOWN($C8752/24,0)+1,1))-1)+IF('Standard Profiles'!$G$20=$B$10,7,0)+IF('Standard Profiles'!$G$20=$B$17,14,0)+IF('Standard Profiles'!$G$20=$B$24,21,0),0)),0)</f>
        <v>3.1625265180624331</v>
      </c>
      <c r="G8752" cm="1">
        <f t="array" ref="G8752">IFERROR(INDEX(Jesper!AK$2:AK$366,ROUNDDOWN($C8752/24,0)+1,1)*INDEX($D$3:$AA$30,INDEX(Jesper!$R$2:$R$366,ROW(INDEX(Jesper!AK$2:AK$366,ROUNDDOWN($C8752/24,0)+1,1))-1)+IF('Standard Profiles'!$G$21=$B$10,7,0)+IF('Standard Profiles'!$G$21=$B$17,14,0)+IF('Standard Profiles'!$G$21=$B$24,21,0),MOD($C8752,24)+1)/SUM(INDEX($D$3:$AA$30,INDEX(Jesper!$R$2:$R$366,ROW(INDEX(Jesper!AK$2:AK$366,ROUNDDOWN($C8752/24,0)+1,1))-1)+IF('Standard Profiles'!$G$21=$B$10,7,0)+IF('Standard Profiles'!$G$21=$B$17,14,0)+IF('Standard Profiles'!$G$21=$B$24,21,0),0)),0)</f>
        <v>4.4486535196825585</v>
      </c>
      <c r="H8752" cm="1">
        <f t="array" ref="H8752">IFERROR(INDEX(Jesper!AL$2:AL$366,ROUNDDOWN($C8752/24,0)+1,1)*INDEX($D$3:$AA$30,INDEX(Jesper!$R$2:$R$366,ROW(INDEX(Jesper!AL$2:AL$366,ROUNDDOWN($C8752/24,0)+1,1))-1)+IF('Standard Profiles'!$G$22=$B$10,7,0)+IF('Standard Profiles'!$G$22=$B$17,14,0)+IF('Standard Profiles'!$G$22=$B$24,21,0),MOD($C8752,24)+1)/SUM(INDEX($D$3:$AA$30,INDEX(Jesper!$R$2:$R$366,ROW(INDEX(Jesper!AL$2:AL$366,ROUNDDOWN($C8752/24,0)+1,1))-1)+IF('Standard Profiles'!$G$22=$B$10,7,0)+IF('Standard Profiles'!$G$22=$B$17,14,0)+IF('Standard Profiles'!$G$22=$B$24,21,0),0)),0)</f>
        <v>3.5870786173583888</v>
      </c>
      <c r="I8752">
        <f t="shared" si="972"/>
        <v>3.4435954726640552</v>
      </c>
      <c r="J8752">
        <f t="shared" si="973"/>
        <v>11.412624960856135</v>
      </c>
      <c r="K8752">
        <f t="shared" si="974"/>
        <v>0.33254197985607364</v>
      </c>
      <c r="L8752">
        <f t="shared" si="975"/>
        <v>0.16627098992803682</v>
      </c>
      <c r="M8752">
        <f t="shared" si="976"/>
        <v>0</v>
      </c>
      <c r="N8752" s="45">
        <f t="shared" si="977"/>
        <v>45290.249999978856</v>
      </c>
    </row>
    <row r="8753" spans="2:14" x14ac:dyDescent="0.25">
      <c r="B8753">
        <f t="shared" si="971"/>
        <v>6</v>
      </c>
      <c r="C8753" s="16">
        <v>8719</v>
      </c>
      <c r="D8753" cm="1">
        <f t="array" ref="D8753">IFERROR(INDEX(Jesper!AH$2:AH$366,ROUNDDOWN($C8753/24,0)+1,1)*INDEX($D$3:$AA$30,INDEX(Jesper!$R$2:$R$366,ROW(INDEX(Jesper!AH$2:AH$366,ROUNDDOWN($C8753/24,0)+1,1))-1)+IF('Standard Profiles'!$G$18=$B$10,7,0)+IF('Standard Profiles'!$G$18=$B$17,14,0)+IF('Standard Profiles'!$G$18=$B$24,21,0),MOD($C8753,24)+1)/SUM(INDEX($D$3:$AA$30,INDEX(Jesper!$R$2:$R$366,ROW(INDEX(Jesper!AH$2:AH$366,ROUNDDOWN($C8753/24,0)+1,1))-1)+IF('Standard Profiles'!$G$18=$B$10,7,0)+IF('Standard Profiles'!$G$18=$B$17,14,0)+IF('Standard Profiles'!$G$18=$B$24,21,0),0)),0)</f>
        <v>0</v>
      </c>
      <c r="E8753" cm="1">
        <f t="array" ref="E8753">IFERROR(INDEX(Jesper!AI$2:AI$366,ROUNDDOWN($C8753/24,0)+1,1)*INDEX($D$3:$AA$30,INDEX(Jesper!$R$2:$R$366,ROW(INDEX(Jesper!AI$2:AI$366,ROUNDDOWN($C8753/24,0)+1,1))-1)+IF('Standard Profiles'!$G$19=$B$10,7,0)+IF('Standard Profiles'!$G$19=$B$17,14,0)+IF('Standard Profiles'!$G$19=$B$24,21,0),MOD($C8753,24)+1)/SUM(INDEX($D$3:$AA$30,INDEX(Jesper!$R$2:$R$366,ROW(INDEX(Jesper!AI$2:AI$366,ROUNDDOWN($C8753/24,0)+1,1))-1)+IF('Standard Profiles'!$G$19=$B$10,7,0)+IF('Standard Profiles'!$G$19=$B$17,14,0)+IF('Standard Profiles'!$G$19=$B$24,21,0),0)),0)</f>
        <v>4.1567747482009203</v>
      </c>
      <c r="F8753" cm="1">
        <f t="array" ref="F8753">IFERROR(INDEX(Jesper!AJ$2:AJ$366,ROUNDDOWN($C8753/24,0)+1,1)*INDEX($D$3:$AA$30,INDEX(Jesper!$R$2:$R$366,ROW(INDEX(Jesper!AJ$2:AJ$366,ROUNDDOWN($C8753/24,0)+1,1))-1)+IF('Standard Profiles'!$G$20=$B$10,7,0)+IF('Standard Profiles'!$G$20=$B$17,14,0)+IF('Standard Profiles'!$G$20=$B$24,21,0),MOD($C8753,24)+1)/SUM(INDEX($D$3:$AA$30,INDEX(Jesper!$R$2:$R$366,ROW(INDEX(Jesper!AJ$2:AJ$366,ROUNDDOWN($C8753/24,0)+1,1))-1)+IF('Standard Profiles'!$G$20=$B$10,7,0)+IF('Standard Profiles'!$G$20=$B$17,14,0)+IF('Standard Profiles'!$G$20=$B$24,21,0),0)),0)</f>
        <v>3.1625265180624331</v>
      </c>
      <c r="G8753" cm="1">
        <f t="array" ref="G8753">IFERROR(INDEX(Jesper!AK$2:AK$366,ROUNDDOWN($C8753/24,0)+1,1)*INDEX($D$3:$AA$30,INDEX(Jesper!$R$2:$R$366,ROW(INDEX(Jesper!AK$2:AK$366,ROUNDDOWN($C8753/24,0)+1,1))-1)+IF('Standard Profiles'!$G$21=$B$10,7,0)+IF('Standard Profiles'!$G$21=$B$17,14,0)+IF('Standard Profiles'!$G$21=$B$24,21,0),MOD($C8753,24)+1)/SUM(INDEX($D$3:$AA$30,INDEX(Jesper!$R$2:$R$366,ROW(INDEX(Jesper!AK$2:AK$366,ROUNDDOWN($C8753/24,0)+1,1))-1)+IF('Standard Profiles'!$G$21=$B$10,7,0)+IF('Standard Profiles'!$G$21=$B$17,14,0)+IF('Standard Profiles'!$G$21=$B$24,21,0),0)),0)</f>
        <v>4.4486535196825585</v>
      </c>
      <c r="H8753" cm="1">
        <f t="array" ref="H8753">IFERROR(INDEX(Jesper!AL$2:AL$366,ROUNDDOWN($C8753/24,0)+1,1)*INDEX($D$3:$AA$30,INDEX(Jesper!$R$2:$R$366,ROW(INDEX(Jesper!AL$2:AL$366,ROUNDDOWN($C8753/24,0)+1,1))-1)+IF('Standard Profiles'!$G$22=$B$10,7,0)+IF('Standard Profiles'!$G$22=$B$17,14,0)+IF('Standard Profiles'!$G$22=$B$24,21,0),MOD($C8753,24)+1)/SUM(INDEX($D$3:$AA$30,INDEX(Jesper!$R$2:$R$366,ROW(INDEX(Jesper!AL$2:AL$366,ROUNDDOWN($C8753/24,0)+1,1))-1)+IF('Standard Profiles'!$G$22=$B$10,7,0)+IF('Standard Profiles'!$G$22=$B$17,14,0)+IF('Standard Profiles'!$G$22=$B$24,21,0),0)),0)</f>
        <v>4.0915115479244122</v>
      </c>
      <c r="I8753">
        <f t="shared" si="972"/>
        <v>3.927851086007438</v>
      </c>
      <c r="J8753">
        <f t="shared" si="973"/>
        <v>11.432802278078777</v>
      </c>
      <c r="K8753">
        <f t="shared" si="974"/>
        <v>0.33254197985607364</v>
      </c>
      <c r="L8753">
        <f t="shared" si="975"/>
        <v>0.16627098992803682</v>
      </c>
      <c r="M8753">
        <f t="shared" si="976"/>
        <v>0</v>
      </c>
      <c r="N8753" s="45">
        <f t="shared" si="977"/>
        <v>45290.29166664552</v>
      </c>
    </row>
    <row r="8754" spans="2:14" x14ac:dyDescent="0.25">
      <c r="B8754">
        <f t="shared" si="971"/>
        <v>6</v>
      </c>
      <c r="C8754" s="16">
        <v>8720</v>
      </c>
      <c r="D8754" cm="1">
        <f t="array" ref="D8754">IFERROR(INDEX(Jesper!AH$2:AH$366,ROUNDDOWN($C8754/24,0)+1,1)*INDEX($D$3:$AA$30,INDEX(Jesper!$R$2:$R$366,ROW(INDEX(Jesper!AH$2:AH$366,ROUNDDOWN($C8754/24,0)+1,1))-1)+IF('Standard Profiles'!$G$18=$B$10,7,0)+IF('Standard Profiles'!$G$18=$B$17,14,0)+IF('Standard Profiles'!$G$18=$B$24,21,0),MOD($C8754,24)+1)/SUM(INDEX($D$3:$AA$30,INDEX(Jesper!$R$2:$R$366,ROW(INDEX(Jesper!AH$2:AH$366,ROUNDDOWN($C8754/24,0)+1,1))-1)+IF('Standard Profiles'!$G$18=$B$10,7,0)+IF('Standard Profiles'!$G$18=$B$17,14,0)+IF('Standard Profiles'!$G$18=$B$24,21,0),0)),0)</f>
        <v>0</v>
      </c>
      <c r="E8754" cm="1">
        <f t="array" ref="E8754">IFERROR(INDEX(Jesper!AI$2:AI$366,ROUNDDOWN($C8754/24,0)+1,1)*INDEX($D$3:$AA$30,INDEX(Jesper!$R$2:$R$366,ROW(INDEX(Jesper!AI$2:AI$366,ROUNDDOWN($C8754/24,0)+1,1))-1)+IF('Standard Profiles'!$G$19=$B$10,7,0)+IF('Standard Profiles'!$G$19=$B$17,14,0)+IF('Standard Profiles'!$G$19=$B$24,21,0),MOD($C8754,24)+1)/SUM(INDEX($D$3:$AA$30,INDEX(Jesper!$R$2:$R$366,ROW(INDEX(Jesper!AI$2:AI$366,ROUNDDOWN($C8754/24,0)+1,1))-1)+IF('Standard Profiles'!$G$19=$B$10,7,0)+IF('Standard Profiles'!$G$19=$B$17,14,0)+IF('Standard Profiles'!$G$19=$B$24,21,0),0)),0)</f>
        <v>4.1567747482009203</v>
      </c>
      <c r="F8754" cm="1">
        <f t="array" ref="F8754">IFERROR(INDEX(Jesper!AJ$2:AJ$366,ROUNDDOWN($C8754/24,0)+1,1)*INDEX($D$3:$AA$30,INDEX(Jesper!$R$2:$R$366,ROW(INDEX(Jesper!AJ$2:AJ$366,ROUNDDOWN($C8754/24,0)+1,1))-1)+IF('Standard Profiles'!$G$20=$B$10,7,0)+IF('Standard Profiles'!$G$20=$B$17,14,0)+IF('Standard Profiles'!$G$20=$B$24,21,0),MOD($C8754,24)+1)/SUM(INDEX($D$3:$AA$30,INDEX(Jesper!$R$2:$R$366,ROW(INDEX(Jesper!AJ$2:AJ$366,ROUNDDOWN($C8754/24,0)+1,1))-1)+IF('Standard Profiles'!$G$20=$B$10,7,0)+IF('Standard Profiles'!$G$20=$B$17,14,0)+IF('Standard Profiles'!$G$20=$B$24,21,0),0)),0)</f>
        <v>3.1625265180624331</v>
      </c>
      <c r="G8754" cm="1">
        <f t="array" ref="G8754">IFERROR(INDEX(Jesper!AK$2:AK$366,ROUNDDOWN($C8754/24,0)+1,1)*INDEX($D$3:$AA$30,INDEX(Jesper!$R$2:$R$366,ROW(INDEX(Jesper!AK$2:AK$366,ROUNDDOWN($C8754/24,0)+1,1))-1)+IF('Standard Profiles'!$G$21=$B$10,7,0)+IF('Standard Profiles'!$G$21=$B$17,14,0)+IF('Standard Profiles'!$G$21=$B$24,21,0),MOD($C8754,24)+1)/SUM(INDEX($D$3:$AA$30,INDEX(Jesper!$R$2:$R$366,ROW(INDEX(Jesper!AK$2:AK$366,ROUNDDOWN($C8754/24,0)+1,1))-1)+IF('Standard Profiles'!$G$21=$B$10,7,0)+IF('Standard Profiles'!$G$21=$B$17,14,0)+IF('Standard Profiles'!$G$21=$B$24,21,0),0)),0)</f>
        <v>4.4486535196825585</v>
      </c>
      <c r="H8754" cm="1">
        <f t="array" ref="H8754">IFERROR(INDEX(Jesper!AL$2:AL$366,ROUNDDOWN($C8754/24,0)+1,1)*INDEX($D$3:$AA$30,INDEX(Jesper!$R$2:$R$366,ROW(INDEX(Jesper!AL$2:AL$366,ROUNDDOWN($C8754/24,0)+1,1))-1)+IF('Standard Profiles'!$G$22=$B$10,7,0)+IF('Standard Profiles'!$G$22=$B$17,14,0)+IF('Standard Profiles'!$G$22=$B$24,21,0),MOD($C8754,24)+1)/SUM(INDEX($D$3:$AA$30,INDEX(Jesper!$R$2:$R$366,ROW(INDEX(Jesper!AL$2:AL$366,ROUNDDOWN($C8754/24,0)+1,1))-1)+IF('Standard Profiles'!$G$22=$B$10,7,0)+IF('Standard Profiles'!$G$22=$B$17,14,0)+IF('Standard Profiles'!$G$22=$B$24,21,0),0)),0)</f>
        <v>4.0915115479244122</v>
      </c>
      <c r="I8754">
        <f t="shared" si="972"/>
        <v>3.927851086007438</v>
      </c>
      <c r="J8754">
        <f t="shared" si="973"/>
        <v>11.432802278078777</v>
      </c>
      <c r="K8754">
        <f t="shared" si="974"/>
        <v>0.33254197985607364</v>
      </c>
      <c r="L8754">
        <f t="shared" si="975"/>
        <v>0.16627098992803682</v>
      </c>
      <c r="M8754">
        <f t="shared" si="976"/>
        <v>0</v>
      </c>
      <c r="N8754" s="45">
        <f t="shared" si="977"/>
        <v>45290.333333312185</v>
      </c>
    </row>
    <row r="8755" spans="2:14" x14ac:dyDescent="0.25">
      <c r="B8755">
        <f t="shared" si="971"/>
        <v>6</v>
      </c>
      <c r="C8755" s="16">
        <v>8721</v>
      </c>
      <c r="D8755" cm="1">
        <f t="array" ref="D8755">IFERROR(INDEX(Jesper!AH$2:AH$366,ROUNDDOWN($C8755/24,0)+1,1)*INDEX($D$3:$AA$30,INDEX(Jesper!$R$2:$R$366,ROW(INDEX(Jesper!AH$2:AH$366,ROUNDDOWN($C8755/24,0)+1,1))-1)+IF('Standard Profiles'!$G$18=$B$10,7,0)+IF('Standard Profiles'!$G$18=$B$17,14,0)+IF('Standard Profiles'!$G$18=$B$24,21,0),MOD($C8755,24)+1)/SUM(INDEX($D$3:$AA$30,INDEX(Jesper!$R$2:$R$366,ROW(INDEX(Jesper!AH$2:AH$366,ROUNDDOWN($C8755/24,0)+1,1))-1)+IF('Standard Profiles'!$G$18=$B$10,7,0)+IF('Standard Profiles'!$G$18=$B$17,14,0)+IF('Standard Profiles'!$G$18=$B$24,21,0),0)),0)</f>
        <v>0</v>
      </c>
      <c r="E8755" cm="1">
        <f t="array" ref="E8755">IFERROR(INDEX(Jesper!AI$2:AI$366,ROUNDDOWN($C8755/24,0)+1,1)*INDEX($D$3:$AA$30,INDEX(Jesper!$R$2:$R$366,ROW(INDEX(Jesper!AI$2:AI$366,ROUNDDOWN($C8755/24,0)+1,1))-1)+IF('Standard Profiles'!$G$19=$B$10,7,0)+IF('Standard Profiles'!$G$19=$B$17,14,0)+IF('Standard Profiles'!$G$19=$B$24,21,0),MOD($C8755,24)+1)/SUM(INDEX($D$3:$AA$30,INDEX(Jesper!$R$2:$R$366,ROW(INDEX(Jesper!AI$2:AI$366,ROUNDDOWN($C8755/24,0)+1,1))-1)+IF('Standard Profiles'!$G$19=$B$10,7,0)+IF('Standard Profiles'!$G$19=$B$17,14,0)+IF('Standard Profiles'!$G$19=$B$24,21,0),0)),0)</f>
        <v>4.1567747482009203</v>
      </c>
      <c r="F8755" cm="1">
        <f t="array" ref="F8755">IFERROR(INDEX(Jesper!AJ$2:AJ$366,ROUNDDOWN($C8755/24,0)+1,1)*INDEX($D$3:$AA$30,INDEX(Jesper!$R$2:$R$366,ROW(INDEX(Jesper!AJ$2:AJ$366,ROUNDDOWN($C8755/24,0)+1,1))-1)+IF('Standard Profiles'!$G$20=$B$10,7,0)+IF('Standard Profiles'!$G$20=$B$17,14,0)+IF('Standard Profiles'!$G$20=$B$24,21,0),MOD($C8755,24)+1)/SUM(INDEX($D$3:$AA$30,INDEX(Jesper!$R$2:$R$366,ROW(INDEX(Jesper!AJ$2:AJ$366,ROUNDDOWN($C8755/24,0)+1,1))-1)+IF('Standard Profiles'!$G$20=$B$10,7,0)+IF('Standard Profiles'!$G$20=$B$17,14,0)+IF('Standard Profiles'!$G$20=$B$24,21,0),0)),0)</f>
        <v>3.1625265180624331</v>
      </c>
      <c r="G8755" cm="1">
        <f t="array" ref="G8755">IFERROR(INDEX(Jesper!AK$2:AK$366,ROUNDDOWN($C8755/24,0)+1,1)*INDEX($D$3:$AA$30,INDEX(Jesper!$R$2:$R$366,ROW(INDEX(Jesper!AK$2:AK$366,ROUNDDOWN($C8755/24,0)+1,1))-1)+IF('Standard Profiles'!$G$21=$B$10,7,0)+IF('Standard Profiles'!$G$21=$B$17,14,0)+IF('Standard Profiles'!$G$21=$B$24,21,0),MOD($C8755,24)+1)/SUM(INDEX($D$3:$AA$30,INDEX(Jesper!$R$2:$R$366,ROW(INDEX(Jesper!AK$2:AK$366,ROUNDDOWN($C8755/24,0)+1,1))-1)+IF('Standard Profiles'!$G$21=$B$10,7,0)+IF('Standard Profiles'!$G$21=$B$17,14,0)+IF('Standard Profiles'!$G$21=$B$24,21,0),0)),0)</f>
        <v>4.4486535196825585</v>
      </c>
      <c r="H8755" cm="1">
        <f t="array" ref="H8755">IFERROR(INDEX(Jesper!AL$2:AL$366,ROUNDDOWN($C8755/24,0)+1,1)*INDEX($D$3:$AA$30,INDEX(Jesper!$R$2:$R$366,ROW(INDEX(Jesper!AL$2:AL$366,ROUNDDOWN($C8755/24,0)+1,1))-1)+IF('Standard Profiles'!$G$22=$B$10,7,0)+IF('Standard Profiles'!$G$22=$B$17,14,0)+IF('Standard Profiles'!$G$22=$B$24,21,0),MOD($C8755,24)+1)/SUM(INDEX($D$3:$AA$30,INDEX(Jesper!$R$2:$R$366,ROW(INDEX(Jesper!AL$2:AL$366,ROUNDDOWN($C8755/24,0)+1,1))-1)+IF('Standard Profiles'!$G$22=$B$10,7,0)+IF('Standard Profiles'!$G$22=$B$17,14,0)+IF('Standard Profiles'!$G$22=$B$24,21,0),0)),0)</f>
        <v>4.0915115479244122</v>
      </c>
      <c r="I8755">
        <f t="shared" si="972"/>
        <v>3.927851086007438</v>
      </c>
      <c r="J8755">
        <f t="shared" si="973"/>
        <v>11.432802278078777</v>
      </c>
      <c r="K8755">
        <f t="shared" si="974"/>
        <v>0.33254197985607364</v>
      </c>
      <c r="L8755">
        <f t="shared" si="975"/>
        <v>0.16627098992803682</v>
      </c>
      <c r="M8755">
        <f t="shared" si="976"/>
        <v>0</v>
      </c>
      <c r="N8755" s="45">
        <f t="shared" si="977"/>
        <v>45290.374999978849</v>
      </c>
    </row>
    <row r="8756" spans="2:14" x14ac:dyDescent="0.25">
      <c r="B8756">
        <f t="shared" si="971"/>
        <v>6</v>
      </c>
      <c r="C8756" s="16">
        <v>8722</v>
      </c>
      <c r="D8756" cm="1">
        <f t="array" ref="D8756">IFERROR(INDEX(Jesper!AH$2:AH$366,ROUNDDOWN($C8756/24,0)+1,1)*INDEX($D$3:$AA$30,INDEX(Jesper!$R$2:$R$366,ROW(INDEX(Jesper!AH$2:AH$366,ROUNDDOWN($C8756/24,0)+1,1))-1)+IF('Standard Profiles'!$G$18=$B$10,7,0)+IF('Standard Profiles'!$G$18=$B$17,14,0)+IF('Standard Profiles'!$G$18=$B$24,21,0),MOD($C8756,24)+1)/SUM(INDEX($D$3:$AA$30,INDEX(Jesper!$R$2:$R$366,ROW(INDEX(Jesper!AH$2:AH$366,ROUNDDOWN($C8756/24,0)+1,1))-1)+IF('Standard Profiles'!$G$18=$B$10,7,0)+IF('Standard Profiles'!$G$18=$B$17,14,0)+IF('Standard Profiles'!$G$18=$B$24,21,0),0)),0)</f>
        <v>0</v>
      </c>
      <c r="E8756" cm="1">
        <f t="array" ref="E8756">IFERROR(INDEX(Jesper!AI$2:AI$366,ROUNDDOWN($C8756/24,0)+1,1)*INDEX($D$3:$AA$30,INDEX(Jesper!$R$2:$R$366,ROW(INDEX(Jesper!AI$2:AI$366,ROUNDDOWN($C8756/24,0)+1,1))-1)+IF('Standard Profiles'!$G$19=$B$10,7,0)+IF('Standard Profiles'!$G$19=$B$17,14,0)+IF('Standard Profiles'!$G$19=$B$24,21,0),MOD($C8756,24)+1)/SUM(INDEX($D$3:$AA$30,INDEX(Jesper!$R$2:$R$366,ROW(INDEX(Jesper!AI$2:AI$366,ROUNDDOWN($C8756/24,0)+1,1))-1)+IF('Standard Profiles'!$G$19=$B$10,7,0)+IF('Standard Profiles'!$G$19=$B$17,14,0)+IF('Standard Profiles'!$G$19=$B$24,21,0),0)),0)</f>
        <v>4.1567747482009203</v>
      </c>
      <c r="F8756" cm="1">
        <f t="array" ref="F8756">IFERROR(INDEX(Jesper!AJ$2:AJ$366,ROUNDDOWN($C8756/24,0)+1,1)*INDEX($D$3:$AA$30,INDEX(Jesper!$R$2:$R$366,ROW(INDEX(Jesper!AJ$2:AJ$366,ROUNDDOWN($C8756/24,0)+1,1))-1)+IF('Standard Profiles'!$G$20=$B$10,7,0)+IF('Standard Profiles'!$G$20=$B$17,14,0)+IF('Standard Profiles'!$G$20=$B$24,21,0),MOD($C8756,24)+1)/SUM(INDEX($D$3:$AA$30,INDEX(Jesper!$R$2:$R$366,ROW(INDEX(Jesper!AJ$2:AJ$366,ROUNDDOWN($C8756/24,0)+1,1))-1)+IF('Standard Profiles'!$G$20=$B$10,7,0)+IF('Standard Profiles'!$G$20=$B$17,14,0)+IF('Standard Profiles'!$G$20=$B$24,21,0),0)),0)</f>
        <v>3.1625265180624331</v>
      </c>
      <c r="G8756" cm="1">
        <f t="array" ref="G8756">IFERROR(INDEX(Jesper!AK$2:AK$366,ROUNDDOWN($C8756/24,0)+1,1)*INDEX($D$3:$AA$30,INDEX(Jesper!$R$2:$R$366,ROW(INDEX(Jesper!AK$2:AK$366,ROUNDDOWN($C8756/24,0)+1,1))-1)+IF('Standard Profiles'!$G$21=$B$10,7,0)+IF('Standard Profiles'!$G$21=$B$17,14,0)+IF('Standard Profiles'!$G$21=$B$24,21,0),MOD($C8756,24)+1)/SUM(INDEX($D$3:$AA$30,INDEX(Jesper!$R$2:$R$366,ROW(INDEX(Jesper!AK$2:AK$366,ROUNDDOWN($C8756/24,0)+1,1))-1)+IF('Standard Profiles'!$G$21=$B$10,7,0)+IF('Standard Profiles'!$G$21=$B$17,14,0)+IF('Standard Profiles'!$G$21=$B$24,21,0),0)),0)</f>
        <v>4.4486535196825585</v>
      </c>
      <c r="H8756" cm="1">
        <f t="array" ref="H8756">IFERROR(INDEX(Jesper!AL$2:AL$366,ROUNDDOWN($C8756/24,0)+1,1)*INDEX($D$3:$AA$30,INDEX(Jesper!$R$2:$R$366,ROW(INDEX(Jesper!AL$2:AL$366,ROUNDDOWN($C8756/24,0)+1,1))-1)+IF('Standard Profiles'!$G$22=$B$10,7,0)+IF('Standard Profiles'!$G$22=$B$17,14,0)+IF('Standard Profiles'!$G$22=$B$24,21,0),MOD($C8756,24)+1)/SUM(INDEX($D$3:$AA$30,INDEX(Jesper!$R$2:$R$366,ROW(INDEX(Jesper!AL$2:AL$366,ROUNDDOWN($C8756/24,0)+1,1))-1)+IF('Standard Profiles'!$G$22=$B$10,7,0)+IF('Standard Profiles'!$G$22=$B$17,14,0)+IF('Standard Profiles'!$G$22=$B$24,21,0),0)),0)</f>
        <v>4.0915115479244122</v>
      </c>
      <c r="I8756">
        <f t="shared" si="972"/>
        <v>3.927851086007438</v>
      </c>
      <c r="J8756">
        <f t="shared" si="973"/>
        <v>11.432802278078777</v>
      </c>
      <c r="K8756">
        <f t="shared" si="974"/>
        <v>0.33254197985607364</v>
      </c>
      <c r="L8756">
        <f t="shared" si="975"/>
        <v>0.16627098992803682</v>
      </c>
      <c r="M8756">
        <f t="shared" si="976"/>
        <v>0</v>
      </c>
      <c r="N8756" s="45">
        <f t="shared" si="977"/>
        <v>45290.416666645513</v>
      </c>
    </row>
    <row r="8757" spans="2:14" x14ac:dyDescent="0.25">
      <c r="B8757">
        <f t="shared" si="971"/>
        <v>6</v>
      </c>
      <c r="C8757" s="16">
        <v>8723</v>
      </c>
      <c r="D8757" cm="1">
        <f t="array" ref="D8757">IFERROR(INDEX(Jesper!AH$2:AH$366,ROUNDDOWN($C8757/24,0)+1,1)*INDEX($D$3:$AA$30,INDEX(Jesper!$R$2:$R$366,ROW(INDEX(Jesper!AH$2:AH$366,ROUNDDOWN($C8757/24,0)+1,1))-1)+IF('Standard Profiles'!$G$18=$B$10,7,0)+IF('Standard Profiles'!$G$18=$B$17,14,0)+IF('Standard Profiles'!$G$18=$B$24,21,0),MOD($C8757,24)+1)/SUM(INDEX($D$3:$AA$30,INDEX(Jesper!$R$2:$R$366,ROW(INDEX(Jesper!AH$2:AH$366,ROUNDDOWN($C8757/24,0)+1,1))-1)+IF('Standard Profiles'!$G$18=$B$10,7,0)+IF('Standard Profiles'!$G$18=$B$17,14,0)+IF('Standard Profiles'!$G$18=$B$24,21,0),0)),0)</f>
        <v>0</v>
      </c>
      <c r="E8757" cm="1">
        <f t="array" ref="E8757">IFERROR(INDEX(Jesper!AI$2:AI$366,ROUNDDOWN($C8757/24,0)+1,1)*INDEX($D$3:$AA$30,INDEX(Jesper!$R$2:$R$366,ROW(INDEX(Jesper!AI$2:AI$366,ROUNDDOWN($C8757/24,0)+1,1))-1)+IF('Standard Profiles'!$G$19=$B$10,7,0)+IF('Standard Profiles'!$G$19=$B$17,14,0)+IF('Standard Profiles'!$G$19=$B$24,21,0),MOD($C8757,24)+1)/SUM(INDEX($D$3:$AA$30,INDEX(Jesper!$R$2:$R$366,ROW(INDEX(Jesper!AI$2:AI$366,ROUNDDOWN($C8757/24,0)+1,1))-1)+IF('Standard Profiles'!$G$19=$B$10,7,0)+IF('Standard Profiles'!$G$19=$B$17,14,0)+IF('Standard Profiles'!$G$19=$B$24,21,0),0)),0)</f>
        <v>4.1567747482009203</v>
      </c>
      <c r="F8757" cm="1">
        <f t="array" ref="F8757">IFERROR(INDEX(Jesper!AJ$2:AJ$366,ROUNDDOWN($C8757/24,0)+1,1)*INDEX($D$3:$AA$30,INDEX(Jesper!$R$2:$R$366,ROW(INDEX(Jesper!AJ$2:AJ$366,ROUNDDOWN($C8757/24,0)+1,1))-1)+IF('Standard Profiles'!$G$20=$B$10,7,0)+IF('Standard Profiles'!$G$20=$B$17,14,0)+IF('Standard Profiles'!$G$20=$B$24,21,0),MOD($C8757,24)+1)/SUM(INDEX($D$3:$AA$30,INDEX(Jesper!$R$2:$R$366,ROW(INDEX(Jesper!AJ$2:AJ$366,ROUNDDOWN($C8757/24,0)+1,1))-1)+IF('Standard Profiles'!$G$20=$B$10,7,0)+IF('Standard Profiles'!$G$20=$B$17,14,0)+IF('Standard Profiles'!$G$20=$B$24,21,0),0)),0)</f>
        <v>3.1625265180624331</v>
      </c>
      <c r="G8757" cm="1">
        <f t="array" ref="G8757">IFERROR(INDEX(Jesper!AK$2:AK$366,ROUNDDOWN($C8757/24,0)+1,1)*INDEX($D$3:$AA$30,INDEX(Jesper!$R$2:$R$366,ROW(INDEX(Jesper!AK$2:AK$366,ROUNDDOWN($C8757/24,0)+1,1))-1)+IF('Standard Profiles'!$G$21=$B$10,7,0)+IF('Standard Profiles'!$G$21=$B$17,14,0)+IF('Standard Profiles'!$G$21=$B$24,21,0),MOD($C8757,24)+1)/SUM(INDEX($D$3:$AA$30,INDEX(Jesper!$R$2:$R$366,ROW(INDEX(Jesper!AK$2:AK$366,ROUNDDOWN($C8757/24,0)+1,1))-1)+IF('Standard Profiles'!$G$21=$B$10,7,0)+IF('Standard Profiles'!$G$21=$B$17,14,0)+IF('Standard Profiles'!$G$21=$B$24,21,0),0)),0)</f>
        <v>4.4486535196825585</v>
      </c>
      <c r="H8757" cm="1">
        <f t="array" ref="H8757">IFERROR(INDEX(Jesper!AL$2:AL$366,ROUNDDOWN($C8757/24,0)+1,1)*INDEX($D$3:$AA$30,INDEX(Jesper!$R$2:$R$366,ROW(INDEX(Jesper!AL$2:AL$366,ROUNDDOWN($C8757/24,0)+1,1))-1)+IF('Standard Profiles'!$G$22=$B$10,7,0)+IF('Standard Profiles'!$G$22=$B$17,14,0)+IF('Standard Profiles'!$G$22=$B$24,21,0),MOD($C8757,24)+1)/SUM(INDEX($D$3:$AA$30,INDEX(Jesper!$R$2:$R$366,ROW(INDEX(Jesper!AL$2:AL$366,ROUNDDOWN($C8757/24,0)+1,1))-1)+IF('Standard Profiles'!$G$22=$B$10,7,0)+IF('Standard Profiles'!$G$22=$B$17,14,0)+IF('Standard Profiles'!$G$22=$B$24,21,0),0)),0)</f>
        <v>4.0915115479244122</v>
      </c>
      <c r="I8757">
        <f t="shared" si="972"/>
        <v>3.927851086007438</v>
      </c>
      <c r="J8757">
        <f t="shared" si="973"/>
        <v>11.432802278078777</v>
      </c>
      <c r="K8757">
        <f t="shared" si="974"/>
        <v>0.33254197985607364</v>
      </c>
      <c r="L8757">
        <f t="shared" si="975"/>
        <v>0.16627098992803682</v>
      </c>
      <c r="M8757">
        <f t="shared" si="976"/>
        <v>0</v>
      </c>
      <c r="N8757" s="45">
        <f t="shared" si="977"/>
        <v>45290.458333312177</v>
      </c>
    </row>
    <row r="8758" spans="2:14" x14ac:dyDescent="0.25">
      <c r="B8758">
        <f t="shared" si="971"/>
        <v>6</v>
      </c>
      <c r="C8758" s="16">
        <v>8724</v>
      </c>
      <c r="D8758" cm="1">
        <f t="array" ref="D8758">IFERROR(INDEX(Jesper!AH$2:AH$366,ROUNDDOWN($C8758/24,0)+1,1)*INDEX($D$3:$AA$30,INDEX(Jesper!$R$2:$R$366,ROW(INDEX(Jesper!AH$2:AH$366,ROUNDDOWN($C8758/24,0)+1,1))-1)+IF('Standard Profiles'!$G$18=$B$10,7,0)+IF('Standard Profiles'!$G$18=$B$17,14,0)+IF('Standard Profiles'!$G$18=$B$24,21,0),MOD($C8758,24)+1)/SUM(INDEX($D$3:$AA$30,INDEX(Jesper!$R$2:$R$366,ROW(INDEX(Jesper!AH$2:AH$366,ROUNDDOWN($C8758/24,0)+1,1))-1)+IF('Standard Profiles'!$G$18=$B$10,7,0)+IF('Standard Profiles'!$G$18=$B$17,14,0)+IF('Standard Profiles'!$G$18=$B$24,21,0),0)),0)</f>
        <v>0</v>
      </c>
      <c r="E8758" cm="1">
        <f t="array" ref="E8758">IFERROR(INDEX(Jesper!AI$2:AI$366,ROUNDDOWN($C8758/24,0)+1,1)*INDEX($D$3:$AA$30,INDEX(Jesper!$R$2:$R$366,ROW(INDEX(Jesper!AI$2:AI$366,ROUNDDOWN($C8758/24,0)+1,1))-1)+IF('Standard Profiles'!$G$19=$B$10,7,0)+IF('Standard Profiles'!$G$19=$B$17,14,0)+IF('Standard Profiles'!$G$19=$B$24,21,0),MOD($C8758,24)+1)/SUM(INDEX($D$3:$AA$30,INDEX(Jesper!$R$2:$R$366,ROW(INDEX(Jesper!AI$2:AI$366,ROUNDDOWN($C8758/24,0)+1,1))-1)+IF('Standard Profiles'!$G$19=$B$10,7,0)+IF('Standard Profiles'!$G$19=$B$17,14,0)+IF('Standard Profiles'!$G$19=$B$24,21,0),0)),0)</f>
        <v>4.1567747482009203</v>
      </c>
      <c r="F8758" cm="1">
        <f t="array" ref="F8758">IFERROR(INDEX(Jesper!AJ$2:AJ$366,ROUNDDOWN($C8758/24,0)+1,1)*INDEX($D$3:$AA$30,INDEX(Jesper!$R$2:$R$366,ROW(INDEX(Jesper!AJ$2:AJ$366,ROUNDDOWN($C8758/24,0)+1,1))-1)+IF('Standard Profiles'!$G$20=$B$10,7,0)+IF('Standard Profiles'!$G$20=$B$17,14,0)+IF('Standard Profiles'!$G$20=$B$24,21,0),MOD($C8758,24)+1)/SUM(INDEX($D$3:$AA$30,INDEX(Jesper!$R$2:$R$366,ROW(INDEX(Jesper!AJ$2:AJ$366,ROUNDDOWN($C8758/24,0)+1,1))-1)+IF('Standard Profiles'!$G$20=$B$10,7,0)+IF('Standard Profiles'!$G$20=$B$17,14,0)+IF('Standard Profiles'!$G$20=$B$24,21,0),0)),0)</f>
        <v>3.1625265180624331</v>
      </c>
      <c r="G8758" cm="1">
        <f t="array" ref="G8758">IFERROR(INDEX(Jesper!AK$2:AK$366,ROUNDDOWN($C8758/24,0)+1,1)*INDEX($D$3:$AA$30,INDEX(Jesper!$R$2:$R$366,ROW(INDEX(Jesper!AK$2:AK$366,ROUNDDOWN($C8758/24,0)+1,1))-1)+IF('Standard Profiles'!$G$21=$B$10,7,0)+IF('Standard Profiles'!$G$21=$B$17,14,0)+IF('Standard Profiles'!$G$21=$B$24,21,0),MOD($C8758,24)+1)/SUM(INDEX($D$3:$AA$30,INDEX(Jesper!$R$2:$R$366,ROW(INDEX(Jesper!AK$2:AK$366,ROUNDDOWN($C8758/24,0)+1,1))-1)+IF('Standard Profiles'!$G$21=$B$10,7,0)+IF('Standard Profiles'!$G$21=$B$17,14,0)+IF('Standard Profiles'!$G$21=$B$24,21,0),0)),0)</f>
        <v>4.4486535196825585</v>
      </c>
      <c r="H8758" cm="1">
        <f t="array" ref="H8758">IFERROR(INDEX(Jesper!AL$2:AL$366,ROUNDDOWN($C8758/24,0)+1,1)*INDEX($D$3:$AA$30,INDEX(Jesper!$R$2:$R$366,ROW(INDEX(Jesper!AL$2:AL$366,ROUNDDOWN($C8758/24,0)+1,1))-1)+IF('Standard Profiles'!$G$22=$B$10,7,0)+IF('Standard Profiles'!$G$22=$B$17,14,0)+IF('Standard Profiles'!$G$22=$B$24,21,0),MOD($C8758,24)+1)/SUM(INDEX($D$3:$AA$30,INDEX(Jesper!$R$2:$R$366,ROW(INDEX(Jesper!AL$2:AL$366,ROUNDDOWN($C8758/24,0)+1,1))-1)+IF('Standard Profiles'!$G$22=$B$10,7,0)+IF('Standard Profiles'!$G$22=$B$17,14,0)+IF('Standard Profiles'!$G$22=$B$24,21,0),0)),0)</f>
        <v>4.0915115479244122</v>
      </c>
      <c r="I8758">
        <f t="shared" si="972"/>
        <v>3.927851086007438</v>
      </c>
      <c r="J8758">
        <f t="shared" si="973"/>
        <v>11.432802278078777</v>
      </c>
      <c r="K8758">
        <f t="shared" si="974"/>
        <v>0.33254197985607364</v>
      </c>
      <c r="L8758">
        <f t="shared" si="975"/>
        <v>0.16627098992803682</v>
      </c>
      <c r="M8758">
        <f t="shared" si="976"/>
        <v>0</v>
      </c>
      <c r="N8758" s="45">
        <f t="shared" si="977"/>
        <v>45290.499999978842</v>
      </c>
    </row>
    <row r="8759" spans="2:14" x14ac:dyDescent="0.25">
      <c r="B8759">
        <f t="shared" si="971"/>
        <v>6</v>
      </c>
      <c r="C8759" s="16">
        <v>8725</v>
      </c>
      <c r="D8759" cm="1">
        <f t="array" ref="D8759">IFERROR(INDEX(Jesper!AH$2:AH$366,ROUNDDOWN($C8759/24,0)+1,1)*INDEX($D$3:$AA$30,INDEX(Jesper!$R$2:$R$366,ROW(INDEX(Jesper!AH$2:AH$366,ROUNDDOWN($C8759/24,0)+1,1))-1)+IF('Standard Profiles'!$G$18=$B$10,7,0)+IF('Standard Profiles'!$G$18=$B$17,14,0)+IF('Standard Profiles'!$G$18=$B$24,21,0),MOD($C8759,24)+1)/SUM(INDEX($D$3:$AA$30,INDEX(Jesper!$R$2:$R$366,ROW(INDEX(Jesper!AH$2:AH$366,ROUNDDOWN($C8759/24,0)+1,1))-1)+IF('Standard Profiles'!$G$18=$B$10,7,0)+IF('Standard Profiles'!$G$18=$B$17,14,0)+IF('Standard Profiles'!$G$18=$B$24,21,0),0)),0)</f>
        <v>0</v>
      </c>
      <c r="E8759" cm="1">
        <f t="array" ref="E8759">IFERROR(INDEX(Jesper!AI$2:AI$366,ROUNDDOWN($C8759/24,0)+1,1)*INDEX($D$3:$AA$30,INDEX(Jesper!$R$2:$R$366,ROW(INDEX(Jesper!AI$2:AI$366,ROUNDDOWN($C8759/24,0)+1,1))-1)+IF('Standard Profiles'!$G$19=$B$10,7,0)+IF('Standard Profiles'!$G$19=$B$17,14,0)+IF('Standard Profiles'!$G$19=$B$24,21,0),MOD($C8759,24)+1)/SUM(INDEX($D$3:$AA$30,INDEX(Jesper!$R$2:$R$366,ROW(INDEX(Jesper!AI$2:AI$366,ROUNDDOWN($C8759/24,0)+1,1))-1)+IF('Standard Profiles'!$G$19=$B$10,7,0)+IF('Standard Profiles'!$G$19=$B$17,14,0)+IF('Standard Profiles'!$G$19=$B$24,21,0),0)),0)</f>
        <v>4.1567747482009203</v>
      </c>
      <c r="F8759" cm="1">
        <f t="array" ref="F8759">IFERROR(INDEX(Jesper!AJ$2:AJ$366,ROUNDDOWN($C8759/24,0)+1,1)*INDEX($D$3:$AA$30,INDEX(Jesper!$R$2:$R$366,ROW(INDEX(Jesper!AJ$2:AJ$366,ROUNDDOWN($C8759/24,0)+1,1))-1)+IF('Standard Profiles'!$G$20=$B$10,7,0)+IF('Standard Profiles'!$G$20=$B$17,14,0)+IF('Standard Profiles'!$G$20=$B$24,21,0),MOD($C8759,24)+1)/SUM(INDEX($D$3:$AA$30,INDEX(Jesper!$R$2:$R$366,ROW(INDEX(Jesper!AJ$2:AJ$366,ROUNDDOWN($C8759/24,0)+1,1))-1)+IF('Standard Profiles'!$G$20=$B$10,7,0)+IF('Standard Profiles'!$G$20=$B$17,14,0)+IF('Standard Profiles'!$G$20=$B$24,21,0),0)),0)</f>
        <v>3.1625265180624331</v>
      </c>
      <c r="G8759" cm="1">
        <f t="array" ref="G8759">IFERROR(INDEX(Jesper!AK$2:AK$366,ROUNDDOWN($C8759/24,0)+1,1)*INDEX($D$3:$AA$30,INDEX(Jesper!$R$2:$R$366,ROW(INDEX(Jesper!AK$2:AK$366,ROUNDDOWN($C8759/24,0)+1,1))-1)+IF('Standard Profiles'!$G$21=$B$10,7,0)+IF('Standard Profiles'!$G$21=$B$17,14,0)+IF('Standard Profiles'!$G$21=$B$24,21,0),MOD($C8759,24)+1)/SUM(INDEX($D$3:$AA$30,INDEX(Jesper!$R$2:$R$366,ROW(INDEX(Jesper!AK$2:AK$366,ROUNDDOWN($C8759/24,0)+1,1))-1)+IF('Standard Profiles'!$G$21=$B$10,7,0)+IF('Standard Profiles'!$G$21=$B$17,14,0)+IF('Standard Profiles'!$G$21=$B$24,21,0),0)),0)</f>
        <v>4.4486535196825585</v>
      </c>
      <c r="H8759" cm="1">
        <f t="array" ref="H8759">IFERROR(INDEX(Jesper!AL$2:AL$366,ROUNDDOWN($C8759/24,0)+1,1)*INDEX($D$3:$AA$30,INDEX(Jesper!$R$2:$R$366,ROW(INDEX(Jesper!AL$2:AL$366,ROUNDDOWN($C8759/24,0)+1,1))-1)+IF('Standard Profiles'!$G$22=$B$10,7,0)+IF('Standard Profiles'!$G$22=$B$17,14,0)+IF('Standard Profiles'!$G$22=$B$24,21,0),MOD($C8759,24)+1)/SUM(INDEX($D$3:$AA$30,INDEX(Jesper!$R$2:$R$366,ROW(INDEX(Jesper!AL$2:AL$366,ROUNDDOWN($C8759/24,0)+1,1))-1)+IF('Standard Profiles'!$G$22=$B$10,7,0)+IF('Standard Profiles'!$G$22=$B$17,14,0)+IF('Standard Profiles'!$G$22=$B$24,21,0),0)),0)</f>
        <v>4.0915115479244122</v>
      </c>
      <c r="I8759">
        <f t="shared" si="972"/>
        <v>3.927851086007438</v>
      </c>
      <c r="J8759">
        <f t="shared" si="973"/>
        <v>11.432802278078777</v>
      </c>
      <c r="K8759">
        <f t="shared" si="974"/>
        <v>0.33254197985607364</v>
      </c>
      <c r="L8759">
        <f t="shared" si="975"/>
        <v>0.16627098992803682</v>
      </c>
      <c r="M8759">
        <f t="shared" si="976"/>
        <v>0</v>
      </c>
      <c r="N8759" s="45">
        <f t="shared" si="977"/>
        <v>45290.541666645506</v>
      </c>
    </row>
    <row r="8760" spans="2:14" x14ac:dyDescent="0.25">
      <c r="B8760">
        <f t="shared" si="971"/>
        <v>6</v>
      </c>
      <c r="C8760" s="16">
        <v>8726</v>
      </c>
      <c r="D8760" cm="1">
        <f t="array" ref="D8760">IFERROR(INDEX(Jesper!AH$2:AH$366,ROUNDDOWN($C8760/24,0)+1,1)*INDEX($D$3:$AA$30,INDEX(Jesper!$R$2:$R$366,ROW(INDEX(Jesper!AH$2:AH$366,ROUNDDOWN($C8760/24,0)+1,1))-1)+IF('Standard Profiles'!$G$18=$B$10,7,0)+IF('Standard Profiles'!$G$18=$B$17,14,0)+IF('Standard Profiles'!$G$18=$B$24,21,0),MOD($C8760,24)+1)/SUM(INDEX($D$3:$AA$30,INDEX(Jesper!$R$2:$R$366,ROW(INDEX(Jesper!AH$2:AH$366,ROUNDDOWN($C8760/24,0)+1,1))-1)+IF('Standard Profiles'!$G$18=$B$10,7,0)+IF('Standard Profiles'!$G$18=$B$17,14,0)+IF('Standard Profiles'!$G$18=$B$24,21,0),0)),0)</f>
        <v>0</v>
      </c>
      <c r="E8760" cm="1">
        <f t="array" ref="E8760">IFERROR(INDEX(Jesper!AI$2:AI$366,ROUNDDOWN($C8760/24,0)+1,1)*INDEX($D$3:$AA$30,INDEX(Jesper!$R$2:$R$366,ROW(INDEX(Jesper!AI$2:AI$366,ROUNDDOWN($C8760/24,0)+1,1))-1)+IF('Standard Profiles'!$G$19=$B$10,7,0)+IF('Standard Profiles'!$G$19=$B$17,14,0)+IF('Standard Profiles'!$G$19=$B$24,21,0),MOD($C8760,24)+1)/SUM(INDEX($D$3:$AA$30,INDEX(Jesper!$R$2:$R$366,ROW(INDEX(Jesper!AI$2:AI$366,ROUNDDOWN($C8760/24,0)+1,1))-1)+IF('Standard Profiles'!$G$19=$B$10,7,0)+IF('Standard Profiles'!$G$19=$B$17,14,0)+IF('Standard Profiles'!$G$19=$B$24,21,0),0)),0)</f>
        <v>4.1567747482009203</v>
      </c>
      <c r="F8760" cm="1">
        <f t="array" ref="F8760">IFERROR(INDEX(Jesper!AJ$2:AJ$366,ROUNDDOWN($C8760/24,0)+1,1)*INDEX($D$3:$AA$30,INDEX(Jesper!$R$2:$R$366,ROW(INDEX(Jesper!AJ$2:AJ$366,ROUNDDOWN($C8760/24,0)+1,1))-1)+IF('Standard Profiles'!$G$20=$B$10,7,0)+IF('Standard Profiles'!$G$20=$B$17,14,0)+IF('Standard Profiles'!$G$20=$B$24,21,0),MOD($C8760,24)+1)/SUM(INDEX($D$3:$AA$30,INDEX(Jesper!$R$2:$R$366,ROW(INDEX(Jesper!AJ$2:AJ$366,ROUNDDOWN($C8760/24,0)+1,1))-1)+IF('Standard Profiles'!$G$20=$B$10,7,0)+IF('Standard Profiles'!$G$20=$B$17,14,0)+IF('Standard Profiles'!$G$20=$B$24,21,0),0)),0)</f>
        <v>3.1625265180624331</v>
      </c>
      <c r="G8760" cm="1">
        <f t="array" ref="G8760">IFERROR(INDEX(Jesper!AK$2:AK$366,ROUNDDOWN($C8760/24,0)+1,1)*INDEX($D$3:$AA$30,INDEX(Jesper!$R$2:$R$366,ROW(INDEX(Jesper!AK$2:AK$366,ROUNDDOWN($C8760/24,0)+1,1))-1)+IF('Standard Profiles'!$G$21=$B$10,7,0)+IF('Standard Profiles'!$G$21=$B$17,14,0)+IF('Standard Profiles'!$G$21=$B$24,21,0),MOD($C8760,24)+1)/SUM(INDEX($D$3:$AA$30,INDEX(Jesper!$R$2:$R$366,ROW(INDEX(Jesper!AK$2:AK$366,ROUNDDOWN($C8760/24,0)+1,1))-1)+IF('Standard Profiles'!$G$21=$B$10,7,0)+IF('Standard Profiles'!$G$21=$B$17,14,0)+IF('Standard Profiles'!$G$21=$B$24,21,0),0)),0)</f>
        <v>4.4486535196825585</v>
      </c>
      <c r="H8760" cm="1">
        <f t="array" ref="H8760">IFERROR(INDEX(Jesper!AL$2:AL$366,ROUNDDOWN($C8760/24,0)+1,1)*INDEX($D$3:$AA$30,INDEX(Jesper!$R$2:$R$366,ROW(INDEX(Jesper!AL$2:AL$366,ROUNDDOWN($C8760/24,0)+1,1))-1)+IF('Standard Profiles'!$G$22=$B$10,7,0)+IF('Standard Profiles'!$G$22=$B$17,14,0)+IF('Standard Profiles'!$G$22=$B$24,21,0),MOD($C8760,24)+1)/SUM(INDEX($D$3:$AA$30,INDEX(Jesper!$R$2:$R$366,ROW(INDEX(Jesper!AL$2:AL$366,ROUNDDOWN($C8760/24,0)+1,1))-1)+IF('Standard Profiles'!$G$22=$B$10,7,0)+IF('Standard Profiles'!$G$22=$B$17,14,0)+IF('Standard Profiles'!$G$22=$B$24,21,0),0)),0)</f>
        <v>4.0915115479244122</v>
      </c>
      <c r="I8760">
        <f t="shared" si="972"/>
        <v>3.927851086007438</v>
      </c>
      <c r="J8760">
        <f t="shared" si="973"/>
        <v>11.432802278078777</v>
      </c>
      <c r="K8760">
        <f t="shared" si="974"/>
        <v>0.33254197985607364</v>
      </c>
      <c r="L8760">
        <f t="shared" si="975"/>
        <v>0.16627098992803682</v>
      </c>
      <c r="M8760">
        <f t="shared" si="976"/>
        <v>0</v>
      </c>
      <c r="N8760" s="45">
        <f t="shared" si="977"/>
        <v>45290.58333331217</v>
      </c>
    </row>
    <row r="8761" spans="2:14" x14ac:dyDescent="0.25">
      <c r="B8761">
        <f t="shared" si="971"/>
        <v>6</v>
      </c>
      <c r="C8761" s="16">
        <v>8727</v>
      </c>
      <c r="D8761" cm="1">
        <f t="array" ref="D8761">IFERROR(INDEX(Jesper!AH$2:AH$366,ROUNDDOWN($C8761/24,0)+1,1)*INDEX($D$3:$AA$30,INDEX(Jesper!$R$2:$R$366,ROW(INDEX(Jesper!AH$2:AH$366,ROUNDDOWN($C8761/24,0)+1,1))-1)+IF('Standard Profiles'!$G$18=$B$10,7,0)+IF('Standard Profiles'!$G$18=$B$17,14,0)+IF('Standard Profiles'!$G$18=$B$24,21,0),MOD($C8761,24)+1)/SUM(INDEX($D$3:$AA$30,INDEX(Jesper!$R$2:$R$366,ROW(INDEX(Jesper!AH$2:AH$366,ROUNDDOWN($C8761/24,0)+1,1))-1)+IF('Standard Profiles'!$G$18=$B$10,7,0)+IF('Standard Profiles'!$G$18=$B$17,14,0)+IF('Standard Profiles'!$G$18=$B$24,21,0),0)),0)</f>
        <v>0</v>
      </c>
      <c r="E8761" cm="1">
        <f t="array" ref="E8761">IFERROR(INDEX(Jesper!AI$2:AI$366,ROUNDDOWN($C8761/24,0)+1,1)*INDEX($D$3:$AA$30,INDEX(Jesper!$R$2:$R$366,ROW(INDEX(Jesper!AI$2:AI$366,ROUNDDOWN($C8761/24,0)+1,1))-1)+IF('Standard Profiles'!$G$19=$B$10,7,0)+IF('Standard Profiles'!$G$19=$B$17,14,0)+IF('Standard Profiles'!$G$19=$B$24,21,0),MOD($C8761,24)+1)/SUM(INDEX($D$3:$AA$30,INDEX(Jesper!$R$2:$R$366,ROW(INDEX(Jesper!AI$2:AI$366,ROUNDDOWN($C8761/24,0)+1,1))-1)+IF('Standard Profiles'!$G$19=$B$10,7,0)+IF('Standard Profiles'!$G$19=$B$17,14,0)+IF('Standard Profiles'!$G$19=$B$24,21,0),0)),0)</f>
        <v>4.1567747482009203</v>
      </c>
      <c r="F8761" cm="1">
        <f t="array" ref="F8761">IFERROR(INDEX(Jesper!AJ$2:AJ$366,ROUNDDOWN($C8761/24,0)+1,1)*INDEX($D$3:$AA$30,INDEX(Jesper!$R$2:$R$366,ROW(INDEX(Jesper!AJ$2:AJ$366,ROUNDDOWN($C8761/24,0)+1,1))-1)+IF('Standard Profiles'!$G$20=$B$10,7,0)+IF('Standard Profiles'!$G$20=$B$17,14,0)+IF('Standard Profiles'!$G$20=$B$24,21,0),MOD($C8761,24)+1)/SUM(INDEX($D$3:$AA$30,INDEX(Jesper!$R$2:$R$366,ROW(INDEX(Jesper!AJ$2:AJ$366,ROUNDDOWN($C8761/24,0)+1,1))-1)+IF('Standard Profiles'!$G$20=$B$10,7,0)+IF('Standard Profiles'!$G$20=$B$17,14,0)+IF('Standard Profiles'!$G$20=$B$24,21,0),0)),0)</f>
        <v>3.1625265180624331</v>
      </c>
      <c r="G8761" cm="1">
        <f t="array" ref="G8761">IFERROR(INDEX(Jesper!AK$2:AK$366,ROUNDDOWN($C8761/24,0)+1,1)*INDEX($D$3:$AA$30,INDEX(Jesper!$R$2:$R$366,ROW(INDEX(Jesper!AK$2:AK$366,ROUNDDOWN($C8761/24,0)+1,1))-1)+IF('Standard Profiles'!$G$21=$B$10,7,0)+IF('Standard Profiles'!$G$21=$B$17,14,0)+IF('Standard Profiles'!$G$21=$B$24,21,0),MOD($C8761,24)+1)/SUM(INDEX($D$3:$AA$30,INDEX(Jesper!$R$2:$R$366,ROW(INDEX(Jesper!AK$2:AK$366,ROUNDDOWN($C8761/24,0)+1,1))-1)+IF('Standard Profiles'!$G$21=$B$10,7,0)+IF('Standard Profiles'!$G$21=$B$17,14,0)+IF('Standard Profiles'!$G$21=$B$24,21,0),0)),0)</f>
        <v>4.4486535196825585</v>
      </c>
      <c r="H8761" cm="1">
        <f t="array" ref="H8761">IFERROR(INDEX(Jesper!AL$2:AL$366,ROUNDDOWN($C8761/24,0)+1,1)*INDEX($D$3:$AA$30,INDEX(Jesper!$R$2:$R$366,ROW(INDEX(Jesper!AL$2:AL$366,ROUNDDOWN($C8761/24,0)+1,1))-1)+IF('Standard Profiles'!$G$22=$B$10,7,0)+IF('Standard Profiles'!$G$22=$B$17,14,0)+IF('Standard Profiles'!$G$22=$B$24,21,0),MOD($C8761,24)+1)/SUM(INDEX($D$3:$AA$30,INDEX(Jesper!$R$2:$R$366,ROW(INDEX(Jesper!AL$2:AL$366,ROUNDDOWN($C8761/24,0)+1,1))-1)+IF('Standard Profiles'!$G$22=$B$10,7,0)+IF('Standard Profiles'!$G$22=$B$17,14,0)+IF('Standard Profiles'!$G$22=$B$24,21,0),0)),0)</f>
        <v>3.6991748241508389</v>
      </c>
      <c r="I8761">
        <f t="shared" si="972"/>
        <v>3.5512078311848074</v>
      </c>
      <c r="J8761">
        <f t="shared" si="973"/>
        <v>11.417108809127834</v>
      </c>
      <c r="K8761">
        <f t="shared" si="974"/>
        <v>0.33254197985607364</v>
      </c>
      <c r="L8761">
        <f t="shared" si="975"/>
        <v>0.16627098992803682</v>
      </c>
      <c r="M8761">
        <f t="shared" si="976"/>
        <v>0</v>
      </c>
      <c r="N8761" s="45">
        <f t="shared" si="977"/>
        <v>45290.624999978834</v>
      </c>
    </row>
    <row r="8762" spans="2:14" x14ac:dyDescent="0.25">
      <c r="B8762">
        <f t="shared" si="971"/>
        <v>6</v>
      </c>
      <c r="C8762" s="16">
        <v>8728</v>
      </c>
      <c r="D8762" cm="1">
        <f t="array" ref="D8762">IFERROR(INDEX(Jesper!AH$2:AH$366,ROUNDDOWN($C8762/24,0)+1,1)*INDEX($D$3:$AA$30,INDEX(Jesper!$R$2:$R$366,ROW(INDEX(Jesper!AH$2:AH$366,ROUNDDOWN($C8762/24,0)+1,1))-1)+IF('Standard Profiles'!$G$18=$B$10,7,0)+IF('Standard Profiles'!$G$18=$B$17,14,0)+IF('Standard Profiles'!$G$18=$B$24,21,0),MOD($C8762,24)+1)/SUM(INDEX($D$3:$AA$30,INDEX(Jesper!$R$2:$R$366,ROW(INDEX(Jesper!AH$2:AH$366,ROUNDDOWN($C8762/24,0)+1,1))-1)+IF('Standard Profiles'!$G$18=$B$10,7,0)+IF('Standard Profiles'!$G$18=$B$17,14,0)+IF('Standard Profiles'!$G$18=$B$24,21,0),0)),0)</f>
        <v>0</v>
      </c>
      <c r="E8762" cm="1">
        <f t="array" ref="E8762">IFERROR(INDEX(Jesper!AI$2:AI$366,ROUNDDOWN($C8762/24,0)+1,1)*INDEX($D$3:$AA$30,INDEX(Jesper!$R$2:$R$366,ROW(INDEX(Jesper!AI$2:AI$366,ROUNDDOWN($C8762/24,0)+1,1))-1)+IF('Standard Profiles'!$G$19=$B$10,7,0)+IF('Standard Profiles'!$G$19=$B$17,14,0)+IF('Standard Profiles'!$G$19=$B$24,21,0),MOD($C8762,24)+1)/SUM(INDEX($D$3:$AA$30,INDEX(Jesper!$R$2:$R$366,ROW(INDEX(Jesper!AI$2:AI$366,ROUNDDOWN($C8762/24,0)+1,1))-1)+IF('Standard Profiles'!$G$19=$B$10,7,0)+IF('Standard Profiles'!$G$19=$B$17,14,0)+IF('Standard Profiles'!$G$19=$B$24,21,0),0)),0)</f>
        <v>4.1567747482009203</v>
      </c>
      <c r="F8762" cm="1">
        <f t="array" ref="F8762">IFERROR(INDEX(Jesper!AJ$2:AJ$366,ROUNDDOWN($C8762/24,0)+1,1)*INDEX($D$3:$AA$30,INDEX(Jesper!$R$2:$R$366,ROW(INDEX(Jesper!AJ$2:AJ$366,ROUNDDOWN($C8762/24,0)+1,1))-1)+IF('Standard Profiles'!$G$20=$B$10,7,0)+IF('Standard Profiles'!$G$20=$B$17,14,0)+IF('Standard Profiles'!$G$20=$B$24,21,0),MOD($C8762,24)+1)/SUM(INDEX($D$3:$AA$30,INDEX(Jesper!$R$2:$R$366,ROW(INDEX(Jesper!AJ$2:AJ$366,ROUNDDOWN($C8762/24,0)+1,1))-1)+IF('Standard Profiles'!$G$20=$B$10,7,0)+IF('Standard Profiles'!$G$20=$B$17,14,0)+IF('Standard Profiles'!$G$20=$B$24,21,0),0)),0)</f>
        <v>3.1625265180624331</v>
      </c>
      <c r="G8762" cm="1">
        <f t="array" ref="G8762">IFERROR(INDEX(Jesper!AK$2:AK$366,ROUNDDOWN($C8762/24,0)+1,1)*INDEX($D$3:$AA$30,INDEX(Jesper!$R$2:$R$366,ROW(INDEX(Jesper!AK$2:AK$366,ROUNDDOWN($C8762/24,0)+1,1))-1)+IF('Standard Profiles'!$G$21=$B$10,7,0)+IF('Standard Profiles'!$G$21=$B$17,14,0)+IF('Standard Profiles'!$G$21=$B$24,21,0),MOD($C8762,24)+1)/SUM(INDEX($D$3:$AA$30,INDEX(Jesper!$R$2:$R$366,ROW(INDEX(Jesper!AK$2:AK$366,ROUNDDOWN($C8762/24,0)+1,1))-1)+IF('Standard Profiles'!$G$21=$B$10,7,0)+IF('Standard Profiles'!$G$21=$B$17,14,0)+IF('Standard Profiles'!$G$21=$B$24,21,0),0)),0)</f>
        <v>4.4486535196825585</v>
      </c>
      <c r="H8762" cm="1">
        <f t="array" ref="H8762">IFERROR(INDEX(Jesper!AL$2:AL$366,ROUNDDOWN($C8762/24,0)+1,1)*INDEX($D$3:$AA$30,INDEX(Jesper!$R$2:$R$366,ROW(INDEX(Jesper!AL$2:AL$366,ROUNDDOWN($C8762/24,0)+1,1))-1)+IF('Standard Profiles'!$G$22=$B$10,7,0)+IF('Standard Profiles'!$G$22=$B$17,14,0)+IF('Standard Profiles'!$G$22=$B$24,21,0),MOD($C8762,24)+1)/SUM(INDEX($D$3:$AA$30,INDEX(Jesper!$R$2:$R$366,ROW(INDEX(Jesper!AL$2:AL$366,ROUNDDOWN($C8762/24,0)+1,1))-1)+IF('Standard Profiles'!$G$22=$B$10,7,0)+IF('Standard Profiles'!$G$22=$B$17,14,0)+IF('Standard Profiles'!$G$22=$B$24,21,0),0)),0)</f>
        <v>3.3628862037734901</v>
      </c>
      <c r="I8762">
        <f t="shared" si="972"/>
        <v>3.228370755622552</v>
      </c>
      <c r="J8762">
        <f t="shared" si="973"/>
        <v>11.40365726431274</v>
      </c>
      <c r="K8762">
        <f t="shared" si="974"/>
        <v>0.33254197985607364</v>
      </c>
      <c r="L8762">
        <f t="shared" si="975"/>
        <v>0.16627098992803682</v>
      </c>
      <c r="M8762">
        <f t="shared" si="976"/>
        <v>0</v>
      </c>
      <c r="N8762" s="45">
        <f t="shared" si="977"/>
        <v>45290.666666645498</v>
      </c>
    </row>
    <row r="8763" spans="2:14" x14ac:dyDescent="0.25">
      <c r="B8763">
        <f t="shared" si="971"/>
        <v>6</v>
      </c>
      <c r="C8763" s="16">
        <v>8729</v>
      </c>
      <c r="D8763" cm="1">
        <f t="array" ref="D8763">IFERROR(INDEX(Jesper!AH$2:AH$366,ROUNDDOWN($C8763/24,0)+1,1)*INDEX($D$3:$AA$30,INDEX(Jesper!$R$2:$R$366,ROW(INDEX(Jesper!AH$2:AH$366,ROUNDDOWN($C8763/24,0)+1,1))-1)+IF('Standard Profiles'!$G$18=$B$10,7,0)+IF('Standard Profiles'!$G$18=$B$17,14,0)+IF('Standard Profiles'!$G$18=$B$24,21,0),MOD($C8763,24)+1)/SUM(INDEX($D$3:$AA$30,INDEX(Jesper!$R$2:$R$366,ROW(INDEX(Jesper!AH$2:AH$366,ROUNDDOWN($C8763/24,0)+1,1))-1)+IF('Standard Profiles'!$G$18=$B$10,7,0)+IF('Standard Profiles'!$G$18=$B$17,14,0)+IF('Standard Profiles'!$G$18=$B$24,21,0),0)),0)</f>
        <v>0</v>
      </c>
      <c r="E8763" cm="1">
        <f t="array" ref="E8763">IFERROR(INDEX(Jesper!AI$2:AI$366,ROUNDDOWN($C8763/24,0)+1,1)*INDEX($D$3:$AA$30,INDEX(Jesper!$R$2:$R$366,ROW(INDEX(Jesper!AI$2:AI$366,ROUNDDOWN($C8763/24,0)+1,1))-1)+IF('Standard Profiles'!$G$19=$B$10,7,0)+IF('Standard Profiles'!$G$19=$B$17,14,0)+IF('Standard Profiles'!$G$19=$B$24,21,0),MOD($C8763,24)+1)/SUM(INDEX($D$3:$AA$30,INDEX(Jesper!$R$2:$R$366,ROW(INDEX(Jesper!AI$2:AI$366,ROUNDDOWN($C8763/24,0)+1,1))-1)+IF('Standard Profiles'!$G$19=$B$10,7,0)+IF('Standard Profiles'!$G$19=$B$17,14,0)+IF('Standard Profiles'!$G$19=$B$24,21,0),0)),0)</f>
        <v>4.1567747482009203</v>
      </c>
      <c r="F8763" cm="1">
        <f t="array" ref="F8763">IFERROR(INDEX(Jesper!AJ$2:AJ$366,ROUNDDOWN($C8763/24,0)+1,1)*INDEX($D$3:$AA$30,INDEX(Jesper!$R$2:$R$366,ROW(INDEX(Jesper!AJ$2:AJ$366,ROUNDDOWN($C8763/24,0)+1,1))-1)+IF('Standard Profiles'!$G$20=$B$10,7,0)+IF('Standard Profiles'!$G$20=$B$17,14,0)+IF('Standard Profiles'!$G$20=$B$24,21,0),MOD($C8763,24)+1)/SUM(INDEX($D$3:$AA$30,INDEX(Jesper!$R$2:$R$366,ROW(INDEX(Jesper!AJ$2:AJ$366,ROUNDDOWN($C8763/24,0)+1,1))-1)+IF('Standard Profiles'!$G$20=$B$10,7,0)+IF('Standard Profiles'!$G$20=$B$17,14,0)+IF('Standard Profiles'!$G$20=$B$24,21,0),0)),0)</f>
        <v>3.1625265180624331</v>
      </c>
      <c r="G8763" cm="1">
        <f t="array" ref="G8763">IFERROR(INDEX(Jesper!AK$2:AK$366,ROUNDDOWN($C8763/24,0)+1,1)*INDEX($D$3:$AA$30,INDEX(Jesper!$R$2:$R$366,ROW(INDEX(Jesper!AK$2:AK$366,ROUNDDOWN($C8763/24,0)+1,1))-1)+IF('Standard Profiles'!$G$21=$B$10,7,0)+IF('Standard Profiles'!$G$21=$B$17,14,0)+IF('Standard Profiles'!$G$21=$B$24,21,0),MOD($C8763,24)+1)/SUM(INDEX($D$3:$AA$30,INDEX(Jesper!$R$2:$R$366,ROW(INDEX(Jesper!AK$2:AK$366,ROUNDDOWN($C8763/24,0)+1,1))-1)+IF('Standard Profiles'!$G$21=$B$10,7,0)+IF('Standard Profiles'!$G$21=$B$17,14,0)+IF('Standard Profiles'!$G$21=$B$24,21,0),0)),0)</f>
        <v>4.4486535196825585</v>
      </c>
      <c r="H8763" cm="1">
        <f t="array" ref="H8763">IFERROR(INDEX(Jesper!AL$2:AL$366,ROUNDDOWN($C8763/24,0)+1,1)*INDEX($D$3:$AA$30,INDEX(Jesper!$R$2:$R$366,ROW(INDEX(Jesper!AL$2:AL$366,ROUNDDOWN($C8763/24,0)+1,1))-1)+IF('Standard Profiles'!$G$22=$B$10,7,0)+IF('Standard Profiles'!$G$22=$B$17,14,0)+IF('Standard Profiles'!$G$22=$B$24,21,0),MOD($C8763,24)+1)/SUM(INDEX($D$3:$AA$30,INDEX(Jesper!$R$2:$R$366,ROW(INDEX(Jesper!AL$2:AL$366,ROUNDDOWN($C8763/24,0)+1,1))-1)+IF('Standard Profiles'!$G$22=$B$10,7,0)+IF('Standard Profiles'!$G$22=$B$17,14,0)+IF('Standard Profiles'!$G$22=$B$24,21,0),0)),0)</f>
        <v>3.0265975833961409</v>
      </c>
      <c r="I8763">
        <f t="shared" si="972"/>
        <v>2.9055336800602967</v>
      </c>
      <c r="J8763">
        <f t="shared" si="973"/>
        <v>11.390205719497647</v>
      </c>
      <c r="K8763">
        <f t="shared" si="974"/>
        <v>0.33254197985607364</v>
      </c>
      <c r="L8763">
        <f t="shared" si="975"/>
        <v>0.16627098992803682</v>
      </c>
      <c r="M8763">
        <f t="shared" si="976"/>
        <v>0</v>
      </c>
      <c r="N8763" s="45">
        <f t="shared" si="977"/>
        <v>45290.708333312163</v>
      </c>
    </row>
    <row r="8764" spans="2:14" x14ac:dyDescent="0.25">
      <c r="B8764">
        <f t="shared" si="971"/>
        <v>6</v>
      </c>
      <c r="C8764" s="16">
        <v>8730</v>
      </c>
      <c r="D8764" cm="1">
        <f t="array" ref="D8764">IFERROR(INDEX(Jesper!AH$2:AH$366,ROUNDDOWN($C8764/24,0)+1,1)*INDEX($D$3:$AA$30,INDEX(Jesper!$R$2:$R$366,ROW(INDEX(Jesper!AH$2:AH$366,ROUNDDOWN($C8764/24,0)+1,1))-1)+IF('Standard Profiles'!$G$18=$B$10,7,0)+IF('Standard Profiles'!$G$18=$B$17,14,0)+IF('Standard Profiles'!$G$18=$B$24,21,0),MOD($C8764,24)+1)/SUM(INDEX($D$3:$AA$30,INDEX(Jesper!$R$2:$R$366,ROW(INDEX(Jesper!AH$2:AH$366,ROUNDDOWN($C8764/24,0)+1,1))-1)+IF('Standard Profiles'!$G$18=$B$10,7,0)+IF('Standard Profiles'!$G$18=$B$17,14,0)+IF('Standard Profiles'!$G$18=$B$24,21,0),0)),0)</f>
        <v>0</v>
      </c>
      <c r="E8764" cm="1">
        <f t="array" ref="E8764">IFERROR(INDEX(Jesper!AI$2:AI$366,ROUNDDOWN($C8764/24,0)+1,1)*INDEX($D$3:$AA$30,INDEX(Jesper!$R$2:$R$366,ROW(INDEX(Jesper!AI$2:AI$366,ROUNDDOWN($C8764/24,0)+1,1))-1)+IF('Standard Profiles'!$G$19=$B$10,7,0)+IF('Standard Profiles'!$G$19=$B$17,14,0)+IF('Standard Profiles'!$G$19=$B$24,21,0),MOD($C8764,24)+1)/SUM(INDEX($D$3:$AA$30,INDEX(Jesper!$R$2:$R$366,ROW(INDEX(Jesper!AI$2:AI$366,ROUNDDOWN($C8764/24,0)+1,1))-1)+IF('Standard Profiles'!$G$19=$B$10,7,0)+IF('Standard Profiles'!$G$19=$B$17,14,0)+IF('Standard Profiles'!$G$19=$B$24,21,0),0)),0)</f>
        <v>4.1567747482009203</v>
      </c>
      <c r="F8764" cm="1">
        <f t="array" ref="F8764">IFERROR(INDEX(Jesper!AJ$2:AJ$366,ROUNDDOWN($C8764/24,0)+1,1)*INDEX($D$3:$AA$30,INDEX(Jesper!$R$2:$R$366,ROW(INDEX(Jesper!AJ$2:AJ$366,ROUNDDOWN($C8764/24,0)+1,1))-1)+IF('Standard Profiles'!$G$20=$B$10,7,0)+IF('Standard Profiles'!$G$20=$B$17,14,0)+IF('Standard Profiles'!$G$20=$B$24,21,0),MOD($C8764,24)+1)/SUM(INDEX($D$3:$AA$30,INDEX(Jesper!$R$2:$R$366,ROW(INDEX(Jesper!AJ$2:AJ$366,ROUNDDOWN($C8764/24,0)+1,1))-1)+IF('Standard Profiles'!$G$20=$B$10,7,0)+IF('Standard Profiles'!$G$20=$B$17,14,0)+IF('Standard Profiles'!$G$20=$B$24,21,0),0)),0)</f>
        <v>3.1625265180624331</v>
      </c>
      <c r="G8764" cm="1">
        <f t="array" ref="G8764">IFERROR(INDEX(Jesper!AK$2:AK$366,ROUNDDOWN($C8764/24,0)+1,1)*INDEX($D$3:$AA$30,INDEX(Jesper!$R$2:$R$366,ROW(INDEX(Jesper!AK$2:AK$366,ROUNDDOWN($C8764/24,0)+1,1))-1)+IF('Standard Profiles'!$G$21=$B$10,7,0)+IF('Standard Profiles'!$G$21=$B$17,14,0)+IF('Standard Profiles'!$G$21=$B$24,21,0),MOD($C8764,24)+1)/SUM(INDEX($D$3:$AA$30,INDEX(Jesper!$R$2:$R$366,ROW(INDEX(Jesper!AK$2:AK$366,ROUNDDOWN($C8764/24,0)+1,1))-1)+IF('Standard Profiles'!$G$21=$B$10,7,0)+IF('Standard Profiles'!$G$21=$B$17,14,0)+IF('Standard Profiles'!$G$21=$B$24,21,0),0)),0)</f>
        <v>4.4486535196825585</v>
      </c>
      <c r="H8764" cm="1">
        <f t="array" ref="H8764">IFERROR(INDEX(Jesper!AL$2:AL$366,ROUNDDOWN($C8764/24,0)+1,1)*INDEX($D$3:$AA$30,INDEX(Jesper!$R$2:$R$366,ROW(INDEX(Jesper!AL$2:AL$366,ROUNDDOWN($C8764/24,0)+1,1))-1)+IF('Standard Profiles'!$G$22=$B$10,7,0)+IF('Standard Profiles'!$G$22=$B$17,14,0)+IF('Standard Profiles'!$G$22=$B$24,21,0),MOD($C8764,24)+1)/SUM(INDEX($D$3:$AA$30,INDEX(Jesper!$R$2:$R$366,ROW(INDEX(Jesper!AL$2:AL$366,ROUNDDOWN($C8764/24,0)+1,1))-1)+IF('Standard Profiles'!$G$22=$B$10,7,0)+IF('Standard Profiles'!$G$22=$B$17,14,0)+IF('Standard Profiles'!$G$22=$B$24,21,0),0)),0)</f>
        <v>2.9145013766036909</v>
      </c>
      <c r="I8764">
        <f t="shared" si="972"/>
        <v>2.7979213215395449</v>
      </c>
      <c r="J8764">
        <f t="shared" si="973"/>
        <v>11.385721871225948</v>
      </c>
      <c r="K8764">
        <f t="shared" si="974"/>
        <v>0.33254197985607364</v>
      </c>
      <c r="L8764">
        <f t="shared" si="975"/>
        <v>0.16627098992803682</v>
      </c>
      <c r="M8764">
        <f t="shared" si="976"/>
        <v>0</v>
      </c>
      <c r="N8764" s="45">
        <f t="shared" si="977"/>
        <v>45290.749999978827</v>
      </c>
    </row>
    <row r="8765" spans="2:14" x14ac:dyDescent="0.25">
      <c r="B8765">
        <f t="shared" si="971"/>
        <v>6</v>
      </c>
      <c r="C8765" s="16">
        <v>8731</v>
      </c>
      <c r="D8765" cm="1">
        <f t="array" ref="D8765">IFERROR(INDEX(Jesper!AH$2:AH$366,ROUNDDOWN($C8765/24,0)+1,1)*INDEX($D$3:$AA$30,INDEX(Jesper!$R$2:$R$366,ROW(INDEX(Jesper!AH$2:AH$366,ROUNDDOWN($C8765/24,0)+1,1))-1)+IF('Standard Profiles'!$G$18=$B$10,7,0)+IF('Standard Profiles'!$G$18=$B$17,14,0)+IF('Standard Profiles'!$G$18=$B$24,21,0),MOD($C8765,24)+1)/SUM(INDEX($D$3:$AA$30,INDEX(Jesper!$R$2:$R$366,ROW(INDEX(Jesper!AH$2:AH$366,ROUNDDOWN($C8765/24,0)+1,1))-1)+IF('Standard Profiles'!$G$18=$B$10,7,0)+IF('Standard Profiles'!$G$18=$B$17,14,0)+IF('Standard Profiles'!$G$18=$B$24,21,0),0)),0)</f>
        <v>0</v>
      </c>
      <c r="E8765" cm="1">
        <f t="array" ref="E8765">IFERROR(INDEX(Jesper!AI$2:AI$366,ROUNDDOWN($C8765/24,0)+1,1)*INDEX($D$3:$AA$30,INDEX(Jesper!$R$2:$R$366,ROW(INDEX(Jesper!AI$2:AI$366,ROUNDDOWN($C8765/24,0)+1,1))-1)+IF('Standard Profiles'!$G$19=$B$10,7,0)+IF('Standard Profiles'!$G$19=$B$17,14,0)+IF('Standard Profiles'!$G$19=$B$24,21,0),MOD($C8765,24)+1)/SUM(INDEX($D$3:$AA$30,INDEX(Jesper!$R$2:$R$366,ROW(INDEX(Jesper!AI$2:AI$366,ROUNDDOWN($C8765/24,0)+1,1))-1)+IF('Standard Profiles'!$G$19=$B$10,7,0)+IF('Standard Profiles'!$G$19=$B$17,14,0)+IF('Standard Profiles'!$G$19=$B$24,21,0),0)),0)</f>
        <v>4.1567747482009203</v>
      </c>
      <c r="F8765" cm="1">
        <f t="array" ref="F8765">IFERROR(INDEX(Jesper!AJ$2:AJ$366,ROUNDDOWN($C8765/24,0)+1,1)*INDEX($D$3:$AA$30,INDEX(Jesper!$R$2:$R$366,ROW(INDEX(Jesper!AJ$2:AJ$366,ROUNDDOWN($C8765/24,0)+1,1))-1)+IF('Standard Profiles'!$G$20=$B$10,7,0)+IF('Standard Profiles'!$G$20=$B$17,14,0)+IF('Standard Profiles'!$G$20=$B$24,21,0),MOD($C8765,24)+1)/SUM(INDEX($D$3:$AA$30,INDEX(Jesper!$R$2:$R$366,ROW(INDEX(Jesper!AJ$2:AJ$366,ROUNDDOWN($C8765/24,0)+1,1))-1)+IF('Standard Profiles'!$G$20=$B$10,7,0)+IF('Standard Profiles'!$G$20=$B$17,14,0)+IF('Standard Profiles'!$G$20=$B$24,21,0),0)),0)</f>
        <v>3.1625265180624331</v>
      </c>
      <c r="G8765" cm="1">
        <f t="array" ref="G8765">IFERROR(INDEX(Jesper!AK$2:AK$366,ROUNDDOWN($C8765/24,0)+1,1)*INDEX($D$3:$AA$30,INDEX(Jesper!$R$2:$R$366,ROW(INDEX(Jesper!AK$2:AK$366,ROUNDDOWN($C8765/24,0)+1,1))-1)+IF('Standard Profiles'!$G$21=$B$10,7,0)+IF('Standard Profiles'!$G$21=$B$17,14,0)+IF('Standard Profiles'!$G$21=$B$24,21,0),MOD($C8765,24)+1)/SUM(INDEX($D$3:$AA$30,INDEX(Jesper!$R$2:$R$366,ROW(INDEX(Jesper!AK$2:AK$366,ROUNDDOWN($C8765/24,0)+1,1))-1)+IF('Standard Profiles'!$G$21=$B$10,7,0)+IF('Standard Profiles'!$G$21=$B$17,14,0)+IF('Standard Profiles'!$G$21=$B$24,21,0),0)),0)</f>
        <v>4.4486535196825585</v>
      </c>
      <c r="H8765" cm="1">
        <f t="array" ref="H8765">IFERROR(INDEX(Jesper!AL$2:AL$366,ROUNDDOWN($C8765/24,0)+1,1)*INDEX($D$3:$AA$30,INDEX(Jesper!$R$2:$R$366,ROW(INDEX(Jesper!AL$2:AL$366,ROUNDDOWN($C8765/24,0)+1,1))-1)+IF('Standard Profiles'!$G$22=$B$10,7,0)+IF('Standard Profiles'!$G$22=$B$17,14,0)+IF('Standard Profiles'!$G$22=$B$24,21,0),MOD($C8765,24)+1)/SUM(INDEX($D$3:$AA$30,INDEX(Jesper!$R$2:$R$366,ROW(INDEX(Jesper!AL$2:AL$366,ROUNDDOWN($C8765/24,0)+1,1))-1)+IF('Standard Profiles'!$G$22=$B$10,7,0)+IF('Standard Profiles'!$G$22=$B$17,14,0)+IF('Standard Profiles'!$G$22=$B$24,21,0),0)),0)</f>
        <v>2.3540203426414426</v>
      </c>
      <c r="I8765">
        <f t="shared" si="972"/>
        <v>2.2598595289357859</v>
      </c>
      <c r="J8765">
        <f t="shared" si="973"/>
        <v>11.363302629867459</v>
      </c>
      <c r="K8765">
        <f t="shared" si="974"/>
        <v>0.33254197985607364</v>
      </c>
      <c r="L8765">
        <f t="shared" si="975"/>
        <v>0.16627098992803682</v>
      </c>
      <c r="M8765">
        <f t="shared" si="976"/>
        <v>0</v>
      </c>
      <c r="N8765" s="45">
        <f t="shared" si="977"/>
        <v>45290.791666645491</v>
      </c>
    </row>
    <row r="8766" spans="2:14" x14ac:dyDescent="0.25">
      <c r="B8766">
        <f t="shared" si="971"/>
        <v>6</v>
      </c>
      <c r="C8766" s="16">
        <v>8732</v>
      </c>
      <c r="D8766" cm="1">
        <f t="array" ref="D8766">IFERROR(INDEX(Jesper!AH$2:AH$366,ROUNDDOWN($C8766/24,0)+1,1)*INDEX($D$3:$AA$30,INDEX(Jesper!$R$2:$R$366,ROW(INDEX(Jesper!AH$2:AH$366,ROUNDDOWN($C8766/24,0)+1,1))-1)+IF('Standard Profiles'!$G$18=$B$10,7,0)+IF('Standard Profiles'!$G$18=$B$17,14,0)+IF('Standard Profiles'!$G$18=$B$24,21,0),MOD($C8766,24)+1)/SUM(INDEX($D$3:$AA$30,INDEX(Jesper!$R$2:$R$366,ROW(INDEX(Jesper!AH$2:AH$366,ROUNDDOWN($C8766/24,0)+1,1))-1)+IF('Standard Profiles'!$G$18=$B$10,7,0)+IF('Standard Profiles'!$G$18=$B$17,14,0)+IF('Standard Profiles'!$G$18=$B$24,21,0),0)),0)</f>
        <v>0</v>
      </c>
      <c r="E8766" cm="1">
        <f t="array" ref="E8766">IFERROR(INDEX(Jesper!AI$2:AI$366,ROUNDDOWN($C8766/24,0)+1,1)*INDEX($D$3:$AA$30,INDEX(Jesper!$R$2:$R$366,ROW(INDEX(Jesper!AI$2:AI$366,ROUNDDOWN($C8766/24,0)+1,1))-1)+IF('Standard Profiles'!$G$19=$B$10,7,0)+IF('Standard Profiles'!$G$19=$B$17,14,0)+IF('Standard Profiles'!$G$19=$B$24,21,0),MOD($C8766,24)+1)/SUM(INDEX($D$3:$AA$30,INDEX(Jesper!$R$2:$R$366,ROW(INDEX(Jesper!AI$2:AI$366,ROUNDDOWN($C8766/24,0)+1,1))-1)+IF('Standard Profiles'!$G$19=$B$10,7,0)+IF('Standard Profiles'!$G$19=$B$17,14,0)+IF('Standard Profiles'!$G$19=$B$24,21,0),0)),0)</f>
        <v>4.1567747482009203</v>
      </c>
      <c r="F8766" cm="1">
        <f t="array" ref="F8766">IFERROR(INDEX(Jesper!AJ$2:AJ$366,ROUNDDOWN($C8766/24,0)+1,1)*INDEX($D$3:$AA$30,INDEX(Jesper!$R$2:$R$366,ROW(INDEX(Jesper!AJ$2:AJ$366,ROUNDDOWN($C8766/24,0)+1,1))-1)+IF('Standard Profiles'!$G$20=$B$10,7,0)+IF('Standard Profiles'!$G$20=$B$17,14,0)+IF('Standard Profiles'!$G$20=$B$24,21,0),MOD($C8766,24)+1)/SUM(INDEX($D$3:$AA$30,INDEX(Jesper!$R$2:$R$366,ROW(INDEX(Jesper!AJ$2:AJ$366,ROUNDDOWN($C8766/24,0)+1,1))-1)+IF('Standard Profiles'!$G$20=$B$10,7,0)+IF('Standard Profiles'!$G$20=$B$17,14,0)+IF('Standard Profiles'!$G$20=$B$24,21,0),0)),0)</f>
        <v>3.1625265180624331</v>
      </c>
      <c r="G8766" cm="1">
        <f t="array" ref="G8766">IFERROR(INDEX(Jesper!AK$2:AK$366,ROUNDDOWN($C8766/24,0)+1,1)*INDEX($D$3:$AA$30,INDEX(Jesper!$R$2:$R$366,ROW(INDEX(Jesper!AK$2:AK$366,ROUNDDOWN($C8766/24,0)+1,1))-1)+IF('Standard Profiles'!$G$21=$B$10,7,0)+IF('Standard Profiles'!$G$21=$B$17,14,0)+IF('Standard Profiles'!$G$21=$B$24,21,0),MOD($C8766,24)+1)/SUM(INDEX($D$3:$AA$30,INDEX(Jesper!$R$2:$R$366,ROW(INDEX(Jesper!AK$2:AK$366,ROUNDDOWN($C8766/24,0)+1,1))-1)+IF('Standard Profiles'!$G$21=$B$10,7,0)+IF('Standard Profiles'!$G$21=$B$17,14,0)+IF('Standard Profiles'!$G$21=$B$24,21,0),0)),0)</f>
        <v>4.4486535196825585</v>
      </c>
      <c r="H8766" cm="1">
        <f t="array" ref="H8766">IFERROR(INDEX(Jesper!AL$2:AL$366,ROUNDDOWN($C8766/24,0)+1,1)*INDEX($D$3:$AA$30,INDEX(Jesper!$R$2:$R$366,ROW(INDEX(Jesper!AL$2:AL$366,ROUNDDOWN($C8766/24,0)+1,1))-1)+IF('Standard Profiles'!$G$22=$B$10,7,0)+IF('Standard Profiles'!$G$22=$B$17,14,0)+IF('Standard Profiles'!$G$22=$B$24,21,0),MOD($C8766,24)+1)/SUM(INDEX($D$3:$AA$30,INDEX(Jesper!$R$2:$R$366,ROW(INDEX(Jesper!AL$2:AL$366,ROUNDDOWN($C8766/24,0)+1,1))-1)+IF('Standard Profiles'!$G$22=$B$10,7,0)+IF('Standard Profiles'!$G$22=$B$17,14,0)+IF('Standard Profiles'!$G$22=$B$24,21,0),0)),0)</f>
        <v>1.7374912052829696</v>
      </c>
      <c r="I8766">
        <f t="shared" si="972"/>
        <v>1.6679915570716517</v>
      </c>
      <c r="J8766">
        <f t="shared" si="973"/>
        <v>11.33864146437312</v>
      </c>
      <c r="K8766">
        <f t="shared" si="974"/>
        <v>0.33254197985607364</v>
      </c>
      <c r="L8766">
        <f t="shared" si="975"/>
        <v>0.16627098992803682</v>
      </c>
      <c r="M8766">
        <f t="shared" si="976"/>
        <v>0</v>
      </c>
      <c r="N8766" s="45">
        <f t="shared" si="977"/>
        <v>45290.833333312155</v>
      </c>
    </row>
    <row r="8767" spans="2:14" x14ac:dyDescent="0.25">
      <c r="B8767">
        <f t="shared" si="971"/>
        <v>6</v>
      </c>
      <c r="C8767" s="16">
        <v>8733</v>
      </c>
      <c r="D8767" cm="1">
        <f t="array" ref="D8767">IFERROR(INDEX(Jesper!AH$2:AH$366,ROUNDDOWN($C8767/24,0)+1,1)*INDEX($D$3:$AA$30,INDEX(Jesper!$R$2:$R$366,ROW(INDEX(Jesper!AH$2:AH$366,ROUNDDOWN($C8767/24,0)+1,1))-1)+IF('Standard Profiles'!$G$18=$B$10,7,0)+IF('Standard Profiles'!$G$18=$B$17,14,0)+IF('Standard Profiles'!$G$18=$B$24,21,0),MOD($C8767,24)+1)/SUM(INDEX($D$3:$AA$30,INDEX(Jesper!$R$2:$R$366,ROW(INDEX(Jesper!AH$2:AH$366,ROUNDDOWN($C8767/24,0)+1,1))-1)+IF('Standard Profiles'!$G$18=$B$10,7,0)+IF('Standard Profiles'!$G$18=$B$17,14,0)+IF('Standard Profiles'!$G$18=$B$24,21,0),0)),0)</f>
        <v>0</v>
      </c>
      <c r="E8767" cm="1">
        <f t="array" ref="E8767">IFERROR(INDEX(Jesper!AI$2:AI$366,ROUNDDOWN($C8767/24,0)+1,1)*INDEX($D$3:$AA$30,INDEX(Jesper!$R$2:$R$366,ROW(INDEX(Jesper!AI$2:AI$366,ROUNDDOWN($C8767/24,0)+1,1))-1)+IF('Standard Profiles'!$G$19=$B$10,7,0)+IF('Standard Profiles'!$G$19=$B$17,14,0)+IF('Standard Profiles'!$G$19=$B$24,21,0),MOD($C8767,24)+1)/SUM(INDEX($D$3:$AA$30,INDEX(Jesper!$R$2:$R$366,ROW(INDEX(Jesper!AI$2:AI$366,ROUNDDOWN($C8767/24,0)+1,1))-1)+IF('Standard Profiles'!$G$19=$B$10,7,0)+IF('Standard Profiles'!$G$19=$B$17,14,0)+IF('Standard Profiles'!$G$19=$B$24,21,0),0)),0)</f>
        <v>4.1567747482009203</v>
      </c>
      <c r="F8767" cm="1">
        <f t="array" ref="F8767">IFERROR(INDEX(Jesper!AJ$2:AJ$366,ROUNDDOWN($C8767/24,0)+1,1)*INDEX($D$3:$AA$30,INDEX(Jesper!$R$2:$R$366,ROW(INDEX(Jesper!AJ$2:AJ$366,ROUNDDOWN($C8767/24,0)+1,1))-1)+IF('Standard Profiles'!$G$20=$B$10,7,0)+IF('Standard Profiles'!$G$20=$B$17,14,0)+IF('Standard Profiles'!$G$20=$B$24,21,0),MOD($C8767,24)+1)/SUM(INDEX($D$3:$AA$30,INDEX(Jesper!$R$2:$R$366,ROW(INDEX(Jesper!AJ$2:AJ$366,ROUNDDOWN($C8767/24,0)+1,1))-1)+IF('Standard Profiles'!$G$20=$B$10,7,0)+IF('Standard Profiles'!$G$20=$B$17,14,0)+IF('Standard Profiles'!$G$20=$B$24,21,0),0)),0)</f>
        <v>3.1625265180624331</v>
      </c>
      <c r="G8767" cm="1">
        <f t="array" ref="G8767">IFERROR(INDEX(Jesper!AK$2:AK$366,ROUNDDOWN($C8767/24,0)+1,1)*INDEX($D$3:$AA$30,INDEX(Jesper!$R$2:$R$366,ROW(INDEX(Jesper!AK$2:AK$366,ROUNDDOWN($C8767/24,0)+1,1))-1)+IF('Standard Profiles'!$G$21=$B$10,7,0)+IF('Standard Profiles'!$G$21=$B$17,14,0)+IF('Standard Profiles'!$G$21=$B$24,21,0),MOD($C8767,24)+1)/SUM(INDEX($D$3:$AA$30,INDEX(Jesper!$R$2:$R$366,ROW(INDEX(Jesper!AK$2:AK$366,ROUNDDOWN($C8767/24,0)+1,1))-1)+IF('Standard Profiles'!$G$21=$B$10,7,0)+IF('Standard Profiles'!$G$21=$B$17,14,0)+IF('Standard Profiles'!$G$21=$B$24,21,0),0)),0)</f>
        <v>4.4486535196825585</v>
      </c>
      <c r="H8767" cm="1">
        <f t="array" ref="H8767">IFERROR(INDEX(Jesper!AL$2:AL$366,ROUNDDOWN($C8767/24,0)+1,1)*INDEX($D$3:$AA$30,INDEX(Jesper!$R$2:$R$366,ROW(INDEX(Jesper!AL$2:AL$366,ROUNDDOWN($C8767/24,0)+1,1))-1)+IF('Standard Profiles'!$G$22=$B$10,7,0)+IF('Standard Profiles'!$G$22=$B$17,14,0)+IF('Standard Profiles'!$G$22=$B$24,21,0),MOD($C8767,24)+1)/SUM(INDEX($D$3:$AA$30,INDEX(Jesper!$R$2:$R$366,ROW(INDEX(Jesper!AL$2:AL$366,ROUNDDOWN($C8767/24,0)+1,1))-1)+IF('Standard Profiles'!$G$22=$B$10,7,0)+IF('Standard Profiles'!$G$22=$B$17,14,0)+IF('Standard Profiles'!$G$22=$B$24,21,0),0)),0)</f>
        <v>1.7374912052829696</v>
      </c>
      <c r="I8767">
        <f t="shared" si="972"/>
        <v>1.6679915570716517</v>
      </c>
      <c r="J8767">
        <f t="shared" si="973"/>
        <v>11.33864146437312</v>
      </c>
      <c r="K8767">
        <f t="shared" si="974"/>
        <v>0.33254197985607364</v>
      </c>
      <c r="L8767">
        <f t="shared" si="975"/>
        <v>0.16627098992803682</v>
      </c>
      <c r="M8767">
        <f t="shared" si="976"/>
        <v>0</v>
      </c>
      <c r="N8767" s="45">
        <f t="shared" si="977"/>
        <v>45290.87499997882</v>
      </c>
    </row>
    <row r="8768" spans="2:14" x14ac:dyDescent="0.25">
      <c r="B8768">
        <f t="shared" si="971"/>
        <v>6</v>
      </c>
      <c r="C8768" s="16">
        <v>8734</v>
      </c>
      <c r="D8768" cm="1">
        <f t="array" ref="D8768">IFERROR(INDEX(Jesper!AH$2:AH$366,ROUNDDOWN($C8768/24,0)+1,1)*INDEX($D$3:$AA$30,INDEX(Jesper!$R$2:$R$366,ROW(INDEX(Jesper!AH$2:AH$366,ROUNDDOWN($C8768/24,0)+1,1))-1)+IF('Standard Profiles'!$G$18=$B$10,7,0)+IF('Standard Profiles'!$G$18=$B$17,14,0)+IF('Standard Profiles'!$G$18=$B$24,21,0),MOD($C8768,24)+1)/SUM(INDEX($D$3:$AA$30,INDEX(Jesper!$R$2:$R$366,ROW(INDEX(Jesper!AH$2:AH$366,ROUNDDOWN($C8768/24,0)+1,1))-1)+IF('Standard Profiles'!$G$18=$B$10,7,0)+IF('Standard Profiles'!$G$18=$B$17,14,0)+IF('Standard Profiles'!$G$18=$B$24,21,0),0)),0)</f>
        <v>0</v>
      </c>
      <c r="E8768" cm="1">
        <f t="array" ref="E8768">IFERROR(INDEX(Jesper!AI$2:AI$366,ROUNDDOWN($C8768/24,0)+1,1)*INDEX($D$3:$AA$30,INDEX(Jesper!$R$2:$R$366,ROW(INDEX(Jesper!AI$2:AI$366,ROUNDDOWN($C8768/24,0)+1,1))-1)+IF('Standard Profiles'!$G$19=$B$10,7,0)+IF('Standard Profiles'!$G$19=$B$17,14,0)+IF('Standard Profiles'!$G$19=$B$24,21,0),MOD($C8768,24)+1)/SUM(INDEX($D$3:$AA$30,INDEX(Jesper!$R$2:$R$366,ROW(INDEX(Jesper!AI$2:AI$366,ROUNDDOWN($C8768/24,0)+1,1))-1)+IF('Standard Profiles'!$G$19=$B$10,7,0)+IF('Standard Profiles'!$G$19=$B$17,14,0)+IF('Standard Profiles'!$G$19=$B$24,21,0),0)),0)</f>
        <v>4.1567747482009203</v>
      </c>
      <c r="F8768" cm="1">
        <f t="array" ref="F8768">IFERROR(INDEX(Jesper!AJ$2:AJ$366,ROUNDDOWN($C8768/24,0)+1,1)*INDEX($D$3:$AA$30,INDEX(Jesper!$R$2:$R$366,ROW(INDEX(Jesper!AJ$2:AJ$366,ROUNDDOWN($C8768/24,0)+1,1))-1)+IF('Standard Profiles'!$G$20=$B$10,7,0)+IF('Standard Profiles'!$G$20=$B$17,14,0)+IF('Standard Profiles'!$G$20=$B$24,21,0),MOD($C8768,24)+1)/SUM(INDEX($D$3:$AA$30,INDEX(Jesper!$R$2:$R$366,ROW(INDEX(Jesper!AJ$2:AJ$366,ROUNDDOWN($C8768/24,0)+1,1))-1)+IF('Standard Profiles'!$G$20=$B$10,7,0)+IF('Standard Profiles'!$G$20=$B$17,14,0)+IF('Standard Profiles'!$G$20=$B$24,21,0),0)),0)</f>
        <v>3.1625265180624331</v>
      </c>
      <c r="G8768" cm="1">
        <f t="array" ref="G8768">IFERROR(INDEX(Jesper!AK$2:AK$366,ROUNDDOWN($C8768/24,0)+1,1)*INDEX($D$3:$AA$30,INDEX(Jesper!$R$2:$R$366,ROW(INDEX(Jesper!AK$2:AK$366,ROUNDDOWN($C8768/24,0)+1,1))-1)+IF('Standard Profiles'!$G$21=$B$10,7,0)+IF('Standard Profiles'!$G$21=$B$17,14,0)+IF('Standard Profiles'!$G$21=$B$24,21,0),MOD($C8768,24)+1)/SUM(INDEX($D$3:$AA$30,INDEX(Jesper!$R$2:$R$366,ROW(INDEX(Jesper!AK$2:AK$366,ROUNDDOWN($C8768/24,0)+1,1))-1)+IF('Standard Profiles'!$G$21=$B$10,7,0)+IF('Standard Profiles'!$G$21=$B$17,14,0)+IF('Standard Profiles'!$G$21=$B$24,21,0),0)),0)</f>
        <v>4.4486535196825585</v>
      </c>
      <c r="H8768" cm="1">
        <f t="array" ref="H8768">IFERROR(INDEX(Jesper!AL$2:AL$366,ROUNDDOWN($C8768/24,0)+1,1)*INDEX($D$3:$AA$30,INDEX(Jesper!$R$2:$R$366,ROW(INDEX(Jesper!AL$2:AL$366,ROUNDDOWN($C8768/24,0)+1,1))-1)+IF('Standard Profiles'!$G$22=$B$10,7,0)+IF('Standard Profiles'!$G$22=$B$17,14,0)+IF('Standard Profiles'!$G$22=$B$24,21,0),MOD($C8768,24)+1)/SUM(INDEX($D$3:$AA$30,INDEX(Jesper!$R$2:$R$366,ROW(INDEX(Jesper!AL$2:AL$366,ROUNDDOWN($C8768/24,0)+1,1))-1)+IF('Standard Profiles'!$G$22=$B$10,7,0)+IF('Standard Profiles'!$G$22=$B$17,14,0)+IF('Standard Profiles'!$G$22=$B$24,21,0),0)),0)</f>
        <v>1.7374912052829696</v>
      </c>
      <c r="I8768">
        <f t="shared" si="972"/>
        <v>1.6679915570716517</v>
      </c>
      <c r="J8768">
        <f t="shared" si="973"/>
        <v>11.33864146437312</v>
      </c>
      <c r="K8768">
        <f t="shared" si="974"/>
        <v>0.33254197985607364</v>
      </c>
      <c r="L8768">
        <f t="shared" si="975"/>
        <v>0.16627098992803682</v>
      </c>
      <c r="M8768">
        <f t="shared" si="976"/>
        <v>0</v>
      </c>
      <c r="N8768" s="45">
        <f t="shared" si="977"/>
        <v>45290.916666645484</v>
      </c>
    </row>
    <row r="8769" spans="2:14" x14ac:dyDescent="0.25">
      <c r="B8769">
        <f t="shared" si="971"/>
        <v>6</v>
      </c>
      <c r="C8769" s="16">
        <v>8735</v>
      </c>
      <c r="D8769" cm="1">
        <f t="array" ref="D8769">IFERROR(INDEX(Jesper!AH$2:AH$366,ROUNDDOWN($C8769/24,0)+1,1)*INDEX($D$3:$AA$30,INDEX(Jesper!$R$2:$R$366,ROW(INDEX(Jesper!AH$2:AH$366,ROUNDDOWN($C8769/24,0)+1,1))-1)+IF('Standard Profiles'!$G$18=$B$10,7,0)+IF('Standard Profiles'!$G$18=$B$17,14,0)+IF('Standard Profiles'!$G$18=$B$24,21,0),MOD($C8769,24)+1)/SUM(INDEX($D$3:$AA$30,INDEX(Jesper!$R$2:$R$366,ROW(INDEX(Jesper!AH$2:AH$366,ROUNDDOWN($C8769/24,0)+1,1))-1)+IF('Standard Profiles'!$G$18=$B$10,7,0)+IF('Standard Profiles'!$G$18=$B$17,14,0)+IF('Standard Profiles'!$G$18=$B$24,21,0),0)),0)</f>
        <v>0</v>
      </c>
      <c r="E8769" cm="1">
        <f t="array" ref="E8769">IFERROR(INDEX(Jesper!AI$2:AI$366,ROUNDDOWN($C8769/24,0)+1,1)*INDEX($D$3:$AA$30,INDEX(Jesper!$R$2:$R$366,ROW(INDEX(Jesper!AI$2:AI$366,ROUNDDOWN($C8769/24,0)+1,1))-1)+IF('Standard Profiles'!$G$19=$B$10,7,0)+IF('Standard Profiles'!$G$19=$B$17,14,0)+IF('Standard Profiles'!$G$19=$B$24,21,0),MOD($C8769,24)+1)/SUM(INDEX($D$3:$AA$30,INDEX(Jesper!$R$2:$R$366,ROW(INDEX(Jesper!AI$2:AI$366,ROUNDDOWN($C8769/24,0)+1,1))-1)+IF('Standard Profiles'!$G$19=$B$10,7,0)+IF('Standard Profiles'!$G$19=$B$17,14,0)+IF('Standard Profiles'!$G$19=$B$24,21,0),0)),0)</f>
        <v>4.1567747482009203</v>
      </c>
      <c r="F8769" cm="1">
        <f t="array" ref="F8769">IFERROR(INDEX(Jesper!AJ$2:AJ$366,ROUNDDOWN($C8769/24,0)+1,1)*INDEX($D$3:$AA$30,INDEX(Jesper!$R$2:$R$366,ROW(INDEX(Jesper!AJ$2:AJ$366,ROUNDDOWN($C8769/24,0)+1,1))-1)+IF('Standard Profiles'!$G$20=$B$10,7,0)+IF('Standard Profiles'!$G$20=$B$17,14,0)+IF('Standard Profiles'!$G$20=$B$24,21,0),MOD($C8769,24)+1)/SUM(INDEX($D$3:$AA$30,INDEX(Jesper!$R$2:$R$366,ROW(INDEX(Jesper!AJ$2:AJ$366,ROUNDDOWN($C8769/24,0)+1,1))-1)+IF('Standard Profiles'!$G$20=$B$10,7,0)+IF('Standard Profiles'!$G$20=$B$17,14,0)+IF('Standard Profiles'!$G$20=$B$24,21,0),0)),0)</f>
        <v>3.1625265180624331</v>
      </c>
      <c r="G8769" cm="1">
        <f t="array" ref="G8769">IFERROR(INDEX(Jesper!AK$2:AK$366,ROUNDDOWN($C8769/24,0)+1,1)*INDEX($D$3:$AA$30,INDEX(Jesper!$R$2:$R$366,ROW(INDEX(Jesper!AK$2:AK$366,ROUNDDOWN($C8769/24,0)+1,1))-1)+IF('Standard Profiles'!$G$21=$B$10,7,0)+IF('Standard Profiles'!$G$21=$B$17,14,0)+IF('Standard Profiles'!$G$21=$B$24,21,0),MOD($C8769,24)+1)/SUM(INDEX($D$3:$AA$30,INDEX(Jesper!$R$2:$R$366,ROW(INDEX(Jesper!AK$2:AK$366,ROUNDDOWN($C8769/24,0)+1,1))-1)+IF('Standard Profiles'!$G$21=$B$10,7,0)+IF('Standard Profiles'!$G$21=$B$17,14,0)+IF('Standard Profiles'!$G$21=$B$24,21,0),0)),0)</f>
        <v>4.4486535196825585</v>
      </c>
      <c r="H8769" cm="1">
        <f t="array" ref="H8769">IFERROR(INDEX(Jesper!AL$2:AL$366,ROUNDDOWN($C8769/24,0)+1,1)*INDEX($D$3:$AA$30,INDEX(Jesper!$R$2:$R$366,ROW(INDEX(Jesper!AL$2:AL$366,ROUNDDOWN($C8769/24,0)+1,1))-1)+IF('Standard Profiles'!$G$22=$B$10,7,0)+IF('Standard Profiles'!$G$22=$B$17,14,0)+IF('Standard Profiles'!$G$22=$B$24,21,0),MOD($C8769,24)+1)/SUM(INDEX($D$3:$AA$30,INDEX(Jesper!$R$2:$R$366,ROW(INDEX(Jesper!AL$2:AL$366,ROUNDDOWN($C8769/24,0)+1,1))-1)+IF('Standard Profiles'!$G$22=$B$10,7,0)+IF('Standard Profiles'!$G$22=$B$17,14,0)+IF('Standard Profiles'!$G$22=$B$24,21,0),0)),0)</f>
        <v>1.7374912052829696</v>
      </c>
      <c r="I8769">
        <f t="shared" si="972"/>
        <v>1.6679915570716517</v>
      </c>
      <c r="J8769">
        <f t="shared" si="973"/>
        <v>11.33864146437312</v>
      </c>
      <c r="K8769">
        <f t="shared" si="974"/>
        <v>0.33254197985607364</v>
      </c>
      <c r="L8769">
        <f t="shared" si="975"/>
        <v>0.16627098992803682</v>
      </c>
      <c r="M8769">
        <f t="shared" si="976"/>
        <v>0</v>
      </c>
      <c r="N8769" s="45">
        <f t="shared" si="977"/>
        <v>45290.958333312148</v>
      </c>
    </row>
    <row r="8770" spans="2:14" x14ac:dyDescent="0.25">
      <c r="B8770">
        <f t="shared" si="971"/>
        <v>7</v>
      </c>
      <c r="C8770" s="16">
        <v>8736</v>
      </c>
      <c r="D8770" cm="1">
        <f t="array" ref="D8770">IFERROR(INDEX(Jesper!AH$2:AH$366,ROUNDDOWN($C8770/24,0)+1,1)*INDEX($D$3:$AA$30,INDEX(Jesper!$R$2:$R$366,ROW(INDEX(Jesper!AH$2:AH$366,ROUNDDOWN($C8770/24,0)+1,1))-1)+IF('Standard Profiles'!$G$18=$B$10,7,0)+IF('Standard Profiles'!$G$18=$B$17,14,0)+IF('Standard Profiles'!$G$18=$B$24,21,0),MOD($C8770,24)+1)/SUM(INDEX($D$3:$AA$30,INDEX(Jesper!$R$2:$R$366,ROW(INDEX(Jesper!AH$2:AH$366,ROUNDDOWN($C8770/24,0)+1,1))-1)+IF('Standard Profiles'!$G$18=$B$10,7,0)+IF('Standard Profiles'!$G$18=$B$17,14,0)+IF('Standard Profiles'!$G$18=$B$24,21,0),0)),0)</f>
        <v>0</v>
      </c>
      <c r="E8770" cm="1">
        <f t="array" ref="E8770">IFERROR(INDEX(Jesper!AI$2:AI$366,ROUNDDOWN($C8770/24,0)+1,1)*INDEX($D$3:$AA$30,INDEX(Jesper!$R$2:$R$366,ROW(INDEX(Jesper!AI$2:AI$366,ROUNDDOWN($C8770/24,0)+1,1))-1)+IF('Standard Profiles'!$G$19=$B$10,7,0)+IF('Standard Profiles'!$G$19=$B$17,14,0)+IF('Standard Profiles'!$G$19=$B$24,21,0),MOD($C8770,24)+1)/SUM(INDEX($D$3:$AA$30,INDEX(Jesper!$R$2:$R$366,ROW(INDEX(Jesper!AI$2:AI$366,ROUNDDOWN($C8770/24,0)+1,1))-1)+IF('Standard Profiles'!$G$19=$B$10,7,0)+IF('Standard Profiles'!$G$19=$B$17,14,0)+IF('Standard Profiles'!$G$19=$B$24,21,0),0)),0)</f>
        <v>4.7488133526520979</v>
      </c>
      <c r="F8770" cm="1">
        <f t="array" ref="F8770">IFERROR(INDEX(Jesper!AJ$2:AJ$366,ROUNDDOWN($C8770/24,0)+1,1)*INDEX($D$3:$AA$30,INDEX(Jesper!$R$2:$R$366,ROW(INDEX(Jesper!AJ$2:AJ$366,ROUNDDOWN($C8770/24,0)+1,1))-1)+IF('Standard Profiles'!$G$20=$B$10,7,0)+IF('Standard Profiles'!$G$20=$B$17,14,0)+IF('Standard Profiles'!$G$20=$B$24,21,0),MOD($C8770,24)+1)/SUM(INDEX($D$3:$AA$30,INDEX(Jesper!$R$2:$R$366,ROW(INDEX(Jesper!AJ$2:AJ$366,ROUNDDOWN($C8770/24,0)+1,1))-1)+IF('Standard Profiles'!$G$20=$B$10,7,0)+IF('Standard Profiles'!$G$20=$B$17,14,0)+IF('Standard Profiles'!$G$20=$B$24,21,0),0)),0)</f>
        <v>3.8930340800452572</v>
      </c>
      <c r="G8770" cm="1">
        <f t="array" ref="G8770">IFERROR(INDEX(Jesper!AK$2:AK$366,ROUNDDOWN($C8770/24,0)+1,1)*INDEX($D$3:$AA$30,INDEX(Jesper!$R$2:$R$366,ROW(INDEX(Jesper!AK$2:AK$366,ROUNDDOWN($C8770/24,0)+1,1))-1)+IF('Standard Profiles'!$G$21=$B$10,7,0)+IF('Standard Profiles'!$G$21=$B$17,14,0)+IF('Standard Profiles'!$G$21=$B$24,21,0),MOD($C8770,24)+1)/SUM(INDEX($D$3:$AA$30,INDEX(Jesper!$R$2:$R$366,ROW(INDEX(Jesper!AK$2:AK$366,ROUNDDOWN($C8770/24,0)+1,1))-1)+IF('Standard Profiles'!$G$21=$B$10,7,0)+IF('Standard Profiles'!$G$21=$B$17,14,0)+IF('Standard Profiles'!$G$21=$B$24,21,0),0)),0)</f>
        <v>6.079400605110548</v>
      </c>
      <c r="H8770" cm="1">
        <f t="array" ref="H8770">IFERROR(INDEX(Jesper!AL$2:AL$366,ROUNDDOWN($C8770/24,0)+1,1)*INDEX($D$3:$AA$30,INDEX(Jesper!$R$2:$R$366,ROW(INDEX(Jesper!AL$2:AL$366,ROUNDDOWN($C8770/24,0)+1,1))-1)+IF('Standard Profiles'!$G$22=$B$10,7,0)+IF('Standard Profiles'!$G$22=$B$17,14,0)+IF('Standard Profiles'!$G$22=$B$24,21,0),MOD($C8770,24)+1)/SUM(INDEX($D$3:$AA$30,INDEX(Jesper!$R$2:$R$366,ROW(INDEX(Jesper!AL$2:AL$366,ROUNDDOWN($C8770/24,0)+1,1))-1)+IF('Standard Profiles'!$G$22=$B$10,7,0)+IF('Standard Profiles'!$G$22=$B$17,14,0)+IF('Standard Profiles'!$G$22=$B$24,21,0),0)),0)</f>
        <v>2.8320561071256338</v>
      </c>
      <c r="I8770">
        <f t="shared" si="972"/>
        <v>2.7187738628406097</v>
      </c>
      <c r="J8770">
        <f t="shared" si="973"/>
        <v>14.264672679774675</v>
      </c>
      <c r="K8770">
        <f t="shared" si="974"/>
        <v>0.37990506821216785</v>
      </c>
      <c r="L8770">
        <f t="shared" si="975"/>
        <v>0.18995253410608393</v>
      </c>
      <c r="M8770">
        <f t="shared" si="976"/>
        <v>0</v>
      </c>
      <c r="N8770" s="45">
        <f t="shared" si="977"/>
        <v>45290.999999978812</v>
      </c>
    </row>
    <row r="8771" spans="2:14" x14ac:dyDescent="0.25">
      <c r="B8771">
        <f t="shared" si="971"/>
        <v>7</v>
      </c>
      <c r="C8771" s="16">
        <v>8737</v>
      </c>
      <c r="D8771" cm="1">
        <f t="array" ref="D8771">IFERROR(INDEX(Jesper!AH$2:AH$366,ROUNDDOWN($C8771/24,0)+1,1)*INDEX($D$3:$AA$30,INDEX(Jesper!$R$2:$R$366,ROW(INDEX(Jesper!AH$2:AH$366,ROUNDDOWN($C8771/24,0)+1,1))-1)+IF('Standard Profiles'!$G$18=$B$10,7,0)+IF('Standard Profiles'!$G$18=$B$17,14,0)+IF('Standard Profiles'!$G$18=$B$24,21,0),MOD($C8771,24)+1)/SUM(INDEX($D$3:$AA$30,INDEX(Jesper!$R$2:$R$366,ROW(INDEX(Jesper!AH$2:AH$366,ROUNDDOWN($C8771/24,0)+1,1))-1)+IF('Standard Profiles'!$G$18=$B$10,7,0)+IF('Standard Profiles'!$G$18=$B$17,14,0)+IF('Standard Profiles'!$G$18=$B$24,21,0),0)),0)</f>
        <v>0</v>
      </c>
      <c r="E8771" cm="1">
        <f t="array" ref="E8771">IFERROR(INDEX(Jesper!AI$2:AI$366,ROUNDDOWN($C8771/24,0)+1,1)*INDEX($D$3:$AA$30,INDEX(Jesper!$R$2:$R$366,ROW(INDEX(Jesper!AI$2:AI$366,ROUNDDOWN($C8771/24,0)+1,1))-1)+IF('Standard Profiles'!$G$19=$B$10,7,0)+IF('Standard Profiles'!$G$19=$B$17,14,0)+IF('Standard Profiles'!$G$19=$B$24,21,0),MOD($C8771,24)+1)/SUM(INDEX($D$3:$AA$30,INDEX(Jesper!$R$2:$R$366,ROW(INDEX(Jesper!AI$2:AI$366,ROUNDDOWN($C8771/24,0)+1,1))-1)+IF('Standard Profiles'!$G$19=$B$10,7,0)+IF('Standard Profiles'!$G$19=$B$17,14,0)+IF('Standard Profiles'!$G$19=$B$24,21,0),0)),0)</f>
        <v>4.7488133526520979</v>
      </c>
      <c r="F8771" cm="1">
        <f t="array" ref="F8771">IFERROR(INDEX(Jesper!AJ$2:AJ$366,ROUNDDOWN($C8771/24,0)+1,1)*INDEX($D$3:$AA$30,INDEX(Jesper!$R$2:$R$366,ROW(INDEX(Jesper!AJ$2:AJ$366,ROUNDDOWN($C8771/24,0)+1,1))-1)+IF('Standard Profiles'!$G$20=$B$10,7,0)+IF('Standard Profiles'!$G$20=$B$17,14,0)+IF('Standard Profiles'!$G$20=$B$24,21,0),MOD($C8771,24)+1)/SUM(INDEX($D$3:$AA$30,INDEX(Jesper!$R$2:$R$366,ROW(INDEX(Jesper!AJ$2:AJ$366,ROUNDDOWN($C8771/24,0)+1,1))-1)+IF('Standard Profiles'!$G$20=$B$10,7,0)+IF('Standard Profiles'!$G$20=$B$17,14,0)+IF('Standard Profiles'!$G$20=$B$24,21,0),0)),0)</f>
        <v>3.8930340800452572</v>
      </c>
      <c r="G8771" cm="1">
        <f t="array" ref="G8771">IFERROR(INDEX(Jesper!AK$2:AK$366,ROUNDDOWN($C8771/24,0)+1,1)*INDEX($D$3:$AA$30,INDEX(Jesper!$R$2:$R$366,ROW(INDEX(Jesper!AK$2:AK$366,ROUNDDOWN($C8771/24,0)+1,1))-1)+IF('Standard Profiles'!$G$21=$B$10,7,0)+IF('Standard Profiles'!$G$21=$B$17,14,0)+IF('Standard Profiles'!$G$21=$B$24,21,0),MOD($C8771,24)+1)/SUM(INDEX($D$3:$AA$30,INDEX(Jesper!$R$2:$R$366,ROW(INDEX(Jesper!AK$2:AK$366,ROUNDDOWN($C8771/24,0)+1,1))-1)+IF('Standard Profiles'!$G$21=$B$10,7,0)+IF('Standard Profiles'!$G$21=$B$17,14,0)+IF('Standard Profiles'!$G$21=$B$24,21,0),0)),0)</f>
        <v>6.079400605110548</v>
      </c>
      <c r="H8771" cm="1">
        <f t="array" ref="H8771">IFERROR(INDEX(Jesper!AL$2:AL$366,ROUNDDOWN($C8771/24,0)+1,1)*INDEX($D$3:$AA$30,INDEX(Jesper!$R$2:$R$366,ROW(INDEX(Jesper!AL$2:AL$366,ROUNDDOWN($C8771/24,0)+1,1))-1)+IF('Standard Profiles'!$G$22=$B$10,7,0)+IF('Standard Profiles'!$G$22=$B$17,14,0)+IF('Standard Profiles'!$G$22=$B$24,21,0),MOD($C8771,24)+1)/SUM(INDEX($D$3:$AA$30,INDEX(Jesper!$R$2:$R$366,ROW(INDEX(Jesper!AL$2:AL$366,ROUNDDOWN($C8771/24,0)+1,1))-1)+IF('Standard Profiles'!$G$22=$B$10,7,0)+IF('Standard Profiles'!$G$22=$B$17,14,0)+IF('Standard Profiles'!$G$22=$B$24,21,0),0)),0)</f>
        <v>3.2888393502104134</v>
      </c>
      <c r="I8771">
        <f t="shared" si="972"/>
        <v>3.1572857762019986</v>
      </c>
      <c r="J8771">
        <f t="shared" si="973"/>
        <v>14.282944009498065</v>
      </c>
      <c r="K8771">
        <f t="shared" si="974"/>
        <v>0.37990506821216785</v>
      </c>
      <c r="L8771">
        <f t="shared" si="975"/>
        <v>0.18995253410608393</v>
      </c>
      <c r="M8771">
        <f t="shared" si="976"/>
        <v>0</v>
      </c>
      <c r="N8771" s="45">
        <f t="shared" si="977"/>
        <v>45291.041666645477</v>
      </c>
    </row>
    <row r="8772" spans="2:14" x14ac:dyDescent="0.25">
      <c r="B8772">
        <f t="shared" si="971"/>
        <v>7</v>
      </c>
      <c r="C8772" s="16">
        <v>8738</v>
      </c>
      <c r="D8772" cm="1">
        <f t="array" ref="D8772">IFERROR(INDEX(Jesper!AH$2:AH$366,ROUNDDOWN($C8772/24,0)+1,1)*INDEX($D$3:$AA$30,INDEX(Jesper!$R$2:$R$366,ROW(INDEX(Jesper!AH$2:AH$366,ROUNDDOWN($C8772/24,0)+1,1))-1)+IF('Standard Profiles'!$G$18=$B$10,7,0)+IF('Standard Profiles'!$G$18=$B$17,14,0)+IF('Standard Profiles'!$G$18=$B$24,21,0),MOD($C8772,24)+1)/SUM(INDEX($D$3:$AA$30,INDEX(Jesper!$R$2:$R$366,ROW(INDEX(Jesper!AH$2:AH$366,ROUNDDOWN($C8772/24,0)+1,1))-1)+IF('Standard Profiles'!$G$18=$B$10,7,0)+IF('Standard Profiles'!$G$18=$B$17,14,0)+IF('Standard Profiles'!$G$18=$B$24,21,0),0)),0)</f>
        <v>0</v>
      </c>
      <c r="E8772" cm="1">
        <f t="array" ref="E8772">IFERROR(INDEX(Jesper!AI$2:AI$366,ROUNDDOWN($C8772/24,0)+1,1)*INDEX($D$3:$AA$30,INDEX(Jesper!$R$2:$R$366,ROW(INDEX(Jesper!AI$2:AI$366,ROUNDDOWN($C8772/24,0)+1,1))-1)+IF('Standard Profiles'!$G$19=$B$10,7,0)+IF('Standard Profiles'!$G$19=$B$17,14,0)+IF('Standard Profiles'!$G$19=$B$24,21,0),MOD($C8772,24)+1)/SUM(INDEX($D$3:$AA$30,INDEX(Jesper!$R$2:$R$366,ROW(INDEX(Jesper!AI$2:AI$366,ROUNDDOWN($C8772/24,0)+1,1))-1)+IF('Standard Profiles'!$G$19=$B$10,7,0)+IF('Standard Profiles'!$G$19=$B$17,14,0)+IF('Standard Profiles'!$G$19=$B$24,21,0),0)),0)</f>
        <v>4.7488133526520979</v>
      </c>
      <c r="F8772" cm="1">
        <f t="array" ref="F8772">IFERROR(INDEX(Jesper!AJ$2:AJ$366,ROUNDDOWN($C8772/24,0)+1,1)*INDEX($D$3:$AA$30,INDEX(Jesper!$R$2:$R$366,ROW(INDEX(Jesper!AJ$2:AJ$366,ROUNDDOWN($C8772/24,0)+1,1))-1)+IF('Standard Profiles'!$G$20=$B$10,7,0)+IF('Standard Profiles'!$G$20=$B$17,14,0)+IF('Standard Profiles'!$G$20=$B$24,21,0),MOD($C8772,24)+1)/SUM(INDEX($D$3:$AA$30,INDEX(Jesper!$R$2:$R$366,ROW(INDEX(Jesper!AJ$2:AJ$366,ROUNDDOWN($C8772/24,0)+1,1))-1)+IF('Standard Profiles'!$G$20=$B$10,7,0)+IF('Standard Profiles'!$G$20=$B$17,14,0)+IF('Standard Profiles'!$G$20=$B$24,21,0),0)),0)</f>
        <v>3.8930340800452572</v>
      </c>
      <c r="G8772" cm="1">
        <f t="array" ref="G8772">IFERROR(INDEX(Jesper!AK$2:AK$366,ROUNDDOWN($C8772/24,0)+1,1)*INDEX($D$3:$AA$30,INDEX(Jesper!$R$2:$R$366,ROW(INDEX(Jesper!AK$2:AK$366,ROUNDDOWN($C8772/24,0)+1,1))-1)+IF('Standard Profiles'!$G$21=$B$10,7,0)+IF('Standard Profiles'!$G$21=$B$17,14,0)+IF('Standard Profiles'!$G$21=$B$24,21,0),MOD($C8772,24)+1)/SUM(INDEX($D$3:$AA$30,INDEX(Jesper!$R$2:$R$366,ROW(INDEX(Jesper!AK$2:AK$366,ROUNDDOWN($C8772/24,0)+1,1))-1)+IF('Standard Profiles'!$G$21=$B$10,7,0)+IF('Standard Profiles'!$G$21=$B$17,14,0)+IF('Standard Profiles'!$G$21=$B$24,21,0),0)),0)</f>
        <v>6.079400605110548</v>
      </c>
      <c r="H8772" cm="1">
        <f t="array" ref="H8772">IFERROR(INDEX(Jesper!AL$2:AL$366,ROUNDDOWN($C8772/24,0)+1,1)*INDEX($D$3:$AA$30,INDEX(Jesper!$R$2:$R$366,ROW(INDEX(Jesper!AL$2:AL$366,ROUNDDOWN($C8772/24,0)+1,1))-1)+IF('Standard Profiles'!$G$22=$B$10,7,0)+IF('Standard Profiles'!$G$22=$B$17,14,0)+IF('Standard Profiles'!$G$22=$B$24,21,0),MOD($C8772,24)+1)/SUM(INDEX($D$3:$AA$30,INDEX(Jesper!$R$2:$R$366,ROW(INDEX(Jesper!AL$2:AL$366,ROUNDDOWN($C8772/24,0)+1,1))-1)+IF('Standard Profiles'!$G$22=$B$10,7,0)+IF('Standard Profiles'!$G$22=$B$17,14,0)+IF('Standard Profiles'!$G$22=$B$24,21,0),0)),0)</f>
        <v>3.2888393502104134</v>
      </c>
      <c r="I8772">
        <f t="shared" si="972"/>
        <v>3.1572857762019986</v>
      </c>
      <c r="J8772">
        <f t="shared" si="973"/>
        <v>14.282944009498065</v>
      </c>
      <c r="K8772">
        <f t="shared" si="974"/>
        <v>0.37990506821216785</v>
      </c>
      <c r="L8772">
        <f t="shared" si="975"/>
        <v>0.18995253410608393</v>
      </c>
      <c r="M8772">
        <f t="shared" si="976"/>
        <v>0</v>
      </c>
      <c r="N8772" s="45">
        <f t="shared" si="977"/>
        <v>45291.083333312141</v>
      </c>
    </row>
    <row r="8773" spans="2:14" x14ac:dyDescent="0.25">
      <c r="B8773">
        <f t="shared" si="971"/>
        <v>7</v>
      </c>
      <c r="C8773" s="16">
        <v>8739</v>
      </c>
      <c r="D8773" cm="1">
        <f t="array" ref="D8773">IFERROR(INDEX(Jesper!AH$2:AH$366,ROUNDDOWN($C8773/24,0)+1,1)*INDEX($D$3:$AA$30,INDEX(Jesper!$R$2:$R$366,ROW(INDEX(Jesper!AH$2:AH$366,ROUNDDOWN($C8773/24,0)+1,1))-1)+IF('Standard Profiles'!$G$18=$B$10,7,0)+IF('Standard Profiles'!$G$18=$B$17,14,0)+IF('Standard Profiles'!$G$18=$B$24,21,0),MOD($C8773,24)+1)/SUM(INDEX($D$3:$AA$30,INDEX(Jesper!$R$2:$R$366,ROW(INDEX(Jesper!AH$2:AH$366,ROUNDDOWN($C8773/24,0)+1,1))-1)+IF('Standard Profiles'!$G$18=$B$10,7,0)+IF('Standard Profiles'!$G$18=$B$17,14,0)+IF('Standard Profiles'!$G$18=$B$24,21,0),0)),0)</f>
        <v>0</v>
      </c>
      <c r="E8773" cm="1">
        <f t="array" ref="E8773">IFERROR(INDEX(Jesper!AI$2:AI$366,ROUNDDOWN($C8773/24,0)+1,1)*INDEX($D$3:$AA$30,INDEX(Jesper!$R$2:$R$366,ROW(INDEX(Jesper!AI$2:AI$366,ROUNDDOWN($C8773/24,0)+1,1))-1)+IF('Standard Profiles'!$G$19=$B$10,7,0)+IF('Standard Profiles'!$G$19=$B$17,14,0)+IF('Standard Profiles'!$G$19=$B$24,21,0),MOD($C8773,24)+1)/SUM(INDEX($D$3:$AA$30,INDEX(Jesper!$R$2:$R$366,ROW(INDEX(Jesper!AI$2:AI$366,ROUNDDOWN($C8773/24,0)+1,1))-1)+IF('Standard Profiles'!$G$19=$B$10,7,0)+IF('Standard Profiles'!$G$19=$B$17,14,0)+IF('Standard Profiles'!$G$19=$B$24,21,0),0)),0)</f>
        <v>4.7488133526520979</v>
      </c>
      <c r="F8773" cm="1">
        <f t="array" ref="F8773">IFERROR(INDEX(Jesper!AJ$2:AJ$366,ROUNDDOWN($C8773/24,0)+1,1)*INDEX($D$3:$AA$30,INDEX(Jesper!$R$2:$R$366,ROW(INDEX(Jesper!AJ$2:AJ$366,ROUNDDOWN($C8773/24,0)+1,1))-1)+IF('Standard Profiles'!$G$20=$B$10,7,0)+IF('Standard Profiles'!$G$20=$B$17,14,0)+IF('Standard Profiles'!$G$20=$B$24,21,0),MOD($C8773,24)+1)/SUM(INDEX($D$3:$AA$30,INDEX(Jesper!$R$2:$R$366,ROW(INDEX(Jesper!AJ$2:AJ$366,ROUNDDOWN($C8773/24,0)+1,1))-1)+IF('Standard Profiles'!$G$20=$B$10,7,0)+IF('Standard Profiles'!$G$20=$B$17,14,0)+IF('Standard Profiles'!$G$20=$B$24,21,0),0)),0)</f>
        <v>3.8930340800452572</v>
      </c>
      <c r="G8773" cm="1">
        <f t="array" ref="G8773">IFERROR(INDEX(Jesper!AK$2:AK$366,ROUNDDOWN($C8773/24,0)+1,1)*INDEX($D$3:$AA$30,INDEX(Jesper!$R$2:$R$366,ROW(INDEX(Jesper!AK$2:AK$366,ROUNDDOWN($C8773/24,0)+1,1))-1)+IF('Standard Profiles'!$G$21=$B$10,7,0)+IF('Standard Profiles'!$G$21=$B$17,14,0)+IF('Standard Profiles'!$G$21=$B$24,21,0),MOD($C8773,24)+1)/SUM(INDEX($D$3:$AA$30,INDEX(Jesper!$R$2:$R$366,ROW(INDEX(Jesper!AK$2:AK$366,ROUNDDOWN($C8773/24,0)+1,1))-1)+IF('Standard Profiles'!$G$21=$B$10,7,0)+IF('Standard Profiles'!$G$21=$B$17,14,0)+IF('Standard Profiles'!$G$21=$B$24,21,0),0)),0)</f>
        <v>6.079400605110548</v>
      </c>
      <c r="H8773" cm="1">
        <f t="array" ref="H8773">IFERROR(INDEX(Jesper!AL$2:AL$366,ROUNDDOWN($C8773/24,0)+1,1)*INDEX($D$3:$AA$30,INDEX(Jesper!$R$2:$R$366,ROW(INDEX(Jesper!AL$2:AL$366,ROUNDDOWN($C8773/24,0)+1,1))-1)+IF('Standard Profiles'!$G$22=$B$10,7,0)+IF('Standard Profiles'!$G$22=$B$17,14,0)+IF('Standard Profiles'!$G$22=$B$24,21,0),MOD($C8773,24)+1)/SUM(INDEX($D$3:$AA$30,INDEX(Jesper!$R$2:$R$366,ROW(INDEX(Jesper!AL$2:AL$366,ROUNDDOWN($C8773/24,0)+1,1))-1)+IF('Standard Profiles'!$G$22=$B$10,7,0)+IF('Standard Profiles'!$G$22=$B$17,14,0)+IF('Standard Profiles'!$G$22=$B$24,21,0),0)),0)</f>
        <v>3.2888393502104134</v>
      </c>
      <c r="I8773">
        <f t="shared" si="972"/>
        <v>3.1572857762019986</v>
      </c>
      <c r="J8773">
        <f t="shared" si="973"/>
        <v>14.282944009498065</v>
      </c>
      <c r="K8773">
        <f t="shared" si="974"/>
        <v>0.37990506821216785</v>
      </c>
      <c r="L8773">
        <f t="shared" si="975"/>
        <v>0.18995253410608393</v>
      </c>
      <c r="M8773">
        <f t="shared" si="976"/>
        <v>0</v>
      </c>
      <c r="N8773" s="45">
        <f t="shared" si="977"/>
        <v>45291.124999978805</v>
      </c>
    </row>
    <row r="8774" spans="2:14" x14ac:dyDescent="0.25">
      <c r="B8774">
        <f t="shared" si="971"/>
        <v>7</v>
      </c>
      <c r="C8774" s="16">
        <v>8740</v>
      </c>
      <c r="D8774" cm="1">
        <f t="array" ref="D8774">IFERROR(INDEX(Jesper!AH$2:AH$366,ROUNDDOWN($C8774/24,0)+1,1)*INDEX($D$3:$AA$30,INDEX(Jesper!$R$2:$R$366,ROW(INDEX(Jesper!AH$2:AH$366,ROUNDDOWN($C8774/24,0)+1,1))-1)+IF('Standard Profiles'!$G$18=$B$10,7,0)+IF('Standard Profiles'!$G$18=$B$17,14,0)+IF('Standard Profiles'!$G$18=$B$24,21,0),MOD($C8774,24)+1)/SUM(INDEX($D$3:$AA$30,INDEX(Jesper!$R$2:$R$366,ROW(INDEX(Jesper!AH$2:AH$366,ROUNDDOWN($C8774/24,0)+1,1))-1)+IF('Standard Profiles'!$G$18=$B$10,7,0)+IF('Standard Profiles'!$G$18=$B$17,14,0)+IF('Standard Profiles'!$G$18=$B$24,21,0),0)),0)</f>
        <v>0</v>
      </c>
      <c r="E8774" cm="1">
        <f t="array" ref="E8774">IFERROR(INDEX(Jesper!AI$2:AI$366,ROUNDDOWN($C8774/24,0)+1,1)*INDEX($D$3:$AA$30,INDEX(Jesper!$R$2:$R$366,ROW(INDEX(Jesper!AI$2:AI$366,ROUNDDOWN($C8774/24,0)+1,1))-1)+IF('Standard Profiles'!$G$19=$B$10,7,0)+IF('Standard Profiles'!$G$19=$B$17,14,0)+IF('Standard Profiles'!$G$19=$B$24,21,0),MOD($C8774,24)+1)/SUM(INDEX($D$3:$AA$30,INDEX(Jesper!$R$2:$R$366,ROW(INDEX(Jesper!AI$2:AI$366,ROUNDDOWN($C8774/24,0)+1,1))-1)+IF('Standard Profiles'!$G$19=$B$10,7,0)+IF('Standard Profiles'!$G$19=$B$17,14,0)+IF('Standard Profiles'!$G$19=$B$24,21,0),0)),0)</f>
        <v>4.7488133526520979</v>
      </c>
      <c r="F8774" cm="1">
        <f t="array" ref="F8774">IFERROR(INDEX(Jesper!AJ$2:AJ$366,ROUNDDOWN($C8774/24,0)+1,1)*INDEX($D$3:$AA$30,INDEX(Jesper!$R$2:$R$366,ROW(INDEX(Jesper!AJ$2:AJ$366,ROUNDDOWN($C8774/24,0)+1,1))-1)+IF('Standard Profiles'!$G$20=$B$10,7,0)+IF('Standard Profiles'!$G$20=$B$17,14,0)+IF('Standard Profiles'!$G$20=$B$24,21,0),MOD($C8774,24)+1)/SUM(INDEX($D$3:$AA$30,INDEX(Jesper!$R$2:$R$366,ROW(INDEX(Jesper!AJ$2:AJ$366,ROUNDDOWN($C8774/24,0)+1,1))-1)+IF('Standard Profiles'!$G$20=$B$10,7,0)+IF('Standard Profiles'!$G$20=$B$17,14,0)+IF('Standard Profiles'!$G$20=$B$24,21,0),0)),0)</f>
        <v>3.8930340800452572</v>
      </c>
      <c r="G8774" cm="1">
        <f t="array" ref="G8774">IFERROR(INDEX(Jesper!AK$2:AK$366,ROUNDDOWN($C8774/24,0)+1,1)*INDEX($D$3:$AA$30,INDEX(Jesper!$R$2:$R$366,ROW(INDEX(Jesper!AK$2:AK$366,ROUNDDOWN($C8774/24,0)+1,1))-1)+IF('Standard Profiles'!$G$21=$B$10,7,0)+IF('Standard Profiles'!$G$21=$B$17,14,0)+IF('Standard Profiles'!$G$21=$B$24,21,0),MOD($C8774,24)+1)/SUM(INDEX($D$3:$AA$30,INDEX(Jesper!$R$2:$R$366,ROW(INDEX(Jesper!AK$2:AK$366,ROUNDDOWN($C8774/24,0)+1,1))-1)+IF('Standard Profiles'!$G$21=$B$10,7,0)+IF('Standard Profiles'!$G$21=$B$17,14,0)+IF('Standard Profiles'!$G$21=$B$24,21,0),0)),0)</f>
        <v>6.079400605110548</v>
      </c>
      <c r="H8774" cm="1">
        <f t="array" ref="H8774">IFERROR(INDEX(Jesper!AL$2:AL$366,ROUNDDOWN($C8774/24,0)+1,1)*INDEX($D$3:$AA$30,INDEX(Jesper!$R$2:$R$366,ROW(INDEX(Jesper!AL$2:AL$366,ROUNDDOWN($C8774/24,0)+1,1))-1)+IF('Standard Profiles'!$G$22=$B$10,7,0)+IF('Standard Profiles'!$G$22=$B$17,14,0)+IF('Standard Profiles'!$G$22=$B$24,21,0),MOD($C8774,24)+1)/SUM(INDEX($D$3:$AA$30,INDEX(Jesper!$R$2:$R$366,ROW(INDEX(Jesper!AL$2:AL$366,ROUNDDOWN($C8774/24,0)+1,1))-1)+IF('Standard Profiles'!$G$22=$B$10,7,0)+IF('Standard Profiles'!$G$22=$B$17,14,0)+IF('Standard Profiles'!$G$22=$B$24,21,0),0)),0)</f>
        <v>3.2888393502104134</v>
      </c>
      <c r="I8774">
        <f t="shared" si="972"/>
        <v>3.1572857762019986</v>
      </c>
      <c r="J8774">
        <f t="shared" si="973"/>
        <v>14.282944009498065</v>
      </c>
      <c r="K8774">
        <f t="shared" si="974"/>
        <v>0.37990506821216785</v>
      </c>
      <c r="L8774">
        <f t="shared" si="975"/>
        <v>0.18995253410608393</v>
      </c>
      <c r="M8774">
        <f t="shared" si="976"/>
        <v>0</v>
      </c>
      <c r="N8774" s="45">
        <f t="shared" si="977"/>
        <v>45291.166666645469</v>
      </c>
    </row>
    <row r="8775" spans="2:14" x14ac:dyDescent="0.25">
      <c r="B8775">
        <f t="shared" si="971"/>
        <v>7</v>
      </c>
      <c r="C8775" s="16">
        <v>8741</v>
      </c>
      <c r="D8775" cm="1">
        <f t="array" ref="D8775">IFERROR(INDEX(Jesper!AH$2:AH$366,ROUNDDOWN($C8775/24,0)+1,1)*INDEX($D$3:$AA$30,INDEX(Jesper!$R$2:$R$366,ROW(INDEX(Jesper!AH$2:AH$366,ROUNDDOWN($C8775/24,0)+1,1))-1)+IF('Standard Profiles'!$G$18=$B$10,7,0)+IF('Standard Profiles'!$G$18=$B$17,14,0)+IF('Standard Profiles'!$G$18=$B$24,21,0),MOD($C8775,24)+1)/SUM(INDEX($D$3:$AA$30,INDEX(Jesper!$R$2:$R$366,ROW(INDEX(Jesper!AH$2:AH$366,ROUNDDOWN($C8775/24,0)+1,1))-1)+IF('Standard Profiles'!$G$18=$B$10,7,0)+IF('Standard Profiles'!$G$18=$B$17,14,0)+IF('Standard Profiles'!$G$18=$B$24,21,0),0)),0)</f>
        <v>0</v>
      </c>
      <c r="E8775" cm="1">
        <f t="array" ref="E8775">IFERROR(INDEX(Jesper!AI$2:AI$366,ROUNDDOWN($C8775/24,0)+1,1)*INDEX($D$3:$AA$30,INDEX(Jesper!$R$2:$R$366,ROW(INDEX(Jesper!AI$2:AI$366,ROUNDDOWN($C8775/24,0)+1,1))-1)+IF('Standard Profiles'!$G$19=$B$10,7,0)+IF('Standard Profiles'!$G$19=$B$17,14,0)+IF('Standard Profiles'!$G$19=$B$24,21,0),MOD($C8775,24)+1)/SUM(INDEX($D$3:$AA$30,INDEX(Jesper!$R$2:$R$366,ROW(INDEX(Jesper!AI$2:AI$366,ROUNDDOWN($C8775/24,0)+1,1))-1)+IF('Standard Profiles'!$G$19=$B$10,7,0)+IF('Standard Profiles'!$G$19=$B$17,14,0)+IF('Standard Profiles'!$G$19=$B$24,21,0),0)),0)</f>
        <v>4.7488133526520979</v>
      </c>
      <c r="F8775" cm="1">
        <f t="array" ref="F8775">IFERROR(INDEX(Jesper!AJ$2:AJ$366,ROUNDDOWN($C8775/24,0)+1,1)*INDEX($D$3:$AA$30,INDEX(Jesper!$R$2:$R$366,ROW(INDEX(Jesper!AJ$2:AJ$366,ROUNDDOWN($C8775/24,0)+1,1))-1)+IF('Standard Profiles'!$G$20=$B$10,7,0)+IF('Standard Profiles'!$G$20=$B$17,14,0)+IF('Standard Profiles'!$G$20=$B$24,21,0),MOD($C8775,24)+1)/SUM(INDEX($D$3:$AA$30,INDEX(Jesper!$R$2:$R$366,ROW(INDEX(Jesper!AJ$2:AJ$366,ROUNDDOWN($C8775/24,0)+1,1))-1)+IF('Standard Profiles'!$G$20=$B$10,7,0)+IF('Standard Profiles'!$G$20=$B$17,14,0)+IF('Standard Profiles'!$G$20=$B$24,21,0),0)),0)</f>
        <v>3.8930340800452572</v>
      </c>
      <c r="G8775" cm="1">
        <f t="array" ref="G8775">IFERROR(INDEX(Jesper!AK$2:AK$366,ROUNDDOWN($C8775/24,0)+1,1)*INDEX($D$3:$AA$30,INDEX(Jesper!$R$2:$R$366,ROW(INDEX(Jesper!AK$2:AK$366,ROUNDDOWN($C8775/24,0)+1,1))-1)+IF('Standard Profiles'!$G$21=$B$10,7,0)+IF('Standard Profiles'!$G$21=$B$17,14,0)+IF('Standard Profiles'!$G$21=$B$24,21,0),MOD($C8775,24)+1)/SUM(INDEX($D$3:$AA$30,INDEX(Jesper!$R$2:$R$366,ROW(INDEX(Jesper!AK$2:AK$366,ROUNDDOWN($C8775/24,0)+1,1))-1)+IF('Standard Profiles'!$G$21=$B$10,7,0)+IF('Standard Profiles'!$G$21=$B$17,14,0)+IF('Standard Profiles'!$G$21=$B$24,21,0),0)),0)</f>
        <v>6.079400605110548</v>
      </c>
      <c r="H8775" cm="1">
        <f t="array" ref="H8775">IFERROR(INDEX(Jesper!AL$2:AL$366,ROUNDDOWN($C8775/24,0)+1,1)*INDEX($D$3:$AA$30,INDEX(Jesper!$R$2:$R$366,ROW(INDEX(Jesper!AL$2:AL$366,ROUNDDOWN($C8775/24,0)+1,1))-1)+IF('Standard Profiles'!$G$22=$B$10,7,0)+IF('Standard Profiles'!$G$22=$B$17,14,0)+IF('Standard Profiles'!$G$22=$B$24,21,0),MOD($C8775,24)+1)/SUM(INDEX($D$3:$AA$30,INDEX(Jesper!$R$2:$R$366,ROW(INDEX(Jesper!AL$2:AL$366,ROUNDDOWN($C8775/24,0)+1,1))-1)+IF('Standard Profiles'!$G$22=$B$10,7,0)+IF('Standard Profiles'!$G$22=$B$17,14,0)+IF('Standard Profiles'!$G$22=$B$24,21,0),0)),0)</f>
        <v>4.1110491877630162</v>
      </c>
      <c r="I8775">
        <f t="shared" si="972"/>
        <v>3.9466072202524978</v>
      </c>
      <c r="J8775">
        <f t="shared" si="973"/>
        <v>14.315832403000169</v>
      </c>
      <c r="K8775">
        <f t="shared" si="974"/>
        <v>0.37990506821216785</v>
      </c>
      <c r="L8775">
        <f t="shared" si="975"/>
        <v>0.18995253410608393</v>
      </c>
      <c r="M8775">
        <f t="shared" si="976"/>
        <v>0</v>
      </c>
      <c r="N8775" s="45">
        <f t="shared" si="977"/>
        <v>45291.208333312134</v>
      </c>
    </row>
    <row r="8776" spans="2:14" x14ac:dyDescent="0.25">
      <c r="B8776">
        <f t="shared" si="971"/>
        <v>7</v>
      </c>
      <c r="C8776" s="16">
        <v>8742</v>
      </c>
      <c r="D8776" cm="1">
        <f t="array" ref="D8776">IFERROR(INDEX(Jesper!AH$2:AH$366,ROUNDDOWN($C8776/24,0)+1,1)*INDEX($D$3:$AA$30,INDEX(Jesper!$R$2:$R$366,ROW(INDEX(Jesper!AH$2:AH$366,ROUNDDOWN($C8776/24,0)+1,1))-1)+IF('Standard Profiles'!$G$18=$B$10,7,0)+IF('Standard Profiles'!$G$18=$B$17,14,0)+IF('Standard Profiles'!$G$18=$B$24,21,0),MOD($C8776,24)+1)/SUM(INDEX($D$3:$AA$30,INDEX(Jesper!$R$2:$R$366,ROW(INDEX(Jesper!AH$2:AH$366,ROUNDDOWN($C8776/24,0)+1,1))-1)+IF('Standard Profiles'!$G$18=$B$10,7,0)+IF('Standard Profiles'!$G$18=$B$17,14,0)+IF('Standard Profiles'!$G$18=$B$24,21,0),0)),0)</f>
        <v>0</v>
      </c>
      <c r="E8776" cm="1">
        <f t="array" ref="E8776">IFERROR(INDEX(Jesper!AI$2:AI$366,ROUNDDOWN($C8776/24,0)+1,1)*INDEX($D$3:$AA$30,INDEX(Jesper!$R$2:$R$366,ROW(INDEX(Jesper!AI$2:AI$366,ROUNDDOWN($C8776/24,0)+1,1))-1)+IF('Standard Profiles'!$G$19=$B$10,7,0)+IF('Standard Profiles'!$G$19=$B$17,14,0)+IF('Standard Profiles'!$G$19=$B$24,21,0),MOD($C8776,24)+1)/SUM(INDEX($D$3:$AA$30,INDEX(Jesper!$R$2:$R$366,ROW(INDEX(Jesper!AI$2:AI$366,ROUNDDOWN($C8776/24,0)+1,1))-1)+IF('Standard Profiles'!$G$19=$B$10,7,0)+IF('Standard Profiles'!$G$19=$B$17,14,0)+IF('Standard Profiles'!$G$19=$B$24,21,0),0)),0)</f>
        <v>4.7488133526520979</v>
      </c>
      <c r="F8776" cm="1">
        <f t="array" ref="F8776">IFERROR(INDEX(Jesper!AJ$2:AJ$366,ROUNDDOWN($C8776/24,0)+1,1)*INDEX($D$3:$AA$30,INDEX(Jesper!$R$2:$R$366,ROW(INDEX(Jesper!AJ$2:AJ$366,ROUNDDOWN($C8776/24,0)+1,1))-1)+IF('Standard Profiles'!$G$20=$B$10,7,0)+IF('Standard Profiles'!$G$20=$B$17,14,0)+IF('Standard Profiles'!$G$20=$B$24,21,0),MOD($C8776,24)+1)/SUM(INDEX($D$3:$AA$30,INDEX(Jesper!$R$2:$R$366,ROW(INDEX(Jesper!AJ$2:AJ$366,ROUNDDOWN($C8776/24,0)+1,1))-1)+IF('Standard Profiles'!$G$20=$B$10,7,0)+IF('Standard Profiles'!$G$20=$B$17,14,0)+IF('Standard Profiles'!$G$20=$B$24,21,0),0)),0)</f>
        <v>3.8930340800452572</v>
      </c>
      <c r="G8776" cm="1">
        <f t="array" ref="G8776">IFERROR(INDEX(Jesper!AK$2:AK$366,ROUNDDOWN($C8776/24,0)+1,1)*INDEX($D$3:$AA$30,INDEX(Jesper!$R$2:$R$366,ROW(INDEX(Jesper!AK$2:AK$366,ROUNDDOWN($C8776/24,0)+1,1))-1)+IF('Standard Profiles'!$G$21=$B$10,7,0)+IF('Standard Profiles'!$G$21=$B$17,14,0)+IF('Standard Profiles'!$G$21=$B$24,21,0),MOD($C8776,24)+1)/SUM(INDEX($D$3:$AA$30,INDEX(Jesper!$R$2:$R$366,ROW(INDEX(Jesper!AK$2:AK$366,ROUNDDOWN($C8776/24,0)+1,1))-1)+IF('Standard Profiles'!$G$21=$B$10,7,0)+IF('Standard Profiles'!$G$21=$B$17,14,0)+IF('Standard Profiles'!$G$21=$B$24,21,0),0)),0)</f>
        <v>6.079400605110548</v>
      </c>
      <c r="H8776" cm="1">
        <f t="array" ref="H8776">IFERROR(INDEX(Jesper!AL$2:AL$366,ROUNDDOWN($C8776/24,0)+1,1)*INDEX($D$3:$AA$30,INDEX(Jesper!$R$2:$R$366,ROW(INDEX(Jesper!AL$2:AL$366,ROUNDDOWN($C8776/24,0)+1,1))-1)+IF('Standard Profiles'!$G$22=$B$10,7,0)+IF('Standard Profiles'!$G$22=$B$17,14,0)+IF('Standard Profiles'!$G$22=$B$24,21,0),MOD($C8776,24)+1)/SUM(INDEX($D$3:$AA$30,INDEX(Jesper!$R$2:$R$366,ROW(INDEX(Jesper!AL$2:AL$366,ROUNDDOWN($C8776/24,0)+1,1))-1)+IF('Standard Profiles'!$G$22=$B$10,7,0)+IF('Standard Profiles'!$G$22=$B$17,14,0)+IF('Standard Profiles'!$G$22=$B$24,21,0),0)),0)</f>
        <v>4.8419023766986644</v>
      </c>
      <c r="I8776">
        <f t="shared" si="972"/>
        <v>4.6482262816307207</v>
      </c>
      <c r="J8776">
        <f t="shared" si="973"/>
        <v>14.345066530557595</v>
      </c>
      <c r="K8776">
        <f t="shared" si="974"/>
        <v>0.37990506821216785</v>
      </c>
      <c r="L8776">
        <f t="shared" si="975"/>
        <v>0.18995253410608393</v>
      </c>
      <c r="M8776">
        <f t="shared" si="976"/>
        <v>0</v>
      </c>
      <c r="N8776" s="45">
        <f t="shared" si="977"/>
        <v>45291.249999978798</v>
      </c>
    </row>
    <row r="8777" spans="2:14" x14ac:dyDescent="0.25">
      <c r="B8777">
        <f t="shared" si="971"/>
        <v>7</v>
      </c>
      <c r="C8777" s="16">
        <v>8743</v>
      </c>
      <c r="D8777" cm="1">
        <f t="array" ref="D8777">IFERROR(INDEX(Jesper!AH$2:AH$366,ROUNDDOWN($C8777/24,0)+1,1)*INDEX($D$3:$AA$30,INDEX(Jesper!$R$2:$R$366,ROW(INDEX(Jesper!AH$2:AH$366,ROUNDDOWN($C8777/24,0)+1,1))-1)+IF('Standard Profiles'!$G$18=$B$10,7,0)+IF('Standard Profiles'!$G$18=$B$17,14,0)+IF('Standard Profiles'!$G$18=$B$24,21,0),MOD($C8777,24)+1)/SUM(INDEX($D$3:$AA$30,INDEX(Jesper!$R$2:$R$366,ROW(INDEX(Jesper!AH$2:AH$366,ROUNDDOWN($C8777/24,0)+1,1))-1)+IF('Standard Profiles'!$G$18=$B$10,7,0)+IF('Standard Profiles'!$G$18=$B$17,14,0)+IF('Standard Profiles'!$G$18=$B$24,21,0),0)),0)</f>
        <v>0</v>
      </c>
      <c r="E8777" cm="1">
        <f t="array" ref="E8777">IFERROR(INDEX(Jesper!AI$2:AI$366,ROUNDDOWN($C8777/24,0)+1,1)*INDEX($D$3:$AA$30,INDEX(Jesper!$R$2:$R$366,ROW(INDEX(Jesper!AI$2:AI$366,ROUNDDOWN($C8777/24,0)+1,1))-1)+IF('Standard Profiles'!$G$19=$B$10,7,0)+IF('Standard Profiles'!$G$19=$B$17,14,0)+IF('Standard Profiles'!$G$19=$B$24,21,0),MOD($C8777,24)+1)/SUM(INDEX($D$3:$AA$30,INDEX(Jesper!$R$2:$R$366,ROW(INDEX(Jesper!AI$2:AI$366,ROUNDDOWN($C8777/24,0)+1,1))-1)+IF('Standard Profiles'!$G$19=$B$10,7,0)+IF('Standard Profiles'!$G$19=$B$17,14,0)+IF('Standard Profiles'!$G$19=$B$24,21,0),0)),0)</f>
        <v>4.7488133526520979</v>
      </c>
      <c r="F8777" cm="1">
        <f t="array" ref="F8777">IFERROR(INDEX(Jesper!AJ$2:AJ$366,ROUNDDOWN($C8777/24,0)+1,1)*INDEX($D$3:$AA$30,INDEX(Jesper!$R$2:$R$366,ROW(INDEX(Jesper!AJ$2:AJ$366,ROUNDDOWN($C8777/24,0)+1,1))-1)+IF('Standard Profiles'!$G$20=$B$10,7,0)+IF('Standard Profiles'!$G$20=$B$17,14,0)+IF('Standard Profiles'!$G$20=$B$24,21,0),MOD($C8777,24)+1)/SUM(INDEX($D$3:$AA$30,INDEX(Jesper!$R$2:$R$366,ROW(INDEX(Jesper!AJ$2:AJ$366,ROUNDDOWN($C8777/24,0)+1,1))-1)+IF('Standard Profiles'!$G$20=$B$10,7,0)+IF('Standard Profiles'!$G$20=$B$17,14,0)+IF('Standard Profiles'!$G$20=$B$24,21,0),0)),0)</f>
        <v>3.8930340800452572</v>
      </c>
      <c r="G8777" cm="1">
        <f t="array" ref="G8777">IFERROR(INDEX(Jesper!AK$2:AK$366,ROUNDDOWN($C8777/24,0)+1,1)*INDEX($D$3:$AA$30,INDEX(Jesper!$R$2:$R$366,ROW(INDEX(Jesper!AK$2:AK$366,ROUNDDOWN($C8777/24,0)+1,1))-1)+IF('Standard Profiles'!$G$21=$B$10,7,0)+IF('Standard Profiles'!$G$21=$B$17,14,0)+IF('Standard Profiles'!$G$21=$B$24,21,0),MOD($C8777,24)+1)/SUM(INDEX($D$3:$AA$30,INDEX(Jesper!$R$2:$R$366,ROW(INDEX(Jesper!AK$2:AK$366,ROUNDDOWN($C8777/24,0)+1,1))-1)+IF('Standard Profiles'!$G$21=$B$10,7,0)+IF('Standard Profiles'!$G$21=$B$17,14,0)+IF('Standard Profiles'!$G$21=$B$24,21,0),0)),0)</f>
        <v>6.079400605110548</v>
      </c>
      <c r="H8777" cm="1">
        <f t="array" ref="H8777">IFERROR(INDEX(Jesper!AL$2:AL$366,ROUNDDOWN($C8777/24,0)+1,1)*INDEX($D$3:$AA$30,INDEX(Jesper!$R$2:$R$366,ROW(INDEX(Jesper!AL$2:AL$366,ROUNDDOWN($C8777/24,0)+1,1))-1)+IF('Standard Profiles'!$G$22=$B$10,7,0)+IF('Standard Profiles'!$G$22=$B$17,14,0)+IF('Standard Profiles'!$G$22=$B$24,21,0),MOD($C8777,24)+1)/SUM(INDEX($D$3:$AA$30,INDEX(Jesper!$R$2:$R$366,ROW(INDEX(Jesper!AL$2:AL$366,ROUNDDOWN($C8777/24,0)+1,1))-1)+IF('Standard Profiles'!$G$22=$B$10,7,0)+IF('Standard Profiles'!$G$22=$B$17,14,0)+IF('Standard Profiles'!$G$22=$B$24,21,0),0)),0)</f>
        <v>5.7554688628682245</v>
      </c>
      <c r="I8777">
        <f t="shared" si="972"/>
        <v>5.5252501083534984</v>
      </c>
      <c r="J8777">
        <f t="shared" si="973"/>
        <v>14.381609190004376</v>
      </c>
      <c r="K8777">
        <f t="shared" si="974"/>
        <v>0.37990506821216785</v>
      </c>
      <c r="L8777">
        <f t="shared" si="975"/>
        <v>0.18995253410608393</v>
      </c>
      <c r="M8777">
        <f t="shared" si="976"/>
        <v>0</v>
      </c>
      <c r="N8777" s="45">
        <f t="shared" si="977"/>
        <v>45291.291666645462</v>
      </c>
    </row>
    <row r="8778" spans="2:14" x14ac:dyDescent="0.25">
      <c r="B8778">
        <f t="shared" si="971"/>
        <v>7</v>
      </c>
      <c r="C8778" s="16">
        <v>8744</v>
      </c>
      <c r="D8778" cm="1">
        <f t="array" ref="D8778">IFERROR(INDEX(Jesper!AH$2:AH$366,ROUNDDOWN($C8778/24,0)+1,1)*INDEX($D$3:$AA$30,INDEX(Jesper!$R$2:$R$366,ROW(INDEX(Jesper!AH$2:AH$366,ROUNDDOWN($C8778/24,0)+1,1))-1)+IF('Standard Profiles'!$G$18=$B$10,7,0)+IF('Standard Profiles'!$G$18=$B$17,14,0)+IF('Standard Profiles'!$G$18=$B$24,21,0),MOD($C8778,24)+1)/SUM(INDEX($D$3:$AA$30,INDEX(Jesper!$R$2:$R$366,ROW(INDEX(Jesper!AH$2:AH$366,ROUNDDOWN($C8778/24,0)+1,1))-1)+IF('Standard Profiles'!$G$18=$B$10,7,0)+IF('Standard Profiles'!$G$18=$B$17,14,0)+IF('Standard Profiles'!$G$18=$B$24,21,0),0)),0)</f>
        <v>0</v>
      </c>
      <c r="E8778" cm="1">
        <f t="array" ref="E8778">IFERROR(INDEX(Jesper!AI$2:AI$366,ROUNDDOWN($C8778/24,0)+1,1)*INDEX($D$3:$AA$30,INDEX(Jesper!$R$2:$R$366,ROW(INDEX(Jesper!AI$2:AI$366,ROUNDDOWN($C8778/24,0)+1,1))-1)+IF('Standard Profiles'!$G$19=$B$10,7,0)+IF('Standard Profiles'!$G$19=$B$17,14,0)+IF('Standard Profiles'!$G$19=$B$24,21,0),MOD($C8778,24)+1)/SUM(INDEX($D$3:$AA$30,INDEX(Jesper!$R$2:$R$366,ROW(INDEX(Jesper!AI$2:AI$366,ROUNDDOWN($C8778/24,0)+1,1))-1)+IF('Standard Profiles'!$G$19=$B$10,7,0)+IF('Standard Profiles'!$G$19=$B$17,14,0)+IF('Standard Profiles'!$G$19=$B$24,21,0),0)),0)</f>
        <v>4.7488133526520979</v>
      </c>
      <c r="F8778" cm="1">
        <f t="array" ref="F8778">IFERROR(INDEX(Jesper!AJ$2:AJ$366,ROUNDDOWN($C8778/24,0)+1,1)*INDEX($D$3:$AA$30,INDEX(Jesper!$R$2:$R$366,ROW(INDEX(Jesper!AJ$2:AJ$366,ROUNDDOWN($C8778/24,0)+1,1))-1)+IF('Standard Profiles'!$G$20=$B$10,7,0)+IF('Standard Profiles'!$G$20=$B$17,14,0)+IF('Standard Profiles'!$G$20=$B$24,21,0),MOD($C8778,24)+1)/SUM(INDEX($D$3:$AA$30,INDEX(Jesper!$R$2:$R$366,ROW(INDEX(Jesper!AJ$2:AJ$366,ROUNDDOWN($C8778/24,0)+1,1))-1)+IF('Standard Profiles'!$G$20=$B$10,7,0)+IF('Standard Profiles'!$G$20=$B$17,14,0)+IF('Standard Profiles'!$G$20=$B$24,21,0),0)),0)</f>
        <v>3.8930340800452572</v>
      </c>
      <c r="G8778" cm="1">
        <f t="array" ref="G8778">IFERROR(INDEX(Jesper!AK$2:AK$366,ROUNDDOWN($C8778/24,0)+1,1)*INDEX($D$3:$AA$30,INDEX(Jesper!$R$2:$R$366,ROW(INDEX(Jesper!AK$2:AK$366,ROUNDDOWN($C8778/24,0)+1,1))-1)+IF('Standard Profiles'!$G$21=$B$10,7,0)+IF('Standard Profiles'!$G$21=$B$17,14,0)+IF('Standard Profiles'!$G$21=$B$24,21,0),MOD($C8778,24)+1)/SUM(INDEX($D$3:$AA$30,INDEX(Jesper!$R$2:$R$366,ROW(INDEX(Jesper!AK$2:AK$366,ROUNDDOWN($C8778/24,0)+1,1))-1)+IF('Standard Profiles'!$G$21=$B$10,7,0)+IF('Standard Profiles'!$G$21=$B$17,14,0)+IF('Standard Profiles'!$G$21=$B$24,21,0),0)),0)</f>
        <v>6.079400605110548</v>
      </c>
      <c r="H8778" cm="1">
        <f t="array" ref="H8778">IFERROR(INDEX(Jesper!AL$2:AL$366,ROUNDDOWN($C8778/24,0)+1,1)*INDEX($D$3:$AA$30,INDEX(Jesper!$R$2:$R$366,ROW(INDEX(Jesper!AL$2:AL$366,ROUNDDOWN($C8778/24,0)+1,1))-1)+IF('Standard Profiles'!$G$22=$B$10,7,0)+IF('Standard Profiles'!$G$22=$B$17,14,0)+IF('Standard Profiles'!$G$22=$B$24,21,0),MOD($C8778,24)+1)/SUM(INDEX($D$3:$AA$30,INDEX(Jesper!$R$2:$R$366,ROW(INDEX(Jesper!AL$2:AL$366,ROUNDDOWN($C8778/24,0)+1,1))-1)+IF('Standard Profiles'!$G$22=$B$10,7,0)+IF('Standard Profiles'!$G$22=$B$17,14,0)+IF('Standard Profiles'!$G$22=$B$24,21,0),0)),0)</f>
        <v>5.7554688628682245</v>
      </c>
      <c r="I8778">
        <f t="shared" si="972"/>
        <v>5.5252501083534984</v>
      </c>
      <c r="J8778">
        <f t="shared" si="973"/>
        <v>14.381609190004376</v>
      </c>
      <c r="K8778">
        <f t="shared" si="974"/>
        <v>0.37990506821216785</v>
      </c>
      <c r="L8778">
        <f t="shared" si="975"/>
        <v>0.18995253410608393</v>
      </c>
      <c r="M8778">
        <f t="shared" si="976"/>
        <v>0</v>
      </c>
      <c r="N8778" s="45">
        <f t="shared" si="977"/>
        <v>45291.333333312126</v>
      </c>
    </row>
    <row r="8779" spans="2:14" x14ac:dyDescent="0.25">
      <c r="B8779">
        <f t="shared" si="971"/>
        <v>7</v>
      </c>
      <c r="C8779" s="16">
        <v>8745</v>
      </c>
      <c r="D8779" cm="1">
        <f t="array" ref="D8779">IFERROR(INDEX(Jesper!AH$2:AH$366,ROUNDDOWN($C8779/24,0)+1,1)*INDEX($D$3:$AA$30,INDEX(Jesper!$R$2:$R$366,ROW(INDEX(Jesper!AH$2:AH$366,ROUNDDOWN($C8779/24,0)+1,1))-1)+IF('Standard Profiles'!$G$18=$B$10,7,0)+IF('Standard Profiles'!$G$18=$B$17,14,0)+IF('Standard Profiles'!$G$18=$B$24,21,0),MOD($C8779,24)+1)/SUM(INDEX($D$3:$AA$30,INDEX(Jesper!$R$2:$R$366,ROW(INDEX(Jesper!AH$2:AH$366,ROUNDDOWN($C8779/24,0)+1,1))-1)+IF('Standard Profiles'!$G$18=$B$10,7,0)+IF('Standard Profiles'!$G$18=$B$17,14,0)+IF('Standard Profiles'!$G$18=$B$24,21,0),0)),0)</f>
        <v>0</v>
      </c>
      <c r="E8779" cm="1">
        <f t="array" ref="E8779">IFERROR(INDEX(Jesper!AI$2:AI$366,ROUNDDOWN($C8779/24,0)+1,1)*INDEX($D$3:$AA$30,INDEX(Jesper!$R$2:$R$366,ROW(INDEX(Jesper!AI$2:AI$366,ROUNDDOWN($C8779/24,0)+1,1))-1)+IF('Standard Profiles'!$G$19=$B$10,7,0)+IF('Standard Profiles'!$G$19=$B$17,14,0)+IF('Standard Profiles'!$G$19=$B$24,21,0),MOD($C8779,24)+1)/SUM(INDEX($D$3:$AA$30,INDEX(Jesper!$R$2:$R$366,ROW(INDEX(Jesper!AI$2:AI$366,ROUNDDOWN($C8779/24,0)+1,1))-1)+IF('Standard Profiles'!$G$19=$B$10,7,0)+IF('Standard Profiles'!$G$19=$B$17,14,0)+IF('Standard Profiles'!$G$19=$B$24,21,0),0)),0)</f>
        <v>4.7488133526520979</v>
      </c>
      <c r="F8779" cm="1">
        <f t="array" ref="F8779">IFERROR(INDEX(Jesper!AJ$2:AJ$366,ROUNDDOWN($C8779/24,0)+1,1)*INDEX($D$3:$AA$30,INDEX(Jesper!$R$2:$R$366,ROW(INDEX(Jesper!AJ$2:AJ$366,ROUNDDOWN($C8779/24,0)+1,1))-1)+IF('Standard Profiles'!$G$20=$B$10,7,0)+IF('Standard Profiles'!$G$20=$B$17,14,0)+IF('Standard Profiles'!$G$20=$B$24,21,0),MOD($C8779,24)+1)/SUM(INDEX($D$3:$AA$30,INDEX(Jesper!$R$2:$R$366,ROW(INDEX(Jesper!AJ$2:AJ$366,ROUNDDOWN($C8779/24,0)+1,1))-1)+IF('Standard Profiles'!$G$20=$B$10,7,0)+IF('Standard Profiles'!$G$20=$B$17,14,0)+IF('Standard Profiles'!$G$20=$B$24,21,0),0)),0)</f>
        <v>3.8930340800452572</v>
      </c>
      <c r="G8779" cm="1">
        <f t="array" ref="G8779">IFERROR(INDEX(Jesper!AK$2:AK$366,ROUNDDOWN($C8779/24,0)+1,1)*INDEX($D$3:$AA$30,INDEX(Jesper!$R$2:$R$366,ROW(INDEX(Jesper!AK$2:AK$366,ROUNDDOWN($C8779/24,0)+1,1))-1)+IF('Standard Profiles'!$G$21=$B$10,7,0)+IF('Standard Profiles'!$G$21=$B$17,14,0)+IF('Standard Profiles'!$G$21=$B$24,21,0),MOD($C8779,24)+1)/SUM(INDEX($D$3:$AA$30,INDEX(Jesper!$R$2:$R$366,ROW(INDEX(Jesper!AK$2:AK$366,ROUNDDOWN($C8779/24,0)+1,1))-1)+IF('Standard Profiles'!$G$21=$B$10,7,0)+IF('Standard Profiles'!$G$21=$B$17,14,0)+IF('Standard Profiles'!$G$21=$B$24,21,0),0)),0)</f>
        <v>6.079400605110548</v>
      </c>
      <c r="H8779" cm="1">
        <f t="array" ref="H8779">IFERROR(INDEX(Jesper!AL$2:AL$366,ROUNDDOWN($C8779/24,0)+1,1)*INDEX($D$3:$AA$30,INDEX(Jesper!$R$2:$R$366,ROW(INDEX(Jesper!AL$2:AL$366,ROUNDDOWN($C8779/24,0)+1,1))-1)+IF('Standard Profiles'!$G$22=$B$10,7,0)+IF('Standard Profiles'!$G$22=$B$17,14,0)+IF('Standard Profiles'!$G$22=$B$24,21,0),MOD($C8779,24)+1)/SUM(INDEX($D$3:$AA$30,INDEX(Jesper!$R$2:$R$366,ROW(INDEX(Jesper!AL$2:AL$366,ROUNDDOWN($C8779/24,0)+1,1))-1)+IF('Standard Profiles'!$G$22=$B$10,7,0)+IF('Standard Profiles'!$G$22=$B$17,14,0)+IF('Standard Profiles'!$G$22=$B$24,21,0),0)),0)</f>
        <v>5.7554688628682245</v>
      </c>
      <c r="I8779">
        <f t="shared" si="972"/>
        <v>5.5252501083534984</v>
      </c>
      <c r="J8779">
        <f t="shared" si="973"/>
        <v>14.381609190004376</v>
      </c>
      <c r="K8779">
        <f t="shared" si="974"/>
        <v>0.37990506821216785</v>
      </c>
      <c r="L8779">
        <f t="shared" si="975"/>
        <v>0.18995253410608393</v>
      </c>
      <c r="M8779">
        <f t="shared" si="976"/>
        <v>0</v>
      </c>
      <c r="N8779" s="45">
        <f t="shared" si="977"/>
        <v>45291.374999978791</v>
      </c>
    </row>
    <row r="8780" spans="2:14" x14ac:dyDescent="0.25">
      <c r="B8780">
        <f t="shared" si="971"/>
        <v>7</v>
      </c>
      <c r="C8780" s="16">
        <v>8746</v>
      </c>
      <c r="D8780" cm="1">
        <f t="array" ref="D8780">IFERROR(INDEX(Jesper!AH$2:AH$366,ROUNDDOWN($C8780/24,0)+1,1)*INDEX($D$3:$AA$30,INDEX(Jesper!$R$2:$R$366,ROW(INDEX(Jesper!AH$2:AH$366,ROUNDDOWN($C8780/24,0)+1,1))-1)+IF('Standard Profiles'!$G$18=$B$10,7,0)+IF('Standard Profiles'!$G$18=$B$17,14,0)+IF('Standard Profiles'!$G$18=$B$24,21,0),MOD($C8780,24)+1)/SUM(INDEX($D$3:$AA$30,INDEX(Jesper!$R$2:$R$366,ROW(INDEX(Jesper!AH$2:AH$366,ROUNDDOWN($C8780/24,0)+1,1))-1)+IF('Standard Profiles'!$G$18=$B$10,7,0)+IF('Standard Profiles'!$G$18=$B$17,14,0)+IF('Standard Profiles'!$G$18=$B$24,21,0),0)),0)</f>
        <v>0</v>
      </c>
      <c r="E8780" cm="1">
        <f t="array" ref="E8780">IFERROR(INDEX(Jesper!AI$2:AI$366,ROUNDDOWN($C8780/24,0)+1,1)*INDEX($D$3:$AA$30,INDEX(Jesper!$R$2:$R$366,ROW(INDEX(Jesper!AI$2:AI$366,ROUNDDOWN($C8780/24,0)+1,1))-1)+IF('Standard Profiles'!$G$19=$B$10,7,0)+IF('Standard Profiles'!$G$19=$B$17,14,0)+IF('Standard Profiles'!$G$19=$B$24,21,0),MOD($C8780,24)+1)/SUM(INDEX($D$3:$AA$30,INDEX(Jesper!$R$2:$R$366,ROW(INDEX(Jesper!AI$2:AI$366,ROUNDDOWN($C8780/24,0)+1,1))-1)+IF('Standard Profiles'!$G$19=$B$10,7,0)+IF('Standard Profiles'!$G$19=$B$17,14,0)+IF('Standard Profiles'!$G$19=$B$24,21,0),0)),0)</f>
        <v>4.7488133526520979</v>
      </c>
      <c r="F8780" cm="1">
        <f t="array" ref="F8780">IFERROR(INDEX(Jesper!AJ$2:AJ$366,ROUNDDOWN($C8780/24,0)+1,1)*INDEX($D$3:$AA$30,INDEX(Jesper!$R$2:$R$366,ROW(INDEX(Jesper!AJ$2:AJ$366,ROUNDDOWN($C8780/24,0)+1,1))-1)+IF('Standard Profiles'!$G$20=$B$10,7,0)+IF('Standard Profiles'!$G$20=$B$17,14,0)+IF('Standard Profiles'!$G$20=$B$24,21,0),MOD($C8780,24)+1)/SUM(INDEX($D$3:$AA$30,INDEX(Jesper!$R$2:$R$366,ROW(INDEX(Jesper!AJ$2:AJ$366,ROUNDDOWN($C8780/24,0)+1,1))-1)+IF('Standard Profiles'!$G$20=$B$10,7,0)+IF('Standard Profiles'!$G$20=$B$17,14,0)+IF('Standard Profiles'!$G$20=$B$24,21,0),0)),0)</f>
        <v>3.8930340800452572</v>
      </c>
      <c r="G8780" cm="1">
        <f t="array" ref="G8780">IFERROR(INDEX(Jesper!AK$2:AK$366,ROUNDDOWN($C8780/24,0)+1,1)*INDEX($D$3:$AA$30,INDEX(Jesper!$R$2:$R$366,ROW(INDEX(Jesper!AK$2:AK$366,ROUNDDOWN($C8780/24,0)+1,1))-1)+IF('Standard Profiles'!$G$21=$B$10,7,0)+IF('Standard Profiles'!$G$21=$B$17,14,0)+IF('Standard Profiles'!$G$21=$B$24,21,0),MOD($C8780,24)+1)/SUM(INDEX($D$3:$AA$30,INDEX(Jesper!$R$2:$R$366,ROW(INDEX(Jesper!AK$2:AK$366,ROUNDDOWN($C8780/24,0)+1,1))-1)+IF('Standard Profiles'!$G$21=$B$10,7,0)+IF('Standard Profiles'!$G$21=$B$17,14,0)+IF('Standard Profiles'!$G$21=$B$24,21,0),0)),0)</f>
        <v>6.079400605110548</v>
      </c>
      <c r="H8780" cm="1">
        <f t="array" ref="H8780">IFERROR(INDEX(Jesper!AL$2:AL$366,ROUNDDOWN($C8780/24,0)+1,1)*INDEX($D$3:$AA$30,INDEX(Jesper!$R$2:$R$366,ROW(INDEX(Jesper!AL$2:AL$366,ROUNDDOWN($C8780/24,0)+1,1))-1)+IF('Standard Profiles'!$G$22=$B$10,7,0)+IF('Standard Profiles'!$G$22=$B$17,14,0)+IF('Standard Profiles'!$G$22=$B$24,21,0),MOD($C8780,24)+1)/SUM(INDEX($D$3:$AA$30,INDEX(Jesper!$R$2:$R$366,ROW(INDEX(Jesper!AL$2:AL$366,ROUNDDOWN($C8780/24,0)+1,1))-1)+IF('Standard Profiles'!$G$22=$B$10,7,0)+IF('Standard Profiles'!$G$22=$B$17,14,0)+IF('Standard Profiles'!$G$22=$B$24,21,0),0)),0)</f>
        <v>5.7554688628682245</v>
      </c>
      <c r="I8780">
        <f t="shared" si="972"/>
        <v>5.5252501083534984</v>
      </c>
      <c r="J8780">
        <f t="shared" si="973"/>
        <v>14.381609190004376</v>
      </c>
      <c r="K8780">
        <f t="shared" si="974"/>
        <v>0.37990506821216785</v>
      </c>
      <c r="L8780">
        <f t="shared" si="975"/>
        <v>0.18995253410608393</v>
      </c>
      <c r="M8780">
        <f t="shared" si="976"/>
        <v>0</v>
      </c>
      <c r="N8780" s="45">
        <f t="shared" si="977"/>
        <v>45291.416666645455</v>
      </c>
    </row>
    <row r="8781" spans="2:14" x14ac:dyDescent="0.25">
      <c r="B8781">
        <f t="shared" si="971"/>
        <v>7</v>
      </c>
      <c r="C8781" s="16">
        <v>8747</v>
      </c>
      <c r="D8781" cm="1">
        <f t="array" ref="D8781">IFERROR(INDEX(Jesper!AH$2:AH$366,ROUNDDOWN($C8781/24,0)+1,1)*INDEX($D$3:$AA$30,INDEX(Jesper!$R$2:$R$366,ROW(INDEX(Jesper!AH$2:AH$366,ROUNDDOWN($C8781/24,0)+1,1))-1)+IF('Standard Profiles'!$G$18=$B$10,7,0)+IF('Standard Profiles'!$G$18=$B$17,14,0)+IF('Standard Profiles'!$G$18=$B$24,21,0),MOD($C8781,24)+1)/SUM(INDEX($D$3:$AA$30,INDEX(Jesper!$R$2:$R$366,ROW(INDEX(Jesper!AH$2:AH$366,ROUNDDOWN($C8781/24,0)+1,1))-1)+IF('Standard Profiles'!$G$18=$B$10,7,0)+IF('Standard Profiles'!$G$18=$B$17,14,0)+IF('Standard Profiles'!$G$18=$B$24,21,0),0)),0)</f>
        <v>0</v>
      </c>
      <c r="E8781" cm="1">
        <f t="array" ref="E8781">IFERROR(INDEX(Jesper!AI$2:AI$366,ROUNDDOWN($C8781/24,0)+1,1)*INDEX($D$3:$AA$30,INDEX(Jesper!$R$2:$R$366,ROW(INDEX(Jesper!AI$2:AI$366,ROUNDDOWN($C8781/24,0)+1,1))-1)+IF('Standard Profiles'!$G$19=$B$10,7,0)+IF('Standard Profiles'!$G$19=$B$17,14,0)+IF('Standard Profiles'!$G$19=$B$24,21,0),MOD($C8781,24)+1)/SUM(INDEX($D$3:$AA$30,INDEX(Jesper!$R$2:$R$366,ROW(INDEX(Jesper!AI$2:AI$366,ROUNDDOWN($C8781/24,0)+1,1))-1)+IF('Standard Profiles'!$G$19=$B$10,7,0)+IF('Standard Profiles'!$G$19=$B$17,14,0)+IF('Standard Profiles'!$G$19=$B$24,21,0),0)),0)</f>
        <v>4.7488133526520979</v>
      </c>
      <c r="F8781" cm="1">
        <f t="array" ref="F8781">IFERROR(INDEX(Jesper!AJ$2:AJ$366,ROUNDDOWN($C8781/24,0)+1,1)*INDEX($D$3:$AA$30,INDEX(Jesper!$R$2:$R$366,ROW(INDEX(Jesper!AJ$2:AJ$366,ROUNDDOWN($C8781/24,0)+1,1))-1)+IF('Standard Profiles'!$G$20=$B$10,7,0)+IF('Standard Profiles'!$G$20=$B$17,14,0)+IF('Standard Profiles'!$G$20=$B$24,21,0),MOD($C8781,24)+1)/SUM(INDEX($D$3:$AA$30,INDEX(Jesper!$R$2:$R$366,ROW(INDEX(Jesper!AJ$2:AJ$366,ROUNDDOWN($C8781/24,0)+1,1))-1)+IF('Standard Profiles'!$G$20=$B$10,7,0)+IF('Standard Profiles'!$G$20=$B$17,14,0)+IF('Standard Profiles'!$G$20=$B$24,21,0),0)),0)</f>
        <v>3.8930340800452572</v>
      </c>
      <c r="G8781" cm="1">
        <f t="array" ref="G8781">IFERROR(INDEX(Jesper!AK$2:AK$366,ROUNDDOWN($C8781/24,0)+1,1)*INDEX($D$3:$AA$30,INDEX(Jesper!$R$2:$R$366,ROW(INDEX(Jesper!AK$2:AK$366,ROUNDDOWN($C8781/24,0)+1,1))-1)+IF('Standard Profiles'!$G$21=$B$10,7,0)+IF('Standard Profiles'!$G$21=$B$17,14,0)+IF('Standard Profiles'!$G$21=$B$24,21,0),MOD($C8781,24)+1)/SUM(INDEX($D$3:$AA$30,INDEX(Jesper!$R$2:$R$366,ROW(INDEX(Jesper!AK$2:AK$366,ROUNDDOWN($C8781/24,0)+1,1))-1)+IF('Standard Profiles'!$G$21=$B$10,7,0)+IF('Standard Profiles'!$G$21=$B$17,14,0)+IF('Standard Profiles'!$G$21=$B$24,21,0),0)),0)</f>
        <v>6.079400605110548</v>
      </c>
      <c r="H8781" cm="1">
        <f t="array" ref="H8781">IFERROR(INDEX(Jesper!AL$2:AL$366,ROUNDDOWN($C8781/24,0)+1,1)*INDEX($D$3:$AA$30,INDEX(Jesper!$R$2:$R$366,ROW(INDEX(Jesper!AL$2:AL$366,ROUNDDOWN($C8781/24,0)+1,1))-1)+IF('Standard Profiles'!$G$22=$B$10,7,0)+IF('Standard Profiles'!$G$22=$B$17,14,0)+IF('Standard Profiles'!$G$22=$B$24,21,0),MOD($C8781,24)+1)/SUM(INDEX($D$3:$AA$30,INDEX(Jesper!$R$2:$R$366,ROW(INDEX(Jesper!AL$2:AL$366,ROUNDDOWN($C8781/24,0)+1,1))-1)+IF('Standard Profiles'!$G$22=$B$10,7,0)+IF('Standard Profiles'!$G$22=$B$17,14,0)+IF('Standard Profiles'!$G$22=$B$24,21,0),0)),0)</f>
        <v>5.7554688628682245</v>
      </c>
      <c r="I8781">
        <f t="shared" si="972"/>
        <v>5.5252501083534984</v>
      </c>
      <c r="J8781">
        <f t="shared" si="973"/>
        <v>14.381609190004376</v>
      </c>
      <c r="K8781">
        <f t="shared" si="974"/>
        <v>0.37990506821216785</v>
      </c>
      <c r="L8781">
        <f t="shared" si="975"/>
        <v>0.18995253410608393</v>
      </c>
      <c r="M8781">
        <f t="shared" si="976"/>
        <v>0</v>
      </c>
      <c r="N8781" s="45">
        <f t="shared" si="977"/>
        <v>45291.458333312119</v>
      </c>
    </row>
    <row r="8782" spans="2:14" x14ac:dyDescent="0.25">
      <c r="B8782">
        <f t="shared" si="971"/>
        <v>7</v>
      </c>
      <c r="C8782" s="16">
        <v>8748</v>
      </c>
      <c r="D8782" cm="1">
        <f t="array" ref="D8782">IFERROR(INDEX(Jesper!AH$2:AH$366,ROUNDDOWN($C8782/24,0)+1,1)*INDEX($D$3:$AA$30,INDEX(Jesper!$R$2:$R$366,ROW(INDEX(Jesper!AH$2:AH$366,ROUNDDOWN($C8782/24,0)+1,1))-1)+IF('Standard Profiles'!$G$18=$B$10,7,0)+IF('Standard Profiles'!$G$18=$B$17,14,0)+IF('Standard Profiles'!$G$18=$B$24,21,0),MOD($C8782,24)+1)/SUM(INDEX($D$3:$AA$30,INDEX(Jesper!$R$2:$R$366,ROW(INDEX(Jesper!AH$2:AH$366,ROUNDDOWN($C8782/24,0)+1,1))-1)+IF('Standard Profiles'!$G$18=$B$10,7,0)+IF('Standard Profiles'!$G$18=$B$17,14,0)+IF('Standard Profiles'!$G$18=$B$24,21,0),0)),0)</f>
        <v>0</v>
      </c>
      <c r="E8782" cm="1">
        <f t="array" ref="E8782">IFERROR(INDEX(Jesper!AI$2:AI$366,ROUNDDOWN($C8782/24,0)+1,1)*INDEX($D$3:$AA$30,INDEX(Jesper!$R$2:$R$366,ROW(INDEX(Jesper!AI$2:AI$366,ROUNDDOWN($C8782/24,0)+1,1))-1)+IF('Standard Profiles'!$G$19=$B$10,7,0)+IF('Standard Profiles'!$G$19=$B$17,14,0)+IF('Standard Profiles'!$G$19=$B$24,21,0),MOD($C8782,24)+1)/SUM(INDEX($D$3:$AA$30,INDEX(Jesper!$R$2:$R$366,ROW(INDEX(Jesper!AI$2:AI$366,ROUNDDOWN($C8782/24,0)+1,1))-1)+IF('Standard Profiles'!$G$19=$B$10,7,0)+IF('Standard Profiles'!$G$19=$B$17,14,0)+IF('Standard Profiles'!$G$19=$B$24,21,0),0)),0)</f>
        <v>4.7488133526520979</v>
      </c>
      <c r="F8782" cm="1">
        <f t="array" ref="F8782">IFERROR(INDEX(Jesper!AJ$2:AJ$366,ROUNDDOWN($C8782/24,0)+1,1)*INDEX($D$3:$AA$30,INDEX(Jesper!$R$2:$R$366,ROW(INDEX(Jesper!AJ$2:AJ$366,ROUNDDOWN($C8782/24,0)+1,1))-1)+IF('Standard Profiles'!$G$20=$B$10,7,0)+IF('Standard Profiles'!$G$20=$B$17,14,0)+IF('Standard Profiles'!$G$20=$B$24,21,0),MOD($C8782,24)+1)/SUM(INDEX($D$3:$AA$30,INDEX(Jesper!$R$2:$R$366,ROW(INDEX(Jesper!AJ$2:AJ$366,ROUNDDOWN($C8782/24,0)+1,1))-1)+IF('Standard Profiles'!$G$20=$B$10,7,0)+IF('Standard Profiles'!$G$20=$B$17,14,0)+IF('Standard Profiles'!$G$20=$B$24,21,0),0)),0)</f>
        <v>3.8930340800452572</v>
      </c>
      <c r="G8782" cm="1">
        <f t="array" ref="G8782">IFERROR(INDEX(Jesper!AK$2:AK$366,ROUNDDOWN($C8782/24,0)+1,1)*INDEX($D$3:$AA$30,INDEX(Jesper!$R$2:$R$366,ROW(INDEX(Jesper!AK$2:AK$366,ROUNDDOWN($C8782/24,0)+1,1))-1)+IF('Standard Profiles'!$G$21=$B$10,7,0)+IF('Standard Profiles'!$G$21=$B$17,14,0)+IF('Standard Profiles'!$G$21=$B$24,21,0),MOD($C8782,24)+1)/SUM(INDEX($D$3:$AA$30,INDEX(Jesper!$R$2:$R$366,ROW(INDEX(Jesper!AK$2:AK$366,ROUNDDOWN($C8782/24,0)+1,1))-1)+IF('Standard Profiles'!$G$21=$B$10,7,0)+IF('Standard Profiles'!$G$21=$B$17,14,0)+IF('Standard Profiles'!$G$21=$B$24,21,0),0)),0)</f>
        <v>6.079400605110548</v>
      </c>
      <c r="H8782" cm="1">
        <f t="array" ref="H8782">IFERROR(INDEX(Jesper!AL$2:AL$366,ROUNDDOWN($C8782/24,0)+1,1)*INDEX($D$3:$AA$30,INDEX(Jesper!$R$2:$R$366,ROW(INDEX(Jesper!AL$2:AL$366,ROUNDDOWN($C8782/24,0)+1,1))-1)+IF('Standard Profiles'!$G$22=$B$10,7,0)+IF('Standard Profiles'!$G$22=$B$17,14,0)+IF('Standard Profiles'!$G$22=$B$24,21,0),MOD($C8782,24)+1)/SUM(INDEX($D$3:$AA$30,INDEX(Jesper!$R$2:$R$366,ROW(INDEX(Jesper!AL$2:AL$366,ROUNDDOWN($C8782/24,0)+1,1))-1)+IF('Standard Profiles'!$G$22=$B$10,7,0)+IF('Standard Profiles'!$G$22=$B$17,14,0)+IF('Standard Profiles'!$G$22=$B$24,21,0),0)),0)</f>
        <v>5.7554688628682245</v>
      </c>
      <c r="I8782">
        <f t="shared" si="972"/>
        <v>5.5252501083534984</v>
      </c>
      <c r="J8782">
        <f t="shared" si="973"/>
        <v>14.381609190004376</v>
      </c>
      <c r="K8782">
        <f t="shared" si="974"/>
        <v>0.37990506821216785</v>
      </c>
      <c r="L8782">
        <f t="shared" si="975"/>
        <v>0.18995253410608393</v>
      </c>
      <c r="M8782">
        <f t="shared" si="976"/>
        <v>0</v>
      </c>
      <c r="N8782" s="45">
        <f t="shared" si="977"/>
        <v>45291.499999978783</v>
      </c>
    </row>
    <row r="8783" spans="2:14" x14ac:dyDescent="0.25">
      <c r="B8783">
        <f t="shared" si="971"/>
        <v>7</v>
      </c>
      <c r="C8783" s="16">
        <v>8749</v>
      </c>
      <c r="D8783" cm="1">
        <f t="array" ref="D8783">IFERROR(INDEX(Jesper!AH$2:AH$366,ROUNDDOWN($C8783/24,0)+1,1)*INDEX($D$3:$AA$30,INDEX(Jesper!$R$2:$R$366,ROW(INDEX(Jesper!AH$2:AH$366,ROUNDDOWN($C8783/24,0)+1,1))-1)+IF('Standard Profiles'!$G$18=$B$10,7,0)+IF('Standard Profiles'!$G$18=$B$17,14,0)+IF('Standard Profiles'!$G$18=$B$24,21,0),MOD($C8783,24)+1)/SUM(INDEX($D$3:$AA$30,INDEX(Jesper!$R$2:$R$366,ROW(INDEX(Jesper!AH$2:AH$366,ROUNDDOWN($C8783/24,0)+1,1))-1)+IF('Standard Profiles'!$G$18=$B$10,7,0)+IF('Standard Profiles'!$G$18=$B$17,14,0)+IF('Standard Profiles'!$G$18=$B$24,21,0),0)),0)</f>
        <v>0</v>
      </c>
      <c r="E8783" cm="1">
        <f t="array" ref="E8783">IFERROR(INDEX(Jesper!AI$2:AI$366,ROUNDDOWN($C8783/24,0)+1,1)*INDEX($D$3:$AA$30,INDEX(Jesper!$R$2:$R$366,ROW(INDEX(Jesper!AI$2:AI$366,ROUNDDOWN($C8783/24,0)+1,1))-1)+IF('Standard Profiles'!$G$19=$B$10,7,0)+IF('Standard Profiles'!$G$19=$B$17,14,0)+IF('Standard Profiles'!$G$19=$B$24,21,0),MOD($C8783,24)+1)/SUM(INDEX($D$3:$AA$30,INDEX(Jesper!$R$2:$R$366,ROW(INDEX(Jesper!AI$2:AI$366,ROUNDDOWN($C8783/24,0)+1,1))-1)+IF('Standard Profiles'!$G$19=$B$10,7,0)+IF('Standard Profiles'!$G$19=$B$17,14,0)+IF('Standard Profiles'!$G$19=$B$24,21,0),0)),0)</f>
        <v>4.7488133526520979</v>
      </c>
      <c r="F8783" cm="1">
        <f t="array" ref="F8783">IFERROR(INDEX(Jesper!AJ$2:AJ$366,ROUNDDOWN($C8783/24,0)+1,1)*INDEX($D$3:$AA$30,INDEX(Jesper!$R$2:$R$366,ROW(INDEX(Jesper!AJ$2:AJ$366,ROUNDDOWN($C8783/24,0)+1,1))-1)+IF('Standard Profiles'!$G$20=$B$10,7,0)+IF('Standard Profiles'!$G$20=$B$17,14,0)+IF('Standard Profiles'!$G$20=$B$24,21,0),MOD($C8783,24)+1)/SUM(INDEX($D$3:$AA$30,INDEX(Jesper!$R$2:$R$366,ROW(INDEX(Jesper!AJ$2:AJ$366,ROUNDDOWN($C8783/24,0)+1,1))-1)+IF('Standard Profiles'!$G$20=$B$10,7,0)+IF('Standard Profiles'!$G$20=$B$17,14,0)+IF('Standard Profiles'!$G$20=$B$24,21,0),0)),0)</f>
        <v>3.8930340800452572</v>
      </c>
      <c r="G8783" cm="1">
        <f t="array" ref="G8783">IFERROR(INDEX(Jesper!AK$2:AK$366,ROUNDDOWN($C8783/24,0)+1,1)*INDEX($D$3:$AA$30,INDEX(Jesper!$R$2:$R$366,ROW(INDEX(Jesper!AK$2:AK$366,ROUNDDOWN($C8783/24,0)+1,1))-1)+IF('Standard Profiles'!$G$21=$B$10,7,0)+IF('Standard Profiles'!$G$21=$B$17,14,0)+IF('Standard Profiles'!$G$21=$B$24,21,0),MOD($C8783,24)+1)/SUM(INDEX($D$3:$AA$30,INDEX(Jesper!$R$2:$R$366,ROW(INDEX(Jesper!AK$2:AK$366,ROUNDDOWN($C8783/24,0)+1,1))-1)+IF('Standard Profiles'!$G$21=$B$10,7,0)+IF('Standard Profiles'!$G$21=$B$17,14,0)+IF('Standard Profiles'!$G$21=$B$24,21,0),0)),0)</f>
        <v>6.079400605110548</v>
      </c>
      <c r="H8783" cm="1">
        <f t="array" ref="H8783">IFERROR(INDEX(Jesper!AL$2:AL$366,ROUNDDOWN($C8783/24,0)+1,1)*INDEX($D$3:$AA$30,INDEX(Jesper!$R$2:$R$366,ROW(INDEX(Jesper!AL$2:AL$366,ROUNDDOWN($C8783/24,0)+1,1))-1)+IF('Standard Profiles'!$G$22=$B$10,7,0)+IF('Standard Profiles'!$G$22=$B$17,14,0)+IF('Standard Profiles'!$G$22=$B$24,21,0),MOD($C8783,24)+1)/SUM(INDEX($D$3:$AA$30,INDEX(Jesper!$R$2:$R$366,ROW(INDEX(Jesper!AL$2:AL$366,ROUNDDOWN($C8783/24,0)+1,1))-1)+IF('Standard Profiles'!$G$22=$B$10,7,0)+IF('Standard Profiles'!$G$22=$B$17,14,0)+IF('Standard Profiles'!$G$22=$B$24,21,0),0)),0)</f>
        <v>5.7554688628682245</v>
      </c>
      <c r="I8783">
        <f t="shared" si="972"/>
        <v>5.5252501083534984</v>
      </c>
      <c r="J8783">
        <f t="shared" si="973"/>
        <v>14.381609190004376</v>
      </c>
      <c r="K8783">
        <f t="shared" si="974"/>
        <v>0.37990506821216785</v>
      </c>
      <c r="L8783">
        <f t="shared" si="975"/>
        <v>0.18995253410608393</v>
      </c>
      <c r="M8783">
        <f t="shared" si="976"/>
        <v>0</v>
      </c>
      <c r="N8783" s="45">
        <f t="shared" si="977"/>
        <v>45291.541666645448</v>
      </c>
    </row>
    <row r="8784" spans="2:14" x14ac:dyDescent="0.25">
      <c r="B8784">
        <f t="shared" si="971"/>
        <v>7</v>
      </c>
      <c r="C8784" s="16">
        <v>8750</v>
      </c>
      <c r="D8784" cm="1">
        <f t="array" ref="D8784">IFERROR(INDEX(Jesper!AH$2:AH$366,ROUNDDOWN($C8784/24,0)+1,1)*INDEX($D$3:$AA$30,INDEX(Jesper!$R$2:$R$366,ROW(INDEX(Jesper!AH$2:AH$366,ROUNDDOWN($C8784/24,0)+1,1))-1)+IF('Standard Profiles'!$G$18=$B$10,7,0)+IF('Standard Profiles'!$G$18=$B$17,14,0)+IF('Standard Profiles'!$G$18=$B$24,21,0),MOD($C8784,24)+1)/SUM(INDEX($D$3:$AA$30,INDEX(Jesper!$R$2:$R$366,ROW(INDEX(Jesper!AH$2:AH$366,ROUNDDOWN($C8784/24,0)+1,1))-1)+IF('Standard Profiles'!$G$18=$B$10,7,0)+IF('Standard Profiles'!$G$18=$B$17,14,0)+IF('Standard Profiles'!$G$18=$B$24,21,0),0)),0)</f>
        <v>0</v>
      </c>
      <c r="E8784" cm="1">
        <f t="array" ref="E8784">IFERROR(INDEX(Jesper!AI$2:AI$366,ROUNDDOWN($C8784/24,0)+1,1)*INDEX($D$3:$AA$30,INDEX(Jesper!$R$2:$R$366,ROW(INDEX(Jesper!AI$2:AI$366,ROUNDDOWN($C8784/24,0)+1,1))-1)+IF('Standard Profiles'!$G$19=$B$10,7,0)+IF('Standard Profiles'!$G$19=$B$17,14,0)+IF('Standard Profiles'!$G$19=$B$24,21,0),MOD($C8784,24)+1)/SUM(INDEX($D$3:$AA$30,INDEX(Jesper!$R$2:$R$366,ROW(INDEX(Jesper!AI$2:AI$366,ROUNDDOWN($C8784/24,0)+1,1))-1)+IF('Standard Profiles'!$G$19=$B$10,7,0)+IF('Standard Profiles'!$G$19=$B$17,14,0)+IF('Standard Profiles'!$G$19=$B$24,21,0),0)),0)</f>
        <v>4.7488133526520979</v>
      </c>
      <c r="F8784" cm="1">
        <f t="array" ref="F8784">IFERROR(INDEX(Jesper!AJ$2:AJ$366,ROUNDDOWN($C8784/24,0)+1,1)*INDEX($D$3:$AA$30,INDEX(Jesper!$R$2:$R$366,ROW(INDEX(Jesper!AJ$2:AJ$366,ROUNDDOWN($C8784/24,0)+1,1))-1)+IF('Standard Profiles'!$G$20=$B$10,7,0)+IF('Standard Profiles'!$G$20=$B$17,14,0)+IF('Standard Profiles'!$G$20=$B$24,21,0),MOD($C8784,24)+1)/SUM(INDEX($D$3:$AA$30,INDEX(Jesper!$R$2:$R$366,ROW(INDEX(Jesper!AJ$2:AJ$366,ROUNDDOWN($C8784/24,0)+1,1))-1)+IF('Standard Profiles'!$G$20=$B$10,7,0)+IF('Standard Profiles'!$G$20=$B$17,14,0)+IF('Standard Profiles'!$G$20=$B$24,21,0),0)),0)</f>
        <v>3.8930340800452572</v>
      </c>
      <c r="G8784" cm="1">
        <f t="array" ref="G8784">IFERROR(INDEX(Jesper!AK$2:AK$366,ROUNDDOWN($C8784/24,0)+1,1)*INDEX($D$3:$AA$30,INDEX(Jesper!$R$2:$R$366,ROW(INDEX(Jesper!AK$2:AK$366,ROUNDDOWN($C8784/24,0)+1,1))-1)+IF('Standard Profiles'!$G$21=$B$10,7,0)+IF('Standard Profiles'!$G$21=$B$17,14,0)+IF('Standard Profiles'!$G$21=$B$24,21,0),MOD($C8784,24)+1)/SUM(INDEX($D$3:$AA$30,INDEX(Jesper!$R$2:$R$366,ROW(INDEX(Jesper!AK$2:AK$366,ROUNDDOWN($C8784/24,0)+1,1))-1)+IF('Standard Profiles'!$G$21=$B$10,7,0)+IF('Standard Profiles'!$G$21=$B$17,14,0)+IF('Standard Profiles'!$G$21=$B$24,21,0),0)),0)</f>
        <v>6.079400605110548</v>
      </c>
      <c r="H8784" cm="1">
        <f t="array" ref="H8784">IFERROR(INDEX(Jesper!AL$2:AL$366,ROUNDDOWN($C8784/24,0)+1,1)*INDEX($D$3:$AA$30,INDEX(Jesper!$R$2:$R$366,ROW(INDEX(Jesper!AL$2:AL$366,ROUNDDOWN($C8784/24,0)+1,1))-1)+IF('Standard Profiles'!$G$22=$B$10,7,0)+IF('Standard Profiles'!$G$22=$B$17,14,0)+IF('Standard Profiles'!$G$22=$B$24,21,0),MOD($C8784,24)+1)/SUM(INDEX($D$3:$AA$30,INDEX(Jesper!$R$2:$R$366,ROW(INDEX(Jesper!AL$2:AL$366,ROUNDDOWN($C8784/24,0)+1,1))-1)+IF('Standard Profiles'!$G$22=$B$10,7,0)+IF('Standard Profiles'!$G$22=$B$17,14,0)+IF('Standard Profiles'!$G$22=$B$24,21,0),0)),0)</f>
        <v>5.7554688628682245</v>
      </c>
      <c r="I8784">
        <f t="shared" si="972"/>
        <v>5.5252501083534984</v>
      </c>
      <c r="J8784">
        <f t="shared" si="973"/>
        <v>14.381609190004376</v>
      </c>
      <c r="K8784">
        <f t="shared" si="974"/>
        <v>0.37990506821216785</v>
      </c>
      <c r="L8784">
        <f t="shared" si="975"/>
        <v>0.18995253410608393</v>
      </c>
      <c r="M8784">
        <f t="shared" si="976"/>
        <v>0</v>
      </c>
      <c r="N8784" s="45">
        <f t="shared" si="977"/>
        <v>45291.583333312112</v>
      </c>
    </row>
    <row r="8785" spans="2:14" x14ac:dyDescent="0.25">
      <c r="B8785">
        <f t="shared" si="971"/>
        <v>7</v>
      </c>
      <c r="C8785" s="16">
        <v>8751</v>
      </c>
      <c r="D8785" cm="1">
        <f t="array" ref="D8785">IFERROR(INDEX(Jesper!AH$2:AH$366,ROUNDDOWN($C8785/24,0)+1,1)*INDEX($D$3:$AA$30,INDEX(Jesper!$R$2:$R$366,ROW(INDEX(Jesper!AH$2:AH$366,ROUNDDOWN($C8785/24,0)+1,1))-1)+IF('Standard Profiles'!$G$18=$B$10,7,0)+IF('Standard Profiles'!$G$18=$B$17,14,0)+IF('Standard Profiles'!$G$18=$B$24,21,0),MOD($C8785,24)+1)/SUM(INDEX($D$3:$AA$30,INDEX(Jesper!$R$2:$R$366,ROW(INDEX(Jesper!AH$2:AH$366,ROUNDDOWN($C8785/24,0)+1,1))-1)+IF('Standard Profiles'!$G$18=$B$10,7,0)+IF('Standard Profiles'!$G$18=$B$17,14,0)+IF('Standard Profiles'!$G$18=$B$24,21,0),0)),0)</f>
        <v>0</v>
      </c>
      <c r="E8785" cm="1">
        <f t="array" ref="E8785">IFERROR(INDEX(Jesper!AI$2:AI$366,ROUNDDOWN($C8785/24,0)+1,1)*INDEX($D$3:$AA$30,INDEX(Jesper!$R$2:$R$366,ROW(INDEX(Jesper!AI$2:AI$366,ROUNDDOWN($C8785/24,0)+1,1))-1)+IF('Standard Profiles'!$G$19=$B$10,7,0)+IF('Standard Profiles'!$G$19=$B$17,14,0)+IF('Standard Profiles'!$G$19=$B$24,21,0),MOD($C8785,24)+1)/SUM(INDEX($D$3:$AA$30,INDEX(Jesper!$R$2:$R$366,ROW(INDEX(Jesper!AI$2:AI$366,ROUNDDOWN($C8785/24,0)+1,1))-1)+IF('Standard Profiles'!$G$19=$B$10,7,0)+IF('Standard Profiles'!$G$19=$B$17,14,0)+IF('Standard Profiles'!$G$19=$B$24,21,0),0)),0)</f>
        <v>4.7488133526520979</v>
      </c>
      <c r="F8785" cm="1">
        <f t="array" ref="F8785">IFERROR(INDEX(Jesper!AJ$2:AJ$366,ROUNDDOWN($C8785/24,0)+1,1)*INDEX($D$3:$AA$30,INDEX(Jesper!$R$2:$R$366,ROW(INDEX(Jesper!AJ$2:AJ$366,ROUNDDOWN($C8785/24,0)+1,1))-1)+IF('Standard Profiles'!$G$20=$B$10,7,0)+IF('Standard Profiles'!$G$20=$B$17,14,0)+IF('Standard Profiles'!$G$20=$B$24,21,0),MOD($C8785,24)+1)/SUM(INDEX($D$3:$AA$30,INDEX(Jesper!$R$2:$R$366,ROW(INDEX(Jesper!AJ$2:AJ$366,ROUNDDOWN($C8785/24,0)+1,1))-1)+IF('Standard Profiles'!$G$20=$B$10,7,0)+IF('Standard Profiles'!$G$20=$B$17,14,0)+IF('Standard Profiles'!$G$20=$B$24,21,0),0)),0)</f>
        <v>3.8930340800452572</v>
      </c>
      <c r="G8785" cm="1">
        <f t="array" ref="G8785">IFERROR(INDEX(Jesper!AK$2:AK$366,ROUNDDOWN($C8785/24,0)+1,1)*INDEX($D$3:$AA$30,INDEX(Jesper!$R$2:$R$366,ROW(INDEX(Jesper!AK$2:AK$366,ROUNDDOWN($C8785/24,0)+1,1))-1)+IF('Standard Profiles'!$G$21=$B$10,7,0)+IF('Standard Profiles'!$G$21=$B$17,14,0)+IF('Standard Profiles'!$G$21=$B$24,21,0),MOD($C8785,24)+1)/SUM(INDEX($D$3:$AA$30,INDEX(Jesper!$R$2:$R$366,ROW(INDEX(Jesper!AK$2:AK$366,ROUNDDOWN($C8785/24,0)+1,1))-1)+IF('Standard Profiles'!$G$21=$B$10,7,0)+IF('Standard Profiles'!$G$21=$B$17,14,0)+IF('Standard Profiles'!$G$21=$B$24,21,0),0)),0)</f>
        <v>6.079400605110548</v>
      </c>
      <c r="H8785" cm="1">
        <f t="array" ref="H8785">IFERROR(INDEX(Jesper!AL$2:AL$366,ROUNDDOWN($C8785/24,0)+1,1)*INDEX($D$3:$AA$30,INDEX(Jesper!$R$2:$R$366,ROW(INDEX(Jesper!AL$2:AL$366,ROUNDDOWN($C8785/24,0)+1,1))-1)+IF('Standard Profiles'!$G$22=$B$10,7,0)+IF('Standard Profiles'!$G$22=$B$17,14,0)+IF('Standard Profiles'!$G$22=$B$24,21,0),MOD($C8785,24)+1)/SUM(INDEX($D$3:$AA$30,INDEX(Jesper!$R$2:$R$366,ROW(INDEX(Jesper!AL$2:AL$366,ROUNDDOWN($C8785/24,0)+1,1))-1)+IF('Standard Profiles'!$G$22=$B$10,7,0)+IF('Standard Profiles'!$G$22=$B$17,14,0)+IF('Standard Profiles'!$G$22=$B$24,21,0),0)),0)</f>
        <v>5.1159723225495322</v>
      </c>
      <c r="I8785">
        <f t="shared" si="972"/>
        <v>4.9113334296475539</v>
      </c>
      <c r="J8785">
        <f t="shared" si="973"/>
        <v>14.35602932839163</v>
      </c>
      <c r="K8785">
        <f t="shared" si="974"/>
        <v>0.37990506821216785</v>
      </c>
      <c r="L8785">
        <f t="shared" si="975"/>
        <v>0.18995253410608393</v>
      </c>
      <c r="M8785">
        <f t="shared" si="976"/>
        <v>0</v>
      </c>
      <c r="N8785" s="45">
        <f t="shared" si="977"/>
        <v>45291.624999978776</v>
      </c>
    </row>
    <row r="8786" spans="2:14" x14ac:dyDescent="0.25">
      <c r="B8786">
        <f t="shared" si="971"/>
        <v>7</v>
      </c>
      <c r="C8786" s="16">
        <v>8752</v>
      </c>
      <c r="D8786" cm="1">
        <f t="array" ref="D8786">IFERROR(INDEX(Jesper!AH$2:AH$366,ROUNDDOWN($C8786/24,0)+1,1)*INDEX($D$3:$AA$30,INDEX(Jesper!$R$2:$R$366,ROW(INDEX(Jesper!AH$2:AH$366,ROUNDDOWN($C8786/24,0)+1,1))-1)+IF('Standard Profiles'!$G$18=$B$10,7,0)+IF('Standard Profiles'!$G$18=$B$17,14,0)+IF('Standard Profiles'!$G$18=$B$24,21,0),MOD($C8786,24)+1)/SUM(INDEX($D$3:$AA$30,INDEX(Jesper!$R$2:$R$366,ROW(INDEX(Jesper!AH$2:AH$366,ROUNDDOWN($C8786/24,0)+1,1))-1)+IF('Standard Profiles'!$G$18=$B$10,7,0)+IF('Standard Profiles'!$G$18=$B$17,14,0)+IF('Standard Profiles'!$G$18=$B$24,21,0),0)),0)</f>
        <v>0</v>
      </c>
      <c r="E8786" cm="1">
        <f t="array" ref="E8786">IFERROR(INDEX(Jesper!AI$2:AI$366,ROUNDDOWN($C8786/24,0)+1,1)*INDEX($D$3:$AA$30,INDEX(Jesper!$R$2:$R$366,ROW(INDEX(Jesper!AI$2:AI$366,ROUNDDOWN($C8786/24,0)+1,1))-1)+IF('Standard Profiles'!$G$19=$B$10,7,0)+IF('Standard Profiles'!$G$19=$B$17,14,0)+IF('Standard Profiles'!$G$19=$B$24,21,0),MOD($C8786,24)+1)/SUM(INDEX($D$3:$AA$30,INDEX(Jesper!$R$2:$R$366,ROW(INDEX(Jesper!AI$2:AI$366,ROUNDDOWN($C8786/24,0)+1,1))-1)+IF('Standard Profiles'!$G$19=$B$10,7,0)+IF('Standard Profiles'!$G$19=$B$17,14,0)+IF('Standard Profiles'!$G$19=$B$24,21,0),0)),0)</f>
        <v>4.7488133526520979</v>
      </c>
      <c r="F8786" cm="1">
        <f t="array" ref="F8786">IFERROR(INDEX(Jesper!AJ$2:AJ$366,ROUNDDOWN($C8786/24,0)+1,1)*INDEX($D$3:$AA$30,INDEX(Jesper!$R$2:$R$366,ROW(INDEX(Jesper!AJ$2:AJ$366,ROUNDDOWN($C8786/24,0)+1,1))-1)+IF('Standard Profiles'!$G$20=$B$10,7,0)+IF('Standard Profiles'!$G$20=$B$17,14,0)+IF('Standard Profiles'!$G$20=$B$24,21,0),MOD($C8786,24)+1)/SUM(INDEX($D$3:$AA$30,INDEX(Jesper!$R$2:$R$366,ROW(INDEX(Jesper!AJ$2:AJ$366,ROUNDDOWN($C8786/24,0)+1,1))-1)+IF('Standard Profiles'!$G$20=$B$10,7,0)+IF('Standard Profiles'!$G$20=$B$17,14,0)+IF('Standard Profiles'!$G$20=$B$24,21,0),0)),0)</f>
        <v>3.8930340800452572</v>
      </c>
      <c r="G8786" cm="1">
        <f t="array" ref="G8786">IFERROR(INDEX(Jesper!AK$2:AK$366,ROUNDDOWN($C8786/24,0)+1,1)*INDEX($D$3:$AA$30,INDEX(Jesper!$R$2:$R$366,ROW(INDEX(Jesper!AK$2:AK$366,ROUNDDOWN($C8786/24,0)+1,1))-1)+IF('Standard Profiles'!$G$21=$B$10,7,0)+IF('Standard Profiles'!$G$21=$B$17,14,0)+IF('Standard Profiles'!$G$21=$B$24,21,0),MOD($C8786,24)+1)/SUM(INDEX($D$3:$AA$30,INDEX(Jesper!$R$2:$R$366,ROW(INDEX(Jesper!AK$2:AK$366,ROUNDDOWN($C8786/24,0)+1,1))-1)+IF('Standard Profiles'!$G$21=$B$10,7,0)+IF('Standard Profiles'!$G$21=$B$17,14,0)+IF('Standard Profiles'!$G$21=$B$24,21,0),0)),0)</f>
        <v>6.079400605110548</v>
      </c>
      <c r="H8786" cm="1">
        <f t="array" ref="H8786">IFERROR(INDEX(Jesper!AL$2:AL$366,ROUNDDOWN($C8786/24,0)+1,1)*INDEX($D$3:$AA$30,INDEX(Jesper!$R$2:$R$366,ROW(INDEX(Jesper!AL$2:AL$366,ROUNDDOWN($C8786/24,0)+1,1))-1)+IF('Standard Profiles'!$G$22=$B$10,7,0)+IF('Standard Profiles'!$G$22=$B$17,14,0)+IF('Standard Profiles'!$G$22=$B$24,21,0),MOD($C8786,24)+1)/SUM(INDEX($D$3:$AA$30,INDEX(Jesper!$R$2:$R$366,ROW(INDEX(Jesper!AL$2:AL$366,ROUNDDOWN($C8786/24,0)+1,1))-1)+IF('Standard Profiles'!$G$22=$B$10,7,0)+IF('Standard Profiles'!$G$22=$B$17,14,0)+IF('Standard Profiles'!$G$22=$B$24,21,0),0)),0)</f>
        <v>5.0246156739325754</v>
      </c>
      <c r="I8786">
        <f t="shared" si="972"/>
        <v>4.823631046975275</v>
      </c>
      <c r="J8786">
        <f t="shared" si="973"/>
        <v>14.352375062446951</v>
      </c>
      <c r="K8786">
        <f t="shared" si="974"/>
        <v>0.37990506821216785</v>
      </c>
      <c r="L8786">
        <f t="shared" si="975"/>
        <v>0.18995253410608393</v>
      </c>
      <c r="M8786">
        <f t="shared" si="976"/>
        <v>0</v>
      </c>
      <c r="N8786" s="45">
        <f t="shared" si="977"/>
        <v>45291.66666664544</v>
      </c>
    </row>
    <row r="8787" spans="2:14" x14ac:dyDescent="0.25">
      <c r="B8787">
        <f t="shared" si="971"/>
        <v>7</v>
      </c>
      <c r="C8787" s="16">
        <v>8753</v>
      </c>
      <c r="D8787" cm="1">
        <f t="array" ref="D8787">IFERROR(INDEX(Jesper!AH$2:AH$366,ROUNDDOWN($C8787/24,0)+1,1)*INDEX($D$3:$AA$30,INDEX(Jesper!$R$2:$R$366,ROW(INDEX(Jesper!AH$2:AH$366,ROUNDDOWN($C8787/24,0)+1,1))-1)+IF('Standard Profiles'!$G$18=$B$10,7,0)+IF('Standard Profiles'!$G$18=$B$17,14,0)+IF('Standard Profiles'!$G$18=$B$24,21,0),MOD($C8787,24)+1)/SUM(INDEX($D$3:$AA$30,INDEX(Jesper!$R$2:$R$366,ROW(INDEX(Jesper!AH$2:AH$366,ROUNDDOWN($C8787/24,0)+1,1))-1)+IF('Standard Profiles'!$G$18=$B$10,7,0)+IF('Standard Profiles'!$G$18=$B$17,14,0)+IF('Standard Profiles'!$G$18=$B$24,21,0),0)),0)</f>
        <v>0</v>
      </c>
      <c r="E8787" cm="1">
        <f t="array" ref="E8787">IFERROR(INDEX(Jesper!AI$2:AI$366,ROUNDDOWN($C8787/24,0)+1,1)*INDEX($D$3:$AA$30,INDEX(Jesper!$R$2:$R$366,ROW(INDEX(Jesper!AI$2:AI$366,ROUNDDOWN($C8787/24,0)+1,1))-1)+IF('Standard Profiles'!$G$19=$B$10,7,0)+IF('Standard Profiles'!$G$19=$B$17,14,0)+IF('Standard Profiles'!$G$19=$B$24,21,0),MOD($C8787,24)+1)/SUM(INDEX($D$3:$AA$30,INDEX(Jesper!$R$2:$R$366,ROW(INDEX(Jesper!AI$2:AI$366,ROUNDDOWN($C8787/24,0)+1,1))-1)+IF('Standard Profiles'!$G$19=$B$10,7,0)+IF('Standard Profiles'!$G$19=$B$17,14,0)+IF('Standard Profiles'!$G$19=$B$24,21,0),0)),0)</f>
        <v>4.7488133526520979</v>
      </c>
      <c r="F8787" cm="1">
        <f t="array" ref="F8787">IFERROR(INDEX(Jesper!AJ$2:AJ$366,ROUNDDOWN($C8787/24,0)+1,1)*INDEX($D$3:$AA$30,INDEX(Jesper!$R$2:$R$366,ROW(INDEX(Jesper!AJ$2:AJ$366,ROUNDDOWN($C8787/24,0)+1,1))-1)+IF('Standard Profiles'!$G$20=$B$10,7,0)+IF('Standard Profiles'!$G$20=$B$17,14,0)+IF('Standard Profiles'!$G$20=$B$24,21,0),MOD($C8787,24)+1)/SUM(INDEX($D$3:$AA$30,INDEX(Jesper!$R$2:$R$366,ROW(INDEX(Jesper!AJ$2:AJ$366,ROUNDDOWN($C8787/24,0)+1,1))-1)+IF('Standard Profiles'!$G$20=$B$10,7,0)+IF('Standard Profiles'!$G$20=$B$17,14,0)+IF('Standard Profiles'!$G$20=$B$24,21,0),0)),0)</f>
        <v>3.8930340800452572</v>
      </c>
      <c r="G8787" cm="1">
        <f t="array" ref="G8787">IFERROR(INDEX(Jesper!AK$2:AK$366,ROUNDDOWN($C8787/24,0)+1,1)*INDEX($D$3:$AA$30,INDEX(Jesper!$R$2:$R$366,ROW(INDEX(Jesper!AK$2:AK$366,ROUNDDOWN($C8787/24,0)+1,1))-1)+IF('Standard Profiles'!$G$21=$B$10,7,0)+IF('Standard Profiles'!$G$21=$B$17,14,0)+IF('Standard Profiles'!$G$21=$B$24,21,0),MOD($C8787,24)+1)/SUM(INDEX($D$3:$AA$30,INDEX(Jesper!$R$2:$R$366,ROW(INDEX(Jesper!AK$2:AK$366,ROUNDDOWN($C8787/24,0)+1,1))-1)+IF('Standard Profiles'!$G$21=$B$10,7,0)+IF('Standard Profiles'!$G$21=$B$17,14,0)+IF('Standard Profiles'!$G$21=$B$24,21,0),0)),0)</f>
        <v>6.079400605110548</v>
      </c>
      <c r="H8787" cm="1">
        <f t="array" ref="H8787">IFERROR(INDEX(Jesper!AL$2:AL$366,ROUNDDOWN($C8787/24,0)+1,1)*INDEX($D$3:$AA$30,INDEX(Jesper!$R$2:$R$366,ROW(INDEX(Jesper!AL$2:AL$366,ROUNDDOWN($C8787/24,0)+1,1))-1)+IF('Standard Profiles'!$G$22=$B$10,7,0)+IF('Standard Profiles'!$G$22=$B$17,14,0)+IF('Standard Profiles'!$G$22=$B$24,21,0),MOD($C8787,24)+1)/SUM(INDEX($D$3:$AA$30,INDEX(Jesper!$R$2:$R$366,ROW(INDEX(Jesper!AL$2:AL$366,ROUNDDOWN($C8787/24,0)+1,1))-1)+IF('Standard Profiles'!$G$22=$B$10,7,0)+IF('Standard Profiles'!$G$22=$B$17,14,0)+IF('Standard Profiles'!$G$22=$B$24,21,0),0)),0)</f>
        <v>4.2937624849969289</v>
      </c>
      <c r="I8787">
        <f t="shared" si="972"/>
        <v>4.1220119855970543</v>
      </c>
      <c r="J8787">
        <f t="shared" si="973"/>
        <v>14.323140934889526</v>
      </c>
      <c r="K8787">
        <f t="shared" si="974"/>
        <v>0.37990506821216785</v>
      </c>
      <c r="L8787">
        <f t="shared" si="975"/>
        <v>0.18995253410608393</v>
      </c>
      <c r="M8787">
        <f t="shared" si="976"/>
        <v>0</v>
      </c>
      <c r="N8787" s="45">
        <f t="shared" si="977"/>
        <v>45291.708333312105</v>
      </c>
    </row>
    <row r="8788" spans="2:14" x14ac:dyDescent="0.25">
      <c r="B8788">
        <f t="shared" si="971"/>
        <v>7</v>
      </c>
      <c r="C8788" s="16">
        <v>8754</v>
      </c>
      <c r="D8788" cm="1">
        <f t="array" ref="D8788">IFERROR(INDEX(Jesper!AH$2:AH$366,ROUNDDOWN($C8788/24,0)+1,1)*INDEX($D$3:$AA$30,INDEX(Jesper!$R$2:$R$366,ROW(INDEX(Jesper!AH$2:AH$366,ROUNDDOWN($C8788/24,0)+1,1))-1)+IF('Standard Profiles'!$G$18=$B$10,7,0)+IF('Standard Profiles'!$G$18=$B$17,14,0)+IF('Standard Profiles'!$G$18=$B$24,21,0),MOD($C8788,24)+1)/SUM(INDEX($D$3:$AA$30,INDEX(Jesper!$R$2:$R$366,ROW(INDEX(Jesper!AH$2:AH$366,ROUNDDOWN($C8788/24,0)+1,1))-1)+IF('Standard Profiles'!$G$18=$B$10,7,0)+IF('Standard Profiles'!$G$18=$B$17,14,0)+IF('Standard Profiles'!$G$18=$B$24,21,0),0)),0)</f>
        <v>0</v>
      </c>
      <c r="E8788" cm="1">
        <f t="array" ref="E8788">IFERROR(INDEX(Jesper!AI$2:AI$366,ROUNDDOWN($C8788/24,0)+1,1)*INDEX($D$3:$AA$30,INDEX(Jesper!$R$2:$R$366,ROW(INDEX(Jesper!AI$2:AI$366,ROUNDDOWN($C8788/24,0)+1,1))-1)+IF('Standard Profiles'!$G$19=$B$10,7,0)+IF('Standard Profiles'!$G$19=$B$17,14,0)+IF('Standard Profiles'!$G$19=$B$24,21,0),MOD($C8788,24)+1)/SUM(INDEX($D$3:$AA$30,INDEX(Jesper!$R$2:$R$366,ROW(INDEX(Jesper!AI$2:AI$366,ROUNDDOWN($C8788/24,0)+1,1))-1)+IF('Standard Profiles'!$G$19=$B$10,7,0)+IF('Standard Profiles'!$G$19=$B$17,14,0)+IF('Standard Profiles'!$G$19=$B$24,21,0),0)),0)</f>
        <v>4.7488133526520979</v>
      </c>
      <c r="F8788" cm="1">
        <f t="array" ref="F8788">IFERROR(INDEX(Jesper!AJ$2:AJ$366,ROUNDDOWN($C8788/24,0)+1,1)*INDEX($D$3:$AA$30,INDEX(Jesper!$R$2:$R$366,ROW(INDEX(Jesper!AJ$2:AJ$366,ROUNDDOWN($C8788/24,0)+1,1))-1)+IF('Standard Profiles'!$G$20=$B$10,7,0)+IF('Standard Profiles'!$G$20=$B$17,14,0)+IF('Standard Profiles'!$G$20=$B$24,21,0),MOD($C8788,24)+1)/SUM(INDEX($D$3:$AA$30,INDEX(Jesper!$R$2:$R$366,ROW(INDEX(Jesper!AJ$2:AJ$366,ROUNDDOWN($C8788/24,0)+1,1))-1)+IF('Standard Profiles'!$G$20=$B$10,7,0)+IF('Standard Profiles'!$G$20=$B$17,14,0)+IF('Standard Profiles'!$G$20=$B$24,21,0),0)),0)</f>
        <v>3.8930340800452572</v>
      </c>
      <c r="G8788" cm="1">
        <f t="array" ref="G8788">IFERROR(INDEX(Jesper!AK$2:AK$366,ROUNDDOWN($C8788/24,0)+1,1)*INDEX($D$3:$AA$30,INDEX(Jesper!$R$2:$R$366,ROW(INDEX(Jesper!AK$2:AK$366,ROUNDDOWN($C8788/24,0)+1,1))-1)+IF('Standard Profiles'!$G$21=$B$10,7,0)+IF('Standard Profiles'!$G$21=$B$17,14,0)+IF('Standard Profiles'!$G$21=$B$24,21,0),MOD($C8788,24)+1)/SUM(INDEX($D$3:$AA$30,INDEX(Jesper!$R$2:$R$366,ROW(INDEX(Jesper!AK$2:AK$366,ROUNDDOWN($C8788/24,0)+1,1))-1)+IF('Standard Profiles'!$G$21=$B$10,7,0)+IF('Standard Profiles'!$G$21=$B$17,14,0)+IF('Standard Profiles'!$G$21=$B$24,21,0),0)),0)</f>
        <v>6.079400605110548</v>
      </c>
      <c r="H8788" cm="1">
        <f t="array" ref="H8788">IFERROR(INDEX(Jesper!AL$2:AL$366,ROUNDDOWN($C8788/24,0)+1,1)*INDEX($D$3:$AA$30,INDEX(Jesper!$R$2:$R$366,ROW(INDEX(Jesper!AL$2:AL$366,ROUNDDOWN($C8788/24,0)+1,1))-1)+IF('Standard Profiles'!$G$22=$B$10,7,0)+IF('Standard Profiles'!$G$22=$B$17,14,0)+IF('Standard Profiles'!$G$22=$B$24,21,0),MOD($C8788,24)+1)/SUM(INDEX($D$3:$AA$30,INDEX(Jesper!$R$2:$R$366,ROW(INDEX(Jesper!AL$2:AL$366,ROUNDDOWN($C8788/24,0)+1,1))-1)+IF('Standard Profiles'!$G$22=$B$10,7,0)+IF('Standard Profiles'!$G$22=$B$17,14,0)+IF('Standard Profiles'!$G$22=$B$24,21,0),0)),0)</f>
        <v>4.0196925391460612</v>
      </c>
      <c r="I8788">
        <f t="shared" si="972"/>
        <v>3.8589048375802206</v>
      </c>
      <c r="J8788">
        <f t="shared" si="973"/>
        <v>14.312178137055492</v>
      </c>
      <c r="K8788">
        <f t="shared" si="974"/>
        <v>0.37990506821216785</v>
      </c>
      <c r="L8788">
        <f t="shared" si="975"/>
        <v>0.18995253410608393</v>
      </c>
      <c r="M8788">
        <f t="shared" si="976"/>
        <v>0</v>
      </c>
      <c r="N8788" s="45">
        <f t="shared" si="977"/>
        <v>45291.749999978769</v>
      </c>
    </row>
    <row r="8789" spans="2:14" x14ac:dyDescent="0.25">
      <c r="B8789">
        <f t="shared" si="971"/>
        <v>7</v>
      </c>
      <c r="C8789" s="16">
        <v>8755</v>
      </c>
      <c r="D8789" cm="1">
        <f t="array" ref="D8789">IFERROR(INDEX(Jesper!AH$2:AH$366,ROUNDDOWN($C8789/24,0)+1,1)*INDEX($D$3:$AA$30,INDEX(Jesper!$R$2:$R$366,ROW(INDEX(Jesper!AH$2:AH$366,ROUNDDOWN($C8789/24,0)+1,1))-1)+IF('Standard Profiles'!$G$18=$B$10,7,0)+IF('Standard Profiles'!$G$18=$B$17,14,0)+IF('Standard Profiles'!$G$18=$B$24,21,0),MOD($C8789,24)+1)/SUM(INDEX($D$3:$AA$30,INDEX(Jesper!$R$2:$R$366,ROW(INDEX(Jesper!AH$2:AH$366,ROUNDDOWN($C8789/24,0)+1,1))-1)+IF('Standard Profiles'!$G$18=$B$10,7,0)+IF('Standard Profiles'!$G$18=$B$17,14,0)+IF('Standard Profiles'!$G$18=$B$24,21,0),0)),0)</f>
        <v>0</v>
      </c>
      <c r="E8789" cm="1">
        <f t="array" ref="E8789">IFERROR(INDEX(Jesper!AI$2:AI$366,ROUNDDOWN($C8789/24,0)+1,1)*INDEX($D$3:$AA$30,INDEX(Jesper!$R$2:$R$366,ROW(INDEX(Jesper!AI$2:AI$366,ROUNDDOWN($C8789/24,0)+1,1))-1)+IF('Standard Profiles'!$G$19=$B$10,7,0)+IF('Standard Profiles'!$G$19=$B$17,14,0)+IF('Standard Profiles'!$G$19=$B$24,21,0),MOD($C8789,24)+1)/SUM(INDEX($D$3:$AA$30,INDEX(Jesper!$R$2:$R$366,ROW(INDEX(Jesper!AI$2:AI$366,ROUNDDOWN($C8789/24,0)+1,1))-1)+IF('Standard Profiles'!$G$19=$B$10,7,0)+IF('Standard Profiles'!$G$19=$B$17,14,0)+IF('Standard Profiles'!$G$19=$B$24,21,0),0)),0)</f>
        <v>4.7488133526520979</v>
      </c>
      <c r="F8789" cm="1">
        <f t="array" ref="F8789">IFERROR(INDEX(Jesper!AJ$2:AJ$366,ROUNDDOWN($C8789/24,0)+1,1)*INDEX($D$3:$AA$30,INDEX(Jesper!$R$2:$R$366,ROW(INDEX(Jesper!AJ$2:AJ$366,ROUNDDOWN($C8789/24,0)+1,1))-1)+IF('Standard Profiles'!$G$20=$B$10,7,0)+IF('Standard Profiles'!$G$20=$B$17,14,0)+IF('Standard Profiles'!$G$20=$B$24,21,0),MOD($C8789,24)+1)/SUM(INDEX($D$3:$AA$30,INDEX(Jesper!$R$2:$R$366,ROW(INDEX(Jesper!AJ$2:AJ$366,ROUNDDOWN($C8789/24,0)+1,1))-1)+IF('Standard Profiles'!$G$20=$B$10,7,0)+IF('Standard Profiles'!$G$20=$B$17,14,0)+IF('Standard Profiles'!$G$20=$B$24,21,0),0)),0)</f>
        <v>3.8930340800452572</v>
      </c>
      <c r="G8789" cm="1">
        <f t="array" ref="G8789">IFERROR(INDEX(Jesper!AK$2:AK$366,ROUNDDOWN($C8789/24,0)+1,1)*INDEX($D$3:$AA$30,INDEX(Jesper!$R$2:$R$366,ROW(INDEX(Jesper!AK$2:AK$366,ROUNDDOWN($C8789/24,0)+1,1))-1)+IF('Standard Profiles'!$G$21=$B$10,7,0)+IF('Standard Profiles'!$G$21=$B$17,14,0)+IF('Standard Profiles'!$G$21=$B$24,21,0),MOD($C8789,24)+1)/SUM(INDEX($D$3:$AA$30,INDEX(Jesper!$R$2:$R$366,ROW(INDEX(Jesper!AK$2:AK$366,ROUNDDOWN($C8789/24,0)+1,1))-1)+IF('Standard Profiles'!$G$21=$B$10,7,0)+IF('Standard Profiles'!$G$21=$B$17,14,0)+IF('Standard Profiles'!$G$21=$B$24,21,0),0)),0)</f>
        <v>6.079400605110548</v>
      </c>
      <c r="H8789" cm="1">
        <f t="array" ref="H8789">IFERROR(INDEX(Jesper!AL$2:AL$366,ROUNDDOWN($C8789/24,0)+1,1)*INDEX($D$3:$AA$30,INDEX(Jesper!$R$2:$R$366,ROW(INDEX(Jesper!AL$2:AL$366,ROUNDDOWN($C8789/24,0)+1,1))-1)+IF('Standard Profiles'!$G$22=$B$10,7,0)+IF('Standard Profiles'!$G$22=$B$17,14,0)+IF('Standard Profiles'!$G$22=$B$24,21,0),MOD($C8789,24)+1)/SUM(INDEX($D$3:$AA$30,INDEX(Jesper!$R$2:$R$366,ROW(INDEX(Jesper!AL$2:AL$366,ROUNDDOWN($C8789/24,0)+1,1))-1)+IF('Standard Profiles'!$G$22=$B$10,7,0)+IF('Standard Profiles'!$G$22=$B$17,14,0)+IF('Standard Profiles'!$G$22=$B$24,21,0),0)),0)</f>
        <v>3.3801959988273698</v>
      </c>
      <c r="I8789">
        <f t="shared" si="972"/>
        <v>3.2449881588742766</v>
      </c>
      <c r="J8789">
        <f t="shared" si="973"/>
        <v>14.286598275442744</v>
      </c>
      <c r="K8789">
        <f t="shared" si="974"/>
        <v>0.37990506821216785</v>
      </c>
      <c r="L8789">
        <f t="shared" si="975"/>
        <v>0.18995253410608393</v>
      </c>
      <c r="M8789">
        <f t="shared" si="976"/>
        <v>0</v>
      </c>
      <c r="N8789" s="45">
        <f t="shared" si="977"/>
        <v>45291.791666645433</v>
      </c>
    </row>
    <row r="8790" spans="2:14" x14ac:dyDescent="0.25">
      <c r="B8790">
        <f t="shared" si="971"/>
        <v>7</v>
      </c>
      <c r="C8790" s="16">
        <v>8756</v>
      </c>
      <c r="D8790" cm="1">
        <f t="array" ref="D8790">IFERROR(INDEX(Jesper!AH$2:AH$366,ROUNDDOWN($C8790/24,0)+1,1)*INDEX($D$3:$AA$30,INDEX(Jesper!$R$2:$R$366,ROW(INDEX(Jesper!AH$2:AH$366,ROUNDDOWN($C8790/24,0)+1,1))-1)+IF('Standard Profiles'!$G$18=$B$10,7,0)+IF('Standard Profiles'!$G$18=$B$17,14,0)+IF('Standard Profiles'!$G$18=$B$24,21,0),MOD($C8790,24)+1)/SUM(INDEX($D$3:$AA$30,INDEX(Jesper!$R$2:$R$366,ROW(INDEX(Jesper!AH$2:AH$366,ROUNDDOWN($C8790/24,0)+1,1))-1)+IF('Standard Profiles'!$G$18=$B$10,7,0)+IF('Standard Profiles'!$G$18=$B$17,14,0)+IF('Standard Profiles'!$G$18=$B$24,21,0),0)),0)</f>
        <v>0</v>
      </c>
      <c r="E8790" cm="1">
        <f t="array" ref="E8790">IFERROR(INDEX(Jesper!AI$2:AI$366,ROUNDDOWN($C8790/24,0)+1,1)*INDEX($D$3:$AA$30,INDEX(Jesper!$R$2:$R$366,ROW(INDEX(Jesper!AI$2:AI$366,ROUNDDOWN($C8790/24,0)+1,1))-1)+IF('Standard Profiles'!$G$19=$B$10,7,0)+IF('Standard Profiles'!$G$19=$B$17,14,0)+IF('Standard Profiles'!$G$19=$B$24,21,0),MOD($C8790,24)+1)/SUM(INDEX($D$3:$AA$30,INDEX(Jesper!$R$2:$R$366,ROW(INDEX(Jesper!AI$2:AI$366,ROUNDDOWN($C8790/24,0)+1,1))-1)+IF('Standard Profiles'!$G$19=$B$10,7,0)+IF('Standard Profiles'!$G$19=$B$17,14,0)+IF('Standard Profiles'!$G$19=$B$24,21,0),0)),0)</f>
        <v>4.7488133526520979</v>
      </c>
      <c r="F8790" cm="1">
        <f t="array" ref="F8790">IFERROR(INDEX(Jesper!AJ$2:AJ$366,ROUNDDOWN($C8790/24,0)+1,1)*INDEX($D$3:$AA$30,INDEX(Jesper!$R$2:$R$366,ROW(INDEX(Jesper!AJ$2:AJ$366,ROUNDDOWN($C8790/24,0)+1,1))-1)+IF('Standard Profiles'!$G$20=$B$10,7,0)+IF('Standard Profiles'!$G$20=$B$17,14,0)+IF('Standard Profiles'!$G$20=$B$24,21,0),MOD($C8790,24)+1)/SUM(INDEX($D$3:$AA$30,INDEX(Jesper!$R$2:$R$366,ROW(INDEX(Jesper!AJ$2:AJ$366,ROUNDDOWN($C8790/24,0)+1,1))-1)+IF('Standard Profiles'!$G$20=$B$10,7,0)+IF('Standard Profiles'!$G$20=$B$17,14,0)+IF('Standard Profiles'!$G$20=$B$24,21,0),0)),0)</f>
        <v>3.8930340800452572</v>
      </c>
      <c r="G8790" cm="1">
        <f t="array" ref="G8790">IFERROR(INDEX(Jesper!AK$2:AK$366,ROUNDDOWN($C8790/24,0)+1,1)*INDEX($D$3:$AA$30,INDEX(Jesper!$R$2:$R$366,ROW(INDEX(Jesper!AK$2:AK$366,ROUNDDOWN($C8790/24,0)+1,1))-1)+IF('Standard Profiles'!$G$21=$B$10,7,0)+IF('Standard Profiles'!$G$21=$B$17,14,0)+IF('Standard Profiles'!$G$21=$B$24,21,0),MOD($C8790,24)+1)/SUM(INDEX($D$3:$AA$30,INDEX(Jesper!$R$2:$R$366,ROW(INDEX(Jesper!AK$2:AK$366,ROUNDDOWN($C8790/24,0)+1,1))-1)+IF('Standard Profiles'!$G$21=$B$10,7,0)+IF('Standard Profiles'!$G$21=$B$17,14,0)+IF('Standard Profiles'!$G$21=$B$24,21,0),0)),0)</f>
        <v>6.079400605110548</v>
      </c>
      <c r="H8790" cm="1">
        <f t="array" ref="H8790">IFERROR(INDEX(Jesper!AL$2:AL$366,ROUNDDOWN($C8790/24,0)+1,1)*INDEX($D$3:$AA$30,INDEX(Jesper!$R$2:$R$366,ROW(INDEX(Jesper!AL$2:AL$366,ROUNDDOWN($C8790/24,0)+1,1))-1)+IF('Standard Profiles'!$G$22=$B$10,7,0)+IF('Standard Profiles'!$G$22=$B$17,14,0)+IF('Standard Profiles'!$G$22=$B$24,21,0),MOD($C8790,24)+1)/SUM(INDEX($D$3:$AA$30,INDEX(Jesper!$R$2:$R$366,ROW(INDEX(Jesper!AL$2:AL$366,ROUNDDOWN($C8790/24,0)+1,1))-1)+IF('Standard Profiles'!$G$22=$B$10,7,0)+IF('Standard Profiles'!$G$22=$B$17,14,0)+IF('Standard Profiles'!$G$22=$B$24,21,0),0)),0)</f>
        <v>2.8320561071256338</v>
      </c>
      <c r="I8790">
        <f t="shared" si="972"/>
        <v>2.7187738628406097</v>
      </c>
      <c r="J8790">
        <f t="shared" si="973"/>
        <v>14.264672679774675</v>
      </c>
      <c r="K8790">
        <f t="shared" si="974"/>
        <v>0.37990506821216785</v>
      </c>
      <c r="L8790">
        <f t="shared" si="975"/>
        <v>0.18995253410608393</v>
      </c>
      <c r="M8790">
        <f t="shared" si="976"/>
        <v>0</v>
      </c>
      <c r="N8790" s="45">
        <f t="shared" si="977"/>
        <v>45291.833333312097</v>
      </c>
    </row>
    <row r="8791" spans="2:14" x14ac:dyDescent="0.25">
      <c r="B8791">
        <f t="shared" si="971"/>
        <v>7</v>
      </c>
      <c r="C8791" s="16">
        <v>8757</v>
      </c>
      <c r="D8791" cm="1">
        <f t="array" ref="D8791">IFERROR(INDEX(Jesper!AH$2:AH$366,ROUNDDOWN($C8791/24,0)+1,1)*INDEX($D$3:$AA$30,INDEX(Jesper!$R$2:$R$366,ROW(INDEX(Jesper!AH$2:AH$366,ROUNDDOWN($C8791/24,0)+1,1))-1)+IF('Standard Profiles'!$G$18=$B$10,7,0)+IF('Standard Profiles'!$G$18=$B$17,14,0)+IF('Standard Profiles'!$G$18=$B$24,21,0),MOD($C8791,24)+1)/SUM(INDEX($D$3:$AA$30,INDEX(Jesper!$R$2:$R$366,ROW(INDEX(Jesper!AH$2:AH$366,ROUNDDOWN($C8791/24,0)+1,1))-1)+IF('Standard Profiles'!$G$18=$B$10,7,0)+IF('Standard Profiles'!$G$18=$B$17,14,0)+IF('Standard Profiles'!$G$18=$B$24,21,0),0)),0)</f>
        <v>0</v>
      </c>
      <c r="E8791" cm="1">
        <f t="array" ref="E8791">IFERROR(INDEX(Jesper!AI$2:AI$366,ROUNDDOWN($C8791/24,0)+1,1)*INDEX($D$3:$AA$30,INDEX(Jesper!$R$2:$R$366,ROW(INDEX(Jesper!AI$2:AI$366,ROUNDDOWN($C8791/24,0)+1,1))-1)+IF('Standard Profiles'!$G$19=$B$10,7,0)+IF('Standard Profiles'!$G$19=$B$17,14,0)+IF('Standard Profiles'!$G$19=$B$24,21,0),MOD($C8791,24)+1)/SUM(INDEX($D$3:$AA$30,INDEX(Jesper!$R$2:$R$366,ROW(INDEX(Jesper!AI$2:AI$366,ROUNDDOWN($C8791/24,0)+1,1))-1)+IF('Standard Profiles'!$G$19=$B$10,7,0)+IF('Standard Profiles'!$G$19=$B$17,14,0)+IF('Standard Profiles'!$G$19=$B$24,21,0),0)),0)</f>
        <v>4.7488133526520979</v>
      </c>
      <c r="F8791" cm="1">
        <f t="array" ref="F8791">IFERROR(INDEX(Jesper!AJ$2:AJ$366,ROUNDDOWN($C8791/24,0)+1,1)*INDEX($D$3:$AA$30,INDEX(Jesper!$R$2:$R$366,ROW(INDEX(Jesper!AJ$2:AJ$366,ROUNDDOWN($C8791/24,0)+1,1))-1)+IF('Standard Profiles'!$G$20=$B$10,7,0)+IF('Standard Profiles'!$G$20=$B$17,14,0)+IF('Standard Profiles'!$G$20=$B$24,21,0),MOD($C8791,24)+1)/SUM(INDEX($D$3:$AA$30,INDEX(Jesper!$R$2:$R$366,ROW(INDEX(Jesper!AJ$2:AJ$366,ROUNDDOWN($C8791/24,0)+1,1))-1)+IF('Standard Profiles'!$G$20=$B$10,7,0)+IF('Standard Profiles'!$G$20=$B$17,14,0)+IF('Standard Profiles'!$G$20=$B$24,21,0),0)),0)</f>
        <v>3.8930340800452572</v>
      </c>
      <c r="G8791" cm="1">
        <f t="array" ref="G8791">IFERROR(INDEX(Jesper!AK$2:AK$366,ROUNDDOWN($C8791/24,0)+1,1)*INDEX($D$3:$AA$30,INDEX(Jesper!$R$2:$R$366,ROW(INDEX(Jesper!AK$2:AK$366,ROUNDDOWN($C8791/24,0)+1,1))-1)+IF('Standard Profiles'!$G$21=$B$10,7,0)+IF('Standard Profiles'!$G$21=$B$17,14,0)+IF('Standard Profiles'!$G$21=$B$24,21,0),MOD($C8791,24)+1)/SUM(INDEX($D$3:$AA$30,INDEX(Jesper!$R$2:$R$366,ROW(INDEX(Jesper!AK$2:AK$366,ROUNDDOWN($C8791/24,0)+1,1))-1)+IF('Standard Profiles'!$G$21=$B$10,7,0)+IF('Standard Profiles'!$G$21=$B$17,14,0)+IF('Standard Profiles'!$G$21=$B$24,21,0),0)),0)</f>
        <v>6.079400605110548</v>
      </c>
      <c r="H8791" cm="1">
        <f t="array" ref="H8791">IFERROR(INDEX(Jesper!AL$2:AL$366,ROUNDDOWN($C8791/24,0)+1,1)*INDEX($D$3:$AA$30,INDEX(Jesper!$R$2:$R$366,ROW(INDEX(Jesper!AL$2:AL$366,ROUNDDOWN($C8791/24,0)+1,1))-1)+IF('Standard Profiles'!$G$22=$B$10,7,0)+IF('Standard Profiles'!$G$22=$B$17,14,0)+IF('Standard Profiles'!$G$22=$B$24,21,0),MOD($C8791,24)+1)/SUM(INDEX($D$3:$AA$30,INDEX(Jesper!$R$2:$R$366,ROW(INDEX(Jesper!AL$2:AL$366,ROUNDDOWN($C8791/24,0)+1,1))-1)+IF('Standard Profiles'!$G$22=$B$10,7,0)+IF('Standard Profiles'!$G$22=$B$17,14,0)+IF('Standard Profiles'!$G$22=$B$24,21,0),0)),0)</f>
        <v>2.4666295126578102</v>
      </c>
      <c r="I8791">
        <f t="shared" si="972"/>
        <v>2.3679643321514989</v>
      </c>
      <c r="J8791">
        <f t="shared" si="973"/>
        <v>14.250055615995961</v>
      </c>
      <c r="K8791">
        <f t="shared" si="974"/>
        <v>0.37990506821216785</v>
      </c>
      <c r="L8791">
        <f t="shared" si="975"/>
        <v>0.18995253410608393</v>
      </c>
      <c r="M8791">
        <f t="shared" si="976"/>
        <v>0</v>
      </c>
      <c r="N8791" s="45">
        <f t="shared" si="977"/>
        <v>45291.874999978761</v>
      </c>
    </row>
    <row r="8792" spans="2:14" x14ac:dyDescent="0.25">
      <c r="B8792">
        <f t="shared" si="971"/>
        <v>7</v>
      </c>
      <c r="C8792" s="16">
        <v>8758</v>
      </c>
      <c r="D8792" cm="1">
        <f t="array" ref="D8792">IFERROR(INDEX(Jesper!AH$2:AH$366,ROUNDDOWN($C8792/24,0)+1,1)*INDEX($D$3:$AA$30,INDEX(Jesper!$R$2:$R$366,ROW(INDEX(Jesper!AH$2:AH$366,ROUNDDOWN($C8792/24,0)+1,1))-1)+IF('Standard Profiles'!$G$18=$B$10,7,0)+IF('Standard Profiles'!$G$18=$B$17,14,0)+IF('Standard Profiles'!$G$18=$B$24,21,0),MOD($C8792,24)+1)/SUM(INDEX($D$3:$AA$30,INDEX(Jesper!$R$2:$R$366,ROW(INDEX(Jesper!AH$2:AH$366,ROUNDDOWN($C8792/24,0)+1,1))-1)+IF('Standard Profiles'!$G$18=$B$10,7,0)+IF('Standard Profiles'!$G$18=$B$17,14,0)+IF('Standard Profiles'!$G$18=$B$24,21,0),0)),0)</f>
        <v>0</v>
      </c>
      <c r="E8792" cm="1">
        <f t="array" ref="E8792">IFERROR(INDEX(Jesper!AI$2:AI$366,ROUNDDOWN($C8792/24,0)+1,1)*INDEX($D$3:$AA$30,INDEX(Jesper!$R$2:$R$366,ROW(INDEX(Jesper!AI$2:AI$366,ROUNDDOWN($C8792/24,0)+1,1))-1)+IF('Standard Profiles'!$G$19=$B$10,7,0)+IF('Standard Profiles'!$G$19=$B$17,14,0)+IF('Standard Profiles'!$G$19=$B$24,21,0),MOD($C8792,24)+1)/SUM(INDEX($D$3:$AA$30,INDEX(Jesper!$R$2:$R$366,ROW(INDEX(Jesper!AI$2:AI$366,ROUNDDOWN($C8792/24,0)+1,1))-1)+IF('Standard Profiles'!$G$19=$B$10,7,0)+IF('Standard Profiles'!$G$19=$B$17,14,0)+IF('Standard Profiles'!$G$19=$B$24,21,0),0)),0)</f>
        <v>4.7488133526520979</v>
      </c>
      <c r="F8792" cm="1">
        <f t="array" ref="F8792">IFERROR(INDEX(Jesper!AJ$2:AJ$366,ROUNDDOWN($C8792/24,0)+1,1)*INDEX($D$3:$AA$30,INDEX(Jesper!$R$2:$R$366,ROW(INDEX(Jesper!AJ$2:AJ$366,ROUNDDOWN($C8792/24,0)+1,1))-1)+IF('Standard Profiles'!$G$20=$B$10,7,0)+IF('Standard Profiles'!$G$20=$B$17,14,0)+IF('Standard Profiles'!$G$20=$B$24,21,0),MOD($C8792,24)+1)/SUM(INDEX($D$3:$AA$30,INDEX(Jesper!$R$2:$R$366,ROW(INDEX(Jesper!AJ$2:AJ$366,ROUNDDOWN($C8792/24,0)+1,1))-1)+IF('Standard Profiles'!$G$20=$B$10,7,0)+IF('Standard Profiles'!$G$20=$B$17,14,0)+IF('Standard Profiles'!$G$20=$B$24,21,0),0)),0)</f>
        <v>3.8930340800452572</v>
      </c>
      <c r="G8792" cm="1">
        <f t="array" ref="G8792">IFERROR(INDEX(Jesper!AK$2:AK$366,ROUNDDOWN($C8792/24,0)+1,1)*INDEX($D$3:$AA$30,INDEX(Jesper!$R$2:$R$366,ROW(INDEX(Jesper!AK$2:AK$366,ROUNDDOWN($C8792/24,0)+1,1))-1)+IF('Standard Profiles'!$G$21=$B$10,7,0)+IF('Standard Profiles'!$G$21=$B$17,14,0)+IF('Standard Profiles'!$G$21=$B$24,21,0),MOD($C8792,24)+1)/SUM(INDEX($D$3:$AA$30,INDEX(Jesper!$R$2:$R$366,ROW(INDEX(Jesper!AK$2:AK$366,ROUNDDOWN($C8792/24,0)+1,1))-1)+IF('Standard Profiles'!$G$21=$B$10,7,0)+IF('Standard Profiles'!$G$21=$B$17,14,0)+IF('Standard Profiles'!$G$21=$B$24,21,0),0)),0)</f>
        <v>6.079400605110548</v>
      </c>
      <c r="H8792" cm="1">
        <f t="array" ref="H8792">IFERROR(INDEX(Jesper!AL$2:AL$366,ROUNDDOWN($C8792/24,0)+1,1)*INDEX($D$3:$AA$30,INDEX(Jesper!$R$2:$R$366,ROW(INDEX(Jesper!AL$2:AL$366,ROUNDDOWN($C8792/24,0)+1,1))-1)+IF('Standard Profiles'!$G$22=$B$10,7,0)+IF('Standard Profiles'!$G$22=$B$17,14,0)+IF('Standard Profiles'!$G$22=$B$24,21,0),MOD($C8792,24)+1)/SUM(INDEX($D$3:$AA$30,INDEX(Jesper!$R$2:$R$366,ROW(INDEX(Jesper!AL$2:AL$366,ROUNDDOWN($C8792/24,0)+1,1))-1)+IF('Standard Profiles'!$G$22=$B$10,7,0)+IF('Standard Profiles'!$G$22=$B$17,14,0)+IF('Standard Profiles'!$G$22=$B$24,21,0),0)),0)</f>
        <v>2.4666295126578102</v>
      </c>
      <c r="I8792">
        <f t="shared" si="972"/>
        <v>2.3679643321514989</v>
      </c>
      <c r="J8792">
        <f t="shared" si="973"/>
        <v>14.250055615995961</v>
      </c>
      <c r="K8792">
        <f t="shared" si="974"/>
        <v>0.37990506821216785</v>
      </c>
      <c r="L8792">
        <f t="shared" si="975"/>
        <v>0.18995253410608393</v>
      </c>
      <c r="M8792">
        <f t="shared" si="976"/>
        <v>0</v>
      </c>
      <c r="N8792" s="45">
        <f t="shared" si="977"/>
        <v>45291.916666645426</v>
      </c>
    </row>
    <row r="8793" spans="2:14" x14ac:dyDescent="0.25">
      <c r="B8793">
        <f t="shared" si="971"/>
        <v>7</v>
      </c>
      <c r="C8793" s="16">
        <v>8759</v>
      </c>
      <c r="D8793" cm="1">
        <f t="array" ref="D8793">IFERROR(INDEX(Jesper!AH$2:AH$366,ROUNDDOWN($C8793/24,0)+1,1)*INDEX($D$3:$AA$30,INDEX(Jesper!$R$2:$R$366,ROW(INDEX(Jesper!AH$2:AH$366,ROUNDDOWN($C8793/24,0)+1,1))-1)+IF('Standard Profiles'!$G$18=$B$10,7,0)+IF('Standard Profiles'!$G$18=$B$17,14,0)+IF('Standard Profiles'!$G$18=$B$24,21,0),MOD($C8793,24)+1)/SUM(INDEX($D$3:$AA$30,INDEX(Jesper!$R$2:$R$366,ROW(INDEX(Jesper!AH$2:AH$366,ROUNDDOWN($C8793/24,0)+1,1))-1)+IF('Standard Profiles'!$G$18=$B$10,7,0)+IF('Standard Profiles'!$G$18=$B$17,14,0)+IF('Standard Profiles'!$G$18=$B$24,21,0),0)),0)</f>
        <v>0</v>
      </c>
      <c r="E8793" cm="1">
        <f t="array" ref="E8793">IFERROR(INDEX(Jesper!AI$2:AI$366,ROUNDDOWN($C8793/24,0)+1,1)*INDEX($D$3:$AA$30,INDEX(Jesper!$R$2:$R$366,ROW(INDEX(Jesper!AI$2:AI$366,ROUNDDOWN($C8793/24,0)+1,1))-1)+IF('Standard Profiles'!$G$19=$B$10,7,0)+IF('Standard Profiles'!$G$19=$B$17,14,0)+IF('Standard Profiles'!$G$19=$B$24,21,0),MOD($C8793,24)+1)/SUM(INDEX($D$3:$AA$30,INDEX(Jesper!$R$2:$R$366,ROW(INDEX(Jesper!AI$2:AI$366,ROUNDDOWN($C8793/24,0)+1,1))-1)+IF('Standard Profiles'!$G$19=$B$10,7,0)+IF('Standard Profiles'!$G$19=$B$17,14,0)+IF('Standard Profiles'!$G$19=$B$24,21,0),0)),0)</f>
        <v>4.7488133526520979</v>
      </c>
      <c r="F8793" cm="1">
        <f t="array" ref="F8793">IFERROR(INDEX(Jesper!AJ$2:AJ$366,ROUNDDOWN($C8793/24,0)+1,1)*INDEX($D$3:$AA$30,INDEX(Jesper!$R$2:$R$366,ROW(INDEX(Jesper!AJ$2:AJ$366,ROUNDDOWN($C8793/24,0)+1,1))-1)+IF('Standard Profiles'!$G$20=$B$10,7,0)+IF('Standard Profiles'!$G$20=$B$17,14,0)+IF('Standard Profiles'!$G$20=$B$24,21,0),MOD($C8793,24)+1)/SUM(INDEX($D$3:$AA$30,INDEX(Jesper!$R$2:$R$366,ROW(INDEX(Jesper!AJ$2:AJ$366,ROUNDDOWN($C8793/24,0)+1,1))-1)+IF('Standard Profiles'!$G$20=$B$10,7,0)+IF('Standard Profiles'!$G$20=$B$17,14,0)+IF('Standard Profiles'!$G$20=$B$24,21,0),0)),0)</f>
        <v>3.8930340800452572</v>
      </c>
      <c r="G8793" cm="1">
        <f t="array" ref="G8793">IFERROR(INDEX(Jesper!AK$2:AK$366,ROUNDDOWN($C8793/24,0)+1,1)*INDEX($D$3:$AA$30,INDEX(Jesper!$R$2:$R$366,ROW(INDEX(Jesper!AK$2:AK$366,ROUNDDOWN($C8793/24,0)+1,1))-1)+IF('Standard Profiles'!$G$21=$B$10,7,0)+IF('Standard Profiles'!$G$21=$B$17,14,0)+IF('Standard Profiles'!$G$21=$B$24,21,0),MOD($C8793,24)+1)/SUM(INDEX($D$3:$AA$30,INDEX(Jesper!$R$2:$R$366,ROW(INDEX(Jesper!AK$2:AK$366,ROUNDDOWN($C8793/24,0)+1,1))-1)+IF('Standard Profiles'!$G$21=$B$10,7,0)+IF('Standard Profiles'!$G$21=$B$17,14,0)+IF('Standard Profiles'!$G$21=$B$24,21,0),0)),0)</f>
        <v>6.079400605110548</v>
      </c>
      <c r="H8793" cm="1">
        <f t="array" ref="H8793">IFERROR(INDEX(Jesper!AL$2:AL$366,ROUNDDOWN($C8793/24,0)+1,1)*INDEX($D$3:$AA$30,INDEX(Jesper!$R$2:$R$366,ROW(INDEX(Jesper!AL$2:AL$366,ROUNDDOWN($C8793/24,0)+1,1))-1)+IF('Standard Profiles'!$G$22=$B$10,7,0)+IF('Standard Profiles'!$G$22=$B$17,14,0)+IF('Standard Profiles'!$G$22=$B$24,21,0),MOD($C8793,24)+1)/SUM(INDEX($D$3:$AA$30,INDEX(Jesper!$R$2:$R$366,ROW(INDEX(Jesper!AL$2:AL$366,ROUNDDOWN($C8793/24,0)+1,1))-1)+IF('Standard Profiles'!$G$22=$B$10,7,0)+IF('Standard Profiles'!$G$22=$B$17,14,0)+IF('Standard Profiles'!$G$22=$B$24,21,0),0)),0)</f>
        <v>2.4666295126578102</v>
      </c>
      <c r="I8793">
        <f t="shared" si="972"/>
        <v>2.3679643321514989</v>
      </c>
      <c r="J8793">
        <f t="shared" si="973"/>
        <v>14.250055615995961</v>
      </c>
      <c r="K8793">
        <f t="shared" si="974"/>
        <v>0.37990506821216785</v>
      </c>
      <c r="L8793">
        <f t="shared" si="975"/>
        <v>0.18995253410608393</v>
      </c>
      <c r="M8793">
        <f t="shared" si="976"/>
        <v>0</v>
      </c>
      <c r="N8793" s="45">
        <f t="shared" si="977"/>
        <v>45291.95833331209</v>
      </c>
    </row>
  </sheetData>
  <sheetProtection sheet="1" objects="1" scenarios="1"/>
  <mergeCells count="6">
    <mergeCell ref="O32:T32"/>
    <mergeCell ref="B17:B23"/>
    <mergeCell ref="B24:B30"/>
    <mergeCell ref="D1:AA1"/>
    <mergeCell ref="B3:B9"/>
    <mergeCell ref="B10:B16"/>
  </mergeCells>
  <phoneticPr fontId="10" type="noConversion"/>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8ADE019-5AC4-42D9-A5BC-D2F2F0042CD9}">
  <dimension ref="A1:BL367"/>
  <sheetViews>
    <sheetView topLeftCell="AE2" zoomScaleNormal="100" workbookViewId="0">
      <selection activeCell="AI33" sqref="AI33"/>
    </sheetView>
  </sheetViews>
  <sheetFormatPr defaultColWidth="9.140625" defaultRowHeight="15.75" x14ac:dyDescent="0.25"/>
  <cols>
    <col min="1" max="1" width="12.42578125" style="1" customWidth="1"/>
    <col min="2" max="2" width="22" style="1" bestFit="1" customWidth="1"/>
    <col min="3" max="6" width="12.42578125" style="1" customWidth="1"/>
    <col min="7" max="7" width="12.5703125" style="1" bestFit="1" customWidth="1"/>
    <col min="8" max="8" width="7.28515625" style="1" customWidth="1"/>
    <col min="9" max="9" width="47.5703125" style="1" bestFit="1" customWidth="1"/>
    <col min="10" max="10" width="12.5703125" style="1" customWidth="1"/>
    <col min="11" max="15" width="9.140625" style="1"/>
    <col min="16" max="16" width="10.28515625" customWidth="1"/>
    <col min="17" max="17" width="17.42578125" style="16" customWidth="1"/>
    <col min="18" max="18" width="9.28515625" style="16" bestFit="1" customWidth="1"/>
    <col min="19" max="43" width="9.28515625" customWidth="1"/>
    <col min="45" max="45" width="21.7109375" style="1" bestFit="1" customWidth="1"/>
    <col min="46" max="58" width="9.140625" style="1"/>
    <col min="59" max="59" width="13.28515625" style="1" bestFit="1" customWidth="1"/>
    <col min="60" max="60" width="23" style="1" bestFit="1" customWidth="1"/>
    <col min="61" max="61" width="12.7109375" style="1" customWidth="1"/>
    <col min="62" max="16384" width="9.140625" style="1"/>
  </cols>
  <sheetData>
    <row r="1" spans="1:64" ht="45.75" thickBot="1" x14ac:dyDescent="0.3">
      <c r="A1" s="234" t="s">
        <v>0</v>
      </c>
      <c r="B1" s="234"/>
      <c r="C1" s="234"/>
      <c r="D1" s="234"/>
      <c r="E1" s="234"/>
      <c r="F1" s="234"/>
      <c r="G1" s="234"/>
      <c r="H1" s="18"/>
      <c r="I1" s="234" t="s">
        <v>82</v>
      </c>
      <c r="J1" s="234"/>
      <c r="K1" s="1" t="s">
        <v>85</v>
      </c>
      <c r="P1" s="6" t="s">
        <v>7</v>
      </c>
      <c r="Q1" s="26" t="s">
        <v>8</v>
      </c>
      <c r="R1" s="30" t="s">
        <v>9</v>
      </c>
      <c r="S1" s="25" t="s">
        <v>14</v>
      </c>
      <c r="T1" s="25" t="s">
        <v>15</v>
      </c>
      <c r="U1" s="25" t="s">
        <v>16</v>
      </c>
      <c r="V1" s="25" t="s">
        <v>17</v>
      </c>
      <c r="W1" s="25" t="s">
        <v>18</v>
      </c>
      <c r="X1" s="25" t="s">
        <v>20</v>
      </c>
      <c r="Y1" s="25" t="s">
        <v>21</v>
      </c>
      <c r="Z1" s="25" t="s">
        <v>22</v>
      </c>
      <c r="AA1" s="25" t="s">
        <v>23</v>
      </c>
      <c r="AB1" s="25" t="s">
        <v>24</v>
      </c>
      <c r="AC1" s="22" t="s">
        <v>30</v>
      </c>
      <c r="AD1" s="22" t="s">
        <v>25</v>
      </c>
      <c r="AE1" s="22" t="s">
        <v>26</v>
      </c>
      <c r="AF1" s="22" t="s">
        <v>27</v>
      </c>
      <c r="AG1" s="22" t="s">
        <v>28</v>
      </c>
      <c r="AH1" s="22" t="s">
        <v>29</v>
      </c>
      <c r="AI1" s="22" t="s">
        <v>37</v>
      </c>
      <c r="AJ1" s="22" t="s">
        <v>38</v>
      </c>
      <c r="AK1" s="22" t="s">
        <v>39</v>
      </c>
      <c r="AL1" s="22" t="s">
        <v>40</v>
      </c>
      <c r="AM1" s="22" t="s">
        <v>32</v>
      </c>
      <c r="AN1" s="22" t="s">
        <v>33</v>
      </c>
      <c r="AO1" s="22" t="s">
        <v>34</v>
      </c>
      <c r="AP1" s="22" t="s">
        <v>35</v>
      </c>
      <c r="AQ1" s="22" t="s">
        <v>36</v>
      </c>
      <c r="AR1" s="22" t="s">
        <v>31</v>
      </c>
      <c r="AT1" s="224" t="s">
        <v>83</v>
      </c>
      <c r="AU1" s="225"/>
      <c r="AV1" s="225"/>
      <c r="AW1" s="225"/>
      <c r="AX1" s="225"/>
      <c r="AY1" s="225"/>
      <c r="AZ1" s="226"/>
      <c r="BA1" s="230" t="s">
        <v>87</v>
      </c>
    </row>
    <row r="2" spans="1:64" ht="16.5" thickBot="1" x14ac:dyDescent="0.3">
      <c r="A2" s="4"/>
      <c r="B2" s="24" t="s">
        <v>19</v>
      </c>
      <c r="C2" s="5" t="s">
        <v>1</v>
      </c>
      <c r="D2" s="5" t="s">
        <v>2</v>
      </c>
      <c r="E2" s="5" t="s">
        <v>3</v>
      </c>
      <c r="F2" s="5" t="s">
        <v>4</v>
      </c>
      <c r="G2" s="5" t="s">
        <v>5</v>
      </c>
      <c r="H2" s="19" t="s">
        <v>137</v>
      </c>
      <c r="I2" s="84">
        <v>5</v>
      </c>
      <c r="J2" s="86">
        <f>'Standard Profiles'!I18</f>
        <v>0</v>
      </c>
      <c r="K2" s="249">
        <f>J2*'Standard Profiles'!$F$16</f>
        <v>0</v>
      </c>
      <c r="P2" s="7">
        <f>DATE(Input!$J$6,1,1)</f>
        <v>44927</v>
      </c>
      <c r="Q2" s="27" cm="1">
        <f t="array" ref="Q2:Q366">_xlfn.XLOOKUP(Input!$J$7,Input!$B$27:$F$27,Input!$B$28:$F$392)</f>
        <v>7.5</v>
      </c>
      <c r="R2" s="27">
        <f>WEEKDAY(P2,2)</f>
        <v>7</v>
      </c>
      <c r="S2" s="9">
        <f t="shared" ref="S2:S65" si="0">IF(R2&gt;5,IF($Q2&lt;$G$3,$C$3,$E$3),IF($Q2&lt;$G$10,$C$10,$E$10))</f>
        <v>0.88136675487947747</v>
      </c>
      <c r="T2" s="9">
        <f t="shared" ref="T2:T65" si="1">IF(R2&gt;5,IF($Q2&lt;$G$4,$C$4,$E$4),IF($Q2&lt;$G$11,$C$11,$E$11))</f>
        <v>0.40529111994771311</v>
      </c>
      <c r="U2" s="9">
        <f t="shared" ref="U2:U65" si="2">IF(R2&gt;5,IF($Q2&lt;$G$5,$C$5,$E$5),IF($Q2&lt;$G$12,$C$12,$E$12))</f>
        <v>1.4791569663107089</v>
      </c>
      <c r="V2" s="9">
        <f t="shared" ref="V2:V65" si="3">IF(R2&gt;5,IF($Q2&lt;$G$6,$C$6,$E$6),IF($Q2&lt;$G$13,$C$13,$E$13))</f>
        <v>1.31124751273035</v>
      </c>
      <c r="W2" s="9">
        <f>IF(R2&lt;6,0,IF($Q2&lt;$G$7,$C$7,$E$7))</f>
        <v>1.9424956480203619</v>
      </c>
      <c r="X2" s="9">
        <f t="shared" ref="X2:X65" si="4">IF(R2&gt;5,IF($Q2&lt;$G$3,$D$3,$F$3),IF($Q2&lt;$G$10,$D$10,$F$10))</f>
        <v>-1.236743869637378E-2</v>
      </c>
      <c r="Y2" s="9">
        <f t="shared" ref="Y2:Y65" si="5">IF(R2&gt;5,IF($Q2&lt;$G$4,$D$4,$F$4),IF($Q2&lt;$G$11,$D$11,$F$11))</f>
        <v>-1.3226323007097701E-2</v>
      </c>
      <c r="Z2" s="9">
        <f t="shared" ref="Z2:Z65" si="6">IF(R2&gt;5,IF($Q2&lt;$G$5,$D$5,$F$5),IF($Q2&lt;$G$12,$D$12,$F$12))</f>
        <v>-6.6119920832722404E-2</v>
      </c>
      <c r="AA2" s="9">
        <f t="shared" ref="AA2:AA65" si="7">IF(R2&gt;5,IF($Q2&lt;$G$6,$D$6,$F$6),IF($Q2&lt;$G$13,$D$13,$F$13))</f>
        <v>-7.5310765362349638E-2</v>
      </c>
      <c r="AB2" s="9">
        <f>IF(R2&lt;6,0,IF($Q2&lt;$G$7,$D$7,$F$7))</f>
        <v>-0.1200596025795522</v>
      </c>
      <c r="AC2" s="9">
        <f>MAX(S2+X2*$Q2,0)*IF($R2&lt;6,$B$10,$B$3)</f>
        <v>0</v>
      </c>
      <c r="AD2" s="9">
        <f>MAX(T2+Y2*$Q2,0)*IF($R2&lt;6,$B$11,$B$4)</f>
        <v>0.10713279408806811</v>
      </c>
      <c r="AE2" s="9">
        <f>MAX(U2+Z2*$Q2,0)*IF($R2&lt;6,$B$12,$B$5)</f>
        <v>8.6035036505712939E-2</v>
      </c>
      <c r="AF2" s="9">
        <f>MAX(V2+AA2*$Q2,0)*IF($R2&lt;6,$B$13,$B$6)</f>
        <v>0.13062293518972734</v>
      </c>
      <c r="AG2" s="9">
        <f>MAX(W2+AB2*$Q2,0)*IF($R2&lt;6,0,$B$7)</f>
        <v>9.1179255008950535E-2</v>
      </c>
      <c r="AH2" s="9">
        <f>AC2/SUM(AC$2:AG$366)*Input!$J$5</f>
        <v>0</v>
      </c>
      <c r="AI2" s="9">
        <f>AD2/SUM(AC$2:AG$366)*Input!$J$5</f>
        <v>109.70519067698646</v>
      </c>
      <c r="AJ2" s="9">
        <f>AE2/SUM(AC$2:AG$366)*Input!$J$5</f>
        <v>88.100848718664551</v>
      </c>
      <c r="AK2" s="9">
        <f>AF2/SUM(AC$2:AG$366)*Input!$J$5</f>
        <v>133.75936036912049</v>
      </c>
      <c r="AL2" s="9">
        <f>AG2/SUM(AC$2:AG$366)*Input!$J$5</f>
        <v>93.368586544281627</v>
      </c>
      <c r="AM2" s="9">
        <f>IF($R2&lt;6,AU$22*$AH2+AU$23*$AI2+AU$24*$AJ2+AU$25*$AK2,AU$31*$AH2+AU$32*$AI2+AU$33*$AJ2+AU$34*$AK2+AU$35*$AL2)</f>
        <v>89.63384308251041</v>
      </c>
      <c r="AN2" s="9">
        <f>IF($R2&lt;6,AV$22*$AH2+AV$23*$AI2+AV$24*$AJ2+AV$25*$AK2,AV$31*$AH2+AV$32*$AI2+AV$33*$AJ2+AV$34*$AK2+AV$35*$AL2)</f>
        <v>322.13552034530431</v>
      </c>
      <c r="AO2" s="9">
        <f t="shared" ref="AO2:AQ2" si="8">IF($R2&lt;6,AW$22*$AH2+AW$23*$AI2+AW$24*$AJ2+AW$25*$AK2,AW$31*$AH2+AW$32*$AI2+AW$33*$AJ2+AW$34*$AK2+AW$35*$AL2)</f>
        <v>8.776415254158918</v>
      </c>
      <c r="AP2" s="9">
        <f t="shared" si="8"/>
        <v>4.388207627079459</v>
      </c>
      <c r="AQ2" s="9">
        <f t="shared" si="8"/>
        <v>0</v>
      </c>
      <c r="AR2" s="8">
        <f>SUM(AM2:AQ2)</f>
        <v>424.93398630905307</v>
      </c>
      <c r="AT2" s="88"/>
      <c r="AZ2" s="89"/>
      <c r="BA2" s="230"/>
      <c r="BF2" s="248" t="s">
        <v>148</v>
      </c>
      <c r="BG2" s="248"/>
      <c r="BH2" s="248"/>
    </row>
    <row r="3" spans="1:64" ht="16.5" thickBot="1" x14ac:dyDescent="0.3">
      <c r="A3" s="5">
        <v>0</v>
      </c>
      <c r="B3" s="21">
        <f>'Standard Profiles'!F18/SUM('Standard Profiles'!$F$18:$F$22)*'Standard Profiles'!$F$16</f>
        <v>0</v>
      </c>
      <c r="C3" s="4">
        <v>0.88136675487947747</v>
      </c>
      <c r="D3" s="4">
        <v>-1.236743869637378E-2</v>
      </c>
      <c r="E3" s="4">
        <v>0.66609297291086311</v>
      </c>
      <c r="F3" s="4">
        <v>-3.4097042997074749E-4</v>
      </c>
      <c r="G3" s="4">
        <v>17.899999999999999</v>
      </c>
      <c r="H3" s="114">
        <f>B3/SUM($B$3:$B$7)</f>
        <v>0</v>
      </c>
      <c r="I3" s="85">
        <v>4</v>
      </c>
      <c r="J3" s="86">
        <f>'Standard Profiles'!I19</f>
        <v>0.02</v>
      </c>
      <c r="K3" s="249">
        <f>J3*'Standard Profiles'!$F$16</f>
        <v>1.3999999999999999E-2</v>
      </c>
      <c r="P3" s="10">
        <f>P2+1</f>
        <v>44928</v>
      </c>
      <c r="Q3" s="28">
        <v>6.1</v>
      </c>
      <c r="R3" s="28">
        <f t="shared" ref="R3:R66" si="9">WEEKDAY(P3,2)</f>
        <v>1</v>
      </c>
      <c r="S3" s="12">
        <f t="shared" si="0"/>
        <v>1.0609861866589789</v>
      </c>
      <c r="T3" s="12">
        <f t="shared" si="1"/>
        <v>1.4695351264848711</v>
      </c>
      <c r="U3" s="12">
        <f t="shared" si="2"/>
        <v>1.771938814155029</v>
      </c>
      <c r="V3" s="12">
        <f t="shared" si="3"/>
        <v>2.5404025087253199</v>
      </c>
      <c r="W3" s="12">
        <f t="shared" ref="W3:W66" si="10">IF(R3&lt;6,0,IF($Q3&lt;$G$7,$C$7,$E$7))</f>
        <v>0</v>
      </c>
      <c r="X3" s="12">
        <f t="shared" si="4"/>
        <v>-7.0953309908476907E-3</v>
      </c>
      <c r="Y3" s="12">
        <f t="shared" si="5"/>
        <v>-5.875924024232846E-2</v>
      </c>
      <c r="Z3" s="12">
        <f t="shared" si="6"/>
        <v>-9.5984753200240996E-2</v>
      </c>
      <c r="AA3" s="12">
        <f t="shared" si="7"/>
        <v>-0.17801624965770491</v>
      </c>
      <c r="AB3" s="12">
        <f t="shared" ref="AB3:AB66" si="11">IF(R3&lt;6,0,IF($Q3&lt;$G$7,$D$7,$F$7))</f>
        <v>0</v>
      </c>
      <c r="AC3" s="12">
        <f>MAX(S3+X3*$Q3,0)*IF($R3&lt;6,$B$10,$B$3)</f>
        <v>0.38163925035555302</v>
      </c>
      <c r="AD3" s="12">
        <f t="shared" ref="AD3:AD66" si="12">MAX(T3+Y3*$Q3,0)*IF($R3&lt;6,$B$11,$B$4)</f>
        <v>0.41666391037750028</v>
      </c>
      <c r="AE3" s="12">
        <f t="shared" ref="AE3:AE66" si="13">MAX(U3+Z3*$Q3,0)*IF($R3&lt;6,$B$12,$B$5)</f>
        <v>0</v>
      </c>
      <c r="AF3" s="12">
        <f t="shared" ref="AF3:AF66" si="14">MAX(V3+AA3*$Q3,0)*IF($R3&lt;6,$B$13,$B$6)</f>
        <v>0.36362584645333001</v>
      </c>
      <c r="AG3" s="12">
        <f t="shared" ref="AG3:AG66" si="15">MAX(W3+AB3*$Q3,0)*IF($R3&lt;6,0,$B$7)</f>
        <v>0</v>
      </c>
      <c r="AH3" s="12">
        <f>AC3/SUM(AC$2:AG$366)*Input!$J$5</f>
        <v>390.80290107677803</v>
      </c>
      <c r="AI3" s="12">
        <f>AD3/SUM(AC$2:AG$366)*Input!$J$5</f>
        <v>426.66854836817356</v>
      </c>
      <c r="AJ3" s="12">
        <f>AE3/SUM(AC$2:AG$366)*Input!$J$5</f>
        <v>0</v>
      </c>
      <c r="AK3" s="12">
        <f>AF3/SUM(AC$2:AG$366)*Input!$J$5</f>
        <v>372.35697210930948</v>
      </c>
      <c r="AL3" s="12">
        <f>AG3/SUM(AC$2:AG$366)*Input!$J$5</f>
        <v>0</v>
      </c>
      <c r="AM3" s="12">
        <f t="shared" ref="AM3:AM66" si="16">IF($R3&lt;6,AU$22*$AH3+AU$23*$AI3+AU$24*$AJ3+AU$25*$AK3,AU$31*$AH3+AU$32*$AI3+AU$33*$AJ3+AU$34*$AK3+AU$35*$AL3)</f>
        <v>178.73134661246846</v>
      </c>
      <c r="AN3" s="12">
        <f t="shared" ref="AN3:AN66" si="17">IF($R3&lt;6,AV$22*$AH3+AV$23*$AI3+AV$24*$AJ3+AV$25*$AK3,AV$31*$AH3+AV$32*$AI3+AV$33*$AJ3+AV$34*$AK3+AV$35*$AL3)</f>
        <v>948.56861076950815</v>
      </c>
      <c r="AO3" s="12">
        <f t="shared" ref="AO3:AO66" si="18">IF($R3&lt;6,AW$22*$AH3+AW$23*$AI3+AW$24*$AJ3+AW$25*$AK3,AW$31*$AH3+AW$32*$AI3+AW$33*$AJ3+AW$34*$AK3+AW$35*$AL3)</f>
        <v>41.685642781522994</v>
      </c>
      <c r="AP3" s="12">
        <f t="shared" ref="AP3:AP66" si="19">IF($R3&lt;6,AX$22*$AH3+AX$23*$AI3+AX$24*$AJ3+AX$25*$AK3,AX$31*$AH3+AX$32*$AI3+AX$33*$AJ3+AX$34*$AK3+AX$35*$AL3)</f>
        <v>20.842821390761497</v>
      </c>
      <c r="AQ3" s="12">
        <f t="shared" ref="AQ3:AQ66" si="20">IF($R3&lt;6,AY$22*$AH3+AY$23*$AI3+AY$24*$AJ3+AY$25*$AK3,AY$31*$AH3+AY$32*$AI3+AY$33*$AJ3+AY$34*$AK3+AY$35*$AL3)</f>
        <v>0</v>
      </c>
      <c r="AR3" s="11">
        <f t="shared" ref="AR3:AR66" si="21">SUM(AM3:AQ3)</f>
        <v>1189.828421554261</v>
      </c>
      <c r="AT3" s="96" t="s">
        <v>81</v>
      </c>
      <c r="AU3" s="105" t="s">
        <v>32</v>
      </c>
      <c r="AV3" s="105" t="s">
        <v>33</v>
      </c>
      <c r="AW3" s="105" t="s">
        <v>34</v>
      </c>
      <c r="AX3" s="105" t="s">
        <v>35</v>
      </c>
      <c r="AY3" s="105" t="s">
        <v>36</v>
      </c>
      <c r="AZ3" s="89"/>
      <c r="BA3" s="230"/>
      <c r="BF3" s="158"/>
      <c r="BG3" s="159" t="s">
        <v>12</v>
      </c>
      <c r="BH3" s="160" t="s">
        <v>13</v>
      </c>
    </row>
    <row r="4" spans="1:64" x14ac:dyDescent="0.25">
      <c r="A4" s="5">
        <v>1</v>
      </c>
      <c r="B4" s="21">
        <f>'Standard Profiles'!F19/SUM('Standard Profiles'!$F$18:$F$22)*'Standard Profiles'!$F$16</f>
        <v>0.35</v>
      </c>
      <c r="C4" s="4">
        <v>0.40529111994771311</v>
      </c>
      <c r="D4" s="4">
        <v>-1.3226323007097701E-2</v>
      </c>
      <c r="E4" s="4">
        <v>0.19607255136472959</v>
      </c>
      <c r="F4" s="4">
        <v>-6.2279477920712143E-4</v>
      </c>
      <c r="G4" s="4">
        <v>16.600000000000001</v>
      </c>
      <c r="H4" s="114">
        <f t="shared" ref="H4:H7" si="22">B4/SUM($B$3:$B$7)</f>
        <v>0.49999999999999994</v>
      </c>
      <c r="I4" s="85">
        <v>3</v>
      </c>
      <c r="J4" s="86">
        <f>'Standard Profiles'!I20</f>
        <v>0.04</v>
      </c>
      <c r="K4" s="249">
        <f>J4*'Standard Profiles'!$F$16</f>
        <v>2.7999999999999997E-2</v>
      </c>
      <c r="P4" s="10">
        <f t="shared" ref="P4:P67" si="23">P3+1</f>
        <v>44929</v>
      </c>
      <c r="Q4" s="28">
        <v>7.8</v>
      </c>
      <c r="R4" s="28">
        <f t="shared" si="9"/>
        <v>2</v>
      </c>
      <c r="S4" s="12">
        <f t="shared" si="0"/>
        <v>1.0609861866589789</v>
      </c>
      <c r="T4" s="12">
        <f t="shared" si="1"/>
        <v>1.4695351264848711</v>
      </c>
      <c r="U4" s="12">
        <f t="shared" si="2"/>
        <v>1.771938814155029</v>
      </c>
      <c r="V4" s="12">
        <f t="shared" si="3"/>
        <v>2.5404025087253199</v>
      </c>
      <c r="W4" s="12">
        <f t="shared" si="10"/>
        <v>0</v>
      </c>
      <c r="X4" s="12">
        <f t="shared" si="4"/>
        <v>-7.0953309908476907E-3</v>
      </c>
      <c r="Y4" s="12">
        <f t="shared" si="5"/>
        <v>-5.875924024232846E-2</v>
      </c>
      <c r="Z4" s="12">
        <f t="shared" si="6"/>
        <v>-9.5984753200240996E-2</v>
      </c>
      <c r="AA4" s="12">
        <f t="shared" si="7"/>
        <v>-0.17801624965770491</v>
      </c>
      <c r="AB4" s="12">
        <f t="shared" si="11"/>
        <v>0</v>
      </c>
      <c r="AC4" s="12">
        <f t="shared" ref="AC4:AC66" si="24">MAX(S4+X4*$Q4,0)*IF($R4&lt;6,$B$10,$B$3)</f>
        <v>0.37711597684888754</v>
      </c>
      <c r="AD4" s="12">
        <f t="shared" si="12"/>
        <v>0.37920489472301594</v>
      </c>
      <c r="AE4" s="12">
        <f t="shared" si="13"/>
        <v>0</v>
      </c>
      <c r="AF4" s="12">
        <f t="shared" si="14"/>
        <v>0.28796894034880544</v>
      </c>
      <c r="AG4" s="12">
        <f t="shared" si="15"/>
        <v>0</v>
      </c>
      <c r="AH4" s="12">
        <f>AC4/SUM(AC$2:AG$366)*Input!$J$5</f>
        <v>386.1710179381289</v>
      </c>
      <c r="AI4" s="12">
        <f>AD4/SUM(AC$2:AG$366)*Input!$J$5</f>
        <v>388.31009342514955</v>
      </c>
      <c r="AJ4" s="12">
        <f>AE4/SUM(AC$2:AG$366)*Input!$J$5</f>
        <v>0</v>
      </c>
      <c r="AK4" s="12">
        <f>AF4/SUM(AC$2:AG$366)*Input!$J$5</f>
        <v>294.88344609070504</v>
      </c>
      <c r="AL4" s="12">
        <f>AG4/SUM(AC$2:AG$366)*Input!$J$5</f>
        <v>0</v>
      </c>
      <c r="AM4" s="12">
        <f t="shared" si="16"/>
        <v>141.54405412353836</v>
      </c>
      <c r="AN4" s="12">
        <f t="shared" si="17"/>
        <v>866.03314046034438</v>
      </c>
      <c r="AO4" s="12">
        <f t="shared" si="18"/>
        <v>41.191575246733748</v>
      </c>
      <c r="AP4" s="12">
        <f t="shared" si="19"/>
        <v>20.595787623366874</v>
      </c>
      <c r="AQ4" s="12">
        <f t="shared" si="20"/>
        <v>0</v>
      </c>
      <c r="AR4" s="11">
        <f t="shared" si="21"/>
        <v>1069.3645574539835</v>
      </c>
      <c r="AT4" s="90">
        <v>0</v>
      </c>
      <c r="AU4" s="102">
        <f>IF(($B10-SUM(AV4:$AY4))&gt;=$J$6,$J$6,($B10-SUM(AV4:$AY4)))</f>
        <v>0</v>
      </c>
      <c r="AV4" s="103">
        <f>IF(($B10-SUM(AW4:$AY4))&gt;=$J$5,$J$5,($B10-SUM(AW4:$AY4)))</f>
        <v>0.315</v>
      </c>
      <c r="AW4" s="103">
        <f>IF(($B10-SUM(AX4:$AY4))&gt;=$J$4,$J$4,($B10-SUM(AX4:$AY4)))</f>
        <v>0.04</v>
      </c>
      <c r="AX4" s="103">
        <f>IF(($B10-SUM($AY4:AY4))&gt;=$J$3,$J$3,($B10-SUM($AY4:AY4)))</f>
        <v>0.02</v>
      </c>
      <c r="AY4" s="104">
        <f>IF(B10&gt;=J2,J2,B10)</f>
        <v>0</v>
      </c>
      <c r="AZ4" s="91">
        <f>SUM(AU4:AY4)</f>
        <v>0.375</v>
      </c>
      <c r="BA4" s="230"/>
      <c r="BF4" s="90" t="s">
        <v>109</v>
      </c>
      <c r="BG4" s="161" t="e" cm="1">
        <f t="array" ref="BG4:BG28">_xlfn.TOCOL(TRANSPOSE(_xlfn.SORTBY(IF(AU4:AY8&lt;0.001,NA(),AU4:AY8), _xlfn.SEQUENCE(ROWS(AU4:AY8),,ROWS(AU4:AY8),-1))))</f>
        <v>#N/A</v>
      </c>
      <c r="BH4" s="162" cm="1">
        <f t="array" ref="BH4:BH28">_xlfn.TOCOL(TRANSPOSE(_xlfn.SORTBY(IF(AU13:AY17&lt;0.001,NA(),AU13:AY17), _xlfn.SEQUENCE(ROWS(AU13:AY17),,ROWS(AU13:AY17),-1))))/SUM($AZ$13:$AZ$17)</f>
        <v>0.12</v>
      </c>
      <c r="BK4" s="106"/>
      <c r="BL4" s="106"/>
    </row>
    <row r="5" spans="1:64" x14ac:dyDescent="0.25">
      <c r="A5" s="5">
        <v>2</v>
      </c>
      <c r="B5" s="21">
        <f>'Standard Profiles'!F20/SUM('Standard Profiles'!$F$18:$F$22)*'Standard Profiles'!$F$16</f>
        <v>8.7499999999999994E-2</v>
      </c>
      <c r="C5" s="4">
        <v>1.4791569663107089</v>
      </c>
      <c r="D5" s="4">
        <v>-6.6119920832722404E-2</v>
      </c>
      <c r="E5" s="4">
        <v>0.65274423464211173</v>
      </c>
      <c r="F5" s="4">
        <v>-1.60343007315953E-2</v>
      </c>
      <c r="G5" s="4">
        <v>16.5</v>
      </c>
      <c r="H5" s="114">
        <f t="shared" si="22"/>
        <v>0.12499999999999999</v>
      </c>
      <c r="I5" s="85">
        <v>2</v>
      </c>
      <c r="J5" s="86">
        <f>'Standard Profiles'!I21</f>
        <v>0.82000000000000006</v>
      </c>
      <c r="K5" s="249">
        <f>J5*'Standard Profiles'!$F$16</f>
        <v>0.57399999999999995</v>
      </c>
      <c r="P5" s="10">
        <f t="shared" si="23"/>
        <v>44930</v>
      </c>
      <c r="Q5" s="28">
        <v>7.2</v>
      </c>
      <c r="R5" s="28">
        <f t="shared" si="9"/>
        <v>3</v>
      </c>
      <c r="S5" s="12">
        <f t="shared" si="0"/>
        <v>1.0609861866589789</v>
      </c>
      <c r="T5" s="12">
        <f t="shared" si="1"/>
        <v>1.4695351264848711</v>
      </c>
      <c r="U5" s="12">
        <f t="shared" si="2"/>
        <v>1.771938814155029</v>
      </c>
      <c r="V5" s="12">
        <f t="shared" si="3"/>
        <v>2.5404025087253199</v>
      </c>
      <c r="W5" s="12">
        <f t="shared" si="10"/>
        <v>0</v>
      </c>
      <c r="X5" s="12">
        <f t="shared" si="4"/>
        <v>-7.0953309908476907E-3</v>
      </c>
      <c r="Y5" s="12">
        <f t="shared" si="5"/>
        <v>-5.875924024232846E-2</v>
      </c>
      <c r="Z5" s="12">
        <f t="shared" si="6"/>
        <v>-9.5984753200240996E-2</v>
      </c>
      <c r="AA5" s="12">
        <f t="shared" si="7"/>
        <v>-0.17801624965770491</v>
      </c>
      <c r="AB5" s="12">
        <f t="shared" si="11"/>
        <v>0</v>
      </c>
      <c r="AC5" s="12">
        <f t="shared" si="24"/>
        <v>0.37871242632182833</v>
      </c>
      <c r="AD5" s="12">
        <f t="shared" si="12"/>
        <v>0.39242572377753981</v>
      </c>
      <c r="AE5" s="12">
        <f t="shared" si="13"/>
        <v>0</v>
      </c>
      <c r="AF5" s="12">
        <f t="shared" si="14"/>
        <v>0.31467137779746113</v>
      </c>
      <c r="AG5" s="12">
        <f t="shared" si="15"/>
        <v>0</v>
      </c>
      <c r="AH5" s="12">
        <f>AC5/SUM(AC$2:AG$366)*Input!$J$5</f>
        <v>387.80580022235802</v>
      </c>
      <c r="AI5" s="12">
        <f>AD5/SUM(AC$2:AG$366)*Input!$J$5</f>
        <v>401.84837164033445</v>
      </c>
      <c r="AJ5" s="12">
        <f>AE5/SUM(AC$2:AG$366)*Input!$J$5</f>
        <v>0</v>
      </c>
      <c r="AK5" s="12">
        <f>AF5/SUM(AC$2:AG$366)*Input!$J$5</f>
        <v>322.22704350903598</v>
      </c>
      <c r="AL5" s="12">
        <f>AG5/SUM(AC$2:AG$366)*Input!$J$5</f>
        <v>0</v>
      </c>
      <c r="AM5" s="12">
        <f t="shared" si="16"/>
        <v>154.6689808843372</v>
      </c>
      <c r="AN5" s="12">
        <f t="shared" si="17"/>
        <v>895.16330645181392</v>
      </c>
      <c r="AO5" s="12">
        <f t="shared" si="18"/>
        <v>41.365952023718194</v>
      </c>
      <c r="AP5" s="12">
        <f t="shared" si="19"/>
        <v>20.682976011859097</v>
      </c>
      <c r="AQ5" s="12">
        <f t="shared" si="20"/>
        <v>0</v>
      </c>
      <c r="AR5" s="11">
        <f t="shared" si="21"/>
        <v>1111.8812153717286</v>
      </c>
      <c r="AT5" s="90">
        <v>1</v>
      </c>
      <c r="AU5" s="97">
        <f>IF(($B11-SUM(AV5:$AY5))&gt;=($J$6-SUM(AU$4:AU4)),($J$6-SUM(AU$4:AU4)),($B11-SUM(AV5:$AY5)))</f>
        <v>0</v>
      </c>
      <c r="AV5" s="87">
        <f>IF(($B11-SUM(AW5:$AY5))&gt;=($J$5-SUM(AV$4:AV4)),($J$5-SUM(AV$4:AV4)),($B11-SUM(AW5:$AY5)))</f>
        <v>0.375</v>
      </c>
      <c r="AW5" s="87">
        <f>IF(($B11-SUM(AX5:$AY5))&gt;=($J$4-SUM(AW$4:AW4)),($J$4-SUM(AW$4:AW4)),($B11-SUM(AX5:$AY5)))</f>
        <v>0</v>
      </c>
      <c r="AX5" s="87">
        <f>IF(($B11-SUM($AY5:AY5))&gt;=($J$3-SUM(AX$4:AX4)),($J$3-SUM(AX$4:AX4)),($B11-SUM($AY5:AY5)))</f>
        <v>0</v>
      </c>
      <c r="AY5" s="98">
        <f>IF(SUM(AY$4:AY4)&lt;$J$2,IF($B11&gt;($J$2-SUM(AY$4:AY4)),$J$2-SUM(AY$4:AY4),$B11),0)</f>
        <v>0</v>
      </c>
      <c r="AZ5" s="91">
        <f t="shared" ref="AZ5:AZ7" si="25">SUM(AU5:AY5)</f>
        <v>0.375</v>
      </c>
      <c r="BA5" s="230"/>
      <c r="BF5" s="90" t="s">
        <v>88</v>
      </c>
      <c r="BG5" s="161">
        <v>0.12</v>
      </c>
      <c r="BH5" s="162" t="e">
        <v>#N/A</v>
      </c>
      <c r="BI5" s="106"/>
      <c r="BK5" s="106"/>
      <c r="BL5" s="106"/>
    </row>
    <row r="6" spans="1:64" x14ac:dyDescent="0.25">
      <c r="A6" s="5">
        <v>3</v>
      </c>
      <c r="B6" s="21">
        <f>'Standard Profiles'!F21/SUM('Standard Profiles'!$F$18:$F$22)*'Standard Profiles'!$F$16</f>
        <v>0.17499999999999999</v>
      </c>
      <c r="C6" s="4">
        <v>1.31124751273035</v>
      </c>
      <c r="D6" s="4">
        <v>-7.5310765362349638E-2</v>
      </c>
      <c r="E6" s="4">
        <v>0.29524473618599389</v>
      </c>
      <c r="F6" s="4">
        <v>-9.762199133681506E-3</v>
      </c>
      <c r="G6" s="4">
        <v>15.5</v>
      </c>
      <c r="H6" s="114">
        <f t="shared" si="22"/>
        <v>0.24999999999999997</v>
      </c>
      <c r="I6" s="85">
        <v>1</v>
      </c>
      <c r="J6" s="86">
        <f>'Standard Profiles'!I22</f>
        <v>0.12</v>
      </c>
      <c r="K6" s="249">
        <f>J6*'Standard Profiles'!$F$16</f>
        <v>8.3999999999999991E-2</v>
      </c>
      <c r="P6" s="10">
        <f t="shared" si="23"/>
        <v>44931</v>
      </c>
      <c r="Q6" s="28">
        <v>12</v>
      </c>
      <c r="R6" s="28">
        <f t="shared" si="9"/>
        <v>4</v>
      </c>
      <c r="S6" s="12">
        <f t="shared" si="0"/>
        <v>1.0609861866589789</v>
      </c>
      <c r="T6" s="12">
        <f t="shared" si="1"/>
        <v>1.4695351264848711</v>
      </c>
      <c r="U6" s="12">
        <f t="shared" si="2"/>
        <v>1.771938814155029</v>
      </c>
      <c r="V6" s="12">
        <f t="shared" si="3"/>
        <v>2.5404025087253199</v>
      </c>
      <c r="W6" s="12">
        <f t="shared" si="10"/>
        <v>0</v>
      </c>
      <c r="X6" s="12">
        <f t="shared" si="4"/>
        <v>-7.0953309908476907E-3</v>
      </c>
      <c r="Y6" s="12">
        <f t="shared" si="5"/>
        <v>-5.875924024232846E-2</v>
      </c>
      <c r="Z6" s="12">
        <f t="shared" si="6"/>
        <v>-9.5984753200240996E-2</v>
      </c>
      <c r="AA6" s="12">
        <f t="shared" si="7"/>
        <v>-0.17801624965770491</v>
      </c>
      <c r="AB6" s="12">
        <f t="shared" si="11"/>
        <v>0</v>
      </c>
      <c r="AC6" s="12">
        <f t="shared" si="24"/>
        <v>0.36594083053830251</v>
      </c>
      <c r="AD6" s="12">
        <f t="shared" si="12"/>
        <v>0.28665909134134859</v>
      </c>
      <c r="AE6" s="12">
        <f t="shared" si="13"/>
        <v>0</v>
      </c>
      <c r="AF6" s="12">
        <f t="shared" si="14"/>
        <v>0.10105187820821526</v>
      </c>
      <c r="AG6" s="12">
        <f t="shared" si="15"/>
        <v>0</v>
      </c>
      <c r="AH6" s="12">
        <f>AC6/SUM(AC$2:AG$366)*Input!$J$5</f>
        <v>374.7275419485253</v>
      </c>
      <c r="AI6" s="12">
        <f>AD6/SUM(AC$2:AG$366)*Input!$J$5</f>
        <v>293.54214591885494</v>
      </c>
      <c r="AJ6" s="12">
        <f>AE6/SUM(AC$2:AG$366)*Input!$J$5</f>
        <v>0</v>
      </c>
      <c r="AK6" s="12">
        <f>AF6/SUM(AC$2:AG$366)*Input!$J$5</f>
        <v>103.47826416238834</v>
      </c>
      <c r="AL6" s="12">
        <f>AG6/SUM(AC$2:AG$366)*Input!$J$5</f>
        <v>0</v>
      </c>
      <c r="AM6" s="12">
        <f t="shared" si="16"/>
        <v>49.669566797946381</v>
      </c>
      <c r="AN6" s="12">
        <f t="shared" si="17"/>
        <v>662.12197852005818</v>
      </c>
      <c r="AO6" s="12">
        <f t="shared" si="18"/>
        <v>39.970937807842702</v>
      </c>
      <c r="AP6" s="12">
        <f t="shared" si="19"/>
        <v>19.985468903921351</v>
      </c>
      <c r="AQ6" s="12">
        <f t="shared" si="20"/>
        <v>0</v>
      </c>
      <c r="AR6" s="11">
        <f t="shared" si="21"/>
        <v>771.74795202976861</v>
      </c>
      <c r="AT6" s="90">
        <v>2</v>
      </c>
      <c r="AU6" s="97">
        <f>IF(($B12-SUM(AV6:$AY6))&gt;=($J$6-SUM(AU$4:AU5)),($J$6-SUM(AU$4:AU5)),($B12-SUM(AV6:$AY6)))</f>
        <v>0</v>
      </c>
      <c r="AV6" s="87">
        <f>IF(($B12-SUM(AW6:$AY6))&gt;=($J$5-SUM(AV$4:AV5)),($J$5-SUM(AV$4:AV5)),($B12-SUM(AW6:$AY6)))</f>
        <v>0</v>
      </c>
      <c r="AW6" s="87">
        <f>IF(($B12-SUM(AX6:$AY6))&gt;=($J$4-SUM(AW$4:AW5)),($J$4-SUM(AW$4:AW5)),($B12-SUM(AX6:$AY6)))</f>
        <v>0</v>
      </c>
      <c r="AX6" s="87">
        <f>IF(($B12-SUM($AY6:AY6))&gt;=($J$3-SUM(AX$4:AX5)),($J$3-SUM(AX$4:AX5)),($B12-SUM($AY6:AY6)))</f>
        <v>0</v>
      </c>
      <c r="AY6" s="98">
        <f>IF(SUM(AY$4:AY5)&lt;$J$2,IF($B12&gt;($J$2-SUM(AY$4:AY5)),$J$2-SUM(AY$4:AY5),$B12),0)</f>
        <v>0</v>
      </c>
      <c r="AZ6" s="91">
        <f t="shared" si="25"/>
        <v>0</v>
      </c>
      <c r="BA6" s="230"/>
      <c r="BF6" s="90" t="s">
        <v>97</v>
      </c>
      <c r="BG6" s="161" t="e">
        <v>#N/A</v>
      </c>
      <c r="BH6" s="162" t="e">
        <v>#N/A</v>
      </c>
      <c r="BI6" s="106"/>
      <c r="BK6" s="106"/>
      <c r="BL6" s="106"/>
    </row>
    <row r="7" spans="1:64" ht="16.5" thickBot="1" x14ac:dyDescent="0.3">
      <c r="A7" s="5">
        <v>4</v>
      </c>
      <c r="B7" s="21">
        <f>'Standard Profiles'!F22/SUM('Standard Profiles'!$F$18:$F$22)*'Standard Profiles'!$F$16</f>
        <v>8.7499999999999994E-2</v>
      </c>
      <c r="C7" s="4">
        <v>1.9424956480203619</v>
      </c>
      <c r="D7" s="4">
        <v>-0.1200596025795522</v>
      </c>
      <c r="E7" s="4">
        <v>0.44487676601187343</v>
      </c>
      <c r="F7" s="4">
        <v>-1.748296682554611E-2</v>
      </c>
      <c r="G7" s="4">
        <v>14.6</v>
      </c>
      <c r="H7" s="114">
        <f t="shared" si="22"/>
        <v>0.12499999999999999</v>
      </c>
      <c r="I7" s="20"/>
      <c r="J7" s="20"/>
      <c r="P7" s="10">
        <f t="shared" si="23"/>
        <v>44932</v>
      </c>
      <c r="Q7" s="28">
        <v>10.7</v>
      </c>
      <c r="R7" s="28">
        <f t="shared" si="9"/>
        <v>5</v>
      </c>
      <c r="S7" s="12">
        <f t="shared" si="0"/>
        <v>1.0609861866589789</v>
      </c>
      <c r="T7" s="12">
        <f t="shared" si="1"/>
        <v>1.4695351264848711</v>
      </c>
      <c r="U7" s="12">
        <f t="shared" si="2"/>
        <v>1.771938814155029</v>
      </c>
      <c r="V7" s="12">
        <f t="shared" si="3"/>
        <v>2.5404025087253199</v>
      </c>
      <c r="W7" s="12">
        <f t="shared" si="10"/>
        <v>0</v>
      </c>
      <c r="X7" s="12">
        <f t="shared" si="4"/>
        <v>-7.0953309908476907E-3</v>
      </c>
      <c r="Y7" s="12">
        <f t="shared" si="5"/>
        <v>-5.875924024232846E-2</v>
      </c>
      <c r="Z7" s="12">
        <f t="shared" si="6"/>
        <v>-9.5984753200240996E-2</v>
      </c>
      <c r="AA7" s="12">
        <f t="shared" si="7"/>
        <v>-0.17801624965770491</v>
      </c>
      <c r="AB7" s="12">
        <f t="shared" si="11"/>
        <v>0</v>
      </c>
      <c r="AC7" s="12">
        <f t="shared" si="24"/>
        <v>0.36939980439634074</v>
      </c>
      <c r="AD7" s="12">
        <f t="shared" si="12"/>
        <v>0.31530422095948374</v>
      </c>
      <c r="AE7" s="12">
        <f t="shared" si="13"/>
        <v>0</v>
      </c>
      <c r="AF7" s="12">
        <f t="shared" si="14"/>
        <v>0.15890715934696936</v>
      </c>
      <c r="AG7" s="12">
        <f t="shared" si="15"/>
        <v>0</v>
      </c>
      <c r="AH7" s="12">
        <f>AC7/SUM(AC$2:AG$366)*Input!$J$5</f>
        <v>378.26957023102165</v>
      </c>
      <c r="AI7" s="12">
        <f>AD7/SUM(AC$2:AG$366)*Input!$J$5</f>
        <v>322.87508205175561</v>
      </c>
      <c r="AJ7" s="12">
        <f>AE7/SUM(AC$2:AG$366)*Input!$J$5</f>
        <v>0</v>
      </c>
      <c r="AK7" s="12">
        <f>AF7/SUM(AC$2:AG$366)*Input!$J$5</f>
        <v>162.72272523543876</v>
      </c>
      <c r="AL7" s="12">
        <f>AG7/SUM(AC$2:AG$366)*Input!$J$5</f>
        <v>0</v>
      </c>
      <c r="AM7" s="12">
        <f t="shared" si="16"/>
        <v>78.106908113010562</v>
      </c>
      <c r="AN7" s="12">
        <f t="shared" si="17"/>
        <v>725.23733816824199</v>
      </c>
      <c r="AO7" s="12">
        <f t="shared" si="18"/>
        <v>40.348754157975648</v>
      </c>
      <c r="AP7" s="12">
        <f t="shared" si="19"/>
        <v>20.174377078987824</v>
      </c>
      <c r="AQ7" s="12">
        <f t="shared" si="20"/>
        <v>0</v>
      </c>
      <c r="AR7" s="11">
        <f t="shared" si="21"/>
        <v>863.86737751821613</v>
      </c>
      <c r="AT7" s="90">
        <v>3</v>
      </c>
      <c r="AU7" s="99">
        <f>IF(($B13-SUM(AV7:$AY7))&gt;=($J$6-SUM(AU$4:AU6)),($J$6-SUM(AU$4:AU6)),($B13-SUM(AV7:$AY7)))</f>
        <v>0.12</v>
      </c>
      <c r="AV7" s="100">
        <f>IF(($B13-SUM(AW7:$AY7))&gt;=($J$5-SUM(AV$4:AV6)),($J$5-SUM(AV$4:AV6)),($B13-SUM(AW7:$AY7)))</f>
        <v>0.13000000000000012</v>
      </c>
      <c r="AW7" s="100">
        <f>IF(($B13-SUM(AX7:$AY7))&gt;=($J$4-SUM(AW$4:AW6)),($J$4-SUM(AW$4:AW6)),($B13-SUM(AX7:$AY7)))</f>
        <v>0</v>
      </c>
      <c r="AX7" s="100">
        <f>IF(($B13-SUM($AY7:AY7))&gt;=($J$3-SUM(AX$4:AX6)),($J$3-SUM(AX$4:AX6)),($B13-SUM($AY7:AY7)))</f>
        <v>0</v>
      </c>
      <c r="AY7" s="101">
        <f>IF(SUM(AY$4:AY6)&lt;$J$2,IF($B13&gt;($J$2-SUM(AY$4:AY6)),$J$2-SUM(AY$4:AY6),$B13),0)</f>
        <v>0</v>
      </c>
      <c r="AZ7" s="91">
        <f t="shared" si="25"/>
        <v>0.25000000000000011</v>
      </c>
      <c r="BA7" s="230"/>
      <c r="BF7" s="90" t="s">
        <v>96</v>
      </c>
      <c r="BG7" s="161" t="e">
        <v>#N/A</v>
      </c>
      <c r="BH7" s="162" t="e">
        <v>#N/A</v>
      </c>
      <c r="BI7" s="106"/>
      <c r="BK7" s="106"/>
      <c r="BL7" s="106"/>
    </row>
    <row r="8" spans="1:64" x14ac:dyDescent="0.25">
      <c r="A8" s="231" t="s">
        <v>6</v>
      </c>
      <c r="B8" s="232"/>
      <c r="C8" s="232"/>
      <c r="D8" s="232"/>
      <c r="E8" s="232"/>
      <c r="F8" s="232"/>
      <c r="G8" s="233"/>
      <c r="H8" s="116"/>
      <c r="I8" s="19"/>
      <c r="J8" s="19"/>
      <c r="P8" s="10">
        <f t="shared" si="23"/>
        <v>44933</v>
      </c>
      <c r="Q8" s="28">
        <v>10.1</v>
      </c>
      <c r="R8" s="28">
        <f t="shared" si="9"/>
        <v>6</v>
      </c>
      <c r="S8" s="12">
        <f t="shared" si="0"/>
        <v>0.88136675487947747</v>
      </c>
      <c r="T8" s="12">
        <f t="shared" si="1"/>
        <v>0.40529111994771311</v>
      </c>
      <c r="U8" s="12">
        <f t="shared" si="2"/>
        <v>1.4791569663107089</v>
      </c>
      <c r="V8" s="12">
        <f t="shared" si="3"/>
        <v>1.31124751273035</v>
      </c>
      <c r="W8" s="12">
        <f t="shared" si="10"/>
        <v>1.9424956480203619</v>
      </c>
      <c r="X8" s="12">
        <f t="shared" si="4"/>
        <v>-1.236743869637378E-2</v>
      </c>
      <c r="Y8" s="12">
        <f t="shared" si="5"/>
        <v>-1.3226323007097701E-2</v>
      </c>
      <c r="Z8" s="12">
        <f t="shared" si="6"/>
        <v>-6.6119920832722404E-2</v>
      </c>
      <c r="AA8" s="12">
        <f t="shared" si="7"/>
        <v>-7.5310765362349638E-2</v>
      </c>
      <c r="AB8" s="12">
        <f t="shared" si="11"/>
        <v>-0.1200596025795522</v>
      </c>
      <c r="AC8" s="12">
        <f t="shared" si="24"/>
        <v>0</v>
      </c>
      <c r="AD8" s="12">
        <f t="shared" si="12"/>
        <v>9.5096840151609227E-2</v>
      </c>
      <c r="AE8" s="12">
        <f t="shared" si="13"/>
        <v>7.0992754516268602E-2</v>
      </c>
      <c r="AF8" s="12">
        <f t="shared" si="14"/>
        <v>9.6356536949858268E-2</v>
      </c>
      <c r="AG8" s="12">
        <f t="shared" si="15"/>
        <v>6.3865695422102409E-2</v>
      </c>
      <c r="AH8" s="12">
        <f>AC8/SUM(AC$2:AG$366)*Input!$J$5</f>
        <v>0</v>
      </c>
      <c r="AI8" s="12">
        <f>AD8/SUM(AC$2:AG$366)*Input!$J$5</f>
        <v>97.380237959957427</v>
      </c>
      <c r="AJ8" s="12">
        <f>AE8/SUM(AC$2:AG$366)*Input!$J$5</f>
        <v>72.697382133890926</v>
      </c>
      <c r="AK8" s="12">
        <f>AF8/SUM(AC$2:AG$366)*Input!$J$5</f>
        <v>98.670181703359617</v>
      </c>
      <c r="AL8" s="12">
        <f>AG8/SUM(AC$2:AG$366)*Input!$J$5</f>
        <v>65.399193156863831</v>
      </c>
      <c r="AM8" s="12">
        <f t="shared" si="16"/>
        <v>62.783225430589312</v>
      </c>
      <c r="AN8" s="12">
        <f t="shared" si="17"/>
        <v>259.67814096828755</v>
      </c>
      <c r="AO8" s="12">
        <f t="shared" si="18"/>
        <v>7.7904190367965942</v>
      </c>
      <c r="AP8" s="12">
        <f t="shared" si="19"/>
        <v>3.8952095183982971</v>
      </c>
      <c r="AQ8" s="12">
        <f t="shared" si="20"/>
        <v>0</v>
      </c>
      <c r="AR8" s="11">
        <f t="shared" si="21"/>
        <v>334.14699495407177</v>
      </c>
      <c r="AT8" s="88"/>
      <c r="AU8" s="1">
        <v>0</v>
      </c>
      <c r="AV8" s="1">
        <v>0</v>
      </c>
      <c r="AW8" s="1">
        <v>0</v>
      </c>
      <c r="AX8" s="1">
        <v>0</v>
      </c>
      <c r="AY8" s="1">
        <v>0</v>
      </c>
      <c r="AZ8" s="89"/>
      <c r="BA8" s="230"/>
      <c r="BF8" s="90" t="s">
        <v>95</v>
      </c>
      <c r="BG8" s="161" t="e">
        <v>#N/A</v>
      </c>
      <c r="BH8" s="162" t="e">
        <v>#N/A</v>
      </c>
      <c r="BI8" s="106"/>
      <c r="BK8" s="106"/>
      <c r="BL8" s="106"/>
    </row>
    <row r="9" spans="1:64" x14ac:dyDescent="0.25">
      <c r="A9" s="2"/>
      <c r="B9" s="23" t="s">
        <v>19</v>
      </c>
      <c r="C9" s="3" t="s">
        <v>1</v>
      </c>
      <c r="D9" s="3" t="s">
        <v>2</v>
      </c>
      <c r="E9" s="3" t="s">
        <v>3</v>
      </c>
      <c r="F9" s="3" t="s">
        <v>4</v>
      </c>
      <c r="G9" s="3" t="s">
        <v>5</v>
      </c>
      <c r="H9" s="116" t="s">
        <v>137</v>
      </c>
      <c r="I9" s="19"/>
      <c r="J9" s="19"/>
      <c r="P9" s="10">
        <f t="shared" si="23"/>
        <v>44934</v>
      </c>
      <c r="Q9" s="28">
        <v>6.1</v>
      </c>
      <c r="R9" s="28">
        <f t="shared" si="9"/>
        <v>7</v>
      </c>
      <c r="S9" s="12">
        <f t="shared" si="0"/>
        <v>0.88136675487947747</v>
      </c>
      <c r="T9" s="12">
        <f t="shared" si="1"/>
        <v>0.40529111994771311</v>
      </c>
      <c r="U9" s="12">
        <f t="shared" si="2"/>
        <v>1.4791569663107089</v>
      </c>
      <c r="V9" s="12">
        <f t="shared" si="3"/>
        <v>1.31124751273035</v>
      </c>
      <c r="W9" s="12">
        <f t="shared" si="10"/>
        <v>1.9424956480203619</v>
      </c>
      <c r="X9" s="12">
        <f t="shared" si="4"/>
        <v>-1.236743869637378E-2</v>
      </c>
      <c r="Y9" s="12">
        <f t="shared" si="5"/>
        <v>-1.3226323007097701E-2</v>
      </c>
      <c r="Z9" s="12">
        <f t="shared" si="6"/>
        <v>-6.6119920832722404E-2</v>
      </c>
      <c r="AA9" s="12">
        <f t="shared" si="7"/>
        <v>-7.5310765362349638E-2</v>
      </c>
      <c r="AB9" s="12">
        <f t="shared" si="11"/>
        <v>-0.1200596025795522</v>
      </c>
      <c r="AC9" s="12">
        <f t="shared" si="24"/>
        <v>0</v>
      </c>
      <c r="AD9" s="12">
        <f t="shared" si="12"/>
        <v>0.11361369236154599</v>
      </c>
      <c r="AE9" s="12">
        <f t="shared" si="13"/>
        <v>9.4134726807721447E-2</v>
      </c>
      <c r="AF9" s="12">
        <f t="shared" si="14"/>
        <v>0.14907407270350301</v>
      </c>
      <c r="AG9" s="12">
        <f t="shared" si="15"/>
        <v>0.10588655632494569</v>
      </c>
      <c r="AH9" s="12">
        <f>AC9/SUM(AC$2:AG$366)*Input!$J$5</f>
        <v>0</v>
      </c>
      <c r="AI9" s="12">
        <f>AD9/SUM(AC$2:AG$366)*Input!$J$5</f>
        <v>116.34170367846366</v>
      </c>
      <c r="AJ9" s="12">
        <f>AE9/SUM(AC$2:AG$366)*Input!$J$5</f>
        <v>96.395023033542671</v>
      </c>
      <c r="AK9" s="12">
        <f>AF9/SUM(AC$2:AG$366)*Input!$J$5</f>
        <v>152.65353349683787</v>
      </c>
      <c r="AL9" s="12">
        <f>AG9/SUM(AC$2:AG$366)*Input!$J$5</f>
        <v>108.42902913750662</v>
      </c>
      <c r="AM9" s="12">
        <f t="shared" si="16"/>
        <v>104.09186797200641</v>
      </c>
      <c r="AN9" s="12">
        <f t="shared" si="17"/>
        <v>355.76641693292879</v>
      </c>
      <c r="AO9" s="12">
        <f t="shared" si="18"/>
        <v>9.3073362942770927</v>
      </c>
      <c r="AP9" s="12">
        <f t="shared" si="19"/>
        <v>4.6536681471385464</v>
      </c>
      <c r="AQ9" s="12">
        <f t="shared" si="20"/>
        <v>0</v>
      </c>
      <c r="AR9" s="11">
        <f t="shared" si="21"/>
        <v>473.81928934635084</v>
      </c>
      <c r="AT9" s="88"/>
      <c r="AU9" s="92">
        <f>SUM(AU4:AU7)</f>
        <v>0.12</v>
      </c>
      <c r="AV9" s="92">
        <f>SUM(AV4:AV7)</f>
        <v>0.82000000000000006</v>
      </c>
      <c r="AW9" s="92">
        <f>SUM(AW4:AW7)</f>
        <v>0.04</v>
      </c>
      <c r="AX9" s="92">
        <f>SUM(AX4:AX7)</f>
        <v>0.02</v>
      </c>
      <c r="AY9" s="92">
        <f>SUM(AY4:AY7)</f>
        <v>0</v>
      </c>
      <c r="AZ9" s="89"/>
      <c r="BA9" s="230"/>
      <c r="BF9" s="90" t="s">
        <v>110</v>
      </c>
      <c r="BG9" s="161" t="e">
        <v>#N/A</v>
      </c>
      <c r="BH9" s="162">
        <v>4.9999999999999255E-3</v>
      </c>
      <c r="BI9" s="106"/>
      <c r="BK9" s="106"/>
      <c r="BL9" s="106"/>
    </row>
    <row r="10" spans="1:64" x14ac:dyDescent="0.25">
      <c r="A10" s="3">
        <v>0</v>
      </c>
      <c r="B10" s="21">
        <f>'Standard Profiles'!E18/SUM('Standard Profiles'!$E$18:$E$22)</f>
        <v>0.375</v>
      </c>
      <c r="C10" s="2">
        <v>1.085192073005006</v>
      </c>
      <c r="D10" s="2">
        <v>-1.544218835154681E-2</v>
      </c>
      <c r="E10" s="2">
        <v>1.0609861866589789</v>
      </c>
      <c r="F10" s="2">
        <v>-7.0953309908476907E-3</v>
      </c>
      <c r="G10" s="2">
        <v>2.9</v>
      </c>
      <c r="H10" s="114">
        <f>B10/SUM($B$10:$B$13)</f>
        <v>0.375</v>
      </c>
      <c r="I10" s="18"/>
      <c r="J10" s="18"/>
      <c r="P10" s="10">
        <f t="shared" si="23"/>
        <v>44935</v>
      </c>
      <c r="Q10" s="28">
        <v>5.7</v>
      </c>
      <c r="R10" s="28">
        <f t="shared" si="9"/>
        <v>1</v>
      </c>
      <c r="S10" s="12">
        <f t="shared" si="0"/>
        <v>1.0609861866589789</v>
      </c>
      <c r="T10" s="12">
        <f t="shared" si="1"/>
        <v>1.4695351264848711</v>
      </c>
      <c r="U10" s="12">
        <f t="shared" si="2"/>
        <v>1.771938814155029</v>
      </c>
      <c r="V10" s="12">
        <f t="shared" si="3"/>
        <v>2.5404025087253199</v>
      </c>
      <c r="W10" s="12">
        <f t="shared" si="10"/>
        <v>0</v>
      </c>
      <c r="X10" s="12">
        <f t="shared" si="4"/>
        <v>-7.0953309908476907E-3</v>
      </c>
      <c r="Y10" s="12">
        <f t="shared" si="5"/>
        <v>-5.875924024232846E-2</v>
      </c>
      <c r="Z10" s="12">
        <f t="shared" si="6"/>
        <v>-9.5984753200240996E-2</v>
      </c>
      <c r="AA10" s="12">
        <f t="shared" si="7"/>
        <v>-0.17801624965770491</v>
      </c>
      <c r="AB10" s="12">
        <f t="shared" si="11"/>
        <v>0</v>
      </c>
      <c r="AC10" s="12">
        <f t="shared" si="24"/>
        <v>0.38270355000418022</v>
      </c>
      <c r="AD10" s="12">
        <f t="shared" si="12"/>
        <v>0.42547779641384958</v>
      </c>
      <c r="AE10" s="12">
        <f t="shared" si="13"/>
        <v>0</v>
      </c>
      <c r="AF10" s="12">
        <f t="shared" si="14"/>
        <v>0.38142747141910049</v>
      </c>
      <c r="AG10" s="12">
        <f t="shared" si="15"/>
        <v>0</v>
      </c>
      <c r="AH10" s="12">
        <f>AC10/SUM(AC$2:AG$366)*Input!$J$5</f>
        <v>391.89275593293081</v>
      </c>
      <c r="AI10" s="12">
        <f>AD10/SUM(AC$2:AG$366)*Input!$J$5</f>
        <v>435.69406717829685</v>
      </c>
      <c r="AJ10" s="12">
        <f>AE10/SUM(AC$2:AG$366)*Input!$J$5</f>
        <v>0</v>
      </c>
      <c r="AK10" s="12">
        <f>AF10/SUM(AC$2:AG$366)*Input!$J$5</f>
        <v>390.58603705486337</v>
      </c>
      <c r="AL10" s="12">
        <f>AG10/SUM(AC$2:AG$366)*Input!$J$5</f>
        <v>0</v>
      </c>
      <c r="AM10" s="12">
        <f t="shared" si="16"/>
        <v>187.48129778633432</v>
      </c>
      <c r="AN10" s="12">
        <f t="shared" si="17"/>
        <v>967.98872143048789</v>
      </c>
      <c r="AO10" s="12">
        <f t="shared" si="18"/>
        <v>41.801893966179286</v>
      </c>
      <c r="AP10" s="12">
        <f t="shared" si="19"/>
        <v>20.900946983089643</v>
      </c>
      <c r="AQ10" s="12">
        <f t="shared" si="20"/>
        <v>0</v>
      </c>
      <c r="AR10" s="11">
        <f t="shared" si="21"/>
        <v>1218.1728601660911</v>
      </c>
      <c r="AT10" s="227" t="s">
        <v>84</v>
      </c>
      <c r="AU10" s="228"/>
      <c r="AV10" s="228"/>
      <c r="AW10" s="228"/>
      <c r="AX10" s="228"/>
      <c r="AY10" s="228"/>
      <c r="AZ10" s="229"/>
      <c r="BA10" s="230"/>
      <c r="BF10" s="90" t="s">
        <v>89</v>
      </c>
      <c r="BG10" s="161">
        <v>0.13000000000000012</v>
      </c>
      <c r="BH10" s="162">
        <v>0.25</v>
      </c>
      <c r="BI10" s="106"/>
      <c r="BK10" s="106"/>
      <c r="BL10" s="106"/>
    </row>
    <row r="11" spans="1:64" ht="16.5" thickBot="1" x14ac:dyDescent="0.3">
      <c r="A11" s="3">
        <v>1</v>
      </c>
      <c r="B11" s="21">
        <f>'Standard Profiles'!E19/SUM('Standard Profiles'!$E$18:$E$22)</f>
        <v>0.375</v>
      </c>
      <c r="C11" s="2">
        <v>1.4695351264848711</v>
      </c>
      <c r="D11" s="2">
        <v>-5.875924024232846E-2</v>
      </c>
      <c r="E11" s="2">
        <v>0.67790786498212752</v>
      </c>
      <c r="F11" s="2">
        <v>-1.3263420615734021E-2</v>
      </c>
      <c r="G11" s="2">
        <v>17.399999999999999</v>
      </c>
      <c r="H11" s="114">
        <f t="shared" ref="H11:H13" si="26">B11/SUM($B$10:$B$13)</f>
        <v>0.375</v>
      </c>
      <c r="P11" s="10">
        <f t="shared" si="23"/>
        <v>44936</v>
      </c>
      <c r="Q11" s="28">
        <v>7.8</v>
      </c>
      <c r="R11" s="28">
        <f t="shared" si="9"/>
        <v>2</v>
      </c>
      <c r="S11" s="12">
        <f t="shared" si="0"/>
        <v>1.0609861866589789</v>
      </c>
      <c r="T11" s="12">
        <f t="shared" si="1"/>
        <v>1.4695351264848711</v>
      </c>
      <c r="U11" s="12">
        <f t="shared" si="2"/>
        <v>1.771938814155029</v>
      </c>
      <c r="V11" s="12">
        <f t="shared" si="3"/>
        <v>2.5404025087253199</v>
      </c>
      <c r="W11" s="12">
        <f t="shared" si="10"/>
        <v>0</v>
      </c>
      <c r="X11" s="12">
        <f t="shared" si="4"/>
        <v>-7.0953309908476907E-3</v>
      </c>
      <c r="Y11" s="12">
        <f t="shared" si="5"/>
        <v>-5.875924024232846E-2</v>
      </c>
      <c r="Z11" s="12">
        <f t="shared" si="6"/>
        <v>-9.5984753200240996E-2</v>
      </c>
      <c r="AA11" s="12">
        <f t="shared" si="7"/>
        <v>-0.17801624965770491</v>
      </c>
      <c r="AB11" s="12">
        <f t="shared" si="11"/>
        <v>0</v>
      </c>
      <c r="AC11" s="12">
        <f t="shared" si="24"/>
        <v>0.37711597684888754</v>
      </c>
      <c r="AD11" s="12">
        <f t="shared" si="12"/>
        <v>0.37920489472301594</v>
      </c>
      <c r="AE11" s="12">
        <f t="shared" si="13"/>
        <v>0</v>
      </c>
      <c r="AF11" s="12">
        <f t="shared" si="14"/>
        <v>0.28796894034880544</v>
      </c>
      <c r="AG11" s="12">
        <f t="shared" si="15"/>
        <v>0</v>
      </c>
      <c r="AH11" s="12">
        <f>AC11/SUM(AC$2:AG$366)*Input!$J$5</f>
        <v>386.1710179381289</v>
      </c>
      <c r="AI11" s="12">
        <f>AD11/SUM(AC$2:AG$366)*Input!$J$5</f>
        <v>388.31009342514955</v>
      </c>
      <c r="AJ11" s="12">
        <f>AE11/SUM(AC$2:AG$366)*Input!$J$5</f>
        <v>0</v>
      </c>
      <c r="AK11" s="12">
        <f>AF11/SUM(AC$2:AG$366)*Input!$J$5</f>
        <v>294.88344609070504</v>
      </c>
      <c r="AL11" s="12">
        <f>AG11/SUM(AC$2:AG$366)*Input!$J$5</f>
        <v>0</v>
      </c>
      <c r="AM11" s="12">
        <f t="shared" si="16"/>
        <v>141.54405412353836</v>
      </c>
      <c r="AN11" s="12">
        <f t="shared" si="17"/>
        <v>866.03314046034438</v>
      </c>
      <c r="AO11" s="12">
        <f t="shared" si="18"/>
        <v>41.191575246733748</v>
      </c>
      <c r="AP11" s="12">
        <f t="shared" si="19"/>
        <v>20.595787623366874</v>
      </c>
      <c r="AQ11" s="12">
        <f t="shared" si="20"/>
        <v>0</v>
      </c>
      <c r="AR11" s="11">
        <f t="shared" si="21"/>
        <v>1069.3645574539835</v>
      </c>
      <c r="AT11" s="88"/>
      <c r="AZ11" s="89"/>
      <c r="BA11" s="230"/>
      <c r="BF11" s="90" t="s">
        <v>90</v>
      </c>
      <c r="BG11" s="161" t="e">
        <v>#N/A</v>
      </c>
      <c r="BH11" s="162">
        <v>0.125</v>
      </c>
      <c r="BI11" s="106"/>
      <c r="BK11" s="106"/>
      <c r="BL11" s="106"/>
    </row>
    <row r="12" spans="1:64" ht="16.5" thickBot="1" x14ac:dyDescent="0.3">
      <c r="A12" s="3">
        <v>2</v>
      </c>
      <c r="B12" s="21">
        <f>'Standard Profiles'!E20/SUM('Standard Profiles'!$E$18:$E$22)</f>
        <v>0</v>
      </c>
      <c r="C12" s="2">
        <v>1.771938814155029</v>
      </c>
      <c r="D12" s="2">
        <v>-9.5984753200240996E-2</v>
      </c>
      <c r="E12" s="2">
        <v>0.40699471377216029</v>
      </c>
      <c r="F12" s="2">
        <v>-1.2756454396407539E-2</v>
      </c>
      <c r="G12" s="2">
        <v>16.399999999999999</v>
      </c>
      <c r="H12" s="114">
        <f t="shared" si="26"/>
        <v>0</v>
      </c>
      <c r="P12" s="10">
        <f t="shared" si="23"/>
        <v>44937</v>
      </c>
      <c r="Q12" s="28">
        <v>5.3</v>
      </c>
      <c r="R12" s="28">
        <f t="shared" si="9"/>
        <v>3</v>
      </c>
      <c r="S12" s="12">
        <f t="shared" si="0"/>
        <v>1.0609861866589789</v>
      </c>
      <c r="T12" s="12">
        <f t="shared" si="1"/>
        <v>1.4695351264848711</v>
      </c>
      <c r="U12" s="12">
        <f t="shared" si="2"/>
        <v>1.771938814155029</v>
      </c>
      <c r="V12" s="12">
        <f t="shared" si="3"/>
        <v>2.5404025087253199</v>
      </c>
      <c r="W12" s="12">
        <f t="shared" si="10"/>
        <v>0</v>
      </c>
      <c r="X12" s="12">
        <f t="shared" si="4"/>
        <v>-7.0953309908476907E-3</v>
      </c>
      <c r="Y12" s="12">
        <f t="shared" si="5"/>
        <v>-5.875924024232846E-2</v>
      </c>
      <c r="Z12" s="12">
        <f t="shared" si="6"/>
        <v>-9.5984753200240996E-2</v>
      </c>
      <c r="AA12" s="12">
        <f t="shared" si="7"/>
        <v>-0.17801624965770491</v>
      </c>
      <c r="AB12" s="12">
        <f t="shared" si="11"/>
        <v>0</v>
      </c>
      <c r="AC12" s="12">
        <f t="shared" si="24"/>
        <v>0.3837678496528073</v>
      </c>
      <c r="AD12" s="12">
        <f t="shared" si="12"/>
        <v>0.43429168245019878</v>
      </c>
      <c r="AE12" s="12">
        <f t="shared" si="13"/>
        <v>0</v>
      </c>
      <c r="AF12" s="12">
        <f t="shared" si="14"/>
        <v>0.39922909638487097</v>
      </c>
      <c r="AG12" s="12">
        <f t="shared" si="15"/>
        <v>0</v>
      </c>
      <c r="AH12" s="12">
        <f>AC12/SUM(AC$2:AG$366)*Input!$J$5</f>
        <v>392.98261078908348</v>
      </c>
      <c r="AI12" s="12">
        <f>AD12/SUM(AC$2:AG$366)*Input!$J$5</f>
        <v>444.71958598842008</v>
      </c>
      <c r="AJ12" s="12">
        <f>AE12/SUM(AC$2:AG$366)*Input!$J$5</f>
        <v>0</v>
      </c>
      <c r="AK12" s="12">
        <f>AF12/SUM(AC$2:AG$366)*Input!$J$5</f>
        <v>408.81510200041737</v>
      </c>
      <c r="AL12" s="12">
        <f>AG12/SUM(AC$2:AG$366)*Input!$J$5</f>
        <v>0</v>
      </c>
      <c r="AM12" s="12">
        <f t="shared" si="16"/>
        <v>196.23124896020025</v>
      </c>
      <c r="AN12" s="12">
        <f t="shared" si="17"/>
        <v>987.40883209146739</v>
      </c>
      <c r="AO12" s="12">
        <f t="shared" si="18"/>
        <v>41.918145150835571</v>
      </c>
      <c r="AP12" s="12">
        <f t="shared" si="19"/>
        <v>20.959072575417785</v>
      </c>
      <c r="AQ12" s="12">
        <f t="shared" si="20"/>
        <v>0</v>
      </c>
      <c r="AR12" s="11">
        <f t="shared" si="21"/>
        <v>1246.517298777921</v>
      </c>
      <c r="AT12" s="96" t="s">
        <v>81</v>
      </c>
      <c r="AU12" s="105" t="s">
        <v>32</v>
      </c>
      <c r="AV12" s="105" t="s">
        <v>33</v>
      </c>
      <c r="AW12" s="105" t="s">
        <v>34</v>
      </c>
      <c r="AX12" s="105" t="s">
        <v>35</v>
      </c>
      <c r="AY12" s="105" t="s">
        <v>36</v>
      </c>
      <c r="AZ12" s="89"/>
      <c r="BA12" s="230"/>
      <c r="BF12" s="90" t="s">
        <v>99</v>
      </c>
      <c r="BG12" s="161">
        <v>0.375</v>
      </c>
      <c r="BH12" s="162">
        <v>0.44</v>
      </c>
      <c r="BI12" s="106"/>
      <c r="BK12" s="106"/>
      <c r="BL12" s="106"/>
    </row>
    <row r="13" spans="1:64" x14ac:dyDescent="0.25">
      <c r="A13" s="3">
        <v>3</v>
      </c>
      <c r="B13" s="21">
        <f>'Standard Profiles'!E21/SUM('Standard Profiles'!$E$18:$E$22)</f>
        <v>0.25</v>
      </c>
      <c r="C13" s="2">
        <v>2.5404025087253199</v>
      </c>
      <c r="D13" s="2">
        <v>-0.17801624965770491</v>
      </c>
      <c r="E13" s="2">
        <v>0.52104102880341097</v>
      </c>
      <c r="F13" s="2">
        <v>-2.1476600051355411E-2</v>
      </c>
      <c r="G13" s="2">
        <v>12.9</v>
      </c>
      <c r="H13" s="114">
        <f t="shared" si="26"/>
        <v>0.25</v>
      </c>
      <c r="I13" s="17"/>
      <c r="J13" s="17"/>
      <c r="P13" s="10">
        <f t="shared" si="23"/>
        <v>44938</v>
      </c>
      <c r="Q13" s="28">
        <v>10</v>
      </c>
      <c r="R13" s="28">
        <f t="shared" si="9"/>
        <v>4</v>
      </c>
      <c r="S13" s="12">
        <f t="shared" si="0"/>
        <v>1.0609861866589789</v>
      </c>
      <c r="T13" s="12">
        <f t="shared" si="1"/>
        <v>1.4695351264848711</v>
      </c>
      <c r="U13" s="12">
        <f t="shared" si="2"/>
        <v>1.771938814155029</v>
      </c>
      <c r="V13" s="12">
        <f t="shared" si="3"/>
        <v>2.5404025087253199</v>
      </c>
      <c r="W13" s="12">
        <f t="shared" si="10"/>
        <v>0</v>
      </c>
      <c r="X13" s="12">
        <f t="shared" si="4"/>
        <v>-7.0953309908476907E-3</v>
      </c>
      <c r="Y13" s="12">
        <f t="shared" si="5"/>
        <v>-5.875924024232846E-2</v>
      </c>
      <c r="Z13" s="12">
        <f t="shared" si="6"/>
        <v>-9.5984753200240996E-2</v>
      </c>
      <c r="AA13" s="12">
        <f t="shared" si="7"/>
        <v>-0.17801624965770491</v>
      </c>
      <c r="AB13" s="12">
        <f t="shared" si="11"/>
        <v>0</v>
      </c>
      <c r="AC13" s="12">
        <f t="shared" si="24"/>
        <v>0.37126232878143828</v>
      </c>
      <c r="AD13" s="12">
        <f t="shared" si="12"/>
        <v>0.33072852152309495</v>
      </c>
      <c r="AE13" s="12">
        <f t="shared" si="13"/>
        <v>0</v>
      </c>
      <c r="AF13" s="12">
        <f t="shared" si="14"/>
        <v>0.19006000303706772</v>
      </c>
      <c r="AG13" s="12">
        <f t="shared" si="15"/>
        <v>0</v>
      </c>
      <c r="AH13" s="12">
        <f>AC13/SUM(AC$2:AG$366)*Input!$J$5</f>
        <v>380.17681622928893</v>
      </c>
      <c r="AI13" s="12">
        <f>AD13/SUM(AC$2:AG$366)*Input!$J$5</f>
        <v>338.66973996947138</v>
      </c>
      <c r="AJ13" s="12">
        <f>AE13/SUM(AC$2:AG$366)*Input!$J$5</f>
        <v>0</v>
      </c>
      <c r="AK13" s="12">
        <f>AF13/SUM(AC$2:AG$366)*Input!$J$5</f>
        <v>194.6235888901582</v>
      </c>
      <c r="AL13" s="12">
        <f>AG13/SUM(AC$2:AG$366)*Input!$J$5</f>
        <v>0</v>
      </c>
      <c r="AM13" s="12">
        <f t="shared" si="16"/>
        <v>93.419322667275893</v>
      </c>
      <c r="AN13" s="12">
        <f t="shared" si="17"/>
        <v>759.22253182495638</v>
      </c>
      <c r="AO13" s="12">
        <f t="shared" si="18"/>
        <v>40.552193731124156</v>
      </c>
      <c r="AP13" s="12">
        <f t="shared" si="19"/>
        <v>20.276096865562078</v>
      </c>
      <c r="AQ13" s="12">
        <f t="shared" si="20"/>
        <v>0</v>
      </c>
      <c r="AR13" s="11">
        <f t="shared" si="21"/>
        <v>913.47014508891846</v>
      </c>
      <c r="AT13" s="90">
        <v>0</v>
      </c>
      <c r="AU13" s="102">
        <f>IF(($B3-SUM(AV13:$AY13))&gt;=$K$6,$K$6,($B3-SUM(AV13:$AY13)))</f>
        <v>0</v>
      </c>
      <c r="AV13" s="103">
        <f>IF(($B3-SUM(AW13:$AY13))&gt;=$K$5,$K$5,($B3-SUM(AW13:$AY13)))</f>
        <v>0</v>
      </c>
      <c r="AW13" s="103">
        <f>IF(($B3-SUM(AX13:$AY13))&gt;=$K$4,$K$4,($B3-SUM(AX13:$AY13)))</f>
        <v>0</v>
      </c>
      <c r="AX13" s="103">
        <f>IF(($B3-SUM($AY13:AY13))&gt;=$K$3,$K$3,($B3-SUM($AY13:AY13)))</f>
        <v>0</v>
      </c>
      <c r="AY13" s="104">
        <f>IF(B3&gt;=K2,K2,B3)</f>
        <v>0</v>
      </c>
      <c r="AZ13" s="91">
        <f>SUM(AU13:AY13)</f>
        <v>0</v>
      </c>
      <c r="BA13" s="230"/>
      <c r="BF13" s="90" t="s">
        <v>98</v>
      </c>
      <c r="BG13" s="161">
        <v>0.315</v>
      </c>
      <c r="BH13" s="162" t="e">
        <v>#N/A</v>
      </c>
      <c r="BI13" s="106"/>
      <c r="BK13" s="106"/>
      <c r="BL13" s="106"/>
    </row>
    <row r="14" spans="1:64" x14ac:dyDescent="0.25">
      <c r="H14" s="115"/>
      <c r="I14" s="238" t="s">
        <v>141</v>
      </c>
      <c r="J14" s="238"/>
      <c r="K14" s="238"/>
      <c r="L14" s="238"/>
      <c r="M14" s="238"/>
      <c r="N14" s="238"/>
      <c r="P14" s="10">
        <f t="shared" si="23"/>
        <v>44939</v>
      </c>
      <c r="Q14" s="28">
        <v>8.6</v>
      </c>
      <c r="R14" s="28">
        <f t="shared" si="9"/>
        <v>5</v>
      </c>
      <c r="S14" s="12">
        <f t="shared" si="0"/>
        <v>1.0609861866589789</v>
      </c>
      <c r="T14" s="12">
        <f t="shared" si="1"/>
        <v>1.4695351264848711</v>
      </c>
      <c r="U14" s="12">
        <f t="shared" si="2"/>
        <v>1.771938814155029</v>
      </c>
      <c r="V14" s="12">
        <f t="shared" si="3"/>
        <v>2.5404025087253199</v>
      </c>
      <c r="W14" s="12">
        <f t="shared" si="10"/>
        <v>0</v>
      </c>
      <c r="X14" s="12">
        <f t="shared" si="4"/>
        <v>-7.0953309908476907E-3</v>
      </c>
      <c r="Y14" s="12">
        <f t="shared" si="5"/>
        <v>-5.875924024232846E-2</v>
      </c>
      <c r="Z14" s="12">
        <f t="shared" si="6"/>
        <v>-9.5984753200240996E-2</v>
      </c>
      <c r="AA14" s="12">
        <f t="shared" si="7"/>
        <v>-0.17801624965770491</v>
      </c>
      <c r="AB14" s="12">
        <f t="shared" si="11"/>
        <v>0</v>
      </c>
      <c r="AC14" s="12">
        <f t="shared" si="24"/>
        <v>0.37498737755163331</v>
      </c>
      <c r="AD14" s="12">
        <f t="shared" si="12"/>
        <v>0.36157712265031738</v>
      </c>
      <c r="AE14" s="12">
        <f t="shared" si="13"/>
        <v>0</v>
      </c>
      <c r="AF14" s="12">
        <f t="shared" si="14"/>
        <v>0.25236569041726442</v>
      </c>
      <c r="AG14" s="12">
        <f t="shared" si="15"/>
        <v>0</v>
      </c>
      <c r="AH14" s="12">
        <f>AC14/SUM(AC$2:AG$366)*Input!$J$5</f>
        <v>383.9913082258235</v>
      </c>
      <c r="AI14" s="12">
        <f>AD14/SUM(AC$2:AG$366)*Input!$J$5</f>
        <v>370.25905580490297</v>
      </c>
      <c r="AJ14" s="12">
        <f>AE14/SUM(AC$2:AG$366)*Input!$J$5</f>
        <v>0</v>
      </c>
      <c r="AK14" s="12">
        <f>AF14/SUM(AC$2:AG$366)*Input!$J$5</f>
        <v>258.42531619959709</v>
      </c>
      <c r="AL14" s="12">
        <f>AG14/SUM(AC$2:AG$366)*Input!$J$5</f>
        <v>0</v>
      </c>
      <c r="AM14" s="12">
        <f t="shared" si="16"/>
        <v>124.04415177580654</v>
      </c>
      <c r="AN14" s="12">
        <f t="shared" si="17"/>
        <v>827.19291913838526</v>
      </c>
      <c r="AO14" s="12">
        <f t="shared" si="18"/>
        <v>40.959072877421178</v>
      </c>
      <c r="AP14" s="12">
        <f t="shared" si="19"/>
        <v>20.479536438710589</v>
      </c>
      <c r="AQ14" s="12">
        <f t="shared" si="20"/>
        <v>0</v>
      </c>
      <c r="AR14" s="11">
        <f t="shared" si="21"/>
        <v>1012.6756802303236</v>
      </c>
      <c r="AT14" s="90">
        <v>1</v>
      </c>
      <c r="AU14" s="97">
        <f>IF(($B4-SUM(AV14:$AY14))&gt;=($K$6-SUM(AU$13:AU13)),($K$6-SUM(AU$13:AU13)),($B4-SUM(AV14:$AY14)))</f>
        <v>0</v>
      </c>
      <c r="AV14" s="87">
        <f>IF(($B4-SUM(AW14:$AY14))&gt;=($K$5-SUM(AV$13:AV13)),($K$5-SUM(AV$13:AV13)),($B4-SUM(AW14:$AY14)))</f>
        <v>0.308</v>
      </c>
      <c r="AW14" s="87">
        <f>IF(($B4-SUM(AX14:$AY14))&gt;=($K$4-SUM(AW$13:AW13)),($K$4-SUM(AW$13:AW13)),($B4-SUM(AX14:$AY14)))</f>
        <v>2.7999999999999997E-2</v>
      </c>
      <c r="AX14" s="87">
        <f>IF(($B4-SUM($AY14:AY14))&gt;=($K$3-SUM(AX$13:AX13)),($K$3-SUM(AX$13:AX13)),($B4-SUM($AY14:AY14)))</f>
        <v>1.3999999999999999E-2</v>
      </c>
      <c r="AY14" s="98">
        <f>IF(SUM(AY$13:AY13)&lt;$K$2,IF($B4&gt;($K$2-SUM(AY$13:AY13)),$K$2-SUM(AY$13:AY13),$B4),0)</f>
        <v>0</v>
      </c>
      <c r="AZ14" s="91">
        <f t="shared" ref="AZ14:AZ17" si="27">SUM(AU14:AY14)</f>
        <v>0.35</v>
      </c>
      <c r="BA14" s="230"/>
      <c r="BF14" s="90" t="s">
        <v>111</v>
      </c>
      <c r="BG14" s="161" t="e">
        <v>#N/A</v>
      </c>
      <c r="BH14" s="162" t="e">
        <v>#N/A</v>
      </c>
      <c r="BI14" s="106"/>
      <c r="BK14" s="106"/>
      <c r="BL14" s="106"/>
    </row>
    <row r="15" spans="1:64" x14ac:dyDescent="0.25">
      <c r="C15" s="228" t="s">
        <v>75</v>
      </c>
      <c r="D15" s="228"/>
      <c r="E15" s="228"/>
      <c r="F15" s="228"/>
      <c r="I15" s="152"/>
      <c r="J15" s="235" t="s">
        <v>108</v>
      </c>
      <c r="K15" s="235"/>
      <c r="L15" s="235"/>
      <c r="M15" s="235"/>
      <c r="N15" s="236"/>
      <c r="P15" s="10">
        <f t="shared" si="23"/>
        <v>44940</v>
      </c>
      <c r="Q15" s="28">
        <v>9.4</v>
      </c>
      <c r="R15" s="28">
        <f t="shared" si="9"/>
        <v>6</v>
      </c>
      <c r="S15" s="12">
        <f t="shared" si="0"/>
        <v>0.88136675487947747</v>
      </c>
      <c r="T15" s="12">
        <f t="shared" si="1"/>
        <v>0.40529111994771311</v>
      </c>
      <c r="U15" s="12">
        <f t="shared" si="2"/>
        <v>1.4791569663107089</v>
      </c>
      <c r="V15" s="12">
        <f t="shared" si="3"/>
        <v>1.31124751273035</v>
      </c>
      <c r="W15" s="12">
        <f t="shared" si="10"/>
        <v>1.9424956480203619</v>
      </c>
      <c r="X15" s="12">
        <f t="shared" si="4"/>
        <v>-1.236743869637378E-2</v>
      </c>
      <c r="Y15" s="12">
        <f t="shared" si="5"/>
        <v>-1.3226323007097701E-2</v>
      </c>
      <c r="Z15" s="12">
        <f t="shared" si="6"/>
        <v>-6.6119920832722404E-2</v>
      </c>
      <c r="AA15" s="12">
        <f t="shared" si="7"/>
        <v>-7.5310765362349638E-2</v>
      </c>
      <c r="AB15" s="12">
        <f t="shared" si="11"/>
        <v>-0.1200596025795522</v>
      </c>
      <c r="AC15" s="12">
        <f t="shared" si="24"/>
        <v>0</v>
      </c>
      <c r="AD15" s="12">
        <f t="shared" si="12"/>
        <v>9.8337289288348145E-2</v>
      </c>
      <c r="AE15" s="12">
        <f t="shared" si="13"/>
        <v>7.504259966727285E-2</v>
      </c>
      <c r="AF15" s="12">
        <f t="shared" si="14"/>
        <v>0.10558210570674609</v>
      </c>
      <c r="AG15" s="12">
        <f t="shared" si="15"/>
        <v>7.1219346080099971E-2</v>
      </c>
      <c r="AH15" s="12">
        <f>AC15/SUM(AC$2:AG$366)*Input!$J$5</f>
        <v>0</v>
      </c>
      <c r="AI15" s="12">
        <f>AD15/SUM(AC$2:AG$366)*Input!$J$5</f>
        <v>100.698494460696</v>
      </c>
      <c r="AJ15" s="12">
        <f>AE15/SUM(AC$2:AG$366)*Input!$J$5</f>
        <v>76.844469291329986</v>
      </c>
      <c r="AK15" s="12">
        <f>AF15/SUM(AC$2:AG$366)*Input!$J$5</f>
        <v>108.11726826721831</v>
      </c>
      <c r="AL15" s="12">
        <f>AG15/SUM(AC$2:AG$366)*Input!$J$5</f>
        <v>72.929414453476312</v>
      </c>
      <c r="AM15" s="12">
        <f t="shared" si="16"/>
        <v>70.012237875337291</v>
      </c>
      <c r="AN15" s="12">
        <f t="shared" si="17"/>
        <v>276.49358926209976</v>
      </c>
      <c r="AO15" s="12">
        <f t="shared" si="18"/>
        <v>8.0558795568556807</v>
      </c>
      <c r="AP15" s="12">
        <f t="shared" si="19"/>
        <v>4.0279397784278403</v>
      </c>
      <c r="AQ15" s="12">
        <f t="shared" si="20"/>
        <v>0</v>
      </c>
      <c r="AR15" s="11">
        <f t="shared" si="21"/>
        <v>358.58964647272057</v>
      </c>
      <c r="AT15" s="90">
        <v>2</v>
      </c>
      <c r="AU15" s="97">
        <f>IF(($B5-SUM(AV15:$AY15))&gt;=($K$6-SUM(AU$13:AU14)),($K$6-SUM(AU$13:AU14)),($B5-SUM(AV15:$AY15)))</f>
        <v>0</v>
      </c>
      <c r="AV15" s="87">
        <f>IF(($B5-SUM(AW15:$AY15))&gt;=($K$5-SUM(AV$13:AV14)),($K$5-SUM(AV$13:AV14)),($B5-SUM(AW15:$AY15)))</f>
        <v>8.7499999999999994E-2</v>
      </c>
      <c r="AW15" s="87">
        <f>IF(($B5-SUM(AX15:$AY15))&gt;=($K$4-SUM(AW$13:AW14)),($K$4-SUM(AW$13:AW14)),($B5-SUM(AX15:$AY15)))</f>
        <v>0</v>
      </c>
      <c r="AX15" s="87">
        <f>IF(($B5-SUM($AY15:AY15))&gt;=($K$3-SUM(AX$13:AX14)),($K$3-SUM(AX$13:AX14)),($B5-SUM($AY15:AY15)))</f>
        <v>0</v>
      </c>
      <c r="AY15" s="98">
        <f>IF(SUM(AY$13:AY14)&lt;$K$2,IF($B5&gt;($K$2-SUM(AY$13:AY14)),$K$2-SUM(AY$13:AY14),$B5),0)</f>
        <v>0</v>
      </c>
      <c r="AZ15" s="91">
        <f t="shared" si="27"/>
        <v>8.7499999999999994E-2</v>
      </c>
      <c r="BA15" s="230"/>
      <c r="BF15" s="90" t="s">
        <v>102</v>
      </c>
      <c r="BG15" s="161" t="e">
        <v>#N/A</v>
      </c>
      <c r="BH15" s="162" t="e">
        <v>#N/A</v>
      </c>
      <c r="BI15" s="106"/>
      <c r="BK15" s="106"/>
      <c r="BL15" s="106"/>
    </row>
    <row r="16" spans="1:64" x14ac:dyDescent="0.25">
      <c r="B16" s="79" t="s">
        <v>74</v>
      </c>
      <c r="C16" s="79" t="s">
        <v>76</v>
      </c>
      <c r="D16" s="79" t="s">
        <v>77</v>
      </c>
      <c r="E16" s="79" t="s">
        <v>78</v>
      </c>
      <c r="F16" s="79" t="s">
        <v>79</v>
      </c>
      <c r="I16" s="153" t="s">
        <v>127</v>
      </c>
      <c r="J16" s="16">
        <v>0</v>
      </c>
      <c r="K16" s="16">
        <v>1</v>
      </c>
      <c r="L16" s="79">
        <v>2</v>
      </c>
      <c r="M16" s="79">
        <v>3</v>
      </c>
      <c r="N16" s="154">
        <v>4</v>
      </c>
      <c r="P16" s="10">
        <f t="shared" si="23"/>
        <v>44941</v>
      </c>
      <c r="Q16" s="28">
        <v>6.6</v>
      </c>
      <c r="R16" s="28">
        <f t="shared" si="9"/>
        <v>7</v>
      </c>
      <c r="S16" s="12">
        <f t="shared" si="0"/>
        <v>0.88136675487947747</v>
      </c>
      <c r="T16" s="12">
        <f t="shared" si="1"/>
        <v>0.40529111994771311</v>
      </c>
      <c r="U16" s="12">
        <f t="shared" si="2"/>
        <v>1.4791569663107089</v>
      </c>
      <c r="V16" s="12">
        <f t="shared" si="3"/>
        <v>1.31124751273035</v>
      </c>
      <c r="W16" s="12">
        <f t="shared" si="10"/>
        <v>1.9424956480203619</v>
      </c>
      <c r="X16" s="12">
        <f t="shared" si="4"/>
        <v>-1.236743869637378E-2</v>
      </c>
      <c r="Y16" s="12">
        <f t="shared" si="5"/>
        <v>-1.3226323007097701E-2</v>
      </c>
      <c r="Z16" s="12">
        <f t="shared" si="6"/>
        <v>-6.6119920832722404E-2</v>
      </c>
      <c r="AA16" s="12">
        <f t="shared" si="7"/>
        <v>-7.5310765362349638E-2</v>
      </c>
      <c r="AB16" s="12">
        <f t="shared" si="11"/>
        <v>-0.1200596025795522</v>
      </c>
      <c r="AC16" s="12">
        <f t="shared" si="24"/>
        <v>0</v>
      </c>
      <c r="AD16" s="12">
        <f t="shared" si="12"/>
        <v>0.1112990858353039</v>
      </c>
      <c r="AE16" s="12">
        <f t="shared" si="13"/>
        <v>9.1241980271289838E-2</v>
      </c>
      <c r="AF16" s="12">
        <f t="shared" si="14"/>
        <v>0.14248438073429739</v>
      </c>
      <c r="AG16" s="12">
        <f t="shared" si="15"/>
        <v>0.10063394871209028</v>
      </c>
      <c r="AH16" s="12">
        <f>AC16/SUM(AC$2:AG$366)*Input!$J$5</f>
        <v>0</v>
      </c>
      <c r="AI16" s="12">
        <f>AD16/SUM(AC$2:AG$366)*Input!$J$5</f>
        <v>113.97152046365038</v>
      </c>
      <c r="AJ16" s="12">
        <f>AE16/SUM(AC$2:AG$366)*Input!$J$5</f>
        <v>93.432817921086212</v>
      </c>
      <c r="AK16" s="12">
        <f>AF16/SUM(AC$2:AG$366)*Input!$J$5</f>
        <v>145.90561452265308</v>
      </c>
      <c r="AL16" s="12">
        <f>AG16/SUM(AC$2:AG$366)*Input!$J$5</f>
        <v>103.05029963992627</v>
      </c>
      <c r="AM16" s="12">
        <f t="shared" si="16"/>
        <v>98.928287654329267</v>
      </c>
      <c r="AN16" s="12">
        <f t="shared" si="17"/>
        <v>343.7553824373486</v>
      </c>
      <c r="AO16" s="12">
        <f t="shared" si="18"/>
        <v>9.1177216370920302</v>
      </c>
      <c r="AP16" s="12">
        <f t="shared" si="19"/>
        <v>4.5588608185460151</v>
      </c>
      <c r="AQ16" s="12">
        <f t="shared" si="20"/>
        <v>0</v>
      </c>
      <c r="AR16" s="11">
        <f t="shared" si="21"/>
        <v>456.36025254731589</v>
      </c>
      <c r="AT16" s="90">
        <v>3</v>
      </c>
      <c r="AU16" s="97">
        <f>IF(($B6-SUM(AV16:$AY16))&gt;=($K$6-SUM(AU$13:AU15)),($K$6-SUM(AU$13:AU15)),($B6-SUM(AV16:$AY16)))</f>
        <v>0</v>
      </c>
      <c r="AV16" s="87">
        <f>IF(($B6-SUM(AW16:$AY16))&gt;=($K$5-SUM(AV$13:AV15)),($K$5-SUM(AV$13:AV15)),($B6-SUM(AW16:$AY16)))</f>
        <v>0.17499999999999999</v>
      </c>
      <c r="AW16" s="87">
        <f>IF(($B6-SUM(AX16:$AY16))&gt;=($K$4-SUM(AW$13:AW15)),($K$4-SUM(AW$13:AW15)),($B6-SUM(AX16:$AY16)))</f>
        <v>0</v>
      </c>
      <c r="AX16" s="87">
        <f>IF(($B6-SUM($AY16:AY16))&gt;=($K$3-SUM(AX$13:AX15)),($K$3-SUM(AX$13:AX15)),($B6-SUM($AY16:AY16)))</f>
        <v>0</v>
      </c>
      <c r="AY16" s="98">
        <f>IF(SUM(AY$13:AY15)&lt;$K$2,IF($B6&gt;($K$2-SUM(AY$13:AY15)),$K$2-SUM(AY$13:AY15),$B6),0)</f>
        <v>0</v>
      </c>
      <c r="AZ16" s="91">
        <f t="shared" si="27"/>
        <v>0.17499999999999999</v>
      </c>
      <c r="BA16" s="230"/>
      <c r="BF16" s="90" t="s">
        <v>101</v>
      </c>
      <c r="BG16" s="161" t="e">
        <v>#N/A</v>
      </c>
      <c r="BH16" s="162" t="e">
        <v>#N/A</v>
      </c>
      <c r="BI16" s="106"/>
      <c r="BK16" s="106"/>
      <c r="BL16" s="106"/>
    </row>
    <row r="17" spans="2:64" ht="16.5" thickBot="1" x14ac:dyDescent="0.3">
      <c r="B17" s="79">
        <v>-10</v>
      </c>
      <c r="C17" s="150">
        <f>MAX(IF($B17&lt;$G$10,$C$10+$D$10*$B17,$E$10+$F$10*$B17),0)</f>
        <v>1.239613956520474</v>
      </c>
      <c r="D17" s="150">
        <f>MAX(IF($B17&lt;$G$11,$C$11+$D$11*$B17,$E$11+$F$11*$B17),0)</f>
        <v>2.0571275289081559</v>
      </c>
      <c r="E17" s="150">
        <f>MAX(IF($B17&lt;$G$12,$C$12+$D$12*$B17,$E$12+$F$12*$B17),0)</f>
        <v>2.7317863461574392</v>
      </c>
      <c r="F17" s="150">
        <f>MAX(IF($B17&lt;$G$13,$C$13+$D$13*$B17,$E$13+$F$13*$B17),0)</f>
        <v>4.3205650053023685</v>
      </c>
      <c r="I17" s="153" t="s">
        <v>128</v>
      </c>
      <c r="J17" s="150">
        <v>52.6</v>
      </c>
      <c r="K17" s="150">
        <v>36.799999999999997</v>
      </c>
      <c r="L17" s="150">
        <v>0</v>
      </c>
      <c r="M17" s="150">
        <v>0</v>
      </c>
      <c r="N17" s="150">
        <v>0</v>
      </c>
      <c r="P17" s="10">
        <f t="shared" si="23"/>
        <v>44942</v>
      </c>
      <c r="Q17" s="28">
        <v>5.7</v>
      </c>
      <c r="R17" s="28">
        <f t="shared" si="9"/>
        <v>1</v>
      </c>
      <c r="S17" s="12">
        <f t="shared" si="0"/>
        <v>1.0609861866589789</v>
      </c>
      <c r="T17" s="12">
        <f t="shared" si="1"/>
        <v>1.4695351264848711</v>
      </c>
      <c r="U17" s="12">
        <f t="shared" si="2"/>
        <v>1.771938814155029</v>
      </c>
      <c r="V17" s="12">
        <f t="shared" si="3"/>
        <v>2.5404025087253199</v>
      </c>
      <c r="W17" s="12">
        <f t="shared" si="10"/>
        <v>0</v>
      </c>
      <c r="X17" s="12">
        <f t="shared" si="4"/>
        <v>-7.0953309908476907E-3</v>
      </c>
      <c r="Y17" s="12">
        <f t="shared" si="5"/>
        <v>-5.875924024232846E-2</v>
      </c>
      <c r="Z17" s="12">
        <f t="shared" si="6"/>
        <v>-9.5984753200240996E-2</v>
      </c>
      <c r="AA17" s="12">
        <f t="shared" si="7"/>
        <v>-0.17801624965770491</v>
      </c>
      <c r="AB17" s="12">
        <f t="shared" si="11"/>
        <v>0</v>
      </c>
      <c r="AC17" s="12">
        <f t="shared" si="24"/>
        <v>0.38270355000418022</v>
      </c>
      <c r="AD17" s="12">
        <f t="shared" si="12"/>
        <v>0.42547779641384958</v>
      </c>
      <c r="AE17" s="12">
        <f t="shared" si="13"/>
        <v>0</v>
      </c>
      <c r="AF17" s="12">
        <f t="shared" si="14"/>
        <v>0.38142747141910049</v>
      </c>
      <c r="AG17" s="12">
        <f t="shared" si="15"/>
        <v>0</v>
      </c>
      <c r="AH17" s="12">
        <f>AC17/SUM(AC$2:AG$366)*Input!$J$5</f>
        <v>391.89275593293081</v>
      </c>
      <c r="AI17" s="12">
        <f>AD17/SUM(AC$2:AG$366)*Input!$J$5</f>
        <v>435.69406717829685</v>
      </c>
      <c r="AJ17" s="12">
        <f>AE17/SUM(AC$2:AG$366)*Input!$J$5</f>
        <v>0</v>
      </c>
      <c r="AK17" s="12">
        <f>AF17/SUM(AC$2:AG$366)*Input!$J$5</f>
        <v>390.58603705486337</v>
      </c>
      <c r="AL17" s="12">
        <f>AG17/SUM(AC$2:AG$366)*Input!$J$5</f>
        <v>0</v>
      </c>
      <c r="AM17" s="12">
        <f t="shared" si="16"/>
        <v>187.48129778633432</v>
      </c>
      <c r="AN17" s="12">
        <f t="shared" si="17"/>
        <v>967.98872143048789</v>
      </c>
      <c r="AO17" s="12">
        <f t="shared" si="18"/>
        <v>41.801893966179286</v>
      </c>
      <c r="AP17" s="12">
        <f t="shared" si="19"/>
        <v>20.900946983089643</v>
      </c>
      <c r="AQ17" s="12">
        <f t="shared" si="20"/>
        <v>0</v>
      </c>
      <c r="AR17" s="11">
        <f t="shared" si="21"/>
        <v>1218.1728601660911</v>
      </c>
      <c r="AT17" s="90">
        <v>4</v>
      </c>
      <c r="AU17" s="99">
        <f>IF(($B7-SUM(AV17:$AY17))&gt;=($K$6-SUM(AU$13:AU16)),($K$6-SUM(AU$13:AU16)),($B7-SUM(AV17:$AY17)))</f>
        <v>8.3999999999999991E-2</v>
      </c>
      <c r="AV17" s="100">
        <f>IF(($B7-SUM(AW17:$AY17))&gt;=($K$5-SUM(AV$13:AV16)),($K$5-SUM(AV$13:AV16)),($B7-SUM(AW17:$AY17)))</f>
        <v>3.4999999999999476E-3</v>
      </c>
      <c r="AW17" s="100">
        <f>IF(($B7-SUM(AX17:$AY17))&gt;=($K$4-SUM(AW$13:AW16)),($K$4-SUM(AW$13:AW16)),($B7-SUM(AX17:$AY17)))</f>
        <v>0</v>
      </c>
      <c r="AX17" s="100">
        <f>IF(($B7-SUM($AY17:AY17))&gt;=($K$3-SUM(AX$13:AX16)),($K$3-SUM(AX$13:AX16)),($B7-SUM($AY17:AY17)))</f>
        <v>0</v>
      </c>
      <c r="AY17" s="101">
        <f>IF(SUM(AY$13:AY16)&lt;$K$2,IF($B7&gt;($K$2-SUM(AY$13:AY16)),$K$2-SUM(AY$13:AY16),$B7),0)</f>
        <v>0</v>
      </c>
      <c r="AZ17" s="91">
        <f t="shared" si="27"/>
        <v>8.7499999999999939E-2</v>
      </c>
      <c r="BA17" s="230"/>
      <c r="BF17" s="90" t="s">
        <v>91</v>
      </c>
      <c r="BG17" s="161" t="e">
        <v>#N/A</v>
      </c>
      <c r="BH17" s="162">
        <v>0.04</v>
      </c>
      <c r="BI17" s="106"/>
      <c r="BK17" s="106"/>
      <c r="BL17" s="106"/>
    </row>
    <row r="18" spans="2:64" ht="16.5" thickBot="1" x14ac:dyDescent="0.3">
      <c r="B18" s="79">
        <f>B17+1</f>
        <v>-9</v>
      </c>
      <c r="C18" s="150">
        <f t="shared" ref="C18:C57" si="28">MAX(IF($B18&lt;$G$10,$C$10+$D$10*$B18,$E$10+$F$10*$B18),0)</f>
        <v>1.2241717681689273</v>
      </c>
      <c r="D18" s="150">
        <f t="shared" ref="D18:D57" si="29">MAX(IF($B18&lt;$G$11,$C$11+$D$11*$B18,$E$11+$F$11*$B18),0)</f>
        <v>1.9983682886658272</v>
      </c>
      <c r="E18" s="150">
        <f t="shared" ref="E18:E57" si="30">MAX(IF($B18&lt;$G$12,$C$12+$D$12*$B18,$E$12+$F$12*$B18),0)</f>
        <v>2.6358015929571978</v>
      </c>
      <c r="F18" s="150">
        <f t="shared" ref="F18:F57" si="31">MAX(IF($B18&lt;$G$13,$C$13+$D$13*$B18,$E$13+$F$13*$B18),0)</f>
        <v>4.1425487556446638</v>
      </c>
      <c r="I18" s="153" t="s">
        <v>129</v>
      </c>
      <c r="J18" s="150">
        <v>0</v>
      </c>
      <c r="K18" s="150">
        <v>50</v>
      </c>
      <c r="L18" s="150">
        <v>12.5</v>
      </c>
      <c r="M18" s="150">
        <v>25</v>
      </c>
      <c r="N18" s="150">
        <v>12.5</v>
      </c>
      <c r="P18" s="10">
        <f t="shared" si="23"/>
        <v>44943</v>
      </c>
      <c r="Q18" s="28">
        <v>4.9000000000000004</v>
      </c>
      <c r="R18" s="28">
        <f t="shared" si="9"/>
        <v>2</v>
      </c>
      <c r="S18" s="12">
        <f t="shared" si="0"/>
        <v>1.0609861866589789</v>
      </c>
      <c r="T18" s="12">
        <f t="shared" si="1"/>
        <v>1.4695351264848711</v>
      </c>
      <c r="U18" s="12">
        <f t="shared" si="2"/>
        <v>1.771938814155029</v>
      </c>
      <c r="V18" s="12">
        <f t="shared" si="3"/>
        <v>2.5404025087253199</v>
      </c>
      <c r="W18" s="12">
        <f t="shared" si="10"/>
        <v>0</v>
      </c>
      <c r="X18" s="12">
        <f t="shared" si="4"/>
        <v>-7.0953309908476907E-3</v>
      </c>
      <c r="Y18" s="12">
        <f t="shared" si="5"/>
        <v>-5.875924024232846E-2</v>
      </c>
      <c r="Z18" s="12">
        <f t="shared" si="6"/>
        <v>-9.5984753200240996E-2</v>
      </c>
      <c r="AA18" s="12">
        <f t="shared" si="7"/>
        <v>-0.17801624965770491</v>
      </c>
      <c r="AB18" s="12">
        <f t="shared" si="11"/>
        <v>0</v>
      </c>
      <c r="AC18" s="12">
        <f t="shared" si="24"/>
        <v>0.38483214930143445</v>
      </c>
      <c r="AD18" s="12">
        <f t="shared" si="12"/>
        <v>0.44310556848654814</v>
      </c>
      <c r="AE18" s="12">
        <f t="shared" si="13"/>
        <v>0</v>
      </c>
      <c r="AF18" s="12">
        <f t="shared" si="14"/>
        <v>0.41703072135064145</v>
      </c>
      <c r="AG18" s="12">
        <f t="shared" si="15"/>
        <v>0</v>
      </c>
      <c r="AH18" s="12">
        <f>AC18/SUM(AC$2:AG$366)*Input!$J$5</f>
        <v>394.07246564523621</v>
      </c>
      <c r="AI18" s="12">
        <f>AD18/SUM(AC$2:AG$366)*Input!$J$5</f>
        <v>453.74510479854348</v>
      </c>
      <c r="AJ18" s="12">
        <f>AE18/SUM(AC$2:AG$366)*Input!$J$5</f>
        <v>0</v>
      </c>
      <c r="AK18" s="12">
        <f>AF18/SUM(AC$2:AG$366)*Input!$J$5</f>
        <v>427.04416694597131</v>
      </c>
      <c r="AL18" s="12">
        <f>AG18/SUM(AC$2:AG$366)*Input!$J$5</f>
        <v>0</v>
      </c>
      <c r="AM18" s="12">
        <f t="shared" si="16"/>
        <v>204.98120013406611</v>
      </c>
      <c r="AN18" s="12">
        <f t="shared" si="17"/>
        <v>1006.8289427524471</v>
      </c>
      <c r="AO18" s="12">
        <f t="shared" si="18"/>
        <v>42.034396335491863</v>
      </c>
      <c r="AP18" s="12">
        <f t="shared" si="19"/>
        <v>21.017198167745931</v>
      </c>
      <c r="AQ18" s="12">
        <f t="shared" si="20"/>
        <v>0</v>
      </c>
      <c r="AR18" s="11">
        <f t="shared" si="21"/>
        <v>1274.8617373897509</v>
      </c>
      <c r="AT18" s="93"/>
      <c r="AU18" s="94">
        <f t="shared" ref="AU18:AX18" si="32">SUM(AU13:AU17)</f>
        <v>8.3999999999999991E-2</v>
      </c>
      <c r="AV18" s="94">
        <f t="shared" si="32"/>
        <v>0.57399999999999995</v>
      </c>
      <c r="AW18" s="94">
        <f t="shared" si="32"/>
        <v>2.7999999999999997E-2</v>
      </c>
      <c r="AX18" s="94">
        <f t="shared" si="32"/>
        <v>1.3999999999999999E-2</v>
      </c>
      <c r="AY18" s="94">
        <f>SUM(AY13:AY17)</f>
        <v>0</v>
      </c>
      <c r="AZ18" s="95"/>
      <c r="BA18" s="230"/>
      <c r="BF18" s="90" t="s">
        <v>100</v>
      </c>
      <c r="BG18" s="161">
        <v>0.04</v>
      </c>
      <c r="BH18" s="162" t="e">
        <v>#N/A</v>
      </c>
      <c r="BI18" s="106"/>
      <c r="BK18" s="106"/>
      <c r="BL18" s="106"/>
    </row>
    <row r="19" spans="2:64" x14ac:dyDescent="0.25">
      <c r="B19" s="79">
        <f t="shared" ref="B19:B57" si="33">B18+1</f>
        <v>-8</v>
      </c>
      <c r="C19" s="150">
        <f t="shared" si="28"/>
        <v>1.2087295798173805</v>
      </c>
      <c r="D19" s="150">
        <f t="shared" si="29"/>
        <v>1.9396090484234987</v>
      </c>
      <c r="E19" s="150">
        <f t="shared" si="30"/>
        <v>2.5398168397569569</v>
      </c>
      <c r="F19" s="150">
        <f t="shared" si="31"/>
        <v>3.9645325059869592</v>
      </c>
      <c r="I19" s="153" t="s">
        <v>130</v>
      </c>
      <c r="J19" s="150">
        <v>27.3</v>
      </c>
      <c r="K19" s="150">
        <v>27.3</v>
      </c>
      <c r="L19" s="150">
        <v>9.1</v>
      </c>
      <c r="M19" s="150">
        <v>18.2</v>
      </c>
      <c r="N19" s="150">
        <v>9.1</v>
      </c>
      <c r="P19" s="10">
        <f>P18+1</f>
        <v>44944</v>
      </c>
      <c r="Q19" s="28">
        <v>5.5</v>
      </c>
      <c r="R19" s="28">
        <f t="shared" si="9"/>
        <v>3</v>
      </c>
      <c r="S19" s="12">
        <f t="shared" si="0"/>
        <v>1.0609861866589789</v>
      </c>
      <c r="T19" s="12">
        <f t="shared" si="1"/>
        <v>1.4695351264848711</v>
      </c>
      <c r="U19" s="12">
        <f t="shared" si="2"/>
        <v>1.771938814155029</v>
      </c>
      <c r="V19" s="12">
        <f t="shared" si="3"/>
        <v>2.5404025087253199</v>
      </c>
      <c r="W19" s="12">
        <f t="shared" si="10"/>
        <v>0</v>
      </c>
      <c r="X19" s="12">
        <f t="shared" si="4"/>
        <v>-7.0953309908476907E-3</v>
      </c>
      <c r="Y19" s="12">
        <f t="shared" si="5"/>
        <v>-5.875924024232846E-2</v>
      </c>
      <c r="Z19" s="12">
        <f t="shared" si="6"/>
        <v>-9.5984753200240996E-2</v>
      </c>
      <c r="AA19" s="12">
        <f t="shared" si="7"/>
        <v>-0.17801624965770491</v>
      </c>
      <c r="AB19" s="12">
        <f t="shared" si="11"/>
        <v>0</v>
      </c>
      <c r="AC19" s="12">
        <f t="shared" si="24"/>
        <v>0.3832356998284937</v>
      </c>
      <c r="AD19" s="12">
        <f t="shared" si="12"/>
        <v>0.42988473943202415</v>
      </c>
      <c r="AE19" s="12">
        <f t="shared" si="13"/>
        <v>0</v>
      </c>
      <c r="AF19" s="12">
        <f t="shared" si="14"/>
        <v>0.39032828390198571</v>
      </c>
      <c r="AG19" s="12">
        <f t="shared" si="15"/>
        <v>0</v>
      </c>
      <c r="AH19" s="12">
        <f>AC19/SUM(AC$2:AG$366)*Input!$J$5</f>
        <v>392.43768336100715</v>
      </c>
      <c r="AI19" s="12">
        <f>AD19/SUM(AC$2:AG$366)*Input!$J$5</f>
        <v>440.20682658335846</v>
      </c>
      <c r="AJ19" s="12">
        <f>AE19/SUM(AC$2:AG$366)*Input!$J$5</f>
        <v>0</v>
      </c>
      <c r="AK19" s="12">
        <f>AF19/SUM(AC$2:AG$366)*Input!$J$5</f>
        <v>399.70056952764037</v>
      </c>
      <c r="AL19" s="12">
        <f>AG19/SUM(AC$2:AG$366)*Input!$J$5</f>
        <v>0</v>
      </c>
      <c r="AM19" s="12">
        <f t="shared" si="16"/>
        <v>191.85627337326727</v>
      </c>
      <c r="AN19" s="12">
        <f t="shared" si="17"/>
        <v>977.69877676097758</v>
      </c>
      <c r="AO19" s="12">
        <f t="shared" si="18"/>
        <v>41.860019558507432</v>
      </c>
      <c r="AP19" s="12">
        <f t="shared" si="19"/>
        <v>20.930009779253716</v>
      </c>
      <c r="AQ19" s="12">
        <f t="shared" si="20"/>
        <v>0</v>
      </c>
      <c r="AR19" s="11">
        <f t="shared" si="21"/>
        <v>1232.3450794720059</v>
      </c>
      <c r="AT19" s="224" t="s">
        <v>83</v>
      </c>
      <c r="AU19" s="225"/>
      <c r="AV19" s="225"/>
      <c r="AW19" s="225"/>
      <c r="AX19" s="225"/>
      <c r="AY19" s="225"/>
      <c r="AZ19" s="226"/>
      <c r="BA19" s="230" t="s">
        <v>86</v>
      </c>
      <c r="BF19" s="90" t="s">
        <v>112</v>
      </c>
      <c r="BG19" s="161" t="e">
        <v>#N/A</v>
      </c>
      <c r="BH19" s="162" t="e">
        <v>#N/A</v>
      </c>
      <c r="BI19" s="106"/>
      <c r="BK19" s="106"/>
      <c r="BL19" s="106"/>
    </row>
    <row r="20" spans="2:64" ht="16.5" thickBot="1" x14ac:dyDescent="0.3">
      <c r="B20" s="79">
        <f t="shared" si="33"/>
        <v>-7</v>
      </c>
      <c r="C20" s="150">
        <f t="shared" si="28"/>
        <v>1.1932873914658337</v>
      </c>
      <c r="D20" s="150">
        <f t="shared" si="29"/>
        <v>1.8808498081811702</v>
      </c>
      <c r="E20" s="150">
        <f t="shared" si="30"/>
        <v>2.443832086556716</v>
      </c>
      <c r="F20" s="150">
        <f t="shared" si="31"/>
        <v>3.7865162563292545</v>
      </c>
      <c r="I20" s="153" t="s">
        <v>131</v>
      </c>
      <c r="J20" s="150">
        <v>66.7</v>
      </c>
      <c r="K20" s="150">
        <v>33.299999999999997</v>
      </c>
      <c r="L20" s="150">
        <v>0</v>
      </c>
      <c r="M20" s="150">
        <v>0</v>
      </c>
      <c r="N20" s="150">
        <v>0</v>
      </c>
      <c r="P20" s="10">
        <f t="shared" si="23"/>
        <v>44945</v>
      </c>
      <c r="Q20" s="28">
        <v>4.5999999999999996</v>
      </c>
      <c r="R20" s="28">
        <f t="shared" si="9"/>
        <v>4</v>
      </c>
      <c r="S20" s="12">
        <f t="shared" si="0"/>
        <v>1.0609861866589789</v>
      </c>
      <c r="T20" s="12">
        <f t="shared" si="1"/>
        <v>1.4695351264848711</v>
      </c>
      <c r="U20" s="12">
        <f t="shared" si="2"/>
        <v>1.771938814155029</v>
      </c>
      <c r="V20" s="12">
        <f t="shared" si="3"/>
        <v>2.5404025087253199</v>
      </c>
      <c r="W20" s="12">
        <f t="shared" si="10"/>
        <v>0</v>
      </c>
      <c r="X20" s="12">
        <f t="shared" si="4"/>
        <v>-7.0953309908476907E-3</v>
      </c>
      <c r="Y20" s="12">
        <f t="shared" si="5"/>
        <v>-5.875924024232846E-2</v>
      </c>
      <c r="Z20" s="12">
        <f t="shared" si="6"/>
        <v>-9.5984753200240996E-2</v>
      </c>
      <c r="AA20" s="12">
        <f t="shared" si="7"/>
        <v>-0.17801624965770491</v>
      </c>
      <c r="AB20" s="12">
        <f t="shared" si="11"/>
        <v>0</v>
      </c>
      <c r="AC20" s="12">
        <f t="shared" si="24"/>
        <v>0.38563037403790484</v>
      </c>
      <c r="AD20" s="12">
        <f t="shared" si="12"/>
        <v>0.44971598301381005</v>
      </c>
      <c r="AE20" s="12">
        <f t="shared" si="13"/>
        <v>0</v>
      </c>
      <c r="AF20" s="12">
        <f t="shared" si="14"/>
        <v>0.43038194007496933</v>
      </c>
      <c r="AG20" s="12">
        <f t="shared" si="15"/>
        <v>0</v>
      </c>
      <c r="AH20" s="12">
        <f>AC20/SUM(AC$2:AG$366)*Input!$J$5</f>
        <v>394.88985678735077</v>
      </c>
      <c r="AI20" s="12">
        <f>AD20/SUM(AC$2:AG$366)*Input!$J$5</f>
        <v>460.5142439061359</v>
      </c>
      <c r="AJ20" s="12">
        <f>AE20/SUM(AC$2:AG$366)*Input!$J$5</f>
        <v>0</v>
      </c>
      <c r="AK20" s="12">
        <f>AF20/SUM(AC$2:AG$366)*Input!$J$5</f>
        <v>440.71596565513681</v>
      </c>
      <c r="AL20" s="12">
        <f>AG20/SUM(AC$2:AG$366)*Input!$J$5</f>
        <v>0</v>
      </c>
      <c r="AM20" s="12">
        <f t="shared" si="16"/>
        <v>211.54366351446558</v>
      </c>
      <c r="AN20" s="12">
        <f t="shared" si="17"/>
        <v>1021.3940257481818</v>
      </c>
      <c r="AO20" s="12">
        <f t="shared" si="18"/>
        <v>42.121584723984085</v>
      </c>
      <c r="AP20" s="12">
        <f t="shared" si="19"/>
        <v>21.060792361992043</v>
      </c>
      <c r="AQ20" s="12">
        <f t="shared" si="20"/>
        <v>0</v>
      </c>
      <c r="AR20" s="11">
        <f t="shared" si="21"/>
        <v>1296.1200663486236</v>
      </c>
      <c r="AT20" s="88"/>
      <c r="AZ20" s="89"/>
      <c r="BA20" s="230"/>
      <c r="BF20" s="90" t="s">
        <v>104</v>
      </c>
      <c r="BG20" s="161" t="e">
        <v>#N/A</v>
      </c>
      <c r="BH20" s="162" t="e">
        <v>#N/A</v>
      </c>
      <c r="BI20" s="106"/>
      <c r="BK20" s="106"/>
      <c r="BL20" s="106"/>
    </row>
    <row r="21" spans="2:64" ht="16.5" thickBot="1" x14ac:dyDescent="0.3">
      <c r="B21" s="79">
        <f t="shared" si="33"/>
        <v>-6</v>
      </c>
      <c r="C21" s="150">
        <f t="shared" si="28"/>
        <v>1.1778452031142868</v>
      </c>
      <c r="D21" s="150">
        <f t="shared" si="29"/>
        <v>1.8220905679388419</v>
      </c>
      <c r="E21" s="150">
        <f t="shared" si="30"/>
        <v>2.3478473333564747</v>
      </c>
      <c r="F21" s="150">
        <f t="shared" si="31"/>
        <v>3.6085000066715494</v>
      </c>
      <c r="I21" s="153" t="s">
        <v>132</v>
      </c>
      <c r="J21" s="150">
        <v>0</v>
      </c>
      <c r="K21" s="150">
        <v>42.9</v>
      </c>
      <c r="L21" s="150">
        <v>28.6</v>
      </c>
      <c r="M21" s="150">
        <v>28.6</v>
      </c>
      <c r="N21" s="150">
        <v>0</v>
      </c>
      <c r="P21" s="10">
        <f t="shared" si="23"/>
        <v>44946</v>
      </c>
      <c r="Q21" s="28">
        <v>1.3</v>
      </c>
      <c r="R21" s="28">
        <f t="shared" si="9"/>
        <v>5</v>
      </c>
      <c r="S21" s="12">
        <f t="shared" si="0"/>
        <v>1.085192073005006</v>
      </c>
      <c r="T21" s="12">
        <f t="shared" si="1"/>
        <v>1.4695351264848711</v>
      </c>
      <c r="U21" s="12">
        <f t="shared" si="2"/>
        <v>1.771938814155029</v>
      </c>
      <c r="V21" s="12">
        <f t="shared" si="3"/>
        <v>2.5404025087253199</v>
      </c>
      <c r="W21" s="12">
        <f t="shared" si="10"/>
        <v>0</v>
      </c>
      <c r="X21" s="12">
        <f t="shared" si="4"/>
        <v>-1.544218835154681E-2</v>
      </c>
      <c r="Y21" s="12">
        <f t="shared" si="5"/>
        <v>-5.875924024232846E-2</v>
      </c>
      <c r="Z21" s="12">
        <f t="shared" si="6"/>
        <v>-9.5984753200240996E-2</v>
      </c>
      <c r="AA21" s="12">
        <f t="shared" si="7"/>
        <v>-0.17801624965770491</v>
      </c>
      <c r="AB21" s="12">
        <f t="shared" si="11"/>
        <v>0</v>
      </c>
      <c r="AC21" s="12">
        <f t="shared" si="24"/>
        <v>0.39941896055549814</v>
      </c>
      <c r="AD21" s="12">
        <f t="shared" si="12"/>
        <v>0.5224305428136915</v>
      </c>
      <c r="AE21" s="12">
        <f t="shared" si="13"/>
        <v>0</v>
      </c>
      <c r="AF21" s="12">
        <f t="shared" si="14"/>
        <v>0.57724534604257594</v>
      </c>
      <c r="AG21" s="12">
        <f t="shared" si="15"/>
        <v>0</v>
      </c>
      <c r="AH21" s="12">
        <f>AC21/SUM(AC$2:AG$366)*Input!$J$5</f>
        <v>409.00952505470883</v>
      </c>
      <c r="AI21" s="12">
        <f>AD21/SUM(AC$2:AG$366)*Input!$J$5</f>
        <v>534.97477408965312</v>
      </c>
      <c r="AJ21" s="12">
        <f>AE21/SUM(AC$2:AG$366)*Input!$J$5</f>
        <v>0</v>
      </c>
      <c r="AK21" s="12">
        <f>AF21/SUM(AC$2:AG$366)*Input!$J$5</f>
        <v>591.10575145595715</v>
      </c>
      <c r="AL21" s="12">
        <f>AG21/SUM(AC$2:AG$366)*Input!$J$5</f>
        <v>0</v>
      </c>
      <c r="AM21" s="12">
        <f t="shared" si="16"/>
        <v>283.73076069885929</v>
      </c>
      <c r="AN21" s="12">
        <f t="shared" si="17"/>
        <v>1185.9177658927065</v>
      </c>
      <c r="AO21" s="12">
        <f t="shared" si="18"/>
        <v>43.627682672502281</v>
      </c>
      <c r="AP21" s="12">
        <f t="shared" si="19"/>
        <v>21.813841336251141</v>
      </c>
      <c r="AQ21" s="12">
        <f t="shared" si="20"/>
        <v>0</v>
      </c>
      <c r="AR21" s="11">
        <f t="shared" si="21"/>
        <v>1535.0900506003193</v>
      </c>
      <c r="AT21" s="96" t="s">
        <v>81</v>
      </c>
      <c r="AU21" s="105" t="s">
        <v>32</v>
      </c>
      <c r="AV21" s="105" t="s">
        <v>33</v>
      </c>
      <c r="AW21" s="105" t="s">
        <v>34</v>
      </c>
      <c r="AX21" s="105" t="s">
        <v>35</v>
      </c>
      <c r="AY21" s="105" t="s">
        <v>36</v>
      </c>
      <c r="AZ21" s="89"/>
      <c r="BA21" s="230"/>
      <c r="BF21" s="90" t="s">
        <v>103</v>
      </c>
      <c r="BG21" s="161" t="e">
        <v>#N/A</v>
      </c>
      <c r="BH21" s="162" t="e">
        <v>#N/A</v>
      </c>
      <c r="BI21" s="106"/>
      <c r="BK21" s="106"/>
      <c r="BL21" s="106"/>
    </row>
    <row r="22" spans="2:64" x14ac:dyDescent="0.25">
      <c r="B22" s="79">
        <f t="shared" si="33"/>
        <v>-5</v>
      </c>
      <c r="C22" s="150">
        <f t="shared" si="28"/>
        <v>1.16240301476274</v>
      </c>
      <c r="D22" s="150">
        <f t="shared" si="29"/>
        <v>1.7633313276965135</v>
      </c>
      <c r="E22" s="150">
        <f t="shared" si="30"/>
        <v>2.2518625801562342</v>
      </c>
      <c r="F22" s="150">
        <f t="shared" si="31"/>
        <v>3.4304837570138442</v>
      </c>
      <c r="I22" s="153" t="s">
        <v>133</v>
      </c>
      <c r="J22" s="150">
        <v>11.8</v>
      </c>
      <c r="K22" s="150">
        <v>15.7</v>
      </c>
      <c r="L22" s="150">
        <v>3.9</v>
      </c>
      <c r="M22" s="150">
        <v>43.1</v>
      </c>
      <c r="N22" s="150">
        <v>13.7</v>
      </c>
      <c r="P22" s="10">
        <f>P21+1</f>
        <v>44947</v>
      </c>
      <c r="Q22" s="28">
        <v>1.2</v>
      </c>
      <c r="R22" s="28">
        <f t="shared" si="9"/>
        <v>6</v>
      </c>
      <c r="S22" s="12">
        <f t="shared" si="0"/>
        <v>0.88136675487947747</v>
      </c>
      <c r="T22" s="12">
        <f t="shared" si="1"/>
        <v>0.40529111994771311</v>
      </c>
      <c r="U22" s="12">
        <f t="shared" si="2"/>
        <v>1.4791569663107089</v>
      </c>
      <c r="V22" s="12">
        <f t="shared" si="3"/>
        <v>1.31124751273035</v>
      </c>
      <c r="W22" s="12">
        <f t="shared" si="10"/>
        <v>1.9424956480203619</v>
      </c>
      <c r="X22" s="12">
        <f t="shared" si="4"/>
        <v>-1.236743869637378E-2</v>
      </c>
      <c r="Y22" s="12">
        <f t="shared" si="5"/>
        <v>-1.3226323007097701E-2</v>
      </c>
      <c r="Z22" s="12">
        <f t="shared" si="6"/>
        <v>-6.6119920832722404E-2</v>
      </c>
      <c r="AA22" s="12">
        <f t="shared" si="7"/>
        <v>-7.5310765362349638E-2</v>
      </c>
      <c r="AB22" s="12">
        <f t="shared" si="11"/>
        <v>-0.1200596025795522</v>
      </c>
      <c r="AC22" s="12">
        <f t="shared" si="24"/>
        <v>0</v>
      </c>
      <c r="AD22" s="12">
        <f t="shared" si="12"/>
        <v>0.13629683631871853</v>
      </c>
      <c r="AE22" s="12">
        <f t="shared" si="13"/>
        <v>0.12248364286475118</v>
      </c>
      <c r="AF22" s="12">
        <f t="shared" si="14"/>
        <v>0.2136530540017178</v>
      </c>
      <c r="AG22" s="12">
        <f t="shared" si="15"/>
        <v>0.15736211093092869</v>
      </c>
      <c r="AH22" s="12">
        <f>AC22/SUM(AC$2:AG$366)*Input!$J$5</f>
        <v>0</v>
      </c>
      <c r="AI22" s="12">
        <f>AD22/SUM(AC$2:AG$366)*Input!$J$5</f>
        <v>139.56949918363381</v>
      </c>
      <c r="AJ22" s="12">
        <f>AE22/SUM(AC$2:AG$366)*Input!$J$5</f>
        <v>125.42463313561605</v>
      </c>
      <c r="AK22" s="12">
        <f>AF22/SUM(AC$2:AG$366)*Input!$J$5</f>
        <v>218.78313944384871</v>
      </c>
      <c r="AL22" s="12">
        <f>AG22/SUM(AC$2:AG$366)*Input!$J$5</f>
        <v>161.14057821379399</v>
      </c>
      <c r="AM22" s="12">
        <f t="shared" si="16"/>
        <v>154.6949550852423</v>
      </c>
      <c r="AN22" s="12">
        <f t="shared" si="17"/>
        <v>473.47455498961421</v>
      </c>
      <c r="AO22" s="12">
        <f t="shared" si="18"/>
        <v>11.165559934690705</v>
      </c>
      <c r="AP22" s="12">
        <f t="shared" si="19"/>
        <v>5.5827799673453526</v>
      </c>
      <c r="AQ22" s="12">
        <f t="shared" si="20"/>
        <v>0</v>
      </c>
      <c r="AR22" s="11">
        <f t="shared" si="21"/>
        <v>644.91784997689251</v>
      </c>
      <c r="AT22" s="90">
        <v>0</v>
      </c>
      <c r="AU22" s="102">
        <f>IFERROR(AU4/$AZ4,0)</f>
        <v>0</v>
      </c>
      <c r="AV22" s="103">
        <f t="shared" ref="AV22:AY22" si="34">IFERROR(AV4/$AZ4,0)</f>
        <v>0.84</v>
      </c>
      <c r="AW22" s="103">
        <f t="shared" si="34"/>
        <v>0.10666666666666667</v>
      </c>
      <c r="AX22" s="103">
        <f t="shared" si="34"/>
        <v>5.3333333333333337E-2</v>
      </c>
      <c r="AY22" s="104">
        <f t="shared" si="34"/>
        <v>0</v>
      </c>
      <c r="AZ22" s="91">
        <f>SUM(AU22:AY22)</f>
        <v>1</v>
      </c>
      <c r="BA22" s="230"/>
      <c r="BF22" s="90" t="s">
        <v>92</v>
      </c>
      <c r="BG22" s="161" t="e">
        <v>#N/A</v>
      </c>
      <c r="BH22" s="162">
        <v>0.02</v>
      </c>
      <c r="BI22" s="106"/>
      <c r="BK22" s="106"/>
      <c r="BL22" s="106"/>
    </row>
    <row r="23" spans="2:64" x14ac:dyDescent="0.25">
      <c r="B23" s="79">
        <f t="shared" si="33"/>
        <v>-4</v>
      </c>
      <c r="C23" s="150">
        <f t="shared" si="28"/>
        <v>1.1469608264111932</v>
      </c>
      <c r="D23" s="150">
        <f t="shared" si="29"/>
        <v>1.704572087454185</v>
      </c>
      <c r="E23" s="150">
        <f t="shared" si="30"/>
        <v>2.1558778269559928</v>
      </c>
      <c r="F23" s="150">
        <f t="shared" si="31"/>
        <v>3.2524675073561395</v>
      </c>
      <c r="I23" s="153" t="s">
        <v>139</v>
      </c>
      <c r="J23" s="150" cm="1">
        <f t="array" ref="J23:N23">TRANSPOSE(Input!D4:D8)*100</f>
        <v>50</v>
      </c>
      <c r="K23" s="150">
        <v>20</v>
      </c>
      <c r="L23" s="150">
        <v>10</v>
      </c>
      <c r="M23" s="150">
        <v>10</v>
      </c>
      <c r="N23" s="150">
        <v>10</v>
      </c>
      <c r="P23" s="10">
        <f t="shared" si="23"/>
        <v>44948</v>
      </c>
      <c r="Q23" s="28">
        <v>1.2</v>
      </c>
      <c r="R23" s="28">
        <f t="shared" si="9"/>
        <v>7</v>
      </c>
      <c r="S23" s="12">
        <f t="shared" si="0"/>
        <v>0.88136675487947747</v>
      </c>
      <c r="T23" s="12">
        <f t="shared" si="1"/>
        <v>0.40529111994771311</v>
      </c>
      <c r="U23" s="12">
        <f t="shared" si="2"/>
        <v>1.4791569663107089</v>
      </c>
      <c r="V23" s="12">
        <f t="shared" si="3"/>
        <v>1.31124751273035</v>
      </c>
      <c r="W23" s="12">
        <f t="shared" si="10"/>
        <v>1.9424956480203619</v>
      </c>
      <c r="X23" s="12">
        <f t="shared" si="4"/>
        <v>-1.236743869637378E-2</v>
      </c>
      <c r="Y23" s="12">
        <f t="shared" si="5"/>
        <v>-1.3226323007097701E-2</v>
      </c>
      <c r="Z23" s="12">
        <f t="shared" si="6"/>
        <v>-6.6119920832722404E-2</v>
      </c>
      <c r="AA23" s="12">
        <f t="shared" si="7"/>
        <v>-7.5310765362349638E-2</v>
      </c>
      <c r="AB23" s="12">
        <f t="shared" si="11"/>
        <v>-0.1200596025795522</v>
      </c>
      <c r="AC23" s="12">
        <f t="shared" si="24"/>
        <v>0</v>
      </c>
      <c r="AD23" s="12">
        <f t="shared" si="12"/>
        <v>0.13629683631871853</v>
      </c>
      <c r="AE23" s="12">
        <f t="shared" si="13"/>
        <v>0.12248364286475118</v>
      </c>
      <c r="AF23" s="12">
        <f t="shared" si="14"/>
        <v>0.2136530540017178</v>
      </c>
      <c r="AG23" s="12">
        <f t="shared" si="15"/>
        <v>0.15736211093092869</v>
      </c>
      <c r="AH23" s="12">
        <f>AC23/SUM(AC$2:AG$366)*Input!$J$5</f>
        <v>0</v>
      </c>
      <c r="AI23" s="12">
        <f>AD23/SUM(AC$2:AG$366)*Input!$J$5</f>
        <v>139.56949918363381</v>
      </c>
      <c r="AJ23" s="12">
        <f>AE23/SUM(AC$2:AG$366)*Input!$J$5</f>
        <v>125.42463313561605</v>
      </c>
      <c r="AK23" s="12">
        <f>AF23/SUM(AC$2:AG$366)*Input!$J$5</f>
        <v>218.78313944384871</v>
      </c>
      <c r="AL23" s="12">
        <f>AG23/SUM(AC$2:AG$366)*Input!$J$5</f>
        <v>161.14057821379399</v>
      </c>
      <c r="AM23" s="12">
        <f t="shared" si="16"/>
        <v>154.6949550852423</v>
      </c>
      <c r="AN23" s="12">
        <f t="shared" si="17"/>
        <v>473.47455498961421</v>
      </c>
      <c r="AO23" s="12">
        <f t="shared" si="18"/>
        <v>11.165559934690705</v>
      </c>
      <c r="AP23" s="12">
        <f t="shared" si="19"/>
        <v>5.5827799673453526</v>
      </c>
      <c r="AQ23" s="12">
        <f t="shared" si="20"/>
        <v>0</v>
      </c>
      <c r="AR23" s="11">
        <f t="shared" si="21"/>
        <v>644.91784997689251</v>
      </c>
      <c r="AT23" s="90">
        <v>1</v>
      </c>
      <c r="AU23" s="97">
        <f t="shared" ref="AU23:AY23" si="35">IFERROR(AU5/$AZ5,0)</f>
        <v>0</v>
      </c>
      <c r="AV23" s="87">
        <f t="shared" si="35"/>
        <v>1</v>
      </c>
      <c r="AW23" s="87">
        <f t="shared" si="35"/>
        <v>0</v>
      </c>
      <c r="AX23" s="87">
        <f t="shared" si="35"/>
        <v>0</v>
      </c>
      <c r="AY23" s="98">
        <f t="shared" si="35"/>
        <v>0</v>
      </c>
      <c r="AZ23" s="91">
        <f t="shared" ref="AZ23:AZ25" si="36">SUM(AU23:AY23)</f>
        <v>1</v>
      </c>
      <c r="BA23" s="230"/>
      <c r="BF23" s="90" t="s">
        <v>94</v>
      </c>
      <c r="BG23" s="161">
        <v>0.02</v>
      </c>
      <c r="BH23" s="162" t="e">
        <v>#N/A</v>
      </c>
      <c r="BI23" s="106"/>
      <c r="BK23" s="106"/>
      <c r="BL23" s="106"/>
    </row>
    <row r="24" spans="2:64" x14ac:dyDescent="0.25">
      <c r="B24" s="79">
        <f t="shared" si="33"/>
        <v>-3</v>
      </c>
      <c r="C24" s="150">
        <f t="shared" si="28"/>
        <v>1.1315186380596465</v>
      </c>
      <c r="D24" s="150">
        <f t="shared" si="29"/>
        <v>1.6458128472118565</v>
      </c>
      <c r="E24" s="150">
        <f t="shared" si="30"/>
        <v>2.0598930737557519</v>
      </c>
      <c r="F24" s="150">
        <f t="shared" si="31"/>
        <v>3.0744512576984349</v>
      </c>
      <c r="I24" s="153"/>
      <c r="J24" s="79"/>
      <c r="K24" s="79"/>
      <c r="L24" s="79"/>
      <c r="M24" s="79"/>
      <c r="N24" s="154"/>
      <c r="P24" s="10">
        <f t="shared" si="23"/>
        <v>44949</v>
      </c>
      <c r="Q24" s="28">
        <v>2.6</v>
      </c>
      <c r="R24" s="28">
        <f t="shared" si="9"/>
        <v>1</v>
      </c>
      <c r="S24" s="12">
        <f t="shared" si="0"/>
        <v>1.085192073005006</v>
      </c>
      <c r="T24" s="12">
        <f t="shared" si="1"/>
        <v>1.4695351264848711</v>
      </c>
      <c r="U24" s="12">
        <f t="shared" si="2"/>
        <v>1.771938814155029</v>
      </c>
      <c r="V24" s="12">
        <f t="shared" si="3"/>
        <v>2.5404025087253199</v>
      </c>
      <c r="W24" s="12">
        <f t="shared" si="10"/>
        <v>0</v>
      </c>
      <c r="X24" s="12">
        <f t="shared" si="4"/>
        <v>-1.544218835154681E-2</v>
      </c>
      <c r="Y24" s="12">
        <f t="shared" si="5"/>
        <v>-5.875924024232846E-2</v>
      </c>
      <c r="Z24" s="12">
        <f t="shared" si="6"/>
        <v>-9.5984753200240996E-2</v>
      </c>
      <c r="AA24" s="12">
        <f t="shared" si="7"/>
        <v>-0.17801624965770491</v>
      </c>
      <c r="AB24" s="12">
        <f t="shared" si="11"/>
        <v>0</v>
      </c>
      <c r="AC24" s="12">
        <f t="shared" si="24"/>
        <v>0.39189089373411912</v>
      </c>
      <c r="AD24" s="12">
        <f t="shared" si="12"/>
        <v>0.49378541319555641</v>
      </c>
      <c r="AE24" s="12">
        <f t="shared" si="13"/>
        <v>0</v>
      </c>
      <c r="AF24" s="12">
        <f t="shared" si="14"/>
        <v>0.51939006490382178</v>
      </c>
      <c r="AG24" s="12">
        <f t="shared" si="15"/>
        <v>0</v>
      </c>
      <c r="AH24" s="12">
        <f>AC24/SUM(AC$2:AG$366)*Input!$J$5</f>
        <v>401.3006996376327</v>
      </c>
      <c r="AI24" s="12">
        <f>AD24/SUM(AC$2:AG$366)*Input!$J$5</f>
        <v>505.64183795675245</v>
      </c>
      <c r="AJ24" s="12">
        <f>AE24/SUM(AC$2:AG$366)*Input!$J$5</f>
        <v>0</v>
      </c>
      <c r="AK24" s="12">
        <f>AF24/SUM(AC$2:AG$366)*Input!$J$5</f>
        <v>531.86129038290665</v>
      </c>
      <c r="AL24" s="12">
        <f>AG24/SUM(AC$2:AG$366)*Input!$J$5</f>
        <v>0</v>
      </c>
      <c r="AM24" s="12">
        <f t="shared" si="16"/>
        <v>255.29341938379505</v>
      </c>
      <c r="AN24" s="12">
        <f t="shared" si="17"/>
        <v>1119.3022966514754</v>
      </c>
      <c r="AO24" s="12">
        <f t="shared" si="18"/>
        <v>42.805407961347491</v>
      </c>
      <c r="AP24" s="12">
        <f t="shared" si="19"/>
        <v>21.402703980673746</v>
      </c>
      <c r="AQ24" s="12">
        <f t="shared" si="20"/>
        <v>0</v>
      </c>
      <c r="AR24" s="11">
        <f t="shared" si="21"/>
        <v>1438.8038279772918</v>
      </c>
      <c r="AT24" s="90">
        <v>2</v>
      </c>
      <c r="AU24" s="97">
        <f t="shared" ref="AU24:AY24" si="37">IFERROR(AU6/$AZ6,0)</f>
        <v>0</v>
      </c>
      <c r="AV24" s="87">
        <f t="shared" si="37"/>
        <v>0</v>
      </c>
      <c r="AW24" s="87">
        <f t="shared" si="37"/>
        <v>0</v>
      </c>
      <c r="AX24" s="87">
        <f t="shared" si="37"/>
        <v>0</v>
      </c>
      <c r="AY24" s="98">
        <f t="shared" si="37"/>
        <v>0</v>
      </c>
      <c r="AZ24" s="91">
        <f t="shared" si="36"/>
        <v>0</v>
      </c>
      <c r="BA24" s="230"/>
      <c r="BF24" s="90" t="s">
        <v>113</v>
      </c>
      <c r="BG24" s="161" t="e">
        <v>#N/A</v>
      </c>
      <c r="BH24" s="162" t="e">
        <v>#N/A</v>
      </c>
      <c r="BI24" s="106"/>
      <c r="BK24" s="106"/>
      <c r="BL24" s="106"/>
    </row>
    <row r="25" spans="2:64" ht="16.5" thickBot="1" x14ac:dyDescent="0.3">
      <c r="B25" s="79">
        <f t="shared" si="33"/>
        <v>-2</v>
      </c>
      <c r="C25" s="150">
        <f t="shared" si="28"/>
        <v>1.1160764497080995</v>
      </c>
      <c r="D25" s="150">
        <f t="shared" si="29"/>
        <v>1.587053606969528</v>
      </c>
      <c r="E25" s="150">
        <f t="shared" si="30"/>
        <v>1.963908320555511</v>
      </c>
      <c r="F25" s="150">
        <f t="shared" si="31"/>
        <v>2.8964350080407297</v>
      </c>
      <c r="I25" s="155"/>
      <c r="J25" s="221" t="s">
        <v>12</v>
      </c>
      <c r="K25" s="221"/>
      <c r="L25" s="221"/>
      <c r="M25" s="221"/>
      <c r="N25" s="237"/>
      <c r="P25" s="10">
        <f t="shared" si="23"/>
        <v>44950</v>
      </c>
      <c r="Q25" s="28">
        <v>3.6</v>
      </c>
      <c r="R25" s="28">
        <f t="shared" si="9"/>
        <v>2</v>
      </c>
      <c r="S25" s="12">
        <f t="shared" si="0"/>
        <v>1.0609861866589789</v>
      </c>
      <c r="T25" s="12">
        <f t="shared" si="1"/>
        <v>1.4695351264848711</v>
      </c>
      <c r="U25" s="12">
        <f t="shared" si="2"/>
        <v>1.771938814155029</v>
      </c>
      <c r="V25" s="12">
        <f t="shared" si="3"/>
        <v>2.5404025087253199</v>
      </c>
      <c r="W25" s="12">
        <f t="shared" si="10"/>
        <v>0</v>
      </c>
      <c r="X25" s="12">
        <f t="shared" si="4"/>
        <v>-7.0953309908476907E-3</v>
      </c>
      <c r="Y25" s="12">
        <f t="shared" si="5"/>
        <v>-5.875924024232846E-2</v>
      </c>
      <c r="Z25" s="12">
        <f t="shared" si="6"/>
        <v>-9.5984753200240996E-2</v>
      </c>
      <c r="AA25" s="12">
        <f t="shared" si="7"/>
        <v>-0.17801624965770491</v>
      </c>
      <c r="AB25" s="12">
        <f t="shared" si="11"/>
        <v>0</v>
      </c>
      <c r="AC25" s="12">
        <f t="shared" si="24"/>
        <v>0.38829112315947273</v>
      </c>
      <c r="AD25" s="12">
        <f t="shared" si="12"/>
        <v>0.47175069810468323</v>
      </c>
      <c r="AE25" s="12">
        <f t="shared" si="13"/>
        <v>0</v>
      </c>
      <c r="AF25" s="12">
        <f t="shared" si="14"/>
        <v>0.47488600248939555</v>
      </c>
      <c r="AG25" s="12">
        <f t="shared" si="15"/>
        <v>0</v>
      </c>
      <c r="AH25" s="12">
        <f>AC25/SUM(AC$2:AG$366)*Input!$J$5</f>
        <v>397.61449392773261</v>
      </c>
      <c r="AI25" s="12">
        <f>AD25/SUM(AC$2:AG$366)*Input!$J$5</f>
        <v>483.07804093144421</v>
      </c>
      <c r="AJ25" s="12">
        <f>AE25/SUM(AC$2:AG$366)*Input!$J$5</f>
        <v>0</v>
      </c>
      <c r="AK25" s="12">
        <f>AF25/SUM(AC$2:AG$366)*Input!$J$5</f>
        <v>486.2886280190217</v>
      </c>
      <c r="AL25" s="12">
        <f>AG25/SUM(AC$2:AG$366)*Input!$J$5</f>
        <v>0</v>
      </c>
      <c r="AM25" s="12">
        <f t="shared" si="16"/>
        <v>233.41854144913029</v>
      </c>
      <c r="AN25" s="12">
        <f t="shared" si="17"/>
        <v>1069.9443024006309</v>
      </c>
      <c r="AO25" s="12">
        <f t="shared" si="18"/>
        <v>42.412212685624816</v>
      </c>
      <c r="AP25" s="12">
        <f t="shared" si="19"/>
        <v>21.206106342812408</v>
      </c>
      <c r="AQ25" s="12">
        <f t="shared" si="20"/>
        <v>0</v>
      </c>
      <c r="AR25" s="11">
        <f t="shared" si="21"/>
        <v>1366.9811628781986</v>
      </c>
      <c r="AT25" s="90">
        <v>3</v>
      </c>
      <c r="AU25" s="99">
        <f t="shared" ref="AU25:AY25" si="38">IFERROR(AU7/$AZ7,0)</f>
        <v>0.47999999999999976</v>
      </c>
      <c r="AV25" s="100">
        <f t="shared" si="38"/>
        <v>0.52000000000000024</v>
      </c>
      <c r="AW25" s="100">
        <f t="shared" si="38"/>
        <v>0</v>
      </c>
      <c r="AX25" s="100">
        <f t="shared" si="38"/>
        <v>0</v>
      </c>
      <c r="AY25" s="101">
        <f t="shared" si="38"/>
        <v>0</v>
      </c>
      <c r="AZ25" s="91">
        <f t="shared" si="36"/>
        <v>1</v>
      </c>
      <c r="BA25" s="230"/>
      <c r="BF25" s="90" t="s">
        <v>107</v>
      </c>
      <c r="BG25" s="161" t="e">
        <v>#N/A</v>
      </c>
      <c r="BH25" s="162" t="e">
        <v>#N/A</v>
      </c>
      <c r="BI25" s="106"/>
      <c r="BK25" s="106"/>
      <c r="BL25" s="106"/>
    </row>
    <row r="26" spans="2:64" x14ac:dyDescent="0.25">
      <c r="B26" s="79">
        <f t="shared" si="33"/>
        <v>-1</v>
      </c>
      <c r="C26" s="150">
        <f t="shared" si="28"/>
        <v>1.1006342613565527</v>
      </c>
      <c r="D26" s="150">
        <f t="shared" si="29"/>
        <v>1.5282943667271995</v>
      </c>
      <c r="E26" s="150">
        <f t="shared" si="30"/>
        <v>1.8679235673552699</v>
      </c>
      <c r="F26" s="150">
        <f t="shared" si="31"/>
        <v>2.7184187583830246</v>
      </c>
      <c r="I26" s="153" t="s">
        <v>127</v>
      </c>
      <c r="J26" s="16">
        <v>0</v>
      </c>
      <c r="K26" s="16">
        <v>1</v>
      </c>
      <c r="L26" s="79">
        <v>2</v>
      </c>
      <c r="M26" s="79">
        <v>3</v>
      </c>
      <c r="N26" s="154"/>
      <c r="P26" s="10">
        <f t="shared" si="23"/>
        <v>44951</v>
      </c>
      <c r="Q26" s="28">
        <v>3.1</v>
      </c>
      <c r="R26" s="28">
        <f t="shared" si="9"/>
        <v>3</v>
      </c>
      <c r="S26" s="12">
        <f t="shared" si="0"/>
        <v>1.0609861866589789</v>
      </c>
      <c r="T26" s="12">
        <f t="shared" si="1"/>
        <v>1.4695351264848711</v>
      </c>
      <c r="U26" s="12">
        <f t="shared" si="2"/>
        <v>1.771938814155029</v>
      </c>
      <c r="V26" s="12">
        <f t="shared" si="3"/>
        <v>2.5404025087253199</v>
      </c>
      <c r="W26" s="12">
        <f t="shared" si="10"/>
        <v>0</v>
      </c>
      <c r="X26" s="12">
        <f t="shared" si="4"/>
        <v>-7.0953309908476907E-3</v>
      </c>
      <c r="Y26" s="12">
        <f t="shared" si="5"/>
        <v>-5.875924024232846E-2</v>
      </c>
      <c r="Z26" s="12">
        <f t="shared" si="6"/>
        <v>-9.5984753200240996E-2</v>
      </c>
      <c r="AA26" s="12">
        <f t="shared" si="7"/>
        <v>-0.17801624965770491</v>
      </c>
      <c r="AB26" s="12">
        <f t="shared" si="11"/>
        <v>0</v>
      </c>
      <c r="AC26" s="12">
        <f t="shared" si="24"/>
        <v>0.38962149772025667</v>
      </c>
      <c r="AD26" s="12">
        <f t="shared" si="12"/>
        <v>0.48276805565011982</v>
      </c>
      <c r="AE26" s="12">
        <f t="shared" si="13"/>
        <v>0</v>
      </c>
      <c r="AF26" s="12">
        <f t="shared" si="14"/>
        <v>0.49713803369660869</v>
      </c>
      <c r="AG26" s="12">
        <f t="shared" si="15"/>
        <v>0</v>
      </c>
      <c r="AH26" s="12">
        <f>AC26/SUM(AC$2:AG$366)*Input!$J$5</f>
        <v>398.97681249792356</v>
      </c>
      <c r="AI26" s="12">
        <f>AD26/SUM(AC$2:AG$366)*Input!$J$5</f>
        <v>494.3599394440983</v>
      </c>
      <c r="AJ26" s="12">
        <f>AE26/SUM(AC$2:AG$366)*Input!$J$5</f>
        <v>0</v>
      </c>
      <c r="AK26" s="12">
        <f>AF26/SUM(AC$2:AG$366)*Input!$J$5</f>
        <v>509.0749592009642</v>
      </c>
      <c r="AL26" s="12">
        <f>AG26/SUM(AC$2:AG$366)*Input!$J$5</f>
        <v>0</v>
      </c>
      <c r="AM26" s="12">
        <f t="shared" si="16"/>
        <v>244.3559804164627</v>
      </c>
      <c r="AN26" s="12">
        <f t="shared" si="17"/>
        <v>1094.2194407268557</v>
      </c>
      <c r="AO26" s="12">
        <f t="shared" si="18"/>
        <v>42.557526666445185</v>
      </c>
      <c r="AP26" s="12">
        <f t="shared" si="19"/>
        <v>21.278763333222592</v>
      </c>
      <c r="AQ26" s="12">
        <f t="shared" si="20"/>
        <v>0</v>
      </c>
      <c r="AR26" s="11">
        <f t="shared" si="21"/>
        <v>1402.4117111429862</v>
      </c>
      <c r="AT26" s="88"/>
      <c r="AU26" s="92">
        <f>SUM(AU22:AU25)</f>
        <v>0.47999999999999976</v>
      </c>
      <c r="AV26" s="92">
        <f t="shared" ref="AV26" si="39">SUM(AV22:AV25)</f>
        <v>2.3600000000000003</v>
      </c>
      <c r="AW26" s="92">
        <f t="shared" ref="AW26" si="40">SUM(AW22:AW25)</f>
        <v>0.10666666666666667</v>
      </c>
      <c r="AX26" s="92">
        <f t="shared" ref="AX26" si="41">SUM(AX22:AX25)</f>
        <v>5.3333333333333337E-2</v>
      </c>
      <c r="AY26" s="92">
        <f t="shared" ref="AY26" si="42">SUM(AY22:AY25)</f>
        <v>0</v>
      </c>
      <c r="AZ26" s="89"/>
      <c r="BA26" s="230"/>
      <c r="BF26" s="90" t="s">
        <v>106</v>
      </c>
      <c r="BG26" s="161" t="e">
        <v>#N/A</v>
      </c>
      <c r="BH26" s="162" t="e">
        <v>#N/A</v>
      </c>
      <c r="BI26" s="106"/>
      <c r="BK26" s="106"/>
      <c r="BL26" s="106"/>
    </row>
    <row r="27" spans="2:64" x14ac:dyDescent="0.25">
      <c r="B27" s="79">
        <f t="shared" si="33"/>
        <v>0</v>
      </c>
      <c r="C27" s="150">
        <f t="shared" si="28"/>
        <v>1.085192073005006</v>
      </c>
      <c r="D27" s="150">
        <f t="shared" si="29"/>
        <v>1.4695351264848711</v>
      </c>
      <c r="E27" s="150">
        <f t="shared" si="30"/>
        <v>1.771938814155029</v>
      </c>
      <c r="F27" s="150">
        <f t="shared" si="31"/>
        <v>2.5404025087253199</v>
      </c>
      <c r="I27" s="153" t="s">
        <v>128</v>
      </c>
      <c r="J27" s="150">
        <v>89.5</v>
      </c>
      <c r="K27" s="150">
        <v>0</v>
      </c>
      <c r="L27" s="150">
        <v>0</v>
      </c>
      <c r="M27" s="150">
        <v>0</v>
      </c>
      <c r="N27" s="154"/>
      <c r="P27" s="10">
        <f t="shared" si="23"/>
        <v>44952</v>
      </c>
      <c r="Q27" s="28">
        <v>1.6</v>
      </c>
      <c r="R27" s="28">
        <f t="shared" si="9"/>
        <v>4</v>
      </c>
      <c r="S27" s="12">
        <f t="shared" si="0"/>
        <v>1.085192073005006</v>
      </c>
      <c r="T27" s="12">
        <f t="shared" si="1"/>
        <v>1.4695351264848711</v>
      </c>
      <c r="U27" s="12">
        <f t="shared" si="2"/>
        <v>1.771938814155029</v>
      </c>
      <c r="V27" s="12">
        <f t="shared" si="3"/>
        <v>2.5404025087253199</v>
      </c>
      <c r="W27" s="12">
        <f t="shared" si="10"/>
        <v>0</v>
      </c>
      <c r="X27" s="12">
        <f t="shared" si="4"/>
        <v>-1.544218835154681E-2</v>
      </c>
      <c r="Y27" s="12">
        <f t="shared" si="5"/>
        <v>-5.875924024232846E-2</v>
      </c>
      <c r="Z27" s="12">
        <f t="shared" si="6"/>
        <v>-9.5984753200240996E-2</v>
      </c>
      <c r="AA27" s="12">
        <f t="shared" si="7"/>
        <v>-0.17801624965770491</v>
      </c>
      <c r="AB27" s="12">
        <f t="shared" si="11"/>
        <v>0</v>
      </c>
      <c r="AC27" s="12">
        <f t="shared" si="24"/>
        <v>0.39768171436594912</v>
      </c>
      <c r="AD27" s="12">
        <f t="shared" si="12"/>
        <v>0.51582012828642965</v>
      </c>
      <c r="AE27" s="12">
        <f t="shared" si="13"/>
        <v>0</v>
      </c>
      <c r="AF27" s="12">
        <f t="shared" si="14"/>
        <v>0.56389412731824806</v>
      </c>
      <c r="AG27" s="12">
        <f t="shared" si="15"/>
        <v>0</v>
      </c>
      <c r="AH27" s="12">
        <f>AC27/SUM(AC$2:AG$366)*Input!$J$5</f>
        <v>407.23056534307585</v>
      </c>
      <c r="AI27" s="12">
        <f>AD27/SUM(AC$2:AG$366)*Input!$J$5</f>
        <v>528.2056349820607</v>
      </c>
      <c r="AJ27" s="12">
        <f>AE27/SUM(AC$2:AG$366)*Input!$J$5</f>
        <v>0</v>
      </c>
      <c r="AK27" s="12">
        <f>AF27/SUM(AC$2:AG$366)*Input!$J$5</f>
        <v>577.43395274679165</v>
      </c>
      <c r="AL27" s="12">
        <f>AG27/SUM(AC$2:AG$366)*Input!$J$5</f>
        <v>0</v>
      </c>
      <c r="AM27" s="12">
        <f t="shared" si="16"/>
        <v>277.16829731845985</v>
      </c>
      <c r="AN27" s="12">
        <f t="shared" si="17"/>
        <v>1170.5449652985762</v>
      </c>
      <c r="AO27" s="12">
        <f t="shared" si="18"/>
        <v>43.437926969928093</v>
      </c>
      <c r="AP27" s="12">
        <f t="shared" si="19"/>
        <v>21.718963484964046</v>
      </c>
      <c r="AQ27" s="12">
        <f t="shared" si="20"/>
        <v>0</v>
      </c>
      <c r="AR27" s="11">
        <f t="shared" si="21"/>
        <v>1512.8701530719281</v>
      </c>
      <c r="AT27" s="88"/>
      <c r="AZ27" s="89"/>
      <c r="BA27" s="230"/>
      <c r="BF27" s="90" t="s">
        <v>105</v>
      </c>
      <c r="BG27" s="161" t="e">
        <v>#N/A</v>
      </c>
      <c r="BH27" s="162" t="e">
        <v>#N/A</v>
      </c>
      <c r="BI27" s="106"/>
      <c r="BK27" s="106"/>
      <c r="BL27" s="106"/>
    </row>
    <row r="28" spans="2:64" ht="16.5" thickBot="1" x14ac:dyDescent="0.3">
      <c r="B28" s="79">
        <f t="shared" si="33"/>
        <v>1</v>
      </c>
      <c r="C28" s="150">
        <f t="shared" si="28"/>
        <v>1.0697498846534592</v>
      </c>
      <c r="D28" s="150">
        <f t="shared" si="29"/>
        <v>1.4107758862425426</v>
      </c>
      <c r="E28" s="150">
        <f t="shared" si="30"/>
        <v>1.675954060954788</v>
      </c>
      <c r="F28" s="150">
        <f t="shared" si="31"/>
        <v>2.3623862590676152</v>
      </c>
      <c r="I28" s="153" t="s">
        <v>129</v>
      </c>
      <c r="J28" s="150">
        <v>37.5</v>
      </c>
      <c r="K28" s="150">
        <v>37.5</v>
      </c>
      <c r="L28" s="150">
        <v>0</v>
      </c>
      <c r="M28" s="150">
        <v>25</v>
      </c>
      <c r="N28" s="154"/>
      <c r="P28" s="10">
        <f t="shared" si="23"/>
        <v>44953</v>
      </c>
      <c r="Q28" s="28">
        <v>0.4</v>
      </c>
      <c r="R28" s="28">
        <f t="shared" si="9"/>
        <v>5</v>
      </c>
      <c r="S28" s="12">
        <f t="shared" si="0"/>
        <v>1.085192073005006</v>
      </c>
      <c r="T28" s="12">
        <f t="shared" si="1"/>
        <v>1.4695351264848711</v>
      </c>
      <c r="U28" s="12">
        <f t="shared" si="2"/>
        <v>1.771938814155029</v>
      </c>
      <c r="V28" s="12">
        <f t="shared" si="3"/>
        <v>2.5404025087253199</v>
      </c>
      <c r="W28" s="12">
        <f t="shared" si="10"/>
        <v>0</v>
      </c>
      <c r="X28" s="12">
        <f t="shared" si="4"/>
        <v>-1.544218835154681E-2</v>
      </c>
      <c r="Y28" s="12">
        <f t="shared" si="5"/>
        <v>-5.875924024232846E-2</v>
      </c>
      <c r="Z28" s="12">
        <f t="shared" si="6"/>
        <v>-9.5984753200240996E-2</v>
      </c>
      <c r="AA28" s="12">
        <f t="shared" si="7"/>
        <v>-0.17801624965770491</v>
      </c>
      <c r="AB28" s="12">
        <f t="shared" si="11"/>
        <v>0</v>
      </c>
      <c r="AC28" s="12">
        <f t="shared" si="24"/>
        <v>0.40463069912414529</v>
      </c>
      <c r="AD28" s="12">
        <f t="shared" si="12"/>
        <v>0.54226178639547729</v>
      </c>
      <c r="AE28" s="12">
        <f t="shared" si="13"/>
        <v>0</v>
      </c>
      <c r="AF28" s="12">
        <f t="shared" si="14"/>
        <v>0.61729900221555944</v>
      </c>
      <c r="AG28" s="12">
        <f t="shared" si="15"/>
        <v>0</v>
      </c>
      <c r="AH28" s="12">
        <f>AC28/SUM(AC$2:AG$366)*Input!$J$5</f>
        <v>414.34640418960777</v>
      </c>
      <c r="AI28" s="12">
        <f>AD28/SUM(AC$2:AG$366)*Input!$J$5</f>
        <v>555.28219141243051</v>
      </c>
      <c r="AJ28" s="12">
        <f>AE28/SUM(AC$2:AG$366)*Input!$J$5</f>
        <v>0</v>
      </c>
      <c r="AK28" s="12">
        <f>AF28/SUM(AC$2:AG$366)*Input!$J$5</f>
        <v>632.12114758345353</v>
      </c>
      <c r="AL28" s="12">
        <f>AG28/SUM(AC$2:AG$366)*Input!$J$5</f>
        <v>0</v>
      </c>
      <c r="AM28" s="12">
        <f t="shared" si="16"/>
        <v>303.41815084005754</v>
      </c>
      <c r="AN28" s="12">
        <f t="shared" si="17"/>
        <v>1232.036167675097</v>
      </c>
      <c r="AO28" s="12">
        <f t="shared" si="18"/>
        <v>44.196949780224834</v>
      </c>
      <c r="AP28" s="12">
        <f t="shared" si="19"/>
        <v>22.098474890112417</v>
      </c>
      <c r="AQ28" s="12">
        <f t="shared" si="20"/>
        <v>0</v>
      </c>
      <c r="AR28" s="11">
        <f t="shared" si="21"/>
        <v>1601.7497431854918</v>
      </c>
      <c r="AT28" s="227" t="s">
        <v>84</v>
      </c>
      <c r="AU28" s="228"/>
      <c r="AV28" s="228"/>
      <c r="AW28" s="228"/>
      <c r="AX28" s="228"/>
      <c r="AY28" s="228"/>
      <c r="AZ28" s="229"/>
      <c r="BA28" s="230"/>
      <c r="BF28" s="163" t="s">
        <v>93</v>
      </c>
      <c r="BG28" s="164" t="e">
        <v>#N/A</v>
      </c>
      <c r="BH28" s="165" t="e">
        <v>#N/A</v>
      </c>
      <c r="BI28" s="106"/>
      <c r="BK28" s="106"/>
      <c r="BL28" s="106"/>
    </row>
    <row r="29" spans="2:64" ht="16.5" thickBot="1" x14ac:dyDescent="0.3">
      <c r="B29" s="79">
        <f t="shared" si="33"/>
        <v>2</v>
      </c>
      <c r="C29" s="150">
        <f t="shared" si="28"/>
        <v>1.0543076963019125</v>
      </c>
      <c r="D29" s="150">
        <f t="shared" si="29"/>
        <v>1.3520166460002141</v>
      </c>
      <c r="E29" s="150">
        <f t="shared" si="30"/>
        <v>1.5799693077545469</v>
      </c>
      <c r="F29" s="150">
        <f t="shared" si="31"/>
        <v>2.1843700094099101</v>
      </c>
      <c r="I29" s="153" t="s">
        <v>130</v>
      </c>
      <c r="J29" s="150">
        <v>45.5</v>
      </c>
      <c r="K29" s="150">
        <v>27.3</v>
      </c>
      <c r="L29" s="150">
        <v>18.2</v>
      </c>
      <c r="M29" s="150">
        <v>0</v>
      </c>
      <c r="N29" s="154"/>
      <c r="P29" s="10">
        <f t="shared" si="23"/>
        <v>44954</v>
      </c>
      <c r="Q29" s="28">
        <v>0.3</v>
      </c>
      <c r="R29" s="28">
        <f t="shared" si="9"/>
        <v>6</v>
      </c>
      <c r="S29" s="12">
        <f t="shared" si="0"/>
        <v>0.88136675487947747</v>
      </c>
      <c r="T29" s="12">
        <f t="shared" si="1"/>
        <v>0.40529111994771311</v>
      </c>
      <c r="U29" s="12">
        <f t="shared" si="2"/>
        <v>1.4791569663107089</v>
      </c>
      <c r="V29" s="12">
        <f t="shared" si="3"/>
        <v>1.31124751273035</v>
      </c>
      <c r="W29" s="12">
        <f t="shared" si="10"/>
        <v>1.9424956480203619</v>
      </c>
      <c r="X29" s="12">
        <f t="shared" si="4"/>
        <v>-1.236743869637378E-2</v>
      </c>
      <c r="Y29" s="12">
        <f t="shared" si="5"/>
        <v>-1.3226323007097701E-2</v>
      </c>
      <c r="Z29" s="12">
        <f t="shared" si="6"/>
        <v>-6.6119920832722404E-2</v>
      </c>
      <c r="AA29" s="12">
        <f t="shared" si="7"/>
        <v>-7.5310765362349638E-2</v>
      </c>
      <c r="AB29" s="12">
        <f t="shared" si="11"/>
        <v>-0.1200596025795522</v>
      </c>
      <c r="AC29" s="12">
        <f t="shared" si="24"/>
        <v>0</v>
      </c>
      <c r="AD29" s="12">
        <f t="shared" si="12"/>
        <v>0.14046312806595432</v>
      </c>
      <c r="AE29" s="12">
        <f t="shared" si="13"/>
        <v>0.12769058663032806</v>
      </c>
      <c r="AF29" s="12">
        <f t="shared" si="14"/>
        <v>0.22551449954628788</v>
      </c>
      <c r="AG29" s="12">
        <f t="shared" si="15"/>
        <v>0.16681680463406842</v>
      </c>
      <c r="AH29" s="12">
        <f>AC29/SUM(AC$2:AG$366)*Input!$J$5</f>
        <v>0</v>
      </c>
      <c r="AI29" s="12">
        <f>AD29/SUM(AC$2:AG$366)*Input!$J$5</f>
        <v>143.83582897029768</v>
      </c>
      <c r="AJ29" s="12">
        <f>AE29/SUM(AC$2:AG$366)*Input!$J$5</f>
        <v>130.75660233803768</v>
      </c>
      <c r="AK29" s="12">
        <f>AF29/SUM(AC$2:AG$366)*Input!$J$5</f>
        <v>230.92939359738131</v>
      </c>
      <c r="AL29" s="12">
        <f>AG29/SUM(AC$2:AG$366)*Input!$J$5</f>
        <v>170.82229130943861</v>
      </c>
      <c r="AM29" s="12">
        <f t="shared" si="16"/>
        <v>163.98939965706114</v>
      </c>
      <c r="AN29" s="12">
        <f t="shared" si="17"/>
        <v>495.09441708165838</v>
      </c>
      <c r="AO29" s="12">
        <f t="shared" si="18"/>
        <v>11.506866317623816</v>
      </c>
      <c r="AP29" s="12">
        <f t="shared" si="19"/>
        <v>5.7534331588119079</v>
      </c>
      <c r="AQ29" s="12">
        <f t="shared" si="20"/>
        <v>0</v>
      </c>
      <c r="AR29" s="11">
        <f t="shared" si="21"/>
        <v>676.34411621515528</v>
      </c>
      <c r="AT29" s="88"/>
      <c r="AZ29" s="89"/>
      <c r="BA29" s="230"/>
    </row>
    <row r="30" spans="2:64" ht="16.5" thickBot="1" x14ac:dyDescent="0.3">
      <c r="B30" s="79">
        <f t="shared" si="33"/>
        <v>3</v>
      </c>
      <c r="C30" s="150">
        <f t="shared" si="28"/>
        <v>1.0397001936864358</v>
      </c>
      <c r="D30" s="150">
        <f t="shared" si="29"/>
        <v>1.2932574057578856</v>
      </c>
      <c r="E30" s="150">
        <f t="shared" si="30"/>
        <v>1.483984554554306</v>
      </c>
      <c r="F30" s="150">
        <f t="shared" si="31"/>
        <v>2.006353759752205</v>
      </c>
      <c r="I30" s="153" t="s">
        <v>131</v>
      </c>
      <c r="J30" s="150">
        <v>100</v>
      </c>
      <c r="K30" s="150">
        <v>0</v>
      </c>
      <c r="L30" s="150">
        <v>0</v>
      </c>
      <c r="M30" s="150">
        <v>0</v>
      </c>
      <c r="N30" s="154"/>
      <c r="P30" s="10">
        <f t="shared" si="23"/>
        <v>44955</v>
      </c>
      <c r="Q30" s="28">
        <v>-0.3</v>
      </c>
      <c r="R30" s="28">
        <f t="shared" si="9"/>
        <v>7</v>
      </c>
      <c r="S30" s="12">
        <f t="shared" si="0"/>
        <v>0.88136675487947747</v>
      </c>
      <c r="T30" s="12">
        <f t="shared" si="1"/>
        <v>0.40529111994771311</v>
      </c>
      <c r="U30" s="12">
        <f t="shared" si="2"/>
        <v>1.4791569663107089</v>
      </c>
      <c r="V30" s="12">
        <f t="shared" si="3"/>
        <v>1.31124751273035</v>
      </c>
      <c r="W30" s="12">
        <f t="shared" si="10"/>
        <v>1.9424956480203619</v>
      </c>
      <c r="X30" s="12">
        <f t="shared" si="4"/>
        <v>-1.236743869637378E-2</v>
      </c>
      <c r="Y30" s="12">
        <f t="shared" si="5"/>
        <v>-1.3226323007097701E-2</v>
      </c>
      <c r="Z30" s="12">
        <f t="shared" si="6"/>
        <v>-6.6119920832722404E-2</v>
      </c>
      <c r="AA30" s="12">
        <f t="shared" si="7"/>
        <v>-7.5310765362349638E-2</v>
      </c>
      <c r="AB30" s="12">
        <f t="shared" si="11"/>
        <v>-0.1200596025795522</v>
      </c>
      <c r="AC30" s="12">
        <f t="shared" si="24"/>
        <v>0</v>
      </c>
      <c r="AD30" s="12">
        <f t="shared" si="12"/>
        <v>0.14324065589744484</v>
      </c>
      <c r="AE30" s="12">
        <f t="shared" si="13"/>
        <v>0.131161882474046</v>
      </c>
      <c r="AF30" s="12">
        <f t="shared" si="14"/>
        <v>0.23342212990933459</v>
      </c>
      <c r="AG30" s="12">
        <f t="shared" si="15"/>
        <v>0.17311993376949489</v>
      </c>
      <c r="AH30" s="12">
        <f>AC30/SUM(AC$2:AG$366)*Input!$J$5</f>
        <v>0</v>
      </c>
      <c r="AI30" s="12">
        <f>AD30/SUM(AC$2:AG$366)*Input!$J$5</f>
        <v>146.68004882807364</v>
      </c>
      <c r="AJ30" s="12">
        <f>AE30/SUM(AC$2:AG$366)*Input!$J$5</f>
        <v>134.31124847298545</v>
      </c>
      <c r="AK30" s="12">
        <f>AF30/SUM(AC$2:AG$366)*Input!$J$5</f>
        <v>239.02689636640304</v>
      </c>
      <c r="AL30" s="12">
        <f>AG30/SUM(AC$2:AG$366)*Input!$J$5</f>
        <v>177.276766706535</v>
      </c>
      <c r="AM30" s="12">
        <f t="shared" si="16"/>
        <v>170.1856960382737</v>
      </c>
      <c r="AN30" s="12">
        <f t="shared" si="17"/>
        <v>509.50765847635461</v>
      </c>
      <c r="AO30" s="12">
        <f t="shared" si="18"/>
        <v>11.734403906245891</v>
      </c>
      <c r="AP30" s="12">
        <f t="shared" si="19"/>
        <v>5.8672019531229456</v>
      </c>
      <c r="AQ30" s="12">
        <f t="shared" si="20"/>
        <v>0</v>
      </c>
      <c r="AR30" s="11">
        <f t="shared" si="21"/>
        <v>697.29496037399713</v>
      </c>
      <c r="AT30" s="96" t="s">
        <v>81</v>
      </c>
      <c r="AU30" s="105" t="s">
        <v>32</v>
      </c>
      <c r="AV30" s="105" t="s">
        <v>33</v>
      </c>
      <c r="AW30" s="105" t="s">
        <v>34</v>
      </c>
      <c r="AX30" s="105" t="s">
        <v>35</v>
      </c>
      <c r="AY30" s="105" t="s">
        <v>36</v>
      </c>
      <c r="AZ30" s="89"/>
      <c r="BA30" s="230"/>
    </row>
    <row r="31" spans="2:64" x14ac:dyDescent="0.25">
      <c r="B31" s="79">
        <f>B30+1</f>
        <v>4</v>
      </c>
      <c r="C31" s="150">
        <f t="shared" si="28"/>
        <v>1.0326048626955882</v>
      </c>
      <c r="D31" s="150">
        <f t="shared" si="29"/>
        <v>1.2344981655155571</v>
      </c>
      <c r="E31" s="150">
        <f t="shared" si="30"/>
        <v>1.3879998013540651</v>
      </c>
      <c r="F31" s="150">
        <f t="shared" si="31"/>
        <v>1.8283375100945003</v>
      </c>
      <c r="I31" s="153" t="s">
        <v>132</v>
      </c>
      <c r="J31" s="150">
        <v>57.1</v>
      </c>
      <c r="K31" s="150">
        <v>28.6</v>
      </c>
      <c r="L31" s="150">
        <v>14.3</v>
      </c>
      <c r="M31" s="150">
        <v>0</v>
      </c>
      <c r="N31" s="154"/>
      <c r="P31" s="10">
        <f t="shared" si="23"/>
        <v>44956</v>
      </c>
      <c r="Q31" s="28">
        <v>2.9</v>
      </c>
      <c r="R31" s="28">
        <f t="shared" si="9"/>
        <v>1</v>
      </c>
      <c r="S31" s="12">
        <f t="shared" si="0"/>
        <v>1.0609861866589789</v>
      </c>
      <c r="T31" s="12">
        <f t="shared" si="1"/>
        <v>1.4695351264848711</v>
      </c>
      <c r="U31" s="12">
        <f t="shared" si="2"/>
        <v>1.771938814155029</v>
      </c>
      <c r="V31" s="12">
        <f t="shared" si="3"/>
        <v>2.5404025087253199</v>
      </c>
      <c r="W31" s="12">
        <f t="shared" si="10"/>
        <v>0</v>
      </c>
      <c r="X31" s="12">
        <f t="shared" si="4"/>
        <v>-7.0953309908476907E-3</v>
      </c>
      <c r="Y31" s="12">
        <f t="shared" si="5"/>
        <v>-5.875924024232846E-2</v>
      </c>
      <c r="Z31" s="12">
        <f t="shared" si="6"/>
        <v>-9.5984753200240996E-2</v>
      </c>
      <c r="AA31" s="12">
        <f t="shared" si="7"/>
        <v>-0.17801624965770491</v>
      </c>
      <c r="AB31" s="12">
        <f t="shared" si="11"/>
        <v>0</v>
      </c>
      <c r="AC31" s="12">
        <f t="shared" si="24"/>
        <v>0.39015364754457021</v>
      </c>
      <c r="AD31" s="12">
        <f t="shared" si="12"/>
        <v>0.4871749986682945</v>
      </c>
      <c r="AE31" s="12">
        <f t="shared" si="13"/>
        <v>0</v>
      </c>
      <c r="AF31" s="12">
        <f t="shared" si="14"/>
        <v>0.50603884617949391</v>
      </c>
      <c r="AG31" s="12">
        <f t="shared" si="15"/>
        <v>0</v>
      </c>
      <c r="AH31" s="12">
        <f>AC31/SUM(AC$2:AG$366)*Input!$J$5</f>
        <v>399.52173992599984</v>
      </c>
      <c r="AI31" s="12">
        <f>AD31/SUM(AC$2:AG$366)*Input!$J$5</f>
        <v>498.87269884916003</v>
      </c>
      <c r="AJ31" s="12">
        <f>AE31/SUM(AC$2:AG$366)*Input!$J$5</f>
        <v>0</v>
      </c>
      <c r="AK31" s="12">
        <f>AF31/SUM(AC$2:AG$366)*Input!$J$5</f>
        <v>518.18949167374126</v>
      </c>
      <c r="AL31" s="12">
        <f>AG31/SUM(AC$2:AG$366)*Input!$J$5</f>
        <v>0</v>
      </c>
      <c r="AM31" s="12">
        <f t="shared" si="16"/>
        <v>248.73095600339568</v>
      </c>
      <c r="AN31" s="12">
        <f t="shared" si="17"/>
        <v>1103.9294960573454</v>
      </c>
      <c r="AO31" s="12">
        <f t="shared" si="18"/>
        <v>42.615652258773316</v>
      </c>
      <c r="AP31" s="12">
        <f t="shared" si="19"/>
        <v>21.307826129386658</v>
      </c>
      <c r="AQ31" s="12">
        <f t="shared" si="20"/>
        <v>0</v>
      </c>
      <c r="AR31" s="11">
        <f t="shared" si="21"/>
        <v>1416.5839304489011</v>
      </c>
      <c r="AT31" s="90">
        <v>0</v>
      </c>
      <c r="AU31" s="102">
        <f>IFERROR(AU13/$AZ13,0)</f>
        <v>0</v>
      </c>
      <c r="AV31" s="103">
        <f t="shared" ref="AV31:AY31" si="43">IFERROR(AV13/$AZ13,0)</f>
        <v>0</v>
      </c>
      <c r="AW31" s="103">
        <f t="shared" si="43"/>
        <v>0</v>
      </c>
      <c r="AX31" s="103">
        <f t="shared" si="43"/>
        <v>0</v>
      </c>
      <c r="AY31" s="104">
        <f t="shared" si="43"/>
        <v>0</v>
      </c>
      <c r="AZ31" s="91">
        <f>SUM(AU31:AY31)</f>
        <v>0</v>
      </c>
      <c r="BA31" s="230"/>
    </row>
    <row r="32" spans="2:64" x14ac:dyDescent="0.25">
      <c r="B32" s="79">
        <f t="shared" si="33"/>
        <v>5</v>
      </c>
      <c r="C32" s="150">
        <f t="shared" si="28"/>
        <v>1.0255095317047405</v>
      </c>
      <c r="D32" s="150">
        <f t="shared" si="29"/>
        <v>1.1757389252732287</v>
      </c>
      <c r="E32" s="150">
        <f t="shared" si="30"/>
        <v>1.292015048153824</v>
      </c>
      <c r="F32" s="150">
        <f t="shared" si="31"/>
        <v>1.6503212604367954</v>
      </c>
      <c r="I32" s="153" t="s">
        <v>133</v>
      </c>
      <c r="J32" s="150">
        <v>17.600000000000001</v>
      </c>
      <c r="K32" s="150">
        <v>19.600000000000001</v>
      </c>
      <c r="L32" s="150">
        <v>43.1</v>
      </c>
      <c r="M32" s="150">
        <v>7.8</v>
      </c>
      <c r="N32" s="154"/>
      <c r="P32" s="10">
        <f t="shared" si="23"/>
        <v>44957</v>
      </c>
      <c r="Q32" s="28">
        <v>5.2</v>
      </c>
      <c r="R32" s="28">
        <f t="shared" si="9"/>
        <v>2</v>
      </c>
      <c r="S32" s="12">
        <f t="shared" si="0"/>
        <v>1.0609861866589789</v>
      </c>
      <c r="T32" s="12">
        <f t="shared" si="1"/>
        <v>1.4695351264848711</v>
      </c>
      <c r="U32" s="12">
        <f t="shared" si="2"/>
        <v>1.771938814155029</v>
      </c>
      <c r="V32" s="12">
        <f t="shared" si="3"/>
        <v>2.5404025087253199</v>
      </c>
      <c r="W32" s="12">
        <f t="shared" si="10"/>
        <v>0</v>
      </c>
      <c r="X32" s="12">
        <f t="shared" si="4"/>
        <v>-7.0953309908476907E-3</v>
      </c>
      <c r="Y32" s="12">
        <f t="shared" si="5"/>
        <v>-5.875924024232846E-2</v>
      </c>
      <c r="Z32" s="12">
        <f t="shared" si="6"/>
        <v>-9.5984753200240996E-2</v>
      </c>
      <c r="AA32" s="12">
        <f t="shared" si="7"/>
        <v>-0.17801624965770491</v>
      </c>
      <c r="AB32" s="12">
        <f t="shared" si="11"/>
        <v>0</v>
      </c>
      <c r="AC32" s="12">
        <f t="shared" si="24"/>
        <v>0.3840339245649641</v>
      </c>
      <c r="AD32" s="12">
        <f t="shared" si="12"/>
        <v>0.43649515395928618</v>
      </c>
      <c r="AE32" s="12">
        <f t="shared" si="13"/>
        <v>0</v>
      </c>
      <c r="AF32" s="12">
        <f t="shared" si="14"/>
        <v>0.40367950262631358</v>
      </c>
      <c r="AG32" s="12">
        <f t="shared" si="15"/>
        <v>0</v>
      </c>
      <c r="AH32" s="12">
        <f>AC32/SUM(AC$2:AG$366)*Input!$J$5</f>
        <v>393.2550745031217</v>
      </c>
      <c r="AI32" s="12">
        <f>AD32/SUM(AC$2:AG$366)*Input!$J$5</f>
        <v>446.975965690951</v>
      </c>
      <c r="AJ32" s="12">
        <f>AE32/SUM(AC$2:AG$366)*Input!$J$5</f>
        <v>0</v>
      </c>
      <c r="AK32" s="12">
        <f>AF32/SUM(AC$2:AG$366)*Input!$J$5</f>
        <v>413.37236823680581</v>
      </c>
      <c r="AL32" s="12">
        <f>AG32/SUM(AC$2:AG$366)*Input!$J$5</f>
        <v>0</v>
      </c>
      <c r="AM32" s="12">
        <f t="shared" si="16"/>
        <v>198.41873675366668</v>
      </c>
      <c r="AN32" s="12">
        <f t="shared" si="17"/>
        <v>992.26385975671235</v>
      </c>
      <c r="AO32" s="12">
        <f t="shared" si="18"/>
        <v>41.947207946999654</v>
      </c>
      <c r="AP32" s="12">
        <f t="shared" si="19"/>
        <v>20.973603973499827</v>
      </c>
      <c r="AQ32" s="12">
        <f t="shared" si="20"/>
        <v>0</v>
      </c>
      <c r="AR32" s="11">
        <f t="shared" si="21"/>
        <v>1253.6034084308785</v>
      </c>
      <c r="AT32" s="90">
        <v>1</v>
      </c>
      <c r="AU32" s="97">
        <f t="shared" ref="AU32:AY32" si="44">IFERROR(AU14/$AZ14,0)</f>
        <v>0</v>
      </c>
      <c r="AV32" s="87">
        <f t="shared" si="44"/>
        <v>0.88</v>
      </c>
      <c r="AW32" s="87">
        <f t="shared" si="44"/>
        <v>0.08</v>
      </c>
      <c r="AX32" s="87">
        <f t="shared" si="44"/>
        <v>0.04</v>
      </c>
      <c r="AY32" s="98">
        <f t="shared" si="44"/>
        <v>0</v>
      </c>
      <c r="AZ32" s="91">
        <f t="shared" ref="AZ32:AZ35" si="45">SUM(AU32:AY32)</f>
        <v>1</v>
      </c>
      <c r="BA32" s="230"/>
    </row>
    <row r="33" spans="2:53" x14ac:dyDescent="0.25">
      <c r="B33" s="79">
        <f t="shared" si="33"/>
        <v>6</v>
      </c>
      <c r="C33" s="150">
        <f t="shared" si="28"/>
        <v>1.0184142007138928</v>
      </c>
      <c r="D33" s="150">
        <f t="shared" si="29"/>
        <v>1.1169796850309002</v>
      </c>
      <c r="E33" s="150">
        <f t="shared" si="30"/>
        <v>1.196030294953583</v>
      </c>
      <c r="F33" s="150">
        <f t="shared" si="31"/>
        <v>1.4723050107790905</v>
      </c>
      <c r="I33" s="156" t="s">
        <v>139</v>
      </c>
      <c r="J33" s="150" cm="1">
        <f t="array" ref="J33:M33">TRANSPOSE(Input!C4:C7)*100</f>
        <v>40</v>
      </c>
      <c r="K33" s="150">
        <v>0</v>
      </c>
      <c r="L33" s="150">
        <v>50</v>
      </c>
      <c r="M33" s="150">
        <v>9.9999999999999982</v>
      </c>
      <c r="N33" s="157"/>
      <c r="P33" s="10">
        <f t="shared" si="23"/>
        <v>44958</v>
      </c>
      <c r="Q33" s="28">
        <v>6.1</v>
      </c>
      <c r="R33" s="28">
        <f t="shared" si="9"/>
        <v>3</v>
      </c>
      <c r="S33" s="12">
        <f t="shared" si="0"/>
        <v>1.0609861866589789</v>
      </c>
      <c r="T33" s="12">
        <f t="shared" si="1"/>
        <v>1.4695351264848711</v>
      </c>
      <c r="U33" s="12">
        <f t="shared" si="2"/>
        <v>1.771938814155029</v>
      </c>
      <c r="V33" s="12">
        <f t="shared" si="3"/>
        <v>2.5404025087253199</v>
      </c>
      <c r="W33" s="12">
        <f t="shared" si="10"/>
        <v>0</v>
      </c>
      <c r="X33" s="12">
        <f t="shared" si="4"/>
        <v>-7.0953309908476907E-3</v>
      </c>
      <c r="Y33" s="12">
        <f t="shared" si="5"/>
        <v>-5.875924024232846E-2</v>
      </c>
      <c r="Z33" s="12">
        <f t="shared" si="6"/>
        <v>-9.5984753200240996E-2</v>
      </c>
      <c r="AA33" s="12">
        <f t="shared" si="7"/>
        <v>-0.17801624965770491</v>
      </c>
      <c r="AB33" s="12">
        <f t="shared" si="11"/>
        <v>0</v>
      </c>
      <c r="AC33" s="12">
        <f t="shared" si="24"/>
        <v>0.38163925035555302</v>
      </c>
      <c r="AD33" s="12">
        <f t="shared" si="12"/>
        <v>0.41666391037750028</v>
      </c>
      <c r="AE33" s="12">
        <f t="shared" si="13"/>
        <v>0</v>
      </c>
      <c r="AF33" s="12">
        <f t="shared" si="14"/>
        <v>0.36362584645333001</v>
      </c>
      <c r="AG33" s="12">
        <f t="shared" si="15"/>
        <v>0</v>
      </c>
      <c r="AH33" s="12">
        <f>AC33/SUM(AC$2:AG$366)*Input!$J$5</f>
        <v>390.80290107677803</v>
      </c>
      <c r="AI33" s="12">
        <f>AD33/SUM(AC$2:AG$366)*Input!$J$5</f>
        <v>426.66854836817356</v>
      </c>
      <c r="AJ33" s="12">
        <f>AE33/SUM(AC$2:AG$366)*Input!$J$5</f>
        <v>0</v>
      </c>
      <c r="AK33" s="12">
        <f>AF33/SUM(AC$2:AG$366)*Input!$J$5</f>
        <v>372.35697210930948</v>
      </c>
      <c r="AL33" s="12">
        <f>AG33/SUM(AC$2:AG$366)*Input!$J$5</f>
        <v>0</v>
      </c>
      <c r="AM33" s="12">
        <f t="shared" si="16"/>
        <v>178.73134661246846</v>
      </c>
      <c r="AN33" s="12">
        <f t="shared" si="17"/>
        <v>948.56861076950815</v>
      </c>
      <c r="AO33" s="12">
        <f t="shared" si="18"/>
        <v>41.685642781522994</v>
      </c>
      <c r="AP33" s="12">
        <f t="shared" si="19"/>
        <v>20.842821390761497</v>
      </c>
      <c r="AQ33" s="12">
        <f t="shared" si="20"/>
        <v>0</v>
      </c>
      <c r="AR33" s="11">
        <f t="shared" si="21"/>
        <v>1189.828421554261</v>
      </c>
      <c r="AT33" s="90">
        <v>2</v>
      </c>
      <c r="AU33" s="97">
        <f t="shared" ref="AU33:AY33" si="46">IFERROR(AU15/$AZ15,0)</f>
        <v>0</v>
      </c>
      <c r="AV33" s="87">
        <f t="shared" si="46"/>
        <v>1</v>
      </c>
      <c r="AW33" s="87">
        <f t="shared" si="46"/>
        <v>0</v>
      </c>
      <c r="AX33" s="87">
        <f t="shared" si="46"/>
        <v>0</v>
      </c>
      <c r="AY33" s="98">
        <f t="shared" si="46"/>
        <v>0</v>
      </c>
      <c r="AZ33" s="91">
        <f t="shared" si="45"/>
        <v>1</v>
      </c>
      <c r="BA33" s="230"/>
    </row>
    <row r="34" spans="2:53" x14ac:dyDescent="0.25">
      <c r="B34" s="79">
        <f t="shared" si="33"/>
        <v>7</v>
      </c>
      <c r="C34" s="150">
        <f t="shared" si="28"/>
        <v>1.0113188697230451</v>
      </c>
      <c r="D34" s="150">
        <f t="shared" si="29"/>
        <v>1.0582204447885719</v>
      </c>
      <c r="E34" s="150">
        <f t="shared" si="30"/>
        <v>1.1000455417533419</v>
      </c>
      <c r="F34" s="150">
        <f t="shared" si="31"/>
        <v>1.2942887611213856</v>
      </c>
      <c r="P34" s="10">
        <f t="shared" si="23"/>
        <v>44959</v>
      </c>
      <c r="Q34" s="28">
        <v>4</v>
      </c>
      <c r="R34" s="28">
        <f t="shared" si="9"/>
        <v>4</v>
      </c>
      <c r="S34" s="12">
        <f t="shared" si="0"/>
        <v>1.0609861866589789</v>
      </c>
      <c r="T34" s="12">
        <f t="shared" si="1"/>
        <v>1.4695351264848711</v>
      </c>
      <c r="U34" s="12">
        <f t="shared" si="2"/>
        <v>1.771938814155029</v>
      </c>
      <c r="V34" s="12">
        <f t="shared" si="3"/>
        <v>2.5404025087253199</v>
      </c>
      <c r="W34" s="12">
        <f t="shared" si="10"/>
        <v>0</v>
      </c>
      <c r="X34" s="12">
        <f t="shared" si="4"/>
        <v>-7.0953309908476907E-3</v>
      </c>
      <c r="Y34" s="12">
        <f t="shared" si="5"/>
        <v>-5.875924024232846E-2</v>
      </c>
      <c r="Z34" s="12">
        <f t="shared" si="6"/>
        <v>-9.5984753200240996E-2</v>
      </c>
      <c r="AA34" s="12">
        <f t="shared" si="7"/>
        <v>-0.17801624965770491</v>
      </c>
      <c r="AB34" s="12">
        <f t="shared" si="11"/>
        <v>0</v>
      </c>
      <c r="AC34" s="12">
        <f t="shared" si="24"/>
        <v>0.38722682351084559</v>
      </c>
      <c r="AD34" s="12">
        <f t="shared" si="12"/>
        <v>0.46293681206833392</v>
      </c>
      <c r="AE34" s="12">
        <f t="shared" si="13"/>
        <v>0</v>
      </c>
      <c r="AF34" s="12">
        <f t="shared" si="14"/>
        <v>0.45708437752362507</v>
      </c>
      <c r="AG34" s="12">
        <f t="shared" si="15"/>
        <v>0</v>
      </c>
      <c r="AH34" s="12">
        <f>AC34/SUM(AC$2:AG$366)*Input!$J$5</f>
        <v>396.52463907157988</v>
      </c>
      <c r="AI34" s="12">
        <f>AD34/SUM(AC$2:AG$366)*Input!$J$5</f>
        <v>474.05252212132081</v>
      </c>
      <c r="AJ34" s="12">
        <f>AE34/SUM(AC$2:AG$366)*Input!$J$5</f>
        <v>0</v>
      </c>
      <c r="AK34" s="12">
        <f>AF34/SUM(AC$2:AG$366)*Input!$J$5</f>
        <v>468.05956307346781</v>
      </c>
      <c r="AL34" s="12">
        <f>AG34/SUM(AC$2:AG$366)*Input!$J$5</f>
        <v>0</v>
      </c>
      <c r="AM34" s="12">
        <f t="shared" si="16"/>
        <v>224.66859027526445</v>
      </c>
      <c r="AN34" s="12">
        <f t="shared" si="17"/>
        <v>1050.5241917396513</v>
      </c>
      <c r="AO34" s="12">
        <f t="shared" si="18"/>
        <v>42.295961500968524</v>
      </c>
      <c r="AP34" s="12">
        <f t="shared" si="19"/>
        <v>21.147980750484262</v>
      </c>
      <c r="AQ34" s="12">
        <f t="shared" si="20"/>
        <v>0</v>
      </c>
      <c r="AR34" s="11">
        <f t="shared" si="21"/>
        <v>1338.6367242663687</v>
      </c>
      <c r="AT34" s="90">
        <v>3</v>
      </c>
      <c r="AU34" s="97">
        <f t="shared" ref="AU34:AY35" si="47">IFERROR(AU16/$AZ16,0)</f>
        <v>0</v>
      </c>
      <c r="AV34" s="87">
        <f t="shared" si="47"/>
        <v>1</v>
      </c>
      <c r="AW34" s="87">
        <f t="shared" si="47"/>
        <v>0</v>
      </c>
      <c r="AX34" s="87">
        <f t="shared" si="47"/>
        <v>0</v>
      </c>
      <c r="AY34" s="98">
        <f t="shared" si="47"/>
        <v>0</v>
      </c>
      <c r="AZ34" s="91">
        <f t="shared" si="45"/>
        <v>1</v>
      </c>
      <c r="BA34" s="230"/>
    </row>
    <row r="35" spans="2:53" ht="16.5" thickBot="1" x14ac:dyDescent="0.3">
      <c r="B35" s="79">
        <f t="shared" si="33"/>
        <v>8</v>
      </c>
      <c r="C35" s="150">
        <f t="shared" si="28"/>
        <v>1.0042235387321974</v>
      </c>
      <c r="D35" s="150">
        <f t="shared" si="29"/>
        <v>0.99946120454624343</v>
      </c>
      <c r="E35" s="150">
        <f t="shared" si="30"/>
        <v>1.004060788553101</v>
      </c>
      <c r="F35" s="150">
        <f t="shared" si="31"/>
        <v>1.1162725114636807</v>
      </c>
      <c r="P35" s="10">
        <f t="shared" si="23"/>
        <v>44960</v>
      </c>
      <c r="Q35" s="28">
        <v>5.3</v>
      </c>
      <c r="R35" s="28">
        <f t="shared" si="9"/>
        <v>5</v>
      </c>
      <c r="S35" s="12">
        <f t="shared" si="0"/>
        <v>1.0609861866589789</v>
      </c>
      <c r="T35" s="12">
        <f t="shared" si="1"/>
        <v>1.4695351264848711</v>
      </c>
      <c r="U35" s="12">
        <f t="shared" si="2"/>
        <v>1.771938814155029</v>
      </c>
      <c r="V35" s="12">
        <f t="shared" si="3"/>
        <v>2.5404025087253199</v>
      </c>
      <c r="W35" s="12">
        <f t="shared" si="10"/>
        <v>0</v>
      </c>
      <c r="X35" s="12">
        <f t="shared" si="4"/>
        <v>-7.0953309908476907E-3</v>
      </c>
      <c r="Y35" s="12">
        <f t="shared" si="5"/>
        <v>-5.875924024232846E-2</v>
      </c>
      <c r="Z35" s="12">
        <f t="shared" si="6"/>
        <v>-9.5984753200240996E-2</v>
      </c>
      <c r="AA35" s="12">
        <f t="shared" si="7"/>
        <v>-0.17801624965770491</v>
      </c>
      <c r="AB35" s="12">
        <f t="shared" si="11"/>
        <v>0</v>
      </c>
      <c r="AC35" s="12">
        <f t="shared" si="24"/>
        <v>0.3837678496528073</v>
      </c>
      <c r="AD35" s="12">
        <f t="shared" si="12"/>
        <v>0.43429168245019878</v>
      </c>
      <c r="AE35" s="12">
        <f t="shared" si="13"/>
        <v>0</v>
      </c>
      <c r="AF35" s="12">
        <f t="shared" si="14"/>
        <v>0.39922909638487097</v>
      </c>
      <c r="AG35" s="12">
        <f t="shared" si="15"/>
        <v>0</v>
      </c>
      <c r="AH35" s="12">
        <f>AC35/SUM(AC$2:AG$366)*Input!$J$5</f>
        <v>392.98261078908348</v>
      </c>
      <c r="AI35" s="12">
        <f>AD35/SUM(AC$2:AG$366)*Input!$J$5</f>
        <v>444.71958598842008</v>
      </c>
      <c r="AJ35" s="12">
        <f>AE35/SUM(AC$2:AG$366)*Input!$J$5</f>
        <v>0</v>
      </c>
      <c r="AK35" s="12">
        <f>AF35/SUM(AC$2:AG$366)*Input!$J$5</f>
        <v>408.81510200041737</v>
      </c>
      <c r="AL35" s="12">
        <f>AG35/SUM(AC$2:AG$366)*Input!$J$5</f>
        <v>0</v>
      </c>
      <c r="AM35" s="12">
        <f t="shared" si="16"/>
        <v>196.23124896020025</v>
      </c>
      <c r="AN35" s="12">
        <f t="shared" si="17"/>
        <v>987.40883209146739</v>
      </c>
      <c r="AO35" s="12">
        <f t="shared" si="18"/>
        <v>41.918145150835571</v>
      </c>
      <c r="AP35" s="12">
        <f t="shared" si="19"/>
        <v>20.959072575417785</v>
      </c>
      <c r="AQ35" s="12">
        <f t="shared" si="20"/>
        <v>0</v>
      </c>
      <c r="AR35" s="11">
        <f t="shared" si="21"/>
        <v>1246.517298777921</v>
      </c>
      <c r="AT35" s="90">
        <v>4</v>
      </c>
      <c r="AU35" s="99">
        <f t="shared" si="47"/>
        <v>0.96000000000000052</v>
      </c>
      <c r="AV35" s="100">
        <f t="shared" si="47"/>
        <v>3.9999999999999432E-2</v>
      </c>
      <c r="AW35" s="100">
        <f t="shared" si="47"/>
        <v>0</v>
      </c>
      <c r="AX35" s="100">
        <f t="shared" si="47"/>
        <v>0</v>
      </c>
      <c r="AY35" s="101">
        <f t="shared" si="47"/>
        <v>0</v>
      </c>
      <c r="AZ35" s="91">
        <f t="shared" si="45"/>
        <v>1</v>
      </c>
      <c r="BA35" s="230"/>
    </row>
    <row r="36" spans="2:53" ht="16.5" thickBot="1" x14ac:dyDescent="0.3">
      <c r="B36" s="79">
        <f t="shared" si="33"/>
        <v>9</v>
      </c>
      <c r="C36" s="150">
        <f t="shared" si="28"/>
        <v>0.99712820774134969</v>
      </c>
      <c r="D36" s="150">
        <f t="shared" si="29"/>
        <v>0.94070196430391495</v>
      </c>
      <c r="E36" s="150">
        <f t="shared" si="30"/>
        <v>0.90807603535285997</v>
      </c>
      <c r="F36" s="150">
        <f t="shared" si="31"/>
        <v>0.93825626180597577</v>
      </c>
      <c r="P36" s="10">
        <f t="shared" si="23"/>
        <v>44961</v>
      </c>
      <c r="Q36" s="28">
        <v>5.0999999999999996</v>
      </c>
      <c r="R36" s="28">
        <f t="shared" si="9"/>
        <v>6</v>
      </c>
      <c r="S36" s="12">
        <f t="shared" si="0"/>
        <v>0.88136675487947747</v>
      </c>
      <c r="T36" s="12">
        <f t="shared" si="1"/>
        <v>0.40529111994771311</v>
      </c>
      <c r="U36" s="12">
        <f t="shared" si="2"/>
        <v>1.4791569663107089</v>
      </c>
      <c r="V36" s="12">
        <f t="shared" si="3"/>
        <v>1.31124751273035</v>
      </c>
      <c r="W36" s="12">
        <f t="shared" si="10"/>
        <v>1.9424956480203619</v>
      </c>
      <c r="X36" s="12">
        <f t="shared" si="4"/>
        <v>-1.236743869637378E-2</v>
      </c>
      <c r="Y36" s="12">
        <f t="shared" si="5"/>
        <v>-1.3226323007097701E-2</v>
      </c>
      <c r="Z36" s="12">
        <f t="shared" si="6"/>
        <v>-6.6119920832722404E-2</v>
      </c>
      <c r="AA36" s="12">
        <f t="shared" si="7"/>
        <v>-7.5310765362349638E-2</v>
      </c>
      <c r="AB36" s="12">
        <f t="shared" si="11"/>
        <v>-0.1200596025795522</v>
      </c>
      <c r="AC36" s="12">
        <f t="shared" si="24"/>
        <v>0</v>
      </c>
      <c r="AD36" s="12">
        <f t="shared" si="12"/>
        <v>0.11824290541403019</v>
      </c>
      <c r="AE36" s="12">
        <f t="shared" si="13"/>
        <v>9.9920219880584651E-2</v>
      </c>
      <c r="AF36" s="12">
        <f t="shared" si="14"/>
        <v>0.16225345664191418</v>
      </c>
      <c r="AG36" s="12">
        <f t="shared" si="15"/>
        <v>0.11639177155065648</v>
      </c>
      <c r="AH36" s="12">
        <f>AC36/SUM(AC$2:AG$366)*Input!$J$5</f>
        <v>0</v>
      </c>
      <c r="AI36" s="12">
        <f>AD36/SUM(AC$2:AG$366)*Input!$J$5</f>
        <v>121.08207010809022</v>
      </c>
      <c r="AJ36" s="12">
        <f>AE36/SUM(AC$2:AG$366)*Input!$J$5</f>
        <v>102.3194332584556</v>
      </c>
      <c r="AK36" s="12">
        <f>AF36/SUM(AC$2:AG$366)*Input!$J$5</f>
        <v>166.14937144520741</v>
      </c>
      <c r="AL36" s="12">
        <f>AG36/SUM(AC$2:AG$366)*Input!$J$5</f>
        <v>119.18648813266728</v>
      </c>
      <c r="AM36" s="12">
        <f t="shared" si="16"/>
        <v>114.41902860736064</v>
      </c>
      <c r="AN36" s="12">
        <f t="shared" si="17"/>
        <v>379.788485924089</v>
      </c>
      <c r="AO36" s="12">
        <f t="shared" si="18"/>
        <v>9.6865656086472178</v>
      </c>
      <c r="AP36" s="12">
        <f t="shared" si="19"/>
        <v>4.8432828043236089</v>
      </c>
      <c r="AQ36" s="12">
        <f t="shared" si="20"/>
        <v>0</v>
      </c>
      <c r="AR36" s="11">
        <f t="shared" si="21"/>
        <v>508.73736294442051</v>
      </c>
      <c r="AT36" s="93"/>
      <c r="AU36" s="94">
        <f t="shared" ref="AU36" si="48">SUM(AU31:AU35)</f>
        <v>0.96000000000000052</v>
      </c>
      <c r="AV36" s="94">
        <f t="shared" ref="AV36" si="49">SUM(AV31:AV35)</f>
        <v>2.9199999999999995</v>
      </c>
      <c r="AW36" s="94">
        <f t="shared" ref="AW36" si="50">SUM(AW31:AW35)</f>
        <v>0.08</v>
      </c>
      <c r="AX36" s="94">
        <f t="shared" ref="AX36" si="51">SUM(AX31:AX35)</f>
        <v>0.04</v>
      </c>
      <c r="AY36" s="94">
        <f>SUM(AY31:AY35)</f>
        <v>0</v>
      </c>
      <c r="AZ36" s="95"/>
      <c r="BA36" s="230"/>
    </row>
    <row r="37" spans="2:53" x14ac:dyDescent="0.25">
      <c r="B37" s="79">
        <f t="shared" si="33"/>
        <v>10</v>
      </c>
      <c r="C37" s="150">
        <f t="shared" si="28"/>
        <v>0.990032876750502</v>
      </c>
      <c r="D37" s="150">
        <f t="shared" si="29"/>
        <v>0.88194272406158647</v>
      </c>
      <c r="E37" s="150">
        <f t="shared" si="30"/>
        <v>0.81209128215261894</v>
      </c>
      <c r="F37" s="150">
        <f t="shared" si="31"/>
        <v>0.76024001214827086</v>
      </c>
      <c r="P37" s="10">
        <f t="shared" si="23"/>
        <v>44962</v>
      </c>
      <c r="Q37" s="28">
        <v>0.5</v>
      </c>
      <c r="R37" s="28">
        <f t="shared" si="9"/>
        <v>7</v>
      </c>
      <c r="S37" s="12">
        <f t="shared" si="0"/>
        <v>0.88136675487947747</v>
      </c>
      <c r="T37" s="12">
        <f t="shared" si="1"/>
        <v>0.40529111994771311</v>
      </c>
      <c r="U37" s="12">
        <f t="shared" si="2"/>
        <v>1.4791569663107089</v>
      </c>
      <c r="V37" s="12">
        <f t="shared" si="3"/>
        <v>1.31124751273035</v>
      </c>
      <c r="W37" s="12">
        <f t="shared" si="10"/>
        <v>1.9424956480203619</v>
      </c>
      <c r="X37" s="12">
        <f t="shared" si="4"/>
        <v>-1.236743869637378E-2</v>
      </c>
      <c r="Y37" s="12">
        <f t="shared" si="5"/>
        <v>-1.3226323007097701E-2</v>
      </c>
      <c r="Z37" s="12">
        <f t="shared" si="6"/>
        <v>-6.6119920832722404E-2</v>
      </c>
      <c r="AA37" s="12">
        <f t="shared" si="7"/>
        <v>-7.5310765362349638E-2</v>
      </c>
      <c r="AB37" s="12">
        <f t="shared" si="11"/>
        <v>-0.1200596025795522</v>
      </c>
      <c r="AC37" s="12">
        <f t="shared" si="24"/>
        <v>0</v>
      </c>
      <c r="AD37" s="12">
        <f t="shared" si="12"/>
        <v>0.13953728545545749</v>
      </c>
      <c r="AE37" s="12">
        <f t="shared" si="13"/>
        <v>0.12653348801575542</v>
      </c>
      <c r="AF37" s="12">
        <f t="shared" si="14"/>
        <v>0.22287862275860565</v>
      </c>
      <c r="AG37" s="12">
        <f t="shared" si="15"/>
        <v>0.16471576158892623</v>
      </c>
      <c r="AH37" s="12">
        <f>AC37/SUM(AC$2:AG$366)*Input!$J$5</f>
        <v>0</v>
      </c>
      <c r="AI37" s="12">
        <f>AD37/SUM(AC$2:AG$366)*Input!$J$5</f>
        <v>142.88775568437242</v>
      </c>
      <c r="AJ37" s="12">
        <f>AE37/SUM(AC$2:AG$366)*Input!$J$5</f>
        <v>129.57172029305511</v>
      </c>
      <c r="AK37" s="12">
        <f>AF37/SUM(AC$2:AG$366)*Input!$J$5</f>
        <v>228.23022600770742</v>
      </c>
      <c r="AL37" s="12">
        <f>AG37/SUM(AC$2:AG$366)*Input!$J$5</f>
        <v>168.67079951040645</v>
      </c>
      <c r="AM37" s="12">
        <f t="shared" si="16"/>
        <v>161.92396752999028</v>
      </c>
      <c r="AN37" s="12">
        <f t="shared" si="17"/>
        <v>490.29000328342642</v>
      </c>
      <c r="AO37" s="12">
        <f t="shared" si="18"/>
        <v>11.431020454749794</v>
      </c>
      <c r="AP37" s="12">
        <f t="shared" si="19"/>
        <v>5.7155102273748968</v>
      </c>
      <c r="AQ37" s="12">
        <f t="shared" si="20"/>
        <v>0</v>
      </c>
      <c r="AR37" s="11">
        <f t="shared" si="21"/>
        <v>669.36050149554148</v>
      </c>
    </row>
    <row r="38" spans="2:53" x14ac:dyDescent="0.25">
      <c r="B38" s="79">
        <f t="shared" si="33"/>
        <v>11</v>
      </c>
      <c r="C38" s="150">
        <f t="shared" si="28"/>
        <v>0.98293754575965431</v>
      </c>
      <c r="D38" s="150">
        <f t="shared" si="29"/>
        <v>0.82318348381925799</v>
      </c>
      <c r="E38" s="150">
        <f t="shared" si="30"/>
        <v>0.71610652895237803</v>
      </c>
      <c r="F38" s="150">
        <f t="shared" si="31"/>
        <v>0.58222376249056595</v>
      </c>
      <c r="P38" s="10">
        <f t="shared" si="23"/>
        <v>44963</v>
      </c>
      <c r="Q38" s="28">
        <v>-1.9</v>
      </c>
      <c r="R38" s="28">
        <f t="shared" si="9"/>
        <v>1</v>
      </c>
      <c r="S38" s="12">
        <f t="shared" si="0"/>
        <v>1.085192073005006</v>
      </c>
      <c r="T38" s="12">
        <f t="shared" si="1"/>
        <v>1.4695351264848711</v>
      </c>
      <c r="U38" s="12">
        <f t="shared" si="2"/>
        <v>1.771938814155029</v>
      </c>
      <c r="V38" s="12">
        <f t="shared" si="3"/>
        <v>2.5404025087253199</v>
      </c>
      <c r="W38" s="12">
        <f t="shared" si="10"/>
        <v>0</v>
      </c>
      <c r="X38" s="12">
        <f t="shared" si="4"/>
        <v>-1.544218835154681E-2</v>
      </c>
      <c r="Y38" s="12">
        <f t="shared" si="5"/>
        <v>-5.875924024232846E-2</v>
      </c>
      <c r="Z38" s="12">
        <f t="shared" si="6"/>
        <v>-9.5984753200240996E-2</v>
      </c>
      <c r="AA38" s="12">
        <f t="shared" si="7"/>
        <v>-0.17801624965770491</v>
      </c>
      <c r="AB38" s="12">
        <f t="shared" si="11"/>
        <v>0</v>
      </c>
      <c r="AC38" s="12">
        <f t="shared" si="24"/>
        <v>0.41794958657735432</v>
      </c>
      <c r="AD38" s="12">
        <f t="shared" si="12"/>
        <v>0.59294163110448561</v>
      </c>
      <c r="AE38" s="12">
        <f t="shared" si="13"/>
        <v>0</v>
      </c>
      <c r="AF38" s="12">
        <f t="shared" si="14"/>
        <v>0.71965834576873977</v>
      </c>
      <c r="AG38" s="12">
        <f t="shared" si="15"/>
        <v>0</v>
      </c>
      <c r="AH38" s="12">
        <f>AC38/SUM(AC$2:AG$366)*Input!$J$5</f>
        <v>427.9850953121271</v>
      </c>
      <c r="AI38" s="12">
        <f>AD38/SUM(AC$2:AG$366)*Input!$J$5</f>
        <v>607.17892457063954</v>
      </c>
      <c r="AJ38" s="12">
        <f>AE38/SUM(AC$2:AG$366)*Input!$J$5</f>
        <v>0</v>
      </c>
      <c r="AK38" s="12">
        <f>AF38/SUM(AC$2:AG$366)*Input!$J$5</f>
        <v>736.93827102038881</v>
      </c>
      <c r="AL38" s="12">
        <f>AG38/SUM(AC$2:AG$366)*Input!$J$5</f>
        <v>0</v>
      </c>
      <c r="AM38" s="12">
        <f t="shared" si="16"/>
        <v>353.73037008978645</v>
      </c>
      <c r="AN38" s="12">
        <f t="shared" si="17"/>
        <v>1349.8943055634286</v>
      </c>
      <c r="AO38" s="12">
        <f t="shared" si="18"/>
        <v>45.651743499960226</v>
      </c>
      <c r="AP38" s="12">
        <f t="shared" si="19"/>
        <v>22.825871749980113</v>
      </c>
      <c r="AQ38" s="12">
        <f t="shared" si="20"/>
        <v>0</v>
      </c>
      <c r="AR38" s="11">
        <f t="shared" si="21"/>
        <v>1772.1022909031553</v>
      </c>
    </row>
    <row r="39" spans="2:53" x14ac:dyDescent="0.25">
      <c r="B39" s="79">
        <f t="shared" si="33"/>
        <v>12</v>
      </c>
      <c r="C39" s="150">
        <f t="shared" si="28"/>
        <v>0.97584221476880662</v>
      </c>
      <c r="D39" s="150">
        <f t="shared" si="29"/>
        <v>0.76442424357692951</v>
      </c>
      <c r="E39" s="150">
        <f t="shared" si="30"/>
        <v>0.62012177575213712</v>
      </c>
      <c r="F39" s="150">
        <f t="shared" si="31"/>
        <v>0.40420751283286105</v>
      </c>
      <c r="P39" s="10">
        <f t="shared" si="23"/>
        <v>44964</v>
      </c>
      <c r="Q39" s="28">
        <v>-1.9</v>
      </c>
      <c r="R39" s="28">
        <f t="shared" si="9"/>
        <v>2</v>
      </c>
      <c r="S39" s="12">
        <f t="shared" si="0"/>
        <v>1.085192073005006</v>
      </c>
      <c r="T39" s="12">
        <f t="shared" si="1"/>
        <v>1.4695351264848711</v>
      </c>
      <c r="U39" s="12">
        <f t="shared" si="2"/>
        <v>1.771938814155029</v>
      </c>
      <c r="V39" s="12">
        <f t="shared" si="3"/>
        <v>2.5404025087253199</v>
      </c>
      <c r="W39" s="12">
        <f t="shared" si="10"/>
        <v>0</v>
      </c>
      <c r="X39" s="12">
        <f t="shared" si="4"/>
        <v>-1.544218835154681E-2</v>
      </c>
      <c r="Y39" s="12">
        <f t="shared" si="5"/>
        <v>-5.875924024232846E-2</v>
      </c>
      <c r="Z39" s="12">
        <f t="shared" si="6"/>
        <v>-9.5984753200240996E-2</v>
      </c>
      <c r="AA39" s="12">
        <f t="shared" si="7"/>
        <v>-0.17801624965770491</v>
      </c>
      <c r="AB39" s="12">
        <f t="shared" si="11"/>
        <v>0</v>
      </c>
      <c r="AC39" s="12">
        <f t="shared" si="24"/>
        <v>0.41794958657735432</v>
      </c>
      <c r="AD39" s="12">
        <f t="shared" si="12"/>
        <v>0.59294163110448561</v>
      </c>
      <c r="AE39" s="12">
        <f t="shared" si="13"/>
        <v>0</v>
      </c>
      <c r="AF39" s="12">
        <f t="shared" si="14"/>
        <v>0.71965834576873977</v>
      </c>
      <c r="AG39" s="12">
        <f t="shared" si="15"/>
        <v>0</v>
      </c>
      <c r="AH39" s="12">
        <f>AC39/SUM(AC$2:AG$366)*Input!$J$5</f>
        <v>427.9850953121271</v>
      </c>
      <c r="AI39" s="12">
        <f>AD39/SUM(AC$2:AG$366)*Input!$J$5</f>
        <v>607.17892457063954</v>
      </c>
      <c r="AJ39" s="12">
        <f>AE39/SUM(AC$2:AG$366)*Input!$J$5</f>
        <v>0</v>
      </c>
      <c r="AK39" s="12">
        <f>AF39/SUM(AC$2:AG$366)*Input!$J$5</f>
        <v>736.93827102038881</v>
      </c>
      <c r="AL39" s="12">
        <f>AG39/SUM(AC$2:AG$366)*Input!$J$5</f>
        <v>0</v>
      </c>
      <c r="AM39" s="12">
        <f t="shared" si="16"/>
        <v>353.73037008978645</v>
      </c>
      <c r="AN39" s="12">
        <f t="shared" si="17"/>
        <v>1349.8943055634286</v>
      </c>
      <c r="AO39" s="12">
        <f t="shared" si="18"/>
        <v>45.651743499960226</v>
      </c>
      <c r="AP39" s="12">
        <f t="shared" si="19"/>
        <v>22.825871749980113</v>
      </c>
      <c r="AQ39" s="12">
        <f t="shared" si="20"/>
        <v>0</v>
      </c>
      <c r="AR39" s="11">
        <f t="shared" si="21"/>
        <v>1772.1022909031553</v>
      </c>
    </row>
    <row r="40" spans="2:53" x14ac:dyDescent="0.25">
      <c r="B40" s="79">
        <f t="shared" si="33"/>
        <v>13</v>
      </c>
      <c r="C40" s="150">
        <f t="shared" si="28"/>
        <v>0.96874688377795892</v>
      </c>
      <c r="D40" s="150">
        <f t="shared" si="29"/>
        <v>0.70566500333460103</v>
      </c>
      <c r="E40" s="150">
        <f t="shared" si="30"/>
        <v>0.52413702255189598</v>
      </c>
      <c r="F40" s="150">
        <f t="shared" si="31"/>
        <v>0.24184522813579062</v>
      </c>
      <c r="P40" s="10">
        <f t="shared" si="23"/>
        <v>44965</v>
      </c>
      <c r="Q40" s="28">
        <v>-1.1000000000000001</v>
      </c>
      <c r="R40" s="28">
        <f t="shared" si="9"/>
        <v>3</v>
      </c>
      <c r="S40" s="12">
        <f t="shared" si="0"/>
        <v>1.085192073005006</v>
      </c>
      <c r="T40" s="12">
        <f t="shared" si="1"/>
        <v>1.4695351264848711</v>
      </c>
      <c r="U40" s="12">
        <f t="shared" si="2"/>
        <v>1.771938814155029</v>
      </c>
      <c r="V40" s="12">
        <f t="shared" si="3"/>
        <v>2.5404025087253199</v>
      </c>
      <c r="W40" s="12">
        <f t="shared" si="10"/>
        <v>0</v>
      </c>
      <c r="X40" s="12">
        <f t="shared" si="4"/>
        <v>-1.544218835154681E-2</v>
      </c>
      <c r="Y40" s="12">
        <f t="shared" si="5"/>
        <v>-5.875924024232846E-2</v>
      </c>
      <c r="Z40" s="12">
        <f t="shared" si="6"/>
        <v>-9.5984753200240996E-2</v>
      </c>
      <c r="AA40" s="12">
        <f t="shared" si="7"/>
        <v>-0.17801624965770491</v>
      </c>
      <c r="AB40" s="12">
        <f t="shared" si="11"/>
        <v>0</v>
      </c>
      <c r="AC40" s="12">
        <f t="shared" si="24"/>
        <v>0.4133169300718903</v>
      </c>
      <c r="AD40" s="12">
        <f t="shared" si="12"/>
        <v>0.57531385903178711</v>
      </c>
      <c r="AE40" s="12">
        <f t="shared" si="13"/>
        <v>0</v>
      </c>
      <c r="AF40" s="12">
        <f t="shared" si="14"/>
        <v>0.68405509583719881</v>
      </c>
      <c r="AG40" s="12">
        <f t="shared" si="15"/>
        <v>0</v>
      </c>
      <c r="AH40" s="12">
        <f>AC40/SUM(AC$2:AG$366)*Input!$J$5</f>
        <v>423.24120274777255</v>
      </c>
      <c r="AI40" s="12">
        <f>AD40/SUM(AC$2:AG$366)*Input!$J$5</f>
        <v>589.12788695039285</v>
      </c>
      <c r="AJ40" s="12">
        <f>AE40/SUM(AC$2:AG$366)*Input!$J$5</f>
        <v>0</v>
      </c>
      <c r="AK40" s="12">
        <f>AF40/SUM(AC$2:AG$366)*Input!$J$5</f>
        <v>700.48014112928081</v>
      </c>
      <c r="AL40" s="12">
        <f>AG40/SUM(AC$2:AG$366)*Input!$J$5</f>
        <v>0</v>
      </c>
      <c r="AM40" s="12">
        <f t="shared" si="16"/>
        <v>336.2304677420546</v>
      </c>
      <c r="AN40" s="12">
        <f t="shared" si="17"/>
        <v>1308.9001706457479</v>
      </c>
      <c r="AO40" s="12">
        <f t="shared" si="18"/>
        <v>45.145728293095743</v>
      </c>
      <c r="AP40" s="12">
        <f t="shared" si="19"/>
        <v>22.572864146547872</v>
      </c>
      <c r="AQ40" s="12">
        <f t="shared" si="20"/>
        <v>0</v>
      </c>
      <c r="AR40" s="11">
        <f t="shared" si="21"/>
        <v>1712.849230827446</v>
      </c>
    </row>
    <row r="41" spans="2:53" x14ac:dyDescent="0.25">
      <c r="B41" s="79">
        <f t="shared" si="33"/>
        <v>14</v>
      </c>
      <c r="C41" s="150">
        <f t="shared" si="28"/>
        <v>0.96165155278711123</v>
      </c>
      <c r="D41" s="150">
        <f t="shared" si="29"/>
        <v>0.64690576309227266</v>
      </c>
      <c r="E41" s="150">
        <f t="shared" si="30"/>
        <v>0.42815226935165507</v>
      </c>
      <c r="F41" s="150">
        <f t="shared" si="31"/>
        <v>0.22036862808443519</v>
      </c>
      <c r="P41" s="10">
        <f t="shared" si="23"/>
        <v>44966</v>
      </c>
      <c r="Q41" s="28">
        <v>0.4</v>
      </c>
      <c r="R41" s="28">
        <f t="shared" si="9"/>
        <v>4</v>
      </c>
      <c r="S41" s="12">
        <f t="shared" si="0"/>
        <v>1.085192073005006</v>
      </c>
      <c r="T41" s="12">
        <f t="shared" si="1"/>
        <v>1.4695351264848711</v>
      </c>
      <c r="U41" s="12">
        <f t="shared" si="2"/>
        <v>1.771938814155029</v>
      </c>
      <c r="V41" s="12">
        <f t="shared" si="3"/>
        <v>2.5404025087253199</v>
      </c>
      <c r="W41" s="12">
        <f t="shared" si="10"/>
        <v>0</v>
      </c>
      <c r="X41" s="12">
        <f t="shared" si="4"/>
        <v>-1.544218835154681E-2</v>
      </c>
      <c r="Y41" s="12">
        <f t="shared" si="5"/>
        <v>-5.875924024232846E-2</v>
      </c>
      <c r="Z41" s="12">
        <f t="shared" si="6"/>
        <v>-9.5984753200240996E-2</v>
      </c>
      <c r="AA41" s="12">
        <f t="shared" si="7"/>
        <v>-0.17801624965770491</v>
      </c>
      <c r="AB41" s="12">
        <f t="shared" si="11"/>
        <v>0</v>
      </c>
      <c r="AC41" s="12">
        <f t="shared" si="24"/>
        <v>0.40463069912414529</v>
      </c>
      <c r="AD41" s="12">
        <f t="shared" si="12"/>
        <v>0.54226178639547729</v>
      </c>
      <c r="AE41" s="12">
        <f t="shared" si="13"/>
        <v>0</v>
      </c>
      <c r="AF41" s="12">
        <f t="shared" si="14"/>
        <v>0.61729900221555944</v>
      </c>
      <c r="AG41" s="12">
        <f t="shared" si="15"/>
        <v>0</v>
      </c>
      <c r="AH41" s="12">
        <f>AC41/SUM(AC$2:AG$366)*Input!$J$5</f>
        <v>414.34640418960777</v>
      </c>
      <c r="AI41" s="12">
        <f>AD41/SUM(AC$2:AG$366)*Input!$J$5</f>
        <v>555.28219141243051</v>
      </c>
      <c r="AJ41" s="12">
        <f>AE41/SUM(AC$2:AG$366)*Input!$J$5</f>
        <v>0</v>
      </c>
      <c r="AK41" s="12">
        <f>AF41/SUM(AC$2:AG$366)*Input!$J$5</f>
        <v>632.12114758345353</v>
      </c>
      <c r="AL41" s="12">
        <f>AG41/SUM(AC$2:AG$366)*Input!$J$5</f>
        <v>0</v>
      </c>
      <c r="AM41" s="12">
        <f t="shared" si="16"/>
        <v>303.41815084005754</v>
      </c>
      <c r="AN41" s="12">
        <f t="shared" si="17"/>
        <v>1232.036167675097</v>
      </c>
      <c r="AO41" s="12">
        <f t="shared" si="18"/>
        <v>44.196949780224834</v>
      </c>
      <c r="AP41" s="12">
        <f t="shared" si="19"/>
        <v>22.098474890112417</v>
      </c>
      <c r="AQ41" s="12">
        <f t="shared" si="20"/>
        <v>0</v>
      </c>
      <c r="AR41" s="11">
        <f t="shared" si="21"/>
        <v>1601.7497431854918</v>
      </c>
    </row>
    <row r="42" spans="2:53" x14ac:dyDescent="0.25">
      <c r="B42" s="79">
        <f>B41+1</f>
        <v>15</v>
      </c>
      <c r="C42" s="150">
        <f t="shared" si="28"/>
        <v>0.95455622179626354</v>
      </c>
      <c r="D42" s="150">
        <f t="shared" si="29"/>
        <v>0.58814652284994418</v>
      </c>
      <c r="E42" s="150">
        <f t="shared" si="30"/>
        <v>0.33216751615141393</v>
      </c>
      <c r="F42" s="150">
        <f t="shared" si="31"/>
        <v>0.19889202803307982</v>
      </c>
      <c r="P42" s="10">
        <f t="shared" si="23"/>
        <v>44967</v>
      </c>
      <c r="Q42" s="28">
        <v>2</v>
      </c>
      <c r="R42" s="28">
        <f t="shared" si="9"/>
        <v>5</v>
      </c>
      <c r="S42" s="12">
        <f t="shared" si="0"/>
        <v>1.085192073005006</v>
      </c>
      <c r="T42" s="12">
        <f t="shared" si="1"/>
        <v>1.4695351264848711</v>
      </c>
      <c r="U42" s="12">
        <f t="shared" si="2"/>
        <v>1.771938814155029</v>
      </c>
      <c r="V42" s="12">
        <f t="shared" si="3"/>
        <v>2.5404025087253199</v>
      </c>
      <c r="W42" s="12">
        <f t="shared" si="10"/>
        <v>0</v>
      </c>
      <c r="X42" s="12">
        <f t="shared" si="4"/>
        <v>-1.544218835154681E-2</v>
      </c>
      <c r="Y42" s="12">
        <f t="shared" si="5"/>
        <v>-5.875924024232846E-2</v>
      </c>
      <c r="Z42" s="12">
        <f t="shared" si="6"/>
        <v>-9.5984753200240996E-2</v>
      </c>
      <c r="AA42" s="12">
        <f t="shared" si="7"/>
        <v>-0.17801624965770491</v>
      </c>
      <c r="AB42" s="12">
        <f t="shared" si="11"/>
        <v>0</v>
      </c>
      <c r="AC42" s="12">
        <f t="shared" si="24"/>
        <v>0.39536538611321714</v>
      </c>
      <c r="AD42" s="12">
        <f t="shared" si="12"/>
        <v>0.50700624225008029</v>
      </c>
      <c r="AE42" s="12">
        <f t="shared" si="13"/>
        <v>0</v>
      </c>
      <c r="AF42" s="12">
        <f t="shared" si="14"/>
        <v>0.54609250235247753</v>
      </c>
      <c r="AG42" s="12">
        <f t="shared" si="15"/>
        <v>0</v>
      </c>
      <c r="AH42" s="12">
        <f>AC42/SUM(AC$2:AG$366)*Input!$J$5</f>
        <v>404.85861906089866</v>
      </c>
      <c r="AI42" s="12">
        <f>AD42/SUM(AC$2:AG$366)*Input!$J$5</f>
        <v>519.18011617193736</v>
      </c>
      <c r="AJ42" s="12">
        <f>AE42/SUM(AC$2:AG$366)*Input!$J$5</f>
        <v>0</v>
      </c>
      <c r="AK42" s="12">
        <f>AF42/SUM(AC$2:AG$366)*Input!$J$5</f>
        <v>559.20488780123765</v>
      </c>
      <c r="AL42" s="12">
        <f>AG42/SUM(AC$2:AG$366)*Input!$J$5</f>
        <v>0</v>
      </c>
      <c r="AM42" s="12">
        <f t="shared" si="16"/>
        <v>268.41834614459395</v>
      </c>
      <c r="AN42" s="12">
        <f t="shared" si="17"/>
        <v>1150.0478978397359</v>
      </c>
      <c r="AO42" s="12">
        <f t="shared" si="18"/>
        <v>43.184919366495862</v>
      </c>
      <c r="AP42" s="12">
        <f t="shared" si="19"/>
        <v>21.592459683247931</v>
      </c>
      <c r="AQ42" s="12">
        <f t="shared" si="20"/>
        <v>0</v>
      </c>
      <c r="AR42" s="11">
        <f t="shared" si="21"/>
        <v>1483.2436230340736</v>
      </c>
    </row>
    <row r="43" spans="2:53" x14ac:dyDescent="0.25">
      <c r="B43" s="79">
        <f t="shared" si="33"/>
        <v>16</v>
      </c>
      <c r="C43" s="150">
        <f t="shared" si="28"/>
        <v>0.94746089080541585</v>
      </c>
      <c r="D43" s="150">
        <f t="shared" si="29"/>
        <v>0.52938728260761569</v>
      </c>
      <c r="E43" s="150">
        <f t="shared" si="30"/>
        <v>0.23618276295117302</v>
      </c>
      <c r="F43" s="150">
        <f t="shared" si="31"/>
        <v>0.17741542798172438</v>
      </c>
      <c r="P43" s="10">
        <f t="shared" si="23"/>
        <v>44968</v>
      </c>
      <c r="Q43" s="28">
        <v>4.8</v>
      </c>
      <c r="R43" s="28">
        <f t="shared" si="9"/>
        <v>6</v>
      </c>
      <c r="S43" s="12">
        <f t="shared" si="0"/>
        <v>0.88136675487947747</v>
      </c>
      <c r="T43" s="12">
        <f t="shared" si="1"/>
        <v>0.40529111994771311</v>
      </c>
      <c r="U43" s="12">
        <f t="shared" si="2"/>
        <v>1.4791569663107089</v>
      </c>
      <c r="V43" s="12">
        <f t="shared" si="3"/>
        <v>1.31124751273035</v>
      </c>
      <c r="W43" s="12">
        <f t="shared" si="10"/>
        <v>1.9424956480203619</v>
      </c>
      <c r="X43" s="12">
        <f t="shared" si="4"/>
        <v>-1.236743869637378E-2</v>
      </c>
      <c r="Y43" s="12">
        <f t="shared" si="5"/>
        <v>-1.3226323007097701E-2</v>
      </c>
      <c r="Z43" s="12">
        <f t="shared" si="6"/>
        <v>-6.6119920832722404E-2</v>
      </c>
      <c r="AA43" s="12">
        <f t="shared" si="7"/>
        <v>-7.5310765362349638E-2</v>
      </c>
      <c r="AB43" s="12">
        <f t="shared" si="11"/>
        <v>-0.1200596025795522</v>
      </c>
      <c r="AC43" s="12">
        <f t="shared" si="24"/>
        <v>0</v>
      </c>
      <c r="AD43" s="12">
        <f t="shared" si="12"/>
        <v>0.11963166932977544</v>
      </c>
      <c r="AE43" s="12">
        <f t="shared" si="13"/>
        <v>0.10165586780244361</v>
      </c>
      <c r="AF43" s="12">
        <f t="shared" si="14"/>
        <v>0.16620727182343756</v>
      </c>
      <c r="AG43" s="12">
        <f t="shared" si="15"/>
        <v>0.11954333611836972</v>
      </c>
      <c r="AH43" s="12">
        <f>AC43/SUM(AC$2:AG$366)*Input!$J$5</f>
        <v>0</v>
      </c>
      <c r="AI43" s="12">
        <f>AD43/SUM(AC$2:AG$366)*Input!$J$5</f>
        <v>122.50418003697818</v>
      </c>
      <c r="AJ43" s="12">
        <f>AE43/SUM(AC$2:AG$366)*Input!$J$5</f>
        <v>104.09675632592948</v>
      </c>
      <c r="AK43" s="12">
        <f>AF43/SUM(AC$2:AG$366)*Input!$J$5</f>
        <v>170.1981228297183</v>
      </c>
      <c r="AL43" s="12">
        <f>AG43/SUM(AC$2:AG$366)*Input!$J$5</f>
        <v>122.41372583121547</v>
      </c>
      <c r="AM43" s="12">
        <f t="shared" si="16"/>
        <v>117.51717679796691</v>
      </c>
      <c r="AN43" s="12">
        <f t="shared" si="17"/>
        <v>386.99510662143712</v>
      </c>
      <c r="AO43" s="12">
        <f t="shared" si="18"/>
        <v>9.8003344029582546</v>
      </c>
      <c r="AP43" s="12">
        <f t="shared" si="19"/>
        <v>4.9001672014791273</v>
      </c>
      <c r="AQ43" s="12">
        <f t="shared" si="20"/>
        <v>0</v>
      </c>
      <c r="AR43" s="11">
        <f t="shared" si="21"/>
        <v>519.21278502384143</v>
      </c>
    </row>
    <row r="44" spans="2:53" x14ac:dyDescent="0.25">
      <c r="B44" s="79">
        <f t="shared" si="33"/>
        <v>17</v>
      </c>
      <c r="C44" s="150">
        <f t="shared" si="28"/>
        <v>0.94036555981456815</v>
      </c>
      <c r="D44" s="150">
        <f t="shared" si="29"/>
        <v>0.47062804236528721</v>
      </c>
      <c r="E44" s="150">
        <f t="shared" si="30"/>
        <v>0.19013498903323212</v>
      </c>
      <c r="F44" s="150">
        <f t="shared" si="31"/>
        <v>0.15593882793036895</v>
      </c>
      <c r="P44" s="10">
        <f t="shared" si="23"/>
        <v>44969</v>
      </c>
      <c r="Q44" s="28">
        <v>7.8</v>
      </c>
      <c r="R44" s="28">
        <f t="shared" si="9"/>
        <v>7</v>
      </c>
      <c r="S44" s="12">
        <f t="shared" si="0"/>
        <v>0.88136675487947747</v>
      </c>
      <c r="T44" s="12">
        <f t="shared" si="1"/>
        <v>0.40529111994771311</v>
      </c>
      <c r="U44" s="12">
        <f t="shared" si="2"/>
        <v>1.4791569663107089</v>
      </c>
      <c r="V44" s="12">
        <f t="shared" si="3"/>
        <v>1.31124751273035</v>
      </c>
      <c r="W44" s="12">
        <f t="shared" si="10"/>
        <v>1.9424956480203619</v>
      </c>
      <c r="X44" s="12">
        <f t="shared" si="4"/>
        <v>-1.236743869637378E-2</v>
      </c>
      <c r="Y44" s="12">
        <f t="shared" si="5"/>
        <v>-1.3226323007097701E-2</v>
      </c>
      <c r="Z44" s="12">
        <f t="shared" si="6"/>
        <v>-6.6119920832722404E-2</v>
      </c>
      <c r="AA44" s="12">
        <f t="shared" si="7"/>
        <v>-7.5310765362349638E-2</v>
      </c>
      <c r="AB44" s="12">
        <f t="shared" si="11"/>
        <v>-0.1200596025795522</v>
      </c>
      <c r="AC44" s="12">
        <f t="shared" si="24"/>
        <v>0</v>
      </c>
      <c r="AD44" s="12">
        <f t="shared" si="12"/>
        <v>0.10574403017232287</v>
      </c>
      <c r="AE44" s="12">
        <f t="shared" si="13"/>
        <v>8.4299388583853982E-2</v>
      </c>
      <c r="AF44" s="12">
        <f t="shared" si="14"/>
        <v>0.12666912000820399</v>
      </c>
      <c r="AG44" s="12">
        <f t="shared" si="15"/>
        <v>8.8027690441237302E-2</v>
      </c>
      <c r="AH44" s="12">
        <f>AC44/SUM(AC$2:AG$366)*Input!$J$5</f>
        <v>0</v>
      </c>
      <c r="AI44" s="12">
        <f>AD44/SUM(AC$2:AG$366)*Input!$J$5</f>
        <v>108.2830807480985</v>
      </c>
      <c r="AJ44" s="12">
        <f>AE44/SUM(AC$2:AG$366)*Input!$J$5</f>
        <v>86.323525651190678</v>
      </c>
      <c r="AK44" s="12">
        <f>AF44/SUM(AC$2:AG$366)*Input!$J$5</f>
        <v>129.71060898460962</v>
      </c>
      <c r="AL44" s="12">
        <f>AG44/SUM(AC$2:AG$366)*Input!$J$5</f>
        <v>90.141348845733447</v>
      </c>
      <c r="AM44" s="12">
        <f t="shared" si="16"/>
        <v>86.535694891904157</v>
      </c>
      <c r="AN44" s="12">
        <f t="shared" si="17"/>
        <v>314.92889964795626</v>
      </c>
      <c r="AO44" s="12">
        <f t="shared" si="18"/>
        <v>8.6626464598478794</v>
      </c>
      <c r="AP44" s="12">
        <f t="shared" si="19"/>
        <v>4.3313232299239397</v>
      </c>
      <c r="AQ44" s="12">
        <f t="shared" si="20"/>
        <v>0</v>
      </c>
      <c r="AR44" s="11">
        <f t="shared" si="21"/>
        <v>414.45856422963226</v>
      </c>
    </row>
    <row r="45" spans="2:53" x14ac:dyDescent="0.25">
      <c r="B45" s="79">
        <f t="shared" si="33"/>
        <v>18</v>
      </c>
      <c r="C45" s="150">
        <f t="shared" si="28"/>
        <v>0.93327022882372046</v>
      </c>
      <c r="D45" s="150">
        <f t="shared" si="29"/>
        <v>0.43916629389891515</v>
      </c>
      <c r="E45" s="150">
        <f t="shared" si="30"/>
        <v>0.17737853463682457</v>
      </c>
      <c r="F45" s="150">
        <f t="shared" si="31"/>
        <v>0.13446222787901357</v>
      </c>
      <c r="P45" s="10">
        <f t="shared" si="23"/>
        <v>44970</v>
      </c>
      <c r="Q45" s="28">
        <v>7</v>
      </c>
      <c r="R45" s="28">
        <f t="shared" si="9"/>
        <v>1</v>
      </c>
      <c r="S45" s="12">
        <f t="shared" si="0"/>
        <v>1.0609861866589789</v>
      </c>
      <c r="T45" s="12">
        <f t="shared" si="1"/>
        <v>1.4695351264848711</v>
      </c>
      <c r="U45" s="12">
        <f t="shared" si="2"/>
        <v>1.771938814155029</v>
      </c>
      <c r="V45" s="12">
        <f t="shared" si="3"/>
        <v>2.5404025087253199</v>
      </c>
      <c r="W45" s="12">
        <f t="shared" si="10"/>
        <v>0</v>
      </c>
      <c r="X45" s="12">
        <f t="shared" si="4"/>
        <v>-7.0953309908476907E-3</v>
      </c>
      <c r="Y45" s="12">
        <f t="shared" si="5"/>
        <v>-5.875924024232846E-2</v>
      </c>
      <c r="Z45" s="12">
        <f t="shared" si="6"/>
        <v>-9.5984753200240996E-2</v>
      </c>
      <c r="AA45" s="12">
        <f t="shared" si="7"/>
        <v>-0.17801624965770491</v>
      </c>
      <c r="AB45" s="12">
        <f t="shared" si="11"/>
        <v>0</v>
      </c>
      <c r="AC45" s="12">
        <f t="shared" si="24"/>
        <v>0.37924457614614193</v>
      </c>
      <c r="AD45" s="12">
        <f t="shared" si="12"/>
        <v>0.39683266679571449</v>
      </c>
      <c r="AE45" s="12">
        <f t="shared" si="13"/>
        <v>0</v>
      </c>
      <c r="AF45" s="12">
        <f t="shared" si="14"/>
        <v>0.32357219028034639</v>
      </c>
      <c r="AG45" s="12">
        <f t="shared" si="15"/>
        <v>0</v>
      </c>
      <c r="AH45" s="12">
        <f>AC45/SUM(AC$2:AG$366)*Input!$J$5</f>
        <v>388.35072765043441</v>
      </c>
      <c r="AI45" s="12">
        <f>AD45/SUM(AC$2:AG$366)*Input!$J$5</f>
        <v>406.36113104539618</v>
      </c>
      <c r="AJ45" s="12">
        <f>AE45/SUM(AC$2:AG$366)*Input!$J$5</f>
        <v>0</v>
      </c>
      <c r="AK45" s="12">
        <f>AF45/SUM(AC$2:AG$366)*Input!$J$5</f>
        <v>331.34157598181298</v>
      </c>
      <c r="AL45" s="12">
        <f>AG45/SUM(AC$2:AG$366)*Input!$J$5</f>
        <v>0</v>
      </c>
      <c r="AM45" s="12">
        <f t="shared" si="16"/>
        <v>159.04395647127015</v>
      </c>
      <c r="AN45" s="12">
        <f t="shared" si="17"/>
        <v>904.87336178230396</v>
      </c>
      <c r="AO45" s="12">
        <f t="shared" si="18"/>
        <v>41.42407761604634</v>
      </c>
      <c r="AP45" s="12">
        <f t="shared" si="19"/>
        <v>20.71203880802317</v>
      </c>
      <c r="AQ45" s="12">
        <f t="shared" si="20"/>
        <v>0</v>
      </c>
      <c r="AR45" s="11">
        <f t="shared" si="21"/>
        <v>1126.0534346776437</v>
      </c>
    </row>
    <row r="46" spans="2:53" x14ac:dyDescent="0.25">
      <c r="B46" s="79">
        <f t="shared" si="33"/>
        <v>19</v>
      </c>
      <c r="C46" s="150">
        <f t="shared" si="28"/>
        <v>0.92617489783287277</v>
      </c>
      <c r="D46" s="150">
        <f t="shared" si="29"/>
        <v>0.4259028732831811</v>
      </c>
      <c r="E46" s="150">
        <f t="shared" si="30"/>
        <v>0.16462208024041705</v>
      </c>
      <c r="F46" s="150">
        <f t="shared" si="31"/>
        <v>0.11298562782765814</v>
      </c>
      <c r="P46" s="10">
        <f t="shared" si="23"/>
        <v>44971</v>
      </c>
      <c r="Q46" s="28">
        <v>6.5</v>
      </c>
      <c r="R46" s="28">
        <f t="shared" si="9"/>
        <v>2</v>
      </c>
      <c r="S46" s="12">
        <f t="shared" si="0"/>
        <v>1.0609861866589789</v>
      </c>
      <c r="T46" s="12">
        <f t="shared" si="1"/>
        <v>1.4695351264848711</v>
      </c>
      <c r="U46" s="12">
        <f t="shared" si="2"/>
        <v>1.771938814155029</v>
      </c>
      <c r="V46" s="12">
        <f t="shared" si="3"/>
        <v>2.5404025087253199</v>
      </c>
      <c r="W46" s="12">
        <f t="shared" si="10"/>
        <v>0</v>
      </c>
      <c r="X46" s="12">
        <f t="shared" si="4"/>
        <v>-7.0953309908476907E-3</v>
      </c>
      <c r="Y46" s="12">
        <f t="shared" si="5"/>
        <v>-5.875924024232846E-2</v>
      </c>
      <c r="Z46" s="12">
        <f t="shared" si="6"/>
        <v>-9.5984753200240996E-2</v>
      </c>
      <c r="AA46" s="12">
        <f t="shared" si="7"/>
        <v>-0.17801624965770491</v>
      </c>
      <c r="AB46" s="12">
        <f t="shared" si="11"/>
        <v>0</v>
      </c>
      <c r="AC46" s="12">
        <f t="shared" si="24"/>
        <v>0.38057495070692582</v>
      </c>
      <c r="AD46" s="12">
        <f t="shared" si="12"/>
        <v>0.40785002434115097</v>
      </c>
      <c r="AE46" s="12">
        <f t="shared" si="13"/>
        <v>0</v>
      </c>
      <c r="AF46" s="12">
        <f t="shared" si="14"/>
        <v>0.34582422148755954</v>
      </c>
      <c r="AG46" s="12">
        <f t="shared" si="15"/>
        <v>0</v>
      </c>
      <c r="AH46" s="12">
        <f>AC46/SUM(AC$2:AG$366)*Input!$J$5</f>
        <v>389.71304622062524</v>
      </c>
      <c r="AI46" s="12">
        <f>AD46/SUM(AC$2:AG$366)*Input!$J$5</f>
        <v>417.64302955805016</v>
      </c>
      <c r="AJ46" s="12">
        <f>AE46/SUM(AC$2:AG$366)*Input!$J$5</f>
        <v>0</v>
      </c>
      <c r="AK46" s="12">
        <f>AF46/SUM(AC$2:AG$366)*Input!$J$5</f>
        <v>354.12790716375548</v>
      </c>
      <c r="AL46" s="12">
        <f>AG46/SUM(AC$2:AG$366)*Input!$J$5</f>
        <v>0</v>
      </c>
      <c r="AM46" s="12">
        <f t="shared" si="16"/>
        <v>169.98139543860253</v>
      </c>
      <c r="AN46" s="12">
        <f t="shared" si="17"/>
        <v>929.14850010852842</v>
      </c>
      <c r="AO46" s="12">
        <f t="shared" si="18"/>
        <v>41.569391596866694</v>
      </c>
      <c r="AP46" s="12">
        <f t="shared" si="19"/>
        <v>20.784695798433347</v>
      </c>
      <c r="AQ46" s="12">
        <f t="shared" si="20"/>
        <v>0</v>
      </c>
      <c r="AR46" s="11">
        <f t="shared" si="21"/>
        <v>1161.4839829424309</v>
      </c>
    </row>
    <row r="47" spans="2:53" x14ac:dyDescent="0.25">
      <c r="B47" s="79">
        <f t="shared" si="33"/>
        <v>20</v>
      </c>
      <c r="C47" s="150">
        <f t="shared" si="28"/>
        <v>0.91907956684202508</v>
      </c>
      <c r="D47" s="150">
        <f t="shared" si="29"/>
        <v>0.41263945266744712</v>
      </c>
      <c r="E47" s="150">
        <f t="shared" si="30"/>
        <v>0.15186562584400948</v>
      </c>
      <c r="F47" s="150">
        <f t="shared" si="31"/>
        <v>9.1509027776302765E-2</v>
      </c>
      <c r="P47" s="10">
        <f t="shared" si="23"/>
        <v>44972</v>
      </c>
      <c r="Q47" s="28">
        <v>4.5</v>
      </c>
      <c r="R47" s="28">
        <f t="shared" si="9"/>
        <v>3</v>
      </c>
      <c r="S47" s="12">
        <f t="shared" si="0"/>
        <v>1.0609861866589789</v>
      </c>
      <c r="T47" s="12">
        <f t="shared" si="1"/>
        <v>1.4695351264848711</v>
      </c>
      <c r="U47" s="12">
        <f t="shared" si="2"/>
        <v>1.771938814155029</v>
      </c>
      <c r="V47" s="12">
        <f t="shared" si="3"/>
        <v>2.5404025087253199</v>
      </c>
      <c r="W47" s="12">
        <f t="shared" si="10"/>
        <v>0</v>
      </c>
      <c r="X47" s="12">
        <f t="shared" si="4"/>
        <v>-7.0953309908476907E-3</v>
      </c>
      <c r="Y47" s="12">
        <f t="shared" si="5"/>
        <v>-5.875924024232846E-2</v>
      </c>
      <c r="Z47" s="12">
        <f t="shared" si="6"/>
        <v>-9.5984753200240996E-2</v>
      </c>
      <c r="AA47" s="12">
        <f t="shared" si="7"/>
        <v>-0.17801624965770491</v>
      </c>
      <c r="AB47" s="12">
        <f t="shared" si="11"/>
        <v>0</v>
      </c>
      <c r="AC47" s="12">
        <f t="shared" si="24"/>
        <v>0.38589644895006159</v>
      </c>
      <c r="AD47" s="12">
        <f t="shared" si="12"/>
        <v>0.45191945452289733</v>
      </c>
      <c r="AE47" s="12">
        <f t="shared" si="13"/>
        <v>0</v>
      </c>
      <c r="AF47" s="12">
        <f t="shared" si="14"/>
        <v>0.43483234631641199</v>
      </c>
      <c r="AG47" s="12">
        <f t="shared" si="15"/>
        <v>0</v>
      </c>
      <c r="AH47" s="12">
        <f>AC47/SUM(AC$2:AG$366)*Input!$J$5</f>
        <v>395.16232050138893</v>
      </c>
      <c r="AI47" s="12">
        <f>AD47/SUM(AC$2:AG$366)*Input!$J$5</f>
        <v>462.77062360866671</v>
      </c>
      <c r="AJ47" s="12">
        <f>AE47/SUM(AC$2:AG$366)*Input!$J$5</f>
        <v>0</v>
      </c>
      <c r="AK47" s="12">
        <f>AF47/SUM(AC$2:AG$366)*Input!$J$5</f>
        <v>445.27323189152537</v>
      </c>
      <c r="AL47" s="12">
        <f>AG47/SUM(AC$2:AG$366)*Input!$J$5</f>
        <v>0</v>
      </c>
      <c r="AM47" s="12">
        <f t="shared" si="16"/>
        <v>213.73115130793207</v>
      </c>
      <c r="AN47" s="12">
        <f t="shared" si="17"/>
        <v>1026.2490534134267</v>
      </c>
      <c r="AO47" s="12">
        <f t="shared" si="18"/>
        <v>42.150647520148155</v>
      </c>
      <c r="AP47" s="12">
        <f t="shared" si="19"/>
        <v>21.075323760074077</v>
      </c>
      <c r="AQ47" s="12">
        <f t="shared" si="20"/>
        <v>0</v>
      </c>
      <c r="AR47" s="11">
        <f t="shared" si="21"/>
        <v>1303.2061760015811</v>
      </c>
    </row>
    <row r="48" spans="2:53" x14ac:dyDescent="0.25">
      <c r="B48" s="79">
        <f t="shared" si="33"/>
        <v>21</v>
      </c>
      <c r="C48" s="150">
        <f t="shared" si="28"/>
        <v>0.91198423585117738</v>
      </c>
      <c r="D48" s="150">
        <f t="shared" si="29"/>
        <v>0.39937603205171307</v>
      </c>
      <c r="E48" s="150">
        <f t="shared" si="30"/>
        <v>0.13910917144760199</v>
      </c>
      <c r="F48" s="150">
        <f t="shared" si="31"/>
        <v>7.0032427724947333E-2</v>
      </c>
      <c r="P48" s="10">
        <f t="shared" si="23"/>
        <v>44973</v>
      </c>
      <c r="Q48" s="28">
        <v>3.9</v>
      </c>
      <c r="R48" s="28">
        <f t="shared" si="9"/>
        <v>4</v>
      </c>
      <c r="S48" s="12">
        <f t="shared" si="0"/>
        <v>1.0609861866589789</v>
      </c>
      <c r="T48" s="12">
        <f t="shared" si="1"/>
        <v>1.4695351264848711</v>
      </c>
      <c r="U48" s="12">
        <f t="shared" si="2"/>
        <v>1.771938814155029</v>
      </c>
      <c r="V48" s="12">
        <f t="shared" si="3"/>
        <v>2.5404025087253199</v>
      </c>
      <c r="W48" s="12">
        <f t="shared" si="10"/>
        <v>0</v>
      </c>
      <c r="X48" s="12">
        <f t="shared" si="4"/>
        <v>-7.0953309908476907E-3</v>
      </c>
      <c r="Y48" s="12">
        <f t="shared" si="5"/>
        <v>-5.875924024232846E-2</v>
      </c>
      <c r="Z48" s="12">
        <f t="shared" si="6"/>
        <v>-9.5984753200240996E-2</v>
      </c>
      <c r="AA48" s="12">
        <f t="shared" si="7"/>
        <v>-0.17801624965770491</v>
      </c>
      <c r="AB48" s="12">
        <f t="shared" si="11"/>
        <v>0</v>
      </c>
      <c r="AC48" s="12">
        <f t="shared" si="24"/>
        <v>0.38749289842300233</v>
      </c>
      <c r="AD48" s="12">
        <f t="shared" si="12"/>
        <v>0.46514028357742132</v>
      </c>
      <c r="AE48" s="12">
        <f t="shared" si="13"/>
        <v>0</v>
      </c>
      <c r="AF48" s="12">
        <f t="shared" si="14"/>
        <v>0.46153478376506774</v>
      </c>
      <c r="AG48" s="12">
        <f t="shared" si="15"/>
        <v>0</v>
      </c>
      <c r="AH48" s="12">
        <f>AC48/SUM(AC$2:AG$366)*Input!$J$5</f>
        <v>396.79710278561805</v>
      </c>
      <c r="AI48" s="12">
        <f>AD48/SUM(AC$2:AG$366)*Input!$J$5</f>
        <v>476.30890182385173</v>
      </c>
      <c r="AJ48" s="12">
        <f>AE48/SUM(AC$2:AG$366)*Input!$J$5</f>
        <v>0</v>
      </c>
      <c r="AK48" s="12">
        <f>AF48/SUM(AC$2:AG$366)*Input!$J$5</f>
        <v>472.61682930985637</v>
      </c>
      <c r="AL48" s="12">
        <f>AG48/SUM(AC$2:AG$366)*Input!$J$5</f>
        <v>0</v>
      </c>
      <c r="AM48" s="12">
        <f t="shared" si="16"/>
        <v>226.85607806873094</v>
      </c>
      <c r="AN48" s="12">
        <f t="shared" si="17"/>
        <v>1055.3792194048963</v>
      </c>
      <c r="AO48" s="12">
        <f t="shared" si="18"/>
        <v>42.325024297132593</v>
      </c>
      <c r="AP48" s="12">
        <f t="shared" si="19"/>
        <v>21.162512148566297</v>
      </c>
      <c r="AQ48" s="12">
        <f t="shared" si="20"/>
        <v>0</v>
      </c>
      <c r="AR48" s="11">
        <f t="shared" si="21"/>
        <v>1345.7228339193261</v>
      </c>
    </row>
    <row r="49" spans="2:44" x14ac:dyDescent="0.25">
      <c r="B49" s="79">
        <f t="shared" si="33"/>
        <v>22</v>
      </c>
      <c r="C49" s="150">
        <f t="shared" si="28"/>
        <v>0.90488890486032969</v>
      </c>
      <c r="D49" s="150">
        <f t="shared" si="29"/>
        <v>0.38611261143597908</v>
      </c>
      <c r="E49" s="150">
        <f t="shared" si="30"/>
        <v>0.12635271705119444</v>
      </c>
      <c r="F49" s="150">
        <f t="shared" si="31"/>
        <v>4.85558276735919E-2</v>
      </c>
      <c r="P49" s="10">
        <f t="shared" si="23"/>
        <v>44974</v>
      </c>
      <c r="Q49" s="28">
        <v>8.8000000000000007</v>
      </c>
      <c r="R49" s="28">
        <f t="shared" si="9"/>
        <v>5</v>
      </c>
      <c r="S49" s="12">
        <f t="shared" si="0"/>
        <v>1.0609861866589789</v>
      </c>
      <c r="T49" s="12">
        <f t="shared" si="1"/>
        <v>1.4695351264848711</v>
      </c>
      <c r="U49" s="12">
        <f t="shared" si="2"/>
        <v>1.771938814155029</v>
      </c>
      <c r="V49" s="12">
        <f t="shared" si="3"/>
        <v>2.5404025087253199</v>
      </c>
      <c r="W49" s="12">
        <f t="shared" si="10"/>
        <v>0</v>
      </c>
      <c r="X49" s="12">
        <f t="shared" si="4"/>
        <v>-7.0953309908476907E-3</v>
      </c>
      <c r="Y49" s="12">
        <f t="shared" si="5"/>
        <v>-5.875924024232846E-2</v>
      </c>
      <c r="Z49" s="12">
        <f t="shared" si="6"/>
        <v>-9.5984753200240996E-2</v>
      </c>
      <c r="AA49" s="12">
        <f t="shared" si="7"/>
        <v>-0.17801624965770491</v>
      </c>
      <c r="AB49" s="12">
        <f t="shared" si="11"/>
        <v>0</v>
      </c>
      <c r="AC49" s="12">
        <f t="shared" si="24"/>
        <v>0.37445522772731971</v>
      </c>
      <c r="AD49" s="12">
        <f t="shared" si="12"/>
        <v>0.3571701796321427</v>
      </c>
      <c r="AE49" s="12">
        <f t="shared" si="13"/>
        <v>0</v>
      </c>
      <c r="AF49" s="12">
        <f t="shared" si="14"/>
        <v>0.24346487793437915</v>
      </c>
      <c r="AG49" s="12">
        <f t="shared" si="15"/>
        <v>0</v>
      </c>
      <c r="AH49" s="12">
        <f>AC49/SUM(AC$2:AG$366)*Input!$J$5</f>
        <v>383.44638079774711</v>
      </c>
      <c r="AI49" s="12">
        <f>AD49/SUM(AC$2:AG$366)*Input!$J$5</f>
        <v>365.74629639984124</v>
      </c>
      <c r="AJ49" s="12">
        <f>AE49/SUM(AC$2:AG$366)*Input!$J$5</f>
        <v>0</v>
      </c>
      <c r="AK49" s="12">
        <f>AF49/SUM(AC$2:AG$366)*Input!$J$5</f>
        <v>249.31078372682009</v>
      </c>
      <c r="AL49" s="12">
        <f>AG49/SUM(AC$2:AG$366)*Input!$J$5</f>
        <v>0</v>
      </c>
      <c r="AM49" s="12">
        <f t="shared" si="16"/>
        <v>119.66917618887358</v>
      </c>
      <c r="AN49" s="12">
        <f t="shared" si="17"/>
        <v>817.48286380789534</v>
      </c>
      <c r="AO49" s="12">
        <f t="shared" si="18"/>
        <v>40.900947285093025</v>
      </c>
      <c r="AP49" s="12">
        <f t="shared" si="19"/>
        <v>20.450473642546513</v>
      </c>
      <c r="AQ49" s="12">
        <f t="shared" si="20"/>
        <v>0</v>
      </c>
      <c r="AR49" s="11">
        <f t="shared" si="21"/>
        <v>998.5034609244085</v>
      </c>
    </row>
    <row r="50" spans="2:44" x14ac:dyDescent="0.25">
      <c r="B50" s="79">
        <f t="shared" si="33"/>
        <v>23</v>
      </c>
      <c r="C50" s="150">
        <f t="shared" si="28"/>
        <v>0.897793573869482</v>
      </c>
      <c r="D50" s="150">
        <f t="shared" si="29"/>
        <v>0.37284919082024504</v>
      </c>
      <c r="E50" s="150">
        <f t="shared" si="30"/>
        <v>0.11359626265478689</v>
      </c>
      <c r="F50" s="150">
        <f t="shared" si="31"/>
        <v>2.7079227622236524E-2</v>
      </c>
      <c r="P50" s="10">
        <f t="shared" si="23"/>
        <v>44975</v>
      </c>
      <c r="Q50" s="28">
        <v>15</v>
      </c>
      <c r="R50" s="28">
        <f t="shared" si="9"/>
        <v>6</v>
      </c>
      <c r="S50" s="12">
        <f t="shared" si="0"/>
        <v>0.88136675487947747</v>
      </c>
      <c r="T50" s="12">
        <f t="shared" si="1"/>
        <v>0.40529111994771311</v>
      </c>
      <c r="U50" s="12">
        <f t="shared" si="2"/>
        <v>1.4791569663107089</v>
      </c>
      <c r="V50" s="12">
        <f t="shared" si="3"/>
        <v>1.31124751273035</v>
      </c>
      <c r="W50" s="12">
        <f t="shared" si="10"/>
        <v>0.44487676601187343</v>
      </c>
      <c r="X50" s="12">
        <f t="shared" si="4"/>
        <v>-1.236743869637378E-2</v>
      </c>
      <c r="Y50" s="12">
        <f t="shared" si="5"/>
        <v>-1.3226323007097701E-2</v>
      </c>
      <c r="Z50" s="12">
        <f t="shared" si="6"/>
        <v>-6.6119920832722404E-2</v>
      </c>
      <c r="AA50" s="12">
        <f t="shared" si="7"/>
        <v>-7.5310765362349638E-2</v>
      </c>
      <c r="AB50" s="12">
        <f t="shared" si="11"/>
        <v>-1.748296682554611E-2</v>
      </c>
      <c r="AC50" s="12">
        <f t="shared" si="24"/>
        <v>0</v>
      </c>
      <c r="AD50" s="12">
        <f t="shared" si="12"/>
        <v>7.2413696194436647E-2</v>
      </c>
      <c r="AE50" s="12">
        <f t="shared" si="13"/>
        <v>4.2643838459238879E-2</v>
      </c>
      <c r="AF50" s="12">
        <f t="shared" si="14"/>
        <v>3.177755565164346E-2</v>
      </c>
      <c r="AG50" s="12">
        <f t="shared" si="15"/>
        <v>1.5980323067509655E-2</v>
      </c>
      <c r="AH50" s="12">
        <f>AC50/SUM(AC$2:AG$366)*Input!$J$5</f>
        <v>0</v>
      </c>
      <c r="AI50" s="12">
        <f>AD50/SUM(AC$2:AG$366)*Input!$J$5</f>
        <v>74.152442454787234</v>
      </c>
      <c r="AJ50" s="12">
        <f>AE50/SUM(AC$2:AG$366)*Input!$J$5</f>
        <v>43.667772031817549</v>
      </c>
      <c r="AK50" s="12">
        <f>AF50/SUM(AC$2:AG$366)*Input!$J$5</f>
        <v>32.540575756348773</v>
      </c>
      <c r="AL50" s="12">
        <f>AG50/SUM(AC$2:AG$366)*Input!$J$5</f>
        <v>16.364031239209936</v>
      </c>
      <c r="AM50" s="12">
        <f t="shared" si="16"/>
        <v>15.709469989641548</v>
      </c>
      <c r="AN50" s="12">
        <f t="shared" si="17"/>
        <v>142.11705839794749</v>
      </c>
      <c r="AO50" s="12">
        <f t="shared" si="18"/>
        <v>5.932195396382979</v>
      </c>
      <c r="AP50" s="12">
        <f t="shared" si="19"/>
        <v>2.9660976981914895</v>
      </c>
      <c r="AQ50" s="12">
        <f t="shared" si="20"/>
        <v>0</v>
      </c>
      <c r="AR50" s="11">
        <f t="shared" si="21"/>
        <v>166.72482148216349</v>
      </c>
    </row>
    <row r="51" spans="2:44" x14ac:dyDescent="0.25">
      <c r="B51" s="79">
        <f t="shared" si="33"/>
        <v>24</v>
      </c>
      <c r="C51" s="150">
        <f t="shared" si="28"/>
        <v>0.89069824287863431</v>
      </c>
      <c r="D51" s="150">
        <f t="shared" si="29"/>
        <v>0.35958577020451099</v>
      </c>
      <c r="E51" s="150">
        <f t="shared" si="30"/>
        <v>0.10083980825837935</v>
      </c>
      <c r="F51" s="150">
        <f t="shared" si="31"/>
        <v>5.6026275708810358E-3</v>
      </c>
      <c r="P51" s="10">
        <f t="shared" si="23"/>
        <v>44976</v>
      </c>
      <c r="Q51" s="28">
        <v>12</v>
      </c>
      <c r="R51" s="28">
        <f t="shared" si="9"/>
        <v>7</v>
      </c>
      <c r="S51" s="12">
        <f t="shared" si="0"/>
        <v>0.88136675487947747</v>
      </c>
      <c r="T51" s="12">
        <f t="shared" si="1"/>
        <v>0.40529111994771311</v>
      </c>
      <c r="U51" s="12">
        <f t="shared" si="2"/>
        <v>1.4791569663107089</v>
      </c>
      <c r="V51" s="12">
        <f t="shared" si="3"/>
        <v>1.31124751273035</v>
      </c>
      <c r="W51" s="12">
        <f t="shared" si="10"/>
        <v>1.9424956480203619</v>
      </c>
      <c r="X51" s="12">
        <f t="shared" si="4"/>
        <v>-1.236743869637378E-2</v>
      </c>
      <c r="Y51" s="12">
        <f t="shared" si="5"/>
        <v>-1.3226323007097701E-2</v>
      </c>
      <c r="Z51" s="12">
        <f t="shared" si="6"/>
        <v>-6.6119920832722404E-2</v>
      </c>
      <c r="AA51" s="12">
        <f t="shared" si="7"/>
        <v>-7.5310765362349638E-2</v>
      </c>
      <c r="AB51" s="12">
        <f t="shared" si="11"/>
        <v>-0.1200596025795522</v>
      </c>
      <c r="AC51" s="12">
        <f t="shared" si="24"/>
        <v>0</v>
      </c>
      <c r="AD51" s="12">
        <f t="shared" si="12"/>
        <v>8.6301335351889247E-2</v>
      </c>
      <c r="AE51" s="12">
        <f t="shared" si="13"/>
        <v>6.0000317677828499E-2</v>
      </c>
      <c r="AF51" s="12">
        <f t="shared" si="14"/>
        <v>7.1315707466877015E-2</v>
      </c>
      <c r="AG51" s="12">
        <f t="shared" si="15"/>
        <v>4.3905786493251844E-2</v>
      </c>
      <c r="AH51" s="12">
        <f>AC51/SUM(AC$2:AG$366)*Input!$J$5</f>
        <v>0</v>
      </c>
      <c r="AI51" s="12">
        <f>AD51/SUM(AC$2:AG$366)*Input!$J$5</f>
        <v>88.373541743666948</v>
      </c>
      <c r="AJ51" s="12">
        <f>AE51/SUM(AC$2:AG$366)*Input!$J$5</f>
        <v>61.441002706556354</v>
      </c>
      <c r="AK51" s="12">
        <f>AF51/SUM(AC$2:AG$366)*Input!$J$5</f>
        <v>73.028089601457452</v>
      </c>
      <c r="AL51" s="12">
        <f>AG51/SUM(AC$2:AG$366)*Input!$J$5</f>
        <v>44.960021066058502</v>
      </c>
      <c r="AM51" s="12">
        <f t="shared" si="16"/>
        <v>43.161620223416186</v>
      </c>
      <c r="AN51" s="12">
        <f t="shared" si="17"/>
        <v>214.03620988508303</v>
      </c>
      <c r="AO51" s="12">
        <f t="shared" si="18"/>
        <v>7.069883339493356</v>
      </c>
      <c r="AP51" s="12">
        <f t="shared" si="19"/>
        <v>3.534941669746678</v>
      </c>
      <c r="AQ51" s="12">
        <f t="shared" si="20"/>
        <v>0</v>
      </c>
      <c r="AR51" s="11">
        <f t="shared" si="21"/>
        <v>267.80265511773922</v>
      </c>
    </row>
    <row r="52" spans="2:44" x14ac:dyDescent="0.25">
      <c r="B52" s="79">
        <f>B51+1</f>
        <v>25</v>
      </c>
      <c r="C52" s="150">
        <f t="shared" si="28"/>
        <v>0.88360291188778661</v>
      </c>
      <c r="D52" s="150">
        <f t="shared" si="29"/>
        <v>0.346322349588777</v>
      </c>
      <c r="E52" s="150">
        <f t="shared" si="30"/>
        <v>8.8083353861971803E-2</v>
      </c>
      <c r="F52" s="150">
        <f t="shared" si="31"/>
        <v>0</v>
      </c>
      <c r="P52" s="10">
        <f t="shared" si="23"/>
        <v>44977</v>
      </c>
      <c r="Q52" s="28">
        <v>9.1</v>
      </c>
      <c r="R52" s="28">
        <f t="shared" si="9"/>
        <v>1</v>
      </c>
      <c r="S52" s="12">
        <f t="shared" si="0"/>
        <v>1.0609861866589789</v>
      </c>
      <c r="T52" s="12">
        <f t="shared" si="1"/>
        <v>1.4695351264848711</v>
      </c>
      <c r="U52" s="12">
        <f t="shared" si="2"/>
        <v>1.771938814155029</v>
      </c>
      <c r="V52" s="12">
        <f t="shared" si="3"/>
        <v>2.5404025087253199</v>
      </c>
      <c r="W52" s="12">
        <f t="shared" si="10"/>
        <v>0</v>
      </c>
      <c r="X52" s="12">
        <f t="shared" si="4"/>
        <v>-7.0953309908476907E-3</v>
      </c>
      <c r="Y52" s="12">
        <f t="shared" si="5"/>
        <v>-5.875924024232846E-2</v>
      </c>
      <c r="Z52" s="12">
        <f t="shared" si="6"/>
        <v>-9.5984753200240996E-2</v>
      </c>
      <c r="AA52" s="12">
        <f t="shared" si="7"/>
        <v>-0.17801624965770491</v>
      </c>
      <c r="AB52" s="12">
        <f t="shared" si="11"/>
        <v>0</v>
      </c>
      <c r="AC52" s="12">
        <f t="shared" si="24"/>
        <v>0.37365700299084936</v>
      </c>
      <c r="AD52" s="12">
        <f t="shared" si="12"/>
        <v>0.35055976510488079</v>
      </c>
      <c r="AE52" s="12">
        <f t="shared" si="13"/>
        <v>0</v>
      </c>
      <c r="AF52" s="12">
        <f t="shared" si="14"/>
        <v>0.23011365921005134</v>
      </c>
      <c r="AG52" s="12">
        <f t="shared" si="15"/>
        <v>0</v>
      </c>
      <c r="AH52" s="12">
        <f>AC52/SUM(AC$2:AG$366)*Input!$J$5</f>
        <v>382.62898965563261</v>
      </c>
      <c r="AI52" s="12">
        <f>AD52/SUM(AC$2:AG$366)*Input!$J$5</f>
        <v>358.97715729224882</v>
      </c>
      <c r="AJ52" s="12">
        <f>AE52/SUM(AC$2:AG$366)*Input!$J$5</f>
        <v>0</v>
      </c>
      <c r="AK52" s="12">
        <f>AF52/SUM(AC$2:AG$366)*Input!$J$5</f>
        <v>235.63898501765468</v>
      </c>
      <c r="AL52" s="12">
        <f>AG52/SUM(AC$2:AG$366)*Input!$J$5</f>
        <v>0</v>
      </c>
      <c r="AM52" s="12">
        <f t="shared" si="16"/>
        <v>113.10671280847419</v>
      </c>
      <c r="AN52" s="12">
        <f t="shared" si="17"/>
        <v>802.9177808121608</v>
      </c>
      <c r="AO52" s="12">
        <f t="shared" si="18"/>
        <v>40.813758896600817</v>
      </c>
      <c r="AP52" s="12">
        <f t="shared" si="19"/>
        <v>20.406879448300408</v>
      </c>
      <c r="AQ52" s="12">
        <f t="shared" si="20"/>
        <v>0</v>
      </c>
      <c r="AR52" s="11">
        <f t="shared" si="21"/>
        <v>977.24513196553619</v>
      </c>
    </row>
    <row r="53" spans="2:44" x14ac:dyDescent="0.25">
      <c r="B53" s="79">
        <f t="shared" si="33"/>
        <v>26</v>
      </c>
      <c r="C53" s="150">
        <f t="shared" si="28"/>
        <v>0.87650758089693892</v>
      </c>
      <c r="D53" s="150">
        <f t="shared" si="29"/>
        <v>0.33305892897304296</v>
      </c>
      <c r="E53" s="150">
        <f t="shared" si="30"/>
        <v>7.5326899465564257E-2</v>
      </c>
      <c r="F53" s="150">
        <f t="shared" si="31"/>
        <v>0</v>
      </c>
      <c r="P53" s="10">
        <f t="shared" si="23"/>
        <v>44978</v>
      </c>
      <c r="Q53" s="28">
        <v>12.8</v>
      </c>
      <c r="R53" s="28">
        <f t="shared" si="9"/>
        <v>2</v>
      </c>
      <c r="S53" s="12">
        <f t="shared" si="0"/>
        <v>1.0609861866589789</v>
      </c>
      <c r="T53" s="12">
        <f t="shared" si="1"/>
        <v>1.4695351264848711</v>
      </c>
      <c r="U53" s="12">
        <f t="shared" si="2"/>
        <v>1.771938814155029</v>
      </c>
      <c r="V53" s="12">
        <f t="shared" si="3"/>
        <v>2.5404025087253199</v>
      </c>
      <c r="W53" s="12">
        <f t="shared" si="10"/>
        <v>0</v>
      </c>
      <c r="X53" s="12">
        <f t="shared" si="4"/>
        <v>-7.0953309908476907E-3</v>
      </c>
      <c r="Y53" s="12">
        <f t="shared" si="5"/>
        <v>-5.875924024232846E-2</v>
      </c>
      <c r="Z53" s="12">
        <f t="shared" si="6"/>
        <v>-9.5984753200240996E-2</v>
      </c>
      <c r="AA53" s="12">
        <f t="shared" si="7"/>
        <v>-0.17801624965770491</v>
      </c>
      <c r="AB53" s="12">
        <f t="shared" si="11"/>
        <v>0</v>
      </c>
      <c r="AC53" s="12">
        <f t="shared" si="24"/>
        <v>0.36381223124104817</v>
      </c>
      <c r="AD53" s="12">
        <f t="shared" si="12"/>
        <v>0.26903131926865004</v>
      </c>
      <c r="AE53" s="12">
        <f t="shared" si="13"/>
        <v>0</v>
      </c>
      <c r="AF53" s="12">
        <f t="shared" si="14"/>
        <v>6.5448628276674303E-2</v>
      </c>
      <c r="AG53" s="12">
        <f t="shared" si="15"/>
        <v>0</v>
      </c>
      <c r="AH53" s="12">
        <f>AC53/SUM(AC$2:AG$366)*Input!$J$5</f>
        <v>372.54783223621979</v>
      </c>
      <c r="AI53" s="12">
        <f>AD53/SUM(AC$2:AG$366)*Input!$J$5</f>
        <v>275.49110829860825</v>
      </c>
      <c r="AJ53" s="12">
        <f>AE53/SUM(AC$2:AG$366)*Input!$J$5</f>
        <v>0</v>
      </c>
      <c r="AK53" s="12">
        <f>AF53/SUM(AC$2:AG$366)*Input!$J$5</f>
        <v>67.020134271280412</v>
      </c>
      <c r="AL53" s="12">
        <f>AG53/SUM(AC$2:AG$366)*Input!$J$5</f>
        <v>0</v>
      </c>
      <c r="AM53" s="12">
        <f t="shared" si="16"/>
        <v>32.169664450214583</v>
      </c>
      <c r="AN53" s="12">
        <f t="shared" si="17"/>
        <v>623.28175719809872</v>
      </c>
      <c r="AO53" s="12">
        <f t="shared" si="18"/>
        <v>39.738435438530111</v>
      </c>
      <c r="AP53" s="12">
        <f t="shared" si="19"/>
        <v>19.869217719265055</v>
      </c>
      <c r="AQ53" s="12">
        <f t="shared" si="20"/>
        <v>0</v>
      </c>
      <c r="AR53" s="11">
        <f t="shared" si="21"/>
        <v>715.05907480610847</v>
      </c>
    </row>
    <row r="54" spans="2:44" x14ac:dyDescent="0.25">
      <c r="B54" s="79">
        <f t="shared" si="33"/>
        <v>27</v>
      </c>
      <c r="C54" s="150">
        <f t="shared" si="28"/>
        <v>0.86941224990609123</v>
      </c>
      <c r="D54" s="150">
        <f t="shared" si="29"/>
        <v>0.31979550835730897</v>
      </c>
      <c r="E54" s="150">
        <f t="shared" si="30"/>
        <v>6.257044506915671E-2</v>
      </c>
      <c r="F54" s="150">
        <f t="shared" si="31"/>
        <v>0</v>
      </c>
      <c r="P54" s="10">
        <f t="shared" si="23"/>
        <v>44979</v>
      </c>
      <c r="Q54" s="28">
        <v>13.1</v>
      </c>
      <c r="R54" s="28">
        <f t="shared" si="9"/>
        <v>3</v>
      </c>
      <c r="S54" s="12">
        <f t="shared" si="0"/>
        <v>1.0609861866589789</v>
      </c>
      <c r="T54" s="12">
        <f t="shared" si="1"/>
        <v>1.4695351264848711</v>
      </c>
      <c r="U54" s="12">
        <f t="shared" si="2"/>
        <v>1.771938814155029</v>
      </c>
      <c r="V54" s="12">
        <f t="shared" si="3"/>
        <v>0.52104102880341097</v>
      </c>
      <c r="W54" s="12">
        <f t="shared" si="10"/>
        <v>0</v>
      </c>
      <c r="X54" s="12">
        <f t="shared" si="4"/>
        <v>-7.0953309908476907E-3</v>
      </c>
      <c r="Y54" s="12">
        <f t="shared" si="5"/>
        <v>-5.875924024232846E-2</v>
      </c>
      <c r="Z54" s="12">
        <f t="shared" si="6"/>
        <v>-9.5984753200240996E-2</v>
      </c>
      <c r="AA54" s="12">
        <f t="shared" si="7"/>
        <v>-2.1476600051355411E-2</v>
      </c>
      <c r="AB54" s="12">
        <f t="shared" si="11"/>
        <v>0</v>
      </c>
      <c r="AC54" s="12">
        <f t="shared" si="24"/>
        <v>0.36301400650457782</v>
      </c>
      <c r="AD54" s="12">
        <f t="shared" si="12"/>
        <v>0.26242090474138813</v>
      </c>
      <c r="AE54" s="12">
        <f t="shared" si="13"/>
        <v>0</v>
      </c>
      <c r="AF54" s="12">
        <f t="shared" si="14"/>
        <v>5.9924392032663767E-2</v>
      </c>
      <c r="AG54" s="12">
        <f t="shared" si="15"/>
        <v>0</v>
      </c>
      <c r="AH54" s="12">
        <f>AC54/SUM(AC$2:AG$366)*Input!$J$5</f>
        <v>371.73044109410529</v>
      </c>
      <c r="AI54" s="12">
        <f>AD54/SUM(AC$2:AG$366)*Input!$J$5</f>
        <v>268.72196919101583</v>
      </c>
      <c r="AJ54" s="12">
        <f>AE54/SUM(AC$2:AG$366)*Input!$J$5</f>
        <v>0</v>
      </c>
      <c r="AK54" s="12">
        <f>AF54/SUM(AC$2:AG$366)*Input!$J$5</f>
        <v>61.363253988706028</v>
      </c>
      <c r="AL54" s="12">
        <f>AG54/SUM(AC$2:AG$366)*Input!$J$5</f>
        <v>0</v>
      </c>
      <c r="AM54" s="12">
        <f t="shared" si="16"/>
        <v>29.454361914578879</v>
      </c>
      <c r="AN54" s="12">
        <f t="shared" si="17"/>
        <v>612.88443178419141</v>
      </c>
      <c r="AO54" s="12">
        <f t="shared" si="18"/>
        <v>39.651247050037902</v>
      </c>
      <c r="AP54" s="12">
        <f t="shared" si="19"/>
        <v>19.825623525018951</v>
      </c>
      <c r="AQ54" s="12">
        <f t="shared" si="20"/>
        <v>0</v>
      </c>
      <c r="AR54" s="11">
        <f t="shared" si="21"/>
        <v>701.81566427382711</v>
      </c>
    </row>
    <row r="55" spans="2:44" x14ac:dyDescent="0.25">
      <c r="B55" s="79">
        <f t="shared" si="33"/>
        <v>28</v>
      </c>
      <c r="C55" s="150">
        <f t="shared" si="28"/>
        <v>0.86231691891524354</v>
      </c>
      <c r="D55" s="150">
        <f t="shared" si="29"/>
        <v>0.30653208774157492</v>
      </c>
      <c r="E55" s="150">
        <f t="shared" si="30"/>
        <v>4.981399067274922E-2</v>
      </c>
      <c r="F55" s="150">
        <f t="shared" si="31"/>
        <v>0</v>
      </c>
      <c r="P55" s="10">
        <f t="shared" si="23"/>
        <v>44980</v>
      </c>
      <c r="Q55" s="28">
        <v>10.199999999999999</v>
      </c>
      <c r="R55" s="28">
        <f t="shared" si="9"/>
        <v>4</v>
      </c>
      <c r="S55" s="12">
        <f t="shared" si="0"/>
        <v>1.0609861866589789</v>
      </c>
      <c r="T55" s="12">
        <f t="shared" si="1"/>
        <v>1.4695351264848711</v>
      </c>
      <c r="U55" s="12">
        <f t="shared" si="2"/>
        <v>1.771938814155029</v>
      </c>
      <c r="V55" s="12">
        <f t="shared" si="3"/>
        <v>2.5404025087253199</v>
      </c>
      <c r="W55" s="12">
        <f t="shared" si="10"/>
        <v>0</v>
      </c>
      <c r="X55" s="12">
        <f t="shared" si="4"/>
        <v>-7.0953309908476907E-3</v>
      </c>
      <c r="Y55" s="12">
        <f t="shared" si="5"/>
        <v>-5.875924024232846E-2</v>
      </c>
      <c r="Z55" s="12">
        <f t="shared" si="6"/>
        <v>-9.5984753200240996E-2</v>
      </c>
      <c r="AA55" s="12">
        <f t="shared" si="7"/>
        <v>-0.17801624965770491</v>
      </c>
      <c r="AB55" s="12">
        <f t="shared" si="11"/>
        <v>0</v>
      </c>
      <c r="AC55" s="12">
        <f t="shared" si="24"/>
        <v>0.37073017895712468</v>
      </c>
      <c r="AD55" s="12">
        <f t="shared" si="12"/>
        <v>0.32632157850492033</v>
      </c>
      <c r="AE55" s="12">
        <f t="shared" si="13"/>
        <v>0</v>
      </c>
      <c r="AF55" s="12">
        <f t="shared" si="14"/>
        <v>0.1811591905541825</v>
      </c>
      <c r="AG55" s="12">
        <f t="shared" si="15"/>
        <v>0</v>
      </c>
      <c r="AH55" s="12">
        <f>AC55/SUM(AC$2:AG$366)*Input!$J$5</f>
        <v>379.6318888012126</v>
      </c>
      <c r="AI55" s="12">
        <f>AD55/SUM(AC$2:AG$366)*Input!$J$5</f>
        <v>334.15698056440976</v>
      </c>
      <c r="AJ55" s="12">
        <f>AE55/SUM(AC$2:AG$366)*Input!$J$5</f>
        <v>0</v>
      </c>
      <c r="AK55" s="12">
        <f>AF55/SUM(AC$2:AG$366)*Input!$J$5</f>
        <v>185.50905641738126</v>
      </c>
      <c r="AL55" s="12">
        <f>AG55/SUM(AC$2:AG$366)*Input!$J$5</f>
        <v>0</v>
      </c>
      <c r="AM55" s="12">
        <f t="shared" si="16"/>
        <v>89.044347080342959</v>
      </c>
      <c r="AN55" s="12">
        <f t="shared" si="17"/>
        <v>749.51247649446668</v>
      </c>
      <c r="AO55" s="12">
        <f t="shared" si="18"/>
        <v>40.49406813879601</v>
      </c>
      <c r="AP55" s="12">
        <f t="shared" si="19"/>
        <v>20.247034069398005</v>
      </c>
      <c r="AQ55" s="12">
        <f t="shared" si="20"/>
        <v>0</v>
      </c>
      <c r="AR55" s="11">
        <f t="shared" si="21"/>
        <v>899.29792578300362</v>
      </c>
    </row>
    <row r="56" spans="2:44" x14ac:dyDescent="0.25">
      <c r="B56" s="79">
        <f t="shared" si="33"/>
        <v>29</v>
      </c>
      <c r="C56" s="150">
        <f t="shared" si="28"/>
        <v>0.85522158792439584</v>
      </c>
      <c r="D56" s="150">
        <f t="shared" si="29"/>
        <v>0.29326866712584093</v>
      </c>
      <c r="E56" s="150">
        <f t="shared" si="30"/>
        <v>3.7057536276341674E-2</v>
      </c>
      <c r="F56" s="150">
        <f t="shared" si="31"/>
        <v>0</v>
      </c>
      <c r="P56" s="10">
        <f t="shared" si="23"/>
        <v>44981</v>
      </c>
      <c r="Q56" s="28">
        <v>12.8</v>
      </c>
      <c r="R56" s="28">
        <f t="shared" si="9"/>
        <v>5</v>
      </c>
      <c r="S56" s="12">
        <f t="shared" si="0"/>
        <v>1.0609861866589789</v>
      </c>
      <c r="T56" s="12">
        <f t="shared" si="1"/>
        <v>1.4695351264848711</v>
      </c>
      <c r="U56" s="12">
        <f t="shared" si="2"/>
        <v>1.771938814155029</v>
      </c>
      <c r="V56" s="12">
        <f t="shared" si="3"/>
        <v>2.5404025087253199</v>
      </c>
      <c r="W56" s="12">
        <f t="shared" si="10"/>
        <v>0</v>
      </c>
      <c r="X56" s="12">
        <f t="shared" si="4"/>
        <v>-7.0953309908476907E-3</v>
      </c>
      <c r="Y56" s="12">
        <f t="shared" si="5"/>
        <v>-5.875924024232846E-2</v>
      </c>
      <c r="Z56" s="12">
        <f t="shared" si="6"/>
        <v>-9.5984753200240996E-2</v>
      </c>
      <c r="AA56" s="12">
        <f t="shared" si="7"/>
        <v>-0.17801624965770491</v>
      </c>
      <c r="AB56" s="12">
        <f t="shared" si="11"/>
        <v>0</v>
      </c>
      <c r="AC56" s="12">
        <f t="shared" si="24"/>
        <v>0.36381223124104817</v>
      </c>
      <c r="AD56" s="12">
        <f t="shared" si="12"/>
        <v>0.26903131926865004</v>
      </c>
      <c r="AE56" s="12">
        <f t="shared" si="13"/>
        <v>0</v>
      </c>
      <c r="AF56" s="12">
        <f t="shared" si="14"/>
        <v>6.5448628276674303E-2</v>
      </c>
      <c r="AG56" s="12">
        <f t="shared" si="15"/>
        <v>0</v>
      </c>
      <c r="AH56" s="12">
        <f>AC56/SUM(AC$2:AG$366)*Input!$J$5</f>
        <v>372.54783223621979</v>
      </c>
      <c r="AI56" s="12">
        <f>AD56/SUM(AC$2:AG$366)*Input!$J$5</f>
        <v>275.49110829860825</v>
      </c>
      <c r="AJ56" s="12">
        <f>AE56/SUM(AC$2:AG$366)*Input!$J$5</f>
        <v>0</v>
      </c>
      <c r="AK56" s="12">
        <f>AF56/SUM(AC$2:AG$366)*Input!$J$5</f>
        <v>67.020134271280412</v>
      </c>
      <c r="AL56" s="12">
        <f>AG56/SUM(AC$2:AG$366)*Input!$J$5</f>
        <v>0</v>
      </c>
      <c r="AM56" s="12">
        <f t="shared" si="16"/>
        <v>32.169664450214583</v>
      </c>
      <c r="AN56" s="12">
        <f t="shared" si="17"/>
        <v>623.28175719809872</v>
      </c>
      <c r="AO56" s="12">
        <f t="shared" si="18"/>
        <v>39.738435438530111</v>
      </c>
      <c r="AP56" s="12">
        <f t="shared" si="19"/>
        <v>19.869217719265055</v>
      </c>
      <c r="AQ56" s="12">
        <f t="shared" si="20"/>
        <v>0</v>
      </c>
      <c r="AR56" s="11">
        <f t="shared" si="21"/>
        <v>715.05907480610847</v>
      </c>
    </row>
    <row r="57" spans="2:44" x14ac:dyDescent="0.25">
      <c r="B57" s="79">
        <f t="shared" si="33"/>
        <v>30</v>
      </c>
      <c r="C57" s="150">
        <f t="shared" si="28"/>
        <v>0.84812625693354815</v>
      </c>
      <c r="D57" s="150">
        <f t="shared" si="29"/>
        <v>0.28000524651010689</v>
      </c>
      <c r="E57" s="150">
        <f t="shared" si="30"/>
        <v>2.4301081879934128E-2</v>
      </c>
      <c r="F57" s="150">
        <f t="shared" si="31"/>
        <v>0</v>
      </c>
      <c r="P57" s="10">
        <f t="shared" si="23"/>
        <v>44982</v>
      </c>
      <c r="Q57" s="28">
        <v>8.6</v>
      </c>
      <c r="R57" s="28">
        <f t="shared" si="9"/>
        <v>6</v>
      </c>
      <c r="S57" s="12">
        <f t="shared" si="0"/>
        <v>0.88136675487947747</v>
      </c>
      <c r="T57" s="12">
        <f t="shared" si="1"/>
        <v>0.40529111994771311</v>
      </c>
      <c r="U57" s="12">
        <f t="shared" si="2"/>
        <v>1.4791569663107089</v>
      </c>
      <c r="V57" s="12">
        <f t="shared" si="3"/>
        <v>1.31124751273035</v>
      </c>
      <c r="W57" s="12">
        <f t="shared" si="10"/>
        <v>1.9424956480203619</v>
      </c>
      <c r="X57" s="12">
        <f t="shared" si="4"/>
        <v>-1.236743869637378E-2</v>
      </c>
      <c r="Y57" s="12">
        <f t="shared" si="5"/>
        <v>-1.3226323007097701E-2</v>
      </c>
      <c r="Z57" s="12">
        <f t="shared" si="6"/>
        <v>-6.6119920832722404E-2</v>
      </c>
      <c r="AA57" s="12">
        <f t="shared" si="7"/>
        <v>-7.5310765362349638E-2</v>
      </c>
      <c r="AB57" s="12">
        <f t="shared" si="11"/>
        <v>-0.1200596025795522</v>
      </c>
      <c r="AC57" s="12">
        <f t="shared" si="24"/>
        <v>0</v>
      </c>
      <c r="AD57" s="12">
        <f t="shared" si="12"/>
        <v>0.10204065973033552</v>
      </c>
      <c r="AE57" s="12">
        <f t="shared" si="13"/>
        <v>7.9670994125563416E-2</v>
      </c>
      <c r="AF57" s="12">
        <f t="shared" si="14"/>
        <v>0.11612561285747505</v>
      </c>
      <c r="AG57" s="12">
        <f t="shared" si="15"/>
        <v>7.9623518260668644E-2</v>
      </c>
      <c r="AH57" s="12">
        <f>AC57/SUM(AC$2:AG$366)*Input!$J$5</f>
        <v>0</v>
      </c>
      <c r="AI57" s="12">
        <f>AD57/SUM(AC$2:AG$366)*Input!$J$5</f>
        <v>104.49078760439725</v>
      </c>
      <c r="AJ57" s="12">
        <f>AE57/SUM(AC$2:AG$366)*Input!$J$5</f>
        <v>81.583997471260332</v>
      </c>
      <c r="AK57" s="12">
        <f>AF57/SUM(AC$2:AG$366)*Input!$J$5</f>
        <v>118.91393862591397</v>
      </c>
      <c r="AL57" s="12">
        <f>AG57/SUM(AC$2:AG$366)*Input!$J$5</f>
        <v>81.535381649604872</v>
      </c>
      <c r="AM57" s="12">
        <f t="shared" si="16"/>
        <v>78.273966383620717</v>
      </c>
      <c r="AN57" s="12">
        <f t="shared" si="17"/>
        <v>295.71124445502801</v>
      </c>
      <c r="AO57" s="12">
        <f t="shared" si="18"/>
        <v>8.35926300835178</v>
      </c>
      <c r="AP57" s="12">
        <f t="shared" si="19"/>
        <v>4.17963150417589</v>
      </c>
      <c r="AQ57" s="12">
        <f t="shared" si="20"/>
        <v>0</v>
      </c>
      <c r="AR57" s="11">
        <f t="shared" si="21"/>
        <v>386.52410535117644</v>
      </c>
    </row>
    <row r="58" spans="2:44" x14ac:dyDescent="0.25">
      <c r="P58" s="10">
        <f t="shared" si="23"/>
        <v>44983</v>
      </c>
      <c r="Q58" s="28">
        <v>2.7</v>
      </c>
      <c r="R58" s="28">
        <f t="shared" si="9"/>
        <v>7</v>
      </c>
      <c r="S58" s="12">
        <f t="shared" si="0"/>
        <v>0.88136675487947747</v>
      </c>
      <c r="T58" s="12">
        <f t="shared" si="1"/>
        <v>0.40529111994771311</v>
      </c>
      <c r="U58" s="12">
        <f t="shared" si="2"/>
        <v>1.4791569663107089</v>
      </c>
      <c r="V58" s="12">
        <f t="shared" si="3"/>
        <v>1.31124751273035</v>
      </c>
      <c r="W58" s="12">
        <f t="shared" si="10"/>
        <v>1.9424956480203619</v>
      </c>
      <c r="X58" s="12">
        <f t="shared" si="4"/>
        <v>-1.236743869637378E-2</v>
      </c>
      <c r="Y58" s="12">
        <f t="shared" si="5"/>
        <v>-1.3226323007097701E-2</v>
      </c>
      <c r="Z58" s="12">
        <f t="shared" si="6"/>
        <v>-6.6119920832722404E-2</v>
      </c>
      <c r="AA58" s="12">
        <f t="shared" si="7"/>
        <v>-7.5310765362349638E-2</v>
      </c>
      <c r="AB58" s="12">
        <f t="shared" si="11"/>
        <v>-0.1200596025795522</v>
      </c>
      <c r="AC58" s="12">
        <f t="shared" si="24"/>
        <v>0</v>
      </c>
      <c r="AD58" s="12">
        <f t="shared" si="12"/>
        <v>0.12935301673999225</v>
      </c>
      <c r="AE58" s="12">
        <f t="shared" si="13"/>
        <v>0.11380540325545636</v>
      </c>
      <c r="AF58" s="12">
        <f t="shared" si="14"/>
        <v>0.19388397809410102</v>
      </c>
      <c r="AG58" s="12">
        <f t="shared" si="15"/>
        <v>0.14160428809236245</v>
      </c>
      <c r="AH58" s="12">
        <f>AC58/SUM(AC$2:AG$366)*Input!$J$5</f>
        <v>0</v>
      </c>
      <c r="AI58" s="12">
        <f>AD58/SUM(AC$2:AG$366)*Input!$J$5</f>
        <v>132.45894953919395</v>
      </c>
      <c r="AJ58" s="12">
        <f>AE58/SUM(AC$2:AG$366)*Input!$J$5</f>
        <v>116.53801779824666</v>
      </c>
      <c r="AK58" s="12">
        <f>AF58/SUM(AC$2:AG$366)*Input!$J$5</f>
        <v>198.53938252129436</v>
      </c>
      <c r="AL58" s="12">
        <f>AG58/SUM(AC$2:AG$366)*Input!$J$5</f>
        <v>145.00438972105295</v>
      </c>
      <c r="AM58" s="12">
        <f t="shared" si="16"/>
        <v>139.20421413221089</v>
      </c>
      <c r="AN58" s="12">
        <f t="shared" si="17"/>
        <v>437.44145150287369</v>
      </c>
      <c r="AO58" s="12">
        <f t="shared" si="18"/>
        <v>10.596715963135516</v>
      </c>
      <c r="AP58" s="12">
        <f t="shared" si="19"/>
        <v>5.2983579815677579</v>
      </c>
      <c r="AQ58" s="12">
        <f t="shared" si="20"/>
        <v>0</v>
      </c>
      <c r="AR58" s="11">
        <f t="shared" si="21"/>
        <v>592.54073957978778</v>
      </c>
    </row>
    <row r="59" spans="2:44" x14ac:dyDescent="0.25">
      <c r="P59" s="10">
        <f t="shared" si="23"/>
        <v>44984</v>
      </c>
      <c r="Q59" s="28">
        <v>2</v>
      </c>
      <c r="R59" s="28">
        <f t="shared" si="9"/>
        <v>1</v>
      </c>
      <c r="S59" s="12">
        <f t="shared" si="0"/>
        <v>1.085192073005006</v>
      </c>
      <c r="T59" s="12">
        <f t="shared" si="1"/>
        <v>1.4695351264848711</v>
      </c>
      <c r="U59" s="12">
        <f t="shared" si="2"/>
        <v>1.771938814155029</v>
      </c>
      <c r="V59" s="12">
        <f t="shared" si="3"/>
        <v>2.5404025087253199</v>
      </c>
      <c r="W59" s="12">
        <f t="shared" si="10"/>
        <v>0</v>
      </c>
      <c r="X59" s="12">
        <f t="shared" si="4"/>
        <v>-1.544218835154681E-2</v>
      </c>
      <c r="Y59" s="12">
        <f t="shared" si="5"/>
        <v>-5.875924024232846E-2</v>
      </c>
      <c r="Z59" s="12">
        <f t="shared" si="6"/>
        <v>-9.5984753200240996E-2</v>
      </c>
      <c r="AA59" s="12">
        <f t="shared" si="7"/>
        <v>-0.17801624965770491</v>
      </c>
      <c r="AB59" s="12">
        <f t="shared" si="11"/>
        <v>0</v>
      </c>
      <c r="AC59" s="12">
        <f t="shared" si="24"/>
        <v>0.39536538611321714</v>
      </c>
      <c r="AD59" s="12">
        <f t="shared" si="12"/>
        <v>0.50700624225008029</v>
      </c>
      <c r="AE59" s="12">
        <f t="shared" si="13"/>
        <v>0</v>
      </c>
      <c r="AF59" s="12">
        <f t="shared" si="14"/>
        <v>0.54609250235247753</v>
      </c>
      <c r="AG59" s="12">
        <f t="shared" si="15"/>
        <v>0</v>
      </c>
      <c r="AH59" s="12">
        <f>AC59/SUM(AC$2:AG$366)*Input!$J$5</f>
        <v>404.85861906089866</v>
      </c>
      <c r="AI59" s="12">
        <f>AD59/SUM(AC$2:AG$366)*Input!$J$5</f>
        <v>519.18011617193736</v>
      </c>
      <c r="AJ59" s="12">
        <f>AE59/SUM(AC$2:AG$366)*Input!$J$5</f>
        <v>0</v>
      </c>
      <c r="AK59" s="12">
        <f>AF59/SUM(AC$2:AG$366)*Input!$J$5</f>
        <v>559.20488780123765</v>
      </c>
      <c r="AL59" s="12">
        <f>AG59/SUM(AC$2:AG$366)*Input!$J$5</f>
        <v>0</v>
      </c>
      <c r="AM59" s="12">
        <f t="shared" si="16"/>
        <v>268.41834614459395</v>
      </c>
      <c r="AN59" s="12">
        <f t="shared" si="17"/>
        <v>1150.0478978397359</v>
      </c>
      <c r="AO59" s="12">
        <f t="shared" si="18"/>
        <v>43.184919366495862</v>
      </c>
      <c r="AP59" s="12">
        <f t="shared" si="19"/>
        <v>21.592459683247931</v>
      </c>
      <c r="AQ59" s="12">
        <f t="shared" si="20"/>
        <v>0</v>
      </c>
      <c r="AR59" s="11">
        <f t="shared" si="21"/>
        <v>1483.2436230340736</v>
      </c>
    </row>
    <row r="60" spans="2:44" x14ac:dyDescent="0.25">
      <c r="P60" s="10">
        <f t="shared" si="23"/>
        <v>44985</v>
      </c>
      <c r="Q60" s="28">
        <v>3</v>
      </c>
      <c r="R60" s="28">
        <f t="shared" si="9"/>
        <v>2</v>
      </c>
      <c r="S60" s="12">
        <f t="shared" si="0"/>
        <v>1.0609861866589789</v>
      </c>
      <c r="T60" s="12">
        <f t="shared" si="1"/>
        <v>1.4695351264848711</v>
      </c>
      <c r="U60" s="12">
        <f t="shared" si="2"/>
        <v>1.771938814155029</v>
      </c>
      <c r="V60" s="12">
        <f t="shared" si="3"/>
        <v>2.5404025087253199</v>
      </c>
      <c r="W60" s="12">
        <f t="shared" si="10"/>
        <v>0</v>
      </c>
      <c r="X60" s="12">
        <f t="shared" si="4"/>
        <v>-7.0953309908476907E-3</v>
      </c>
      <c r="Y60" s="12">
        <f t="shared" si="5"/>
        <v>-5.875924024232846E-2</v>
      </c>
      <c r="Z60" s="12">
        <f t="shared" si="6"/>
        <v>-9.5984753200240996E-2</v>
      </c>
      <c r="AA60" s="12">
        <f t="shared" si="7"/>
        <v>-0.17801624965770491</v>
      </c>
      <c r="AB60" s="12">
        <f t="shared" si="11"/>
        <v>0</v>
      </c>
      <c r="AC60" s="12">
        <f t="shared" si="24"/>
        <v>0.38988757263241347</v>
      </c>
      <c r="AD60" s="12">
        <f t="shared" si="12"/>
        <v>0.48497152715920711</v>
      </c>
      <c r="AE60" s="12">
        <f t="shared" si="13"/>
        <v>0</v>
      </c>
      <c r="AF60" s="12">
        <f t="shared" si="14"/>
        <v>0.50158843993805124</v>
      </c>
      <c r="AG60" s="12">
        <f t="shared" si="15"/>
        <v>0</v>
      </c>
      <c r="AH60" s="12">
        <f>AC60/SUM(AC$2:AG$366)*Input!$J$5</f>
        <v>399.24927621196173</v>
      </c>
      <c r="AI60" s="12">
        <f>AD60/SUM(AC$2:AG$366)*Input!$J$5</f>
        <v>496.61631914662911</v>
      </c>
      <c r="AJ60" s="12">
        <f>AE60/SUM(AC$2:AG$366)*Input!$J$5</f>
        <v>0</v>
      </c>
      <c r="AK60" s="12">
        <f>AF60/SUM(AC$2:AG$366)*Input!$J$5</f>
        <v>513.63222543735264</v>
      </c>
      <c r="AL60" s="12">
        <f>AG60/SUM(AC$2:AG$366)*Input!$J$5</f>
        <v>0</v>
      </c>
      <c r="AM60" s="12">
        <f t="shared" si="16"/>
        <v>246.54346820992916</v>
      </c>
      <c r="AN60" s="12">
        <f t="shared" si="17"/>
        <v>1099.0744683921005</v>
      </c>
      <c r="AO60" s="12">
        <f t="shared" si="18"/>
        <v>42.586589462609254</v>
      </c>
      <c r="AP60" s="12">
        <f t="shared" si="19"/>
        <v>21.293294731304627</v>
      </c>
      <c r="AQ60" s="12">
        <f t="shared" si="20"/>
        <v>0</v>
      </c>
      <c r="AR60" s="11">
        <f t="shared" si="21"/>
        <v>1409.4978207959434</v>
      </c>
    </row>
    <row r="61" spans="2:44" x14ac:dyDescent="0.25">
      <c r="P61" s="10">
        <f t="shared" si="23"/>
        <v>44986</v>
      </c>
      <c r="Q61" s="28">
        <v>4.4000000000000004</v>
      </c>
      <c r="R61" s="28">
        <f t="shared" si="9"/>
        <v>3</v>
      </c>
      <c r="S61" s="12">
        <f t="shared" si="0"/>
        <v>1.0609861866589789</v>
      </c>
      <c r="T61" s="12">
        <f t="shared" si="1"/>
        <v>1.4695351264848711</v>
      </c>
      <c r="U61" s="12">
        <f t="shared" si="2"/>
        <v>1.771938814155029</v>
      </c>
      <c r="V61" s="12">
        <f t="shared" si="3"/>
        <v>2.5404025087253199</v>
      </c>
      <c r="W61" s="12">
        <f t="shared" si="10"/>
        <v>0</v>
      </c>
      <c r="X61" s="12">
        <f t="shared" si="4"/>
        <v>-7.0953309908476907E-3</v>
      </c>
      <c r="Y61" s="12">
        <f t="shared" si="5"/>
        <v>-5.875924024232846E-2</v>
      </c>
      <c r="Z61" s="12">
        <f t="shared" si="6"/>
        <v>-9.5984753200240996E-2</v>
      </c>
      <c r="AA61" s="12">
        <f t="shared" si="7"/>
        <v>-0.17801624965770491</v>
      </c>
      <c r="AB61" s="12">
        <f t="shared" si="11"/>
        <v>0</v>
      </c>
      <c r="AC61" s="12">
        <f t="shared" si="24"/>
        <v>0.38616252386221839</v>
      </c>
      <c r="AD61" s="12">
        <f t="shared" si="12"/>
        <v>0.45412292603198467</v>
      </c>
      <c r="AE61" s="12">
        <f t="shared" si="13"/>
        <v>0</v>
      </c>
      <c r="AF61" s="12">
        <f t="shared" si="14"/>
        <v>0.43928275255785454</v>
      </c>
      <c r="AG61" s="12">
        <f t="shared" si="15"/>
        <v>0</v>
      </c>
      <c r="AH61" s="12">
        <f>AC61/SUM(AC$2:AG$366)*Input!$J$5</f>
        <v>395.43478421542716</v>
      </c>
      <c r="AI61" s="12">
        <f>AD61/SUM(AC$2:AG$366)*Input!$J$5</f>
        <v>465.02700331119757</v>
      </c>
      <c r="AJ61" s="12">
        <f>AE61/SUM(AC$2:AG$366)*Input!$J$5</f>
        <v>0</v>
      </c>
      <c r="AK61" s="12">
        <f>AF61/SUM(AC$2:AG$366)*Input!$J$5</f>
        <v>449.83049812791376</v>
      </c>
      <c r="AL61" s="12">
        <f>AG61/SUM(AC$2:AG$366)*Input!$J$5</f>
        <v>0</v>
      </c>
      <c r="AM61" s="12">
        <f t="shared" si="16"/>
        <v>215.9186391013985</v>
      </c>
      <c r="AN61" s="12">
        <f t="shared" si="17"/>
        <v>1031.1040810786717</v>
      </c>
      <c r="AO61" s="12">
        <f t="shared" si="18"/>
        <v>42.179710316312232</v>
      </c>
      <c r="AP61" s="12">
        <f t="shared" si="19"/>
        <v>21.089855158156116</v>
      </c>
      <c r="AQ61" s="12">
        <f t="shared" si="20"/>
        <v>0</v>
      </c>
      <c r="AR61" s="11">
        <f t="shared" si="21"/>
        <v>1310.2922856545383</v>
      </c>
    </row>
    <row r="62" spans="2:44" x14ac:dyDescent="0.25">
      <c r="P62" s="10">
        <f t="shared" si="23"/>
        <v>44987</v>
      </c>
      <c r="Q62" s="28">
        <v>7</v>
      </c>
      <c r="R62" s="28">
        <f t="shared" si="9"/>
        <v>4</v>
      </c>
      <c r="S62" s="12">
        <f t="shared" si="0"/>
        <v>1.0609861866589789</v>
      </c>
      <c r="T62" s="12">
        <f t="shared" si="1"/>
        <v>1.4695351264848711</v>
      </c>
      <c r="U62" s="12">
        <f t="shared" si="2"/>
        <v>1.771938814155029</v>
      </c>
      <c r="V62" s="12">
        <f t="shared" si="3"/>
        <v>2.5404025087253199</v>
      </c>
      <c r="W62" s="12">
        <f t="shared" si="10"/>
        <v>0</v>
      </c>
      <c r="X62" s="12">
        <f t="shared" si="4"/>
        <v>-7.0953309908476907E-3</v>
      </c>
      <c r="Y62" s="12">
        <f t="shared" si="5"/>
        <v>-5.875924024232846E-2</v>
      </c>
      <c r="Z62" s="12">
        <f t="shared" si="6"/>
        <v>-9.5984753200240996E-2</v>
      </c>
      <c r="AA62" s="12">
        <f t="shared" si="7"/>
        <v>-0.17801624965770491</v>
      </c>
      <c r="AB62" s="12">
        <f t="shared" si="11"/>
        <v>0</v>
      </c>
      <c r="AC62" s="12">
        <f t="shared" si="24"/>
        <v>0.37924457614614193</v>
      </c>
      <c r="AD62" s="12">
        <f t="shared" si="12"/>
        <v>0.39683266679571449</v>
      </c>
      <c r="AE62" s="12">
        <f t="shared" si="13"/>
        <v>0</v>
      </c>
      <c r="AF62" s="12">
        <f t="shared" si="14"/>
        <v>0.32357219028034639</v>
      </c>
      <c r="AG62" s="12">
        <f t="shared" si="15"/>
        <v>0</v>
      </c>
      <c r="AH62" s="12">
        <f>AC62/SUM(AC$2:AG$366)*Input!$J$5</f>
        <v>388.35072765043441</v>
      </c>
      <c r="AI62" s="12">
        <f>AD62/SUM(AC$2:AG$366)*Input!$J$5</f>
        <v>406.36113104539618</v>
      </c>
      <c r="AJ62" s="12">
        <f>AE62/SUM(AC$2:AG$366)*Input!$J$5</f>
        <v>0</v>
      </c>
      <c r="AK62" s="12">
        <f>AF62/SUM(AC$2:AG$366)*Input!$J$5</f>
        <v>331.34157598181298</v>
      </c>
      <c r="AL62" s="12">
        <f>AG62/SUM(AC$2:AG$366)*Input!$J$5</f>
        <v>0</v>
      </c>
      <c r="AM62" s="12">
        <f t="shared" si="16"/>
        <v>159.04395647127015</v>
      </c>
      <c r="AN62" s="12">
        <f t="shared" si="17"/>
        <v>904.87336178230396</v>
      </c>
      <c r="AO62" s="12">
        <f t="shared" si="18"/>
        <v>41.42407761604634</v>
      </c>
      <c r="AP62" s="12">
        <f t="shared" si="19"/>
        <v>20.71203880802317</v>
      </c>
      <c r="AQ62" s="12">
        <f t="shared" si="20"/>
        <v>0</v>
      </c>
      <c r="AR62" s="11">
        <f t="shared" si="21"/>
        <v>1126.0534346776437</v>
      </c>
    </row>
    <row r="63" spans="2:44" x14ac:dyDescent="0.25">
      <c r="P63" s="10">
        <f t="shared" si="23"/>
        <v>44988</v>
      </c>
      <c r="Q63" s="28">
        <v>7</v>
      </c>
      <c r="R63" s="28">
        <f t="shared" si="9"/>
        <v>5</v>
      </c>
      <c r="S63" s="12">
        <f t="shared" si="0"/>
        <v>1.0609861866589789</v>
      </c>
      <c r="T63" s="12">
        <f t="shared" si="1"/>
        <v>1.4695351264848711</v>
      </c>
      <c r="U63" s="12">
        <f t="shared" si="2"/>
        <v>1.771938814155029</v>
      </c>
      <c r="V63" s="12">
        <f t="shared" si="3"/>
        <v>2.5404025087253199</v>
      </c>
      <c r="W63" s="12">
        <f t="shared" si="10"/>
        <v>0</v>
      </c>
      <c r="X63" s="12">
        <f t="shared" si="4"/>
        <v>-7.0953309908476907E-3</v>
      </c>
      <c r="Y63" s="12">
        <f t="shared" si="5"/>
        <v>-5.875924024232846E-2</v>
      </c>
      <c r="Z63" s="12">
        <f t="shared" si="6"/>
        <v>-9.5984753200240996E-2</v>
      </c>
      <c r="AA63" s="12">
        <f t="shared" si="7"/>
        <v>-0.17801624965770491</v>
      </c>
      <c r="AB63" s="12">
        <f t="shared" si="11"/>
        <v>0</v>
      </c>
      <c r="AC63" s="12">
        <f t="shared" si="24"/>
        <v>0.37924457614614193</v>
      </c>
      <c r="AD63" s="12">
        <f t="shared" si="12"/>
        <v>0.39683266679571449</v>
      </c>
      <c r="AE63" s="12">
        <f t="shared" si="13"/>
        <v>0</v>
      </c>
      <c r="AF63" s="12">
        <f t="shared" si="14"/>
        <v>0.32357219028034639</v>
      </c>
      <c r="AG63" s="12">
        <f t="shared" si="15"/>
        <v>0</v>
      </c>
      <c r="AH63" s="12">
        <f>AC63/SUM(AC$2:AG$366)*Input!$J$5</f>
        <v>388.35072765043441</v>
      </c>
      <c r="AI63" s="12">
        <f>AD63/SUM(AC$2:AG$366)*Input!$J$5</f>
        <v>406.36113104539618</v>
      </c>
      <c r="AJ63" s="12">
        <f>AE63/SUM(AC$2:AG$366)*Input!$J$5</f>
        <v>0</v>
      </c>
      <c r="AK63" s="12">
        <f>AF63/SUM(AC$2:AG$366)*Input!$J$5</f>
        <v>331.34157598181298</v>
      </c>
      <c r="AL63" s="12">
        <f>AG63/SUM(AC$2:AG$366)*Input!$J$5</f>
        <v>0</v>
      </c>
      <c r="AM63" s="12">
        <f t="shared" si="16"/>
        <v>159.04395647127015</v>
      </c>
      <c r="AN63" s="12">
        <f t="shared" si="17"/>
        <v>904.87336178230396</v>
      </c>
      <c r="AO63" s="12">
        <f t="shared" si="18"/>
        <v>41.42407761604634</v>
      </c>
      <c r="AP63" s="12">
        <f t="shared" si="19"/>
        <v>20.71203880802317</v>
      </c>
      <c r="AQ63" s="12">
        <f t="shared" si="20"/>
        <v>0</v>
      </c>
      <c r="AR63" s="11">
        <f t="shared" si="21"/>
        <v>1126.0534346776437</v>
      </c>
    </row>
    <row r="64" spans="2:44" x14ac:dyDescent="0.25">
      <c r="P64" s="10">
        <f t="shared" si="23"/>
        <v>44989</v>
      </c>
      <c r="Q64" s="28">
        <v>7.5</v>
      </c>
      <c r="R64" s="28">
        <f t="shared" si="9"/>
        <v>6</v>
      </c>
      <c r="S64" s="12">
        <f t="shared" si="0"/>
        <v>0.88136675487947747</v>
      </c>
      <c r="T64" s="12">
        <f t="shared" si="1"/>
        <v>0.40529111994771311</v>
      </c>
      <c r="U64" s="12">
        <f t="shared" si="2"/>
        <v>1.4791569663107089</v>
      </c>
      <c r="V64" s="12">
        <f t="shared" si="3"/>
        <v>1.31124751273035</v>
      </c>
      <c r="W64" s="12">
        <f t="shared" si="10"/>
        <v>1.9424956480203619</v>
      </c>
      <c r="X64" s="12">
        <f t="shared" si="4"/>
        <v>-1.236743869637378E-2</v>
      </c>
      <c r="Y64" s="12">
        <f t="shared" si="5"/>
        <v>-1.3226323007097701E-2</v>
      </c>
      <c r="Z64" s="12">
        <f t="shared" si="6"/>
        <v>-6.6119920832722404E-2</v>
      </c>
      <c r="AA64" s="12">
        <f t="shared" si="7"/>
        <v>-7.5310765362349638E-2</v>
      </c>
      <c r="AB64" s="12">
        <f t="shared" si="11"/>
        <v>-0.1200596025795522</v>
      </c>
      <c r="AC64" s="12">
        <f t="shared" si="24"/>
        <v>0</v>
      </c>
      <c r="AD64" s="12">
        <f t="shared" si="12"/>
        <v>0.10713279408806811</v>
      </c>
      <c r="AE64" s="12">
        <f t="shared" si="13"/>
        <v>8.6035036505712939E-2</v>
      </c>
      <c r="AF64" s="12">
        <f t="shared" si="14"/>
        <v>0.13062293518972734</v>
      </c>
      <c r="AG64" s="12">
        <f t="shared" si="15"/>
        <v>9.1179255008950535E-2</v>
      </c>
      <c r="AH64" s="12">
        <f>AC64/SUM(AC$2:AG$366)*Input!$J$5</f>
        <v>0</v>
      </c>
      <c r="AI64" s="12">
        <f>AD64/SUM(AC$2:AG$366)*Input!$J$5</f>
        <v>109.70519067698646</v>
      </c>
      <c r="AJ64" s="12">
        <f>AE64/SUM(AC$2:AG$366)*Input!$J$5</f>
        <v>88.100848718664551</v>
      </c>
      <c r="AK64" s="12">
        <f>AF64/SUM(AC$2:AG$366)*Input!$J$5</f>
        <v>133.75936036912049</v>
      </c>
      <c r="AL64" s="12">
        <f>AG64/SUM(AC$2:AG$366)*Input!$J$5</f>
        <v>93.368586544281627</v>
      </c>
      <c r="AM64" s="12">
        <f t="shared" si="16"/>
        <v>89.63384308251041</v>
      </c>
      <c r="AN64" s="12">
        <f t="shared" si="17"/>
        <v>322.13552034530431</v>
      </c>
      <c r="AO64" s="12">
        <f t="shared" si="18"/>
        <v>8.776415254158918</v>
      </c>
      <c r="AP64" s="12">
        <f t="shared" si="19"/>
        <v>4.388207627079459</v>
      </c>
      <c r="AQ64" s="12">
        <f t="shared" si="20"/>
        <v>0</v>
      </c>
      <c r="AR64" s="11">
        <f t="shared" si="21"/>
        <v>424.93398630905307</v>
      </c>
    </row>
    <row r="65" spans="16:44" x14ac:dyDescent="0.25">
      <c r="P65" s="10">
        <f t="shared" si="23"/>
        <v>44990</v>
      </c>
      <c r="Q65" s="28">
        <v>5</v>
      </c>
      <c r="R65" s="28">
        <f t="shared" si="9"/>
        <v>7</v>
      </c>
      <c r="S65" s="12">
        <f t="shared" si="0"/>
        <v>0.88136675487947747</v>
      </c>
      <c r="T65" s="12">
        <f t="shared" si="1"/>
        <v>0.40529111994771311</v>
      </c>
      <c r="U65" s="12">
        <f t="shared" si="2"/>
        <v>1.4791569663107089</v>
      </c>
      <c r="V65" s="12">
        <f t="shared" si="3"/>
        <v>1.31124751273035</v>
      </c>
      <c r="W65" s="12">
        <f t="shared" si="10"/>
        <v>1.9424956480203619</v>
      </c>
      <c r="X65" s="12">
        <f t="shared" si="4"/>
        <v>-1.236743869637378E-2</v>
      </c>
      <c r="Y65" s="12">
        <f t="shared" si="5"/>
        <v>-1.3226323007097701E-2</v>
      </c>
      <c r="Z65" s="12">
        <f t="shared" si="6"/>
        <v>-6.6119920832722404E-2</v>
      </c>
      <c r="AA65" s="12">
        <f t="shared" si="7"/>
        <v>-7.5310765362349638E-2</v>
      </c>
      <c r="AB65" s="12">
        <f t="shared" si="11"/>
        <v>-0.1200596025795522</v>
      </c>
      <c r="AC65" s="12">
        <f t="shared" si="24"/>
        <v>0</v>
      </c>
      <c r="AD65" s="12">
        <f t="shared" si="12"/>
        <v>0.1187058267192786</v>
      </c>
      <c r="AE65" s="12">
        <f t="shared" si="13"/>
        <v>0.10049876918787098</v>
      </c>
      <c r="AF65" s="12">
        <f t="shared" si="14"/>
        <v>0.1635713950357553</v>
      </c>
      <c r="AG65" s="12">
        <f t="shared" si="15"/>
        <v>0.11744229307322757</v>
      </c>
      <c r="AH65" s="12">
        <f>AC65/SUM(AC$2:AG$366)*Input!$J$5</f>
        <v>0</v>
      </c>
      <c r="AI65" s="12">
        <f>AD65/SUM(AC$2:AG$366)*Input!$J$5</f>
        <v>121.55610675105287</v>
      </c>
      <c r="AJ65" s="12">
        <f>AE65/SUM(AC$2:AG$366)*Input!$J$5</f>
        <v>102.9118742809469</v>
      </c>
      <c r="AK65" s="12">
        <f>AF65/SUM(AC$2:AG$366)*Input!$J$5</f>
        <v>167.49895524004438</v>
      </c>
      <c r="AL65" s="12">
        <f>AG65/SUM(AC$2:AG$366)*Input!$J$5</f>
        <v>120.26223403218336</v>
      </c>
      <c r="AM65" s="12">
        <f t="shared" si="16"/>
        <v>115.45174467089609</v>
      </c>
      <c r="AN65" s="12">
        <f t="shared" si="17"/>
        <v>382.19069282320504</v>
      </c>
      <c r="AO65" s="12">
        <f t="shared" si="18"/>
        <v>9.7244885400842289</v>
      </c>
      <c r="AP65" s="12">
        <f t="shared" si="19"/>
        <v>4.8622442700421145</v>
      </c>
      <c r="AQ65" s="12">
        <f t="shared" si="20"/>
        <v>0</v>
      </c>
      <c r="AR65" s="11">
        <f t="shared" si="21"/>
        <v>512.22917030422752</v>
      </c>
    </row>
    <row r="66" spans="16:44" x14ac:dyDescent="0.25">
      <c r="P66" s="10">
        <f t="shared" si="23"/>
        <v>44991</v>
      </c>
      <c r="Q66" s="28">
        <v>6.5</v>
      </c>
      <c r="R66" s="28">
        <f t="shared" si="9"/>
        <v>1</v>
      </c>
      <c r="S66" s="12">
        <f t="shared" ref="S66:S129" si="52">IF(R66&gt;5,IF($Q66&lt;$G$3,$C$3,$E$3),IF($Q66&lt;$G$10,$C$10,$E$10))</f>
        <v>1.0609861866589789</v>
      </c>
      <c r="T66" s="12">
        <f t="shared" ref="T66:T129" si="53">IF(R66&gt;5,IF($Q66&lt;$G$4,$C$4,$E$4),IF($Q66&lt;$G$11,$C$11,$E$11))</f>
        <v>1.4695351264848711</v>
      </c>
      <c r="U66" s="12">
        <f t="shared" ref="U66:U129" si="54">IF(R66&gt;5,IF($Q66&lt;$G$5,$C$5,$E$5),IF($Q66&lt;$G$12,$C$12,$E$12))</f>
        <v>1.771938814155029</v>
      </c>
      <c r="V66" s="12">
        <f t="shared" ref="V66:V129" si="55">IF(R66&gt;5,IF($Q66&lt;$G$6,$C$6,$E$6),IF($Q66&lt;$G$13,$C$13,$E$13))</f>
        <v>2.5404025087253199</v>
      </c>
      <c r="W66" s="12">
        <f t="shared" si="10"/>
        <v>0</v>
      </c>
      <c r="X66" s="12">
        <f t="shared" ref="X66:X129" si="56">IF(R66&gt;5,IF($Q66&lt;$G$3,$D$3,$F$3),IF($Q66&lt;$G$10,$D$10,$F$10))</f>
        <v>-7.0953309908476907E-3</v>
      </c>
      <c r="Y66" s="12">
        <f t="shared" ref="Y66:Y129" si="57">IF(R66&gt;5,IF($Q66&lt;$G$4,$D$4,$F$4),IF($Q66&lt;$G$11,$D$11,$F$11))</f>
        <v>-5.875924024232846E-2</v>
      </c>
      <c r="Z66" s="12">
        <f t="shared" ref="Z66:Z129" si="58">IF(R66&gt;5,IF($Q66&lt;$G$5,$D$5,$F$5),IF($Q66&lt;$G$12,$D$12,$F$12))</f>
        <v>-9.5984753200240996E-2</v>
      </c>
      <c r="AA66" s="12">
        <f t="shared" ref="AA66:AA129" si="59">IF(R66&gt;5,IF($Q66&lt;$G$6,$D$6,$F$6),IF($Q66&lt;$G$13,$D$13,$F$13))</f>
        <v>-0.17801624965770491</v>
      </c>
      <c r="AB66" s="12">
        <f t="shared" si="11"/>
        <v>0</v>
      </c>
      <c r="AC66" s="12">
        <f t="shared" si="24"/>
        <v>0.38057495070692582</v>
      </c>
      <c r="AD66" s="12">
        <f t="shared" si="12"/>
        <v>0.40785002434115097</v>
      </c>
      <c r="AE66" s="12">
        <f t="shared" si="13"/>
        <v>0</v>
      </c>
      <c r="AF66" s="12">
        <f t="shared" si="14"/>
        <v>0.34582422148755954</v>
      </c>
      <c r="AG66" s="12">
        <f t="shared" si="15"/>
        <v>0</v>
      </c>
      <c r="AH66" s="12">
        <f>AC66/SUM(AC$2:AG$366)*Input!$J$5</f>
        <v>389.71304622062524</v>
      </c>
      <c r="AI66" s="12">
        <f>AD66/SUM(AC$2:AG$366)*Input!$J$5</f>
        <v>417.64302955805016</v>
      </c>
      <c r="AJ66" s="12">
        <f>AE66/SUM(AC$2:AG$366)*Input!$J$5</f>
        <v>0</v>
      </c>
      <c r="AK66" s="12">
        <f>AF66/SUM(AC$2:AG$366)*Input!$J$5</f>
        <v>354.12790716375548</v>
      </c>
      <c r="AL66" s="12">
        <f>AG66/SUM(AC$2:AG$366)*Input!$J$5</f>
        <v>0</v>
      </c>
      <c r="AM66" s="12">
        <f t="shared" si="16"/>
        <v>169.98139543860253</v>
      </c>
      <c r="AN66" s="12">
        <f t="shared" si="17"/>
        <v>929.14850010852842</v>
      </c>
      <c r="AO66" s="12">
        <f t="shared" si="18"/>
        <v>41.569391596866694</v>
      </c>
      <c r="AP66" s="12">
        <f t="shared" si="19"/>
        <v>20.784695798433347</v>
      </c>
      <c r="AQ66" s="12">
        <f t="shared" si="20"/>
        <v>0</v>
      </c>
      <c r="AR66" s="11">
        <f t="shared" si="21"/>
        <v>1161.4839829424309</v>
      </c>
    </row>
    <row r="67" spans="16:44" x14ac:dyDescent="0.25">
      <c r="P67" s="10">
        <f t="shared" si="23"/>
        <v>44992</v>
      </c>
      <c r="Q67" s="28">
        <v>7.9</v>
      </c>
      <c r="R67" s="28">
        <f t="shared" ref="R67:R130" si="60">WEEKDAY(P67,2)</f>
        <v>2</v>
      </c>
      <c r="S67" s="12">
        <f t="shared" si="52"/>
        <v>1.0609861866589789</v>
      </c>
      <c r="T67" s="12">
        <f t="shared" si="53"/>
        <v>1.4695351264848711</v>
      </c>
      <c r="U67" s="12">
        <f t="shared" si="54"/>
        <v>1.771938814155029</v>
      </c>
      <c r="V67" s="12">
        <f t="shared" si="55"/>
        <v>2.5404025087253199</v>
      </c>
      <c r="W67" s="12">
        <f t="shared" ref="W67:W130" si="61">IF(R67&lt;6,0,IF($Q67&lt;$G$7,$C$7,$E$7))</f>
        <v>0</v>
      </c>
      <c r="X67" s="12">
        <f t="shared" si="56"/>
        <v>-7.0953309908476907E-3</v>
      </c>
      <c r="Y67" s="12">
        <f t="shared" si="57"/>
        <v>-5.875924024232846E-2</v>
      </c>
      <c r="Z67" s="12">
        <f t="shared" si="58"/>
        <v>-9.5984753200240996E-2</v>
      </c>
      <c r="AA67" s="12">
        <f t="shared" si="59"/>
        <v>-0.17801624965770491</v>
      </c>
      <c r="AB67" s="12">
        <f t="shared" ref="AB67:AB130" si="62">IF(R67&lt;6,0,IF($Q67&lt;$G$7,$D$7,$F$7))</f>
        <v>0</v>
      </c>
      <c r="AC67" s="12">
        <f t="shared" ref="AC67:AC130" si="63">MAX(S67+X67*$Q67,0)*IF($R67&lt;6,$B$10,$B$3)</f>
        <v>0.37684990193673079</v>
      </c>
      <c r="AD67" s="12">
        <f t="shared" ref="AD67:AD130" si="64">MAX(T67+Y67*$Q67,0)*IF($R67&lt;6,$B$11,$B$4)</f>
        <v>0.3770014232139286</v>
      </c>
      <c r="AE67" s="12">
        <f t="shared" ref="AE67:AE130" si="65">MAX(U67+Z67*$Q67,0)*IF($R67&lt;6,$B$12,$B$5)</f>
        <v>0</v>
      </c>
      <c r="AF67" s="12">
        <f t="shared" ref="AF67:AF130" si="66">MAX(V67+AA67*$Q67,0)*IF($R67&lt;6,$B$13,$B$6)</f>
        <v>0.28351853410736277</v>
      </c>
      <c r="AG67" s="12">
        <f t="shared" ref="AG67:AG130" si="67">MAX(W67+AB67*$Q67,0)*IF($R67&lt;6,0,$B$7)</f>
        <v>0</v>
      </c>
      <c r="AH67" s="12">
        <f>AC67/SUM(AC$2:AG$366)*Input!$J$5</f>
        <v>385.89855422409073</v>
      </c>
      <c r="AI67" s="12">
        <f>AD67/SUM(AC$2:AG$366)*Input!$J$5</f>
        <v>386.05371372261874</v>
      </c>
      <c r="AJ67" s="12">
        <f>AE67/SUM(AC$2:AG$366)*Input!$J$5</f>
        <v>0</v>
      </c>
      <c r="AK67" s="12">
        <f>AF67/SUM(AC$2:AG$366)*Input!$J$5</f>
        <v>290.32617985431654</v>
      </c>
      <c r="AL67" s="12">
        <f>AG67/SUM(AC$2:AG$366)*Input!$J$5</f>
        <v>0</v>
      </c>
      <c r="AM67" s="12">
        <f t="shared" ref="AM67:AM130" si="68">IF($R67&lt;6,AU$22*$AH67+AU$23*$AI67+AU$24*$AJ67+AU$25*$AK67,AU$31*$AH67+AU$32*$AI67+AU$33*$AJ67+AU$34*$AK67+AU$35*$AL67)</f>
        <v>139.35656633007187</v>
      </c>
      <c r="AN67" s="12">
        <f t="shared" ref="AN67:AN130" si="69">IF($R67&lt;6,AV$22*$AH67+AV$23*$AI67+AV$24*$AJ67+AV$25*$AK67,AV$31*$AH67+AV$32*$AI67+AV$33*$AJ67+AV$34*$AK67+AV$35*$AL67)</f>
        <v>861.17811279509954</v>
      </c>
      <c r="AO67" s="12">
        <f t="shared" ref="AO67:AO130" si="70">IF($R67&lt;6,AW$22*$AH67+AW$23*$AI67+AW$24*$AJ67+AW$25*$AK67,AW$31*$AH67+AW$32*$AI67+AW$33*$AJ67+AW$34*$AK67+AW$35*$AL67)</f>
        <v>41.162512450569679</v>
      </c>
      <c r="AP67" s="12">
        <f t="shared" ref="AP67:AP130" si="71">IF($R67&lt;6,AX$22*$AH67+AX$23*$AI67+AX$24*$AJ67+AX$25*$AK67,AX$31*$AH67+AX$32*$AI67+AX$33*$AJ67+AX$34*$AK67+AX$35*$AL67)</f>
        <v>20.581256225284839</v>
      </c>
      <c r="AQ67" s="12">
        <f t="shared" ref="AQ67:AQ130" si="72">IF($R67&lt;6,AY$22*$AH67+AY$23*$AI67+AY$24*$AJ67+AY$25*$AK67,AY$31*$AH67+AY$32*$AI67+AY$33*$AJ67+AY$34*$AK67+AY$35*$AL67)</f>
        <v>0</v>
      </c>
      <c r="AR67" s="11">
        <f t="shared" ref="AR67:AR130" si="73">SUM(AM67:AQ67)</f>
        <v>1062.2784478010258</v>
      </c>
    </row>
    <row r="68" spans="16:44" x14ac:dyDescent="0.25">
      <c r="P68" s="10">
        <f t="shared" ref="P68:P131" si="74">P67+1</f>
        <v>44993</v>
      </c>
      <c r="Q68" s="28">
        <v>8.8000000000000007</v>
      </c>
      <c r="R68" s="28">
        <f t="shared" si="60"/>
        <v>3</v>
      </c>
      <c r="S68" s="12">
        <f t="shared" si="52"/>
        <v>1.0609861866589789</v>
      </c>
      <c r="T68" s="12">
        <f t="shared" si="53"/>
        <v>1.4695351264848711</v>
      </c>
      <c r="U68" s="12">
        <f t="shared" si="54"/>
        <v>1.771938814155029</v>
      </c>
      <c r="V68" s="12">
        <f t="shared" si="55"/>
        <v>2.5404025087253199</v>
      </c>
      <c r="W68" s="12">
        <f t="shared" si="61"/>
        <v>0</v>
      </c>
      <c r="X68" s="12">
        <f t="shared" si="56"/>
        <v>-7.0953309908476907E-3</v>
      </c>
      <c r="Y68" s="12">
        <f t="shared" si="57"/>
        <v>-5.875924024232846E-2</v>
      </c>
      <c r="Z68" s="12">
        <f t="shared" si="58"/>
        <v>-9.5984753200240996E-2</v>
      </c>
      <c r="AA68" s="12">
        <f t="shared" si="59"/>
        <v>-0.17801624965770491</v>
      </c>
      <c r="AB68" s="12">
        <f t="shared" si="62"/>
        <v>0</v>
      </c>
      <c r="AC68" s="12">
        <f t="shared" si="63"/>
        <v>0.37445522772731971</v>
      </c>
      <c r="AD68" s="12">
        <f t="shared" si="64"/>
        <v>0.3571701796321427</v>
      </c>
      <c r="AE68" s="12">
        <f t="shared" si="65"/>
        <v>0</v>
      </c>
      <c r="AF68" s="12">
        <f t="shared" si="66"/>
        <v>0.24346487793437915</v>
      </c>
      <c r="AG68" s="12">
        <f t="shared" si="67"/>
        <v>0</v>
      </c>
      <c r="AH68" s="12">
        <f>AC68/SUM(AC$2:AG$366)*Input!$J$5</f>
        <v>383.44638079774711</v>
      </c>
      <c r="AI68" s="12">
        <f>AD68/SUM(AC$2:AG$366)*Input!$J$5</f>
        <v>365.74629639984124</v>
      </c>
      <c r="AJ68" s="12">
        <f>AE68/SUM(AC$2:AG$366)*Input!$J$5</f>
        <v>0</v>
      </c>
      <c r="AK68" s="12">
        <f>AF68/SUM(AC$2:AG$366)*Input!$J$5</f>
        <v>249.31078372682009</v>
      </c>
      <c r="AL68" s="12">
        <f>AG68/SUM(AC$2:AG$366)*Input!$J$5</f>
        <v>0</v>
      </c>
      <c r="AM68" s="12">
        <f t="shared" si="68"/>
        <v>119.66917618887358</v>
      </c>
      <c r="AN68" s="12">
        <f t="shared" si="69"/>
        <v>817.48286380789534</v>
      </c>
      <c r="AO68" s="12">
        <f t="shared" si="70"/>
        <v>40.900947285093025</v>
      </c>
      <c r="AP68" s="12">
        <f t="shared" si="71"/>
        <v>20.450473642546513</v>
      </c>
      <c r="AQ68" s="12">
        <f t="shared" si="72"/>
        <v>0</v>
      </c>
      <c r="AR68" s="11">
        <f t="shared" si="73"/>
        <v>998.5034609244085</v>
      </c>
    </row>
    <row r="69" spans="16:44" x14ac:dyDescent="0.25">
      <c r="P69" s="10">
        <f t="shared" si="74"/>
        <v>44994</v>
      </c>
      <c r="Q69" s="28">
        <v>12.3</v>
      </c>
      <c r="R69" s="28">
        <f t="shared" si="60"/>
        <v>4</v>
      </c>
      <c r="S69" s="12">
        <f t="shared" si="52"/>
        <v>1.0609861866589789</v>
      </c>
      <c r="T69" s="12">
        <f t="shared" si="53"/>
        <v>1.4695351264848711</v>
      </c>
      <c r="U69" s="12">
        <f t="shared" si="54"/>
        <v>1.771938814155029</v>
      </c>
      <c r="V69" s="12">
        <f t="shared" si="55"/>
        <v>2.5404025087253199</v>
      </c>
      <c r="W69" s="12">
        <f t="shared" si="61"/>
        <v>0</v>
      </c>
      <c r="X69" s="12">
        <f t="shared" si="56"/>
        <v>-7.0953309908476907E-3</v>
      </c>
      <c r="Y69" s="12">
        <f t="shared" si="57"/>
        <v>-5.875924024232846E-2</v>
      </c>
      <c r="Z69" s="12">
        <f t="shared" si="58"/>
        <v>-9.5984753200240996E-2</v>
      </c>
      <c r="AA69" s="12">
        <f t="shared" si="59"/>
        <v>-0.17801624965770491</v>
      </c>
      <c r="AB69" s="12">
        <f t="shared" si="62"/>
        <v>0</v>
      </c>
      <c r="AC69" s="12">
        <f t="shared" si="63"/>
        <v>0.36514260580183211</v>
      </c>
      <c r="AD69" s="12">
        <f t="shared" si="64"/>
        <v>0.28004867681408663</v>
      </c>
      <c r="AE69" s="12">
        <f t="shared" si="65"/>
        <v>0</v>
      </c>
      <c r="AF69" s="12">
        <f t="shared" si="66"/>
        <v>8.7700659483887389E-2</v>
      </c>
      <c r="AG69" s="12">
        <f t="shared" si="67"/>
        <v>0</v>
      </c>
      <c r="AH69" s="12">
        <f>AC69/SUM(AC$2:AG$366)*Input!$J$5</f>
        <v>373.91015080641074</v>
      </c>
      <c r="AI69" s="12">
        <f>AD69/SUM(AC$2:AG$366)*Input!$J$5</f>
        <v>286.77300681126241</v>
      </c>
      <c r="AJ69" s="12">
        <f>AE69/SUM(AC$2:AG$366)*Input!$J$5</f>
        <v>0</v>
      </c>
      <c r="AK69" s="12">
        <f>AF69/SUM(AC$2:AG$366)*Input!$J$5</f>
        <v>89.806465453222856</v>
      </c>
      <c r="AL69" s="12">
        <f>AG69/SUM(AC$2:AG$366)*Input!$J$5</f>
        <v>0</v>
      </c>
      <c r="AM69" s="12">
        <f t="shared" si="68"/>
        <v>43.107103417546952</v>
      </c>
      <c r="AN69" s="12">
        <f t="shared" si="69"/>
        <v>647.55689552432329</v>
      </c>
      <c r="AO69" s="12">
        <f t="shared" si="70"/>
        <v>39.88374941935048</v>
      </c>
      <c r="AP69" s="12">
        <f t="shared" si="71"/>
        <v>19.94187470967524</v>
      </c>
      <c r="AQ69" s="12">
        <f t="shared" si="72"/>
        <v>0</v>
      </c>
      <c r="AR69" s="11">
        <f t="shared" si="73"/>
        <v>750.48962307089596</v>
      </c>
    </row>
    <row r="70" spans="16:44" x14ac:dyDescent="0.25">
      <c r="P70" s="10">
        <f t="shared" si="74"/>
        <v>44995</v>
      </c>
      <c r="Q70" s="28">
        <v>11.6</v>
      </c>
      <c r="R70" s="28">
        <f t="shared" si="60"/>
        <v>5</v>
      </c>
      <c r="S70" s="12">
        <f t="shared" si="52"/>
        <v>1.0609861866589789</v>
      </c>
      <c r="T70" s="12">
        <f t="shared" si="53"/>
        <v>1.4695351264848711</v>
      </c>
      <c r="U70" s="12">
        <f t="shared" si="54"/>
        <v>1.771938814155029</v>
      </c>
      <c r="V70" s="12">
        <f t="shared" si="55"/>
        <v>2.5404025087253199</v>
      </c>
      <c r="W70" s="12">
        <f t="shared" si="61"/>
        <v>0</v>
      </c>
      <c r="X70" s="12">
        <f t="shared" si="56"/>
        <v>-7.0953309908476907E-3</v>
      </c>
      <c r="Y70" s="12">
        <f t="shared" si="57"/>
        <v>-5.875924024232846E-2</v>
      </c>
      <c r="Z70" s="12">
        <f t="shared" si="58"/>
        <v>-9.5984753200240996E-2</v>
      </c>
      <c r="AA70" s="12">
        <f t="shared" si="59"/>
        <v>-0.17801624965770491</v>
      </c>
      <c r="AB70" s="12">
        <f t="shared" si="62"/>
        <v>0</v>
      </c>
      <c r="AC70" s="12">
        <f t="shared" si="63"/>
        <v>0.36700513018692965</v>
      </c>
      <c r="AD70" s="12">
        <f t="shared" si="64"/>
        <v>0.29547297737769784</v>
      </c>
      <c r="AE70" s="12">
        <f t="shared" si="65"/>
        <v>0</v>
      </c>
      <c r="AF70" s="12">
        <f t="shared" si="66"/>
        <v>0.1188535031739858</v>
      </c>
      <c r="AG70" s="12">
        <f t="shared" si="67"/>
        <v>0</v>
      </c>
      <c r="AH70" s="12">
        <f>AC70/SUM(AC$2:AG$366)*Input!$J$5</f>
        <v>375.81739680467803</v>
      </c>
      <c r="AI70" s="12">
        <f>AD70/SUM(AC$2:AG$366)*Input!$J$5</f>
        <v>302.56766472897817</v>
      </c>
      <c r="AJ70" s="12">
        <f>AE70/SUM(AC$2:AG$366)*Input!$J$5</f>
        <v>0</v>
      </c>
      <c r="AK70" s="12">
        <f>AF70/SUM(AC$2:AG$366)*Input!$J$5</f>
        <v>121.70732910794237</v>
      </c>
      <c r="AL70" s="12">
        <f>AG70/SUM(AC$2:AG$366)*Input!$J$5</f>
        <v>0</v>
      </c>
      <c r="AM70" s="12">
        <f t="shared" si="68"/>
        <v>58.419517971812311</v>
      </c>
      <c r="AN70" s="12">
        <f t="shared" si="69"/>
        <v>681.5420891810378</v>
      </c>
      <c r="AO70" s="12">
        <f t="shared" si="70"/>
        <v>40.087188992498994</v>
      </c>
      <c r="AP70" s="12">
        <f t="shared" si="71"/>
        <v>20.043594496249497</v>
      </c>
      <c r="AQ70" s="12">
        <f t="shared" si="72"/>
        <v>0</v>
      </c>
      <c r="AR70" s="11">
        <f t="shared" si="73"/>
        <v>800.09239064159863</v>
      </c>
    </row>
    <row r="71" spans="16:44" x14ac:dyDescent="0.25">
      <c r="P71" s="10">
        <f t="shared" si="74"/>
        <v>44996</v>
      </c>
      <c r="Q71" s="28">
        <v>8.6999999999999993</v>
      </c>
      <c r="R71" s="28">
        <f t="shared" si="60"/>
        <v>6</v>
      </c>
      <c r="S71" s="12">
        <f t="shared" si="52"/>
        <v>0.88136675487947747</v>
      </c>
      <c r="T71" s="12">
        <f t="shared" si="53"/>
        <v>0.40529111994771311</v>
      </c>
      <c r="U71" s="12">
        <f t="shared" si="54"/>
        <v>1.4791569663107089</v>
      </c>
      <c r="V71" s="12">
        <f t="shared" si="55"/>
        <v>1.31124751273035</v>
      </c>
      <c r="W71" s="12">
        <f t="shared" si="61"/>
        <v>1.9424956480203619</v>
      </c>
      <c r="X71" s="12">
        <f t="shared" si="56"/>
        <v>-1.236743869637378E-2</v>
      </c>
      <c r="Y71" s="12">
        <f t="shared" si="57"/>
        <v>-1.3226323007097701E-2</v>
      </c>
      <c r="Z71" s="12">
        <f t="shared" si="58"/>
        <v>-6.6119920832722404E-2</v>
      </c>
      <c r="AA71" s="12">
        <f t="shared" si="59"/>
        <v>-7.5310765362349638E-2</v>
      </c>
      <c r="AB71" s="12">
        <f t="shared" si="62"/>
        <v>-0.1200596025795522</v>
      </c>
      <c r="AC71" s="12">
        <f t="shared" si="63"/>
        <v>0</v>
      </c>
      <c r="AD71" s="12">
        <f t="shared" si="64"/>
        <v>0.10157773842508709</v>
      </c>
      <c r="AE71" s="12">
        <f t="shared" si="65"/>
        <v>7.9092444818277097E-2</v>
      </c>
      <c r="AF71" s="12">
        <f t="shared" si="66"/>
        <v>0.11480767446363394</v>
      </c>
      <c r="AG71" s="12">
        <f t="shared" si="67"/>
        <v>7.8572996738097561E-2</v>
      </c>
      <c r="AH71" s="12">
        <f>AC71/SUM(AC$2:AG$366)*Input!$J$5</f>
        <v>0</v>
      </c>
      <c r="AI71" s="12">
        <f>AD71/SUM(AC$2:AG$366)*Input!$J$5</f>
        <v>104.0167509614346</v>
      </c>
      <c r="AJ71" s="12">
        <f>AE71/SUM(AC$2:AG$366)*Input!$J$5</f>
        <v>80.991556448769032</v>
      </c>
      <c r="AK71" s="12">
        <f>AF71/SUM(AC$2:AG$366)*Input!$J$5</f>
        <v>117.56435483107703</v>
      </c>
      <c r="AL71" s="12">
        <f>AG71/SUM(AC$2:AG$366)*Input!$J$5</f>
        <v>80.459635750088808</v>
      </c>
      <c r="AM71" s="12">
        <f t="shared" si="68"/>
        <v>77.2412503200853</v>
      </c>
      <c r="AN71" s="12">
        <f t="shared" si="69"/>
        <v>293.30903755591197</v>
      </c>
      <c r="AO71" s="12">
        <f t="shared" si="70"/>
        <v>8.3213400769147672</v>
      </c>
      <c r="AP71" s="12">
        <f t="shared" si="71"/>
        <v>4.1606700384573836</v>
      </c>
      <c r="AQ71" s="12">
        <f t="shared" si="72"/>
        <v>0</v>
      </c>
      <c r="AR71" s="11">
        <f t="shared" si="73"/>
        <v>383.03229799136943</v>
      </c>
    </row>
    <row r="72" spans="16:44" x14ac:dyDescent="0.25">
      <c r="P72" s="10">
        <f t="shared" si="74"/>
        <v>44997</v>
      </c>
      <c r="Q72" s="28">
        <v>5.4</v>
      </c>
      <c r="R72" s="28">
        <f t="shared" si="60"/>
        <v>7</v>
      </c>
      <c r="S72" s="12">
        <f t="shared" si="52"/>
        <v>0.88136675487947747</v>
      </c>
      <c r="T72" s="12">
        <f t="shared" si="53"/>
        <v>0.40529111994771311</v>
      </c>
      <c r="U72" s="12">
        <f t="shared" si="54"/>
        <v>1.4791569663107089</v>
      </c>
      <c r="V72" s="12">
        <f t="shared" si="55"/>
        <v>1.31124751273035</v>
      </c>
      <c r="W72" s="12">
        <f t="shared" si="61"/>
        <v>1.9424956480203619</v>
      </c>
      <c r="X72" s="12">
        <f t="shared" si="56"/>
        <v>-1.236743869637378E-2</v>
      </c>
      <c r="Y72" s="12">
        <f t="shared" si="57"/>
        <v>-1.3226323007097701E-2</v>
      </c>
      <c r="Z72" s="12">
        <f t="shared" si="58"/>
        <v>-6.6119920832722404E-2</v>
      </c>
      <c r="AA72" s="12">
        <f t="shared" si="59"/>
        <v>-7.5310765362349638E-2</v>
      </c>
      <c r="AB72" s="12">
        <f t="shared" si="62"/>
        <v>-0.1200596025795522</v>
      </c>
      <c r="AC72" s="12">
        <f t="shared" si="63"/>
        <v>0</v>
      </c>
      <c r="AD72" s="12">
        <f t="shared" si="64"/>
        <v>0.11685414149828492</v>
      </c>
      <c r="AE72" s="12">
        <f t="shared" si="65"/>
        <v>9.818457195872568E-2</v>
      </c>
      <c r="AF72" s="12">
        <f t="shared" si="66"/>
        <v>0.15829964146039083</v>
      </c>
      <c r="AG72" s="12">
        <f t="shared" si="67"/>
        <v>0.11324020698294325</v>
      </c>
      <c r="AH72" s="12">
        <f>AC72/SUM(AC$2:AG$366)*Input!$J$5</f>
        <v>0</v>
      </c>
      <c r="AI72" s="12">
        <f>AD72/SUM(AC$2:AG$366)*Input!$J$5</f>
        <v>119.65996017920224</v>
      </c>
      <c r="AJ72" s="12">
        <f>AE72/SUM(AC$2:AG$366)*Input!$J$5</f>
        <v>100.54211019098172</v>
      </c>
      <c r="AK72" s="12">
        <f>AF72/SUM(AC$2:AG$366)*Input!$J$5</f>
        <v>162.10062006069654</v>
      </c>
      <c r="AL72" s="12">
        <f>AG72/SUM(AC$2:AG$366)*Input!$J$5</f>
        <v>115.95925043411908</v>
      </c>
      <c r="AM72" s="12">
        <f t="shared" si="68"/>
        <v>111.32088041675438</v>
      </c>
      <c r="AN72" s="12">
        <f t="shared" si="69"/>
        <v>372.58186522674094</v>
      </c>
      <c r="AO72" s="12">
        <f t="shared" si="70"/>
        <v>9.5727968143361792</v>
      </c>
      <c r="AP72" s="12">
        <f t="shared" si="71"/>
        <v>4.7863984071680896</v>
      </c>
      <c r="AQ72" s="12">
        <f t="shared" si="72"/>
        <v>0</v>
      </c>
      <c r="AR72" s="11">
        <f t="shared" si="73"/>
        <v>498.26194086499959</v>
      </c>
    </row>
    <row r="73" spans="16:44" x14ac:dyDescent="0.25">
      <c r="P73" s="10">
        <f t="shared" si="74"/>
        <v>44998</v>
      </c>
      <c r="Q73" s="28">
        <v>11.6</v>
      </c>
      <c r="R73" s="28">
        <f t="shared" si="60"/>
        <v>1</v>
      </c>
      <c r="S73" s="12">
        <f t="shared" si="52"/>
        <v>1.0609861866589789</v>
      </c>
      <c r="T73" s="12">
        <f t="shared" si="53"/>
        <v>1.4695351264848711</v>
      </c>
      <c r="U73" s="12">
        <f t="shared" si="54"/>
        <v>1.771938814155029</v>
      </c>
      <c r="V73" s="12">
        <f t="shared" si="55"/>
        <v>2.5404025087253199</v>
      </c>
      <c r="W73" s="12">
        <f t="shared" si="61"/>
        <v>0</v>
      </c>
      <c r="X73" s="12">
        <f t="shared" si="56"/>
        <v>-7.0953309908476907E-3</v>
      </c>
      <c r="Y73" s="12">
        <f t="shared" si="57"/>
        <v>-5.875924024232846E-2</v>
      </c>
      <c r="Z73" s="12">
        <f t="shared" si="58"/>
        <v>-9.5984753200240996E-2</v>
      </c>
      <c r="AA73" s="12">
        <f t="shared" si="59"/>
        <v>-0.17801624965770491</v>
      </c>
      <c r="AB73" s="12">
        <f t="shared" si="62"/>
        <v>0</v>
      </c>
      <c r="AC73" s="12">
        <f t="shared" si="63"/>
        <v>0.36700513018692965</v>
      </c>
      <c r="AD73" s="12">
        <f t="shared" si="64"/>
        <v>0.29547297737769784</v>
      </c>
      <c r="AE73" s="12">
        <f t="shared" si="65"/>
        <v>0</v>
      </c>
      <c r="AF73" s="12">
        <f t="shared" si="66"/>
        <v>0.1188535031739858</v>
      </c>
      <c r="AG73" s="12">
        <f t="shared" si="67"/>
        <v>0</v>
      </c>
      <c r="AH73" s="12">
        <f>AC73/SUM(AC$2:AG$366)*Input!$J$5</f>
        <v>375.81739680467803</v>
      </c>
      <c r="AI73" s="12">
        <f>AD73/SUM(AC$2:AG$366)*Input!$J$5</f>
        <v>302.56766472897817</v>
      </c>
      <c r="AJ73" s="12">
        <f>AE73/SUM(AC$2:AG$366)*Input!$J$5</f>
        <v>0</v>
      </c>
      <c r="AK73" s="12">
        <f>AF73/SUM(AC$2:AG$366)*Input!$J$5</f>
        <v>121.70732910794237</v>
      </c>
      <c r="AL73" s="12">
        <f>AG73/SUM(AC$2:AG$366)*Input!$J$5</f>
        <v>0</v>
      </c>
      <c r="AM73" s="12">
        <f t="shared" si="68"/>
        <v>58.419517971812311</v>
      </c>
      <c r="AN73" s="12">
        <f t="shared" si="69"/>
        <v>681.5420891810378</v>
      </c>
      <c r="AO73" s="12">
        <f t="shared" si="70"/>
        <v>40.087188992498994</v>
      </c>
      <c r="AP73" s="12">
        <f t="shared" si="71"/>
        <v>20.043594496249497</v>
      </c>
      <c r="AQ73" s="12">
        <f t="shared" si="72"/>
        <v>0</v>
      </c>
      <c r="AR73" s="11">
        <f t="shared" si="73"/>
        <v>800.09239064159863</v>
      </c>
    </row>
    <row r="74" spans="16:44" x14ac:dyDescent="0.25">
      <c r="P74" s="10">
        <f t="shared" si="74"/>
        <v>44999</v>
      </c>
      <c r="Q74" s="28">
        <v>11.5</v>
      </c>
      <c r="R74" s="28">
        <f t="shared" si="60"/>
        <v>2</v>
      </c>
      <c r="S74" s="12">
        <f t="shared" si="52"/>
        <v>1.0609861866589789</v>
      </c>
      <c r="T74" s="12">
        <f t="shared" si="53"/>
        <v>1.4695351264848711</v>
      </c>
      <c r="U74" s="12">
        <f t="shared" si="54"/>
        <v>1.771938814155029</v>
      </c>
      <c r="V74" s="12">
        <f t="shared" si="55"/>
        <v>2.5404025087253199</v>
      </c>
      <c r="W74" s="12">
        <f t="shared" si="61"/>
        <v>0</v>
      </c>
      <c r="X74" s="12">
        <f t="shared" si="56"/>
        <v>-7.0953309908476907E-3</v>
      </c>
      <c r="Y74" s="12">
        <f t="shared" si="57"/>
        <v>-5.875924024232846E-2</v>
      </c>
      <c r="Z74" s="12">
        <f t="shared" si="58"/>
        <v>-9.5984753200240996E-2</v>
      </c>
      <c r="AA74" s="12">
        <f t="shared" si="59"/>
        <v>-0.17801624965770491</v>
      </c>
      <c r="AB74" s="12">
        <f t="shared" si="62"/>
        <v>0</v>
      </c>
      <c r="AC74" s="12">
        <f t="shared" si="63"/>
        <v>0.3672712050990864</v>
      </c>
      <c r="AD74" s="12">
        <f t="shared" si="64"/>
        <v>0.29767644888678513</v>
      </c>
      <c r="AE74" s="12">
        <f t="shared" si="65"/>
        <v>0</v>
      </c>
      <c r="AF74" s="12">
        <f t="shared" si="66"/>
        <v>0.12330390941542835</v>
      </c>
      <c r="AG74" s="12">
        <f t="shared" si="67"/>
        <v>0</v>
      </c>
      <c r="AH74" s="12">
        <f>AC74/SUM(AC$2:AG$366)*Input!$J$5</f>
        <v>376.08986051871614</v>
      </c>
      <c r="AI74" s="12">
        <f>AD74/SUM(AC$2:AG$366)*Input!$J$5</f>
        <v>304.82404443150898</v>
      </c>
      <c r="AJ74" s="12">
        <f>AE74/SUM(AC$2:AG$366)*Input!$J$5</f>
        <v>0</v>
      </c>
      <c r="AK74" s="12">
        <f>AF74/SUM(AC$2:AG$366)*Input!$J$5</f>
        <v>126.26459534433077</v>
      </c>
      <c r="AL74" s="12">
        <f>AG74/SUM(AC$2:AG$366)*Input!$J$5</f>
        <v>0</v>
      </c>
      <c r="AM74" s="12">
        <f t="shared" si="68"/>
        <v>60.607005765278743</v>
      </c>
      <c r="AN74" s="12">
        <f t="shared" si="69"/>
        <v>686.39711684628253</v>
      </c>
      <c r="AO74" s="12">
        <f t="shared" si="70"/>
        <v>40.116251788663057</v>
      </c>
      <c r="AP74" s="12">
        <f t="shared" si="71"/>
        <v>20.058125894331528</v>
      </c>
      <c r="AQ74" s="12">
        <f t="shared" si="72"/>
        <v>0</v>
      </c>
      <c r="AR74" s="11">
        <f t="shared" si="73"/>
        <v>807.17850029455576</v>
      </c>
    </row>
    <row r="75" spans="16:44" x14ac:dyDescent="0.25">
      <c r="P75" s="10">
        <f t="shared" si="74"/>
        <v>45000</v>
      </c>
      <c r="Q75" s="28">
        <v>8.4</v>
      </c>
      <c r="R75" s="28">
        <f t="shared" si="60"/>
        <v>3</v>
      </c>
      <c r="S75" s="12">
        <f t="shared" si="52"/>
        <v>1.0609861866589789</v>
      </c>
      <c r="T75" s="12">
        <f t="shared" si="53"/>
        <v>1.4695351264848711</v>
      </c>
      <c r="U75" s="12">
        <f t="shared" si="54"/>
        <v>1.771938814155029</v>
      </c>
      <c r="V75" s="12">
        <f t="shared" si="55"/>
        <v>2.5404025087253199</v>
      </c>
      <c r="W75" s="12">
        <f t="shared" si="61"/>
        <v>0</v>
      </c>
      <c r="X75" s="12">
        <f t="shared" si="56"/>
        <v>-7.0953309908476907E-3</v>
      </c>
      <c r="Y75" s="12">
        <f t="shared" si="57"/>
        <v>-5.875924024232846E-2</v>
      </c>
      <c r="Z75" s="12">
        <f t="shared" si="58"/>
        <v>-9.5984753200240996E-2</v>
      </c>
      <c r="AA75" s="12">
        <f t="shared" si="59"/>
        <v>-0.17801624965770491</v>
      </c>
      <c r="AB75" s="12">
        <f t="shared" si="62"/>
        <v>0</v>
      </c>
      <c r="AC75" s="12">
        <f t="shared" si="63"/>
        <v>0.37551952737594685</v>
      </c>
      <c r="AD75" s="12">
        <f t="shared" si="64"/>
        <v>0.36598406566849195</v>
      </c>
      <c r="AE75" s="12">
        <f t="shared" si="65"/>
        <v>0</v>
      </c>
      <c r="AF75" s="12">
        <f t="shared" si="66"/>
        <v>0.26126650290014969</v>
      </c>
      <c r="AG75" s="12">
        <f t="shared" si="67"/>
        <v>0</v>
      </c>
      <c r="AH75" s="12">
        <f>AC75/SUM(AC$2:AG$366)*Input!$J$5</f>
        <v>384.53623565389984</v>
      </c>
      <c r="AI75" s="12">
        <f>AD75/SUM(AC$2:AG$366)*Input!$J$5</f>
        <v>374.77181520996453</v>
      </c>
      <c r="AJ75" s="12">
        <f>AE75/SUM(AC$2:AG$366)*Input!$J$5</f>
        <v>0</v>
      </c>
      <c r="AK75" s="12">
        <f>AF75/SUM(AC$2:AG$366)*Input!$J$5</f>
        <v>267.53984867237409</v>
      </c>
      <c r="AL75" s="12">
        <f>AG75/SUM(AC$2:AG$366)*Input!$J$5</f>
        <v>0</v>
      </c>
      <c r="AM75" s="12">
        <f t="shared" si="68"/>
        <v>128.41912736273949</v>
      </c>
      <c r="AN75" s="12">
        <f t="shared" si="69"/>
        <v>836.90297446887496</v>
      </c>
      <c r="AO75" s="12">
        <f t="shared" si="70"/>
        <v>41.017198469749317</v>
      </c>
      <c r="AP75" s="12">
        <f t="shared" si="71"/>
        <v>20.508599234874659</v>
      </c>
      <c r="AQ75" s="12">
        <f t="shared" si="72"/>
        <v>0</v>
      </c>
      <c r="AR75" s="11">
        <f t="shared" si="73"/>
        <v>1026.8478995362384</v>
      </c>
    </row>
    <row r="76" spans="16:44" x14ac:dyDescent="0.25">
      <c r="P76" s="10">
        <f t="shared" si="74"/>
        <v>45001</v>
      </c>
      <c r="Q76" s="28">
        <v>5.7</v>
      </c>
      <c r="R76" s="28">
        <f t="shared" si="60"/>
        <v>4</v>
      </c>
      <c r="S76" s="12">
        <f t="shared" si="52"/>
        <v>1.0609861866589789</v>
      </c>
      <c r="T76" s="12">
        <f t="shared" si="53"/>
        <v>1.4695351264848711</v>
      </c>
      <c r="U76" s="12">
        <f t="shared" si="54"/>
        <v>1.771938814155029</v>
      </c>
      <c r="V76" s="12">
        <f t="shared" si="55"/>
        <v>2.5404025087253199</v>
      </c>
      <c r="W76" s="12">
        <f t="shared" si="61"/>
        <v>0</v>
      </c>
      <c r="X76" s="12">
        <f t="shared" si="56"/>
        <v>-7.0953309908476907E-3</v>
      </c>
      <c r="Y76" s="12">
        <f t="shared" si="57"/>
        <v>-5.875924024232846E-2</v>
      </c>
      <c r="Z76" s="12">
        <f t="shared" si="58"/>
        <v>-9.5984753200240996E-2</v>
      </c>
      <c r="AA76" s="12">
        <f t="shared" si="59"/>
        <v>-0.17801624965770491</v>
      </c>
      <c r="AB76" s="12">
        <f t="shared" si="62"/>
        <v>0</v>
      </c>
      <c r="AC76" s="12">
        <f t="shared" si="63"/>
        <v>0.38270355000418022</v>
      </c>
      <c r="AD76" s="12">
        <f t="shared" si="64"/>
        <v>0.42547779641384958</v>
      </c>
      <c r="AE76" s="12">
        <f t="shared" si="65"/>
        <v>0</v>
      </c>
      <c r="AF76" s="12">
        <f t="shared" si="66"/>
        <v>0.38142747141910049</v>
      </c>
      <c r="AG76" s="12">
        <f t="shared" si="67"/>
        <v>0</v>
      </c>
      <c r="AH76" s="12">
        <f>AC76/SUM(AC$2:AG$366)*Input!$J$5</f>
        <v>391.89275593293081</v>
      </c>
      <c r="AI76" s="12">
        <f>AD76/SUM(AC$2:AG$366)*Input!$J$5</f>
        <v>435.69406717829685</v>
      </c>
      <c r="AJ76" s="12">
        <f>AE76/SUM(AC$2:AG$366)*Input!$J$5</f>
        <v>0</v>
      </c>
      <c r="AK76" s="12">
        <f>AF76/SUM(AC$2:AG$366)*Input!$J$5</f>
        <v>390.58603705486337</v>
      </c>
      <c r="AL76" s="12">
        <f>AG76/SUM(AC$2:AG$366)*Input!$J$5</f>
        <v>0</v>
      </c>
      <c r="AM76" s="12">
        <f t="shared" si="68"/>
        <v>187.48129778633432</v>
      </c>
      <c r="AN76" s="12">
        <f t="shared" si="69"/>
        <v>967.98872143048789</v>
      </c>
      <c r="AO76" s="12">
        <f t="shared" si="70"/>
        <v>41.801893966179286</v>
      </c>
      <c r="AP76" s="12">
        <f t="shared" si="71"/>
        <v>20.900946983089643</v>
      </c>
      <c r="AQ76" s="12">
        <f t="shared" si="72"/>
        <v>0</v>
      </c>
      <c r="AR76" s="11">
        <f t="shared" si="73"/>
        <v>1218.1728601660911</v>
      </c>
    </row>
    <row r="77" spans="16:44" x14ac:dyDescent="0.25">
      <c r="P77" s="10">
        <f t="shared" si="74"/>
        <v>45002</v>
      </c>
      <c r="Q77" s="28">
        <v>8.4</v>
      </c>
      <c r="R77" s="28">
        <f t="shared" si="60"/>
        <v>5</v>
      </c>
      <c r="S77" s="12">
        <f t="shared" si="52"/>
        <v>1.0609861866589789</v>
      </c>
      <c r="T77" s="12">
        <f t="shared" si="53"/>
        <v>1.4695351264848711</v>
      </c>
      <c r="U77" s="12">
        <f t="shared" si="54"/>
        <v>1.771938814155029</v>
      </c>
      <c r="V77" s="12">
        <f t="shared" si="55"/>
        <v>2.5404025087253199</v>
      </c>
      <c r="W77" s="12">
        <f t="shared" si="61"/>
        <v>0</v>
      </c>
      <c r="X77" s="12">
        <f t="shared" si="56"/>
        <v>-7.0953309908476907E-3</v>
      </c>
      <c r="Y77" s="12">
        <f t="shared" si="57"/>
        <v>-5.875924024232846E-2</v>
      </c>
      <c r="Z77" s="12">
        <f t="shared" si="58"/>
        <v>-9.5984753200240996E-2</v>
      </c>
      <c r="AA77" s="12">
        <f t="shared" si="59"/>
        <v>-0.17801624965770491</v>
      </c>
      <c r="AB77" s="12">
        <f t="shared" si="62"/>
        <v>0</v>
      </c>
      <c r="AC77" s="12">
        <f t="shared" si="63"/>
        <v>0.37551952737594685</v>
      </c>
      <c r="AD77" s="12">
        <f t="shared" si="64"/>
        <v>0.36598406566849195</v>
      </c>
      <c r="AE77" s="12">
        <f t="shared" si="65"/>
        <v>0</v>
      </c>
      <c r="AF77" s="12">
        <f t="shared" si="66"/>
        <v>0.26126650290014969</v>
      </c>
      <c r="AG77" s="12">
        <f t="shared" si="67"/>
        <v>0</v>
      </c>
      <c r="AH77" s="12">
        <f>AC77/SUM(AC$2:AG$366)*Input!$J$5</f>
        <v>384.53623565389984</v>
      </c>
      <c r="AI77" s="12">
        <f>AD77/SUM(AC$2:AG$366)*Input!$J$5</f>
        <v>374.77181520996453</v>
      </c>
      <c r="AJ77" s="12">
        <f>AE77/SUM(AC$2:AG$366)*Input!$J$5</f>
        <v>0</v>
      </c>
      <c r="AK77" s="12">
        <f>AF77/SUM(AC$2:AG$366)*Input!$J$5</f>
        <v>267.53984867237409</v>
      </c>
      <c r="AL77" s="12">
        <f>AG77/SUM(AC$2:AG$366)*Input!$J$5</f>
        <v>0</v>
      </c>
      <c r="AM77" s="12">
        <f t="shared" si="68"/>
        <v>128.41912736273949</v>
      </c>
      <c r="AN77" s="12">
        <f t="shared" si="69"/>
        <v>836.90297446887496</v>
      </c>
      <c r="AO77" s="12">
        <f t="shared" si="70"/>
        <v>41.017198469749317</v>
      </c>
      <c r="AP77" s="12">
        <f t="shared" si="71"/>
        <v>20.508599234874659</v>
      </c>
      <c r="AQ77" s="12">
        <f t="shared" si="72"/>
        <v>0</v>
      </c>
      <c r="AR77" s="11">
        <f t="shared" si="73"/>
        <v>1026.8478995362384</v>
      </c>
    </row>
    <row r="78" spans="16:44" x14ac:dyDescent="0.25">
      <c r="P78" s="10">
        <f t="shared" si="74"/>
        <v>45003</v>
      </c>
      <c r="Q78" s="28">
        <v>10</v>
      </c>
      <c r="R78" s="28">
        <f t="shared" si="60"/>
        <v>6</v>
      </c>
      <c r="S78" s="12">
        <f t="shared" si="52"/>
        <v>0.88136675487947747</v>
      </c>
      <c r="T78" s="12">
        <f t="shared" si="53"/>
        <v>0.40529111994771311</v>
      </c>
      <c r="U78" s="12">
        <f t="shared" si="54"/>
        <v>1.4791569663107089</v>
      </c>
      <c r="V78" s="12">
        <f t="shared" si="55"/>
        <v>1.31124751273035</v>
      </c>
      <c r="W78" s="12">
        <f t="shared" si="61"/>
        <v>1.9424956480203619</v>
      </c>
      <c r="X78" s="12">
        <f t="shared" si="56"/>
        <v>-1.236743869637378E-2</v>
      </c>
      <c r="Y78" s="12">
        <f t="shared" si="57"/>
        <v>-1.3226323007097701E-2</v>
      </c>
      <c r="Z78" s="12">
        <f t="shared" si="58"/>
        <v>-6.6119920832722404E-2</v>
      </c>
      <c r="AA78" s="12">
        <f t="shared" si="59"/>
        <v>-7.5310765362349638E-2</v>
      </c>
      <c r="AB78" s="12">
        <f t="shared" si="62"/>
        <v>-0.1200596025795522</v>
      </c>
      <c r="AC78" s="12">
        <f t="shared" si="63"/>
        <v>0</v>
      </c>
      <c r="AD78" s="12">
        <f t="shared" si="64"/>
        <v>9.5559761456857628E-2</v>
      </c>
      <c r="AE78" s="12">
        <f t="shared" si="65"/>
        <v>7.1571303823554921E-2</v>
      </c>
      <c r="AF78" s="12">
        <f t="shared" si="66"/>
        <v>9.7674475343699371E-2</v>
      </c>
      <c r="AG78" s="12">
        <f t="shared" si="67"/>
        <v>6.4916216944673491E-2</v>
      </c>
      <c r="AH78" s="12">
        <f>AC78/SUM(AC$2:AG$366)*Input!$J$5</f>
        <v>0</v>
      </c>
      <c r="AI78" s="12">
        <f>AD78/SUM(AC$2:AG$366)*Input!$J$5</f>
        <v>97.854274602920057</v>
      </c>
      <c r="AJ78" s="12">
        <f>AE78/SUM(AC$2:AG$366)*Input!$J$5</f>
        <v>73.289823156382226</v>
      </c>
      <c r="AK78" s="12">
        <f>AF78/SUM(AC$2:AG$366)*Input!$J$5</f>
        <v>100.01976549819656</v>
      </c>
      <c r="AL78" s="12">
        <f>AG78/SUM(AC$2:AG$366)*Input!$J$5</f>
        <v>66.474939056379895</v>
      </c>
      <c r="AM78" s="12">
        <f t="shared" si="68"/>
        <v>63.815941494124736</v>
      </c>
      <c r="AN78" s="12">
        <f t="shared" si="69"/>
        <v>262.08034786740353</v>
      </c>
      <c r="AO78" s="12">
        <f t="shared" si="70"/>
        <v>7.8283419682336044</v>
      </c>
      <c r="AP78" s="12">
        <f t="shared" si="71"/>
        <v>3.9141709841168022</v>
      </c>
      <c r="AQ78" s="12">
        <f t="shared" si="72"/>
        <v>0</v>
      </c>
      <c r="AR78" s="11">
        <f t="shared" si="73"/>
        <v>337.63880231387867</v>
      </c>
    </row>
    <row r="79" spans="16:44" x14ac:dyDescent="0.25">
      <c r="P79" s="10">
        <f t="shared" si="74"/>
        <v>45004</v>
      </c>
      <c r="Q79" s="28">
        <v>9.9</v>
      </c>
      <c r="R79" s="28">
        <f t="shared" si="60"/>
        <v>7</v>
      </c>
      <c r="S79" s="12">
        <f t="shared" si="52"/>
        <v>0.88136675487947747</v>
      </c>
      <c r="T79" s="12">
        <f t="shared" si="53"/>
        <v>0.40529111994771311</v>
      </c>
      <c r="U79" s="12">
        <f t="shared" si="54"/>
        <v>1.4791569663107089</v>
      </c>
      <c r="V79" s="12">
        <f t="shared" si="55"/>
        <v>1.31124751273035</v>
      </c>
      <c r="W79" s="12">
        <f t="shared" si="61"/>
        <v>1.9424956480203619</v>
      </c>
      <c r="X79" s="12">
        <f t="shared" si="56"/>
        <v>-1.236743869637378E-2</v>
      </c>
      <c r="Y79" s="12">
        <f t="shared" si="57"/>
        <v>-1.3226323007097701E-2</v>
      </c>
      <c r="Z79" s="12">
        <f t="shared" si="58"/>
        <v>-6.6119920832722404E-2</v>
      </c>
      <c r="AA79" s="12">
        <f t="shared" si="59"/>
        <v>-7.5310765362349638E-2</v>
      </c>
      <c r="AB79" s="12">
        <f t="shared" si="62"/>
        <v>-0.1200596025795522</v>
      </c>
      <c r="AC79" s="12">
        <f t="shared" si="63"/>
        <v>0</v>
      </c>
      <c r="AD79" s="12">
        <f t="shared" si="64"/>
        <v>9.6022682762106057E-2</v>
      </c>
      <c r="AE79" s="12">
        <f t="shared" si="65"/>
        <v>7.2149853130841241E-2</v>
      </c>
      <c r="AF79" s="12">
        <f t="shared" si="66"/>
        <v>9.8992413737540488E-2</v>
      </c>
      <c r="AG79" s="12">
        <f t="shared" si="67"/>
        <v>6.5966738467244573E-2</v>
      </c>
      <c r="AH79" s="12">
        <f>AC79/SUM(AC$2:AG$366)*Input!$J$5</f>
        <v>0</v>
      </c>
      <c r="AI79" s="12">
        <f>AD79/SUM(AC$2:AG$366)*Input!$J$5</f>
        <v>98.328311245882716</v>
      </c>
      <c r="AJ79" s="12">
        <f>AE79/SUM(AC$2:AG$366)*Input!$J$5</f>
        <v>73.882264178873513</v>
      </c>
      <c r="AK79" s="12">
        <f>AF79/SUM(AC$2:AG$366)*Input!$J$5</f>
        <v>101.36934929303351</v>
      </c>
      <c r="AL79" s="12">
        <f>AG79/SUM(AC$2:AG$366)*Input!$J$5</f>
        <v>67.550684955895974</v>
      </c>
      <c r="AM79" s="12">
        <f t="shared" si="68"/>
        <v>64.848657557660175</v>
      </c>
      <c r="AN79" s="12">
        <f t="shared" si="69"/>
        <v>264.48255476651963</v>
      </c>
      <c r="AO79" s="12">
        <f t="shared" si="70"/>
        <v>7.8662648996706173</v>
      </c>
      <c r="AP79" s="12">
        <f t="shared" si="71"/>
        <v>3.9331324498353086</v>
      </c>
      <c r="AQ79" s="12">
        <f t="shared" si="72"/>
        <v>0</v>
      </c>
      <c r="AR79" s="11">
        <f t="shared" si="73"/>
        <v>341.13060967368568</v>
      </c>
    </row>
    <row r="80" spans="16:44" x14ac:dyDescent="0.25">
      <c r="P80" s="10">
        <f t="shared" si="74"/>
        <v>45005</v>
      </c>
      <c r="Q80" s="28">
        <v>12.9</v>
      </c>
      <c r="R80" s="28">
        <f t="shared" si="60"/>
        <v>1</v>
      </c>
      <c r="S80" s="12">
        <f t="shared" si="52"/>
        <v>1.0609861866589789</v>
      </c>
      <c r="T80" s="12">
        <f t="shared" si="53"/>
        <v>1.4695351264848711</v>
      </c>
      <c r="U80" s="12">
        <f t="shared" si="54"/>
        <v>1.771938814155029</v>
      </c>
      <c r="V80" s="12">
        <f t="shared" si="55"/>
        <v>0.52104102880341097</v>
      </c>
      <c r="W80" s="12">
        <f t="shared" si="61"/>
        <v>0</v>
      </c>
      <c r="X80" s="12">
        <f t="shared" si="56"/>
        <v>-7.0953309908476907E-3</v>
      </c>
      <c r="Y80" s="12">
        <f t="shared" si="57"/>
        <v>-5.875924024232846E-2</v>
      </c>
      <c r="Z80" s="12">
        <f t="shared" si="58"/>
        <v>-9.5984753200240996E-2</v>
      </c>
      <c r="AA80" s="12">
        <f t="shared" si="59"/>
        <v>-2.1476600051355411E-2</v>
      </c>
      <c r="AB80" s="12">
        <f t="shared" si="62"/>
        <v>0</v>
      </c>
      <c r="AC80" s="12">
        <f t="shared" si="63"/>
        <v>0.36354615632889142</v>
      </c>
      <c r="AD80" s="12">
        <f t="shared" si="64"/>
        <v>0.2668278477595627</v>
      </c>
      <c r="AE80" s="12">
        <f t="shared" si="65"/>
        <v>0</v>
      </c>
      <c r="AF80" s="12">
        <f t="shared" si="66"/>
        <v>6.0998222035231531E-2</v>
      </c>
      <c r="AG80" s="12">
        <f t="shared" si="67"/>
        <v>0</v>
      </c>
      <c r="AH80" s="12">
        <f>AC80/SUM(AC$2:AG$366)*Input!$J$5</f>
        <v>372.27536852218162</v>
      </c>
      <c r="AI80" s="12">
        <f>AD80/SUM(AC$2:AG$366)*Input!$J$5</f>
        <v>273.23472859607745</v>
      </c>
      <c r="AJ80" s="12">
        <f>AE80/SUM(AC$2:AG$366)*Input!$J$5</f>
        <v>0</v>
      </c>
      <c r="AK80" s="12">
        <f>AF80/SUM(AC$2:AG$366)*Input!$J$5</f>
        <v>62.46286803489177</v>
      </c>
      <c r="AL80" s="12">
        <f>AG80/SUM(AC$2:AG$366)*Input!$J$5</f>
        <v>0</v>
      </c>
      <c r="AM80" s="12">
        <f t="shared" si="68"/>
        <v>29.982176656748035</v>
      </c>
      <c r="AN80" s="12">
        <f t="shared" si="69"/>
        <v>618.42672953285376</v>
      </c>
      <c r="AO80" s="12">
        <f t="shared" si="70"/>
        <v>39.709372642366041</v>
      </c>
      <c r="AP80" s="12">
        <f t="shared" si="71"/>
        <v>19.854686321183021</v>
      </c>
      <c r="AQ80" s="12">
        <f t="shared" si="72"/>
        <v>0</v>
      </c>
      <c r="AR80" s="11">
        <f t="shared" si="73"/>
        <v>707.97296515315088</v>
      </c>
    </row>
    <row r="81" spans="16:44" x14ac:dyDescent="0.25">
      <c r="P81" s="10">
        <f t="shared" si="74"/>
        <v>45006</v>
      </c>
      <c r="Q81" s="28">
        <v>13.9</v>
      </c>
      <c r="R81" s="28">
        <f t="shared" si="60"/>
        <v>2</v>
      </c>
      <c r="S81" s="12">
        <f t="shared" si="52"/>
        <v>1.0609861866589789</v>
      </c>
      <c r="T81" s="12">
        <f t="shared" si="53"/>
        <v>1.4695351264848711</v>
      </c>
      <c r="U81" s="12">
        <f t="shared" si="54"/>
        <v>1.771938814155029</v>
      </c>
      <c r="V81" s="12">
        <f t="shared" si="55"/>
        <v>0.52104102880341097</v>
      </c>
      <c r="W81" s="12">
        <f t="shared" si="61"/>
        <v>0</v>
      </c>
      <c r="X81" s="12">
        <f t="shared" si="56"/>
        <v>-7.0953309908476907E-3</v>
      </c>
      <c r="Y81" s="12">
        <f t="shared" si="57"/>
        <v>-5.875924024232846E-2</v>
      </c>
      <c r="Z81" s="12">
        <f t="shared" si="58"/>
        <v>-9.5984753200240996E-2</v>
      </c>
      <c r="AA81" s="12">
        <f t="shared" si="59"/>
        <v>-2.1476600051355411E-2</v>
      </c>
      <c r="AB81" s="12">
        <f t="shared" si="62"/>
        <v>0</v>
      </c>
      <c r="AC81" s="12">
        <f t="shared" si="63"/>
        <v>0.36088540720732354</v>
      </c>
      <c r="AD81" s="12">
        <f t="shared" si="64"/>
        <v>0.24479313266868952</v>
      </c>
      <c r="AE81" s="12">
        <f t="shared" si="65"/>
        <v>0</v>
      </c>
      <c r="AF81" s="12">
        <f t="shared" si="66"/>
        <v>5.5629072022392687E-2</v>
      </c>
      <c r="AG81" s="12">
        <f t="shared" si="67"/>
        <v>0</v>
      </c>
      <c r="AH81" s="12">
        <f>AC81/SUM(AC$2:AG$366)*Input!$J$5</f>
        <v>369.55073138179984</v>
      </c>
      <c r="AI81" s="12">
        <f>AD81/SUM(AC$2:AG$366)*Input!$J$5</f>
        <v>250.6709315707692</v>
      </c>
      <c r="AJ81" s="12">
        <f>AE81/SUM(AC$2:AG$366)*Input!$J$5</f>
        <v>0</v>
      </c>
      <c r="AK81" s="12">
        <f>AF81/SUM(AC$2:AG$366)*Input!$J$5</f>
        <v>56.964797803962995</v>
      </c>
      <c r="AL81" s="12">
        <f>AG81/SUM(AC$2:AG$366)*Input!$J$5</f>
        <v>0</v>
      </c>
      <c r="AM81" s="12">
        <f t="shared" si="68"/>
        <v>27.343102945902224</v>
      </c>
      <c r="AN81" s="12">
        <f t="shared" si="69"/>
        <v>590.71524078954178</v>
      </c>
      <c r="AO81" s="12">
        <f t="shared" si="70"/>
        <v>39.418744680725318</v>
      </c>
      <c r="AP81" s="12">
        <f t="shared" si="71"/>
        <v>19.709372340362659</v>
      </c>
      <c r="AQ81" s="12">
        <f t="shared" si="72"/>
        <v>0</v>
      </c>
      <c r="AR81" s="11">
        <f t="shared" si="73"/>
        <v>677.18646075653203</v>
      </c>
    </row>
    <row r="82" spans="16:44" x14ac:dyDescent="0.25">
      <c r="P82" s="10">
        <f t="shared" si="74"/>
        <v>45007</v>
      </c>
      <c r="Q82" s="28">
        <v>16.2</v>
      </c>
      <c r="R82" s="28">
        <f t="shared" si="60"/>
        <v>3</v>
      </c>
      <c r="S82" s="12">
        <f t="shared" si="52"/>
        <v>1.0609861866589789</v>
      </c>
      <c r="T82" s="12">
        <f t="shared" si="53"/>
        <v>1.4695351264848711</v>
      </c>
      <c r="U82" s="12">
        <f t="shared" si="54"/>
        <v>1.771938814155029</v>
      </c>
      <c r="V82" s="12">
        <f t="shared" si="55"/>
        <v>0.52104102880341097</v>
      </c>
      <c r="W82" s="12">
        <f t="shared" si="61"/>
        <v>0</v>
      </c>
      <c r="X82" s="12">
        <f t="shared" si="56"/>
        <v>-7.0953309908476907E-3</v>
      </c>
      <c r="Y82" s="12">
        <f t="shared" si="57"/>
        <v>-5.875924024232846E-2</v>
      </c>
      <c r="Z82" s="12">
        <f t="shared" si="58"/>
        <v>-9.5984753200240996E-2</v>
      </c>
      <c r="AA82" s="12">
        <f t="shared" si="59"/>
        <v>-2.1476600051355411E-2</v>
      </c>
      <c r="AB82" s="12">
        <f t="shared" si="62"/>
        <v>0</v>
      </c>
      <c r="AC82" s="12">
        <f t="shared" si="63"/>
        <v>0.35476568422771737</v>
      </c>
      <c r="AD82" s="12">
        <f t="shared" si="64"/>
        <v>0.19411328795968127</v>
      </c>
      <c r="AE82" s="12">
        <f t="shared" si="65"/>
        <v>0</v>
      </c>
      <c r="AF82" s="12">
        <f t="shared" si="66"/>
        <v>4.3280026992863332E-2</v>
      </c>
      <c r="AG82" s="12">
        <f t="shared" si="67"/>
        <v>0</v>
      </c>
      <c r="AH82" s="12">
        <f>AC82/SUM(AC$2:AG$366)*Input!$J$5</f>
        <v>363.28406595892159</v>
      </c>
      <c r="AI82" s="12">
        <f>AD82/SUM(AC$2:AG$366)*Input!$J$5</f>
        <v>198.77419841256028</v>
      </c>
      <c r="AJ82" s="12">
        <f>AE82/SUM(AC$2:AG$366)*Input!$J$5</f>
        <v>0</v>
      </c>
      <c r="AK82" s="12">
        <f>AF82/SUM(AC$2:AG$366)*Input!$J$5</f>
        <v>44.319236272826799</v>
      </c>
      <c r="AL82" s="12">
        <f>AG82/SUM(AC$2:AG$366)*Input!$J$5</f>
        <v>0</v>
      </c>
      <c r="AM82" s="12">
        <f t="shared" si="68"/>
        <v>21.273233410956852</v>
      </c>
      <c r="AN82" s="12">
        <f t="shared" si="69"/>
        <v>526.97881667992431</v>
      </c>
      <c r="AO82" s="12">
        <f t="shared" si="70"/>
        <v>38.750300368951642</v>
      </c>
      <c r="AP82" s="12">
        <f t="shared" si="71"/>
        <v>19.375150184475821</v>
      </c>
      <c r="AQ82" s="12">
        <f t="shared" si="72"/>
        <v>0</v>
      </c>
      <c r="AR82" s="11">
        <f t="shared" si="73"/>
        <v>606.37750064430872</v>
      </c>
    </row>
    <row r="83" spans="16:44" x14ac:dyDescent="0.25">
      <c r="P83" s="10">
        <f t="shared" si="74"/>
        <v>45008</v>
      </c>
      <c r="Q83" s="28">
        <v>15.3</v>
      </c>
      <c r="R83" s="28">
        <f t="shared" si="60"/>
        <v>4</v>
      </c>
      <c r="S83" s="12">
        <f t="shared" si="52"/>
        <v>1.0609861866589789</v>
      </c>
      <c r="T83" s="12">
        <f t="shared" si="53"/>
        <v>1.4695351264848711</v>
      </c>
      <c r="U83" s="12">
        <f t="shared" si="54"/>
        <v>1.771938814155029</v>
      </c>
      <c r="V83" s="12">
        <f t="shared" si="55"/>
        <v>0.52104102880341097</v>
      </c>
      <c r="W83" s="12">
        <f t="shared" si="61"/>
        <v>0</v>
      </c>
      <c r="X83" s="12">
        <f t="shared" si="56"/>
        <v>-7.0953309908476907E-3</v>
      </c>
      <c r="Y83" s="12">
        <f t="shared" si="57"/>
        <v>-5.875924024232846E-2</v>
      </c>
      <c r="Z83" s="12">
        <f t="shared" si="58"/>
        <v>-9.5984753200240996E-2</v>
      </c>
      <c r="AA83" s="12">
        <f t="shared" si="59"/>
        <v>-2.1476600051355411E-2</v>
      </c>
      <c r="AB83" s="12">
        <f t="shared" si="62"/>
        <v>0</v>
      </c>
      <c r="AC83" s="12">
        <f t="shared" si="63"/>
        <v>0.35716035843712846</v>
      </c>
      <c r="AD83" s="12">
        <f t="shared" si="64"/>
        <v>0.21394453154146709</v>
      </c>
      <c r="AE83" s="12">
        <f t="shared" si="65"/>
        <v>0</v>
      </c>
      <c r="AF83" s="12">
        <f t="shared" si="66"/>
        <v>4.8112262004418288E-2</v>
      </c>
      <c r="AG83" s="12">
        <f t="shared" si="67"/>
        <v>0</v>
      </c>
      <c r="AH83" s="12">
        <f>AC83/SUM(AC$2:AG$366)*Input!$J$5</f>
        <v>365.73623938526521</v>
      </c>
      <c r="AI83" s="12">
        <f>AD83/SUM(AC$2:AG$366)*Input!$J$5</f>
        <v>219.08161573533764</v>
      </c>
      <c r="AJ83" s="12">
        <f>AE83/SUM(AC$2:AG$366)*Input!$J$5</f>
        <v>0</v>
      </c>
      <c r="AK83" s="12">
        <f>AF83/SUM(AC$2:AG$366)*Input!$J$5</f>
        <v>49.267499480662693</v>
      </c>
      <c r="AL83" s="12">
        <f>AG83/SUM(AC$2:AG$366)*Input!$J$5</f>
        <v>0</v>
      </c>
      <c r="AM83" s="12">
        <f t="shared" si="68"/>
        <v>23.648399750718081</v>
      </c>
      <c r="AN83" s="12">
        <f t="shared" si="69"/>
        <v>551.91915654890499</v>
      </c>
      <c r="AO83" s="12">
        <f t="shared" si="70"/>
        <v>39.011865534428289</v>
      </c>
      <c r="AP83" s="12">
        <f t="shared" si="71"/>
        <v>19.505932767214144</v>
      </c>
      <c r="AQ83" s="12">
        <f t="shared" si="72"/>
        <v>0</v>
      </c>
      <c r="AR83" s="11">
        <f t="shared" si="73"/>
        <v>634.08535460126552</v>
      </c>
    </row>
    <row r="84" spans="16:44" x14ac:dyDescent="0.25">
      <c r="P84" s="10">
        <f t="shared" si="74"/>
        <v>45009</v>
      </c>
      <c r="Q84" s="28">
        <v>16.600000000000001</v>
      </c>
      <c r="R84" s="28">
        <f t="shared" si="60"/>
        <v>5</v>
      </c>
      <c r="S84" s="12">
        <f t="shared" si="52"/>
        <v>1.0609861866589789</v>
      </c>
      <c r="T84" s="12">
        <f t="shared" si="53"/>
        <v>1.4695351264848711</v>
      </c>
      <c r="U84" s="12">
        <f t="shared" si="54"/>
        <v>0.40699471377216029</v>
      </c>
      <c r="V84" s="12">
        <f t="shared" si="55"/>
        <v>0.52104102880341097</v>
      </c>
      <c r="W84" s="12">
        <f t="shared" si="61"/>
        <v>0</v>
      </c>
      <c r="X84" s="12">
        <f t="shared" si="56"/>
        <v>-7.0953309908476907E-3</v>
      </c>
      <c r="Y84" s="12">
        <f t="shared" si="57"/>
        <v>-5.875924024232846E-2</v>
      </c>
      <c r="Z84" s="12">
        <f t="shared" si="58"/>
        <v>-1.2756454396407539E-2</v>
      </c>
      <c r="AA84" s="12">
        <f t="shared" si="59"/>
        <v>-2.1476600051355411E-2</v>
      </c>
      <c r="AB84" s="12">
        <f t="shared" si="62"/>
        <v>0</v>
      </c>
      <c r="AC84" s="12">
        <f t="shared" si="63"/>
        <v>0.35370138457909023</v>
      </c>
      <c r="AD84" s="12">
        <f t="shared" si="64"/>
        <v>0.18529940192333197</v>
      </c>
      <c r="AE84" s="12">
        <f t="shared" si="65"/>
        <v>0</v>
      </c>
      <c r="AF84" s="12">
        <f t="shared" si="66"/>
        <v>4.1132366987727778E-2</v>
      </c>
      <c r="AG84" s="12">
        <f t="shared" si="67"/>
        <v>0</v>
      </c>
      <c r="AH84" s="12">
        <f>AC84/SUM(AC$2:AG$366)*Input!$J$5</f>
        <v>362.19421110276892</v>
      </c>
      <c r="AI84" s="12">
        <f>AD84/SUM(AC$2:AG$366)*Input!$J$5</f>
        <v>189.74867960243691</v>
      </c>
      <c r="AJ84" s="12">
        <f>AE84/SUM(AC$2:AG$366)*Input!$J$5</f>
        <v>0</v>
      </c>
      <c r="AK84" s="12">
        <f>AF84/SUM(AC$2:AG$366)*Input!$J$5</f>
        <v>42.120008180455272</v>
      </c>
      <c r="AL84" s="12">
        <f>AG84/SUM(AC$2:AG$366)*Input!$J$5</f>
        <v>0</v>
      </c>
      <c r="AM84" s="12">
        <f t="shared" si="68"/>
        <v>20.217603926618519</v>
      </c>
      <c r="AN84" s="12">
        <f t="shared" si="69"/>
        <v>515.89422118259949</v>
      </c>
      <c r="AO84" s="12">
        <f t="shared" si="70"/>
        <v>38.634049184295357</v>
      </c>
      <c r="AP84" s="12">
        <f t="shared" si="71"/>
        <v>19.317024592147678</v>
      </c>
      <c r="AQ84" s="12">
        <f t="shared" si="72"/>
        <v>0</v>
      </c>
      <c r="AR84" s="11">
        <f t="shared" si="73"/>
        <v>594.06289888566107</v>
      </c>
    </row>
    <row r="85" spans="16:44" x14ac:dyDescent="0.25">
      <c r="P85" s="10">
        <f t="shared" si="74"/>
        <v>45010</v>
      </c>
      <c r="Q85" s="28">
        <v>13.5</v>
      </c>
      <c r="R85" s="28">
        <f t="shared" si="60"/>
        <v>6</v>
      </c>
      <c r="S85" s="12">
        <f t="shared" si="52"/>
        <v>0.88136675487947747</v>
      </c>
      <c r="T85" s="12">
        <f t="shared" si="53"/>
        <v>0.40529111994771311</v>
      </c>
      <c r="U85" s="12">
        <f t="shared" si="54"/>
        <v>1.4791569663107089</v>
      </c>
      <c r="V85" s="12">
        <f t="shared" si="55"/>
        <v>1.31124751273035</v>
      </c>
      <c r="W85" s="12">
        <f t="shared" si="61"/>
        <v>1.9424956480203619</v>
      </c>
      <c r="X85" s="12">
        <f t="shared" si="56"/>
        <v>-1.236743869637378E-2</v>
      </c>
      <c r="Y85" s="12">
        <f t="shared" si="57"/>
        <v>-1.3226323007097701E-2</v>
      </c>
      <c r="Z85" s="12">
        <f t="shared" si="58"/>
        <v>-6.6119920832722404E-2</v>
      </c>
      <c r="AA85" s="12">
        <f t="shared" si="59"/>
        <v>-7.5310765362349638E-2</v>
      </c>
      <c r="AB85" s="12">
        <f t="shared" si="62"/>
        <v>-0.1200596025795522</v>
      </c>
      <c r="AC85" s="12">
        <f t="shared" si="63"/>
        <v>0</v>
      </c>
      <c r="AD85" s="12">
        <f t="shared" si="64"/>
        <v>7.935751577316294E-2</v>
      </c>
      <c r="AE85" s="12">
        <f t="shared" si="65"/>
        <v>5.1322078068533693E-2</v>
      </c>
      <c r="AF85" s="12">
        <f t="shared" si="66"/>
        <v>5.1546631559260238E-2</v>
      </c>
      <c r="AG85" s="12">
        <f t="shared" si="67"/>
        <v>2.8147963654685634E-2</v>
      </c>
      <c r="AH85" s="12">
        <f>AC85/SUM(AC$2:AG$366)*Input!$J$5</f>
        <v>0</v>
      </c>
      <c r="AI85" s="12">
        <f>AD85/SUM(AC$2:AG$366)*Input!$J$5</f>
        <v>81.262992099227077</v>
      </c>
      <c r="AJ85" s="12">
        <f>AE85/SUM(AC$2:AG$366)*Input!$J$5</f>
        <v>52.554387369186955</v>
      </c>
      <c r="AK85" s="12">
        <f>AF85/SUM(AC$2:AG$366)*Input!$J$5</f>
        <v>52.78433267890312</v>
      </c>
      <c r="AL85" s="12">
        <f>AG85/SUM(AC$2:AG$366)*Input!$J$5</f>
        <v>28.823832573317478</v>
      </c>
      <c r="AM85" s="12">
        <f t="shared" si="68"/>
        <v>27.670879270384795</v>
      </c>
      <c r="AN85" s="12">
        <f t="shared" si="69"/>
        <v>178.00310639834257</v>
      </c>
      <c r="AO85" s="12">
        <f t="shared" si="70"/>
        <v>6.5010393679381666</v>
      </c>
      <c r="AP85" s="12">
        <f t="shared" si="71"/>
        <v>3.2505196839690833</v>
      </c>
      <c r="AQ85" s="12">
        <f t="shared" si="72"/>
        <v>0</v>
      </c>
      <c r="AR85" s="11">
        <f t="shared" si="73"/>
        <v>215.42554472063463</v>
      </c>
    </row>
    <row r="86" spans="16:44" x14ac:dyDescent="0.25">
      <c r="P86" s="10">
        <f t="shared" si="74"/>
        <v>45011</v>
      </c>
      <c r="Q86" s="28">
        <v>13.3</v>
      </c>
      <c r="R86" s="28">
        <f t="shared" si="60"/>
        <v>7</v>
      </c>
      <c r="S86" s="12">
        <f t="shared" si="52"/>
        <v>0.88136675487947747</v>
      </c>
      <c r="T86" s="12">
        <f t="shared" si="53"/>
        <v>0.40529111994771311</v>
      </c>
      <c r="U86" s="12">
        <f t="shared" si="54"/>
        <v>1.4791569663107089</v>
      </c>
      <c r="V86" s="12">
        <f t="shared" si="55"/>
        <v>1.31124751273035</v>
      </c>
      <c r="W86" s="12">
        <f t="shared" si="61"/>
        <v>1.9424956480203619</v>
      </c>
      <c r="X86" s="12">
        <f t="shared" si="56"/>
        <v>-1.236743869637378E-2</v>
      </c>
      <c r="Y86" s="12">
        <f t="shared" si="57"/>
        <v>-1.3226323007097701E-2</v>
      </c>
      <c r="Z86" s="12">
        <f t="shared" si="58"/>
        <v>-6.6119920832722404E-2</v>
      </c>
      <c r="AA86" s="12">
        <f t="shared" si="59"/>
        <v>-7.5310765362349638E-2</v>
      </c>
      <c r="AB86" s="12">
        <f t="shared" si="62"/>
        <v>-0.1200596025795522</v>
      </c>
      <c r="AC86" s="12">
        <f t="shared" si="63"/>
        <v>0</v>
      </c>
      <c r="AD86" s="12">
        <f t="shared" si="64"/>
        <v>8.0283358383659784E-2</v>
      </c>
      <c r="AE86" s="12">
        <f t="shared" si="65"/>
        <v>5.2479176683106324E-2</v>
      </c>
      <c r="AF86" s="12">
        <f t="shared" si="66"/>
        <v>5.4182508346942437E-2</v>
      </c>
      <c r="AG86" s="12">
        <f t="shared" si="67"/>
        <v>3.0249006699827791E-2</v>
      </c>
      <c r="AH86" s="12">
        <f>AC86/SUM(AC$2:AG$366)*Input!$J$5</f>
        <v>0</v>
      </c>
      <c r="AI86" s="12">
        <f>AD86/SUM(AC$2:AG$366)*Input!$J$5</f>
        <v>82.211065385152409</v>
      </c>
      <c r="AJ86" s="12">
        <f>AE86/SUM(AC$2:AG$366)*Input!$J$5</f>
        <v>53.739269414169527</v>
      </c>
      <c r="AK86" s="12">
        <f>AF86/SUM(AC$2:AG$366)*Input!$J$5</f>
        <v>55.483500268576989</v>
      </c>
      <c r="AL86" s="12">
        <f>AG86/SUM(AC$2:AG$366)*Input!$J$5</f>
        <v>30.975324372349611</v>
      </c>
      <c r="AM86" s="12">
        <f t="shared" si="68"/>
        <v>29.736311397455644</v>
      </c>
      <c r="AN86" s="12">
        <f t="shared" si="69"/>
        <v>182.80752019657461</v>
      </c>
      <c r="AO86" s="12">
        <f t="shared" si="70"/>
        <v>6.5768852308121932</v>
      </c>
      <c r="AP86" s="12">
        <f t="shared" si="71"/>
        <v>3.2884426154060966</v>
      </c>
      <c r="AQ86" s="12">
        <f t="shared" si="72"/>
        <v>0</v>
      </c>
      <c r="AR86" s="11">
        <f t="shared" si="73"/>
        <v>222.40915944024854</v>
      </c>
    </row>
    <row r="87" spans="16:44" x14ac:dyDescent="0.25">
      <c r="P87" s="10">
        <f t="shared" si="74"/>
        <v>45012</v>
      </c>
      <c r="Q87" s="28">
        <v>8.3000000000000007</v>
      </c>
      <c r="R87" s="28">
        <f t="shared" si="60"/>
        <v>1</v>
      </c>
      <c r="S87" s="12">
        <f t="shared" si="52"/>
        <v>1.0609861866589789</v>
      </c>
      <c r="T87" s="12">
        <f t="shared" si="53"/>
        <v>1.4695351264848711</v>
      </c>
      <c r="U87" s="12">
        <f t="shared" si="54"/>
        <v>1.771938814155029</v>
      </c>
      <c r="V87" s="12">
        <f t="shared" si="55"/>
        <v>2.5404025087253199</v>
      </c>
      <c r="W87" s="12">
        <f t="shared" si="61"/>
        <v>0</v>
      </c>
      <c r="X87" s="12">
        <f t="shared" si="56"/>
        <v>-7.0953309908476907E-3</v>
      </c>
      <c r="Y87" s="12">
        <f t="shared" si="57"/>
        <v>-5.875924024232846E-2</v>
      </c>
      <c r="Z87" s="12">
        <f t="shared" si="58"/>
        <v>-9.5984753200240996E-2</v>
      </c>
      <c r="AA87" s="12">
        <f t="shared" si="59"/>
        <v>-0.17801624965770491</v>
      </c>
      <c r="AB87" s="12">
        <f t="shared" si="62"/>
        <v>0</v>
      </c>
      <c r="AC87" s="12">
        <f t="shared" si="63"/>
        <v>0.37578560228810365</v>
      </c>
      <c r="AD87" s="12">
        <f t="shared" si="64"/>
        <v>0.36818753717757929</v>
      </c>
      <c r="AE87" s="12">
        <f t="shared" si="65"/>
        <v>0</v>
      </c>
      <c r="AF87" s="12">
        <f t="shared" si="66"/>
        <v>0.26571690914159229</v>
      </c>
      <c r="AG87" s="12">
        <f t="shared" si="67"/>
        <v>0</v>
      </c>
      <c r="AH87" s="12">
        <f>AC87/SUM(AC$2:AG$366)*Input!$J$5</f>
        <v>384.808699367938</v>
      </c>
      <c r="AI87" s="12">
        <f>AD87/SUM(AC$2:AG$366)*Input!$J$5</f>
        <v>377.02819491249534</v>
      </c>
      <c r="AJ87" s="12">
        <f>AE87/SUM(AC$2:AG$366)*Input!$J$5</f>
        <v>0</v>
      </c>
      <c r="AK87" s="12">
        <f>AF87/SUM(AC$2:AG$366)*Input!$J$5</f>
        <v>272.09711490876259</v>
      </c>
      <c r="AL87" s="12">
        <f>AG87/SUM(AC$2:AG$366)*Input!$J$5</f>
        <v>0</v>
      </c>
      <c r="AM87" s="12">
        <f t="shared" si="68"/>
        <v>130.60661515620598</v>
      </c>
      <c r="AN87" s="12">
        <f t="shared" si="69"/>
        <v>841.75800213411981</v>
      </c>
      <c r="AO87" s="12">
        <f t="shared" si="70"/>
        <v>41.046261265913387</v>
      </c>
      <c r="AP87" s="12">
        <f t="shared" si="71"/>
        <v>20.523130632956693</v>
      </c>
      <c r="AQ87" s="12">
        <f t="shared" si="72"/>
        <v>0</v>
      </c>
      <c r="AR87" s="11">
        <f t="shared" si="73"/>
        <v>1033.9340091891959</v>
      </c>
    </row>
    <row r="88" spans="16:44" x14ac:dyDescent="0.25">
      <c r="P88" s="10">
        <f t="shared" si="74"/>
        <v>45013</v>
      </c>
      <c r="Q88" s="28">
        <v>5.0999999999999996</v>
      </c>
      <c r="R88" s="28">
        <f t="shared" si="60"/>
        <v>2</v>
      </c>
      <c r="S88" s="12">
        <f t="shared" si="52"/>
        <v>1.0609861866589789</v>
      </c>
      <c r="T88" s="12">
        <f t="shared" si="53"/>
        <v>1.4695351264848711</v>
      </c>
      <c r="U88" s="12">
        <f t="shared" si="54"/>
        <v>1.771938814155029</v>
      </c>
      <c r="V88" s="12">
        <f t="shared" si="55"/>
        <v>2.5404025087253199</v>
      </c>
      <c r="W88" s="12">
        <f t="shared" si="61"/>
        <v>0</v>
      </c>
      <c r="X88" s="12">
        <f t="shared" si="56"/>
        <v>-7.0953309908476907E-3</v>
      </c>
      <c r="Y88" s="12">
        <f t="shared" si="57"/>
        <v>-5.875924024232846E-2</v>
      </c>
      <c r="Z88" s="12">
        <f t="shared" si="58"/>
        <v>-9.5984753200240996E-2</v>
      </c>
      <c r="AA88" s="12">
        <f t="shared" si="59"/>
        <v>-0.17801624965770491</v>
      </c>
      <c r="AB88" s="12">
        <f t="shared" si="62"/>
        <v>0</v>
      </c>
      <c r="AC88" s="12">
        <f t="shared" si="63"/>
        <v>0.3842999994771209</v>
      </c>
      <c r="AD88" s="12">
        <f t="shared" si="64"/>
        <v>0.43869862546837346</v>
      </c>
      <c r="AE88" s="12">
        <f t="shared" si="65"/>
        <v>0</v>
      </c>
      <c r="AF88" s="12">
        <f t="shared" si="66"/>
        <v>0.40812990886775624</v>
      </c>
      <c r="AG88" s="12">
        <f t="shared" si="67"/>
        <v>0</v>
      </c>
      <c r="AH88" s="12">
        <f>AC88/SUM(AC$2:AG$366)*Input!$J$5</f>
        <v>393.52753821715993</v>
      </c>
      <c r="AI88" s="12">
        <f>AD88/SUM(AC$2:AG$366)*Input!$J$5</f>
        <v>449.23234539348181</v>
      </c>
      <c r="AJ88" s="12">
        <f>AE88/SUM(AC$2:AG$366)*Input!$J$5</f>
        <v>0</v>
      </c>
      <c r="AK88" s="12">
        <f>AF88/SUM(AC$2:AG$366)*Input!$J$5</f>
        <v>417.92963447319437</v>
      </c>
      <c r="AL88" s="12">
        <f>AG88/SUM(AC$2:AG$366)*Input!$J$5</f>
        <v>0</v>
      </c>
      <c r="AM88" s="12">
        <f t="shared" si="68"/>
        <v>200.60622454713319</v>
      </c>
      <c r="AN88" s="12">
        <f t="shared" si="69"/>
        <v>997.11888742195742</v>
      </c>
      <c r="AO88" s="12">
        <f t="shared" si="70"/>
        <v>41.976270743163731</v>
      </c>
      <c r="AP88" s="12">
        <f t="shared" si="71"/>
        <v>20.988135371581865</v>
      </c>
      <c r="AQ88" s="12">
        <f t="shared" si="72"/>
        <v>0</v>
      </c>
      <c r="AR88" s="11">
        <f t="shared" si="73"/>
        <v>1260.6895180838362</v>
      </c>
    </row>
    <row r="89" spans="16:44" x14ac:dyDescent="0.25">
      <c r="P89" s="10">
        <f t="shared" si="74"/>
        <v>45014</v>
      </c>
      <c r="Q89" s="28">
        <v>5.4</v>
      </c>
      <c r="R89" s="28">
        <f t="shared" si="60"/>
        <v>3</v>
      </c>
      <c r="S89" s="12">
        <f t="shared" si="52"/>
        <v>1.0609861866589789</v>
      </c>
      <c r="T89" s="12">
        <f t="shared" si="53"/>
        <v>1.4695351264848711</v>
      </c>
      <c r="U89" s="12">
        <f t="shared" si="54"/>
        <v>1.771938814155029</v>
      </c>
      <c r="V89" s="12">
        <f t="shared" si="55"/>
        <v>2.5404025087253199</v>
      </c>
      <c r="W89" s="12">
        <f t="shared" si="61"/>
        <v>0</v>
      </c>
      <c r="X89" s="12">
        <f t="shared" si="56"/>
        <v>-7.0953309908476907E-3</v>
      </c>
      <c r="Y89" s="12">
        <f t="shared" si="57"/>
        <v>-5.875924024232846E-2</v>
      </c>
      <c r="Z89" s="12">
        <f t="shared" si="58"/>
        <v>-9.5984753200240996E-2</v>
      </c>
      <c r="AA89" s="12">
        <f t="shared" si="59"/>
        <v>-0.17801624965770491</v>
      </c>
      <c r="AB89" s="12">
        <f t="shared" si="62"/>
        <v>0</v>
      </c>
      <c r="AC89" s="12">
        <f t="shared" si="63"/>
        <v>0.3835017747406505</v>
      </c>
      <c r="AD89" s="12">
        <f t="shared" si="64"/>
        <v>0.43208821094111149</v>
      </c>
      <c r="AE89" s="12">
        <f t="shared" si="65"/>
        <v>0</v>
      </c>
      <c r="AF89" s="12">
        <f t="shared" si="66"/>
        <v>0.39477869014342837</v>
      </c>
      <c r="AG89" s="12">
        <f t="shared" si="67"/>
        <v>0</v>
      </c>
      <c r="AH89" s="12">
        <f>AC89/SUM(AC$2:AG$366)*Input!$J$5</f>
        <v>392.71014707504531</v>
      </c>
      <c r="AI89" s="12">
        <f>AD89/SUM(AC$2:AG$366)*Input!$J$5</f>
        <v>442.46320628588927</v>
      </c>
      <c r="AJ89" s="12">
        <f>AE89/SUM(AC$2:AG$366)*Input!$J$5</f>
        <v>0</v>
      </c>
      <c r="AK89" s="12">
        <f>AF89/SUM(AC$2:AG$366)*Input!$J$5</f>
        <v>404.25783576402893</v>
      </c>
      <c r="AL89" s="12">
        <f>AG89/SUM(AC$2:AG$366)*Input!$J$5</f>
        <v>0</v>
      </c>
      <c r="AM89" s="12">
        <f t="shared" si="68"/>
        <v>194.04376116673379</v>
      </c>
      <c r="AN89" s="12">
        <f t="shared" si="69"/>
        <v>982.55380442622254</v>
      </c>
      <c r="AO89" s="12">
        <f t="shared" si="70"/>
        <v>41.889082354671501</v>
      </c>
      <c r="AP89" s="12">
        <f t="shared" si="71"/>
        <v>20.944541177335751</v>
      </c>
      <c r="AQ89" s="12">
        <f t="shared" si="72"/>
        <v>0</v>
      </c>
      <c r="AR89" s="11">
        <f t="shared" si="73"/>
        <v>1239.4311891249636</v>
      </c>
    </row>
    <row r="90" spans="16:44" x14ac:dyDescent="0.25">
      <c r="P90" s="10">
        <f t="shared" si="74"/>
        <v>45015</v>
      </c>
      <c r="Q90" s="28">
        <v>9.8000000000000007</v>
      </c>
      <c r="R90" s="28">
        <f t="shared" si="60"/>
        <v>4</v>
      </c>
      <c r="S90" s="12">
        <f t="shared" si="52"/>
        <v>1.0609861866589789</v>
      </c>
      <c r="T90" s="12">
        <f t="shared" si="53"/>
        <v>1.4695351264848711</v>
      </c>
      <c r="U90" s="12">
        <f t="shared" si="54"/>
        <v>1.771938814155029</v>
      </c>
      <c r="V90" s="12">
        <f t="shared" si="55"/>
        <v>2.5404025087253199</v>
      </c>
      <c r="W90" s="12">
        <f t="shared" si="61"/>
        <v>0</v>
      </c>
      <c r="X90" s="12">
        <f t="shared" si="56"/>
        <v>-7.0953309908476907E-3</v>
      </c>
      <c r="Y90" s="12">
        <f t="shared" si="57"/>
        <v>-5.875924024232846E-2</v>
      </c>
      <c r="Z90" s="12">
        <f t="shared" si="58"/>
        <v>-9.5984753200240996E-2</v>
      </c>
      <c r="AA90" s="12">
        <f t="shared" si="59"/>
        <v>-0.17801624965770491</v>
      </c>
      <c r="AB90" s="12">
        <f t="shared" si="62"/>
        <v>0</v>
      </c>
      <c r="AC90" s="12">
        <f t="shared" si="63"/>
        <v>0.37179447860575182</v>
      </c>
      <c r="AD90" s="12">
        <f t="shared" si="64"/>
        <v>0.33513546454126952</v>
      </c>
      <c r="AE90" s="12">
        <f t="shared" si="65"/>
        <v>0</v>
      </c>
      <c r="AF90" s="12">
        <f t="shared" si="66"/>
        <v>0.19896081551995293</v>
      </c>
      <c r="AG90" s="12">
        <f t="shared" si="67"/>
        <v>0</v>
      </c>
      <c r="AH90" s="12">
        <f>AC90/SUM(AC$2:AG$366)*Input!$J$5</f>
        <v>380.72174365736532</v>
      </c>
      <c r="AI90" s="12">
        <f>AD90/SUM(AC$2:AG$366)*Input!$J$5</f>
        <v>343.18249937453299</v>
      </c>
      <c r="AJ90" s="12">
        <f>AE90/SUM(AC$2:AG$366)*Input!$J$5</f>
        <v>0</v>
      </c>
      <c r="AK90" s="12">
        <f>AF90/SUM(AC$2:AG$366)*Input!$J$5</f>
        <v>203.73812136293515</v>
      </c>
      <c r="AL90" s="12">
        <f>AG90/SUM(AC$2:AG$366)*Input!$J$5</f>
        <v>0</v>
      </c>
      <c r="AM90" s="12">
        <f t="shared" si="68"/>
        <v>97.794298254208826</v>
      </c>
      <c r="AN90" s="12">
        <f t="shared" si="69"/>
        <v>768.93258715544607</v>
      </c>
      <c r="AO90" s="12">
        <f t="shared" si="70"/>
        <v>40.610319323452302</v>
      </c>
      <c r="AP90" s="12">
        <f t="shared" si="71"/>
        <v>20.305159661726151</v>
      </c>
      <c r="AQ90" s="12">
        <f t="shared" si="72"/>
        <v>0</v>
      </c>
      <c r="AR90" s="11">
        <f t="shared" si="73"/>
        <v>927.64236439483341</v>
      </c>
    </row>
    <row r="91" spans="16:44" x14ac:dyDescent="0.25">
      <c r="P91" s="10">
        <f t="shared" si="74"/>
        <v>45016</v>
      </c>
      <c r="Q91" s="28">
        <v>14.2</v>
      </c>
      <c r="R91" s="28">
        <f t="shared" si="60"/>
        <v>5</v>
      </c>
      <c r="S91" s="12">
        <f t="shared" si="52"/>
        <v>1.0609861866589789</v>
      </c>
      <c r="T91" s="12">
        <f t="shared" si="53"/>
        <v>1.4695351264848711</v>
      </c>
      <c r="U91" s="12">
        <f t="shared" si="54"/>
        <v>1.771938814155029</v>
      </c>
      <c r="V91" s="12">
        <f t="shared" si="55"/>
        <v>0.52104102880341097</v>
      </c>
      <c r="W91" s="12">
        <f t="shared" si="61"/>
        <v>0</v>
      </c>
      <c r="X91" s="12">
        <f t="shared" si="56"/>
        <v>-7.0953309908476907E-3</v>
      </c>
      <c r="Y91" s="12">
        <f t="shared" si="57"/>
        <v>-5.875924024232846E-2</v>
      </c>
      <c r="Z91" s="12">
        <f t="shared" si="58"/>
        <v>-9.5984753200240996E-2</v>
      </c>
      <c r="AA91" s="12">
        <f t="shared" si="59"/>
        <v>-2.1476600051355411E-2</v>
      </c>
      <c r="AB91" s="12">
        <f t="shared" si="62"/>
        <v>0</v>
      </c>
      <c r="AC91" s="12">
        <f t="shared" si="63"/>
        <v>0.36008718247085314</v>
      </c>
      <c r="AD91" s="12">
        <f t="shared" si="64"/>
        <v>0.23818271814142761</v>
      </c>
      <c r="AE91" s="12">
        <f t="shared" si="65"/>
        <v>0</v>
      </c>
      <c r="AF91" s="12">
        <f t="shared" si="66"/>
        <v>5.4018327018541035E-2</v>
      </c>
      <c r="AG91" s="12">
        <f t="shared" si="67"/>
        <v>0</v>
      </c>
      <c r="AH91" s="12">
        <f>AC91/SUM(AC$2:AG$366)*Input!$J$5</f>
        <v>368.73334023968528</v>
      </c>
      <c r="AI91" s="12">
        <f>AD91/SUM(AC$2:AG$366)*Input!$J$5</f>
        <v>243.90179246317675</v>
      </c>
      <c r="AJ91" s="12">
        <f>AE91/SUM(AC$2:AG$366)*Input!$J$5</f>
        <v>0</v>
      </c>
      <c r="AK91" s="12">
        <f>AF91/SUM(AC$2:AG$366)*Input!$J$5</f>
        <v>55.315376734684371</v>
      </c>
      <c r="AL91" s="12">
        <f>AG91/SUM(AC$2:AG$366)*Input!$J$5</f>
        <v>0</v>
      </c>
      <c r="AM91" s="12">
        <f t="shared" si="68"/>
        <v>26.551380832648483</v>
      </c>
      <c r="AN91" s="12">
        <f t="shared" si="69"/>
        <v>582.40179416654826</v>
      </c>
      <c r="AO91" s="12">
        <f t="shared" si="70"/>
        <v>39.331556292233095</v>
      </c>
      <c r="AP91" s="12">
        <f t="shared" si="71"/>
        <v>19.665778146116548</v>
      </c>
      <c r="AQ91" s="12">
        <f t="shared" si="72"/>
        <v>0</v>
      </c>
      <c r="AR91" s="11">
        <f t="shared" si="73"/>
        <v>667.95050943754643</v>
      </c>
    </row>
    <row r="92" spans="16:44" x14ac:dyDescent="0.25">
      <c r="P92" s="10">
        <f t="shared" si="74"/>
        <v>45017</v>
      </c>
      <c r="Q92" s="28">
        <v>13.6</v>
      </c>
      <c r="R92" s="28">
        <f t="shared" si="60"/>
        <v>6</v>
      </c>
      <c r="S92" s="12">
        <f t="shared" si="52"/>
        <v>0.88136675487947747</v>
      </c>
      <c r="T92" s="12">
        <f t="shared" si="53"/>
        <v>0.40529111994771311</v>
      </c>
      <c r="U92" s="12">
        <f t="shared" si="54"/>
        <v>1.4791569663107089</v>
      </c>
      <c r="V92" s="12">
        <f t="shared" si="55"/>
        <v>1.31124751273035</v>
      </c>
      <c r="W92" s="12">
        <f t="shared" si="61"/>
        <v>1.9424956480203619</v>
      </c>
      <c r="X92" s="12">
        <f t="shared" si="56"/>
        <v>-1.236743869637378E-2</v>
      </c>
      <c r="Y92" s="12">
        <f t="shared" si="57"/>
        <v>-1.3226323007097701E-2</v>
      </c>
      <c r="Z92" s="12">
        <f t="shared" si="58"/>
        <v>-6.6119920832722404E-2</v>
      </c>
      <c r="AA92" s="12">
        <f t="shared" si="59"/>
        <v>-7.5310765362349638E-2</v>
      </c>
      <c r="AB92" s="12">
        <f t="shared" si="62"/>
        <v>-0.1200596025795522</v>
      </c>
      <c r="AC92" s="12">
        <f t="shared" si="63"/>
        <v>0</v>
      </c>
      <c r="AD92" s="12">
        <f t="shared" si="64"/>
        <v>7.8894594467914525E-2</v>
      </c>
      <c r="AE92" s="12">
        <f t="shared" si="65"/>
        <v>5.0743528761247374E-2</v>
      </c>
      <c r="AF92" s="12">
        <f t="shared" si="66"/>
        <v>5.02286931654191E-2</v>
      </c>
      <c r="AG92" s="12">
        <f t="shared" si="67"/>
        <v>2.7097442132114555E-2</v>
      </c>
      <c r="AH92" s="12">
        <f>AC92/SUM(AC$2:AG$366)*Input!$J$5</f>
        <v>0</v>
      </c>
      <c r="AI92" s="12">
        <f>AD92/SUM(AC$2:AG$366)*Input!$J$5</f>
        <v>80.788955456264432</v>
      </c>
      <c r="AJ92" s="12">
        <f>AE92/SUM(AC$2:AG$366)*Input!$J$5</f>
        <v>51.961946346695662</v>
      </c>
      <c r="AK92" s="12">
        <f>AF92/SUM(AC$2:AG$366)*Input!$J$5</f>
        <v>51.434748884066146</v>
      </c>
      <c r="AL92" s="12">
        <f>AG92/SUM(AC$2:AG$366)*Input!$J$5</f>
        <v>27.748086673801414</v>
      </c>
      <c r="AM92" s="12">
        <f t="shared" si="68"/>
        <v>26.63816320684937</v>
      </c>
      <c r="AN92" s="12">
        <f t="shared" si="69"/>
        <v>175.60089949922656</v>
      </c>
      <c r="AO92" s="12">
        <f t="shared" si="70"/>
        <v>6.4631164365011546</v>
      </c>
      <c r="AP92" s="12">
        <f t="shared" si="71"/>
        <v>3.2315582182505773</v>
      </c>
      <c r="AQ92" s="12">
        <f t="shared" si="72"/>
        <v>0</v>
      </c>
      <c r="AR92" s="11">
        <f t="shared" si="73"/>
        <v>211.93373736082765</v>
      </c>
    </row>
    <row r="93" spans="16:44" x14ac:dyDescent="0.25">
      <c r="P93" s="10">
        <f t="shared" si="74"/>
        <v>45018</v>
      </c>
      <c r="Q93" s="28">
        <v>9.6</v>
      </c>
      <c r="R93" s="28">
        <f t="shared" si="60"/>
        <v>7</v>
      </c>
      <c r="S93" s="12">
        <f t="shared" si="52"/>
        <v>0.88136675487947747</v>
      </c>
      <c r="T93" s="12">
        <f t="shared" si="53"/>
        <v>0.40529111994771311</v>
      </c>
      <c r="U93" s="12">
        <f t="shared" si="54"/>
        <v>1.4791569663107089</v>
      </c>
      <c r="V93" s="12">
        <f t="shared" si="55"/>
        <v>1.31124751273035</v>
      </c>
      <c r="W93" s="12">
        <f t="shared" si="61"/>
        <v>1.9424956480203619</v>
      </c>
      <c r="X93" s="12">
        <f t="shared" si="56"/>
        <v>-1.236743869637378E-2</v>
      </c>
      <c r="Y93" s="12">
        <f t="shared" si="57"/>
        <v>-1.3226323007097701E-2</v>
      </c>
      <c r="Z93" s="12">
        <f t="shared" si="58"/>
        <v>-6.6119920832722404E-2</v>
      </c>
      <c r="AA93" s="12">
        <f t="shared" si="59"/>
        <v>-7.5310765362349638E-2</v>
      </c>
      <c r="AB93" s="12">
        <f t="shared" si="62"/>
        <v>-0.1200596025795522</v>
      </c>
      <c r="AC93" s="12">
        <f t="shared" si="63"/>
        <v>0</v>
      </c>
      <c r="AD93" s="12">
        <f t="shared" si="64"/>
        <v>9.7411446677851316E-2</v>
      </c>
      <c r="AE93" s="12">
        <f t="shared" si="65"/>
        <v>7.3885501052700212E-2</v>
      </c>
      <c r="AF93" s="12">
        <f t="shared" si="66"/>
        <v>0.10294622891906385</v>
      </c>
      <c r="AG93" s="12">
        <f t="shared" si="67"/>
        <v>6.9118303034957806E-2</v>
      </c>
      <c r="AH93" s="12">
        <f>AC93/SUM(AC$2:AG$366)*Input!$J$5</f>
        <v>0</v>
      </c>
      <c r="AI93" s="12">
        <f>AD93/SUM(AC$2:AG$366)*Input!$J$5</f>
        <v>99.750421174770693</v>
      </c>
      <c r="AJ93" s="12">
        <f>AE93/SUM(AC$2:AG$366)*Input!$J$5</f>
        <v>75.6595872463474</v>
      </c>
      <c r="AK93" s="12">
        <f>AF93/SUM(AC$2:AG$366)*Input!$J$5</f>
        <v>105.41810067754439</v>
      </c>
      <c r="AL93" s="12">
        <f>AG93/SUM(AC$2:AG$366)*Input!$J$5</f>
        <v>70.777922654444168</v>
      </c>
      <c r="AM93" s="12">
        <f t="shared" si="68"/>
        <v>67.946805748266442</v>
      </c>
      <c r="AN93" s="12">
        <f t="shared" si="69"/>
        <v>271.68917546386774</v>
      </c>
      <c r="AO93" s="12">
        <f t="shared" si="70"/>
        <v>7.9800336939816559</v>
      </c>
      <c r="AP93" s="12">
        <f t="shared" si="71"/>
        <v>3.9900168469908279</v>
      </c>
      <c r="AQ93" s="12">
        <f t="shared" si="72"/>
        <v>0</v>
      </c>
      <c r="AR93" s="11">
        <f t="shared" si="73"/>
        <v>351.60603175310672</v>
      </c>
    </row>
    <row r="94" spans="16:44" x14ac:dyDescent="0.25">
      <c r="P94" s="10">
        <f t="shared" si="74"/>
        <v>45019</v>
      </c>
      <c r="Q94" s="28">
        <v>5.6</v>
      </c>
      <c r="R94" s="28">
        <f t="shared" si="60"/>
        <v>1</v>
      </c>
      <c r="S94" s="12">
        <f t="shared" si="52"/>
        <v>1.0609861866589789</v>
      </c>
      <c r="T94" s="12">
        <f t="shared" si="53"/>
        <v>1.4695351264848711</v>
      </c>
      <c r="U94" s="12">
        <f t="shared" si="54"/>
        <v>1.771938814155029</v>
      </c>
      <c r="V94" s="12">
        <f t="shared" si="55"/>
        <v>2.5404025087253199</v>
      </c>
      <c r="W94" s="12">
        <f t="shared" si="61"/>
        <v>0</v>
      </c>
      <c r="X94" s="12">
        <f t="shared" si="56"/>
        <v>-7.0953309908476907E-3</v>
      </c>
      <c r="Y94" s="12">
        <f t="shared" si="57"/>
        <v>-5.875924024232846E-2</v>
      </c>
      <c r="Z94" s="12">
        <f t="shared" si="58"/>
        <v>-9.5984753200240996E-2</v>
      </c>
      <c r="AA94" s="12">
        <f t="shared" si="59"/>
        <v>-0.17801624965770491</v>
      </c>
      <c r="AB94" s="12">
        <f t="shared" si="62"/>
        <v>0</v>
      </c>
      <c r="AC94" s="12">
        <f t="shared" si="63"/>
        <v>0.38296962491633696</v>
      </c>
      <c r="AD94" s="12">
        <f t="shared" si="64"/>
        <v>0.42768126792293687</v>
      </c>
      <c r="AE94" s="12">
        <f t="shared" si="65"/>
        <v>0</v>
      </c>
      <c r="AF94" s="12">
        <f t="shared" si="66"/>
        <v>0.38587787766054316</v>
      </c>
      <c r="AG94" s="12">
        <f t="shared" si="67"/>
        <v>0</v>
      </c>
      <c r="AH94" s="12">
        <f>AC94/SUM(AC$2:AG$366)*Input!$J$5</f>
        <v>392.16521964696898</v>
      </c>
      <c r="AI94" s="12">
        <f>AD94/SUM(AC$2:AG$366)*Input!$J$5</f>
        <v>437.95044688082766</v>
      </c>
      <c r="AJ94" s="12">
        <f>AE94/SUM(AC$2:AG$366)*Input!$J$5</f>
        <v>0</v>
      </c>
      <c r="AK94" s="12">
        <f>AF94/SUM(AC$2:AG$366)*Input!$J$5</f>
        <v>395.14330329125193</v>
      </c>
      <c r="AL94" s="12">
        <f>AG94/SUM(AC$2:AG$366)*Input!$J$5</f>
        <v>0</v>
      </c>
      <c r="AM94" s="12">
        <f t="shared" si="68"/>
        <v>189.66878557980084</v>
      </c>
      <c r="AN94" s="12">
        <f t="shared" si="69"/>
        <v>972.84374909573273</v>
      </c>
      <c r="AO94" s="12">
        <f t="shared" si="70"/>
        <v>41.830956762343362</v>
      </c>
      <c r="AP94" s="12">
        <f t="shared" si="71"/>
        <v>20.915478381171681</v>
      </c>
      <c r="AQ94" s="12">
        <f t="shared" si="72"/>
        <v>0</v>
      </c>
      <c r="AR94" s="11">
        <f t="shared" si="73"/>
        <v>1225.2589698190484</v>
      </c>
    </row>
    <row r="95" spans="16:44" x14ac:dyDescent="0.25">
      <c r="P95" s="10">
        <f t="shared" si="74"/>
        <v>45020</v>
      </c>
      <c r="Q95" s="28">
        <v>4</v>
      </c>
      <c r="R95" s="28">
        <f t="shared" si="60"/>
        <v>2</v>
      </c>
      <c r="S95" s="12">
        <f t="shared" si="52"/>
        <v>1.0609861866589789</v>
      </c>
      <c r="T95" s="12">
        <f t="shared" si="53"/>
        <v>1.4695351264848711</v>
      </c>
      <c r="U95" s="12">
        <f t="shared" si="54"/>
        <v>1.771938814155029</v>
      </c>
      <c r="V95" s="12">
        <f t="shared" si="55"/>
        <v>2.5404025087253199</v>
      </c>
      <c r="W95" s="12">
        <f t="shared" si="61"/>
        <v>0</v>
      </c>
      <c r="X95" s="12">
        <f t="shared" si="56"/>
        <v>-7.0953309908476907E-3</v>
      </c>
      <c r="Y95" s="12">
        <f t="shared" si="57"/>
        <v>-5.875924024232846E-2</v>
      </c>
      <c r="Z95" s="12">
        <f t="shared" si="58"/>
        <v>-9.5984753200240996E-2</v>
      </c>
      <c r="AA95" s="12">
        <f t="shared" si="59"/>
        <v>-0.17801624965770491</v>
      </c>
      <c r="AB95" s="12">
        <f t="shared" si="62"/>
        <v>0</v>
      </c>
      <c r="AC95" s="12">
        <f t="shared" si="63"/>
        <v>0.38722682351084559</v>
      </c>
      <c r="AD95" s="12">
        <f t="shared" si="64"/>
        <v>0.46293681206833392</v>
      </c>
      <c r="AE95" s="12">
        <f t="shared" si="65"/>
        <v>0</v>
      </c>
      <c r="AF95" s="12">
        <f t="shared" si="66"/>
        <v>0.45708437752362507</v>
      </c>
      <c r="AG95" s="12">
        <f t="shared" si="67"/>
        <v>0</v>
      </c>
      <c r="AH95" s="12">
        <f>AC95/SUM(AC$2:AG$366)*Input!$J$5</f>
        <v>396.52463907157988</v>
      </c>
      <c r="AI95" s="12">
        <f>AD95/SUM(AC$2:AG$366)*Input!$J$5</f>
        <v>474.05252212132081</v>
      </c>
      <c r="AJ95" s="12">
        <f>AE95/SUM(AC$2:AG$366)*Input!$J$5</f>
        <v>0</v>
      </c>
      <c r="AK95" s="12">
        <f>AF95/SUM(AC$2:AG$366)*Input!$J$5</f>
        <v>468.05956307346781</v>
      </c>
      <c r="AL95" s="12">
        <f>AG95/SUM(AC$2:AG$366)*Input!$J$5</f>
        <v>0</v>
      </c>
      <c r="AM95" s="12">
        <f t="shared" si="68"/>
        <v>224.66859027526445</v>
      </c>
      <c r="AN95" s="12">
        <f t="shared" si="69"/>
        <v>1050.5241917396513</v>
      </c>
      <c r="AO95" s="12">
        <f t="shared" si="70"/>
        <v>42.295961500968524</v>
      </c>
      <c r="AP95" s="12">
        <f t="shared" si="71"/>
        <v>21.147980750484262</v>
      </c>
      <c r="AQ95" s="12">
        <f t="shared" si="72"/>
        <v>0</v>
      </c>
      <c r="AR95" s="11">
        <f t="shared" si="73"/>
        <v>1338.6367242663687</v>
      </c>
    </row>
    <row r="96" spans="16:44" x14ac:dyDescent="0.25">
      <c r="P96" s="10">
        <f t="shared" si="74"/>
        <v>45021</v>
      </c>
      <c r="Q96" s="28">
        <v>3.7</v>
      </c>
      <c r="R96" s="28">
        <f t="shared" si="60"/>
        <v>3</v>
      </c>
      <c r="S96" s="12">
        <f t="shared" si="52"/>
        <v>1.0609861866589789</v>
      </c>
      <c r="T96" s="12">
        <f t="shared" si="53"/>
        <v>1.4695351264848711</v>
      </c>
      <c r="U96" s="12">
        <f t="shared" si="54"/>
        <v>1.771938814155029</v>
      </c>
      <c r="V96" s="12">
        <f t="shared" si="55"/>
        <v>2.5404025087253199</v>
      </c>
      <c r="W96" s="12">
        <f t="shared" si="61"/>
        <v>0</v>
      </c>
      <c r="X96" s="12">
        <f t="shared" si="56"/>
        <v>-7.0953309908476907E-3</v>
      </c>
      <c r="Y96" s="12">
        <f t="shared" si="57"/>
        <v>-5.875924024232846E-2</v>
      </c>
      <c r="Z96" s="12">
        <f t="shared" si="58"/>
        <v>-9.5984753200240996E-2</v>
      </c>
      <c r="AA96" s="12">
        <f t="shared" si="59"/>
        <v>-0.17801624965770491</v>
      </c>
      <c r="AB96" s="12">
        <f t="shared" si="62"/>
        <v>0</v>
      </c>
      <c r="AC96" s="12">
        <f t="shared" si="63"/>
        <v>0.38802504824731598</v>
      </c>
      <c r="AD96" s="12">
        <f t="shared" si="64"/>
        <v>0.46954722659559595</v>
      </c>
      <c r="AE96" s="12">
        <f t="shared" si="65"/>
        <v>0</v>
      </c>
      <c r="AF96" s="12">
        <f t="shared" si="66"/>
        <v>0.47043559624795295</v>
      </c>
      <c r="AG96" s="12">
        <f t="shared" si="67"/>
        <v>0</v>
      </c>
      <c r="AH96" s="12">
        <f>AC96/SUM(AC$2:AG$366)*Input!$J$5</f>
        <v>397.3420302136945</v>
      </c>
      <c r="AI96" s="12">
        <f>AD96/SUM(AC$2:AG$366)*Input!$J$5</f>
        <v>480.8216612289134</v>
      </c>
      <c r="AJ96" s="12">
        <f>AE96/SUM(AC$2:AG$366)*Input!$J$5</f>
        <v>0</v>
      </c>
      <c r="AK96" s="12">
        <f>AF96/SUM(AC$2:AG$366)*Input!$J$5</f>
        <v>481.73136178263326</v>
      </c>
      <c r="AL96" s="12">
        <f>AG96/SUM(AC$2:AG$366)*Input!$J$5</f>
        <v>0</v>
      </c>
      <c r="AM96" s="12">
        <f t="shared" si="68"/>
        <v>231.23105365566386</v>
      </c>
      <c r="AN96" s="12">
        <f t="shared" si="69"/>
        <v>1065.0892747353862</v>
      </c>
      <c r="AO96" s="12">
        <f t="shared" si="70"/>
        <v>42.383149889460746</v>
      </c>
      <c r="AP96" s="12">
        <f t="shared" si="71"/>
        <v>21.191574944730373</v>
      </c>
      <c r="AQ96" s="12">
        <f t="shared" si="72"/>
        <v>0</v>
      </c>
      <c r="AR96" s="11">
        <f t="shared" si="73"/>
        <v>1359.8950532252411</v>
      </c>
    </row>
    <row r="97" spans="16:44" x14ac:dyDescent="0.25">
      <c r="P97" s="10">
        <f t="shared" si="74"/>
        <v>45022</v>
      </c>
      <c r="Q97" s="28">
        <v>6.4</v>
      </c>
      <c r="R97" s="28">
        <f t="shared" si="60"/>
        <v>4</v>
      </c>
      <c r="S97" s="12">
        <f t="shared" si="52"/>
        <v>1.0609861866589789</v>
      </c>
      <c r="T97" s="12">
        <f t="shared" si="53"/>
        <v>1.4695351264848711</v>
      </c>
      <c r="U97" s="12">
        <f t="shared" si="54"/>
        <v>1.771938814155029</v>
      </c>
      <c r="V97" s="12">
        <f t="shared" si="55"/>
        <v>2.5404025087253199</v>
      </c>
      <c r="W97" s="12">
        <f t="shared" si="61"/>
        <v>0</v>
      </c>
      <c r="X97" s="12">
        <f t="shared" si="56"/>
        <v>-7.0953309908476907E-3</v>
      </c>
      <c r="Y97" s="12">
        <f t="shared" si="57"/>
        <v>-5.875924024232846E-2</v>
      </c>
      <c r="Z97" s="12">
        <f t="shared" si="58"/>
        <v>-9.5984753200240996E-2</v>
      </c>
      <c r="AA97" s="12">
        <f t="shared" si="59"/>
        <v>-0.17801624965770491</v>
      </c>
      <c r="AB97" s="12">
        <f t="shared" si="62"/>
        <v>0</v>
      </c>
      <c r="AC97" s="12">
        <f t="shared" si="63"/>
        <v>0.38084102561908262</v>
      </c>
      <c r="AD97" s="12">
        <f t="shared" si="64"/>
        <v>0.41005349585023831</v>
      </c>
      <c r="AE97" s="12">
        <f t="shared" si="65"/>
        <v>0</v>
      </c>
      <c r="AF97" s="12">
        <f t="shared" si="66"/>
        <v>0.35027462772900214</v>
      </c>
      <c r="AG97" s="12">
        <f t="shared" si="67"/>
        <v>0</v>
      </c>
      <c r="AH97" s="12">
        <f>AC97/SUM(AC$2:AG$366)*Input!$J$5</f>
        <v>389.98550993466347</v>
      </c>
      <c r="AI97" s="12">
        <f>AD97/SUM(AC$2:AG$366)*Input!$J$5</f>
        <v>419.89940926058102</v>
      </c>
      <c r="AJ97" s="12">
        <f>AE97/SUM(AC$2:AG$366)*Input!$J$5</f>
        <v>0</v>
      </c>
      <c r="AK97" s="12">
        <f>AF97/SUM(AC$2:AG$366)*Input!$J$5</f>
        <v>358.68517340014392</v>
      </c>
      <c r="AL97" s="12">
        <f>AG97/SUM(AC$2:AG$366)*Input!$J$5</f>
        <v>0</v>
      </c>
      <c r="AM97" s="12">
        <f t="shared" si="68"/>
        <v>172.16888323206899</v>
      </c>
      <c r="AN97" s="12">
        <f t="shared" si="69"/>
        <v>934.00352777377316</v>
      </c>
      <c r="AO97" s="12">
        <f t="shared" si="70"/>
        <v>41.598454393030771</v>
      </c>
      <c r="AP97" s="12">
        <f t="shared" si="71"/>
        <v>20.799227196515385</v>
      </c>
      <c r="AQ97" s="12">
        <f t="shared" si="72"/>
        <v>0</v>
      </c>
      <c r="AR97" s="11">
        <f t="shared" si="73"/>
        <v>1168.5700925953884</v>
      </c>
    </row>
    <row r="98" spans="16:44" x14ac:dyDescent="0.25">
      <c r="P98" s="10">
        <f t="shared" si="74"/>
        <v>45023</v>
      </c>
      <c r="Q98" s="28">
        <v>7.9</v>
      </c>
      <c r="R98" s="28">
        <f t="shared" si="60"/>
        <v>5</v>
      </c>
      <c r="S98" s="12">
        <f t="shared" si="52"/>
        <v>1.0609861866589789</v>
      </c>
      <c r="T98" s="12">
        <f t="shared" si="53"/>
        <v>1.4695351264848711</v>
      </c>
      <c r="U98" s="12">
        <f t="shared" si="54"/>
        <v>1.771938814155029</v>
      </c>
      <c r="V98" s="12">
        <f t="shared" si="55"/>
        <v>2.5404025087253199</v>
      </c>
      <c r="W98" s="12">
        <f t="shared" si="61"/>
        <v>0</v>
      </c>
      <c r="X98" s="12">
        <f t="shared" si="56"/>
        <v>-7.0953309908476907E-3</v>
      </c>
      <c r="Y98" s="12">
        <f t="shared" si="57"/>
        <v>-5.875924024232846E-2</v>
      </c>
      <c r="Z98" s="12">
        <f t="shared" si="58"/>
        <v>-9.5984753200240996E-2</v>
      </c>
      <c r="AA98" s="12">
        <f t="shared" si="59"/>
        <v>-0.17801624965770491</v>
      </c>
      <c r="AB98" s="12">
        <f t="shared" si="62"/>
        <v>0</v>
      </c>
      <c r="AC98" s="12">
        <f t="shared" si="63"/>
        <v>0.37684990193673079</v>
      </c>
      <c r="AD98" s="12">
        <f t="shared" si="64"/>
        <v>0.3770014232139286</v>
      </c>
      <c r="AE98" s="12">
        <f t="shared" si="65"/>
        <v>0</v>
      </c>
      <c r="AF98" s="12">
        <f t="shared" si="66"/>
        <v>0.28351853410736277</v>
      </c>
      <c r="AG98" s="12">
        <f t="shared" si="67"/>
        <v>0</v>
      </c>
      <c r="AH98" s="12">
        <f>AC98/SUM(AC$2:AG$366)*Input!$J$5</f>
        <v>385.89855422409073</v>
      </c>
      <c r="AI98" s="12">
        <f>AD98/SUM(AC$2:AG$366)*Input!$J$5</f>
        <v>386.05371372261874</v>
      </c>
      <c r="AJ98" s="12">
        <f>AE98/SUM(AC$2:AG$366)*Input!$J$5</f>
        <v>0</v>
      </c>
      <c r="AK98" s="12">
        <f>AF98/SUM(AC$2:AG$366)*Input!$J$5</f>
        <v>290.32617985431654</v>
      </c>
      <c r="AL98" s="12">
        <f>AG98/SUM(AC$2:AG$366)*Input!$J$5</f>
        <v>0</v>
      </c>
      <c r="AM98" s="12">
        <f t="shared" si="68"/>
        <v>139.35656633007187</v>
      </c>
      <c r="AN98" s="12">
        <f t="shared" si="69"/>
        <v>861.17811279509954</v>
      </c>
      <c r="AO98" s="12">
        <f t="shared" si="70"/>
        <v>41.162512450569679</v>
      </c>
      <c r="AP98" s="12">
        <f t="shared" si="71"/>
        <v>20.581256225284839</v>
      </c>
      <c r="AQ98" s="12">
        <f t="shared" si="72"/>
        <v>0</v>
      </c>
      <c r="AR98" s="11">
        <f t="shared" si="73"/>
        <v>1062.2784478010258</v>
      </c>
    </row>
    <row r="99" spans="16:44" x14ac:dyDescent="0.25">
      <c r="P99" s="10">
        <f t="shared" si="74"/>
        <v>45024</v>
      </c>
      <c r="Q99" s="28">
        <v>4.8</v>
      </c>
      <c r="R99" s="28">
        <f t="shared" si="60"/>
        <v>6</v>
      </c>
      <c r="S99" s="12">
        <f t="shared" si="52"/>
        <v>0.88136675487947747</v>
      </c>
      <c r="T99" s="12">
        <f t="shared" si="53"/>
        <v>0.40529111994771311</v>
      </c>
      <c r="U99" s="12">
        <f t="shared" si="54"/>
        <v>1.4791569663107089</v>
      </c>
      <c r="V99" s="12">
        <f t="shared" si="55"/>
        <v>1.31124751273035</v>
      </c>
      <c r="W99" s="12">
        <f t="shared" si="61"/>
        <v>1.9424956480203619</v>
      </c>
      <c r="X99" s="12">
        <f t="shared" si="56"/>
        <v>-1.236743869637378E-2</v>
      </c>
      <c r="Y99" s="12">
        <f t="shared" si="57"/>
        <v>-1.3226323007097701E-2</v>
      </c>
      <c r="Z99" s="12">
        <f t="shared" si="58"/>
        <v>-6.6119920832722404E-2</v>
      </c>
      <c r="AA99" s="12">
        <f t="shared" si="59"/>
        <v>-7.5310765362349638E-2</v>
      </c>
      <c r="AB99" s="12">
        <f t="shared" si="62"/>
        <v>-0.1200596025795522</v>
      </c>
      <c r="AC99" s="12">
        <f t="shared" si="63"/>
        <v>0</v>
      </c>
      <c r="AD99" s="12">
        <f t="shared" si="64"/>
        <v>0.11963166932977544</v>
      </c>
      <c r="AE99" s="12">
        <f t="shared" si="65"/>
        <v>0.10165586780244361</v>
      </c>
      <c r="AF99" s="12">
        <f t="shared" si="66"/>
        <v>0.16620727182343756</v>
      </c>
      <c r="AG99" s="12">
        <f t="shared" si="67"/>
        <v>0.11954333611836972</v>
      </c>
      <c r="AH99" s="12">
        <f>AC99/SUM(AC$2:AG$366)*Input!$J$5</f>
        <v>0</v>
      </c>
      <c r="AI99" s="12">
        <f>AD99/SUM(AC$2:AG$366)*Input!$J$5</f>
        <v>122.50418003697818</v>
      </c>
      <c r="AJ99" s="12">
        <f>AE99/SUM(AC$2:AG$366)*Input!$J$5</f>
        <v>104.09675632592948</v>
      </c>
      <c r="AK99" s="12">
        <f>AF99/SUM(AC$2:AG$366)*Input!$J$5</f>
        <v>170.1981228297183</v>
      </c>
      <c r="AL99" s="12">
        <f>AG99/SUM(AC$2:AG$366)*Input!$J$5</f>
        <v>122.41372583121547</v>
      </c>
      <c r="AM99" s="12">
        <f t="shared" si="68"/>
        <v>117.51717679796691</v>
      </c>
      <c r="AN99" s="12">
        <f t="shared" si="69"/>
        <v>386.99510662143712</v>
      </c>
      <c r="AO99" s="12">
        <f t="shared" si="70"/>
        <v>9.8003344029582546</v>
      </c>
      <c r="AP99" s="12">
        <f t="shared" si="71"/>
        <v>4.9001672014791273</v>
      </c>
      <c r="AQ99" s="12">
        <f t="shared" si="72"/>
        <v>0</v>
      </c>
      <c r="AR99" s="11">
        <f t="shared" si="73"/>
        <v>519.21278502384143</v>
      </c>
    </row>
    <row r="100" spans="16:44" x14ac:dyDescent="0.25">
      <c r="P100" s="10">
        <f t="shared" si="74"/>
        <v>45025</v>
      </c>
      <c r="Q100" s="28">
        <v>7.4</v>
      </c>
      <c r="R100" s="28">
        <f t="shared" si="60"/>
        <v>7</v>
      </c>
      <c r="S100" s="12">
        <f t="shared" si="52"/>
        <v>0.88136675487947747</v>
      </c>
      <c r="T100" s="12">
        <f t="shared" si="53"/>
        <v>0.40529111994771311</v>
      </c>
      <c r="U100" s="12">
        <f t="shared" si="54"/>
        <v>1.4791569663107089</v>
      </c>
      <c r="V100" s="12">
        <f t="shared" si="55"/>
        <v>1.31124751273035</v>
      </c>
      <c r="W100" s="12">
        <f t="shared" si="61"/>
        <v>1.9424956480203619</v>
      </c>
      <c r="X100" s="12">
        <f t="shared" si="56"/>
        <v>-1.236743869637378E-2</v>
      </c>
      <c r="Y100" s="12">
        <f t="shared" si="57"/>
        <v>-1.3226323007097701E-2</v>
      </c>
      <c r="Z100" s="12">
        <f t="shared" si="58"/>
        <v>-6.6119920832722404E-2</v>
      </c>
      <c r="AA100" s="12">
        <f t="shared" si="59"/>
        <v>-7.5310765362349638E-2</v>
      </c>
      <c r="AB100" s="12">
        <f t="shared" si="62"/>
        <v>-0.1200596025795522</v>
      </c>
      <c r="AC100" s="12">
        <f t="shared" si="63"/>
        <v>0</v>
      </c>
      <c r="AD100" s="12">
        <f t="shared" si="64"/>
        <v>0.10759571539331654</v>
      </c>
      <c r="AE100" s="12">
        <f t="shared" si="65"/>
        <v>8.6613585812999272E-2</v>
      </c>
      <c r="AF100" s="12">
        <f t="shared" si="66"/>
        <v>0.13194087358356846</v>
      </c>
      <c r="AG100" s="12">
        <f t="shared" si="67"/>
        <v>9.2229776531521618E-2</v>
      </c>
      <c r="AH100" s="12">
        <f>AC100/SUM(AC$2:AG$366)*Input!$J$5</f>
        <v>0</v>
      </c>
      <c r="AI100" s="12">
        <f>AD100/SUM(AC$2:AG$366)*Input!$J$5</f>
        <v>110.17922731994913</v>
      </c>
      <c r="AJ100" s="12">
        <f>AE100/SUM(AC$2:AG$366)*Input!$J$5</f>
        <v>88.693289741155851</v>
      </c>
      <c r="AK100" s="12">
        <f>AF100/SUM(AC$2:AG$366)*Input!$J$5</f>
        <v>135.10894416395743</v>
      </c>
      <c r="AL100" s="12">
        <f>AG100/SUM(AC$2:AG$366)*Input!$J$5</f>
        <v>94.444332443797705</v>
      </c>
      <c r="AM100" s="12">
        <f t="shared" si="68"/>
        <v>90.666559146045842</v>
      </c>
      <c r="AN100" s="12">
        <f t="shared" si="69"/>
        <v>324.53772724442035</v>
      </c>
      <c r="AO100" s="12">
        <f t="shared" si="70"/>
        <v>8.8143381855959309</v>
      </c>
      <c r="AP100" s="12">
        <f t="shared" si="71"/>
        <v>4.4071690927979654</v>
      </c>
      <c r="AQ100" s="12">
        <f t="shared" si="72"/>
        <v>0</v>
      </c>
      <c r="AR100" s="11">
        <f t="shared" si="73"/>
        <v>428.42579366886014</v>
      </c>
    </row>
    <row r="101" spans="16:44" x14ac:dyDescent="0.25">
      <c r="P101" s="10">
        <f t="shared" si="74"/>
        <v>45026</v>
      </c>
      <c r="Q101" s="28">
        <v>10.6</v>
      </c>
      <c r="R101" s="28">
        <f t="shared" si="60"/>
        <v>1</v>
      </c>
      <c r="S101" s="12">
        <f t="shared" si="52"/>
        <v>1.0609861866589789</v>
      </c>
      <c r="T101" s="12">
        <f t="shared" si="53"/>
        <v>1.4695351264848711</v>
      </c>
      <c r="U101" s="12">
        <f t="shared" si="54"/>
        <v>1.771938814155029</v>
      </c>
      <c r="V101" s="12">
        <f t="shared" si="55"/>
        <v>2.5404025087253199</v>
      </c>
      <c r="W101" s="12">
        <f t="shared" si="61"/>
        <v>0</v>
      </c>
      <c r="X101" s="12">
        <f t="shared" si="56"/>
        <v>-7.0953309908476907E-3</v>
      </c>
      <c r="Y101" s="12">
        <f t="shared" si="57"/>
        <v>-5.875924024232846E-2</v>
      </c>
      <c r="Z101" s="12">
        <f t="shared" si="58"/>
        <v>-9.5984753200240996E-2</v>
      </c>
      <c r="AA101" s="12">
        <f t="shared" si="59"/>
        <v>-0.17801624965770491</v>
      </c>
      <c r="AB101" s="12">
        <f t="shared" si="62"/>
        <v>0</v>
      </c>
      <c r="AC101" s="12">
        <f t="shared" si="63"/>
        <v>0.36966587930849754</v>
      </c>
      <c r="AD101" s="12">
        <f t="shared" si="64"/>
        <v>0.31750769246857102</v>
      </c>
      <c r="AE101" s="12">
        <f t="shared" si="65"/>
        <v>0</v>
      </c>
      <c r="AF101" s="12">
        <f t="shared" si="66"/>
        <v>0.16335756558841197</v>
      </c>
      <c r="AG101" s="12">
        <f t="shared" si="67"/>
        <v>0</v>
      </c>
      <c r="AH101" s="12">
        <f>AC101/SUM(AC$2:AG$366)*Input!$J$5</f>
        <v>378.54203394505987</v>
      </c>
      <c r="AI101" s="12">
        <f>AD101/SUM(AC$2:AG$366)*Input!$J$5</f>
        <v>325.13146175428642</v>
      </c>
      <c r="AJ101" s="12">
        <f>AE101/SUM(AC$2:AG$366)*Input!$J$5</f>
        <v>0</v>
      </c>
      <c r="AK101" s="12">
        <f>AF101/SUM(AC$2:AG$366)*Input!$J$5</f>
        <v>167.27999147182723</v>
      </c>
      <c r="AL101" s="12">
        <f>AG101/SUM(AC$2:AG$366)*Input!$J$5</f>
        <v>0</v>
      </c>
      <c r="AM101" s="12">
        <f t="shared" si="68"/>
        <v>80.294395906477035</v>
      </c>
      <c r="AN101" s="12">
        <f t="shared" si="69"/>
        <v>730.09236583348684</v>
      </c>
      <c r="AO101" s="12">
        <f t="shared" si="70"/>
        <v>40.377816954139725</v>
      </c>
      <c r="AP101" s="12">
        <f t="shared" si="71"/>
        <v>20.188908477069862</v>
      </c>
      <c r="AQ101" s="12">
        <f t="shared" si="72"/>
        <v>0</v>
      </c>
      <c r="AR101" s="11">
        <f t="shared" si="73"/>
        <v>870.95348717117338</v>
      </c>
    </row>
    <row r="102" spans="16:44" x14ac:dyDescent="0.25">
      <c r="P102" s="10">
        <f t="shared" si="74"/>
        <v>45027</v>
      </c>
      <c r="Q102" s="28">
        <v>9.1999999999999993</v>
      </c>
      <c r="R102" s="28">
        <f t="shared" si="60"/>
        <v>2</v>
      </c>
      <c r="S102" s="12">
        <f t="shared" si="52"/>
        <v>1.0609861866589789</v>
      </c>
      <c r="T102" s="12">
        <f t="shared" si="53"/>
        <v>1.4695351264848711</v>
      </c>
      <c r="U102" s="12">
        <f t="shared" si="54"/>
        <v>1.771938814155029</v>
      </c>
      <c r="V102" s="12">
        <f t="shared" si="55"/>
        <v>2.5404025087253199</v>
      </c>
      <c r="W102" s="12">
        <f t="shared" si="61"/>
        <v>0</v>
      </c>
      <c r="X102" s="12">
        <f t="shared" si="56"/>
        <v>-7.0953309908476907E-3</v>
      </c>
      <c r="Y102" s="12">
        <f t="shared" si="57"/>
        <v>-5.875924024232846E-2</v>
      </c>
      <c r="Z102" s="12">
        <f t="shared" si="58"/>
        <v>-9.5984753200240996E-2</v>
      </c>
      <c r="AA102" s="12">
        <f t="shared" si="59"/>
        <v>-0.17801624965770491</v>
      </c>
      <c r="AB102" s="12">
        <f t="shared" si="62"/>
        <v>0</v>
      </c>
      <c r="AC102" s="12">
        <f t="shared" si="63"/>
        <v>0.37339092807869256</v>
      </c>
      <c r="AD102" s="12">
        <f t="shared" si="64"/>
        <v>0.34835629359579351</v>
      </c>
      <c r="AE102" s="12">
        <f t="shared" si="65"/>
        <v>0</v>
      </c>
      <c r="AF102" s="12">
        <f t="shared" si="66"/>
        <v>0.22566325296860873</v>
      </c>
      <c r="AG102" s="12">
        <f t="shared" si="67"/>
        <v>0</v>
      </c>
      <c r="AH102" s="12">
        <f>AC102/SUM(AC$2:AG$366)*Input!$J$5</f>
        <v>382.35652594159438</v>
      </c>
      <c r="AI102" s="12">
        <f>AD102/SUM(AC$2:AG$366)*Input!$J$5</f>
        <v>356.72077758971801</v>
      </c>
      <c r="AJ102" s="12">
        <f>AE102/SUM(AC$2:AG$366)*Input!$J$5</f>
        <v>0</v>
      </c>
      <c r="AK102" s="12">
        <f>AF102/SUM(AC$2:AG$366)*Input!$J$5</f>
        <v>231.08171878126618</v>
      </c>
      <c r="AL102" s="12">
        <f>AG102/SUM(AC$2:AG$366)*Input!$J$5</f>
        <v>0</v>
      </c>
      <c r="AM102" s="12">
        <f t="shared" si="68"/>
        <v>110.91922501500771</v>
      </c>
      <c r="AN102" s="12">
        <f t="shared" si="69"/>
        <v>798.06275314691572</v>
      </c>
      <c r="AO102" s="12">
        <f t="shared" si="70"/>
        <v>40.78469610043674</v>
      </c>
      <c r="AP102" s="12">
        <f t="shared" si="71"/>
        <v>20.39234805021837</v>
      </c>
      <c r="AQ102" s="12">
        <f t="shared" si="72"/>
        <v>0</v>
      </c>
      <c r="AR102" s="11">
        <f t="shared" si="73"/>
        <v>970.15902231257849</v>
      </c>
    </row>
    <row r="103" spans="16:44" x14ac:dyDescent="0.25">
      <c r="P103" s="10">
        <f t="shared" si="74"/>
        <v>45028</v>
      </c>
      <c r="Q103" s="28">
        <v>10.8</v>
      </c>
      <c r="R103" s="28">
        <f t="shared" si="60"/>
        <v>3</v>
      </c>
      <c r="S103" s="12">
        <f t="shared" si="52"/>
        <v>1.0609861866589789</v>
      </c>
      <c r="T103" s="12">
        <f t="shared" si="53"/>
        <v>1.4695351264848711</v>
      </c>
      <c r="U103" s="12">
        <f t="shared" si="54"/>
        <v>1.771938814155029</v>
      </c>
      <c r="V103" s="12">
        <f t="shared" si="55"/>
        <v>2.5404025087253199</v>
      </c>
      <c r="W103" s="12">
        <f t="shared" si="61"/>
        <v>0</v>
      </c>
      <c r="X103" s="12">
        <f t="shared" si="56"/>
        <v>-7.0953309908476907E-3</v>
      </c>
      <c r="Y103" s="12">
        <f t="shared" si="57"/>
        <v>-5.875924024232846E-2</v>
      </c>
      <c r="Z103" s="12">
        <f t="shared" si="58"/>
        <v>-9.5984753200240996E-2</v>
      </c>
      <c r="AA103" s="12">
        <f t="shared" si="59"/>
        <v>-0.17801624965770491</v>
      </c>
      <c r="AB103" s="12">
        <f t="shared" si="62"/>
        <v>0</v>
      </c>
      <c r="AC103" s="12">
        <f t="shared" si="63"/>
        <v>0.36913372948418394</v>
      </c>
      <c r="AD103" s="12">
        <f t="shared" si="64"/>
        <v>0.31310074945039634</v>
      </c>
      <c r="AE103" s="12">
        <f t="shared" si="65"/>
        <v>0</v>
      </c>
      <c r="AF103" s="12">
        <f t="shared" si="66"/>
        <v>0.1544567531055267</v>
      </c>
      <c r="AG103" s="12">
        <f t="shared" si="67"/>
        <v>0</v>
      </c>
      <c r="AH103" s="12">
        <f>AC103/SUM(AC$2:AG$366)*Input!$J$5</f>
        <v>377.99710651698342</v>
      </c>
      <c r="AI103" s="12">
        <f>AD103/SUM(AC$2:AG$366)*Input!$J$5</f>
        <v>320.61870234922475</v>
      </c>
      <c r="AJ103" s="12">
        <f>AE103/SUM(AC$2:AG$366)*Input!$J$5</f>
        <v>0</v>
      </c>
      <c r="AK103" s="12">
        <f>AF103/SUM(AC$2:AG$366)*Input!$J$5</f>
        <v>158.1654589990502</v>
      </c>
      <c r="AL103" s="12">
        <f>AG103/SUM(AC$2:AG$366)*Input!$J$5</f>
        <v>0</v>
      </c>
      <c r="AM103" s="12">
        <f t="shared" si="68"/>
        <v>75.919420319544059</v>
      </c>
      <c r="AN103" s="12">
        <f t="shared" si="69"/>
        <v>720.38231050299692</v>
      </c>
      <c r="AO103" s="12">
        <f t="shared" si="70"/>
        <v>40.319691361811564</v>
      </c>
      <c r="AP103" s="12">
        <f t="shared" si="71"/>
        <v>20.159845680905782</v>
      </c>
      <c r="AQ103" s="12">
        <f t="shared" si="72"/>
        <v>0</v>
      </c>
      <c r="AR103" s="11">
        <f t="shared" si="73"/>
        <v>856.78126786525831</v>
      </c>
    </row>
    <row r="104" spans="16:44" x14ac:dyDescent="0.25">
      <c r="P104" s="10">
        <f t="shared" si="74"/>
        <v>45029</v>
      </c>
      <c r="Q104" s="28">
        <v>11.3</v>
      </c>
      <c r="R104" s="28">
        <f t="shared" si="60"/>
        <v>4</v>
      </c>
      <c r="S104" s="12">
        <f t="shared" si="52"/>
        <v>1.0609861866589789</v>
      </c>
      <c r="T104" s="12">
        <f t="shared" si="53"/>
        <v>1.4695351264848711</v>
      </c>
      <c r="U104" s="12">
        <f t="shared" si="54"/>
        <v>1.771938814155029</v>
      </c>
      <c r="V104" s="12">
        <f t="shared" si="55"/>
        <v>2.5404025087253199</v>
      </c>
      <c r="W104" s="12">
        <f t="shared" si="61"/>
        <v>0</v>
      </c>
      <c r="X104" s="12">
        <f t="shared" si="56"/>
        <v>-7.0953309908476907E-3</v>
      </c>
      <c r="Y104" s="12">
        <f t="shared" si="57"/>
        <v>-5.875924024232846E-2</v>
      </c>
      <c r="Z104" s="12">
        <f t="shared" si="58"/>
        <v>-9.5984753200240996E-2</v>
      </c>
      <c r="AA104" s="12">
        <f t="shared" si="59"/>
        <v>-0.17801624965770491</v>
      </c>
      <c r="AB104" s="12">
        <f t="shared" si="62"/>
        <v>0</v>
      </c>
      <c r="AC104" s="12">
        <f t="shared" si="63"/>
        <v>0.36780335492339999</v>
      </c>
      <c r="AD104" s="12">
        <f t="shared" si="64"/>
        <v>0.30208339190495975</v>
      </c>
      <c r="AE104" s="12">
        <f t="shared" si="65"/>
        <v>0</v>
      </c>
      <c r="AF104" s="12">
        <f t="shared" si="66"/>
        <v>0.13220472189831356</v>
      </c>
      <c r="AG104" s="12">
        <f t="shared" si="67"/>
        <v>0</v>
      </c>
      <c r="AH104" s="12">
        <f>AC104/SUM(AC$2:AG$366)*Input!$J$5</f>
        <v>376.63478794679253</v>
      </c>
      <c r="AI104" s="12">
        <f>AD104/SUM(AC$2:AG$366)*Input!$J$5</f>
        <v>309.33680383657065</v>
      </c>
      <c r="AJ104" s="12">
        <f>AE104/SUM(AC$2:AG$366)*Input!$J$5</f>
        <v>0</v>
      </c>
      <c r="AK104" s="12">
        <f>AF104/SUM(AC$2:AG$366)*Input!$J$5</f>
        <v>135.37912781710773</v>
      </c>
      <c r="AL104" s="12">
        <f>AG104/SUM(AC$2:AG$366)*Input!$J$5</f>
        <v>0</v>
      </c>
      <c r="AM104" s="12">
        <f t="shared" si="68"/>
        <v>64.981981352211676</v>
      </c>
      <c r="AN104" s="12">
        <f t="shared" si="69"/>
        <v>696.10717217677245</v>
      </c>
      <c r="AO104" s="12">
        <f t="shared" si="70"/>
        <v>40.174377380991203</v>
      </c>
      <c r="AP104" s="12">
        <f t="shared" si="71"/>
        <v>20.087188690495601</v>
      </c>
      <c r="AQ104" s="12">
        <f t="shared" si="72"/>
        <v>0</v>
      </c>
      <c r="AR104" s="11">
        <f t="shared" si="73"/>
        <v>821.35071960047094</v>
      </c>
    </row>
    <row r="105" spans="16:44" x14ac:dyDescent="0.25">
      <c r="P105" s="10">
        <f t="shared" si="74"/>
        <v>45030</v>
      </c>
      <c r="Q105" s="28">
        <v>6.3</v>
      </c>
      <c r="R105" s="28">
        <f t="shared" si="60"/>
        <v>5</v>
      </c>
      <c r="S105" s="12">
        <f t="shared" si="52"/>
        <v>1.0609861866589789</v>
      </c>
      <c r="T105" s="12">
        <f t="shared" si="53"/>
        <v>1.4695351264848711</v>
      </c>
      <c r="U105" s="12">
        <f t="shared" si="54"/>
        <v>1.771938814155029</v>
      </c>
      <c r="V105" s="12">
        <f t="shared" si="55"/>
        <v>2.5404025087253199</v>
      </c>
      <c r="W105" s="12">
        <f t="shared" si="61"/>
        <v>0</v>
      </c>
      <c r="X105" s="12">
        <f t="shared" si="56"/>
        <v>-7.0953309908476907E-3</v>
      </c>
      <c r="Y105" s="12">
        <f t="shared" si="57"/>
        <v>-5.875924024232846E-2</v>
      </c>
      <c r="Z105" s="12">
        <f t="shared" si="58"/>
        <v>-9.5984753200240996E-2</v>
      </c>
      <c r="AA105" s="12">
        <f t="shared" si="59"/>
        <v>-0.17801624965770491</v>
      </c>
      <c r="AB105" s="12">
        <f t="shared" si="62"/>
        <v>0</v>
      </c>
      <c r="AC105" s="12">
        <f t="shared" si="63"/>
        <v>0.38110710053123942</v>
      </c>
      <c r="AD105" s="12">
        <f t="shared" si="64"/>
        <v>0.41225696735932571</v>
      </c>
      <c r="AE105" s="12">
        <f t="shared" si="65"/>
        <v>0</v>
      </c>
      <c r="AF105" s="12">
        <f t="shared" si="66"/>
        <v>0.35472503397044475</v>
      </c>
      <c r="AG105" s="12">
        <f t="shared" si="67"/>
        <v>0</v>
      </c>
      <c r="AH105" s="12">
        <f>AC105/SUM(AC$2:AG$366)*Input!$J$5</f>
        <v>390.25797364870169</v>
      </c>
      <c r="AI105" s="12">
        <f>AD105/SUM(AC$2:AG$366)*Input!$J$5</f>
        <v>422.15578896311195</v>
      </c>
      <c r="AJ105" s="12">
        <f>AE105/SUM(AC$2:AG$366)*Input!$J$5</f>
        <v>0</v>
      </c>
      <c r="AK105" s="12">
        <f>AF105/SUM(AC$2:AG$366)*Input!$J$5</f>
        <v>363.24243963653242</v>
      </c>
      <c r="AL105" s="12">
        <f>AG105/SUM(AC$2:AG$366)*Input!$J$5</f>
        <v>0</v>
      </c>
      <c r="AM105" s="12">
        <f t="shared" si="68"/>
        <v>174.35637102553548</v>
      </c>
      <c r="AN105" s="12">
        <f t="shared" si="69"/>
        <v>938.85855543901835</v>
      </c>
      <c r="AO105" s="12">
        <f t="shared" si="70"/>
        <v>41.627517189194847</v>
      </c>
      <c r="AP105" s="12">
        <f t="shared" si="71"/>
        <v>20.813758594597424</v>
      </c>
      <c r="AQ105" s="12">
        <f t="shared" si="72"/>
        <v>0</v>
      </c>
      <c r="AR105" s="11">
        <f t="shared" si="73"/>
        <v>1175.6562022483461</v>
      </c>
    </row>
    <row r="106" spans="16:44" x14ac:dyDescent="0.25">
      <c r="P106" s="10">
        <f t="shared" si="74"/>
        <v>45031</v>
      </c>
      <c r="Q106" s="28">
        <v>6.6</v>
      </c>
      <c r="R106" s="28">
        <f t="shared" si="60"/>
        <v>6</v>
      </c>
      <c r="S106" s="12">
        <f t="shared" si="52"/>
        <v>0.88136675487947747</v>
      </c>
      <c r="T106" s="12">
        <f t="shared" si="53"/>
        <v>0.40529111994771311</v>
      </c>
      <c r="U106" s="12">
        <f t="shared" si="54"/>
        <v>1.4791569663107089</v>
      </c>
      <c r="V106" s="12">
        <f t="shared" si="55"/>
        <v>1.31124751273035</v>
      </c>
      <c r="W106" s="12">
        <f t="shared" si="61"/>
        <v>1.9424956480203619</v>
      </c>
      <c r="X106" s="12">
        <f t="shared" si="56"/>
        <v>-1.236743869637378E-2</v>
      </c>
      <c r="Y106" s="12">
        <f t="shared" si="57"/>
        <v>-1.3226323007097701E-2</v>
      </c>
      <c r="Z106" s="12">
        <f t="shared" si="58"/>
        <v>-6.6119920832722404E-2</v>
      </c>
      <c r="AA106" s="12">
        <f t="shared" si="59"/>
        <v>-7.5310765362349638E-2</v>
      </c>
      <c r="AB106" s="12">
        <f t="shared" si="62"/>
        <v>-0.1200596025795522</v>
      </c>
      <c r="AC106" s="12">
        <f t="shared" si="63"/>
        <v>0</v>
      </c>
      <c r="AD106" s="12">
        <f t="shared" si="64"/>
        <v>0.1112990858353039</v>
      </c>
      <c r="AE106" s="12">
        <f t="shared" si="65"/>
        <v>9.1241980271289838E-2</v>
      </c>
      <c r="AF106" s="12">
        <f t="shared" si="66"/>
        <v>0.14248438073429739</v>
      </c>
      <c r="AG106" s="12">
        <f t="shared" si="67"/>
        <v>0.10063394871209028</v>
      </c>
      <c r="AH106" s="12">
        <f>AC106/SUM(AC$2:AG$366)*Input!$J$5</f>
        <v>0</v>
      </c>
      <c r="AI106" s="12">
        <f>AD106/SUM(AC$2:AG$366)*Input!$J$5</f>
        <v>113.97152046365038</v>
      </c>
      <c r="AJ106" s="12">
        <f>AE106/SUM(AC$2:AG$366)*Input!$J$5</f>
        <v>93.432817921086212</v>
      </c>
      <c r="AK106" s="12">
        <f>AF106/SUM(AC$2:AG$366)*Input!$J$5</f>
        <v>145.90561452265308</v>
      </c>
      <c r="AL106" s="12">
        <f>AG106/SUM(AC$2:AG$366)*Input!$J$5</f>
        <v>103.05029963992627</v>
      </c>
      <c r="AM106" s="12">
        <f t="shared" si="68"/>
        <v>98.928287654329267</v>
      </c>
      <c r="AN106" s="12">
        <f t="shared" si="69"/>
        <v>343.7553824373486</v>
      </c>
      <c r="AO106" s="12">
        <f t="shared" si="70"/>
        <v>9.1177216370920302</v>
      </c>
      <c r="AP106" s="12">
        <f t="shared" si="71"/>
        <v>4.5588608185460151</v>
      </c>
      <c r="AQ106" s="12">
        <f t="shared" si="72"/>
        <v>0</v>
      </c>
      <c r="AR106" s="11">
        <f t="shared" si="73"/>
        <v>456.36025254731589</v>
      </c>
    </row>
    <row r="107" spans="16:44" x14ac:dyDescent="0.25">
      <c r="P107" s="10">
        <f t="shared" si="74"/>
        <v>45032</v>
      </c>
      <c r="Q107" s="28">
        <v>9.4</v>
      </c>
      <c r="R107" s="28">
        <f t="shared" si="60"/>
        <v>7</v>
      </c>
      <c r="S107" s="12">
        <f t="shared" si="52"/>
        <v>0.88136675487947747</v>
      </c>
      <c r="T107" s="12">
        <f t="shared" si="53"/>
        <v>0.40529111994771311</v>
      </c>
      <c r="U107" s="12">
        <f t="shared" si="54"/>
        <v>1.4791569663107089</v>
      </c>
      <c r="V107" s="12">
        <f t="shared" si="55"/>
        <v>1.31124751273035</v>
      </c>
      <c r="W107" s="12">
        <f t="shared" si="61"/>
        <v>1.9424956480203619</v>
      </c>
      <c r="X107" s="12">
        <f t="shared" si="56"/>
        <v>-1.236743869637378E-2</v>
      </c>
      <c r="Y107" s="12">
        <f t="shared" si="57"/>
        <v>-1.3226323007097701E-2</v>
      </c>
      <c r="Z107" s="12">
        <f t="shared" si="58"/>
        <v>-6.6119920832722404E-2</v>
      </c>
      <c r="AA107" s="12">
        <f t="shared" si="59"/>
        <v>-7.5310765362349638E-2</v>
      </c>
      <c r="AB107" s="12">
        <f t="shared" si="62"/>
        <v>-0.1200596025795522</v>
      </c>
      <c r="AC107" s="12">
        <f t="shared" si="63"/>
        <v>0</v>
      </c>
      <c r="AD107" s="12">
        <f t="shared" si="64"/>
        <v>9.8337289288348145E-2</v>
      </c>
      <c r="AE107" s="12">
        <f t="shared" si="65"/>
        <v>7.504259966727285E-2</v>
      </c>
      <c r="AF107" s="12">
        <f t="shared" si="66"/>
        <v>0.10558210570674609</v>
      </c>
      <c r="AG107" s="12">
        <f t="shared" si="67"/>
        <v>7.1219346080099971E-2</v>
      </c>
      <c r="AH107" s="12">
        <f>AC107/SUM(AC$2:AG$366)*Input!$J$5</f>
        <v>0</v>
      </c>
      <c r="AI107" s="12">
        <f>AD107/SUM(AC$2:AG$366)*Input!$J$5</f>
        <v>100.698494460696</v>
      </c>
      <c r="AJ107" s="12">
        <f>AE107/SUM(AC$2:AG$366)*Input!$J$5</f>
        <v>76.844469291329986</v>
      </c>
      <c r="AK107" s="12">
        <f>AF107/SUM(AC$2:AG$366)*Input!$J$5</f>
        <v>108.11726826721831</v>
      </c>
      <c r="AL107" s="12">
        <f>AG107/SUM(AC$2:AG$366)*Input!$J$5</f>
        <v>72.929414453476312</v>
      </c>
      <c r="AM107" s="12">
        <f t="shared" si="68"/>
        <v>70.012237875337291</v>
      </c>
      <c r="AN107" s="12">
        <f t="shared" si="69"/>
        <v>276.49358926209976</v>
      </c>
      <c r="AO107" s="12">
        <f t="shared" si="70"/>
        <v>8.0558795568556807</v>
      </c>
      <c r="AP107" s="12">
        <f t="shared" si="71"/>
        <v>4.0279397784278403</v>
      </c>
      <c r="AQ107" s="12">
        <f t="shared" si="72"/>
        <v>0</v>
      </c>
      <c r="AR107" s="11">
        <f t="shared" si="73"/>
        <v>358.58964647272057</v>
      </c>
    </row>
    <row r="108" spans="16:44" x14ac:dyDescent="0.25">
      <c r="P108" s="10">
        <f t="shared" si="74"/>
        <v>45033</v>
      </c>
      <c r="Q108" s="28">
        <v>13.2</v>
      </c>
      <c r="R108" s="28">
        <f t="shared" si="60"/>
        <v>1</v>
      </c>
      <c r="S108" s="12">
        <f t="shared" si="52"/>
        <v>1.0609861866589789</v>
      </c>
      <c r="T108" s="12">
        <f t="shared" si="53"/>
        <v>1.4695351264848711</v>
      </c>
      <c r="U108" s="12">
        <f t="shared" si="54"/>
        <v>1.771938814155029</v>
      </c>
      <c r="V108" s="12">
        <f t="shared" si="55"/>
        <v>0.52104102880341097</v>
      </c>
      <c r="W108" s="12">
        <f t="shared" si="61"/>
        <v>0</v>
      </c>
      <c r="X108" s="12">
        <f t="shared" si="56"/>
        <v>-7.0953309908476907E-3</v>
      </c>
      <c r="Y108" s="12">
        <f t="shared" si="57"/>
        <v>-5.875924024232846E-2</v>
      </c>
      <c r="Z108" s="12">
        <f t="shared" si="58"/>
        <v>-9.5984753200240996E-2</v>
      </c>
      <c r="AA108" s="12">
        <f t="shared" si="59"/>
        <v>-2.1476600051355411E-2</v>
      </c>
      <c r="AB108" s="12">
        <f t="shared" si="62"/>
        <v>0</v>
      </c>
      <c r="AC108" s="12">
        <f t="shared" si="63"/>
        <v>0.36274793159242102</v>
      </c>
      <c r="AD108" s="12">
        <f t="shared" si="64"/>
        <v>0.26021743323230079</v>
      </c>
      <c r="AE108" s="12">
        <f t="shared" si="65"/>
        <v>0</v>
      </c>
      <c r="AF108" s="12">
        <f t="shared" si="66"/>
        <v>5.9387477031379893E-2</v>
      </c>
      <c r="AG108" s="12">
        <f t="shared" si="67"/>
        <v>0</v>
      </c>
      <c r="AH108" s="12">
        <f>AC108/SUM(AC$2:AG$366)*Input!$J$5</f>
        <v>371.45797738006706</v>
      </c>
      <c r="AI108" s="12">
        <f>AD108/SUM(AC$2:AG$366)*Input!$J$5</f>
        <v>266.46558948848502</v>
      </c>
      <c r="AJ108" s="12">
        <f>AE108/SUM(AC$2:AG$366)*Input!$J$5</f>
        <v>0</v>
      </c>
      <c r="AK108" s="12">
        <f>AF108/SUM(AC$2:AG$366)*Input!$J$5</f>
        <v>60.813446965613153</v>
      </c>
      <c r="AL108" s="12">
        <f>AG108/SUM(AC$2:AG$366)*Input!$J$5</f>
        <v>0</v>
      </c>
      <c r="AM108" s="12">
        <f t="shared" si="68"/>
        <v>29.190454543494297</v>
      </c>
      <c r="AN108" s="12">
        <f t="shared" si="69"/>
        <v>610.11328290986012</v>
      </c>
      <c r="AO108" s="12">
        <f t="shared" si="70"/>
        <v>39.622184253873826</v>
      </c>
      <c r="AP108" s="12">
        <f t="shared" si="71"/>
        <v>19.811092126936913</v>
      </c>
      <c r="AQ108" s="12">
        <f t="shared" si="72"/>
        <v>0</v>
      </c>
      <c r="AR108" s="11">
        <f t="shared" si="73"/>
        <v>698.73701383416517</v>
      </c>
    </row>
    <row r="109" spans="16:44" x14ac:dyDescent="0.25">
      <c r="P109" s="10">
        <f t="shared" si="74"/>
        <v>45034</v>
      </c>
      <c r="Q109" s="28">
        <v>12.9</v>
      </c>
      <c r="R109" s="28">
        <f t="shared" si="60"/>
        <v>2</v>
      </c>
      <c r="S109" s="12">
        <f t="shared" si="52"/>
        <v>1.0609861866589789</v>
      </c>
      <c r="T109" s="12">
        <f t="shared" si="53"/>
        <v>1.4695351264848711</v>
      </c>
      <c r="U109" s="12">
        <f t="shared" si="54"/>
        <v>1.771938814155029</v>
      </c>
      <c r="V109" s="12">
        <f t="shared" si="55"/>
        <v>0.52104102880341097</v>
      </c>
      <c r="W109" s="12">
        <f t="shared" si="61"/>
        <v>0</v>
      </c>
      <c r="X109" s="12">
        <f t="shared" si="56"/>
        <v>-7.0953309908476907E-3</v>
      </c>
      <c r="Y109" s="12">
        <f t="shared" si="57"/>
        <v>-5.875924024232846E-2</v>
      </c>
      <c r="Z109" s="12">
        <f t="shared" si="58"/>
        <v>-9.5984753200240996E-2</v>
      </c>
      <c r="AA109" s="12">
        <f t="shared" si="59"/>
        <v>-2.1476600051355411E-2</v>
      </c>
      <c r="AB109" s="12">
        <f t="shared" si="62"/>
        <v>0</v>
      </c>
      <c r="AC109" s="12">
        <f t="shared" si="63"/>
        <v>0.36354615632889142</v>
      </c>
      <c r="AD109" s="12">
        <f t="shared" si="64"/>
        <v>0.2668278477595627</v>
      </c>
      <c r="AE109" s="12">
        <f t="shared" si="65"/>
        <v>0</v>
      </c>
      <c r="AF109" s="12">
        <f t="shared" si="66"/>
        <v>6.0998222035231531E-2</v>
      </c>
      <c r="AG109" s="12">
        <f t="shared" si="67"/>
        <v>0</v>
      </c>
      <c r="AH109" s="12">
        <f>AC109/SUM(AC$2:AG$366)*Input!$J$5</f>
        <v>372.27536852218162</v>
      </c>
      <c r="AI109" s="12">
        <f>AD109/SUM(AC$2:AG$366)*Input!$J$5</f>
        <v>273.23472859607745</v>
      </c>
      <c r="AJ109" s="12">
        <f>AE109/SUM(AC$2:AG$366)*Input!$J$5</f>
        <v>0</v>
      </c>
      <c r="AK109" s="12">
        <f>AF109/SUM(AC$2:AG$366)*Input!$J$5</f>
        <v>62.46286803489177</v>
      </c>
      <c r="AL109" s="12">
        <f>AG109/SUM(AC$2:AG$366)*Input!$J$5</f>
        <v>0</v>
      </c>
      <c r="AM109" s="12">
        <f t="shared" si="68"/>
        <v>29.982176656748035</v>
      </c>
      <c r="AN109" s="12">
        <f t="shared" si="69"/>
        <v>618.42672953285376</v>
      </c>
      <c r="AO109" s="12">
        <f t="shared" si="70"/>
        <v>39.709372642366041</v>
      </c>
      <c r="AP109" s="12">
        <f t="shared" si="71"/>
        <v>19.854686321183021</v>
      </c>
      <c r="AQ109" s="12">
        <f t="shared" si="72"/>
        <v>0</v>
      </c>
      <c r="AR109" s="11">
        <f t="shared" si="73"/>
        <v>707.97296515315088</v>
      </c>
    </row>
    <row r="110" spans="16:44" x14ac:dyDescent="0.25">
      <c r="P110" s="10">
        <f t="shared" si="74"/>
        <v>45035</v>
      </c>
      <c r="Q110" s="28">
        <v>11.1</v>
      </c>
      <c r="R110" s="28">
        <f t="shared" si="60"/>
        <v>3</v>
      </c>
      <c r="S110" s="12">
        <f t="shared" si="52"/>
        <v>1.0609861866589789</v>
      </c>
      <c r="T110" s="12">
        <f t="shared" si="53"/>
        <v>1.4695351264848711</v>
      </c>
      <c r="U110" s="12">
        <f t="shared" si="54"/>
        <v>1.771938814155029</v>
      </c>
      <c r="V110" s="12">
        <f t="shared" si="55"/>
        <v>2.5404025087253199</v>
      </c>
      <c r="W110" s="12">
        <f t="shared" si="61"/>
        <v>0</v>
      </c>
      <c r="X110" s="12">
        <f t="shared" si="56"/>
        <v>-7.0953309908476907E-3</v>
      </c>
      <c r="Y110" s="12">
        <f t="shared" si="57"/>
        <v>-5.875924024232846E-2</v>
      </c>
      <c r="Z110" s="12">
        <f t="shared" si="58"/>
        <v>-9.5984753200240996E-2</v>
      </c>
      <c r="AA110" s="12">
        <f t="shared" si="59"/>
        <v>-0.17801624965770491</v>
      </c>
      <c r="AB110" s="12">
        <f t="shared" si="62"/>
        <v>0</v>
      </c>
      <c r="AC110" s="12">
        <f t="shared" si="63"/>
        <v>0.36833550474771359</v>
      </c>
      <c r="AD110" s="12">
        <f t="shared" si="64"/>
        <v>0.30649033492313443</v>
      </c>
      <c r="AE110" s="12">
        <f t="shared" si="65"/>
        <v>0</v>
      </c>
      <c r="AF110" s="12">
        <f t="shared" si="66"/>
        <v>0.14110553438119888</v>
      </c>
      <c r="AG110" s="12">
        <f t="shared" si="67"/>
        <v>0</v>
      </c>
      <c r="AH110" s="12">
        <f>AC110/SUM(AC$2:AG$366)*Input!$J$5</f>
        <v>377.17971537486892</v>
      </c>
      <c r="AI110" s="12">
        <f>AD110/SUM(AC$2:AG$366)*Input!$J$5</f>
        <v>313.84956324163232</v>
      </c>
      <c r="AJ110" s="12">
        <f>AE110/SUM(AC$2:AG$366)*Input!$J$5</f>
        <v>0</v>
      </c>
      <c r="AK110" s="12">
        <f>AF110/SUM(AC$2:AG$366)*Input!$J$5</f>
        <v>144.49366028988479</v>
      </c>
      <c r="AL110" s="12">
        <f>AG110/SUM(AC$2:AG$366)*Input!$J$5</f>
        <v>0</v>
      </c>
      <c r="AM110" s="12">
        <f t="shared" si="68"/>
        <v>69.356956939144666</v>
      </c>
      <c r="AN110" s="12">
        <f t="shared" si="69"/>
        <v>705.81722750726237</v>
      </c>
      <c r="AO110" s="12">
        <f t="shared" si="70"/>
        <v>40.232502973319356</v>
      </c>
      <c r="AP110" s="12">
        <f t="shared" si="71"/>
        <v>20.116251486659678</v>
      </c>
      <c r="AQ110" s="12">
        <f t="shared" si="72"/>
        <v>0</v>
      </c>
      <c r="AR110" s="11">
        <f t="shared" si="73"/>
        <v>835.52293890638612</v>
      </c>
    </row>
    <row r="111" spans="16:44" x14ac:dyDescent="0.25">
      <c r="P111" s="10">
        <f t="shared" si="74"/>
        <v>45036</v>
      </c>
      <c r="Q111" s="28">
        <v>12.2</v>
      </c>
      <c r="R111" s="28">
        <f t="shared" si="60"/>
        <v>4</v>
      </c>
      <c r="S111" s="12">
        <f t="shared" si="52"/>
        <v>1.0609861866589789</v>
      </c>
      <c r="T111" s="12">
        <f t="shared" si="53"/>
        <v>1.4695351264848711</v>
      </c>
      <c r="U111" s="12">
        <f t="shared" si="54"/>
        <v>1.771938814155029</v>
      </c>
      <c r="V111" s="12">
        <f t="shared" si="55"/>
        <v>2.5404025087253199</v>
      </c>
      <c r="W111" s="12">
        <f t="shared" si="61"/>
        <v>0</v>
      </c>
      <c r="X111" s="12">
        <f t="shared" si="56"/>
        <v>-7.0953309908476907E-3</v>
      </c>
      <c r="Y111" s="12">
        <f t="shared" si="57"/>
        <v>-5.875924024232846E-2</v>
      </c>
      <c r="Z111" s="12">
        <f t="shared" si="58"/>
        <v>-9.5984753200240996E-2</v>
      </c>
      <c r="AA111" s="12">
        <f t="shared" si="59"/>
        <v>-0.17801624965770491</v>
      </c>
      <c r="AB111" s="12">
        <f t="shared" si="62"/>
        <v>0</v>
      </c>
      <c r="AC111" s="12">
        <f t="shared" si="63"/>
        <v>0.36540868071398891</v>
      </c>
      <c r="AD111" s="12">
        <f t="shared" si="64"/>
        <v>0.28225214832317397</v>
      </c>
      <c r="AE111" s="12">
        <f t="shared" si="65"/>
        <v>0</v>
      </c>
      <c r="AF111" s="12">
        <f t="shared" si="66"/>
        <v>9.215106572533005E-2</v>
      </c>
      <c r="AG111" s="12">
        <f t="shared" si="67"/>
        <v>0</v>
      </c>
      <c r="AH111" s="12">
        <f>AC111/SUM(AC$2:AG$366)*Input!$J$5</f>
        <v>374.18261452044891</v>
      </c>
      <c r="AI111" s="12">
        <f>AD111/SUM(AC$2:AG$366)*Input!$J$5</f>
        <v>289.02938651379327</v>
      </c>
      <c r="AJ111" s="12">
        <f>AE111/SUM(AC$2:AG$366)*Input!$J$5</f>
        <v>0</v>
      </c>
      <c r="AK111" s="12">
        <f>AF111/SUM(AC$2:AG$366)*Input!$J$5</f>
        <v>94.363731689611399</v>
      </c>
      <c r="AL111" s="12">
        <f>AG111/SUM(AC$2:AG$366)*Input!$J$5</f>
        <v>0</v>
      </c>
      <c r="AM111" s="12">
        <f t="shared" si="68"/>
        <v>45.294591211013447</v>
      </c>
      <c r="AN111" s="12">
        <f t="shared" si="69"/>
        <v>652.41192318956837</v>
      </c>
      <c r="AO111" s="12">
        <f t="shared" si="70"/>
        <v>39.912812215514556</v>
      </c>
      <c r="AP111" s="12">
        <f t="shared" si="71"/>
        <v>19.956406107757278</v>
      </c>
      <c r="AQ111" s="12">
        <f t="shared" si="72"/>
        <v>0</v>
      </c>
      <c r="AR111" s="11">
        <f t="shared" si="73"/>
        <v>757.57573272385366</v>
      </c>
    </row>
    <row r="112" spans="16:44" x14ac:dyDescent="0.25">
      <c r="P112" s="10">
        <f t="shared" si="74"/>
        <v>45037</v>
      </c>
      <c r="Q112" s="28">
        <v>14.4</v>
      </c>
      <c r="R112" s="28">
        <f t="shared" si="60"/>
        <v>5</v>
      </c>
      <c r="S112" s="12">
        <f t="shared" si="52"/>
        <v>1.0609861866589789</v>
      </c>
      <c r="T112" s="12">
        <f t="shared" si="53"/>
        <v>1.4695351264848711</v>
      </c>
      <c r="U112" s="12">
        <f t="shared" si="54"/>
        <v>1.771938814155029</v>
      </c>
      <c r="V112" s="12">
        <f t="shared" si="55"/>
        <v>0.52104102880341097</v>
      </c>
      <c r="W112" s="12">
        <f t="shared" si="61"/>
        <v>0</v>
      </c>
      <c r="X112" s="12">
        <f t="shared" si="56"/>
        <v>-7.0953309908476907E-3</v>
      </c>
      <c r="Y112" s="12">
        <f t="shared" si="57"/>
        <v>-5.875924024232846E-2</v>
      </c>
      <c r="Z112" s="12">
        <f t="shared" si="58"/>
        <v>-9.5984753200240996E-2</v>
      </c>
      <c r="AA112" s="12">
        <f t="shared" si="59"/>
        <v>-2.1476600051355411E-2</v>
      </c>
      <c r="AB112" s="12">
        <f t="shared" si="62"/>
        <v>0</v>
      </c>
      <c r="AC112" s="12">
        <f t="shared" si="63"/>
        <v>0.3595550326465396</v>
      </c>
      <c r="AD112" s="12">
        <f t="shared" si="64"/>
        <v>0.23377577512325293</v>
      </c>
      <c r="AE112" s="12">
        <f t="shared" si="65"/>
        <v>0</v>
      </c>
      <c r="AF112" s="12">
        <f t="shared" si="66"/>
        <v>5.2944497015973258E-2</v>
      </c>
      <c r="AG112" s="12">
        <f t="shared" si="67"/>
        <v>0</v>
      </c>
      <c r="AH112" s="12">
        <f>AC112/SUM(AC$2:AG$366)*Input!$J$5</f>
        <v>368.18841281160888</v>
      </c>
      <c r="AI112" s="12">
        <f>AD112/SUM(AC$2:AG$366)*Input!$J$5</f>
        <v>239.38903305811505</v>
      </c>
      <c r="AJ112" s="12">
        <f>AE112/SUM(AC$2:AG$366)*Input!$J$5</f>
        <v>0</v>
      </c>
      <c r="AK112" s="12">
        <f>AF112/SUM(AC$2:AG$366)*Input!$J$5</f>
        <v>54.2157626884986</v>
      </c>
      <c r="AL112" s="12">
        <f>AG112/SUM(AC$2:AG$366)*Input!$J$5</f>
        <v>0</v>
      </c>
      <c r="AM112" s="12">
        <f t="shared" si="68"/>
        <v>26.023566090479314</v>
      </c>
      <c r="AN112" s="12">
        <f t="shared" si="69"/>
        <v>576.85949641788579</v>
      </c>
      <c r="AO112" s="12">
        <f t="shared" si="70"/>
        <v>39.273430699904949</v>
      </c>
      <c r="AP112" s="12">
        <f t="shared" si="71"/>
        <v>19.636715349952475</v>
      </c>
      <c r="AQ112" s="12">
        <f t="shared" si="72"/>
        <v>0</v>
      </c>
      <c r="AR112" s="11">
        <f t="shared" si="73"/>
        <v>661.79320855822255</v>
      </c>
    </row>
    <row r="113" spans="16:44" x14ac:dyDescent="0.25">
      <c r="P113" s="10">
        <f t="shared" si="74"/>
        <v>45038</v>
      </c>
      <c r="Q113" s="28">
        <v>16.2</v>
      </c>
      <c r="R113" s="28">
        <f t="shared" si="60"/>
        <v>6</v>
      </c>
      <c r="S113" s="12">
        <f t="shared" si="52"/>
        <v>0.88136675487947747</v>
      </c>
      <c r="T113" s="12">
        <f t="shared" si="53"/>
        <v>0.40529111994771311</v>
      </c>
      <c r="U113" s="12">
        <f t="shared" si="54"/>
        <v>1.4791569663107089</v>
      </c>
      <c r="V113" s="12">
        <f t="shared" si="55"/>
        <v>0.29524473618599389</v>
      </c>
      <c r="W113" s="12">
        <f t="shared" si="61"/>
        <v>0.44487676601187343</v>
      </c>
      <c r="X113" s="12">
        <f t="shared" si="56"/>
        <v>-1.236743869637378E-2</v>
      </c>
      <c r="Y113" s="12">
        <f t="shared" si="57"/>
        <v>-1.3226323007097701E-2</v>
      </c>
      <c r="Z113" s="12">
        <f t="shared" si="58"/>
        <v>-6.6119920832722404E-2</v>
      </c>
      <c r="AA113" s="12">
        <f t="shared" si="59"/>
        <v>-9.762199133681506E-3</v>
      </c>
      <c r="AB113" s="12">
        <f t="shared" si="62"/>
        <v>-1.748296682554611E-2</v>
      </c>
      <c r="AC113" s="12">
        <f t="shared" si="63"/>
        <v>0</v>
      </c>
      <c r="AD113" s="12">
        <f t="shared" si="64"/>
        <v>6.6858640531455626E-2</v>
      </c>
      <c r="AE113" s="12">
        <f t="shared" si="65"/>
        <v>3.5701246771803023E-2</v>
      </c>
      <c r="AF113" s="12">
        <f t="shared" si="66"/>
        <v>2.3991994288561861E-2</v>
      </c>
      <c r="AG113" s="12">
        <f t="shared" si="67"/>
        <v>1.4144611550827314E-2</v>
      </c>
      <c r="AH113" s="12">
        <f>AC113/SUM(AC$2:AG$366)*Input!$J$5</f>
        <v>0</v>
      </c>
      <c r="AI113" s="12">
        <f>AD113/SUM(AC$2:AG$366)*Input!$J$5</f>
        <v>68.464002739235383</v>
      </c>
      <c r="AJ113" s="12">
        <f>AE113/SUM(AC$2:AG$366)*Input!$J$5</f>
        <v>36.55847976192203</v>
      </c>
      <c r="AK113" s="12">
        <f>AF113/SUM(AC$2:AG$366)*Input!$J$5</f>
        <v>24.568073021452097</v>
      </c>
      <c r="AL113" s="12">
        <f>AG113/SUM(AC$2:AG$366)*Input!$J$5</f>
        <v>14.484241920917471</v>
      </c>
      <c r="AM113" s="12">
        <f t="shared" si="68"/>
        <v>13.90487224408078</v>
      </c>
      <c r="AN113" s="12">
        <f t="shared" si="69"/>
        <v>121.95424487073795</v>
      </c>
      <c r="AO113" s="12">
        <f t="shared" si="70"/>
        <v>5.4771202191388308</v>
      </c>
      <c r="AP113" s="12">
        <f t="shared" si="71"/>
        <v>2.7385601095694154</v>
      </c>
      <c r="AQ113" s="12">
        <f t="shared" si="72"/>
        <v>0</v>
      </c>
      <c r="AR113" s="11">
        <f t="shared" si="73"/>
        <v>144.07479744352699</v>
      </c>
    </row>
    <row r="114" spans="16:44" x14ac:dyDescent="0.25">
      <c r="P114" s="10">
        <f t="shared" si="74"/>
        <v>45039</v>
      </c>
      <c r="Q114" s="28">
        <v>17.8</v>
      </c>
      <c r="R114" s="28">
        <f t="shared" si="60"/>
        <v>7</v>
      </c>
      <c r="S114" s="12">
        <f t="shared" si="52"/>
        <v>0.88136675487947747</v>
      </c>
      <c r="T114" s="12">
        <f t="shared" si="53"/>
        <v>0.19607255136472959</v>
      </c>
      <c r="U114" s="12">
        <f t="shared" si="54"/>
        <v>0.65274423464211173</v>
      </c>
      <c r="V114" s="12">
        <f t="shared" si="55"/>
        <v>0.29524473618599389</v>
      </c>
      <c r="W114" s="12">
        <f t="shared" si="61"/>
        <v>0.44487676601187343</v>
      </c>
      <c r="X114" s="12">
        <f t="shared" si="56"/>
        <v>-1.236743869637378E-2</v>
      </c>
      <c r="Y114" s="12">
        <f t="shared" si="57"/>
        <v>-6.2279477920712143E-4</v>
      </c>
      <c r="Z114" s="12">
        <f t="shared" si="58"/>
        <v>-1.60343007315953E-2</v>
      </c>
      <c r="AA114" s="12">
        <f t="shared" si="59"/>
        <v>-9.762199133681506E-3</v>
      </c>
      <c r="AB114" s="12">
        <f t="shared" si="62"/>
        <v>-1.748296682554611E-2</v>
      </c>
      <c r="AC114" s="12">
        <f t="shared" si="63"/>
        <v>0</v>
      </c>
      <c r="AD114" s="12">
        <f t="shared" si="64"/>
        <v>6.474538150319499E-2</v>
      </c>
      <c r="AE114" s="12">
        <f t="shared" si="65"/>
        <v>3.2141697141725094E-2</v>
      </c>
      <c r="AF114" s="12">
        <f t="shared" si="66"/>
        <v>2.1258578531131035E-2</v>
      </c>
      <c r="AG114" s="12">
        <f t="shared" si="67"/>
        <v>1.1696996195250855E-2</v>
      </c>
      <c r="AH114" s="12">
        <f>AC114/SUM(AC$2:AG$366)*Input!$J$5</f>
        <v>0</v>
      </c>
      <c r="AI114" s="12">
        <f>AD114/SUM(AC$2:AG$366)*Input!$J$5</f>
        <v>66.300001635571292</v>
      </c>
      <c r="AJ114" s="12">
        <f>AE114/SUM(AC$2:AG$366)*Input!$J$5</f>
        <v>32.913460753355089</v>
      </c>
      <c r="AK114" s="12">
        <f>AF114/SUM(AC$2:AG$366)*Input!$J$5</f>
        <v>21.769024425539243</v>
      </c>
      <c r="AL114" s="12">
        <f>AG114/SUM(AC$2:AG$366)*Input!$J$5</f>
        <v>11.977856163194184</v>
      </c>
      <c r="AM114" s="12">
        <f t="shared" si="68"/>
        <v>11.498741916666424</v>
      </c>
      <c r="AN114" s="12">
        <f t="shared" si="69"/>
        <v>113.50560086472483</v>
      </c>
      <c r="AO114" s="12">
        <f t="shared" si="70"/>
        <v>5.3040001308457034</v>
      </c>
      <c r="AP114" s="12">
        <f t="shared" si="71"/>
        <v>2.6520000654228517</v>
      </c>
      <c r="AQ114" s="12">
        <f t="shared" si="72"/>
        <v>0</v>
      </c>
      <c r="AR114" s="11">
        <f t="shared" si="73"/>
        <v>132.96034297765979</v>
      </c>
    </row>
    <row r="115" spans="16:44" x14ac:dyDescent="0.25">
      <c r="P115" s="10">
        <f t="shared" si="74"/>
        <v>45040</v>
      </c>
      <c r="Q115" s="28">
        <v>15.4</v>
      </c>
      <c r="R115" s="28">
        <f t="shared" si="60"/>
        <v>1</v>
      </c>
      <c r="S115" s="12">
        <f t="shared" si="52"/>
        <v>1.0609861866589789</v>
      </c>
      <c r="T115" s="12">
        <f t="shared" si="53"/>
        <v>1.4695351264848711</v>
      </c>
      <c r="U115" s="12">
        <f t="shared" si="54"/>
        <v>1.771938814155029</v>
      </c>
      <c r="V115" s="12">
        <f t="shared" si="55"/>
        <v>0.52104102880341097</v>
      </c>
      <c r="W115" s="12">
        <f t="shared" si="61"/>
        <v>0</v>
      </c>
      <c r="X115" s="12">
        <f t="shared" si="56"/>
        <v>-7.0953309908476907E-3</v>
      </c>
      <c r="Y115" s="12">
        <f t="shared" si="57"/>
        <v>-5.875924024232846E-2</v>
      </c>
      <c r="Z115" s="12">
        <f t="shared" si="58"/>
        <v>-9.5984753200240996E-2</v>
      </c>
      <c r="AA115" s="12">
        <f t="shared" si="59"/>
        <v>-2.1476600051355411E-2</v>
      </c>
      <c r="AB115" s="12">
        <f t="shared" si="62"/>
        <v>0</v>
      </c>
      <c r="AC115" s="12">
        <f t="shared" si="63"/>
        <v>0.35689428352497171</v>
      </c>
      <c r="AD115" s="12">
        <f t="shared" si="64"/>
        <v>0.21174106003237975</v>
      </c>
      <c r="AE115" s="12">
        <f t="shared" si="65"/>
        <v>0</v>
      </c>
      <c r="AF115" s="12">
        <f t="shared" si="66"/>
        <v>4.7575347003134399E-2</v>
      </c>
      <c r="AG115" s="12">
        <f t="shared" si="67"/>
        <v>0</v>
      </c>
      <c r="AH115" s="12">
        <f>AC115/SUM(AC$2:AG$366)*Input!$J$5</f>
        <v>365.4637756712271</v>
      </c>
      <c r="AI115" s="12">
        <f>AD115/SUM(AC$2:AG$366)*Input!$J$5</f>
        <v>216.8252360328068</v>
      </c>
      <c r="AJ115" s="12">
        <f>AE115/SUM(AC$2:AG$366)*Input!$J$5</f>
        <v>0</v>
      </c>
      <c r="AK115" s="12">
        <f>AF115/SUM(AC$2:AG$366)*Input!$J$5</f>
        <v>48.717692457569811</v>
      </c>
      <c r="AL115" s="12">
        <f>AG115/SUM(AC$2:AG$366)*Input!$J$5</f>
        <v>0</v>
      </c>
      <c r="AM115" s="12">
        <f t="shared" si="68"/>
        <v>23.384492379633496</v>
      </c>
      <c r="AN115" s="12">
        <f t="shared" si="69"/>
        <v>549.14800767457393</v>
      </c>
      <c r="AO115" s="12">
        <f t="shared" si="70"/>
        <v>38.982802738264226</v>
      </c>
      <c r="AP115" s="12">
        <f t="shared" si="71"/>
        <v>19.491401369132113</v>
      </c>
      <c r="AQ115" s="12">
        <f t="shared" si="72"/>
        <v>0</v>
      </c>
      <c r="AR115" s="11">
        <f t="shared" si="73"/>
        <v>631.00670416160369</v>
      </c>
    </row>
    <row r="116" spans="16:44" x14ac:dyDescent="0.25">
      <c r="P116" s="10">
        <f t="shared" si="74"/>
        <v>45041</v>
      </c>
      <c r="Q116" s="28">
        <v>12.5</v>
      </c>
      <c r="R116" s="28">
        <f t="shared" si="60"/>
        <v>2</v>
      </c>
      <c r="S116" s="12">
        <f t="shared" si="52"/>
        <v>1.0609861866589789</v>
      </c>
      <c r="T116" s="12">
        <f t="shared" si="53"/>
        <v>1.4695351264848711</v>
      </c>
      <c r="U116" s="12">
        <f t="shared" si="54"/>
        <v>1.771938814155029</v>
      </c>
      <c r="V116" s="12">
        <f t="shared" si="55"/>
        <v>2.5404025087253199</v>
      </c>
      <c r="W116" s="12">
        <f t="shared" si="61"/>
        <v>0</v>
      </c>
      <c r="X116" s="12">
        <f t="shared" si="56"/>
        <v>-7.0953309908476907E-3</v>
      </c>
      <c r="Y116" s="12">
        <f t="shared" si="57"/>
        <v>-5.875924024232846E-2</v>
      </c>
      <c r="Z116" s="12">
        <f t="shared" si="58"/>
        <v>-9.5984753200240996E-2</v>
      </c>
      <c r="AA116" s="12">
        <f t="shared" si="59"/>
        <v>-0.17801624965770491</v>
      </c>
      <c r="AB116" s="12">
        <f t="shared" si="62"/>
        <v>0</v>
      </c>
      <c r="AC116" s="12">
        <f t="shared" si="63"/>
        <v>0.36461045597751851</v>
      </c>
      <c r="AD116" s="12">
        <f t="shared" si="64"/>
        <v>0.27564173379591195</v>
      </c>
      <c r="AE116" s="12">
        <f t="shared" si="65"/>
        <v>0</v>
      </c>
      <c r="AF116" s="12">
        <f t="shared" si="66"/>
        <v>7.8799847001002177E-2</v>
      </c>
      <c r="AG116" s="12">
        <f t="shared" si="67"/>
        <v>0</v>
      </c>
      <c r="AH116" s="12">
        <f>AC116/SUM(AC$2:AG$366)*Input!$J$5</f>
        <v>373.36522337833429</v>
      </c>
      <c r="AI116" s="12">
        <f>AD116/SUM(AC$2:AG$366)*Input!$J$5</f>
        <v>282.26024740620073</v>
      </c>
      <c r="AJ116" s="12">
        <f>AE116/SUM(AC$2:AG$366)*Input!$J$5</f>
        <v>0</v>
      </c>
      <c r="AK116" s="12">
        <f>AF116/SUM(AC$2:AG$366)*Input!$J$5</f>
        <v>80.691932980445898</v>
      </c>
      <c r="AL116" s="12">
        <f>AG116/SUM(AC$2:AG$366)*Input!$J$5</f>
        <v>0</v>
      </c>
      <c r="AM116" s="12">
        <f t="shared" si="68"/>
        <v>38.732127830614012</v>
      </c>
      <c r="AN116" s="12">
        <f t="shared" si="69"/>
        <v>637.84684019383349</v>
      </c>
      <c r="AO116" s="12">
        <f t="shared" si="70"/>
        <v>39.825623827022326</v>
      </c>
      <c r="AP116" s="12">
        <f t="shared" si="71"/>
        <v>19.912811913511163</v>
      </c>
      <c r="AQ116" s="12">
        <f t="shared" si="72"/>
        <v>0</v>
      </c>
      <c r="AR116" s="11">
        <f t="shared" si="73"/>
        <v>736.31740376498101</v>
      </c>
    </row>
    <row r="117" spans="16:44" x14ac:dyDescent="0.25">
      <c r="P117" s="10">
        <f t="shared" si="74"/>
        <v>45042</v>
      </c>
      <c r="Q117" s="28">
        <v>10.3</v>
      </c>
      <c r="R117" s="28">
        <f t="shared" si="60"/>
        <v>3</v>
      </c>
      <c r="S117" s="12">
        <f t="shared" si="52"/>
        <v>1.0609861866589789</v>
      </c>
      <c r="T117" s="12">
        <f t="shared" si="53"/>
        <v>1.4695351264848711</v>
      </c>
      <c r="U117" s="12">
        <f t="shared" si="54"/>
        <v>1.771938814155029</v>
      </c>
      <c r="V117" s="12">
        <f t="shared" si="55"/>
        <v>2.5404025087253199</v>
      </c>
      <c r="W117" s="12">
        <f t="shared" si="61"/>
        <v>0</v>
      </c>
      <c r="X117" s="12">
        <f t="shared" si="56"/>
        <v>-7.0953309908476907E-3</v>
      </c>
      <c r="Y117" s="12">
        <f t="shared" si="57"/>
        <v>-5.875924024232846E-2</v>
      </c>
      <c r="Z117" s="12">
        <f t="shared" si="58"/>
        <v>-9.5984753200240996E-2</v>
      </c>
      <c r="AA117" s="12">
        <f t="shared" si="59"/>
        <v>-0.17801624965770491</v>
      </c>
      <c r="AB117" s="12">
        <f t="shared" si="62"/>
        <v>0</v>
      </c>
      <c r="AC117" s="12">
        <f t="shared" si="63"/>
        <v>0.37046410404496788</v>
      </c>
      <c r="AD117" s="12">
        <f t="shared" si="64"/>
        <v>0.32411810699583293</v>
      </c>
      <c r="AE117" s="12">
        <f t="shared" si="65"/>
        <v>0</v>
      </c>
      <c r="AF117" s="12">
        <f t="shared" si="66"/>
        <v>0.17670878431273984</v>
      </c>
      <c r="AG117" s="12">
        <f t="shared" si="67"/>
        <v>0</v>
      </c>
      <c r="AH117" s="12">
        <f>AC117/SUM(AC$2:AG$366)*Input!$J$5</f>
        <v>379.35942508717437</v>
      </c>
      <c r="AI117" s="12">
        <f>AD117/SUM(AC$2:AG$366)*Input!$J$5</f>
        <v>331.9006008618789</v>
      </c>
      <c r="AJ117" s="12">
        <f>AE117/SUM(AC$2:AG$366)*Input!$J$5</f>
        <v>0</v>
      </c>
      <c r="AK117" s="12">
        <f>AF117/SUM(AC$2:AG$366)*Input!$J$5</f>
        <v>180.95179018099273</v>
      </c>
      <c r="AL117" s="12">
        <f>AG117/SUM(AC$2:AG$366)*Input!$J$5</f>
        <v>0</v>
      </c>
      <c r="AM117" s="12">
        <f t="shared" si="68"/>
        <v>86.856859286876471</v>
      </c>
      <c r="AN117" s="12">
        <f t="shared" si="69"/>
        <v>744.65744882922161</v>
      </c>
      <c r="AO117" s="12">
        <f t="shared" si="70"/>
        <v>40.465005342631933</v>
      </c>
      <c r="AP117" s="12">
        <f t="shared" si="71"/>
        <v>20.232502671315967</v>
      </c>
      <c r="AQ117" s="12">
        <f t="shared" si="72"/>
        <v>0</v>
      </c>
      <c r="AR117" s="11">
        <f t="shared" si="73"/>
        <v>892.21181613004592</v>
      </c>
    </row>
    <row r="118" spans="16:44" x14ac:dyDescent="0.25">
      <c r="P118" s="10">
        <f t="shared" si="74"/>
        <v>45043</v>
      </c>
      <c r="Q118" s="28">
        <v>11.5</v>
      </c>
      <c r="R118" s="28">
        <f t="shared" si="60"/>
        <v>4</v>
      </c>
      <c r="S118" s="12">
        <f t="shared" si="52"/>
        <v>1.0609861866589789</v>
      </c>
      <c r="T118" s="12">
        <f t="shared" si="53"/>
        <v>1.4695351264848711</v>
      </c>
      <c r="U118" s="12">
        <f t="shared" si="54"/>
        <v>1.771938814155029</v>
      </c>
      <c r="V118" s="12">
        <f t="shared" si="55"/>
        <v>2.5404025087253199</v>
      </c>
      <c r="W118" s="12">
        <f t="shared" si="61"/>
        <v>0</v>
      </c>
      <c r="X118" s="12">
        <f t="shared" si="56"/>
        <v>-7.0953309908476907E-3</v>
      </c>
      <c r="Y118" s="12">
        <f t="shared" si="57"/>
        <v>-5.875924024232846E-2</v>
      </c>
      <c r="Z118" s="12">
        <f t="shared" si="58"/>
        <v>-9.5984753200240996E-2</v>
      </c>
      <c r="AA118" s="12">
        <f t="shared" si="59"/>
        <v>-0.17801624965770491</v>
      </c>
      <c r="AB118" s="12">
        <f t="shared" si="62"/>
        <v>0</v>
      </c>
      <c r="AC118" s="12">
        <f t="shared" si="63"/>
        <v>0.3672712050990864</v>
      </c>
      <c r="AD118" s="12">
        <f t="shared" si="64"/>
        <v>0.29767644888678513</v>
      </c>
      <c r="AE118" s="12">
        <f t="shared" si="65"/>
        <v>0</v>
      </c>
      <c r="AF118" s="12">
        <f t="shared" si="66"/>
        <v>0.12330390941542835</v>
      </c>
      <c r="AG118" s="12">
        <f t="shared" si="67"/>
        <v>0</v>
      </c>
      <c r="AH118" s="12">
        <f>AC118/SUM(AC$2:AG$366)*Input!$J$5</f>
        <v>376.08986051871614</v>
      </c>
      <c r="AI118" s="12">
        <f>AD118/SUM(AC$2:AG$366)*Input!$J$5</f>
        <v>304.82404443150898</v>
      </c>
      <c r="AJ118" s="12">
        <f>AE118/SUM(AC$2:AG$366)*Input!$J$5</f>
        <v>0</v>
      </c>
      <c r="AK118" s="12">
        <f>AF118/SUM(AC$2:AG$366)*Input!$J$5</f>
        <v>126.26459534433077</v>
      </c>
      <c r="AL118" s="12">
        <f>AG118/SUM(AC$2:AG$366)*Input!$J$5</f>
        <v>0</v>
      </c>
      <c r="AM118" s="12">
        <f t="shared" si="68"/>
        <v>60.607005765278743</v>
      </c>
      <c r="AN118" s="12">
        <f t="shared" si="69"/>
        <v>686.39711684628253</v>
      </c>
      <c r="AO118" s="12">
        <f t="shared" si="70"/>
        <v>40.116251788663057</v>
      </c>
      <c r="AP118" s="12">
        <f t="shared" si="71"/>
        <v>20.058125894331528</v>
      </c>
      <c r="AQ118" s="12">
        <f t="shared" si="72"/>
        <v>0</v>
      </c>
      <c r="AR118" s="11">
        <f t="shared" si="73"/>
        <v>807.17850029455576</v>
      </c>
    </row>
    <row r="119" spans="16:44" x14ac:dyDescent="0.25">
      <c r="P119" s="10">
        <f t="shared" si="74"/>
        <v>45044</v>
      </c>
      <c r="Q119" s="28">
        <v>13.4</v>
      </c>
      <c r="R119" s="28">
        <f t="shared" si="60"/>
        <v>5</v>
      </c>
      <c r="S119" s="12">
        <f t="shared" si="52"/>
        <v>1.0609861866589789</v>
      </c>
      <c r="T119" s="12">
        <f t="shared" si="53"/>
        <v>1.4695351264848711</v>
      </c>
      <c r="U119" s="12">
        <f t="shared" si="54"/>
        <v>1.771938814155029</v>
      </c>
      <c r="V119" s="12">
        <f t="shared" si="55"/>
        <v>0.52104102880341097</v>
      </c>
      <c r="W119" s="12">
        <f t="shared" si="61"/>
        <v>0</v>
      </c>
      <c r="X119" s="12">
        <f t="shared" si="56"/>
        <v>-7.0953309908476907E-3</v>
      </c>
      <c r="Y119" s="12">
        <f t="shared" si="57"/>
        <v>-5.875924024232846E-2</v>
      </c>
      <c r="Z119" s="12">
        <f t="shared" si="58"/>
        <v>-9.5984753200240996E-2</v>
      </c>
      <c r="AA119" s="12">
        <f t="shared" si="59"/>
        <v>-2.1476600051355411E-2</v>
      </c>
      <c r="AB119" s="12">
        <f t="shared" si="62"/>
        <v>0</v>
      </c>
      <c r="AC119" s="12">
        <f t="shared" si="63"/>
        <v>0.36221578176810748</v>
      </c>
      <c r="AD119" s="12">
        <f t="shared" si="64"/>
        <v>0.25581049021412611</v>
      </c>
      <c r="AE119" s="12">
        <f t="shared" si="65"/>
        <v>0</v>
      </c>
      <c r="AF119" s="12">
        <f t="shared" si="66"/>
        <v>5.8313647028812116E-2</v>
      </c>
      <c r="AG119" s="12">
        <f t="shared" si="67"/>
        <v>0</v>
      </c>
      <c r="AH119" s="12">
        <f>AC119/SUM(AC$2:AG$366)*Input!$J$5</f>
        <v>370.91304995199079</v>
      </c>
      <c r="AI119" s="12">
        <f>AD119/SUM(AC$2:AG$366)*Input!$J$5</f>
        <v>261.95283008342329</v>
      </c>
      <c r="AJ119" s="12">
        <f>AE119/SUM(AC$2:AG$366)*Input!$J$5</f>
        <v>0</v>
      </c>
      <c r="AK119" s="12">
        <f>AF119/SUM(AC$2:AG$366)*Input!$J$5</f>
        <v>59.713832919427389</v>
      </c>
      <c r="AL119" s="12">
        <f>AG119/SUM(AC$2:AG$366)*Input!$J$5</f>
        <v>0</v>
      </c>
      <c r="AM119" s="12">
        <f t="shared" si="68"/>
        <v>28.662639801325131</v>
      </c>
      <c r="AN119" s="12">
        <f t="shared" si="69"/>
        <v>604.57098516119777</v>
      </c>
      <c r="AO119" s="12">
        <f t="shared" si="70"/>
        <v>39.564058661545687</v>
      </c>
      <c r="AP119" s="12">
        <f t="shared" si="71"/>
        <v>19.782029330772843</v>
      </c>
      <c r="AQ119" s="12">
        <f t="shared" si="72"/>
        <v>0</v>
      </c>
      <c r="AR119" s="11">
        <f t="shared" si="73"/>
        <v>692.5797129548414</v>
      </c>
    </row>
    <row r="120" spans="16:44" x14ac:dyDescent="0.25">
      <c r="P120" s="10">
        <f t="shared" si="74"/>
        <v>45045</v>
      </c>
      <c r="Q120" s="28">
        <v>15</v>
      </c>
      <c r="R120" s="28">
        <f t="shared" si="60"/>
        <v>6</v>
      </c>
      <c r="S120" s="12">
        <f t="shared" si="52"/>
        <v>0.88136675487947747</v>
      </c>
      <c r="T120" s="12">
        <f t="shared" si="53"/>
        <v>0.40529111994771311</v>
      </c>
      <c r="U120" s="12">
        <f t="shared" si="54"/>
        <v>1.4791569663107089</v>
      </c>
      <c r="V120" s="12">
        <f t="shared" si="55"/>
        <v>1.31124751273035</v>
      </c>
      <c r="W120" s="12">
        <f t="shared" si="61"/>
        <v>0.44487676601187343</v>
      </c>
      <c r="X120" s="12">
        <f t="shared" si="56"/>
        <v>-1.236743869637378E-2</v>
      </c>
      <c r="Y120" s="12">
        <f t="shared" si="57"/>
        <v>-1.3226323007097701E-2</v>
      </c>
      <c r="Z120" s="12">
        <f t="shared" si="58"/>
        <v>-6.6119920832722404E-2</v>
      </c>
      <c r="AA120" s="12">
        <f t="shared" si="59"/>
        <v>-7.5310765362349638E-2</v>
      </c>
      <c r="AB120" s="12">
        <f t="shared" si="62"/>
        <v>-1.748296682554611E-2</v>
      </c>
      <c r="AC120" s="12">
        <f t="shared" si="63"/>
        <v>0</v>
      </c>
      <c r="AD120" s="12">
        <f t="shared" si="64"/>
        <v>7.2413696194436647E-2</v>
      </c>
      <c r="AE120" s="12">
        <f t="shared" si="65"/>
        <v>4.2643838459238879E-2</v>
      </c>
      <c r="AF120" s="12">
        <f t="shared" si="66"/>
        <v>3.177755565164346E-2</v>
      </c>
      <c r="AG120" s="12">
        <f t="shared" si="67"/>
        <v>1.5980323067509655E-2</v>
      </c>
      <c r="AH120" s="12">
        <f>AC120/SUM(AC$2:AG$366)*Input!$J$5</f>
        <v>0</v>
      </c>
      <c r="AI120" s="12">
        <f>AD120/SUM(AC$2:AG$366)*Input!$J$5</f>
        <v>74.152442454787234</v>
      </c>
      <c r="AJ120" s="12">
        <f>AE120/SUM(AC$2:AG$366)*Input!$J$5</f>
        <v>43.667772031817549</v>
      </c>
      <c r="AK120" s="12">
        <f>AF120/SUM(AC$2:AG$366)*Input!$J$5</f>
        <v>32.540575756348773</v>
      </c>
      <c r="AL120" s="12">
        <f>AG120/SUM(AC$2:AG$366)*Input!$J$5</f>
        <v>16.364031239209936</v>
      </c>
      <c r="AM120" s="12">
        <f t="shared" si="68"/>
        <v>15.709469989641548</v>
      </c>
      <c r="AN120" s="12">
        <f t="shared" si="69"/>
        <v>142.11705839794749</v>
      </c>
      <c r="AO120" s="12">
        <f t="shared" si="70"/>
        <v>5.932195396382979</v>
      </c>
      <c r="AP120" s="12">
        <f t="shared" si="71"/>
        <v>2.9660976981914895</v>
      </c>
      <c r="AQ120" s="12">
        <f t="shared" si="72"/>
        <v>0</v>
      </c>
      <c r="AR120" s="11">
        <f t="shared" si="73"/>
        <v>166.72482148216349</v>
      </c>
    </row>
    <row r="121" spans="16:44" x14ac:dyDescent="0.25">
      <c r="P121" s="10">
        <f t="shared" si="74"/>
        <v>45046</v>
      </c>
      <c r="Q121" s="28">
        <v>14.6</v>
      </c>
      <c r="R121" s="28">
        <f t="shared" si="60"/>
        <v>7</v>
      </c>
      <c r="S121" s="12">
        <f t="shared" si="52"/>
        <v>0.88136675487947747</v>
      </c>
      <c r="T121" s="12">
        <f t="shared" si="53"/>
        <v>0.40529111994771311</v>
      </c>
      <c r="U121" s="12">
        <f t="shared" si="54"/>
        <v>1.4791569663107089</v>
      </c>
      <c r="V121" s="12">
        <f t="shared" si="55"/>
        <v>1.31124751273035</v>
      </c>
      <c r="W121" s="12">
        <f t="shared" si="61"/>
        <v>0.44487676601187343</v>
      </c>
      <c r="X121" s="12">
        <f t="shared" si="56"/>
        <v>-1.236743869637378E-2</v>
      </c>
      <c r="Y121" s="12">
        <f t="shared" si="57"/>
        <v>-1.3226323007097701E-2</v>
      </c>
      <c r="Z121" s="12">
        <f t="shared" si="58"/>
        <v>-6.6119920832722404E-2</v>
      </c>
      <c r="AA121" s="12">
        <f t="shared" si="59"/>
        <v>-7.5310765362349638E-2</v>
      </c>
      <c r="AB121" s="12">
        <f t="shared" si="62"/>
        <v>-1.748296682554611E-2</v>
      </c>
      <c r="AC121" s="12">
        <f t="shared" si="63"/>
        <v>0</v>
      </c>
      <c r="AD121" s="12">
        <f t="shared" si="64"/>
        <v>7.4265381415430334E-2</v>
      </c>
      <c r="AE121" s="12">
        <f t="shared" si="65"/>
        <v>4.4958035688384156E-2</v>
      </c>
      <c r="AF121" s="12">
        <f t="shared" si="66"/>
        <v>3.7049309227007943E-2</v>
      </c>
      <c r="AG121" s="12">
        <f t="shared" si="67"/>
        <v>1.6592226906403766E-2</v>
      </c>
      <c r="AH121" s="12">
        <f>AC121/SUM(AC$2:AG$366)*Input!$J$5</f>
        <v>0</v>
      </c>
      <c r="AI121" s="12">
        <f>AD121/SUM(AC$2:AG$366)*Input!$J$5</f>
        <v>76.04858902663787</v>
      </c>
      <c r="AJ121" s="12">
        <f>AE121/SUM(AC$2:AG$366)*Input!$J$5</f>
        <v>46.037536121782722</v>
      </c>
      <c r="AK121" s="12">
        <f>AF121/SUM(AC$2:AG$366)*Input!$J$5</f>
        <v>37.938910935696612</v>
      </c>
      <c r="AL121" s="12">
        <f>AG121/SUM(AC$2:AG$366)*Input!$J$5</f>
        <v>16.990627678640752</v>
      </c>
      <c r="AM121" s="12">
        <f t="shared" si="68"/>
        <v>16.311002571495131</v>
      </c>
      <c r="AN121" s="12">
        <f t="shared" si="69"/>
        <v>151.57883050806629</v>
      </c>
      <c r="AO121" s="12">
        <f t="shared" si="70"/>
        <v>6.0838871221310296</v>
      </c>
      <c r="AP121" s="12">
        <f t="shared" si="71"/>
        <v>3.0419435610655148</v>
      </c>
      <c r="AQ121" s="12">
        <f t="shared" si="72"/>
        <v>0</v>
      </c>
      <c r="AR121" s="11">
        <f t="shared" si="73"/>
        <v>177.01566376275795</v>
      </c>
    </row>
    <row r="122" spans="16:44" x14ac:dyDescent="0.25">
      <c r="P122" s="10">
        <f t="shared" si="74"/>
        <v>45047</v>
      </c>
      <c r="Q122" s="28">
        <v>14.1</v>
      </c>
      <c r="R122" s="28">
        <f t="shared" si="60"/>
        <v>1</v>
      </c>
      <c r="S122" s="12">
        <f t="shared" si="52"/>
        <v>1.0609861866589789</v>
      </c>
      <c r="T122" s="12">
        <f t="shared" si="53"/>
        <v>1.4695351264848711</v>
      </c>
      <c r="U122" s="12">
        <f t="shared" si="54"/>
        <v>1.771938814155029</v>
      </c>
      <c r="V122" s="12">
        <f t="shared" si="55"/>
        <v>0.52104102880341097</v>
      </c>
      <c r="W122" s="12">
        <f t="shared" si="61"/>
        <v>0</v>
      </c>
      <c r="X122" s="12">
        <f t="shared" si="56"/>
        <v>-7.0953309908476907E-3</v>
      </c>
      <c r="Y122" s="12">
        <f t="shared" si="57"/>
        <v>-5.875924024232846E-2</v>
      </c>
      <c r="Z122" s="12">
        <f t="shared" si="58"/>
        <v>-9.5984753200240996E-2</v>
      </c>
      <c r="AA122" s="12">
        <f t="shared" si="59"/>
        <v>-2.1476600051355411E-2</v>
      </c>
      <c r="AB122" s="12">
        <f t="shared" si="62"/>
        <v>0</v>
      </c>
      <c r="AC122" s="12">
        <f t="shared" si="63"/>
        <v>0.36035325738300994</v>
      </c>
      <c r="AD122" s="12">
        <f t="shared" si="64"/>
        <v>0.24038618965051492</v>
      </c>
      <c r="AE122" s="12">
        <f t="shared" si="65"/>
        <v>0</v>
      </c>
      <c r="AF122" s="12">
        <f t="shared" si="66"/>
        <v>5.4555242019824923E-2</v>
      </c>
      <c r="AG122" s="12">
        <f t="shared" si="67"/>
        <v>0</v>
      </c>
      <c r="AH122" s="12">
        <f>AC122/SUM(AC$2:AG$366)*Input!$J$5</f>
        <v>369.00580395372344</v>
      </c>
      <c r="AI122" s="12">
        <f>AD122/SUM(AC$2:AG$366)*Input!$J$5</f>
        <v>246.15817216570755</v>
      </c>
      <c r="AJ122" s="12">
        <f>AE122/SUM(AC$2:AG$366)*Input!$J$5</f>
        <v>0</v>
      </c>
      <c r="AK122" s="12">
        <f>AF122/SUM(AC$2:AG$366)*Input!$J$5</f>
        <v>55.865183757777253</v>
      </c>
      <c r="AL122" s="12">
        <f>AG122/SUM(AC$2:AG$366)*Input!$J$5</f>
        <v>0</v>
      </c>
      <c r="AM122" s="12">
        <f t="shared" si="68"/>
        <v>26.815288203733068</v>
      </c>
      <c r="AN122" s="12">
        <f t="shared" si="69"/>
        <v>585.17294304087943</v>
      </c>
      <c r="AO122" s="12">
        <f t="shared" si="70"/>
        <v>39.360619088397172</v>
      </c>
      <c r="AP122" s="12">
        <f t="shared" si="71"/>
        <v>19.680309544198586</v>
      </c>
      <c r="AQ122" s="12">
        <f t="shared" si="72"/>
        <v>0</v>
      </c>
      <c r="AR122" s="11">
        <f t="shared" si="73"/>
        <v>671.02915987720826</v>
      </c>
    </row>
    <row r="123" spans="16:44" x14ac:dyDescent="0.25">
      <c r="P123" s="10">
        <f t="shared" si="74"/>
        <v>45048</v>
      </c>
      <c r="Q123" s="28">
        <v>15.9</v>
      </c>
      <c r="R123" s="28">
        <f t="shared" si="60"/>
        <v>2</v>
      </c>
      <c r="S123" s="12">
        <f t="shared" si="52"/>
        <v>1.0609861866589789</v>
      </c>
      <c r="T123" s="12">
        <f t="shared" si="53"/>
        <v>1.4695351264848711</v>
      </c>
      <c r="U123" s="12">
        <f t="shared" si="54"/>
        <v>1.771938814155029</v>
      </c>
      <c r="V123" s="12">
        <f t="shared" si="55"/>
        <v>0.52104102880341097</v>
      </c>
      <c r="W123" s="12">
        <f t="shared" si="61"/>
        <v>0</v>
      </c>
      <c r="X123" s="12">
        <f t="shared" si="56"/>
        <v>-7.0953309908476907E-3</v>
      </c>
      <c r="Y123" s="12">
        <f t="shared" si="57"/>
        <v>-5.875924024232846E-2</v>
      </c>
      <c r="Z123" s="12">
        <f t="shared" si="58"/>
        <v>-9.5984753200240996E-2</v>
      </c>
      <c r="AA123" s="12">
        <f t="shared" si="59"/>
        <v>-2.1476600051355411E-2</v>
      </c>
      <c r="AB123" s="12">
        <f t="shared" si="62"/>
        <v>0</v>
      </c>
      <c r="AC123" s="12">
        <f t="shared" si="63"/>
        <v>0.35556390896418777</v>
      </c>
      <c r="AD123" s="12">
        <f t="shared" si="64"/>
        <v>0.20072370248694321</v>
      </c>
      <c r="AE123" s="12">
        <f t="shared" si="65"/>
        <v>0</v>
      </c>
      <c r="AF123" s="12">
        <f t="shared" si="66"/>
        <v>4.4890771996714984E-2</v>
      </c>
      <c r="AG123" s="12">
        <f t="shared" si="67"/>
        <v>0</v>
      </c>
      <c r="AH123" s="12">
        <f>AC123/SUM(AC$2:AG$366)*Input!$J$5</f>
        <v>364.1014571010362</v>
      </c>
      <c r="AI123" s="12">
        <f>AD123/SUM(AC$2:AG$366)*Input!$J$5</f>
        <v>205.54333752015273</v>
      </c>
      <c r="AJ123" s="12">
        <f>AE123/SUM(AC$2:AG$366)*Input!$J$5</f>
        <v>0</v>
      </c>
      <c r="AK123" s="12">
        <f>AF123/SUM(AC$2:AG$366)*Input!$J$5</f>
        <v>45.968657342105431</v>
      </c>
      <c r="AL123" s="12">
        <f>AG123/SUM(AC$2:AG$366)*Input!$J$5</f>
        <v>0</v>
      </c>
      <c r="AM123" s="12">
        <f t="shared" si="68"/>
        <v>22.064955524210596</v>
      </c>
      <c r="AN123" s="12">
        <f t="shared" si="69"/>
        <v>535.29226330291795</v>
      </c>
      <c r="AO123" s="12">
        <f t="shared" si="70"/>
        <v>38.837488757443865</v>
      </c>
      <c r="AP123" s="12">
        <f t="shared" si="71"/>
        <v>19.418744378721932</v>
      </c>
      <c r="AQ123" s="12">
        <f t="shared" si="72"/>
        <v>0</v>
      </c>
      <c r="AR123" s="11">
        <f t="shared" si="73"/>
        <v>615.61345196329444</v>
      </c>
    </row>
    <row r="124" spans="16:44" x14ac:dyDescent="0.25">
      <c r="P124" s="10">
        <f t="shared" si="74"/>
        <v>45049</v>
      </c>
      <c r="Q124" s="28">
        <v>15</v>
      </c>
      <c r="R124" s="28">
        <f t="shared" si="60"/>
        <v>3</v>
      </c>
      <c r="S124" s="12">
        <f t="shared" si="52"/>
        <v>1.0609861866589789</v>
      </c>
      <c r="T124" s="12">
        <f t="shared" si="53"/>
        <v>1.4695351264848711</v>
      </c>
      <c r="U124" s="12">
        <f t="shared" si="54"/>
        <v>1.771938814155029</v>
      </c>
      <c r="V124" s="12">
        <f t="shared" si="55"/>
        <v>0.52104102880341097</v>
      </c>
      <c r="W124" s="12">
        <f t="shared" si="61"/>
        <v>0</v>
      </c>
      <c r="X124" s="12">
        <f t="shared" si="56"/>
        <v>-7.0953309908476907E-3</v>
      </c>
      <c r="Y124" s="12">
        <f t="shared" si="57"/>
        <v>-5.875924024232846E-2</v>
      </c>
      <c r="Z124" s="12">
        <f t="shared" si="58"/>
        <v>-9.5984753200240996E-2</v>
      </c>
      <c r="AA124" s="12">
        <f t="shared" si="59"/>
        <v>-2.1476600051355411E-2</v>
      </c>
      <c r="AB124" s="12">
        <f t="shared" si="62"/>
        <v>0</v>
      </c>
      <c r="AC124" s="12">
        <f t="shared" si="63"/>
        <v>0.35795858317359885</v>
      </c>
      <c r="AD124" s="12">
        <f t="shared" si="64"/>
        <v>0.22055494606872905</v>
      </c>
      <c r="AE124" s="12">
        <f t="shared" si="65"/>
        <v>0</v>
      </c>
      <c r="AF124" s="12">
        <f t="shared" si="66"/>
        <v>4.9723007008269954E-2</v>
      </c>
      <c r="AG124" s="12">
        <f t="shared" si="67"/>
        <v>0</v>
      </c>
      <c r="AH124" s="12">
        <f>AC124/SUM(AC$2:AG$366)*Input!$J$5</f>
        <v>366.55363052737982</v>
      </c>
      <c r="AI124" s="12">
        <f>AD124/SUM(AC$2:AG$366)*Input!$J$5</f>
        <v>225.85075484293014</v>
      </c>
      <c r="AJ124" s="12">
        <f>AE124/SUM(AC$2:AG$366)*Input!$J$5</f>
        <v>0</v>
      </c>
      <c r="AK124" s="12">
        <f>AF124/SUM(AC$2:AG$366)*Input!$J$5</f>
        <v>50.916920549941338</v>
      </c>
      <c r="AL124" s="12">
        <f>AG124/SUM(AC$2:AG$366)*Input!$J$5</f>
        <v>0</v>
      </c>
      <c r="AM124" s="12">
        <f t="shared" si="68"/>
        <v>24.440121863971829</v>
      </c>
      <c r="AN124" s="12">
        <f t="shared" si="69"/>
        <v>560.23260317189863</v>
      </c>
      <c r="AO124" s="12">
        <f t="shared" si="70"/>
        <v>39.099053922920518</v>
      </c>
      <c r="AP124" s="12">
        <f t="shared" si="71"/>
        <v>19.549526961460259</v>
      </c>
      <c r="AQ124" s="12">
        <f t="shared" si="72"/>
        <v>0</v>
      </c>
      <c r="AR124" s="11">
        <f t="shared" si="73"/>
        <v>643.32130592025123</v>
      </c>
    </row>
    <row r="125" spans="16:44" x14ac:dyDescent="0.25">
      <c r="P125" s="10">
        <f t="shared" si="74"/>
        <v>45050</v>
      </c>
      <c r="Q125" s="28">
        <v>14.8</v>
      </c>
      <c r="R125" s="28">
        <f t="shared" si="60"/>
        <v>4</v>
      </c>
      <c r="S125" s="12">
        <f t="shared" si="52"/>
        <v>1.0609861866589789</v>
      </c>
      <c r="T125" s="12">
        <f t="shared" si="53"/>
        <v>1.4695351264848711</v>
      </c>
      <c r="U125" s="12">
        <f t="shared" si="54"/>
        <v>1.771938814155029</v>
      </c>
      <c r="V125" s="12">
        <f t="shared" si="55"/>
        <v>0.52104102880341097</v>
      </c>
      <c r="W125" s="12">
        <f t="shared" si="61"/>
        <v>0</v>
      </c>
      <c r="X125" s="12">
        <f t="shared" si="56"/>
        <v>-7.0953309908476907E-3</v>
      </c>
      <c r="Y125" s="12">
        <f t="shared" si="57"/>
        <v>-5.875924024232846E-2</v>
      </c>
      <c r="Z125" s="12">
        <f t="shared" si="58"/>
        <v>-9.5984753200240996E-2</v>
      </c>
      <c r="AA125" s="12">
        <f t="shared" si="59"/>
        <v>-2.1476600051355411E-2</v>
      </c>
      <c r="AB125" s="12">
        <f t="shared" si="62"/>
        <v>0</v>
      </c>
      <c r="AC125" s="12">
        <f t="shared" si="63"/>
        <v>0.3584907329979124</v>
      </c>
      <c r="AD125" s="12">
        <f t="shared" si="64"/>
        <v>0.22496188908690368</v>
      </c>
      <c r="AE125" s="12">
        <f t="shared" si="65"/>
        <v>0</v>
      </c>
      <c r="AF125" s="12">
        <f t="shared" si="66"/>
        <v>5.0796837010837717E-2</v>
      </c>
      <c r="AG125" s="12">
        <f t="shared" si="67"/>
        <v>0</v>
      </c>
      <c r="AH125" s="12">
        <f>AC125/SUM(AC$2:AG$366)*Input!$J$5</f>
        <v>367.0985579554561</v>
      </c>
      <c r="AI125" s="12">
        <f>AD125/SUM(AC$2:AG$366)*Input!$J$5</f>
        <v>230.36351424799176</v>
      </c>
      <c r="AJ125" s="12">
        <f>AE125/SUM(AC$2:AG$366)*Input!$J$5</f>
        <v>0</v>
      </c>
      <c r="AK125" s="12">
        <f>AF125/SUM(AC$2:AG$366)*Input!$J$5</f>
        <v>52.016534596127087</v>
      </c>
      <c r="AL125" s="12">
        <f>AG125/SUM(AC$2:AG$366)*Input!$J$5</f>
        <v>0</v>
      </c>
      <c r="AM125" s="12">
        <f t="shared" si="68"/>
        <v>24.967936606140988</v>
      </c>
      <c r="AN125" s="12">
        <f t="shared" si="69"/>
        <v>565.77490092056098</v>
      </c>
      <c r="AO125" s="12">
        <f t="shared" si="70"/>
        <v>39.15717951524865</v>
      </c>
      <c r="AP125" s="12">
        <f t="shared" si="71"/>
        <v>19.578589757624325</v>
      </c>
      <c r="AQ125" s="12">
        <f t="shared" si="72"/>
        <v>0</v>
      </c>
      <c r="AR125" s="11">
        <f t="shared" si="73"/>
        <v>649.47860679957489</v>
      </c>
    </row>
    <row r="126" spans="16:44" x14ac:dyDescent="0.25">
      <c r="P126" s="10">
        <f t="shared" si="74"/>
        <v>45051</v>
      </c>
      <c r="Q126" s="28">
        <v>16.7</v>
      </c>
      <c r="R126" s="28">
        <f t="shared" si="60"/>
        <v>5</v>
      </c>
      <c r="S126" s="12">
        <f t="shared" si="52"/>
        <v>1.0609861866589789</v>
      </c>
      <c r="T126" s="12">
        <f t="shared" si="53"/>
        <v>1.4695351264848711</v>
      </c>
      <c r="U126" s="12">
        <f t="shared" si="54"/>
        <v>0.40699471377216029</v>
      </c>
      <c r="V126" s="12">
        <f t="shared" si="55"/>
        <v>0.52104102880341097</v>
      </c>
      <c r="W126" s="12">
        <f t="shared" si="61"/>
        <v>0</v>
      </c>
      <c r="X126" s="12">
        <f t="shared" si="56"/>
        <v>-7.0953309908476907E-3</v>
      </c>
      <c r="Y126" s="12">
        <f t="shared" si="57"/>
        <v>-5.875924024232846E-2</v>
      </c>
      <c r="Z126" s="12">
        <f t="shared" si="58"/>
        <v>-1.2756454396407539E-2</v>
      </c>
      <c r="AA126" s="12">
        <f t="shared" si="59"/>
        <v>-2.1476600051355411E-2</v>
      </c>
      <c r="AB126" s="12">
        <f t="shared" si="62"/>
        <v>0</v>
      </c>
      <c r="AC126" s="12">
        <f t="shared" si="63"/>
        <v>0.35343530966693348</v>
      </c>
      <c r="AD126" s="12">
        <f t="shared" si="64"/>
        <v>0.18309593041424468</v>
      </c>
      <c r="AE126" s="12">
        <f t="shared" si="65"/>
        <v>0</v>
      </c>
      <c r="AF126" s="12">
        <f t="shared" si="66"/>
        <v>4.0595451986443903E-2</v>
      </c>
      <c r="AG126" s="12">
        <f t="shared" si="67"/>
        <v>0</v>
      </c>
      <c r="AH126" s="12">
        <f>AC126/SUM(AC$2:AG$366)*Input!$J$5</f>
        <v>361.92174738873075</v>
      </c>
      <c r="AI126" s="12">
        <f>AD126/SUM(AC$2:AG$366)*Input!$J$5</f>
        <v>187.49229989990613</v>
      </c>
      <c r="AJ126" s="12">
        <f>AE126/SUM(AC$2:AG$366)*Input!$J$5</f>
        <v>0</v>
      </c>
      <c r="AK126" s="12">
        <f>AF126/SUM(AC$2:AG$366)*Input!$J$5</f>
        <v>41.570201157362405</v>
      </c>
      <c r="AL126" s="12">
        <f>AG126/SUM(AC$2:AG$366)*Input!$J$5</f>
        <v>0</v>
      </c>
      <c r="AM126" s="12">
        <f t="shared" si="68"/>
        <v>19.953696555533945</v>
      </c>
      <c r="AN126" s="12">
        <f t="shared" si="69"/>
        <v>513.12307230826843</v>
      </c>
      <c r="AO126" s="12">
        <f t="shared" si="70"/>
        <v>38.60498638813128</v>
      </c>
      <c r="AP126" s="12">
        <f t="shared" si="71"/>
        <v>19.30249319406564</v>
      </c>
      <c r="AQ126" s="12">
        <f t="shared" si="72"/>
        <v>0</v>
      </c>
      <c r="AR126" s="11">
        <f t="shared" si="73"/>
        <v>590.98424844599924</v>
      </c>
    </row>
    <row r="127" spans="16:44" x14ac:dyDescent="0.25">
      <c r="P127" s="10">
        <f t="shared" si="74"/>
        <v>45052</v>
      </c>
      <c r="Q127" s="28">
        <v>19.399999999999999</v>
      </c>
      <c r="R127" s="28">
        <f t="shared" si="60"/>
        <v>6</v>
      </c>
      <c r="S127" s="12">
        <f t="shared" si="52"/>
        <v>0.66609297291086311</v>
      </c>
      <c r="T127" s="12">
        <f t="shared" si="53"/>
        <v>0.19607255136472959</v>
      </c>
      <c r="U127" s="12">
        <f t="shared" si="54"/>
        <v>0.65274423464211173</v>
      </c>
      <c r="V127" s="12">
        <f t="shared" si="55"/>
        <v>0.29524473618599389</v>
      </c>
      <c r="W127" s="12">
        <f t="shared" si="61"/>
        <v>0.44487676601187343</v>
      </c>
      <c r="X127" s="12">
        <f t="shared" si="56"/>
        <v>-3.4097042997074749E-4</v>
      </c>
      <c r="Y127" s="12">
        <f t="shared" si="57"/>
        <v>-6.2279477920712143E-4</v>
      </c>
      <c r="Z127" s="12">
        <f t="shared" si="58"/>
        <v>-1.60343007315953E-2</v>
      </c>
      <c r="AA127" s="12">
        <f t="shared" si="59"/>
        <v>-9.762199133681506E-3</v>
      </c>
      <c r="AB127" s="12">
        <f t="shared" si="62"/>
        <v>-1.748296682554611E-2</v>
      </c>
      <c r="AC127" s="12">
        <f t="shared" si="63"/>
        <v>0</v>
      </c>
      <c r="AD127" s="12">
        <f t="shared" si="64"/>
        <v>6.4396616426838998E-2</v>
      </c>
      <c r="AE127" s="12">
        <f t="shared" si="65"/>
        <v>2.9896895039301756E-2</v>
      </c>
      <c r="AF127" s="12">
        <f t="shared" si="66"/>
        <v>1.852516277370022E-2</v>
      </c>
      <c r="AG127" s="12">
        <f t="shared" si="67"/>
        <v>9.2493808396744061E-3</v>
      </c>
      <c r="AH127" s="12">
        <f>AC127/SUM(AC$2:AG$366)*Input!$J$5</f>
        <v>0</v>
      </c>
      <c r="AI127" s="12">
        <f>AD127/SUM(AC$2:AG$366)*Input!$J$5</f>
        <v>65.942862259819975</v>
      </c>
      <c r="AJ127" s="12">
        <f>AE127/SUM(AC$2:AG$366)*Input!$J$5</f>
        <v>30.614758056625178</v>
      </c>
      <c r="AK127" s="12">
        <f>AF127/SUM(AC$2:AG$366)*Input!$J$5</f>
        <v>18.969975829626399</v>
      </c>
      <c r="AL127" s="12">
        <f>AG127/SUM(AC$2:AG$366)*Input!$J$5</f>
        <v>9.4714704054709085</v>
      </c>
      <c r="AM127" s="12">
        <f t="shared" si="68"/>
        <v>9.0926115892520762</v>
      </c>
      <c r="AN127" s="12">
        <f t="shared" si="69"/>
        <v>107.993311491112</v>
      </c>
      <c r="AO127" s="12">
        <f t="shared" si="70"/>
        <v>5.2754289807855983</v>
      </c>
      <c r="AP127" s="12">
        <f t="shared" si="71"/>
        <v>2.6377144903927991</v>
      </c>
      <c r="AQ127" s="12">
        <f t="shared" si="72"/>
        <v>0</v>
      </c>
      <c r="AR127" s="11">
        <f t="shared" si="73"/>
        <v>124.99906655154246</v>
      </c>
    </row>
    <row r="128" spans="16:44" x14ac:dyDescent="0.25">
      <c r="P128" s="10">
        <f t="shared" si="74"/>
        <v>45053</v>
      </c>
      <c r="Q128" s="28">
        <v>16.3</v>
      </c>
      <c r="R128" s="28">
        <f t="shared" si="60"/>
        <v>7</v>
      </c>
      <c r="S128" s="12">
        <f t="shared" si="52"/>
        <v>0.88136675487947747</v>
      </c>
      <c r="T128" s="12">
        <f t="shared" si="53"/>
        <v>0.40529111994771311</v>
      </c>
      <c r="U128" s="12">
        <f t="shared" si="54"/>
        <v>1.4791569663107089</v>
      </c>
      <c r="V128" s="12">
        <f t="shared" si="55"/>
        <v>0.29524473618599389</v>
      </c>
      <c r="W128" s="12">
        <f t="shared" si="61"/>
        <v>0.44487676601187343</v>
      </c>
      <c r="X128" s="12">
        <f t="shared" si="56"/>
        <v>-1.236743869637378E-2</v>
      </c>
      <c r="Y128" s="12">
        <f t="shared" si="57"/>
        <v>-1.3226323007097701E-2</v>
      </c>
      <c r="Z128" s="12">
        <f t="shared" si="58"/>
        <v>-6.6119920832722404E-2</v>
      </c>
      <c r="AA128" s="12">
        <f t="shared" si="59"/>
        <v>-9.762199133681506E-3</v>
      </c>
      <c r="AB128" s="12">
        <f t="shared" si="62"/>
        <v>-1.748296682554611E-2</v>
      </c>
      <c r="AC128" s="12">
        <f t="shared" si="63"/>
        <v>0</v>
      </c>
      <c r="AD128" s="12">
        <f t="shared" si="64"/>
        <v>6.6395719226207198E-2</v>
      </c>
      <c r="AE128" s="12">
        <f t="shared" si="65"/>
        <v>3.512269746451669E-2</v>
      </c>
      <c r="AF128" s="12">
        <f t="shared" si="66"/>
        <v>2.3821155803722436E-2</v>
      </c>
      <c r="AG128" s="12">
        <f t="shared" si="67"/>
        <v>1.3991635591103786E-2</v>
      </c>
      <c r="AH128" s="12">
        <f>AC128/SUM(AC$2:AG$366)*Input!$J$5</f>
        <v>0</v>
      </c>
      <c r="AI128" s="12">
        <f>AD128/SUM(AC$2:AG$366)*Input!$J$5</f>
        <v>67.98996609627271</v>
      </c>
      <c r="AJ128" s="12">
        <f>AE128/SUM(AC$2:AG$366)*Input!$J$5</f>
        <v>35.966038739430722</v>
      </c>
      <c r="AK128" s="12">
        <f>AF128/SUM(AC$2:AG$366)*Input!$J$5</f>
        <v>24.393132484207545</v>
      </c>
      <c r="AL128" s="12">
        <f>AG128/SUM(AC$2:AG$366)*Input!$J$5</f>
        <v>14.327592811059766</v>
      </c>
      <c r="AM128" s="12">
        <f t="shared" si="68"/>
        <v>13.754489098617382</v>
      </c>
      <c r="AN128" s="12">
        <f t="shared" si="69"/>
        <v>120.76344510080064</v>
      </c>
      <c r="AO128" s="12">
        <f t="shared" si="70"/>
        <v>5.4391972877018171</v>
      </c>
      <c r="AP128" s="12">
        <f t="shared" si="71"/>
        <v>2.7195986438509085</v>
      </c>
      <c r="AQ128" s="12">
        <f t="shared" si="72"/>
        <v>0</v>
      </c>
      <c r="AR128" s="11">
        <f t="shared" si="73"/>
        <v>142.67673013097075</v>
      </c>
    </row>
    <row r="129" spans="16:44" x14ac:dyDescent="0.25">
      <c r="P129" s="10">
        <f t="shared" si="74"/>
        <v>45054</v>
      </c>
      <c r="Q129" s="28">
        <v>12.7</v>
      </c>
      <c r="R129" s="28">
        <f t="shared" si="60"/>
        <v>1</v>
      </c>
      <c r="S129" s="12">
        <f t="shared" si="52"/>
        <v>1.0609861866589789</v>
      </c>
      <c r="T129" s="12">
        <f t="shared" si="53"/>
        <v>1.4695351264848711</v>
      </c>
      <c r="U129" s="12">
        <f t="shared" si="54"/>
        <v>1.771938814155029</v>
      </c>
      <c r="V129" s="12">
        <f t="shared" si="55"/>
        <v>2.5404025087253199</v>
      </c>
      <c r="W129" s="12">
        <f t="shared" si="61"/>
        <v>0</v>
      </c>
      <c r="X129" s="12">
        <f t="shared" si="56"/>
        <v>-7.0953309908476907E-3</v>
      </c>
      <c r="Y129" s="12">
        <f t="shared" si="57"/>
        <v>-5.875924024232846E-2</v>
      </c>
      <c r="Z129" s="12">
        <f t="shared" si="58"/>
        <v>-9.5984753200240996E-2</v>
      </c>
      <c r="AA129" s="12">
        <f t="shared" si="59"/>
        <v>-0.17801624965770491</v>
      </c>
      <c r="AB129" s="12">
        <f t="shared" si="62"/>
        <v>0</v>
      </c>
      <c r="AC129" s="12">
        <f t="shared" si="63"/>
        <v>0.36407830615320502</v>
      </c>
      <c r="AD129" s="12">
        <f t="shared" si="64"/>
        <v>0.27123479077773738</v>
      </c>
      <c r="AE129" s="12">
        <f t="shared" si="65"/>
        <v>0</v>
      </c>
      <c r="AF129" s="12">
        <f t="shared" si="66"/>
        <v>6.9899034518116965E-2</v>
      </c>
      <c r="AG129" s="12">
        <f t="shared" si="67"/>
        <v>0</v>
      </c>
      <c r="AH129" s="12">
        <f>AC129/SUM(AC$2:AG$366)*Input!$J$5</f>
        <v>372.82029595025807</v>
      </c>
      <c r="AI129" s="12">
        <f>AD129/SUM(AC$2:AG$366)*Input!$J$5</f>
        <v>277.74748800113912</v>
      </c>
      <c r="AJ129" s="12">
        <f>AE129/SUM(AC$2:AG$366)*Input!$J$5</f>
        <v>0</v>
      </c>
      <c r="AK129" s="12">
        <f>AF129/SUM(AC$2:AG$366)*Input!$J$5</f>
        <v>71.577400507668955</v>
      </c>
      <c r="AL129" s="12">
        <f>AG129/SUM(AC$2:AG$366)*Input!$J$5</f>
        <v>0</v>
      </c>
      <c r="AM129" s="12">
        <f t="shared" si="68"/>
        <v>34.357152243681078</v>
      </c>
      <c r="AN129" s="12">
        <f t="shared" si="69"/>
        <v>628.13678486334368</v>
      </c>
      <c r="AO129" s="12">
        <f t="shared" si="70"/>
        <v>39.767498234694195</v>
      </c>
      <c r="AP129" s="12">
        <f t="shared" si="71"/>
        <v>19.883749117347097</v>
      </c>
      <c r="AQ129" s="12">
        <f t="shared" si="72"/>
        <v>0</v>
      </c>
      <c r="AR129" s="11">
        <f t="shared" si="73"/>
        <v>722.14518445906606</v>
      </c>
    </row>
    <row r="130" spans="16:44" x14ac:dyDescent="0.25">
      <c r="P130" s="10">
        <f t="shared" si="74"/>
        <v>45055</v>
      </c>
      <c r="Q130" s="28">
        <v>13.9</v>
      </c>
      <c r="R130" s="28">
        <f t="shared" si="60"/>
        <v>2</v>
      </c>
      <c r="S130" s="12">
        <f t="shared" ref="S130:S193" si="75">IF(R130&gt;5,IF($Q130&lt;$G$3,$C$3,$E$3),IF($Q130&lt;$G$10,$C$10,$E$10))</f>
        <v>1.0609861866589789</v>
      </c>
      <c r="T130" s="12">
        <f t="shared" ref="T130:T193" si="76">IF(R130&gt;5,IF($Q130&lt;$G$4,$C$4,$E$4),IF($Q130&lt;$G$11,$C$11,$E$11))</f>
        <v>1.4695351264848711</v>
      </c>
      <c r="U130" s="12">
        <f t="shared" ref="U130:U193" si="77">IF(R130&gt;5,IF($Q130&lt;$G$5,$C$5,$E$5),IF($Q130&lt;$G$12,$C$12,$E$12))</f>
        <v>1.771938814155029</v>
      </c>
      <c r="V130" s="12">
        <f t="shared" ref="V130:V193" si="78">IF(R130&gt;5,IF($Q130&lt;$G$6,$C$6,$E$6),IF($Q130&lt;$G$13,$C$13,$E$13))</f>
        <v>0.52104102880341097</v>
      </c>
      <c r="W130" s="12">
        <f t="shared" si="61"/>
        <v>0</v>
      </c>
      <c r="X130" s="12">
        <f t="shared" ref="X130:X193" si="79">IF(R130&gt;5,IF($Q130&lt;$G$3,$D$3,$F$3),IF($Q130&lt;$G$10,$D$10,$F$10))</f>
        <v>-7.0953309908476907E-3</v>
      </c>
      <c r="Y130" s="12">
        <f t="shared" ref="Y130:Y193" si="80">IF(R130&gt;5,IF($Q130&lt;$G$4,$D$4,$F$4),IF($Q130&lt;$G$11,$D$11,$F$11))</f>
        <v>-5.875924024232846E-2</v>
      </c>
      <c r="Z130" s="12">
        <f t="shared" ref="Z130:Z193" si="81">IF(R130&gt;5,IF($Q130&lt;$G$5,$D$5,$F$5),IF($Q130&lt;$G$12,$D$12,$F$12))</f>
        <v>-9.5984753200240996E-2</v>
      </c>
      <c r="AA130" s="12">
        <f t="shared" ref="AA130:AA193" si="82">IF(R130&gt;5,IF($Q130&lt;$G$6,$D$6,$F$6),IF($Q130&lt;$G$13,$D$13,$F$13))</f>
        <v>-2.1476600051355411E-2</v>
      </c>
      <c r="AB130" s="12">
        <f t="shared" si="62"/>
        <v>0</v>
      </c>
      <c r="AC130" s="12">
        <f t="shared" si="63"/>
        <v>0.36088540720732354</v>
      </c>
      <c r="AD130" s="12">
        <f t="shared" si="64"/>
        <v>0.24479313266868952</v>
      </c>
      <c r="AE130" s="12">
        <f t="shared" si="65"/>
        <v>0</v>
      </c>
      <c r="AF130" s="12">
        <f t="shared" si="66"/>
        <v>5.5629072022392687E-2</v>
      </c>
      <c r="AG130" s="12">
        <f t="shared" si="67"/>
        <v>0</v>
      </c>
      <c r="AH130" s="12">
        <f>AC130/SUM(AC$2:AG$366)*Input!$J$5</f>
        <v>369.55073138179984</v>
      </c>
      <c r="AI130" s="12">
        <f>AD130/SUM(AC$2:AG$366)*Input!$J$5</f>
        <v>250.6709315707692</v>
      </c>
      <c r="AJ130" s="12">
        <f>AE130/SUM(AC$2:AG$366)*Input!$J$5</f>
        <v>0</v>
      </c>
      <c r="AK130" s="12">
        <f>AF130/SUM(AC$2:AG$366)*Input!$J$5</f>
        <v>56.964797803962995</v>
      </c>
      <c r="AL130" s="12">
        <f>AG130/SUM(AC$2:AG$366)*Input!$J$5</f>
        <v>0</v>
      </c>
      <c r="AM130" s="12">
        <f t="shared" si="68"/>
        <v>27.343102945902224</v>
      </c>
      <c r="AN130" s="12">
        <f t="shared" si="69"/>
        <v>590.71524078954178</v>
      </c>
      <c r="AO130" s="12">
        <f t="shared" si="70"/>
        <v>39.418744680725318</v>
      </c>
      <c r="AP130" s="12">
        <f t="shared" si="71"/>
        <v>19.709372340362659</v>
      </c>
      <c r="AQ130" s="12">
        <f t="shared" si="72"/>
        <v>0</v>
      </c>
      <c r="AR130" s="11">
        <f t="shared" si="73"/>
        <v>677.18646075653203</v>
      </c>
    </row>
    <row r="131" spans="16:44" x14ac:dyDescent="0.25">
      <c r="P131" s="10">
        <f t="shared" si="74"/>
        <v>45056</v>
      </c>
      <c r="Q131" s="28">
        <v>15.4</v>
      </c>
      <c r="R131" s="28">
        <f t="shared" ref="R131:R194" si="83">WEEKDAY(P131,2)</f>
        <v>3</v>
      </c>
      <c r="S131" s="12">
        <f t="shared" si="75"/>
        <v>1.0609861866589789</v>
      </c>
      <c r="T131" s="12">
        <f t="shared" si="76"/>
        <v>1.4695351264848711</v>
      </c>
      <c r="U131" s="12">
        <f t="shared" si="77"/>
        <v>1.771938814155029</v>
      </c>
      <c r="V131" s="12">
        <f t="shared" si="78"/>
        <v>0.52104102880341097</v>
      </c>
      <c r="W131" s="12">
        <f t="shared" ref="W131:W194" si="84">IF(R131&lt;6,0,IF($Q131&lt;$G$7,$C$7,$E$7))</f>
        <v>0</v>
      </c>
      <c r="X131" s="12">
        <f t="shared" si="79"/>
        <v>-7.0953309908476907E-3</v>
      </c>
      <c r="Y131" s="12">
        <f t="shared" si="80"/>
        <v>-5.875924024232846E-2</v>
      </c>
      <c r="Z131" s="12">
        <f t="shared" si="81"/>
        <v>-9.5984753200240996E-2</v>
      </c>
      <c r="AA131" s="12">
        <f t="shared" si="82"/>
        <v>-2.1476600051355411E-2</v>
      </c>
      <c r="AB131" s="12">
        <f t="shared" ref="AB131:AB194" si="85">IF(R131&lt;6,0,IF($Q131&lt;$G$7,$D$7,$F$7))</f>
        <v>0</v>
      </c>
      <c r="AC131" s="12">
        <f t="shared" ref="AC131:AC194" si="86">MAX(S131+X131*$Q131,0)*IF($R131&lt;6,$B$10,$B$3)</f>
        <v>0.35689428352497171</v>
      </c>
      <c r="AD131" s="12">
        <f t="shared" ref="AD131:AD194" si="87">MAX(T131+Y131*$Q131,0)*IF($R131&lt;6,$B$11,$B$4)</f>
        <v>0.21174106003237975</v>
      </c>
      <c r="AE131" s="12">
        <f t="shared" ref="AE131:AE194" si="88">MAX(U131+Z131*$Q131,0)*IF($R131&lt;6,$B$12,$B$5)</f>
        <v>0</v>
      </c>
      <c r="AF131" s="12">
        <f t="shared" ref="AF131:AF194" si="89">MAX(V131+AA131*$Q131,0)*IF($R131&lt;6,$B$13,$B$6)</f>
        <v>4.7575347003134399E-2</v>
      </c>
      <c r="AG131" s="12">
        <f t="shared" ref="AG131:AG194" si="90">MAX(W131+AB131*$Q131,0)*IF($R131&lt;6,0,$B$7)</f>
        <v>0</v>
      </c>
      <c r="AH131" s="12">
        <f>AC131/SUM(AC$2:AG$366)*Input!$J$5</f>
        <v>365.4637756712271</v>
      </c>
      <c r="AI131" s="12">
        <f>AD131/SUM(AC$2:AG$366)*Input!$J$5</f>
        <v>216.8252360328068</v>
      </c>
      <c r="AJ131" s="12">
        <f>AE131/SUM(AC$2:AG$366)*Input!$J$5</f>
        <v>0</v>
      </c>
      <c r="AK131" s="12">
        <f>AF131/SUM(AC$2:AG$366)*Input!$J$5</f>
        <v>48.717692457569811</v>
      </c>
      <c r="AL131" s="12">
        <f>AG131/SUM(AC$2:AG$366)*Input!$J$5</f>
        <v>0</v>
      </c>
      <c r="AM131" s="12">
        <f t="shared" ref="AM131:AM194" si="91">IF($R131&lt;6,AU$22*$AH131+AU$23*$AI131+AU$24*$AJ131+AU$25*$AK131,AU$31*$AH131+AU$32*$AI131+AU$33*$AJ131+AU$34*$AK131+AU$35*$AL131)</f>
        <v>23.384492379633496</v>
      </c>
      <c r="AN131" s="12">
        <f t="shared" ref="AN131:AN194" si="92">IF($R131&lt;6,AV$22*$AH131+AV$23*$AI131+AV$24*$AJ131+AV$25*$AK131,AV$31*$AH131+AV$32*$AI131+AV$33*$AJ131+AV$34*$AK131+AV$35*$AL131)</f>
        <v>549.14800767457393</v>
      </c>
      <c r="AO131" s="12">
        <f t="shared" ref="AO131:AO194" si="93">IF($R131&lt;6,AW$22*$AH131+AW$23*$AI131+AW$24*$AJ131+AW$25*$AK131,AW$31*$AH131+AW$32*$AI131+AW$33*$AJ131+AW$34*$AK131+AW$35*$AL131)</f>
        <v>38.982802738264226</v>
      </c>
      <c r="AP131" s="12">
        <f t="shared" ref="AP131:AP194" si="94">IF($R131&lt;6,AX$22*$AH131+AX$23*$AI131+AX$24*$AJ131+AX$25*$AK131,AX$31*$AH131+AX$32*$AI131+AX$33*$AJ131+AX$34*$AK131+AX$35*$AL131)</f>
        <v>19.491401369132113</v>
      </c>
      <c r="AQ131" s="12">
        <f t="shared" ref="AQ131:AQ194" si="95">IF($R131&lt;6,AY$22*$AH131+AY$23*$AI131+AY$24*$AJ131+AY$25*$AK131,AY$31*$AH131+AY$32*$AI131+AY$33*$AJ131+AY$34*$AK131+AY$35*$AL131)</f>
        <v>0</v>
      </c>
      <c r="AR131" s="11">
        <f t="shared" ref="AR131:AR194" si="96">SUM(AM131:AQ131)</f>
        <v>631.00670416160369</v>
      </c>
    </row>
    <row r="132" spans="16:44" x14ac:dyDescent="0.25">
      <c r="P132" s="10">
        <f t="shared" ref="P132:P195" si="97">P131+1</f>
        <v>45057</v>
      </c>
      <c r="Q132" s="28">
        <v>16.5</v>
      </c>
      <c r="R132" s="28">
        <f t="shared" si="83"/>
        <v>4</v>
      </c>
      <c r="S132" s="12">
        <f t="shared" si="75"/>
        <v>1.0609861866589789</v>
      </c>
      <c r="T132" s="12">
        <f t="shared" si="76"/>
        <v>1.4695351264848711</v>
      </c>
      <c r="U132" s="12">
        <f t="shared" si="77"/>
        <v>0.40699471377216029</v>
      </c>
      <c r="V132" s="12">
        <f t="shared" si="78"/>
        <v>0.52104102880341097</v>
      </c>
      <c r="W132" s="12">
        <f t="shared" si="84"/>
        <v>0</v>
      </c>
      <c r="X132" s="12">
        <f t="shared" si="79"/>
        <v>-7.0953309908476907E-3</v>
      </c>
      <c r="Y132" s="12">
        <f t="shared" si="80"/>
        <v>-5.875924024232846E-2</v>
      </c>
      <c r="Z132" s="12">
        <f t="shared" si="81"/>
        <v>-1.2756454396407539E-2</v>
      </c>
      <c r="AA132" s="12">
        <f t="shared" si="82"/>
        <v>-2.1476600051355411E-2</v>
      </c>
      <c r="AB132" s="12">
        <f t="shared" si="85"/>
        <v>0</v>
      </c>
      <c r="AC132" s="12">
        <f t="shared" si="86"/>
        <v>0.35396745949124697</v>
      </c>
      <c r="AD132" s="12">
        <f t="shared" si="87"/>
        <v>0.18750287343241928</v>
      </c>
      <c r="AE132" s="12">
        <f t="shared" si="88"/>
        <v>0</v>
      </c>
      <c r="AF132" s="12">
        <f t="shared" si="89"/>
        <v>4.1669281989011667E-2</v>
      </c>
      <c r="AG132" s="12">
        <f t="shared" si="90"/>
        <v>0</v>
      </c>
      <c r="AH132" s="12">
        <f>AC132/SUM(AC$2:AG$366)*Input!$J$5</f>
        <v>362.46667481680703</v>
      </c>
      <c r="AI132" s="12">
        <f>AD132/SUM(AC$2:AG$366)*Input!$J$5</f>
        <v>192.00505930496774</v>
      </c>
      <c r="AJ132" s="12">
        <f>AE132/SUM(AC$2:AG$366)*Input!$J$5</f>
        <v>0</v>
      </c>
      <c r="AK132" s="12">
        <f>AF132/SUM(AC$2:AG$366)*Input!$J$5</f>
        <v>42.669815203548147</v>
      </c>
      <c r="AL132" s="12">
        <f>AG132/SUM(AC$2:AG$366)*Input!$J$5</f>
        <v>0</v>
      </c>
      <c r="AM132" s="12">
        <f t="shared" si="91"/>
        <v>20.481511297703101</v>
      </c>
      <c r="AN132" s="12">
        <f t="shared" si="92"/>
        <v>518.66537005693067</v>
      </c>
      <c r="AO132" s="12">
        <f t="shared" si="93"/>
        <v>38.663111980459419</v>
      </c>
      <c r="AP132" s="12">
        <f t="shared" si="94"/>
        <v>19.33155599022971</v>
      </c>
      <c r="AQ132" s="12">
        <f t="shared" si="95"/>
        <v>0</v>
      </c>
      <c r="AR132" s="11">
        <f t="shared" si="96"/>
        <v>597.14154932532301</v>
      </c>
    </row>
    <row r="133" spans="16:44" x14ac:dyDescent="0.25">
      <c r="P133" s="10">
        <f t="shared" si="97"/>
        <v>45058</v>
      </c>
      <c r="Q133" s="28">
        <v>14.7</v>
      </c>
      <c r="R133" s="28">
        <f t="shared" si="83"/>
        <v>5</v>
      </c>
      <c r="S133" s="12">
        <f t="shared" si="75"/>
        <v>1.0609861866589789</v>
      </c>
      <c r="T133" s="12">
        <f t="shared" si="76"/>
        <v>1.4695351264848711</v>
      </c>
      <c r="U133" s="12">
        <f t="shared" si="77"/>
        <v>1.771938814155029</v>
      </c>
      <c r="V133" s="12">
        <f t="shared" si="78"/>
        <v>0.52104102880341097</v>
      </c>
      <c r="W133" s="12">
        <f t="shared" si="84"/>
        <v>0</v>
      </c>
      <c r="X133" s="12">
        <f t="shared" si="79"/>
        <v>-7.0953309908476907E-3</v>
      </c>
      <c r="Y133" s="12">
        <f t="shared" si="80"/>
        <v>-5.875924024232846E-2</v>
      </c>
      <c r="Z133" s="12">
        <f t="shared" si="81"/>
        <v>-9.5984753200240996E-2</v>
      </c>
      <c r="AA133" s="12">
        <f t="shared" si="82"/>
        <v>-2.1476600051355411E-2</v>
      </c>
      <c r="AB133" s="12">
        <f t="shared" si="85"/>
        <v>0</v>
      </c>
      <c r="AC133" s="12">
        <f t="shared" si="86"/>
        <v>0.35875680791006925</v>
      </c>
      <c r="AD133" s="12">
        <f t="shared" si="87"/>
        <v>0.22716536059599104</v>
      </c>
      <c r="AE133" s="12">
        <f t="shared" si="88"/>
        <v>0</v>
      </c>
      <c r="AF133" s="12">
        <f t="shared" si="89"/>
        <v>5.1333752012121606E-2</v>
      </c>
      <c r="AG133" s="12">
        <f t="shared" si="90"/>
        <v>0</v>
      </c>
      <c r="AH133" s="12">
        <f>AC133/SUM(AC$2:AG$366)*Input!$J$5</f>
        <v>367.37102166949438</v>
      </c>
      <c r="AI133" s="12">
        <f>AD133/SUM(AC$2:AG$366)*Input!$J$5</f>
        <v>232.61989395052262</v>
      </c>
      <c r="AJ133" s="12">
        <f>AE133/SUM(AC$2:AG$366)*Input!$J$5</f>
        <v>0</v>
      </c>
      <c r="AK133" s="12">
        <f>AF133/SUM(AC$2:AG$366)*Input!$J$5</f>
        <v>52.566341619219969</v>
      </c>
      <c r="AL133" s="12">
        <f>AG133/SUM(AC$2:AG$366)*Input!$J$5</f>
        <v>0</v>
      </c>
      <c r="AM133" s="12">
        <f t="shared" si="91"/>
        <v>25.231843977225573</v>
      </c>
      <c r="AN133" s="12">
        <f t="shared" si="92"/>
        <v>568.54604979489227</v>
      </c>
      <c r="AO133" s="12">
        <f t="shared" si="93"/>
        <v>39.186242311412734</v>
      </c>
      <c r="AP133" s="12">
        <f t="shared" si="94"/>
        <v>19.593121155706367</v>
      </c>
      <c r="AQ133" s="12">
        <f t="shared" si="95"/>
        <v>0</v>
      </c>
      <c r="AR133" s="11">
        <f t="shared" si="96"/>
        <v>652.55725723923695</v>
      </c>
    </row>
    <row r="134" spans="16:44" x14ac:dyDescent="0.25">
      <c r="P134" s="10">
        <f t="shared" si="97"/>
        <v>45059</v>
      </c>
      <c r="Q134" s="28">
        <v>11.9</v>
      </c>
      <c r="R134" s="28">
        <f t="shared" si="83"/>
        <v>6</v>
      </c>
      <c r="S134" s="12">
        <f t="shared" si="75"/>
        <v>0.88136675487947747</v>
      </c>
      <c r="T134" s="12">
        <f t="shared" si="76"/>
        <v>0.40529111994771311</v>
      </c>
      <c r="U134" s="12">
        <f t="shared" si="77"/>
        <v>1.4791569663107089</v>
      </c>
      <c r="V134" s="12">
        <f t="shared" si="78"/>
        <v>1.31124751273035</v>
      </c>
      <c r="W134" s="12">
        <f t="shared" si="84"/>
        <v>1.9424956480203619</v>
      </c>
      <c r="X134" s="12">
        <f t="shared" si="79"/>
        <v>-1.236743869637378E-2</v>
      </c>
      <c r="Y134" s="12">
        <f t="shared" si="80"/>
        <v>-1.3226323007097701E-2</v>
      </c>
      <c r="Z134" s="12">
        <f t="shared" si="81"/>
        <v>-6.6119920832722404E-2</v>
      </c>
      <c r="AA134" s="12">
        <f t="shared" si="82"/>
        <v>-7.5310765362349638E-2</v>
      </c>
      <c r="AB134" s="12">
        <f t="shared" si="85"/>
        <v>-0.1200596025795522</v>
      </c>
      <c r="AC134" s="12">
        <f t="shared" si="86"/>
        <v>0</v>
      </c>
      <c r="AD134" s="12">
        <f t="shared" si="87"/>
        <v>8.6764256657137662E-2</v>
      </c>
      <c r="AE134" s="12">
        <f t="shared" si="88"/>
        <v>6.0578866985114818E-2</v>
      </c>
      <c r="AF134" s="12">
        <f t="shared" si="89"/>
        <v>7.2633645860718118E-2</v>
      </c>
      <c r="AG134" s="12">
        <f t="shared" si="90"/>
        <v>4.4956308015822927E-2</v>
      </c>
      <c r="AH134" s="12">
        <f>AC134/SUM(AC$2:AG$366)*Input!$J$5</f>
        <v>0</v>
      </c>
      <c r="AI134" s="12">
        <f>AD134/SUM(AC$2:AG$366)*Input!$J$5</f>
        <v>88.847578386629593</v>
      </c>
      <c r="AJ134" s="12">
        <f>AE134/SUM(AC$2:AG$366)*Input!$J$5</f>
        <v>62.033443729047633</v>
      </c>
      <c r="AK134" s="12">
        <f>AF134/SUM(AC$2:AG$366)*Input!$J$5</f>
        <v>74.377673396294398</v>
      </c>
      <c r="AL134" s="12">
        <f>AG134/SUM(AC$2:AG$366)*Input!$J$5</f>
        <v>46.035766965574574</v>
      </c>
      <c r="AM134" s="12">
        <f t="shared" si="91"/>
        <v>44.194336286951618</v>
      </c>
      <c r="AN134" s="12">
        <f t="shared" si="92"/>
        <v>216.43841678419903</v>
      </c>
      <c r="AO134" s="12">
        <f t="shared" si="93"/>
        <v>7.107806270930368</v>
      </c>
      <c r="AP134" s="12">
        <f t="shared" si="94"/>
        <v>3.553903135465184</v>
      </c>
      <c r="AQ134" s="12">
        <f t="shared" si="95"/>
        <v>0</v>
      </c>
      <c r="AR134" s="11">
        <f t="shared" si="96"/>
        <v>271.29446247754623</v>
      </c>
    </row>
    <row r="135" spans="16:44" x14ac:dyDescent="0.25">
      <c r="P135" s="10">
        <f t="shared" si="97"/>
        <v>45060</v>
      </c>
      <c r="Q135" s="28">
        <v>11.4</v>
      </c>
      <c r="R135" s="28">
        <f t="shared" si="83"/>
        <v>7</v>
      </c>
      <c r="S135" s="12">
        <f t="shared" si="75"/>
        <v>0.88136675487947747</v>
      </c>
      <c r="T135" s="12">
        <f t="shared" si="76"/>
        <v>0.40529111994771311</v>
      </c>
      <c r="U135" s="12">
        <f t="shared" si="77"/>
        <v>1.4791569663107089</v>
      </c>
      <c r="V135" s="12">
        <f t="shared" si="78"/>
        <v>1.31124751273035</v>
      </c>
      <c r="W135" s="12">
        <f t="shared" si="84"/>
        <v>1.9424956480203619</v>
      </c>
      <c r="X135" s="12">
        <f t="shared" si="79"/>
        <v>-1.236743869637378E-2</v>
      </c>
      <c r="Y135" s="12">
        <f t="shared" si="80"/>
        <v>-1.3226323007097701E-2</v>
      </c>
      <c r="Z135" s="12">
        <f t="shared" si="81"/>
        <v>-6.6119920832722404E-2</v>
      </c>
      <c r="AA135" s="12">
        <f t="shared" si="82"/>
        <v>-7.5310765362349638E-2</v>
      </c>
      <c r="AB135" s="12">
        <f t="shared" si="85"/>
        <v>-0.1200596025795522</v>
      </c>
      <c r="AC135" s="12">
        <f t="shared" si="86"/>
        <v>0</v>
      </c>
      <c r="AD135" s="12">
        <f t="shared" si="87"/>
        <v>8.9078863183379736E-2</v>
      </c>
      <c r="AE135" s="12">
        <f t="shared" si="88"/>
        <v>6.3471613521546427E-2</v>
      </c>
      <c r="AF135" s="12">
        <f t="shared" si="89"/>
        <v>7.9223337829923718E-2</v>
      </c>
      <c r="AG135" s="12">
        <f t="shared" si="90"/>
        <v>5.0208915628678338E-2</v>
      </c>
      <c r="AH135" s="12">
        <f>AC135/SUM(AC$2:AG$366)*Input!$J$5</f>
        <v>0</v>
      </c>
      <c r="AI135" s="12">
        <f>AD135/SUM(AC$2:AG$366)*Input!$J$5</f>
        <v>91.217761601442845</v>
      </c>
      <c r="AJ135" s="12">
        <f>AE135/SUM(AC$2:AG$366)*Input!$J$5</f>
        <v>64.995648841504106</v>
      </c>
      <c r="AK135" s="12">
        <f>AF135/SUM(AC$2:AG$366)*Input!$J$5</f>
        <v>81.125592370479183</v>
      </c>
      <c r="AL135" s="12">
        <f>AG135/SUM(AC$2:AG$366)*Input!$J$5</f>
        <v>51.414496463154919</v>
      </c>
      <c r="AM135" s="12">
        <f t="shared" si="91"/>
        <v>49.357916604628748</v>
      </c>
      <c r="AN135" s="12">
        <f t="shared" si="92"/>
        <v>228.44945127977917</v>
      </c>
      <c r="AO135" s="12">
        <f t="shared" si="93"/>
        <v>7.2974209281154279</v>
      </c>
      <c r="AP135" s="12">
        <f t="shared" si="94"/>
        <v>3.6487104640577139</v>
      </c>
      <c r="AQ135" s="12">
        <f t="shared" si="95"/>
        <v>0</v>
      </c>
      <c r="AR135" s="11">
        <f t="shared" si="96"/>
        <v>288.75349927658107</v>
      </c>
    </row>
    <row r="136" spans="16:44" x14ac:dyDescent="0.25">
      <c r="P136" s="10">
        <f t="shared" si="97"/>
        <v>45061</v>
      </c>
      <c r="Q136" s="28">
        <v>15.1</v>
      </c>
      <c r="R136" s="28">
        <f t="shared" si="83"/>
        <v>1</v>
      </c>
      <c r="S136" s="12">
        <f t="shared" si="75"/>
        <v>1.0609861866589789</v>
      </c>
      <c r="T136" s="12">
        <f t="shared" si="76"/>
        <v>1.4695351264848711</v>
      </c>
      <c r="U136" s="12">
        <f t="shared" si="77"/>
        <v>1.771938814155029</v>
      </c>
      <c r="V136" s="12">
        <f t="shared" si="78"/>
        <v>0.52104102880341097</v>
      </c>
      <c r="W136" s="12">
        <f t="shared" si="84"/>
        <v>0</v>
      </c>
      <c r="X136" s="12">
        <f t="shared" si="79"/>
        <v>-7.0953309908476907E-3</v>
      </c>
      <c r="Y136" s="12">
        <f t="shared" si="80"/>
        <v>-5.875924024232846E-2</v>
      </c>
      <c r="Z136" s="12">
        <f t="shared" si="81"/>
        <v>-9.5984753200240996E-2</v>
      </c>
      <c r="AA136" s="12">
        <f t="shared" si="82"/>
        <v>-2.1476600051355411E-2</v>
      </c>
      <c r="AB136" s="12">
        <f t="shared" si="85"/>
        <v>0</v>
      </c>
      <c r="AC136" s="12">
        <f t="shared" si="86"/>
        <v>0.35769250826144205</v>
      </c>
      <c r="AD136" s="12">
        <f t="shared" si="87"/>
        <v>0.21835147455964174</v>
      </c>
      <c r="AE136" s="12">
        <f t="shared" si="88"/>
        <v>0</v>
      </c>
      <c r="AF136" s="12">
        <f t="shared" si="89"/>
        <v>4.9186092006986065E-2</v>
      </c>
      <c r="AG136" s="12">
        <f t="shared" si="90"/>
        <v>0</v>
      </c>
      <c r="AH136" s="12">
        <f>AC136/SUM(AC$2:AG$366)*Input!$J$5</f>
        <v>366.2811668133416</v>
      </c>
      <c r="AI136" s="12">
        <f>AD136/SUM(AC$2:AG$366)*Input!$J$5</f>
        <v>223.59437514039931</v>
      </c>
      <c r="AJ136" s="12">
        <f>AE136/SUM(AC$2:AG$366)*Input!$J$5</f>
        <v>0</v>
      </c>
      <c r="AK136" s="12">
        <f>AF136/SUM(AC$2:AG$366)*Input!$J$5</f>
        <v>50.367113526848456</v>
      </c>
      <c r="AL136" s="12">
        <f>AG136/SUM(AC$2:AG$366)*Input!$J$5</f>
        <v>0</v>
      </c>
      <c r="AM136" s="12">
        <f t="shared" si="91"/>
        <v>24.176214492887247</v>
      </c>
      <c r="AN136" s="12">
        <f t="shared" si="92"/>
        <v>557.46145429756734</v>
      </c>
      <c r="AO136" s="12">
        <f t="shared" si="93"/>
        <v>39.069991126756442</v>
      </c>
      <c r="AP136" s="12">
        <f t="shared" si="94"/>
        <v>19.534995563378221</v>
      </c>
      <c r="AQ136" s="12">
        <f t="shared" si="95"/>
        <v>0</v>
      </c>
      <c r="AR136" s="11">
        <f t="shared" si="96"/>
        <v>640.24265548058918</v>
      </c>
    </row>
    <row r="137" spans="16:44" x14ac:dyDescent="0.25">
      <c r="P137" s="10">
        <f t="shared" si="97"/>
        <v>45062</v>
      </c>
      <c r="Q137" s="28">
        <v>15.2</v>
      </c>
      <c r="R137" s="28">
        <f t="shared" si="83"/>
        <v>2</v>
      </c>
      <c r="S137" s="12">
        <f t="shared" si="75"/>
        <v>1.0609861866589789</v>
      </c>
      <c r="T137" s="12">
        <f t="shared" si="76"/>
        <v>1.4695351264848711</v>
      </c>
      <c r="U137" s="12">
        <f t="shared" si="77"/>
        <v>1.771938814155029</v>
      </c>
      <c r="V137" s="12">
        <f t="shared" si="78"/>
        <v>0.52104102880341097</v>
      </c>
      <c r="W137" s="12">
        <f t="shared" si="84"/>
        <v>0</v>
      </c>
      <c r="X137" s="12">
        <f t="shared" si="79"/>
        <v>-7.0953309908476907E-3</v>
      </c>
      <c r="Y137" s="12">
        <f t="shared" si="80"/>
        <v>-5.875924024232846E-2</v>
      </c>
      <c r="Z137" s="12">
        <f t="shared" si="81"/>
        <v>-9.5984753200240996E-2</v>
      </c>
      <c r="AA137" s="12">
        <f t="shared" si="82"/>
        <v>-2.1476600051355411E-2</v>
      </c>
      <c r="AB137" s="12">
        <f t="shared" si="85"/>
        <v>0</v>
      </c>
      <c r="AC137" s="12">
        <f t="shared" si="86"/>
        <v>0.35742643334928526</v>
      </c>
      <c r="AD137" s="12">
        <f t="shared" si="87"/>
        <v>0.21614800305055445</v>
      </c>
      <c r="AE137" s="12">
        <f t="shared" si="88"/>
        <v>0</v>
      </c>
      <c r="AF137" s="12">
        <f t="shared" si="89"/>
        <v>4.8649177005702177E-2</v>
      </c>
      <c r="AG137" s="12">
        <f t="shared" si="90"/>
        <v>0</v>
      </c>
      <c r="AH137" s="12">
        <f>AC137/SUM(AC$2:AG$366)*Input!$J$5</f>
        <v>366.00870309930343</v>
      </c>
      <c r="AI137" s="12">
        <f>AD137/SUM(AC$2:AG$366)*Input!$J$5</f>
        <v>221.3379954378685</v>
      </c>
      <c r="AJ137" s="12">
        <f>AE137/SUM(AC$2:AG$366)*Input!$J$5</f>
        <v>0</v>
      </c>
      <c r="AK137" s="12">
        <f>AF137/SUM(AC$2:AG$366)*Input!$J$5</f>
        <v>49.817306503755574</v>
      </c>
      <c r="AL137" s="12">
        <f>AG137/SUM(AC$2:AG$366)*Input!$J$5</f>
        <v>0</v>
      </c>
      <c r="AM137" s="12">
        <f t="shared" si="91"/>
        <v>23.912307121802662</v>
      </c>
      <c r="AN137" s="12">
        <f t="shared" si="92"/>
        <v>554.69030542323628</v>
      </c>
      <c r="AO137" s="12">
        <f t="shared" si="93"/>
        <v>39.040928330592365</v>
      </c>
      <c r="AP137" s="12">
        <f t="shared" si="94"/>
        <v>19.520464165296183</v>
      </c>
      <c r="AQ137" s="12">
        <f t="shared" si="95"/>
        <v>0</v>
      </c>
      <c r="AR137" s="11">
        <f t="shared" si="96"/>
        <v>637.16400504092746</v>
      </c>
    </row>
    <row r="138" spans="16:44" x14ac:dyDescent="0.25">
      <c r="P138" s="10">
        <f t="shared" si="97"/>
        <v>45063</v>
      </c>
      <c r="Q138" s="28">
        <v>11.6</v>
      </c>
      <c r="R138" s="28">
        <f t="shared" si="83"/>
        <v>3</v>
      </c>
      <c r="S138" s="12">
        <f t="shared" si="75"/>
        <v>1.0609861866589789</v>
      </c>
      <c r="T138" s="12">
        <f t="shared" si="76"/>
        <v>1.4695351264848711</v>
      </c>
      <c r="U138" s="12">
        <f t="shared" si="77"/>
        <v>1.771938814155029</v>
      </c>
      <c r="V138" s="12">
        <f t="shared" si="78"/>
        <v>2.5404025087253199</v>
      </c>
      <c r="W138" s="12">
        <f t="shared" si="84"/>
        <v>0</v>
      </c>
      <c r="X138" s="12">
        <f t="shared" si="79"/>
        <v>-7.0953309908476907E-3</v>
      </c>
      <c r="Y138" s="12">
        <f t="shared" si="80"/>
        <v>-5.875924024232846E-2</v>
      </c>
      <c r="Z138" s="12">
        <f t="shared" si="81"/>
        <v>-9.5984753200240996E-2</v>
      </c>
      <c r="AA138" s="12">
        <f t="shared" si="82"/>
        <v>-0.17801624965770491</v>
      </c>
      <c r="AB138" s="12">
        <f t="shared" si="85"/>
        <v>0</v>
      </c>
      <c r="AC138" s="12">
        <f t="shared" si="86"/>
        <v>0.36700513018692965</v>
      </c>
      <c r="AD138" s="12">
        <f t="shared" si="87"/>
        <v>0.29547297737769784</v>
      </c>
      <c r="AE138" s="12">
        <f t="shared" si="88"/>
        <v>0</v>
      </c>
      <c r="AF138" s="12">
        <f t="shared" si="89"/>
        <v>0.1188535031739858</v>
      </c>
      <c r="AG138" s="12">
        <f t="shared" si="90"/>
        <v>0</v>
      </c>
      <c r="AH138" s="12">
        <f>AC138/SUM(AC$2:AG$366)*Input!$J$5</f>
        <v>375.81739680467803</v>
      </c>
      <c r="AI138" s="12">
        <f>AD138/SUM(AC$2:AG$366)*Input!$J$5</f>
        <v>302.56766472897817</v>
      </c>
      <c r="AJ138" s="12">
        <f>AE138/SUM(AC$2:AG$366)*Input!$J$5</f>
        <v>0</v>
      </c>
      <c r="AK138" s="12">
        <f>AF138/SUM(AC$2:AG$366)*Input!$J$5</f>
        <v>121.70732910794237</v>
      </c>
      <c r="AL138" s="12">
        <f>AG138/SUM(AC$2:AG$366)*Input!$J$5</f>
        <v>0</v>
      </c>
      <c r="AM138" s="12">
        <f t="shared" si="91"/>
        <v>58.419517971812311</v>
      </c>
      <c r="AN138" s="12">
        <f t="shared" si="92"/>
        <v>681.5420891810378</v>
      </c>
      <c r="AO138" s="12">
        <f t="shared" si="93"/>
        <v>40.087188992498994</v>
      </c>
      <c r="AP138" s="12">
        <f t="shared" si="94"/>
        <v>20.043594496249497</v>
      </c>
      <c r="AQ138" s="12">
        <f t="shared" si="95"/>
        <v>0</v>
      </c>
      <c r="AR138" s="11">
        <f t="shared" si="96"/>
        <v>800.09239064159863</v>
      </c>
    </row>
    <row r="139" spans="16:44" x14ac:dyDescent="0.25">
      <c r="P139" s="10">
        <f t="shared" si="97"/>
        <v>45064</v>
      </c>
      <c r="Q139" s="28">
        <v>11.3</v>
      </c>
      <c r="R139" s="28">
        <f t="shared" si="83"/>
        <v>4</v>
      </c>
      <c r="S139" s="12">
        <f t="shared" si="75"/>
        <v>1.0609861866589789</v>
      </c>
      <c r="T139" s="12">
        <f t="shared" si="76"/>
        <v>1.4695351264848711</v>
      </c>
      <c r="U139" s="12">
        <f t="shared" si="77"/>
        <v>1.771938814155029</v>
      </c>
      <c r="V139" s="12">
        <f t="shared" si="78"/>
        <v>2.5404025087253199</v>
      </c>
      <c r="W139" s="12">
        <f t="shared" si="84"/>
        <v>0</v>
      </c>
      <c r="X139" s="12">
        <f t="shared" si="79"/>
        <v>-7.0953309908476907E-3</v>
      </c>
      <c r="Y139" s="12">
        <f t="shared" si="80"/>
        <v>-5.875924024232846E-2</v>
      </c>
      <c r="Z139" s="12">
        <f t="shared" si="81"/>
        <v>-9.5984753200240996E-2</v>
      </c>
      <c r="AA139" s="12">
        <f t="shared" si="82"/>
        <v>-0.17801624965770491</v>
      </c>
      <c r="AB139" s="12">
        <f t="shared" si="85"/>
        <v>0</v>
      </c>
      <c r="AC139" s="12">
        <f t="shared" si="86"/>
        <v>0.36780335492339999</v>
      </c>
      <c r="AD139" s="12">
        <f t="shared" si="87"/>
        <v>0.30208339190495975</v>
      </c>
      <c r="AE139" s="12">
        <f t="shared" si="88"/>
        <v>0</v>
      </c>
      <c r="AF139" s="12">
        <f t="shared" si="89"/>
        <v>0.13220472189831356</v>
      </c>
      <c r="AG139" s="12">
        <f t="shared" si="90"/>
        <v>0</v>
      </c>
      <c r="AH139" s="12">
        <f>AC139/SUM(AC$2:AG$366)*Input!$J$5</f>
        <v>376.63478794679253</v>
      </c>
      <c r="AI139" s="12">
        <f>AD139/SUM(AC$2:AG$366)*Input!$J$5</f>
        <v>309.33680383657065</v>
      </c>
      <c r="AJ139" s="12">
        <f>AE139/SUM(AC$2:AG$366)*Input!$J$5</f>
        <v>0</v>
      </c>
      <c r="AK139" s="12">
        <f>AF139/SUM(AC$2:AG$366)*Input!$J$5</f>
        <v>135.37912781710773</v>
      </c>
      <c r="AL139" s="12">
        <f>AG139/SUM(AC$2:AG$366)*Input!$J$5</f>
        <v>0</v>
      </c>
      <c r="AM139" s="12">
        <f t="shared" si="91"/>
        <v>64.981981352211676</v>
      </c>
      <c r="AN139" s="12">
        <f t="shared" si="92"/>
        <v>696.10717217677245</v>
      </c>
      <c r="AO139" s="12">
        <f t="shared" si="93"/>
        <v>40.174377380991203</v>
      </c>
      <c r="AP139" s="12">
        <f t="shared" si="94"/>
        <v>20.087188690495601</v>
      </c>
      <c r="AQ139" s="12">
        <f t="shared" si="95"/>
        <v>0</v>
      </c>
      <c r="AR139" s="11">
        <f t="shared" si="96"/>
        <v>821.35071960047094</v>
      </c>
    </row>
    <row r="140" spans="16:44" x14ac:dyDescent="0.25">
      <c r="P140" s="10">
        <f t="shared" si="97"/>
        <v>45065</v>
      </c>
      <c r="Q140" s="28">
        <v>14.8</v>
      </c>
      <c r="R140" s="28">
        <f t="shared" si="83"/>
        <v>5</v>
      </c>
      <c r="S140" s="12">
        <f t="shared" si="75"/>
        <v>1.0609861866589789</v>
      </c>
      <c r="T140" s="12">
        <f t="shared" si="76"/>
        <v>1.4695351264848711</v>
      </c>
      <c r="U140" s="12">
        <f t="shared" si="77"/>
        <v>1.771938814155029</v>
      </c>
      <c r="V140" s="12">
        <f t="shared" si="78"/>
        <v>0.52104102880341097</v>
      </c>
      <c r="W140" s="12">
        <f t="shared" si="84"/>
        <v>0</v>
      </c>
      <c r="X140" s="12">
        <f t="shared" si="79"/>
        <v>-7.0953309908476907E-3</v>
      </c>
      <c r="Y140" s="12">
        <f t="shared" si="80"/>
        <v>-5.875924024232846E-2</v>
      </c>
      <c r="Z140" s="12">
        <f t="shared" si="81"/>
        <v>-9.5984753200240996E-2</v>
      </c>
      <c r="AA140" s="12">
        <f t="shared" si="82"/>
        <v>-2.1476600051355411E-2</v>
      </c>
      <c r="AB140" s="12">
        <f t="shared" si="85"/>
        <v>0</v>
      </c>
      <c r="AC140" s="12">
        <f t="shared" si="86"/>
        <v>0.3584907329979124</v>
      </c>
      <c r="AD140" s="12">
        <f t="shared" si="87"/>
        <v>0.22496188908690368</v>
      </c>
      <c r="AE140" s="12">
        <f t="shared" si="88"/>
        <v>0</v>
      </c>
      <c r="AF140" s="12">
        <f t="shared" si="89"/>
        <v>5.0796837010837717E-2</v>
      </c>
      <c r="AG140" s="12">
        <f t="shared" si="90"/>
        <v>0</v>
      </c>
      <c r="AH140" s="12">
        <f>AC140/SUM(AC$2:AG$366)*Input!$J$5</f>
        <v>367.0985579554561</v>
      </c>
      <c r="AI140" s="12">
        <f>AD140/SUM(AC$2:AG$366)*Input!$J$5</f>
        <v>230.36351424799176</v>
      </c>
      <c r="AJ140" s="12">
        <f>AE140/SUM(AC$2:AG$366)*Input!$J$5</f>
        <v>0</v>
      </c>
      <c r="AK140" s="12">
        <f>AF140/SUM(AC$2:AG$366)*Input!$J$5</f>
        <v>52.016534596127087</v>
      </c>
      <c r="AL140" s="12">
        <f>AG140/SUM(AC$2:AG$366)*Input!$J$5</f>
        <v>0</v>
      </c>
      <c r="AM140" s="12">
        <f t="shared" si="91"/>
        <v>24.967936606140988</v>
      </c>
      <c r="AN140" s="12">
        <f t="shared" si="92"/>
        <v>565.77490092056098</v>
      </c>
      <c r="AO140" s="12">
        <f t="shared" si="93"/>
        <v>39.15717951524865</v>
      </c>
      <c r="AP140" s="12">
        <f t="shared" si="94"/>
        <v>19.578589757624325</v>
      </c>
      <c r="AQ140" s="12">
        <f t="shared" si="95"/>
        <v>0</v>
      </c>
      <c r="AR140" s="11">
        <f t="shared" si="96"/>
        <v>649.47860679957489</v>
      </c>
    </row>
    <row r="141" spans="16:44" x14ac:dyDescent="0.25">
      <c r="P141" s="10">
        <f t="shared" si="97"/>
        <v>45066</v>
      </c>
      <c r="Q141" s="28">
        <v>18</v>
      </c>
      <c r="R141" s="28">
        <f t="shared" si="83"/>
        <v>6</v>
      </c>
      <c r="S141" s="12">
        <f t="shared" si="75"/>
        <v>0.66609297291086311</v>
      </c>
      <c r="T141" s="12">
        <f t="shared" si="76"/>
        <v>0.19607255136472959</v>
      </c>
      <c r="U141" s="12">
        <f t="shared" si="77"/>
        <v>0.65274423464211173</v>
      </c>
      <c r="V141" s="12">
        <f t="shared" si="78"/>
        <v>0.29524473618599389</v>
      </c>
      <c r="W141" s="12">
        <f t="shared" si="84"/>
        <v>0.44487676601187343</v>
      </c>
      <c r="X141" s="12">
        <f t="shared" si="79"/>
        <v>-3.4097042997074749E-4</v>
      </c>
      <c r="Y141" s="12">
        <f t="shared" si="80"/>
        <v>-6.2279477920712143E-4</v>
      </c>
      <c r="Z141" s="12">
        <f t="shared" si="81"/>
        <v>-1.60343007315953E-2</v>
      </c>
      <c r="AA141" s="12">
        <f t="shared" si="82"/>
        <v>-9.762199133681506E-3</v>
      </c>
      <c r="AB141" s="12">
        <f t="shared" si="85"/>
        <v>-1.748296682554611E-2</v>
      </c>
      <c r="AC141" s="12">
        <f t="shared" si="86"/>
        <v>0</v>
      </c>
      <c r="AD141" s="12">
        <f t="shared" si="87"/>
        <v>6.4701785868650497E-2</v>
      </c>
      <c r="AE141" s="12">
        <f t="shared" si="88"/>
        <v>3.1861096878922184E-2</v>
      </c>
      <c r="AF141" s="12">
        <f t="shared" si="89"/>
        <v>2.0916901561452185E-2</v>
      </c>
      <c r="AG141" s="12">
        <f t="shared" si="90"/>
        <v>1.1391044275803799E-2</v>
      </c>
      <c r="AH141" s="12">
        <f>AC141/SUM(AC$2:AG$366)*Input!$J$5</f>
        <v>0</v>
      </c>
      <c r="AI141" s="12">
        <f>AD141/SUM(AC$2:AG$366)*Input!$J$5</f>
        <v>66.255359213602375</v>
      </c>
      <c r="AJ141" s="12">
        <f>AE141/SUM(AC$2:AG$366)*Input!$J$5</f>
        <v>32.62612291626386</v>
      </c>
      <c r="AK141" s="12">
        <f>AF141/SUM(AC$2:AG$366)*Input!$J$5</f>
        <v>21.419143351050138</v>
      </c>
      <c r="AL141" s="12">
        <f>AG141/SUM(AC$2:AG$366)*Input!$J$5</f>
        <v>11.664557943478776</v>
      </c>
      <c r="AM141" s="12">
        <f t="shared" si="91"/>
        <v>11.197975625739632</v>
      </c>
      <c r="AN141" s="12">
        <f t="shared" si="92"/>
        <v>112.81656469302322</v>
      </c>
      <c r="AO141" s="12">
        <f t="shared" si="93"/>
        <v>5.3004287370881897</v>
      </c>
      <c r="AP141" s="12">
        <f t="shared" si="94"/>
        <v>2.6502143685440949</v>
      </c>
      <c r="AQ141" s="12">
        <f t="shared" si="95"/>
        <v>0</v>
      </c>
      <c r="AR141" s="11">
        <f t="shared" si="96"/>
        <v>131.96518342439512</v>
      </c>
    </row>
    <row r="142" spans="16:44" x14ac:dyDescent="0.25">
      <c r="P142" s="10">
        <f t="shared" si="97"/>
        <v>45067</v>
      </c>
      <c r="Q142" s="28">
        <v>20.9</v>
      </c>
      <c r="R142" s="28">
        <f t="shared" si="83"/>
        <v>7</v>
      </c>
      <c r="S142" s="12">
        <f t="shared" si="75"/>
        <v>0.66609297291086311</v>
      </c>
      <c r="T142" s="12">
        <f t="shared" si="76"/>
        <v>0.19607255136472959</v>
      </c>
      <c r="U142" s="12">
        <f t="shared" si="77"/>
        <v>0.65274423464211173</v>
      </c>
      <c r="V142" s="12">
        <f t="shared" si="78"/>
        <v>0.29524473618599389</v>
      </c>
      <c r="W142" s="12">
        <f t="shared" si="84"/>
        <v>0.44487676601187343</v>
      </c>
      <c r="X142" s="12">
        <f t="shared" si="79"/>
        <v>-3.4097042997074749E-4</v>
      </c>
      <c r="Y142" s="12">
        <f t="shared" si="80"/>
        <v>-6.2279477920712143E-4</v>
      </c>
      <c r="Z142" s="12">
        <f t="shared" si="81"/>
        <v>-1.60343007315953E-2</v>
      </c>
      <c r="AA142" s="12">
        <f t="shared" si="82"/>
        <v>-9.762199133681506E-3</v>
      </c>
      <c r="AB142" s="12">
        <f t="shared" si="85"/>
        <v>-1.748296682554611E-2</v>
      </c>
      <c r="AC142" s="12">
        <f t="shared" si="86"/>
        <v>0</v>
      </c>
      <c r="AD142" s="12">
        <f t="shared" si="87"/>
        <v>6.406964916775526E-2</v>
      </c>
      <c r="AE142" s="12">
        <f t="shared" si="88"/>
        <v>2.7792393068279873E-2</v>
      </c>
      <c r="AF142" s="12">
        <f t="shared" si="89"/>
        <v>1.5962585501108826E-2</v>
      </c>
      <c r="AG142" s="12">
        <f t="shared" si="90"/>
        <v>6.9547414438214756E-3</v>
      </c>
      <c r="AH142" s="12">
        <f>AC142/SUM(AC$2:AG$366)*Input!$J$5</f>
        <v>0</v>
      </c>
      <c r="AI142" s="12">
        <f>AD142/SUM(AC$2:AG$366)*Input!$J$5</f>
        <v>65.608044095053103</v>
      </c>
      <c r="AJ142" s="12">
        <f>AE142/SUM(AC$2:AG$366)*Input!$J$5</f>
        <v>28.459724278440888</v>
      </c>
      <c r="AK142" s="12">
        <f>AF142/SUM(AC$2:AG$366)*Input!$J$5</f>
        <v>16.345867770958101</v>
      </c>
      <c r="AL142" s="12">
        <f>AG142/SUM(AC$2:AG$366)*Input!$J$5</f>
        <v>7.1217337576053268</v>
      </c>
      <c r="AM142" s="12">
        <f t="shared" si="91"/>
        <v>6.8368644073011176</v>
      </c>
      <c r="AN142" s="12">
        <f t="shared" si="92"/>
        <v>102.82554020334993</v>
      </c>
      <c r="AO142" s="12">
        <f t="shared" si="93"/>
        <v>5.2486435276042487</v>
      </c>
      <c r="AP142" s="12">
        <f t="shared" si="94"/>
        <v>2.6243217638021243</v>
      </c>
      <c r="AQ142" s="12">
        <f t="shared" si="95"/>
        <v>0</v>
      </c>
      <c r="AR142" s="11">
        <f t="shared" si="96"/>
        <v>117.53536990205743</v>
      </c>
    </row>
    <row r="143" spans="16:44" x14ac:dyDescent="0.25">
      <c r="P143" s="10">
        <f t="shared" si="97"/>
        <v>45068</v>
      </c>
      <c r="Q143" s="28">
        <v>22.3</v>
      </c>
      <c r="R143" s="28">
        <f t="shared" si="83"/>
        <v>1</v>
      </c>
      <c r="S143" s="12">
        <f t="shared" si="75"/>
        <v>1.0609861866589789</v>
      </c>
      <c r="T143" s="12">
        <f t="shared" si="76"/>
        <v>0.67790786498212752</v>
      </c>
      <c r="U143" s="12">
        <f t="shared" si="77"/>
        <v>0.40699471377216029</v>
      </c>
      <c r="V143" s="12">
        <f t="shared" si="78"/>
        <v>0.52104102880341097</v>
      </c>
      <c r="W143" s="12">
        <f t="shared" si="84"/>
        <v>0</v>
      </c>
      <c r="X143" s="12">
        <f t="shared" si="79"/>
        <v>-7.0953309908476907E-3</v>
      </c>
      <c r="Y143" s="12">
        <f t="shared" si="80"/>
        <v>-1.3263420615734021E-2</v>
      </c>
      <c r="Z143" s="12">
        <f t="shared" si="81"/>
        <v>-1.2756454396407539E-2</v>
      </c>
      <c r="AA143" s="12">
        <f t="shared" si="82"/>
        <v>-2.1476600051355411E-2</v>
      </c>
      <c r="AB143" s="12">
        <f t="shared" si="85"/>
        <v>0</v>
      </c>
      <c r="AC143" s="12">
        <f t="shared" si="86"/>
        <v>0.33853511458615326</v>
      </c>
      <c r="AD143" s="12">
        <f t="shared" si="87"/>
        <v>0.14330009446922207</v>
      </c>
      <c r="AE143" s="12">
        <f t="shared" si="88"/>
        <v>0</v>
      </c>
      <c r="AF143" s="12">
        <f t="shared" si="89"/>
        <v>1.0528211914546323E-2</v>
      </c>
      <c r="AG143" s="12">
        <f t="shared" si="90"/>
        <v>0</v>
      </c>
      <c r="AH143" s="12">
        <f>AC143/SUM(AC$2:AG$366)*Input!$J$5</f>
        <v>346.66377940259241</v>
      </c>
      <c r="AI143" s="12">
        <f>AD143/SUM(AC$2:AG$366)*Input!$J$5</f>
        <v>146.74091459663589</v>
      </c>
      <c r="AJ143" s="12">
        <f>AE143/SUM(AC$2:AG$366)*Input!$J$5</f>
        <v>0</v>
      </c>
      <c r="AK143" s="12">
        <f>AF143/SUM(AC$2:AG$366)*Input!$J$5</f>
        <v>10.781007864161202</v>
      </c>
      <c r="AL143" s="12">
        <f>AG143/SUM(AC$2:AG$366)*Input!$J$5</f>
        <v>0</v>
      </c>
      <c r="AM143" s="12">
        <f t="shared" si="91"/>
        <v>5.1748837747973742</v>
      </c>
      <c r="AN143" s="12">
        <f t="shared" si="92"/>
        <v>443.54461338417735</v>
      </c>
      <c r="AO143" s="12">
        <f t="shared" si="93"/>
        <v>36.97746980294319</v>
      </c>
      <c r="AP143" s="12">
        <f t="shared" si="94"/>
        <v>18.488734901471595</v>
      </c>
      <c r="AQ143" s="12">
        <f t="shared" si="95"/>
        <v>0</v>
      </c>
      <c r="AR143" s="11">
        <f t="shared" si="96"/>
        <v>504.18570186338951</v>
      </c>
    </row>
    <row r="144" spans="16:44" x14ac:dyDescent="0.25">
      <c r="P144" s="10">
        <f t="shared" si="97"/>
        <v>45069</v>
      </c>
      <c r="Q144" s="28">
        <v>21.7</v>
      </c>
      <c r="R144" s="28">
        <f t="shared" si="83"/>
        <v>2</v>
      </c>
      <c r="S144" s="12">
        <f t="shared" si="75"/>
        <v>1.0609861866589789</v>
      </c>
      <c r="T144" s="12">
        <f t="shared" si="76"/>
        <v>0.67790786498212752</v>
      </c>
      <c r="U144" s="12">
        <f t="shared" si="77"/>
        <v>0.40699471377216029</v>
      </c>
      <c r="V144" s="12">
        <f t="shared" si="78"/>
        <v>0.52104102880341097</v>
      </c>
      <c r="W144" s="12">
        <f t="shared" si="84"/>
        <v>0</v>
      </c>
      <c r="X144" s="12">
        <f t="shared" si="79"/>
        <v>-7.0953309908476907E-3</v>
      </c>
      <c r="Y144" s="12">
        <f t="shared" si="80"/>
        <v>-1.3263420615734021E-2</v>
      </c>
      <c r="Z144" s="12">
        <f t="shared" si="81"/>
        <v>-1.2756454396407539E-2</v>
      </c>
      <c r="AA144" s="12">
        <f t="shared" si="82"/>
        <v>-2.1476600051355411E-2</v>
      </c>
      <c r="AB144" s="12">
        <f t="shared" si="85"/>
        <v>0</v>
      </c>
      <c r="AC144" s="12">
        <f t="shared" si="86"/>
        <v>0.34013156405909406</v>
      </c>
      <c r="AD144" s="12">
        <f t="shared" si="87"/>
        <v>0.14628436410776222</v>
      </c>
      <c r="AE144" s="12">
        <f t="shared" si="88"/>
        <v>0</v>
      </c>
      <c r="AF144" s="12">
        <f t="shared" si="89"/>
        <v>1.3749701922249641E-2</v>
      </c>
      <c r="AG144" s="12">
        <f t="shared" si="90"/>
        <v>0</v>
      </c>
      <c r="AH144" s="12">
        <f>AC144/SUM(AC$2:AG$366)*Input!$J$5</f>
        <v>348.29856168682159</v>
      </c>
      <c r="AI144" s="12">
        <f>AD144/SUM(AC$2:AG$366)*Input!$J$5</f>
        <v>149.79684039894866</v>
      </c>
      <c r="AJ144" s="12">
        <f>AE144/SUM(AC$2:AG$366)*Input!$J$5</f>
        <v>0</v>
      </c>
      <c r="AK144" s="12">
        <f>AF144/SUM(AC$2:AG$366)*Input!$J$5</f>
        <v>14.079850002718478</v>
      </c>
      <c r="AL144" s="12">
        <f>AG144/SUM(AC$2:AG$366)*Input!$J$5</f>
        <v>0</v>
      </c>
      <c r="AM144" s="12">
        <f t="shared" si="91"/>
        <v>6.7583280013048661</v>
      </c>
      <c r="AN144" s="12">
        <f t="shared" si="92"/>
        <v>449.68915421729236</v>
      </c>
      <c r="AO144" s="12">
        <f t="shared" si="93"/>
        <v>37.151846579927636</v>
      </c>
      <c r="AP144" s="12">
        <f t="shared" si="94"/>
        <v>18.575923289963818</v>
      </c>
      <c r="AQ144" s="12">
        <f t="shared" si="95"/>
        <v>0</v>
      </c>
      <c r="AR144" s="11">
        <f t="shared" si="96"/>
        <v>512.17525208848861</v>
      </c>
    </row>
    <row r="145" spans="16:44" x14ac:dyDescent="0.25">
      <c r="P145" s="10">
        <f t="shared" si="97"/>
        <v>45070</v>
      </c>
      <c r="Q145" s="28">
        <v>18.2</v>
      </c>
      <c r="R145" s="28">
        <f t="shared" si="83"/>
        <v>3</v>
      </c>
      <c r="S145" s="12">
        <f t="shared" si="75"/>
        <v>1.0609861866589789</v>
      </c>
      <c r="T145" s="12">
        <f t="shared" si="76"/>
        <v>0.67790786498212752</v>
      </c>
      <c r="U145" s="12">
        <f t="shared" si="77"/>
        <v>0.40699471377216029</v>
      </c>
      <c r="V145" s="12">
        <f t="shared" si="78"/>
        <v>0.52104102880341097</v>
      </c>
      <c r="W145" s="12">
        <f t="shared" si="84"/>
        <v>0</v>
      </c>
      <c r="X145" s="12">
        <f t="shared" si="79"/>
        <v>-7.0953309908476907E-3</v>
      </c>
      <c r="Y145" s="12">
        <f t="shared" si="80"/>
        <v>-1.3263420615734021E-2</v>
      </c>
      <c r="Z145" s="12">
        <f t="shared" si="81"/>
        <v>-1.2756454396407539E-2</v>
      </c>
      <c r="AA145" s="12">
        <f t="shared" si="82"/>
        <v>-2.1476600051355411E-2</v>
      </c>
      <c r="AB145" s="12">
        <f t="shared" si="85"/>
        <v>0</v>
      </c>
      <c r="AC145" s="12">
        <f t="shared" si="86"/>
        <v>0.3494441859845816</v>
      </c>
      <c r="AD145" s="12">
        <f t="shared" si="87"/>
        <v>0.16369260366591315</v>
      </c>
      <c r="AE145" s="12">
        <f t="shared" si="88"/>
        <v>0</v>
      </c>
      <c r="AF145" s="12">
        <f t="shared" si="89"/>
        <v>3.254172696718563E-2</v>
      </c>
      <c r="AG145" s="12">
        <f t="shared" si="90"/>
        <v>0</v>
      </c>
      <c r="AH145" s="12">
        <f>AC145/SUM(AC$2:AG$366)*Input!$J$5</f>
        <v>357.83479167815796</v>
      </c>
      <c r="AI145" s="12">
        <f>AD145/SUM(AC$2:AG$366)*Input!$J$5</f>
        <v>167.62307424577321</v>
      </c>
      <c r="AJ145" s="12">
        <f>AE145/SUM(AC$2:AG$366)*Input!$J$5</f>
        <v>0</v>
      </c>
      <c r="AK145" s="12">
        <f>AF145/SUM(AC$2:AG$366)*Input!$J$5</f>
        <v>33.323095810969235</v>
      </c>
      <c r="AL145" s="12">
        <f>AG145/SUM(AC$2:AG$366)*Input!$J$5</f>
        <v>0</v>
      </c>
      <c r="AM145" s="12">
        <f t="shared" si="91"/>
        <v>15.995085989265226</v>
      </c>
      <c r="AN145" s="12">
        <f t="shared" si="92"/>
        <v>485.53230907712992</v>
      </c>
      <c r="AO145" s="12">
        <f t="shared" si="93"/>
        <v>38.169044445670181</v>
      </c>
      <c r="AP145" s="12">
        <f t="shared" si="94"/>
        <v>19.084522222835091</v>
      </c>
      <c r="AQ145" s="12">
        <f t="shared" si="95"/>
        <v>0</v>
      </c>
      <c r="AR145" s="11">
        <f t="shared" si="96"/>
        <v>558.78096173490042</v>
      </c>
    </row>
    <row r="146" spans="16:44" x14ac:dyDescent="0.25">
      <c r="P146" s="10">
        <f t="shared" si="97"/>
        <v>45071</v>
      </c>
      <c r="Q146" s="28">
        <v>17.7</v>
      </c>
      <c r="R146" s="28">
        <f t="shared" si="83"/>
        <v>4</v>
      </c>
      <c r="S146" s="12">
        <f t="shared" si="75"/>
        <v>1.0609861866589789</v>
      </c>
      <c r="T146" s="12">
        <f t="shared" si="76"/>
        <v>0.67790786498212752</v>
      </c>
      <c r="U146" s="12">
        <f t="shared" si="77"/>
        <v>0.40699471377216029</v>
      </c>
      <c r="V146" s="12">
        <f t="shared" si="78"/>
        <v>0.52104102880341097</v>
      </c>
      <c r="W146" s="12">
        <f t="shared" si="84"/>
        <v>0</v>
      </c>
      <c r="X146" s="12">
        <f t="shared" si="79"/>
        <v>-7.0953309908476907E-3</v>
      </c>
      <c r="Y146" s="12">
        <f t="shared" si="80"/>
        <v>-1.3263420615734021E-2</v>
      </c>
      <c r="Z146" s="12">
        <f t="shared" si="81"/>
        <v>-1.2756454396407539E-2</v>
      </c>
      <c r="AA146" s="12">
        <f t="shared" si="82"/>
        <v>-2.1476600051355411E-2</v>
      </c>
      <c r="AB146" s="12">
        <f t="shared" si="85"/>
        <v>0</v>
      </c>
      <c r="AC146" s="12">
        <f t="shared" si="86"/>
        <v>0.3507745605453656</v>
      </c>
      <c r="AD146" s="12">
        <f t="shared" si="87"/>
        <v>0.16617949503136326</v>
      </c>
      <c r="AE146" s="12">
        <f t="shared" si="88"/>
        <v>0</v>
      </c>
      <c r="AF146" s="12">
        <f t="shared" si="89"/>
        <v>3.5226301973605045E-2</v>
      </c>
      <c r="AG146" s="12">
        <f t="shared" si="90"/>
        <v>0</v>
      </c>
      <c r="AH146" s="12">
        <f>AC146/SUM(AC$2:AG$366)*Input!$J$5</f>
        <v>359.19711024834891</v>
      </c>
      <c r="AI146" s="12">
        <f>AD146/SUM(AC$2:AG$366)*Input!$J$5</f>
        <v>170.16967908103382</v>
      </c>
      <c r="AJ146" s="12">
        <f>AE146/SUM(AC$2:AG$366)*Input!$J$5</f>
        <v>0</v>
      </c>
      <c r="AK146" s="12">
        <f>AF146/SUM(AC$2:AG$366)*Input!$J$5</f>
        <v>36.072130926433616</v>
      </c>
      <c r="AL146" s="12">
        <f>AG146/SUM(AC$2:AG$366)*Input!$J$5</f>
        <v>0</v>
      </c>
      <c r="AM146" s="12">
        <f t="shared" si="91"/>
        <v>17.314622844688127</v>
      </c>
      <c r="AN146" s="12">
        <f t="shared" si="92"/>
        <v>490.65275977139237</v>
      </c>
      <c r="AO146" s="12">
        <f t="shared" si="93"/>
        <v>38.31435842649055</v>
      </c>
      <c r="AP146" s="12">
        <f t="shared" si="94"/>
        <v>19.157179213245275</v>
      </c>
      <c r="AQ146" s="12">
        <f t="shared" si="95"/>
        <v>0</v>
      </c>
      <c r="AR146" s="11">
        <f t="shared" si="96"/>
        <v>565.43892025581636</v>
      </c>
    </row>
    <row r="147" spans="16:44" x14ac:dyDescent="0.25">
      <c r="P147" s="10">
        <f t="shared" si="97"/>
        <v>45072</v>
      </c>
      <c r="Q147" s="28">
        <v>18.899999999999999</v>
      </c>
      <c r="R147" s="28">
        <f t="shared" si="83"/>
        <v>5</v>
      </c>
      <c r="S147" s="12">
        <f t="shared" si="75"/>
        <v>1.0609861866589789</v>
      </c>
      <c r="T147" s="12">
        <f t="shared" si="76"/>
        <v>0.67790786498212752</v>
      </c>
      <c r="U147" s="12">
        <f t="shared" si="77"/>
        <v>0.40699471377216029</v>
      </c>
      <c r="V147" s="12">
        <f t="shared" si="78"/>
        <v>0.52104102880341097</v>
      </c>
      <c r="W147" s="12">
        <f t="shared" si="84"/>
        <v>0</v>
      </c>
      <c r="X147" s="12">
        <f t="shared" si="79"/>
        <v>-7.0953309908476907E-3</v>
      </c>
      <c r="Y147" s="12">
        <f t="shared" si="80"/>
        <v>-1.3263420615734021E-2</v>
      </c>
      <c r="Z147" s="12">
        <f t="shared" si="81"/>
        <v>-1.2756454396407539E-2</v>
      </c>
      <c r="AA147" s="12">
        <f t="shared" si="82"/>
        <v>-2.1476600051355411E-2</v>
      </c>
      <c r="AB147" s="12">
        <f t="shared" si="85"/>
        <v>0</v>
      </c>
      <c r="AC147" s="12">
        <f t="shared" si="86"/>
        <v>0.34758166159948412</v>
      </c>
      <c r="AD147" s="12">
        <f t="shared" si="87"/>
        <v>0.16021095575428296</v>
      </c>
      <c r="AE147" s="12">
        <f t="shared" si="88"/>
        <v>0</v>
      </c>
      <c r="AF147" s="12">
        <f t="shared" si="89"/>
        <v>2.8783321958198424E-2</v>
      </c>
      <c r="AG147" s="12">
        <f t="shared" si="90"/>
        <v>0</v>
      </c>
      <c r="AH147" s="12">
        <f>AC147/SUM(AC$2:AG$366)*Input!$J$5</f>
        <v>355.92754567989067</v>
      </c>
      <c r="AI147" s="12">
        <f>AD147/SUM(AC$2:AG$366)*Input!$J$5</f>
        <v>164.05782747640831</v>
      </c>
      <c r="AJ147" s="12">
        <f>AE147/SUM(AC$2:AG$366)*Input!$J$5</f>
        <v>0</v>
      </c>
      <c r="AK147" s="12">
        <f>AF147/SUM(AC$2:AG$366)*Input!$J$5</f>
        <v>29.474446649319074</v>
      </c>
      <c r="AL147" s="12">
        <f>AG147/SUM(AC$2:AG$366)*Input!$J$5</f>
        <v>0</v>
      </c>
      <c r="AM147" s="12">
        <f t="shared" si="91"/>
        <v>14.147734391673149</v>
      </c>
      <c r="AN147" s="12">
        <f t="shared" si="92"/>
        <v>478.36367810516236</v>
      </c>
      <c r="AO147" s="12">
        <f t="shared" si="93"/>
        <v>37.965604872521673</v>
      </c>
      <c r="AP147" s="12">
        <f t="shared" si="94"/>
        <v>18.982802436260837</v>
      </c>
      <c r="AQ147" s="12">
        <f t="shared" si="95"/>
        <v>0</v>
      </c>
      <c r="AR147" s="11">
        <f t="shared" si="96"/>
        <v>549.45981980561805</v>
      </c>
    </row>
    <row r="148" spans="16:44" x14ac:dyDescent="0.25">
      <c r="P148" s="10">
        <f t="shared" si="97"/>
        <v>45073</v>
      </c>
      <c r="Q148" s="28">
        <v>18.600000000000001</v>
      </c>
      <c r="R148" s="28">
        <f t="shared" si="83"/>
        <v>6</v>
      </c>
      <c r="S148" s="12">
        <f t="shared" si="75"/>
        <v>0.66609297291086311</v>
      </c>
      <c r="T148" s="12">
        <f t="shared" si="76"/>
        <v>0.19607255136472959</v>
      </c>
      <c r="U148" s="12">
        <f t="shared" si="77"/>
        <v>0.65274423464211173</v>
      </c>
      <c r="V148" s="12">
        <f t="shared" si="78"/>
        <v>0.29524473618599389</v>
      </c>
      <c r="W148" s="12">
        <f t="shared" si="84"/>
        <v>0.44487676601187343</v>
      </c>
      <c r="X148" s="12">
        <f t="shared" si="79"/>
        <v>-3.4097042997074749E-4</v>
      </c>
      <c r="Y148" s="12">
        <f t="shared" si="80"/>
        <v>-6.2279477920712143E-4</v>
      </c>
      <c r="Z148" s="12">
        <f t="shared" si="81"/>
        <v>-1.60343007315953E-2</v>
      </c>
      <c r="AA148" s="12">
        <f t="shared" si="82"/>
        <v>-9.762199133681506E-3</v>
      </c>
      <c r="AB148" s="12">
        <f t="shared" si="85"/>
        <v>-1.748296682554611E-2</v>
      </c>
      <c r="AC148" s="12">
        <f t="shared" si="86"/>
        <v>0</v>
      </c>
      <c r="AD148" s="12">
        <f t="shared" si="87"/>
        <v>6.4570998965016987E-2</v>
      </c>
      <c r="AE148" s="12">
        <f t="shared" si="88"/>
        <v>3.1019296090513421E-2</v>
      </c>
      <c r="AF148" s="12">
        <f t="shared" si="89"/>
        <v>1.9891870652415627E-2</v>
      </c>
      <c r="AG148" s="12">
        <f t="shared" si="90"/>
        <v>1.0473188517462626E-2</v>
      </c>
      <c r="AH148" s="12">
        <f>AC148/SUM(AC$2:AG$366)*Input!$J$5</f>
        <v>0</v>
      </c>
      <c r="AI148" s="12">
        <f>AD148/SUM(AC$2:AG$366)*Input!$J$5</f>
        <v>66.121431947695626</v>
      </c>
      <c r="AJ148" s="12">
        <f>AE148/SUM(AC$2:AG$366)*Input!$J$5</f>
        <v>31.76410940499013</v>
      </c>
      <c r="AK148" s="12">
        <f>AF148/SUM(AC$2:AG$366)*Input!$J$5</f>
        <v>20.369500127582821</v>
      </c>
      <c r="AL148" s="12">
        <f>AG148/SUM(AC$2:AG$366)*Input!$J$5</f>
        <v>10.724663284332543</v>
      </c>
      <c r="AM148" s="12">
        <f t="shared" si="91"/>
        <v>10.295676752959247</v>
      </c>
      <c r="AN148" s="12">
        <f t="shared" si="92"/>
        <v>110.7494561779184</v>
      </c>
      <c r="AO148" s="12">
        <f t="shared" si="93"/>
        <v>5.2897145558156504</v>
      </c>
      <c r="AP148" s="12">
        <f t="shared" si="94"/>
        <v>2.6448572779078252</v>
      </c>
      <c r="AQ148" s="12">
        <f t="shared" si="95"/>
        <v>0</v>
      </c>
      <c r="AR148" s="11">
        <f t="shared" si="96"/>
        <v>128.97970476460114</v>
      </c>
    </row>
    <row r="149" spans="16:44" x14ac:dyDescent="0.25">
      <c r="P149" s="10">
        <f t="shared" si="97"/>
        <v>45074</v>
      </c>
      <c r="Q149" s="28">
        <v>18.3</v>
      </c>
      <c r="R149" s="28">
        <f t="shared" si="83"/>
        <v>7</v>
      </c>
      <c r="S149" s="12">
        <f t="shared" si="75"/>
        <v>0.66609297291086311</v>
      </c>
      <c r="T149" s="12">
        <f t="shared" si="76"/>
        <v>0.19607255136472959</v>
      </c>
      <c r="U149" s="12">
        <f t="shared" si="77"/>
        <v>0.65274423464211173</v>
      </c>
      <c r="V149" s="12">
        <f t="shared" si="78"/>
        <v>0.29524473618599389</v>
      </c>
      <c r="W149" s="12">
        <f t="shared" si="84"/>
        <v>0.44487676601187343</v>
      </c>
      <c r="X149" s="12">
        <f t="shared" si="79"/>
        <v>-3.4097042997074749E-4</v>
      </c>
      <c r="Y149" s="12">
        <f t="shared" si="80"/>
        <v>-6.2279477920712143E-4</v>
      </c>
      <c r="Z149" s="12">
        <f t="shared" si="81"/>
        <v>-1.60343007315953E-2</v>
      </c>
      <c r="AA149" s="12">
        <f t="shared" si="82"/>
        <v>-9.762199133681506E-3</v>
      </c>
      <c r="AB149" s="12">
        <f t="shared" si="85"/>
        <v>-1.748296682554611E-2</v>
      </c>
      <c r="AC149" s="12">
        <f t="shared" si="86"/>
        <v>0</v>
      </c>
      <c r="AD149" s="12">
        <f t="shared" si="87"/>
        <v>6.4636392416833735E-2</v>
      </c>
      <c r="AE149" s="12">
        <f t="shared" si="88"/>
        <v>3.1440196484717797E-2</v>
      </c>
      <c r="AF149" s="12">
        <f t="shared" si="89"/>
        <v>2.0404386106933906E-2</v>
      </c>
      <c r="AG149" s="12">
        <f t="shared" si="90"/>
        <v>1.0932116396633215E-2</v>
      </c>
      <c r="AH149" s="12">
        <f>AC149/SUM(AC$2:AG$366)*Input!$J$5</f>
        <v>0</v>
      </c>
      <c r="AI149" s="12">
        <f>AD149/SUM(AC$2:AG$366)*Input!$J$5</f>
        <v>66.188395580649001</v>
      </c>
      <c r="AJ149" s="12">
        <f>AE149/SUM(AC$2:AG$366)*Input!$J$5</f>
        <v>32.195116160626988</v>
      </c>
      <c r="AK149" s="12">
        <f>AF149/SUM(AC$2:AG$366)*Input!$J$5</f>
        <v>20.894321739316478</v>
      </c>
      <c r="AL149" s="12">
        <f>AG149/SUM(AC$2:AG$366)*Input!$J$5</f>
        <v>11.19461061390566</v>
      </c>
      <c r="AM149" s="12">
        <f t="shared" si="91"/>
        <v>10.74682618934944</v>
      </c>
      <c r="AN149" s="12">
        <f t="shared" si="92"/>
        <v>111.7830104354708</v>
      </c>
      <c r="AO149" s="12">
        <f t="shared" si="93"/>
        <v>5.2950716464519205</v>
      </c>
      <c r="AP149" s="12">
        <f t="shared" si="94"/>
        <v>2.6475358232259603</v>
      </c>
      <c r="AQ149" s="12">
        <f t="shared" si="95"/>
        <v>0</v>
      </c>
      <c r="AR149" s="11">
        <f t="shared" si="96"/>
        <v>130.47244409449812</v>
      </c>
    </row>
    <row r="150" spans="16:44" x14ac:dyDescent="0.25">
      <c r="P150" s="10">
        <f t="shared" si="97"/>
        <v>45075</v>
      </c>
      <c r="Q150" s="28">
        <v>19.600000000000001</v>
      </c>
      <c r="R150" s="28">
        <f t="shared" si="83"/>
        <v>1</v>
      </c>
      <c r="S150" s="12">
        <f t="shared" si="75"/>
        <v>1.0609861866589789</v>
      </c>
      <c r="T150" s="12">
        <f t="shared" si="76"/>
        <v>0.67790786498212752</v>
      </c>
      <c r="U150" s="12">
        <f t="shared" si="77"/>
        <v>0.40699471377216029</v>
      </c>
      <c r="V150" s="12">
        <f t="shared" si="78"/>
        <v>0.52104102880341097</v>
      </c>
      <c r="W150" s="12">
        <f t="shared" si="84"/>
        <v>0</v>
      </c>
      <c r="X150" s="12">
        <f t="shared" si="79"/>
        <v>-7.0953309908476907E-3</v>
      </c>
      <c r="Y150" s="12">
        <f t="shared" si="80"/>
        <v>-1.3263420615734021E-2</v>
      </c>
      <c r="Z150" s="12">
        <f t="shared" si="81"/>
        <v>-1.2756454396407539E-2</v>
      </c>
      <c r="AA150" s="12">
        <f t="shared" si="82"/>
        <v>-2.1476600051355411E-2</v>
      </c>
      <c r="AB150" s="12">
        <f t="shared" si="85"/>
        <v>0</v>
      </c>
      <c r="AC150" s="12">
        <f t="shared" si="86"/>
        <v>0.34571913721438657</v>
      </c>
      <c r="AD150" s="12">
        <f t="shared" si="87"/>
        <v>0.15672930784265277</v>
      </c>
      <c r="AE150" s="12">
        <f t="shared" si="88"/>
        <v>0</v>
      </c>
      <c r="AF150" s="12">
        <f t="shared" si="89"/>
        <v>2.5024916949211218E-2</v>
      </c>
      <c r="AG150" s="12">
        <f t="shared" si="90"/>
        <v>0</v>
      </c>
      <c r="AH150" s="12">
        <f>AC150/SUM(AC$2:AG$366)*Input!$J$5</f>
        <v>354.02029968162338</v>
      </c>
      <c r="AI150" s="12">
        <f>AD150/SUM(AC$2:AG$366)*Input!$J$5</f>
        <v>160.49258070704337</v>
      </c>
      <c r="AJ150" s="12">
        <f>AE150/SUM(AC$2:AG$366)*Input!$J$5</f>
        <v>0</v>
      </c>
      <c r="AK150" s="12">
        <f>AF150/SUM(AC$2:AG$366)*Input!$J$5</f>
        <v>25.625797487668915</v>
      </c>
      <c r="AL150" s="12">
        <f>AG150/SUM(AC$2:AG$366)*Input!$J$5</f>
        <v>0</v>
      </c>
      <c r="AM150" s="12">
        <f t="shared" si="91"/>
        <v>12.300382794081074</v>
      </c>
      <c r="AN150" s="12">
        <f t="shared" si="92"/>
        <v>471.19504713319486</v>
      </c>
      <c r="AO150" s="12">
        <f t="shared" si="93"/>
        <v>37.762165299373166</v>
      </c>
      <c r="AP150" s="12">
        <f t="shared" si="94"/>
        <v>18.881082649686583</v>
      </c>
      <c r="AQ150" s="12">
        <f t="shared" si="95"/>
        <v>0</v>
      </c>
      <c r="AR150" s="11">
        <f t="shared" si="96"/>
        <v>540.13867787633569</v>
      </c>
    </row>
    <row r="151" spans="16:44" x14ac:dyDescent="0.25">
      <c r="P151" s="10">
        <f t="shared" si="97"/>
        <v>45076</v>
      </c>
      <c r="Q151" s="28">
        <v>20.399999999999999</v>
      </c>
      <c r="R151" s="28">
        <f t="shared" si="83"/>
        <v>2</v>
      </c>
      <c r="S151" s="12">
        <f t="shared" si="75"/>
        <v>1.0609861866589789</v>
      </c>
      <c r="T151" s="12">
        <f t="shared" si="76"/>
        <v>0.67790786498212752</v>
      </c>
      <c r="U151" s="12">
        <f t="shared" si="77"/>
        <v>0.40699471377216029</v>
      </c>
      <c r="V151" s="12">
        <f t="shared" si="78"/>
        <v>0.52104102880341097</v>
      </c>
      <c r="W151" s="12">
        <f t="shared" si="84"/>
        <v>0</v>
      </c>
      <c r="X151" s="12">
        <f t="shared" si="79"/>
        <v>-7.0953309908476907E-3</v>
      </c>
      <c r="Y151" s="12">
        <f t="shared" si="80"/>
        <v>-1.3263420615734021E-2</v>
      </c>
      <c r="Z151" s="12">
        <f t="shared" si="81"/>
        <v>-1.2756454396407539E-2</v>
      </c>
      <c r="AA151" s="12">
        <f t="shared" si="82"/>
        <v>-2.1476600051355411E-2</v>
      </c>
      <c r="AB151" s="12">
        <f t="shared" si="85"/>
        <v>0</v>
      </c>
      <c r="AC151" s="12">
        <f t="shared" si="86"/>
        <v>0.34359053791713229</v>
      </c>
      <c r="AD151" s="12">
        <f t="shared" si="87"/>
        <v>0.15275028165793256</v>
      </c>
      <c r="AE151" s="12">
        <f t="shared" si="88"/>
        <v>0</v>
      </c>
      <c r="AF151" s="12">
        <f t="shared" si="89"/>
        <v>2.0729596938940151E-2</v>
      </c>
      <c r="AG151" s="12">
        <f t="shared" si="90"/>
        <v>0</v>
      </c>
      <c r="AH151" s="12">
        <f>AC151/SUM(AC$2:AG$366)*Input!$J$5</f>
        <v>351.84058996931793</v>
      </c>
      <c r="AI151" s="12">
        <f>AD151/SUM(AC$2:AG$366)*Input!$J$5</f>
        <v>156.41801297062634</v>
      </c>
      <c r="AJ151" s="12">
        <f>AE151/SUM(AC$2:AG$366)*Input!$J$5</f>
        <v>0</v>
      </c>
      <c r="AK151" s="12">
        <f>AF151/SUM(AC$2:AG$366)*Input!$J$5</f>
        <v>21.2273413029259</v>
      </c>
      <c r="AL151" s="12">
        <f>AG151/SUM(AC$2:AG$366)*Input!$J$5</f>
        <v>0</v>
      </c>
      <c r="AM151" s="12">
        <f t="shared" si="91"/>
        <v>10.189123825404428</v>
      </c>
      <c r="AN151" s="12">
        <f t="shared" si="92"/>
        <v>463.00232602237486</v>
      </c>
      <c r="AO151" s="12">
        <f t="shared" si="93"/>
        <v>37.529662930060582</v>
      </c>
      <c r="AP151" s="12">
        <f t="shared" si="94"/>
        <v>18.764831465030291</v>
      </c>
      <c r="AQ151" s="12">
        <f t="shared" si="95"/>
        <v>0</v>
      </c>
      <c r="AR151" s="11">
        <f t="shared" si="96"/>
        <v>529.48594424287012</v>
      </c>
    </row>
    <row r="152" spans="16:44" x14ac:dyDescent="0.25">
      <c r="P152" s="10">
        <f t="shared" si="97"/>
        <v>45077</v>
      </c>
      <c r="Q152" s="28">
        <v>20.399999999999999</v>
      </c>
      <c r="R152" s="28">
        <f t="shared" si="83"/>
        <v>3</v>
      </c>
      <c r="S152" s="12">
        <f t="shared" si="75"/>
        <v>1.0609861866589789</v>
      </c>
      <c r="T152" s="12">
        <f t="shared" si="76"/>
        <v>0.67790786498212752</v>
      </c>
      <c r="U152" s="12">
        <f t="shared" si="77"/>
        <v>0.40699471377216029</v>
      </c>
      <c r="V152" s="12">
        <f t="shared" si="78"/>
        <v>0.52104102880341097</v>
      </c>
      <c r="W152" s="12">
        <f t="shared" si="84"/>
        <v>0</v>
      </c>
      <c r="X152" s="12">
        <f t="shared" si="79"/>
        <v>-7.0953309908476907E-3</v>
      </c>
      <c r="Y152" s="12">
        <f t="shared" si="80"/>
        <v>-1.3263420615734021E-2</v>
      </c>
      <c r="Z152" s="12">
        <f t="shared" si="81"/>
        <v>-1.2756454396407539E-2</v>
      </c>
      <c r="AA152" s="12">
        <f t="shared" si="82"/>
        <v>-2.1476600051355411E-2</v>
      </c>
      <c r="AB152" s="12">
        <f t="shared" si="85"/>
        <v>0</v>
      </c>
      <c r="AC152" s="12">
        <f t="shared" si="86"/>
        <v>0.34359053791713229</v>
      </c>
      <c r="AD152" s="12">
        <f t="shared" si="87"/>
        <v>0.15275028165793256</v>
      </c>
      <c r="AE152" s="12">
        <f t="shared" si="88"/>
        <v>0</v>
      </c>
      <c r="AF152" s="12">
        <f t="shared" si="89"/>
        <v>2.0729596938940151E-2</v>
      </c>
      <c r="AG152" s="12">
        <f t="shared" si="90"/>
        <v>0</v>
      </c>
      <c r="AH152" s="12">
        <f>AC152/SUM(AC$2:AG$366)*Input!$J$5</f>
        <v>351.84058996931793</v>
      </c>
      <c r="AI152" s="12">
        <f>AD152/SUM(AC$2:AG$366)*Input!$J$5</f>
        <v>156.41801297062634</v>
      </c>
      <c r="AJ152" s="12">
        <f>AE152/SUM(AC$2:AG$366)*Input!$J$5</f>
        <v>0</v>
      </c>
      <c r="AK152" s="12">
        <f>AF152/SUM(AC$2:AG$366)*Input!$J$5</f>
        <v>21.2273413029259</v>
      </c>
      <c r="AL152" s="12">
        <f>AG152/SUM(AC$2:AG$366)*Input!$J$5</f>
        <v>0</v>
      </c>
      <c r="AM152" s="12">
        <f t="shared" si="91"/>
        <v>10.189123825404428</v>
      </c>
      <c r="AN152" s="12">
        <f t="shared" si="92"/>
        <v>463.00232602237486</v>
      </c>
      <c r="AO152" s="12">
        <f t="shared" si="93"/>
        <v>37.529662930060582</v>
      </c>
      <c r="AP152" s="12">
        <f t="shared" si="94"/>
        <v>18.764831465030291</v>
      </c>
      <c r="AQ152" s="12">
        <f t="shared" si="95"/>
        <v>0</v>
      </c>
      <c r="AR152" s="11">
        <f t="shared" si="96"/>
        <v>529.48594424287012</v>
      </c>
    </row>
    <row r="153" spans="16:44" x14ac:dyDescent="0.25">
      <c r="P153" s="10">
        <f t="shared" si="97"/>
        <v>45078</v>
      </c>
      <c r="Q153" s="28">
        <v>21</v>
      </c>
      <c r="R153" s="28">
        <f t="shared" si="83"/>
        <v>4</v>
      </c>
      <c r="S153" s="12">
        <f t="shared" si="75"/>
        <v>1.0609861866589789</v>
      </c>
      <c r="T153" s="12">
        <f t="shared" si="76"/>
        <v>0.67790786498212752</v>
      </c>
      <c r="U153" s="12">
        <f t="shared" si="77"/>
        <v>0.40699471377216029</v>
      </c>
      <c r="V153" s="12">
        <f t="shared" si="78"/>
        <v>0.52104102880341097</v>
      </c>
      <c r="W153" s="12">
        <f t="shared" si="84"/>
        <v>0</v>
      </c>
      <c r="X153" s="12">
        <f t="shared" si="79"/>
        <v>-7.0953309908476907E-3</v>
      </c>
      <c r="Y153" s="12">
        <f t="shared" si="80"/>
        <v>-1.3263420615734021E-2</v>
      </c>
      <c r="Z153" s="12">
        <f t="shared" si="81"/>
        <v>-1.2756454396407539E-2</v>
      </c>
      <c r="AA153" s="12">
        <f t="shared" si="82"/>
        <v>-2.1476600051355411E-2</v>
      </c>
      <c r="AB153" s="12">
        <f t="shared" si="85"/>
        <v>0</v>
      </c>
      <c r="AC153" s="12">
        <f t="shared" si="86"/>
        <v>0.34199408844419155</v>
      </c>
      <c r="AD153" s="12">
        <f t="shared" si="87"/>
        <v>0.14976601201939241</v>
      </c>
      <c r="AE153" s="12">
        <f t="shared" si="88"/>
        <v>0</v>
      </c>
      <c r="AF153" s="12">
        <f t="shared" si="89"/>
        <v>1.7508106931236833E-2</v>
      </c>
      <c r="AG153" s="12">
        <f t="shared" si="90"/>
        <v>0</v>
      </c>
      <c r="AH153" s="12">
        <f>AC153/SUM(AC$2:AG$366)*Input!$J$5</f>
        <v>350.20580768508887</v>
      </c>
      <c r="AI153" s="12">
        <f>AD153/SUM(AC$2:AG$366)*Input!$J$5</f>
        <v>153.36208716831356</v>
      </c>
      <c r="AJ153" s="12">
        <f>AE153/SUM(AC$2:AG$366)*Input!$J$5</f>
        <v>0</v>
      </c>
      <c r="AK153" s="12">
        <f>AF153/SUM(AC$2:AG$366)*Input!$J$5</f>
        <v>17.928499164368624</v>
      </c>
      <c r="AL153" s="12">
        <f>AG153/SUM(AC$2:AG$366)*Input!$J$5</f>
        <v>0</v>
      </c>
      <c r="AM153" s="12">
        <f t="shared" si="91"/>
        <v>8.6056795988969359</v>
      </c>
      <c r="AN153" s="12">
        <f t="shared" si="92"/>
        <v>456.85778518925986</v>
      </c>
      <c r="AO153" s="12">
        <f t="shared" si="93"/>
        <v>37.35528615307615</v>
      </c>
      <c r="AP153" s="12">
        <f t="shared" si="94"/>
        <v>18.677643076538075</v>
      </c>
      <c r="AQ153" s="12">
        <f t="shared" si="95"/>
        <v>0</v>
      </c>
      <c r="AR153" s="11">
        <f t="shared" si="96"/>
        <v>521.49639401777097</v>
      </c>
    </row>
    <row r="154" spans="16:44" x14ac:dyDescent="0.25">
      <c r="P154" s="10">
        <f t="shared" si="97"/>
        <v>45079</v>
      </c>
      <c r="Q154" s="28">
        <v>21.7</v>
      </c>
      <c r="R154" s="28">
        <f t="shared" si="83"/>
        <v>5</v>
      </c>
      <c r="S154" s="12">
        <f t="shared" si="75"/>
        <v>1.0609861866589789</v>
      </c>
      <c r="T154" s="12">
        <f t="shared" si="76"/>
        <v>0.67790786498212752</v>
      </c>
      <c r="U154" s="12">
        <f t="shared" si="77"/>
        <v>0.40699471377216029</v>
      </c>
      <c r="V154" s="12">
        <f t="shared" si="78"/>
        <v>0.52104102880341097</v>
      </c>
      <c r="W154" s="12">
        <f t="shared" si="84"/>
        <v>0</v>
      </c>
      <c r="X154" s="12">
        <f t="shared" si="79"/>
        <v>-7.0953309908476907E-3</v>
      </c>
      <c r="Y154" s="12">
        <f t="shared" si="80"/>
        <v>-1.3263420615734021E-2</v>
      </c>
      <c r="Z154" s="12">
        <f t="shared" si="81"/>
        <v>-1.2756454396407539E-2</v>
      </c>
      <c r="AA154" s="12">
        <f t="shared" si="82"/>
        <v>-2.1476600051355411E-2</v>
      </c>
      <c r="AB154" s="12">
        <f t="shared" si="85"/>
        <v>0</v>
      </c>
      <c r="AC154" s="12">
        <f t="shared" si="86"/>
        <v>0.34013156405909406</v>
      </c>
      <c r="AD154" s="12">
        <f t="shared" si="87"/>
        <v>0.14628436410776222</v>
      </c>
      <c r="AE154" s="12">
        <f t="shared" si="88"/>
        <v>0</v>
      </c>
      <c r="AF154" s="12">
        <f t="shared" si="89"/>
        <v>1.3749701922249641E-2</v>
      </c>
      <c r="AG154" s="12">
        <f t="shared" si="90"/>
        <v>0</v>
      </c>
      <c r="AH154" s="12">
        <f>AC154/SUM(AC$2:AG$366)*Input!$J$5</f>
        <v>348.29856168682159</v>
      </c>
      <c r="AI154" s="12">
        <f>AD154/SUM(AC$2:AG$366)*Input!$J$5</f>
        <v>149.79684039894866</v>
      </c>
      <c r="AJ154" s="12">
        <f>AE154/SUM(AC$2:AG$366)*Input!$J$5</f>
        <v>0</v>
      </c>
      <c r="AK154" s="12">
        <f>AF154/SUM(AC$2:AG$366)*Input!$J$5</f>
        <v>14.079850002718478</v>
      </c>
      <c r="AL154" s="12">
        <f>AG154/SUM(AC$2:AG$366)*Input!$J$5</f>
        <v>0</v>
      </c>
      <c r="AM154" s="12">
        <f t="shared" si="91"/>
        <v>6.7583280013048661</v>
      </c>
      <c r="AN154" s="12">
        <f t="shared" si="92"/>
        <v>449.68915421729236</v>
      </c>
      <c r="AO154" s="12">
        <f t="shared" si="93"/>
        <v>37.151846579927636</v>
      </c>
      <c r="AP154" s="12">
        <f t="shared" si="94"/>
        <v>18.575923289963818</v>
      </c>
      <c r="AQ154" s="12">
        <f t="shared" si="95"/>
        <v>0</v>
      </c>
      <c r="AR154" s="11">
        <f t="shared" si="96"/>
        <v>512.17525208848861</v>
      </c>
    </row>
    <row r="155" spans="16:44" x14ac:dyDescent="0.25">
      <c r="P155" s="10">
        <f t="shared" si="97"/>
        <v>45080</v>
      </c>
      <c r="Q155" s="28">
        <v>17.7</v>
      </c>
      <c r="R155" s="28">
        <f t="shared" si="83"/>
        <v>6</v>
      </c>
      <c r="S155" s="12">
        <f t="shared" si="75"/>
        <v>0.88136675487947747</v>
      </c>
      <c r="T155" s="12">
        <f t="shared" si="76"/>
        <v>0.19607255136472959</v>
      </c>
      <c r="U155" s="12">
        <f t="shared" si="77"/>
        <v>0.65274423464211173</v>
      </c>
      <c r="V155" s="12">
        <f t="shared" si="78"/>
        <v>0.29524473618599389</v>
      </c>
      <c r="W155" s="12">
        <f t="shared" si="84"/>
        <v>0.44487676601187343</v>
      </c>
      <c r="X155" s="12">
        <f t="shared" si="79"/>
        <v>-1.236743869637378E-2</v>
      </c>
      <c r="Y155" s="12">
        <f t="shared" si="80"/>
        <v>-6.2279477920712143E-4</v>
      </c>
      <c r="Z155" s="12">
        <f t="shared" si="81"/>
        <v>-1.60343007315953E-2</v>
      </c>
      <c r="AA155" s="12">
        <f t="shared" si="82"/>
        <v>-9.762199133681506E-3</v>
      </c>
      <c r="AB155" s="12">
        <f t="shared" si="85"/>
        <v>-1.748296682554611E-2</v>
      </c>
      <c r="AC155" s="12">
        <f t="shared" si="86"/>
        <v>0</v>
      </c>
      <c r="AD155" s="12">
        <f t="shared" si="87"/>
        <v>6.4767179320467244E-2</v>
      </c>
      <c r="AE155" s="12">
        <f t="shared" si="88"/>
        <v>3.2281997273126556E-2</v>
      </c>
      <c r="AF155" s="12">
        <f t="shared" si="89"/>
        <v>2.1429417015970467E-2</v>
      </c>
      <c r="AG155" s="12">
        <f t="shared" si="90"/>
        <v>1.1849972154974388E-2</v>
      </c>
      <c r="AH155" s="12">
        <f>AC155/SUM(AC$2:AG$366)*Input!$J$5</f>
        <v>0</v>
      </c>
      <c r="AI155" s="12">
        <f>AD155/SUM(AC$2:AG$366)*Input!$J$5</f>
        <v>66.32232284655575</v>
      </c>
      <c r="AJ155" s="12">
        <f>AE155/SUM(AC$2:AG$366)*Input!$J$5</f>
        <v>33.057129671900711</v>
      </c>
      <c r="AK155" s="12">
        <f>AF155/SUM(AC$2:AG$366)*Input!$J$5</f>
        <v>21.943964962783802</v>
      </c>
      <c r="AL155" s="12">
        <f>AG155/SUM(AC$2:AG$366)*Input!$J$5</f>
        <v>12.134505273051895</v>
      </c>
      <c r="AM155" s="12">
        <f t="shared" si="91"/>
        <v>11.649125062129825</v>
      </c>
      <c r="AN155" s="12">
        <f t="shared" si="92"/>
        <v>113.85011895057565</v>
      </c>
      <c r="AO155" s="12">
        <f t="shared" si="93"/>
        <v>5.3057858277244598</v>
      </c>
      <c r="AP155" s="12">
        <f t="shared" si="94"/>
        <v>2.6528929138622299</v>
      </c>
      <c r="AQ155" s="12">
        <f t="shared" si="95"/>
        <v>0</v>
      </c>
      <c r="AR155" s="11">
        <f t="shared" si="96"/>
        <v>133.45792275429216</v>
      </c>
    </row>
    <row r="156" spans="16:44" x14ac:dyDescent="0.25">
      <c r="P156" s="10">
        <f t="shared" si="97"/>
        <v>45081</v>
      </c>
      <c r="Q156" s="28">
        <v>18.100000000000001</v>
      </c>
      <c r="R156" s="28">
        <f t="shared" si="83"/>
        <v>7</v>
      </c>
      <c r="S156" s="12">
        <f t="shared" si="75"/>
        <v>0.66609297291086311</v>
      </c>
      <c r="T156" s="12">
        <f t="shared" si="76"/>
        <v>0.19607255136472959</v>
      </c>
      <c r="U156" s="12">
        <f t="shared" si="77"/>
        <v>0.65274423464211173</v>
      </c>
      <c r="V156" s="12">
        <f t="shared" si="78"/>
        <v>0.29524473618599389</v>
      </c>
      <c r="W156" s="12">
        <f t="shared" si="84"/>
        <v>0.44487676601187343</v>
      </c>
      <c r="X156" s="12">
        <f t="shared" si="79"/>
        <v>-3.4097042997074749E-4</v>
      </c>
      <c r="Y156" s="12">
        <f t="shared" si="80"/>
        <v>-6.2279477920712143E-4</v>
      </c>
      <c r="Z156" s="12">
        <f t="shared" si="81"/>
        <v>-1.60343007315953E-2</v>
      </c>
      <c r="AA156" s="12">
        <f t="shared" si="82"/>
        <v>-9.762199133681506E-3</v>
      </c>
      <c r="AB156" s="12">
        <f t="shared" si="85"/>
        <v>-1.748296682554611E-2</v>
      </c>
      <c r="AC156" s="12">
        <f t="shared" si="86"/>
        <v>0</v>
      </c>
      <c r="AD156" s="12">
        <f t="shared" si="87"/>
        <v>6.4679988051378243E-2</v>
      </c>
      <c r="AE156" s="12">
        <f t="shared" si="88"/>
        <v>3.1720796747520714E-2</v>
      </c>
      <c r="AF156" s="12">
        <f t="shared" si="89"/>
        <v>2.0746063076612756E-2</v>
      </c>
      <c r="AG156" s="12">
        <f t="shared" si="90"/>
        <v>1.1238068316080272E-2</v>
      </c>
      <c r="AH156" s="12">
        <f>AC156/SUM(AC$2:AG$366)*Input!$J$5</f>
        <v>0</v>
      </c>
      <c r="AI156" s="12">
        <f>AD156/SUM(AC$2:AG$366)*Input!$J$5</f>
        <v>66.233038002617931</v>
      </c>
      <c r="AJ156" s="12">
        <f>AE156/SUM(AC$2:AG$366)*Input!$J$5</f>
        <v>32.482453997718231</v>
      </c>
      <c r="AK156" s="12">
        <f>AF156/SUM(AC$2:AG$366)*Input!$J$5</f>
        <v>21.244202813805583</v>
      </c>
      <c r="AL156" s="12">
        <f>AG156/SUM(AC$2:AG$366)*Input!$J$5</f>
        <v>11.507908833621071</v>
      </c>
      <c r="AM156" s="12">
        <f t="shared" si="91"/>
        <v>11.047592480276235</v>
      </c>
      <c r="AN156" s="12">
        <f t="shared" si="92"/>
        <v>112.47204660717243</v>
      </c>
      <c r="AO156" s="12">
        <f t="shared" si="93"/>
        <v>5.2986430402094342</v>
      </c>
      <c r="AP156" s="12">
        <f t="shared" si="94"/>
        <v>2.6493215201047171</v>
      </c>
      <c r="AQ156" s="12">
        <f t="shared" si="95"/>
        <v>0</v>
      </c>
      <c r="AR156" s="11">
        <f t="shared" si="96"/>
        <v>131.46760364776281</v>
      </c>
    </row>
    <row r="157" spans="16:44" x14ac:dyDescent="0.25">
      <c r="P157" s="10">
        <f t="shared" si="97"/>
        <v>45082</v>
      </c>
      <c r="Q157" s="28">
        <v>19</v>
      </c>
      <c r="R157" s="28">
        <f t="shared" si="83"/>
        <v>1</v>
      </c>
      <c r="S157" s="12">
        <f t="shared" si="75"/>
        <v>1.0609861866589789</v>
      </c>
      <c r="T157" s="12">
        <f t="shared" si="76"/>
        <v>0.67790786498212752</v>
      </c>
      <c r="U157" s="12">
        <f t="shared" si="77"/>
        <v>0.40699471377216029</v>
      </c>
      <c r="V157" s="12">
        <f t="shared" si="78"/>
        <v>0.52104102880341097</v>
      </c>
      <c r="W157" s="12">
        <f t="shared" si="84"/>
        <v>0</v>
      </c>
      <c r="X157" s="12">
        <f t="shared" si="79"/>
        <v>-7.0953309908476907E-3</v>
      </c>
      <c r="Y157" s="12">
        <f t="shared" si="80"/>
        <v>-1.3263420615734021E-2</v>
      </c>
      <c r="Z157" s="12">
        <f t="shared" si="81"/>
        <v>-1.2756454396407539E-2</v>
      </c>
      <c r="AA157" s="12">
        <f t="shared" si="82"/>
        <v>-2.1476600051355411E-2</v>
      </c>
      <c r="AB157" s="12">
        <f t="shared" si="85"/>
        <v>0</v>
      </c>
      <c r="AC157" s="12">
        <f t="shared" si="86"/>
        <v>0.34731558668732732</v>
      </c>
      <c r="AD157" s="12">
        <f t="shared" si="87"/>
        <v>0.15971357748119291</v>
      </c>
      <c r="AE157" s="12">
        <f t="shared" si="88"/>
        <v>0</v>
      </c>
      <c r="AF157" s="12">
        <f t="shared" si="89"/>
        <v>2.8246406956914535E-2</v>
      </c>
      <c r="AG157" s="12">
        <f t="shared" si="90"/>
        <v>0</v>
      </c>
      <c r="AH157" s="12">
        <f>AC157/SUM(AC$2:AG$366)*Input!$J$5</f>
        <v>355.6550819658525</v>
      </c>
      <c r="AI157" s="12">
        <f>AD157/SUM(AC$2:AG$366)*Input!$J$5</f>
        <v>163.54850650935614</v>
      </c>
      <c r="AJ157" s="12">
        <f>AE157/SUM(AC$2:AG$366)*Input!$J$5</f>
        <v>0</v>
      </c>
      <c r="AK157" s="12">
        <f>AF157/SUM(AC$2:AG$366)*Input!$J$5</f>
        <v>28.924639626226188</v>
      </c>
      <c r="AL157" s="12">
        <f>AG157/SUM(AC$2:AG$366)*Input!$J$5</f>
        <v>0</v>
      </c>
      <c r="AM157" s="12">
        <f t="shared" si="91"/>
        <v>13.883827020588564</v>
      </c>
      <c r="AN157" s="12">
        <f t="shared" si="92"/>
        <v>477.33958796630986</v>
      </c>
      <c r="AO157" s="12">
        <f t="shared" si="93"/>
        <v>37.936542076357604</v>
      </c>
      <c r="AP157" s="12">
        <f t="shared" si="94"/>
        <v>18.968271038178802</v>
      </c>
      <c r="AQ157" s="12">
        <f t="shared" si="95"/>
        <v>0</v>
      </c>
      <c r="AR157" s="11">
        <f t="shared" si="96"/>
        <v>548.12822810143484</v>
      </c>
    </row>
    <row r="158" spans="16:44" x14ac:dyDescent="0.25">
      <c r="P158" s="10">
        <f t="shared" si="97"/>
        <v>45083</v>
      </c>
      <c r="Q158" s="28">
        <v>19.3</v>
      </c>
      <c r="R158" s="28">
        <f t="shared" si="83"/>
        <v>2</v>
      </c>
      <c r="S158" s="12">
        <f t="shared" si="75"/>
        <v>1.0609861866589789</v>
      </c>
      <c r="T158" s="12">
        <f t="shared" si="76"/>
        <v>0.67790786498212752</v>
      </c>
      <c r="U158" s="12">
        <f t="shared" si="77"/>
        <v>0.40699471377216029</v>
      </c>
      <c r="V158" s="12">
        <f t="shared" si="78"/>
        <v>0.52104102880341097</v>
      </c>
      <c r="W158" s="12">
        <f t="shared" si="84"/>
        <v>0</v>
      </c>
      <c r="X158" s="12">
        <f t="shared" si="79"/>
        <v>-7.0953309908476907E-3</v>
      </c>
      <c r="Y158" s="12">
        <f t="shared" si="80"/>
        <v>-1.3263420615734021E-2</v>
      </c>
      <c r="Z158" s="12">
        <f t="shared" si="81"/>
        <v>-1.2756454396407539E-2</v>
      </c>
      <c r="AA158" s="12">
        <f t="shared" si="82"/>
        <v>-2.1476600051355411E-2</v>
      </c>
      <c r="AB158" s="12">
        <f t="shared" si="85"/>
        <v>0</v>
      </c>
      <c r="AC158" s="12">
        <f t="shared" si="86"/>
        <v>0.34651736195085692</v>
      </c>
      <c r="AD158" s="12">
        <f t="shared" si="87"/>
        <v>0.15822144266192284</v>
      </c>
      <c r="AE158" s="12">
        <f t="shared" si="88"/>
        <v>0</v>
      </c>
      <c r="AF158" s="12">
        <f t="shared" si="89"/>
        <v>2.6635661953062884E-2</v>
      </c>
      <c r="AG158" s="12">
        <f t="shared" si="90"/>
        <v>0</v>
      </c>
      <c r="AH158" s="12">
        <f>AC158/SUM(AC$2:AG$366)*Input!$J$5</f>
        <v>354.83769082373794</v>
      </c>
      <c r="AI158" s="12">
        <f>AD158/SUM(AC$2:AG$366)*Input!$J$5</f>
        <v>162.02054360819974</v>
      </c>
      <c r="AJ158" s="12">
        <f>AE158/SUM(AC$2:AG$366)*Input!$J$5</f>
        <v>0</v>
      </c>
      <c r="AK158" s="12">
        <f>AF158/SUM(AC$2:AG$366)*Input!$J$5</f>
        <v>27.275218556947557</v>
      </c>
      <c r="AL158" s="12">
        <f>AG158/SUM(AC$2:AG$366)*Input!$J$5</f>
        <v>0</v>
      </c>
      <c r="AM158" s="12">
        <f t="shared" si="91"/>
        <v>13.092104907334821</v>
      </c>
      <c r="AN158" s="12">
        <f t="shared" si="92"/>
        <v>474.26731754975236</v>
      </c>
      <c r="AO158" s="12">
        <f t="shared" si="93"/>
        <v>37.849353687865381</v>
      </c>
      <c r="AP158" s="12">
        <f t="shared" si="94"/>
        <v>18.924676843932691</v>
      </c>
      <c r="AQ158" s="12">
        <f t="shared" si="95"/>
        <v>0</v>
      </c>
      <c r="AR158" s="11">
        <f t="shared" si="96"/>
        <v>544.13345298888532</v>
      </c>
    </row>
    <row r="159" spans="16:44" x14ac:dyDescent="0.25">
      <c r="P159" s="10">
        <f t="shared" si="97"/>
        <v>45084</v>
      </c>
      <c r="Q159" s="28">
        <v>19.8</v>
      </c>
      <c r="R159" s="28">
        <f t="shared" si="83"/>
        <v>3</v>
      </c>
      <c r="S159" s="12">
        <f t="shared" si="75"/>
        <v>1.0609861866589789</v>
      </c>
      <c r="T159" s="12">
        <f t="shared" si="76"/>
        <v>0.67790786498212752</v>
      </c>
      <c r="U159" s="12">
        <f t="shared" si="77"/>
        <v>0.40699471377216029</v>
      </c>
      <c r="V159" s="12">
        <f t="shared" si="78"/>
        <v>0.52104102880341097</v>
      </c>
      <c r="W159" s="12">
        <f t="shared" si="84"/>
        <v>0</v>
      </c>
      <c r="X159" s="12">
        <f t="shared" si="79"/>
        <v>-7.0953309908476907E-3</v>
      </c>
      <c r="Y159" s="12">
        <f t="shared" si="80"/>
        <v>-1.3263420615734021E-2</v>
      </c>
      <c r="Z159" s="12">
        <f t="shared" si="81"/>
        <v>-1.2756454396407539E-2</v>
      </c>
      <c r="AA159" s="12">
        <f t="shared" si="82"/>
        <v>-2.1476600051355411E-2</v>
      </c>
      <c r="AB159" s="12">
        <f t="shared" si="85"/>
        <v>0</v>
      </c>
      <c r="AC159" s="12">
        <f t="shared" si="86"/>
        <v>0.34518698739007297</v>
      </c>
      <c r="AD159" s="12">
        <f t="shared" si="87"/>
        <v>0.15573455129647271</v>
      </c>
      <c r="AE159" s="12">
        <f t="shared" si="88"/>
        <v>0</v>
      </c>
      <c r="AF159" s="12">
        <f t="shared" si="89"/>
        <v>2.3951086946643455E-2</v>
      </c>
      <c r="AG159" s="12">
        <f t="shared" si="90"/>
        <v>0</v>
      </c>
      <c r="AH159" s="12">
        <f>AC159/SUM(AC$2:AG$366)*Input!$J$5</f>
        <v>353.47537225354699</v>
      </c>
      <c r="AI159" s="12">
        <f>AD159/SUM(AC$2:AG$366)*Input!$J$5</f>
        <v>159.47393877293911</v>
      </c>
      <c r="AJ159" s="12">
        <f>AE159/SUM(AC$2:AG$366)*Input!$J$5</f>
        <v>0</v>
      </c>
      <c r="AK159" s="12">
        <f>AF159/SUM(AC$2:AG$366)*Input!$J$5</f>
        <v>24.526183441483166</v>
      </c>
      <c r="AL159" s="12">
        <f>AG159/SUM(AC$2:AG$366)*Input!$J$5</f>
        <v>0</v>
      </c>
      <c r="AM159" s="12">
        <f t="shared" si="91"/>
        <v>11.772568051911914</v>
      </c>
      <c r="AN159" s="12">
        <f t="shared" si="92"/>
        <v>469.14686685548986</v>
      </c>
      <c r="AO159" s="12">
        <f t="shared" si="93"/>
        <v>37.704039707045013</v>
      </c>
      <c r="AP159" s="12">
        <f t="shared" si="94"/>
        <v>18.852019853522506</v>
      </c>
      <c r="AQ159" s="12">
        <f t="shared" si="95"/>
        <v>0</v>
      </c>
      <c r="AR159" s="11">
        <f t="shared" si="96"/>
        <v>537.47549446796927</v>
      </c>
    </row>
    <row r="160" spans="16:44" x14ac:dyDescent="0.25">
      <c r="P160" s="10">
        <f t="shared" si="97"/>
        <v>45085</v>
      </c>
      <c r="Q160" s="28">
        <v>19.600000000000001</v>
      </c>
      <c r="R160" s="28">
        <f t="shared" si="83"/>
        <v>4</v>
      </c>
      <c r="S160" s="12">
        <f t="shared" si="75"/>
        <v>1.0609861866589789</v>
      </c>
      <c r="T160" s="12">
        <f t="shared" si="76"/>
        <v>0.67790786498212752</v>
      </c>
      <c r="U160" s="12">
        <f t="shared" si="77"/>
        <v>0.40699471377216029</v>
      </c>
      <c r="V160" s="12">
        <f t="shared" si="78"/>
        <v>0.52104102880341097</v>
      </c>
      <c r="W160" s="12">
        <f t="shared" si="84"/>
        <v>0</v>
      </c>
      <c r="X160" s="12">
        <f t="shared" si="79"/>
        <v>-7.0953309908476907E-3</v>
      </c>
      <c r="Y160" s="12">
        <f t="shared" si="80"/>
        <v>-1.3263420615734021E-2</v>
      </c>
      <c r="Z160" s="12">
        <f t="shared" si="81"/>
        <v>-1.2756454396407539E-2</v>
      </c>
      <c r="AA160" s="12">
        <f t="shared" si="82"/>
        <v>-2.1476600051355411E-2</v>
      </c>
      <c r="AB160" s="12">
        <f t="shared" si="85"/>
        <v>0</v>
      </c>
      <c r="AC160" s="12">
        <f t="shared" si="86"/>
        <v>0.34571913721438657</v>
      </c>
      <c r="AD160" s="12">
        <f t="shared" si="87"/>
        <v>0.15672930784265277</v>
      </c>
      <c r="AE160" s="12">
        <f t="shared" si="88"/>
        <v>0</v>
      </c>
      <c r="AF160" s="12">
        <f t="shared" si="89"/>
        <v>2.5024916949211218E-2</v>
      </c>
      <c r="AG160" s="12">
        <f t="shared" si="90"/>
        <v>0</v>
      </c>
      <c r="AH160" s="12">
        <f>AC160/SUM(AC$2:AG$366)*Input!$J$5</f>
        <v>354.02029968162338</v>
      </c>
      <c r="AI160" s="12">
        <f>AD160/SUM(AC$2:AG$366)*Input!$J$5</f>
        <v>160.49258070704337</v>
      </c>
      <c r="AJ160" s="12">
        <f>AE160/SUM(AC$2:AG$366)*Input!$J$5</f>
        <v>0</v>
      </c>
      <c r="AK160" s="12">
        <f>AF160/SUM(AC$2:AG$366)*Input!$J$5</f>
        <v>25.625797487668915</v>
      </c>
      <c r="AL160" s="12">
        <f>AG160/SUM(AC$2:AG$366)*Input!$J$5</f>
        <v>0</v>
      </c>
      <c r="AM160" s="12">
        <f t="shared" si="91"/>
        <v>12.300382794081074</v>
      </c>
      <c r="AN160" s="12">
        <f t="shared" si="92"/>
        <v>471.19504713319486</v>
      </c>
      <c r="AO160" s="12">
        <f t="shared" si="93"/>
        <v>37.762165299373166</v>
      </c>
      <c r="AP160" s="12">
        <f t="shared" si="94"/>
        <v>18.881082649686583</v>
      </c>
      <c r="AQ160" s="12">
        <f t="shared" si="95"/>
        <v>0</v>
      </c>
      <c r="AR160" s="11">
        <f t="shared" si="96"/>
        <v>540.13867787633569</v>
      </c>
    </row>
    <row r="161" spans="16:44" x14ac:dyDescent="0.25">
      <c r="P161" s="10">
        <f t="shared" si="97"/>
        <v>45086</v>
      </c>
      <c r="Q161" s="28">
        <v>20.399999999999999</v>
      </c>
      <c r="R161" s="28">
        <f t="shared" si="83"/>
        <v>5</v>
      </c>
      <c r="S161" s="12">
        <f t="shared" si="75"/>
        <v>1.0609861866589789</v>
      </c>
      <c r="T161" s="12">
        <f t="shared" si="76"/>
        <v>0.67790786498212752</v>
      </c>
      <c r="U161" s="12">
        <f t="shared" si="77"/>
        <v>0.40699471377216029</v>
      </c>
      <c r="V161" s="12">
        <f t="shared" si="78"/>
        <v>0.52104102880341097</v>
      </c>
      <c r="W161" s="12">
        <f t="shared" si="84"/>
        <v>0</v>
      </c>
      <c r="X161" s="12">
        <f t="shared" si="79"/>
        <v>-7.0953309908476907E-3</v>
      </c>
      <c r="Y161" s="12">
        <f t="shared" si="80"/>
        <v>-1.3263420615734021E-2</v>
      </c>
      <c r="Z161" s="12">
        <f t="shared" si="81"/>
        <v>-1.2756454396407539E-2</v>
      </c>
      <c r="AA161" s="12">
        <f t="shared" si="82"/>
        <v>-2.1476600051355411E-2</v>
      </c>
      <c r="AB161" s="12">
        <f t="shared" si="85"/>
        <v>0</v>
      </c>
      <c r="AC161" s="12">
        <f t="shared" si="86"/>
        <v>0.34359053791713229</v>
      </c>
      <c r="AD161" s="12">
        <f t="shared" si="87"/>
        <v>0.15275028165793256</v>
      </c>
      <c r="AE161" s="12">
        <f t="shared" si="88"/>
        <v>0</v>
      </c>
      <c r="AF161" s="12">
        <f t="shared" si="89"/>
        <v>2.0729596938940151E-2</v>
      </c>
      <c r="AG161" s="12">
        <f t="shared" si="90"/>
        <v>0</v>
      </c>
      <c r="AH161" s="12">
        <f>AC161/SUM(AC$2:AG$366)*Input!$J$5</f>
        <v>351.84058996931793</v>
      </c>
      <c r="AI161" s="12">
        <f>AD161/SUM(AC$2:AG$366)*Input!$J$5</f>
        <v>156.41801297062634</v>
      </c>
      <c r="AJ161" s="12">
        <f>AE161/SUM(AC$2:AG$366)*Input!$J$5</f>
        <v>0</v>
      </c>
      <c r="AK161" s="12">
        <f>AF161/SUM(AC$2:AG$366)*Input!$J$5</f>
        <v>21.2273413029259</v>
      </c>
      <c r="AL161" s="12">
        <f>AG161/SUM(AC$2:AG$366)*Input!$J$5</f>
        <v>0</v>
      </c>
      <c r="AM161" s="12">
        <f t="shared" si="91"/>
        <v>10.189123825404428</v>
      </c>
      <c r="AN161" s="12">
        <f t="shared" si="92"/>
        <v>463.00232602237486</v>
      </c>
      <c r="AO161" s="12">
        <f t="shared" si="93"/>
        <v>37.529662930060582</v>
      </c>
      <c r="AP161" s="12">
        <f t="shared" si="94"/>
        <v>18.764831465030291</v>
      </c>
      <c r="AQ161" s="12">
        <f t="shared" si="95"/>
        <v>0</v>
      </c>
      <c r="AR161" s="11">
        <f t="shared" si="96"/>
        <v>529.48594424287012</v>
      </c>
    </row>
    <row r="162" spans="16:44" x14ac:dyDescent="0.25">
      <c r="P162" s="10">
        <f t="shared" si="97"/>
        <v>45087</v>
      </c>
      <c r="Q162" s="28">
        <v>20.3</v>
      </c>
      <c r="R162" s="28">
        <f t="shared" si="83"/>
        <v>6</v>
      </c>
      <c r="S162" s="12">
        <f t="shared" si="75"/>
        <v>0.66609297291086311</v>
      </c>
      <c r="T162" s="12">
        <f t="shared" si="76"/>
        <v>0.19607255136472959</v>
      </c>
      <c r="U162" s="12">
        <f t="shared" si="77"/>
        <v>0.65274423464211173</v>
      </c>
      <c r="V162" s="12">
        <f t="shared" si="78"/>
        <v>0.29524473618599389</v>
      </c>
      <c r="W162" s="12">
        <f t="shared" si="84"/>
        <v>0.44487676601187343</v>
      </c>
      <c r="X162" s="12">
        <f t="shared" si="79"/>
        <v>-3.4097042997074749E-4</v>
      </c>
      <c r="Y162" s="12">
        <f t="shared" si="80"/>
        <v>-6.2279477920712143E-4</v>
      </c>
      <c r="Z162" s="12">
        <f t="shared" si="81"/>
        <v>-1.60343007315953E-2</v>
      </c>
      <c r="AA162" s="12">
        <f t="shared" si="82"/>
        <v>-9.762199133681506E-3</v>
      </c>
      <c r="AB162" s="12">
        <f t="shared" si="85"/>
        <v>-1.748296682554611E-2</v>
      </c>
      <c r="AC162" s="12">
        <f t="shared" si="86"/>
        <v>0</v>
      </c>
      <c r="AD162" s="12">
        <f t="shared" si="87"/>
        <v>6.4200436071388756E-2</v>
      </c>
      <c r="AE162" s="12">
        <f t="shared" si="88"/>
        <v>2.8634193856688622E-2</v>
      </c>
      <c r="AF162" s="12">
        <f t="shared" si="89"/>
        <v>1.6987616410145377E-2</v>
      </c>
      <c r="AG162" s="12">
        <f t="shared" si="90"/>
        <v>7.8725972021626445E-3</v>
      </c>
      <c r="AH162" s="12">
        <f>AC162/SUM(AC$2:AG$366)*Input!$J$5</f>
        <v>0</v>
      </c>
      <c r="AI162" s="12">
        <f>AD162/SUM(AC$2:AG$366)*Input!$J$5</f>
        <v>65.741971360959852</v>
      </c>
      <c r="AJ162" s="12">
        <f>AE162/SUM(AC$2:AG$366)*Input!$J$5</f>
        <v>29.321737789714597</v>
      </c>
      <c r="AK162" s="12">
        <f>AF162/SUM(AC$2:AG$366)*Input!$J$5</f>
        <v>17.395510994425415</v>
      </c>
      <c r="AL162" s="12">
        <f>AG162/SUM(AC$2:AG$366)*Input!$J$5</f>
        <v>8.0616284167515566</v>
      </c>
      <c r="AM162" s="12">
        <f t="shared" si="91"/>
        <v>7.7391632800814989</v>
      </c>
      <c r="AN162" s="12">
        <f t="shared" si="92"/>
        <v>104.89264871845474</v>
      </c>
      <c r="AO162" s="12">
        <f t="shared" si="93"/>
        <v>5.259357708876788</v>
      </c>
      <c r="AP162" s="12">
        <f t="shared" si="94"/>
        <v>2.629678854438394</v>
      </c>
      <c r="AQ162" s="12">
        <f t="shared" si="95"/>
        <v>0</v>
      </c>
      <c r="AR162" s="11">
        <f t="shared" si="96"/>
        <v>120.52084856185142</v>
      </c>
    </row>
    <row r="163" spans="16:44" x14ac:dyDescent="0.25">
      <c r="P163" s="10">
        <f t="shared" si="97"/>
        <v>45088</v>
      </c>
      <c r="Q163" s="28">
        <v>19.5</v>
      </c>
      <c r="R163" s="28">
        <f t="shared" si="83"/>
        <v>7</v>
      </c>
      <c r="S163" s="12">
        <f t="shared" si="75"/>
        <v>0.66609297291086311</v>
      </c>
      <c r="T163" s="12">
        <f t="shared" si="76"/>
        <v>0.19607255136472959</v>
      </c>
      <c r="U163" s="12">
        <f t="shared" si="77"/>
        <v>0.65274423464211173</v>
      </c>
      <c r="V163" s="12">
        <f t="shared" si="78"/>
        <v>0.29524473618599389</v>
      </c>
      <c r="W163" s="12">
        <f t="shared" si="84"/>
        <v>0.44487676601187343</v>
      </c>
      <c r="X163" s="12">
        <f t="shared" si="79"/>
        <v>-3.4097042997074749E-4</v>
      </c>
      <c r="Y163" s="12">
        <f t="shared" si="80"/>
        <v>-6.2279477920712143E-4</v>
      </c>
      <c r="Z163" s="12">
        <f t="shared" si="81"/>
        <v>-1.60343007315953E-2</v>
      </c>
      <c r="AA163" s="12">
        <f t="shared" si="82"/>
        <v>-9.762199133681506E-3</v>
      </c>
      <c r="AB163" s="12">
        <f t="shared" si="85"/>
        <v>-1.748296682554611E-2</v>
      </c>
      <c r="AC163" s="12">
        <f t="shared" si="86"/>
        <v>0</v>
      </c>
      <c r="AD163" s="12">
        <f t="shared" si="87"/>
        <v>6.4374818609566758E-2</v>
      </c>
      <c r="AE163" s="12">
        <f t="shared" si="88"/>
        <v>2.9756594907900294E-2</v>
      </c>
      <c r="AF163" s="12">
        <f t="shared" si="89"/>
        <v>1.8354324288860791E-2</v>
      </c>
      <c r="AG163" s="12">
        <f t="shared" si="90"/>
        <v>9.0964048799508732E-3</v>
      </c>
      <c r="AH163" s="12">
        <f>AC163/SUM(AC$2:AG$366)*Input!$J$5</f>
        <v>0</v>
      </c>
      <c r="AI163" s="12">
        <f>AD163/SUM(AC$2:AG$366)*Input!$J$5</f>
        <v>65.920541048835517</v>
      </c>
      <c r="AJ163" s="12">
        <f>AE163/SUM(AC$2:AG$366)*Input!$J$5</f>
        <v>30.471089138079556</v>
      </c>
      <c r="AK163" s="12">
        <f>AF163/SUM(AC$2:AG$366)*Input!$J$5</f>
        <v>18.795035292381844</v>
      </c>
      <c r="AL163" s="12">
        <f>AG163/SUM(AC$2:AG$366)*Input!$J$5</f>
        <v>9.3148212956131999</v>
      </c>
      <c r="AM163" s="12">
        <f t="shared" si="91"/>
        <v>8.942228443788677</v>
      </c>
      <c r="AN163" s="12">
        <f t="shared" si="92"/>
        <v>107.64879340526117</v>
      </c>
      <c r="AO163" s="12">
        <f t="shared" si="93"/>
        <v>5.2736432839068419</v>
      </c>
      <c r="AP163" s="12">
        <f t="shared" si="94"/>
        <v>2.6368216419534209</v>
      </c>
      <c r="AQ163" s="12">
        <f t="shared" si="95"/>
        <v>0</v>
      </c>
      <c r="AR163" s="11">
        <f t="shared" si="96"/>
        <v>124.50148677491011</v>
      </c>
    </row>
    <row r="164" spans="16:44" x14ac:dyDescent="0.25">
      <c r="P164" s="10">
        <f t="shared" si="97"/>
        <v>45089</v>
      </c>
      <c r="Q164" s="28">
        <v>19.8</v>
      </c>
      <c r="R164" s="28">
        <f t="shared" si="83"/>
        <v>1</v>
      </c>
      <c r="S164" s="12">
        <f t="shared" si="75"/>
        <v>1.0609861866589789</v>
      </c>
      <c r="T164" s="12">
        <f t="shared" si="76"/>
        <v>0.67790786498212752</v>
      </c>
      <c r="U164" s="12">
        <f t="shared" si="77"/>
        <v>0.40699471377216029</v>
      </c>
      <c r="V164" s="12">
        <f t="shared" si="78"/>
        <v>0.52104102880341097</v>
      </c>
      <c r="W164" s="12">
        <f t="shared" si="84"/>
        <v>0</v>
      </c>
      <c r="X164" s="12">
        <f t="shared" si="79"/>
        <v>-7.0953309908476907E-3</v>
      </c>
      <c r="Y164" s="12">
        <f t="shared" si="80"/>
        <v>-1.3263420615734021E-2</v>
      </c>
      <c r="Z164" s="12">
        <f t="shared" si="81"/>
        <v>-1.2756454396407539E-2</v>
      </c>
      <c r="AA164" s="12">
        <f t="shared" si="82"/>
        <v>-2.1476600051355411E-2</v>
      </c>
      <c r="AB164" s="12">
        <f t="shared" si="85"/>
        <v>0</v>
      </c>
      <c r="AC164" s="12">
        <f t="shared" si="86"/>
        <v>0.34518698739007297</v>
      </c>
      <c r="AD164" s="12">
        <f t="shared" si="87"/>
        <v>0.15573455129647271</v>
      </c>
      <c r="AE164" s="12">
        <f t="shared" si="88"/>
        <v>0</v>
      </c>
      <c r="AF164" s="12">
        <f t="shared" si="89"/>
        <v>2.3951086946643455E-2</v>
      </c>
      <c r="AG164" s="12">
        <f t="shared" si="90"/>
        <v>0</v>
      </c>
      <c r="AH164" s="12">
        <f>AC164/SUM(AC$2:AG$366)*Input!$J$5</f>
        <v>353.47537225354699</v>
      </c>
      <c r="AI164" s="12">
        <f>AD164/SUM(AC$2:AG$366)*Input!$J$5</f>
        <v>159.47393877293911</v>
      </c>
      <c r="AJ164" s="12">
        <f>AE164/SUM(AC$2:AG$366)*Input!$J$5</f>
        <v>0</v>
      </c>
      <c r="AK164" s="12">
        <f>AF164/SUM(AC$2:AG$366)*Input!$J$5</f>
        <v>24.526183441483166</v>
      </c>
      <c r="AL164" s="12">
        <f>AG164/SUM(AC$2:AG$366)*Input!$J$5</f>
        <v>0</v>
      </c>
      <c r="AM164" s="12">
        <f t="shared" si="91"/>
        <v>11.772568051911914</v>
      </c>
      <c r="AN164" s="12">
        <f t="shared" si="92"/>
        <v>469.14686685548986</v>
      </c>
      <c r="AO164" s="12">
        <f t="shared" si="93"/>
        <v>37.704039707045013</v>
      </c>
      <c r="AP164" s="12">
        <f t="shared" si="94"/>
        <v>18.852019853522506</v>
      </c>
      <c r="AQ164" s="12">
        <f t="shared" si="95"/>
        <v>0</v>
      </c>
      <c r="AR164" s="11">
        <f t="shared" si="96"/>
        <v>537.47549446796927</v>
      </c>
    </row>
    <row r="165" spans="16:44" x14ac:dyDescent="0.25">
      <c r="P165" s="10">
        <f t="shared" si="97"/>
        <v>45090</v>
      </c>
      <c r="Q165" s="28">
        <v>17.7</v>
      </c>
      <c r="R165" s="28">
        <f t="shared" si="83"/>
        <v>2</v>
      </c>
      <c r="S165" s="12">
        <f t="shared" si="75"/>
        <v>1.0609861866589789</v>
      </c>
      <c r="T165" s="12">
        <f t="shared" si="76"/>
        <v>0.67790786498212752</v>
      </c>
      <c r="U165" s="12">
        <f t="shared" si="77"/>
        <v>0.40699471377216029</v>
      </c>
      <c r="V165" s="12">
        <f t="shared" si="78"/>
        <v>0.52104102880341097</v>
      </c>
      <c r="W165" s="12">
        <f t="shared" si="84"/>
        <v>0</v>
      </c>
      <c r="X165" s="12">
        <f t="shared" si="79"/>
        <v>-7.0953309908476907E-3</v>
      </c>
      <c r="Y165" s="12">
        <f t="shared" si="80"/>
        <v>-1.3263420615734021E-2</v>
      </c>
      <c r="Z165" s="12">
        <f t="shared" si="81"/>
        <v>-1.2756454396407539E-2</v>
      </c>
      <c r="AA165" s="12">
        <f t="shared" si="82"/>
        <v>-2.1476600051355411E-2</v>
      </c>
      <c r="AB165" s="12">
        <f t="shared" si="85"/>
        <v>0</v>
      </c>
      <c r="AC165" s="12">
        <f t="shared" si="86"/>
        <v>0.3507745605453656</v>
      </c>
      <c r="AD165" s="12">
        <f t="shared" si="87"/>
        <v>0.16617949503136326</v>
      </c>
      <c r="AE165" s="12">
        <f t="shared" si="88"/>
        <v>0</v>
      </c>
      <c r="AF165" s="12">
        <f t="shared" si="89"/>
        <v>3.5226301973605045E-2</v>
      </c>
      <c r="AG165" s="12">
        <f t="shared" si="90"/>
        <v>0</v>
      </c>
      <c r="AH165" s="12">
        <f>AC165/SUM(AC$2:AG$366)*Input!$J$5</f>
        <v>359.19711024834891</v>
      </c>
      <c r="AI165" s="12">
        <f>AD165/SUM(AC$2:AG$366)*Input!$J$5</f>
        <v>170.16967908103382</v>
      </c>
      <c r="AJ165" s="12">
        <f>AE165/SUM(AC$2:AG$366)*Input!$J$5</f>
        <v>0</v>
      </c>
      <c r="AK165" s="12">
        <f>AF165/SUM(AC$2:AG$366)*Input!$J$5</f>
        <v>36.072130926433616</v>
      </c>
      <c r="AL165" s="12">
        <f>AG165/SUM(AC$2:AG$366)*Input!$J$5</f>
        <v>0</v>
      </c>
      <c r="AM165" s="12">
        <f t="shared" si="91"/>
        <v>17.314622844688127</v>
      </c>
      <c r="AN165" s="12">
        <f t="shared" si="92"/>
        <v>490.65275977139237</v>
      </c>
      <c r="AO165" s="12">
        <f t="shared" si="93"/>
        <v>38.31435842649055</v>
      </c>
      <c r="AP165" s="12">
        <f t="shared" si="94"/>
        <v>19.157179213245275</v>
      </c>
      <c r="AQ165" s="12">
        <f t="shared" si="95"/>
        <v>0</v>
      </c>
      <c r="AR165" s="11">
        <f t="shared" si="96"/>
        <v>565.43892025581636</v>
      </c>
    </row>
    <row r="166" spans="16:44" x14ac:dyDescent="0.25">
      <c r="P166" s="10">
        <f t="shared" si="97"/>
        <v>45091</v>
      </c>
      <c r="Q166" s="28">
        <v>19</v>
      </c>
      <c r="R166" s="28">
        <f t="shared" si="83"/>
        <v>3</v>
      </c>
      <c r="S166" s="12">
        <f t="shared" si="75"/>
        <v>1.0609861866589789</v>
      </c>
      <c r="T166" s="12">
        <f t="shared" si="76"/>
        <v>0.67790786498212752</v>
      </c>
      <c r="U166" s="12">
        <f t="shared" si="77"/>
        <v>0.40699471377216029</v>
      </c>
      <c r="V166" s="12">
        <f t="shared" si="78"/>
        <v>0.52104102880341097</v>
      </c>
      <c r="W166" s="12">
        <f t="shared" si="84"/>
        <v>0</v>
      </c>
      <c r="X166" s="12">
        <f t="shared" si="79"/>
        <v>-7.0953309908476907E-3</v>
      </c>
      <c r="Y166" s="12">
        <f t="shared" si="80"/>
        <v>-1.3263420615734021E-2</v>
      </c>
      <c r="Z166" s="12">
        <f t="shared" si="81"/>
        <v>-1.2756454396407539E-2</v>
      </c>
      <c r="AA166" s="12">
        <f t="shared" si="82"/>
        <v>-2.1476600051355411E-2</v>
      </c>
      <c r="AB166" s="12">
        <f t="shared" si="85"/>
        <v>0</v>
      </c>
      <c r="AC166" s="12">
        <f t="shared" si="86"/>
        <v>0.34731558668732732</v>
      </c>
      <c r="AD166" s="12">
        <f t="shared" si="87"/>
        <v>0.15971357748119291</v>
      </c>
      <c r="AE166" s="12">
        <f t="shared" si="88"/>
        <v>0</v>
      </c>
      <c r="AF166" s="12">
        <f t="shared" si="89"/>
        <v>2.8246406956914535E-2</v>
      </c>
      <c r="AG166" s="12">
        <f t="shared" si="90"/>
        <v>0</v>
      </c>
      <c r="AH166" s="12">
        <f>AC166/SUM(AC$2:AG$366)*Input!$J$5</f>
        <v>355.6550819658525</v>
      </c>
      <c r="AI166" s="12">
        <f>AD166/SUM(AC$2:AG$366)*Input!$J$5</f>
        <v>163.54850650935614</v>
      </c>
      <c r="AJ166" s="12">
        <f>AE166/SUM(AC$2:AG$366)*Input!$J$5</f>
        <v>0</v>
      </c>
      <c r="AK166" s="12">
        <f>AF166/SUM(AC$2:AG$366)*Input!$J$5</f>
        <v>28.924639626226188</v>
      </c>
      <c r="AL166" s="12">
        <f>AG166/SUM(AC$2:AG$366)*Input!$J$5</f>
        <v>0</v>
      </c>
      <c r="AM166" s="12">
        <f t="shared" si="91"/>
        <v>13.883827020588564</v>
      </c>
      <c r="AN166" s="12">
        <f t="shared" si="92"/>
        <v>477.33958796630986</v>
      </c>
      <c r="AO166" s="12">
        <f t="shared" si="93"/>
        <v>37.936542076357604</v>
      </c>
      <c r="AP166" s="12">
        <f t="shared" si="94"/>
        <v>18.968271038178802</v>
      </c>
      <c r="AQ166" s="12">
        <f t="shared" si="95"/>
        <v>0</v>
      </c>
      <c r="AR166" s="11">
        <f t="shared" si="96"/>
        <v>548.12822810143484</v>
      </c>
    </row>
    <row r="167" spans="16:44" x14ac:dyDescent="0.25">
      <c r="P167" s="10">
        <f t="shared" si="97"/>
        <v>45092</v>
      </c>
      <c r="Q167" s="28">
        <v>19</v>
      </c>
      <c r="R167" s="28">
        <f t="shared" si="83"/>
        <v>4</v>
      </c>
      <c r="S167" s="12">
        <f t="shared" si="75"/>
        <v>1.0609861866589789</v>
      </c>
      <c r="T167" s="12">
        <f t="shared" si="76"/>
        <v>0.67790786498212752</v>
      </c>
      <c r="U167" s="12">
        <f t="shared" si="77"/>
        <v>0.40699471377216029</v>
      </c>
      <c r="V167" s="12">
        <f t="shared" si="78"/>
        <v>0.52104102880341097</v>
      </c>
      <c r="W167" s="12">
        <f t="shared" si="84"/>
        <v>0</v>
      </c>
      <c r="X167" s="12">
        <f t="shared" si="79"/>
        <v>-7.0953309908476907E-3</v>
      </c>
      <c r="Y167" s="12">
        <f t="shared" si="80"/>
        <v>-1.3263420615734021E-2</v>
      </c>
      <c r="Z167" s="12">
        <f t="shared" si="81"/>
        <v>-1.2756454396407539E-2</v>
      </c>
      <c r="AA167" s="12">
        <f t="shared" si="82"/>
        <v>-2.1476600051355411E-2</v>
      </c>
      <c r="AB167" s="12">
        <f t="shared" si="85"/>
        <v>0</v>
      </c>
      <c r="AC167" s="12">
        <f t="shared" si="86"/>
        <v>0.34731558668732732</v>
      </c>
      <c r="AD167" s="12">
        <f t="shared" si="87"/>
        <v>0.15971357748119291</v>
      </c>
      <c r="AE167" s="12">
        <f t="shared" si="88"/>
        <v>0</v>
      </c>
      <c r="AF167" s="12">
        <f t="shared" si="89"/>
        <v>2.8246406956914535E-2</v>
      </c>
      <c r="AG167" s="12">
        <f t="shared" si="90"/>
        <v>0</v>
      </c>
      <c r="AH167" s="12">
        <f>AC167/SUM(AC$2:AG$366)*Input!$J$5</f>
        <v>355.6550819658525</v>
      </c>
      <c r="AI167" s="12">
        <f>AD167/SUM(AC$2:AG$366)*Input!$J$5</f>
        <v>163.54850650935614</v>
      </c>
      <c r="AJ167" s="12">
        <f>AE167/SUM(AC$2:AG$366)*Input!$J$5</f>
        <v>0</v>
      </c>
      <c r="AK167" s="12">
        <f>AF167/SUM(AC$2:AG$366)*Input!$J$5</f>
        <v>28.924639626226188</v>
      </c>
      <c r="AL167" s="12">
        <f>AG167/SUM(AC$2:AG$366)*Input!$J$5</f>
        <v>0</v>
      </c>
      <c r="AM167" s="12">
        <f t="shared" si="91"/>
        <v>13.883827020588564</v>
      </c>
      <c r="AN167" s="12">
        <f t="shared" si="92"/>
        <v>477.33958796630986</v>
      </c>
      <c r="AO167" s="12">
        <f t="shared" si="93"/>
        <v>37.936542076357604</v>
      </c>
      <c r="AP167" s="12">
        <f t="shared" si="94"/>
        <v>18.968271038178802</v>
      </c>
      <c r="AQ167" s="12">
        <f t="shared" si="95"/>
        <v>0</v>
      </c>
      <c r="AR167" s="11">
        <f t="shared" si="96"/>
        <v>548.12822810143484</v>
      </c>
    </row>
    <row r="168" spans="16:44" x14ac:dyDescent="0.25">
      <c r="P168" s="10">
        <f t="shared" si="97"/>
        <v>45093</v>
      </c>
      <c r="Q168" s="28">
        <v>21</v>
      </c>
      <c r="R168" s="28">
        <f t="shared" si="83"/>
        <v>5</v>
      </c>
      <c r="S168" s="12">
        <f t="shared" si="75"/>
        <v>1.0609861866589789</v>
      </c>
      <c r="T168" s="12">
        <f t="shared" si="76"/>
        <v>0.67790786498212752</v>
      </c>
      <c r="U168" s="12">
        <f t="shared" si="77"/>
        <v>0.40699471377216029</v>
      </c>
      <c r="V168" s="12">
        <f t="shared" si="78"/>
        <v>0.52104102880341097</v>
      </c>
      <c r="W168" s="12">
        <f t="shared" si="84"/>
        <v>0</v>
      </c>
      <c r="X168" s="12">
        <f t="shared" si="79"/>
        <v>-7.0953309908476907E-3</v>
      </c>
      <c r="Y168" s="12">
        <f t="shared" si="80"/>
        <v>-1.3263420615734021E-2</v>
      </c>
      <c r="Z168" s="12">
        <f t="shared" si="81"/>
        <v>-1.2756454396407539E-2</v>
      </c>
      <c r="AA168" s="12">
        <f t="shared" si="82"/>
        <v>-2.1476600051355411E-2</v>
      </c>
      <c r="AB168" s="12">
        <f t="shared" si="85"/>
        <v>0</v>
      </c>
      <c r="AC168" s="12">
        <f t="shared" si="86"/>
        <v>0.34199408844419155</v>
      </c>
      <c r="AD168" s="12">
        <f t="shared" si="87"/>
        <v>0.14976601201939241</v>
      </c>
      <c r="AE168" s="12">
        <f t="shared" si="88"/>
        <v>0</v>
      </c>
      <c r="AF168" s="12">
        <f t="shared" si="89"/>
        <v>1.7508106931236833E-2</v>
      </c>
      <c r="AG168" s="12">
        <f t="shared" si="90"/>
        <v>0</v>
      </c>
      <c r="AH168" s="12">
        <f>AC168/SUM(AC$2:AG$366)*Input!$J$5</f>
        <v>350.20580768508887</v>
      </c>
      <c r="AI168" s="12">
        <f>AD168/SUM(AC$2:AG$366)*Input!$J$5</f>
        <v>153.36208716831356</v>
      </c>
      <c r="AJ168" s="12">
        <f>AE168/SUM(AC$2:AG$366)*Input!$J$5</f>
        <v>0</v>
      </c>
      <c r="AK168" s="12">
        <f>AF168/SUM(AC$2:AG$366)*Input!$J$5</f>
        <v>17.928499164368624</v>
      </c>
      <c r="AL168" s="12">
        <f>AG168/SUM(AC$2:AG$366)*Input!$J$5</f>
        <v>0</v>
      </c>
      <c r="AM168" s="12">
        <f t="shared" si="91"/>
        <v>8.6056795988969359</v>
      </c>
      <c r="AN168" s="12">
        <f t="shared" si="92"/>
        <v>456.85778518925986</v>
      </c>
      <c r="AO168" s="12">
        <f t="shared" si="93"/>
        <v>37.35528615307615</v>
      </c>
      <c r="AP168" s="12">
        <f t="shared" si="94"/>
        <v>18.677643076538075</v>
      </c>
      <c r="AQ168" s="12">
        <f t="shared" si="95"/>
        <v>0</v>
      </c>
      <c r="AR168" s="11">
        <f t="shared" si="96"/>
        <v>521.49639401777097</v>
      </c>
    </row>
    <row r="169" spans="16:44" x14ac:dyDescent="0.25">
      <c r="P169" s="10">
        <f t="shared" si="97"/>
        <v>45094</v>
      </c>
      <c r="Q169" s="28">
        <v>20.8</v>
      </c>
      <c r="R169" s="28">
        <f t="shared" si="83"/>
        <v>6</v>
      </c>
      <c r="S169" s="12">
        <f t="shared" si="75"/>
        <v>0.66609297291086311</v>
      </c>
      <c r="T169" s="12">
        <f t="shared" si="76"/>
        <v>0.19607255136472959</v>
      </c>
      <c r="U169" s="12">
        <f t="shared" si="77"/>
        <v>0.65274423464211173</v>
      </c>
      <c r="V169" s="12">
        <f t="shared" si="78"/>
        <v>0.29524473618599389</v>
      </c>
      <c r="W169" s="12">
        <f t="shared" si="84"/>
        <v>0.44487676601187343</v>
      </c>
      <c r="X169" s="12">
        <f t="shared" si="79"/>
        <v>-3.4097042997074749E-4</v>
      </c>
      <c r="Y169" s="12">
        <f t="shared" si="80"/>
        <v>-6.2279477920712143E-4</v>
      </c>
      <c r="Z169" s="12">
        <f t="shared" si="81"/>
        <v>-1.60343007315953E-2</v>
      </c>
      <c r="AA169" s="12">
        <f t="shared" si="82"/>
        <v>-9.762199133681506E-3</v>
      </c>
      <c r="AB169" s="12">
        <f t="shared" si="85"/>
        <v>-1.748296682554611E-2</v>
      </c>
      <c r="AC169" s="12">
        <f t="shared" si="86"/>
        <v>0</v>
      </c>
      <c r="AD169" s="12">
        <f t="shared" si="87"/>
        <v>6.4091446985027514E-2</v>
      </c>
      <c r="AE169" s="12">
        <f t="shared" si="88"/>
        <v>2.7932693199681329E-2</v>
      </c>
      <c r="AF169" s="12">
        <f t="shared" si="89"/>
        <v>1.6133423985948248E-2</v>
      </c>
      <c r="AG169" s="12">
        <f t="shared" si="90"/>
        <v>7.1077174035450042E-3</v>
      </c>
      <c r="AH169" s="12">
        <f>AC169/SUM(AC$2:AG$366)*Input!$J$5</f>
        <v>0</v>
      </c>
      <c r="AI169" s="12">
        <f>AD169/SUM(AC$2:AG$366)*Input!$J$5</f>
        <v>65.630365306037575</v>
      </c>
      <c r="AJ169" s="12">
        <f>AE169/SUM(AC$2:AG$366)*Input!$J$5</f>
        <v>28.603393196986502</v>
      </c>
      <c r="AK169" s="12">
        <f>AF169/SUM(AC$2:AG$366)*Input!$J$5</f>
        <v>16.52080830820265</v>
      </c>
      <c r="AL169" s="12">
        <f>AG169/SUM(AC$2:AG$366)*Input!$J$5</f>
        <v>7.2783828674630326</v>
      </c>
      <c r="AM169" s="12">
        <f t="shared" si="91"/>
        <v>6.987247552764515</v>
      </c>
      <c r="AN169" s="12">
        <f t="shared" si="92"/>
        <v>103.17005828920074</v>
      </c>
      <c r="AO169" s="12">
        <f t="shared" si="93"/>
        <v>5.250429224483006</v>
      </c>
      <c r="AP169" s="12">
        <f t="shared" si="94"/>
        <v>2.625214612241503</v>
      </c>
      <c r="AQ169" s="12">
        <f t="shared" si="95"/>
        <v>0</v>
      </c>
      <c r="AR169" s="11">
        <f t="shared" si="96"/>
        <v>118.03294967868976</v>
      </c>
    </row>
    <row r="170" spans="16:44" x14ac:dyDescent="0.25">
      <c r="P170" s="10">
        <f t="shared" si="97"/>
        <v>45095</v>
      </c>
      <c r="Q170" s="28">
        <v>22.4</v>
      </c>
      <c r="R170" s="28">
        <f t="shared" si="83"/>
        <v>7</v>
      </c>
      <c r="S170" s="12">
        <f t="shared" si="75"/>
        <v>0.66609297291086311</v>
      </c>
      <c r="T170" s="12">
        <f t="shared" si="76"/>
        <v>0.19607255136472959</v>
      </c>
      <c r="U170" s="12">
        <f t="shared" si="77"/>
        <v>0.65274423464211173</v>
      </c>
      <c r="V170" s="12">
        <f t="shared" si="78"/>
        <v>0.29524473618599389</v>
      </c>
      <c r="W170" s="12">
        <f t="shared" si="84"/>
        <v>0.44487676601187343</v>
      </c>
      <c r="X170" s="12">
        <f t="shared" si="79"/>
        <v>-3.4097042997074749E-4</v>
      </c>
      <c r="Y170" s="12">
        <f t="shared" si="80"/>
        <v>-6.2279477920712143E-4</v>
      </c>
      <c r="Z170" s="12">
        <f t="shared" si="81"/>
        <v>-1.60343007315953E-2</v>
      </c>
      <c r="AA170" s="12">
        <f t="shared" si="82"/>
        <v>-9.762199133681506E-3</v>
      </c>
      <c r="AB170" s="12">
        <f t="shared" si="85"/>
        <v>-1.748296682554611E-2</v>
      </c>
      <c r="AC170" s="12">
        <f t="shared" si="86"/>
        <v>0</v>
      </c>
      <c r="AD170" s="12">
        <f t="shared" si="87"/>
        <v>6.3742681908671522E-2</v>
      </c>
      <c r="AE170" s="12">
        <f t="shared" si="88"/>
        <v>2.5687891097257987E-2</v>
      </c>
      <c r="AF170" s="12">
        <f t="shared" si="89"/>
        <v>1.3400008228517427E-2</v>
      </c>
      <c r="AG170" s="12">
        <f t="shared" si="90"/>
        <v>4.6601020479685503E-3</v>
      </c>
      <c r="AH170" s="12">
        <f>AC170/SUM(AC$2:AG$366)*Input!$J$5</f>
        <v>0</v>
      </c>
      <c r="AI170" s="12">
        <f>AD170/SUM(AC$2:AG$366)*Input!$J$5</f>
        <v>65.273225930286245</v>
      </c>
      <c r="AJ170" s="12">
        <f>AE170/SUM(AC$2:AG$366)*Input!$J$5</f>
        <v>26.304690500256587</v>
      </c>
      <c r="AK170" s="12">
        <f>AF170/SUM(AC$2:AG$366)*Input!$J$5</f>
        <v>13.721759712289799</v>
      </c>
      <c r="AL170" s="12">
        <f>AG170/SUM(AC$2:AG$366)*Input!$J$5</f>
        <v>4.7719971097397513</v>
      </c>
      <c r="AM170" s="12">
        <f t="shared" si="91"/>
        <v>4.5811172253501642</v>
      </c>
      <c r="AN170" s="12">
        <f t="shared" si="92"/>
        <v>97.657768915587866</v>
      </c>
      <c r="AO170" s="12">
        <f t="shared" si="93"/>
        <v>5.2218580744229</v>
      </c>
      <c r="AP170" s="12">
        <f t="shared" si="94"/>
        <v>2.61092903721145</v>
      </c>
      <c r="AQ170" s="12">
        <f t="shared" si="95"/>
        <v>0</v>
      </c>
      <c r="AR170" s="11">
        <f t="shared" si="96"/>
        <v>110.07167325257238</v>
      </c>
    </row>
    <row r="171" spans="16:44" x14ac:dyDescent="0.25">
      <c r="P171" s="10">
        <f t="shared" si="97"/>
        <v>45096</v>
      </c>
      <c r="Q171" s="28">
        <v>24.7</v>
      </c>
      <c r="R171" s="28">
        <f t="shared" si="83"/>
        <v>1</v>
      </c>
      <c r="S171" s="12">
        <f t="shared" si="75"/>
        <v>1.0609861866589789</v>
      </c>
      <c r="T171" s="12">
        <f t="shared" si="76"/>
        <v>0.67790786498212752</v>
      </c>
      <c r="U171" s="12">
        <f t="shared" si="77"/>
        <v>0.40699471377216029</v>
      </c>
      <c r="V171" s="12">
        <f t="shared" si="78"/>
        <v>0.52104102880341097</v>
      </c>
      <c r="W171" s="12">
        <f t="shared" si="84"/>
        <v>0</v>
      </c>
      <c r="X171" s="12">
        <f t="shared" si="79"/>
        <v>-7.0953309908476907E-3</v>
      </c>
      <c r="Y171" s="12">
        <f t="shared" si="80"/>
        <v>-1.3263420615734021E-2</v>
      </c>
      <c r="Z171" s="12">
        <f t="shared" si="81"/>
        <v>-1.2756454396407539E-2</v>
      </c>
      <c r="AA171" s="12">
        <f t="shared" si="82"/>
        <v>-2.1476600051355411E-2</v>
      </c>
      <c r="AB171" s="12">
        <f t="shared" si="85"/>
        <v>0</v>
      </c>
      <c r="AC171" s="12">
        <f t="shared" si="86"/>
        <v>0.33214931669439041</v>
      </c>
      <c r="AD171" s="12">
        <f t="shared" si="87"/>
        <v>0.13136301591506147</v>
      </c>
      <c r="AE171" s="12">
        <f t="shared" si="88"/>
        <v>0</v>
      </c>
      <c r="AF171" s="12">
        <f t="shared" si="89"/>
        <v>0</v>
      </c>
      <c r="AG171" s="12">
        <f t="shared" si="90"/>
        <v>0</v>
      </c>
      <c r="AH171" s="12">
        <f>AC171/SUM(AC$2:AG$366)*Input!$J$5</f>
        <v>340.12465026567611</v>
      </c>
      <c r="AI171" s="12">
        <f>AD171/SUM(AC$2:AG$366)*Input!$J$5</f>
        <v>134.51721138738478</v>
      </c>
      <c r="AJ171" s="12">
        <f>AE171/SUM(AC$2:AG$366)*Input!$J$5</f>
        <v>0</v>
      </c>
      <c r="AK171" s="12">
        <f>AF171/SUM(AC$2:AG$366)*Input!$J$5</f>
        <v>0</v>
      </c>
      <c r="AL171" s="12">
        <f>AG171/SUM(AC$2:AG$366)*Input!$J$5</f>
        <v>0</v>
      </c>
      <c r="AM171" s="12">
        <f t="shared" si="91"/>
        <v>0</v>
      </c>
      <c r="AN171" s="12">
        <f t="shared" si="92"/>
        <v>420.22191761055274</v>
      </c>
      <c r="AO171" s="12">
        <f t="shared" si="93"/>
        <v>36.279962695005452</v>
      </c>
      <c r="AP171" s="12">
        <f t="shared" si="94"/>
        <v>18.139981347502726</v>
      </c>
      <c r="AQ171" s="12">
        <f t="shared" si="95"/>
        <v>0</v>
      </c>
      <c r="AR171" s="11">
        <f t="shared" si="96"/>
        <v>474.64186165306091</v>
      </c>
    </row>
    <row r="172" spans="16:44" x14ac:dyDescent="0.25">
      <c r="P172" s="10">
        <f t="shared" si="97"/>
        <v>45097</v>
      </c>
      <c r="Q172" s="28">
        <v>27.3</v>
      </c>
      <c r="R172" s="28">
        <f t="shared" si="83"/>
        <v>2</v>
      </c>
      <c r="S172" s="12">
        <f t="shared" si="75"/>
        <v>1.0609861866589789</v>
      </c>
      <c r="T172" s="12">
        <f t="shared" si="76"/>
        <v>0.67790786498212752</v>
      </c>
      <c r="U172" s="12">
        <f t="shared" si="77"/>
        <v>0.40699471377216029</v>
      </c>
      <c r="V172" s="12">
        <f t="shared" si="78"/>
        <v>0.52104102880341097</v>
      </c>
      <c r="W172" s="12">
        <f t="shared" si="84"/>
        <v>0</v>
      </c>
      <c r="X172" s="12">
        <f t="shared" si="79"/>
        <v>-7.0953309908476907E-3</v>
      </c>
      <c r="Y172" s="12">
        <f t="shared" si="80"/>
        <v>-1.3263420615734021E-2</v>
      </c>
      <c r="Z172" s="12">
        <f t="shared" si="81"/>
        <v>-1.2756454396407539E-2</v>
      </c>
      <c r="AA172" s="12">
        <f t="shared" si="82"/>
        <v>-2.1476600051355411E-2</v>
      </c>
      <c r="AB172" s="12">
        <f t="shared" si="85"/>
        <v>0</v>
      </c>
      <c r="AC172" s="12">
        <f t="shared" si="86"/>
        <v>0.32523136897831384</v>
      </c>
      <c r="AD172" s="12">
        <f t="shared" si="87"/>
        <v>0.11843118081472077</v>
      </c>
      <c r="AE172" s="12">
        <f t="shared" si="88"/>
        <v>0</v>
      </c>
      <c r="AF172" s="12">
        <f t="shared" si="89"/>
        <v>0</v>
      </c>
      <c r="AG172" s="12">
        <f t="shared" si="90"/>
        <v>0</v>
      </c>
      <c r="AH172" s="12">
        <f>AC172/SUM(AC$2:AG$366)*Input!$J$5</f>
        <v>333.0405937006833</v>
      </c>
      <c r="AI172" s="12">
        <f>AD172/SUM(AC$2:AG$366)*Input!$J$5</f>
        <v>121.27486624402938</v>
      </c>
      <c r="AJ172" s="12">
        <f>AE172/SUM(AC$2:AG$366)*Input!$J$5</f>
        <v>0</v>
      </c>
      <c r="AK172" s="12">
        <f>AF172/SUM(AC$2:AG$366)*Input!$J$5</f>
        <v>0</v>
      </c>
      <c r="AL172" s="12">
        <f>AG172/SUM(AC$2:AG$366)*Input!$J$5</f>
        <v>0</v>
      </c>
      <c r="AM172" s="12">
        <f t="shared" si="91"/>
        <v>0</v>
      </c>
      <c r="AN172" s="12">
        <f t="shared" si="92"/>
        <v>401.02896495260336</v>
      </c>
      <c r="AO172" s="12">
        <f t="shared" si="93"/>
        <v>35.524329994739553</v>
      </c>
      <c r="AP172" s="12">
        <f t="shared" si="94"/>
        <v>17.762164997369776</v>
      </c>
      <c r="AQ172" s="12">
        <f t="shared" si="95"/>
        <v>0</v>
      </c>
      <c r="AR172" s="11">
        <f t="shared" si="96"/>
        <v>454.3154599447127</v>
      </c>
    </row>
    <row r="173" spans="16:44" x14ac:dyDescent="0.25">
      <c r="P173" s="10">
        <f t="shared" si="97"/>
        <v>45098</v>
      </c>
      <c r="Q173" s="28">
        <v>28.7</v>
      </c>
      <c r="R173" s="28">
        <f t="shared" si="83"/>
        <v>3</v>
      </c>
      <c r="S173" s="12">
        <f t="shared" si="75"/>
        <v>1.0609861866589789</v>
      </c>
      <c r="T173" s="12">
        <f t="shared" si="76"/>
        <v>0.67790786498212752</v>
      </c>
      <c r="U173" s="12">
        <f t="shared" si="77"/>
        <v>0.40699471377216029</v>
      </c>
      <c r="V173" s="12">
        <f t="shared" si="78"/>
        <v>0.52104102880341097</v>
      </c>
      <c r="W173" s="12">
        <f t="shared" si="84"/>
        <v>0</v>
      </c>
      <c r="X173" s="12">
        <f t="shared" si="79"/>
        <v>-7.0953309908476907E-3</v>
      </c>
      <c r="Y173" s="12">
        <f t="shared" si="80"/>
        <v>-1.3263420615734021E-2</v>
      </c>
      <c r="Z173" s="12">
        <f t="shared" si="81"/>
        <v>-1.2756454396407539E-2</v>
      </c>
      <c r="AA173" s="12">
        <f t="shared" si="82"/>
        <v>-2.1476600051355411E-2</v>
      </c>
      <c r="AB173" s="12">
        <f t="shared" si="85"/>
        <v>0</v>
      </c>
      <c r="AC173" s="12">
        <f t="shared" si="86"/>
        <v>0.32150632020811887</v>
      </c>
      <c r="AD173" s="12">
        <f t="shared" si="87"/>
        <v>0.11146788499146042</v>
      </c>
      <c r="AE173" s="12">
        <f t="shared" si="88"/>
        <v>0</v>
      </c>
      <c r="AF173" s="12">
        <f t="shared" si="89"/>
        <v>0</v>
      </c>
      <c r="AG173" s="12">
        <f t="shared" si="90"/>
        <v>0</v>
      </c>
      <c r="AH173" s="12">
        <f>AC173/SUM(AC$2:AG$366)*Input!$J$5</f>
        <v>329.22610170414879</v>
      </c>
      <c r="AI173" s="12">
        <f>AD173/SUM(AC$2:AG$366)*Input!$J$5</f>
        <v>114.14437270529959</v>
      </c>
      <c r="AJ173" s="12">
        <f>AE173/SUM(AC$2:AG$366)*Input!$J$5</f>
        <v>0</v>
      </c>
      <c r="AK173" s="12">
        <f>AF173/SUM(AC$2:AG$366)*Input!$J$5</f>
        <v>0</v>
      </c>
      <c r="AL173" s="12">
        <f>AG173/SUM(AC$2:AG$366)*Input!$J$5</f>
        <v>0</v>
      </c>
      <c r="AM173" s="12">
        <f t="shared" si="91"/>
        <v>0</v>
      </c>
      <c r="AN173" s="12">
        <f t="shared" si="92"/>
        <v>390.69429813678454</v>
      </c>
      <c r="AO173" s="12">
        <f t="shared" si="93"/>
        <v>35.117450848442537</v>
      </c>
      <c r="AP173" s="12">
        <f t="shared" si="94"/>
        <v>17.558725424221269</v>
      </c>
      <c r="AQ173" s="12">
        <f t="shared" si="95"/>
        <v>0</v>
      </c>
      <c r="AR173" s="11">
        <f t="shared" si="96"/>
        <v>443.37047440944838</v>
      </c>
    </row>
    <row r="174" spans="16:44" x14ac:dyDescent="0.25">
      <c r="P174" s="10">
        <f t="shared" si="97"/>
        <v>45099</v>
      </c>
      <c r="Q174" s="28">
        <v>26.6</v>
      </c>
      <c r="R174" s="28">
        <f t="shared" si="83"/>
        <v>4</v>
      </c>
      <c r="S174" s="12">
        <f t="shared" si="75"/>
        <v>1.0609861866589789</v>
      </c>
      <c r="T174" s="12">
        <f t="shared" si="76"/>
        <v>0.67790786498212752</v>
      </c>
      <c r="U174" s="12">
        <f t="shared" si="77"/>
        <v>0.40699471377216029</v>
      </c>
      <c r="V174" s="12">
        <f t="shared" si="78"/>
        <v>0.52104102880341097</v>
      </c>
      <c r="W174" s="12">
        <f t="shared" si="84"/>
        <v>0</v>
      </c>
      <c r="X174" s="12">
        <f t="shared" si="79"/>
        <v>-7.0953309908476907E-3</v>
      </c>
      <c r="Y174" s="12">
        <f t="shared" si="80"/>
        <v>-1.3263420615734021E-2</v>
      </c>
      <c r="Z174" s="12">
        <f t="shared" si="81"/>
        <v>-1.2756454396407539E-2</v>
      </c>
      <c r="AA174" s="12">
        <f t="shared" si="82"/>
        <v>-2.1476600051355411E-2</v>
      </c>
      <c r="AB174" s="12">
        <f t="shared" si="85"/>
        <v>0</v>
      </c>
      <c r="AC174" s="12">
        <f t="shared" si="86"/>
        <v>0.32709389336341138</v>
      </c>
      <c r="AD174" s="12">
        <f t="shared" si="87"/>
        <v>0.12191282872635095</v>
      </c>
      <c r="AE174" s="12">
        <f t="shared" si="88"/>
        <v>0</v>
      </c>
      <c r="AF174" s="12">
        <f t="shared" si="89"/>
        <v>0</v>
      </c>
      <c r="AG174" s="12">
        <f t="shared" si="90"/>
        <v>0</v>
      </c>
      <c r="AH174" s="12">
        <f>AC174/SUM(AC$2:AG$366)*Input!$J$5</f>
        <v>334.94783969895059</v>
      </c>
      <c r="AI174" s="12">
        <f>AD174/SUM(AC$2:AG$366)*Input!$J$5</f>
        <v>124.8401130133943</v>
      </c>
      <c r="AJ174" s="12">
        <f>AE174/SUM(AC$2:AG$366)*Input!$J$5</f>
        <v>0</v>
      </c>
      <c r="AK174" s="12">
        <f>AF174/SUM(AC$2:AG$366)*Input!$J$5</f>
        <v>0</v>
      </c>
      <c r="AL174" s="12">
        <f>AG174/SUM(AC$2:AG$366)*Input!$J$5</f>
        <v>0</v>
      </c>
      <c r="AM174" s="12">
        <f t="shared" si="91"/>
        <v>0</v>
      </c>
      <c r="AN174" s="12">
        <f t="shared" si="92"/>
        <v>406.19629836051274</v>
      </c>
      <c r="AO174" s="12">
        <f t="shared" si="93"/>
        <v>35.727769567888068</v>
      </c>
      <c r="AP174" s="12">
        <f t="shared" si="94"/>
        <v>17.863884783944034</v>
      </c>
      <c r="AQ174" s="12">
        <f t="shared" si="95"/>
        <v>0</v>
      </c>
      <c r="AR174" s="11">
        <f t="shared" si="96"/>
        <v>459.78795271234486</v>
      </c>
    </row>
    <row r="175" spans="16:44" x14ac:dyDescent="0.25">
      <c r="P175" s="10">
        <f t="shared" si="97"/>
        <v>45100</v>
      </c>
      <c r="Q175" s="28">
        <v>24.5</v>
      </c>
      <c r="R175" s="28">
        <f t="shared" si="83"/>
        <v>5</v>
      </c>
      <c r="S175" s="12">
        <f t="shared" si="75"/>
        <v>1.0609861866589789</v>
      </c>
      <c r="T175" s="12">
        <f t="shared" si="76"/>
        <v>0.67790786498212752</v>
      </c>
      <c r="U175" s="12">
        <f t="shared" si="77"/>
        <v>0.40699471377216029</v>
      </c>
      <c r="V175" s="12">
        <f t="shared" si="78"/>
        <v>0.52104102880341097</v>
      </c>
      <c r="W175" s="12">
        <f t="shared" si="84"/>
        <v>0</v>
      </c>
      <c r="X175" s="12">
        <f t="shared" si="79"/>
        <v>-7.0953309908476907E-3</v>
      </c>
      <c r="Y175" s="12">
        <f t="shared" si="80"/>
        <v>-1.3263420615734021E-2</v>
      </c>
      <c r="Z175" s="12">
        <f t="shared" si="81"/>
        <v>-1.2756454396407539E-2</v>
      </c>
      <c r="AA175" s="12">
        <f t="shared" si="82"/>
        <v>-2.1476600051355411E-2</v>
      </c>
      <c r="AB175" s="12">
        <f t="shared" si="85"/>
        <v>0</v>
      </c>
      <c r="AC175" s="12">
        <f t="shared" si="86"/>
        <v>0.33268146651870389</v>
      </c>
      <c r="AD175" s="12">
        <f t="shared" si="87"/>
        <v>0.1323577724612415</v>
      </c>
      <c r="AE175" s="12">
        <f t="shared" si="88"/>
        <v>0</v>
      </c>
      <c r="AF175" s="12">
        <f t="shared" si="89"/>
        <v>0</v>
      </c>
      <c r="AG175" s="12">
        <f t="shared" si="90"/>
        <v>0</v>
      </c>
      <c r="AH175" s="12">
        <f>AC175/SUM(AC$2:AG$366)*Input!$J$5</f>
        <v>340.66957769375239</v>
      </c>
      <c r="AI175" s="12">
        <f>AD175/SUM(AC$2:AG$366)*Input!$J$5</f>
        <v>135.53585332148904</v>
      </c>
      <c r="AJ175" s="12">
        <f>AE175/SUM(AC$2:AG$366)*Input!$J$5</f>
        <v>0</v>
      </c>
      <c r="AK175" s="12">
        <f>AF175/SUM(AC$2:AG$366)*Input!$J$5</f>
        <v>0</v>
      </c>
      <c r="AL175" s="12">
        <f>AG175/SUM(AC$2:AG$366)*Input!$J$5</f>
        <v>0</v>
      </c>
      <c r="AM175" s="12">
        <f t="shared" si="91"/>
        <v>0</v>
      </c>
      <c r="AN175" s="12">
        <f t="shared" si="92"/>
        <v>421.698298584241</v>
      </c>
      <c r="AO175" s="12">
        <f t="shared" si="93"/>
        <v>36.338088287333591</v>
      </c>
      <c r="AP175" s="12">
        <f t="shared" si="94"/>
        <v>18.169044143666795</v>
      </c>
      <c r="AQ175" s="12">
        <f t="shared" si="95"/>
        <v>0</v>
      </c>
      <c r="AR175" s="11">
        <f t="shared" si="96"/>
        <v>476.20543101524134</v>
      </c>
    </row>
    <row r="176" spans="16:44" x14ac:dyDescent="0.25">
      <c r="P176" s="10">
        <f t="shared" si="97"/>
        <v>45101</v>
      </c>
      <c r="Q176" s="28">
        <v>18.399999999999999</v>
      </c>
      <c r="R176" s="28">
        <f t="shared" si="83"/>
        <v>6</v>
      </c>
      <c r="S176" s="12">
        <f t="shared" si="75"/>
        <v>0.66609297291086311</v>
      </c>
      <c r="T176" s="12">
        <f t="shared" si="76"/>
        <v>0.19607255136472959</v>
      </c>
      <c r="U176" s="12">
        <f t="shared" si="77"/>
        <v>0.65274423464211173</v>
      </c>
      <c r="V176" s="12">
        <f t="shared" si="78"/>
        <v>0.29524473618599389</v>
      </c>
      <c r="W176" s="12">
        <f t="shared" si="84"/>
        <v>0.44487676601187343</v>
      </c>
      <c r="X176" s="12">
        <f t="shared" si="79"/>
        <v>-3.4097042997074749E-4</v>
      </c>
      <c r="Y176" s="12">
        <f t="shared" si="80"/>
        <v>-6.2279477920712143E-4</v>
      </c>
      <c r="Z176" s="12">
        <f t="shared" si="81"/>
        <v>-1.60343007315953E-2</v>
      </c>
      <c r="AA176" s="12">
        <f t="shared" si="82"/>
        <v>-9.762199133681506E-3</v>
      </c>
      <c r="AB176" s="12">
        <f t="shared" si="85"/>
        <v>-1.748296682554611E-2</v>
      </c>
      <c r="AC176" s="12">
        <f t="shared" si="86"/>
        <v>0</v>
      </c>
      <c r="AD176" s="12">
        <f t="shared" si="87"/>
        <v>6.4614594599561495E-2</v>
      </c>
      <c r="AE176" s="12">
        <f t="shared" si="88"/>
        <v>3.1299896353316342E-2</v>
      </c>
      <c r="AF176" s="12">
        <f t="shared" si="89"/>
        <v>2.0233547622094485E-2</v>
      </c>
      <c r="AG176" s="12">
        <f t="shared" si="90"/>
        <v>1.0779140436909687E-2</v>
      </c>
      <c r="AH176" s="12">
        <f>AC176/SUM(AC$2:AG$366)*Input!$J$5</f>
        <v>0</v>
      </c>
      <c r="AI176" s="12">
        <f>AD176/SUM(AC$2:AG$366)*Input!$J$5</f>
        <v>66.166074369664543</v>
      </c>
      <c r="AJ176" s="12">
        <f>AE176/SUM(AC$2:AG$366)*Input!$J$5</f>
        <v>32.051447242081373</v>
      </c>
      <c r="AK176" s="12">
        <f>AF176/SUM(AC$2:AG$366)*Input!$J$5</f>
        <v>20.719381202071929</v>
      </c>
      <c r="AL176" s="12">
        <f>AG176/SUM(AC$2:AG$366)*Input!$J$5</f>
        <v>11.037961504047956</v>
      </c>
      <c r="AM176" s="12">
        <f t="shared" si="91"/>
        <v>10.596443043886044</v>
      </c>
      <c r="AN176" s="12">
        <f t="shared" si="92"/>
        <v>111.43849234962002</v>
      </c>
      <c r="AO176" s="12">
        <f t="shared" si="93"/>
        <v>5.2932859495731632</v>
      </c>
      <c r="AP176" s="12">
        <f t="shared" si="94"/>
        <v>2.6466429747865816</v>
      </c>
      <c r="AQ176" s="12">
        <f t="shared" si="95"/>
        <v>0</v>
      </c>
      <c r="AR176" s="11">
        <f t="shared" si="96"/>
        <v>129.97486431786581</v>
      </c>
    </row>
    <row r="177" spans="16:44" x14ac:dyDescent="0.25">
      <c r="P177" s="10">
        <f t="shared" si="97"/>
        <v>45102</v>
      </c>
      <c r="Q177" s="28">
        <v>22.4</v>
      </c>
      <c r="R177" s="28">
        <f t="shared" si="83"/>
        <v>7</v>
      </c>
      <c r="S177" s="12">
        <f t="shared" si="75"/>
        <v>0.66609297291086311</v>
      </c>
      <c r="T177" s="12">
        <f t="shared" si="76"/>
        <v>0.19607255136472959</v>
      </c>
      <c r="U177" s="12">
        <f t="shared" si="77"/>
        <v>0.65274423464211173</v>
      </c>
      <c r="V177" s="12">
        <f t="shared" si="78"/>
        <v>0.29524473618599389</v>
      </c>
      <c r="W177" s="12">
        <f t="shared" si="84"/>
        <v>0.44487676601187343</v>
      </c>
      <c r="X177" s="12">
        <f t="shared" si="79"/>
        <v>-3.4097042997074749E-4</v>
      </c>
      <c r="Y177" s="12">
        <f t="shared" si="80"/>
        <v>-6.2279477920712143E-4</v>
      </c>
      <c r="Z177" s="12">
        <f t="shared" si="81"/>
        <v>-1.60343007315953E-2</v>
      </c>
      <c r="AA177" s="12">
        <f t="shared" si="82"/>
        <v>-9.762199133681506E-3</v>
      </c>
      <c r="AB177" s="12">
        <f t="shared" si="85"/>
        <v>-1.748296682554611E-2</v>
      </c>
      <c r="AC177" s="12">
        <f t="shared" si="86"/>
        <v>0</v>
      </c>
      <c r="AD177" s="12">
        <f t="shared" si="87"/>
        <v>6.3742681908671522E-2</v>
      </c>
      <c r="AE177" s="12">
        <f t="shared" si="88"/>
        <v>2.5687891097257987E-2</v>
      </c>
      <c r="AF177" s="12">
        <f t="shared" si="89"/>
        <v>1.3400008228517427E-2</v>
      </c>
      <c r="AG177" s="12">
        <f t="shared" si="90"/>
        <v>4.6601020479685503E-3</v>
      </c>
      <c r="AH177" s="12">
        <f>AC177/SUM(AC$2:AG$366)*Input!$J$5</f>
        <v>0</v>
      </c>
      <c r="AI177" s="12">
        <f>AD177/SUM(AC$2:AG$366)*Input!$J$5</f>
        <v>65.273225930286245</v>
      </c>
      <c r="AJ177" s="12">
        <f>AE177/SUM(AC$2:AG$366)*Input!$J$5</f>
        <v>26.304690500256587</v>
      </c>
      <c r="AK177" s="12">
        <f>AF177/SUM(AC$2:AG$366)*Input!$J$5</f>
        <v>13.721759712289799</v>
      </c>
      <c r="AL177" s="12">
        <f>AG177/SUM(AC$2:AG$366)*Input!$J$5</f>
        <v>4.7719971097397513</v>
      </c>
      <c r="AM177" s="12">
        <f t="shared" si="91"/>
        <v>4.5811172253501642</v>
      </c>
      <c r="AN177" s="12">
        <f t="shared" si="92"/>
        <v>97.657768915587866</v>
      </c>
      <c r="AO177" s="12">
        <f t="shared" si="93"/>
        <v>5.2218580744229</v>
      </c>
      <c r="AP177" s="12">
        <f t="shared" si="94"/>
        <v>2.61092903721145</v>
      </c>
      <c r="AQ177" s="12">
        <f t="shared" si="95"/>
        <v>0</v>
      </c>
      <c r="AR177" s="11">
        <f t="shared" si="96"/>
        <v>110.07167325257238</v>
      </c>
    </row>
    <row r="178" spans="16:44" x14ac:dyDescent="0.25">
      <c r="P178" s="10">
        <f t="shared" si="97"/>
        <v>45103</v>
      </c>
      <c r="Q178" s="28">
        <v>24.5</v>
      </c>
      <c r="R178" s="28">
        <f t="shared" si="83"/>
        <v>1</v>
      </c>
      <c r="S178" s="12">
        <f t="shared" si="75"/>
        <v>1.0609861866589789</v>
      </c>
      <c r="T178" s="12">
        <f t="shared" si="76"/>
        <v>0.67790786498212752</v>
      </c>
      <c r="U178" s="12">
        <f t="shared" si="77"/>
        <v>0.40699471377216029</v>
      </c>
      <c r="V178" s="12">
        <f t="shared" si="78"/>
        <v>0.52104102880341097</v>
      </c>
      <c r="W178" s="12">
        <f t="shared" si="84"/>
        <v>0</v>
      </c>
      <c r="X178" s="12">
        <f t="shared" si="79"/>
        <v>-7.0953309908476907E-3</v>
      </c>
      <c r="Y178" s="12">
        <f t="shared" si="80"/>
        <v>-1.3263420615734021E-2</v>
      </c>
      <c r="Z178" s="12">
        <f t="shared" si="81"/>
        <v>-1.2756454396407539E-2</v>
      </c>
      <c r="AA178" s="12">
        <f t="shared" si="82"/>
        <v>-2.1476600051355411E-2</v>
      </c>
      <c r="AB178" s="12">
        <f t="shared" si="85"/>
        <v>0</v>
      </c>
      <c r="AC178" s="12">
        <f t="shared" si="86"/>
        <v>0.33268146651870389</v>
      </c>
      <c r="AD178" s="12">
        <f t="shared" si="87"/>
        <v>0.1323577724612415</v>
      </c>
      <c r="AE178" s="12">
        <f t="shared" si="88"/>
        <v>0</v>
      </c>
      <c r="AF178" s="12">
        <f t="shared" si="89"/>
        <v>0</v>
      </c>
      <c r="AG178" s="12">
        <f t="shared" si="90"/>
        <v>0</v>
      </c>
      <c r="AH178" s="12">
        <f>AC178/SUM(AC$2:AG$366)*Input!$J$5</f>
        <v>340.66957769375239</v>
      </c>
      <c r="AI178" s="12">
        <f>AD178/SUM(AC$2:AG$366)*Input!$J$5</f>
        <v>135.53585332148904</v>
      </c>
      <c r="AJ178" s="12">
        <f>AE178/SUM(AC$2:AG$366)*Input!$J$5</f>
        <v>0</v>
      </c>
      <c r="AK178" s="12">
        <f>AF178/SUM(AC$2:AG$366)*Input!$J$5</f>
        <v>0</v>
      </c>
      <c r="AL178" s="12">
        <f>AG178/SUM(AC$2:AG$366)*Input!$J$5</f>
        <v>0</v>
      </c>
      <c r="AM178" s="12">
        <f t="shared" si="91"/>
        <v>0</v>
      </c>
      <c r="AN178" s="12">
        <f t="shared" si="92"/>
        <v>421.698298584241</v>
      </c>
      <c r="AO178" s="12">
        <f t="shared" si="93"/>
        <v>36.338088287333591</v>
      </c>
      <c r="AP178" s="12">
        <f t="shared" si="94"/>
        <v>18.169044143666795</v>
      </c>
      <c r="AQ178" s="12">
        <f t="shared" si="95"/>
        <v>0</v>
      </c>
      <c r="AR178" s="11">
        <f t="shared" si="96"/>
        <v>476.20543101524134</v>
      </c>
    </row>
    <row r="179" spans="16:44" x14ac:dyDescent="0.25">
      <c r="P179" s="10">
        <f t="shared" si="97"/>
        <v>45104</v>
      </c>
      <c r="Q179" s="28">
        <v>24.1</v>
      </c>
      <c r="R179" s="28">
        <f t="shared" si="83"/>
        <v>2</v>
      </c>
      <c r="S179" s="12">
        <f t="shared" si="75"/>
        <v>1.0609861866589789</v>
      </c>
      <c r="T179" s="12">
        <f t="shared" si="76"/>
        <v>0.67790786498212752</v>
      </c>
      <c r="U179" s="12">
        <f t="shared" si="77"/>
        <v>0.40699471377216029</v>
      </c>
      <c r="V179" s="12">
        <f t="shared" si="78"/>
        <v>0.52104102880341097</v>
      </c>
      <c r="W179" s="12">
        <f t="shared" si="84"/>
        <v>0</v>
      </c>
      <c r="X179" s="12">
        <f t="shared" si="79"/>
        <v>-7.0953309908476907E-3</v>
      </c>
      <c r="Y179" s="12">
        <f t="shared" si="80"/>
        <v>-1.3263420615734021E-2</v>
      </c>
      <c r="Z179" s="12">
        <f t="shared" si="81"/>
        <v>-1.2756454396407539E-2</v>
      </c>
      <c r="AA179" s="12">
        <f t="shared" si="82"/>
        <v>-2.1476600051355411E-2</v>
      </c>
      <c r="AB179" s="12">
        <f t="shared" si="85"/>
        <v>0</v>
      </c>
      <c r="AC179" s="12">
        <f t="shared" si="86"/>
        <v>0.33374576616733109</v>
      </c>
      <c r="AD179" s="12">
        <f t="shared" si="87"/>
        <v>0.13434728555360159</v>
      </c>
      <c r="AE179" s="12">
        <f t="shared" si="88"/>
        <v>0</v>
      </c>
      <c r="AF179" s="12">
        <f t="shared" si="89"/>
        <v>8.6374189143637037E-4</v>
      </c>
      <c r="AG179" s="12">
        <f t="shared" si="90"/>
        <v>0</v>
      </c>
      <c r="AH179" s="12">
        <f>AC179/SUM(AC$2:AG$366)*Input!$J$5</f>
        <v>341.75943254990517</v>
      </c>
      <c r="AI179" s="12">
        <f>AD179/SUM(AC$2:AG$366)*Input!$J$5</f>
        <v>137.57313718969752</v>
      </c>
      <c r="AJ179" s="12">
        <f>AE179/SUM(AC$2:AG$366)*Input!$J$5</f>
        <v>0</v>
      </c>
      <c r="AK179" s="12">
        <f>AF179/SUM(AC$2:AG$366)*Input!$J$5</f>
        <v>0.88448144848937049</v>
      </c>
      <c r="AL179" s="12">
        <f>AG179/SUM(AC$2:AG$366)*Input!$J$5</f>
        <v>0</v>
      </c>
      <c r="AM179" s="12">
        <f t="shared" si="91"/>
        <v>0.42455109527489765</v>
      </c>
      <c r="AN179" s="12">
        <f t="shared" si="92"/>
        <v>425.11099088483235</v>
      </c>
      <c r="AO179" s="12">
        <f t="shared" si="93"/>
        <v>36.45433947198989</v>
      </c>
      <c r="AP179" s="12">
        <f t="shared" si="94"/>
        <v>18.227169735994945</v>
      </c>
      <c r="AQ179" s="12">
        <f t="shared" si="95"/>
        <v>0</v>
      </c>
      <c r="AR179" s="11">
        <f t="shared" si="96"/>
        <v>480.21705118809211</v>
      </c>
    </row>
    <row r="180" spans="16:44" x14ac:dyDescent="0.25">
      <c r="P180" s="10">
        <f t="shared" si="97"/>
        <v>45105</v>
      </c>
      <c r="Q180" s="28">
        <v>19.600000000000001</v>
      </c>
      <c r="R180" s="28">
        <f t="shared" si="83"/>
        <v>3</v>
      </c>
      <c r="S180" s="12">
        <f t="shared" si="75"/>
        <v>1.0609861866589789</v>
      </c>
      <c r="T180" s="12">
        <f t="shared" si="76"/>
        <v>0.67790786498212752</v>
      </c>
      <c r="U180" s="12">
        <f t="shared" si="77"/>
        <v>0.40699471377216029</v>
      </c>
      <c r="V180" s="12">
        <f t="shared" si="78"/>
        <v>0.52104102880341097</v>
      </c>
      <c r="W180" s="12">
        <f t="shared" si="84"/>
        <v>0</v>
      </c>
      <c r="X180" s="12">
        <f t="shared" si="79"/>
        <v>-7.0953309908476907E-3</v>
      </c>
      <c r="Y180" s="12">
        <f t="shared" si="80"/>
        <v>-1.3263420615734021E-2</v>
      </c>
      <c r="Z180" s="12">
        <f t="shared" si="81"/>
        <v>-1.2756454396407539E-2</v>
      </c>
      <c r="AA180" s="12">
        <f t="shared" si="82"/>
        <v>-2.1476600051355411E-2</v>
      </c>
      <c r="AB180" s="12">
        <f t="shared" si="85"/>
        <v>0</v>
      </c>
      <c r="AC180" s="12">
        <f t="shared" si="86"/>
        <v>0.34571913721438657</v>
      </c>
      <c r="AD180" s="12">
        <f t="shared" si="87"/>
        <v>0.15672930784265277</v>
      </c>
      <c r="AE180" s="12">
        <f t="shared" si="88"/>
        <v>0</v>
      </c>
      <c r="AF180" s="12">
        <f t="shared" si="89"/>
        <v>2.5024916949211218E-2</v>
      </c>
      <c r="AG180" s="12">
        <f t="shared" si="90"/>
        <v>0</v>
      </c>
      <c r="AH180" s="12">
        <f>AC180/SUM(AC$2:AG$366)*Input!$J$5</f>
        <v>354.02029968162338</v>
      </c>
      <c r="AI180" s="12">
        <f>AD180/SUM(AC$2:AG$366)*Input!$J$5</f>
        <v>160.49258070704337</v>
      </c>
      <c r="AJ180" s="12">
        <f>AE180/SUM(AC$2:AG$366)*Input!$J$5</f>
        <v>0</v>
      </c>
      <c r="AK180" s="12">
        <f>AF180/SUM(AC$2:AG$366)*Input!$J$5</f>
        <v>25.625797487668915</v>
      </c>
      <c r="AL180" s="12">
        <f>AG180/SUM(AC$2:AG$366)*Input!$J$5</f>
        <v>0</v>
      </c>
      <c r="AM180" s="12">
        <f t="shared" si="91"/>
        <v>12.300382794081074</v>
      </c>
      <c r="AN180" s="12">
        <f t="shared" si="92"/>
        <v>471.19504713319486</v>
      </c>
      <c r="AO180" s="12">
        <f t="shared" si="93"/>
        <v>37.762165299373166</v>
      </c>
      <c r="AP180" s="12">
        <f t="shared" si="94"/>
        <v>18.881082649686583</v>
      </c>
      <c r="AQ180" s="12">
        <f t="shared" si="95"/>
        <v>0</v>
      </c>
      <c r="AR180" s="11">
        <f t="shared" si="96"/>
        <v>540.13867787633569</v>
      </c>
    </row>
    <row r="181" spans="16:44" x14ac:dyDescent="0.25">
      <c r="P181" s="10">
        <f t="shared" si="97"/>
        <v>45106</v>
      </c>
      <c r="Q181" s="28">
        <v>22.4</v>
      </c>
      <c r="R181" s="28">
        <f t="shared" si="83"/>
        <v>4</v>
      </c>
      <c r="S181" s="12">
        <f t="shared" si="75"/>
        <v>1.0609861866589789</v>
      </c>
      <c r="T181" s="12">
        <f t="shared" si="76"/>
        <v>0.67790786498212752</v>
      </c>
      <c r="U181" s="12">
        <f t="shared" si="77"/>
        <v>0.40699471377216029</v>
      </c>
      <c r="V181" s="12">
        <f t="shared" si="78"/>
        <v>0.52104102880341097</v>
      </c>
      <c r="W181" s="12">
        <f t="shared" si="84"/>
        <v>0</v>
      </c>
      <c r="X181" s="12">
        <f t="shared" si="79"/>
        <v>-7.0953309908476907E-3</v>
      </c>
      <c r="Y181" s="12">
        <f t="shared" si="80"/>
        <v>-1.3263420615734021E-2</v>
      </c>
      <c r="Z181" s="12">
        <f t="shared" si="81"/>
        <v>-1.2756454396407539E-2</v>
      </c>
      <c r="AA181" s="12">
        <f t="shared" si="82"/>
        <v>-2.1476600051355411E-2</v>
      </c>
      <c r="AB181" s="12">
        <f t="shared" si="85"/>
        <v>0</v>
      </c>
      <c r="AC181" s="12">
        <f t="shared" si="86"/>
        <v>0.33826903967399652</v>
      </c>
      <c r="AD181" s="12">
        <f t="shared" si="87"/>
        <v>0.14280271619613205</v>
      </c>
      <c r="AE181" s="12">
        <f t="shared" si="88"/>
        <v>0</v>
      </c>
      <c r="AF181" s="12">
        <f t="shared" si="89"/>
        <v>9.9912969132624485E-3</v>
      </c>
      <c r="AG181" s="12">
        <f t="shared" si="90"/>
        <v>0</v>
      </c>
      <c r="AH181" s="12">
        <f>AC181/SUM(AC$2:AG$366)*Input!$J$5</f>
        <v>346.3913156885543</v>
      </c>
      <c r="AI181" s="12">
        <f>AD181/SUM(AC$2:AG$366)*Input!$J$5</f>
        <v>146.23159362958376</v>
      </c>
      <c r="AJ181" s="12">
        <f>AE181/SUM(AC$2:AG$366)*Input!$J$5</f>
        <v>0</v>
      </c>
      <c r="AK181" s="12">
        <f>AF181/SUM(AC$2:AG$366)*Input!$J$5</f>
        <v>10.231200841068334</v>
      </c>
      <c r="AL181" s="12">
        <f>AG181/SUM(AC$2:AG$366)*Input!$J$5</f>
        <v>0</v>
      </c>
      <c r="AM181" s="12">
        <f t="shared" si="91"/>
        <v>4.9109764037127981</v>
      </c>
      <c r="AN181" s="12">
        <f t="shared" si="92"/>
        <v>442.52052324532491</v>
      </c>
      <c r="AO181" s="12">
        <f t="shared" si="93"/>
        <v>36.948407006779128</v>
      </c>
      <c r="AP181" s="12">
        <f t="shared" si="94"/>
        <v>18.474203503389564</v>
      </c>
      <c r="AQ181" s="12">
        <f t="shared" si="95"/>
        <v>0</v>
      </c>
      <c r="AR181" s="11">
        <f t="shared" si="96"/>
        <v>502.85411015920641</v>
      </c>
    </row>
    <row r="182" spans="16:44" x14ac:dyDescent="0.25">
      <c r="P182" s="10">
        <f t="shared" si="97"/>
        <v>45107</v>
      </c>
      <c r="Q182" s="28">
        <v>24.6</v>
      </c>
      <c r="R182" s="28">
        <f t="shared" si="83"/>
        <v>5</v>
      </c>
      <c r="S182" s="12">
        <f t="shared" si="75"/>
        <v>1.0609861866589789</v>
      </c>
      <c r="T182" s="12">
        <f t="shared" si="76"/>
        <v>0.67790786498212752</v>
      </c>
      <c r="U182" s="12">
        <f t="shared" si="77"/>
        <v>0.40699471377216029</v>
      </c>
      <c r="V182" s="12">
        <f t="shared" si="78"/>
        <v>0.52104102880341097</v>
      </c>
      <c r="W182" s="12">
        <f t="shared" si="84"/>
        <v>0</v>
      </c>
      <c r="X182" s="12">
        <f t="shared" si="79"/>
        <v>-7.0953309908476907E-3</v>
      </c>
      <c r="Y182" s="12">
        <f t="shared" si="80"/>
        <v>-1.3263420615734021E-2</v>
      </c>
      <c r="Z182" s="12">
        <f t="shared" si="81"/>
        <v>-1.2756454396407539E-2</v>
      </c>
      <c r="AA182" s="12">
        <f t="shared" si="82"/>
        <v>-2.1476600051355411E-2</v>
      </c>
      <c r="AB182" s="12">
        <f t="shared" si="85"/>
        <v>0</v>
      </c>
      <c r="AC182" s="12">
        <f t="shared" si="86"/>
        <v>0.33241539160654715</v>
      </c>
      <c r="AD182" s="12">
        <f t="shared" si="87"/>
        <v>0.13186039418815146</v>
      </c>
      <c r="AE182" s="12">
        <f t="shared" si="88"/>
        <v>0</v>
      </c>
      <c r="AF182" s="12">
        <f t="shared" si="89"/>
        <v>0</v>
      </c>
      <c r="AG182" s="12">
        <f t="shared" si="90"/>
        <v>0</v>
      </c>
      <c r="AH182" s="12">
        <f>AC182/SUM(AC$2:AG$366)*Input!$J$5</f>
        <v>340.39711397971428</v>
      </c>
      <c r="AI182" s="12">
        <f>AD182/SUM(AC$2:AG$366)*Input!$J$5</f>
        <v>135.02653235443688</v>
      </c>
      <c r="AJ182" s="12">
        <f>AE182/SUM(AC$2:AG$366)*Input!$J$5</f>
        <v>0</v>
      </c>
      <c r="AK182" s="12">
        <f>AF182/SUM(AC$2:AG$366)*Input!$J$5</f>
        <v>0</v>
      </c>
      <c r="AL182" s="12">
        <f>AG182/SUM(AC$2:AG$366)*Input!$J$5</f>
        <v>0</v>
      </c>
      <c r="AM182" s="12">
        <f t="shared" si="91"/>
        <v>0</v>
      </c>
      <c r="AN182" s="12">
        <f t="shared" si="92"/>
        <v>420.96010809739687</v>
      </c>
      <c r="AO182" s="12">
        <f t="shared" si="93"/>
        <v>36.309025491169528</v>
      </c>
      <c r="AP182" s="12">
        <f t="shared" si="94"/>
        <v>18.154512745584764</v>
      </c>
      <c r="AQ182" s="12">
        <f t="shared" si="95"/>
        <v>0</v>
      </c>
      <c r="AR182" s="11">
        <f t="shared" si="96"/>
        <v>475.42364633415116</v>
      </c>
    </row>
    <row r="183" spans="16:44" x14ac:dyDescent="0.25">
      <c r="P183" s="10">
        <f t="shared" si="97"/>
        <v>45108</v>
      </c>
      <c r="Q183" s="28">
        <v>21.7</v>
      </c>
      <c r="R183" s="28">
        <f t="shared" si="83"/>
        <v>6</v>
      </c>
      <c r="S183" s="12">
        <f t="shared" si="75"/>
        <v>0.66609297291086311</v>
      </c>
      <c r="T183" s="12">
        <f t="shared" si="76"/>
        <v>0.19607255136472959</v>
      </c>
      <c r="U183" s="12">
        <f t="shared" si="77"/>
        <v>0.65274423464211173</v>
      </c>
      <c r="V183" s="12">
        <f t="shared" si="78"/>
        <v>0.29524473618599389</v>
      </c>
      <c r="W183" s="12">
        <f t="shared" si="84"/>
        <v>0.44487676601187343</v>
      </c>
      <c r="X183" s="12">
        <f t="shared" si="79"/>
        <v>-3.4097042997074749E-4</v>
      </c>
      <c r="Y183" s="12">
        <f t="shared" si="80"/>
        <v>-6.2279477920712143E-4</v>
      </c>
      <c r="Z183" s="12">
        <f t="shared" si="81"/>
        <v>-1.60343007315953E-2</v>
      </c>
      <c r="AA183" s="12">
        <f t="shared" si="82"/>
        <v>-9.762199133681506E-3</v>
      </c>
      <c r="AB183" s="12">
        <f t="shared" si="85"/>
        <v>-1.748296682554611E-2</v>
      </c>
      <c r="AC183" s="12">
        <f t="shared" si="86"/>
        <v>0</v>
      </c>
      <c r="AD183" s="12">
        <f t="shared" si="87"/>
        <v>6.3895266629577258E-2</v>
      </c>
      <c r="AE183" s="12">
        <f t="shared" si="88"/>
        <v>2.6669992017068204E-2</v>
      </c>
      <c r="AF183" s="12">
        <f t="shared" si="89"/>
        <v>1.4595877622393413E-2</v>
      </c>
      <c r="AG183" s="12">
        <f t="shared" si="90"/>
        <v>5.7309337660332513E-3</v>
      </c>
      <c r="AH183" s="12">
        <f>AC183/SUM(AC$2:AG$366)*Input!$J$5</f>
        <v>0</v>
      </c>
      <c r="AI183" s="12">
        <f>AD183/SUM(AC$2:AG$366)*Input!$J$5</f>
        <v>65.429474407177437</v>
      </c>
      <c r="AJ183" s="12">
        <f>AE183/SUM(AC$2:AG$366)*Input!$J$5</f>
        <v>27.310372930075932</v>
      </c>
      <c r="AK183" s="12">
        <f>AF183/SUM(AC$2:AG$366)*Input!$J$5</f>
        <v>14.946343473001674</v>
      </c>
      <c r="AL183" s="12">
        <f>AG183/SUM(AC$2:AG$366)*Input!$J$5</f>
        <v>5.8685408787436888</v>
      </c>
      <c r="AM183" s="12">
        <f t="shared" si="91"/>
        <v>5.6337992435939439</v>
      </c>
      <c r="AN183" s="12">
        <f t="shared" si="92"/>
        <v>100.06939551654349</v>
      </c>
      <c r="AO183" s="12">
        <f t="shared" si="93"/>
        <v>5.2343579525741948</v>
      </c>
      <c r="AP183" s="12">
        <f t="shared" si="94"/>
        <v>2.6171789762870974</v>
      </c>
      <c r="AQ183" s="12">
        <f t="shared" si="95"/>
        <v>0</v>
      </c>
      <c r="AR183" s="11">
        <f t="shared" si="96"/>
        <v>113.55473168899873</v>
      </c>
    </row>
    <row r="184" spans="16:44" x14ac:dyDescent="0.25">
      <c r="P184" s="10">
        <f t="shared" si="97"/>
        <v>45109</v>
      </c>
      <c r="Q184" s="28">
        <v>22.6</v>
      </c>
      <c r="R184" s="28">
        <f t="shared" si="83"/>
        <v>7</v>
      </c>
      <c r="S184" s="12">
        <f t="shared" si="75"/>
        <v>0.66609297291086311</v>
      </c>
      <c r="T184" s="12">
        <f t="shared" si="76"/>
        <v>0.19607255136472959</v>
      </c>
      <c r="U184" s="12">
        <f t="shared" si="77"/>
        <v>0.65274423464211173</v>
      </c>
      <c r="V184" s="12">
        <f t="shared" si="78"/>
        <v>0.29524473618599389</v>
      </c>
      <c r="W184" s="12">
        <f t="shared" si="84"/>
        <v>0.44487676601187343</v>
      </c>
      <c r="X184" s="12">
        <f t="shared" si="79"/>
        <v>-3.4097042997074749E-4</v>
      </c>
      <c r="Y184" s="12">
        <f t="shared" si="80"/>
        <v>-6.2279477920712143E-4</v>
      </c>
      <c r="Z184" s="12">
        <f t="shared" si="81"/>
        <v>-1.60343007315953E-2</v>
      </c>
      <c r="AA184" s="12">
        <f t="shared" si="82"/>
        <v>-9.762199133681506E-3</v>
      </c>
      <c r="AB184" s="12">
        <f t="shared" si="85"/>
        <v>-1.748296682554611E-2</v>
      </c>
      <c r="AC184" s="12">
        <f t="shared" si="86"/>
        <v>0</v>
      </c>
      <c r="AD184" s="12">
        <f t="shared" si="87"/>
        <v>6.3699086274127029E-2</v>
      </c>
      <c r="AE184" s="12">
        <f t="shared" si="88"/>
        <v>2.5407290834455067E-2</v>
      </c>
      <c r="AF184" s="12">
        <f t="shared" si="89"/>
        <v>1.3058331258838572E-2</v>
      </c>
      <c r="AG184" s="12">
        <f t="shared" si="90"/>
        <v>4.3541501285214897E-3</v>
      </c>
      <c r="AH184" s="12">
        <f>AC184/SUM(AC$2:AG$366)*Input!$J$5</f>
        <v>0</v>
      </c>
      <c r="AI184" s="12">
        <f>AD184/SUM(AC$2:AG$366)*Input!$J$5</f>
        <v>65.228583508317342</v>
      </c>
      <c r="AJ184" s="12">
        <f>AE184/SUM(AC$2:AG$366)*Input!$J$5</f>
        <v>26.017352663165347</v>
      </c>
      <c r="AK184" s="12">
        <f>AF184/SUM(AC$2:AG$366)*Input!$J$5</f>
        <v>13.371878637800689</v>
      </c>
      <c r="AL184" s="12">
        <f>AG184/SUM(AC$2:AG$366)*Input!$J$5</f>
        <v>4.4586988900243361</v>
      </c>
      <c r="AM184" s="12">
        <f t="shared" si="91"/>
        <v>4.2803509344233648</v>
      </c>
      <c r="AN184" s="12">
        <f t="shared" si="92"/>
        <v>96.968732743886264</v>
      </c>
      <c r="AO184" s="12">
        <f t="shared" si="93"/>
        <v>5.2182866806653871</v>
      </c>
      <c r="AP184" s="12">
        <f t="shared" si="94"/>
        <v>2.6091433403326936</v>
      </c>
      <c r="AQ184" s="12">
        <f t="shared" si="95"/>
        <v>0</v>
      </c>
      <c r="AR184" s="11">
        <f t="shared" si="96"/>
        <v>109.07651369930771</v>
      </c>
    </row>
    <row r="185" spans="16:44" x14ac:dyDescent="0.25">
      <c r="P185" s="10">
        <f t="shared" si="97"/>
        <v>45110</v>
      </c>
      <c r="Q185" s="28">
        <v>22.6</v>
      </c>
      <c r="R185" s="28">
        <f t="shared" si="83"/>
        <v>1</v>
      </c>
      <c r="S185" s="12">
        <f t="shared" si="75"/>
        <v>1.0609861866589789</v>
      </c>
      <c r="T185" s="12">
        <f t="shared" si="76"/>
        <v>0.67790786498212752</v>
      </c>
      <c r="U185" s="12">
        <f t="shared" si="77"/>
        <v>0.40699471377216029</v>
      </c>
      <c r="V185" s="12">
        <f t="shared" si="78"/>
        <v>0.52104102880341097</v>
      </c>
      <c r="W185" s="12">
        <f t="shared" si="84"/>
        <v>0</v>
      </c>
      <c r="X185" s="12">
        <f t="shared" si="79"/>
        <v>-7.0953309908476907E-3</v>
      </c>
      <c r="Y185" s="12">
        <f t="shared" si="80"/>
        <v>-1.3263420615734021E-2</v>
      </c>
      <c r="Z185" s="12">
        <f t="shared" si="81"/>
        <v>-1.2756454396407539E-2</v>
      </c>
      <c r="AA185" s="12">
        <f t="shared" si="82"/>
        <v>-2.1476600051355411E-2</v>
      </c>
      <c r="AB185" s="12">
        <f t="shared" si="85"/>
        <v>0</v>
      </c>
      <c r="AC185" s="12">
        <f t="shared" si="86"/>
        <v>0.33773688984968292</v>
      </c>
      <c r="AD185" s="12">
        <f t="shared" si="87"/>
        <v>0.14180795964995196</v>
      </c>
      <c r="AE185" s="12">
        <f t="shared" si="88"/>
        <v>0</v>
      </c>
      <c r="AF185" s="12">
        <f t="shared" si="89"/>
        <v>8.9174669106946575E-3</v>
      </c>
      <c r="AG185" s="12">
        <f t="shared" si="90"/>
        <v>0</v>
      </c>
      <c r="AH185" s="12">
        <f>AC185/SUM(AC$2:AG$366)*Input!$J$5</f>
        <v>345.84638826047791</v>
      </c>
      <c r="AI185" s="12">
        <f>AD185/SUM(AC$2:AG$366)*Input!$J$5</f>
        <v>145.21295169547946</v>
      </c>
      <c r="AJ185" s="12">
        <f>AE185/SUM(AC$2:AG$366)*Input!$J$5</f>
        <v>0</v>
      </c>
      <c r="AK185" s="12">
        <f>AF185/SUM(AC$2:AG$366)*Input!$J$5</f>
        <v>9.1315867948825566</v>
      </c>
      <c r="AL185" s="12">
        <f>AG185/SUM(AC$2:AG$366)*Input!$J$5</f>
        <v>0</v>
      </c>
      <c r="AM185" s="12">
        <f t="shared" si="91"/>
        <v>4.3831616615436246</v>
      </c>
      <c r="AN185" s="12">
        <f t="shared" si="92"/>
        <v>440.4723429676198</v>
      </c>
      <c r="AO185" s="12">
        <f t="shared" si="93"/>
        <v>36.890281414450982</v>
      </c>
      <c r="AP185" s="12">
        <f t="shared" si="94"/>
        <v>18.445140707225491</v>
      </c>
      <c r="AQ185" s="12">
        <f t="shared" si="95"/>
        <v>0</v>
      </c>
      <c r="AR185" s="11">
        <f t="shared" si="96"/>
        <v>500.19092675083994</v>
      </c>
    </row>
    <row r="186" spans="16:44" x14ac:dyDescent="0.25">
      <c r="P186" s="10">
        <f t="shared" si="97"/>
        <v>45111</v>
      </c>
      <c r="Q186" s="28">
        <v>24.8</v>
      </c>
      <c r="R186" s="28">
        <f t="shared" si="83"/>
        <v>2</v>
      </c>
      <c r="S186" s="12">
        <f t="shared" si="75"/>
        <v>1.0609861866589789</v>
      </c>
      <c r="T186" s="12">
        <f t="shared" si="76"/>
        <v>0.67790786498212752</v>
      </c>
      <c r="U186" s="12">
        <f t="shared" si="77"/>
        <v>0.40699471377216029</v>
      </c>
      <c r="V186" s="12">
        <f t="shared" si="78"/>
        <v>0.52104102880341097</v>
      </c>
      <c r="W186" s="12">
        <f t="shared" si="84"/>
        <v>0</v>
      </c>
      <c r="X186" s="12">
        <f t="shared" si="79"/>
        <v>-7.0953309908476907E-3</v>
      </c>
      <c r="Y186" s="12">
        <f t="shared" si="80"/>
        <v>-1.3263420615734021E-2</v>
      </c>
      <c r="Z186" s="12">
        <f t="shared" si="81"/>
        <v>-1.2756454396407539E-2</v>
      </c>
      <c r="AA186" s="12">
        <f t="shared" si="82"/>
        <v>-2.1476600051355411E-2</v>
      </c>
      <c r="AB186" s="12">
        <f t="shared" si="85"/>
        <v>0</v>
      </c>
      <c r="AC186" s="12">
        <f t="shared" si="86"/>
        <v>0.33188324178223355</v>
      </c>
      <c r="AD186" s="12">
        <f t="shared" si="87"/>
        <v>0.13086563764197143</v>
      </c>
      <c r="AE186" s="12">
        <f t="shared" si="88"/>
        <v>0</v>
      </c>
      <c r="AF186" s="12">
        <f t="shared" si="89"/>
        <v>0</v>
      </c>
      <c r="AG186" s="12">
        <f t="shared" si="90"/>
        <v>0</v>
      </c>
      <c r="AH186" s="12">
        <f>AC186/SUM(AC$2:AG$366)*Input!$J$5</f>
        <v>339.85218655163783</v>
      </c>
      <c r="AI186" s="12">
        <f>AD186/SUM(AC$2:AG$366)*Input!$J$5</f>
        <v>134.00789042033264</v>
      </c>
      <c r="AJ186" s="12">
        <f>AE186/SUM(AC$2:AG$366)*Input!$J$5</f>
        <v>0</v>
      </c>
      <c r="AK186" s="12">
        <f>AF186/SUM(AC$2:AG$366)*Input!$J$5</f>
        <v>0</v>
      </c>
      <c r="AL186" s="12">
        <f>AG186/SUM(AC$2:AG$366)*Input!$J$5</f>
        <v>0</v>
      </c>
      <c r="AM186" s="12">
        <f t="shared" si="91"/>
        <v>0</v>
      </c>
      <c r="AN186" s="12">
        <f t="shared" si="92"/>
        <v>419.48372712370838</v>
      </c>
      <c r="AO186" s="12">
        <f t="shared" si="93"/>
        <v>36.250899898841368</v>
      </c>
      <c r="AP186" s="12">
        <f t="shared" si="94"/>
        <v>18.125449949420684</v>
      </c>
      <c r="AQ186" s="12">
        <f t="shared" si="95"/>
        <v>0</v>
      </c>
      <c r="AR186" s="11">
        <f t="shared" si="96"/>
        <v>473.86007697197039</v>
      </c>
    </row>
    <row r="187" spans="16:44" x14ac:dyDescent="0.25">
      <c r="P187" s="10">
        <f t="shared" si="97"/>
        <v>45112</v>
      </c>
      <c r="Q187" s="28">
        <v>24.1</v>
      </c>
      <c r="R187" s="28">
        <f t="shared" si="83"/>
        <v>3</v>
      </c>
      <c r="S187" s="12">
        <f t="shared" si="75"/>
        <v>1.0609861866589789</v>
      </c>
      <c r="T187" s="12">
        <f t="shared" si="76"/>
        <v>0.67790786498212752</v>
      </c>
      <c r="U187" s="12">
        <f t="shared" si="77"/>
        <v>0.40699471377216029</v>
      </c>
      <c r="V187" s="12">
        <f t="shared" si="78"/>
        <v>0.52104102880341097</v>
      </c>
      <c r="W187" s="12">
        <f t="shared" si="84"/>
        <v>0</v>
      </c>
      <c r="X187" s="12">
        <f t="shared" si="79"/>
        <v>-7.0953309908476907E-3</v>
      </c>
      <c r="Y187" s="12">
        <f t="shared" si="80"/>
        <v>-1.3263420615734021E-2</v>
      </c>
      <c r="Z187" s="12">
        <f t="shared" si="81"/>
        <v>-1.2756454396407539E-2</v>
      </c>
      <c r="AA187" s="12">
        <f t="shared" si="82"/>
        <v>-2.1476600051355411E-2</v>
      </c>
      <c r="AB187" s="12">
        <f t="shared" si="85"/>
        <v>0</v>
      </c>
      <c r="AC187" s="12">
        <f t="shared" si="86"/>
        <v>0.33374576616733109</v>
      </c>
      <c r="AD187" s="12">
        <f t="shared" si="87"/>
        <v>0.13434728555360159</v>
      </c>
      <c r="AE187" s="12">
        <f t="shared" si="88"/>
        <v>0</v>
      </c>
      <c r="AF187" s="12">
        <f t="shared" si="89"/>
        <v>8.6374189143637037E-4</v>
      </c>
      <c r="AG187" s="12">
        <f t="shared" si="90"/>
        <v>0</v>
      </c>
      <c r="AH187" s="12">
        <f>AC187/SUM(AC$2:AG$366)*Input!$J$5</f>
        <v>341.75943254990517</v>
      </c>
      <c r="AI187" s="12">
        <f>AD187/SUM(AC$2:AG$366)*Input!$J$5</f>
        <v>137.57313718969752</v>
      </c>
      <c r="AJ187" s="12">
        <f>AE187/SUM(AC$2:AG$366)*Input!$J$5</f>
        <v>0</v>
      </c>
      <c r="AK187" s="12">
        <f>AF187/SUM(AC$2:AG$366)*Input!$J$5</f>
        <v>0.88448144848937049</v>
      </c>
      <c r="AL187" s="12">
        <f>AG187/SUM(AC$2:AG$366)*Input!$J$5</f>
        <v>0</v>
      </c>
      <c r="AM187" s="12">
        <f t="shared" si="91"/>
        <v>0.42455109527489765</v>
      </c>
      <c r="AN187" s="12">
        <f t="shared" si="92"/>
        <v>425.11099088483235</v>
      </c>
      <c r="AO187" s="12">
        <f t="shared" si="93"/>
        <v>36.45433947198989</v>
      </c>
      <c r="AP187" s="12">
        <f t="shared" si="94"/>
        <v>18.227169735994945</v>
      </c>
      <c r="AQ187" s="12">
        <f t="shared" si="95"/>
        <v>0</v>
      </c>
      <c r="AR187" s="11">
        <f t="shared" si="96"/>
        <v>480.21705118809211</v>
      </c>
    </row>
    <row r="188" spans="16:44" x14ac:dyDescent="0.25">
      <c r="P188" s="10">
        <f t="shared" si="97"/>
        <v>45113</v>
      </c>
      <c r="Q188" s="28">
        <v>22.4</v>
      </c>
      <c r="R188" s="28">
        <f t="shared" si="83"/>
        <v>4</v>
      </c>
      <c r="S188" s="12">
        <f t="shared" si="75"/>
        <v>1.0609861866589789</v>
      </c>
      <c r="T188" s="12">
        <f t="shared" si="76"/>
        <v>0.67790786498212752</v>
      </c>
      <c r="U188" s="12">
        <f t="shared" si="77"/>
        <v>0.40699471377216029</v>
      </c>
      <c r="V188" s="12">
        <f t="shared" si="78"/>
        <v>0.52104102880341097</v>
      </c>
      <c r="W188" s="12">
        <f t="shared" si="84"/>
        <v>0</v>
      </c>
      <c r="X188" s="12">
        <f t="shared" si="79"/>
        <v>-7.0953309908476907E-3</v>
      </c>
      <c r="Y188" s="12">
        <f t="shared" si="80"/>
        <v>-1.3263420615734021E-2</v>
      </c>
      <c r="Z188" s="12">
        <f t="shared" si="81"/>
        <v>-1.2756454396407539E-2</v>
      </c>
      <c r="AA188" s="12">
        <f t="shared" si="82"/>
        <v>-2.1476600051355411E-2</v>
      </c>
      <c r="AB188" s="12">
        <f t="shared" si="85"/>
        <v>0</v>
      </c>
      <c r="AC188" s="12">
        <f t="shared" si="86"/>
        <v>0.33826903967399652</v>
      </c>
      <c r="AD188" s="12">
        <f t="shared" si="87"/>
        <v>0.14280271619613205</v>
      </c>
      <c r="AE188" s="12">
        <f t="shared" si="88"/>
        <v>0</v>
      </c>
      <c r="AF188" s="12">
        <f t="shared" si="89"/>
        <v>9.9912969132624485E-3</v>
      </c>
      <c r="AG188" s="12">
        <f t="shared" si="90"/>
        <v>0</v>
      </c>
      <c r="AH188" s="12">
        <f>AC188/SUM(AC$2:AG$366)*Input!$J$5</f>
        <v>346.3913156885543</v>
      </c>
      <c r="AI188" s="12">
        <f>AD188/SUM(AC$2:AG$366)*Input!$J$5</f>
        <v>146.23159362958376</v>
      </c>
      <c r="AJ188" s="12">
        <f>AE188/SUM(AC$2:AG$366)*Input!$J$5</f>
        <v>0</v>
      </c>
      <c r="AK188" s="12">
        <f>AF188/SUM(AC$2:AG$366)*Input!$J$5</f>
        <v>10.231200841068334</v>
      </c>
      <c r="AL188" s="12">
        <f>AG188/SUM(AC$2:AG$366)*Input!$J$5</f>
        <v>0</v>
      </c>
      <c r="AM188" s="12">
        <f t="shared" si="91"/>
        <v>4.9109764037127981</v>
      </c>
      <c r="AN188" s="12">
        <f t="shared" si="92"/>
        <v>442.52052324532491</v>
      </c>
      <c r="AO188" s="12">
        <f t="shared" si="93"/>
        <v>36.948407006779128</v>
      </c>
      <c r="AP188" s="12">
        <f t="shared" si="94"/>
        <v>18.474203503389564</v>
      </c>
      <c r="AQ188" s="12">
        <f t="shared" si="95"/>
        <v>0</v>
      </c>
      <c r="AR188" s="11">
        <f t="shared" si="96"/>
        <v>502.85411015920641</v>
      </c>
    </row>
    <row r="189" spans="16:44" x14ac:dyDescent="0.25">
      <c r="P189" s="10">
        <f t="shared" si="97"/>
        <v>45114</v>
      </c>
      <c r="Q189" s="28">
        <v>23.4</v>
      </c>
      <c r="R189" s="28">
        <f t="shared" si="83"/>
        <v>5</v>
      </c>
      <c r="S189" s="12">
        <f t="shared" si="75"/>
        <v>1.0609861866589789</v>
      </c>
      <c r="T189" s="12">
        <f t="shared" si="76"/>
        <v>0.67790786498212752</v>
      </c>
      <c r="U189" s="12">
        <f t="shared" si="77"/>
        <v>0.40699471377216029</v>
      </c>
      <c r="V189" s="12">
        <f t="shared" si="78"/>
        <v>0.52104102880341097</v>
      </c>
      <c r="W189" s="12">
        <f t="shared" si="84"/>
        <v>0</v>
      </c>
      <c r="X189" s="12">
        <f t="shared" si="79"/>
        <v>-7.0953309908476907E-3</v>
      </c>
      <c r="Y189" s="12">
        <f t="shared" si="80"/>
        <v>-1.3263420615734021E-2</v>
      </c>
      <c r="Z189" s="12">
        <f t="shared" si="81"/>
        <v>-1.2756454396407539E-2</v>
      </c>
      <c r="AA189" s="12">
        <f t="shared" si="82"/>
        <v>-2.1476600051355411E-2</v>
      </c>
      <c r="AB189" s="12">
        <f t="shared" si="85"/>
        <v>0</v>
      </c>
      <c r="AC189" s="12">
        <f t="shared" si="86"/>
        <v>0.33560829055242863</v>
      </c>
      <c r="AD189" s="12">
        <f t="shared" si="87"/>
        <v>0.13782893346523178</v>
      </c>
      <c r="AE189" s="12">
        <f t="shared" si="88"/>
        <v>0</v>
      </c>
      <c r="AF189" s="12">
        <f t="shared" si="89"/>
        <v>4.6221469004235904E-3</v>
      </c>
      <c r="AG189" s="12">
        <f t="shared" si="90"/>
        <v>0</v>
      </c>
      <c r="AH189" s="12">
        <f>AC189/SUM(AC$2:AG$366)*Input!$J$5</f>
        <v>343.66667854817246</v>
      </c>
      <c r="AI189" s="12">
        <f>AD189/SUM(AC$2:AG$366)*Input!$J$5</f>
        <v>141.13838395906245</v>
      </c>
      <c r="AJ189" s="12">
        <f>AE189/SUM(AC$2:AG$366)*Input!$J$5</f>
        <v>0</v>
      </c>
      <c r="AK189" s="12">
        <f>AF189/SUM(AC$2:AG$366)*Input!$J$5</f>
        <v>4.7331306101395434</v>
      </c>
      <c r="AL189" s="12">
        <f>AG189/SUM(AC$2:AG$366)*Input!$J$5</f>
        <v>0</v>
      </c>
      <c r="AM189" s="12">
        <f t="shared" si="91"/>
        <v>2.2719026928669797</v>
      </c>
      <c r="AN189" s="12">
        <f t="shared" si="92"/>
        <v>432.27962185679979</v>
      </c>
      <c r="AO189" s="12">
        <f t="shared" si="93"/>
        <v>36.657779045138398</v>
      </c>
      <c r="AP189" s="12">
        <f t="shared" si="94"/>
        <v>18.328889522569199</v>
      </c>
      <c r="AQ189" s="12">
        <f t="shared" si="95"/>
        <v>0</v>
      </c>
      <c r="AR189" s="11">
        <f t="shared" si="96"/>
        <v>489.53819311737436</v>
      </c>
    </row>
    <row r="190" spans="16:44" x14ac:dyDescent="0.25">
      <c r="P190" s="10">
        <f t="shared" si="97"/>
        <v>45115</v>
      </c>
      <c r="Q190" s="28">
        <v>24.2</v>
      </c>
      <c r="R190" s="28">
        <f t="shared" si="83"/>
        <v>6</v>
      </c>
      <c r="S190" s="12">
        <f t="shared" si="75"/>
        <v>0.66609297291086311</v>
      </c>
      <c r="T190" s="12">
        <f t="shared" si="76"/>
        <v>0.19607255136472959</v>
      </c>
      <c r="U190" s="12">
        <f t="shared" si="77"/>
        <v>0.65274423464211173</v>
      </c>
      <c r="V190" s="12">
        <f t="shared" si="78"/>
        <v>0.29524473618599389</v>
      </c>
      <c r="W190" s="12">
        <f t="shared" si="84"/>
        <v>0.44487676601187343</v>
      </c>
      <c r="X190" s="12">
        <f t="shared" si="79"/>
        <v>-3.4097042997074749E-4</v>
      </c>
      <c r="Y190" s="12">
        <f t="shared" si="80"/>
        <v>-6.2279477920712143E-4</v>
      </c>
      <c r="Z190" s="12">
        <f t="shared" si="81"/>
        <v>-1.60343007315953E-2</v>
      </c>
      <c r="AA190" s="12">
        <f t="shared" si="82"/>
        <v>-9.762199133681506E-3</v>
      </c>
      <c r="AB190" s="12">
        <f t="shared" si="85"/>
        <v>-1.748296682554611E-2</v>
      </c>
      <c r="AC190" s="12">
        <f t="shared" si="86"/>
        <v>0</v>
      </c>
      <c r="AD190" s="12">
        <f t="shared" si="87"/>
        <v>6.3350321197771037E-2</v>
      </c>
      <c r="AE190" s="12">
        <f t="shared" si="88"/>
        <v>2.3162488732031729E-2</v>
      </c>
      <c r="AF190" s="12">
        <f t="shared" si="89"/>
        <v>1.0324915501407754E-2</v>
      </c>
      <c r="AG190" s="12">
        <f t="shared" si="90"/>
        <v>1.9065347729450405E-3</v>
      </c>
      <c r="AH190" s="12">
        <f>AC190/SUM(AC$2:AG$366)*Input!$J$5</f>
        <v>0</v>
      </c>
      <c r="AI190" s="12">
        <f>AD190/SUM(AC$2:AG$366)*Input!$J$5</f>
        <v>64.871444132566012</v>
      </c>
      <c r="AJ190" s="12">
        <f>AE190/SUM(AC$2:AG$366)*Input!$J$5</f>
        <v>23.718649966435436</v>
      </c>
      <c r="AK190" s="12">
        <f>AF190/SUM(AC$2:AG$366)*Input!$J$5</f>
        <v>10.572830041887842</v>
      </c>
      <c r="AL190" s="12">
        <f>AG190/SUM(AC$2:AG$366)*Input!$J$5</f>
        <v>1.9523131323010601</v>
      </c>
      <c r="AM190" s="12">
        <f t="shared" si="91"/>
        <v>1.8742206070090186</v>
      </c>
      <c r="AN190" s="12">
        <f t="shared" si="92"/>
        <v>91.456443370273405</v>
      </c>
      <c r="AO190" s="12">
        <f t="shared" si="93"/>
        <v>5.1897155306052811</v>
      </c>
      <c r="AP190" s="12">
        <f t="shared" si="94"/>
        <v>2.5948577653026406</v>
      </c>
      <c r="AQ190" s="12">
        <f t="shared" si="95"/>
        <v>0</v>
      </c>
      <c r="AR190" s="11">
        <f t="shared" si="96"/>
        <v>101.11523727319035</v>
      </c>
    </row>
    <row r="191" spans="16:44" x14ac:dyDescent="0.25">
      <c r="P191" s="10">
        <f t="shared" si="97"/>
        <v>45116</v>
      </c>
      <c r="Q191" s="28">
        <v>26.6</v>
      </c>
      <c r="R191" s="28">
        <f t="shared" si="83"/>
        <v>7</v>
      </c>
      <c r="S191" s="12">
        <f t="shared" si="75"/>
        <v>0.66609297291086311</v>
      </c>
      <c r="T191" s="12">
        <f t="shared" si="76"/>
        <v>0.19607255136472959</v>
      </c>
      <c r="U191" s="12">
        <f t="shared" si="77"/>
        <v>0.65274423464211173</v>
      </c>
      <c r="V191" s="12">
        <f t="shared" si="78"/>
        <v>0.29524473618599389</v>
      </c>
      <c r="W191" s="12">
        <f t="shared" si="84"/>
        <v>0.44487676601187343</v>
      </c>
      <c r="X191" s="12">
        <f t="shared" si="79"/>
        <v>-3.4097042997074749E-4</v>
      </c>
      <c r="Y191" s="12">
        <f t="shared" si="80"/>
        <v>-6.2279477920712143E-4</v>
      </c>
      <c r="Z191" s="12">
        <f t="shared" si="81"/>
        <v>-1.60343007315953E-2</v>
      </c>
      <c r="AA191" s="12">
        <f t="shared" si="82"/>
        <v>-9.762199133681506E-3</v>
      </c>
      <c r="AB191" s="12">
        <f t="shared" si="85"/>
        <v>-1.748296682554611E-2</v>
      </c>
      <c r="AC191" s="12">
        <f t="shared" si="86"/>
        <v>0</v>
      </c>
      <c r="AD191" s="12">
        <f t="shared" si="87"/>
        <v>6.2827173583237056E-2</v>
      </c>
      <c r="AE191" s="12">
        <f t="shared" si="88"/>
        <v>1.9795285578396712E-2</v>
      </c>
      <c r="AF191" s="12">
        <f t="shared" si="89"/>
        <v>6.2247918652615156E-3</v>
      </c>
      <c r="AG191" s="12">
        <f t="shared" si="90"/>
        <v>0</v>
      </c>
      <c r="AH191" s="12">
        <f>AC191/SUM(AC$2:AG$366)*Input!$J$5</f>
        <v>0</v>
      </c>
      <c r="AI191" s="12">
        <f>AD191/SUM(AC$2:AG$366)*Input!$J$5</f>
        <v>64.33573506893903</v>
      </c>
      <c r="AJ191" s="12">
        <f>AE191/SUM(AC$2:AG$366)*Input!$J$5</f>
        <v>20.270595921340558</v>
      </c>
      <c r="AK191" s="12">
        <f>AF191/SUM(AC$2:AG$366)*Input!$J$5</f>
        <v>6.3742571480185601</v>
      </c>
      <c r="AL191" s="12">
        <f>AG191/SUM(AC$2:AG$366)*Input!$J$5</f>
        <v>0</v>
      </c>
      <c r="AM191" s="12">
        <f t="shared" si="91"/>
        <v>0</v>
      </c>
      <c r="AN191" s="12">
        <f t="shared" si="92"/>
        <v>83.260299930025468</v>
      </c>
      <c r="AO191" s="12">
        <f t="shared" si="93"/>
        <v>5.1468588055151221</v>
      </c>
      <c r="AP191" s="12">
        <f t="shared" si="94"/>
        <v>2.573429402757561</v>
      </c>
      <c r="AQ191" s="12">
        <f t="shared" si="95"/>
        <v>0</v>
      </c>
      <c r="AR191" s="11">
        <f t="shared" si="96"/>
        <v>90.980588138298145</v>
      </c>
    </row>
    <row r="192" spans="16:44" x14ac:dyDescent="0.25">
      <c r="P192" s="10">
        <f t="shared" si="97"/>
        <v>45117</v>
      </c>
      <c r="Q192" s="28">
        <v>28.6</v>
      </c>
      <c r="R192" s="28">
        <f t="shared" si="83"/>
        <v>1</v>
      </c>
      <c r="S192" s="12">
        <f t="shared" si="75"/>
        <v>1.0609861866589789</v>
      </c>
      <c r="T192" s="12">
        <f t="shared" si="76"/>
        <v>0.67790786498212752</v>
      </c>
      <c r="U192" s="12">
        <f t="shared" si="77"/>
        <v>0.40699471377216029</v>
      </c>
      <c r="V192" s="12">
        <f t="shared" si="78"/>
        <v>0.52104102880341097</v>
      </c>
      <c r="W192" s="12">
        <f t="shared" si="84"/>
        <v>0</v>
      </c>
      <c r="X192" s="12">
        <f t="shared" si="79"/>
        <v>-7.0953309908476907E-3</v>
      </c>
      <c r="Y192" s="12">
        <f t="shared" si="80"/>
        <v>-1.3263420615734021E-2</v>
      </c>
      <c r="Z192" s="12">
        <f t="shared" si="81"/>
        <v>-1.2756454396407539E-2</v>
      </c>
      <c r="AA192" s="12">
        <f t="shared" si="82"/>
        <v>-2.1476600051355411E-2</v>
      </c>
      <c r="AB192" s="12">
        <f t="shared" si="85"/>
        <v>0</v>
      </c>
      <c r="AC192" s="12">
        <f t="shared" si="86"/>
        <v>0.32177239512027561</v>
      </c>
      <c r="AD192" s="12">
        <f t="shared" si="87"/>
        <v>0.11196526326455045</v>
      </c>
      <c r="AE192" s="12">
        <f t="shared" si="88"/>
        <v>0</v>
      </c>
      <c r="AF192" s="12">
        <f t="shared" si="89"/>
        <v>0</v>
      </c>
      <c r="AG192" s="12">
        <f t="shared" si="90"/>
        <v>0</v>
      </c>
      <c r="AH192" s="12">
        <f>AC192/SUM(AC$2:AG$366)*Input!$J$5</f>
        <v>329.49856541818696</v>
      </c>
      <c r="AI192" s="12">
        <f>AD192/SUM(AC$2:AG$366)*Input!$J$5</f>
        <v>114.65369367235172</v>
      </c>
      <c r="AJ192" s="12">
        <f>AE192/SUM(AC$2:AG$366)*Input!$J$5</f>
        <v>0</v>
      </c>
      <c r="AK192" s="12">
        <f>AF192/SUM(AC$2:AG$366)*Input!$J$5</f>
        <v>0</v>
      </c>
      <c r="AL192" s="12">
        <f>AG192/SUM(AC$2:AG$366)*Input!$J$5</f>
        <v>0</v>
      </c>
      <c r="AM192" s="12">
        <f t="shared" si="91"/>
        <v>0</v>
      </c>
      <c r="AN192" s="12">
        <f t="shared" si="92"/>
        <v>391.43248862362873</v>
      </c>
      <c r="AO192" s="12">
        <f t="shared" si="93"/>
        <v>35.146513644606614</v>
      </c>
      <c r="AP192" s="12">
        <f t="shared" si="94"/>
        <v>17.573256822303307</v>
      </c>
      <c r="AQ192" s="12">
        <f t="shared" si="95"/>
        <v>0</v>
      </c>
      <c r="AR192" s="11">
        <f t="shared" si="96"/>
        <v>444.15225909053868</v>
      </c>
    </row>
    <row r="193" spans="16:44" x14ac:dyDescent="0.25">
      <c r="P193" s="10">
        <f t="shared" si="97"/>
        <v>45118</v>
      </c>
      <c r="Q193" s="28">
        <v>28.2</v>
      </c>
      <c r="R193" s="28">
        <f t="shared" si="83"/>
        <v>2</v>
      </c>
      <c r="S193" s="12">
        <f t="shared" si="75"/>
        <v>1.0609861866589789</v>
      </c>
      <c r="T193" s="12">
        <f t="shared" si="76"/>
        <v>0.67790786498212752</v>
      </c>
      <c r="U193" s="12">
        <f t="shared" si="77"/>
        <v>0.40699471377216029</v>
      </c>
      <c r="V193" s="12">
        <f t="shared" si="78"/>
        <v>0.52104102880341097</v>
      </c>
      <c r="W193" s="12">
        <f t="shared" si="84"/>
        <v>0</v>
      </c>
      <c r="X193" s="12">
        <f t="shared" si="79"/>
        <v>-7.0953309908476907E-3</v>
      </c>
      <c r="Y193" s="12">
        <f t="shared" si="80"/>
        <v>-1.3263420615734021E-2</v>
      </c>
      <c r="Z193" s="12">
        <f t="shared" si="81"/>
        <v>-1.2756454396407539E-2</v>
      </c>
      <c r="AA193" s="12">
        <f t="shared" si="82"/>
        <v>-2.1476600051355411E-2</v>
      </c>
      <c r="AB193" s="12">
        <f t="shared" si="85"/>
        <v>0</v>
      </c>
      <c r="AC193" s="12">
        <f t="shared" si="86"/>
        <v>0.32283669476890275</v>
      </c>
      <c r="AD193" s="12">
        <f t="shared" si="87"/>
        <v>0.11395477635691055</v>
      </c>
      <c r="AE193" s="12">
        <f t="shared" si="88"/>
        <v>0</v>
      </c>
      <c r="AF193" s="12">
        <f t="shared" si="89"/>
        <v>0</v>
      </c>
      <c r="AG193" s="12">
        <f t="shared" si="90"/>
        <v>0</v>
      </c>
      <c r="AH193" s="12">
        <f>AC193/SUM(AC$2:AG$366)*Input!$J$5</f>
        <v>330.58842027433968</v>
      </c>
      <c r="AI193" s="12">
        <f>AD193/SUM(AC$2:AG$366)*Input!$J$5</f>
        <v>116.69097754056023</v>
      </c>
      <c r="AJ193" s="12">
        <f>AE193/SUM(AC$2:AG$366)*Input!$J$5</f>
        <v>0</v>
      </c>
      <c r="AK193" s="12">
        <f>AF193/SUM(AC$2:AG$366)*Input!$J$5</f>
        <v>0</v>
      </c>
      <c r="AL193" s="12">
        <f>AG193/SUM(AC$2:AG$366)*Input!$J$5</f>
        <v>0</v>
      </c>
      <c r="AM193" s="12">
        <f t="shared" si="91"/>
        <v>0</v>
      </c>
      <c r="AN193" s="12">
        <f t="shared" si="92"/>
        <v>394.3852505710056</v>
      </c>
      <c r="AO193" s="12">
        <f t="shared" si="93"/>
        <v>35.262764829262899</v>
      </c>
      <c r="AP193" s="12">
        <f t="shared" si="94"/>
        <v>17.63138241463145</v>
      </c>
      <c r="AQ193" s="12">
        <f t="shared" si="95"/>
        <v>0</v>
      </c>
      <c r="AR193" s="11">
        <f t="shared" si="96"/>
        <v>447.27939781489994</v>
      </c>
    </row>
    <row r="194" spans="16:44" x14ac:dyDescent="0.25">
      <c r="P194" s="10">
        <f t="shared" si="97"/>
        <v>45119</v>
      </c>
      <c r="Q194" s="28">
        <v>28.5</v>
      </c>
      <c r="R194" s="28">
        <f t="shared" si="83"/>
        <v>3</v>
      </c>
      <c r="S194" s="12">
        <f t="shared" ref="S194:S257" si="98">IF(R194&gt;5,IF($Q194&lt;$G$3,$C$3,$E$3),IF($Q194&lt;$G$10,$C$10,$E$10))</f>
        <v>1.0609861866589789</v>
      </c>
      <c r="T194" s="12">
        <f t="shared" ref="T194:T257" si="99">IF(R194&gt;5,IF($Q194&lt;$G$4,$C$4,$E$4),IF($Q194&lt;$G$11,$C$11,$E$11))</f>
        <v>0.67790786498212752</v>
      </c>
      <c r="U194" s="12">
        <f t="shared" ref="U194:U257" si="100">IF(R194&gt;5,IF($Q194&lt;$G$5,$C$5,$E$5),IF($Q194&lt;$G$12,$C$12,$E$12))</f>
        <v>0.40699471377216029</v>
      </c>
      <c r="V194" s="12">
        <f t="shared" ref="V194:V257" si="101">IF(R194&gt;5,IF($Q194&lt;$G$6,$C$6,$E$6),IF($Q194&lt;$G$13,$C$13,$E$13))</f>
        <v>0.52104102880341097</v>
      </c>
      <c r="W194" s="12">
        <f t="shared" si="84"/>
        <v>0</v>
      </c>
      <c r="X194" s="12">
        <f t="shared" ref="X194:X257" si="102">IF(R194&gt;5,IF($Q194&lt;$G$3,$D$3,$F$3),IF($Q194&lt;$G$10,$D$10,$F$10))</f>
        <v>-7.0953309908476907E-3</v>
      </c>
      <c r="Y194" s="12">
        <f t="shared" ref="Y194:Y257" si="103">IF(R194&gt;5,IF($Q194&lt;$G$4,$D$4,$F$4),IF($Q194&lt;$G$11,$D$11,$F$11))</f>
        <v>-1.3263420615734021E-2</v>
      </c>
      <c r="Z194" s="12">
        <f t="shared" ref="Z194:Z257" si="104">IF(R194&gt;5,IF($Q194&lt;$G$5,$D$5,$F$5),IF($Q194&lt;$G$12,$D$12,$F$12))</f>
        <v>-1.2756454396407539E-2</v>
      </c>
      <c r="AA194" s="12">
        <f t="shared" ref="AA194:AA257" si="105">IF(R194&gt;5,IF($Q194&lt;$G$6,$D$6,$F$6),IF($Q194&lt;$G$13,$D$13,$F$13))</f>
        <v>-2.1476600051355411E-2</v>
      </c>
      <c r="AB194" s="12">
        <f t="shared" si="85"/>
        <v>0</v>
      </c>
      <c r="AC194" s="12">
        <f t="shared" si="86"/>
        <v>0.32203847003243236</v>
      </c>
      <c r="AD194" s="12">
        <f t="shared" si="87"/>
        <v>0.11246264153764046</v>
      </c>
      <c r="AE194" s="12">
        <f t="shared" si="88"/>
        <v>0</v>
      </c>
      <c r="AF194" s="12">
        <f t="shared" si="89"/>
        <v>0</v>
      </c>
      <c r="AG194" s="12">
        <f t="shared" si="90"/>
        <v>0</v>
      </c>
      <c r="AH194" s="12">
        <f>AC194/SUM(AC$2:AG$366)*Input!$J$5</f>
        <v>329.77102913222512</v>
      </c>
      <c r="AI194" s="12">
        <f>AD194/SUM(AC$2:AG$366)*Input!$J$5</f>
        <v>115.16301463940383</v>
      </c>
      <c r="AJ194" s="12">
        <f>AE194/SUM(AC$2:AG$366)*Input!$J$5</f>
        <v>0</v>
      </c>
      <c r="AK194" s="12">
        <f>AF194/SUM(AC$2:AG$366)*Input!$J$5</f>
        <v>0</v>
      </c>
      <c r="AL194" s="12">
        <f>AG194/SUM(AC$2:AG$366)*Input!$J$5</f>
        <v>0</v>
      </c>
      <c r="AM194" s="12">
        <f t="shared" si="91"/>
        <v>0</v>
      </c>
      <c r="AN194" s="12">
        <f t="shared" si="92"/>
        <v>392.17067911047297</v>
      </c>
      <c r="AO194" s="12">
        <f t="shared" si="93"/>
        <v>35.175576440770683</v>
      </c>
      <c r="AP194" s="12">
        <f t="shared" si="94"/>
        <v>17.587788220385342</v>
      </c>
      <c r="AQ194" s="12">
        <f t="shared" si="95"/>
        <v>0</v>
      </c>
      <c r="AR194" s="11">
        <f t="shared" si="96"/>
        <v>444.93404377162898</v>
      </c>
    </row>
    <row r="195" spans="16:44" x14ac:dyDescent="0.25">
      <c r="P195" s="10">
        <f t="shared" si="97"/>
        <v>45120</v>
      </c>
      <c r="Q195" s="28">
        <v>25.3</v>
      </c>
      <c r="R195" s="28">
        <f t="shared" ref="R195:R258" si="106">WEEKDAY(P195,2)</f>
        <v>4</v>
      </c>
      <c r="S195" s="12">
        <f t="shared" si="98"/>
        <v>1.0609861866589789</v>
      </c>
      <c r="T195" s="12">
        <f t="shared" si="99"/>
        <v>0.67790786498212752</v>
      </c>
      <c r="U195" s="12">
        <f t="shared" si="100"/>
        <v>0.40699471377216029</v>
      </c>
      <c r="V195" s="12">
        <f t="shared" si="101"/>
        <v>0.52104102880341097</v>
      </c>
      <c r="W195" s="12">
        <f t="shared" ref="W195:W258" si="107">IF(R195&lt;6,0,IF($Q195&lt;$G$7,$C$7,$E$7))</f>
        <v>0</v>
      </c>
      <c r="X195" s="12">
        <f t="shared" si="102"/>
        <v>-7.0953309908476907E-3</v>
      </c>
      <c r="Y195" s="12">
        <f t="shared" si="103"/>
        <v>-1.3263420615734021E-2</v>
      </c>
      <c r="Z195" s="12">
        <f t="shared" si="104"/>
        <v>-1.2756454396407539E-2</v>
      </c>
      <c r="AA195" s="12">
        <f t="shared" si="105"/>
        <v>-2.1476600051355411E-2</v>
      </c>
      <c r="AB195" s="12">
        <f t="shared" ref="AB195:AB258" si="108">IF(R195&lt;6,0,IF($Q195&lt;$G$7,$D$7,$F$7))</f>
        <v>0</v>
      </c>
      <c r="AC195" s="12">
        <f t="shared" ref="AC195:AC258" si="109">MAX(S195+X195*$Q195,0)*IF($R195&lt;6,$B$10,$B$3)</f>
        <v>0.33055286722144961</v>
      </c>
      <c r="AD195" s="12">
        <f t="shared" ref="AD195:AD258" si="110">MAX(T195+Y195*$Q195,0)*IF($R195&lt;6,$B$11,$B$4)</f>
        <v>0.12837874627652129</v>
      </c>
      <c r="AE195" s="12">
        <f t="shared" ref="AE195:AE258" si="111">MAX(U195+Z195*$Q195,0)*IF($R195&lt;6,$B$12,$B$5)</f>
        <v>0</v>
      </c>
      <c r="AF195" s="12">
        <f t="shared" ref="AF195:AF258" si="112">MAX(V195+AA195*$Q195,0)*IF($R195&lt;6,$B$13,$B$6)</f>
        <v>0</v>
      </c>
      <c r="AG195" s="12">
        <f t="shared" ref="AG195:AG258" si="113">MAX(W195+AB195*$Q195,0)*IF($R195&lt;6,0,$B$7)</f>
        <v>0</v>
      </c>
      <c r="AH195" s="12">
        <f>AC195/SUM(AC$2:AG$366)*Input!$J$5</f>
        <v>338.48986798144699</v>
      </c>
      <c r="AI195" s="12">
        <f>AD195/SUM(AC$2:AG$366)*Input!$J$5</f>
        <v>131.46128558507198</v>
      </c>
      <c r="AJ195" s="12">
        <f>AE195/SUM(AC$2:AG$366)*Input!$J$5</f>
        <v>0</v>
      </c>
      <c r="AK195" s="12">
        <f>AF195/SUM(AC$2:AG$366)*Input!$J$5</f>
        <v>0</v>
      </c>
      <c r="AL195" s="12">
        <f>AG195/SUM(AC$2:AG$366)*Input!$J$5</f>
        <v>0</v>
      </c>
      <c r="AM195" s="12">
        <f t="shared" ref="AM195:AM258" si="114">IF($R195&lt;6,AU$22*$AH195+AU$23*$AI195+AU$24*$AJ195+AU$25*$AK195,AU$31*$AH195+AU$32*$AI195+AU$33*$AJ195+AU$34*$AK195+AU$35*$AL195)</f>
        <v>0</v>
      </c>
      <c r="AN195" s="12">
        <f t="shared" ref="AN195:AN258" si="115">IF($R195&lt;6,AV$22*$AH195+AV$23*$AI195+AV$24*$AJ195+AV$25*$AK195,AV$31*$AH195+AV$32*$AI195+AV$33*$AJ195+AV$34*$AK195+AV$35*$AL195)</f>
        <v>415.79277468948749</v>
      </c>
      <c r="AO195" s="12">
        <f t="shared" ref="AO195:AO258" si="116">IF($R195&lt;6,AW$22*$AH195+AW$23*$AI195+AW$24*$AJ195+AW$25*$AK195,AW$31*$AH195+AW$32*$AI195+AW$33*$AJ195+AW$34*$AK195+AW$35*$AL195)</f>
        <v>36.105585918021013</v>
      </c>
      <c r="AP195" s="12">
        <f t="shared" ref="AP195:AP258" si="117">IF($R195&lt;6,AX$22*$AH195+AX$23*$AI195+AX$24*$AJ195+AX$25*$AK195,AX$31*$AH195+AX$32*$AI195+AX$33*$AJ195+AX$34*$AK195+AX$35*$AL195)</f>
        <v>18.052792959010507</v>
      </c>
      <c r="AQ195" s="12">
        <f t="shared" ref="AQ195:AQ258" si="118">IF($R195&lt;6,AY$22*$AH195+AY$23*$AI195+AY$24*$AJ195+AY$25*$AK195,AY$31*$AH195+AY$32*$AI195+AY$33*$AJ195+AY$34*$AK195+AY$35*$AL195)</f>
        <v>0</v>
      </c>
      <c r="AR195" s="11">
        <f t="shared" ref="AR195:AR258" si="119">SUM(AM195:AQ195)</f>
        <v>469.951153566519</v>
      </c>
    </row>
    <row r="196" spans="16:44" x14ac:dyDescent="0.25">
      <c r="P196" s="10">
        <f t="shared" ref="P196:P259" si="120">P195+1</f>
        <v>45121</v>
      </c>
      <c r="Q196" s="28">
        <v>25.8</v>
      </c>
      <c r="R196" s="28">
        <f t="shared" si="106"/>
        <v>5</v>
      </c>
      <c r="S196" s="12">
        <f t="shared" si="98"/>
        <v>1.0609861866589789</v>
      </c>
      <c r="T196" s="12">
        <f t="shared" si="99"/>
        <v>0.67790786498212752</v>
      </c>
      <c r="U196" s="12">
        <f t="shared" si="100"/>
        <v>0.40699471377216029</v>
      </c>
      <c r="V196" s="12">
        <f t="shared" si="101"/>
        <v>0.52104102880341097</v>
      </c>
      <c r="W196" s="12">
        <f t="shared" si="107"/>
        <v>0</v>
      </c>
      <c r="X196" s="12">
        <f t="shared" si="102"/>
        <v>-7.0953309908476907E-3</v>
      </c>
      <c r="Y196" s="12">
        <f t="shared" si="103"/>
        <v>-1.3263420615734021E-2</v>
      </c>
      <c r="Z196" s="12">
        <f t="shared" si="104"/>
        <v>-1.2756454396407539E-2</v>
      </c>
      <c r="AA196" s="12">
        <f t="shared" si="105"/>
        <v>-2.1476600051355411E-2</v>
      </c>
      <c r="AB196" s="12">
        <f t="shared" si="108"/>
        <v>0</v>
      </c>
      <c r="AC196" s="12">
        <f t="shared" si="109"/>
        <v>0.32922249266066567</v>
      </c>
      <c r="AD196" s="12">
        <f t="shared" si="110"/>
        <v>0.12589185491107119</v>
      </c>
      <c r="AE196" s="12">
        <f t="shared" si="111"/>
        <v>0</v>
      </c>
      <c r="AF196" s="12">
        <f t="shared" si="112"/>
        <v>0</v>
      </c>
      <c r="AG196" s="12">
        <f t="shared" si="113"/>
        <v>0</v>
      </c>
      <c r="AH196" s="12">
        <f>AC196/SUM(AC$2:AG$366)*Input!$J$5</f>
        <v>337.12754941125604</v>
      </c>
      <c r="AI196" s="12">
        <f>AD196/SUM(AC$2:AG$366)*Input!$J$5</f>
        <v>128.91468074981137</v>
      </c>
      <c r="AJ196" s="12">
        <f>AE196/SUM(AC$2:AG$366)*Input!$J$5</f>
        <v>0</v>
      </c>
      <c r="AK196" s="12">
        <f>AF196/SUM(AC$2:AG$366)*Input!$J$5</f>
        <v>0</v>
      </c>
      <c r="AL196" s="12">
        <f>AG196/SUM(AC$2:AG$366)*Input!$J$5</f>
        <v>0</v>
      </c>
      <c r="AM196" s="12">
        <f t="shared" si="114"/>
        <v>0</v>
      </c>
      <c r="AN196" s="12">
        <f t="shared" si="115"/>
        <v>412.10182225526648</v>
      </c>
      <c r="AO196" s="12">
        <f t="shared" si="116"/>
        <v>35.960271937200645</v>
      </c>
      <c r="AP196" s="12">
        <f t="shared" si="117"/>
        <v>17.980135968600322</v>
      </c>
      <c r="AQ196" s="12">
        <f t="shared" si="118"/>
        <v>0</v>
      </c>
      <c r="AR196" s="11">
        <f t="shared" si="119"/>
        <v>466.04223016106749</v>
      </c>
    </row>
    <row r="197" spans="16:44" x14ac:dyDescent="0.25">
      <c r="P197" s="10">
        <f t="shared" si="120"/>
        <v>45122</v>
      </c>
      <c r="Q197" s="28">
        <v>27.6</v>
      </c>
      <c r="R197" s="28">
        <f t="shared" si="106"/>
        <v>6</v>
      </c>
      <c r="S197" s="12">
        <f t="shared" si="98"/>
        <v>0.66609297291086311</v>
      </c>
      <c r="T197" s="12">
        <f t="shared" si="99"/>
        <v>0.19607255136472959</v>
      </c>
      <c r="U197" s="12">
        <f t="shared" si="100"/>
        <v>0.65274423464211173</v>
      </c>
      <c r="V197" s="12">
        <f t="shared" si="101"/>
        <v>0.29524473618599389</v>
      </c>
      <c r="W197" s="12">
        <f t="shared" si="107"/>
        <v>0.44487676601187343</v>
      </c>
      <c r="X197" s="12">
        <f t="shared" si="102"/>
        <v>-3.4097042997074749E-4</v>
      </c>
      <c r="Y197" s="12">
        <f t="shared" si="103"/>
        <v>-6.2279477920712143E-4</v>
      </c>
      <c r="Z197" s="12">
        <f t="shared" si="104"/>
        <v>-1.60343007315953E-2</v>
      </c>
      <c r="AA197" s="12">
        <f t="shared" si="105"/>
        <v>-9.762199133681506E-3</v>
      </c>
      <c r="AB197" s="12">
        <f t="shared" si="108"/>
        <v>-1.748296682554611E-2</v>
      </c>
      <c r="AC197" s="12">
        <f t="shared" si="109"/>
        <v>0</v>
      </c>
      <c r="AD197" s="12">
        <f t="shared" si="110"/>
        <v>6.2609195410514559E-2</v>
      </c>
      <c r="AE197" s="12">
        <f t="shared" si="111"/>
        <v>1.8392284264382126E-2</v>
      </c>
      <c r="AF197" s="12">
        <f t="shared" si="112"/>
        <v>4.5164070168672559E-3</v>
      </c>
      <c r="AG197" s="12">
        <f t="shared" si="113"/>
        <v>0</v>
      </c>
      <c r="AH197" s="12">
        <f>AC197/SUM(AC$2:AG$366)*Input!$J$5</f>
        <v>0</v>
      </c>
      <c r="AI197" s="12">
        <f>AD197/SUM(AC$2:AG$366)*Input!$J$5</f>
        <v>64.112522959094449</v>
      </c>
      <c r="AJ197" s="12">
        <f>AE197/SUM(AC$2:AG$366)*Input!$J$5</f>
        <v>18.833906735884366</v>
      </c>
      <c r="AK197" s="12">
        <f>AF197/SUM(AC$2:AG$366)*Input!$J$5</f>
        <v>4.6248517755730321</v>
      </c>
      <c r="AL197" s="12">
        <f>AG197/SUM(AC$2:AG$366)*Input!$J$5</f>
        <v>0</v>
      </c>
      <c r="AM197" s="12">
        <f t="shared" si="114"/>
        <v>0</v>
      </c>
      <c r="AN197" s="12">
        <f t="shared" si="115"/>
        <v>79.877778715460522</v>
      </c>
      <c r="AO197" s="12">
        <f t="shared" si="116"/>
        <v>5.1290018367275563</v>
      </c>
      <c r="AP197" s="12">
        <f t="shared" si="117"/>
        <v>2.5645009183637781</v>
      </c>
      <c r="AQ197" s="12">
        <f t="shared" si="118"/>
        <v>0</v>
      </c>
      <c r="AR197" s="11">
        <f t="shared" si="119"/>
        <v>87.571281470551853</v>
      </c>
    </row>
    <row r="198" spans="16:44" x14ac:dyDescent="0.25">
      <c r="P198" s="10">
        <f t="shared" si="120"/>
        <v>45123</v>
      </c>
      <c r="Q198" s="28">
        <v>29.1</v>
      </c>
      <c r="R198" s="28">
        <f t="shared" si="106"/>
        <v>7</v>
      </c>
      <c r="S198" s="12">
        <f t="shared" si="98"/>
        <v>0.66609297291086311</v>
      </c>
      <c r="T198" s="12">
        <f t="shared" si="99"/>
        <v>0.19607255136472959</v>
      </c>
      <c r="U198" s="12">
        <f t="shared" si="100"/>
        <v>0.65274423464211173</v>
      </c>
      <c r="V198" s="12">
        <f t="shared" si="101"/>
        <v>0.29524473618599389</v>
      </c>
      <c r="W198" s="12">
        <f t="shared" si="107"/>
        <v>0.44487676601187343</v>
      </c>
      <c r="X198" s="12">
        <f t="shared" si="102"/>
        <v>-3.4097042997074749E-4</v>
      </c>
      <c r="Y198" s="12">
        <f t="shared" si="103"/>
        <v>-6.2279477920712143E-4</v>
      </c>
      <c r="Z198" s="12">
        <f t="shared" si="104"/>
        <v>-1.60343007315953E-2</v>
      </c>
      <c r="AA198" s="12">
        <f t="shared" si="105"/>
        <v>-9.762199133681506E-3</v>
      </c>
      <c r="AB198" s="12">
        <f t="shared" si="108"/>
        <v>-1.748296682554611E-2</v>
      </c>
      <c r="AC198" s="12">
        <f t="shared" si="109"/>
        <v>0</v>
      </c>
      <c r="AD198" s="12">
        <f t="shared" si="110"/>
        <v>6.2282228151430821E-2</v>
      </c>
      <c r="AE198" s="12">
        <f t="shared" si="111"/>
        <v>1.6287782293360243E-2</v>
      </c>
      <c r="AF198" s="12">
        <f t="shared" si="112"/>
        <v>1.9538297442758573E-3</v>
      </c>
      <c r="AG198" s="12">
        <f t="shared" si="113"/>
        <v>0</v>
      </c>
      <c r="AH198" s="12">
        <f>AC198/SUM(AC$2:AG$366)*Input!$J$5</f>
        <v>0</v>
      </c>
      <c r="AI198" s="12">
        <f>AD198/SUM(AC$2:AG$366)*Input!$J$5</f>
        <v>63.77770479432759</v>
      </c>
      <c r="AJ198" s="12">
        <f>AE198/SUM(AC$2:AG$366)*Input!$J$5</f>
        <v>16.678872957700069</v>
      </c>
      <c r="AK198" s="12">
        <f>AF198/SUM(AC$2:AG$366)*Input!$J$5</f>
        <v>2.0007437169047311</v>
      </c>
      <c r="AL198" s="12">
        <f>AG198/SUM(AC$2:AG$366)*Input!$J$5</f>
        <v>0</v>
      </c>
      <c r="AM198" s="12">
        <f t="shared" si="114"/>
        <v>0</v>
      </c>
      <c r="AN198" s="12">
        <f t="shared" si="115"/>
        <v>74.803996893613089</v>
      </c>
      <c r="AO198" s="12">
        <f t="shared" si="116"/>
        <v>5.1022163835462075</v>
      </c>
      <c r="AP198" s="12">
        <f t="shared" si="117"/>
        <v>2.5511081917731038</v>
      </c>
      <c r="AQ198" s="12">
        <f t="shared" si="118"/>
        <v>0</v>
      </c>
      <c r="AR198" s="11">
        <f t="shared" si="119"/>
        <v>82.457321468932406</v>
      </c>
    </row>
    <row r="199" spans="16:44" x14ac:dyDescent="0.25">
      <c r="P199" s="10">
        <f t="shared" si="120"/>
        <v>45124</v>
      </c>
      <c r="Q199" s="28">
        <v>28.5</v>
      </c>
      <c r="R199" s="28">
        <f t="shared" si="106"/>
        <v>1</v>
      </c>
      <c r="S199" s="12">
        <f t="shared" si="98"/>
        <v>1.0609861866589789</v>
      </c>
      <c r="T199" s="12">
        <f t="shared" si="99"/>
        <v>0.67790786498212752</v>
      </c>
      <c r="U199" s="12">
        <f t="shared" si="100"/>
        <v>0.40699471377216029</v>
      </c>
      <c r="V199" s="12">
        <f t="shared" si="101"/>
        <v>0.52104102880341097</v>
      </c>
      <c r="W199" s="12">
        <f t="shared" si="107"/>
        <v>0</v>
      </c>
      <c r="X199" s="12">
        <f t="shared" si="102"/>
        <v>-7.0953309908476907E-3</v>
      </c>
      <c r="Y199" s="12">
        <f t="shared" si="103"/>
        <v>-1.3263420615734021E-2</v>
      </c>
      <c r="Z199" s="12">
        <f t="shared" si="104"/>
        <v>-1.2756454396407539E-2</v>
      </c>
      <c r="AA199" s="12">
        <f t="shared" si="105"/>
        <v>-2.1476600051355411E-2</v>
      </c>
      <c r="AB199" s="12">
        <f t="shared" si="108"/>
        <v>0</v>
      </c>
      <c r="AC199" s="12">
        <f t="shared" si="109"/>
        <v>0.32203847003243236</v>
      </c>
      <c r="AD199" s="12">
        <f t="shared" si="110"/>
        <v>0.11246264153764046</v>
      </c>
      <c r="AE199" s="12">
        <f t="shared" si="111"/>
        <v>0</v>
      </c>
      <c r="AF199" s="12">
        <f t="shared" si="112"/>
        <v>0</v>
      </c>
      <c r="AG199" s="12">
        <f t="shared" si="113"/>
        <v>0</v>
      </c>
      <c r="AH199" s="12">
        <f>AC199/SUM(AC$2:AG$366)*Input!$J$5</f>
        <v>329.77102913222512</v>
      </c>
      <c r="AI199" s="12">
        <f>AD199/SUM(AC$2:AG$366)*Input!$J$5</f>
        <v>115.16301463940383</v>
      </c>
      <c r="AJ199" s="12">
        <f>AE199/SUM(AC$2:AG$366)*Input!$J$5</f>
        <v>0</v>
      </c>
      <c r="AK199" s="12">
        <f>AF199/SUM(AC$2:AG$366)*Input!$J$5</f>
        <v>0</v>
      </c>
      <c r="AL199" s="12">
        <f>AG199/SUM(AC$2:AG$366)*Input!$J$5</f>
        <v>0</v>
      </c>
      <c r="AM199" s="12">
        <f t="shared" si="114"/>
        <v>0</v>
      </c>
      <c r="AN199" s="12">
        <f t="shared" si="115"/>
        <v>392.17067911047297</v>
      </c>
      <c r="AO199" s="12">
        <f t="shared" si="116"/>
        <v>35.175576440770683</v>
      </c>
      <c r="AP199" s="12">
        <f t="shared" si="117"/>
        <v>17.587788220385342</v>
      </c>
      <c r="AQ199" s="12">
        <f t="shared" si="118"/>
        <v>0</v>
      </c>
      <c r="AR199" s="11">
        <f t="shared" si="119"/>
        <v>444.93404377162898</v>
      </c>
    </row>
    <row r="200" spans="16:44" x14ac:dyDescent="0.25">
      <c r="P200" s="10">
        <f t="shared" si="120"/>
        <v>45125</v>
      </c>
      <c r="Q200" s="28">
        <v>28.2</v>
      </c>
      <c r="R200" s="28">
        <f t="shared" si="106"/>
        <v>2</v>
      </c>
      <c r="S200" s="12">
        <f t="shared" si="98"/>
        <v>1.0609861866589789</v>
      </c>
      <c r="T200" s="12">
        <f t="shared" si="99"/>
        <v>0.67790786498212752</v>
      </c>
      <c r="U200" s="12">
        <f t="shared" si="100"/>
        <v>0.40699471377216029</v>
      </c>
      <c r="V200" s="12">
        <f t="shared" si="101"/>
        <v>0.52104102880341097</v>
      </c>
      <c r="W200" s="12">
        <f t="shared" si="107"/>
        <v>0</v>
      </c>
      <c r="X200" s="12">
        <f t="shared" si="102"/>
        <v>-7.0953309908476907E-3</v>
      </c>
      <c r="Y200" s="12">
        <f t="shared" si="103"/>
        <v>-1.3263420615734021E-2</v>
      </c>
      <c r="Z200" s="12">
        <f t="shared" si="104"/>
        <v>-1.2756454396407539E-2</v>
      </c>
      <c r="AA200" s="12">
        <f t="shared" si="105"/>
        <v>-2.1476600051355411E-2</v>
      </c>
      <c r="AB200" s="12">
        <f t="shared" si="108"/>
        <v>0</v>
      </c>
      <c r="AC200" s="12">
        <f t="shared" si="109"/>
        <v>0.32283669476890275</v>
      </c>
      <c r="AD200" s="12">
        <f t="shared" si="110"/>
        <v>0.11395477635691055</v>
      </c>
      <c r="AE200" s="12">
        <f t="shared" si="111"/>
        <v>0</v>
      </c>
      <c r="AF200" s="12">
        <f t="shared" si="112"/>
        <v>0</v>
      </c>
      <c r="AG200" s="12">
        <f t="shared" si="113"/>
        <v>0</v>
      </c>
      <c r="AH200" s="12">
        <f>AC200/SUM(AC$2:AG$366)*Input!$J$5</f>
        <v>330.58842027433968</v>
      </c>
      <c r="AI200" s="12">
        <f>AD200/SUM(AC$2:AG$366)*Input!$J$5</f>
        <v>116.69097754056023</v>
      </c>
      <c r="AJ200" s="12">
        <f>AE200/SUM(AC$2:AG$366)*Input!$J$5</f>
        <v>0</v>
      </c>
      <c r="AK200" s="12">
        <f>AF200/SUM(AC$2:AG$366)*Input!$J$5</f>
        <v>0</v>
      </c>
      <c r="AL200" s="12">
        <f>AG200/SUM(AC$2:AG$366)*Input!$J$5</f>
        <v>0</v>
      </c>
      <c r="AM200" s="12">
        <f t="shared" si="114"/>
        <v>0</v>
      </c>
      <c r="AN200" s="12">
        <f t="shared" si="115"/>
        <v>394.3852505710056</v>
      </c>
      <c r="AO200" s="12">
        <f t="shared" si="116"/>
        <v>35.262764829262899</v>
      </c>
      <c r="AP200" s="12">
        <f t="shared" si="117"/>
        <v>17.63138241463145</v>
      </c>
      <c r="AQ200" s="12">
        <f t="shared" si="118"/>
        <v>0</v>
      </c>
      <c r="AR200" s="11">
        <f t="shared" si="119"/>
        <v>447.27939781489994</v>
      </c>
    </row>
    <row r="201" spans="16:44" x14ac:dyDescent="0.25">
      <c r="P201" s="10">
        <f t="shared" si="120"/>
        <v>45126</v>
      </c>
      <c r="Q201" s="28">
        <v>28.4</v>
      </c>
      <c r="R201" s="28">
        <f t="shared" si="106"/>
        <v>3</v>
      </c>
      <c r="S201" s="12">
        <f t="shared" si="98"/>
        <v>1.0609861866589789</v>
      </c>
      <c r="T201" s="12">
        <f t="shared" si="99"/>
        <v>0.67790786498212752</v>
      </c>
      <c r="U201" s="12">
        <f t="shared" si="100"/>
        <v>0.40699471377216029</v>
      </c>
      <c r="V201" s="12">
        <f t="shared" si="101"/>
        <v>0.52104102880341097</v>
      </c>
      <c r="W201" s="12">
        <f t="shared" si="107"/>
        <v>0</v>
      </c>
      <c r="X201" s="12">
        <f t="shared" si="102"/>
        <v>-7.0953309908476907E-3</v>
      </c>
      <c r="Y201" s="12">
        <f t="shared" si="103"/>
        <v>-1.3263420615734021E-2</v>
      </c>
      <c r="Z201" s="12">
        <f t="shared" si="104"/>
        <v>-1.2756454396407539E-2</v>
      </c>
      <c r="AA201" s="12">
        <f t="shared" si="105"/>
        <v>-2.1476600051355411E-2</v>
      </c>
      <c r="AB201" s="12">
        <f t="shared" si="108"/>
        <v>0</v>
      </c>
      <c r="AC201" s="12">
        <f t="shared" si="109"/>
        <v>0.32230454494458921</v>
      </c>
      <c r="AD201" s="12">
        <f t="shared" si="110"/>
        <v>0.11296001981073051</v>
      </c>
      <c r="AE201" s="12">
        <f t="shared" si="111"/>
        <v>0</v>
      </c>
      <c r="AF201" s="12">
        <f t="shared" si="112"/>
        <v>0</v>
      </c>
      <c r="AG201" s="12">
        <f t="shared" si="113"/>
        <v>0</v>
      </c>
      <c r="AH201" s="12">
        <f>AC201/SUM(AC$2:AG$366)*Input!$J$5</f>
        <v>330.04349284626329</v>
      </c>
      <c r="AI201" s="12">
        <f>AD201/SUM(AC$2:AG$366)*Input!$J$5</f>
        <v>115.67233560645599</v>
      </c>
      <c r="AJ201" s="12">
        <f>AE201/SUM(AC$2:AG$366)*Input!$J$5</f>
        <v>0</v>
      </c>
      <c r="AK201" s="12">
        <f>AF201/SUM(AC$2:AG$366)*Input!$J$5</f>
        <v>0</v>
      </c>
      <c r="AL201" s="12">
        <f>AG201/SUM(AC$2:AG$366)*Input!$J$5</f>
        <v>0</v>
      </c>
      <c r="AM201" s="12">
        <f t="shared" si="114"/>
        <v>0</v>
      </c>
      <c r="AN201" s="12">
        <f t="shared" si="115"/>
        <v>392.90886959731716</v>
      </c>
      <c r="AO201" s="12">
        <f t="shared" si="116"/>
        <v>35.204639236934753</v>
      </c>
      <c r="AP201" s="12">
        <f t="shared" si="117"/>
        <v>17.602319618467376</v>
      </c>
      <c r="AQ201" s="12">
        <f t="shared" si="118"/>
        <v>0</v>
      </c>
      <c r="AR201" s="11">
        <f t="shared" si="119"/>
        <v>445.71582845271928</v>
      </c>
    </row>
    <row r="202" spans="16:44" x14ac:dyDescent="0.25">
      <c r="P202" s="10">
        <f t="shared" si="120"/>
        <v>45127</v>
      </c>
      <c r="Q202" s="28">
        <v>25.9</v>
      </c>
      <c r="R202" s="28">
        <f t="shared" si="106"/>
        <v>4</v>
      </c>
      <c r="S202" s="12">
        <f t="shared" si="98"/>
        <v>1.0609861866589789</v>
      </c>
      <c r="T202" s="12">
        <f t="shared" si="99"/>
        <v>0.67790786498212752</v>
      </c>
      <c r="U202" s="12">
        <f t="shared" si="100"/>
        <v>0.40699471377216029</v>
      </c>
      <c r="V202" s="12">
        <f t="shared" si="101"/>
        <v>0.52104102880341097</v>
      </c>
      <c r="W202" s="12">
        <f t="shared" si="107"/>
        <v>0</v>
      </c>
      <c r="X202" s="12">
        <f t="shared" si="102"/>
        <v>-7.0953309908476907E-3</v>
      </c>
      <c r="Y202" s="12">
        <f t="shared" si="103"/>
        <v>-1.3263420615734021E-2</v>
      </c>
      <c r="Z202" s="12">
        <f t="shared" si="104"/>
        <v>-1.2756454396407539E-2</v>
      </c>
      <c r="AA202" s="12">
        <f t="shared" si="105"/>
        <v>-2.1476600051355411E-2</v>
      </c>
      <c r="AB202" s="12">
        <f t="shared" si="108"/>
        <v>0</v>
      </c>
      <c r="AC202" s="12">
        <f t="shared" si="109"/>
        <v>0.32895641774850892</v>
      </c>
      <c r="AD202" s="12">
        <f t="shared" si="110"/>
        <v>0.12539447663798114</v>
      </c>
      <c r="AE202" s="12">
        <f t="shared" si="111"/>
        <v>0</v>
      </c>
      <c r="AF202" s="12">
        <f t="shared" si="112"/>
        <v>0</v>
      </c>
      <c r="AG202" s="12">
        <f t="shared" si="113"/>
        <v>0</v>
      </c>
      <c r="AH202" s="12">
        <f>AC202/SUM(AC$2:AG$366)*Input!$J$5</f>
        <v>336.85508569721787</v>
      </c>
      <c r="AI202" s="12">
        <f>AD202/SUM(AC$2:AG$366)*Input!$J$5</f>
        <v>128.40535978275921</v>
      </c>
      <c r="AJ202" s="12">
        <f>AE202/SUM(AC$2:AG$366)*Input!$J$5</f>
        <v>0</v>
      </c>
      <c r="AK202" s="12">
        <f>AF202/SUM(AC$2:AG$366)*Input!$J$5</f>
        <v>0</v>
      </c>
      <c r="AL202" s="12">
        <f>AG202/SUM(AC$2:AG$366)*Input!$J$5</f>
        <v>0</v>
      </c>
      <c r="AM202" s="12">
        <f t="shared" si="114"/>
        <v>0</v>
      </c>
      <c r="AN202" s="12">
        <f t="shared" si="115"/>
        <v>411.36363176842218</v>
      </c>
      <c r="AO202" s="12">
        <f t="shared" si="116"/>
        <v>35.931209141036575</v>
      </c>
      <c r="AP202" s="12">
        <f t="shared" si="117"/>
        <v>17.965604570518288</v>
      </c>
      <c r="AQ202" s="12">
        <f t="shared" si="118"/>
        <v>0</v>
      </c>
      <c r="AR202" s="11">
        <f t="shared" si="119"/>
        <v>465.26044547997702</v>
      </c>
    </row>
    <row r="203" spans="16:44" x14ac:dyDescent="0.25">
      <c r="P203" s="10">
        <f t="shared" si="120"/>
        <v>45128</v>
      </c>
      <c r="Q203" s="28">
        <v>23.9</v>
      </c>
      <c r="R203" s="28">
        <f t="shared" si="106"/>
        <v>5</v>
      </c>
      <c r="S203" s="12">
        <f t="shared" si="98"/>
        <v>1.0609861866589789</v>
      </c>
      <c r="T203" s="12">
        <f t="shared" si="99"/>
        <v>0.67790786498212752</v>
      </c>
      <c r="U203" s="12">
        <f t="shared" si="100"/>
        <v>0.40699471377216029</v>
      </c>
      <c r="V203" s="12">
        <f t="shared" si="101"/>
        <v>0.52104102880341097</v>
      </c>
      <c r="W203" s="12">
        <f t="shared" si="107"/>
        <v>0</v>
      </c>
      <c r="X203" s="12">
        <f t="shared" si="102"/>
        <v>-7.0953309908476907E-3</v>
      </c>
      <c r="Y203" s="12">
        <f t="shared" si="103"/>
        <v>-1.3263420615734021E-2</v>
      </c>
      <c r="Z203" s="12">
        <f t="shared" si="104"/>
        <v>-1.2756454396407539E-2</v>
      </c>
      <c r="AA203" s="12">
        <f t="shared" si="105"/>
        <v>-2.1476600051355411E-2</v>
      </c>
      <c r="AB203" s="12">
        <f t="shared" si="108"/>
        <v>0</v>
      </c>
      <c r="AC203" s="12">
        <f t="shared" si="109"/>
        <v>0.33427791599164469</v>
      </c>
      <c r="AD203" s="12">
        <f t="shared" si="110"/>
        <v>0.13534204209978168</v>
      </c>
      <c r="AE203" s="12">
        <f t="shared" si="111"/>
        <v>0</v>
      </c>
      <c r="AF203" s="12">
        <f t="shared" si="112"/>
        <v>1.9375718940041753E-3</v>
      </c>
      <c r="AG203" s="12">
        <f t="shared" si="113"/>
        <v>0</v>
      </c>
      <c r="AH203" s="12">
        <f>AC203/SUM(AC$2:AG$366)*Input!$J$5</f>
        <v>342.30435997798156</v>
      </c>
      <c r="AI203" s="12">
        <f>AD203/SUM(AC$2:AG$366)*Input!$J$5</f>
        <v>138.59177912380184</v>
      </c>
      <c r="AJ203" s="12">
        <f>AE203/SUM(AC$2:AG$366)*Input!$J$5</f>
        <v>0</v>
      </c>
      <c r="AK203" s="12">
        <f>AF203/SUM(AC$2:AG$366)*Input!$J$5</f>
        <v>1.9840954946751626</v>
      </c>
      <c r="AL203" s="12">
        <f>AG203/SUM(AC$2:AG$366)*Input!$J$5</f>
        <v>0</v>
      </c>
      <c r="AM203" s="12">
        <f t="shared" si="114"/>
        <v>0.95236583744407755</v>
      </c>
      <c r="AN203" s="12">
        <f t="shared" si="115"/>
        <v>427.15917116253746</v>
      </c>
      <c r="AO203" s="12">
        <f t="shared" si="116"/>
        <v>36.512465064318036</v>
      </c>
      <c r="AP203" s="12">
        <f t="shared" si="117"/>
        <v>18.256232532159018</v>
      </c>
      <c r="AQ203" s="12">
        <f t="shared" si="118"/>
        <v>0</v>
      </c>
      <c r="AR203" s="11">
        <f t="shared" si="119"/>
        <v>482.88023459645859</v>
      </c>
    </row>
    <row r="204" spans="16:44" x14ac:dyDescent="0.25">
      <c r="P204" s="10">
        <f t="shared" si="120"/>
        <v>45129</v>
      </c>
      <c r="Q204" s="28">
        <v>23.9</v>
      </c>
      <c r="R204" s="28">
        <f t="shared" si="106"/>
        <v>6</v>
      </c>
      <c r="S204" s="12">
        <f t="shared" si="98"/>
        <v>0.66609297291086311</v>
      </c>
      <c r="T204" s="12">
        <f t="shared" si="99"/>
        <v>0.19607255136472959</v>
      </c>
      <c r="U204" s="12">
        <f t="shared" si="100"/>
        <v>0.65274423464211173</v>
      </c>
      <c r="V204" s="12">
        <f t="shared" si="101"/>
        <v>0.29524473618599389</v>
      </c>
      <c r="W204" s="12">
        <f t="shared" si="107"/>
        <v>0.44487676601187343</v>
      </c>
      <c r="X204" s="12">
        <f t="shared" si="102"/>
        <v>-3.4097042997074749E-4</v>
      </c>
      <c r="Y204" s="12">
        <f t="shared" si="103"/>
        <v>-6.2279477920712143E-4</v>
      </c>
      <c r="Z204" s="12">
        <f t="shared" si="104"/>
        <v>-1.60343007315953E-2</v>
      </c>
      <c r="AA204" s="12">
        <f t="shared" si="105"/>
        <v>-9.762199133681506E-3</v>
      </c>
      <c r="AB204" s="12">
        <f t="shared" si="108"/>
        <v>-1.748296682554611E-2</v>
      </c>
      <c r="AC204" s="12">
        <f t="shared" si="109"/>
        <v>0</v>
      </c>
      <c r="AD204" s="12">
        <f t="shared" si="110"/>
        <v>6.3415714649587784E-2</v>
      </c>
      <c r="AE204" s="12">
        <f t="shared" si="111"/>
        <v>2.3583389126236108E-2</v>
      </c>
      <c r="AF204" s="12">
        <f t="shared" si="112"/>
        <v>1.0837430955926033E-2</v>
      </c>
      <c r="AG204" s="12">
        <f t="shared" si="113"/>
        <v>2.3654626521156246E-3</v>
      </c>
      <c r="AH204" s="12">
        <f>AC204/SUM(AC$2:AG$366)*Input!$J$5</f>
        <v>0</v>
      </c>
      <c r="AI204" s="12">
        <f>AD204/SUM(AC$2:AG$366)*Input!$J$5</f>
        <v>64.938407765519386</v>
      </c>
      <c r="AJ204" s="12">
        <f>AE204/SUM(AC$2:AG$366)*Input!$J$5</f>
        <v>24.149656722072297</v>
      </c>
      <c r="AK204" s="12">
        <f>AF204/SUM(AC$2:AG$366)*Input!$J$5</f>
        <v>11.097651653621503</v>
      </c>
      <c r="AL204" s="12">
        <f>AG204/SUM(AC$2:AG$366)*Input!$J$5</f>
        <v>2.4222604618741745</v>
      </c>
      <c r="AM204" s="12">
        <f t="shared" si="114"/>
        <v>2.3253700433992086</v>
      </c>
      <c r="AN204" s="12">
        <f t="shared" si="115"/>
        <v>92.489997627825829</v>
      </c>
      <c r="AO204" s="12">
        <f t="shared" si="116"/>
        <v>5.1950726212415512</v>
      </c>
      <c r="AP204" s="12">
        <f t="shared" si="117"/>
        <v>2.5975363106207756</v>
      </c>
      <c r="AQ204" s="12">
        <f t="shared" si="118"/>
        <v>0</v>
      </c>
      <c r="AR204" s="11">
        <f t="shared" si="119"/>
        <v>102.60797660308737</v>
      </c>
    </row>
    <row r="205" spans="16:44" x14ac:dyDescent="0.25">
      <c r="P205" s="10">
        <f t="shared" si="120"/>
        <v>45130</v>
      </c>
      <c r="Q205" s="28">
        <v>25.6</v>
      </c>
      <c r="R205" s="28">
        <f t="shared" si="106"/>
        <v>7</v>
      </c>
      <c r="S205" s="12">
        <f t="shared" si="98"/>
        <v>0.66609297291086311</v>
      </c>
      <c r="T205" s="12">
        <f t="shared" si="99"/>
        <v>0.19607255136472959</v>
      </c>
      <c r="U205" s="12">
        <f t="shared" si="100"/>
        <v>0.65274423464211173</v>
      </c>
      <c r="V205" s="12">
        <f t="shared" si="101"/>
        <v>0.29524473618599389</v>
      </c>
      <c r="W205" s="12">
        <f t="shared" si="107"/>
        <v>0.44487676601187343</v>
      </c>
      <c r="X205" s="12">
        <f t="shared" si="102"/>
        <v>-3.4097042997074749E-4</v>
      </c>
      <c r="Y205" s="12">
        <f t="shared" si="103"/>
        <v>-6.2279477920712143E-4</v>
      </c>
      <c r="Z205" s="12">
        <f t="shared" si="104"/>
        <v>-1.60343007315953E-2</v>
      </c>
      <c r="AA205" s="12">
        <f t="shared" si="105"/>
        <v>-9.762199133681506E-3</v>
      </c>
      <c r="AB205" s="12">
        <f t="shared" si="108"/>
        <v>-1.748296682554611E-2</v>
      </c>
      <c r="AC205" s="12">
        <f t="shared" si="109"/>
        <v>0</v>
      </c>
      <c r="AD205" s="12">
        <f t="shared" si="110"/>
        <v>6.3045151755959539E-2</v>
      </c>
      <c r="AE205" s="12">
        <f t="shared" si="111"/>
        <v>2.1198286892411305E-2</v>
      </c>
      <c r="AF205" s="12">
        <f t="shared" si="112"/>
        <v>7.9331767136557839E-3</v>
      </c>
      <c r="AG205" s="12">
        <f t="shared" si="113"/>
        <v>0</v>
      </c>
      <c r="AH205" s="12">
        <f>AC205/SUM(AC$2:AG$366)*Input!$J$5</f>
        <v>0</v>
      </c>
      <c r="AI205" s="12">
        <f>AD205/SUM(AC$2:AG$366)*Input!$J$5</f>
        <v>64.558947178783598</v>
      </c>
      <c r="AJ205" s="12">
        <f>AE205/SUM(AC$2:AG$366)*Input!$J$5</f>
        <v>21.70728510679676</v>
      </c>
      <c r="AK205" s="12">
        <f>AF205/SUM(AC$2:AG$366)*Input!$J$5</f>
        <v>8.1236625204640962</v>
      </c>
      <c r="AL205" s="12">
        <f>AG205/SUM(AC$2:AG$366)*Input!$J$5</f>
        <v>0</v>
      </c>
      <c r="AM205" s="12">
        <f t="shared" si="114"/>
        <v>0</v>
      </c>
      <c r="AN205" s="12">
        <f t="shared" si="115"/>
        <v>86.642821144590428</v>
      </c>
      <c r="AO205" s="12">
        <f t="shared" si="116"/>
        <v>5.1647157743026879</v>
      </c>
      <c r="AP205" s="12">
        <f t="shared" si="117"/>
        <v>2.582357887151344</v>
      </c>
      <c r="AQ205" s="12">
        <f t="shared" si="118"/>
        <v>0</v>
      </c>
      <c r="AR205" s="11">
        <f t="shared" si="119"/>
        <v>94.389894806044467</v>
      </c>
    </row>
    <row r="206" spans="16:44" x14ac:dyDescent="0.25">
      <c r="P206" s="10">
        <f t="shared" si="120"/>
        <v>45131</v>
      </c>
      <c r="Q206" s="28">
        <v>28.6</v>
      </c>
      <c r="R206" s="28">
        <f t="shared" si="106"/>
        <v>1</v>
      </c>
      <c r="S206" s="12">
        <f t="shared" si="98"/>
        <v>1.0609861866589789</v>
      </c>
      <c r="T206" s="12">
        <f t="shared" si="99"/>
        <v>0.67790786498212752</v>
      </c>
      <c r="U206" s="12">
        <f t="shared" si="100"/>
        <v>0.40699471377216029</v>
      </c>
      <c r="V206" s="12">
        <f t="shared" si="101"/>
        <v>0.52104102880341097</v>
      </c>
      <c r="W206" s="12">
        <f t="shared" si="107"/>
        <v>0</v>
      </c>
      <c r="X206" s="12">
        <f t="shared" si="102"/>
        <v>-7.0953309908476907E-3</v>
      </c>
      <c r="Y206" s="12">
        <f t="shared" si="103"/>
        <v>-1.3263420615734021E-2</v>
      </c>
      <c r="Z206" s="12">
        <f t="shared" si="104"/>
        <v>-1.2756454396407539E-2</v>
      </c>
      <c r="AA206" s="12">
        <f t="shared" si="105"/>
        <v>-2.1476600051355411E-2</v>
      </c>
      <c r="AB206" s="12">
        <f t="shared" si="108"/>
        <v>0</v>
      </c>
      <c r="AC206" s="12">
        <f t="shared" si="109"/>
        <v>0.32177239512027561</v>
      </c>
      <c r="AD206" s="12">
        <f t="shared" si="110"/>
        <v>0.11196526326455045</v>
      </c>
      <c r="AE206" s="12">
        <f t="shared" si="111"/>
        <v>0</v>
      </c>
      <c r="AF206" s="12">
        <f t="shared" si="112"/>
        <v>0</v>
      </c>
      <c r="AG206" s="12">
        <f t="shared" si="113"/>
        <v>0</v>
      </c>
      <c r="AH206" s="12">
        <f>AC206/SUM(AC$2:AG$366)*Input!$J$5</f>
        <v>329.49856541818696</v>
      </c>
      <c r="AI206" s="12">
        <f>AD206/SUM(AC$2:AG$366)*Input!$J$5</f>
        <v>114.65369367235172</v>
      </c>
      <c r="AJ206" s="12">
        <f>AE206/SUM(AC$2:AG$366)*Input!$J$5</f>
        <v>0</v>
      </c>
      <c r="AK206" s="12">
        <f>AF206/SUM(AC$2:AG$366)*Input!$J$5</f>
        <v>0</v>
      </c>
      <c r="AL206" s="12">
        <f>AG206/SUM(AC$2:AG$366)*Input!$J$5</f>
        <v>0</v>
      </c>
      <c r="AM206" s="12">
        <f t="shared" si="114"/>
        <v>0</v>
      </c>
      <c r="AN206" s="12">
        <f t="shared" si="115"/>
        <v>391.43248862362873</v>
      </c>
      <c r="AO206" s="12">
        <f t="shared" si="116"/>
        <v>35.146513644606614</v>
      </c>
      <c r="AP206" s="12">
        <f t="shared" si="117"/>
        <v>17.573256822303307</v>
      </c>
      <c r="AQ206" s="12">
        <f t="shared" si="118"/>
        <v>0</v>
      </c>
      <c r="AR206" s="11">
        <f t="shared" si="119"/>
        <v>444.15225909053868</v>
      </c>
    </row>
    <row r="207" spans="16:44" x14ac:dyDescent="0.25">
      <c r="P207" s="10">
        <f t="shared" si="120"/>
        <v>45132</v>
      </c>
      <c r="Q207" s="28">
        <v>22.3</v>
      </c>
      <c r="R207" s="28">
        <f t="shared" si="106"/>
        <v>2</v>
      </c>
      <c r="S207" s="12">
        <f t="shared" si="98"/>
        <v>1.0609861866589789</v>
      </c>
      <c r="T207" s="12">
        <f t="shared" si="99"/>
        <v>0.67790786498212752</v>
      </c>
      <c r="U207" s="12">
        <f t="shared" si="100"/>
        <v>0.40699471377216029</v>
      </c>
      <c r="V207" s="12">
        <f t="shared" si="101"/>
        <v>0.52104102880341097</v>
      </c>
      <c r="W207" s="12">
        <f t="shared" si="107"/>
        <v>0</v>
      </c>
      <c r="X207" s="12">
        <f t="shared" si="102"/>
        <v>-7.0953309908476907E-3</v>
      </c>
      <c r="Y207" s="12">
        <f t="shared" si="103"/>
        <v>-1.3263420615734021E-2</v>
      </c>
      <c r="Z207" s="12">
        <f t="shared" si="104"/>
        <v>-1.2756454396407539E-2</v>
      </c>
      <c r="AA207" s="12">
        <f t="shared" si="105"/>
        <v>-2.1476600051355411E-2</v>
      </c>
      <c r="AB207" s="12">
        <f t="shared" si="108"/>
        <v>0</v>
      </c>
      <c r="AC207" s="12">
        <f t="shared" si="109"/>
        <v>0.33853511458615326</v>
      </c>
      <c r="AD207" s="12">
        <f t="shared" si="110"/>
        <v>0.14330009446922207</v>
      </c>
      <c r="AE207" s="12">
        <f t="shared" si="111"/>
        <v>0</v>
      </c>
      <c r="AF207" s="12">
        <f t="shared" si="112"/>
        <v>1.0528211914546323E-2</v>
      </c>
      <c r="AG207" s="12">
        <f t="shared" si="113"/>
        <v>0</v>
      </c>
      <c r="AH207" s="12">
        <f>AC207/SUM(AC$2:AG$366)*Input!$J$5</f>
        <v>346.66377940259241</v>
      </c>
      <c r="AI207" s="12">
        <f>AD207/SUM(AC$2:AG$366)*Input!$J$5</f>
        <v>146.74091459663589</v>
      </c>
      <c r="AJ207" s="12">
        <f>AE207/SUM(AC$2:AG$366)*Input!$J$5</f>
        <v>0</v>
      </c>
      <c r="AK207" s="12">
        <f>AF207/SUM(AC$2:AG$366)*Input!$J$5</f>
        <v>10.781007864161202</v>
      </c>
      <c r="AL207" s="12">
        <f>AG207/SUM(AC$2:AG$366)*Input!$J$5</f>
        <v>0</v>
      </c>
      <c r="AM207" s="12">
        <f t="shared" si="114"/>
        <v>5.1748837747973742</v>
      </c>
      <c r="AN207" s="12">
        <f t="shared" si="115"/>
        <v>443.54461338417735</v>
      </c>
      <c r="AO207" s="12">
        <f t="shared" si="116"/>
        <v>36.97746980294319</v>
      </c>
      <c r="AP207" s="12">
        <f t="shared" si="117"/>
        <v>18.488734901471595</v>
      </c>
      <c r="AQ207" s="12">
        <f t="shared" si="118"/>
        <v>0</v>
      </c>
      <c r="AR207" s="11">
        <f t="shared" si="119"/>
        <v>504.18570186338951</v>
      </c>
    </row>
    <row r="208" spans="16:44" x14ac:dyDescent="0.25">
      <c r="P208" s="10">
        <f t="shared" si="120"/>
        <v>45133</v>
      </c>
      <c r="Q208" s="28">
        <v>19.600000000000001</v>
      </c>
      <c r="R208" s="28">
        <f t="shared" si="106"/>
        <v>3</v>
      </c>
      <c r="S208" s="12">
        <f t="shared" si="98"/>
        <v>1.0609861866589789</v>
      </c>
      <c r="T208" s="12">
        <f t="shared" si="99"/>
        <v>0.67790786498212752</v>
      </c>
      <c r="U208" s="12">
        <f t="shared" si="100"/>
        <v>0.40699471377216029</v>
      </c>
      <c r="V208" s="12">
        <f t="shared" si="101"/>
        <v>0.52104102880341097</v>
      </c>
      <c r="W208" s="12">
        <f t="shared" si="107"/>
        <v>0</v>
      </c>
      <c r="X208" s="12">
        <f t="shared" si="102"/>
        <v>-7.0953309908476907E-3</v>
      </c>
      <c r="Y208" s="12">
        <f t="shared" si="103"/>
        <v>-1.3263420615734021E-2</v>
      </c>
      <c r="Z208" s="12">
        <f t="shared" si="104"/>
        <v>-1.2756454396407539E-2</v>
      </c>
      <c r="AA208" s="12">
        <f t="shared" si="105"/>
        <v>-2.1476600051355411E-2</v>
      </c>
      <c r="AB208" s="12">
        <f t="shared" si="108"/>
        <v>0</v>
      </c>
      <c r="AC208" s="12">
        <f t="shared" si="109"/>
        <v>0.34571913721438657</v>
      </c>
      <c r="AD208" s="12">
        <f t="shared" si="110"/>
        <v>0.15672930784265277</v>
      </c>
      <c r="AE208" s="12">
        <f t="shared" si="111"/>
        <v>0</v>
      </c>
      <c r="AF208" s="12">
        <f t="shared" si="112"/>
        <v>2.5024916949211218E-2</v>
      </c>
      <c r="AG208" s="12">
        <f t="shared" si="113"/>
        <v>0</v>
      </c>
      <c r="AH208" s="12">
        <f>AC208/SUM(AC$2:AG$366)*Input!$J$5</f>
        <v>354.02029968162338</v>
      </c>
      <c r="AI208" s="12">
        <f>AD208/SUM(AC$2:AG$366)*Input!$J$5</f>
        <v>160.49258070704337</v>
      </c>
      <c r="AJ208" s="12">
        <f>AE208/SUM(AC$2:AG$366)*Input!$J$5</f>
        <v>0</v>
      </c>
      <c r="AK208" s="12">
        <f>AF208/SUM(AC$2:AG$366)*Input!$J$5</f>
        <v>25.625797487668915</v>
      </c>
      <c r="AL208" s="12">
        <f>AG208/SUM(AC$2:AG$366)*Input!$J$5</f>
        <v>0</v>
      </c>
      <c r="AM208" s="12">
        <f t="shared" si="114"/>
        <v>12.300382794081074</v>
      </c>
      <c r="AN208" s="12">
        <f t="shared" si="115"/>
        <v>471.19504713319486</v>
      </c>
      <c r="AO208" s="12">
        <f t="shared" si="116"/>
        <v>37.762165299373166</v>
      </c>
      <c r="AP208" s="12">
        <f t="shared" si="117"/>
        <v>18.881082649686583</v>
      </c>
      <c r="AQ208" s="12">
        <f t="shared" si="118"/>
        <v>0</v>
      </c>
      <c r="AR208" s="11">
        <f t="shared" si="119"/>
        <v>540.13867787633569</v>
      </c>
    </row>
    <row r="209" spans="16:44" x14ac:dyDescent="0.25">
      <c r="P209" s="10">
        <f t="shared" si="120"/>
        <v>45134</v>
      </c>
      <c r="Q209" s="28">
        <v>20.399999999999999</v>
      </c>
      <c r="R209" s="28">
        <f t="shared" si="106"/>
        <v>4</v>
      </c>
      <c r="S209" s="12">
        <f t="shared" si="98"/>
        <v>1.0609861866589789</v>
      </c>
      <c r="T209" s="12">
        <f t="shared" si="99"/>
        <v>0.67790786498212752</v>
      </c>
      <c r="U209" s="12">
        <f t="shared" si="100"/>
        <v>0.40699471377216029</v>
      </c>
      <c r="V209" s="12">
        <f t="shared" si="101"/>
        <v>0.52104102880341097</v>
      </c>
      <c r="W209" s="12">
        <f t="shared" si="107"/>
        <v>0</v>
      </c>
      <c r="X209" s="12">
        <f t="shared" si="102"/>
        <v>-7.0953309908476907E-3</v>
      </c>
      <c r="Y209" s="12">
        <f t="shared" si="103"/>
        <v>-1.3263420615734021E-2</v>
      </c>
      <c r="Z209" s="12">
        <f t="shared" si="104"/>
        <v>-1.2756454396407539E-2</v>
      </c>
      <c r="AA209" s="12">
        <f t="shared" si="105"/>
        <v>-2.1476600051355411E-2</v>
      </c>
      <c r="AB209" s="12">
        <f t="shared" si="108"/>
        <v>0</v>
      </c>
      <c r="AC209" s="12">
        <f t="shared" si="109"/>
        <v>0.34359053791713229</v>
      </c>
      <c r="AD209" s="12">
        <f t="shared" si="110"/>
        <v>0.15275028165793256</v>
      </c>
      <c r="AE209" s="12">
        <f t="shared" si="111"/>
        <v>0</v>
      </c>
      <c r="AF209" s="12">
        <f t="shared" si="112"/>
        <v>2.0729596938940151E-2</v>
      </c>
      <c r="AG209" s="12">
        <f t="shared" si="113"/>
        <v>0</v>
      </c>
      <c r="AH209" s="12">
        <f>AC209/SUM(AC$2:AG$366)*Input!$J$5</f>
        <v>351.84058996931793</v>
      </c>
      <c r="AI209" s="12">
        <f>AD209/SUM(AC$2:AG$366)*Input!$J$5</f>
        <v>156.41801297062634</v>
      </c>
      <c r="AJ209" s="12">
        <f>AE209/SUM(AC$2:AG$366)*Input!$J$5</f>
        <v>0</v>
      </c>
      <c r="AK209" s="12">
        <f>AF209/SUM(AC$2:AG$366)*Input!$J$5</f>
        <v>21.2273413029259</v>
      </c>
      <c r="AL209" s="12">
        <f>AG209/SUM(AC$2:AG$366)*Input!$J$5</f>
        <v>0</v>
      </c>
      <c r="AM209" s="12">
        <f t="shared" si="114"/>
        <v>10.189123825404428</v>
      </c>
      <c r="AN209" s="12">
        <f t="shared" si="115"/>
        <v>463.00232602237486</v>
      </c>
      <c r="AO209" s="12">
        <f t="shared" si="116"/>
        <v>37.529662930060582</v>
      </c>
      <c r="AP209" s="12">
        <f t="shared" si="117"/>
        <v>18.764831465030291</v>
      </c>
      <c r="AQ209" s="12">
        <f t="shared" si="118"/>
        <v>0</v>
      </c>
      <c r="AR209" s="11">
        <f t="shared" si="119"/>
        <v>529.48594424287012</v>
      </c>
    </row>
    <row r="210" spans="16:44" x14ac:dyDescent="0.25">
      <c r="P210" s="10">
        <f t="shared" si="120"/>
        <v>45135</v>
      </c>
      <c r="Q210" s="28">
        <v>24.8</v>
      </c>
      <c r="R210" s="28">
        <f t="shared" si="106"/>
        <v>5</v>
      </c>
      <c r="S210" s="12">
        <f t="shared" si="98"/>
        <v>1.0609861866589789</v>
      </c>
      <c r="T210" s="12">
        <f t="shared" si="99"/>
        <v>0.67790786498212752</v>
      </c>
      <c r="U210" s="12">
        <f t="shared" si="100"/>
        <v>0.40699471377216029</v>
      </c>
      <c r="V210" s="12">
        <f t="shared" si="101"/>
        <v>0.52104102880341097</v>
      </c>
      <c r="W210" s="12">
        <f t="shared" si="107"/>
        <v>0</v>
      </c>
      <c r="X210" s="12">
        <f t="shared" si="102"/>
        <v>-7.0953309908476907E-3</v>
      </c>
      <c r="Y210" s="12">
        <f t="shared" si="103"/>
        <v>-1.3263420615734021E-2</v>
      </c>
      <c r="Z210" s="12">
        <f t="shared" si="104"/>
        <v>-1.2756454396407539E-2</v>
      </c>
      <c r="AA210" s="12">
        <f t="shared" si="105"/>
        <v>-2.1476600051355411E-2</v>
      </c>
      <c r="AB210" s="12">
        <f t="shared" si="108"/>
        <v>0</v>
      </c>
      <c r="AC210" s="12">
        <f t="shared" si="109"/>
        <v>0.33188324178223355</v>
      </c>
      <c r="AD210" s="12">
        <f t="shared" si="110"/>
        <v>0.13086563764197143</v>
      </c>
      <c r="AE210" s="12">
        <f t="shared" si="111"/>
        <v>0</v>
      </c>
      <c r="AF210" s="12">
        <f t="shared" si="112"/>
        <v>0</v>
      </c>
      <c r="AG210" s="12">
        <f t="shared" si="113"/>
        <v>0</v>
      </c>
      <c r="AH210" s="12">
        <f>AC210/SUM(AC$2:AG$366)*Input!$J$5</f>
        <v>339.85218655163783</v>
      </c>
      <c r="AI210" s="12">
        <f>AD210/SUM(AC$2:AG$366)*Input!$J$5</f>
        <v>134.00789042033264</v>
      </c>
      <c r="AJ210" s="12">
        <f>AE210/SUM(AC$2:AG$366)*Input!$J$5</f>
        <v>0</v>
      </c>
      <c r="AK210" s="12">
        <f>AF210/SUM(AC$2:AG$366)*Input!$J$5</f>
        <v>0</v>
      </c>
      <c r="AL210" s="12">
        <f>AG210/SUM(AC$2:AG$366)*Input!$J$5</f>
        <v>0</v>
      </c>
      <c r="AM210" s="12">
        <f t="shared" si="114"/>
        <v>0</v>
      </c>
      <c r="AN210" s="12">
        <f t="shared" si="115"/>
        <v>419.48372712370838</v>
      </c>
      <c r="AO210" s="12">
        <f t="shared" si="116"/>
        <v>36.250899898841368</v>
      </c>
      <c r="AP210" s="12">
        <f t="shared" si="117"/>
        <v>18.125449949420684</v>
      </c>
      <c r="AQ210" s="12">
        <f t="shared" si="118"/>
        <v>0</v>
      </c>
      <c r="AR210" s="11">
        <f t="shared" si="119"/>
        <v>473.86007697197039</v>
      </c>
    </row>
    <row r="211" spans="16:44" x14ac:dyDescent="0.25">
      <c r="P211" s="10">
        <f t="shared" si="120"/>
        <v>45136</v>
      </c>
      <c r="Q211" s="28">
        <v>26.1</v>
      </c>
      <c r="R211" s="28">
        <f t="shared" si="106"/>
        <v>6</v>
      </c>
      <c r="S211" s="12">
        <f t="shared" si="98"/>
        <v>0.66609297291086311</v>
      </c>
      <c r="T211" s="12">
        <f t="shared" si="99"/>
        <v>0.19607255136472959</v>
      </c>
      <c r="U211" s="12">
        <f t="shared" si="100"/>
        <v>0.65274423464211173</v>
      </c>
      <c r="V211" s="12">
        <f t="shared" si="101"/>
        <v>0.29524473618599389</v>
      </c>
      <c r="W211" s="12">
        <f t="shared" si="107"/>
        <v>0.44487676601187343</v>
      </c>
      <c r="X211" s="12">
        <f t="shared" si="102"/>
        <v>-3.4097042997074749E-4</v>
      </c>
      <c r="Y211" s="12">
        <f t="shared" si="103"/>
        <v>-6.2279477920712143E-4</v>
      </c>
      <c r="Z211" s="12">
        <f t="shared" si="104"/>
        <v>-1.60343007315953E-2</v>
      </c>
      <c r="AA211" s="12">
        <f t="shared" si="105"/>
        <v>-9.762199133681506E-3</v>
      </c>
      <c r="AB211" s="12">
        <f t="shared" si="108"/>
        <v>-1.748296682554611E-2</v>
      </c>
      <c r="AC211" s="12">
        <f t="shared" si="109"/>
        <v>0</v>
      </c>
      <c r="AD211" s="12">
        <f t="shared" si="110"/>
        <v>6.2936162669598297E-2</v>
      </c>
      <c r="AE211" s="12">
        <f t="shared" si="111"/>
        <v>2.0496786235404005E-2</v>
      </c>
      <c r="AF211" s="12">
        <f t="shared" si="112"/>
        <v>7.0789842894586541E-3</v>
      </c>
      <c r="AG211" s="12">
        <f t="shared" si="113"/>
        <v>0</v>
      </c>
      <c r="AH211" s="12">
        <f>AC211/SUM(AC$2:AG$366)*Input!$J$5</f>
        <v>0</v>
      </c>
      <c r="AI211" s="12">
        <f>AD211/SUM(AC$2:AG$366)*Input!$J$5</f>
        <v>64.447341123861307</v>
      </c>
      <c r="AJ211" s="12">
        <f>AE211/SUM(AC$2:AG$366)*Input!$J$5</f>
        <v>20.988940514068656</v>
      </c>
      <c r="AK211" s="12">
        <f>AF211/SUM(AC$2:AG$366)*Input!$J$5</f>
        <v>7.2489598342413339</v>
      </c>
      <c r="AL211" s="12">
        <f>AG211/SUM(AC$2:AG$366)*Input!$J$5</f>
        <v>0</v>
      </c>
      <c r="AM211" s="12">
        <f t="shared" si="114"/>
        <v>0</v>
      </c>
      <c r="AN211" s="12">
        <f t="shared" si="115"/>
        <v>84.951560537307941</v>
      </c>
      <c r="AO211" s="12">
        <f t="shared" si="116"/>
        <v>5.155787289908905</v>
      </c>
      <c r="AP211" s="12">
        <f t="shared" si="117"/>
        <v>2.5778936449544525</v>
      </c>
      <c r="AQ211" s="12">
        <f t="shared" si="118"/>
        <v>0</v>
      </c>
      <c r="AR211" s="11">
        <f t="shared" si="119"/>
        <v>92.685241472171299</v>
      </c>
    </row>
    <row r="212" spans="16:44" x14ac:dyDescent="0.25">
      <c r="P212" s="10">
        <f t="shared" si="120"/>
        <v>45137</v>
      </c>
      <c r="Q212" s="28">
        <v>23.7</v>
      </c>
      <c r="R212" s="28">
        <f t="shared" si="106"/>
        <v>7</v>
      </c>
      <c r="S212" s="12">
        <f t="shared" si="98"/>
        <v>0.66609297291086311</v>
      </c>
      <c r="T212" s="12">
        <f t="shared" si="99"/>
        <v>0.19607255136472959</v>
      </c>
      <c r="U212" s="12">
        <f t="shared" si="100"/>
        <v>0.65274423464211173</v>
      </c>
      <c r="V212" s="12">
        <f t="shared" si="101"/>
        <v>0.29524473618599389</v>
      </c>
      <c r="W212" s="12">
        <f t="shared" si="107"/>
        <v>0.44487676601187343</v>
      </c>
      <c r="X212" s="12">
        <f t="shared" si="102"/>
        <v>-3.4097042997074749E-4</v>
      </c>
      <c r="Y212" s="12">
        <f t="shared" si="103"/>
        <v>-6.2279477920712143E-4</v>
      </c>
      <c r="Z212" s="12">
        <f t="shared" si="104"/>
        <v>-1.60343007315953E-2</v>
      </c>
      <c r="AA212" s="12">
        <f t="shared" si="105"/>
        <v>-9.762199133681506E-3</v>
      </c>
      <c r="AB212" s="12">
        <f t="shared" si="108"/>
        <v>-1.748296682554611E-2</v>
      </c>
      <c r="AC212" s="12">
        <f t="shared" si="109"/>
        <v>0</v>
      </c>
      <c r="AD212" s="12">
        <f t="shared" si="110"/>
        <v>6.3459310284132292E-2</v>
      </c>
      <c r="AE212" s="12">
        <f t="shared" si="111"/>
        <v>2.3863989389039022E-2</v>
      </c>
      <c r="AF212" s="12">
        <f t="shared" si="112"/>
        <v>1.1179107925604885E-2</v>
      </c>
      <c r="AG212" s="12">
        <f t="shared" si="113"/>
        <v>2.6714145715626809E-3</v>
      </c>
      <c r="AH212" s="12">
        <f>AC212/SUM(AC$2:AG$366)*Input!$J$5</f>
        <v>0</v>
      </c>
      <c r="AI212" s="12">
        <f>AD212/SUM(AC$2:AG$366)*Input!$J$5</f>
        <v>64.983050187488317</v>
      </c>
      <c r="AJ212" s="12">
        <f>AE212/SUM(AC$2:AG$366)*Input!$J$5</f>
        <v>24.436994559163534</v>
      </c>
      <c r="AK212" s="12">
        <f>AF212/SUM(AC$2:AG$366)*Input!$J$5</f>
        <v>11.447532728110609</v>
      </c>
      <c r="AL212" s="12">
        <f>AG212/SUM(AC$2:AG$366)*Input!$J$5</f>
        <v>2.735558681589584</v>
      </c>
      <c r="AM212" s="12">
        <f t="shared" si="114"/>
        <v>2.6261363343260022</v>
      </c>
      <c r="AN212" s="12">
        <f t="shared" si="115"/>
        <v>93.17903379952746</v>
      </c>
      <c r="AO212" s="12">
        <f t="shared" si="116"/>
        <v>5.1986440149990658</v>
      </c>
      <c r="AP212" s="12">
        <f t="shared" si="117"/>
        <v>2.5993220074995329</v>
      </c>
      <c r="AQ212" s="12">
        <f t="shared" si="118"/>
        <v>0</v>
      </c>
      <c r="AR212" s="11">
        <f t="shared" si="119"/>
        <v>103.60313615635206</v>
      </c>
    </row>
    <row r="213" spans="16:44" x14ac:dyDescent="0.25">
      <c r="P213" s="10">
        <f t="shared" si="120"/>
        <v>45138</v>
      </c>
      <c r="Q213" s="28">
        <v>23.4</v>
      </c>
      <c r="R213" s="28">
        <f t="shared" si="106"/>
        <v>1</v>
      </c>
      <c r="S213" s="12">
        <f t="shared" si="98"/>
        <v>1.0609861866589789</v>
      </c>
      <c r="T213" s="12">
        <f t="shared" si="99"/>
        <v>0.67790786498212752</v>
      </c>
      <c r="U213" s="12">
        <f t="shared" si="100"/>
        <v>0.40699471377216029</v>
      </c>
      <c r="V213" s="12">
        <f t="shared" si="101"/>
        <v>0.52104102880341097</v>
      </c>
      <c r="W213" s="12">
        <f t="shared" si="107"/>
        <v>0</v>
      </c>
      <c r="X213" s="12">
        <f t="shared" si="102"/>
        <v>-7.0953309908476907E-3</v>
      </c>
      <c r="Y213" s="12">
        <f t="shared" si="103"/>
        <v>-1.3263420615734021E-2</v>
      </c>
      <c r="Z213" s="12">
        <f t="shared" si="104"/>
        <v>-1.2756454396407539E-2</v>
      </c>
      <c r="AA213" s="12">
        <f t="shared" si="105"/>
        <v>-2.1476600051355411E-2</v>
      </c>
      <c r="AB213" s="12">
        <f t="shared" si="108"/>
        <v>0</v>
      </c>
      <c r="AC213" s="12">
        <f t="shared" si="109"/>
        <v>0.33560829055242863</v>
      </c>
      <c r="AD213" s="12">
        <f t="shared" si="110"/>
        <v>0.13782893346523178</v>
      </c>
      <c r="AE213" s="12">
        <f t="shared" si="111"/>
        <v>0</v>
      </c>
      <c r="AF213" s="12">
        <f t="shared" si="112"/>
        <v>4.6221469004235904E-3</v>
      </c>
      <c r="AG213" s="12">
        <f t="shared" si="113"/>
        <v>0</v>
      </c>
      <c r="AH213" s="12">
        <f>AC213/SUM(AC$2:AG$366)*Input!$J$5</f>
        <v>343.66667854817246</v>
      </c>
      <c r="AI213" s="12">
        <f>AD213/SUM(AC$2:AG$366)*Input!$J$5</f>
        <v>141.13838395906245</v>
      </c>
      <c r="AJ213" s="12">
        <f>AE213/SUM(AC$2:AG$366)*Input!$J$5</f>
        <v>0</v>
      </c>
      <c r="AK213" s="12">
        <f>AF213/SUM(AC$2:AG$366)*Input!$J$5</f>
        <v>4.7331306101395434</v>
      </c>
      <c r="AL213" s="12">
        <f>AG213/SUM(AC$2:AG$366)*Input!$J$5</f>
        <v>0</v>
      </c>
      <c r="AM213" s="12">
        <f t="shared" si="114"/>
        <v>2.2719026928669797</v>
      </c>
      <c r="AN213" s="12">
        <f t="shared" si="115"/>
        <v>432.27962185679979</v>
      </c>
      <c r="AO213" s="12">
        <f t="shared" si="116"/>
        <v>36.657779045138398</v>
      </c>
      <c r="AP213" s="12">
        <f t="shared" si="117"/>
        <v>18.328889522569199</v>
      </c>
      <c r="AQ213" s="12">
        <f t="shared" si="118"/>
        <v>0</v>
      </c>
      <c r="AR213" s="11">
        <f t="shared" si="119"/>
        <v>489.53819311737436</v>
      </c>
    </row>
    <row r="214" spans="16:44" x14ac:dyDescent="0.25">
      <c r="P214" s="10">
        <f t="shared" si="120"/>
        <v>45139</v>
      </c>
      <c r="Q214" s="28">
        <v>22</v>
      </c>
      <c r="R214" s="28">
        <f t="shared" si="106"/>
        <v>2</v>
      </c>
      <c r="S214" s="12">
        <f t="shared" si="98"/>
        <v>1.0609861866589789</v>
      </c>
      <c r="T214" s="12">
        <f t="shared" si="99"/>
        <v>0.67790786498212752</v>
      </c>
      <c r="U214" s="12">
        <f t="shared" si="100"/>
        <v>0.40699471377216029</v>
      </c>
      <c r="V214" s="12">
        <f t="shared" si="101"/>
        <v>0.52104102880341097</v>
      </c>
      <c r="W214" s="12">
        <f t="shared" si="107"/>
        <v>0</v>
      </c>
      <c r="X214" s="12">
        <f t="shared" si="102"/>
        <v>-7.0953309908476907E-3</v>
      </c>
      <c r="Y214" s="12">
        <f t="shared" si="103"/>
        <v>-1.3263420615734021E-2</v>
      </c>
      <c r="Z214" s="12">
        <f t="shared" si="104"/>
        <v>-1.2756454396407539E-2</v>
      </c>
      <c r="AA214" s="12">
        <f t="shared" si="105"/>
        <v>-2.1476600051355411E-2</v>
      </c>
      <c r="AB214" s="12">
        <f t="shared" si="108"/>
        <v>0</v>
      </c>
      <c r="AC214" s="12">
        <f t="shared" si="109"/>
        <v>0.33933333932262366</v>
      </c>
      <c r="AD214" s="12">
        <f t="shared" si="110"/>
        <v>0.14479222928849217</v>
      </c>
      <c r="AE214" s="12">
        <f t="shared" si="111"/>
        <v>0</v>
      </c>
      <c r="AF214" s="12">
        <f t="shared" si="112"/>
        <v>1.2138956918397975E-2</v>
      </c>
      <c r="AG214" s="12">
        <f t="shared" si="113"/>
        <v>0</v>
      </c>
      <c r="AH214" s="12">
        <f>AC214/SUM(AC$2:AG$366)*Input!$J$5</f>
        <v>347.48117054470703</v>
      </c>
      <c r="AI214" s="12">
        <f>AD214/SUM(AC$2:AG$366)*Input!$J$5</f>
        <v>148.26887749779229</v>
      </c>
      <c r="AJ214" s="12">
        <f>AE214/SUM(AC$2:AG$366)*Input!$J$5</f>
        <v>0</v>
      </c>
      <c r="AK214" s="12">
        <f>AF214/SUM(AC$2:AG$366)*Input!$J$5</f>
        <v>12.430428933439833</v>
      </c>
      <c r="AL214" s="12">
        <f>AG214/SUM(AC$2:AG$366)*Input!$J$5</f>
        <v>0</v>
      </c>
      <c r="AM214" s="12">
        <f t="shared" si="114"/>
        <v>5.9666058880511166</v>
      </c>
      <c r="AN214" s="12">
        <f t="shared" si="115"/>
        <v>446.61688380073491</v>
      </c>
      <c r="AO214" s="12">
        <f t="shared" si="116"/>
        <v>37.06465819143542</v>
      </c>
      <c r="AP214" s="12">
        <f t="shared" si="117"/>
        <v>18.53232909571771</v>
      </c>
      <c r="AQ214" s="12">
        <f t="shared" si="118"/>
        <v>0</v>
      </c>
      <c r="AR214" s="11">
        <f t="shared" si="119"/>
        <v>508.18047697593914</v>
      </c>
    </row>
    <row r="215" spans="16:44" x14ac:dyDescent="0.25">
      <c r="P215" s="10">
        <f t="shared" si="120"/>
        <v>45140</v>
      </c>
      <c r="Q215" s="28">
        <v>23.1</v>
      </c>
      <c r="R215" s="28">
        <f t="shared" si="106"/>
        <v>3</v>
      </c>
      <c r="S215" s="12">
        <f t="shared" si="98"/>
        <v>1.0609861866589789</v>
      </c>
      <c r="T215" s="12">
        <f t="shared" si="99"/>
        <v>0.67790786498212752</v>
      </c>
      <c r="U215" s="12">
        <f t="shared" si="100"/>
        <v>0.40699471377216029</v>
      </c>
      <c r="V215" s="12">
        <f t="shared" si="101"/>
        <v>0.52104102880341097</v>
      </c>
      <c r="W215" s="12">
        <f t="shared" si="107"/>
        <v>0</v>
      </c>
      <c r="X215" s="12">
        <f t="shared" si="102"/>
        <v>-7.0953309908476907E-3</v>
      </c>
      <c r="Y215" s="12">
        <f t="shared" si="103"/>
        <v>-1.3263420615734021E-2</v>
      </c>
      <c r="Z215" s="12">
        <f t="shared" si="104"/>
        <v>-1.2756454396407539E-2</v>
      </c>
      <c r="AA215" s="12">
        <f t="shared" si="105"/>
        <v>-2.1476600051355411E-2</v>
      </c>
      <c r="AB215" s="12">
        <f t="shared" si="108"/>
        <v>0</v>
      </c>
      <c r="AC215" s="12">
        <f t="shared" si="109"/>
        <v>0.33640651528889898</v>
      </c>
      <c r="AD215" s="12">
        <f t="shared" si="110"/>
        <v>0.13932106828450186</v>
      </c>
      <c r="AE215" s="12">
        <f t="shared" si="111"/>
        <v>0</v>
      </c>
      <c r="AF215" s="12">
        <f t="shared" si="112"/>
        <v>6.2328919042752284E-3</v>
      </c>
      <c r="AG215" s="12">
        <f t="shared" si="113"/>
        <v>0</v>
      </c>
      <c r="AH215" s="12">
        <f>AC215/SUM(AC$2:AG$366)*Input!$J$5</f>
        <v>344.48406969028701</v>
      </c>
      <c r="AI215" s="12">
        <f>AD215/SUM(AC$2:AG$366)*Input!$J$5</f>
        <v>142.66634686021882</v>
      </c>
      <c r="AJ215" s="12">
        <f>AE215/SUM(AC$2:AG$366)*Input!$J$5</f>
        <v>0</v>
      </c>
      <c r="AK215" s="12">
        <f>AF215/SUM(AC$2:AG$366)*Input!$J$5</f>
        <v>6.3825516794181612</v>
      </c>
      <c r="AL215" s="12">
        <f>AG215/SUM(AC$2:AG$366)*Input!$J$5</f>
        <v>0</v>
      </c>
      <c r="AM215" s="12">
        <f t="shared" si="114"/>
        <v>3.0636248061207159</v>
      </c>
      <c r="AN215" s="12">
        <f t="shared" si="115"/>
        <v>435.35189227335735</v>
      </c>
      <c r="AO215" s="12">
        <f t="shared" si="116"/>
        <v>36.74496743363062</v>
      </c>
      <c r="AP215" s="12">
        <f t="shared" si="117"/>
        <v>18.37248371681531</v>
      </c>
      <c r="AQ215" s="12">
        <f t="shared" si="118"/>
        <v>0</v>
      </c>
      <c r="AR215" s="11">
        <f t="shared" si="119"/>
        <v>493.53296822992399</v>
      </c>
    </row>
    <row r="216" spans="16:44" x14ac:dyDescent="0.25">
      <c r="P216" s="10">
        <f t="shared" si="120"/>
        <v>45141</v>
      </c>
      <c r="Q216" s="28">
        <v>23</v>
      </c>
      <c r="R216" s="28">
        <f t="shared" si="106"/>
        <v>4</v>
      </c>
      <c r="S216" s="12">
        <f t="shared" si="98"/>
        <v>1.0609861866589789</v>
      </c>
      <c r="T216" s="12">
        <f t="shared" si="99"/>
        <v>0.67790786498212752</v>
      </c>
      <c r="U216" s="12">
        <f t="shared" si="100"/>
        <v>0.40699471377216029</v>
      </c>
      <c r="V216" s="12">
        <f t="shared" si="101"/>
        <v>0.52104102880341097</v>
      </c>
      <c r="W216" s="12">
        <f t="shared" si="107"/>
        <v>0</v>
      </c>
      <c r="X216" s="12">
        <f t="shared" si="102"/>
        <v>-7.0953309908476907E-3</v>
      </c>
      <c r="Y216" s="12">
        <f t="shared" si="103"/>
        <v>-1.3263420615734021E-2</v>
      </c>
      <c r="Z216" s="12">
        <f t="shared" si="104"/>
        <v>-1.2756454396407539E-2</v>
      </c>
      <c r="AA216" s="12">
        <f t="shared" si="105"/>
        <v>-2.1476600051355411E-2</v>
      </c>
      <c r="AB216" s="12">
        <f t="shared" si="108"/>
        <v>0</v>
      </c>
      <c r="AC216" s="12">
        <f t="shared" si="109"/>
        <v>0.33667259020105578</v>
      </c>
      <c r="AD216" s="12">
        <f t="shared" si="110"/>
        <v>0.1398184465575919</v>
      </c>
      <c r="AE216" s="12">
        <f t="shared" si="111"/>
        <v>0</v>
      </c>
      <c r="AF216" s="12">
        <f t="shared" si="112"/>
        <v>6.7698069055591309E-3</v>
      </c>
      <c r="AG216" s="12">
        <f t="shared" si="113"/>
        <v>0</v>
      </c>
      <c r="AH216" s="12">
        <f>AC216/SUM(AC$2:AG$366)*Input!$J$5</f>
        <v>344.75653340432518</v>
      </c>
      <c r="AI216" s="12">
        <f>AD216/SUM(AC$2:AG$366)*Input!$J$5</f>
        <v>143.17566782727098</v>
      </c>
      <c r="AJ216" s="12">
        <f>AE216/SUM(AC$2:AG$366)*Input!$J$5</f>
        <v>0</v>
      </c>
      <c r="AK216" s="12">
        <f>AF216/SUM(AC$2:AG$366)*Input!$J$5</f>
        <v>6.9323587025110571</v>
      </c>
      <c r="AL216" s="12">
        <f>AG216/SUM(AC$2:AG$366)*Input!$J$5</f>
        <v>0</v>
      </c>
      <c r="AM216" s="12">
        <f t="shared" si="114"/>
        <v>3.3275321772053057</v>
      </c>
      <c r="AN216" s="12">
        <f t="shared" si="115"/>
        <v>436.37598241220985</v>
      </c>
      <c r="AO216" s="12">
        <f t="shared" si="116"/>
        <v>36.77403022979469</v>
      </c>
      <c r="AP216" s="12">
        <f t="shared" si="117"/>
        <v>18.387015114897345</v>
      </c>
      <c r="AQ216" s="12">
        <f t="shared" si="118"/>
        <v>0</v>
      </c>
      <c r="AR216" s="11">
        <f t="shared" si="119"/>
        <v>494.86455993410715</v>
      </c>
    </row>
    <row r="217" spans="16:44" x14ac:dyDescent="0.25">
      <c r="P217" s="10">
        <f t="shared" si="120"/>
        <v>45142</v>
      </c>
      <c r="Q217" s="28">
        <v>19.600000000000001</v>
      </c>
      <c r="R217" s="28">
        <f t="shared" si="106"/>
        <v>5</v>
      </c>
      <c r="S217" s="12">
        <f t="shared" si="98"/>
        <v>1.0609861866589789</v>
      </c>
      <c r="T217" s="12">
        <f t="shared" si="99"/>
        <v>0.67790786498212752</v>
      </c>
      <c r="U217" s="12">
        <f t="shared" si="100"/>
        <v>0.40699471377216029</v>
      </c>
      <c r="V217" s="12">
        <f t="shared" si="101"/>
        <v>0.52104102880341097</v>
      </c>
      <c r="W217" s="12">
        <f t="shared" si="107"/>
        <v>0</v>
      </c>
      <c r="X217" s="12">
        <f t="shared" si="102"/>
        <v>-7.0953309908476907E-3</v>
      </c>
      <c r="Y217" s="12">
        <f t="shared" si="103"/>
        <v>-1.3263420615734021E-2</v>
      </c>
      <c r="Z217" s="12">
        <f t="shared" si="104"/>
        <v>-1.2756454396407539E-2</v>
      </c>
      <c r="AA217" s="12">
        <f t="shared" si="105"/>
        <v>-2.1476600051355411E-2</v>
      </c>
      <c r="AB217" s="12">
        <f t="shared" si="108"/>
        <v>0</v>
      </c>
      <c r="AC217" s="12">
        <f t="shared" si="109"/>
        <v>0.34571913721438657</v>
      </c>
      <c r="AD217" s="12">
        <f t="shared" si="110"/>
        <v>0.15672930784265277</v>
      </c>
      <c r="AE217" s="12">
        <f t="shared" si="111"/>
        <v>0</v>
      </c>
      <c r="AF217" s="12">
        <f t="shared" si="112"/>
        <v>2.5024916949211218E-2</v>
      </c>
      <c r="AG217" s="12">
        <f t="shared" si="113"/>
        <v>0</v>
      </c>
      <c r="AH217" s="12">
        <f>AC217/SUM(AC$2:AG$366)*Input!$J$5</f>
        <v>354.02029968162338</v>
      </c>
      <c r="AI217" s="12">
        <f>AD217/SUM(AC$2:AG$366)*Input!$J$5</f>
        <v>160.49258070704337</v>
      </c>
      <c r="AJ217" s="12">
        <f>AE217/SUM(AC$2:AG$366)*Input!$J$5</f>
        <v>0</v>
      </c>
      <c r="AK217" s="12">
        <f>AF217/SUM(AC$2:AG$366)*Input!$J$5</f>
        <v>25.625797487668915</v>
      </c>
      <c r="AL217" s="12">
        <f>AG217/SUM(AC$2:AG$366)*Input!$J$5</f>
        <v>0</v>
      </c>
      <c r="AM217" s="12">
        <f t="shared" si="114"/>
        <v>12.300382794081074</v>
      </c>
      <c r="AN217" s="12">
        <f t="shared" si="115"/>
        <v>471.19504713319486</v>
      </c>
      <c r="AO217" s="12">
        <f t="shared" si="116"/>
        <v>37.762165299373166</v>
      </c>
      <c r="AP217" s="12">
        <f t="shared" si="117"/>
        <v>18.881082649686583</v>
      </c>
      <c r="AQ217" s="12">
        <f t="shared" si="118"/>
        <v>0</v>
      </c>
      <c r="AR217" s="11">
        <f t="shared" si="119"/>
        <v>540.13867787633569</v>
      </c>
    </row>
    <row r="218" spans="16:44" x14ac:dyDescent="0.25">
      <c r="P218" s="10">
        <f t="shared" si="120"/>
        <v>45143</v>
      </c>
      <c r="Q218" s="28">
        <v>18.5</v>
      </c>
      <c r="R218" s="28">
        <f t="shared" si="106"/>
        <v>6</v>
      </c>
      <c r="S218" s="12">
        <f t="shared" si="98"/>
        <v>0.66609297291086311</v>
      </c>
      <c r="T218" s="12">
        <f t="shared" si="99"/>
        <v>0.19607255136472959</v>
      </c>
      <c r="U218" s="12">
        <f t="shared" si="100"/>
        <v>0.65274423464211173</v>
      </c>
      <c r="V218" s="12">
        <f t="shared" si="101"/>
        <v>0.29524473618599389</v>
      </c>
      <c r="W218" s="12">
        <f t="shared" si="107"/>
        <v>0.44487676601187343</v>
      </c>
      <c r="X218" s="12">
        <f t="shared" si="102"/>
        <v>-3.4097042997074749E-4</v>
      </c>
      <c r="Y218" s="12">
        <f t="shared" si="103"/>
        <v>-6.2279477920712143E-4</v>
      </c>
      <c r="Z218" s="12">
        <f t="shared" si="104"/>
        <v>-1.60343007315953E-2</v>
      </c>
      <c r="AA218" s="12">
        <f t="shared" si="105"/>
        <v>-9.762199133681506E-3</v>
      </c>
      <c r="AB218" s="12">
        <f t="shared" si="108"/>
        <v>-1.748296682554611E-2</v>
      </c>
      <c r="AC218" s="12">
        <f t="shared" si="109"/>
        <v>0</v>
      </c>
      <c r="AD218" s="12">
        <f t="shared" si="110"/>
        <v>6.4592796782289241E-2</v>
      </c>
      <c r="AE218" s="12">
        <f t="shared" si="111"/>
        <v>3.115959622191488E-2</v>
      </c>
      <c r="AF218" s="12">
        <f t="shared" si="112"/>
        <v>2.0062709137255056E-2</v>
      </c>
      <c r="AG218" s="12">
        <f t="shared" si="113"/>
        <v>1.0626164477186159E-2</v>
      </c>
      <c r="AH218" s="12">
        <f>AC218/SUM(AC$2:AG$366)*Input!$J$5</f>
        <v>0</v>
      </c>
      <c r="AI218" s="12">
        <f>AD218/SUM(AC$2:AG$366)*Input!$J$5</f>
        <v>66.143753158680084</v>
      </c>
      <c r="AJ218" s="12">
        <f>AE218/SUM(AC$2:AG$366)*Input!$J$5</f>
        <v>31.907778323535751</v>
      </c>
      <c r="AK218" s="12">
        <f>AF218/SUM(AC$2:AG$366)*Input!$J$5</f>
        <v>20.544440664827377</v>
      </c>
      <c r="AL218" s="12">
        <f>AG218/SUM(AC$2:AG$366)*Input!$J$5</f>
        <v>10.881312394190251</v>
      </c>
      <c r="AM218" s="12">
        <f t="shared" si="114"/>
        <v>10.446059898422646</v>
      </c>
      <c r="AN218" s="12">
        <f t="shared" si="115"/>
        <v>111.0939742637692</v>
      </c>
      <c r="AO218" s="12">
        <f t="shared" si="116"/>
        <v>5.2915002526944068</v>
      </c>
      <c r="AP218" s="12">
        <f t="shared" si="117"/>
        <v>2.6457501263472034</v>
      </c>
      <c r="AQ218" s="12">
        <f t="shared" si="118"/>
        <v>0</v>
      </c>
      <c r="AR218" s="11">
        <f t="shared" si="119"/>
        <v>129.47728454123344</v>
      </c>
    </row>
    <row r="219" spans="16:44" x14ac:dyDescent="0.25">
      <c r="P219" s="10">
        <f t="shared" si="120"/>
        <v>45144</v>
      </c>
      <c r="Q219" s="28">
        <v>17.7</v>
      </c>
      <c r="R219" s="28">
        <f t="shared" si="106"/>
        <v>7</v>
      </c>
      <c r="S219" s="12">
        <f t="shared" si="98"/>
        <v>0.88136675487947747</v>
      </c>
      <c r="T219" s="12">
        <f t="shared" si="99"/>
        <v>0.19607255136472959</v>
      </c>
      <c r="U219" s="12">
        <f t="shared" si="100"/>
        <v>0.65274423464211173</v>
      </c>
      <c r="V219" s="12">
        <f t="shared" si="101"/>
        <v>0.29524473618599389</v>
      </c>
      <c r="W219" s="12">
        <f t="shared" si="107"/>
        <v>0.44487676601187343</v>
      </c>
      <c r="X219" s="12">
        <f t="shared" si="102"/>
        <v>-1.236743869637378E-2</v>
      </c>
      <c r="Y219" s="12">
        <f t="shared" si="103"/>
        <v>-6.2279477920712143E-4</v>
      </c>
      <c r="Z219" s="12">
        <f t="shared" si="104"/>
        <v>-1.60343007315953E-2</v>
      </c>
      <c r="AA219" s="12">
        <f t="shared" si="105"/>
        <v>-9.762199133681506E-3</v>
      </c>
      <c r="AB219" s="12">
        <f t="shared" si="108"/>
        <v>-1.748296682554611E-2</v>
      </c>
      <c r="AC219" s="12">
        <f t="shared" si="109"/>
        <v>0</v>
      </c>
      <c r="AD219" s="12">
        <f t="shared" si="110"/>
        <v>6.4767179320467244E-2</v>
      </c>
      <c r="AE219" s="12">
        <f t="shared" si="111"/>
        <v>3.2281997273126556E-2</v>
      </c>
      <c r="AF219" s="12">
        <f t="shared" si="112"/>
        <v>2.1429417015970467E-2</v>
      </c>
      <c r="AG219" s="12">
        <f t="shared" si="113"/>
        <v>1.1849972154974388E-2</v>
      </c>
      <c r="AH219" s="12">
        <f>AC219/SUM(AC$2:AG$366)*Input!$J$5</f>
        <v>0</v>
      </c>
      <c r="AI219" s="12">
        <f>AD219/SUM(AC$2:AG$366)*Input!$J$5</f>
        <v>66.32232284655575</v>
      </c>
      <c r="AJ219" s="12">
        <f>AE219/SUM(AC$2:AG$366)*Input!$J$5</f>
        <v>33.057129671900711</v>
      </c>
      <c r="AK219" s="12">
        <f>AF219/SUM(AC$2:AG$366)*Input!$J$5</f>
        <v>21.943964962783802</v>
      </c>
      <c r="AL219" s="12">
        <f>AG219/SUM(AC$2:AG$366)*Input!$J$5</f>
        <v>12.134505273051895</v>
      </c>
      <c r="AM219" s="12">
        <f t="shared" si="114"/>
        <v>11.649125062129825</v>
      </c>
      <c r="AN219" s="12">
        <f t="shared" si="115"/>
        <v>113.85011895057565</v>
      </c>
      <c r="AO219" s="12">
        <f t="shared" si="116"/>
        <v>5.3057858277244598</v>
      </c>
      <c r="AP219" s="12">
        <f t="shared" si="117"/>
        <v>2.6528929138622299</v>
      </c>
      <c r="AQ219" s="12">
        <f t="shared" si="118"/>
        <v>0</v>
      </c>
      <c r="AR219" s="11">
        <f t="shared" si="119"/>
        <v>133.45792275429216</v>
      </c>
    </row>
    <row r="220" spans="16:44" x14ac:dyDescent="0.25">
      <c r="P220" s="10">
        <f t="shared" si="120"/>
        <v>45145</v>
      </c>
      <c r="Q220" s="28">
        <v>15.6</v>
      </c>
      <c r="R220" s="28">
        <f t="shared" si="106"/>
        <v>1</v>
      </c>
      <c r="S220" s="12">
        <f t="shared" si="98"/>
        <v>1.0609861866589789</v>
      </c>
      <c r="T220" s="12">
        <f t="shared" si="99"/>
        <v>1.4695351264848711</v>
      </c>
      <c r="U220" s="12">
        <f t="shared" si="100"/>
        <v>1.771938814155029</v>
      </c>
      <c r="V220" s="12">
        <f t="shared" si="101"/>
        <v>0.52104102880341097</v>
      </c>
      <c r="W220" s="12">
        <f t="shared" si="107"/>
        <v>0</v>
      </c>
      <c r="X220" s="12">
        <f t="shared" si="102"/>
        <v>-7.0953309908476907E-3</v>
      </c>
      <c r="Y220" s="12">
        <f t="shared" si="103"/>
        <v>-5.875924024232846E-2</v>
      </c>
      <c r="Z220" s="12">
        <f t="shared" si="104"/>
        <v>-9.5984753200240996E-2</v>
      </c>
      <c r="AA220" s="12">
        <f t="shared" si="105"/>
        <v>-2.1476600051355411E-2</v>
      </c>
      <c r="AB220" s="12">
        <f t="shared" si="108"/>
        <v>0</v>
      </c>
      <c r="AC220" s="12">
        <f t="shared" si="109"/>
        <v>0.35636213370065811</v>
      </c>
      <c r="AD220" s="12">
        <f t="shared" si="110"/>
        <v>0.20733411701420515</v>
      </c>
      <c r="AE220" s="12">
        <f t="shared" si="111"/>
        <v>0</v>
      </c>
      <c r="AF220" s="12">
        <f t="shared" si="112"/>
        <v>4.6501517000566636E-2</v>
      </c>
      <c r="AG220" s="12">
        <f t="shared" si="113"/>
        <v>0</v>
      </c>
      <c r="AH220" s="12">
        <f>AC220/SUM(AC$2:AG$366)*Input!$J$5</f>
        <v>364.91884824315071</v>
      </c>
      <c r="AI220" s="12">
        <f>AD220/SUM(AC$2:AG$366)*Input!$J$5</f>
        <v>212.31247662774518</v>
      </c>
      <c r="AJ220" s="12">
        <f>AE220/SUM(AC$2:AG$366)*Input!$J$5</f>
        <v>0</v>
      </c>
      <c r="AK220" s="12">
        <f>AF220/SUM(AC$2:AG$366)*Input!$J$5</f>
        <v>47.618078411384062</v>
      </c>
      <c r="AL220" s="12">
        <f>AG220/SUM(AC$2:AG$366)*Input!$J$5</f>
        <v>0</v>
      </c>
      <c r="AM220" s="12">
        <f t="shared" si="114"/>
        <v>22.856677637464337</v>
      </c>
      <c r="AN220" s="12">
        <f t="shared" si="115"/>
        <v>543.60570992591147</v>
      </c>
      <c r="AO220" s="12">
        <f t="shared" si="116"/>
        <v>38.92467714593608</v>
      </c>
      <c r="AP220" s="12">
        <f t="shared" si="117"/>
        <v>19.46233857296804</v>
      </c>
      <c r="AQ220" s="12">
        <f t="shared" si="118"/>
        <v>0</v>
      </c>
      <c r="AR220" s="11">
        <f t="shared" si="119"/>
        <v>624.84940328228004</v>
      </c>
    </row>
    <row r="221" spans="16:44" x14ac:dyDescent="0.25">
      <c r="P221" s="10">
        <f t="shared" si="120"/>
        <v>45146</v>
      </c>
      <c r="Q221" s="28">
        <v>19.3</v>
      </c>
      <c r="R221" s="28">
        <f t="shared" si="106"/>
        <v>2</v>
      </c>
      <c r="S221" s="12">
        <f t="shared" si="98"/>
        <v>1.0609861866589789</v>
      </c>
      <c r="T221" s="12">
        <f t="shared" si="99"/>
        <v>0.67790786498212752</v>
      </c>
      <c r="U221" s="12">
        <f t="shared" si="100"/>
        <v>0.40699471377216029</v>
      </c>
      <c r="V221" s="12">
        <f t="shared" si="101"/>
        <v>0.52104102880341097</v>
      </c>
      <c r="W221" s="12">
        <f t="shared" si="107"/>
        <v>0</v>
      </c>
      <c r="X221" s="12">
        <f t="shared" si="102"/>
        <v>-7.0953309908476907E-3</v>
      </c>
      <c r="Y221" s="12">
        <f t="shared" si="103"/>
        <v>-1.3263420615734021E-2</v>
      </c>
      <c r="Z221" s="12">
        <f t="shared" si="104"/>
        <v>-1.2756454396407539E-2</v>
      </c>
      <c r="AA221" s="12">
        <f t="shared" si="105"/>
        <v>-2.1476600051355411E-2</v>
      </c>
      <c r="AB221" s="12">
        <f t="shared" si="108"/>
        <v>0</v>
      </c>
      <c r="AC221" s="12">
        <f t="shared" si="109"/>
        <v>0.34651736195085692</v>
      </c>
      <c r="AD221" s="12">
        <f t="shared" si="110"/>
        <v>0.15822144266192284</v>
      </c>
      <c r="AE221" s="12">
        <f t="shared" si="111"/>
        <v>0</v>
      </c>
      <c r="AF221" s="12">
        <f t="shared" si="112"/>
        <v>2.6635661953062884E-2</v>
      </c>
      <c r="AG221" s="12">
        <f t="shared" si="113"/>
        <v>0</v>
      </c>
      <c r="AH221" s="12">
        <f>AC221/SUM(AC$2:AG$366)*Input!$J$5</f>
        <v>354.83769082373794</v>
      </c>
      <c r="AI221" s="12">
        <f>AD221/SUM(AC$2:AG$366)*Input!$J$5</f>
        <v>162.02054360819974</v>
      </c>
      <c r="AJ221" s="12">
        <f>AE221/SUM(AC$2:AG$366)*Input!$J$5</f>
        <v>0</v>
      </c>
      <c r="AK221" s="12">
        <f>AF221/SUM(AC$2:AG$366)*Input!$J$5</f>
        <v>27.275218556947557</v>
      </c>
      <c r="AL221" s="12">
        <f>AG221/SUM(AC$2:AG$366)*Input!$J$5</f>
        <v>0</v>
      </c>
      <c r="AM221" s="12">
        <f t="shared" si="114"/>
        <v>13.092104907334821</v>
      </c>
      <c r="AN221" s="12">
        <f t="shared" si="115"/>
        <v>474.26731754975236</v>
      </c>
      <c r="AO221" s="12">
        <f t="shared" si="116"/>
        <v>37.849353687865381</v>
      </c>
      <c r="AP221" s="12">
        <f t="shared" si="117"/>
        <v>18.924676843932691</v>
      </c>
      <c r="AQ221" s="12">
        <f t="shared" si="118"/>
        <v>0</v>
      </c>
      <c r="AR221" s="11">
        <f t="shared" si="119"/>
        <v>544.13345298888532</v>
      </c>
    </row>
    <row r="222" spans="16:44" x14ac:dyDescent="0.25">
      <c r="P222" s="10">
        <f t="shared" si="120"/>
        <v>45147</v>
      </c>
      <c r="Q222" s="28">
        <v>18.600000000000001</v>
      </c>
      <c r="R222" s="28">
        <f t="shared" si="106"/>
        <v>3</v>
      </c>
      <c r="S222" s="12">
        <f t="shared" si="98"/>
        <v>1.0609861866589789</v>
      </c>
      <c r="T222" s="12">
        <f t="shared" si="99"/>
        <v>0.67790786498212752</v>
      </c>
      <c r="U222" s="12">
        <f t="shared" si="100"/>
        <v>0.40699471377216029</v>
      </c>
      <c r="V222" s="12">
        <f t="shared" si="101"/>
        <v>0.52104102880341097</v>
      </c>
      <c r="W222" s="12">
        <f t="shared" si="107"/>
        <v>0</v>
      </c>
      <c r="X222" s="12">
        <f t="shared" si="102"/>
        <v>-7.0953309908476907E-3</v>
      </c>
      <c r="Y222" s="12">
        <f t="shared" si="103"/>
        <v>-1.3263420615734021E-2</v>
      </c>
      <c r="Z222" s="12">
        <f t="shared" si="104"/>
        <v>-1.2756454396407539E-2</v>
      </c>
      <c r="AA222" s="12">
        <f t="shared" si="105"/>
        <v>-2.1476600051355411E-2</v>
      </c>
      <c r="AB222" s="12">
        <f t="shared" si="108"/>
        <v>0</v>
      </c>
      <c r="AC222" s="12">
        <f t="shared" si="109"/>
        <v>0.34837988633595446</v>
      </c>
      <c r="AD222" s="12">
        <f t="shared" si="110"/>
        <v>0.161703090573553</v>
      </c>
      <c r="AE222" s="12">
        <f t="shared" si="111"/>
        <v>0</v>
      </c>
      <c r="AF222" s="12">
        <f t="shared" si="112"/>
        <v>3.0394066962050076E-2</v>
      </c>
      <c r="AG222" s="12">
        <f t="shared" si="113"/>
        <v>0</v>
      </c>
      <c r="AH222" s="12">
        <f>AC222/SUM(AC$2:AG$366)*Input!$J$5</f>
        <v>356.74493682200523</v>
      </c>
      <c r="AI222" s="12">
        <f>AD222/SUM(AC$2:AG$366)*Input!$J$5</f>
        <v>165.58579037756465</v>
      </c>
      <c r="AJ222" s="12">
        <f>AE222/SUM(AC$2:AG$366)*Input!$J$5</f>
        <v>0</v>
      </c>
      <c r="AK222" s="12">
        <f>AF222/SUM(AC$2:AG$366)*Input!$J$5</f>
        <v>31.123867718597705</v>
      </c>
      <c r="AL222" s="12">
        <f>AG222/SUM(AC$2:AG$366)*Input!$J$5</f>
        <v>0</v>
      </c>
      <c r="AM222" s="12">
        <f t="shared" si="114"/>
        <v>14.939456504926891</v>
      </c>
      <c r="AN222" s="12">
        <f t="shared" si="115"/>
        <v>481.43594852171987</v>
      </c>
      <c r="AO222" s="12">
        <f t="shared" si="116"/>
        <v>38.052793261013896</v>
      </c>
      <c r="AP222" s="12">
        <f t="shared" si="117"/>
        <v>19.026396630506948</v>
      </c>
      <c r="AQ222" s="12">
        <f t="shared" si="118"/>
        <v>0</v>
      </c>
      <c r="AR222" s="11">
        <f t="shared" si="119"/>
        <v>553.45459491816757</v>
      </c>
    </row>
    <row r="223" spans="16:44" x14ac:dyDescent="0.25">
      <c r="P223" s="10">
        <f t="shared" si="120"/>
        <v>45148</v>
      </c>
      <c r="Q223" s="28">
        <v>18.7</v>
      </c>
      <c r="R223" s="28">
        <f t="shared" si="106"/>
        <v>4</v>
      </c>
      <c r="S223" s="12">
        <f t="shared" si="98"/>
        <v>1.0609861866589789</v>
      </c>
      <c r="T223" s="12">
        <f t="shared" si="99"/>
        <v>0.67790786498212752</v>
      </c>
      <c r="U223" s="12">
        <f t="shared" si="100"/>
        <v>0.40699471377216029</v>
      </c>
      <c r="V223" s="12">
        <f t="shared" si="101"/>
        <v>0.52104102880341097</v>
      </c>
      <c r="W223" s="12">
        <f t="shared" si="107"/>
        <v>0</v>
      </c>
      <c r="X223" s="12">
        <f t="shared" si="102"/>
        <v>-7.0953309908476907E-3</v>
      </c>
      <c r="Y223" s="12">
        <f t="shared" si="103"/>
        <v>-1.3263420615734021E-2</v>
      </c>
      <c r="Z223" s="12">
        <f t="shared" si="104"/>
        <v>-1.2756454396407539E-2</v>
      </c>
      <c r="AA223" s="12">
        <f t="shared" si="105"/>
        <v>-2.1476600051355411E-2</v>
      </c>
      <c r="AB223" s="12">
        <f t="shared" si="108"/>
        <v>0</v>
      </c>
      <c r="AC223" s="12">
        <f t="shared" si="109"/>
        <v>0.34811381142379771</v>
      </c>
      <c r="AD223" s="12">
        <f t="shared" si="110"/>
        <v>0.16120571230046299</v>
      </c>
      <c r="AE223" s="12">
        <f t="shared" si="111"/>
        <v>0</v>
      </c>
      <c r="AF223" s="12">
        <f t="shared" si="112"/>
        <v>2.9857151960766201E-2</v>
      </c>
      <c r="AG223" s="12">
        <f t="shared" si="113"/>
        <v>0</v>
      </c>
      <c r="AH223" s="12">
        <f>AC223/SUM(AC$2:AG$366)*Input!$J$5</f>
        <v>356.47247310796706</v>
      </c>
      <c r="AI223" s="12">
        <f>AD223/SUM(AC$2:AG$366)*Input!$J$5</f>
        <v>165.07646941051252</v>
      </c>
      <c r="AJ223" s="12">
        <f>AE223/SUM(AC$2:AG$366)*Input!$J$5</f>
        <v>0</v>
      </c>
      <c r="AK223" s="12">
        <f>AF223/SUM(AC$2:AG$366)*Input!$J$5</f>
        <v>30.574060695504834</v>
      </c>
      <c r="AL223" s="12">
        <f>AG223/SUM(AC$2:AG$366)*Input!$J$5</f>
        <v>0</v>
      </c>
      <c r="AM223" s="12">
        <f t="shared" si="114"/>
        <v>14.675549133842313</v>
      </c>
      <c r="AN223" s="12">
        <f t="shared" si="115"/>
        <v>480.41185838286736</v>
      </c>
      <c r="AO223" s="12">
        <f t="shared" si="116"/>
        <v>38.02373046484982</v>
      </c>
      <c r="AP223" s="12">
        <f t="shared" si="117"/>
        <v>19.01186523242491</v>
      </c>
      <c r="AQ223" s="12">
        <f t="shared" si="118"/>
        <v>0</v>
      </c>
      <c r="AR223" s="11">
        <f t="shared" si="119"/>
        <v>552.12300321398448</v>
      </c>
    </row>
    <row r="224" spans="16:44" x14ac:dyDescent="0.25">
      <c r="P224" s="10">
        <f t="shared" si="120"/>
        <v>45149</v>
      </c>
      <c r="Q224" s="28">
        <v>21.1</v>
      </c>
      <c r="R224" s="28">
        <f t="shared" si="106"/>
        <v>5</v>
      </c>
      <c r="S224" s="12">
        <f t="shared" si="98"/>
        <v>1.0609861866589789</v>
      </c>
      <c r="T224" s="12">
        <f t="shared" si="99"/>
        <v>0.67790786498212752</v>
      </c>
      <c r="U224" s="12">
        <f t="shared" si="100"/>
        <v>0.40699471377216029</v>
      </c>
      <c r="V224" s="12">
        <f t="shared" si="101"/>
        <v>0.52104102880341097</v>
      </c>
      <c r="W224" s="12">
        <f t="shared" si="107"/>
        <v>0</v>
      </c>
      <c r="X224" s="12">
        <f t="shared" si="102"/>
        <v>-7.0953309908476907E-3</v>
      </c>
      <c r="Y224" s="12">
        <f t="shared" si="103"/>
        <v>-1.3263420615734021E-2</v>
      </c>
      <c r="Z224" s="12">
        <f t="shared" si="104"/>
        <v>-1.2756454396407539E-2</v>
      </c>
      <c r="AA224" s="12">
        <f t="shared" si="105"/>
        <v>-2.1476600051355411E-2</v>
      </c>
      <c r="AB224" s="12">
        <f t="shared" si="108"/>
        <v>0</v>
      </c>
      <c r="AC224" s="12">
        <f t="shared" si="109"/>
        <v>0.34172801353203475</v>
      </c>
      <c r="AD224" s="12">
        <f t="shared" si="110"/>
        <v>0.14926863374630239</v>
      </c>
      <c r="AE224" s="12">
        <f t="shared" si="111"/>
        <v>0</v>
      </c>
      <c r="AF224" s="12">
        <f t="shared" si="112"/>
        <v>1.6971191929952945E-2</v>
      </c>
      <c r="AG224" s="12">
        <f t="shared" si="113"/>
        <v>0</v>
      </c>
      <c r="AH224" s="12">
        <f>AC224/SUM(AC$2:AG$366)*Input!$J$5</f>
        <v>349.93334397105065</v>
      </c>
      <c r="AI224" s="12">
        <f>AD224/SUM(AC$2:AG$366)*Input!$J$5</f>
        <v>152.85276620126146</v>
      </c>
      <c r="AJ224" s="12">
        <f>AE224/SUM(AC$2:AG$366)*Input!$J$5</f>
        <v>0</v>
      </c>
      <c r="AK224" s="12">
        <f>AF224/SUM(AC$2:AG$366)*Input!$J$5</f>
        <v>17.378692141275742</v>
      </c>
      <c r="AL224" s="12">
        <f>AG224/SUM(AC$2:AG$366)*Input!$J$5</f>
        <v>0</v>
      </c>
      <c r="AM224" s="12">
        <f t="shared" si="114"/>
        <v>8.3417722278123527</v>
      </c>
      <c r="AN224" s="12">
        <f t="shared" si="115"/>
        <v>455.83369505040741</v>
      </c>
      <c r="AO224" s="12">
        <f t="shared" si="116"/>
        <v>37.326223356912074</v>
      </c>
      <c r="AP224" s="12">
        <f t="shared" si="117"/>
        <v>18.663111678456037</v>
      </c>
      <c r="AQ224" s="12">
        <f t="shared" si="118"/>
        <v>0</v>
      </c>
      <c r="AR224" s="11">
        <f t="shared" si="119"/>
        <v>520.16480231358787</v>
      </c>
    </row>
    <row r="225" spans="16:44" x14ac:dyDescent="0.25">
      <c r="P225" s="10">
        <f t="shared" si="120"/>
        <v>45150</v>
      </c>
      <c r="Q225" s="28">
        <v>23.4</v>
      </c>
      <c r="R225" s="28">
        <f t="shared" si="106"/>
        <v>6</v>
      </c>
      <c r="S225" s="12">
        <f t="shared" si="98"/>
        <v>0.66609297291086311</v>
      </c>
      <c r="T225" s="12">
        <f t="shared" si="99"/>
        <v>0.19607255136472959</v>
      </c>
      <c r="U225" s="12">
        <f t="shared" si="100"/>
        <v>0.65274423464211173</v>
      </c>
      <c r="V225" s="12">
        <f t="shared" si="101"/>
        <v>0.29524473618599389</v>
      </c>
      <c r="W225" s="12">
        <f t="shared" si="107"/>
        <v>0.44487676601187343</v>
      </c>
      <c r="X225" s="12">
        <f t="shared" si="102"/>
        <v>-3.4097042997074749E-4</v>
      </c>
      <c r="Y225" s="12">
        <f t="shared" si="103"/>
        <v>-6.2279477920712143E-4</v>
      </c>
      <c r="Z225" s="12">
        <f t="shared" si="104"/>
        <v>-1.60343007315953E-2</v>
      </c>
      <c r="AA225" s="12">
        <f t="shared" si="105"/>
        <v>-9.762199133681506E-3</v>
      </c>
      <c r="AB225" s="12">
        <f t="shared" si="108"/>
        <v>-1.748296682554611E-2</v>
      </c>
      <c r="AC225" s="12">
        <f t="shared" si="109"/>
        <v>0</v>
      </c>
      <c r="AD225" s="12">
        <f t="shared" si="110"/>
        <v>6.3524703735949026E-2</v>
      </c>
      <c r="AE225" s="12">
        <f t="shared" si="111"/>
        <v>2.4284889783243401E-2</v>
      </c>
      <c r="AF225" s="12">
        <f t="shared" si="112"/>
        <v>1.1691623380123167E-2</v>
      </c>
      <c r="AG225" s="12">
        <f t="shared" si="113"/>
        <v>3.1303424507332649E-3</v>
      </c>
      <c r="AH225" s="12">
        <f>AC225/SUM(AC$2:AG$366)*Input!$J$5</f>
        <v>0</v>
      </c>
      <c r="AI225" s="12">
        <f>AD225/SUM(AC$2:AG$366)*Input!$J$5</f>
        <v>65.050013820441663</v>
      </c>
      <c r="AJ225" s="12">
        <f>AE225/SUM(AC$2:AG$366)*Input!$J$5</f>
        <v>24.868001314800392</v>
      </c>
      <c r="AK225" s="12">
        <f>AF225/SUM(AC$2:AG$366)*Input!$J$5</f>
        <v>11.972354339844273</v>
      </c>
      <c r="AL225" s="12">
        <f>AG225/SUM(AC$2:AG$366)*Input!$J$5</f>
        <v>3.2055060111626981</v>
      </c>
      <c r="AM225" s="12">
        <f t="shared" si="114"/>
        <v>3.077285770716192</v>
      </c>
      <c r="AN225" s="12">
        <f t="shared" si="115"/>
        <v>94.212588057079842</v>
      </c>
      <c r="AO225" s="12">
        <f t="shared" si="116"/>
        <v>5.2040011056353332</v>
      </c>
      <c r="AP225" s="12">
        <f t="shared" si="117"/>
        <v>2.6020005528176666</v>
      </c>
      <c r="AQ225" s="12">
        <f t="shared" si="118"/>
        <v>0</v>
      </c>
      <c r="AR225" s="11">
        <f t="shared" si="119"/>
        <v>105.09587548624903</v>
      </c>
    </row>
    <row r="226" spans="16:44" x14ac:dyDescent="0.25">
      <c r="P226" s="10">
        <f t="shared" si="120"/>
        <v>45151</v>
      </c>
      <c r="Q226" s="28">
        <v>26</v>
      </c>
      <c r="R226" s="28">
        <f t="shared" si="106"/>
        <v>7</v>
      </c>
      <c r="S226" s="12">
        <f t="shared" si="98"/>
        <v>0.66609297291086311</v>
      </c>
      <c r="T226" s="12">
        <f t="shared" si="99"/>
        <v>0.19607255136472959</v>
      </c>
      <c r="U226" s="12">
        <f t="shared" si="100"/>
        <v>0.65274423464211173</v>
      </c>
      <c r="V226" s="12">
        <f t="shared" si="101"/>
        <v>0.29524473618599389</v>
      </c>
      <c r="W226" s="12">
        <f t="shared" si="107"/>
        <v>0.44487676601187343</v>
      </c>
      <c r="X226" s="12">
        <f t="shared" si="102"/>
        <v>-3.4097042997074749E-4</v>
      </c>
      <c r="Y226" s="12">
        <f t="shared" si="103"/>
        <v>-6.2279477920712143E-4</v>
      </c>
      <c r="Z226" s="12">
        <f t="shared" si="104"/>
        <v>-1.60343007315953E-2</v>
      </c>
      <c r="AA226" s="12">
        <f t="shared" si="105"/>
        <v>-9.762199133681506E-3</v>
      </c>
      <c r="AB226" s="12">
        <f t="shared" si="108"/>
        <v>-1.748296682554611E-2</v>
      </c>
      <c r="AC226" s="12">
        <f t="shared" si="109"/>
        <v>0</v>
      </c>
      <c r="AD226" s="12">
        <f t="shared" si="110"/>
        <v>6.2957960486870551E-2</v>
      </c>
      <c r="AE226" s="12">
        <f t="shared" si="111"/>
        <v>2.063708636680547E-2</v>
      </c>
      <c r="AF226" s="12">
        <f t="shared" si="112"/>
        <v>7.2498227742980826E-3</v>
      </c>
      <c r="AG226" s="12">
        <f t="shared" si="113"/>
        <v>0</v>
      </c>
      <c r="AH226" s="12">
        <f>AC226/SUM(AC$2:AG$366)*Input!$J$5</f>
        <v>0</v>
      </c>
      <c r="AI226" s="12">
        <f>AD226/SUM(AC$2:AG$366)*Input!$J$5</f>
        <v>64.469662334845779</v>
      </c>
      <c r="AJ226" s="12">
        <f>AE226/SUM(AC$2:AG$366)*Input!$J$5</f>
        <v>21.132609432614281</v>
      </c>
      <c r="AK226" s="12">
        <f>AF226/SUM(AC$2:AG$366)*Input!$J$5</f>
        <v>7.4239003714858889</v>
      </c>
      <c r="AL226" s="12">
        <f>AG226/SUM(AC$2:AG$366)*Input!$J$5</f>
        <v>0</v>
      </c>
      <c r="AM226" s="12">
        <f t="shared" si="114"/>
        <v>0</v>
      </c>
      <c r="AN226" s="12">
        <f t="shared" si="115"/>
        <v>85.289812658764461</v>
      </c>
      <c r="AO226" s="12">
        <f t="shared" si="116"/>
        <v>5.1575729867876623</v>
      </c>
      <c r="AP226" s="12">
        <f t="shared" si="117"/>
        <v>2.5787864933938311</v>
      </c>
      <c r="AQ226" s="12">
        <f t="shared" si="118"/>
        <v>0</v>
      </c>
      <c r="AR226" s="11">
        <f t="shared" si="119"/>
        <v>93.026172138945952</v>
      </c>
    </row>
    <row r="227" spans="16:44" x14ac:dyDescent="0.25">
      <c r="P227" s="10">
        <f t="shared" si="120"/>
        <v>45152</v>
      </c>
      <c r="Q227" s="28">
        <v>26.2</v>
      </c>
      <c r="R227" s="28">
        <f t="shared" si="106"/>
        <v>1</v>
      </c>
      <c r="S227" s="12">
        <f t="shared" si="98"/>
        <v>1.0609861866589789</v>
      </c>
      <c r="T227" s="12">
        <f t="shared" si="99"/>
        <v>0.67790786498212752</v>
      </c>
      <c r="U227" s="12">
        <f t="shared" si="100"/>
        <v>0.40699471377216029</v>
      </c>
      <c r="V227" s="12">
        <f t="shared" si="101"/>
        <v>0.52104102880341097</v>
      </c>
      <c r="W227" s="12">
        <f t="shared" si="107"/>
        <v>0</v>
      </c>
      <c r="X227" s="12">
        <f t="shared" si="102"/>
        <v>-7.0953309908476907E-3</v>
      </c>
      <c r="Y227" s="12">
        <f t="shared" si="103"/>
        <v>-1.3263420615734021E-2</v>
      </c>
      <c r="Z227" s="12">
        <f t="shared" si="104"/>
        <v>-1.2756454396407539E-2</v>
      </c>
      <c r="AA227" s="12">
        <f t="shared" si="105"/>
        <v>-2.1476600051355411E-2</v>
      </c>
      <c r="AB227" s="12">
        <f t="shared" si="108"/>
        <v>0</v>
      </c>
      <c r="AC227" s="12">
        <f t="shared" si="109"/>
        <v>0.32815819301203852</v>
      </c>
      <c r="AD227" s="12">
        <f t="shared" si="110"/>
        <v>0.12390234181871107</v>
      </c>
      <c r="AE227" s="12">
        <f t="shared" si="111"/>
        <v>0</v>
      </c>
      <c r="AF227" s="12">
        <f t="shared" si="112"/>
        <v>0</v>
      </c>
      <c r="AG227" s="12">
        <f t="shared" si="113"/>
        <v>0</v>
      </c>
      <c r="AH227" s="12">
        <f>AC227/SUM(AC$2:AG$366)*Input!$J$5</f>
        <v>336.03769455510331</v>
      </c>
      <c r="AI227" s="12">
        <f>AD227/SUM(AC$2:AG$366)*Input!$J$5</f>
        <v>126.87739688160283</v>
      </c>
      <c r="AJ227" s="12">
        <f>AE227/SUM(AC$2:AG$366)*Input!$J$5</f>
        <v>0</v>
      </c>
      <c r="AK227" s="12">
        <f>AF227/SUM(AC$2:AG$366)*Input!$J$5</f>
        <v>0</v>
      </c>
      <c r="AL227" s="12">
        <f>AG227/SUM(AC$2:AG$366)*Input!$J$5</f>
        <v>0</v>
      </c>
      <c r="AM227" s="12">
        <f t="shared" si="114"/>
        <v>0</v>
      </c>
      <c r="AN227" s="12">
        <f t="shared" si="115"/>
        <v>409.14906030788961</v>
      </c>
      <c r="AO227" s="12">
        <f t="shared" si="116"/>
        <v>35.844020752544353</v>
      </c>
      <c r="AP227" s="12">
        <f t="shared" si="117"/>
        <v>17.922010376272176</v>
      </c>
      <c r="AQ227" s="12">
        <f t="shared" si="118"/>
        <v>0</v>
      </c>
      <c r="AR227" s="11">
        <f t="shared" si="119"/>
        <v>462.91509143670612</v>
      </c>
    </row>
    <row r="228" spans="16:44" x14ac:dyDescent="0.25">
      <c r="P228" s="10">
        <f t="shared" si="120"/>
        <v>45153</v>
      </c>
      <c r="Q228" s="28">
        <v>26.9</v>
      </c>
      <c r="R228" s="28">
        <f t="shared" si="106"/>
        <v>2</v>
      </c>
      <c r="S228" s="12">
        <f t="shared" si="98"/>
        <v>1.0609861866589789</v>
      </c>
      <c r="T228" s="12">
        <f t="shared" si="99"/>
        <v>0.67790786498212752</v>
      </c>
      <c r="U228" s="12">
        <f t="shared" si="100"/>
        <v>0.40699471377216029</v>
      </c>
      <c r="V228" s="12">
        <f t="shared" si="101"/>
        <v>0.52104102880341097</v>
      </c>
      <c r="W228" s="12">
        <f t="shared" si="107"/>
        <v>0</v>
      </c>
      <c r="X228" s="12">
        <f t="shared" si="102"/>
        <v>-7.0953309908476907E-3</v>
      </c>
      <c r="Y228" s="12">
        <f t="shared" si="103"/>
        <v>-1.3263420615734021E-2</v>
      </c>
      <c r="Z228" s="12">
        <f t="shared" si="104"/>
        <v>-1.2756454396407539E-2</v>
      </c>
      <c r="AA228" s="12">
        <f t="shared" si="105"/>
        <v>-2.1476600051355411E-2</v>
      </c>
      <c r="AB228" s="12">
        <f t="shared" si="108"/>
        <v>0</v>
      </c>
      <c r="AC228" s="12">
        <f t="shared" si="109"/>
        <v>0.32629566862694104</v>
      </c>
      <c r="AD228" s="12">
        <f t="shared" si="110"/>
        <v>0.12042069390708088</v>
      </c>
      <c r="AE228" s="12">
        <f t="shared" si="111"/>
        <v>0</v>
      </c>
      <c r="AF228" s="12">
        <f t="shared" si="112"/>
        <v>0</v>
      </c>
      <c r="AG228" s="12">
        <f t="shared" si="113"/>
        <v>0</v>
      </c>
      <c r="AH228" s="12">
        <f>AC228/SUM(AC$2:AG$366)*Input!$J$5</f>
        <v>334.13044855683609</v>
      </c>
      <c r="AI228" s="12">
        <f>AD228/SUM(AC$2:AG$366)*Input!$J$5</f>
        <v>123.3121501122379</v>
      </c>
      <c r="AJ228" s="12">
        <f>AE228/SUM(AC$2:AG$366)*Input!$J$5</f>
        <v>0</v>
      </c>
      <c r="AK228" s="12">
        <f>AF228/SUM(AC$2:AG$366)*Input!$J$5</f>
        <v>0</v>
      </c>
      <c r="AL228" s="12">
        <f>AG228/SUM(AC$2:AG$366)*Input!$J$5</f>
        <v>0</v>
      </c>
      <c r="AM228" s="12">
        <f t="shared" si="114"/>
        <v>0</v>
      </c>
      <c r="AN228" s="12">
        <f t="shared" si="115"/>
        <v>403.98172689998023</v>
      </c>
      <c r="AO228" s="12">
        <f t="shared" si="116"/>
        <v>35.640581179395852</v>
      </c>
      <c r="AP228" s="12">
        <f t="shared" si="117"/>
        <v>17.820290589697926</v>
      </c>
      <c r="AQ228" s="12">
        <f t="shared" si="118"/>
        <v>0</v>
      </c>
      <c r="AR228" s="11">
        <f t="shared" si="119"/>
        <v>457.44259866907402</v>
      </c>
    </row>
    <row r="229" spans="16:44" x14ac:dyDescent="0.25">
      <c r="P229" s="10">
        <f t="shared" si="120"/>
        <v>45154</v>
      </c>
      <c r="Q229" s="28">
        <v>27</v>
      </c>
      <c r="R229" s="28">
        <f t="shared" si="106"/>
        <v>3</v>
      </c>
      <c r="S229" s="12">
        <f t="shared" si="98"/>
        <v>1.0609861866589789</v>
      </c>
      <c r="T229" s="12">
        <f t="shared" si="99"/>
        <v>0.67790786498212752</v>
      </c>
      <c r="U229" s="12">
        <f t="shared" si="100"/>
        <v>0.40699471377216029</v>
      </c>
      <c r="V229" s="12">
        <f t="shared" si="101"/>
        <v>0.52104102880341097</v>
      </c>
      <c r="W229" s="12">
        <f t="shared" si="107"/>
        <v>0</v>
      </c>
      <c r="X229" s="12">
        <f t="shared" si="102"/>
        <v>-7.0953309908476907E-3</v>
      </c>
      <c r="Y229" s="12">
        <f t="shared" si="103"/>
        <v>-1.3263420615734021E-2</v>
      </c>
      <c r="Z229" s="12">
        <f t="shared" si="104"/>
        <v>-1.2756454396407539E-2</v>
      </c>
      <c r="AA229" s="12">
        <f t="shared" si="105"/>
        <v>-2.1476600051355411E-2</v>
      </c>
      <c r="AB229" s="12">
        <f t="shared" si="108"/>
        <v>0</v>
      </c>
      <c r="AC229" s="12">
        <f t="shared" si="109"/>
        <v>0.32602959371478424</v>
      </c>
      <c r="AD229" s="12">
        <f t="shared" si="110"/>
        <v>0.11992331563399086</v>
      </c>
      <c r="AE229" s="12">
        <f t="shared" si="111"/>
        <v>0</v>
      </c>
      <c r="AF229" s="12">
        <f t="shared" si="112"/>
        <v>0</v>
      </c>
      <c r="AG229" s="12">
        <f t="shared" si="113"/>
        <v>0</v>
      </c>
      <c r="AH229" s="12">
        <f>AC229/SUM(AC$2:AG$366)*Input!$J$5</f>
        <v>333.85798484279786</v>
      </c>
      <c r="AI229" s="12">
        <f>AD229/SUM(AC$2:AG$366)*Input!$J$5</f>
        <v>122.80282914518578</v>
      </c>
      <c r="AJ229" s="12">
        <f>AE229/SUM(AC$2:AG$366)*Input!$J$5</f>
        <v>0</v>
      </c>
      <c r="AK229" s="12">
        <f>AF229/SUM(AC$2:AG$366)*Input!$J$5</f>
        <v>0</v>
      </c>
      <c r="AL229" s="12">
        <f>AG229/SUM(AC$2:AG$366)*Input!$J$5</f>
        <v>0</v>
      </c>
      <c r="AM229" s="12">
        <f t="shared" si="114"/>
        <v>0</v>
      </c>
      <c r="AN229" s="12">
        <f t="shared" si="115"/>
        <v>403.24353641313598</v>
      </c>
      <c r="AO229" s="12">
        <f t="shared" si="116"/>
        <v>35.611518383231775</v>
      </c>
      <c r="AP229" s="12">
        <f t="shared" si="117"/>
        <v>17.805759191615888</v>
      </c>
      <c r="AQ229" s="12">
        <f t="shared" si="118"/>
        <v>0</v>
      </c>
      <c r="AR229" s="11">
        <f t="shared" si="119"/>
        <v>456.66081398798366</v>
      </c>
    </row>
    <row r="230" spans="16:44" x14ac:dyDescent="0.25">
      <c r="P230" s="10">
        <f t="shared" si="120"/>
        <v>45155</v>
      </c>
      <c r="Q230" s="28">
        <v>24</v>
      </c>
      <c r="R230" s="28">
        <f t="shared" si="106"/>
        <v>4</v>
      </c>
      <c r="S230" s="12">
        <f t="shared" si="98"/>
        <v>1.0609861866589789</v>
      </c>
      <c r="T230" s="12">
        <f t="shared" si="99"/>
        <v>0.67790786498212752</v>
      </c>
      <c r="U230" s="12">
        <f t="shared" si="100"/>
        <v>0.40699471377216029</v>
      </c>
      <c r="V230" s="12">
        <f t="shared" si="101"/>
        <v>0.52104102880341097</v>
      </c>
      <c r="W230" s="12">
        <f t="shared" si="107"/>
        <v>0</v>
      </c>
      <c r="X230" s="12">
        <f t="shared" si="102"/>
        <v>-7.0953309908476907E-3</v>
      </c>
      <c r="Y230" s="12">
        <f t="shared" si="103"/>
        <v>-1.3263420615734021E-2</v>
      </c>
      <c r="Z230" s="12">
        <f t="shared" si="104"/>
        <v>-1.2756454396407539E-2</v>
      </c>
      <c r="AA230" s="12">
        <f t="shared" si="105"/>
        <v>-2.1476600051355411E-2</v>
      </c>
      <c r="AB230" s="12">
        <f t="shared" si="108"/>
        <v>0</v>
      </c>
      <c r="AC230" s="12">
        <f t="shared" si="109"/>
        <v>0.33401184107948789</v>
      </c>
      <c r="AD230" s="12">
        <f t="shared" si="110"/>
        <v>0.13484466382669164</v>
      </c>
      <c r="AE230" s="12">
        <f t="shared" si="111"/>
        <v>0</v>
      </c>
      <c r="AF230" s="12">
        <f t="shared" si="112"/>
        <v>1.400656892720259E-3</v>
      </c>
      <c r="AG230" s="12">
        <f t="shared" si="113"/>
        <v>0</v>
      </c>
      <c r="AH230" s="12">
        <f>AC230/SUM(AC$2:AG$366)*Input!$J$5</f>
        <v>342.03189626394334</v>
      </c>
      <c r="AI230" s="12">
        <f>AD230/SUM(AC$2:AG$366)*Input!$J$5</f>
        <v>138.08245815674968</v>
      </c>
      <c r="AJ230" s="12">
        <f>AE230/SUM(AC$2:AG$366)*Input!$J$5</f>
        <v>0</v>
      </c>
      <c r="AK230" s="12">
        <f>AF230/SUM(AC$2:AG$366)*Input!$J$5</f>
        <v>1.4342884715822524</v>
      </c>
      <c r="AL230" s="12">
        <f>AG230/SUM(AC$2:AG$366)*Input!$J$5</f>
        <v>0</v>
      </c>
      <c r="AM230" s="12">
        <f t="shared" si="114"/>
        <v>0.68845846635948083</v>
      </c>
      <c r="AN230" s="12">
        <f t="shared" si="115"/>
        <v>426.13508102368485</v>
      </c>
      <c r="AO230" s="12">
        <f t="shared" si="116"/>
        <v>36.483402268153959</v>
      </c>
      <c r="AP230" s="12">
        <f t="shared" si="117"/>
        <v>18.24170113407698</v>
      </c>
      <c r="AQ230" s="12">
        <f t="shared" si="118"/>
        <v>0</v>
      </c>
      <c r="AR230" s="11">
        <f t="shared" si="119"/>
        <v>481.54864289227527</v>
      </c>
    </row>
    <row r="231" spans="16:44" x14ac:dyDescent="0.25">
      <c r="P231" s="10">
        <f t="shared" si="120"/>
        <v>45156</v>
      </c>
      <c r="Q231" s="28">
        <v>25.4</v>
      </c>
      <c r="R231" s="28">
        <f t="shared" si="106"/>
        <v>5</v>
      </c>
      <c r="S231" s="12">
        <f t="shared" si="98"/>
        <v>1.0609861866589789</v>
      </c>
      <c r="T231" s="12">
        <f t="shared" si="99"/>
        <v>0.67790786498212752</v>
      </c>
      <c r="U231" s="12">
        <f t="shared" si="100"/>
        <v>0.40699471377216029</v>
      </c>
      <c r="V231" s="12">
        <f t="shared" si="101"/>
        <v>0.52104102880341097</v>
      </c>
      <c r="W231" s="12">
        <f t="shared" si="107"/>
        <v>0</v>
      </c>
      <c r="X231" s="12">
        <f t="shared" si="102"/>
        <v>-7.0953309908476907E-3</v>
      </c>
      <c r="Y231" s="12">
        <f t="shared" si="103"/>
        <v>-1.3263420615734021E-2</v>
      </c>
      <c r="Z231" s="12">
        <f t="shared" si="104"/>
        <v>-1.2756454396407539E-2</v>
      </c>
      <c r="AA231" s="12">
        <f t="shared" si="105"/>
        <v>-2.1476600051355411E-2</v>
      </c>
      <c r="AB231" s="12">
        <f t="shared" si="108"/>
        <v>0</v>
      </c>
      <c r="AC231" s="12">
        <f t="shared" si="109"/>
        <v>0.33028679230929286</v>
      </c>
      <c r="AD231" s="12">
        <f t="shared" si="110"/>
        <v>0.12788136800343128</v>
      </c>
      <c r="AE231" s="12">
        <f t="shared" si="111"/>
        <v>0</v>
      </c>
      <c r="AF231" s="12">
        <f t="shared" si="112"/>
        <v>0</v>
      </c>
      <c r="AG231" s="12">
        <f t="shared" si="113"/>
        <v>0</v>
      </c>
      <c r="AH231" s="12">
        <f>AC231/SUM(AC$2:AG$366)*Input!$J$5</f>
        <v>338.21740426740882</v>
      </c>
      <c r="AI231" s="12">
        <f>AD231/SUM(AC$2:AG$366)*Input!$J$5</f>
        <v>130.95196461801984</v>
      </c>
      <c r="AJ231" s="12">
        <f>AE231/SUM(AC$2:AG$366)*Input!$J$5</f>
        <v>0</v>
      </c>
      <c r="AK231" s="12">
        <f>AF231/SUM(AC$2:AG$366)*Input!$J$5</f>
        <v>0</v>
      </c>
      <c r="AL231" s="12">
        <f>AG231/SUM(AC$2:AG$366)*Input!$J$5</f>
        <v>0</v>
      </c>
      <c r="AM231" s="12">
        <f t="shared" si="114"/>
        <v>0</v>
      </c>
      <c r="AN231" s="12">
        <f t="shared" si="115"/>
        <v>415.05458420264324</v>
      </c>
      <c r="AO231" s="12">
        <f t="shared" si="116"/>
        <v>36.076523121856944</v>
      </c>
      <c r="AP231" s="12">
        <f t="shared" si="117"/>
        <v>18.038261560928472</v>
      </c>
      <c r="AQ231" s="12">
        <f t="shared" si="118"/>
        <v>0</v>
      </c>
      <c r="AR231" s="11">
        <f t="shared" si="119"/>
        <v>469.16936888542864</v>
      </c>
    </row>
    <row r="232" spans="16:44" x14ac:dyDescent="0.25">
      <c r="P232" s="10">
        <f t="shared" si="120"/>
        <v>45157</v>
      </c>
      <c r="Q232" s="28">
        <v>26.4</v>
      </c>
      <c r="R232" s="28">
        <f t="shared" si="106"/>
        <v>6</v>
      </c>
      <c r="S232" s="12">
        <f t="shared" si="98"/>
        <v>0.66609297291086311</v>
      </c>
      <c r="T232" s="12">
        <f t="shared" si="99"/>
        <v>0.19607255136472959</v>
      </c>
      <c r="U232" s="12">
        <f t="shared" si="100"/>
        <v>0.65274423464211173</v>
      </c>
      <c r="V232" s="12">
        <f t="shared" si="101"/>
        <v>0.29524473618599389</v>
      </c>
      <c r="W232" s="12">
        <f t="shared" si="107"/>
        <v>0.44487676601187343</v>
      </c>
      <c r="X232" s="12">
        <f t="shared" si="102"/>
        <v>-3.4097042997074749E-4</v>
      </c>
      <c r="Y232" s="12">
        <f t="shared" si="103"/>
        <v>-6.2279477920712143E-4</v>
      </c>
      <c r="Z232" s="12">
        <f t="shared" si="104"/>
        <v>-1.60343007315953E-2</v>
      </c>
      <c r="AA232" s="12">
        <f t="shared" si="105"/>
        <v>-9.762199133681506E-3</v>
      </c>
      <c r="AB232" s="12">
        <f t="shared" si="108"/>
        <v>-1.748296682554611E-2</v>
      </c>
      <c r="AC232" s="12">
        <f t="shared" si="109"/>
        <v>0</v>
      </c>
      <c r="AD232" s="12">
        <f t="shared" si="110"/>
        <v>6.287076921778155E-2</v>
      </c>
      <c r="AE232" s="12">
        <f t="shared" si="111"/>
        <v>2.0075885841199632E-2</v>
      </c>
      <c r="AF232" s="12">
        <f t="shared" si="112"/>
        <v>6.5664688349403805E-3</v>
      </c>
      <c r="AG232" s="12">
        <f t="shared" si="113"/>
        <v>0</v>
      </c>
      <c r="AH232" s="12">
        <f>AC232/SUM(AC$2:AG$366)*Input!$J$5</f>
        <v>0</v>
      </c>
      <c r="AI232" s="12">
        <f>AD232/SUM(AC$2:AG$366)*Input!$J$5</f>
        <v>64.380377490907946</v>
      </c>
      <c r="AJ232" s="12">
        <f>AE232/SUM(AC$2:AG$366)*Input!$J$5</f>
        <v>20.557933758431801</v>
      </c>
      <c r="AK232" s="12">
        <f>AF232/SUM(AC$2:AG$366)*Input!$J$5</f>
        <v>6.7241382225076789</v>
      </c>
      <c r="AL232" s="12">
        <f>AG232/SUM(AC$2:AG$366)*Input!$J$5</f>
        <v>0</v>
      </c>
      <c r="AM232" s="12">
        <f t="shared" si="114"/>
        <v>0</v>
      </c>
      <c r="AN232" s="12">
        <f t="shared" si="115"/>
        <v>83.936804172938466</v>
      </c>
      <c r="AO232" s="12">
        <f t="shared" si="116"/>
        <v>5.1504301992726358</v>
      </c>
      <c r="AP232" s="12">
        <f t="shared" si="117"/>
        <v>2.5752150996363179</v>
      </c>
      <c r="AQ232" s="12">
        <f t="shared" si="118"/>
        <v>0</v>
      </c>
      <c r="AR232" s="11">
        <f t="shared" si="119"/>
        <v>91.662449471847424</v>
      </c>
    </row>
    <row r="233" spans="16:44" x14ac:dyDescent="0.25">
      <c r="P233" s="10">
        <f t="shared" si="120"/>
        <v>45158</v>
      </c>
      <c r="Q233" s="28">
        <v>28.2</v>
      </c>
      <c r="R233" s="28">
        <f t="shared" si="106"/>
        <v>7</v>
      </c>
      <c r="S233" s="12">
        <f t="shared" si="98"/>
        <v>0.66609297291086311</v>
      </c>
      <c r="T233" s="12">
        <f t="shared" si="99"/>
        <v>0.19607255136472959</v>
      </c>
      <c r="U233" s="12">
        <f t="shared" si="100"/>
        <v>0.65274423464211173</v>
      </c>
      <c r="V233" s="12">
        <f t="shared" si="101"/>
        <v>0.29524473618599389</v>
      </c>
      <c r="W233" s="12">
        <f t="shared" si="107"/>
        <v>0.44487676601187343</v>
      </c>
      <c r="X233" s="12">
        <f t="shared" si="102"/>
        <v>-3.4097042997074749E-4</v>
      </c>
      <c r="Y233" s="12">
        <f t="shared" si="103"/>
        <v>-6.2279477920712143E-4</v>
      </c>
      <c r="Z233" s="12">
        <f t="shared" si="104"/>
        <v>-1.60343007315953E-2</v>
      </c>
      <c r="AA233" s="12">
        <f t="shared" si="105"/>
        <v>-9.762199133681506E-3</v>
      </c>
      <c r="AB233" s="12">
        <f t="shared" si="108"/>
        <v>-1.748296682554611E-2</v>
      </c>
      <c r="AC233" s="12">
        <f t="shared" si="109"/>
        <v>0</v>
      </c>
      <c r="AD233" s="12">
        <f t="shared" si="110"/>
        <v>6.2478408506881064E-2</v>
      </c>
      <c r="AE233" s="12">
        <f t="shared" si="111"/>
        <v>1.7550483475973374E-2</v>
      </c>
      <c r="AF233" s="12">
        <f t="shared" si="112"/>
        <v>3.4913761078306984E-3</v>
      </c>
      <c r="AG233" s="12">
        <f t="shared" si="113"/>
        <v>0</v>
      </c>
      <c r="AH233" s="12">
        <f>AC233/SUM(AC$2:AG$366)*Input!$J$5</f>
        <v>0</v>
      </c>
      <c r="AI233" s="12">
        <f>AD233/SUM(AC$2:AG$366)*Input!$J$5</f>
        <v>63.978595693187714</v>
      </c>
      <c r="AJ233" s="12">
        <f>AE233/SUM(AC$2:AG$366)*Input!$J$5</f>
        <v>17.97189322461065</v>
      </c>
      <c r="AK233" s="12">
        <f>AF233/SUM(AC$2:AG$366)*Input!$J$5</f>
        <v>3.575208552105714</v>
      </c>
      <c r="AL233" s="12">
        <f>AG233/SUM(AC$2:AG$366)*Input!$J$5</f>
        <v>0</v>
      </c>
      <c r="AM233" s="12">
        <f t="shared" si="114"/>
        <v>0</v>
      </c>
      <c r="AN233" s="12">
        <f t="shared" si="115"/>
        <v>77.848265986721543</v>
      </c>
      <c r="AO233" s="12">
        <f t="shared" si="116"/>
        <v>5.118287655455017</v>
      </c>
      <c r="AP233" s="12">
        <f t="shared" si="117"/>
        <v>2.5591438277275085</v>
      </c>
      <c r="AQ233" s="12">
        <f t="shared" si="118"/>
        <v>0</v>
      </c>
      <c r="AR233" s="11">
        <f t="shared" si="119"/>
        <v>85.525697469904074</v>
      </c>
    </row>
    <row r="234" spans="16:44" x14ac:dyDescent="0.25">
      <c r="P234" s="10">
        <f t="shared" si="120"/>
        <v>45159</v>
      </c>
      <c r="Q234" s="28">
        <v>29.3</v>
      </c>
      <c r="R234" s="28">
        <f t="shared" si="106"/>
        <v>1</v>
      </c>
      <c r="S234" s="12">
        <f t="shared" si="98"/>
        <v>1.0609861866589789</v>
      </c>
      <c r="T234" s="12">
        <f t="shared" si="99"/>
        <v>0.67790786498212752</v>
      </c>
      <c r="U234" s="12">
        <f t="shared" si="100"/>
        <v>0.40699471377216029</v>
      </c>
      <c r="V234" s="12">
        <f t="shared" si="101"/>
        <v>0.52104102880341097</v>
      </c>
      <c r="W234" s="12">
        <f t="shared" si="107"/>
        <v>0</v>
      </c>
      <c r="X234" s="12">
        <f t="shared" si="102"/>
        <v>-7.0953309908476907E-3</v>
      </c>
      <c r="Y234" s="12">
        <f t="shared" si="103"/>
        <v>-1.3263420615734021E-2</v>
      </c>
      <c r="Z234" s="12">
        <f t="shared" si="104"/>
        <v>-1.2756454396407539E-2</v>
      </c>
      <c r="AA234" s="12">
        <f t="shared" si="105"/>
        <v>-2.1476600051355411E-2</v>
      </c>
      <c r="AB234" s="12">
        <f t="shared" si="108"/>
        <v>0</v>
      </c>
      <c r="AC234" s="12">
        <f t="shared" si="109"/>
        <v>0.31990987073517807</v>
      </c>
      <c r="AD234" s="12">
        <f t="shared" si="110"/>
        <v>0.10848361535292025</v>
      </c>
      <c r="AE234" s="12">
        <f t="shared" si="111"/>
        <v>0</v>
      </c>
      <c r="AF234" s="12">
        <f t="shared" si="112"/>
        <v>0</v>
      </c>
      <c r="AG234" s="12">
        <f t="shared" si="113"/>
        <v>0</v>
      </c>
      <c r="AH234" s="12">
        <f>AC234/SUM(AC$2:AG$366)*Input!$J$5</f>
        <v>327.59131941991967</v>
      </c>
      <c r="AI234" s="12">
        <f>AD234/SUM(AC$2:AG$366)*Input!$J$5</f>
        <v>111.08844690298679</v>
      </c>
      <c r="AJ234" s="12">
        <f>AE234/SUM(AC$2:AG$366)*Input!$J$5</f>
        <v>0</v>
      </c>
      <c r="AK234" s="12">
        <f>AF234/SUM(AC$2:AG$366)*Input!$J$5</f>
        <v>0</v>
      </c>
      <c r="AL234" s="12">
        <f>AG234/SUM(AC$2:AG$366)*Input!$J$5</f>
        <v>0</v>
      </c>
      <c r="AM234" s="12">
        <f t="shared" si="114"/>
        <v>0</v>
      </c>
      <c r="AN234" s="12">
        <f t="shared" si="115"/>
        <v>386.26515521571929</v>
      </c>
      <c r="AO234" s="12">
        <f t="shared" si="116"/>
        <v>34.943074071458099</v>
      </c>
      <c r="AP234" s="12">
        <f t="shared" si="117"/>
        <v>17.47153703572905</v>
      </c>
      <c r="AQ234" s="12">
        <f t="shared" si="118"/>
        <v>0</v>
      </c>
      <c r="AR234" s="11">
        <f t="shared" si="119"/>
        <v>438.67976632290646</v>
      </c>
    </row>
    <row r="235" spans="16:44" x14ac:dyDescent="0.25">
      <c r="P235" s="69">
        <f t="shared" si="120"/>
        <v>45160</v>
      </c>
      <c r="Q235" s="28">
        <v>30.2</v>
      </c>
      <c r="R235" s="28">
        <f t="shared" si="106"/>
        <v>2</v>
      </c>
      <c r="S235" s="12">
        <f t="shared" si="98"/>
        <v>1.0609861866589789</v>
      </c>
      <c r="T235" s="12">
        <f t="shared" si="99"/>
        <v>0.67790786498212752</v>
      </c>
      <c r="U235" s="12">
        <f t="shared" si="100"/>
        <v>0.40699471377216029</v>
      </c>
      <c r="V235" s="12">
        <f t="shared" si="101"/>
        <v>0.52104102880341097</v>
      </c>
      <c r="W235" s="12">
        <f t="shared" si="107"/>
        <v>0</v>
      </c>
      <c r="X235" s="12">
        <f t="shared" si="102"/>
        <v>-7.0953309908476907E-3</v>
      </c>
      <c r="Y235" s="12">
        <f t="shared" si="103"/>
        <v>-1.3263420615734021E-2</v>
      </c>
      <c r="Z235" s="12">
        <f t="shared" si="104"/>
        <v>-1.2756454396407539E-2</v>
      </c>
      <c r="AA235" s="12">
        <f t="shared" si="105"/>
        <v>-2.1476600051355411E-2</v>
      </c>
      <c r="AB235" s="12">
        <f t="shared" si="108"/>
        <v>0</v>
      </c>
      <c r="AC235" s="12">
        <f>MAX(S235+X235*$Q235,0)*IF($R235&lt;6,$B$10,$B$3)</f>
        <v>0.31751519652576699</v>
      </c>
      <c r="AD235" s="12">
        <f t="shared" si="110"/>
        <v>0.10400721089511003</v>
      </c>
      <c r="AE235" s="12">
        <f t="shared" si="111"/>
        <v>0</v>
      </c>
      <c r="AF235" s="12">
        <f t="shared" si="112"/>
        <v>0</v>
      </c>
      <c r="AG235" s="12">
        <f t="shared" si="113"/>
        <v>0</v>
      </c>
      <c r="AH235" s="12">
        <f>AC235/SUM(AC$2:AG$366)*Input!$J$5</f>
        <v>325.13914599357599</v>
      </c>
      <c r="AI235" s="12">
        <f>AD235/SUM(AC$2:AG$366)*Input!$J$5</f>
        <v>106.50455819951763</v>
      </c>
      <c r="AJ235" s="12">
        <f>AE235/SUM(AC$2:AG$366)*Input!$J$5</f>
        <v>0</v>
      </c>
      <c r="AK235" s="12">
        <f>AF235/SUM(AC$2:AG$366)*Input!$J$5</f>
        <v>0</v>
      </c>
      <c r="AL235" s="12">
        <f>AG235/SUM(AC$2:AG$366)*Input!$J$5</f>
        <v>0</v>
      </c>
      <c r="AM235" s="12">
        <f t="shared" si="114"/>
        <v>0</v>
      </c>
      <c r="AN235" s="12">
        <f t="shared" si="115"/>
        <v>379.62144083412147</v>
      </c>
      <c r="AO235" s="12">
        <f t="shared" si="116"/>
        <v>34.681508905981438</v>
      </c>
      <c r="AP235" s="12">
        <f t="shared" si="117"/>
        <v>17.340754452990719</v>
      </c>
      <c r="AQ235" s="12">
        <f t="shared" si="118"/>
        <v>0</v>
      </c>
      <c r="AR235" s="11">
        <f t="shared" si="119"/>
        <v>431.64370419309364</v>
      </c>
    </row>
    <row r="236" spans="16:44" x14ac:dyDescent="0.25">
      <c r="P236" s="10">
        <f t="shared" si="120"/>
        <v>45161</v>
      </c>
      <c r="Q236" s="28">
        <v>28.8</v>
      </c>
      <c r="R236" s="28">
        <f t="shared" si="106"/>
        <v>3</v>
      </c>
      <c r="S236" s="12">
        <f t="shared" si="98"/>
        <v>1.0609861866589789</v>
      </c>
      <c r="T236" s="12">
        <f t="shared" si="99"/>
        <v>0.67790786498212752</v>
      </c>
      <c r="U236" s="12">
        <f t="shared" si="100"/>
        <v>0.40699471377216029</v>
      </c>
      <c r="V236" s="12">
        <f t="shared" si="101"/>
        <v>0.52104102880341097</v>
      </c>
      <c r="W236" s="12">
        <f t="shared" si="107"/>
        <v>0</v>
      </c>
      <c r="X236" s="12">
        <f t="shared" si="102"/>
        <v>-7.0953309908476907E-3</v>
      </c>
      <c r="Y236" s="12">
        <f t="shared" si="103"/>
        <v>-1.3263420615734021E-2</v>
      </c>
      <c r="Z236" s="12">
        <f t="shared" si="104"/>
        <v>-1.2756454396407539E-2</v>
      </c>
      <c r="AA236" s="12">
        <f t="shared" si="105"/>
        <v>-2.1476600051355411E-2</v>
      </c>
      <c r="AB236" s="12">
        <f t="shared" si="108"/>
        <v>0</v>
      </c>
      <c r="AC236" s="12">
        <f t="shared" si="109"/>
        <v>0.32124024529596201</v>
      </c>
      <c r="AD236" s="12">
        <f t="shared" si="110"/>
        <v>0.11097050671837039</v>
      </c>
      <c r="AE236" s="12">
        <f t="shared" si="111"/>
        <v>0</v>
      </c>
      <c r="AF236" s="12">
        <f t="shared" si="112"/>
        <v>0</v>
      </c>
      <c r="AG236" s="12">
        <f t="shared" si="113"/>
        <v>0</v>
      </c>
      <c r="AH236" s="12">
        <f>AC236/SUM(AC$2:AG$366)*Input!$J$5</f>
        <v>328.95363799011056</v>
      </c>
      <c r="AI236" s="12">
        <f>AD236/SUM(AC$2:AG$366)*Input!$J$5</f>
        <v>113.63505173824744</v>
      </c>
      <c r="AJ236" s="12">
        <f>AE236/SUM(AC$2:AG$366)*Input!$J$5</f>
        <v>0</v>
      </c>
      <c r="AK236" s="12">
        <f>AF236/SUM(AC$2:AG$366)*Input!$J$5</f>
        <v>0</v>
      </c>
      <c r="AL236" s="12">
        <f>AG236/SUM(AC$2:AG$366)*Input!$J$5</f>
        <v>0</v>
      </c>
      <c r="AM236" s="12">
        <f t="shared" si="114"/>
        <v>0</v>
      </c>
      <c r="AN236" s="12">
        <f t="shared" si="115"/>
        <v>389.95610764994029</v>
      </c>
      <c r="AO236" s="12">
        <f t="shared" si="116"/>
        <v>35.088388052278461</v>
      </c>
      <c r="AP236" s="12">
        <f t="shared" si="117"/>
        <v>17.54419402613923</v>
      </c>
      <c r="AQ236" s="12">
        <f t="shared" si="118"/>
        <v>0</v>
      </c>
      <c r="AR236" s="11">
        <f t="shared" si="119"/>
        <v>442.58868972835796</v>
      </c>
    </row>
    <row r="237" spans="16:44" x14ac:dyDescent="0.25">
      <c r="P237" s="10">
        <f t="shared" si="120"/>
        <v>45162</v>
      </c>
      <c r="Q237" s="28">
        <v>28</v>
      </c>
      <c r="R237" s="28">
        <f t="shared" si="106"/>
        <v>4</v>
      </c>
      <c r="S237" s="12">
        <f t="shared" si="98"/>
        <v>1.0609861866589789</v>
      </c>
      <c r="T237" s="12">
        <f t="shared" si="99"/>
        <v>0.67790786498212752</v>
      </c>
      <c r="U237" s="12">
        <f t="shared" si="100"/>
        <v>0.40699471377216029</v>
      </c>
      <c r="V237" s="12">
        <f t="shared" si="101"/>
        <v>0.52104102880341097</v>
      </c>
      <c r="W237" s="12">
        <f t="shared" si="107"/>
        <v>0</v>
      </c>
      <c r="X237" s="12">
        <f t="shared" si="102"/>
        <v>-7.0953309908476907E-3</v>
      </c>
      <c r="Y237" s="12">
        <f t="shared" si="103"/>
        <v>-1.3263420615734021E-2</v>
      </c>
      <c r="Z237" s="12">
        <f t="shared" si="104"/>
        <v>-1.2756454396407539E-2</v>
      </c>
      <c r="AA237" s="12">
        <f t="shared" si="105"/>
        <v>-2.1476600051355411E-2</v>
      </c>
      <c r="AB237" s="12">
        <f t="shared" si="108"/>
        <v>0</v>
      </c>
      <c r="AC237" s="12">
        <f t="shared" si="109"/>
        <v>0.32336884459321635</v>
      </c>
      <c r="AD237" s="12">
        <f t="shared" si="110"/>
        <v>0.1149495329030906</v>
      </c>
      <c r="AE237" s="12">
        <f t="shared" si="111"/>
        <v>0</v>
      </c>
      <c r="AF237" s="12">
        <f t="shared" si="112"/>
        <v>0</v>
      </c>
      <c r="AG237" s="12">
        <f t="shared" si="113"/>
        <v>0</v>
      </c>
      <c r="AH237" s="12">
        <f>AC237/SUM(AC$2:AG$366)*Input!$J$5</f>
        <v>331.13334770241602</v>
      </c>
      <c r="AI237" s="12">
        <f>AD237/SUM(AC$2:AG$366)*Input!$J$5</f>
        <v>117.70961947466448</v>
      </c>
      <c r="AJ237" s="12">
        <f>AE237/SUM(AC$2:AG$366)*Input!$J$5</f>
        <v>0</v>
      </c>
      <c r="AK237" s="12">
        <f>AF237/SUM(AC$2:AG$366)*Input!$J$5</f>
        <v>0</v>
      </c>
      <c r="AL237" s="12">
        <f>AG237/SUM(AC$2:AG$366)*Input!$J$5</f>
        <v>0</v>
      </c>
      <c r="AM237" s="12">
        <f t="shared" si="114"/>
        <v>0</v>
      </c>
      <c r="AN237" s="12">
        <f t="shared" si="115"/>
        <v>395.86163154469392</v>
      </c>
      <c r="AO237" s="12">
        <f t="shared" si="116"/>
        <v>35.320890421591045</v>
      </c>
      <c r="AP237" s="12">
        <f t="shared" si="117"/>
        <v>17.660445210795523</v>
      </c>
      <c r="AQ237" s="12">
        <f t="shared" si="118"/>
        <v>0</v>
      </c>
      <c r="AR237" s="11">
        <f t="shared" si="119"/>
        <v>448.84296717708048</v>
      </c>
    </row>
    <row r="238" spans="16:44" x14ac:dyDescent="0.25">
      <c r="P238" s="10">
        <f t="shared" si="120"/>
        <v>45163</v>
      </c>
      <c r="Q238" s="28">
        <v>29.7</v>
      </c>
      <c r="R238" s="28">
        <f t="shared" si="106"/>
        <v>5</v>
      </c>
      <c r="S238" s="12">
        <f t="shared" si="98"/>
        <v>1.0609861866589789</v>
      </c>
      <c r="T238" s="12">
        <f t="shared" si="99"/>
        <v>0.67790786498212752</v>
      </c>
      <c r="U238" s="12">
        <f t="shared" si="100"/>
        <v>0.40699471377216029</v>
      </c>
      <c r="V238" s="12">
        <f t="shared" si="101"/>
        <v>0.52104102880341097</v>
      </c>
      <c r="W238" s="12">
        <f t="shared" si="107"/>
        <v>0</v>
      </c>
      <c r="X238" s="12">
        <f t="shared" si="102"/>
        <v>-7.0953309908476907E-3</v>
      </c>
      <c r="Y238" s="12">
        <f t="shared" si="103"/>
        <v>-1.3263420615734021E-2</v>
      </c>
      <c r="Z238" s="12">
        <f t="shared" si="104"/>
        <v>-1.2756454396407539E-2</v>
      </c>
      <c r="AA238" s="12">
        <f t="shared" si="105"/>
        <v>-2.1476600051355411E-2</v>
      </c>
      <c r="AB238" s="12">
        <f t="shared" si="108"/>
        <v>0</v>
      </c>
      <c r="AC238" s="12">
        <f t="shared" si="109"/>
        <v>0.31884557108655098</v>
      </c>
      <c r="AD238" s="12">
        <f t="shared" si="110"/>
        <v>0.10649410226056016</v>
      </c>
      <c r="AE238" s="12">
        <f t="shared" si="111"/>
        <v>0</v>
      </c>
      <c r="AF238" s="12">
        <f t="shared" si="112"/>
        <v>0</v>
      </c>
      <c r="AG238" s="12">
        <f t="shared" si="113"/>
        <v>0</v>
      </c>
      <c r="AH238" s="12">
        <f>AC238/SUM(AC$2:AG$366)*Input!$J$5</f>
        <v>326.501464563767</v>
      </c>
      <c r="AI238" s="12">
        <f>AD238/SUM(AC$2:AG$366)*Input!$J$5</f>
        <v>109.0511630347783</v>
      </c>
      <c r="AJ238" s="12">
        <f>AE238/SUM(AC$2:AG$366)*Input!$J$5</f>
        <v>0</v>
      </c>
      <c r="AK238" s="12">
        <f>AF238/SUM(AC$2:AG$366)*Input!$J$5</f>
        <v>0</v>
      </c>
      <c r="AL238" s="12">
        <f>AG238/SUM(AC$2:AG$366)*Input!$J$5</f>
        <v>0</v>
      </c>
      <c r="AM238" s="12">
        <f t="shared" si="114"/>
        <v>0</v>
      </c>
      <c r="AN238" s="12">
        <f t="shared" si="115"/>
        <v>383.31239326834259</v>
      </c>
      <c r="AO238" s="12">
        <f t="shared" si="116"/>
        <v>34.826822886801814</v>
      </c>
      <c r="AP238" s="12">
        <f t="shared" si="117"/>
        <v>17.413411443400907</v>
      </c>
      <c r="AQ238" s="12">
        <f t="shared" si="118"/>
        <v>0</v>
      </c>
      <c r="AR238" s="11">
        <f t="shared" si="119"/>
        <v>435.55262759854531</v>
      </c>
    </row>
    <row r="239" spans="16:44" x14ac:dyDescent="0.25">
      <c r="P239" s="10">
        <f t="shared" si="120"/>
        <v>45164</v>
      </c>
      <c r="Q239" s="28">
        <v>28.2</v>
      </c>
      <c r="R239" s="28">
        <f t="shared" si="106"/>
        <v>6</v>
      </c>
      <c r="S239" s="12">
        <f t="shared" si="98"/>
        <v>0.66609297291086311</v>
      </c>
      <c r="T239" s="12">
        <f t="shared" si="99"/>
        <v>0.19607255136472959</v>
      </c>
      <c r="U239" s="12">
        <f t="shared" si="100"/>
        <v>0.65274423464211173</v>
      </c>
      <c r="V239" s="12">
        <f t="shared" si="101"/>
        <v>0.29524473618599389</v>
      </c>
      <c r="W239" s="12">
        <f t="shared" si="107"/>
        <v>0.44487676601187343</v>
      </c>
      <c r="X239" s="12">
        <f t="shared" si="102"/>
        <v>-3.4097042997074749E-4</v>
      </c>
      <c r="Y239" s="12">
        <f t="shared" si="103"/>
        <v>-6.2279477920712143E-4</v>
      </c>
      <c r="Z239" s="12">
        <f t="shared" si="104"/>
        <v>-1.60343007315953E-2</v>
      </c>
      <c r="AA239" s="12">
        <f t="shared" si="105"/>
        <v>-9.762199133681506E-3</v>
      </c>
      <c r="AB239" s="12">
        <f t="shared" si="108"/>
        <v>-1.748296682554611E-2</v>
      </c>
      <c r="AC239" s="12">
        <f t="shared" si="109"/>
        <v>0</v>
      </c>
      <c r="AD239" s="12">
        <f t="shared" si="110"/>
        <v>6.2478408506881064E-2</v>
      </c>
      <c r="AE239" s="12">
        <f t="shared" si="111"/>
        <v>1.7550483475973374E-2</v>
      </c>
      <c r="AF239" s="12">
        <f t="shared" si="112"/>
        <v>3.4913761078306984E-3</v>
      </c>
      <c r="AG239" s="12">
        <f t="shared" si="113"/>
        <v>0</v>
      </c>
      <c r="AH239" s="12">
        <f>AC239/SUM(AC$2:AG$366)*Input!$J$5</f>
        <v>0</v>
      </c>
      <c r="AI239" s="12">
        <f>AD239/SUM(AC$2:AG$366)*Input!$J$5</f>
        <v>63.978595693187714</v>
      </c>
      <c r="AJ239" s="12">
        <f>AE239/SUM(AC$2:AG$366)*Input!$J$5</f>
        <v>17.97189322461065</v>
      </c>
      <c r="AK239" s="12">
        <f>AF239/SUM(AC$2:AG$366)*Input!$J$5</f>
        <v>3.575208552105714</v>
      </c>
      <c r="AL239" s="12">
        <f>AG239/SUM(AC$2:AG$366)*Input!$J$5</f>
        <v>0</v>
      </c>
      <c r="AM239" s="12">
        <f t="shared" si="114"/>
        <v>0</v>
      </c>
      <c r="AN239" s="12">
        <f t="shared" si="115"/>
        <v>77.848265986721543</v>
      </c>
      <c r="AO239" s="12">
        <f t="shared" si="116"/>
        <v>5.118287655455017</v>
      </c>
      <c r="AP239" s="12">
        <f t="shared" si="117"/>
        <v>2.5591438277275085</v>
      </c>
      <c r="AQ239" s="12">
        <f t="shared" si="118"/>
        <v>0</v>
      </c>
      <c r="AR239" s="11">
        <f t="shared" si="119"/>
        <v>85.525697469904074</v>
      </c>
    </row>
    <row r="240" spans="16:44" x14ac:dyDescent="0.25">
      <c r="P240" s="10">
        <f t="shared" si="120"/>
        <v>45165</v>
      </c>
      <c r="Q240" s="28">
        <v>24.6</v>
      </c>
      <c r="R240" s="28">
        <f t="shared" si="106"/>
        <v>7</v>
      </c>
      <c r="S240" s="12">
        <f t="shared" si="98"/>
        <v>0.66609297291086311</v>
      </c>
      <c r="T240" s="12">
        <f t="shared" si="99"/>
        <v>0.19607255136472959</v>
      </c>
      <c r="U240" s="12">
        <f t="shared" si="100"/>
        <v>0.65274423464211173</v>
      </c>
      <c r="V240" s="12">
        <f t="shared" si="101"/>
        <v>0.29524473618599389</v>
      </c>
      <c r="W240" s="12">
        <f t="shared" si="107"/>
        <v>0.44487676601187343</v>
      </c>
      <c r="X240" s="12">
        <f t="shared" si="102"/>
        <v>-3.4097042997074749E-4</v>
      </c>
      <c r="Y240" s="12">
        <f t="shared" si="103"/>
        <v>-6.2279477920712143E-4</v>
      </c>
      <c r="Z240" s="12">
        <f t="shared" si="104"/>
        <v>-1.60343007315953E-2</v>
      </c>
      <c r="AA240" s="12">
        <f t="shared" si="105"/>
        <v>-9.762199133681506E-3</v>
      </c>
      <c r="AB240" s="12">
        <f t="shared" si="108"/>
        <v>-1.748296682554611E-2</v>
      </c>
      <c r="AC240" s="12">
        <f t="shared" si="109"/>
        <v>0</v>
      </c>
      <c r="AD240" s="12">
        <f t="shared" si="110"/>
        <v>6.3263129928682035E-2</v>
      </c>
      <c r="AE240" s="12">
        <f t="shared" si="111"/>
        <v>2.2601288206425891E-2</v>
      </c>
      <c r="AF240" s="12">
        <f t="shared" si="112"/>
        <v>9.6415615620500435E-3</v>
      </c>
      <c r="AG240" s="12">
        <f t="shared" si="113"/>
        <v>1.2946309340509234E-3</v>
      </c>
      <c r="AH240" s="12">
        <f>AC240/SUM(AC$2:AG$366)*Input!$J$5</f>
        <v>0</v>
      </c>
      <c r="AI240" s="12">
        <f>AD240/SUM(AC$2:AG$366)*Input!$J$5</f>
        <v>64.782159288628179</v>
      </c>
      <c r="AJ240" s="12">
        <f>AE240/SUM(AC$2:AG$366)*Input!$J$5</f>
        <v>23.143974292252953</v>
      </c>
      <c r="AK240" s="12">
        <f>AF240/SUM(AC$2:AG$366)*Input!$J$5</f>
        <v>9.8730678929096261</v>
      </c>
      <c r="AL240" s="12">
        <f>AG240/SUM(AC$2:AG$366)*Input!$J$5</f>
        <v>1.325716692870236</v>
      </c>
      <c r="AM240" s="12">
        <f t="shared" si="114"/>
        <v>1.2726880251554271</v>
      </c>
      <c r="AN240" s="12">
        <f t="shared" si="115"/>
        <v>90.078371026870201</v>
      </c>
      <c r="AO240" s="12">
        <f t="shared" si="116"/>
        <v>5.1825727430902546</v>
      </c>
      <c r="AP240" s="12">
        <f t="shared" si="117"/>
        <v>2.5912863715451273</v>
      </c>
      <c r="AQ240" s="12">
        <f t="shared" si="118"/>
        <v>0</v>
      </c>
      <c r="AR240" s="11">
        <f t="shared" si="119"/>
        <v>99.124918166661018</v>
      </c>
    </row>
    <row r="241" spans="16:44" x14ac:dyDescent="0.25">
      <c r="P241" s="10">
        <f t="shared" si="120"/>
        <v>45166</v>
      </c>
      <c r="Q241" s="28">
        <v>22.4</v>
      </c>
      <c r="R241" s="28">
        <f t="shared" si="106"/>
        <v>1</v>
      </c>
      <c r="S241" s="12">
        <f t="shared" si="98"/>
        <v>1.0609861866589789</v>
      </c>
      <c r="T241" s="12">
        <f t="shared" si="99"/>
        <v>0.67790786498212752</v>
      </c>
      <c r="U241" s="12">
        <f t="shared" si="100"/>
        <v>0.40699471377216029</v>
      </c>
      <c r="V241" s="12">
        <f t="shared" si="101"/>
        <v>0.52104102880341097</v>
      </c>
      <c r="W241" s="12">
        <f t="shared" si="107"/>
        <v>0</v>
      </c>
      <c r="X241" s="12">
        <f t="shared" si="102"/>
        <v>-7.0953309908476907E-3</v>
      </c>
      <c r="Y241" s="12">
        <f t="shared" si="103"/>
        <v>-1.3263420615734021E-2</v>
      </c>
      <c r="Z241" s="12">
        <f t="shared" si="104"/>
        <v>-1.2756454396407539E-2</v>
      </c>
      <c r="AA241" s="12">
        <f t="shared" si="105"/>
        <v>-2.1476600051355411E-2</v>
      </c>
      <c r="AB241" s="12">
        <f t="shared" si="108"/>
        <v>0</v>
      </c>
      <c r="AC241" s="12">
        <f t="shared" si="109"/>
        <v>0.33826903967399652</v>
      </c>
      <c r="AD241" s="12">
        <f t="shared" si="110"/>
        <v>0.14280271619613205</v>
      </c>
      <c r="AE241" s="12">
        <f t="shared" si="111"/>
        <v>0</v>
      </c>
      <c r="AF241" s="12">
        <f t="shared" si="112"/>
        <v>9.9912969132624485E-3</v>
      </c>
      <c r="AG241" s="12">
        <f t="shared" si="113"/>
        <v>0</v>
      </c>
      <c r="AH241" s="12">
        <f>AC241/SUM(AC$2:AG$366)*Input!$J$5</f>
        <v>346.3913156885543</v>
      </c>
      <c r="AI241" s="12">
        <f>AD241/SUM(AC$2:AG$366)*Input!$J$5</f>
        <v>146.23159362958376</v>
      </c>
      <c r="AJ241" s="12">
        <f>AE241/SUM(AC$2:AG$366)*Input!$J$5</f>
        <v>0</v>
      </c>
      <c r="AK241" s="12">
        <f>AF241/SUM(AC$2:AG$366)*Input!$J$5</f>
        <v>10.231200841068334</v>
      </c>
      <c r="AL241" s="12">
        <f>AG241/SUM(AC$2:AG$366)*Input!$J$5</f>
        <v>0</v>
      </c>
      <c r="AM241" s="12">
        <f t="shared" si="114"/>
        <v>4.9109764037127981</v>
      </c>
      <c r="AN241" s="12">
        <f t="shared" si="115"/>
        <v>442.52052324532491</v>
      </c>
      <c r="AO241" s="12">
        <f t="shared" si="116"/>
        <v>36.948407006779128</v>
      </c>
      <c r="AP241" s="12">
        <f t="shared" si="117"/>
        <v>18.474203503389564</v>
      </c>
      <c r="AQ241" s="12">
        <f t="shared" si="118"/>
        <v>0</v>
      </c>
      <c r="AR241" s="11">
        <f t="shared" si="119"/>
        <v>502.85411015920641</v>
      </c>
    </row>
    <row r="242" spans="16:44" x14ac:dyDescent="0.25">
      <c r="P242" s="10">
        <f t="shared" si="120"/>
        <v>45167</v>
      </c>
      <c r="Q242" s="28">
        <v>19</v>
      </c>
      <c r="R242" s="28">
        <f t="shared" si="106"/>
        <v>2</v>
      </c>
      <c r="S242" s="12">
        <f t="shared" si="98"/>
        <v>1.0609861866589789</v>
      </c>
      <c r="T242" s="12">
        <f t="shared" si="99"/>
        <v>0.67790786498212752</v>
      </c>
      <c r="U242" s="12">
        <f t="shared" si="100"/>
        <v>0.40699471377216029</v>
      </c>
      <c r="V242" s="12">
        <f t="shared" si="101"/>
        <v>0.52104102880341097</v>
      </c>
      <c r="W242" s="12">
        <f t="shared" si="107"/>
        <v>0</v>
      </c>
      <c r="X242" s="12">
        <f t="shared" si="102"/>
        <v>-7.0953309908476907E-3</v>
      </c>
      <c r="Y242" s="12">
        <f t="shared" si="103"/>
        <v>-1.3263420615734021E-2</v>
      </c>
      <c r="Z242" s="12">
        <f t="shared" si="104"/>
        <v>-1.2756454396407539E-2</v>
      </c>
      <c r="AA242" s="12">
        <f t="shared" si="105"/>
        <v>-2.1476600051355411E-2</v>
      </c>
      <c r="AB242" s="12">
        <f t="shared" si="108"/>
        <v>0</v>
      </c>
      <c r="AC242" s="12">
        <f t="shared" si="109"/>
        <v>0.34731558668732732</v>
      </c>
      <c r="AD242" s="12">
        <f t="shared" si="110"/>
        <v>0.15971357748119291</v>
      </c>
      <c r="AE242" s="12">
        <f t="shared" si="111"/>
        <v>0</v>
      </c>
      <c r="AF242" s="12">
        <f t="shared" si="112"/>
        <v>2.8246406956914535E-2</v>
      </c>
      <c r="AG242" s="12">
        <f t="shared" si="113"/>
        <v>0</v>
      </c>
      <c r="AH242" s="12">
        <f>AC242/SUM(AC$2:AG$366)*Input!$J$5</f>
        <v>355.6550819658525</v>
      </c>
      <c r="AI242" s="12">
        <f>AD242/SUM(AC$2:AG$366)*Input!$J$5</f>
        <v>163.54850650935614</v>
      </c>
      <c r="AJ242" s="12">
        <f>AE242/SUM(AC$2:AG$366)*Input!$J$5</f>
        <v>0</v>
      </c>
      <c r="AK242" s="12">
        <f>AF242/SUM(AC$2:AG$366)*Input!$J$5</f>
        <v>28.924639626226188</v>
      </c>
      <c r="AL242" s="12">
        <f>AG242/SUM(AC$2:AG$366)*Input!$J$5</f>
        <v>0</v>
      </c>
      <c r="AM242" s="12">
        <f t="shared" si="114"/>
        <v>13.883827020588564</v>
      </c>
      <c r="AN242" s="12">
        <f t="shared" si="115"/>
        <v>477.33958796630986</v>
      </c>
      <c r="AO242" s="12">
        <f t="shared" si="116"/>
        <v>37.936542076357604</v>
      </c>
      <c r="AP242" s="12">
        <f t="shared" si="117"/>
        <v>18.968271038178802</v>
      </c>
      <c r="AQ242" s="12">
        <f t="shared" si="118"/>
        <v>0</v>
      </c>
      <c r="AR242" s="11">
        <f t="shared" si="119"/>
        <v>548.12822810143484</v>
      </c>
    </row>
    <row r="243" spans="16:44" x14ac:dyDescent="0.25">
      <c r="P243" s="10">
        <f t="shared" si="120"/>
        <v>45168</v>
      </c>
      <c r="Q243" s="28">
        <v>17.5</v>
      </c>
      <c r="R243" s="28">
        <f t="shared" si="106"/>
        <v>3</v>
      </c>
      <c r="S243" s="12">
        <f t="shared" si="98"/>
        <v>1.0609861866589789</v>
      </c>
      <c r="T243" s="12">
        <f t="shared" si="99"/>
        <v>0.67790786498212752</v>
      </c>
      <c r="U243" s="12">
        <f t="shared" si="100"/>
        <v>0.40699471377216029</v>
      </c>
      <c r="V243" s="12">
        <f t="shared" si="101"/>
        <v>0.52104102880341097</v>
      </c>
      <c r="W243" s="12">
        <f t="shared" si="107"/>
        <v>0</v>
      </c>
      <c r="X243" s="12">
        <f t="shared" si="102"/>
        <v>-7.0953309908476907E-3</v>
      </c>
      <c r="Y243" s="12">
        <f t="shared" si="103"/>
        <v>-1.3263420615734021E-2</v>
      </c>
      <c r="Z243" s="12">
        <f t="shared" si="104"/>
        <v>-1.2756454396407539E-2</v>
      </c>
      <c r="AA243" s="12">
        <f t="shared" si="105"/>
        <v>-2.1476600051355411E-2</v>
      </c>
      <c r="AB243" s="12">
        <f t="shared" si="108"/>
        <v>0</v>
      </c>
      <c r="AC243" s="12">
        <f t="shared" si="109"/>
        <v>0.35130671036967909</v>
      </c>
      <c r="AD243" s="12">
        <f t="shared" si="110"/>
        <v>0.16717425157754331</v>
      </c>
      <c r="AE243" s="12">
        <f t="shared" si="111"/>
        <v>0</v>
      </c>
      <c r="AF243" s="12">
        <f t="shared" si="112"/>
        <v>3.6300131976172823E-2</v>
      </c>
      <c r="AG243" s="12">
        <f t="shared" si="113"/>
        <v>0</v>
      </c>
      <c r="AH243" s="12">
        <f>AC243/SUM(AC$2:AG$366)*Input!$J$5</f>
        <v>359.74203767642518</v>
      </c>
      <c r="AI243" s="12">
        <f>AD243/SUM(AC$2:AG$366)*Input!$J$5</f>
        <v>171.18832101513809</v>
      </c>
      <c r="AJ243" s="12">
        <f>AE243/SUM(AC$2:AG$366)*Input!$J$5</f>
        <v>0</v>
      </c>
      <c r="AK243" s="12">
        <f>AF243/SUM(AC$2:AG$366)*Input!$J$5</f>
        <v>37.171744972619379</v>
      </c>
      <c r="AL243" s="12">
        <f>AG243/SUM(AC$2:AG$366)*Input!$J$5</f>
        <v>0</v>
      </c>
      <c r="AM243" s="12">
        <f t="shared" si="114"/>
        <v>17.842437586857294</v>
      </c>
      <c r="AN243" s="12">
        <f t="shared" si="115"/>
        <v>492.70094004909737</v>
      </c>
      <c r="AO243" s="12">
        <f t="shared" si="116"/>
        <v>38.372484018818689</v>
      </c>
      <c r="AP243" s="12">
        <f t="shared" si="117"/>
        <v>19.186242009409344</v>
      </c>
      <c r="AQ243" s="12">
        <f t="shared" si="118"/>
        <v>0</v>
      </c>
      <c r="AR243" s="11">
        <f t="shared" si="119"/>
        <v>568.10210366418278</v>
      </c>
    </row>
    <row r="244" spans="16:44" x14ac:dyDescent="0.25">
      <c r="P244" s="10">
        <f t="shared" si="120"/>
        <v>45169</v>
      </c>
      <c r="Q244" s="28">
        <v>19.7</v>
      </c>
      <c r="R244" s="28">
        <f t="shared" si="106"/>
        <v>4</v>
      </c>
      <c r="S244" s="12">
        <f t="shared" si="98"/>
        <v>1.0609861866589789</v>
      </c>
      <c r="T244" s="12">
        <f t="shared" si="99"/>
        <v>0.67790786498212752</v>
      </c>
      <c r="U244" s="12">
        <f t="shared" si="100"/>
        <v>0.40699471377216029</v>
      </c>
      <c r="V244" s="12">
        <f t="shared" si="101"/>
        <v>0.52104102880341097</v>
      </c>
      <c r="W244" s="12">
        <f t="shared" si="107"/>
        <v>0</v>
      </c>
      <c r="X244" s="12">
        <f t="shared" si="102"/>
        <v>-7.0953309908476907E-3</v>
      </c>
      <c r="Y244" s="12">
        <f t="shared" si="103"/>
        <v>-1.3263420615734021E-2</v>
      </c>
      <c r="Z244" s="12">
        <f t="shared" si="104"/>
        <v>-1.2756454396407539E-2</v>
      </c>
      <c r="AA244" s="12">
        <f t="shared" si="105"/>
        <v>-2.1476600051355411E-2</v>
      </c>
      <c r="AB244" s="12">
        <f t="shared" si="108"/>
        <v>0</v>
      </c>
      <c r="AC244" s="12">
        <f t="shared" si="109"/>
        <v>0.34545306230222983</v>
      </c>
      <c r="AD244" s="12">
        <f t="shared" si="110"/>
        <v>0.15623192956956272</v>
      </c>
      <c r="AE244" s="12">
        <f t="shared" si="111"/>
        <v>0</v>
      </c>
      <c r="AF244" s="12">
        <f t="shared" si="112"/>
        <v>2.4488001947927343E-2</v>
      </c>
      <c r="AG244" s="12">
        <f t="shared" si="113"/>
        <v>0</v>
      </c>
      <c r="AH244" s="12">
        <f>AC244/SUM(AC$2:AG$366)*Input!$J$5</f>
        <v>353.74783596758522</v>
      </c>
      <c r="AI244" s="12">
        <f>AD244/SUM(AC$2:AG$366)*Input!$J$5</f>
        <v>159.98325973999121</v>
      </c>
      <c r="AJ244" s="12">
        <f>AE244/SUM(AC$2:AG$366)*Input!$J$5</f>
        <v>0</v>
      </c>
      <c r="AK244" s="12">
        <f>AF244/SUM(AC$2:AG$366)*Input!$J$5</f>
        <v>25.075990464576044</v>
      </c>
      <c r="AL244" s="12">
        <f>AG244/SUM(AC$2:AG$366)*Input!$J$5</f>
        <v>0</v>
      </c>
      <c r="AM244" s="12">
        <f t="shared" si="114"/>
        <v>12.036475422996496</v>
      </c>
      <c r="AN244" s="12">
        <f t="shared" si="115"/>
        <v>470.1709569943423</v>
      </c>
      <c r="AO244" s="12">
        <f t="shared" si="116"/>
        <v>37.733102503209089</v>
      </c>
      <c r="AP244" s="12">
        <f t="shared" si="117"/>
        <v>18.866551251604545</v>
      </c>
      <c r="AQ244" s="12">
        <f t="shared" si="118"/>
        <v>0</v>
      </c>
      <c r="AR244" s="11">
        <f t="shared" si="119"/>
        <v>538.80708617215237</v>
      </c>
    </row>
    <row r="245" spans="16:44" x14ac:dyDescent="0.25">
      <c r="P245" s="10">
        <f t="shared" si="120"/>
        <v>45170</v>
      </c>
      <c r="Q245" s="28">
        <v>22.1</v>
      </c>
      <c r="R245" s="28">
        <f t="shared" si="106"/>
        <v>5</v>
      </c>
      <c r="S245" s="12">
        <f t="shared" si="98"/>
        <v>1.0609861866589789</v>
      </c>
      <c r="T245" s="12">
        <f t="shared" si="99"/>
        <v>0.67790786498212752</v>
      </c>
      <c r="U245" s="12">
        <f t="shared" si="100"/>
        <v>0.40699471377216029</v>
      </c>
      <c r="V245" s="12">
        <f t="shared" si="101"/>
        <v>0.52104102880341097</v>
      </c>
      <c r="W245" s="12">
        <f t="shared" si="107"/>
        <v>0</v>
      </c>
      <c r="X245" s="12">
        <f t="shared" si="102"/>
        <v>-7.0953309908476907E-3</v>
      </c>
      <c r="Y245" s="12">
        <f t="shared" si="103"/>
        <v>-1.3263420615734021E-2</v>
      </c>
      <c r="Z245" s="12">
        <f t="shared" si="104"/>
        <v>-1.2756454396407539E-2</v>
      </c>
      <c r="AA245" s="12">
        <f t="shared" si="105"/>
        <v>-2.1476600051355411E-2</v>
      </c>
      <c r="AB245" s="12">
        <f t="shared" si="108"/>
        <v>0</v>
      </c>
      <c r="AC245" s="12">
        <f t="shared" si="109"/>
        <v>0.33906726441046686</v>
      </c>
      <c r="AD245" s="12">
        <f t="shared" si="110"/>
        <v>0.14429485101540213</v>
      </c>
      <c r="AE245" s="12">
        <f t="shared" si="111"/>
        <v>0</v>
      </c>
      <c r="AF245" s="12">
        <f t="shared" si="112"/>
        <v>1.1602041917114087E-2</v>
      </c>
      <c r="AG245" s="12">
        <f t="shared" si="113"/>
        <v>0</v>
      </c>
      <c r="AH245" s="12">
        <f>AC245/SUM(AC$2:AG$366)*Input!$J$5</f>
        <v>347.20870683066886</v>
      </c>
      <c r="AI245" s="12">
        <f>AD245/SUM(AC$2:AG$366)*Input!$J$5</f>
        <v>147.75955653074013</v>
      </c>
      <c r="AJ245" s="12">
        <f>AE245/SUM(AC$2:AG$366)*Input!$J$5</f>
        <v>0</v>
      </c>
      <c r="AK245" s="12">
        <f>AF245/SUM(AC$2:AG$366)*Input!$J$5</f>
        <v>11.880621910346951</v>
      </c>
      <c r="AL245" s="12">
        <f>AG245/SUM(AC$2:AG$366)*Input!$J$5</f>
        <v>0</v>
      </c>
      <c r="AM245" s="12">
        <f t="shared" si="114"/>
        <v>5.7026985169665334</v>
      </c>
      <c r="AN245" s="12">
        <f t="shared" si="115"/>
        <v>445.59279366188241</v>
      </c>
      <c r="AO245" s="12">
        <f t="shared" si="116"/>
        <v>37.035595395271351</v>
      </c>
      <c r="AP245" s="12">
        <f t="shared" si="117"/>
        <v>18.517797697635675</v>
      </c>
      <c r="AQ245" s="12">
        <f t="shared" si="118"/>
        <v>0</v>
      </c>
      <c r="AR245" s="11">
        <f t="shared" si="119"/>
        <v>506.84888527175593</v>
      </c>
    </row>
    <row r="246" spans="16:44" x14ac:dyDescent="0.25">
      <c r="P246" s="10">
        <f t="shared" si="120"/>
        <v>45171</v>
      </c>
      <c r="Q246" s="28">
        <v>22.9</v>
      </c>
      <c r="R246" s="28">
        <f t="shared" si="106"/>
        <v>6</v>
      </c>
      <c r="S246" s="12">
        <f t="shared" si="98"/>
        <v>0.66609297291086311</v>
      </c>
      <c r="T246" s="12">
        <f t="shared" si="99"/>
        <v>0.19607255136472959</v>
      </c>
      <c r="U246" s="12">
        <f t="shared" si="100"/>
        <v>0.65274423464211173</v>
      </c>
      <c r="V246" s="12">
        <f t="shared" si="101"/>
        <v>0.29524473618599389</v>
      </c>
      <c r="W246" s="12">
        <f t="shared" si="107"/>
        <v>0.44487676601187343</v>
      </c>
      <c r="X246" s="12">
        <f t="shared" si="102"/>
        <v>-3.4097042997074749E-4</v>
      </c>
      <c r="Y246" s="12">
        <f t="shared" si="103"/>
        <v>-6.2279477920712143E-4</v>
      </c>
      <c r="Z246" s="12">
        <f t="shared" si="104"/>
        <v>-1.60343007315953E-2</v>
      </c>
      <c r="AA246" s="12">
        <f t="shared" si="105"/>
        <v>-9.762199133681506E-3</v>
      </c>
      <c r="AB246" s="12">
        <f t="shared" si="108"/>
        <v>-1.748296682554611E-2</v>
      </c>
      <c r="AC246" s="12">
        <f t="shared" si="109"/>
        <v>0</v>
      </c>
      <c r="AD246" s="12">
        <f t="shared" si="110"/>
        <v>6.3633692822310281E-2</v>
      </c>
      <c r="AE246" s="12">
        <f t="shared" si="111"/>
        <v>2.4986390440250694E-2</v>
      </c>
      <c r="AF246" s="12">
        <f t="shared" si="112"/>
        <v>1.2545815804320298E-2</v>
      </c>
      <c r="AG246" s="12">
        <f t="shared" si="113"/>
        <v>3.89522224935091E-3</v>
      </c>
      <c r="AH246" s="12">
        <f>AC246/SUM(AC$2:AG$366)*Input!$J$5</f>
        <v>0</v>
      </c>
      <c r="AI246" s="12">
        <f>AD246/SUM(AC$2:AG$366)*Input!$J$5</f>
        <v>65.161619875363954</v>
      </c>
      <c r="AJ246" s="12">
        <f>AE246/SUM(AC$2:AG$366)*Input!$J$5</f>
        <v>25.586345907528493</v>
      </c>
      <c r="AK246" s="12">
        <f>AF246/SUM(AC$2:AG$366)*Input!$J$5</f>
        <v>12.847057026067036</v>
      </c>
      <c r="AL246" s="12">
        <f>AG246/SUM(AC$2:AG$366)*Input!$J$5</f>
        <v>3.9887515604512274</v>
      </c>
      <c r="AM246" s="12">
        <f t="shared" si="114"/>
        <v>3.8292014980331803</v>
      </c>
      <c r="AN246" s="12">
        <f t="shared" si="115"/>
        <v>95.935178486333854</v>
      </c>
      <c r="AO246" s="12">
        <f t="shared" si="116"/>
        <v>5.2129295900291162</v>
      </c>
      <c r="AP246" s="12">
        <f t="shared" si="117"/>
        <v>2.6064647950145581</v>
      </c>
      <c r="AQ246" s="12">
        <f t="shared" si="118"/>
        <v>0</v>
      </c>
      <c r="AR246" s="11">
        <f t="shared" si="119"/>
        <v>107.58377436941072</v>
      </c>
    </row>
    <row r="247" spans="16:44" x14ac:dyDescent="0.25">
      <c r="P247" s="10">
        <f t="shared" si="120"/>
        <v>45172</v>
      </c>
      <c r="Q247" s="28">
        <v>22.1</v>
      </c>
      <c r="R247" s="28">
        <f t="shared" si="106"/>
        <v>7</v>
      </c>
      <c r="S247" s="12">
        <f t="shared" si="98"/>
        <v>0.66609297291086311</v>
      </c>
      <c r="T247" s="12">
        <f t="shared" si="99"/>
        <v>0.19607255136472959</v>
      </c>
      <c r="U247" s="12">
        <f t="shared" si="100"/>
        <v>0.65274423464211173</v>
      </c>
      <c r="V247" s="12">
        <f t="shared" si="101"/>
        <v>0.29524473618599389</v>
      </c>
      <c r="W247" s="12">
        <f t="shared" si="107"/>
        <v>0.44487676601187343</v>
      </c>
      <c r="X247" s="12">
        <f t="shared" si="102"/>
        <v>-3.4097042997074749E-4</v>
      </c>
      <c r="Y247" s="12">
        <f t="shared" si="103"/>
        <v>-6.2279477920712143E-4</v>
      </c>
      <c r="Z247" s="12">
        <f t="shared" si="104"/>
        <v>-1.60343007315953E-2</v>
      </c>
      <c r="AA247" s="12">
        <f t="shared" si="105"/>
        <v>-9.762199133681506E-3</v>
      </c>
      <c r="AB247" s="12">
        <f t="shared" si="108"/>
        <v>-1.748296682554611E-2</v>
      </c>
      <c r="AC247" s="12">
        <f t="shared" si="109"/>
        <v>0</v>
      </c>
      <c r="AD247" s="12">
        <f t="shared" si="110"/>
        <v>6.380807536048827E-2</v>
      </c>
      <c r="AE247" s="12">
        <f t="shared" si="111"/>
        <v>2.610879149146236E-2</v>
      </c>
      <c r="AF247" s="12">
        <f t="shared" si="112"/>
        <v>1.3912523683035706E-2</v>
      </c>
      <c r="AG247" s="12">
        <f t="shared" si="113"/>
        <v>5.1190299271391343E-3</v>
      </c>
      <c r="AH247" s="12">
        <f>AC247/SUM(AC$2:AG$366)*Input!$J$5</f>
        <v>0</v>
      </c>
      <c r="AI247" s="12">
        <f>AD247/SUM(AC$2:AG$366)*Input!$J$5</f>
        <v>65.340189563239619</v>
      </c>
      <c r="AJ247" s="12">
        <f>AE247/SUM(AC$2:AG$366)*Input!$J$5</f>
        <v>26.735697255893442</v>
      </c>
      <c r="AK247" s="12">
        <f>AF247/SUM(AC$2:AG$366)*Input!$J$5</f>
        <v>14.24658132402346</v>
      </c>
      <c r="AL247" s="12">
        <f>AG247/SUM(AC$2:AG$366)*Input!$J$5</f>
        <v>5.2419444393128654</v>
      </c>
      <c r="AM247" s="12">
        <f t="shared" si="114"/>
        <v>5.0322666617403531</v>
      </c>
      <c r="AN247" s="12">
        <f t="shared" si="115"/>
        <v>98.691323173140276</v>
      </c>
      <c r="AO247" s="12">
        <f t="shared" si="116"/>
        <v>5.2272151650591701</v>
      </c>
      <c r="AP247" s="12">
        <f t="shared" si="117"/>
        <v>2.613607582529585</v>
      </c>
      <c r="AQ247" s="12">
        <f t="shared" si="118"/>
        <v>0</v>
      </c>
      <c r="AR247" s="11">
        <f t="shared" si="119"/>
        <v>111.56441258246937</v>
      </c>
    </row>
    <row r="248" spans="16:44" x14ac:dyDescent="0.25">
      <c r="P248" s="10">
        <f t="shared" si="120"/>
        <v>45173</v>
      </c>
      <c r="Q248" s="28">
        <v>20</v>
      </c>
      <c r="R248" s="28">
        <f t="shared" si="106"/>
        <v>1</v>
      </c>
      <c r="S248" s="12">
        <f t="shared" si="98"/>
        <v>1.0609861866589789</v>
      </c>
      <c r="T248" s="12">
        <f t="shared" si="99"/>
        <v>0.67790786498212752</v>
      </c>
      <c r="U248" s="12">
        <f t="shared" si="100"/>
        <v>0.40699471377216029</v>
      </c>
      <c r="V248" s="12">
        <f t="shared" si="101"/>
        <v>0.52104102880341097</v>
      </c>
      <c r="W248" s="12">
        <f t="shared" si="107"/>
        <v>0</v>
      </c>
      <c r="X248" s="12">
        <f t="shared" si="102"/>
        <v>-7.0953309908476907E-3</v>
      </c>
      <c r="Y248" s="12">
        <f t="shared" si="103"/>
        <v>-1.3263420615734021E-2</v>
      </c>
      <c r="Z248" s="12">
        <f t="shared" si="104"/>
        <v>-1.2756454396407539E-2</v>
      </c>
      <c r="AA248" s="12">
        <f t="shared" si="105"/>
        <v>-2.1476600051355411E-2</v>
      </c>
      <c r="AB248" s="12">
        <f t="shared" si="108"/>
        <v>0</v>
      </c>
      <c r="AC248" s="12">
        <f t="shared" si="109"/>
        <v>0.34465483756575943</v>
      </c>
      <c r="AD248" s="12">
        <f t="shared" si="110"/>
        <v>0.15473979475029268</v>
      </c>
      <c r="AE248" s="12">
        <f t="shared" si="111"/>
        <v>0</v>
      </c>
      <c r="AF248" s="12">
        <f t="shared" si="112"/>
        <v>2.2877256944075691E-2</v>
      </c>
      <c r="AG248" s="12">
        <f t="shared" si="113"/>
        <v>0</v>
      </c>
      <c r="AH248" s="12">
        <f>AC248/SUM(AC$2:AG$366)*Input!$J$5</f>
        <v>352.93044482547066</v>
      </c>
      <c r="AI248" s="12">
        <f>AD248/SUM(AC$2:AG$366)*Input!$J$5</f>
        <v>158.45529683883487</v>
      </c>
      <c r="AJ248" s="12">
        <f>AE248/SUM(AC$2:AG$366)*Input!$J$5</f>
        <v>0</v>
      </c>
      <c r="AK248" s="12">
        <f>AF248/SUM(AC$2:AG$366)*Input!$J$5</f>
        <v>23.426569395297413</v>
      </c>
      <c r="AL248" s="12">
        <f>AG248/SUM(AC$2:AG$366)*Input!$J$5</f>
        <v>0</v>
      </c>
      <c r="AM248" s="12">
        <f t="shared" si="114"/>
        <v>11.244753309742753</v>
      </c>
      <c r="AN248" s="12">
        <f t="shared" si="115"/>
        <v>467.09868657778492</v>
      </c>
      <c r="AO248" s="12">
        <f t="shared" si="116"/>
        <v>37.645914114716874</v>
      </c>
      <c r="AP248" s="12">
        <f t="shared" si="117"/>
        <v>18.822957057358437</v>
      </c>
      <c r="AQ248" s="12">
        <f t="shared" si="118"/>
        <v>0</v>
      </c>
      <c r="AR248" s="11">
        <f t="shared" si="119"/>
        <v>534.81231105960296</v>
      </c>
    </row>
    <row r="249" spans="16:44" x14ac:dyDescent="0.25">
      <c r="P249" s="10">
        <f t="shared" si="120"/>
        <v>45174</v>
      </c>
      <c r="Q249" s="28">
        <v>20.5</v>
      </c>
      <c r="R249" s="28">
        <f t="shared" si="106"/>
        <v>2</v>
      </c>
      <c r="S249" s="12">
        <f t="shared" si="98"/>
        <v>1.0609861866589789</v>
      </c>
      <c r="T249" s="12">
        <f t="shared" si="99"/>
        <v>0.67790786498212752</v>
      </c>
      <c r="U249" s="12">
        <f t="shared" si="100"/>
        <v>0.40699471377216029</v>
      </c>
      <c r="V249" s="12">
        <f t="shared" si="101"/>
        <v>0.52104102880341097</v>
      </c>
      <c r="W249" s="12">
        <f t="shared" si="107"/>
        <v>0</v>
      </c>
      <c r="X249" s="12">
        <f t="shared" si="102"/>
        <v>-7.0953309908476907E-3</v>
      </c>
      <c r="Y249" s="12">
        <f t="shared" si="103"/>
        <v>-1.3263420615734021E-2</v>
      </c>
      <c r="Z249" s="12">
        <f t="shared" si="104"/>
        <v>-1.2756454396407539E-2</v>
      </c>
      <c r="AA249" s="12">
        <f t="shared" si="105"/>
        <v>-2.1476600051355411E-2</v>
      </c>
      <c r="AB249" s="12">
        <f t="shared" si="108"/>
        <v>0</v>
      </c>
      <c r="AC249" s="12">
        <f t="shared" si="109"/>
        <v>0.34332446300497543</v>
      </c>
      <c r="AD249" s="12">
        <f t="shared" si="110"/>
        <v>0.15225290338484254</v>
      </c>
      <c r="AE249" s="12">
        <f t="shared" si="111"/>
        <v>0</v>
      </c>
      <c r="AF249" s="12">
        <f t="shared" si="112"/>
        <v>2.0192681937656262E-2</v>
      </c>
      <c r="AG249" s="12">
        <f t="shared" si="113"/>
        <v>0</v>
      </c>
      <c r="AH249" s="12">
        <f>AC249/SUM(AC$2:AG$366)*Input!$J$5</f>
        <v>351.56812625527971</v>
      </c>
      <c r="AI249" s="12">
        <f>AD249/SUM(AC$2:AG$366)*Input!$J$5</f>
        <v>155.90869200357423</v>
      </c>
      <c r="AJ249" s="12">
        <f>AE249/SUM(AC$2:AG$366)*Input!$J$5</f>
        <v>0</v>
      </c>
      <c r="AK249" s="12">
        <f>AF249/SUM(AC$2:AG$366)*Input!$J$5</f>
        <v>20.677534279833022</v>
      </c>
      <c r="AL249" s="12">
        <f>AG249/SUM(AC$2:AG$366)*Input!$J$5</f>
        <v>0</v>
      </c>
      <c r="AM249" s="12">
        <f t="shared" si="114"/>
        <v>9.9252164543198464</v>
      </c>
      <c r="AN249" s="12">
        <f t="shared" si="115"/>
        <v>461.97823588352236</v>
      </c>
      <c r="AO249" s="12">
        <f t="shared" si="116"/>
        <v>37.500600133896505</v>
      </c>
      <c r="AP249" s="12">
        <f t="shared" si="117"/>
        <v>18.750300066948252</v>
      </c>
      <c r="AQ249" s="12">
        <f t="shared" si="118"/>
        <v>0</v>
      </c>
      <c r="AR249" s="11">
        <f t="shared" si="119"/>
        <v>528.15435253868702</v>
      </c>
    </row>
    <row r="250" spans="16:44" x14ac:dyDescent="0.25">
      <c r="P250" s="10">
        <f t="shared" si="120"/>
        <v>45175</v>
      </c>
      <c r="Q250" s="28">
        <v>22</v>
      </c>
      <c r="R250" s="28">
        <f t="shared" si="106"/>
        <v>3</v>
      </c>
      <c r="S250" s="12">
        <f t="shared" si="98"/>
        <v>1.0609861866589789</v>
      </c>
      <c r="T250" s="12">
        <f t="shared" si="99"/>
        <v>0.67790786498212752</v>
      </c>
      <c r="U250" s="12">
        <f t="shared" si="100"/>
        <v>0.40699471377216029</v>
      </c>
      <c r="V250" s="12">
        <f t="shared" si="101"/>
        <v>0.52104102880341097</v>
      </c>
      <c r="W250" s="12">
        <f t="shared" si="107"/>
        <v>0</v>
      </c>
      <c r="X250" s="12">
        <f t="shared" si="102"/>
        <v>-7.0953309908476907E-3</v>
      </c>
      <c r="Y250" s="12">
        <f t="shared" si="103"/>
        <v>-1.3263420615734021E-2</v>
      </c>
      <c r="Z250" s="12">
        <f t="shared" si="104"/>
        <v>-1.2756454396407539E-2</v>
      </c>
      <c r="AA250" s="12">
        <f t="shared" si="105"/>
        <v>-2.1476600051355411E-2</v>
      </c>
      <c r="AB250" s="12">
        <f t="shared" si="108"/>
        <v>0</v>
      </c>
      <c r="AC250" s="12">
        <f t="shared" si="109"/>
        <v>0.33933333932262366</v>
      </c>
      <c r="AD250" s="12">
        <f t="shared" si="110"/>
        <v>0.14479222928849217</v>
      </c>
      <c r="AE250" s="12">
        <f t="shared" si="111"/>
        <v>0</v>
      </c>
      <c r="AF250" s="12">
        <f t="shared" si="112"/>
        <v>1.2138956918397975E-2</v>
      </c>
      <c r="AG250" s="12">
        <f t="shared" si="113"/>
        <v>0</v>
      </c>
      <c r="AH250" s="12">
        <f>AC250/SUM(AC$2:AG$366)*Input!$J$5</f>
        <v>347.48117054470703</v>
      </c>
      <c r="AI250" s="12">
        <f>AD250/SUM(AC$2:AG$366)*Input!$J$5</f>
        <v>148.26887749779229</v>
      </c>
      <c r="AJ250" s="12">
        <f>AE250/SUM(AC$2:AG$366)*Input!$J$5</f>
        <v>0</v>
      </c>
      <c r="AK250" s="12">
        <f>AF250/SUM(AC$2:AG$366)*Input!$J$5</f>
        <v>12.430428933439833</v>
      </c>
      <c r="AL250" s="12">
        <f>AG250/SUM(AC$2:AG$366)*Input!$J$5</f>
        <v>0</v>
      </c>
      <c r="AM250" s="12">
        <f t="shared" si="114"/>
        <v>5.9666058880511166</v>
      </c>
      <c r="AN250" s="12">
        <f t="shared" si="115"/>
        <v>446.61688380073491</v>
      </c>
      <c r="AO250" s="12">
        <f t="shared" si="116"/>
        <v>37.06465819143542</v>
      </c>
      <c r="AP250" s="12">
        <f t="shared" si="117"/>
        <v>18.53232909571771</v>
      </c>
      <c r="AQ250" s="12">
        <f t="shared" si="118"/>
        <v>0</v>
      </c>
      <c r="AR250" s="11">
        <f t="shared" si="119"/>
        <v>508.18047697593914</v>
      </c>
    </row>
    <row r="251" spans="16:44" x14ac:dyDescent="0.25">
      <c r="P251" s="10">
        <f t="shared" si="120"/>
        <v>45176</v>
      </c>
      <c r="Q251" s="28">
        <v>22.3</v>
      </c>
      <c r="R251" s="28">
        <f t="shared" si="106"/>
        <v>4</v>
      </c>
      <c r="S251" s="12">
        <f t="shared" si="98"/>
        <v>1.0609861866589789</v>
      </c>
      <c r="T251" s="12">
        <f t="shared" si="99"/>
        <v>0.67790786498212752</v>
      </c>
      <c r="U251" s="12">
        <f t="shared" si="100"/>
        <v>0.40699471377216029</v>
      </c>
      <c r="V251" s="12">
        <f t="shared" si="101"/>
        <v>0.52104102880341097</v>
      </c>
      <c r="W251" s="12">
        <f t="shared" si="107"/>
        <v>0</v>
      </c>
      <c r="X251" s="12">
        <f t="shared" si="102"/>
        <v>-7.0953309908476907E-3</v>
      </c>
      <c r="Y251" s="12">
        <f t="shared" si="103"/>
        <v>-1.3263420615734021E-2</v>
      </c>
      <c r="Z251" s="12">
        <f t="shared" si="104"/>
        <v>-1.2756454396407539E-2</v>
      </c>
      <c r="AA251" s="12">
        <f t="shared" si="105"/>
        <v>-2.1476600051355411E-2</v>
      </c>
      <c r="AB251" s="12">
        <f t="shared" si="108"/>
        <v>0</v>
      </c>
      <c r="AC251" s="12">
        <f t="shared" si="109"/>
        <v>0.33853511458615326</v>
      </c>
      <c r="AD251" s="12">
        <f t="shared" si="110"/>
        <v>0.14330009446922207</v>
      </c>
      <c r="AE251" s="12">
        <f t="shared" si="111"/>
        <v>0</v>
      </c>
      <c r="AF251" s="12">
        <f t="shared" si="112"/>
        <v>1.0528211914546323E-2</v>
      </c>
      <c r="AG251" s="12">
        <f t="shared" si="113"/>
        <v>0</v>
      </c>
      <c r="AH251" s="12">
        <f>AC251/SUM(AC$2:AG$366)*Input!$J$5</f>
        <v>346.66377940259241</v>
      </c>
      <c r="AI251" s="12">
        <f>AD251/SUM(AC$2:AG$366)*Input!$J$5</f>
        <v>146.74091459663589</v>
      </c>
      <c r="AJ251" s="12">
        <f>AE251/SUM(AC$2:AG$366)*Input!$J$5</f>
        <v>0</v>
      </c>
      <c r="AK251" s="12">
        <f>AF251/SUM(AC$2:AG$366)*Input!$J$5</f>
        <v>10.781007864161202</v>
      </c>
      <c r="AL251" s="12">
        <f>AG251/SUM(AC$2:AG$366)*Input!$J$5</f>
        <v>0</v>
      </c>
      <c r="AM251" s="12">
        <f t="shared" si="114"/>
        <v>5.1748837747973742</v>
      </c>
      <c r="AN251" s="12">
        <f t="shared" si="115"/>
        <v>443.54461338417735</v>
      </c>
      <c r="AO251" s="12">
        <f t="shared" si="116"/>
        <v>36.97746980294319</v>
      </c>
      <c r="AP251" s="12">
        <f t="shared" si="117"/>
        <v>18.488734901471595</v>
      </c>
      <c r="AQ251" s="12">
        <f t="shared" si="118"/>
        <v>0</v>
      </c>
      <c r="AR251" s="11">
        <f t="shared" si="119"/>
        <v>504.18570186338951</v>
      </c>
    </row>
    <row r="252" spans="16:44" x14ac:dyDescent="0.25">
      <c r="P252" s="10">
        <f t="shared" si="120"/>
        <v>45177</v>
      </c>
      <c r="Q252" s="28">
        <v>22.9</v>
      </c>
      <c r="R252" s="28">
        <f t="shared" si="106"/>
        <v>5</v>
      </c>
      <c r="S252" s="12">
        <f t="shared" si="98"/>
        <v>1.0609861866589789</v>
      </c>
      <c r="T252" s="12">
        <f t="shared" si="99"/>
        <v>0.67790786498212752</v>
      </c>
      <c r="U252" s="12">
        <f t="shared" si="100"/>
        <v>0.40699471377216029</v>
      </c>
      <c r="V252" s="12">
        <f t="shared" si="101"/>
        <v>0.52104102880341097</v>
      </c>
      <c r="W252" s="12">
        <f t="shared" si="107"/>
        <v>0</v>
      </c>
      <c r="X252" s="12">
        <f t="shared" si="102"/>
        <v>-7.0953309908476907E-3</v>
      </c>
      <c r="Y252" s="12">
        <f t="shared" si="103"/>
        <v>-1.3263420615734021E-2</v>
      </c>
      <c r="Z252" s="12">
        <f t="shared" si="104"/>
        <v>-1.2756454396407539E-2</v>
      </c>
      <c r="AA252" s="12">
        <f t="shared" si="105"/>
        <v>-2.1476600051355411E-2</v>
      </c>
      <c r="AB252" s="12">
        <f t="shared" si="108"/>
        <v>0</v>
      </c>
      <c r="AC252" s="12">
        <f t="shared" si="109"/>
        <v>0.33693866511321258</v>
      </c>
      <c r="AD252" s="12">
        <f t="shared" si="110"/>
        <v>0.14031582483068195</v>
      </c>
      <c r="AE252" s="12">
        <f t="shared" si="111"/>
        <v>0</v>
      </c>
      <c r="AF252" s="12">
        <f t="shared" si="112"/>
        <v>7.3067219068430195E-3</v>
      </c>
      <c r="AG252" s="12">
        <f t="shared" si="113"/>
        <v>0</v>
      </c>
      <c r="AH252" s="12">
        <f>AC252/SUM(AC$2:AG$366)*Input!$J$5</f>
        <v>345.02899711836341</v>
      </c>
      <c r="AI252" s="12">
        <f>AD252/SUM(AC$2:AG$366)*Input!$J$5</f>
        <v>143.68498879432312</v>
      </c>
      <c r="AJ252" s="12">
        <f>AE252/SUM(AC$2:AG$366)*Input!$J$5</f>
        <v>0</v>
      </c>
      <c r="AK252" s="12">
        <f>AF252/SUM(AC$2:AG$366)*Input!$J$5</f>
        <v>7.4821657256039398</v>
      </c>
      <c r="AL252" s="12">
        <f>AG252/SUM(AC$2:AG$366)*Input!$J$5</f>
        <v>0</v>
      </c>
      <c r="AM252" s="12">
        <f t="shared" si="114"/>
        <v>3.5914395482898893</v>
      </c>
      <c r="AN252" s="12">
        <f t="shared" si="115"/>
        <v>437.40007255106241</v>
      </c>
      <c r="AO252" s="12">
        <f t="shared" si="116"/>
        <v>36.803093025958766</v>
      </c>
      <c r="AP252" s="12">
        <f t="shared" si="117"/>
        <v>18.401546512979383</v>
      </c>
      <c r="AQ252" s="12">
        <f t="shared" si="118"/>
        <v>0</v>
      </c>
      <c r="AR252" s="11">
        <f t="shared" si="119"/>
        <v>496.19615163829047</v>
      </c>
    </row>
    <row r="253" spans="16:44" x14ac:dyDescent="0.25">
      <c r="P253" s="10">
        <f t="shared" si="120"/>
        <v>45178</v>
      </c>
      <c r="Q253" s="28">
        <v>23.8</v>
      </c>
      <c r="R253" s="28">
        <f t="shared" si="106"/>
        <v>6</v>
      </c>
      <c r="S253" s="12">
        <f t="shared" si="98"/>
        <v>0.66609297291086311</v>
      </c>
      <c r="T253" s="12">
        <f t="shared" si="99"/>
        <v>0.19607255136472959</v>
      </c>
      <c r="U253" s="12">
        <f t="shared" si="100"/>
        <v>0.65274423464211173</v>
      </c>
      <c r="V253" s="12">
        <f t="shared" si="101"/>
        <v>0.29524473618599389</v>
      </c>
      <c r="W253" s="12">
        <f t="shared" si="107"/>
        <v>0.44487676601187343</v>
      </c>
      <c r="X253" s="12">
        <f t="shared" si="102"/>
        <v>-3.4097042997074749E-4</v>
      </c>
      <c r="Y253" s="12">
        <f t="shared" si="103"/>
        <v>-6.2279477920712143E-4</v>
      </c>
      <c r="Z253" s="12">
        <f t="shared" si="104"/>
        <v>-1.60343007315953E-2</v>
      </c>
      <c r="AA253" s="12">
        <f t="shared" si="105"/>
        <v>-9.762199133681506E-3</v>
      </c>
      <c r="AB253" s="12">
        <f t="shared" si="108"/>
        <v>-1.748296682554611E-2</v>
      </c>
      <c r="AC253" s="12">
        <f t="shared" si="109"/>
        <v>0</v>
      </c>
      <c r="AD253" s="12">
        <f t="shared" si="110"/>
        <v>6.3437512466860024E-2</v>
      </c>
      <c r="AE253" s="12">
        <f t="shared" si="111"/>
        <v>2.3723689257637563E-2</v>
      </c>
      <c r="AF253" s="12">
        <f t="shared" si="112"/>
        <v>1.1008269440765456E-2</v>
      </c>
      <c r="AG253" s="12">
        <f t="shared" si="113"/>
        <v>2.5184386118391479E-3</v>
      </c>
      <c r="AH253" s="12">
        <f>AC253/SUM(AC$2:AG$366)*Input!$J$5</f>
        <v>0</v>
      </c>
      <c r="AI253" s="12">
        <f>AD253/SUM(AC$2:AG$366)*Input!$J$5</f>
        <v>64.96072897650383</v>
      </c>
      <c r="AJ253" s="12">
        <f>AE253/SUM(AC$2:AG$366)*Input!$J$5</f>
        <v>24.293325640617912</v>
      </c>
      <c r="AK253" s="12">
        <f>AF253/SUM(AC$2:AG$366)*Input!$J$5</f>
        <v>11.272592190866053</v>
      </c>
      <c r="AL253" s="12">
        <f>AG253/SUM(AC$2:AG$366)*Input!$J$5</f>
        <v>2.5789095717318746</v>
      </c>
      <c r="AM253" s="12">
        <f t="shared" si="114"/>
        <v>2.4757531888626008</v>
      </c>
      <c r="AN253" s="12">
        <f t="shared" si="115"/>
        <v>92.834515713676609</v>
      </c>
      <c r="AO253" s="12">
        <f t="shared" si="116"/>
        <v>5.1968583181203067</v>
      </c>
      <c r="AP253" s="12">
        <f t="shared" si="117"/>
        <v>2.5984291590601534</v>
      </c>
      <c r="AQ253" s="12">
        <f t="shared" si="118"/>
        <v>0</v>
      </c>
      <c r="AR253" s="11">
        <f t="shared" si="119"/>
        <v>103.10555637971967</v>
      </c>
    </row>
    <row r="254" spans="16:44" x14ac:dyDescent="0.25">
      <c r="P254" s="10">
        <f t="shared" si="120"/>
        <v>45179</v>
      </c>
      <c r="Q254" s="28">
        <v>23.5</v>
      </c>
      <c r="R254" s="28">
        <f t="shared" si="106"/>
        <v>7</v>
      </c>
      <c r="S254" s="12">
        <f t="shared" si="98"/>
        <v>0.66609297291086311</v>
      </c>
      <c r="T254" s="12">
        <f t="shared" si="99"/>
        <v>0.19607255136472959</v>
      </c>
      <c r="U254" s="12">
        <f t="shared" si="100"/>
        <v>0.65274423464211173</v>
      </c>
      <c r="V254" s="12">
        <f t="shared" si="101"/>
        <v>0.29524473618599389</v>
      </c>
      <c r="W254" s="12">
        <f t="shared" si="107"/>
        <v>0.44487676601187343</v>
      </c>
      <c r="X254" s="12">
        <f t="shared" si="102"/>
        <v>-3.4097042997074749E-4</v>
      </c>
      <c r="Y254" s="12">
        <f t="shared" si="103"/>
        <v>-6.2279477920712143E-4</v>
      </c>
      <c r="Z254" s="12">
        <f t="shared" si="104"/>
        <v>-1.60343007315953E-2</v>
      </c>
      <c r="AA254" s="12">
        <f t="shared" si="105"/>
        <v>-9.762199133681506E-3</v>
      </c>
      <c r="AB254" s="12">
        <f t="shared" si="108"/>
        <v>-1.748296682554611E-2</v>
      </c>
      <c r="AC254" s="12">
        <f t="shared" si="109"/>
        <v>0</v>
      </c>
      <c r="AD254" s="12">
        <f t="shared" si="110"/>
        <v>6.3502905918676772E-2</v>
      </c>
      <c r="AE254" s="12">
        <f t="shared" si="111"/>
        <v>2.4144589651841939E-2</v>
      </c>
      <c r="AF254" s="12">
        <f t="shared" si="112"/>
        <v>1.1520784895283735E-2</v>
      </c>
      <c r="AG254" s="12">
        <f t="shared" si="113"/>
        <v>2.9773664910097367E-3</v>
      </c>
      <c r="AH254" s="12">
        <f>AC254/SUM(AC$2:AG$366)*Input!$J$5</f>
        <v>0</v>
      </c>
      <c r="AI254" s="12">
        <f>AD254/SUM(AC$2:AG$366)*Input!$J$5</f>
        <v>65.027692609457205</v>
      </c>
      <c r="AJ254" s="12">
        <f>AE254/SUM(AC$2:AG$366)*Input!$J$5</f>
        <v>24.72433239625477</v>
      </c>
      <c r="AK254" s="12">
        <f>AF254/SUM(AC$2:AG$366)*Input!$J$5</f>
        <v>11.797413802599714</v>
      </c>
      <c r="AL254" s="12">
        <f>AG254/SUM(AC$2:AG$366)*Input!$J$5</f>
        <v>3.0488569013049931</v>
      </c>
      <c r="AM254" s="12">
        <f t="shared" si="114"/>
        <v>2.926902625252795</v>
      </c>
      <c r="AN254" s="12">
        <f t="shared" si="115"/>
        <v>93.868069971229019</v>
      </c>
      <c r="AO254" s="12">
        <f t="shared" si="116"/>
        <v>5.2022154087565768</v>
      </c>
      <c r="AP254" s="12">
        <f t="shared" si="117"/>
        <v>2.6011077043782884</v>
      </c>
      <c r="AQ254" s="12">
        <f t="shared" si="118"/>
        <v>0</v>
      </c>
      <c r="AR254" s="11">
        <f t="shared" si="119"/>
        <v>104.59829570961668</v>
      </c>
    </row>
    <row r="255" spans="16:44" x14ac:dyDescent="0.25">
      <c r="P255" s="10">
        <f t="shared" si="120"/>
        <v>45180</v>
      </c>
      <c r="Q255" s="28">
        <v>24.5</v>
      </c>
      <c r="R255" s="28">
        <f t="shared" si="106"/>
        <v>1</v>
      </c>
      <c r="S255" s="12">
        <f t="shared" si="98"/>
        <v>1.0609861866589789</v>
      </c>
      <c r="T255" s="12">
        <f t="shared" si="99"/>
        <v>0.67790786498212752</v>
      </c>
      <c r="U255" s="12">
        <f t="shared" si="100"/>
        <v>0.40699471377216029</v>
      </c>
      <c r="V255" s="12">
        <f t="shared" si="101"/>
        <v>0.52104102880341097</v>
      </c>
      <c r="W255" s="12">
        <f t="shared" si="107"/>
        <v>0</v>
      </c>
      <c r="X255" s="12">
        <f t="shared" si="102"/>
        <v>-7.0953309908476907E-3</v>
      </c>
      <c r="Y255" s="12">
        <f t="shared" si="103"/>
        <v>-1.3263420615734021E-2</v>
      </c>
      <c r="Z255" s="12">
        <f t="shared" si="104"/>
        <v>-1.2756454396407539E-2</v>
      </c>
      <c r="AA255" s="12">
        <f t="shared" si="105"/>
        <v>-2.1476600051355411E-2</v>
      </c>
      <c r="AB255" s="12">
        <f t="shared" si="108"/>
        <v>0</v>
      </c>
      <c r="AC255" s="12">
        <f t="shared" si="109"/>
        <v>0.33268146651870389</v>
      </c>
      <c r="AD255" s="12">
        <f t="shared" si="110"/>
        <v>0.1323577724612415</v>
      </c>
      <c r="AE255" s="12">
        <f t="shared" si="111"/>
        <v>0</v>
      </c>
      <c r="AF255" s="12">
        <f t="shared" si="112"/>
        <v>0</v>
      </c>
      <c r="AG255" s="12">
        <f t="shared" si="113"/>
        <v>0</v>
      </c>
      <c r="AH255" s="12">
        <f>AC255/SUM(AC$2:AG$366)*Input!$J$5</f>
        <v>340.66957769375239</v>
      </c>
      <c r="AI255" s="12">
        <f>AD255/SUM(AC$2:AG$366)*Input!$J$5</f>
        <v>135.53585332148904</v>
      </c>
      <c r="AJ255" s="12">
        <f>AE255/SUM(AC$2:AG$366)*Input!$J$5</f>
        <v>0</v>
      </c>
      <c r="AK255" s="12">
        <f>AF255/SUM(AC$2:AG$366)*Input!$J$5</f>
        <v>0</v>
      </c>
      <c r="AL255" s="12">
        <f>AG255/SUM(AC$2:AG$366)*Input!$J$5</f>
        <v>0</v>
      </c>
      <c r="AM255" s="12">
        <f t="shared" si="114"/>
        <v>0</v>
      </c>
      <c r="AN255" s="12">
        <f t="shared" si="115"/>
        <v>421.698298584241</v>
      </c>
      <c r="AO255" s="12">
        <f t="shared" si="116"/>
        <v>36.338088287333591</v>
      </c>
      <c r="AP255" s="12">
        <f t="shared" si="117"/>
        <v>18.169044143666795</v>
      </c>
      <c r="AQ255" s="12">
        <f t="shared" si="118"/>
        <v>0</v>
      </c>
      <c r="AR255" s="11">
        <f t="shared" si="119"/>
        <v>476.20543101524134</v>
      </c>
    </row>
    <row r="256" spans="16:44" x14ac:dyDescent="0.25">
      <c r="P256" s="10">
        <f t="shared" si="120"/>
        <v>45181</v>
      </c>
      <c r="Q256" s="28">
        <v>25.1</v>
      </c>
      <c r="R256" s="28">
        <f t="shared" si="106"/>
        <v>2</v>
      </c>
      <c r="S256" s="12">
        <f t="shared" si="98"/>
        <v>1.0609861866589789</v>
      </c>
      <c r="T256" s="12">
        <f t="shared" si="99"/>
        <v>0.67790786498212752</v>
      </c>
      <c r="U256" s="12">
        <f t="shared" si="100"/>
        <v>0.40699471377216029</v>
      </c>
      <c r="V256" s="12">
        <f t="shared" si="101"/>
        <v>0.52104102880341097</v>
      </c>
      <c r="W256" s="12">
        <f t="shared" si="107"/>
        <v>0</v>
      </c>
      <c r="X256" s="12">
        <f t="shared" si="102"/>
        <v>-7.0953309908476907E-3</v>
      </c>
      <c r="Y256" s="12">
        <f t="shared" si="103"/>
        <v>-1.3263420615734021E-2</v>
      </c>
      <c r="Z256" s="12">
        <f t="shared" si="104"/>
        <v>-1.2756454396407539E-2</v>
      </c>
      <c r="AA256" s="12">
        <f t="shared" si="105"/>
        <v>-2.1476600051355411E-2</v>
      </c>
      <c r="AB256" s="12">
        <f t="shared" si="108"/>
        <v>0</v>
      </c>
      <c r="AC256" s="12">
        <f t="shared" si="109"/>
        <v>0.33108501704576321</v>
      </c>
      <c r="AD256" s="12">
        <f t="shared" si="110"/>
        <v>0.12937350282270133</v>
      </c>
      <c r="AE256" s="12">
        <f t="shared" si="111"/>
        <v>0</v>
      </c>
      <c r="AF256" s="12">
        <f t="shared" si="112"/>
        <v>0</v>
      </c>
      <c r="AG256" s="12">
        <f t="shared" si="113"/>
        <v>0</v>
      </c>
      <c r="AH256" s="12">
        <f>AC256/SUM(AC$2:AG$366)*Input!$J$5</f>
        <v>339.03479540952333</v>
      </c>
      <c r="AI256" s="12">
        <f>AD256/SUM(AC$2:AG$366)*Input!$J$5</f>
        <v>132.47992751917621</v>
      </c>
      <c r="AJ256" s="12">
        <f>AE256/SUM(AC$2:AG$366)*Input!$J$5</f>
        <v>0</v>
      </c>
      <c r="AK256" s="12">
        <f>AF256/SUM(AC$2:AG$366)*Input!$J$5</f>
        <v>0</v>
      </c>
      <c r="AL256" s="12">
        <f>AG256/SUM(AC$2:AG$366)*Input!$J$5</f>
        <v>0</v>
      </c>
      <c r="AM256" s="12">
        <f t="shared" si="114"/>
        <v>0</v>
      </c>
      <c r="AN256" s="12">
        <f t="shared" si="115"/>
        <v>417.26915566317581</v>
      </c>
      <c r="AO256" s="12">
        <f t="shared" si="116"/>
        <v>36.16371151034916</v>
      </c>
      <c r="AP256" s="12">
        <f t="shared" si="117"/>
        <v>18.08185575517458</v>
      </c>
      <c r="AQ256" s="12">
        <f t="shared" si="118"/>
        <v>0</v>
      </c>
      <c r="AR256" s="11">
        <f t="shared" si="119"/>
        <v>471.51472292869954</v>
      </c>
    </row>
    <row r="257" spans="16:44" x14ac:dyDescent="0.25">
      <c r="P257" s="10">
        <f t="shared" si="120"/>
        <v>45182</v>
      </c>
      <c r="Q257" s="28">
        <v>25.3</v>
      </c>
      <c r="R257" s="28">
        <f t="shared" si="106"/>
        <v>3</v>
      </c>
      <c r="S257" s="12">
        <f t="shared" si="98"/>
        <v>1.0609861866589789</v>
      </c>
      <c r="T257" s="12">
        <f t="shared" si="99"/>
        <v>0.67790786498212752</v>
      </c>
      <c r="U257" s="12">
        <f t="shared" si="100"/>
        <v>0.40699471377216029</v>
      </c>
      <c r="V257" s="12">
        <f t="shared" si="101"/>
        <v>0.52104102880341097</v>
      </c>
      <c r="W257" s="12">
        <f t="shared" si="107"/>
        <v>0</v>
      </c>
      <c r="X257" s="12">
        <f t="shared" si="102"/>
        <v>-7.0953309908476907E-3</v>
      </c>
      <c r="Y257" s="12">
        <f t="shared" si="103"/>
        <v>-1.3263420615734021E-2</v>
      </c>
      <c r="Z257" s="12">
        <f t="shared" si="104"/>
        <v>-1.2756454396407539E-2</v>
      </c>
      <c r="AA257" s="12">
        <f t="shared" si="105"/>
        <v>-2.1476600051355411E-2</v>
      </c>
      <c r="AB257" s="12">
        <f t="shared" si="108"/>
        <v>0</v>
      </c>
      <c r="AC257" s="12">
        <f t="shared" si="109"/>
        <v>0.33055286722144961</v>
      </c>
      <c r="AD257" s="12">
        <f t="shared" si="110"/>
        <v>0.12837874627652129</v>
      </c>
      <c r="AE257" s="12">
        <f t="shared" si="111"/>
        <v>0</v>
      </c>
      <c r="AF257" s="12">
        <f t="shared" si="112"/>
        <v>0</v>
      </c>
      <c r="AG257" s="12">
        <f t="shared" si="113"/>
        <v>0</v>
      </c>
      <c r="AH257" s="12">
        <f>AC257/SUM(AC$2:AG$366)*Input!$J$5</f>
        <v>338.48986798144699</v>
      </c>
      <c r="AI257" s="12">
        <f>AD257/SUM(AC$2:AG$366)*Input!$J$5</f>
        <v>131.46128558507198</v>
      </c>
      <c r="AJ257" s="12">
        <f>AE257/SUM(AC$2:AG$366)*Input!$J$5</f>
        <v>0</v>
      </c>
      <c r="AK257" s="12">
        <f>AF257/SUM(AC$2:AG$366)*Input!$J$5</f>
        <v>0</v>
      </c>
      <c r="AL257" s="12">
        <f>AG257/SUM(AC$2:AG$366)*Input!$J$5</f>
        <v>0</v>
      </c>
      <c r="AM257" s="12">
        <f t="shared" si="114"/>
        <v>0</v>
      </c>
      <c r="AN257" s="12">
        <f t="shared" si="115"/>
        <v>415.79277468948749</v>
      </c>
      <c r="AO257" s="12">
        <f t="shared" si="116"/>
        <v>36.105585918021013</v>
      </c>
      <c r="AP257" s="12">
        <f t="shared" si="117"/>
        <v>18.052792959010507</v>
      </c>
      <c r="AQ257" s="12">
        <f t="shared" si="118"/>
        <v>0</v>
      </c>
      <c r="AR257" s="11">
        <f t="shared" si="119"/>
        <v>469.951153566519</v>
      </c>
    </row>
    <row r="258" spans="16:44" x14ac:dyDescent="0.25">
      <c r="P258" s="10">
        <f t="shared" si="120"/>
        <v>45183</v>
      </c>
      <c r="Q258" s="28">
        <v>21.9</v>
      </c>
      <c r="R258" s="28">
        <f t="shared" si="106"/>
        <v>4</v>
      </c>
      <c r="S258" s="12">
        <f t="shared" ref="S258:S321" si="121">IF(R258&gt;5,IF($Q258&lt;$G$3,$C$3,$E$3),IF($Q258&lt;$G$10,$C$10,$E$10))</f>
        <v>1.0609861866589789</v>
      </c>
      <c r="T258" s="12">
        <f t="shared" ref="T258:T321" si="122">IF(R258&gt;5,IF($Q258&lt;$G$4,$C$4,$E$4),IF($Q258&lt;$G$11,$C$11,$E$11))</f>
        <v>0.67790786498212752</v>
      </c>
      <c r="U258" s="12">
        <f t="shared" ref="U258:U321" si="123">IF(R258&gt;5,IF($Q258&lt;$G$5,$C$5,$E$5),IF($Q258&lt;$G$12,$C$12,$E$12))</f>
        <v>0.40699471377216029</v>
      </c>
      <c r="V258" s="12">
        <f t="shared" ref="V258:V321" si="124">IF(R258&gt;5,IF($Q258&lt;$G$6,$C$6,$E$6),IF($Q258&lt;$G$13,$C$13,$E$13))</f>
        <v>0.52104102880341097</v>
      </c>
      <c r="W258" s="12">
        <f t="shared" si="107"/>
        <v>0</v>
      </c>
      <c r="X258" s="12">
        <f t="shared" ref="X258:X321" si="125">IF(R258&gt;5,IF($Q258&lt;$G$3,$D$3,$F$3),IF($Q258&lt;$G$10,$D$10,$F$10))</f>
        <v>-7.0953309908476907E-3</v>
      </c>
      <c r="Y258" s="12">
        <f t="shared" ref="Y258:Y321" si="126">IF(R258&gt;5,IF($Q258&lt;$G$4,$D$4,$F$4),IF($Q258&lt;$G$11,$D$11,$F$11))</f>
        <v>-1.3263420615734021E-2</v>
      </c>
      <c r="Z258" s="12">
        <f t="shared" ref="Z258:Z321" si="127">IF(R258&gt;5,IF($Q258&lt;$G$5,$D$5,$F$5),IF($Q258&lt;$G$12,$D$12,$F$12))</f>
        <v>-1.2756454396407539E-2</v>
      </c>
      <c r="AA258" s="12">
        <f t="shared" ref="AA258:AA321" si="128">IF(R258&gt;5,IF($Q258&lt;$G$6,$D$6,$F$6),IF($Q258&lt;$G$13,$D$13,$F$13))</f>
        <v>-2.1476600051355411E-2</v>
      </c>
      <c r="AB258" s="12">
        <f t="shared" si="108"/>
        <v>0</v>
      </c>
      <c r="AC258" s="12">
        <f t="shared" si="109"/>
        <v>0.33959941423478046</v>
      </c>
      <c r="AD258" s="12">
        <f t="shared" si="110"/>
        <v>0.14528960756158218</v>
      </c>
      <c r="AE258" s="12">
        <f t="shared" si="111"/>
        <v>0</v>
      </c>
      <c r="AF258" s="12">
        <f t="shared" si="112"/>
        <v>1.2675871919681878E-2</v>
      </c>
      <c r="AG258" s="12">
        <f t="shared" si="113"/>
        <v>0</v>
      </c>
      <c r="AH258" s="12">
        <f>AC258/SUM(AC$2:AG$366)*Input!$J$5</f>
        <v>347.75363425874519</v>
      </c>
      <c r="AI258" s="12">
        <f>AD258/SUM(AC$2:AG$366)*Input!$J$5</f>
        <v>148.77819846484439</v>
      </c>
      <c r="AJ258" s="12">
        <f>AE258/SUM(AC$2:AG$366)*Input!$J$5</f>
        <v>0</v>
      </c>
      <c r="AK258" s="12">
        <f>AF258/SUM(AC$2:AG$366)*Input!$J$5</f>
        <v>12.980235956532731</v>
      </c>
      <c r="AL258" s="12">
        <f>AG258/SUM(AC$2:AG$366)*Input!$J$5</f>
        <v>0</v>
      </c>
      <c r="AM258" s="12">
        <f t="shared" si="114"/>
        <v>6.2305132591357077</v>
      </c>
      <c r="AN258" s="12">
        <f t="shared" si="115"/>
        <v>447.64097393958741</v>
      </c>
      <c r="AO258" s="12">
        <f t="shared" si="116"/>
        <v>37.09372098759949</v>
      </c>
      <c r="AP258" s="12">
        <f t="shared" si="117"/>
        <v>18.546860493799745</v>
      </c>
      <c r="AQ258" s="12">
        <f t="shared" si="118"/>
        <v>0</v>
      </c>
      <c r="AR258" s="11">
        <f t="shared" si="119"/>
        <v>509.51206868012235</v>
      </c>
    </row>
    <row r="259" spans="16:44" x14ac:dyDescent="0.25">
      <c r="P259" s="10">
        <f t="shared" si="120"/>
        <v>45184</v>
      </c>
      <c r="Q259" s="28">
        <v>20.2</v>
      </c>
      <c r="R259" s="28">
        <f t="shared" ref="R259:R322" si="129">WEEKDAY(P259,2)</f>
        <v>5</v>
      </c>
      <c r="S259" s="12">
        <f t="shared" si="121"/>
        <v>1.0609861866589789</v>
      </c>
      <c r="T259" s="12">
        <f t="shared" si="122"/>
        <v>0.67790786498212752</v>
      </c>
      <c r="U259" s="12">
        <f t="shared" si="123"/>
        <v>0.40699471377216029</v>
      </c>
      <c r="V259" s="12">
        <f t="shared" si="124"/>
        <v>0.52104102880341097</v>
      </c>
      <c r="W259" s="12">
        <f t="shared" ref="W259:W322" si="130">IF(R259&lt;6,0,IF($Q259&lt;$G$7,$C$7,$E$7))</f>
        <v>0</v>
      </c>
      <c r="X259" s="12">
        <f t="shared" si="125"/>
        <v>-7.0953309908476907E-3</v>
      </c>
      <c r="Y259" s="12">
        <f t="shared" si="126"/>
        <v>-1.3263420615734021E-2</v>
      </c>
      <c r="Z259" s="12">
        <f t="shared" si="127"/>
        <v>-1.2756454396407539E-2</v>
      </c>
      <c r="AA259" s="12">
        <f t="shared" si="128"/>
        <v>-2.1476600051355411E-2</v>
      </c>
      <c r="AB259" s="12">
        <f t="shared" ref="AB259:AB322" si="131">IF(R259&lt;6,0,IF($Q259&lt;$G$7,$D$7,$F$7))</f>
        <v>0</v>
      </c>
      <c r="AC259" s="12">
        <f t="shared" ref="AC259:AC322" si="132">MAX(S259+X259*$Q259,0)*IF($R259&lt;6,$B$10,$B$3)</f>
        <v>0.34412268774144583</v>
      </c>
      <c r="AD259" s="12">
        <f t="shared" ref="AD259:AD322" si="133">MAX(T259+Y259*$Q259,0)*IF($R259&lt;6,$B$11,$B$4)</f>
        <v>0.15374503820411262</v>
      </c>
      <c r="AE259" s="12">
        <f t="shared" ref="AE259:AE322" si="134">MAX(U259+Z259*$Q259,0)*IF($R259&lt;6,$B$12,$B$5)</f>
        <v>0</v>
      </c>
      <c r="AF259" s="12">
        <f t="shared" ref="AF259:AF322" si="135">MAX(V259+AA259*$Q259,0)*IF($R259&lt;6,$B$13,$B$6)</f>
        <v>2.1803426941507914E-2</v>
      </c>
      <c r="AG259" s="12">
        <f t="shared" ref="AG259:AG322" si="136">MAX(W259+AB259*$Q259,0)*IF($R259&lt;6,0,$B$7)</f>
        <v>0</v>
      </c>
      <c r="AH259" s="12">
        <f>AC259/SUM(AC$2:AG$366)*Input!$J$5</f>
        <v>352.38551739739432</v>
      </c>
      <c r="AI259" s="12">
        <f>AD259/SUM(AC$2:AG$366)*Input!$J$5</f>
        <v>157.4366549047306</v>
      </c>
      <c r="AJ259" s="12">
        <f>AE259/SUM(AC$2:AG$366)*Input!$J$5</f>
        <v>0</v>
      </c>
      <c r="AK259" s="12">
        <f>AF259/SUM(AC$2:AG$366)*Input!$J$5</f>
        <v>22.326955349111653</v>
      </c>
      <c r="AL259" s="12">
        <f>AG259/SUM(AC$2:AG$366)*Input!$J$5</f>
        <v>0</v>
      </c>
      <c r="AM259" s="12">
        <f t="shared" ref="AM259:AM322" si="137">IF($R259&lt;6,AU$22*$AH259+AU$23*$AI259+AU$24*$AJ259+AU$25*$AK259,AU$31*$AH259+AU$32*$AI259+AU$33*$AJ259+AU$34*$AK259+AU$35*$AL259)</f>
        <v>10.716938567573589</v>
      </c>
      <c r="AN259" s="12">
        <f t="shared" ref="AN259:AN322" si="138">IF($R259&lt;6,AV$22*$AH259+AV$23*$AI259+AV$24*$AJ259+AV$25*$AK259,AV$31*$AH259+AV$32*$AI259+AV$33*$AJ259+AV$34*$AK259+AV$35*$AL259)</f>
        <v>465.05050630007986</v>
      </c>
      <c r="AO259" s="12">
        <f t="shared" ref="AO259:AO322" si="139">IF($R259&lt;6,AW$22*$AH259+AW$23*$AI259+AW$24*$AJ259+AW$25*$AK259,AW$31*$AH259+AW$32*$AI259+AW$33*$AJ259+AW$34*$AK259+AW$35*$AL259)</f>
        <v>37.587788522388728</v>
      </c>
      <c r="AP259" s="12">
        <f t="shared" ref="AP259:AP322" si="140">IF($R259&lt;6,AX$22*$AH259+AX$23*$AI259+AX$24*$AJ259+AX$25*$AK259,AX$31*$AH259+AX$32*$AI259+AX$33*$AJ259+AX$34*$AK259+AX$35*$AL259)</f>
        <v>18.793894261194364</v>
      </c>
      <c r="AQ259" s="12">
        <f t="shared" ref="AQ259:AQ322" si="141">IF($R259&lt;6,AY$22*$AH259+AY$23*$AI259+AY$24*$AJ259+AY$25*$AK259,AY$31*$AH259+AY$32*$AI259+AY$33*$AJ259+AY$34*$AK259+AY$35*$AL259)</f>
        <v>0</v>
      </c>
      <c r="AR259" s="11">
        <f t="shared" ref="AR259:AR322" si="142">SUM(AM259:AQ259)</f>
        <v>532.14912765123654</v>
      </c>
    </row>
    <row r="260" spans="16:44" x14ac:dyDescent="0.25">
      <c r="P260" s="10">
        <f t="shared" ref="P260:P323" si="143">P259+1</f>
        <v>45185</v>
      </c>
      <c r="Q260" s="28">
        <v>22</v>
      </c>
      <c r="R260" s="28">
        <f t="shared" si="129"/>
        <v>6</v>
      </c>
      <c r="S260" s="12">
        <f t="shared" si="121"/>
        <v>0.66609297291086311</v>
      </c>
      <c r="T260" s="12">
        <f t="shared" si="122"/>
        <v>0.19607255136472959</v>
      </c>
      <c r="U260" s="12">
        <f t="shared" si="123"/>
        <v>0.65274423464211173</v>
      </c>
      <c r="V260" s="12">
        <f t="shared" si="124"/>
        <v>0.29524473618599389</v>
      </c>
      <c r="W260" s="12">
        <f t="shared" si="130"/>
        <v>0.44487676601187343</v>
      </c>
      <c r="X260" s="12">
        <f t="shared" si="125"/>
        <v>-3.4097042997074749E-4</v>
      </c>
      <c r="Y260" s="12">
        <f t="shared" si="126"/>
        <v>-6.2279477920712143E-4</v>
      </c>
      <c r="Z260" s="12">
        <f t="shared" si="127"/>
        <v>-1.60343007315953E-2</v>
      </c>
      <c r="AA260" s="12">
        <f t="shared" si="128"/>
        <v>-9.762199133681506E-3</v>
      </c>
      <c r="AB260" s="12">
        <f t="shared" si="131"/>
        <v>-1.748296682554611E-2</v>
      </c>
      <c r="AC260" s="12">
        <f t="shared" si="132"/>
        <v>0</v>
      </c>
      <c r="AD260" s="12">
        <f t="shared" si="133"/>
        <v>6.3829873177760524E-2</v>
      </c>
      <c r="AE260" s="12">
        <f t="shared" si="134"/>
        <v>2.6249091622863822E-2</v>
      </c>
      <c r="AF260" s="12">
        <f t="shared" si="135"/>
        <v>1.4083362167875134E-2</v>
      </c>
      <c r="AG260" s="12">
        <f t="shared" si="136"/>
        <v>5.2720058868626629E-3</v>
      </c>
      <c r="AH260" s="12">
        <f>AC260/SUM(AC$2:AG$366)*Input!$J$5</f>
        <v>0</v>
      </c>
      <c r="AI260" s="12">
        <f>AD260/SUM(AC$2:AG$366)*Input!$J$5</f>
        <v>65.362510774224077</v>
      </c>
      <c r="AJ260" s="12">
        <f>AE260/SUM(AC$2:AG$366)*Input!$J$5</f>
        <v>26.879366174439063</v>
      </c>
      <c r="AK260" s="12">
        <f>AF260/SUM(AC$2:AG$366)*Input!$J$5</f>
        <v>14.421521861268015</v>
      </c>
      <c r="AL260" s="12">
        <f>AG260/SUM(AC$2:AG$366)*Input!$J$5</f>
        <v>5.3985935491705703</v>
      </c>
      <c r="AM260" s="12">
        <f t="shared" si="137"/>
        <v>5.1826498072037506</v>
      </c>
      <c r="AN260" s="12">
        <f t="shared" si="138"/>
        <v>99.035841258991098</v>
      </c>
      <c r="AO260" s="12">
        <f t="shared" si="139"/>
        <v>5.2290008619379265</v>
      </c>
      <c r="AP260" s="12">
        <f t="shared" si="140"/>
        <v>2.6145004309689632</v>
      </c>
      <c r="AQ260" s="12">
        <f t="shared" si="141"/>
        <v>0</v>
      </c>
      <c r="AR260" s="11">
        <f t="shared" si="142"/>
        <v>112.06199235910172</v>
      </c>
    </row>
    <row r="261" spans="16:44" x14ac:dyDescent="0.25">
      <c r="P261" s="10">
        <f t="shared" si="143"/>
        <v>45186</v>
      </c>
      <c r="Q261" s="28">
        <v>22.5</v>
      </c>
      <c r="R261" s="28">
        <f t="shared" si="129"/>
        <v>7</v>
      </c>
      <c r="S261" s="12">
        <f t="shared" si="121"/>
        <v>0.66609297291086311</v>
      </c>
      <c r="T261" s="12">
        <f t="shared" si="122"/>
        <v>0.19607255136472959</v>
      </c>
      <c r="U261" s="12">
        <f t="shared" si="123"/>
        <v>0.65274423464211173</v>
      </c>
      <c r="V261" s="12">
        <f t="shared" si="124"/>
        <v>0.29524473618599389</v>
      </c>
      <c r="W261" s="12">
        <f t="shared" si="130"/>
        <v>0.44487676601187343</v>
      </c>
      <c r="X261" s="12">
        <f t="shared" si="125"/>
        <v>-3.4097042997074749E-4</v>
      </c>
      <c r="Y261" s="12">
        <f t="shared" si="126"/>
        <v>-6.2279477920712143E-4</v>
      </c>
      <c r="Z261" s="12">
        <f t="shared" si="127"/>
        <v>-1.60343007315953E-2</v>
      </c>
      <c r="AA261" s="12">
        <f t="shared" si="128"/>
        <v>-9.762199133681506E-3</v>
      </c>
      <c r="AB261" s="12">
        <f t="shared" si="131"/>
        <v>-1.748296682554611E-2</v>
      </c>
      <c r="AC261" s="12">
        <f t="shared" si="132"/>
        <v>0</v>
      </c>
      <c r="AD261" s="12">
        <f t="shared" si="133"/>
        <v>6.3720884091399269E-2</v>
      </c>
      <c r="AE261" s="12">
        <f t="shared" si="134"/>
        <v>2.5547590965856529E-2</v>
      </c>
      <c r="AF261" s="12">
        <f t="shared" si="135"/>
        <v>1.3229169743678E-2</v>
      </c>
      <c r="AG261" s="12">
        <f t="shared" si="136"/>
        <v>4.5071260882450226E-3</v>
      </c>
      <c r="AH261" s="12">
        <f>AC261/SUM(AC$2:AG$366)*Input!$J$5</f>
        <v>0</v>
      </c>
      <c r="AI261" s="12">
        <f>AD261/SUM(AC$2:AG$366)*Input!$J$5</f>
        <v>65.250904719301786</v>
      </c>
      <c r="AJ261" s="12">
        <f>AE261/SUM(AC$2:AG$366)*Input!$J$5</f>
        <v>26.161021581710969</v>
      </c>
      <c r="AK261" s="12">
        <f>AF261/SUM(AC$2:AG$366)*Input!$J$5</f>
        <v>13.546819175045247</v>
      </c>
      <c r="AL261" s="12">
        <f>AG261/SUM(AC$2:AG$366)*Input!$J$5</f>
        <v>4.6153479998820464</v>
      </c>
      <c r="AM261" s="12">
        <f t="shared" si="137"/>
        <v>4.4307340798867667</v>
      </c>
      <c r="AN261" s="12">
        <f t="shared" si="138"/>
        <v>97.313250829737072</v>
      </c>
      <c r="AO261" s="12">
        <f t="shared" si="139"/>
        <v>5.2200723775441427</v>
      </c>
      <c r="AP261" s="12">
        <f t="shared" si="140"/>
        <v>2.6100361887720713</v>
      </c>
      <c r="AQ261" s="12">
        <f t="shared" si="141"/>
        <v>0</v>
      </c>
      <c r="AR261" s="11">
        <f t="shared" si="142"/>
        <v>109.57409347594005</v>
      </c>
    </row>
    <row r="262" spans="16:44" x14ac:dyDescent="0.25">
      <c r="P262" s="10">
        <f t="shared" si="143"/>
        <v>45187</v>
      </c>
      <c r="Q262" s="28">
        <v>23.2</v>
      </c>
      <c r="R262" s="28">
        <f t="shared" si="129"/>
        <v>1</v>
      </c>
      <c r="S262" s="12">
        <f t="shared" si="121"/>
        <v>1.0609861866589789</v>
      </c>
      <c r="T262" s="12">
        <f t="shared" si="122"/>
        <v>0.67790786498212752</v>
      </c>
      <c r="U262" s="12">
        <f t="shared" si="123"/>
        <v>0.40699471377216029</v>
      </c>
      <c r="V262" s="12">
        <f t="shared" si="124"/>
        <v>0.52104102880341097</v>
      </c>
      <c r="W262" s="12">
        <f t="shared" si="130"/>
        <v>0</v>
      </c>
      <c r="X262" s="12">
        <f t="shared" si="125"/>
        <v>-7.0953309908476907E-3</v>
      </c>
      <c r="Y262" s="12">
        <f t="shared" si="126"/>
        <v>-1.3263420615734021E-2</v>
      </c>
      <c r="Z262" s="12">
        <f t="shared" si="127"/>
        <v>-1.2756454396407539E-2</v>
      </c>
      <c r="AA262" s="12">
        <f t="shared" si="128"/>
        <v>-2.1476600051355411E-2</v>
      </c>
      <c r="AB262" s="12">
        <f t="shared" si="131"/>
        <v>0</v>
      </c>
      <c r="AC262" s="12">
        <f t="shared" si="132"/>
        <v>0.33614044037674218</v>
      </c>
      <c r="AD262" s="12">
        <f t="shared" si="133"/>
        <v>0.13882369001141184</v>
      </c>
      <c r="AE262" s="12">
        <f t="shared" si="134"/>
        <v>0</v>
      </c>
      <c r="AF262" s="12">
        <f t="shared" si="135"/>
        <v>5.6959769029913537E-3</v>
      </c>
      <c r="AG262" s="12">
        <f t="shared" si="136"/>
        <v>0</v>
      </c>
      <c r="AH262" s="12">
        <f>AC262/SUM(AC$2:AG$366)*Input!$J$5</f>
        <v>344.21160597624879</v>
      </c>
      <c r="AI262" s="12">
        <f>AD262/SUM(AC$2:AG$366)*Input!$J$5</f>
        <v>142.15702589316669</v>
      </c>
      <c r="AJ262" s="12">
        <f>AE262/SUM(AC$2:AG$366)*Input!$J$5</f>
        <v>0</v>
      </c>
      <c r="AK262" s="12">
        <f>AF262/SUM(AC$2:AG$366)*Input!$J$5</f>
        <v>5.8327446563252927</v>
      </c>
      <c r="AL262" s="12">
        <f>AG262/SUM(AC$2:AG$366)*Input!$J$5</f>
        <v>0</v>
      </c>
      <c r="AM262" s="12">
        <f t="shared" si="137"/>
        <v>2.7997174350361389</v>
      </c>
      <c r="AN262" s="12">
        <f t="shared" si="138"/>
        <v>434.32780213450485</v>
      </c>
      <c r="AO262" s="12">
        <f t="shared" si="139"/>
        <v>36.715904637466537</v>
      </c>
      <c r="AP262" s="12">
        <f t="shared" si="140"/>
        <v>18.357952318733268</v>
      </c>
      <c r="AQ262" s="12">
        <f t="shared" si="141"/>
        <v>0</v>
      </c>
      <c r="AR262" s="11">
        <f t="shared" si="142"/>
        <v>492.20137652574078</v>
      </c>
    </row>
    <row r="263" spans="16:44" x14ac:dyDescent="0.25">
      <c r="P263" s="10">
        <f t="shared" si="143"/>
        <v>45188</v>
      </c>
      <c r="Q263" s="28">
        <v>21.5</v>
      </c>
      <c r="R263" s="28">
        <f t="shared" si="129"/>
        <v>2</v>
      </c>
      <c r="S263" s="12">
        <f t="shared" si="121"/>
        <v>1.0609861866589789</v>
      </c>
      <c r="T263" s="12">
        <f t="shared" si="122"/>
        <v>0.67790786498212752</v>
      </c>
      <c r="U263" s="12">
        <f t="shared" si="123"/>
        <v>0.40699471377216029</v>
      </c>
      <c r="V263" s="12">
        <f t="shared" si="124"/>
        <v>0.52104102880341097</v>
      </c>
      <c r="W263" s="12">
        <f t="shared" si="130"/>
        <v>0</v>
      </c>
      <c r="X263" s="12">
        <f t="shared" si="125"/>
        <v>-7.0953309908476907E-3</v>
      </c>
      <c r="Y263" s="12">
        <f t="shared" si="126"/>
        <v>-1.3263420615734021E-2</v>
      </c>
      <c r="Z263" s="12">
        <f t="shared" si="127"/>
        <v>-1.2756454396407539E-2</v>
      </c>
      <c r="AA263" s="12">
        <f t="shared" si="128"/>
        <v>-2.1476600051355411E-2</v>
      </c>
      <c r="AB263" s="12">
        <f t="shared" si="131"/>
        <v>0</v>
      </c>
      <c r="AC263" s="12">
        <f t="shared" si="132"/>
        <v>0.34066371388340755</v>
      </c>
      <c r="AD263" s="12">
        <f t="shared" si="133"/>
        <v>0.14727912065394227</v>
      </c>
      <c r="AE263" s="12">
        <f t="shared" si="134"/>
        <v>0</v>
      </c>
      <c r="AF263" s="12">
        <f t="shared" si="135"/>
        <v>1.4823531924817404E-2</v>
      </c>
      <c r="AG263" s="12">
        <f t="shared" si="136"/>
        <v>0</v>
      </c>
      <c r="AH263" s="12">
        <f>AC263/SUM(AC$2:AG$366)*Input!$J$5</f>
        <v>348.84348911489786</v>
      </c>
      <c r="AI263" s="12">
        <f>AD263/SUM(AC$2:AG$366)*Input!$J$5</f>
        <v>150.8154823330529</v>
      </c>
      <c r="AJ263" s="12">
        <f>AE263/SUM(AC$2:AG$366)*Input!$J$5</f>
        <v>0</v>
      </c>
      <c r="AK263" s="12">
        <f>AF263/SUM(AC$2:AG$366)*Input!$J$5</f>
        <v>15.179464048904229</v>
      </c>
      <c r="AL263" s="12">
        <f>AG263/SUM(AC$2:AG$366)*Input!$J$5</f>
        <v>0</v>
      </c>
      <c r="AM263" s="12">
        <f t="shared" si="137"/>
        <v>7.2861427434740262</v>
      </c>
      <c r="AN263" s="12">
        <f t="shared" si="138"/>
        <v>451.7373344949973</v>
      </c>
      <c r="AO263" s="12">
        <f t="shared" si="139"/>
        <v>37.209972172255775</v>
      </c>
      <c r="AP263" s="12">
        <f t="shared" si="140"/>
        <v>18.604986086127887</v>
      </c>
      <c r="AQ263" s="12">
        <f t="shared" si="141"/>
        <v>0</v>
      </c>
      <c r="AR263" s="11">
        <f t="shared" si="142"/>
        <v>514.83843549685503</v>
      </c>
    </row>
    <row r="264" spans="16:44" x14ac:dyDescent="0.25">
      <c r="P264" s="10">
        <f t="shared" si="143"/>
        <v>45189</v>
      </c>
      <c r="Q264" s="28">
        <v>21.8</v>
      </c>
      <c r="R264" s="28">
        <f t="shared" si="129"/>
        <v>3</v>
      </c>
      <c r="S264" s="12">
        <f t="shared" si="121"/>
        <v>1.0609861866589789</v>
      </c>
      <c r="T264" s="12">
        <f t="shared" si="122"/>
        <v>0.67790786498212752</v>
      </c>
      <c r="U264" s="12">
        <f t="shared" si="123"/>
        <v>0.40699471377216029</v>
      </c>
      <c r="V264" s="12">
        <f t="shared" si="124"/>
        <v>0.52104102880341097</v>
      </c>
      <c r="W264" s="12">
        <f t="shared" si="130"/>
        <v>0</v>
      </c>
      <c r="X264" s="12">
        <f t="shared" si="125"/>
        <v>-7.0953309908476907E-3</v>
      </c>
      <c r="Y264" s="12">
        <f t="shared" si="126"/>
        <v>-1.3263420615734021E-2</v>
      </c>
      <c r="Z264" s="12">
        <f t="shared" si="127"/>
        <v>-1.2756454396407539E-2</v>
      </c>
      <c r="AA264" s="12">
        <f t="shared" si="128"/>
        <v>-2.1476600051355411E-2</v>
      </c>
      <c r="AB264" s="12">
        <f t="shared" si="131"/>
        <v>0</v>
      </c>
      <c r="AC264" s="12">
        <f t="shared" si="132"/>
        <v>0.33986548914693721</v>
      </c>
      <c r="AD264" s="12">
        <f t="shared" si="133"/>
        <v>0.1457869858346722</v>
      </c>
      <c r="AE264" s="12">
        <f t="shared" si="134"/>
        <v>0</v>
      </c>
      <c r="AF264" s="12">
        <f t="shared" si="135"/>
        <v>1.3212786920965752E-2</v>
      </c>
      <c r="AG264" s="12">
        <f t="shared" si="136"/>
        <v>0</v>
      </c>
      <c r="AH264" s="12">
        <f>AC264/SUM(AC$2:AG$366)*Input!$J$5</f>
        <v>348.02609797278336</v>
      </c>
      <c r="AI264" s="12">
        <f>AD264/SUM(AC$2:AG$366)*Input!$J$5</f>
        <v>149.28751943189653</v>
      </c>
      <c r="AJ264" s="12">
        <f>AE264/SUM(AC$2:AG$366)*Input!$J$5</f>
        <v>0</v>
      </c>
      <c r="AK264" s="12">
        <f>AF264/SUM(AC$2:AG$366)*Input!$J$5</f>
        <v>13.530042979625598</v>
      </c>
      <c r="AL264" s="12">
        <f>AG264/SUM(AC$2:AG$366)*Input!$J$5</f>
        <v>0</v>
      </c>
      <c r="AM264" s="12">
        <f t="shared" si="137"/>
        <v>6.4944206302202838</v>
      </c>
      <c r="AN264" s="12">
        <f t="shared" si="138"/>
        <v>448.6650640784398</v>
      </c>
      <c r="AO264" s="12">
        <f t="shared" si="139"/>
        <v>37.122783783763559</v>
      </c>
      <c r="AP264" s="12">
        <f t="shared" si="140"/>
        <v>18.56139189188178</v>
      </c>
      <c r="AQ264" s="12">
        <f t="shared" si="141"/>
        <v>0</v>
      </c>
      <c r="AR264" s="11">
        <f t="shared" si="142"/>
        <v>510.84366038430545</v>
      </c>
    </row>
    <row r="265" spans="16:44" x14ac:dyDescent="0.25">
      <c r="P265" s="10">
        <f t="shared" si="143"/>
        <v>45190</v>
      </c>
      <c r="Q265" s="28">
        <v>23.4</v>
      </c>
      <c r="R265" s="28">
        <f t="shared" si="129"/>
        <v>4</v>
      </c>
      <c r="S265" s="12">
        <f t="shared" si="121"/>
        <v>1.0609861866589789</v>
      </c>
      <c r="T265" s="12">
        <f t="shared" si="122"/>
        <v>0.67790786498212752</v>
      </c>
      <c r="U265" s="12">
        <f t="shared" si="123"/>
        <v>0.40699471377216029</v>
      </c>
      <c r="V265" s="12">
        <f t="shared" si="124"/>
        <v>0.52104102880341097</v>
      </c>
      <c r="W265" s="12">
        <f t="shared" si="130"/>
        <v>0</v>
      </c>
      <c r="X265" s="12">
        <f t="shared" si="125"/>
        <v>-7.0953309908476907E-3</v>
      </c>
      <c r="Y265" s="12">
        <f t="shared" si="126"/>
        <v>-1.3263420615734021E-2</v>
      </c>
      <c r="Z265" s="12">
        <f t="shared" si="127"/>
        <v>-1.2756454396407539E-2</v>
      </c>
      <c r="AA265" s="12">
        <f t="shared" si="128"/>
        <v>-2.1476600051355411E-2</v>
      </c>
      <c r="AB265" s="12">
        <f t="shared" si="131"/>
        <v>0</v>
      </c>
      <c r="AC265" s="12">
        <f t="shared" si="132"/>
        <v>0.33560829055242863</v>
      </c>
      <c r="AD265" s="12">
        <f t="shared" si="133"/>
        <v>0.13782893346523178</v>
      </c>
      <c r="AE265" s="12">
        <f t="shared" si="134"/>
        <v>0</v>
      </c>
      <c r="AF265" s="12">
        <f t="shared" si="135"/>
        <v>4.6221469004235904E-3</v>
      </c>
      <c r="AG265" s="12">
        <f t="shared" si="136"/>
        <v>0</v>
      </c>
      <c r="AH265" s="12">
        <f>AC265/SUM(AC$2:AG$366)*Input!$J$5</f>
        <v>343.66667854817246</v>
      </c>
      <c r="AI265" s="12">
        <f>AD265/SUM(AC$2:AG$366)*Input!$J$5</f>
        <v>141.13838395906245</v>
      </c>
      <c r="AJ265" s="12">
        <f>AE265/SUM(AC$2:AG$366)*Input!$J$5</f>
        <v>0</v>
      </c>
      <c r="AK265" s="12">
        <f>AF265/SUM(AC$2:AG$366)*Input!$J$5</f>
        <v>4.7331306101395434</v>
      </c>
      <c r="AL265" s="12">
        <f>AG265/SUM(AC$2:AG$366)*Input!$J$5</f>
        <v>0</v>
      </c>
      <c r="AM265" s="12">
        <f t="shared" si="137"/>
        <v>2.2719026928669797</v>
      </c>
      <c r="AN265" s="12">
        <f t="shared" si="138"/>
        <v>432.27962185679979</v>
      </c>
      <c r="AO265" s="12">
        <f t="shared" si="139"/>
        <v>36.657779045138398</v>
      </c>
      <c r="AP265" s="12">
        <f t="shared" si="140"/>
        <v>18.328889522569199</v>
      </c>
      <c r="AQ265" s="12">
        <f t="shared" si="141"/>
        <v>0</v>
      </c>
      <c r="AR265" s="11">
        <f t="shared" si="142"/>
        <v>489.53819311737436</v>
      </c>
    </row>
    <row r="266" spans="16:44" x14ac:dyDescent="0.25">
      <c r="P266" s="10">
        <f t="shared" si="143"/>
        <v>45191</v>
      </c>
      <c r="Q266" s="28">
        <v>22.6</v>
      </c>
      <c r="R266" s="28">
        <f t="shared" si="129"/>
        <v>5</v>
      </c>
      <c r="S266" s="12">
        <f t="shared" si="121"/>
        <v>1.0609861866589789</v>
      </c>
      <c r="T266" s="12">
        <f t="shared" si="122"/>
        <v>0.67790786498212752</v>
      </c>
      <c r="U266" s="12">
        <f t="shared" si="123"/>
        <v>0.40699471377216029</v>
      </c>
      <c r="V266" s="12">
        <f t="shared" si="124"/>
        <v>0.52104102880341097</v>
      </c>
      <c r="W266" s="12">
        <f t="shared" si="130"/>
        <v>0</v>
      </c>
      <c r="X266" s="12">
        <f t="shared" si="125"/>
        <v>-7.0953309908476907E-3</v>
      </c>
      <c r="Y266" s="12">
        <f t="shared" si="126"/>
        <v>-1.3263420615734021E-2</v>
      </c>
      <c r="Z266" s="12">
        <f t="shared" si="127"/>
        <v>-1.2756454396407539E-2</v>
      </c>
      <c r="AA266" s="12">
        <f t="shared" si="128"/>
        <v>-2.1476600051355411E-2</v>
      </c>
      <c r="AB266" s="12">
        <f t="shared" si="131"/>
        <v>0</v>
      </c>
      <c r="AC266" s="12">
        <f t="shared" si="132"/>
        <v>0.33773688984968292</v>
      </c>
      <c r="AD266" s="12">
        <f t="shared" si="133"/>
        <v>0.14180795964995196</v>
      </c>
      <c r="AE266" s="12">
        <f t="shared" si="134"/>
        <v>0</v>
      </c>
      <c r="AF266" s="12">
        <f t="shared" si="135"/>
        <v>8.9174669106946575E-3</v>
      </c>
      <c r="AG266" s="12">
        <f t="shared" si="136"/>
        <v>0</v>
      </c>
      <c r="AH266" s="12">
        <f>AC266/SUM(AC$2:AG$366)*Input!$J$5</f>
        <v>345.84638826047791</v>
      </c>
      <c r="AI266" s="12">
        <f>AD266/SUM(AC$2:AG$366)*Input!$J$5</f>
        <v>145.21295169547946</v>
      </c>
      <c r="AJ266" s="12">
        <f>AE266/SUM(AC$2:AG$366)*Input!$J$5</f>
        <v>0</v>
      </c>
      <c r="AK266" s="12">
        <f>AF266/SUM(AC$2:AG$366)*Input!$J$5</f>
        <v>9.1315867948825566</v>
      </c>
      <c r="AL266" s="12">
        <f>AG266/SUM(AC$2:AG$366)*Input!$J$5</f>
        <v>0</v>
      </c>
      <c r="AM266" s="12">
        <f t="shared" si="137"/>
        <v>4.3831616615436246</v>
      </c>
      <c r="AN266" s="12">
        <f t="shared" si="138"/>
        <v>440.4723429676198</v>
      </c>
      <c r="AO266" s="12">
        <f t="shared" si="139"/>
        <v>36.890281414450982</v>
      </c>
      <c r="AP266" s="12">
        <f t="shared" si="140"/>
        <v>18.445140707225491</v>
      </c>
      <c r="AQ266" s="12">
        <f t="shared" si="141"/>
        <v>0</v>
      </c>
      <c r="AR266" s="11">
        <f t="shared" si="142"/>
        <v>500.19092675083994</v>
      </c>
    </row>
    <row r="267" spans="16:44" x14ac:dyDescent="0.25">
      <c r="P267" s="10">
        <f t="shared" si="143"/>
        <v>45192</v>
      </c>
      <c r="Q267" s="28">
        <v>18</v>
      </c>
      <c r="R267" s="28">
        <f t="shared" si="129"/>
        <v>6</v>
      </c>
      <c r="S267" s="12">
        <f t="shared" si="121"/>
        <v>0.66609297291086311</v>
      </c>
      <c r="T267" s="12">
        <f t="shared" si="122"/>
        <v>0.19607255136472959</v>
      </c>
      <c r="U267" s="12">
        <f t="shared" si="123"/>
        <v>0.65274423464211173</v>
      </c>
      <c r="V267" s="12">
        <f t="shared" si="124"/>
        <v>0.29524473618599389</v>
      </c>
      <c r="W267" s="12">
        <f t="shared" si="130"/>
        <v>0.44487676601187343</v>
      </c>
      <c r="X267" s="12">
        <f t="shared" si="125"/>
        <v>-3.4097042997074749E-4</v>
      </c>
      <c r="Y267" s="12">
        <f t="shared" si="126"/>
        <v>-6.2279477920712143E-4</v>
      </c>
      <c r="Z267" s="12">
        <f t="shared" si="127"/>
        <v>-1.60343007315953E-2</v>
      </c>
      <c r="AA267" s="12">
        <f t="shared" si="128"/>
        <v>-9.762199133681506E-3</v>
      </c>
      <c r="AB267" s="12">
        <f t="shared" si="131"/>
        <v>-1.748296682554611E-2</v>
      </c>
      <c r="AC267" s="12">
        <f t="shared" si="132"/>
        <v>0</v>
      </c>
      <c r="AD267" s="12">
        <f t="shared" si="133"/>
        <v>6.4701785868650497E-2</v>
      </c>
      <c r="AE267" s="12">
        <f t="shared" si="134"/>
        <v>3.1861096878922184E-2</v>
      </c>
      <c r="AF267" s="12">
        <f t="shared" si="135"/>
        <v>2.0916901561452185E-2</v>
      </c>
      <c r="AG267" s="12">
        <f t="shared" si="136"/>
        <v>1.1391044275803799E-2</v>
      </c>
      <c r="AH267" s="12">
        <f>AC267/SUM(AC$2:AG$366)*Input!$J$5</f>
        <v>0</v>
      </c>
      <c r="AI267" s="12">
        <f>AD267/SUM(AC$2:AG$366)*Input!$J$5</f>
        <v>66.255359213602375</v>
      </c>
      <c r="AJ267" s="12">
        <f>AE267/SUM(AC$2:AG$366)*Input!$J$5</f>
        <v>32.62612291626386</v>
      </c>
      <c r="AK267" s="12">
        <f>AF267/SUM(AC$2:AG$366)*Input!$J$5</f>
        <v>21.419143351050138</v>
      </c>
      <c r="AL267" s="12">
        <f>AG267/SUM(AC$2:AG$366)*Input!$J$5</f>
        <v>11.664557943478776</v>
      </c>
      <c r="AM267" s="12">
        <f t="shared" si="137"/>
        <v>11.197975625739632</v>
      </c>
      <c r="AN267" s="12">
        <f t="shared" si="138"/>
        <v>112.81656469302322</v>
      </c>
      <c r="AO267" s="12">
        <f t="shared" si="139"/>
        <v>5.3004287370881897</v>
      </c>
      <c r="AP267" s="12">
        <f t="shared" si="140"/>
        <v>2.6502143685440949</v>
      </c>
      <c r="AQ267" s="12">
        <f t="shared" si="141"/>
        <v>0</v>
      </c>
      <c r="AR267" s="11">
        <f t="shared" si="142"/>
        <v>131.96518342439512</v>
      </c>
    </row>
    <row r="268" spans="16:44" x14ac:dyDescent="0.25">
      <c r="P268" s="10">
        <f t="shared" si="143"/>
        <v>45193</v>
      </c>
      <c r="Q268" s="28">
        <v>16.2</v>
      </c>
      <c r="R268" s="28">
        <f t="shared" si="129"/>
        <v>7</v>
      </c>
      <c r="S268" s="12">
        <f t="shared" si="121"/>
        <v>0.88136675487947747</v>
      </c>
      <c r="T268" s="12">
        <f t="shared" si="122"/>
        <v>0.40529111994771311</v>
      </c>
      <c r="U268" s="12">
        <f t="shared" si="123"/>
        <v>1.4791569663107089</v>
      </c>
      <c r="V268" s="12">
        <f t="shared" si="124"/>
        <v>0.29524473618599389</v>
      </c>
      <c r="W268" s="12">
        <f t="shared" si="130"/>
        <v>0.44487676601187343</v>
      </c>
      <c r="X268" s="12">
        <f t="shared" si="125"/>
        <v>-1.236743869637378E-2</v>
      </c>
      <c r="Y268" s="12">
        <f t="shared" si="126"/>
        <v>-1.3226323007097701E-2</v>
      </c>
      <c r="Z268" s="12">
        <f t="shared" si="127"/>
        <v>-6.6119920832722404E-2</v>
      </c>
      <c r="AA268" s="12">
        <f t="shared" si="128"/>
        <v>-9.762199133681506E-3</v>
      </c>
      <c r="AB268" s="12">
        <f t="shared" si="131"/>
        <v>-1.748296682554611E-2</v>
      </c>
      <c r="AC268" s="12">
        <f t="shared" si="132"/>
        <v>0</v>
      </c>
      <c r="AD268" s="12">
        <f t="shared" si="133"/>
        <v>6.6858640531455626E-2</v>
      </c>
      <c r="AE268" s="12">
        <f t="shared" si="134"/>
        <v>3.5701246771803023E-2</v>
      </c>
      <c r="AF268" s="12">
        <f t="shared" si="135"/>
        <v>2.3991994288561861E-2</v>
      </c>
      <c r="AG268" s="12">
        <f t="shared" si="136"/>
        <v>1.4144611550827314E-2</v>
      </c>
      <c r="AH268" s="12">
        <f>AC268/SUM(AC$2:AG$366)*Input!$J$5</f>
        <v>0</v>
      </c>
      <c r="AI268" s="12">
        <f>AD268/SUM(AC$2:AG$366)*Input!$J$5</f>
        <v>68.464002739235383</v>
      </c>
      <c r="AJ268" s="12">
        <f>AE268/SUM(AC$2:AG$366)*Input!$J$5</f>
        <v>36.55847976192203</v>
      </c>
      <c r="AK268" s="12">
        <f>AF268/SUM(AC$2:AG$366)*Input!$J$5</f>
        <v>24.568073021452097</v>
      </c>
      <c r="AL268" s="12">
        <f>AG268/SUM(AC$2:AG$366)*Input!$J$5</f>
        <v>14.484241920917471</v>
      </c>
      <c r="AM268" s="12">
        <f t="shared" si="137"/>
        <v>13.90487224408078</v>
      </c>
      <c r="AN268" s="12">
        <f t="shared" si="138"/>
        <v>121.95424487073795</v>
      </c>
      <c r="AO268" s="12">
        <f t="shared" si="139"/>
        <v>5.4771202191388308</v>
      </c>
      <c r="AP268" s="12">
        <f t="shared" si="140"/>
        <v>2.7385601095694154</v>
      </c>
      <c r="AQ268" s="12">
        <f t="shared" si="141"/>
        <v>0</v>
      </c>
      <c r="AR268" s="11">
        <f t="shared" si="142"/>
        <v>144.07479744352699</v>
      </c>
    </row>
    <row r="269" spans="16:44" x14ac:dyDescent="0.25">
      <c r="P269" s="10">
        <f t="shared" si="143"/>
        <v>45194</v>
      </c>
      <c r="Q269" s="28">
        <v>18.399999999999999</v>
      </c>
      <c r="R269" s="28">
        <f t="shared" si="129"/>
        <v>1</v>
      </c>
      <c r="S269" s="12">
        <f t="shared" si="121"/>
        <v>1.0609861866589789</v>
      </c>
      <c r="T269" s="12">
        <f t="shared" si="122"/>
        <v>0.67790786498212752</v>
      </c>
      <c r="U269" s="12">
        <f t="shared" si="123"/>
        <v>0.40699471377216029</v>
      </c>
      <c r="V269" s="12">
        <f t="shared" si="124"/>
        <v>0.52104102880341097</v>
      </c>
      <c r="W269" s="12">
        <f t="shared" si="130"/>
        <v>0</v>
      </c>
      <c r="X269" s="12">
        <f t="shared" si="125"/>
        <v>-7.0953309908476907E-3</v>
      </c>
      <c r="Y269" s="12">
        <f t="shared" si="126"/>
        <v>-1.3263420615734021E-2</v>
      </c>
      <c r="Z269" s="12">
        <f t="shared" si="127"/>
        <v>-1.2756454396407539E-2</v>
      </c>
      <c r="AA269" s="12">
        <f t="shared" si="128"/>
        <v>-2.1476600051355411E-2</v>
      </c>
      <c r="AB269" s="12">
        <f t="shared" si="131"/>
        <v>0</v>
      </c>
      <c r="AC269" s="12">
        <f t="shared" si="132"/>
        <v>0.34891203616026806</v>
      </c>
      <c r="AD269" s="12">
        <f t="shared" si="133"/>
        <v>0.16269784711973309</v>
      </c>
      <c r="AE269" s="12">
        <f t="shared" si="134"/>
        <v>0</v>
      </c>
      <c r="AF269" s="12">
        <f t="shared" si="135"/>
        <v>3.1467896964617853E-2</v>
      </c>
      <c r="AG269" s="12">
        <f t="shared" si="136"/>
        <v>0</v>
      </c>
      <c r="AH269" s="12">
        <f>AC269/SUM(AC$2:AG$366)*Input!$J$5</f>
        <v>357.28986425008162</v>
      </c>
      <c r="AI269" s="12">
        <f>AD269/SUM(AC$2:AG$366)*Input!$J$5</f>
        <v>166.60443231166894</v>
      </c>
      <c r="AJ269" s="12">
        <f>AE269/SUM(AC$2:AG$366)*Input!$J$5</f>
        <v>0</v>
      </c>
      <c r="AK269" s="12">
        <f>AF269/SUM(AC$2:AG$366)*Input!$J$5</f>
        <v>32.223481764783465</v>
      </c>
      <c r="AL269" s="12">
        <f>AG269/SUM(AC$2:AG$366)*Input!$J$5</f>
        <v>0</v>
      </c>
      <c r="AM269" s="12">
        <f t="shared" si="137"/>
        <v>15.467271247096056</v>
      </c>
      <c r="AN269" s="12">
        <f t="shared" si="138"/>
        <v>483.48412879942492</v>
      </c>
      <c r="AO269" s="12">
        <f t="shared" si="139"/>
        <v>38.110918853342042</v>
      </c>
      <c r="AP269" s="12">
        <f t="shared" si="140"/>
        <v>19.055459426671021</v>
      </c>
      <c r="AQ269" s="12">
        <f t="shared" si="141"/>
        <v>0</v>
      </c>
      <c r="AR269" s="11">
        <f t="shared" si="142"/>
        <v>556.11777832653411</v>
      </c>
    </row>
    <row r="270" spans="16:44" x14ac:dyDescent="0.25">
      <c r="P270" s="10">
        <f t="shared" si="143"/>
        <v>45195</v>
      </c>
      <c r="Q270" s="28">
        <v>21.2</v>
      </c>
      <c r="R270" s="28">
        <f t="shared" si="129"/>
        <v>2</v>
      </c>
      <c r="S270" s="12">
        <f t="shared" si="121"/>
        <v>1.0609861866589789</v>
      </c>
      <c r="T270" s="12">
        <f t="shared" si="122"/>
        <v>0.67790786498212752</v>
      </c>
      <c r="U270" s="12">
        <f t="shared" si="123"/>
        <v>0.40699471377216029</v>
      </c>
      <c r="V270" s="12">
        <f t="shared" si="124"/>
        <v>0.52104102880341097</v>
      </c>
      <c r="W270" s="12">
        <f t="shared" si="130"/>
        <v>0</v>
      </c>
      <c r="X270" s="12">
        <f t="shared" si="125"/>
        <v>-7.0953309908476907E-3</v>
      </c>
      <c r="Y270" s="12">
        <f t="shared" si="126"/>
        <v>-1.3263420615734021E-2</v>
      </c>
      <c r="Z270" s="12">
        <f t="shared" si="127"/>
        <v>-1.2756454396407539E-2</v>
      </c>
      <c r="AA270" s="12">
        <f t="shared" si="128"/>
        <v>-2.1476600051355411E-2</v>
      </c>
      <c r="AB270" s="12">
        <f t="shared" si="131"/>
        <v>0</v>
      </c>
      <c r="AC270" s="12">
        <f t="shared" si="132"/>
        <v>0.34146193861987795</v>
      </c>
      <c r="AD270" s="12">
        <f t="shared" si="133"/>
        <v>0.14877125547321235</v>
      </c>
      <c r="AE270" s="12">
        <f t="shared" si="134"/>
        <v>0</v>
      </c>
      <c r="AF270" s="12">
        <f t="shared" si="135"/>
        <v>1.643427692866907E-2</v>
      </c>
      <c r="AG270" s="12">
        <f t="shared" si="136"/>
        <v>0</v>
      </c>
      <c r="AH270" s="12">
        <f>AC270/SUM(AC$2:AG$366)*Input!$J$5</f>
        <v>349.66088025701242</v>
      </c>
      <c r="AI270" s="12">
        <f>AD270/SUM(AC$2:AG$366)*Input!$J$5</f>
        <v>152.3434452342093</v>
      </c>
      <c r="AJ270" s="12">
        <f>AE270/SUM(AC$2:AG$366)*Input!$J$5</f>
        <v>0</v>
      </c>
      <c r="AK270" s="12">
        <f>AF270/SUM(AC$2:AG$366)*Input!$J$5</f>
        <v>16.828885118182875</v>
      </c>
      <c r="AL270" s="12">
        <f>AG270/SUM(AC$2:AG$366)*Input!$J$5</f>
        <v>0</v>
      </c>
      <c r="AM270" s="12">
        <f t="shared" si="137"/>
        <v>8.0778648567277767</v>
      </c>
      <c r="AN270" s="12">
        <f t="shared" si="138"/>
        <v>454.8096049115548</v>
      </c>
      <c r="AO270" s="12">
        <f t="shared" si="139"/>
        <v>37.297160560747997</v>
      </c>
      <c r="AP270" s="12">
        <f t="shared" si="140"/>
        <v>18.648580280373999</v>
      </c>
      <c r="AQ270" s="12">
        <f t="shared" si="141"/>
        <v>0</v>
      </c>
      <c r="AR270" s="11">
        <f t="shared" si="142"/>
        <v>518.83321060940455</v>
      </c>
    </row>
    <row r="271" spans="16:44" x14ac:dyDescent="0.25">
      <c r="P271" s="10">
        <f t="shared" si="143"/>
        <v>45196</v>
      </c>
      <c r="Q271" s="28">
        <v>22.2</v>
      </c>
      <c r="R271" s="28">
        <f t="shared" si="129"/>
        <v>3</v>
      </c>
      <c r="S271" s="12">
        <f t="shared" si="121"/>
        <v>1.0609861866589789</v>
      </c>
      <c r="T271" s="12">
        <f t="shared" si="122"/>
        <v>0.67790786498212752</v>
      </c>
      <c r="U271" s="12">
        <f t="shared" si="123"/>
        <v>0.40699471377216029</v>
      </c>
      <c r="V271" s="12">
        <f t="shared" si="124"/>
        <v>0.52104102880341097</v>
      </c>
      <c r="W271" s="12">
        <f t="shared" si="130"/>
        <v>0</v>
      </c>
      <c r="X271" s="12">
        <f t="shared" si="125"/>
        <v>-7.0953309908476907E-3</v>
      </c>
      <c r="Y271" s="12">
        <f t="shared" si="126"/>
        <v>-1.3263420615734021E-2</v>
      </c>
      <c r="Z271" s="12">
        <f t="shared" si="127"/>
        <v>-1.2756454396407539E-2</v>
      </c>
      <c r="AA271" s="12">
        <f t="shared" si="128"/>
        <v>-2.1476600051355411E-2</v>
      </c>
      <c r="AB271" s="12">
        <f t="shared" si="131"/>
        <v>0</v>
      </c>
      <c r="AC271" s="12">
        <f t="shared" si="132"/>
        <v>0.33880118949831006</v>
      </c>
      <c r="AD271" s="12">
        <f t="shared" si="133"/>
        <v>0.14379747274231208</v>
      </c>
      <c r="AE271" s="12">
        <f t="shared" si="134"/>
        <v>0</v>
      </c>
      <c r="AF271" s="12">
        <f t="shared" si="135"/>
        <v>1.1065126915830212E-2</v>
      </c>
      <c r="AG271" s="12">
        <f t="shared" si="136"/>
        <v>0</v>
      </c>
      <c r="AH271" s="12">
        <f>AC271/SUM(AC$2:AG$366)*Input!$J$5</f>
        <v>346.93624311663064</v>
      </c>
      <c r="AI271" s="12">
        <f>AD271/SUM(AC$2:AG$366)*Input!$J$5</f>
        <v>147.25023556368799</v>
      </c>
      <c r="AJ271" s="12">
        <f>AE271/SUM(AC$2:AG$366)*Input!$J$5</f>
        <v>0</v>
      </c>
      <c r="AK271" s="12">
        <f>AF271/SUM(AC$2:AG$366)*Input!$J$5</f>
        <v>11.330814887254084</v>
      </c>
      <c r="AL271" s="12">
        <f>AG271/SUM(AC$2:AG$366)*Input!$J$5</f>
        <v>0</v>
      </c>
      <c r="AM271" s="12">
        <f t="shared" si="137"/>
        <v>5.4387911458819573</v>
      </c>
      <c r="AN271" s="12">
        <f t="shared" si="138"/>
        <v>444.56870352302985</v>
      </c>
      <c r="AO271" s="12">
        <f t="shared" si="139"/>
        <v>37.006532599107267</v>
      </c>
      <c r="AP271" s="12">
        <f t="shared" si="140"/>
        <v>18.503266299553633</v>
      </c>
      <c r="AQ271" s="12">
        <f t="shared" si="141"/>
        <v>0</v>
      </c>
      <c r="AR271" s="11">
        <f t="shared" si="142"/>
        <v>505.51729356757272</v>
      </c>
    </row>
    <row r="272" spans="16:44" x14ac:dyDescent="0.25">
      <c r="P272" s="10">
        <f t="shared" si="143"/>
        <v>45197</v>
      </c>
      <c r="Q272" s="28">
        <v>22.4</v>
      </c>
      <c r="R272" s="28">
        <f t="shared" si="129"/>
        <v>4</v>
      </c>
      <c r="S272" s="12">
        <f t="shared" si="121"/>
        <v>1.0609861866589789</v>
      </c>
      <c r="T272" s="12">
        <f t="shared" si="122"/>
        <v>0.67790786498212752</v>
      </c>
      <c r="U272" s="12">
        <f t="shared" si="123"/>
        <v>0.40699471377216029</v>
      </c>
      <c r="V272" s="12">
        <f t="shared" si="124"/>
        <v>0.52104102880341097</v>
      </c>
      <c r="W272" s="12">
        <f t="shared" si="130"/>
        <v>0</v>
      </c>
      <c r="X272" s="12">
        <f t="shared" si="125"/>
        <v>-7.0953309908476907E-3</v>
      </c>
      <c r="Y272" s="12">
        <f t="shared" si="126"/>
        <v>-1.3263420615734021E-2</v>
      </c>
      <c r="Z272" s="12">
        <f t="shared" si="127"/>
        <v>-1.2756454396407539E-2</v>
      </c>
      <c r="AA272" s="12">
        <f t="shared" si="128"/>
        <v>-2.1476600051355411E-2</v>
      </c>
      <c r="AB272" s="12">
        <f t="shared" si="131"/>
        <v>0</v>
      </c>
      <c r="AC272" s="12">
        <f t="shared" si="132"/>
        <v>0.33826903967399652</v>
      </c>
      <c r="AD272" s="12">
        <f t="shared" si="133"/>
        <v>0.14280271619613205</v>
      </c>
      <c r="AE272" s="12">
        <f t="shared" si="134"/>
        <v>0</v>
      </c>
      <c r="AF272" s="12">
        <f t="shared" si="135"/>
        <v>9.9912969132624485E-3</v>
      </c>
      <c r="AG272" s="12">
        <f t="shared" si="136"/>
        <v>0</v>
      </c>
      <c r="AH272" s="12">
        <f>AC272/SUM(AC$2:AG$366)*Input!$J$5</f>
        <v>346.3913156885543</v>
      </c>
      <c r="AI272" s="12">
        <f>AD272/SUM(AC$2:AG$366)*Input!$J$5</f>
        <v>146.23159362958376</v>
      </c>
      <c r="AJ272" s="12">
        <f>AE272/SUM(AC$2:AG$366)*Input!$J$5</f>
        <v>0</v>
      </c>
      <c r="AK272" s="12">
        <f>AF272/SUM(AC$2:AG$366)*Input!$J$5</f>
        <v>10.231200841068334</v>
      </c>
      <c r="AL272" s="12">
        <f>AG272/SUM(AC$2:AG$366)*Input!$J$5</f>
        <v>0</v>
      </c>
      <c r="AM272" s="12">
        <f t="shared" si="137"/>
        <v>4.9109764037127981</v>
      </c>
      <c r="AN272" s="12">
        <f t="shared" si="138"/>
        <v>442.52052324532491</v>
      </c>
      <c r="AO272" s="12">
        <f t="shared" si="139"/>
        <v>36.948407006779128</v>
      </c>
      <c r="AP272" s="12">
        <f t="shared" si="140"/>
        <v>18.474203503389564</v>
      </c>
      <c r="AQ272" s="12">
        <f t="shared" si="141"/>
        <v>0</v>
      </c>
      <c r="AR272" s="11">
        <f t="shared" si="142"/>
        <v>502.85411015920641</v>
      </c>
    </row>
    <row r="273" spans="16:44" x14ac:dyDescent="0.25">
      <c r="P273" s="10">
        <f t="shared" si="143"/>
        <v>45198</v>
      </c>
      <c r="Q273" s="28">
        <v>21.3</v>
      </c>
      <c r="R273" s="28">
        <f t="shared" si="129"/>
        <v>5</v>
      </c>
      <c r="S273" s="12">
        <f t="shared" si="121"/>
        <v>1.0609861866589789</v>
      </c>
      <c r="T273" s="12">
        <f t="shared" si="122"/>
        <v>0.67790786498212752</v>
      </c>
      <c r="U273" s="12">
        <f t="shared" si="123"/>
        <v>0.40699471377216029</v>
      </c>
      <c r="V273" s="12">
        <f t="shared" si="124"/>
        <v>0.52104102880341097</v>
      </c>
      <c r="W273" s="12">
        <f t="shared" si="130"/>
        <v>0</v>
      </c>
      <c r="X273" s="12">
        <f t="shared" si="125"/>
        <v>-7.0953309908476907E-3</v>
      </c>
      <c r="Y273" s="12">
        <f t="shared" si="126"/>
        <v>-1.3263420615734021E-2</v>
      </c>
      <c r="Z273" s="12">
        <f t="shared" si="127"/>
        <v>-1.2756454396407539E-2</v>
      </c>
      <c r="AA273" s="12">
        <f t="shared" si="128"/>
        <v>-2.1476600051355411E-2</v>
      </c>
      <c r="AB273" s="12">
        <f t="shared" si="131"/>
        <v>0</v>
      </c>
      <c r="AC273" s="12">
        <f t="shared" si="132"/>
        <v>0.34119586370772115</v>
      </c>
      <c r="AD273" s="12">
        <f t="shared" si="133"/>
        <v>0.14827387720012233</v>
      </c>
      <c r="AE273" s="12">
        <f t="shared" si="134"/>
        <v>0</v>
      </c>
      <c r="AF273" s="12">
        <f t="shared" si="135"/>
        <v>1.5897361927385167E-2</v>
      </c>
      <c r="AG273" s="12">
        <f t="shared" si="136"/>
        <v>0</v>
      </c>
      <c r="AH273" s="12">
        <f>AC273/SUM(AC$2:AG$366)*Input!$J$5</f>
        <v>349.38841654297431</v>
      </c>
      <c r="AI273" s="12">
        <f>AD273/SUM(AC$2:AG$366)*Input!$J$5</f>
        <v>151.83412426715716</v>
      </c>
      <c r="AJ273" s="12">
        <f>AE273/SUM(AC$2:AG$366)*Input!$J$5</f>
        <v>0</v>
      </c>
      <c r="AK273" s="12">
        <f>AF273/SUM(AC$2:AG$366)*Input!$J$5</f>
        <v>16.279078095089979</v>
      </c>
      <c r="AL273" s="12">
        <f>AG273/SUM(AC$2:AG$366)*Input!$J$5</f>
        <v>0</v>
      </c>
      <c r="AM273" s="12">
        <f t="shared" si="137"/>
        <v>7.8139574856431855</v>
      </c>
      <c r="AN273" s="12">
        <f t="shared" si="138"/>
        <v>453.78551477270236</v>
      </c>
      <c r="AO273" s="12">
        <f t="shared" si="139"/>
        <v>37.268097764583928</v>
      </c>
      <c r="AP273" s="12">
        <f t="shared" si="140"/>
        <v>18.634048882291964</v>
      </c>
      <c r="AQ273" s="12">
        <f t="shared" si="141"/>
        <v>0</v>
      </c>
      <c r="AR273" s="11">
        <f t="shared" si="142"/>
        <v>517.50161890522145</v>
      </c>
    </row>
    <row r="274" spans="16:44" x14ac:dyDescent="0.25">
      <c r="P274" s="10">
        <f t="shared" si="143"/>
        <v>45199</v>
      </c>
      <c r="Q274" s="28">
        <v>20</v>
      </c>
      <c r="R274" s="28">
        <f t="shared" si="129"/>
        <v>6</v>
      </c>
      <c r="S274" s="12">
        <f t="shared" si="121"/>
        <v>0.66609297291086311</v>
      </c>
      <c r="T274" s="12">
        <f t="shared" si="122"/>
        <v>0.19607255136472959</v>
      </c>
      <c r="U274" s="12">
        <f t="shared" si="123"/>
        <v>0.65274423464211173</v>
      </c>
      <c r="V274" s="12">
        <f t="shared" si="124"/>
        <v>0.29524473618599389</v>
      </c>
      <c r="W274" s="12">
        <f t="shared" si="130"/>
        <v>0.44487676601187343</v>
      </c>
      <c r="X274" s="12">
        <f t="shared" si="125"/>
        <v>-3.4097042997074749E-4</v>
      </c>
      <c r="Y274" s="12">
        <f t="shared" si="126"/>
        <v>-6.2279477920712143E-4</v>
      </c>
      <c r="Z274" s="12">
        <f t="shared" si="127"/>
        <v>-1.60343007315953E-2</v>
      </c>
      <c r="AA274" s="12">
        <f t="shared" si="128"/>
        <v>-9.762199133681506E-3</v>
      </c>
      <c r="AB274" s="12">
        <f t="shared" si="131"/>
        <v>-1.748296682554611E-2</v>
      </c>
      <c r="AC274" s="12">
        <f t="shared" si="132"/>
        <v>0</v>
      </c>
      <c r="AD274" s="12">
        <f t="shared" si="133"/>
        <v>6.4265829523205503E-2</v>
      </c>
      <c r="AE274" s="12">
        <f t="shared" si="134"/>
        <v>2.9055094250893001E-2</v>
      </c>
      <c r="AF274" s="12">
        <f t="shared" si="135"/>
        <v>1.7500131864663655E-2</v>
      </c>
      <c r="AG274" s="12">
        <f t="shared" si="136"/>
        <v>8.3315250813332329E-3</v>
      </c>
      <c r="AH274" s="12">
        <f>AC274/SUM(AC$2:AG$366)*Input!$J$5</f>
        <v>0</v>
      </c>
      <c r="AI274" s="12">
        <f>AD274/SUM(AC$2:AG$366)*Input!$J$5</f>
        <v>65.808934993913226</v>
      </c>
      <c r="AJ274" s="12">
        <f>AE274/SUM(AC$2:AG$366)*Input!$J$5</f>
        <v>29.752744545351462</v>
      </c>
      <c r="AK274" s="12">
        <f>AF274/SUM(AC$2:AG$366)*Input!$J$5</f>
        <v>17.920332606159072</v>
      </c>
      <c r="AL274" s="12">
        <f>AG274/SUM(AC$2:AG$366)*Input!$J$5</f>
        <v>8.5315757463246751</v>
      </c>
      <c r="AM274" s="12">
        <f t="shared" si="137"/>
        <v>8.1903127164716931</v>
      </c>
      <c r="AN274" s="12">
        <f t="shared" si="138"/>
        <v>105.92620297600716</v>
      </c>
      <c r="AO274" s="12">
        <f t="shared" si="139"/>
        <v>5.2647147995130581</v>
      </c>
      <c r="AP274" s="12">
        <f t="shared" si="140"/>
        <v>2.632357399756529</v>
      </c>
      <c r="AQ274" s="12">
        <f t="shared" si="141"/>
        <v>0</v>
      </c>
      <c r="AR274" s="11">
        <f t="shared" si="142"/>
        <v>122.01358789174844</v>
      </c>
    </row>
    <row r="275" spans="16:44" x14ac:dyDescent="0.25">
      <c r="P275" s="10">
        <f t="shared" si="143"/>
        <v>45200</v>
      </c>
      <c r="Q275" s="28">
        <v>19.3</v>
      </c>
      <c r="R275" s="28">
        <f t="shared" si="129"/>
        <v>7</v>
      </c>
      <c r="S275" s="12">
        <f t="shared" si="121"/>
        <v>0.66609297291086311</v>
      </c>
      <c r="T275" s="12">
        <f t="shared" si="122"/>
        <v>0.19607255136472959</v>
      </c>
      <c r="U275" s="12">
        <f t="shared" si="123"/>
        <v>0.65274423464211173</v>
      </c>
      <c r="V275" s="12">
        <f t="shared" si="124"/>
        <v>0.29524473618599389</v>
      </c>
      <c r="W275" s="12">
        <f t="shared" si="130"/>
        <v>0.44487676601187343</v>
      </c>
      <c r="X275" s="12">
        <f t="shared" si="125"/>
        <v>-3.4097042997074749E-4</v>
      </c>
      <c r="Y275" s="12">
        <f t="shared" si="126"/>
        <v>-6.2279477920712143E-4</v>
      </c>
      <c r="Z275" s="12">
        <f t="shared" si="127"/>
        <v>-1.60343007315953E-2</v>
      </c>
      <c r="AA275" s="12">
        <f t="shared" si="128"/>
        <v>-9.762199133681506E-3</v>
      </c>
      <c r="AB275" s="12">
        <f t="shared" si="131"/>
        <v>-1.748296682554611E-2</v>
      </c>
      <c r="AC275" s="12">
        <f t="shared" si="132"/>
        <v>0</v>
      </c>
      <c r="AD275" s="12">
        <f t="shared" si="133"/>
        <v>6.4418414244111238E-2</v>
      </c>
      <c r="AE275" s="12">
        <f t="shared" si="134"/>
        <v>3.0037195170703211E-2</v>
      </c>
      <c r="AF275" s="12">
        <f t="shared" si="135"/>
        <v>1.8696001258539641E-2</v>
      </c>
      <c r="AG275" s="12">
        <f t="shared" si="136"/>
        <v>9.4023567993979304E-3</v>
      </c>
      <c r="AH275" s="12">
        <f>AC275/SUM(AC$2:AG$366)*Input!$J$5</f>
        <v>0</v>
      </c>
      <c r="AI275" s="12">
        <f>AD275/SUM(AC$2:AG$366)*Input!$J$5</f>
        <v>65.965183470804419</v>
      </c>
      <c r="AJ275" s="12">
        <f>AE275/SUM(AC$2:AG$366)*Input!$J$5</f>
        <v>30.758426975170792</v>
      </c>
      <c r="AK275" s="12">
        <f>AF275/SUM(AC$2:AG$366)*Input!$J$5</f>
        <v>19.144916366870945</v>
      </c>
      <c r="AL275" s="12">
        <f>AG275/SUM(AC$2:AG$366)*Input!$J$5</f>
        <v>9.6281195153286099</v>
      </c>
      <c r="AM275" s="12">
        <f t="shared" si="137"/>
        <v>9.2429947347154702</v>
      </c>
      <c r="AN275" s="12">
        <f t="shared" si="138"/>
        <v>108.33782957696276</v>
      </c>
      <c r="AO275" s="12">
        <f t="shared" si="139"/>
        <v>5.2772146776643538</v>
      </c>
      <c r="AP275" s="12">
        <f t="shared" si="140"/>
        <v>2.6386073388321769</v>
      </c>
      <c r="AQ275" s="12">
        <f t="shared" si="141"/>
        <v>0</v>
      </c>
      <c r="AR275" s="11">
        <f t="shared" si="142"/>
        <v>125.49664632817476</v>
      </c>
    </row>
    <row r="276" spans="16:44" x14ac:dyDescent="0.25">
      <c r="P276" s="10">
        <f t="shared" si="143"/>
        <v>45201</v>
      </c>
      <c r="Q276" s="28">
        <v>20.8</v>
      </c>
      <c r="R276" s="28">
        <f t="shared" si="129"/>
        <v>1</v>
      </c>
      <c r="S276" s="12">
        <f t="shared" si="121"/>
        <v>1.0609861866589789</v>
      </c>
      <c r="T276" s="12">
        <f t="shared" si="122"/>
        <v>0.67790786498212752</v>
      </c>
      <c r="U276" s="12">
        <f t="shared" si="123"/>
        <v>0.40699471377216029</v>
      </c>
      <c r="V276" s="12">
        <f t="shared" si="124"/>
        <v>0.52104102880341097</v>
      </c>
      <c r="W276" s="12">
        <f t="shared" si="130"/>
        <v>0</v>
      </c>
      <c r="X276" s="12">
        <f t="shared" si="125"/>
        <v>-7.0953309908476907E-3</v>
      </c>
      <c r="Y276" s="12">
        <f t="shared" si="126"/>
        <v>-1.3263420615734021E-2</v>
      </c>
      <c r="Z276" s="12">
        <f t="shared" si="127"/>
        <v>-1.2756454396407539E-2</v>
      </c>
      <c r="AA276" s="12">
        <f t="shared" si="128"/>
        <v>-2.1476600051355411E-2</v>
      </c>
      <c r="AB276" s="12">
        <f t="shared" si="131"/>
        <v>0</v>
      </c>
      <c r="AC276" s="12">
        <f t="shared" si="132"/>
        <v>0.34252623826850509</v>
      </c>
      <c r="AD276" s="12">
        <f t="shared" si="133"/>
        <v>0.15076076856557244</v>
      </c>
      <c r="AE276" s="12">
        <f t="shared" si="134"/>
        <v>0</v>
      </c>
      <c r="AF276" s="12">
        <f t="shared" si="135"/>
        <v>1.8581936933804596E-2</v>
      </c>
      <c r="AG276" s="12">
        <f t="shared" si="136"/>
        <v>0</v>
      </c>
      <c r="AH276" s="12">
        <f>AC276/SUM(AC$2:AG$366)*Input!$J$5</f>
        <v>350.75073511316515</v>
      </c>
      <c r="AI276" s="12">
        <f>AD276/SUM(AC$2:AG$366)*Input!$J$5</f>
        <v>154.3807291024178</v>
      </c>
      <c r="AJ276" s="12">
        <f>AE276/SUM(AC$2:AG$366)*Input!$J$5</f>
        <v>0</v>
      </c>
      <c r="AK276" s="12">
        <f>AF276/SUM(AC$2:AG$366)*Input!$J$5</f>
        <v>19.028113210554373</v>
      </c>
      <c r="AL276" s="12">
        <f>AG276/SUM(AC$2:AG$366)*Input!$J$5</f>
        <v>0</v>
      </c>
      <c r="AM276" s="12">
        <f t="shared" si="137"/>
        <v>9.1334943410660951</v>
      </c>
      <c r="AN276" s="12">
        <f t="shared" si="138"/>
        <v>458.9059654669648</v>
      </c>
      <c r="AO276" s="12">
        <f t="shared" si="139"/>
        <v>37.413411745404282</v>
      </c>
      <c r="AP276" s="12">
        <f t="shared" si="140"/>
        <v>18.706705872702141</v>
      </c>
      <c r="AQ276" s="12">
        <f t="shared" si="141"/>
        <v>0</v>
      </c>
      <c r="AR276" s="11">
        <f t="shared" si="142"/>
        <v>524.15957742613728</v>
      </c>
    </row>
    <row r="277" spans="16:44" x14ac:dyDescent="0.25">
      <c r="P277" s="10">
        <f t="shared" si="143"/>
        <v>45202</v>
      </c>
      <c r="Q277" s="28">
        <v>20.9</v>
      </c>
      <c r="R277" s="28">
        <f t="shared" si="129"/>
        <v>2</v>
      </c>
      <c r="S277" s="12">
        <f t="shared" si="121"/>
        <v>1.0609861866589789</v>
      </c>
      <c r="T277" s="12">
        <f t="shared" si="122"/>
        <v>0.67790786498212752</v>
      </c>
      <c r="U277" s="12">
        <f t="shared" si="123"/>
        <v>0.40699471377216029</v>
      </c>
      <c r="V277" s="12">
        <f t="shared" si="124"/>
        <v>0.52104102880341097</v>
      </c>
      <c r="W277" s="12">
        <f t="shared" si="130"/>
        <v>0</v>
      </c>
      <c r="X277" s="12">
        <f t="shared" si="125"/>
        <v>-7.0953309908476907E-3</v>
      </c>
      <c r="Y277" s="12">
        <f t="shared" si="126"/>
        <v>-1.3263420615734021E-2</v>
      </c>
      <c r="Z277" s="12">
        <f t="shared" si="127"/>
        <v>-1.2756454396407539E-2</v>
      </c>
      <c r="AA277" s="12">
        <f t="shared" si="128"/>
        <v>-2.1476600051355411E-2</v>
      </c>
      <c r="AB277" s="12">
        <f t="shared" si="131"/>
        <v>0</v>
      </c>
      <c r="AC277" s="12">
        <f t="shared" si="132"/>
        <v>0.34226016335634835</v>
      </c>
      <c r="AD277" s="12">
        <f t="shared" si="133"/>
        <v>0.15026339029248245</v>
      </c>
      <c r="AE277" s="12">
        <f t="shared" si="134"/>
        <v>0</v>
      </c>
      <c r="AF277" s="12">
        <f t="shared" si="135"/>
        <v>1.8045021932520722E-2</v>
      </c>
      <c r="AG277" s="12">
        <f t="shared" si="136"/>
        <v>0</v>
      </c>
      <c r="AH277" s="12">
        <f>AC277/SUM(AC$2:AG$366)*Input!$J$5</f>
        <v>350.47827139912704</v>
      </c>
      <c r="AI277" s="12">
        <f>AD277/SUM(AC$2:AG$366)*Input!$J$5</f>
        <v>153.8714081353657</v>
      </c>
      <c r="AJ277" s="12">
        <f>AE277/SUM(AC$2:AG$366)*Input!$J$5</f>
        <v>0</v>
      </c>
      <c r="AK277" s="12">
        <f>AF277/SUM(AC$2:AG$366)*Input!$J$5</f>
        <v>18.478306187461506</v>
      </c>
      <c r="AL277" s="12">
        <f>AG277/SUM(AC$2:AG$366)*Input!$J$5</f>
        <v>0</v>
      </c>
      <c r="AM277" s="12">
        <f t="shared" si="137"/>
        <v>8.8695869699815191</v>
      </c>
      <c r="AN277" s="12">
        <f t="shared" si="138"/>
        <v>457.88187532811236</v>
      </c>
      <c r="AO277" s="12">
        <f t="shared" si="139"/>
        <v>37.38434894924022</v>
      </c>
      <c r="AP277" s="12">
        <f t="shared" si="140"/>
        <v>18.69217447462011</v>
      </c>
      <c r="AQ277" s="12">
        <f t="shared" si="141"/>
        <v>0</v>
      </c>
      <c r="AR277" s="11">
        <f t="shared" si="142"/>
        <v>522.82798572195418</v>
      </c>
    </row>
    <row r="278" spans="16:44" x14ac:dyDescent="0.25">
      <c r="P278" s="10">
        <f t="shared" si="143"/>
        <v>45203</v>
      </c>
      <c r="Q278" s="28">
        <v>20.399999999999999</v>
      </c>
      <c r="R278" s="28">
        <f t="shared" si="129"/>
        <v>3</v>
      </c>
      <c r="S278" s="12">
        <f t="shared" si="121"/>
        <v>1.0609861866589789</v>
      </c>
      <c r="T278" s="12">
        <f t="shared" si="122"/>
        <v>0.67790786498212752</v>
      </c>
      <c r="U278" s="12">
        <f t="shared" si="123"/>
        <v>0.40699471377216029</v>
      </c>
      <c r="V278" s="12">
        <f t="shared" si="124"/>
        <v>0.52104102880341097</v>
      </c>
      <c r="W278" s="12">
        <f t="shared" si="130"/>
        <v>0</v>
      </c>
      <c r="X278" s="12">
        <f t="shared" si="125"/>
        <v>-7.0953309908476907E-3</v>
      </c>
      <c r="Y278" s="12">
        <f t="shared" si="126"/>
        <v>-1.3263420615734021E-2</v>
      </c>
      <c r="Z278" s="12">
        <f t="shared" si="127"/>
        <v>-1.2756454396407539E-2</v>
      </c>
      <c r="AA278" s="12">
        <f t="shared" si="128"/>
        <v>-2.1476600051355411E-2</v>
      </c>
      <c r="AB278" s="12">
        <f t="shared" si="131"/>
        <v>0</v>
      </c>
      <c r="AC278" s="12">
        <f t="shared" si="132"/>
        <v>0.34359053791713229</v>
      </c>
      <c r="AD278" s="12">
        <f t="shared" si="133"/>
        <v>0.15275028165793256</v>
      </c>
      <c r="AE278" s="12">
        <f t="shared" si="134"/>
        <v>0</v>
      </c>
      <c r="AF278" s="12">
        <f t="shared" si="135"/>
        <v>2.0729596938940151E-2</v>
      </c>
      <c r="AG278" s="12">
        <f t="shared" si="136"/>
        <v>0</v>
      </c>
      <c r="AH278" s="12">
        <f>AC278/SUM(AC$2:AG$366)*Input!$J$5</f>
        <v>351.84058996931793</v>
      </c>
      <c r="AI278" s="12">
        <f>AD278/SUM(AC$2:AG$366)*Input!$J$5</f>
        <v>156.41801297062634</v>
      </c>
      <c r="AJ278" s="12">
        <f>AE278/SUM(AC$2:AG$366)*Input!$J$5</f>
        <v>0</v>
      </c>
      <c r="AK278" s="12">
        <f>AF278/SUM(AC$2:AG$366)*Input!$J$5</f>
        <v>21.2273413029259</v>
      </c>
      <c r="AL278" s="12">
        <f>AG278/SUM(AC$2:AG$366)*Input!$J$5</f>
        <v>0</v>
      </c>
      <c r="AM278" s="12">
        <f t="shared" si="137"/>
        <v>10.189123825404428</v>
      </c>
      <c r="AN278" s="12">
        <f t="shared" si="138"/>
        <v>463.00232602237486</v>
      </c>
      <c r="AO278" s="12">
        <f t="shared" si="139"/>
        <v>37.529662930060582</v>
      </c>
      <c r="AP278" s="12">
        <f t="shared" si="140"/>
        <v>18.764831465030291</v>
      </c>
      <c r="AQ278" s="12">
        <f t="shared" si="141"/>
        <v>0</v>
      </c>
      <c r="AR278" s="11">
        <f t="shared" si="142"/>
        <v>529.48594424287012</v>
      </c>
    </row>
    <row r="279" spans="16:44" x14ac:dyDescent="0.25">
      <c r="P279" s="10">
        <f t="shared" si="143"/>
        <v>45204</v>
      </c>
      <c r="Q279" s="28">
        <v>16.8</v>
      </c>
      <c r="R279" s="28">
        <f t="shared" si="129"/>
        <v>4</v>
      </c>
      <c r="S279" s="12">
        <f t="shared" si="121"/>
        <v>1.0609861866589789</v>
      </c>
      <c r="T279" s="12">
        <f t="shared" si="122"/>
        <v>1.4695351264848711</v>
      </c>
      <c r="U279" s="12">
        <f t="shared" si="123"/>
        <v>0.40699471377216029</v>
      </c>
      <c r="V279" s="12">
        <f t="shared" si="124"/>
        <v>0.52104102880341097</v>
      </c>
      <c r="W279" s="12">
        <f t="shared" si="130"/>
        <v>0</v>
      </c>
      <c r="X279" s="12">
        <f t="shared" si="125"/>
        <v>-7.0953309908476907E-3</v>
      </c>
      <c r="Y279" s="12">
        <f t="shared" si="126"/>
        <v>-5.875924024232846E-2</v>
      </c>
      <c r="Z279" s="12">
        <f t="shared" si="127"/>
        <v>-1.2756454396407539E-2</v>
      </c>
      <c r="AA279" s="12">
        <f t="shared" si="128"/>
        <v>-2.1476600051355411E-2</v>
      </c>
      <c r="AB279" s="12">
        <f t="shared" si="131"/>
        <v>0</v>
      </c>
      <c r="AC279" s="12">
        <f t="shared" si="132"/>
        <v>0.35316923475477663</v>
      </c>
      <c r="AD279" s="12">
        <f t="shared" si="133"/>
        <v>0.18089245890515732</v>
      </c>
      <c r="AE279" s="12">
        <f t="shared" si="134"/>
        <v>0</v>
      </c>
      <c r="AF279" s="12">
        <f t="shared" si="135"/>
        <v>4.0058536985160015E-2</v>
      </c>
      <c r="AG279" s="12">
        <f t="shared" si="136"/>
        <v>0</v>
      </c>
      <c r="AH279" s="12">
        <f>AC279/SUM(AC$2:AG$366)*Input!$J$5</f>
        <v>361.64928367469247</v>
      </c>
      <c r="AI279" s="12">
        <f>AD279/SUM(AC$2:AG$366)*Input!$J$5</f>
        <v>185.23592019737526</v>
      </c>
      <c r="AJ279" s="12">
        <f>AE279/SUM(AC$2:AG$366)*Input!$J$5</f>
        <v>0</v>
      </c>
      <c r="AK279" s="12">
        <f>AF279/SUM(AC$2:AG$366)*Input!$J$5</f>
        <v>41.020394134269523</v>
      </c>
      <c r="AL279" s="12">
        <f>AG279/SUM(AC$2:AG$366)*Input!$J$5</f>
        <v>0</v>
      </c>
      <c r="AM279" s="12">
        <f t="shared" si="137"/>
        <v>19.68978918444936</v>
      </c>
      <c r="AN279" s="12">
        <f t="shared" si="138"/>
        <v>510.35192343393709</v>
      </c>
      <c r="AO279" s="12">
        <f t="shared" si="139"/>
        <v>38.575923591967197</v>
      </c>
      <c r="AP279" s="12">
        <f t="shared" si="140"/>
        <v>19.287961795983598</v>
      </c>
      <c r="AQ279" s="12">
        <f t="shared" si="141"/>
        <v>0</v>
      </c>
      <c r="AR279" s="11">
        <f t="shared" si="142"/>
        <v>587.9055980063373</v>
      </c>
    </row>
    <row r="280" spans="16:44" x14ac:dyDescent="0.25">
      <c r="P280" s="10">
        <f t="shared" si="143"/>
        <v>45205</v>
      </c>
      <c r="Q280" s="28">
        <v>17.600000000000001</v>
      </c>
      <c r="R280" s="28">
        <f t="shared" si="129"/>
        <v>5</v>
      </c>
      <c r="S280" s="12">
        <f t="shared" si="121"/>
        <v>1.0609861866589789</v>
      </c>
      <c r="T280" s="12">
        <f t="shared" si="122"/>
        <v>0.67790786498212752</v>
      </c>
      <c r="U280" s="12">
        <f t="shared" si="123"/>
        <v>0.40699471377216029</v>
      </c>
      <c r="V280" s="12">
        <f t="shared" si="124"/>
        <v>0.52104102880341097</v>
      </c>
      <c r="W280" s="12">
        <f t="shared" si="130"/>
        <v>0</v>
      </c>
      <c r="X280" s="12">
        <f t="shared" si="125"/>
        <v>-7.0953309908476907E-3</v>
      </c>
      <c r="Y280" s="12">
        <f t="shared" si="126"/>
        <v>-1.3263420615734021E-2</v>
      </c>
      <c r="Z280" s="12">
        <f t="shared" si="127"/>
        <v>-1.2756454396407539E-2</v>
      </c>
      <c r="AA280" s="12">
        <f t="shared" si="128"/>
        <v>-2.1476600051355411E-2</v>
      </c>
      <c r="AB280" s="12">
        <f t="shared" si="131"/>
        <v>0</v>
      </c>
      <c r="AC280" s="12">
        <f t="shared" si="132"/>
        <v>0.35104063545752234</v>
      </c>
      <c r="AD280" s="12">
        <f t="shared" si="133"/>
        <v>0.16667687330445327</v>
      </c>
      <c r="AE280" s="12">
        <f t="shared" si="134"/>
        <v>0</v>
      </c>
      <c r="AF280" s="12">
        <f t="shared" si="135"/>
        <v>3.576321697488892E-2</v>
      </c>
      <c r="AG280" s="12">
        <f t="shared" si="136"/>
        <v>0</v>
      </c>
      <c r="AH280" s="12">
        <f>AC280/SUM(AC$2:AG$366)*Input!$J$5</f>
        <v>359.46957396238702</v>
      </c>
      <c r="AI280" s="12">
        <f>AD280/SUM(AC$2:AG$366)*Input!$J$5</f>
        <v>170.67900004808595</v>
      </c>
      <c r="AJ280" s="12">
        <f>AE280/SUM(AC$2:AG$366)*Input!$J$5</f>
        <v>0</v>
      </c>
      <c r="AK280" s="12">
        <f>AF280/SUM(AC$2:AG$366)*Input!$J$5</f>
        <v>36.621937949526483</v>
      </c>
      <c r="AL280" s="12">
        <f>AG280/SUM(AC$2:AG$366)*Input!$J$5</f>
        <v>0</v>
      </c>
      <c r="AM280" s="12">
        <f t="shared" si="137"/>
        <v>17.578530215772702</v>
      </c>
      <c r="AN280" s="12">
        <f t="shared" si="138"/>
        <v>491.67684991024481</v>
      </c>
      <c r="AO280" s="12">
        <f t="shared" si="139"/>
        <v>38.343421222654619</v>
      </c>
      <c r="AP280" s="12">
        <f t="shared" si="140"/>
        <v>19.17171061132731</v>
      </c>
      <c r="AQ280" s="12">
        <f t="shared" si="141"/>
        <v>0</v>
      </c>
      <c r="AR280" s="11">
        <f t="shared" si="142"/>
        <v>566.77051195999934</v>
      </c>
    </row>
    <row r="281" spans="16:44" x14ac:dyDescent="0.25">
      <c r="P281" s="10">
        <f t="shared" si="143"/>
        <v>45206</v>
      </c>
      <c r="Q281" s="28">
        <v>18.899999999999999</v>
      </c>
      <c r="R281" s="28">
        <f t="shared" si="129"/>
        <v>6</v>
      </c>
      <c r="S281" s="12">
        <f t="shared" si="121"/>
        <v>0.66609297291086311</v>
      </c>
      <c r="T281" s="12">
        <f t="shared" si="122"/>
        <v>0.19607255136472959</v>
      </c>
      <c r="U281" s="12">
        <f t="shared" si="123"/>
        <v>0.65274423464211173</v>
      </c>
      <c r="V281" s="12">
        <f t="shared" si="124"/>
        <v>0.29524473618599389</v>
      </c>
      <c r="W281" s="12">
        <f t="shared" si="130"/>
        <v>0.44487676601187343</v>
      </c>
      <c r="X281" s="12">
        <f t="shared" si="125"/>
        <v>-3.4097042997074749E-4</v>
      </c>
      <c r="Y281" s="12">
        <f t="shared" si="126"/>
        <v>-6.2279477920712143E-4</v>
      </c>
      <c r="Z281" s="12">
        <f t="shared" si="127"/>
        <v>-1.60343007315953E-2</v>
      </c>
      <c r="AA281" s="12">
        <f t="shared" si="128"/>
        <v>-9.762199133681506E-3</v>
      </c>
      <c r="AB281" s="12">
        <f t="shared" si="131"/>
        <v>-1.748296682554611E-2</v>
      </c>
      <c r="AC281" s="12">
        <f t="shared" si="132"/>
        <v>0</v>
      </c>
      <c r="AD281" s="12">
        <f t="shared" si="133"/>
        <v>6.450560551320024E-2</v>
      </c>
      <c r="AE281" s="12">
        <f t="shared" si="134"/>
        <v>3.0598395696309049E-2</v>
      </c>
      <c r="AF281" s="12">
        <f t="shared" si="135"/>
        <v>1.9379355197897352E-2</v>
      </c>
      <c r="AG281" s="12">
        <f t="shared" si="136"/>
        <v>1.0014260638292046E-2</v>
      </c>
      <c r="AH281" s="12">
        <f>AC281/SUM(AC$2:AG$366)*Input!$J$5</f>
        <v>0</v>
      </c>
      <c r="AI281" s="12">
        <f>AD281/SUM(AC$2:AG$366)*Input!$J$5</f>
        <v>66.054468314742252</v>
      </c>
      <c r="AJ281" s="12">
        <f>AE281/SUM(AC$2:AG$366)*Input!$J$5</f>
        <v>31.333102649353275</v>
      </c>
      <c r="AK281" s="12">
        <f>AF281/SUM(AC$2:AG$366)*Input!$J$5</f>
        <v>19.844678515849164</v>
      </c>
      <c r="AL281" s="12">
        <f>AG281/SUM(AC$2:AG$366)*Input!$J$5</f>
        <v>10.254715954759432</v>
      </c>
      <c r="AM281" s="12">
        <f t="shared" si="137"/>
        <v>9.8445273165690601</v>
      </c>
      <c r="AN281" s="12">
        <f t="shared" si="138"/>
        <v>109.71590192036601</v>
      </c>
      <c r="AO281" s="12">
        <f t="shared" si="139"/>
        <v>5.2843574651793803</v>
      </c>
      <c r="AP281" s="12">
        <f t="shared" si="140"/>
        <v>2.6421787325896902</v>
      </c>
      <c r="AQ281" s="12">
        <f t="shared" si="141"/>
        <v>0</v>
      </c>
      <c r="AR281" s="11">
        <f t="shared" si="142"/>
        <v>127.48696543470413</v>
      </c>
    </row>
    <row r="282" spans="16:44" x14ac:dyDescent="0.25">
      <c r="P282" s="10">
        <f t="shared" si="143"/>
        <v>45207</v>
      </c>
      <c r="Q282" s="28">
        <v>16.600000000000001</v>
      </c>
      <c r="R282" s="28">
        <f t="shared" si="129"/>
        <v>7</v>
      </c>
      <c r="S282" s="12">
        <f t="shared" si="121"/>
        <v>0.88136675487947747</v>
      </c>
      <c r="T282" s="12">
        <f t="shared" si="122"/>
        <v>0.19607255136472959</v>
      </c>
      <c r="U282" s="12">
        <f t="shared" si="123"/>
        <v>0.65274423464211173</v>
      </c>
      <c r="V282" s="12">
        <f t="shared" si="124"/>
        <v>0.29524473618599389</v>
      </c>
      <c r="W282" s="12">
        <f t="shared" si="130"/>
        <v>0.44487676601187343</v>
      </c>
      <c r="X282" s="12">
        <f t="shared" si="125"/>
        <v>-1.236743869637378E-2</v>
      </c>
      <c r="Y282" s="12">
        <f t="shared" si="126"/>
        <v>-6.2279477920712143E-4</v>
      </c>
      <c r="Z282" s="12">
        <f t="shared" si="127"/>
        <v>-1.60343007315953E-2</v>
      </c>
      <c r="AA282" s="12">
        <f t="shared" si="128"/>
        <v>-9.762199133681506E-3</v>
      </c>
      <c r="AB282" s="12">
        <f t="shared" si="131"/>
        <v>-1.748296682554611E-2</v>
      </c>
      <c r="AC282" s="12">
        <f t="shared" si="132"/>
        <v>0</v>
      </c>
      <c r="AD282" s="12">
        <f t="shared" si="133"/>
        <v>6.5006955310461981E-2</v>
      </c>
      <c r="AE282" s="12">
        <f t="shared" si="134"/>
        <v>3.3825298718542597E-2</v>
      </c>
      <c r="AF282" s="12">
        <f t="shared" si="135"/>
        <v>2.330864034920415E-2</v>
      </c>
      <c r="AG282" s="12">
        <f t="shared" si="136"/>
        <v>1.3532707711933198E-2</v>
      </c>
      <c r="AH282" s="12">
        <f>AC282/SUM(AC$2:AG$366)*Input!$J$5</f>
        <v>0</v>
      </c>
      <c r="AI282" s="12">
        <f>AD282/SUM(AC$2:AG$366)*Input!$J$5</f>
        <v>66.567856167384775</v>
      </c>
      <c r="AJ282" s="12">
        <f>AE282/SUM(AC$2:AG$366)*Input!$J$5</f>
        <v>34.637487775902528</v>
      </c>
      <c r="AK282" s="12">
        <f>AF282/SUM(AC$2:AG$366)*Input!$J$5</f>
        <v>23.868310872473881</v>
      </c>
      <c r="AL282" s="12">
        <f>AG282/SUM(AC$2:AG$366)*Input!$J$5</f>
        <v>13.857645481486648</v>
      </c>
      <c r="AM282" s="12">
        <f t="shared" si="137"/>
        <v>13.30333966222719</v>
      </c>
      <c r="AN282" s="12">
        <f t="shared" si="138"/>
        <v>117.63981789493447</v>
      </c>
      <c r="AO282" s="12">
        <f t="shared" si="139"/>
        <v>5.3254284933907821</v>
      </c>
      <c r="AP282" s="12">
        <f t="shared" si="140"/>
        <v>2.662714246695391</v>
      </c>
      <c r="AQ282" s="12">
        <f t="shared" si="141"/>
        <v>0</v>
      </c>
      <c r="AR282" s="11">
        <f t="shared" si="142"/>
        <v>138.93130029724784</v>
      </c>
    </row>
    <row r="283" spans="16:44" x14ac:dyDescent="0.25">
      <c r="P283" s="10">
        <f t="shared" si="143"/>
        <v>45208</v>
      </c>
      <c r="Q283" s="28">
        <v>15</v>
      </c>
      <c r="R283" s="28">
        <f t="shared" si="129"/>
        <v>1</v>
      </c>
      <c r="S283" s="12">
        <f t="shared" si="121"/>
        <v>1.0609861866589789</v>
      </c>
      <c r="T283" s="12">
        <f t="shared" si="122"/>
        <v>1.4695351264848711</v>
      </c>
      <c r="U283" s="12">
        <f t="shared" si="123"/>
        <v>1.771938814155029</v>
      </c>
      <c r="V283" s="12">
        <f t="shared" si="124"/>
        <v>0.52104102880341097</v>
      </c>
      <c r="W283" s="12">
        <f t="shared" si="130"/>
        <v>0</v>
      </c>
      <c r="X283" s="12">
        <f t="shared" si="125"/>
        <v>-7.0953309908476907E-3</v>
      </c>
      <c r="Y283" s="12">
        <f t="shared" si="126"/>
        <v>-5.875924024232846E-2</v>
      </c>
      <c r="Z283" s="12">
        <f t="shared" si="127"/>
        <v>-9.5984753200240996E-2</v>
      </c>
      <c r="AA283" s="12">
        <f t="shared" si="128"/>
        <v>-2.1476600051355411E-2</v>
      </c>
      <c r="AB283" s="12">
        <f t="shared" si="131"/>
        <v>0</v>
      </c>
      <c r="AC283" s="12">
        <f t="shared" si="132"/>
        <v>0.35795858317359885</v>
      </c>
      <c r="AD283" s="12">
        <f t="shared" si="133"/>
        <v>0.22055494606872905</v>
      </c>
      <c r="AE283" s="12">
        <f t="shared" si="134"/>
        <v>0</v>
      </c>
      <c r="AF283" s="12">
        <f t="shared" si="135"/>
        <v>4.9723007008269954E-2</v>
      </c>
      <c r="AG283" s="12">
        <f t="shared" si="136"/>
        <v>0</v>
      </c>
      <c r="AH283" s="12">
        <f>AC283/SUM(AC$2:AG$366)*Input!$J$5</f>
        <v>366.55363052737982</v>
      </c>
      <c r="AI283" s="12">
        <f>AD283/SUM(AC$2:AG$366)*Input!$J$5</f>
        <v>225.85075484293014</v>
      </c>
      <c r="AJ283" s="12">
        <f>AE283/SUM(AC$2:AG$366)*Input!$J$5</f>
        <v>0</v>
      </c>
      <c r="AK283" s="12">
        <f>AF283/SUM(AC$2:AG$366)*Input!$J$5</f>
        <v>50.916920549941338</v>
      </c>
      <c r="AL283" s="12">
        <f>AG283/SUM(AC$2:AG$366)*Input!$J$5</f>
        <v>0</v>
      </c>
      <c r="AM283" s="12">
        <f t="shared" si="137"/>
        <v>24.440121863971829</v>
      </c>
      <c r="AN283" s="12">
        <f t="shared" si="138"/>
        <v>560.23260317189863</v>
      </c>
      <c r="AO283" s="12">
        <f t="shared" si="139"/>
        <v>39.099053922920518</v>
      </c>
      <c r="AP283" s="12">
        <f t="shared" si="140"/>
        <v>19.549526961460259</v>
      </c>
      <c r="AQ283" s="12">
        <f t="shared" si="141"/>
        <v>0</v>
      </c>
      <c r="AR283" s="11">
        <f t="shared" si="142"/>
        <v>643.32130592025123</v>
      </c>
    </row>
    <row r="284" spans="16:44" x14ac:dyDescent="0.25">
      <c r="P284" s="10">
        <f t="shared" si="143"/>
        <v>45209</v>
      </c>
      <c r="Q284" s="28">
        <v>17.100000000000001</v>
      </c>
      <c r="R284" s="28">
        <f t="shared" si="129"/>
        <v>2</v>
      </c>
      <c r="S284" s="12">
        <f t="shared" si="121"/>
        <v>1.0609861866589789</v>
      </c>
      <c r="T284" s="12">
        <f t="shared" si="122"/>
        <v>1.4695351264848711</v>
      </c>
      <c r="U284" s="12">
        <f t="shared" si="123"/>
        <v>0.40699471377216029</v>
      </c>
      <c r="V284" s="12">
        <f t="shared" si="124"/>
        <v>0.52104102880341097</v>
      </c>
      <c r="W284" s="12">
        <f t="shared" si="130"/>
        <v>0</v>
      </c>
      <c r="X284" s="12">
        <f t="shared" si="125"/>
        <v>-7.0953309908476907E-3</v>
      </c>
      <c r="Y284" s="12">
        <f t="shared" si="126"/>
        <v>-5.875924024232846E-2</v>
      </c>
      <c r="Z284" s="12">
        <f t="shared" si="127"/>
        <v>-1.2756454396407539E-2</v>
      </c>
      <c r="AA284" s="12">
        <f t="shared" si="128"/>
        <v>-2.1476600051355411E-2</v>
      </c>
      <c r="AB284" s="12">
        <f t="shared" si="131"/>
        <v>0</v>
      </c>
      <c r="AC284" s="12">
        <f t="shared" si="132"/>
        <v>0.35237101001830629</v>
      </c>
      <c r="AD284" s="12">
        <f t="shared" si="133"/>
        <v>0.17428204437789538</v>
      </c>
      <c r="AE284" s="12">
        <f t="shared" si="134"/>
        <v>0</v>
      </c>
      <c r="AF284" s="12">
        <f t="shared" si="135"/>
        <v>3.8447791981308349E-2</v>
      </c>
      <c r="AG284" s="12">
        <f t="shared" si="136"/>
        <v>0</v>
      </c>
      <c r="AH284" s="12">
        <f>AC284/SUM(AC$2:AG$366)*Input!$J$5</f>
        <v>360.83189253257797</v>
      </c>
      <c r="AI284" s="12">
        <f>AD284/SUM(AC$2:AG$366)*Input!$J$5</f>
        <v>178.46678108978281</v>
      </c>
      <c r="AJ284" s="12">
        <f>AE284/SUM(AC$2:AG$366)*Input!$J$5</f>
        <v>0</v>
      </c>
      <c r="AK284" s="12">
        <f>AF284/SUM(AC$2:AG$366)*Input!$J$5</f>
        <v>39.370973064990878</v>
      </c>
      <c r="AL284" s="12">
        <f>AG284/SUM(AC$2:AG$366)*Input!$J$5</f>
        <v>0</v>
      </c>
      <c r="AM284" s="12">
        <f t="shared" si="137"/>
        <v>18.898067071195612</v>
      </c>
      <c r="AN284" s="12">
        <f t="shared" si="138"/>
        <v>502.03847681094362</v>
      </c>
      <c r="AO284" s="12">
        <f t="shared" si="139"/>
        <v>38.488735203474988</v>
      </c>
      <c r="AP284" s="12">
        <f t="shared" si="140"/>
        <v>19.244367601737494</v>
      </c>
      <c r="AQ284" s="12">
        <f t="shared" si="141"/>
        <v>0</v>
      </c>
      <c r="AR284" s="11">
        <f t="shared" si="142"/>
        <v>578.6696466873517</v>
      </c>
    </row>
    <row r="285" spans="16:44" x14ac:dyDescent="0.25">
      <c r="P285" s="10">
        <f t="shared" si="143"/>
        <v>45210</v>
      </c>
      <c r="Q285" s="28">
        <v>18.5</v>
      </c>
      <c r="R285" s="28">
        <f t="shared" si="129"/>
        <v>3</v>
      </c>
      <c r="S285" s="12">
        <f t="shared" si="121"/>
        <v>1.0609861866589789</v>
      </c>
      <c r="T285" s="12">
        <f t="shared" si="122"/>
        <v>0.67790786498212752</v>
      </c>
      <c r="U285" s="12">
        <f t="shared" si="123"/>
        <v>0.40699471377216029</v>
      </c>
      <c r="V285" s="12">
        <f t="shared" si="124"/>
        <v>0.52104102880341097</v>
      </c>
      <c r="W285" s="12">
        <f t="shared" si="130"/>
        <v>0</v>
      </c>
      <c r="X285" s="12">
        <f t="shared" si="125"/>
        <v>-7.0953309908476907E-3</v>
      </c>
      <c r="Y285" s="12">
        <f t="shared" si="126"/>
        <v>-1.3263420615734021E-2</v>
      </c>
      <c r="Z285" s="12">
        <f t="shared" si="127"/>
        <v>-1.2756454396407539E-2</v>
      </c>
      <c r="AA285" s="12">
        <f t="shared" si="128"/>
        <v>-2.1476600051355411E-2</v>
      </c>
      <c r="AB285" s="12">
        <f t="shared" si="131"/>
        <v>0</v>
      </c>
      <c r="AC285" s="12">
        <f t="shared" si="132"/>
        <v>0.3486459612481112</v>
      </c>
      <c r="AD285" s="12">
        <f t="shared" si="133"/>
        <v>0.16220046884664305</v>
      </c>
      <c r="AE285" s="12">
        <f t="shared" si="134"/>
        <v>0</v>
      </c>
      <c r="AF285" s="12">
        <f t="shared" si="135"/>
        <v>3.0930981963333964E-2</v>
      </c>
      <c r="AG285" s="12">
        <f t="shared" si="136"/>
        <v>0</v>
      </c>
      <c r="AH285" s="12">
        <f>AC285/SUM(AC$2:AG$366)*Input!$J$5</f>
        <v>357.0174005360434</v>
      </c>
      <c r="AI285" s="12">
        <f>AD285/SUM(AC$2:AG$366)*Input!$J$5</f>
        <v>166.09511134461681</v>
      </c>
      <c r="AJ285" s="12">
        <f>AE285/SUM(AC$2:AG$366)*Input!$J$5</f>
        <v>0</v>
      </c>
      <c r="AK285" s="12">
        <f>AF285/SUM(AC$2:AG$366)*Input!$J$5</f>
        <v>31.673674741690586</v>
      </c>
      <c r="AL285" s="12">
        <f>AG285/SUM(AC$2:AG$366)*Input!$J$5</f>
        <v>0</v>
      </c>
      <c r="AM285" s="12">
        <f t="shared" si="137"/>
        <v>15.203363876011474</v>
      </c>
      <c r="AN285" s="12">
        <f t="shared" si="138"/>
        <v>482.46003866057237</v>
      </c>
      <c r="AO285" s="12">
        <f t="shared" si="139"/>
        <v>38.081856057177966</v>
      </c>
      <c r="AP285" s="12">
        <f t="shared" si="140"/>
        <v>19.040928028588983</v>
      </c>
      <c r="AQ285" s="12">
        <f t="shared" si="141"/>
        <v>0</v>
      </c>
      <c r="AR285" s="11">
        <f t="shared" si="142"/>
        <v>554.78618662235078</v>
      </c>
    </row>
    <row r="286" spans="16:44" x14ac:dyDescent="0.25">
      <c r="P286" s="10">
        <f t="shared" si="143"/>
        <v>45211</v>
      </c>
      <c r="Q286" s="28">
        <v>19.399999999999999</v>
      </c>
      <c r="R286" s="28">
        <f t="shared" si="129"/>
        <v>4</v>
      </c>
      <c r="S286" s="12">
        <f t="shared" si="121"/>
        <v>1.0609861866589789</v>
      </c>
      <c r="T286" s="12">
        <f t="shared" si="122"/>
        <v>0.67790786498212752</v>
      </c>
      <c r="U286" s="12">
        <f t="shared" si="123"/>
        <v>0.40699471377216029</v>
      </c>
      <c r="V286" s="12">
        <f t="shared" si="124"/>
        <v>0.52104102880341097</v>
      </c>
      <c r="W286" s="12">
        <f t="shared" si="130"/>
        <v>0</v>
      </c>
      <c r="X286" s="12">
        <f t="shared" si="125"/>
        <v>-7.0953309908476907E-3</v>
      </c>
      <c r="Y286" s="12">
        <f t="shared" si="126"/>
        <v>-1.3263420615734021E-2</v>
      </c>
      <c r="Z286" s="12">
        <f t="shared" si="127"/>
        <v>-1.2756454396407539E-2</v>
      </c>
      <c r="AA286" s="12">
        <f t="shared" si="128"/>
        <v>-2.1476600051355411E-2</v>
      </c>
      <c r="AB286" s="12">
        <f t="shared" si="131"/>
        <v>0</v>
      </c>
      <c r="AC286" s="12">
        <f t="shared" si="132"/>
        <v>0.34625128703870017</v>
      </c>
      <c r="AD286" s="12">
        <f t="shared" si="133"/>
        <v>0.15772406438883282</v>
      </c>
      <c r="AE286" s="12">
        <f t="shared" si="134"/>
        <v>0</v>
      </c>
      <c r="AF286" s="12">
        <f t="shared" si="135"/>
        <v>2.6098746951779009E-2</v>
      </c>
      <c r="AG286" s="12">
        <f t="shared" si="136"/>
        <v>0</v>
      </c>
      <c r="AH286" s="12">
        <f>AC286/SUM(AC$2:AG$366)*Input!$J$5</f>
        <v>354.56522710969978</v>
      </c>
      <c r="AI286" s="12">
        <f>AD286/SUM(AC$2:AG$366)*Input!$J$5</f>
        <v>161.51122264114764</v>
      </c>
      <c r="AJ286" s="12">
        <f>AE286/SUM(AC$2:AG$366)*Input!$J$5</f>
        <v>0</v>
      </c>
      <c r="AK286" s="12">
        <f>AF286/SUM(AC$2:AG$366)*Input!$J$5</f>
        <v>26.725411533854693</v>
      </c>
      <c r="AL286" s="12">
        <f>AG286/SUM(AC$2:AG$366)*Input!$J$5</f>
        <v>0</v>
      </c>
      <c r="AM286" s="12">
        <f t="shared" si="137"/>
        <v>12.828197536250247</v>
      </c>
      <c r="AN286" s="12">
        <f t="shared" si="138"/>
        <v>473.24322741089992</v>
      </c>
      <c r="AO286" s="12">
        <f t="shared" si="139"/>
        <v>37.820290891701312</v>
      </c>
      <c r="AP286" s="12">
        <f t="shared" si="140"/>
        <v>18.910145445850656</v>
      </c>
      <c r="AQ286" s="12">
        <f t="shared" si="141"/>
        <v>0</v>
      </c>
      <c r="AR286" s="11">
        <f t="shared" si="142"/>
        <v>542.80186128470211</v>
      </c>
    </row>
    <row r="287" spans="16:44" x14ac:dyDescent="0.25">
      <c r="P287" s="10">
        <f t="shared" si="143"/>
        <v>45212</v>
      </c>
      <c r="Q287" s="28">
        <v>22.5</v>
      </c>
      <c r="R287" s="28">
        <f t="shared" si="129"/>
        <v>5</v>
      </c>
      <c r="S287" s="12">
        <f t="shared" si="121"/>
        <v>1.0609861866589789</v>
      </c>
      <c r="T287" s="12">
        <f t="shared" si="122"/>
        <v>0.67790786498212752</v>
      </c>
      <c r="U287" s="12">
        <f t="shared" si="123"/>
        <v>0.40699471377216029</v>
      </c>
      <c r="V287" s="12">
        <f t="shared" si="124"/>
        <v>0.52104102880341097</v>
      </c>
      <c r="W287" s="12">
        <f t="shared" si="130"/>
        <v>0</v>
      </c>
      <c r="X287" s="12">
        <f t="shared" si="125"/>
        <v>-7.0953309908476907E-3</v>
      </c>
      <c r="Y287" s="12">
        <f t="shared" si="126"/>
        <v>-1.3263420615734021E-2</v>
      </c>
      <c r="Z287" s="12">
        <f t="shared" si="127"/>
        <v>-1.2756454396407539E-2</v>
      </c>
      <c r="AA287" s="12">
        <f t="shared" si="128"/>
        <v>-2.1476600051355411E-2</v>
      </c>
      <c r="AB287" s="12">
        <f t="shared" si="131"/>
        <v>0</v>
      </c>
      <c r="AC287" s="12">
        <f t="shared" si="132"/>
        <v>0.33800296476183966</v>
      </c>
      <c r="AD287" s="12">
        <f t="shared" si="133"/>
        <v>0.14230533792304201</v>
      </c>
      <c r="AE287" s="12">
        <f t="shared" si="134"/>
        <v>0</v>
      </c>
      <c r="AF287" s="12">
        <f t="shared" si="135"/>
        <v>9.454381911978546E-3</v>
      </c>
      <c r="AG287" s="12">
        <f t="shared" si="136"/>
        <v>0</v>
      </c>
      <c r="AH287" s="12">
        <f>AC287/SUM(AC$2:AG$366)*Input!$J$5</f>
        <v>346.11885197451608</v>
      </c>
      <c r="AI287" s="12">
        <f>AD287/SUM(AC$2:AG$366)*Input!$J$5</f>
        <v>145.72227266253159</v>
      </c>
      <c r="AJ287" s="12">
        <f>AE287/SUM(AC$2:AG$366)*Input!$J$5</f>
        <v>0</v>
      </c>
      <c r="AK287" s="12">
        <f>AF287/SUM(AC$2:AG$366)*Input!$J$5</f>
        <v>9.6813938179754384</v>
      </c>
      <c r="AL287" s="12">
        <f>AG287/SUM(AC$2:AG$366)*Input!$J$5</f>
        <v>0</v>
      </c>
      <c r="AM287" s="12">
        <f t="shared" si="137"/>
        <v>4.6470690326282078</v>
      </c>
      <c r="AN287" s="12">
        <f t="shared" si="138"/>
        <v>441.49643310647235</v>
      </c>
      <c r="AO287" s="12">
        <f t="shared" si="139"/>
        <v>36.919344210615051</v>
      </c>
      <c r="AP287" s="12">
        <f t="shared" si="140"/>
        <v>18.459672105307526</v>
      </c>
      <c r="AQ287" s="12">
        <f t="shared" si="141"/>
        <v>0</v>
      </c>
      <c r="AR287" s="11">
        <f t="shared" si="142"/>
        <v>501.52251845502315</v>
      </c>
    </row>
    <row r="288" spans="16:44" x14ac:dyDescent="0.25">
      <c r="P288" s="10">
        <f t="shared" si="143"/>
        <v>45213</v>
      </c>
      <c r="Q288" s="28">
        <v>20</v>
      </c>
      <c r="R288" s="28">
        <f t="shared" si="129"/>
        <v>6</v>
      </c>
      <c r="S288" s="12">
        <f t="shared" si="121"/>
        <v>0.66609297291086311</v>
      </c>
      <c r="T288" s="12">
        <f t="shared" si="122"/>
        <v>0.19607255136472959</v>
      </c>
      <c r="U288" s="12">
        <f t="shared" si="123"/>
        <v>0.65274423464211173</v>
      </c>
      <c r="V288" s="12">
        <f t="shared" si="124"/>
        <v>0.29524473618599389</v>
      </c>
      <c r="W288" s="12">
        <f t="shared" si="130"/>
        <v>0.44487676601187343</v>
      </c>
      <c r="X288" s="12">
        <f t="shared" si="125"/>
        <v>-3.4097042997074749E-4</v>
      </c>
      <c r="Y288" s="12">
        <f t="shared" si="126"/>
        <v>-6.2279477920712143E-4</v>
      </c>
      <c r="Z288" s="12">
        <f t="shared" si="127"/>
        <v>-1.60343007315953E-2</v>
      </c>
      <c r="AA288" s="12">
        <f t="shared" si="128"/>
        <v>-9.762199133681506E-3</v>
      </c>
      <c r="AB288" s="12">
        <f t="shared" si="131"/>
        <v>-1.748296682554611E-2</v>
      </c>
      <c r="AC288" s="12">
        <f t="shared" si="132"/>
        <v>0</v>
      </c>
      <c r="AD288" s="12">
        <f t="shared" si="133"/>
        <v>6.4265829523205503E-2</v>
      </c>
      <c r="AE288" s="12">
        <f t="shared" si="134"/>
        <v>2.9055094250893001E-2</v>
      </c>
      <c r="AF288" s="12">
        <f t="shared" si="135"/>
        <v>1.7500131864663655E-2</v>
      </c>
      <c r="AG288" s="12">
        <f t="shared" si="136"/>
        <v>8.3315250813332329E-3</v>
      </c>
      <c r="AH288" s="12">
        <f>AC288/SUM(AC$2:AG$366)*Input!$J$5</f>
        <v>0</v>
      </c>
      <c r="AI288" s="12">
        <f>AD288/SUM(AC$2:AG$366)*Input!$J$5</f>
        <v>65.808934993913226</v>
      </c>
      <c r="AJ288" s="12">
        <f>AE288/SUM(AC$2:AG$366)*Input!$J$5</f>
        <v>29.752744545351462</v>
      </c>
      <c r="AK288" s="12">
        <f>AF288/SUM(AC$2:AG$366)*Input!$J$5</f>
        <v>17.920332606159072</v>
      </c>
      <c r="AL288" s="12">
        <f>AG288/SUM(AC$2:AG$366)*Input!$J$5</f>
        <v>8.5315757463246751</v>
      </c>
      <c r="AM288" s="12">
        <f t="shared" si="137"/>
        <v>8.1903127164716931</v>
      </c>
      <c r="AN288" s="12">
        <f t="shared" si="138"/>
        <v>105.92620297600716</v>
      </c>
      <c r="AO288" s="12">
        <f t="shared" si="139"/>
        <v>5.2647147995130581</v>
      </c>
      <c r="AP288" s="12">
        <f t="shared" si="140"/>
        <v>2.632357399756529</v>
      </c>
      <c r="AQ288" s="12">
        <f t="shared" si="141"/>
        <v>0</v>
      </c>
      <c r="AR288" s="11">
        <f t="shared" si="142"/>
        <v>122.01358789174844</v>
      </c>
    </row>
    <row r="289" spans="16:44" x14ac:dyDescent="0.25">
      <c r="P289" s="10">
        <f t="shared" si="143"/>
        <v>45214</v>
      </c>
      <c r="Q289" s="28">
        <v>15.8</v>
      </c>
      <c r="R289" s="28">
        <f t="shared" si="129"/>
        <v>7</v>
      </c>
      <c r="S289" s="12">
        <f t="shared" si="121"/>
        <v>0.88136675487947747</v>
      </c>
      <c r="T289" s="12">
        <f t="shared" si="122"/>
        <v>0.40529111994771311</v>
      </c>
      <c r="U289" s="12">
        <f t="shared" si="123"/>
        <v>1.4791569663107089</v>
      </c>
      <c r="V289" s="12">
        <f t="shared" si="124"/>
        <v>0.29524473618599389</v>
      </c>
      <c r="W289" s="12">
        <f t="shared" si="130"/>
        <v>0.44487676601187343</v>
      </c>
      <c r="X289" s="12">
        <f t="shared" si="125"/>
        <v>-1.236743869637378E-2</v>
      </c>
      <c r="Y289" s="12">
        <f t="shared" si="126"/>
        <v>-1.3226323007097701E-2</v>
      </c>
      <c r="Z289" s="12">
        <f t="shared" si="127"/>
        <v>-6.6119920832722404E-2</v>
      </c>
      <c r="AA289" s="12">
        <f t="shared" si="128"/>
        <v>-9.762199133681506E-3</v>
      </c>
      <c r="AB289" s="12">
        <f t="shared" si="131"/>
        <v>-1.748296682554611E-2</v>
      </c>
      <c r="AC289" s="12">
        <f t="shared" si="132"/>
        <v>0</v>
      </c>
      <c r="AD289" s="12">
        <f t="shared" si="133"/>
        <v>6.87103257524493E-2</v>
      </c>
      <c r="AE289" s="12">
        <f t="shared" si="134"/>
        <v>3.8015444000948306E-2</v>
      </c>
      <c r="AF289" s="12">
        <f t="shared" si="135"/>
        <v>2.4675348227919565E-2</v>
      </c>
      <c r="AG289" s="12">
        <f t="shared" si="136"/>
        <v>1.4756515389721427E-2</v>
      </c>
      <c r="AH289" s="12">
        <f>AC289/SUM(AC$2:AG$366)*Input!$J$5</f>
        <v>0</v>
      </c>
      <c r="AI289" s="12">
        <f>AD289/SUM(AC$2:AG$366)*Input!$J$5</f>
        <v>70.360149311085991</v>
      </c>
      <c r="AJ289" s="12">
        <f>AE289/SUM(AC$2:AG$366)*Input!$J$5</f>
        <v>38.928243851887203</v>
      </c>
      <c r="AK289" s="12">
        <f>AF289/SUM(AC$2:AG$366)*Input!$J$5</f>
        <v>25.26783517043031</v>
      </c>
      <c r="AL289" s="12">
        <f>AG289/SUM(AC$2:AG$366)*Input!$J$5</f>
        <v>15.110838360348293</v>
      </c>
      <c r="AM289" s="12">
        <f t="shared" si="137"/>
        <v>14.50640482593437</v>
      </c>
      <c r="AN289" s="12">
        <f t="shared" si="138"/>
        <v>126.71744395048712</v>
      </c>
      <c r="AO289" s="12">
        <f t="shared" si="139"/>
        <v>5.6288119448868796</v>
      </c>
      <c r="AP289" s="12">
        <f t="shared" si="140"/>
        <v>2.8144059724434398</v>
      </c>
      <c r="AQ289" s="12">
        <f t="shared" si="141"/>
        <v>0</v>
      </c>
      <c r="AR289" s="11">
        <f t="shared" si="142"/>
        <v>149.66706669375182</v>
      </c>
    </row>
    <row r="290" spans="16:44" x14ac:dyDescent="0.25">
      <c r="P290" s="10">
        <f t="shared" si="143"/>
        <v>45215</v>
      </c>
      <c r="Q290" s="28">
        <v>9.9</v>
      </c>
      <c r="R290" s="28">
        <f t="shared" si="129"/>
        <v>1</v>
      </c>
      <c r="S290" s="12">
        <f t="shared" si="121"/>
        <v>1.0609861866589789</v>
      </c>
      <c r="T290" s="12">
        <f t="shared" si="122"/>
        <v>1.4695351264848711</v>
      </c>
      <c r="U290" s="12">
        <f t="shared" si="123"/>
        <v>1.771938814155029</v>
      </c>
      <c r="V290" s="12">
        <f t="shared" si="124"/>
        <v>2.5404025087253199</v>
      </c>
      <c r="W290" s="12">
        <f t="shared" si="130"/>
        <v>0</v>
      </c>
      <c r="X290" s="12">
        <f t="shared" si="125"/>
        <v>-7.0953309908476907E-3</v>
      </c>
      <c r="Y290" s="12">
        <f t="shared" si="126"/>
        <v>-5.875924024232846E-2</v>
      </c>
      <c r="Z290" s="12">
        <f t="shared" si="127"/>
        <v>-9.5984753200240996E-2</v>
      </c>
      <c r="AA290" s="12">
        <f t="shared" si="128"/>
        <v>-0.17801624965770491</v>
      </c>
      <c r="AB290" s="12">
        <f t="shared" si="131"/>
        <v>0</v>
      </c>
      <c r="AC290" s="12">
        <f t="shared" si="132"/>
        <v>0.37152840369359502</v>
      </c>
      <c r="AD290" s="12">
        <f t="shared" si="133"/>
        <v>0.33293199303218224</v>
      </c>
      <c r="AE290" s="12">
        <f t="shared" si="134"/>
        <v>0</v>
      </c>
      <c r="AF290" s="12">
        <f t="shared" si="135"/>
        <v>0.19451040927851032</v>
      </c>
      <c r="AG290" s="12">
        <f t="shared" si="136"/>
        <v>0</v>
      </c>
      <c r="AH290" s="12">
        <f>AC290/SUM(AC$2:AG$366)*Input!$J$5</f>
        <v>380.4492799433271</v>
      </c>
      <c r="AI290" s="12">
        <f>AD290/SUM(AC$2:AG$366)*Input!$J$5</f>
        <v>340.92611967200219</v>
      </c>
      <c r="AJ290" s="12">
        <f>AE290/SUM(AC$2:AG$366)*Input!$J$5</f>
        <v>0</v>
      </c>
      <c r="AK290" s="12">
        <f>AF290/SUM(AC$2:AG$366)*Input!$J$5</f>
        <v>199.18085512654667</v>
      </c>
      <c r="AL290" s="12">
        <f>AG290/SUM(AC$2:AG$366)*Input!$J$5</f>
        <v>0</v>
      </c>
      <c r="AM290" s="12">
        <f t="shared" si="137"/>
        <v>95.606810460742352</v>
      </c>
      <c r="AN290" s="12">
        <f t="shared" si="138"/>
        <v>764.07755949020122</v>
      </c>
      <c r="AO290" s="12">
        <f t="shared" si="139"/>
        <v>40.581256527288225</v>
      </c>
      <c r="AP290" s="12">
        <f t="shared" si="140"/>
        <v>20.290628263644113</v>
      </c>
      <c r="AQ290" s="12">
        <f t="shared" si="141"/>
        <v>0</v>
      </c>
      <c r="AR290" s="11">
        <f t="shared" si="142"/>
        <v>920.55625474187593</v>
      </c>
    </row>
    <row r="291" spans="16:44" x14ac:dyDescent="0.25">
      <c r="P291" s="10">
        <f t="shared" si="143"/>
        <v>45216</v>
      </c>
      <c r="Q291" s="28">
        <v>9</v>
      </c>
      <c r="R291" s="28">
        <f t="shared" si="129"/>
        <v>2</v>
      </c>
      <c r="S291" s="12">
        <f t="shared" si="121"/>
        <v>1.0609861866589789</v>
      </c>
      <c r="T291" s="12">
        <f t="shared" si="122"/>
        <v>1.4695351264848711</v>
      </c>
      <c r="U291" s="12">
        <f t="shared" si="123"/>
        <v>1.771938814155029</v>
      </c>
      <c r="V291" s="12">
        <f t="shared" si="124"/>
        <v>2.5404025087253199</v>
      </c>
      <c r="W291" s="12">
        <f t="shared" si="130"/>
        <v>0</v>
      </c>
      <c r="X291" s="12">
        <f t="shared" si="125"/>
        <v>-7.0953309908476907E-3</v>
      </c>
      <c r="Y291" s="12">
        <f t="shared" si="126"/>
        <v>-5.875924024232846E-2</v>
      </c>
      <c r="Z291" s="12">
        <f t="shared" si="127"/>
        <v>-9.5984753200240996E-2</v>
      </c>
      <c r="AA291" s="12">
        <f t="shared" si="128"/>
        <v>-0.17801624965770491</v>
      </c>
      <c r="AB291" s="12">
        <f t="shared" si="131"/>
        <v>0</v>
      </c>
      <c r="AC291" s="12">
        <f t="shared" si="132"/>
        <v>0.37392307790300616</v>
      </c>
      <c r="AD291" s="12">
        <f t="shared" si="133"/>
        <v>0.35276323661396813</v>
      </c>
      <c r="AE291" s="12">
        <f t="shared" si="134"/>
        <v>0</v>
      </c>
      <c r="AF291" s="12">
        <f t="shared" si="135"/>
        <v>0.23456406545149394</v>
      </c>
      <c r="AG291" s="12">
        <f t="shared" si="136"/>
        <v>0</v>
      </c>
      <c r="AH291" s="12">
        <f>AC291/SUM(AC$2:AG$366)*Input!$J$5</f>
        <v>382.90145336967078</v>
      </c>
      <c r="AI291" s="12">
        <f>AD291/SUM(AC$2:AG$366)*Input!$J$5</f>
        <v>361.23353699477968</v>
      </c>
      <c r="AJ291" s="12">
        <f>AE291/SUM(AC$2:AG$366)*Input!$J$5</f>
        <v>0</v>
      </c>
      <c r="AK291" s="12">
        <f>AF291/SUM(AC$2:AG$366)*Input!$J$5</f>
        <v>240.19625125404312</v>
      </c>
      <c r="AL291" s="12">
        <f>AG291/SUM(AC$2:AG$366)*Input!$J$5</f>
        <v>0</v>
      </c>
      <c r="AM291" s="12">
        <f t="shared" si="137"/>
        <v>115.29420060194064</v>
      </c>
      <c r="AN291" s="12">
        <f t="shared" si="138"/>
        <v>807.77280847740565</v>
      </c>
      <c r="AO291" s="12">
        <f t="shared" si="139"/>
        <v>40.842821692764886</v>
      </c>
      <c r="AP291" s="12">
        <f t="shared" si="140"/>
        <v>20.421410846382443</v>
      </c>
      <c r="AQ291" s="12">
        <f t="shared" si="141"/>
        <v>0</v>
      </c>
      <c r="AR291" s="11">
        <f t="shared" si="142"/>
        <v>984.33124161849355</v>
      </c>
    </row>
    <row r="292" spans="16:44" x14ac:dyDescent="0.25">
      <c r="P292" s="10">
        <f t="shared" si="143"/>
        <v>45217</v>
      </c>
      <c r="Q292" s="28">
        <v>9.1999999999999993</v>
      </c>
      <c r="R292" s="28">
        <f t="shared" si="129"/>
        <v>3</v>
      </c>
      <c r="S292" s="12">
        <f t="shared" si="121"/>
        <v>1.0609861866589789</v>
      </c>
      <c r="T292" s="12">
        <f t="shared" si="122"/>
        <v>1.4695351264848711</v>
      </c>
      <c r="U292" s="12">
        <f t="shared" si="123"/>
        <v>1.771938814155029</v>
      </c>
      <c r="V292" s="12">
        <f t="shared" si="124"/>
        <v>2.5404025087253199</v>
      </c>
      <c r="W292" s="12">
        <f t="shared" si="130"/>
        <v>0</v>
      </c>
      <c r="X292" s="12">
        <f t="shared" si="125"/>
        <v>-7.0953309908476907E-3</v>
      </c>
      <c r="Y292" s="12">
        <f t="shared" si="126"/>
        <v>-5.875924024232846E-2</v>
      </c>
      <c r="Z292" s="12">
        <f t="shared" si="127"/>
        <v>-9.5984753200240996E-2</v>
      </c>
      <c r="AA292" s="12">
        <f t="shared" si="128"/>
        <v>-0.17801624965770491</v>
      </c>
      <c r="AB292" s="12">
        <f t="shared" si="131"/>
        <v>0</v>
      </c>
      <c r="AC292" s="12">
        <f t="shared" si="132"/>
        <v>0.37339092807869256</v>
      </c>
      <c r="AD292" s="12">
        <f t="shared" si="133"/>
        <v>0.34835629359579351</v>
      </c>
      <c r="AE292" s="12">
        <f t="shared" si="134"/>
        <v>0</v>
      </c>
      <c r="AF292" s="12">
        <f t="shared" si="135"/>
        <v>0.22566325296860873</v>
      </c>
      <c r="AG292" s="12">
        <f t="shared" si="136"/>
        <v>0</v>
      </c>
      <c r="AH292" s="12">
        <f>AC292/SUM(AC$2:AG$366)*Input!$J$5</f>
        <v>382.35652594159438</v>
      </c>
      <c r="AI292" s="12">
        <f>AD292/SUM(AC$2:AG$366)*Input!$J$5</f>
        <v>356.72077758971801</v>
      </c>
      <c r="AJ292" s="12">
        <f>AE292/SUM(AC$2:AG$366)*Input!$J$5</f>
        <v>0</v>
      </c>
      <c r="AK292" s="12">
        <f>AF292/SUM(AC$2:AG$366)*Input!$J$5</f>
        <v>231.08171878126618</v>
      </c>
      <c r="AL292" s="12">
        <f>AG292/SUM(AC$2:AG$366)*Input!$J$5</f>
        <v>0</v>
      </c>
      <c r="AM292" s="12">
        <f t="shared" si="137"/>
        <v>110.91922501500771</v>
      </c>
      <c r="AN292" s="12">
        <f t="shared" si="138"/>
        <v>798.06275314691572</v>
      </c>
      <c r="AO292" s="12">
        <f t="shared" si="139"/>
        <v>40.78469610043674</v>
      </c>
      <c r="AP292" s="12">
        <f t="shared" si="140"/>
        <v>20.39234805021837</v>
      </c>
      <c r="AQ292" s="12">
        <f t="shared" si="141"/>
        <v>0</v>
      </c>
      <c r="AR292" s="11">
        <f t="shared" si="142"/>
        <v>970.15902231257849</v>
      </c>
    </row>
    <row r="293" spans="16:44" x14ac:dyDescent="0.25">
      <c r="P293" s="10">
        <f t="shared" si="143"/>
        <v>45218</v>
      </c>
      <c r="Q293" s="28">
        <v>12.8</v>
      </c>
      <c r="R293" s="28">
        <f t="shared" si="129"/>
        <v>4</v>
      </c>
      <c r="S293" s="12">
        <f t="shared" si="121"/>
        <v>1.0609861866589789</v>
      </c>
      <c r="T293" s="12">
        <f t="shared" si="122"/>
        <v>1.4695351264848711</v>
      </c>
      <c r="U293" s="12">
        <f t="shared" si="123"/>
        <v>1.771938814155029</v>
      </c>
      <c r="V293" s="12">
        <f t="shared" si="124"/>
        <v>2.5404025087253199</v>
      </c>
      <c r="W293" s="12">
        <f t="shared" si="130"/>
        <v>0</v>
      </c>
      <c r="X293" s="12">
        <f t="shared" si="125"/>
        <v>-7.0953309908476907E-3</v>
      </c>
      <c r="Y293" s="12">
        <f t="shared" si="126"/>
        <v>-5.875924024232846E-2</v>
      </c>
      <c r="Z293" s="12">
        <f t="shared" si="127"/>
        <v>-9.5984753200240996E-2</v>
      </c>
      <c r="AA293" s="12">
        <f t="shared" si="128"/>
        <v>-0.17801624965770491</v>
      </c>
      <c r="AB293" s="12">
        <f t="shared" si="131"/>
        <v>0</v>
      </c>
      <c r="AC293" s="12">
        <f t="shared" si="132"/>
        <v>0.36381223124104817</v>
      </c>
      <c r="AD293" s="12">
        <f t="shared" si="133"/>
        <v>0.26903131926865004</v>
      </c>
      <c r="AE293" s="12">
        <f t="shared" si="134"/>
        <v>0</v>
      </c>
      <c r="AF293" s="12">
        <f t="shared" si="135"/>
        <v>6.5448628276674303E-2</v>
      </c>
      <c r="AG293" s="12">
        <f t="shared" si="136"/>
        <v>0</v>
      </c>
      <c r="AH293" s="12">
        <f>AC293/SUM(AC$2:AG$366)*Input!$J$5</f>
        <v>372.54783223621979</v>
      </c>
      <c r="AI293" s="12">
        <f>AD293/SUM(AC$2:AG$366)*Input!$J$5</f>
        <v>275.49110829860825</v>
      </c>
      <c r="AJ293" s="12">
        <f>AE293/SUM(AC$2:AG$366)*Input!$J$5</f>
        <v>0</v>
      </c>
      <c r="AK293" s="12">
        <f>AF293/SUM(AC$2:AG$366)*Input!$J$5</f>
        <v>67.020134271280412</v>
      </c>
      <c r="AL293" s="12">
        <f>AG293/SUM(AC$2:AG$366)*Input!$J$5</f>
        <v>0</v>
      </c>
      <c r="AM293" s="12">
        <f t="shared" si="137"/>
        <v>32.169664450214583</v>
      </c>
      <c r="AN293" s="12">
        <f t="shared" si="138"/>
        <v>623.28175719809872</v>
      </c>
      <c r="AO293" s="12">
        <f t="shared" si="139"/>
        <v>39.738435438530111</v>
      </c>
      <c r="AP293" s="12">
        <f t="shared" si="140"/>
        <v>19.869217719265055</v>
      </c>
      <c r="AQ293" s="12">
        <f t="shared" si="141"/>
        <v>0</v>
      </c>
      <c r="AR293" s="11">
        <f t="shared" si="142"/>
        <v>715.05907480610847</v>
      </c>
    </row>
    <row r="294" spans="16:44" x14ac:dyDescent="0.25">
      <c r="P294" s="10">
        <f t="shared" si="143"/>
        <v>45219</v>
      </c>
      <c r="Q294" s="28">
        <v>17.899999999999999</v>
      </c>
      <c r="R294" s="28">
        <f t="shared" si="129"/>
        <v>5</v>
      </c>
      <c r="S294" s="12">
        <f t="shared" si="121"/>
        <v>1.0609861866589789</v>
      </c>
      <c r="T294" s="12">
        <f t="shared" si="122"/>
        <v>0.67790786498212752</v>
      </c>
      <c r="U294" s="12">
        <f t="shared" si="123"/>
        <v>0.40699471377216029</v>
      </c>
      <c r="V294" s="12">
        <f t="shared" si="124"/>
        <v>0.52104102880341097</v>
      </c>
      <c r="W294" s="12">
        <f t="shared" si="130"/>
        <v>0</v>
      </c>
      <c r="X294" s="12">
        <f t="shared" si="125"/>
        <v>-7.0953309908476907E-3</v>
      </c>
      <c r="Y294" s="12">
        <f t="shared" si="126"/>
        <v>-1.3263420615734021E-2</v>
      </c>
      <c r="Z294" s="12">
        <f t="shared" si="127"/>
        <v>-1.2756454396407539E-2</v>
      </c>
      <c r="AA294" s="12">
        <f t="shared" si="128"/>
        <v>-2.1476600051355411E-2</v>
      </c>
      <c r="AB294" s="12">
        <f t="shared" si="131"/>
        <v>0</v>
      </c>
      <c r="AC294" s="12">
        <f t="shared" si="132"/>
        <v>0.350242410721052</v>
      </c>
      <c r="AD294" s="12">
        <f t="shared" si="133"/>
        <v>0.16518473848518322</v>
      </c>
      <c r="AE294" s="12">
        <f t="shared" si="134"/>
        <v>0</v>
      </c>
      <c r="AF294" s="12">
        <f t="shared" si="135"/>
        <v>3.4152471971037282E-2</v>
      </c>
      <c r="AG294" s="12">
        <f t="shared" si="136"/>
        <v>0</v>
      </c>
      <c r="AH294" s="12">
        <f>AC294/SUM(AC$2:AG$366)*Input!$J$5</f>
        <v>358.65218282027251</v>
      </c>
      <c r="AI294" s="12">
        <f>AD294/SUM(AC$2:AG$366)*Input!$J$5</f>
        <v>169.15103714692961</v>
      </c>
      <c r="AJ294" s="12">
        <f>AE294/SUM(AC$2:AG$366)*Input!$J$5</f>
        <v>0</v>
      </c>
      <c r="AK294" s="12">
        <f>AF294/SUM(AC$2:AG$366)*Input!$J$5</f>
        <v>34.972516880247859</v>
      </c>
      <c r="AL294" s="12">
        <f>AG294/SUM(AC$2:AG$366)*Input!$J$5</f>
        <v>0</v>
      </c>
      <c r="AM294" s="12">
        <f t="shared" si="137"/>
        <v>16.786808102518965</v>
      </c>
      <c r="AN294" s="12">
        <f t="shared" si="138"/>
        <v>488.60457949368742</v>
      </c>
      <c r="AO294" s="12">
        <f t="shared" si="139"/>
        <v>38.256232834162404</v>
      </c>
      <c r="AP294" s="12">
        <f t="shared" si="140"/>
        <v>19.128116417081202</v>
      </c>
      <c r="AQ294" s="12">
        <f t="shared" si="141"/>
        <v>0</v>
      </c>
      <c r="AR294" s="11">
        <f t="shared" si="142"/>
        <v>562.77573684744993</v>
      </c>
    </row>
    <row r="295" spans="16:44" x14ac:dyDescent="0.25">
      <c r="P295" s="10">
        <f t="shared" si="143"/>
        <v>45220</v>
      </c>
      <c r="Q295" s="28">
        <v>19.600000000000001</v>
      </c>
      <c r="R295" s="28">
        <f t="shared" si="129"/>
        <v>6</v>
      </c>
      <c r="S295" s="12">
        <f t="shared" si="121"/>
        <v>0.66609297291086311</v>
      </c>
      <c r="T295" s="12">
        <f t="shared" si="122"/>
        <v>0.19607255136472959</v>
      </c>
      <c r="U295" s="12">
        <f t="shared" si="123"/>
        <v>0.65274423464211173</v>
      </c>
      <c r="V295" s="12">
        <f t="shared" si="124"/>
        <v>0.29524473618599389</v>
      </c>
      <c r="W295" s="12">
        <f t="shared" si="130"/>
        <v>0.44487676601187343</v>
      </c>
      <c r="X295" s="12">
        <f t="shared" si="125"/>
        <v>-3.4097042997074749E-4</v>
      </c>
      <c r="Y295" s="12">
        <f t="shared" si="126"/>
        <v>-6.2279477920712143E-4</v>
      </c>
      <c r="Z295" s="12">
        <f t="shared" si="127"/>
        <v>-1.60343007315953E-2</v>
      </c>
      <c r="AA295" s="12">
        <f t="shared" si="128"/>
        <v>-9.762199133681506E-3</v>
      </c>
      <c r="AB295" s="12">
        <f t="shared" si="131"/>
        <v>-1.748296682554611E-2</v>
      </c>
      <c r="AC295" s="12">
        <f t="shared" si="132"/>
        <v>0</v>
      </c>
      <c r="AD295" s="12">
        <f t="shared" si="133"/>
        <v>6.4353020792294491E-2</v>
      </c>
      <c r="AE295" s="12">
        <f t="shared" si="134"/>
        <v>2.9616294776498832E-2</v>
      </c>
      <c r="AF295" s="12">
        <f t="shared" si="135"/>
        <v>1.8183485804021363E-2</v>
      </c>
      <c r="AG295" s="12">
        <f t="shared" si="136"/>
        <v>8.9434289202273455E-3</v>
      </c>
      <c r="AH295" s="12">
        <f>AC295/SUM(AC$2:AG$366)*Input!$J$5</f>
        <v>0</v>
      </c>
      <c r="AI295" s="12">
        <f>AD295/SUM(AC$2:AG$366)*Input!$J$5</f>
        <v>65.898219837851045</v>
      </c>
      <c r="AJ295" s="12">
        <f>AE295/SUM(AC$2:AG$366)*Input!$J$5</f>
        <v>30.327420219533934</v>
      </c>
      <c r="AK295" s="12">
        <f>AF295/SUM(AC$2:AG$366)*Input!$J$5</f>
        <v>18.620094755137288</v>
      </c>
      <c r="AL295" s="12">
        <f>AG295/SUM(AC$2:AG$366)*Input!$J$5</f>
        <v>9.158172185755495</v>
      </c>
      <c r="AM295" s="12">
        <f t="shared" si="137"/>
        <v>8.7918452983252795</v>
      </c>
      <c r="AN295" s="12">
        <f t="shared" si="138"/>
        <v>107.30427531941035</v>
      </c>
      <c r="AO295" s="12">
        <f t="shared" si="139"/>
        <v>5.2718575870280837</v>
      </c>
      <c r="AP295" s="12">
        <f t="shared" si="140"/>
        <v>2.6359287935140419</v>
      </c>
      <c r="AQ295" s="12">
        <f t="shared" si="141"/>
        <v>0</v>
      </c>
      <c r="AR295" s="11">
        <f t="shared" si="142"/>
        <v>124.00390699827776</v>
      </c>
    </row>
    <row r="296" spans="16:44" x14ac:dyDescent="0.25">
      <c r="P296" s="10">
        <f t="shared" si="143"/>
        <v>45221</v>
      </c>
      <c r="Q296" s="28">
        <v>16.7</v>
      </c>
      <c r="R296" s="28">
        <f t="shared" si="129"/>
        <v>7</v>
      </c>
      <c r="S296" s="12">
        <f t="shared" si="121"/>
        <v>0.88136675487947747</v>
      </c>
      <c r="T296" s="12">
        <f t="shared" si="122"/>
        <v>0.19607255136472959</v>
      </c>
      <c r="U296" s="12">
        <f t="shared" si="123"/>
        <v>0.65274423464211173</v>
      </c>
      <c r="V296" s="12">
        <f t="shared" si="124"/>
        <v>0.29524473618599389</v>
      </c>
      <c r="W296" s="12">
        <f t="shared" si="130"/>
        <v>0.44487676601187343</v>
      </c>
      <c r="X296" s="12">
        <f t="shared" si="125"/>
        <v>-1.236743869637378E-2</v>
      </c>
      <c r="Y296" s="12">
        <f t="shared" si="126"/>
        <v>-6.2279477920712143E-4</v>
      </c>
      <c r="Z296" s="12">
        <f t="shared" si="127"/>
        <v>-1.60343007315953E-2</v>
      </c>
      <c r="AA296" s="12">
        <f t="shared" si="128"/>
        <v>-9.762199133681506E-3</v>
      </c>
      <c r="AB296" s="12">
        <f t="shared" si="131"/>
        <v>-1.748296682554611E-2</v>
      </c>
      <c r="AC296" s="12">
        <f t="shared" si="132"/>
        <v>0</v>
      </c>
      <c r="AD296" s="12">
        <f t="shared" si="133"/>
        <v>6.4985157493189727E-2</v>
      </c>
      <c r="AE296" s="12">
        <f t="shared" si="134"/>
        <v>3.3684998587141142E-2</v>
      </c>
      <c r="AF296" s="12">
        <f t="shared" si="135"/>
        <v>2.3137801864364729E-2</v>
      </c>
      <c r="AG296" s="12">
        <f t="shared" si="136"/>
        <v>1.3379731752209674E-2</v>
      </c>
      <c r="AH296" s="12">
        <f>AC296/SUM(AC$2:AG$366)*Input!$J$5</f>
        <v>0</v>
      </c>
      <c r="AI296" s="12">
        <f>AD296/SUM(AC$2:AG$366)*Input!$J$5</f>
        <v>66.545534956400317</v>
      </c>
      <c r="AJ296" s="12">
        <f>AE296/SUM(AC$2:AG$366)*Input!$J$5</f>
        <v>34.493818857356914</v>
      </c>
      <c r="AK296" s="12">
        <f>AF296/SUM(AC$2:AG$366)*Input!$J$5</f>
        <v>23.693370335229332</v>
      </c>
      <c r="AL296" s="12">
        <f>AG296/SUM(AC$2:AG$366)*Input!$J$5</f>
        <v>13.700996371628948</v>
      </c>
      <c r="AM296" s="12">
        <f t="shared" si="137"/>
        <v>13.152956516763798</v>
      </c>
      <c r="AN296" s="12">
        <f t="shared" si="138"/>
        <v>117.29529980908367</v>
      </c>
      <c r="AO296" s="12">
        <f t="shared" si="139"/>
        <v>5.3236427965120257</v>
      </c>
      <c r="AP296" s="12">
        <f t="shared" si="140"/>
        <v>2.6618213982560128</v>
      </c>
      <c r="AQ296" s="12">
        <f t="shared" si="141"/>
        <v>0</v>
      </c>
      <c r="AR296" s="11">
        <f t="shared" si="142"/>
        <v>138.43372052061551</v>
      </c>
    </row>
    <row r="297" spans="16:44" x14ac:dyDescent="0.25">
      <c r="P297" s="10">
        <f t="shared" si="143"/>
        <v>45222</v>
      </c>
      <c r="Q297" s="28">
        <v>14.8</v>
      </c>
      <c r="R297" s="28">
        <f t="shared" si="129"/>
        <v>1</v>
      </c>
      <c r="S297" s="12">
        <f t="shared" si="121"/>
        <v>1.0609861866589789</v>
      </c>
      <c r="T297" s="12">
        <f t="shared" si="122"/>
        <v>1.4695351264848711</v>
      </c>
      <c r="U297" s="12">
        <f t="shared" si="123"/>
        <v>1.771938814155029</v>
      </c>
      <c r="V297" s="12">
        <f t="shared" si="124"/>
        <v>0.52104102880341097</v>
      </c>
      <c r="W297" s="12">
        <f t="shared" si="130"/>
        <v>0</v>
      </c>
      <c r="X297" s="12">
        <f t="shared" si="125"/>
        <v>-7.0953309908476907E-3</v>
      </c>
      <c r="Y297" s="12">
        <f t="shared" si="126"/>
        <v>-5.875924024232846E-2</v>
      </c>
      <c r="Z297" s="12">
        <f t="shared" si="127"/>
        <v>-9.5984753200240996E-2</v>
      </c>
      <c r="AA297" s="12">
        <f t="shared" si="128"/>
        <v>-2.1476600051355411E-2</v>
      </c>
      <c r="AB297" s="12">
        <f t="shared" si="131"/>
        <v>0</v>
      </c>
      <c r="AC297" s="12">
        <f t="shared" si="132"/>
        <v>0.3584907329979124</v>
      </c>
      <c r="AD297" s="12">
        <f t="shared" si="133"/>
        <v>0.22496188908690368</v>
      </c>
      <c r="AE297" s="12">
        <f t="shared" si="134"/>
        <v>0</v>
      </c>
      <c r="AF297" s="12">
        <f t="shared" si="135"/>
        <v>5.0796837010837717E-2</v>
      </c>
      <c r="AG297" s="12">
        <f t="shared" si="136"/>
        <v>0</v>
      </c>
      <c r="AH297" s="12">
        <f>AC297/SUM(AC$2:AG$366)*Input!$J$5</f>
        <v>367.0985579554561</v>
      </c>
      <c r="AI297" s="12">
        <f>AD297/SUM(AC$2:AG$366)*Input!$J$5</f>
        <v>230.36351424799176</v>
      </c>
      <c r="AJ297" s="12">
        <f>AE297/SUM(AC$2:AG$366)*Input!$J$5</f>
        <v>0</v>
      </c>
      <c r="AK297" s="12">
        <f>AF297/SUM(AC$2:AG$366)*Input!$J$5</f>
        <v>52.016534596127087</v>
      </c>
      <c r="AL297" s="12">
        <f>AG297/SUM(AC$2:AG$366)*Input!$J$5</f>
        <v>0</v>
      </c>
      <c r="AM297" s="12">
        <f t="shared" si="137"/>
        <v>24.967936606140988</v>
      </c>
      <c r="AN297" s="12">
        <f t="shared" si="138"/>
        <v>565.77490092056098</v>
      </c>
      <c r="AO297" s="12">
        <f t="shared" si="139"/>
        <v>39.15717951524865</v>
      </c>
      <c r="AP297" s="12">
        <f t="shared" si="140"/>
        <v>19.578589757624325</v>
      </c>
      <c r="AQ297" s="12">
        <f t="shared" si="141"/>
        <v>0</v>
      </c>
      <c r="AR297" s="11">
        <f t="shared" si="142"/>
        <v>649.47860679957489</v>
      </c>
    </row>
    <row r="298" spans="16:44" x14ac:dyDescent="0.25">
      <c r="P298" s="10">
        <f t="shared" si="143"/>
        <v>45223</v>
      </c>
      <c r="Q298" s="28">
        <v>14</v>
      </c>
      <c r="R298" s="28">
        <f t="shared" si="129"/>
        <v>2</v>
      </c>
      <c r="S298" s="12">
        <f t="shared" si="121"/>
        <v>1.0609861866589789</v>
      </c>
      <c r="T298" s="12">
        <f t="shared" si="122"/>
        <v>1.4695351264848711</v>
      </c>
      <c r="U298" s="12">
        <f t="shared" si="123"/>
        <v>1.771938814155029</v>
      </c>
      <c r="V298" s="12">
        <f t="shared" si="124"/>
        <v>0.52104102880341097</v>
      </c>
      <c r="W298" s="12">
        <f t="shared" si="130"/>
        <v>0</v>
      </c>
      <c r="X298" s="12">
        <f t="shared" si="125"/>
        <v>-7.0953309908476907E-3</v>
      </c>
      <c r="Y298" s="12">
        <f t="shared" si="126"/>
        <v>-5.875924024232846E-2</v>
      </c>
      <c r="Z298" s="12">
        <f t="shared" si="127"/>
        <v>-9.5984753200240996E-2</v>
      </c>
      <c r="AA298" s="12">
        <f t="shared" si="128"/>
        <v>-2.1476600051355411E-2</v>
      </c>
      <c r="AB298" s="12">
        <f t="shared" si="131"/>
        <v>0</v>
      </c>
      <c r="AC298" s="12">
        <f t="shared" si="132"/>
        <v>0.36061933229516674</v>
      </c>
      <c r="AD298" s="12">
        <f t="shared" si="133"/>
        <v>0.24258966115960223</v>
      </c>
      <c r="AE298" s="12">
        <f t="shared" si="134"/>
        <v>0</v>
      </c>
      <c r="AF298" s="12">
        <f t="shared" si="135"/>
        <v>5.5092157021108798E-2</v>
      </c>
      <c r="AG298" s="12">
        <f t="shared" si="136"/>
        <v>0</v>
      </c>
      <c r="AH298" s="12">
        <f>AC298/SUM(AC$2:AG$366)*Input!$J$5</f>
        <v>369.27826766776161</v>
      </c>
      <c r="AI298" s="12">
        <f>AD298/SUM(AC$2:AG$366)*Input!$J$5</f>
        <v>248.41455186823839</v>
      </c>
      <c r="AJ298" s="12">
        <f>AE298/SUM(AC$2:AG$366)*Input!$J$5</f>
        <v>0</v>
      </c>
      <c r="AK298" s="12">
        <f>AF298/SUM(AC$2:AG$366)*Input!$J$5</f>
        <v>56.414990780870113</v>
      </c>
      <c r="AL298" s="12">
        <f>AG298/SUM(AC$2:AG$366)*Input!$J$5</f>
        <v>0</v>
      </c>
      <c r="AM298" s="12">
        <f t="shared" si="137"/>
        <v>27.079195574817639</v>
      </c>
      <c r="AN298" s="12">
        <f t="shared" si="138"/>
        <v>587.94409191521061</v>
      </c>
      <c r="AO298" s="12">
        <f t="shared" si="139"/>
        <v>39.389681884561242</v>
      </c>
      <c r="AP298" s="12">
        <f t="shared" si="140"/>
        <v>19.694840942280621</v>
      </c>
      <c r="AQ298" s="12">
        <f t="shared" si="141"/>
        <v>0</v>
      </c>
      <c r="AR298" s="11">
        <f t="shared" si="142"/>
        <v>674.10781031687009</v>
      </c>
    </row>
    <row r="299" spans="16:44" x14ac:dyDescent="0.25">
      <c r="P299" s="10">
        <f t="shared" si="143"/>
        <v>45224</v>
      </c>
      <c r="Q299" s="28">
        <v>16</v>
      </c>
      <c r="R299" s="28">
        <f t="shared" si="129"/>
        <v>3</v>
      </c>
      <c r="S299" s="12">
        <f t="shared" si="121"/>
        <v>1.0609861866589789</v>
      </c>
      <c r="T299" s="12">
        <f t="shared" si="122"/>
        <v>1.4695351264848711</v>
      </c>
      <c r="U299" s="12">
        <f t="shared" si="123"/>
        <v>1.771938814155029</v>
      </c>
      <c r="V299" s="12">
        <f t="shared" si="124"/>
        <v>0.52104102880341097</v>
      </c>
      <c r="W299" s="12">
        <f t="shared" si="130"/>
        <v>0</v>
      </c>
      <c r="X299" s="12">
        <f t="shared" si="125"/>
        <v>-7.0953309908476907E-3</v>
      </c>
      <c r="Y299" s="12">
        <f t="shared" si="126"/>
        <v>-5.875924024232846E-2</v>
      </c>
      <c r="Z299" s="12">
        <f t="shared" si="127"/>
        <v>-9.5984753200240996E-2</v>
      </c>
      <c r="AA299" s="12">
        <f t="shared" si="128"/>
        <v>-2.1476600051355411E-2</v>
      </c>
      <c r="AB299" s="12">
        <f t="shared" si="131"/>
        <v>0</v>
      </c>
      <c r="AC299" s="12">
        <f t="shared" si="132"/>
        <v>0.35529783405203097</v>
      </c>
      <c r="AD299" s="12">
        <f t="shared" si="133"/>
        <v>0.19852023097785587</v>
      </c>
      <c r="AE299" s="12">
        <f t="shared" si="134"/>
        <v>0</v>
      </c>
      <c r="AF299" s="12">
        <f t="shared" si="135"/>
        <v>4.4353856995431096E-2</v>
      </c>
      <c r="AG299" s="12">
        <f t="shared" si="136"/>
        <v>0</v>
      </c>
      <c r="AH299" s="12">
        <f>AC299/SUM(AC$2:AG$366)*Input!$J$5</f>
        <v>363.82899338699798</v>
      </c>
      <c r="AI299" s="12">
        <f>AD299/SUM(AC$2:AG$366)*Input!$J$5</f>
        <v>203.28695781762187</v>
      </c>
      <c r="AJ299" s="12">
        <f>AE299/SUM(AC$2:AG$366)*Input!$J$5</f>
        <v>0</v>
      </c>
      <c r="AK299" s="12">
        <f>AF299/SUM(AC$2:AG$366)*Input!$J$5</f>
        <v>45.418850319012549</v>
      </c>
      <c r="AL299" s="12">
        <f>AG299/SUM(AC$2:AG$366)*Input!$J$5</f>
        <v>0</v>
      </c>
      <c r="AM299" s="12">
        <f t="shared" si="137"/>
        <v>21.801048153126011</v>
      </c>
      <c r="AN299" s="12">
        <f t="shared" si="138"/>
        <v>532.52111442858677</v>
      </c>
      <c r="AO299" s="12">
        <f t="shared" si="139"/>
        <v>38.808425961279788</v>
      </c>
      <c r="AP299" s="12">
        <f t="shared" si="140"/>
        <v>19.404212980639894</v>
      </c>
      <c r="AQ299" s="12">
        <f t="shared" si="141"/>
        <v>0</v>
      </c>
      <c r="AR299" s="11">
        <f t="shared" si="142"/>
        <v>612.53480152363238</v>
      </c>
    </row>
    <row r="300" spans="16:44" x14ac:dyDescent="0.25">
      <c r="P300" s="10">
        <f t="shared" si="143"/>
        <v>45225</v>
      </c>
      <c r="Q300" s="28">
        <v>15.9</v>
      </c>
      <c r="R300" s="28">
        <f t="shared" si="129"/>
        <v>4</v>
      </c>
      <c r="S300" s="12">
        <f t="shared" si="121"/>
        <v>1.0609861866589789</v>
      </c>
      <c r="T300" s="12">
        <f t="shared" si="122"/>
        <v>1.4695351264848711</v>
      </c>
      <c r="U300" s="12">
        <f t="shared" si="123"/>
        <v>1.771938814155029</v>
      </c>
      <c r="V300" s="12">
        <f t="shared" si="124"/>
        <v>0.52104102880341097</v>
      </c>
      <c r="W300" s="12">
        <f t="shared" si="130"/>
        <v>0</v>
      </c>
      <c r="X300" s="12">
        <f t="shared" si="125"/>
        <v>-7.0953309908476907E-3</v>
      </c>
      <c r="Y300" s="12">
        <f t="shared" si="126"/>
        <v>-5.875924024232846E-2</v>
      </c>
      <c r="Z300" s="12">
        <f t="shared" si="127"/>
        <v>-9.5984753200240996E-2</v>
      </c>
      <c r="AA300" s="12">
        <f t="shared" si="128"/>
        <v>-2.1476600051355411E-2</v>
      </c>
      <c r="AB300" s="12">
        <f t="shared" si="131"/>
        <v>0</v>
      </c>
      <c r="AC300" s="12">
        <f t="shared" si="132"/>
        <v>0.35556390896418777</v>
      </c>
      <c r="AD300" s="12">
        <f t="shared" si="133"/>
        <v>0.20072370248694321</v>
      </c>
      <c r="AE300" s="12">
        <f t="shared" si="134"/>
        <v>0</v>
      </c>
      <c r="AF300" s="12">
        <f t="shared" si="135"/>
        <v>4.4890771996714984E-2</v>
      </c>
      <c r="AG300" s="12">
        <f t="shared" si="136"/>
        <v>0</v>
      </c>
      <c r="AH300" s="12">
        <f>AC300/SUM(AC$2:AG$366)*Input!$J$5</f>
        <v>364.1014571010362</v>
      </c>
      <c r="AI300" s="12">
        <f>AD300/SUM(AC$2:AG$366)*Input!$J$5</f>
        <v>205.54333752015273</v>
      </c>
      <c r="AJ300" s="12">
        <f>AE300/SUM(AC$2:AG$366)*Input!$J$5</f>
        <v>0</v>
      </c>
      <c r="AK300" s="12">
        <f>AF300/SUM(AC$2:AG$366)*Input!$J$5</f>
        <v>45.968657342105431</v>
      </c>
      <c r="AL300" s="12">
        <f>AG300/SUM(AC$2:AG$366)*Input!$J$5</f>
        <v>0</v>
      </c>
      <c r="AM300" s="12">
        <f t="shared" si="137"/>
        <v>22.064955524210596</v>
      </c>
      <c r="AN300" s="12">
        <f t="shared" si="138"/>
        <v>535.29226330291795</v>
      </c>
      <c r="AO300" s="12">
        <f t="shared" si="139"/>
        <v>38.837488757443865</v>
      </c>
      <c r="AP300" s="12">
        <f t="shared" si="140"/>
        <v>19.418744378721932</v>
      </c>
      <c r="AQ300" s="12">
        <f t="shared" si="141"/>
        <v>0</v>
      </c>
      <c r="AR300" s="11">
        <f t="shared" si="142"/>
        <v>615.61345196329444</v>
      </c>
    </row>
    <row r="301" spans="16:44" x14ac:dyDescent="0.25">
      <c r="P301" s="10">
        <f t="shared" si="143"/>
        <v>45226</v>
      </c>
      <c r="Q301" s="28">
        <v>13.3</v>
      </c>
      <c r="R301" s="28">
        <f t="shared" si="129"/>
        <v>5</v>
      </c>
      <c r="S301" s="12">
        <f t="shared" si="121"/>
        <v>1.0609861866589789</v>
      </c>
      <c r="T301" s="12">
        <f t="shared" si="122"/>
        <v>1.4695351264848711</v>
      </c>
      <c r="U301" s="12">
        <f t="shared" si="123"/>
        <v>1.771938814155029</v>
      </c>
      <c r="V301" s="12">
        <f t="shared" si="124"/>
        <v>0.52104102880341097</v>
      </c>
      <c r="W301" s="12">
        <f t="shared" si="130"/>
        <v>0</v>
      </c>
      <c r="X301" s="12">
        <f t="shared" si="125"/>
        <v>-7.0953309908476907E-3</v>
      </c>
      <c r="Y301" s="12">
        <f t="shared" si="126"/>
        <v>-5.875924024232846E-2</v>
      </c>
      <c r="Z301" s="12">
        <f t="shared" si="127"/>
        <v>-9.5984753200240996E-2</v>
      </c>
      <c r="AA301" s="12">
        <f t="shared" si="128"/>
        <v>-2.1476600051355411E-2</v>
      </c>
      <c r="AB301" s="12">
        <f t="shared" si="131"/>
        <v>0</v>
      </c>
      <c r="AC301" s="12">
        <f t="shared" si="132"/>
        <v>0.36248185668026423</v>
      </c>
      <c r="AD301" s="12">
        <f t="shared" si="133"/>
        <v>0.25801396172321345</v>
      </c>
      <c r="AE301" s="12">
        <f t="shared" si="134"/>
        <v>0</v>
      </c>
      <c r="AF301" s="12">
        <f t="shared" si="135"/>
        <v>5.885056203009599E-2</v>
      </c>
      <c r="AG301" s="12">
        <f t="shared" si="136"/>
        <v>0</v>
      </c>
      <c r="AH301" s="12">
        <f>AC301/SUM(AC$2:AG$366)*Input!$J$5</f>
        <v>371.18551366602884</v>
      </c>
      <c r="AI301" s="12">
        <f>AD301/SUM(AC$2:AG$366)*Input!$J$5</f>
        <v>264.20920978595416</v>
      </c>
      <c r="AJ301" s="12">
        <f>AE301/SUM(AC$2:AG$366)*Input!$J$5</f>
        <v>0</v>
      </c>
      <c r="AK301" s="12">
        <f>AF301/SUM(AC$2:AG$366)*Input!$J$5</f>
        <v>60.263639942520264</v>
      </c>
      <c r="AL301" s="12">
        <f>AG301/SUM(AC$2:AG$366)*Input!$J$5</f>
        <v>0</v>
      </c>
      <c r="AM301" s="12">
        <f t="shared" si="137"/>
        <v>28.926547172409713</v>
      </c>
      <c r="AN301" s="12">
        <f t="shared" si="138"/>
        <v>607.34213403552894</v>
      </c>
      <c r="AO301" s="12">
        <f t="shared" si="139"/>
        <v>39.593121457709742</v>
      </c>
      <c r="AP301" s="12">
        <f t="shared" si="140"/>
        <v>19.796560728854871</v>
      </c>
      <c r="AQ301" s="12">
        <f t="shared" si="141"/>
        <v>0</v>
      </c>
      <c r="AR301" s="11">
        <f t="shared" si="142"/>
        <v>695.65836339450323</v>
      </c>
    </row>
    <row r="302" spans="16:44" x14ac:dyDescent="0.25">
      <c r="P302" s="10">
        <f t="shared" si="143"/>
        <v>45227</v>
      </c>
      <c r="Q302" s="28">
        <v>13.8</v>
      </c>
      <c r="R302" s="28">
        <f t="shared" si="129"/>
        <v>6</v>
      </c>
      <c r="S302" s="12">
        <f t="shared" si="121"/>
        <v>0.88136675487947747</v>
      </c>
      <c r="T302" s="12">
        <f t="shared" si="122"/>
        <v>0.40529111994771311</v>
      </c>
      <c r="U302" s="12">
        <f t="shared" si="123"/>
        <v>1.4791569663107089</v>
      </c>
      <c r="V302" s="12">
        <f t="shared" si="124"/>
        <v>1.31124751273035</v>
      </c>
      <c r="W302" s="12">
        <f t="shared" si="130"/>
        <v>1.9424956480203619</v>
      </c>
      <c r="X302" s="12">
        <f t="shared" si="125"/>
        <v>-1.236743869637378E-2</v>
      </c>
      <c r="Y302" s="12">
        <f t="shared" si="126"/>
        <v>-1.3226323007097701E-2</v>
      </c>
      <c r="Z302" s="12">
        <f t="shared" si="127"/>
        <v>-6.6119920832722404E-2</v>
      </c>
      <c r="AA302" s="12">
        <f t="shared" si="128"/>
        <v>-7.5310765362349638E-2</v>
      </c>
      <c r="AB302" s="12">
        <f t="shared" si="131"/>
        <v>-0.1200596025795522</v>
      </c>
      <c r="AC302" s="12">
        <f t="shared" si="132"/>
        <v>0</v>
      </c>
      <c r="AD302" s="12">
        <f t="shared" si="133"/>
        <v>7.7968751857417681E-2</v>
      </c>
      <c r="AE302" s="12">
        <f t="shared" si="134"/>
        <v>4.9586430146674722E-2</v>
      </c>
      <c r="AF302" s="12">
        <f t="shared" si="135"/>
        <v>4.7592816377736859E-2</v>
      </c>
      <c r="AG302" s="12">
        <f t="shared" si="136"/>
        <v>2.4996399086972376E-2</v>
      </c>
      <c r="AH302" s="12">
        <f>AC302/SUM(AC$2:AG$366)*Input!$J$5</f>
        <v>0</v>
      </c>
      <c r="AI302" s="12">
        <f>AD302/SUM(AC$2:AG$366)*Input!$J$5</f>
        <v>79.8408821703391</v>
      </c>
      <c r="AJ302" s="12">
        <f>AE302/SUM(AC$2:AG$366)*Input!$J$5</f>
        <v>50.777064301713061</v>
      </c>
      <c r="AK302" s="12">
        <f>AF302/SUM(AC$2:AG$366)*Input!$J$5</f>
        <v>48.735581294392226</v>
      </c>
      <c r="AL302" s="12">
        <f>AG302/SUM(AC$2:AG$366)*Input!$J$5</f>
        <v>25.596594874769259</v>
      </c>
      <c r="AM302" s="12">
        <f t="shared" si="137"/>
        <v>24.572731079778503</v>
      </c>
      <c r="AN302" s="12">
        <f t="shared" si="138"/>
        <v>170.79648570099445</v>
      </c>
      <c r="AO302" s="12">
        <f t="shared" si="139"/>
        <v>6.387270573627128</v>
      </c>
      <c r="AP302" s="12">
        <f t="shared" si="140"/>
        <v>3.193635286813564</v>
      </c>
      <c r="AQ302" s="12">
        <f t="shared" si="141"/>
        <v>0</v>
      </c>
      <c r="AR302" s="11">
        <f t="shared" si="142"/>
        <v>204.95012264121362</v>
      </c>
    </row>
    <row r="303" spans="16:44" x14ac:dyDescent="0.25">
      <c r="P303" s="10">
        <f t="shared" si="143"/>
        <v>45228</v>
      </c>
      <c r="Q303" s="28">
        <v>11.7</v>
      </c>
      <c r="R303" s="28">
        <f t="shared" si="129"/>
        <v>7</v>
      </c>
      <c r="S303" s="12">
        <f t="shared" si="121"/>
        <v>0.88136675487947747</v>
      </c>
      <c r="T303" s="12">
        <f t="shared" si="122"/>
        <v>0.40529111994771311</v>
      </c>
      <c r="U303" s="12">
        <f t="shared" si="123"/>
        <v>1.4791569663107089</v>
      </c>
      <c r="V303" s="12">
        <f t="shared" si="124"/>
        <v>1.31124751273035</v>
      </c>
      <c r="W303" s="12">
        <f t="shared" si="130"/>
        <v>1.9424956480203619</v>
      </c>
      <c r="X303" s="12">
        <f t="shared" si="125"/>
        <v>-1.236743869637378E-2</v>
      </c>
      <c r="Y303" s="12">
        <f t="shared" si="126"/>
        <v>-1.3226323007097701E-2</v>
      </c>
      <c r="Z303" s="12">
        <f t="shared" si="127"/>
        <v>-6.6119920832722404E-2</v>
      </c>
      <c r="AA303" s="12">
        <f t="shared" si="128"/>
        <v>-7.5310765362349638E-2</v>
      </c>
      <c r="AB303" s="12">
        <f t="shared" si="131"/>
        <v>-0.1200596025795522</v>
      </c>
      <c r="AC303" s="12">
        <f t="shared" si="132"/>
        <v>0</v>
      </c>
      <c r="AD303" s="12">
        <f t="shared" si="133"/>
        <v>8.7690099267634491E-2</v>
      </c>
      <c r="AE303" s="12">
        <f t="shared" si="134"/>
        <v>6.173596559968747E-2</v>
      </c>
      <c r="AF303" s="12">
        <f t="shared" si="135"/>
        <v>7.526952264840038E-2</v>
      </c>
      <c r="AG303" s="12">
        <f t="shared" si="136"/>
        <v>4.7057351060965105E-2</v>
      </c>
      <c r="AH303" s="12">
        <f>AC303/SUM(AC$2:AG$366)*Input!$J$5</f>
        <v>0</v>
      </c>
      <c r="AI303" s="12">
        <f>AD303/SUM(AC$2:AG$366)*Input!$J$5</f>
        <v>89.795651672554897</v>
      </c>
      <c r="AJ303" s="12">
        <f>AE303/SUM(AC$2:AG$366)*Input!$J$5</f>
        <v>63.218325774030241</v>
      </c>
      <c r="AK303" s="12">
        <f>AF303/SUM(AC$2:AG$366)*Input!$J$5</f>
        <v>77.076840985968332</v>
      </c>
      <c r="AL303" s="12">
        <f>AG303/SUM(AC$2:AG$366)*Input!$J$5</f>
        <v>48.187258764606725</v>
      </c>
      <c r="AM303" s="12">
        <f t="shared" si="137"/>
        <v>46.259768414022481</v>
      </c>
      <c r="AN303" s="12">
        <f t="shared" si="138"/>
        <v>221.24283058243114</v>
      </c>
      <c r="AO303" s="12">
        <f t="shared" si="139"/>
        <v>7.1836521338043919</v>
      </c>
      <c r="AP303" s="12">
        <f t="shared" si="140"/>
        <v>3.591826066902196</v>
      </c>
      <c r="AQ303" s="12">
        <f t="shared" si="141"/>
        <v>0</v>
      </c>
      <c r="AR303" s="11">
        <f t="shared" si="142"/>
        <v>278.2780771971602</v>
      </c>
    </row>
    <row r="304" spans="16:44" x14ac:dyDescent="0.25">
      <c r="P304" s="10">
        <f t="shared" si="143"/>
        <v>45229</v>
      </c>
      <c r="Q304" s="28">
        <v>12.3</v>
      </c>
      <c r="R304" s="28">
        <f t="shared" si="129"/>
        <v>1</v>
      </c>
      <c r="S304" s="12">
        <f t="shared" si="121"/>
        <v>1.0609861866589789</v>
      </c>
      <c r="T304" s="12">
        <f t="shared" si="122"/>
        <v>1.4695351264848711</v>
      </c>
      <c r="U304" s="12">
        <f t="shared" si="123"/>
        <v>1.771938814155029</v>
      </c>
      <c r="V304" s="12">
        <f t="shared" si="124"/>
        <v>2.5404025087253199</v>
      </c>
      <c r="W304" s="12">
        <f t="shared" si="130"/>
        <v>0</v>
      </c>
      <c r="X304" s="12">
        <f t="shared" si="125"/>
        <v>-7.0953309908476907E-3</v>
      </c>
      <c r="Y304" s="12">
        <f t="shared" si="126"/>
        <v>-5.875924024232846E-2</v>
      </c>
      <c r="Z304" s="12">
        <f t="shared" si="127"/>
        <v>-9.5984753200240996E-2</v>
      </c>
      <c r="AA304" s="12">
        <f t="shared" si="128"/>
        <v>-0.17801624965770491</v>
      </c>
      <c r="AB304" s="12">
        <f t="shared" si="131"/>
        <v>0</v>
      </c>
      <c r="AC304" s="12">
        <f t="shared" si="132"/>
        <v>0.36514260580183211</v>
      </c>
      <c r="AD304" s="12">
        <f t="shared" si="133"/>
        <v>0.28004867681408663</v>
      </c>
      <c r="AE304" s="12">
        <f t="shared" si="134"/>
        <v>0</v>
      </c>
      <c r="AF304" s="12">
        <f t="shared" si="135"/>
        <v>8.7700659483887389E-2</v>
      </c>
      <c r="AG304" s="12">
        <f t="shared" si="136"/>
        <v>0</v>
      </c>
      <c r="AH304" s="12">
        <f>AC304/SUM(AC$2:AG$366)*Input!$J$5</f>
        <v>373.91015080641074</v>
      </c>
      <c r="AI304" s="12">
        <f>AD304/SUM(AC$2:AG$366)*Input!$J$5</f>
        <v>286.77300681126241</v>
      </c>
      <c r="AJ304" s="12">
        <f>AE304/SUM(AC$2:AG$366)*Input!$J$5</f>
        <v>0</v>
      </c>
      <c r="AK304" s="12">
        <f>AF304/SUM(AC$2:AG$366)*Input!$J$5</f>
        <v>89.806465453222856</v>
      </c>
      <c r="AL304" s="12">
        <f>AG304/SUM(AC$2:AG$366)*Input!$J$5</f>
        <v>0</v>
      </c>
      <c r="AM304" s="12">
        <f t="shared" si="137"/>
        <v>43.107103417546952</v>
      </c>
      <c r="AN304" s="12">
        <f t="shared" si="138"/>
        <v>647.55689552432329</v>
      </c>
      <c r="AO304" s="12">
        <f t="shared" si="139"/>
        <v>39.88374941935048</v>
      </c>
      <c r="AP304" s="12">
        <f t="shared" si="140"/>
        <v>19.94187470967524</v>
      </c>
      <c r="AQ304" s="12">
        <f t="shared" si="141"/>
        <v>0</v>
      </c>
      <c r="AR304" s="11">
        <f t="shared" si="142"/>
        <v>750.48962307089596</v>
      </c>
    </row>
    <row r="305" spans="16:44" x14ac:dyDescent="0.25">
      <c r="P305" s="10">
        <f t="shared" si="143"/>
        <v>45230</v>
      </c>
      <c r="Q305" s="28">
        <v>14.5</v>
      </c>
      <c r="R305" s="28">
        <f t="shared" si="129"/>
        <v>2</v>
      </c>
      <c r="S305" s="12">
        <f t="shared" si="121"/>
        <v>1.0609861866589789</v>
      </c>
      <c r="T305" s="12">
        <f t="shared" si="122"/>
        <v>1.4695351264848711</v>
      </c>
      <c r="U305" s="12">
        <f t="shared" si="123"/>
        <v>1.771938814155029</v>
      </c>
      <c r="V305" s="12">
        <f t="shared" si="124"/>
        <v>0.52104102880341097</v>
      </c>
      <c r="W305" s="12">
        <f t="shared" si="130"/>
        <v>0</v>
      </c>
      <c r="X305" s="12">
        <f t="shared" si="125"/>
        <v>-7.0953309908476907E-3</v>
      </c>
      <c r="Y305" s="12">
        <f t="shared" si="126"/>
        <v>-5.875924024232846E-2</v>
      </c>
      <c r="Z305" s="12">
        <f t="shared" si="127"/>
        <v>-9.5984753200240996E-2</v>
      </c>
      <c r="AA305" s="12">
        <f t="shared" si="128"/>
        <v>-2.1476600051355411E-2</v>
      </c>
      <c r="AB305" s="12">
        <f t="shared" si="131"/>
        <v>0</v>
      </c>
      <c r="AC305" s="12">
        <f t="shared" si="132"/>
        <v>0.35928895773438274</v>
      </c>
      <c r="AD305" s="12">
        <f t="shared" si="133"/>
        <v>0.23157230361416564</v>
      </c>
      <c r="AE305" s="12">
        <f t="shared" si="134"/>
        <v>0</v>
      </c>
      <c r="AF305" s="12">
        <f t="shared" si="135"/>
        <v>5.2407582014689369E-2</v>
      </c>
      <c r="AG305" s="12">
        <f t="shared" si="136"/>
        <v>0</v>
      </c>
      <c r="AH305" s="12">
        <f>AC305/SUM(AC$2:AG$366)*Input!$J$5</f>
        <v>367.91594909757066</v>
      </c>
      <c r="AI305" s="12">
        <f>AD305/SUM(AC$2:AG$366)*Input!$J$5</f>
        <v>237.13265335558424</v>
      </c>
      <c r="AJ305" s="12">
        <f>AE305/SUM(AC$2:AG$366)*Input!$J$5</f>
        <v>0</v>
      </c>
      <c r="AK305" s="12">
        <f>AF305/SUM(AC$2:AG$366)*Input!$J$5</f>
        <v>53.665955665405718</v>
      </c>
      <c r="AL305" s="12">
        <f>AG305/SUM(AC$2:AG$366)*Input!$J$5</f>
        <v>0</v>
      </c>
      <c r="AM305" s="12">
        <f t="shared" si="137"/>
        <v>25.759658719394732</v>
      </c>
      <c r="AN305" s="12">
        <f t="shared" si="138"/>
        <v>574.08834754355462</v>
      </c>
      <c r="AO305" s="12">
        <f t="shared" si="139"/>
        <v>39.244367903740873</v>
      </c>
      <c r="AP305" s="12">
        <f t="shared" si="140"/>
        <v>19.622183951870436</v>
      </c>
      <c r="AQ305" s="12">
        <f t="shared" si="141"/>
        <v>0</v>
      </c>
      <c r="AR305" s="11">
        <f t="shared" si="142"/>
        <v>658.7145581185606</v>
      </c>
    </row>
    <row r="306" spans="16:44" x14ac:dyDescent="0.25">
      <c r="P306" s="10">
        <f t="shared" si="143"/>
        <v>45231</v>
      </c>
      <c r="Q306" s="28">
        <v>14.7</v>
      </c>
      <c r="R306" s="28">
        <f t="shared" si="129"/>
        <v>3</v>
      </c>
      <c r="S306" s="12">
        <f t="shared" si="121"/>
        <v>1.0609861866589789</v>
      </c>
      <c r="T306" s="12">
        <f t="shared" si="122"/>
        <v>1.4695351264848711</v>
      </c>
      <c r="U306" s="12">
        <f t="shared" si="123"/>
        <v>1.771938814155029</v>
      </c>
      <c r="V306" s="12">
        <f t="shared" si="124"/>
        <v>0.52104102880341097</v>
      </c>
      <c r="W306" s="12">
        <f t="shared" si="130"/>
        <v>0</v>
      </c>
      <c r="X306" s="12">
        <f t="shared" si="125"/>
        <v>-7.0953309908476907E-3</v>
      </c>
      <c r="Y306" s="12">
        <f t="shared" si="126"/>
        <v>-5.875924024232846E-2</v>
      </c>
      <c r="Z306" s="12">
        <f t="shared" si="127"/>
        <v>-9.5984753200240996E-2</v>
      </c>
      <c r="AA306" s="12">
        <f t="shared" si="128"/>
        <v>-2.1476600051355411E-2</v>
      </c>
      <c r="AB306" s="12">
        <f t="shared" si="131"/>
        <v>0</v>
      </c>
      <c r="AC306" s="12">
        <f t="shared" si="132"/>
        <v>0.35875680791006925</v>
      </c>
      <c r="AD306" s="12">
        <f t="shared" si="133"/>
        <v>0.22716536059599104</v>
      </c>
      <c r="AE306" s="12">
        <f t="shared" si="134"/>
        <v>0</v>
      </c>
      <c r="AF306" s="12">
        <f t="shared" si="135"/>
        <v>5.1333752012121606E-2</v>
      </c>
      <c r="AG306" s="12">
        <f t="shared" si="136"/>
        <v>0</v>
      </c>
      <c r="AH306" s="12">
        <f>AC306/SUM(AC$2:AG$366)*Input!$J$5</f>
        <v>367.37102166949438</v>
      </c>
      <c r="AI306" s="12">
        <f>AD306/SUM(AC$2:AG$366)*Input!$J$5</f>
        <v>232.61989395052262</v>
      </c>
      <c r="AJ306" s="12">
        <f>AE306/SUM(AC$2:AG$366)*Input!$J$5</f>
        <v>0</v>
      </c>
      <c r="AK306" s="12">
        <f>AF306/SUM(AC$2:AG$366)*Input!$J$5</f>
        <v>52.566341619219969</v>
      </c>
      <c r="AL306" s="12">
        <f>AG306/SUM(AC$2:AG$366)*Input!$J$5</f>
        <v>0</v>
      </c>
      <c r="AM306" s="12">
        <f t="shared" si="137"/>
        <v>25.231843977225573</v>
      </c>
      <c r="AN306" s="12">
        <f t="shared" si="138"/>
        <v>568.54604979489227</v>
      </c>
      <c r="AO306" s="12">
        <f t="shared" si="139"/>
        <v>39.186242311412734</v>
      </c>
      <c r="AP306" s="12">
        <f t="shared" si="140"/>
        <v>19.593121155706367</v>
      </c>
      <c r="AQ306" s="12">
        <f t="shared" si="141"/>
        <v>0</v>
      </c>
      <c r="AR306" s="11">
        <f t="shared" si="142"/>
        <v>652.55725723923695</v>
      </c>
    </row>
    <row r="307" spans="16:44" x14ac:dyDescent="0.25">
      <c r="P307" s="10">
        <f t="shared" si="143"/>
        <v>45232</v>
      </c>
      <c r="Q307" s="28">
        <v>13.4</v>
      </c>
      <c r="R307" s="28">
        <f t="shared" si="129"/>
        <v>4</v>
      </c>
      <c r="S307" s="12">
        <f t="shared" si="121"/>
        <v>1.0609861866589789</v>
      </c>
      <c r="T307" s="12">
        <f t="shared" si="122"/>
        <v>1.4695351264848711</v>
      </c>
      <c r="U307" s="12">
        <f t="shared" si="123"/>
        <v>1.771938814155029</v>
      </c>
      <c r="V307" s="12">
        <f t="shared" si="124"/>
        <v>0.52104102880341097</v>
      </c>
      <c r="W307" s="12">
        <f t="shared" si="130"/>
        <v>0</v>
      </c>
      <c r="X307" s="12">
        <f t="shared" si="125"/>
        <v>-7.0953309908476907E-3</v>
      </c>
      <c r="Y307" s="12">
        <f t="shared" si="126"/>
        <v>-5.875924024232846E-2</v>
      </c>
      <c r="Z307" s="12">
        <f t="shared" si="127"/>
        <v>-9.5984753200240996E-2</v>
      </c>
      <c r="AA307" s="12">
        <f t="shared" si="128"/>
        <v>-2.1476600051355411E-2</v>
      </c>
      <c r="AB307" s="12">
        <f t="shared" si="131"/>
        <v>0</v>
      </c>
      <c r="AC307" s="12">
        <f t="shared" si="132"/>
        <v>0.36221578176810748</v>
      </c>
      <c r="AD307" s="12">
        <f t="shared" si="133"/>
        <v>0.25581049021412611</v>
      </c>
      <c r="AE307" s="12">
        <f t="shared" si="134"/>
        <v>0</v>
      </c>
      <c r="AF307" s="12">
        <f t="shared" si="135"/>
        <v>5.8313647028812116E-2</v>
      </c>
      <c r="AG307" s="12">
        <f t="shared" si="136"/>
        <v>0</v>
      </c>
      <c r="AH307" s="12">
        <f>AC307/SUM(AC$2:AG$366)*Input!$J$5</f>
        <v>370.91304995199079</v>
      </c>
      <c r="AI307" s="12">
        <f>AD307/SUM(AC$2:AG$366)*Input!$J$5</f>
        <v>261.95283008342329</v>
      </c>
      <c r="AJ307" s="12">
        <f>AE307/SUM(AC$2:AG$366)*Input!$J$5</f>
        <v>0</v>
      </c>
      <c r="AK307" s="12">
        <f>AF307/SUM(AC$2:AG$366)*Input!$J$5</f>
        <v>59.713832919427389</v>
      </c>
      <c r="AL307" s="12">
        <f>AG307/SUM(AC$2:AG$366)*Input!$J$5</f>
        <v>0</v>
      </c>
      <c r="AM307" s="12">
        <f t="shared" si="137"/>
        <v>28.662639801325131</v>
      </c>
      <c r="AN307" s="12">
        <f t="shared" si="138"/>
        <v>604.57098516119777</v>
      </c>
      <c r="AO307" s="12">
        <f t="shared" si="139"/>
        <v>39.564058661545687</v>
      </c>
      <c r="AP307" s="12">
        <f t="shared" si="140"/>
        <v>19.782029330772843</v>
      </c>
      <c r="AQ307" s="12">
        <f t="shared" si="141"/>
        <v>0</v>
      </c>
      <c r="AR307" s="11">
        <f t="shared" si="142"/>
        <v>692.5797129548414</v>
      </c>
    </row>
    <row r="308" spans="16:44" x14ac:dyDescent="0.25">
      <c r="P308" s="10">
        <f t="shared" si="143"/>
        <v>45233</v>
      </c>
      <c r="Q308" s="28">
        <v>11.5</v>
      </c>
      <c r="R308" s="28">
        <f t="shared" si="129"/>
        <v>5</v>
      </c>
      <c r="S308" s="12">
        <f t="shared" si="121"/>
        <v>1.0609861866589789</v>
      </c>
      <c r="T308" s="12">
        <f t="shared" si="122"/>
        <v>1.4695351264848711</v>
      </c>
      <c r="U308" s="12">
        <f t="shared" si="123"/>
        <v>1.771938814155029</v>
      </c>
      <c r="V308" s="12">
        <f t="shared" si="124"/>
        <v>2.5404025087253199</v>
      </c>
      <c r="W308" s="12">
        <f t="shared" si="130"/>
        <v>0</v>
      </c>
      <c r="X308" s="12">
        <f t="shared" si="125"/>
        <v>-7.0953309908476907E-3</v>
      </c>
      <c r="Y308" s="12">
        <f t="shared" si="126"/>
        <v>-5.875924024232846E-2</v>
      </c>
      <c r="Z308" s="12">
        <f t="shared" si="127"/>
        <v>-9.5984753200240996E-2</v>
      </c>
      <c r="AA308" s="12">
        <f t="shared" si="128"/>
        <v>-0.17801624965770491</v>
      </c>
      <c r="AB308" s="12">
        <f t="shared" si="131"/>
        <v>0</v>
      </c>
      <c r="AC308" s="12">
        <f t="shared" si="132"/>
        <v>0.3672712050990864</v>
      </c>
      <c r="AD308" s="12">
        <f t="shared" si="133"/>
        <v>0.29767644888678513</v>
      </c>
      <c r="AE308" s="12">
        <f t="shared" si="134"/>
        <v>0</v>
      </c>
      <c r="AF308" s="12">
        <f t="shared" si="135"/>
        <v>0.12330390941542835</v>
      </c>
      <c r="AG308" s="12">
        <f t="shared" si="136"/>
        <v>0</v>
      </c>
      <c r="AH308" s="12">
        <f>AC308/SUM(AC$2:AG$366)*Input!$J$5</f>
        <v>376.08986051871614</v>
      </c>
      <c r="AI308" s="12">
        <f>AD308/SUM(AC$2:AG$366)*Input!$J$5</f>
        <v>304.82404443150898</v>
      </c>
      <c r="AJ308" s="12">
        <f>AE308/SUM(AC$2:AG$366)*Input!$J$5</f>
        <v>0</v>
      </c>
      <c r="AK308" s="12">
        <f>AF308/SUM(AC$2:AG$366)*Input!$J$5</f>
        <v>126.26459534433077</v>
      </c>
      <c r="AL308" s="12">
        <f>AG308/SUM(AC$2:AG$366)*Input!$J$5</f>
        <v>0</v>
      </c>
      <c r="AM308" s="12">
        <f t="shared" si="137"/>
        <v>60.607005765278743</v>
      </c>
      <c r="AN308" s="12">
        <f t="shared" si="138"/>
        <v>686.39711684628253</v>
      </c>
      <c r="AO308" s="12">
        <f t="shared" si="139"/>
        <v>40.116251788663057</v>
      </c>
      <c r="AP308" s="12">
        <f t="shared" si="140"/>
        <v>20.058125894331528</v>
      </c>
      <c r="AQ308" s="12">
        <f t="shared" si="141"/>
        <v>0</v>
      </c>
      <c r="AR308" s="11">
        <f t="shared" si="142"/>
        <v>807.17850029455576</v>
      </c>
    </row>
    <row r="309" spans="16:44" x14ac:dyDescent="0.25">
      <c r="P309" s="10">
        <f t="shared" si="143"/>
        <v>45234</v>
      </c>
      <c r="Q309" s="28">
        <v>10.3</v>
      </c>
      <c r="R309" s="28">
        <f t="shared" si="129"/>
        <v>6</v>
      </c>
      <c r="S309" s="12">
        <f t="shared" si="121"/>
        <v>0.88136675487947747</v>
      </c>
      <c r="T309" s="12">
        <f t="shared" si="122"/>
        <v>0.40529111994771311</v>
      </c>
      <c r="U309" s="12">
        <f t="shared" si="123"/>
        <v>1.4791569663107089</v>
      </c>
      <c r="V309" s="12">
        <f t="shared" si="124"/>
        <v>1.31124751273035</v>
      </c>
      <c r="W309" s="12">
        <f t="shared" si="130"/>
        <v>1.9424956480203619</v>
      </c>
      <c r="X309" s="12">
        <f t="shared" si="125"/>
        <v>-1.236743869637378E-2</v>
      </c>
      <c r="Y309" s="12">
        <f t="shared" si="126"/>
        <v>-1.3226323007097701E-2</v>
      </c>
      <c r="Z309" s="12">
        <f t="shared" si="127"/>
        <v>-6.6119920832722404E-2</v>
      </c>
      <c r="AA309" s="12">
        <f t="shared" si="128"/>
        <v>-7.5310765362349638E-2</v>
      </c>
      <c r="AB309" s="12">
        <f t="shared" si="131"/>
        <v>-0.1200596025795522</v>
      </c>
      <c r="AC309" s="12">
        <f t="shared" si="132"/>
        <v>0</v>
      </c>
      <c r="AD309" s="12">
        <f t="shared" si="133"/>
        <v>9.4170997541112383E-2</v>
      </c>
      <c r="AE309" s="12">
        <f t="shared" si="134"/>
        <v>6.983565590169595E-2</v>
      </c>
      <c r="AF309" s="12">
        <f t="shared" si="135"/>
        <v>9.372066016217602E-2</v>
      </c>
      <c r="AG309" s="12">
        <f t="shared" si="136"/>
        <v>6.1764652376960237E-2</v>
      </c>
      <c r="AH309" s="12">
        <f>AC309/SUM(AC$2:AG$366)*Input!$J$5</f>
        <v>0</v>
      </c>
      <c r="AI309" s="12">
        <f>AD309/SUM(AC$2:AG$366)*Input!$J$5</f>
        <v>96.432164674032094</v>
      </c>
      <c r="AJ309" s="12">
        <f>AE309/SUM(AC$2:AG$366)*Input!$J$5</f>
        <v>71.51250008890834</v>
      </c>
      <c r="AK309" s="12">
        <f>AF309/SUM(AC$2:AG$366)*Input!$J$5</f>
        <v>95.971014113685698</v>
      </c>
      <c r="AL309" s="12">
        <f>AG309/SUM(AC$2:AG$366)*Input!$J$5</f>
        <v>63.24770135783168</v>
      </c>
      <c r="AM309" s="12">
        <f t="shared" si="137"/>
        <v>60.717793303518448</v>
      </c>
      <c r="AN309" s="12">
        <f t="shared" si="138"/>
        <v>254.8737271700555</v>
      </c>
      <c r="AO309" s="12">
        <f t="shared" si="139"/>
        <v>7.7145731739225676</v>
      </c>
      <c r="AP309" s="12">
        <f t="shared" si="140"/>
        <v>3.8572865869612838</v>
      </c>
      <c r="AQ309" s="12">
        <f t="shared" si="141"/>
        <v>0</v>
      </c>
      <c r="AR309" s="11">
        <f t="shared" si="142"/>
        <v>327.1633802344578</v>
      </c>
    </row>
    <row r="310" spans="16:44" x14ac:dyDescent="0.25">
      <c r="P310" s="10">
        <f t="shared" si="143"/>
        <v>45235</v>
      </c>
      <c r="Q310" s="28">
        <v>11.7</v>
      </c>
      <c r="R310" s="28">
        <f t="shared" si="129"/>
        <v>7</v>
      </c>
      <c r="S310" s="12">
        <f t="shared" si="121"/>
        <v>0.88136675487947747</v>
      </c>
      <c r="T310" s="12">
        <f t="shared" si="122"/>
        <v>0.40529111994771311</v>
      </c>
      <c r="U310" s="12">
        <f t="shared" si="123"/>
        <v>1.4791569663107089</v>
      </c>
      <c r="V310" s="12">
        <f t="shared" si="124"/>
        <v>1.31124751273035</v>
      </c>
      <c r="W310" s="12">
        <f t="shared" si="130"/>
        <v>1.9424956480203619</v>
      </c>
      <c r="X310" s="12">
        <f t="shared" si="125"/>
        <v>-1.236743869637378E-2</v>
      </c>
      <c r="Y310" s="12">
        <f t="shared" si="126"/>
        <v>-1.3226323007097701E-2</v>
      </c>
      <c r="Z310" s="12">
        <f t="shared" si="127"/>
        <v>-6.6119920832722404E-2</v>
      </c>
      <c r="AA310" s="12">
        <f t="shared" si="128"/>
        <v>-7.5310765362349638E-2</v>
      </c>
      <c r="AB310" s="12">
        <f t="shared" si="131"/>
        <v>-0.1200596025795522</v>
      </c>
      <c r="AC310" s="12">
        <f t="shared" si="132"/>
        <v>0</v>
      </c>
      <c r="AD310" s="12">
        <f t="shared" si="133"/>
        <v>8.7690099267634491E-2</v>
      </c>
      <c r="AE310" s="12">
        <f t="shared" si="134"/>
        <v>6.173596559968747E-2</v>
      </c>
      <c r="AF310" s="12">
        <f t="shared" si="135"/>
        <v>7.526952264840038E-2</v>
      </c>
      <c r="AG310" s="12">
        <f t="shared" si="136"/>
        <v>4.7057351060965105E-2</v>
      </c>
      <c r="AH310" s="12">
        <f>AC310/SUM(AC$2:AG$366)*Input!$J$5</f>
        <v>0</v>
      </c>
      <c r="AI310" s="12">
        <f>AD310/SUM(AC$2:AG$366)*Input!$J$5</f>
        <v>89.795651672554897</v>
      </c>
      <c r="AJ310" s="12">
        <f>AE310/SUM(AC$2:AG$366)*Input!$J$5</f>
        <v>63.218325774030241</v>
      </c>
      <c r="AK310" s="12">
        <f>AF310/SUM(AC$2:AG$366)*Input!$J$5</f>
        <v>77.076840985968332</v>
      </c>
      <c r="AL310" s="12">
        <f>AG310/SUM(AC$2:AG$366)*Input!$J$5</f>
        <v>48.187258764606725</v>
      </c>
      <c r="AM310" s="12">
        <f t="shared" si="137"/>
        <v>46.259768414022481</v>
      </c>
      <c r="AN310" s="12">
        <f t="shared" si="138"/>
        <v>221.24283058243114</v>
      </c>
      <c r="AO310" s="12">
        <f t="shared" si="139"/>
        <v>7.1836521338043919</v>
      </c>
      <c r="AP310" s="12">
        <f t="shared" si="140"/>
        <v>3.591826066902196</v>
      </c>
      <c r="AQ310" s="12">
        <f t="shared" si="141"/>
        <v>0</v>
      </c>
      <c r="AR310" s="11">
        <f t="shared" si="142"/>
        <v>278.2780771971602</v>
      </c>
    </row>
    <row r="311" spans="16:44" x14ac:dyDescent="0.25">
      <c r="P311" s="10">
        <f t="shared" si="143"/>
        <v>45236</v>
      </c>
      <c r="Q311" s="28">
        <v>14.4</v>
      </c>
      <c r="R311" s="28">
        <f t="shared" si="129"/>
        <v>1</v>
      </c>
      <c r="S311" s="12">
        <f t="shared" si="121"/>
        <v>1.0609861866589789</v>
      </c>
      <c r="T311" s="12">
        <f t="shared" si="122"/>
        <v>1.4695351264848711</v>
      </c>
      <c r="U311" s="12">
        <f t="shared" si="123"/>
        <v>1.771938814155029</v>
      </c>
      <c r="V311" s="12">
        <f t="shared" si="124"/>
        <v>0.52104102880341097</v>
      </c>
      <c r="W311" s="12">
        <f t="shared" si="130"/>
        <v>0</v>
      </c>
      <c r="X311" s="12">
        <f t="shared" si="125"/>
        <v>-7.0953309908476907E-3</v>
      </c>
      <c r="Y311" s="12">
        <f t="shared" si="126"/>
        <v>-5.875924024232846E-2</v>
      </c>
      <c r="Z311" s="12">
        <f t="shared" si="127"/>
        <v>-9.5984753200240996E-2</v>
      </c>
      <c r="AA311" s="12">
        <f t="shared" si="128"/>
        <v>-2.1476600051355411E-2</v>
      </c>
      <c r="AB311" s="12">
        <f t="shared" si="131"/>
        <v>0</v>
      </c>
      <c r="AC311" s="12">
        <f t="shared" si="132"/>
        <v>0.3595550326465396</v>
      </c>
      <c r="AD311" s="12">
        <f t="shared" si="133"/>
        <v>0.23377577512325293</v>
      </c>
      <c r="AE311" s="12">
        <f t="shared" si="134"/>
        <v>0</v>
      </c>
      <c r="AF311" s="12">
        <f t="shared" si="135"/>
        <v>5.2944497015973258E-2</v>
      </c>
      <c r="AG311" s="12">
        <f t="shared" si="136"/>
        <v>0</v>
      </c>
      <c r="AH311" s="12">
        <f>AC311/SUM(AC$2:AG$366)*Input!$J$5</f>
        <v>368.18841281160888</v>
      </c>
      <c r="AI311" s="12">
        <f>AD311/SUM(AC$2:AG$366)*Input!$J$5</f>
        <v>239.38903305811505</v>
      </c>
      <c r="AJ311" s="12">
        <f>AE311/SUM(AC$2:AG$366)*Input!$J$5</f>
        <v>0</v>
      </c>
      <c r="AK311" s="12">
        <f>AF311/SUM(AC$2:AG$366)*Input!$J$5</f>
        <v>54.2157626884986</v>
      </c>
      <c r="AL311" s="12">
        <f>AG311/SUM(AC$2:AG$366)*Input!$J$5</f>
        <v>0</v>
      </c>
      <c r="AM311" s="12">
        <f t="shared" si="137"/>
        <v>26.023566090479314</v>
      </c>
      <c r="AN311" s="12">
        <f t="shared" si="138"/>
        <v>576.85949641788579</v>
      </c>
      <c r="AO311" s="12">
        <f t="shared" si="139"/>
        <v>39.273430699904949</v>
      </c>
      <c r="AP311" s="12">
        <f t="shared" si="140"/>
        <v>19.636715349952475</v>
      </c>
      <c r="AQ311" s="12">
        <f t="shared" si="141"/>
        <v>0</v>
      </c>
      <c r="AR311" s="11">
        <f t="shared" si="142"/>
        <v>661.79320855822255</v>
      </c>
    </row>
    <row r="312" spans="16:44" x14ac:dyDescent="0.25">
      <c r="P312" s="10">
        <f t="shared" si="143"/>
        <v>45237</v>
      </c>
      <c r="Q312" s="28">
        <v>10.8</v>
      </c>
      <c r="R312" s="28">
        <f t="shared" si="129"/>
        <v>2</v>
      </c>
      <c r="S312" s="12">
        <f t="shared" si="121"/>
        <v>1.0609861866589789</v>
      </c>
      <c r="T312" s="12">
        <f t="shared" si="122"/>
        <v>1.4695351264848711</v>
      </c>
      <c r="U312" s="12">
        <f t="shared" si="123"/>
        <v>1.771938814155029</v>
      </c>
      <c r="V312" s="12">
        <f t="shared" si="124"/>
        <v>2.5404025087253199</v>
      </c>
      <c r="W312" s="12">
        <f t="shared" si="130"/>
        <v>0</v>
      </c>
      <c r="X312" s="12">
        <f t="shared" si="125"/>
        <v>-7.0953309908476907E-3</v>
      </c>
      <c r="Y312" s="12">
        <f t="shared" si="126"/>
        <v>-5.875924024232846E-2</v>
      </c>
      <c r="Z312" s="12">
        <f t="shared" si="127"/>
        <v>-9.5984753200240996E-2</v>
      </c>
      <c r="AA312" s="12">
        <f t="shared" si="128"/>
        <v>-0.17801624965770491</v>
      </c>
      <c r="AB312" s="12">
        <f t="shared" si="131"/>
        <v>0</v>
      </c>
      <c r="AC312" s="12">
        <f t="shared" si="132"/>
        <v>0.36913372948418394</v>
      </c>
      <c r="AD312" s="12">
        <f t="shared" si="133"/>
        <v>0.31310074945039634</v>
      </c>
      <c r="AE312" s="12">
        <f t="shared" si="134"/>
        <v>0</v>
      </c>
      <c r="AF312" s="12">
        <f t="shared" si="135"/>
        <v>0.1544567531055267</v>
      </c>
      <c r="AG312" s="12">
        <f t="shared" si="136"/>
        <v>0</v>
      </c>
      <c r="AH312" s="12">
        <f>AC312/SUM(AC$2:AG$366)*Input!$J$5</f>
        <v>377.99710651698342</v>
      </c>
      <c r="AI312" s="12">
        <f>AD312/SUM(AC$2:AG$366)*Input!$J$5</f>
        <v>320.61870234922475</v>
      </c>
      <c r="AJ312" s="12">
        <f>AE312/SUM(AC$2:AG$366)*Input!$J$5</f>
        <v>0</v>
      </c>
      <c r="AK312" s="12">
        <f>AF312/SUM(AC$2:AG$366)*Input!$J$5</f>
        <v>158.1654589990502</v>
      </c>
      <c r="AL312" s="12">
        <f>AG312/SUM(AC$2:AG$366)*Input!$J$5</f>
        <v>0</v>
      </c>
      <c r="AM312" s="12">
        <f t="shared" si="137"/>
        <v>75.919420319544059</v>
      </c>
      <c r="AN312" s="12">
        <f t="shared" si="138"/>
        <v>720.38231050299692</v>
      </c>
      <c r="AO312" s="12">
        <f t="shared" si="139"/>
        <v>40.319691361811564</v>
      </c>
      <c r="AP312" s="12">
        <f t="shared" si="140"/>
        <v>20.159845680905782</v>
      </c>
      <c r="AQ312" s="12">
        <f t="shared" si="141"/>
        <v>0</v>
      </c>
      <c r="AR312" s="11">
        <f t="shared" si="142"/>
        <v>856.78126786525831</v>
      </c>
    </row>
    <row r="313" spans="16:44" x14ac:dyDescent="0.25">
      <c r="P313" s="10">
        <f t="shared" si="143"/>
        <v>45238</v>
      </c>
      <c r="Q313" s="28">
        <v>11.2</v>
      </c>
      <c r="R313" s="28">
        <f t="shared" si="129"/>
        <v>3</v>
      </c>
      <c r="S313" s="12">
        <f t="shared" si="121"/>
        <v>1.0609861866589789</v>
      </c>
      <c r="T313" s="12">
        <f t="shared" si="122"/>
        <v>1.4695351264848711</v>
      </c>
      <c r="U313" s="12">
        <f t="shared" si="123"/>
        <v>1.771938814155029</v>
      </c>
      <c r="V313" s="12">
        <f t="shared" si="124"/>
        <v>2.5404025087253199</v>
      </c>
      <c r="W313" s="12">
        <f t="shared" si="130"/>
        <v>0</v>
      </c>
      <c r="X313" s="12">
        <f t="shared" si="125"/>
        <v>-7.0953309908476907E-3</v>
      </c>
      <c r="Y313" s="12">
        <f t="shared" si="126"/>
        <v>-5.875924024232846E-2</v>
      </c>
      <c r="Z313" s="12">
        <f t="shared" si="127"/>
        <v>-9.5984753200240996E-2</v>
      </c>
      <c r="AA313" s="12">
        <f t="shared" si="128"/>
        <v>-0.17801624965770491</v>
      </c>
      <c r="AB313" s="12">
        <f t="shared" si="131"/>
        <v>0</v>
      </c>
      <c r="AC313" s="12">
        <f t="shared" si="132"/>
        <v>0.36806942983555679</v>
      </c>
      <c r="AD313" s="12">
        <f t="shared" si="133"/>
        <v>0.30428686341404715</v>
      </c>
      <c r="AE313" s="12">
        <f t="shared" si="134"/>
        <v>0</v>
      </c>
      <c r="AF313" s="12">
        <f t="shared" si="135"/>
        <v>0.13665512813975628</v>
      </c>
      <c r="AG313" s="12">
        <f t="shared" si="136"/>
        <v>0</v>
      </c>
      <c r="AH313" s="12">
        <f>AC313/SUM(AC$2:AG$366)*Input!$J$5</f>
        <v>376.9072516608307</v>
      </c>
      <c r="AI313" s="12">
        <f>AD313/SUM(AC$2:AG$366)*Input!$J$5</f>
        <v>311.59318353910152</v>
      </c>
      <c r="AJ313" s="12">
        <f>AE313/SUM(AC$2:AG$366)*Input!$J$5</f>
        <v>0</v>
      </c>
      <c r="AK313" s="12">
        <f>AF313/SUM(AC$2:AG$366)*Input!$J$5</f>
        <v>139.93639405349631</v>
      </c>
      <c r="AL313" s="12">
        <f>AG313/SUM(AC$2:AG$366)*Input!$J$5</f>
        <v>0</v>
      </c>
      <c r="AM313" s="12">
        <f t="shared" si="137"/>
        <v>67.169469145678192</v>
      </c>
      <c r="AN313" s="12">
        <f t="shared" si="138"/>
        <v>700.9621998420173</v>
      </c>
      <c r="AO313" s="12">
        <f t="shared" si="139"/>
        <v>40.203440177155279</v>
      </c>
      <c r="AP313" s="12">
        <f t="shared" si="140"/>
        <v>20.10172008857764</v>
      </c>
      <c r="AQ313" s="12">
        <f t="shared" si="141"/>
        <v>0</v>
      </c>
      <c r="AR313" s="11">
        <f t="shared" si="142"/>
        <v>828.43682925342841</v>
      </c>
    </row>
    <row r="314" spans="16:44" x14ac:dyDescent="0.25">
      <c r="P314" s="10">
        <f t="shared" si="143"/>
        <v>45239</v>
      </c>
      <c r="Q314" s="28">
        <v>7.8</v>
      </c>
      <c r="R314" s="28">
        <f t="shared" si="129"/>
        <v>4</v>
      </c>
      <c r="S314" s="12">
        <f t="shared" si="121"/>
        <v>1.0609861866589789</v>
      </c>
      <c r="T314" s="12">
        <f t="shared" si="122"/>
        <v>1.4695351264848711</v>
      </c>
      <c r="U314" s="12">
        <f t="shared" si="123"/>
        <v>1.771938814155029</v>
      </c>
      <c r="V314" s="12">
        <f t="shared" si="124"/>
        <v>2.5404025087253199</v>
      </c>
      <c r="W314" s="12">
        <f t="shared" si="130"/>
        <v>0</v>
      </c>
      <c r="X314" s="12">
        <f t="shared" si="125"/>
        <v>-7.0953309908476907E-3</v>
      </c>
      <c r="Y314" s="12">
        <f t="shared" si="126"/>
        <v>-5.875924024232846E-2</v>
      </c>
      <c r="Z314" s="12">
        <f t="shared" si="127"/>
        <v>-9.5984753200240996E-2</v>
      </c>
      <c r="AA314" s="12">
        <f t="shared" si="128"/>
        <v>-0.17801624965770491</v>
      </c>
      <c r="AB314" s="12">
        <f t="shared" si="131"/>
        <v>0</v>
      </c>
      <c r="AC314" s="12">
        <f t="shared" si="132"/>
        <v>0.37711597684888754</v>
      </c>
      <c r="AD314" s="12">
        <f t="shared" si="133"/>
        <v>0.37920489472301594</v>
      </c>
      <c r="AE314" s="12">
        <f t="shared" si="134"/>
        <v>0</v>
      </c>
      <c r="AF314" s="12">
        <f t="shared" si="135"/>
        <v>0.28796894034880544</v>
      </c>
      <c r="AG314" s="12">
        <f t="shared" si="136"/>
        <v>0</v>
      </c>
      <c r="AH314" s="12">
        <f>AC314/SUM(AC$2:AG$366)*Input!$J$5</f>
        <v>386.1710179381289</v>
      </c>
      <c r="AI314" s="12">
        <f>AD314/SUM(AC$2:AG$366)*Input!$J$5</f>
        <v>388.31009342514955</v>
      </c>
      <c r="AJ314" s="12">
        <f>AE314/SUM(AC$2:AG$366)*Input!$J$5</f>
        <v>0</v>
      </c>
      <c r="AK314" s="12">
        <f>AF314/SUM(AC$2:AG$366)*Input!$J$5</f>
        <v>294.88344609070504</v>
      </c>
      <c r="AL314" s="12">
        <f>AG314/SUM(AC$2:AG$366)*Input!$J$5</f>
        <v>0</v>
      </c>
      <c r="AM314" s="12">
        <f t="shared" si="137"/>
        <v>141.54405412353836</v>
      </c>
      <c r="AN314" s="12">
        <f t="shared" si="138"/>
        <v>866.03314046034438</v>
      </c>
      <c r="AO314" s="12">
        <f t="shared" si="139"/>
        <v>41.191575246733748</v>
      </c>
      <c r="AP314" s="12">
        <f t="shared" si="140"/>
        <v>20.595787623366874</v>
      </c>
      <c r="AQ314" s="12">
        <f t="shared" si="141"/>
        <v>0</v>
      </c>
      <c r="AR314" s="11">
        <f t="shared" si="142"/>
        <v>1069.3645574539835</v>
      </c>
    </row>
    <row r="315" spans="16:44" x14ac:dyDescent="0.25">
      <c r="P315" s="10">
        <f t="shared" si="143"/>
        <v>45240</v>
      </c>
      <c r="Q315" s="28">
        <v>8.6999999999999993</v>
      </c>
      <c r="R315" s="28">
        <f t="shared" si="129"/>
        <v>5</v>
      </c>
      <c r="S315" s="12">
        <f t="shared" si="121"/>
        <v>1.0609861866589789</v>
      </c>
      <c r="T315" s="12">
        <f t="shared" si="122"/>
        <v>1.4695351264848711</v>
      </c>
      <c r="U315" s="12">
        <f t="shared" si="123"/>
        <v>1.771938814155029</v>
      </c>
      <c r="V315" s="12">
        <f t="shared" si="124"/>
        <v>2.5404025087253199</v>
      </c>
      <c r="W315" s="12">
        <f t="shared" si="130"/>
        <v>0</v>
      </c>
      <c r="X315" s="12">
        <f t="shared" si="125"/>
        <v>-7.0953309908476907E-3</v>
      </c>
      <c r="Y315" s="12">
        <f t="shared" si="126"/>
        <v>-5.875924024232846E-2</v>
      </c>
      <c r="Z315" s="12">
        <f t="shared" si="127"/>
        <v>-9.5984753200240996E-2</v>
      </c>
      <c r="AA315" s="12">
        <f t="shared" si="128"/>
        <v>-0.17801624965770491</v>
      </c>
      <c r="AB315" s="12">
        <f t="shared" si="131"/>
        <v>0</v>
      </c>
      <c r="AC315" s="12">
        <f t="shared" si="132"/>
        <v>0.37472130263947651</v>
      </c>
      <c r="AD315" s="12">
        <f t="shared" si="133"/>
        <v>0.35937365114123004</v>
      </c>
      <c r="AE315" s="12">
        <f t="shared" si="134"/>
        <v>0</v>
      </c>
      <c r="AF315" s="12">
        <f t="shared" si="135"/>
        <v>0.24791528417582182</v>
      </c>
      <c r="AG315" s="12">
        <f t="shared" si="136"/>
        <v>0</v>
      </c>
      <c r="AH315" s="12">
        <f>AC315/SUM(AC$2:AG$366)*Input!$J$5</f>
        <v>383.71884451178533</v>
      </c>
      <c r="AI315" s="12">
        <f>AD315/SUM(AC$2:AG$366)*Input!$J$5</f>
        <v>368.00267610237211</v>
      </c>
      <c r="AJ315" s="12">
        <f>AE315/SUM(AC$2:AG$366)*Input!$J$5</f>
        <v>0</v>
      </c>
      <c r="AK315" s="12">
        <f>AF315/SUM(AC$2:AG$366)*Input!$J$5</f>
        <v>253.86804996320859</v>
      </c>
      <c r="AL315" s="12">
        <f>AG315/SUM(AC$2:AG$366)*Input!$J$5</f>
        <v>0</v>
      </c>
      <c r="AM315" s="12">
        <f t="shared" si="137"/>
        <v>121.85666398234007</v>
      </c>
      <c r="AN315" s="12">
        <f t="shared" si="138"/>
        <v>822.3378914731403</v>
      </c>
      <c r="AO315" s="12">
        <f t="shared" si="139"/>
        <v>40.930010081257102</v>
      </c>
      <c r="AP315" s="12">
        <f t="shared" si="140"/>
        <v>20.465005040628551</v>
      </c>
      <c r="AQ315" s="12">
        <f t="shared" si="141"/>
        <v>0</v>
      </c>
      <c r="AR315" s="11">
        <f t="shared" si="142"/>
        <v>1005.589570577366</v>
      </c>
    </row>
    <row r="316" spans="16:44" x14ac:dyDescent="0.25">
      <c r="P316" s="10">
        <f t="shared" si="143"/>
        <v>45241</v>
      </c>
      <c r="Q316" s="28">
        <v>9.3000000000000007</v>
      </c>
      <c r="R316" s="28">
        <f t="shared" si="129"/>
        <v>6</v>
      </c>
      <c r="S316" s="12">
        <f t="shared" si="121"/>
        <v>0.88136675487947747</v>
      </c>
      <c r="T316" s="12">
        <f t="shared" si="122"/>
        <v>0.40529111994771311</v>
      </c>
      <c r="U316" s="12">
        <f t="shared" si="123"/>
        <v>1.4791569663107089</v>
      </c>
      <c r="V316" s="12">
        <f t="shared" si="124"/>
        <v>1.31124751273035</v>
      </c>
      <c r="W316" s="12">
        <f t="shared" si="130"/>
        <v>1.9424956480203619</v>
      </c>
      <c r="X316" s="12">
        <f t="shared" si="125"/>
        <v>-1.236743869637378E-2</v>
      </c>
      <c r="Y316" s="12">
        <f t="shared" si="126"/>
        <v>-1.3226323007097701E-2</v>
      </c>
      <c r="Z316" s="12">
        <f t="shared" si="127"/>
        <v>-6.6119920832722404E-2</v>
      </c>
      <c r="AA316" s="12">
        <f t="shared" si="128"/>
        <v>-7.5310765362349638E-2</v>
      </c>
      <c r="AB316" s="12">
        <f t="shared" si="131"/>
        <v>-0.1200596025795522</v>
      </c>
      <c r="AC316" s="12">
        <f t="shared" si="132"/>
        <v>0</v>
      </c>
      <c r="AD316" s="12">
        <f t="shared" si="133"/>
        <v>9.8800210593596574E-2</v>
      </c>
      <c r="AE316" s="12">
        <f t="shared" si="134"/>
        <v>7.5621148974559169E-2</v>
      </c>
      <c r="AF316" s="12">
        <f t="shared" si="135"/>
        <v>0.10690004410058719</v>
      </c>
      <c r="AG316" s="12">
        <f t="shared" si="136"/>
        <v>7.2269867602671053E-2</v>
      </c>
      <c r="AH316" s="12">
        <f>AC316/SUM(AC$2:AG$366)*Input!$J$5</f>
        <v>0</v>
      </c>
      <c r="AI316" s="12">
        <f>AD316/SUM(AC$2:AG$366)*Input!$J$5</f>
        <v>101.17253110365866</v>
      </c>
      <c r="AJ316" s="12">
        <f>AE316/SUM(AC$2:AG$366)*Input!$J$5</f>
        <v>77.436910313821272</v>
      </c>
      <c r="AK316" s="12">
        <f>AF316/SUM(AC$2:AG$366)*Input!$J$5</f>
        <v>109.46685206205524</v>
      </c>
      <c r="AL316" s="12">
        <f>AG316/SUM(AC$2:AG$366)*Input!$J$5</f>
        <v>74.005160352992377</v>
      </c>
      <c r="AM316" s="12">
        <f t="shared" si="137"/>
        <v>71.044953938872723</v>
      </c>
      <c r="AN316" s="12">
        <f t="shared" si="138"/>
        <v>278.89579616121574</v>
      </c>
      <c r="AO316" s="12">
        <f t="shared" si="139"/>
        <v>8.0938024882926918</v>
      </c>
      <c r="AP316" s="12">
        <f t="shared" si="140"/>
        <v>4.0469012441463459</v>
      </c>
      <c r="AQ316" s="12">
        <f t="shared" si="141"/>
        <v>0</v>
      </c>
      <c r="AR316" s="11">
        <f t="shared" si="142"/>
        <v>362.08145383252747</v>
      </c>
    </row>
    <row r="317" spans="16:44" x14ac:dyDescent="0.25">
      <c r="P317" s="10">
        <f t="shared" si="143"/>
        <v>45242</v>
      </c>
      <c r="Q317" s="28">
        <v>8.8000000000000007</v>
      </c>
      <c r="R317" s="28">
        <f t="shared" si="129"/>
        <v>7</v>
      </c>
      <c r="S317" s="12">
        <f t="shared" si="121"/>
        <v>0.88136675487947747</v>
      </c>
      <c r="T317" s="12">
        <f t="shared" si="122"/>
        <v>0.40529111994771311</v>
      </c>
      <c r="U317" s="12">
        <f t="shared" si="123"/>
        <v>1.4791569663107089</v>
      </c>
      <c r="V317" s="12">
        <f t="shared" si="124"/>
        <v>1.31124751273035</v>
      </c>
      <c r="W317" s="12">
        <f t="shared" si="130"/>
        <v>1.9424956480203619</v>
      </c>
      <c r="X317" s="12">
        <f t="shared" si="125"/>
        <v>-1.236743869637378E-2</v>
      </c>
      <c r="Y317" s="12">
        <f t="shared" si="126"/>
        <v>-1.3226323007097701E-2</v>
      </c>
      <c r="Z317" s="12">
        <f t="shared" si="127"/>
        <v>-6.6119920832722404E-2</v>
      </c>
      <c r="AA317" s="12">
        <f t="shared" si="128"/>
        <v>-7.5310765362349638E-2</v>
      </c>
      <c r="AB317" s="12">
        <f t="shared" si="131"/>
        <v>-0.1200596025795522</v>
      </c>
      <c r="AC317" s="12">
        <f t="shared" si="132"/>
        <v>0</v>
      </c>
      <c r="AD317" s="12">
        <f t="shared" si="133"/>
        <v>0.10111481711983866</v>
      </c>
      <c r="AE317" s="12">
        <f t="shared" si="134"/>
        <v>7.8513895510990764E-2</v>
      </c>
      <c r="AF317" s="12">
        <f t="shared" si="135"/>
        <v>0.11348973606979279</v>
      </c>
      <c r="AG317" s="12">
        <f t="shared" si="136"/>
        <v>7.7522475215526465E-2</v>
      </c>
      <c r="AH317" s="12">
        <f>AC317/SUM(AC$2:AG$366)*Input!$J$5</f>
        <v>0</v>
      </c>
      <c r="AI317" s="12">
        <f>AD317/SUM(AC$2:AG$366)*Input!$J$5</f>
        <v>103.54271431847194</v>
      </c>
      <c r="AJ317" s="12">
        <f>AE317/SUM(AC$2:AG$366)*Input!$J$5</f>
        <v>80.399115426277731</v>
      </c>
      <c r="AK317" s="12">
        <f>AF317/SUM(AC$2:AG$366)*Input!$J$5</f>
        <v>116.21477103624004</v>
      </c>
      <c r="AL317" s="12">
        <f>AG317/SUM(AC$2:AG$366)*Input!$J$5</f>
        <v>79.383889850572729</v>
      </c>
      <c r="AM317" s="12">
        <f t="shared" si="137"/>
        <v>76.208534256549868</v>
      </c>
      <c r="AN317" s="12">
        <f t="shared" si="138"/>
        <v>290.90683065679593</v>
      </c>
      <c r="AO317" s="12">
        <f t="shared" si="139"/>
        <v>8.2834171454777543</v>
      </c>
      <c r="AP317" s="12">
        <f t="shared" si="140"/>
        <v>4.1417085727388772</v>
      </c>
      <c r="AQ317" s="12">
        <f t="shared" si="141"/>
        <v>0</v>
      </c>
      <c r="AR317" s="11">
        <f t="shared" si="142"/>
        <v>379.54049063156242</v>
      </c>
    </row>
    <row r="318" spans="16:44" x14ac:dyDescent="0.25">
      <c r="P318" s="10">
        <f t="shared" si="143"/>
        <v>45243</v>
      </c>
      <c r="Q318" s="28">
        <v>6.5</v>
      </c>
      <c r="R318" s="28">
        <f t="shared" si="129"/>
        <v>1</v>
      </c>
      <c r="S318" s="12">
        <f t="shared" si="121"/>
        <v>1.0609861866589789</v>
      </c>
      <c r="T318" s="12">
        <f t="shared" si="122"/>
        <v>1.4695351264848711</v>
      </c>
      <c r="U318" s="12">
        <f t="shared" si="123"/>
        <v>1.771938814155029</v>
      </c>
      <c r="V318" s="12">
        <f t="shared" si="124"/>
        <v>2.5404025087253199</v>
      </c>
      <c r="W318" s="12">
        <f t="shared" si="130"/>
        <v>0</v>
      </c>
      <c r="X318" s="12">
        <f t="shared" si="125"/>
        <v>-7.0953309908476907E-3</v>
      </c>
      <c r="Y318" s="12">
        <f t="shared" si="126"/>
        <v>-5.875924024232846E-2</v>
      </c>
      <c r="Z318" s="12">
        <f t="shared" si="127"/>
        <v>-9.5984753200240996E-2</v>
      </c>
      <c r="AA318" s="12">
        <f t="shared" si="128"/>
        <v>-0.17801624965770491</v>
      </c>
      <c r="AB318" s="12">
        <f t="shared" si="131"/>
        <v>0</v>
      </c>
      <c r="AC318" s="12">
        <f t="shared" si="132"/>
        <v>0.38057495070692582</v>
      </c>
      <c r="AD318" s="12">
        <f t="shared" si="133"/>
        <v>0.40785002434115097</v>
      </c>
      <c r="AE318" s="12">
        <f t="shared" si="134"/>
        <v>0</v>
      </c>
      <c r="AF318" s="12">
        <f t="shared" si="135"/>
        <v>0.34582422148755954</v>
      </c>
      <c r="AG318" s="12">
        <f t="shared" si="136"/>
        <v>0</v>
      </c>
      <c r="AH318" s="12">
        <f>AC318/SUM(AC$2:AG$366)*Input!$J$5</f>
        <v>389.71304622062524</v>
      </c>
      <c r="AI318" s="12">
        <f>AD318/SUM(AC$2:AG$366)*Input!$J$5</f>
        <v>417.64302955805016</v>
      </c>
      <c r="AJ318" s="12">
        <f>AE318/SUM(AC$2:AG$366)*Input!$J$5</f>
        <v>0</v>
      </c>
      <c r="AK318" s="12">
        <f>AF318/SUM(AC$2:AG$366)*Input!$J$5</f>
        <v>354.12790716375548</v>
      </c>
      <c r="AL318" s="12">
        <f>AG318/SUM(AC$2:AG$366)*Input!$J$5</f>
        <v>0</v>
      </c>
      <c r="AM318" s="12">
        <f t="shared" si="137"/>
        <v>169.98139543860253</v>
      </c>
      <c r="AN318" s="12">
        <f t="shared" si="138"/>
        <v>929.14850010852842</v>
      </c>
      <c r="AO318" s="12">
        <f t="shared" si="139"/>
        <v>41.569391596866694</v>
      </c>
      <c r="AP318" s="12">
        <f t="shared" si="140"/>
        <v>20.784695798433347</v>
      </c>
      <c r="AQ318" s="12">
        <f t="shared" si="141"/>
        <v>0</v>
      </c>
      <c r="AR318" s="11">
        <f t="shared" si="142"/>
        <v>1161.4839829424309</v>
      </c>
    </row>
    <row r="319" spans="16:44" x14ac:dyDescent="0.25">
      <c r="P319" s="10">
        <f t="shared" si="143"/>
        <v>45244</v>
      </c>
      <c r="Q319" s="28">
        <v>11.8</v>
      </c>
      <c r="R319" s="28">
        <f t="shared" si="129"/>
        <v>2</v>
      </c>
      <c r="S319" s="12">
        <f t="shared" si="121"/>
        <v>1.0609861866589789</v>
      </c>
      <c r="T319" s="12">
        <f t="shared" si="122"/>
        <v>1.4695351264848711</v>
      </c>
      <c r="U319" s="12">
        <f t="shared" si="123"/>
        <v>1.771938814155029</v>
      </c>
      <c r="V319" s="12">
        <f t="shared" si="124"/>
        <v>2.5404025087253199</v>
      </c>
      <c r="W319" s="12">
        <f t="shared" si="130"/>
        <v>0</v>
      </c>
      <c r="X319" s="12">
        <f t="shared" si="125"/>
        <v>-7.0953309908476907E-3</v>
      </c>
      <c r="Y319" s="12">
        <f t="shared" si="126"/>
        <v>-5.875924024232846E-2</v>
      </c>
      <c r="Z319" s="12">
        <f t="shared" si="127"/>
        <v>-9.5984753200240996E-2</v>
      </c>
      <c r="AA319" s="12">
        <f t="shared" si="128"/>
        <v>-0.17801624965770491</v>
      </c>
      <c r="AB319" s="12">
        <f t="shared" si="131"/>
        <v>0</v>
      </c>
      <c r="AC319" s="12">
        <f t="shared" si="132"/>
        <v>0.36647298036261605</v>
      </c>
      <c r="AD319" s="12">
        <f t="shared" si="133"/>
        <v>0.29106603435952316</v>
      </c>
      <c r="AE319" s="12">
        <f t="shared" si="134"/>
        <v>0</v>
      </c>
      <c r="AF319" s="12">
        <f t="shared" si="135"/>
        <v>0.10995269069110047</v>
      </c>
      <c r="AG319" s="12">
        <f t="shared" si="136"/>
        <v>0</v>
      </c>
      <c r="AH319" s="12">
        <f>AC319/SUM(AC$2:AG$366)*Input!$J$5</f>
        <v>375.27246937660163</v>
      </c>
      <c r="AI319" s="12">
        <f>AD319/SUM(AC$2:AG$366)*Input!$J$5</f>
        <v>298.05490532391644</v>
      </c>
      <c r="AJ319" s="12">
        <f>AE319/SUM(AC$2:AG$366)*Input!$J$5</f>
        <v>0</v>
      </c>
      <c r="AK319" s="12">
        <f>AF319/SUM(AC$2:AG$366)*Input!$J$5</f>
        <v>112.59279663516529</v>
      </c>
      <c r="AL319" s="12">
        <f>AG319/SUM(AC$2:AG$366)*Input!$J$5</f>
        <v>0</v>
      </c>
      <c r="AM319" s="12">
        <f t="shared" si="137"/>
        <v>54.044542384879307</v>
      </c>
      <c r="AN319" s="12">
        <f t="shared" si="138"/>
        <v>671.83203385054776</v>
      </c>
      <c r="AO319" s="12">
        <f t="shared" si="139"/>
        <v>40.029063400170841</v>
      </c>
      <c r="AP319" s="12">
        <f t="shared" si="140"/>
        <v>20.014531700085421</v>
      </c>
      <c r="AQ319" s="12">
        <f t="shared" si="141"/>
        <v>0</v>
      </c>
      <c r="AR319" s="11">
        <f t="shared" si="142"/>
        <v>785.92017133568322</v>
      </c>
    </row>
    <row r="320" spans="16:44" x14ac:dyDescent="0.25">
      <c r="P320" s="10">
        <f t="shared" si="143"/>
        <v>45245</v>
      </c>
      <c r="Q320" s="28">
        <v>12.3</v>
      </c>
      <c r="R320" s="28">
        <f t="shared" si="129"/>
        <v>3</v>
      </c>
      <c r="S320" s="12">
        <f t="shared" si="121"/>
        <v>1.0609861866589789</v>
      </c>
      <c r="T320" s="12">
        <f t="shared" si="122"/>
        <v>1.4695351264848711</v>
      </c>
      <c r="U320" s="12">
        <f t="shared" si="123"/>
        <v>1.771938814155029</v>
      </c>
      <c r="V320" s="12">
        <f t="shared" si="124"/>
        <v>2.5404025087253199</v>
      </c>
      <c r="W320" s="12">
        <f t="shared" si="130"/>
        <v>0</v>
      </c>
      <c r="X320" s="12">
        <f t="shared" si="125"/>
        <v>-7.0953309908476907E-3</v>
      </c>
      <c r="Y320" s="12">
        <f t="shared" si="126"/>
        <v>-5.875924024232846E-2</v>
      </c>
      <c r="Z320" s="12">
        <f t="shared" si="127"/>
        <v>-9.5984753200240996E-2</v>
      </c>
      <c r="AA320" s="12">
        <f t="shared" si="128"/>
        <v>-0.17801624965770491</v>
      </c>
      <c r="AB320" s="12">
        <f t="shared" si="131"/>
        <v>0</v>
      </c>
      <c r="AC320" s="12">
        <f t="shared" si="132"/>
        <v>0.36514260580183211</v>
      </c>
      <c r="AD320" s="12">
        <f t="shared" si="133"/>
        <v>0.28004867681408663</v>
      </c>
      <c r="AE320" s="12">
        <f t="shared" si="134"/>
        <v>0</v>
      </c>
      <c r="AF320" s="12">
        <f t="shared" si="135"/>
        <v>8.7700659483887389E-2</v>
      </c>
      <c r="AG320" s="12">
        <f t="shared" si="136"/>
        <v>0</v>
      </c>
      <c r="AH320" s="12">
        <f>AC320/SUM(AC$2:AG$366)*Input!$J$5</f>
        <v>373.91015080641074</v>
      </c>
      <c r="AI320" s="12">
        <f>AD320/SUM(AC$2:AG$366)*Input!$J$5</f>
        <v>286.77300681126241</v>
      </c>
      <c r="AJ320" s="12">
        <f>AE320/SUM(AC$2:AG$366)*Input!$J$5</f>
        <v>0</v>
      </c>
      <c r="AK320" s="12">
        <f>AF320/SUM(AC$2:AG$366)*Input!$J$5</f>
        <v>89.806465453222856</v>
      </c>
      <c r="AL320" s="12">
        <f>AG320/SUM(AC$2:AG$366)*Input!$J$5</f>
        <v>0</v>
      </c>
      <c r="AM320" s="12">
        <f t="shared" si="137"/>
        <v>43.107103417546952</v>
      </c>
      <c r="AN320" s="12">
        <f t="shared" si="138"/>
        <v>647.55689552432329</v>
      </c>
      <c r="AO320" s="12">
        <f t="shared" si="139"/>
        <v>39.88374941935048</v>
      </c>
      <c r="AP320" s="12">
        <f t="shared" si="140"/>
        <v>19.94187470967524</v>
      </c>
      <c r="AQ320" s="12">
        <f t="shared" si="141"/>
        <v>0</v>
      </c>
      <c r="AR320" s="11">
        <f t="shared" si="142"/>
        <v>750.48962307089596</v>
      </c>
    </row>
    <row r="321" spans="16:44" x14ac:dyDescent="0.25">
      <c r="P321" s="10">
        <f t="shared" si="143"/>
        <v>45246</v>
      </c>
      <c r="Q321" s="28">
        <v>12</v>
      </c>
      <c r="R321" s="28">
        <f t="shared" si="129"/>
        <v>4</v>
      </c>
      <c r="S321" s="12">
        <f t="shared" si="121"/>
        <v>1.0609861866589789</v>
      </c>
      <c r="T321" s="12">
        <f t="shared" si="122"/>
        <v>1.4695351264848711</v>
      </c>
      <c r="U321" s="12">
        <f t="shared" si="123"/>
        <v>1.771938814155029</v>
      </c>
      <c r="V321" s="12">
        <f t="shared" si="124"/>
        <v>2.5404025087253199</v>
      </c>
      <c r="W321" s="12">
        <f t="shared" si="130"/>
        <v>0</v>
      </c>
      <c r="X321" s="12">
        <f t="shared" si="125"/>
        <v>-7.0953309908476907E-3</v>
      </c>
      <c r="Y321" s="12">
        <f t="shared" si="126"/>
        <v>-5.875924024232846E-2</v>
      </c>
      <c r="Z321" s="12">
        <f t="shared" si="127"/>
        <v>-9.5984753200240996E-2</v>
      </c>
      <c r="AA321" s="12">
        <f t="shared" si="128"/>
        <v>-0.17801624965770491</v>
      </c>
      <c r="AB321" s="12">
        <f t="shared" si="131"/>
        <v>0</v>
      </c>
      <c r="AC321" s="12">
        <f t="shared" si="132"/>
        <v>0.36594083053830251</v>
      </c>
      <c r="AD321" s="12">
        <f t="shared" si="133"/>
        <v>0.28665909134134859</v>
      </c>
      <c r="AE321" s="12">
        <f t="shared" si="134"/>
        <v>0</v>
      </c>
      <c r="AF321" s="12">
        <f t="shared" si="135"/>
        <v>0.10105187820821526</v>
      </c>
      <c r="AG321" s="12">
        <f t="shared" si="136"/>
        <v>0</v>
      </c>
      <c r="AH321" s="12">
        <f>AC321/SUM(AC$2:AG$366)*Input!$J$5</f>
        <v>374.7275419485253</v>
      </c>
      <c r="AI321" s="12">
        <f>AD321/SUM(AC$2:AG$366)*Input!$J$5</f>
        <v>293.54214591885494</v>
      </c>
      <c r="AJ321" s="12">
        <f>AE321/SUM(AC$2:AG$366)*Input!$J$5</f>
        <v>0</v>
      </c>
      <c r="AK321" s="12">
        <f>AF321/SUM(AC$2:AG$366)*Input!$J$5</f>
        <v>103.47826416238834</v>
      </c>
      <c r="AL321" s="12">
        <f>AG321/SUM(AC$2:AG$366)*Input!$J$5</f>
        <v>0</v>
      </c>
      <c r="AM321" s="12">
        <f t="shared" si="137"/>
        <v>49.669566797946381</v>
      </c>
      <c r="AN321" s="12">
        <f t="shared" si="138"/>
        <v>662.12197852005818</v>
      </c>
      <c r="AO321" s="12">
        <f t="shared" si="139"/>
        <v>39.970937807842702</v>
      </c>
      <c r="AP321" s="12">
        <f t="shared" si="140"/>
        <v>19.985468903921351</v>
      </c>
      <c r="AQ321" s="12">
        <f t="shared" si="141"/>
        <v>0</v>
      </c>
      <c r="AR321" s="11">
        <f t="shared" si="142"/>
        <v>771.74795202976861</v>
      </c>
    </row>
    <row r="322" spans="16:44" x14ac:dyDescent="0.25">
      <c r="P322" s="10">
        <f t="shared" si="143"/>
        <v>45247</v>
      </c>
      <c r="Q322" s="28">
        <v>9.1</v>
      </c>
      <c r="R322" s="28">
        <f t="shared" si="129"/>
        <v>5</v>
      </c>
      <c r="S322" s="12">
        <f t="shared" ref="S322:S367" si="144">IF(R322&gt;5,IF($Q322&lt;$G$3,$C$3,$E$3),IF($Q322&lt;$G$10,$C$10,$E$10))</f>
        <v>1.0609861866589789</v>
      </c>
      <c r="T322" s="12">
        <f t="shared" ref="T322:T367" si="145">IF(R322&gt;5,IF($Q322&lt;$G$4,$C$4,$E$4),IF($Q322&lt;$G$11,$C$11,$E$11))</f>
        <v>1.4695351264848711</v>
      </c>
      <c r="U322" s="12">
        <f t="shared" ref="U322:U367" si="146">IF(R322&gt;5,IF($Q322&lt;$G$5,$C$5,$E$5),IF($Q322&lt;$G$12,$C$12,$E$12))</f>
        <v>1.771938814155029</v>
      </c>
      <c r="V322" s="12">
        <f t="shared" ref="V322:V367" si="147">IF(R322&gt;5,IF($Q322&lt;$G$6,$C$6,$E$6),IF($Q322&lt;$G$13,$C$13,$E$13))</f>
        <v>2.5404025087253199</v>
      </c>
      <c r="W322" s="12">
        <f t="shared" si="130"/>
        <v>0</v>
      </c>
      <c r="X322" s="12">
        <f t="shared" ref="X322:X367" si="148">IF(R322&gt;5,IF($Q322&lt;$G$3,$D$3,$F$3),IF($Q322&lt;$G$10,$D$10,$F$10))</f>
        <v>-7.0953309908476907E-3</v>
      </c>
      <c r="Y322" s="12">
        <f t="shared" ref="Y322:Y367" si="149">IF(R322&gt;5,IF($Q322&lt;$G$4,$D$4,$F$4),IF($Q322&lt;$G$11,$D$11,$F$11))</f>
        <v>-5.875924024232846E-2</v>
      </c>
      <c r="Z322" s="12">
        <f t="shared" ref="Z322:Z367" si="150">IF(R322&gt;5,IF($Q322&lt;$G$5,$D$5,$F$5),IF($Q322&lt;$G$12,$D$12,$F$12))</f>
        <v>-9.5984753200240996E-2</v>
      </c>
      <c r="AA322" s="12">
        <f t="shared" ref="AA322:AA367" si="151">IF(R322&gt;5,IF($Q322&lt;$G$6,$D$6,$F$6),IF($Q322&lt;$G$13,$D$13,$F$13))</f>
        <v>-0.17801624965770491</v>
      </c>
      <c r="AB322" s="12">
        <f t="shared" si="131"/>
        <v>0</v>
      </c>
      <c r="AC322" s="12">
        <f t="shared" si="132"/>
        <v>0.37365700299084936</v>
      </c>
      <c r="AD322" s="12">
        <f t="shared" si="133"/>
        <v>0.35055976510488079</v>
      </c>
      <c r="AE322" s="12">
        <f t="shared" si="134"/>
        <v>0</v>
      </c>
      <c r="AF322" s="12">
        <f t="shared" si="135"/>
        <v>0.23011365921005134</v>
      </c>
      <c r="AG322" s="12">
        <f t="shared" si="136"/>
        <v>0</v>
      </c>
      <c r="AH322" s="12">
        <f>AC322/SUM(AC$2:AG$366)*Input!$J$5</f>
        <v>382.62898965563261</v>
      </c>
      <c r="AI322" s="12">
        <f>AD322/SUM(AC$2:AG$366)*Input!$J$5</f>
        <v>358.97715729224882</v>
      </c>
      <c r="AJ322" s="12">
        <f>AE322/SUM(AC$2:AG$366)*Input!$J$5</f>
        <v>0</v>
      </c>
      <c r="AK322" s="12">
        <f>AF322/SUM(AC$2:AG$366)*Input!$J$5</f>
        <v>235.63898501765468</v>
      </c>
      <c r="AL322" s="12">
        <f>AG322/SUM(AC$2:AG$366)*Input!$J$5</f>
        <v>0</v>
      </c>
      <c r="AM322" s="12">
        <f t="shared" si="137"/>
        <v>113.10671280847419</v>
      </c>
      <c r="AN322" s="12">
        <f t="shared" si="138"/>
        <v>802.9177808121608</v>
      </c>
      <c r="AO322" s="12">
        <f t="shared" si="139"/>
        <v>40.813758896600817</v>
      </c>
      <c r="AP322" s="12">
        <f t="shared" si="140"/>
        <v>20.406879448300408</v>
      </c>
      <c r="AQ322" s="12">
        <f t="shared" si="141"/>
        <v>0</v>
      </c>
      <c r="AR322" s="11">
        <f t="shared" si="142"/>
        <v>977.24513196553619</v>
      </c>
    </row>
    <row r="323" spans="16:44" x14ac:dyDescent="0.25">
      <c r="P323" s="10">
        <f t="shared" si="143"/>
        <v>45248</v>
      </c>
      <c r="Q323" s="28">
        <v>6.2</v>
      </c>
      <c r="R323" s="28">
        <f t="shared" ref="R323:R367" si="152">WEEKDAY(P323,2)</f>
        <v>6</v>
      </c>
      <c r="S323" s="12">
        <f t="shared" si="144"/>
        <v>0.88136675487947747</v>
      </c>
      <c r="T323" s="12">
        <f t="shared" si="145"/>
        <v>0.40529111994771311</v>
      </c>
      <c r="U323" s="12">
        <f t="shared" si="146"/>
        <v>1.4791569663107089</v>
      </c>
      <c r="V323" s="12">
        <f t="shared" si="147"/>
        <v>1.31124751273035</v>
      </c>
      <c r="W323" s="12">
        <f t="shared" ref="W323:W367" si="153">IF(R323&lt;6,0,IF($Q323&lt;$G$7,$C$7,$E$7))</f>
        <v>1.9424956480203619</v>
      </c>
      <c r="X323" s="12">
        <f t="shared" si="148"/>
        <v>-1.236743869637378E-2</v>
      </c>
      <c r="Y323" s="12">
        <f t="shared" si="149"/>
        <v>-1.3226323007097701E-2</v>
      </c>
      <c r="Z323" s="12">
        <f t="shared" si="150"/>
        <v>-6.6119920832722404E-2</v>
      </c>
      <c r="AA323" s="12">
        <f t="shared" si="151"/>
        <v>-7.5310765362349638E-2</v>
      </c>
      <c r="AB323" s="12">
        <f t="shared" ref="AB323:AB367" si="154">IF(R323&lt;6,0,IF($Q323&lt;$G$7,$D$7,$F$7))</f>
        <v>-0.1200596025795522</v>
      </c>
      <c r="AC323" s="12">
        <f t="shared" ref="AC323:AC367" si="155">MAX(S323+X323*$Q323,0)*IF($R323&lt;6,$B$10,$B$3)</f>
        <v>0</v>
      </c>
      <c r="AD323" s="12">
        <f t="shared" ref="AD323:AD367" si="156">MAX(T323+Y323*$Q323,0)*IF($R323&lt;6,$B$11,$B$4)</f>
        <v>0.11315077105629757</v>
      </c>
      <c r="AE323" s="12">
        <f t="shared" ref="AE323:AE367" si="157">MAX(U323+Z323*$Q323,0)*IF($R323&lt;6,$B$12,$B$5)</f>
        <v>9.3556177500435114E-2</v>
      </c>
      <c r="AF323" s="12">
        <f t="shared" ref="AF323:AF367" si="158">MAX(V323+AA323*$Q323,0)*IF($R323&lt;6,$B$13,$B$6)</f>
        <v>0.14775613430966189</v>
      </c>
      <c r="AG323" s="12">
        <f t="shared" ref="AG323:AG367" si="159">MAX(W323+AB323*$Q323,0)*IF($R323&lt;6,0,$B$7)</f>
        <v>0.10483603480237459</v>
      </c>
      <c r="AH323" s="12">
        <f>AC323/SUM(AC$2:AG$366)*Input!$J$5</f>
        <v>0</v>
      </c>
      <c r="AI323" s="12">
        <f>AD323/SUM(AC$2:AG$366)*Input!$J$5</f>
        <v>115.867667035501</v>
      </c>
      <c r="AJ323" s="12">
        <f>AE323/SUM(AC$2:AG$366)*Input!$J$5</f>
        <v>95.802582011051371</v>
      </c>
      <c r="AK323" s="12">
        <f>AF323/SUM(AC$2:AG$366)*Input!$J$5</f>
        <v>151.30394970200092</v>
      </c>
      <c r="AL323" s="12">
        <f>AG323/SUM(AC$2:AG$366)*Input!$J$5</f>
        <v>107.35328323799052</v>
      </c>
      <c r="AM323" s="12">
        <f t="shared" ref="AM323:AM367" si="160">IF($R323&lt;6,AU$22*$AH323+AU$23*$AI323+AU$24*$AJ323+AU$25*$AK323,AU$31*$AH323+AU$32*$AI323+AU$33*$AJ323+AU$34*$AK323+AU$35*$AL323)</f>
        <v>103.05915190847097</v>
      </c>
      <c r="AN323" s="12">
        <f t="shared" ref="AN323:AN367" si="161">IF($R323&lt;6,AV$22*$AH323+AV$23*$AI323+AV$24*$AJ323+AV$25*$AK323,AV$31*$AH323+AV$32*$AI323+AV$33*$AJ323+AV$34*$AK323+AV$35*$AL323)</f>
        <v>353.36421003381275</v>
      </c>
      <c r="AO323" s="12">
        <f t="shared" ref="AO323:AO367" si="162">IF($R323&lt;6,AW$22*$AH323+AW$23*$AI323+AW$24*$AJ323+AW$25*$AK323,AW$31*$AH323+AW$32*$AI323+AW$33*$AJ323+AW$34*$AK323+AW$35*$AL323)</f>
        <v>9.2694133628400799</v>
      </c>
      <c r="AP323" s="12">
        <f t="shared" ref="AP323:AP367" si="163">IF($R323&lt;6,AX$22*$AH323+AX$23*$AI323+AX$24*$AJ323+AX$25*$AK323,AX$31*$AH323+AX$32*$AI323+AX$33*$AJ323+AX$34*$AK323+AX$35*$AL323)</f>
        <v>4.6347066814200399</v>
      </c>
      <c r="AQ323" s="12">
        <f t="shared" ref="AQ323:AQ367" si="164">IF($R323&lt;6,AY$22*$AH323+AY$23*$AI323+AY$24*$AJ323+AY$25*$AK323,AY$31*$AH323+AY$32*$AI323+AY$33*$AJ323+AY$34*$AK323+AY$35*$AL323)</f>
        <v>0</v>
      </c>
      <c r="AR323" s="11">
        <f t="shared" ref="AR323:AR367" si="165">SUM(AM323:AQ323)</f>
        <v>470.32748198654377</v>
      </c>
    </row>
    <row r="324" spans="16:44" x14ac:dyDescent="0.25">
      <c r="P324" s="10">
        <f t="shared" ref="P324:P367" si="166">P323+1</f>
        <v>45249</v>
      </c>
      <c r="Q324" s="28">
        <v>5.2</v>
      </c>
      <c r="R324" s="28">
        <f t="shared" si="152"/>
        <v>7</v>
      </c>
      <c r="S324" s="12">
        <f t="shared" si="144"/>
        <v>0.88136675487947747</v>
      </c>
      <c r="T324" s="12">
        <f t="shared" si="145"/>
        <v>0.40529111994771311</v>
      </c>
      <c r="U324" s="12">
        <f t="shared" si="146"/>
        <v>1.4791569663107089</v>
      </c>
      <c r="V324" s="12">
        <f t="shared" si="147"/>
        <v>1.31124751273035</v>
      </c>
      <c r="W324" s="12">
        <f t="shared" si="153"/>
        <v>1.9424956480203619</v>
      </c>
      <c r="X324" s="12">
        <f t="shared" si="148"/>
        <v>-1.236743869637378E-2</v>
      </c>
      <c r="Y324" s="12">
        <f t="shared" si="149"/>
        <v>-1.3226323007097701E-2</v>
      </c>
      <c r="Z324" s="12">
        <f t="shared" si="150"/>
        <v>-6.6119920832722404E-2</v>
      </c>
      <c r="AA324" s="12">
        <f t="shared" si="151"/>
        <v>-7.5310765362349638E-2</v>
      </c>
      <c r="AB324" s="12">
        <f t="shared" si="154"/>
        <v>-0.1200596025795522</v>
      </c>
      <c r="AC324" s="12">
        <f t="shared" si="155"/>
        <v>0</v>
      </c>
      <c r="AD324" s="12">
        <f t="shared" si="156"/>
        <v>0.11777998410878177</v>
      </c>
      <c r="AE324" s="12">
        <f t="shared" si="157"/>
        <v>9.9341670573298319E-2</v>
      </c>
      <c r="AF324" s="12">
        <f t="shared" si="158"/>
        <v>0.16093551824807306</v>
      </c>
      <c r="AG324" s="12">
        <f t="shared" si="159"/>
        <v>0.1153412500280854</v>
      </c>
      <c r="AH324" s="12">
        <f>AC324/SUM(AC$2:AG$366)*Input!$J$5</f>
        <v>0</v>
      </c>
      <c r="AI324" s="12">
        <f>AD324/SUM(AC$2:AG$366)*Input!$J$5</f>
        <v>120.60803346512755</v>
      </c>
      <c r="AJ324" s="12">
        <f>AE324/SUM(AC$2:AG$366)*Input!$J$5</f>
        <v>101.7269922359643</v>
      </c>
      <c r="AK324" s="12">
        <f>AF324/SUM(AC$2:AG$366)*Input!$J$5</f>
        <v>164.79978765037046</v>
      </c>
      <c r="AL324" s="12">
        <f>AG324/SUM(AC$2:AG$366)*Input!$J$5</f>
        <v>118.1107422331512</v>
      </c>
      <c r="AM324" s="12">
        <f t="shared" si="160"/>
        <v>113.38631254382521</v>
      </c>
      <c r="AN324" s="12">
        <f t="shared" si="161"/>
        <v>377.38627902497302</v>
      </c>
      <c r="AO324" s="12">
        <f t="shared" si="162"/>
        <v>9.6486426772102032</v>
      </c>
      <c r="AP324" s="12">
        <f t="shared" si="163"/>
        <v>4.8243213386051016</v>
      </c>
      <c r="AQ324" s="12">
        <f t="shared" si="164"/>
        <v>0</v>
      </c>
      <c r="AR324" s="11">
        <f t="shared" si="165"/>
        <v>505.24555558461356</v>
      </c>
    </row>
    <row r="325" spans="16:44" x14ac:dyDescent="0.25">
      <c r="P325" s="10">
        <f t="shared" si="166"/>
        <v>45250</v>
      </c>
      <c r="Q325" s="28">
        <v>10.1</v>
      </c>
      <c r="R325" s="28">
        <f t="shared" si="152"/>
        <v>1</v>
      </c>
      <c r="S325" s="12">
        <f t="shared" si="144"/>
        <v>1.0609861866589789</v>
      </c>
      <c r="T325" s="12">
        <f t="shared" si="145"/>
        <v>1.4695351264848711</v>
      </c>
      <c r="U325" s="12">
        <f t="shared" si="146"/>
        <v>1.771938814155029</v>
      </c>
      <c r="V325" s="12">
        <f t="shared" si="147"/>
        <v>2.5404025087253199</v>
      </c>
      <c r="W325" s="12">
        <f t="shared" si="153"/>
        <v>0</v>
      </c>
      <c r="X325" s="12">
        <f t="shared" si="148"/>
        <v>-7.0953309908476907E-3</v>
      </c>
      <c r="Y325" s="12">
        <f t="shared" si="149"/>
        <v>-5.875924024232846E-2</v>
      </c>
      <c r="Z325" s="12">
        <f t="shared" si="150"/>
        <v>-9.5984753200240996E-2</v>
      </c>
      <c r="AA325" s="12">
        <f t="shared" si="151"/>
        <v>-0.17801624965770491</v>
      </c>
      <c r="AB325" s="12">
        <f t="shared" si="154"/>
        <v>0</v>
      </c>
      <c r="AC325" s="12">
        <f t="shared" si="155"/>
        <v>0.37099625386928148</v>
      </c>
      <c r="AD325" s="12">
        <f t="shared" si="156"/>
        <v>0.32852505001400761</v>
      </c>
      <c r="AE325" s="12">
        <f t="shared" si="157"/>
        <v>0</v>
      </c>
      <c r="AF325" s="12">
        <f t="shared" si="158"/>
        <v>0.18560959679562511</v>
      </c>
      <c r="AG325" s="12">
        <f t="shared" si="159"/>
        <v>0</v>
      </c>
      <c r="AH325" s="12">
        <f>AC325/SUM(AC$2:AG$366)*Input!$J$5</f>
        <v>379.90435251525071</v>
      </c>
      <c r="AI325" s="12">
        <f>AD325/SUM(AC$2:AG$366)*Input!$J$5</f>
        <v>336.41336026694051</v>
      </c>
      <c r="AJ325" s="12">
        <f>AE325/SUM(AC$2:AG$366)*Input!$J$5</f>
        <v>0</v>
      </c>
      <c r="AK325" s="12">
        <f>AF325/SUM(AC$2:AG$366)*Input!$J$5</f>
        <v>190.0663226537697</v>
      </c>
      <c r="AL325" s="12">
        <f>AG325/SUM(AC$2:AG$366)*Input!$J$5</f>
        <v>0</v>
      </c>
      <c r="AM325" s="12">
        <f t="shared" si="160"/>
        <v>91.231834873809419</v>
      </c>
      <c r="AN325" s="12">
        <f t="shared" si="161"/>
        <v>754.36750415971142</v>
      </c>
      <c r="AO325" s="12">
        <f t="shared" si="162"/>
        <v>40.523130934960079</v>
      </c>
      <c r="AP325" s="12">
        <f t="shared" si="163"/>
        <v>20.26156546748004</v>
      </c>
      <c r="AQ325" s="12">
        <f t="shared" si="164"/>
        <v>0</v>
      </c>
      <c r="AR325" s="11">
        <f t="shared" si="165"/>
        <v>906.3840354359611</v>
      </c>
    </row>
    <row r="326" spans="16:44" x14ac:dyDescent="0.25">
      <c r="P326" s="10">
        <f t="shared" si="166"/>
        <v>45251</v>
      </c>
      <c r="Q326" s="28">
        <v>10.3</v>
      </c>
      <c r="R326" s="28">
        <f t="shared" si="152"/>
        <v>2</v>
      </c>
      <c r="S326" s="12">
        <f t="shared" si="144"/>
        <v>1.0609861866589789</v>
      </c>
      <c r="T326" s="12">
        <f t="shared" si="145"/>
        <v>1.4695351264848711</v>
      </c>
      <c r="U326" s="12">
        <f t="shared" si="146"/>
        <v>1.771938814155029</v>
      </c>
      <c r="V326" s="12">
        <f t="shared" si="147"/>
        <v>2.5404025087253199</v>
      </c>
      <c r="W326" s="12">
        <f t="shared" si="153"/>
        <v>0</v>
      </c>
      <c r="X326" s="12">
        <f t="shared" si="148"/>
        <v>-7.0953309908476907E-3</v>
      </c>
      <c r="Y326" s="12">
        <f t="shared" si="149"/>
        <v>-5.875924024232846E-2</v>
      </c>
      <c r="Z326" s="12">
        <f t="shared" si="150"/>
        <v>-9.5984753200240996E-2</v>
      </c>
      <c r="AA326" s="12">
        <f t="shared" si="151"/>
        <v>-0.17801624965770491</v>
      </c>
      <c r="AB326" s="12">
        <f t="shared" si="154"/>
        <v>0</v>
      </c>
      <c r="AC326" s="12">
        <f t="shared" si="155"/>
        <v>0.37046410404496788</v>
      </c>
      <c r="AD326" s="12">
        <f t="shared" si="156"/>
        <v>0.32411810699583293</v>
      </c>
      <c r="AE326" s="12">
        <f t="shared" si="157"/>
        <v>0</v>
      </c>
      <c r="AF326" s="12">
        <f t="shared" si="158"/>
        <v>0.17670878431273984</v>
      </c>
      <c r="AG326" s="12">
        <f t="shared" si="159"/>
        <v>0</v>
      </c>
      <c r="AH326" s="12">
        <f>AC326/SUM(AC$2:AG$366)*Input!$J$5</f>
        <v>379.35942508717437</v>
      </c>
      <c r="AI326" s="12">
        <f>AD326/SUM(AC$2:AG$366)*Input!$J$5</f>
        <v>331.9006008618789</v>
      </c>
      <c r="AJ326" s="12">
        <f>AE326/SUM(AC$2:AG$366)*Input!$J$5</f>
        <v>0</v>
      </c>
      <c r="AK326" s="12">
        <f>AF326/SUM(AC$2:AG$366)*Input!$J$5</f>
        <v>180.95179018099273</v>
      </c>
      <c r="AL326" s="12">
        <f>AG326/SUM(AC$2:AG$366)*Input!$J$5</f>
        <v>0</v>
      </c>
      <c r="AM326" s="12">
        <f t="shared" si="160"/>
        <v>86.856859286876471</v>
      </c>
      <c r="AN326" s="12">
        <f t="shared" si="161"/>
        <v>744.65744882922161</v>
      </c>
      <c r="AO326" s="12">
        <f t="shared" si="162"/>
        <v>40.465005342631933</v>
      </c>
      <c r="AP326" s="12">
        <f t="shared" si="163"/>
        <v>20.232502671315967</v>
      </c>
      <c r="AQ326" s="12">
        <f t="shared" si="164"/>
        <v>0</v>
      </c>
      <c r="AR326" s="11">
        <f t="shared" si="165"/>
        <v>892.21181613004592</v>
      </c>
    </row>
    <row r="327" spans="16:44" x14ac:dyDescent="0.25">
      <c r="P327" s="10">
        <f t="shared" si="166"/>
        <v>45252</v>
      </c>
      <c r="Q327" s="28">
        <v>6.4</v>
      </c>
      <c r="R327" s="28">
        <f t="shared" si="152"/>
        <v>3</v>
      </c>
      <c r="S327" s="12">
        <f t="shared" si="144"/>
        <v>1.0609861866589789</v>
      </c>
      <c r="T327" s="12">
        <f t="shared" si="145"/>
        <v>1.4695351264848711</v>
      </c>
      <c r="U327" s="12">
        <f t="shared" si="146"/>
        <v>1.771938814155029</v>
      </c>
      <c r="V327" s="12">
        <f t="shared" si="147"/>
        <v>2.5404025087253199</v>
      </c>
      <c r="W327" s="12">
        <f t="shared" si="153"/>
        <v>0</v>
      </c>
      <c r="X327" s="12">
        <f t="shared" si="148"/>
        <v>-7.0953309908476907E-3</v>
      </c>
      <c r="Y327" s="12">
        <f t="shared" si="149"/>
        <v>-5.875924024232846E-2</v>
      </c>
      <c r="Z327" s="12">
        <f t="shared" si="150"/>
        <v>-9.5984753200240996E-2</v>
      </c>
      <c r="AA327" s="12">
        <f t="shared" si="151"/>
        <v>-0.17801624965770491</v>
      </c>
      <c r="AB327" s="12">
        <f t="shared" si="154"/>
        <v>0</v>
      </c>
      <c r="AC327" s="12">
        <f t="shared" si="155"/>
        <v>0.38084102561908262</v>
      </c>
      <c r="AD327" s="12">
        <f t="shared" si="156"/>
        <v>0.41005349585023831</v>
      </c>
      <c r="AE327" s="12">
        <f t="shared" si="157"/>
        <v>0</v>
      </c>
      <c r="AF327" s="12">
        <f t="shared" si="158"/>
        <v>0.35027462772900214</v>
      </c>
      <c r="AG327" s="12">
        <f t="shared" si="159"/>
        <v>0</v>
      </c>
      <c r="AH327" s="12">
        <f>AC327/SUM(AC$2:AG$366)*Input!$J$5</f>
        <v>389.98550993466347</v>
      </c>
      <c r="AI327" s="12">
        <f>AD327/SUM(AC$2:AG$366)*Input!$J$5</f>
        <v>419.89940926058102</v>
      </c>
      <c r="AJ327" s="12">
        <f>AE327/SUM(AC$2:AG$366)*Input!$J$5</f>
        <v>0</v>
      </c>
      <c r="AK327" s="12">
        <f>AF327/SUM(AC$2:AG$366)*Input!$J$5</f>
        <v>358.68517340014392</v>
      </c>
      <c r="AL327" s="12">
        <f>AG327/SUM(AC$2:AG$366)*Input!$J$5</f>
        <v>0</v>
      </c>
      <c r="AM327" s="12">
        <f t="shared" si="160"/>
        <v>172.16888323206899</v>
      </c>
      <c r="AN327" s="12">
        <f t="shared" si="161"/>
        <v>934.00352777377316</v>
      </c>
      <c r="AO327" s="12">
        <f t="shared" si="162"/>
        <v>41.598454393030771</v>
      </c>
      <c r="AP327" s="12">
        <f t="shared" si="163"/>
        <v>20.799227196515385</v>
      </c>
      <c r="AQ327" s="12">
        <f t="shared" si="164"/>
        <v>0</v>
      </c>
      <c r="AR327" s="11">
        <f t="shared" si="165"/>
        <v>1168.5700925953884</v>
      </c>
    </row>
    <row r="328" spans="16:44" x14ac:dyDescent="0.25">
      <c r="P328" s="10">
        <f t="shared" si="166"/>
        <v>45253</v>
      </c>
      <c r="Q328" s="28">
        <v>5.4</v>
      </c>
      <c r="R328" s="28">
        <f t="shared" si="152"/>
        <v>4</v>
      </c>
      <c r="S328" s="12">
        <f t="shared" si="144"/>
        <v>1.0609861866589789</v>
      </c>
      <c r="T328" s="12">
        <f t="shared" si="145"/>
        <v>1.4695351264848711</v>
      </c>
      <c r="U328" s="12">
        <f t="shared" si="146"/>
        <v>1.771938814155029</v>
      </c>
      <c r="V328" s="12">
        <f t="shared" si="147"/>
        <v>2.5404025087253199</v>
      </c>
      <c r="W328" s="12">
        <f t="shared" si="153"/>
        <v>0</v>
      </c>
      <c r="X328" s="12">
        <f t="shared" si="148"/>
        <v>-7.0953309908476907E-3</v>
      </c>
      <c r="Y328" s="12">
        <f t="shared" si="149"/>
        <v>-5.875924024232846E-2</v>
      </c>
      <c r="Z328" s="12">
        <f t="shared" si="150"/>
        <v>-9.5984753200240996E-2</v>
      </c>
      <c r="AA328" s="12">
        <f t="shared" si="151"/>
        <v>-0.17801624965770491</v>
      </c>
      <c r="AB328" s="12">
        <f t="shared" si="154"/>
        <v>0</v>
      </c>
      <c r="AC328" s="12">
        <f t="shared" si="155"/>
        <v>0.3835017747406505</v>
      </c>
      <c r="AD328" s="12">
        <f t="shared" si="156"/>
        <v>0.43208821094111149</v>
      </c>
      <c r="AE328" s="12">
        <f t="shared" si="157"/>
        <v>0</v>
      </c>
      <c r="AF328" s="12">
        <f t="shared" si="158"/>
        <v>0.39477869014342837</v>
      </c>
      <c r="AG328" s="12">
        <f t="shared" si="159"/>
        <v>0</v>
      </c>
      <c r="AH328" s="12">
        <f>AC328/SUM(AC$2:AG$366)*Input!$J$5</f>
        <v>392.71014707504531</v>
      </c>
      <c r="AI328" s="12">
        <f>AD328/SUM(AC$2:AG$366)*Input!$J$5</f>
        <v>442.46320628588927</v>
      </c>
      <c r="AJ328" s="12">
        <f>AE328/SUM(AC$2:AG$366)*Input!$J$5</f>
        <v>0</v>
      </c>
      <c r="AK328" s="12">
        <f>AF328/SUM(AC$2:AG$366)*Input!$J$5</f>
        <v>404.25783576402893</v>
      </c>
      <c r="AL328" s="12">
        <f>AG328/SUM(AC$2:AG$366)*Input!$J$5</f>
        <v>0</v>
      </c>
      <c r="AM328" s="12">
        <f t="shared" si="160"/>
        <v>194.04376116673379</v>
      </c>
      <c r="AN328" s="12">
        <f t="shared" si="161"/>
        <v>982.55380442622254</v>
      </c>
      <c r="AO328" s="12">
        <f t="shared" si="162"/>
        <v>41.889082354671501</v>
      </c>
      <c r="AP328" s="12">
        <f t="shared" si="163"/>
        <v>20.944541177335751</v>
      </c>
      <c r="AQ328" s="12">
        <f t="shared" si="164"/>
        <v>0</v>
      </c>
      <c r="AR328" s="11">
        <f t="shared" si="165"/>
        <v>1239.4311891249636</v>
      </c>
    </row>
    <row r="329" spans="16:44" x14ac:dyDescent="0.25">
      <c r="P329" s="10">
        <f t="shared" si="166"/>
        <v>45254</v>
      </c>
      <c r="Q329" s="28">
        <v>7</v>
      </c>
      <c r="R329" s="28">
        <f t="shared" si="152"/>
        <v>5</v>
      </c>
      <c r="S329" s="12">
        <f t="shared" si="144"/>
        <v>1.0609861866589789</v>
      </c>
      <c r="T329" s="12">
        <f t="shared" si="145"/>
        <v>1.4695351264848711</v>
      </c>
      <c r="U329" s="12">
        <f t="shared" si="146"/>
        <v>1.771938814155029</v>
      </c>
      <c r="V329" s="12">
        <f t="shared" si="147"/>
        <v>2.5404025087253199</v>
      </c>
      <c r="W329" s="12">
        <f t="shared" si="153"/>
        <v>0</v>
      </c>
      <c r="X329" s="12">
        <f t="shared" si="148"/>
        <v>-7.0953309908476907E-3</v>
      </c>
      <c r="Y329" s="12">
        <f t="shared" si="149"/>
        <v>-5.875924024232846E-2</v>
      </c>
      <c r="Z329" s="12">
        <f t="shared" si="150"/>
        <v>-9.5984753200240996E-2</v>
      </c>
      <c r="AA329" s="12">
        <f t="shared" si="151"/>
        <v>-0.17801624965770491</v>
      </c>
      <c r="AB329" s="12">
        <f t="shared" si="154"/>
        <v>0</v>
      </c>
      <c r="AC329" s="12">
        <f t="shared" si="155"/>
        <v>0.37924457614614193</v>
      </c>
      <c r="AD329" s="12">
        <f t="shared" si="156"/>
        <v>0.39683266679571449</v>
      </c>
      <c r="AE329" s="12">
        <f t="shared" si="157"/>
        <v>0</v>
      </c>
      <c r="AF329" s="12">
        <f t="shared" si="158"/>
        <v>0.32357219028034639</v>
      </c>
      <c r="AG329" s="12">
        <f t="shared" si="159"/>
        <v>0</v>
      </c>
      <c r="AH329" s="12">
        <f>AC329/SUM(AC$2:AG$366)*Input!$J$5</f>
        <v>388.35072765043441</v>
      </c>
      <c r="AI329" s="12">
        <f>AD329/SUM(AC$2:AG$366)*Input!$J$5</f>
        <v>406.36113104539618</v>
      </c>
      <c r="AJ329" s="12">
        <f>AE329/SUM(AC$2:AG$366)*Input!$J$5</f>
        <v>0</v>
      </c>
      <c r="AK329" s="12">
        <f>AF329/SUM(AC$2:AG$366)*Input!$J$5</f>
        <v>331.34157598181298</v>
      </c>
      <c r="AL329" s="12">
        <f>AG329/SUM(AC$2:AG$366)*Input!$J$5</f>
        <v>0</v>
      </c>
      <c r="AM329" s="12">
        <f t="shared" si="160"/>
        <v>159.04395647127015</v>
      </c>
      <c r="AN329" s="12">
        <f t="shared" si="161"/>
        <v>904.87336178230396</v>
      </c>
      <c r="AO329" s="12">
        <f t="shared" si="162"/>
        <v>41.42407761604634</v>
      </c>
      <c r="AP329" s="12">
        <f t="shared" si="163"/>
        <v>20.71203880802317</v>
      </c>
      <c r="AQ329" s="12">
        <f t="shared" si="164"/>
        <v>0</v>
      </c>
      <c r="AR329" s="11">
        <f t="shared" si="165"/>
        <v>1126.0534346776437</v>
      </c>
    </row>
    <row r="330" spans="16:44" x14ac:dyDescent="0.25">
      <c r="P330" s="10">
        <f t="shared" si="166"/>
        <v>45255</v>
      </c>
      <c r="Q330" s="28">
        <v>3.4</v>
      </c>
      <c r="R330" s="28">
        <f t="shared" si="152"/>
        <v>6</v>
      </c>
      <c r="S330" s="12">
        <f t="shared" si="144"/>
        <v>0.88136675487947747</v>
      </c>
      <c r="T330" s="12">
        <f t="shared" si="145"/>
        <v>0.40529111994771311</v>
      </c>
      <c r="U330" s="12">
        <f t="shared" si="146"/>
        <v>1.4791569663107089</v>
      </c>
      <c r="V330" s="12">
        <f t="shared" si="147"/>
        <v>1.31124751273035</v>
      </c>
      <c r="W330" s="12">
        <f t="shared" si="153"/>
        <v>1.9424956480203619</v>
      </c>
      <c r="X330" s="12">
        <f t="shared" si="148"/>
        <v>-1.236743869637378E-2</v>
      </c>
      <c r="Y330" s="12">
        <f t="shared" si="149"/>
        <v>-1.3226323007097701E-2</v>
      </c>
      <c r="Z330" s="12">
        <f t="shared" si="150"/>
        <v>-6.6119920832722404E-2</v>
      </c>
      <c r="AA330" s="12">
        <f t="shared" si="151"/>
        <v>-7.5310765362349638E-2</v>
      </c>
      <c r="AB330" s="12">
        <f t="shared" si="154"/>
        <v>-0.1200596025795522</v>
      </c>
      <c r="AC330" s="12">
        <f t="shared" si="155"/>
        <v>0</v>
      </c>
      <c r="AD330" s="12">
        <f t="shared" si="156"/>
        <v>0.12611256760325332</v>
      </c>
      <c r="AE330" s="12">
        <f t="shared" si="157"/>
        <v>0.1097555581044521</v>
      </c>
      <c r="AF330" s="12">
        <f t="shared" si="158"/>
        <v>0.1846584093372132</v>
      </c>
      <c r="AG330" s="12">
        <f t="shared" si="159"/>
        <v>0.13425063743436488</v>
      </c>
      <c r="AH330" s="12">
        <f>AC330/SUM(AC$2:AG$366)*Input!$J$5</f>
        <v>0</v>
      </c>
      <c r="AI330" s="12">
        <f>AD330/SUM(AC$2:AG$366)*Input!$J$5</f>
        <v>129.14069303845537</v>
      </c>
      <c r="AJ330" s="12">
        <f>AE330/SUM(AC$2:AG$366)*Input!$J$5</f>
        <v>112.3909306408076</v>
      </c>
      <c r="AK330" s="12">
        <f>AF330/SUM(AC$2:AG$366)*Input!$J$5</f>
        <v>189.09229595743568</v>
      </c>
      <c r="AL330" s="12">
        <f>AG330/SUM(AC$2:AG$366)*Input!$J$5</f>
        <v>137.47416842444045</v>
      </c>
      <c r="AM330" s="12">
        <f t="shared" si="160"/>
        <v>131.97520168746291</v>
      </c>
      <c r="AN330" s="12">
        <f t="shared" si="161"/>
        <v>420.62600320906154</v>
      </c>
      <c r="AO330" s="12">
        <f t="shared" si="162"/>
        <v>10.331255443076429</v>
      </c>
      <c r="AP330" s="12">
        <f t="shared" si="163"/>
        <v>5.1656277215382147</v>
      </c>
      <c r="AQ330" s="12">
        <f t="shared" si="164"/>
        <v>0</v>
      </c>
      <c r="AR330" s="11">
        <f t="shared" si="165"/>
        <v>568.09808806113915</v>
      </c>
    </row>
    <row r="331" spans="16:44" x14ac:dyDescent="0.25">
      <c r="P331" s="10">
        <f t="shared" si="166"/>
        <v>45256</v>
      </c>
      <c r="Q331" s="28">
        <v>2.9</v>
      </c>
      <c r="R331" s="28">
        <f t="shared" si="152"/>
        <v>7</v>
      </c>
      <c r="S331" s="12">
        <f t="shared" si="144"/>
        <v>0.88136675487947747</v>
      </c>
      <c r="T331" s="12">
        <f t="shared" si="145"/>
        <v>0.40529111994771311</v>
      </c>
      <c r="U331" s="12">
        <f t="shared" si="146"/>
        <v>1.4791569663107089</v>
      </c>
      <c r="V331" s="12">
        <f t="shared" si="147"/>
        <v>1.31124751273035</v>
      </c>
      <c r="W331" s="12">
        <f t="shared" si="153"/>
        <v>1.9424956480203619</v>
      </c>
      <c r="X331" s="12">
        <f t="shared" si="148"/>
        <v>-1.236743869637378E-2</v>
      </c>
      <c r="Y331" s="12">
        <f t="shared" si="149"/>
        <v>-1.3226323007097701E-2</v>
      </c>
      <c r="Z331" s="12">
        <f t="shared" si="150"/>
        <v>-6.6119920832722404E-2</v>
      </c>
      <c r="AA331" s="12">
        <f t="shared" si="151"/>
        <v>-7.5310765362349638E-2</v>
      </c>
      <c r="AB331" s="12">
        <f t="shared" si="154"/>
        <v>-0.1200596025795522</v>
      </c>
      <c r="AC331" s="12">
        <f t="shared" si="155"/>
        <v>0</v>
      </c>
      <c r="AD331" s="12">
        <f t="shared" si="156"/>
        <v>0.12842717412949542</v>
      </c>
      <c r="AE331" s="12">
        <f t="shared" si="157"/>
        <v>0.11264830464088373</v>
      </c>
      <c r="AF331" s="12">
        <f t="shared" si="158"/>
        <v>0.19124810130641878</v>
      </c>
      <c r="AG331" s="12">
        <f t="shared" si="159"/>
        <v>0.13950324504722028</v>
      </c>
      <c r="AH331" s="12">
        <f>AC331/SUM(AC$2:AG$366)*Input!$J$5</f>
        <v>0</v>
      </c>
      <c r="AI331" s="12">
        <f>AD331/SUM(AC$2:AG$366)*Input!$J$5</f>
        <v>131.51087625326863</v>
      </c>
      <c r="AJ331" s="12">
        <f>AE331/SUM(AC$2:AG$366)*Input!$J$5</f>
        <v>115.35313575326408</v>
      </c>
      <c r="AK331" s="12">
        <f>AF331/SUM(AC$2:AG$366)*Input!$J$5</f>
        <v>195.84021493162044</v>
      </c>
      <c r="AL331" s="12">
        <f>AG331/SUM(AC$2:AG$366)*Input!$J$5</f>
        <v>142.85289792202082</v>
      </c>
      <c r="AM331" s="12">
        <f t="shared" si="160"/>
        <v>137.13878200514006</v>
      </c>
      <c r="AN331" s="12">
        <f t="shared" si="161"/>
        <v>432.63703770464167</v>
      </c>
      <c r="AO331" s="12">
        <f t="shared" si="162"/>
        <v>10.52087010026149</v>
      </c>
      <c r="AP331" s="12">
        <f t="shared" si="163"/>
        <v>5.2604350501307451</v>
      </c>
      <c r="AQ331" s="12">
        <f t="shared" si="164"/>
        <v>0</v>
      </c>
      <c r="AR331" s="11">
        <f t="shared" si="165"/>
        <v>585.55712486017387</v>
      </c>
    </row>
    <row r="332" spans="16:44" x14ac:dyDescent="0.25">
      <c r="P332" s="10">
        <f t="shared" si="166"/>
        <v>45257</v>
      </c>
      <c r="Q332" s="28">
        <v>5.2</v>
      </c>
      <c r="R332" s="28">
        <f t="shared" si="152"/>
        <v>1</v>
      </c>
      <c r="S332" s="12">
        <f t="shared" si="144"/>
        <v>1.0609861866589789</v>
      </c>
      <c r="T332" s="12">
        <f t="shared" si="145"/>
        <v>1.4695351264848711</v>
      </c>
      <c r="U332" s="12">
        <f t="shared" si="146"/>
        <v>1.771938814155029</v>
      </c>
      <c r="V332" s="12">
        <f t="shared" si="147"/>
        <v>2.5404025087253199</v>
      </c>
      <c r="W332" s="12">
        <f t="shared" si="153"/>
        <v>0</v>
      </c>
      <c r="X332" s="12">
        <f t="shared" si="148"/>
        <v>-7.0953309908476907E-3</v>
      </c>
      <c r="Y332" s="12">
        <f t="shared" si="149"/>
        <v>-5.875924024232846E-2</v>
      </c>
      <c r="Z332" s="12">
        <f t="shared" si="150"/>
        <v>-9.5984753200240996E-2</v>
      </c>
      <c r="AA332" s="12">
        <f t="shared" si="151"/>
        <v>-0.17801624965770491</v>
      </c>
      <c r="AB332" s="12">
        <f t="shared" si="154"/>
        <v>0</v>
      </c>
      <c r="AC332" s="12">
        <f t="shared" si="155"/>
        <v>0.3840339245649641</v>
      </c>
      <c r="AD332" s="12">
        <f t="shared" si="156"/>
        <v>0.43649515395928618</v>
      </c>
      <c r="AE332" s="12">
        <f t="shared" si="157"/>
        <v>0</v>
      </c>
      <c r="AF332" s="12">
        <f t="shared" si="158"/>
        <v>0.40367950262631358</v>
      </c>
      <c r="AG332" s="12">
        <f t="shared" si="159"/>
        <v>0</v>
      </c>
      <c r="AH332" s="12">
        <f>AC332/SUM(AC$2:AG$366)*Input!$J$5</f>
        <v>393.2550745031217</v>
      </c>
      <c r="AI332" s="12">
        <f>AD332/SUM(AC$2:AG$366)*Input!$J$5</f>
        <v>446.975965690951</v>
      </c>
      <c r="AJ332" s="12">
        <f>AE332/SUM(AC$2:AG$366)*Input!$J$5</f>
        <v>0</v>
      </c>
      <c r="AK332" s="12">
        <f>AF332/SUM(AC$2:AG$366)*Input!$J$5</f>
        <v>413.37236823680581</v>
      </c>
      <c r="AL332" s="12">
        <f>AG332/SUM(AC$2:AG$366)*Input!$J$5</f>
        <v>0</v>
      </c>
      <c r="AM332" s="12">
        <f t="shared" si="160"/>
        <v>198.41873675366668</v>
      </c>
      <c r="AN332" s="12">
        <f t="shared" si="161"/>
        <v>992.26385975671235</v>
      </c>
      <c r="AO332" s="12">
        <f t="shared" si="162"/>
        <v>41.947207946999654</v>
      </c>
      <c r="AP332" s="12">
        <f t="shared" si="163"/>
        <v>20.973603973499827</v>
      </c>
      <c r="AQ332" s="12">
        <f t="shared" si="164"/>
        <v>0</v>
      </c>
      <c r="AR332" s="11">
        <f t="shared" si="165"/>
        <v>1253.6034084308785</v>
      </c>
    </row>
    <row r="333" spans="16:44" x14ac:dyDescent="0.25">
      <c r="P333" s="10">
        <f t="shared" si="166"/>
        <v>45258</v>
      </c>
      <c r="Q333" s="28">
        <v>4.9000000000000004</v>
      </c>
      <c r="R333" s="28">
        <f t="shared" si="152"/>
        <v>2</v>
      </c>
      <c r="S333" s="12">
        <f t="shared" si="144"/>
        <v>1.0609861866589789</v>
      </c>
      <c r="T333" s="12">
        <f t="shared" si="145"/>
        <v>1.4695351264848711</v>
      </c>
      <c r="U333" s="12">
        <f t="shared" si="146"/>
        <v>1.771938814155029</v>
      </c>
      <c r="V333" s="12">
        <f t="shared" si="147"/>
        <v>2.5404025087253199</v>
      </c>
      <c r="W333" s="12">
        <f t="shared" si="153"/>
        <v>0</v>
      </c>
      <c r="X333" s="12">
        <f t="shared" si="148"/>
        <v>-7.0953309908476907E-3</v>
      </c>
      <c r="Y333" s="12">
        <f t="shared" si="149"/>
        <v>-5.875924024232846E-2</v>
      </c>
      <c r="Z333" s="12">
        <f t="shared" si="150"/>
        <v>-9.5984753200240996E-2</v>
      </c>
      <c r="AA333" s="12">
        <f t="shared" si="151"/>
        <v>-0.17801624965770491</v>
      </c>
      <c r="AB333" s="12">
        <f t="shared" si="154"/>
        <v>0</v>
      </c>
      <c r="AC333" s="12">
        <f t="shared" si="155"/>
        <v>0.38483214930143445</v>
      </c>
      <c r="AD333" s="12">
        <f t="shared" si="156"/>
        <v>0.44310556848654814</v>
      </c>
      <c r="AE333" s="12">
        <f t="shared" si="157"/>
        <v>0</v>
      </c>
      <c r="AF333" s="12">
        <f t="shared" si="158"/>
        <v>0.41703072135064145</v>
      </c>
      <c r="AG333" s="12">
        <f t="shared" si="159"/>
        <v>0</v>
      </c>
      <c r="AH333" s="12">
        <f>AC333/SUM(AC$2:AG$366)*Input!$J$5</f>
        <v>394.07246564523621</v>
      </c>
      <c r="AI333" s="12">
        <f>AD333/SUM(AC$2:AG$366)*Input!$J$5</f>
        <v>453.74510479854348</v>
      </c>
      <c r="AJ333" s="12">
        <f>AE333/SUM(AC$2:AG$366)*Input!$J$5</f>
        <v>0</v>
      </c>
      <c r="AK333" s="12">
        <f>AF333/SUM(AC$2:AG$366)*Input!$J$5</f>
        <v>427.04416694597131</v>
      </c>
      <c r="AL333" s="12">
        <f>AG333/SUM(AC$2:AG$366)*Input!$J$5</f>
        <v>0</v>
      </c>
      <c r="AM333" s="12">
        <f t="shared" si="160"/>
        <v>204.98120013406611</v>
      </c>
      <c r="AN333" s="12">
        <f t="shared" si="161"/>
        <v>1006.8289427524471</v>
      </c>
      <c r="AO333" s="12">
        <f t="shared" si="162"/>
        <v>42.034396335491863</v>
      </c>
      <c r="AP333" s="12">
        <f t="shared" si="163"/>
        <v>21.017198167745931</v>
      </c>
      <c r="AQ333" s="12">
        <f t="shared" si="164"/>
        <v>0</v>
      </c>
      <c r="AR333" s="11">
        <f t="shared" si="165"/>
        <v>1274.8617373897509</v>
      </c>
    </row>
    <row r="334" spans="16:44" x14ac:dyDescent="0.25">
      <c r="P334" s="10">
        <f t="shared" si="166"/>
        <v>45259</v>
      </c>
      <c r="Q334" s="28">
        <v>1.8</v>
      </c>
      <c r="R334" s="28">
        <f t="shared" si="152"/>
        <v>3</v>
      </c>
      <c r="S334" s="12">
        <f t="shared" si="144"/>
        <v>1.085192073005006</v>
      </c>
      <c r="T334" s="12">
        <f t="shared" si="145"/>
        <v>1.4695351264848711</v>
      </c>
      <c r="U334" s="12">
        <f t="shared" si="146"/>
        <v>1.771938814155029</v>
      </c>
      <c r="V334" s="12">
        <f t="shared" si="147"/>
        <v>2.5404025087253199</v>
      </c>
      <c r="W334" s="12">
        <f t="shared" si="153"/>
        <v>0</v>
      </c>
      <c r="X334" s="12">
        <f t="shared" si="148"/>
        <v>-1.544218835154681E-2</v>
      </c>
      <c r="Y334" s="12">
        <f t="shared" si="149"/>
        <v>-5.875924024232846E-2</v>
      </c>
      <c r="Z334" s="12">
        <f t="shared" si="150"/>
        <v>-9.5984753200240996E-2</v>
      </c>
      <c r="AA334" s="12">
        <f t="shared" si="151"/>
        <v>-0.17801624965770491</v>
      </c>
      <c r="AB334" s="12">
        <f t="shared" si="154"/>
        <v>0</v>
      </c>
      <c r="AC334" s="12">
        <f t="shared" si="155"/>
        <v>0.39652355023958319</v>
      </c>
      <c r="AD334" s="12">
        <f t="shared" si="156"/>
        <v>0.51141318526825497</v>
      </c>
      <c r="AE334" s="12">
        <f t="shared" si="157"/>
        <v>0</v>
      </c>
      <c r="AF334" s="12">
        <f t="shared" si="158"/>
        <v>0.55499331483536274</v>
      </c>
      <c r="AG334" s="12">
        <f t="shared" si="159"/>
        <v>0</v>
      </c>
      <c r="AH334" s="12">
        <f>AC334/SUM(AC$2:AG$366)*Input!$J$5</f>
        <v>406.04459220198726</v>
      </c>
      <c r="AI334" s="12">
        <f>AD334/SUM(AC$2:AG$366)*Input!$J$5</f>
        <v>523.69287557699909</v>
      </c>
      <c r="AJ334" s="12">
        <f>AE334/SUM(AC$2:AG$366)*Input!$J$5</f>
        <v>0</v>
      </c>
      <c r="AK334" s="12">
        <f>AF334/SUM(AC$2:AG$366)*Input!$J$5</f>
        <v>568.31942027401465</v>
      </c>
      <c r="AL334" s="12">
        <f>AG334/SUM(AC$2:AG$366)*Input!$J$5</f>
        <v>0</v>
      </c>
      <c r="AM334" s="12">
        <f t="shared" si="160"/>
        <v>272.79332173152687</v>
      </c>
      <c r="AN334" s="12">
        <f t="shared" si="161"/>
        <v>1160.2964315691561</v>
      </c>
      <c r="AO334" s="12">
        <f t="shared" si="162"/>
        <v>43.311423168211974</v>
      </c>
      <c r="AP334" s="12">
        <f t="shared" si="163"/>
        <v>21.655711584105987</v>
      </c>
      <c r="AQ334" s="12">
        <f t="shared" si="164"/>
        <v>0</v>
      </c>
      <c r="AR334" s="11">
        <f t="shared" si="165"/>
        <v>1498.0568880530011</v>
      </c>
    </row>
    <row r="335" spans="16:44" x14ac:dyDescent="0.25">
      <c r="P335" s="10">
        <f t="shared" si="166"/>
        <v>45260</v>
      </c>
      <c r="Q335" s="28">
        <v>1</v>
      </c>
      <c r="R335" s="28">
        <f t="shared" si="152"/>
        <v>4</v>
      </c>
      <c r="S335" s="12">
        <f t="shared" si="144"/>
        <v>1.085192073005006</v>
      </c>
      <c r="T335" s="12">
        <f t="shared" si="145"/>
        <v>1.4695351264848711</v>
      </c>
      <c r="U335" s="12">
        <f t="shared" si="146"/>
        <v>1.771938814155029</v>
      </c>
      <c r="V335" s="12">
        <f t="shared" si="147"/>
        <v>2.5404025087253199</v>
      </c>
      <c r="W335" s="12">
        <f t="shared" si="153"/>
        <v>0</v>
      </c>
      <c r="X335" s="12">
        <f t="shared" si="148"/>
        <v>-1.544218835154681E-2</v>
      </c>
      <c r="Y335" s="12">
        <f t="shared" si="149"/>
        <v>-5.875924024232846E-2</v>
      </c>
      <c r="Z335" s="12">
        <f t="shared" si="150"/>
        <v>-9.5984753200240996E-2</v>
      </c>
      <c r="AA335" s="12">
        <f t="shared" si="151"/>
        <v>-0.17801624965770491</v>
      </c>
      <c r="AB335" s="12">
        <f t="shared" si="154"/>
        <v>0</v>
      </c>
      <c r="AC335" s="12">
        <f t="shared" si="155"/>
        <v>0.40115620674504721</v>
      </c>
      <c r="AD335" s="12">
        <f t="shared" si="156"/>
        <v>0.52904095734095347</v>
      </c>
      <c r="AE335" s="12">
        <f t="shared" si="157"/>
        <v>0</v>
      </c>
      <c r="AF335" s="12">
        <f t="shared" si="158"/>
        <v>0.59059656476690381</v>
      </c>
      <c r="AG335" s="12">
        <f t="shared" si="159"/>
        <v>0</v>
      </c>
      <c r="AH335" s="12">
        <f>AC335/SUM(AC$2:AG$366)*Input!$J$5</f>
        <v>410.78848476634181</v>
      </c>
      <c r="AI335" s="12">
        <f>AD335/SUM(AC$2:AG$366)*Input!$J$5</f>
        <v>541.74391319724566</v>
      </c>
      <c r="AJ335" s="12">
        <f>AE335/SUM(AC$2:AG$366)*Input!$J$5</f>
        <v>0</v>
      </c>
      <c r="AK335" s="12">
        <f>AF335/SUM(AC$2:AG$366)*Input!$J$5</f>
        <v>604.77755016512253</v>
      </c>
      <c r="AL335" s="12">
        <f>AG335/SUM(AC$2:AG$366)*Input!$J$5</f>
        <v>0</v>
      </c>
      <c r="AM335" s="12">
        <f t="shared" si="160"/>
        <v>290.29322407925866</v>
      </c>
      <c r="AN335" s="12">
        <f t="shared" si="161"/>
        <v>1201.2905664868365</v>
      </c>
      <c r="AO335" s="12">
        <f t="shared" si="162"/>
        <v>43.817438375076463</v>
      </c>
      <c r="AP335" s="12">
        <f t="shared" si="163"/>
        <v>21.908719187538232</v>
      </c>
      <c r="AQ335" s="12">
        <f t="shared" si="164"/>
        <v>0</v>
      </c>
      <c r="AR335" s="11">
        <f t="shared" si="165"/>
        <v>1557.3099481287099</v>
      </c>
    </row>
    <row r="336" spans="16:44" x14ac:dyDescent="0.25">
      <c r="P336" s="10">
        <f t="shared" si="166"/>
        <v>45261</v>
      </c>
      <c r="Q336" s="28">
        <v>1.6</v>
      </c>
      <c r="R336" s="28">
        <f t="shared" si="152"/>
        <v>5</v>
      </c>
      <c r="S336" s="12">
        <f t="shared" si="144"/>
        <v>1.085192073005006</v>
      </c>
      <c r="T336" s="12">
        <f t="shared" si="145"/>
        <v>1.4695351264848711</v>
      </c>
      <c r="U336" s="12">
        <f t="shared" si="146"/>
        <v>1.771938814155029</v>
      </c>
      <c r="V336" s="12">
        <f t="shared" si="147"/>
        <v>2.5404025087253199</v>
      </c>
      <c r="W336" s="12">
        <f t="shared" si="153"/>
        <v>0</v>
      </c>
      <c r="X336" s="12">
        <f t="shared" si="148"/>
        <v>-1.544218835154681E-2</v>
      </c>
      <c r="Y336" s="12">
        <f t="shared" si="149"/>
        <v>-5.875924024232846E-2</v>
      </c>
      <c r="Z336" s="12">
        <f t="shared" si="150"/>
        <v>-9.5984753200240996E-2</v>
      </c>
      <c r="AA336" s="12">
        <f t="shared" si="151"/>
        <v>-0.17801624965770491</v>
      </c>
      <c r="AB336" s="12">
        <f t="shared" si="154"/>
        <v>0</v>
      </c>
      <c r="AC336" s="12">
        <f t="shared" si="155"/>
        <v>0.39768171436594912</v>
      </c>
      <c r="AD336" s="12">
        <f t="shared" si="156"/>
        <v>0.51582012828642965</v>
      </c>
      <c r="AE336" s="12">
        <f t="shared" si="157"/>
        <v>0</v>
      </c>
      <c r="AF336" s="12">
        <f t="shared" si="158"/>
        <v>0.56389412731824806</v>
      </c>
      <c r="AG336" s="12">
        <f t="shared" si="159"/>
        <v>0</v>
      </c>
      <c r="AH336" s="12">
        <f>AC336/SUM(AC$2:AG$366)*Input!$J$5</f>
        <v>407.23056534307585</v>
      </c>
      <c r="AI336" s="12">
        <f>AD336/SUM(AC$2:AG$366)*Input!$J$5</f>
        <v>528.2056349820607</v>
      </c>
      <c r="AJ336" s="12">
        <f>AE336/SUM(AC$2:AG$366)*Input!$J$5</f>
        <v>0</v>
      </c>
      <c r="AK336" s="12">
        <f>AF336/SUM(AC$2:AG$366)*Input!$J$5</f>
        <v>577.43395274679165</v>
      </c>
      <c r="AL336" s="12">
        <f>AG336/SUM(AC$2:AG$366)*Input!$J$5</f>
        <v>0</v>
      </c>
      <c r="AM336" s="12">
        <f t="shared" si="160"/>
        <v>277.16829731845985</v>
      </c>
      <c r="AN336" s="12">
        <f t="shared" si="161"/>
        <v>1170.5449652985762</v>
      </c>
      <c r="AO336" s="12">
        <f t="shared" si="162"/>
        <v>43.437926969928093</v>
      </c>
      <c r="AP336" s="12">
        <f t="shared" si="163"/>
        <v>21.718963484964046</v>
      </c>
      <c r="AQ336" s="12">
        <f t="shared" si="164"/>
        <v>0</v>
      </c>
      <c r="AR336" s="11">
        <f t="shared" si="165"/>
        <v>1512.8701530719281</v>
      </c>
    </row>
    <row r="337" spans="16:44" x14ac:dyDescent="0.25">
      <c r="P337" s="10">
        <f t="shared" si="166"/>
        <v>45262</v>
      </c>
      <c r="Q337" s="28">
        <v>0.6</v>
      </c>
      <c r="R337" s="28">
        <f t="shared" si="152"/>
        <v>6</v>
      </c>
      <c r="S337" s="12">
        <f t="shared" si="144"/>
        <v>0.88136675487947747</v>
      </c>
      <c r="T337" s="12">
        <f t="shared" si="145"/>
        <v>0.40529111994771311</v>
      </c>
      <c r="U337" s="12">
        <f t="shared" si="146"/>
        <v>1.4791569663107089</v>
      </c>
      <c r="V337" s="12">
        <f t="shared" si="147"/>
        <v>1.31124751273035</v>
      </c>
      <c r="W337" s="12">
        <f t="shared" si="153"/>
        <v>1.9424956480203619</v>
      </c>
      <c r="X337" s="12">
        <f t="shared" si="148"/>
        <v>-1.236743869637378E-2</v>
      </c>
      <c r="Y337" s="12">
        <f t="shared" si="149"/>
        <v>-1.3226323007097701E-2</v>
      </c>
      <c r="Z337" s="12">
        <f t="shared" si="150"/>
        <v>-6.6119920832722404E-2</v>
      </c>
      <c r="AA337" s="12">
        <f t="shared" si="151"/>
        <v>-7.5310765362349638E-2</v>
      </c>
      <c r="AB337" s="12">
        <f t="shared" si="154"/>
        <v>-0.1200596025795522</v>
      </c>
      <c r="AC337" s="12">
        <f t="shared" si="155"/>
        <v>0</v>
      </c>
      <c r="AD337" s="12">
        <f t="shared" si="156"/>
        <v>0.13907436415020905</v>
      </c>
      <c r="AE337" s="12">
        <f t="shared" si="157"/>
        <v>0.12595493870846911</v>
      </c>
      <c r="AF337" s="12">
        <f t="shared" si="158"/>
        <v>0.2215606843647645</v>
      </c>
      <c r="AG337" s="12">
        <f t="shared" si="159"/>
        <v>0.16366524006635516</v>
      </c>
      <c r="AH337" s="12">
        <f>AC337/SUM(AC$2:AG$366)*Input!$J$5</f>
        <v>0</v>
      </c>
      <c r="AI337" s="12">
        <f>AD337/SUM(AC$2:AG$366)*Input!$J$5</f>
        <v>142.41371904140971</v>
      </c>
      <c r="AJ337" s="12">
        <f>AE337/SUM(AC$2:AG$366)*Input!$J$5</f>
        <v>128.97927927056384</v>
      </c>
      <c r="AK337" s="12">
        <f>AF337/SUM(AC$2:AG$366)*Input!$J$5</f>
        <v>226.88064221287041</v>
      </c>
      <c r="AL337" s="12">
        <f>AG337/SUM(AC$2:AG$366)*Input!$J$5</f>
        <v>167.5950536108904</v>
      </c>
      <c r="AM337" s="12">
        <f t="shared" si="160"/>
        <v>160.89125146645486</v>
      </c>
      <c r="AN337" s="12">
        <f t="shared" si="161"/>
        <v>487.88779638431032</v>
      </c>
      <c r="AO337" s="12">
        <f t="shared" si="162"/>
        <v>11.393097523312777</v>
      </c>
      <c r="AP337" s="12">
        <f t="shared" si="163"/>
        <v>5.6965487616563886</v>
      </c>
      <c r="AQ337" s="12">
        <f t="shared" si="164"/>
        <v>0</v>
      </c>
      <c r="AR337" s="11">
        <f t="shared" si="165"/>
        <v>665.86869413573436</v>
      </c>
    </row>
    <row r="338" spans="16:44" x14ac:dyDescent="0.25">
      <c r="P338" s="10">
        <f t="shared" si="166"/>
        <v>45263</v>
      </c>
      <c r="Q338" s="28">
        <v>-1.1000000000000001</v>
      </c>
      <c r="R338" s="28">
        <f t="shared" si="152"/>
        <v>7</v>
      </c>
      <c r="S338" s="12">
        <f t="shared" si="144"/>
        <v>0.88136675487947747</v>
      </c>
      <c r="T338" s="12">
        <f t="shared" si="145"/>
        <v>0.40529111994771311</v>
      </c>
      <c r="U338" s="12">
        <f t="shared" si="146"/>
        <v>1.4791569663107089</v>
      </c>
      <c r="V338" s="12">
        <f t="shared" si="147"/>
        <v>1.31124751273035</v>
      </c>
      <c r="W338" s="12">
        <f t="shared" si="153"/>
        <v>1.9424956480203619</v>
      </c>
      <c r="X338" s="12">
        <f t="shared" si="148"/>
        <v>-1.236743869637378E-2</v>
      </c>
      <c r="Y338" s="12">
        <f t="shared" si="149"/>
        <v>-1.3226323007097701E-2</v>
      </c>
      <c r="Z338" s="12">
        <f t="shared" si="150"/>
        <v>-6.6119920832722404E-2</v>
      </c>
      <c r="AA338" s="12">
        <f t="shared" si="151"/>
        <v>-7.5310765362349638E-2</v>
      </c>
      <c r="AB338" s="12">
        <f t="shared" si="154"/>
        <v>-0.1200596025795522</v>
      </c>
      <c r="AC338" s="12">
        <f t="shared" si="155"/>
        <v>0</v>
      </c>
      <c r="AD338" s="12">
        <f t="shared" si="156"/>
        <v>0.14694402633943218</v>
      </c>
      <c r="AE338" s="12">
        <f t="shared" si="157"/>
        <v>0.13579027693233656</v>
      </c>
      <c r="AF338" s="12">
        <f t="shared" si="158"/>
        <v>0.24396563706006352</v>
      </c>
      <c r="AG338" s="12">
        <f t="shared" si="159"/>
        <v>0.18152410595006357</v>
      </c>
      <c r="AH338" s="12">
        <f>AC338/SUM(AC$2:AG$366)*Input!$J$5</f>
        <v>0</v>
      </c>
      <c r="AI338" s="12">
        <f>AD338/SUM(AC$2:AG$366)*Input!$J$5</f>
        <v>150.47234197177488</v>
      </c>
      <c r="AJ338" s="12">
        <f>AE338/SUM(AC$2:AG$366)*Input!$J$5</f>
        <v>139.0507766529158</v>
      </c>
      <c r="AK338" s="12">
        <f>AF338/SUM(AC$2:AG$366)*Input!$J$5</f>
        <v>249.82356672509869</v>
      </c>
      <c r="AL338" s="12">
        <f>AG338/SUM(AC$2:AG$366)*Input!$J$5</f>
        <v>185.8827339026636</v>
      </c>
      <c r="AM338" s="12">
        <f t="shared" si="160"/>
        <v>178.44742454655716</v>
      </c>
      <c r="AN338" s="12">
        <f t="shared" si="161"/>
        <v>528.72531366928285</v>
      </c>
      <c r="AO338" s="12">
        <f t="shared" si="162"/>
        <v>12.03778735774199</v>
      </c>
      <c r="AP338" s="12">
        <f t="shared" si="163"/>
        <v>6.0188936788709952</v>
      </c>
      <c r="AQ338" s="12">
        <f t="shared" si="164"/>
        <v>0</v>
      </c>
      <c r="AR338" s="11">
        <f t="shared" si="165"/>
        <v>725.229419252453</v>
      </c>
    </row>
    <row r="339" spans="16:44" x14ac:dyDescent="0.25">
      <c r="P339" s="10">
        <f t="shared" si="166"/>
        <v>45264</v>
      </c>
      <c r="Q339" s="28">
        <v>-2.1</v>
      </c>
      <c r="R339" s="28">
        <f t="shared" si="152"/>
        <v>1</v>
      </c>
      <c r="S339" s="12">
        <f t="shared" si="144"/>
        <v>1.085192073005006</v>
      </c>
      <c r="T339" s="12">
        <f t="shared" si="145"/>
        <v>1.4695351264848711</v>
      </c>
      <c r="U339" s="12">
        <f t="shared" si="146"/>
        <v>1.771938814155029</v>
      </c>
      <c r="V339" s="12">
        <f t="shared" si="147"/>
        <v>2.5404025087253199</v>
      </c>
      <c r="W339" s="12">
        <f t="shared" si="153"/>
        <v>0</v>
      </c>
      <c r="X339" s="12">
        <f t="shared" si="148"/>
        <v>-1.544218835154681E-2</v>
      </c>
      <c r="Y339" s="12">
        <f t="shared" si="149"/>
        <v>-5.875924024232846E-2</v>
      </c>
      <c r="Z339" s="12">
        <f t="shared" si="150"/>
        <v>-9.5984753200240996E-2</v>
      </c>
      <c r="AA339" s="12">
        <f t="shared" si="151"/>
        <v>-0.17801624965770491</v>
      </c>
      <c r="AB339" s="12">
        <f t="shared" si="154"/>
        <v>0</v>
      </c>
      <c r="AC339" s="12">
        <f t="shared" si="155"/>
        <v>0.41910775070372042</v>
      </c>
      <c r="AD339" s="12">
        <f t="shared" si="156"/>
        <v>0.59734857412266029</v>
      </c>
      <c r="AE339" s="12">
        <f t="shared" si="157"/>
        <v>0</v>
      </c>
      <c r="AF339" s="12">
        <f t="shared" si="158"/>
        <v>0.72855915825162509</v>
      </c>
      <c r="AG339" s="12">
        <f t="shared" si="159"/>
        <v>0</v>
      </c>
      <c r="AH339" s="12">
        <f>AC339/SUM(AC$2:AG$366)*Input!$J$5</f>
        <v>429.17106845321581</v>
      </c>
      <c r="AI339" s="12">
        <f>AD339/SUM(AC$2:AG$366)*Input!$J$5</f>
        <v>611.69168397570115</v>
      </c>
      <c r="AJ339" s="12">
        <f>AE339/SUM(AC$2:AG$366)*Input!$J$5</f>
        <v>0</v>
      </c>
      <c r="AK339" s="12">
        <f>AF339/SUM(AC$2:AG$366)*Input!$J$5</f>
        <v>746.05280349316592</v>
      </c>
      <c r="AL339" s="12">
        <f>AG339/SUM(AC$2:AG$366)*Input!$J$5</f>
        <v>0</v>
      </c>
      <c r="AM339" s="12">
        <f t="shared" si="160"/>
        <v>358.10534567671948</v>
      </c>
      <c r="AN339" s="12">
        <f t="shared" si="161"/>
        <v>1360.1428392928487</v>
      </c>
      <c r="AO339" s="12">
        <f t="shared" si="162"/>
        <v>45.778247301676359</v>
      </c>
      <c r="AP339" s="12">
        <f t="shared" si="163"/>
        <v>22.889123650838179</v>
      </c>
      <c r="AQ339" s="12">
        <f t="shared" si="164"/>
        <v>0</v>
      </c>
      <c r="AR339" s="11">
        <f t="shared" si="165"/>
        <v>1786.9155559220828</v>
      </c>
    </row>
    <row r="340" spans="16:44" x14ac:dyDescent="0.25">
      <c r="P340" s="10">
        <f t="shared" si="166"/>
        <v>45265</v>
      </c>
      <c r="Q340" s="28">
        <v>-0.1</v>
      </c>
      <c r="R340" s="28">
        <f t="shared" si="152"/>
        <v>2</v>
      </c>
      <c r="S340" s="12">
        <f t="shared" si="144"/>
        <v>1.085192073005006</v>
      </c>
      <c r="T340" s="12">
        <f t="shared" si="145"/>
        <v>1.4695351264848711</v>
      </c>
      <c r="U340" s="12">
        <f t="shared" si="146"/>
        <v>1.771938814155029</v>
      </c>
      <c r="V340" s="12">
        <f t="shared" si="147"/>
        <v>2.5404025087253199</v>
      </c>
      <c r="W340" s="12">
        <f t="shared" si="153"/>
        <v>0</v>
      </c>
      <c r="X340" s="12">
        <f t="shared" si="148"/>
        <v>-1.544218835154681E-2</v>
      </c>
      <c r="Y340" s="12">
        <f t="shared" si="149"/>
        <v>-5.875924024232846E-2</v>
      </c>
      <c r="Z340" s="12">
        <f t="shared" si="150"/>
        <v>-9.5984753200240996E-2</v>
      </c>
      <c r="AA340" s="12">
        <f t="shared" si="151"/>
        <v>-0.17801624965770491</v>
      </c>
      <c r="AB340" s="12">
        <f t="shared" si="154"/>
        <v>0</v>
      </c>
      <c r="AC340" s="12">
        <f t="shared" si="155"/>
        <v>0.40752610944006024</v>
      </c>
      <c r="AD340" s="12">
        <f t="shared" si="156"/>
        <v>0.55327914394091393</v>
      </c>
      <c r="AE340" s="12">
        <f t="shared" si="157"/>
        <v>0</v>
      </c>
      <c r="AF340" s="12">
        <f t="shared" si="158"/>
        <v>0.63955103342277264</v>
      </c>
      <c r="AG340" s="12">
        <f t="shared" si="159"/>
        <v>0</v>
      </c>
      <c r="AH340" s="12">
        <f>AC340/SUM(AC$2:AG$366)*Input!$J$5</f>
        <v>417.31133704232928</v>
      </c>
      <c r="AI340" s="12">
        <f>AD340/SUM(AC$2:AG$366)*Input!$J$5</f>
        <v>566.56408992508466</v>
      </c>
      <c r="AJ340" s="12">
        <f>AE340/SUM(AC$2:AG$366)*Input!$J$5</f>
        <v>0</v>
      </c>
      <c r="AK340" s="12">
        <f>AF340/SUM(AC$2:AG$366)*Input!$J$5</f>
        <v>654.90747876539604</v>
      </c>
      <c r="AL340" s="12">
        <f>AG340/SUM(AC$2:AG$366)*Input!$J$5</f>
        <v>0</v>
      </c>
      <c r="AM340" s="12">
        <f t="shared" si="160"/>
        <v>314.35558980738995</v>
      </c>
      <c r="AN340" s="12">
        <f t="shared" si="161"/>
        <v>1257.6575019986471</v>
      </c>
      <c r="AO340" s="12">
        <f t="shared" si="162"/>
        <v>44.513209284515128</v>
      </c>
      <c r="AP340" s="12">
        <f t="shared" si="163"/>
        <v>22.256604642257564</v>
      </c>
      <c r="AQ340" s="12">
        <f t="shared" si="164"/>
        <v>0</v>
      </c>
      <c r="AR340" s="11">
        <f t="shared" si="165"/>
        <v>1638.7829057328099</v>
      </c>
    </row>
    <row r="341" spans="16:44" x14ac:dyDescent="0.25">
      <c r="P341" s="10">
        <f t="shared" si="166"/>
        <v>45266</v>
      </c>
      <c r="Q341" s="28">
        <v>1.8</v>
      </c>
      <c r="R341" s="28">
        <f t="shared" si="152"/>
        <v>3</v>
      </c>
      <c r="S341" s="12">
        <f t="shared" si="144"/>
        <v>1.085192073005006</v>
      </c>
      <c r="T341" s="12">
        <f t="shared" si="145"/>
        <v>1.4695351264848711</v>
      </c>
      <c r="U341" s="12">
        <f t="shared" si="146"/>
        <v>1.771938814155029</v>
      </c>
      <c r="V341" s="12">
        <f t="shared" si="147"/>
        <v>2.5404025087253199</v>
      </c>
      <c r="W341" s="12">
        <f t="shared" si="153"/>
        <v>0</v>
      </c>
      <c r="X341" s="12">
        <f t="shared" si="148"/>
        <v>-1.544218835154681E-2</v>
      </c>
      <c r="Y341" s="12">
        <f t="shared" si="149"/>
        <v>-5.875924024232846E-2</v>
      </c>
      <c r="Z341" s="12">
        <f t="shared" si="150"/>
        <v>-9.5984753200240996E-2</v>
      </c>
      <c r="AA341" s="12">
        <f t="shared" si="151"/>
        <v>-0.17801624965770491</v>
      </c>
      <c r="AB341" s="12">
        <f t="shared" si="154"/>
        <v>0</v>
      </c>
      <c r="AC341" s="12">
        <f t="shared" si="155"/>
        <v>0.39652355023958319</v>
      </c>
      <c r="AD341" s="12">
        <f t="shared" si="156"/>
        <v>0.51141318526825497</v>
      </c>
      <c r="AE341" s="12">
        <f t="shared" si="157"/>
        <v>0</v>
      </c>
      <c r="AF341" s="12">
        <f t="shared" si="158"/>
        <v>0.55499331483536274</v>
      </c>
      <c r="AG341" s="12">
        <f t="shared" si="159"/>
        <v>0</v>
      </c>
      <c r="AH341" s="12">
        <f>AC341/SUM(AC$2:AG$366)*Input!$J$5</f>
        <v>406.04459220198726</v>
      </c>
      <c r="AI341" s="12">
        <f>AD341/SUM(AC$2:AG$366)*Input!$J$5</f>
        <v>523.69287557699909</v>
      </c>
      <c r="AJ341" s="12">
        <f>AE341/SUM(AC$2:AG$366)*Input!$J$5</f>
        <v>0</v>
      </c>
      <c r="AK341" s="12">
        <f>AF341/SUM(AC$2:AG$366)*Input!$J$5</f>
        <v>568.31942027401465</v>
      </c>
      <c r="AL341" s="12">
        <f>AG341/SUM(AC$2:AG$366)*Input!$J$5</f>
        <v>0</v>
      </c>
      <c r="AM341" s="12">
        <f t="shared" si="160"/>
        <v>272.79332173152687</v>
      </c>
      <c r="AN341" s="12">
        <f t="shared" si="161"/>
        <v>1160.2964315691561</v>
      </c>
      <c r="AO341" s="12">
        <f t="shared" si="162"/>
        <v>43.311423168211974</v>
      </c>
      <c r="AP341" s="12">
        <f t="shared" si="163"/>
        <v>21.655711584105987</v>
      </c>
      <c r="AQ341" s="12">
        <f t="shared" si="164"/>
        <v>0</v>
      </c>
      <c r="AR341" s="11">
        <f t="shared" si="165"/>
        <v>1498.0568880530011</v>
      </c>
    </row>
    <row r="342" spans="16:44" x14ac:dyDescent="0.25">
      <c r="P342" s="10">
        <f t="shared" si="166"/>
        <v>45267</v>
      </c>
      <c r="Q342" s="28">
        <v>4.3</v>
      </c>
      <c r="R342" s="28">
        <f t="shared" si="152"/>
        <v>4</v>
      </c>
      <c r="S342" s="12">
        <f t="shared" si="144"/>
        <v>1.0609861866589789</v>
      </c>
      <c r="T342" s="12">
        <f t="shared" si="145"/>
        <v>1.4695351264848711</v>
      </c>
      <c r="U342" s="12">
        <f t="shared" si="146"/>
        <v>1.771938814155029</v>
      </c>
      <c r="V342" s="12">
        <f t="shared" si="147"/>
        <v>2.5404025087253199</v>
      </c>
      <c r="W342" s="12">
        <f t="shared" si="153"/>
        <v>0</v>
      </c>
      <c r="X342" s="12">
        <f t="shared" si="148"/>
        <v>-7.0953309908476907E-3</v>
      </c>
      <c r="Y342" s="12">
        <f t="shared" si="149"/>
        <v>-5.875924024232846E-2</v>
      </c>
      <c r="Z342" s="12">
        <f t="shared" si="150"/>
        <v>-9.5984753200240996E-2</v>
      </c>
      <c r="AA342" s="12">
        <f t="shared" si="151"/>
        <v>-0.17801624965770491</v>
      </c>
      <c r="AB342" s="12">
        <f t="shared" si="154"/>
        <v>0</v>
      </c>
      <c r="AC342" s="12">
        <f t="shared" si="155"/>
        <v>0.38642859877437519</v>
      </c>
      <c r="AD342" s="12">
        <f t="shared" si="156"/>
        <v>0.45632639754107196</v>
      </c>
      <c r="AE342" s="12">
        <f t="shared" si="157"/>
        <v>0</v>
      </c>
      <c r="AF342" s="12">
        <f t="shared" si="158"/>
        <v>0.4437331587992972</v>
      </c>
      <c r="AG342" s="12">
        <f t="shared" si="159"/>
        <v>0</v>
      </c>
      <c r="AH342" s="12">
        <f>AC342/SUM(AC$2:AG$366)*Input!$J$5</f>
        <v>395.70724792946532</v>
      </c>
      <c r="AI342" s="12">
        <f>AD342/SUM(AC$2:AG$366)*Input!$J$5</f>
        <v>467.28338301372838</v>
      </c>
      <c r="AJ342" s="12">
        <f>AE342/SUM(AC$2:AG$366)*Input!$J$5</f>
        <v>0</v>
      </c>
      <c r="AK342" s="12">
        <f>AF342/SUM(AC$2:AG$366)*Input!$J$5</f>
        <v>454.38776436430226</v>
      </c>
      <c r="AL342" s="12">
        <f>AG342/SUM(AC$2:AG$366)*Input!$J$5</f>
        <v>0</v>
      </c>
      <c r="AM342" s="12">
        <f t="shared" si="160"/>
        <v>218.10612689486499</v>
      </c>
      <c r="AN342" s="12">
        <f t="shared" si="161"/>
        <v>1035.9591087439164</v>
      </c>
      <c r="AO342" s="12">
        <f t="shared" si="162"/>
        <v>42.208773112476301</v>
      </c>
      <c r="AP342" s="12">
        <f t="shared" si="163"/>
        <v>21.104386556238151</v>
      </c>
      <c r="AQ342" s="12">
        <f t="shared" si="164"/>
        <v>0</v>
      </c>
      <c r="AR342" s="11">
        <f t="shared" si="165"/>
        <v>1317.3783953074958</v>
      </c>
    </row>
    <row r="343" spans="16:44" x14ac:dyDescent="0.25">
      <c r="P343" s="10">
        <f t="shared" si="166"/>
        <v>45268</v>
      </c>
      <c r="Q343" s="28">
        <v>1.3</v>
      </c>
      <c r="R343" s="28">
        <f t="shared" si="152"/>
        <v>5</v>
      </c>
      <c r="S343" s="12">
        <f t="shared" si="144"/>
        <v>1.085192073005006</v>
      </c>
      <c r="T343" s="12">
        <f t="shared" si="145"/>
        <v>1.4695351264848711</v>
      </c>
      <c r="U343" s="12">
        <f t="shared" si="146"/>
        <v>1.771938814155029</v>
      </c>
      <c r="V343" s="12">
        <f t="shared" si="147"/>
        <v>2.5404025087253199</v>
      </c>
      <c r="W343" s="12">
        <f t="shared" si="153"/>
        <v>0</v>
      </c>
      <c r="X343" s="12">
        <f t="shared" si="148"/>
        <v>-1.544218835154681E-2</v>
      </c>
      <c r="Y343" s="12">
        <f t="shared" si="149"/>
        <v>-5.875924024232846E-2</v>
      </c>
      <c r="Z343" s="12">
        <f t="shared" si="150"/>
        <v>-9.5984753200240996E-2</v>
      </c>
      <c r="AA343" s="12">
        <f t="shared" si="151"/>
        <v>-0.17801624965770491</v>
      </c>
      <c r="AB343" s="12">
        <f t="shared" si="154"/>
        <v>0</v>
      </c>
      <c r="AC343" s="12">
        <f t="shared" si="155"/>
        <v>0.39941896055549814</v>
      </c>
      <c r="AD343" s="12">
        <f t="shared" si="156"/>
        <v>0.5224305428136915</v>
      </c>
      <c r="AE343" s="12">
        <f t="shared" si="157"/>
        <v>0</v>
      </c>
      <c r="AF343" s="12">
        <f t="shared" si="158"/>
        <v>0.57724534604257594</v>
      </c>
      <c r="AG343" s="12">
        <f t="shared" si="159"/>
        <v>0</v>
      </c>
      <c r="AH343" s="12">
        <f>AC343/SUM(AC$2:AG$366)*Input!$J$5</f>
        <v>409.00952505470883</v>
      </c>
      <c r="AI343" s="12">
        <f>AD343/SUM(AC$2:AG$366)*Input!$J$5</f>
        <v>534.97477408965312</v>
      </c>
      <c r="AJ343" s="12">
        <f>AE343/SUM(AC$2:AG$366)*Input!$J$5</f>
        <v>0</v>
      </c>
      <c r="AK343" s="12">
        <f>AF343/SUM(AC$2:AG$366)*Input!$J$5</f>
        <v>591.10575145595715</v>
      </c>
      <c r="AL343" s="12">
        <f>AG343/SUM(AC$2:AG$366)*Input!$J$5</f>
        <v>0</v>
      </c>
      <c r="AM343" s="12">
        <f t="shared" si="160"/>
        <v>283.73076069885929</v>
      </c>
      <c r="AN343" s="12">
        <f t="shared" si="161"/>
        <v>1185.9177658927065</v>
      </c>
      <c r="AO343" s="12">
        <f t="shared" si="162"/>
        <v>43.627682672502281</v>
      </c>
      <c r="AP343" s="12">
        <f t="shared" si="163"/>
        <v>21.813841336251141</v>
      </c>
      <c r="AQ343" s="12">
        <f t="shared" si="164"/>
        <v>0</v>
      </c>
      <c r="AR343" s="11">
        <f t="shared" si="165"/>
        <v>1535.0900506003193</v>
      </c>
    </row>
    <row r="344" spans="16:44" x14ac:dyDescent="0.25">
      <c r="P344" s="10">
        <f t="shared" si="166"/>
        <v>45269</v>
      </c>
      <c r="Q344" s="28">
        <v>1.2</v>
      </c>
      <c r="R344" s="28">
        <f t="shared" si="152"/>
        <v>6</v>
      </c>
      <c r="S344" s="12">
        <f t="shared" si="144"/>
        <v>0.88136675487947747</v>
      </c>
      <c r="T344" s="12">
        <f t="shared" si="145"/>
        <v>0.40529111994771311</v>
      </c>
      <c r="U344" s="12">
        <f t="shared" si="146"/>
        <v>1.4791569663107089</v>
      </c>
      <c r="V344" s="12">
        <f t="shared" si="147"/>
        <v>1.31124751273035</v>
      </c>
      <c r="W344" s="12">
        <f t="shared" si="153"/>
        <v>1.9424956480203619</v>
      </c>
      <c r="X344" s="12">
        <f t="shared" si="148"/>
        <v>-1.236743869637378E-2</v>
      </c>
      <c r="Y344" s="12">
        <f t="shared" si="149"/>
        <v>-1.3226323007097701E-2</v>
      </c>
      <c r="Z344" s="12">
        <f t="shared" si="150"/>
        <v>-6.6119920832722404E-2</v>
      </c>
      <c r="AA344" s="12">
        <f t="shared" si="151"/>
        <v>-7.5310765362349638E-2</v>
      </c>
      <c r="AB344" s="12">
        <f t="shared" si="154"/>
        <v>-0.1200596025795522</v>
      </c>
      <c r="AC344" s="12">
        <f t="shared" si="155"/>
        <v>0</v>
      </c>
      <c r="AD344" s="12">
        <f t="shared" si="156"/>
        <v>0.13629683631871853</v>
      </c>
      <c r="AE344" s="12">
        <f t="shared" si="157"/>
        <v>0.12248364286475118</v>
      </c>
      <c r="AF344" s="12">
        <f t="shared" si="158"/>
        <v>0.2136530540017178</v>
      </c>
      <c r="AG344" s="12">
        <f t="shared" si="159"/>
        <v>0.15736211093092869</v>
      </c>
      <c r="AH344" s="12">
        <f>AC344/SUM(AC$2:AG$366)*Input!$J$5</f>
        <v>0</v>
      </c>
      <c r="AI344" s="12">
        <f>AD344/SUM(AC$2:AG$366)*Input!$J$5</f>
        <v>139.56949918363381</v>
      </c>
      <c r="AJ344" s="12">
        <f>AE344/SUM(AC$2:AG$366)*Input!$J$5</f>
        <v>125.42463313561605</v>
      </c>
      <c r="AK344" s="12">
        <f>AF344/SUM(AC$2:AG$366)*Input!$J$5</f>
        <v>218.78313944384871</v>
      </c>
      <c r="AL344" s="12">
        <f>AG344/SUM(AC$2:AG$366)*Input!$J$5</f>
        <v>161.14057821379399</v>
      </c>
      <c r="AM344" s="12">
        <f t="shared" si="160"/>
        <v>154.6949550852423</v>
      </c>
      <c r="AN344" s="12">
        <f t="shared" si="161"/>
        <v>473.47455498961421</v>
      </c>
      <c r="AO344" s="12">
        <f t="shared" si="162"/>
        <v>11.165559934690705</v>
      </c>
      <c r="AP344" s="12">
        <f t="shared" si="163"/>
        <v>5.5827799673453526</v>
      </c>
      <c r="AQ344" s="12">
        <f t="shared" si="164"/>
        <v>0</v>
      </c>
      <c r="AR344" s="11">
        <f t="shared" si="165"/>
        <v>644.91784997689251</v>
      </c>
    </row>
    <row r="345" spans="16:44" x14ac:dyDescent="0.25">
      <c r="P345" s="10">
        <f t="shared" si="166"/>
        <v>45270</v>
      </c>
      <c r="Q345" s="28">
        <v>4.7</v>
      </c>
      <c r="R345" s="28">
        <f t="shared" si="152"/>
        <v>7</v>
      </c>
      <c r="S345" s="12">
        <f t="shared" si="144"/>
        <v>0.88136675487947747</v>
      </c>
      <c r="T345" s="12">
        <f t="shared" si="145"/>
        <v>0.40529111994771311</v>
      </c>
      <c r="U345" s="12">
        <f t="shared" si="146"/>
        <v>1.4791569663107089</v>
      </c>
      <c r="V345" s="12">
        <f t="shared" si="147"/>
        <v>1.31124751273035</v>
      </c>
      <c r="W345" s="12">
        <f t="shared" si="153"/>
        <v>1.9424956480203619</v>
      </c>
      <c r="X345" s="12">
        <f t="shared" si="148"/>
        <v>-1.236743869637378E-2</v>
      </c>
      <c r="Y345" s="12">
        <f t="shared" si="149"/>
        <v>-1.3226323007097701E-2</v>
      </c>
      <c r="Z345" s="12">
        <f t="shared" si="150"/>
        <v>-6.6119920832722404E-2</v>
      </c>
      <c r="AA345" s="12">
        <f t="shared" si="151"/>
        <v>-7.5310765362349638E-2</v>
      </c>
      <c r="AB345" s="12">
        <f t="shared" si="154"/>
        <v>-0.1200596025795522</v>
      </c>
      <c r="AC345" s="12">
        <f t="shared" si="155"/>
        <v>0</v>
      </c>
      <c r="AD345" s="12">
        <f t="shared" si="156"/>
        <v>0.12009459063502387</v>
      </c>
      <c r="AE345" s="12">
        <f t="shared" si="157"/>
        <v>0.10223441710972994</v>
      </c>
      <c r="AF345" s="12">
        <f t="shared" si="158"/>
        <v>0.16752521021727868</v>
      </c>
      <c r="AG345" s="12">
        <f t="shared" si="159"/>
        <v>0.1205938576409408</v>
      </c>
      <c r="AH345" s="12">
        <f>AC345/SUM(AC$2:AG$366)*Input!$J$5</f>
        <v>0</v>
      </c>
      <c r="AI345" s="12">
        <f>AD345/SUM(AC$2:AG$366)*Input!$J$5</f>
        <v>122.97821667994084</v>
      </c>
      <c r="AJ345" s="12">
        <f>AE345/SUM(AC$2:AG$366)*Input!$J$5</f>
        <v>104.68919734842079</v>
      </c>
      <c r="AK345" s="12">
        <f>AF345/SUM(AC$2:AG$366)*Input!$J$5</f>
        <v>171.54770662455525</v>
      </c>
      <c r="AL345" s="12">
        <f>AG345/SUM(AC$2:AG$366)*Input!$J$5</f>
        <v>123.48947173073155</v>
      </c>
      <c r="AM345" s="12">
        <f t="shared" si="160"/>
        <v>118.54989286150236</v>
      </c>
      <c r="AN345" s="12">
        <f t="shared" si="161"/>
        <v>389.39731352055315</v>
      </c>
      <c r="AO345" s="12">
        <f t="shared" si="162"/>
        <v>9.8382573343952675</v>
      </c>
      <c r="AP345" s="12">
        <f t="shared" si="163"/>
        <v>4.9191286671976338</v>
      </c>
      <c r="AQ345" s="12">
        <f t="shared" si="164"/>
        <v>0</v>
      </c>
      <c r="AR345" s="11">
        <f t="shared" si="165"/>
        <v>522.70459238364833</v>
      </c>
    </row>
    <row r="346" spans="16:44" x14ac:dyDescent="0.25">
      <c r="P346" s="10">
        <f t="shared" si="166"/>
        <v>45271</v>
      </c>
      <c r="Q346" s="28">
        <v>4.5999999999999996</v>
      </c>
      <c r="R346" s="28">
        <f t="shared" si="152"/>
        <v>1</v>
      </c>
      <c r="S346" s="12">
        <f t="shared" si="144"/>
        <v>1.0609861866589789</v>
      </c>
      <c r="T346" s="12">
        <f t="shared" si="145"/>
        <v>1.4695351264848711</v>
      </c>
      <c r="U346" s="12">
        <f t="shared" si="146"/>
        <v>1.771938814155029</v>
      </c>
      <c r="V346" s="12">
        <f t="shared" si="147"/>
        <v>2.5404025087253199</v>
      </c>
      <c r="W346" s="12">
        <f t="shared" si="153"/>
        <v>0</v>
      </c>
      <c r="X346" s="12">
        <f t="shared" si="148"/>
        <v>-7.0953309908476907E-3</v>
      </c>
      <c r="Y346" s="12">
        <f t="shared" si="149"/>
        <v>-5.875924024232846E-2</v>
      </c>
      <c r="Z346" s="12">
        <f t="shared" si="150"/>
        <v>-9.5984753200240996E-2</v>
      </c>
      <c r="AA346" s="12">
        <f t="shared" si="151"/>
        <v>-0.17801624965770491</v>
      </c>
      <c r="AB346" s="12">
        <f t="shared" si="154"/>
        <v>0</v>
      </c>
      <c r="AC346" s="12">
        <f t="shared" si="155"/>
        <v>0.38563037403790484</v>
      </c>
      <c r="AD346" s="12">
        <f t="shared" si="156"/>
        <v>0.44971598301381005</v>
      </c>
      <c r="AE346" s="12">
        <f t="shared" si="157"/>
        <v>0</v>
      </c>
      <c r="AF346" s="12">
        <f t="shared" si="158"/>
        <v>0.43038194007496933</v>
      </c>
      <c r="AG346" s="12">
        <f t="shared" si="159"/>
        <v>0</v>
      </c>
      <c r="AH346" s="12">
        <f>AC346/SUM(AC$2:AG$366)*Input!$J$5</f>
        <v>394.88985678735077</v>
      </c>
      <c r="AI346" s="12">
        <f>AD346/SUM(AC$2:AG$366)*Input!$J$5</f>
        <v>460.5142439061359</v>
      </c>
      <c r="AJ346" s="12">
        <f>AE346/SUM(AC$2:AG$366)*Input!$J$5</f>
        <v>0</v>
      </c>
      <c r="AK346" s="12">
        <f>AF346/SUM(AC$2:AG$366)*Input!$J$5</f>
        <v>440.71596565513681</v>
      </c>
      <c r="AL346" s="12">
        <f>AG346/SUM(AC$2:AG$366)*Input!$J$5</f>
        <v>0</v>
      </c>
      <c r="AM346" s="12">
        <f t="shared" si="160"/>
        <v>211.54366351446558</v>
      </c>
      <c r="AN346" s="12">
        <f t="shared" si="161"/>
        <v>1021.3940257481818</v>
      </c>
      <c r="AO346" s="12">
        <f t="shared" si="162"/>
        <v>42.121584723984085</v>
      </c>
      <c r="AP346" s="12">
        <f t="shared" si="163"/>
        <v>21.060792361992043</v>
      </c>
      <c r="AQ346" s="12">
        <f t="shared" si="164"/>
        <v>0</v>
      </c>
      <c r="AR346" s="11">
        <f t="shared" si="165"/>
        <v>1296.1200663486236</v>
      </c>
    </row>
    <row r="347" spans="16:44" x14ac:dyDescent="0.25">
      <c r="P347" s="10">
        <f t="shared" si="166"/>
        <v>45272</v>
      </c>
      <c r="Q347" s="28">
        <v>8.1</v>
      </c>
      <c r="R347" s="28">
        <f t="shared" si="152"/>
        <v>2</v>
      </c>
      <c r="S347" s="12">
        <f t="shared" si="144"/>
        <v>1.0609861866589789</v>
      </c>
      <c r="T347" s="12">
        <f t="shared" si="145"/>
        <v>1.4695351264848711</v>
      </c>
      <c r="U347" s="12">
        <f t="shared" si="146"/>
        <v>1.771938814155029</v>
      </c>
      <c r="V347" s="12">
        <f t="shared" si="147"/>
        <v>2.5404025087253199</v>
      </c>
      <c r="W347" s="12">
        <f t="shared" si="153"/>
        <v>0</v>
      </c>
      <c r="X347" s="12">
        <f t="shared" si="148"/>
        <v>-7.0953309908476907E-3</v>
      </c>
      <c r="Y347" s="12">
        <f t="shared" si="149"/>
        <v>-5.875924024232846E-2</v>
      </c>
      <c r="Z347" s="12">
        <f t="shared" si="150"/>
        <v>-9.5984753200240996E-2</v>
      </c>
      <c r="AA347" s="12">
        <f t="shared" si="151"/>
        <v>-0.17801624965770491</v>
      </c>
      <c r="AB347" s="12">
        <f t="shared" si="154"/>
        <v>0</v>
      </c>
      <c r="AC347" s="12">
        <f t="shared" si="155"/>
        <v>0.37631775211241725</v>
      </c>
      <c r="AD347" s="12">
        <f t="shared" si="156"/>
        <v>0.37259448019575397</v>
      </c>
      <c r="AE347" s="12">
        <f t="shared" si="157"/>
        <v>0</v>
      </c>
      <c r="AF347" s="12">
        <f t="shared" si="158"/>
        <v>0.27461772162447756</v>
      </c>
      <c r="AG347" s="12">
        <f t="shared" si="159"/>
        <v>0</v>
      </c>
      <c r="AH347" s="12">
        <f>AC347/SUM(AC$2:AG$366)*Input!$J$5</f>
        <v>385.3536267960144</v>
      </c>
      <c r="AI347" s="12">
        <f>AD347/SUM(AC$2:AG$366)*Input!$J$5</f>
        <v>381.54095431755707</v>
      </c>
      <c r="AJ347" s="12">
        <f>AE347/SUM(AC$2:AG$366)*Input!$J$5</f>
        <v>0</v>
      </c>
      <c r="AK347" s="12">
        <f>AF347/SUM(AC$2:AG$366)*Input!$J$5</f>
        <v>281.21164738153959</v>
      </c>
      <c r="AL347" s="12">
        <f>AG347/SUM(AC$2:AG$366)*Input!$J$5</f>
        <v>0</v>
      </c>
      <c r="AM347" s="12">
        <f t="shared" si="160"/>
        <v>134.98159074313892</v>
      </c>
      <c r="AN347" s="12">
        <f t="shared" si="161"/>
        <v>851.46805746460984</v>
      </c>
      <c r="AO347" s="12">
        <f t="shared" si="162"/>
        <v>41.10438685824154</v>
      </c>
      <c r="AP347" s="12">
        <f t="shared" si="163"/>
        <v>20.55219342912077</v>
      </c>
      <c r="AQ347" s="12">
        <f t="shared" si="164"/>
        <v>0</v>
      </c>
      <c r="AR347" s="11">
        <f t="shared" si="165"/>
        <v>1048.1062284951111</v>
      </c>
    </row>
    <row r="348" spans="16:44" x14ac:dyDescent="0.25">
      <c r="P348" s="10">
        <f t="shared" si="166"/>
        <v>45273</v>
      </c>
      <c r="Q348" s="28">
        <v>7.9</v>
      </c>
      <c r="R348" s="28">
        <f t="shared" si="152"/>
        <v>3</v>
      </c>
      <c r="S348" s="12">
        <f t="shared" si="144"/>
        <v>1.0609861866589789</v>
      </c>
      <c r="T348" s="12">
        <f t="shared" si="145"/>
        <v>1.4695351264848711</v>
      </c>
      <c r="U348" s="12">
        <f t="shared" si="146"/>
        <v>1.771938814155029</v>
      </c>
      <c r="V348" s="12">
        <f t="shared" si="147"/>
        <v>2.5404025087253199</v>
      </c>
      <c r="W348" s="12">
        <f t="shared" si="153"/>
        <v>0</v>
      </c>
      <c r="X348" s="12">
        <f t="shared" si="148"/>
        <v>-7.0953309908476907E-3</v>
      </c>
      <c r="Y348" s="12">
        <f t="shared" si="149"/>
        <v>-5.875924024232846E-2</v>
      </c>
      <c r="Z348" s="12">
        <f t="shared" si="150"/>
        <v>-9.5984753200240996E-2</v>
      </c>
      <c r="AA348" s="12">
        <f t="shared" si="151"/>
        <v>-0.17801624965770491</v>
      </c>
      <c r="AB348" s="12">
        <f t="shared" si="154"/>
        <v>0</v>
      </c>
      <c r="AC348" s="12">
        <f t="shared" si="155"/>
        <v>0.37684990193673079</v>
      </c>
      <c r="AD348" s="12">
        <f t="shared" si="156"/>
        <v>0.3770014232139286</v>
      </c>
      <c r="AE348" s="12">
        <f t="shared" si="157"/>
        <v>0</v>
      </c>
      <c r="AF348" s="12">
        <f t="shared" si="158"/>
        <v>0.28351853410736277</v>
      </c>
      <c r="AG348" s="12">
        <f t="shared" si="159"/>
        <v>0</v>
      </c>
      <c r="AH348" s="12">
        <f>AC348/SUM(AC$2:AG$366)*Input!$J$5</f>
        <v>385.89855422409073</v>
      </c>
      <c r="AI348" s="12">
        <f>AD348/SUM(AC$2:AG$366)*Input!$J$5</f>
        <v>386.05371372261874</v>
      </c>
      <c r="AJ348" s="12">
        <f>AE348/SUM(AC$2:AG$366)*Input!$J$5</f>
        <v>0</v>
      </c>
      <c r="AK348" s="12">
        <f>AF348/SUM(AC$2:AG$366)*Input!$J$5</f>
        <v>290.32617985431654</v>
      </c>
      <c r="AL348" s="12">
        <f>AG348/SUM(AC$2:AG$366)*Input!$J$5</f>
        <v>0</v>
      </c>
      <c r="AM348" s="12">
        <f t="shared" si="160"/>
        <v>139.35656633007187</v>
      </c>
      <c r="AN348" s="12">
        <f t="shared" si="161"/>
        <v>861.17811279509954</v>
      </c>
      <c r="AO348" s="12">
        <f t="shared" si="162"/>
        <v>41.162512450569679</v>
      </c>
      <c r="AP348" s="12">
        <f t="shared" si="163"/>
        <v>20.581256225284839</v>
      </c>
      <c r="AQ348" s="12">
        <f t="shared" si="164"/>
        <v>0</v>
      </c>
      <c r="AR348" s="11">
        <f t="shared" si="165"/>
        <v>1062.2784478010258</v>
      </c>
    </row>
    <row r="349" spans="16:44" x14ac:dyDescent="0.25">
      <c r="P349" s="10">
        <f t="shared" si="166"/>
        <v>45274</v>
      </c>
      <c r="Q349" s="28">
        <v>6.8</v>
      </c>
      <c r="R349" s="28">
        <f t="shared" si="152"/>
        <v>4</v>
      </c>
      <c r="S349" s="12">
        <f t="shared" si="144"/>
        <v>1.0609861866589789</v>
      </c>
      <c r="T349" s="12">
        <f t="shared" si="145"/>
        <v>1.4695351264848711</v>
      </c>
      <c r="U349" s="12">
        <f t="shared" si="146"/>
        <v>1.771938814155029</v>
      </c>
      <c r="V349" s="12">
        <f t="shared" si="147"/>
        <v>2.5404025087253199</v>
      </c>
      <c r="W349" s="12">
        <f t="shared" si="153"/>
        <v>0</v>
      </c>
      <c r="X349" s="12">
        <f t="shared" si="148"/>
        <v>-7.0953309908476907E-3</v>
      </c>
      <c r="Y349" s="12">
        <f t="shared" si="149"/>
        <v>-5.875924024232846E-2</v>
      </c>
      <c r="Z349" s="12">
        <f t="shared" si="150"/>
        <v>-9.5984753200240996E-2</v>
      </c>
      <c r="AA349" s="12">
        <f t="shared" si="151"/>
        <v>-0.17801624965770491</v>
      </c>
      <c r="AB349" s="12">
        <f t="shared" si="154"/>
        <v>0</v>
      </c>
      <c r="AC349" s="12">
        <f t="shared" si="155"/>
        <v>0.37977672597045542</v>
      </c>
      <c r="AD349" s="12">
        <f t="shared" si="156"/>
        <v>0.40123960981388912</v>
      </c>
      <c r="AE349" s="12">
        <f t="shared" si="157"/>
        <v>0</v>
      </c>
      <c r="AF349" s="12">
        <f t="shared" si="158"/>
        <v>0.33247300276323166</v>
      </c>
      <c r="AG349" s="12">
        <f t="shared" si="159"/>
        <v>0</v>
      </c>
      <c r="AH349" s="12">
        <f>AC349/SUM(AC$2:AG$366)*Input!$J$5</f>
        <v>388.89565507851069</v>
      </c>
      <c r="AI349" s="12">
        <f>AD349/SUM(AC$2:AG$366)*Input!$J$5</f>
        <v>410.87389045045785</v>
      </c>
      <c r="AJ349" s="12">
        <f>AE349/SUM(AC$2:AG$366)*Input!$J$5</f>
        <v>0</v>
      </c>
      <c r="AK349" s="12">
        <f>AF349/SUM(AC$2:AG$366)*Input!$J$5</f>
        <v>340.45610845459004</v>
      </c>
      <c r="AL349" s="12">
        <f>AG349/SUM(AC$2:AG$366)*Input!$J$5</f>
        <v>0</v>
      </c>
      <c r="AM349" s="12">
        <f t="shared" si="160"/>
        <v>163.41893205820313</v>
      </c>
      <c r="AN349" s="12">
        <f t="shared" si="161"/>
        <v>914.58341711279377</v>
      </c>
      <c r="AO349" s="12">
        <f t="shared" si="162"/>
        <v>41.482203208374479</v>
      </c>
      <c r="AP349" s="12">
        <f t="shared" si="163"/>
        <v>20.741101604187239</v>
      </c>
      <c r="AQ349" s="12">
        <f t="shared" si="164"/>
        <v>0</v>
      </c>
      <c r="AR349" s="11">
        <f t="shared" si="165"/>
        <v>1140.2256539835587</v>
      </c>
    </row>
    <row r="350" spans="16:44" x14ac:dyDescent="0.25">
      <c r="P350" s="10">
        <f t="shared" si="166"/>
        <v>45275</v>
      </c>
      <c r="Q350" s="28">
        <v>5.6</v>
      </c>
      <c r="R350" s="28">
        <f t="shared" si="152"/>
        <v>5</v>
      </c>
      <c r="S350" s="12">
        <f t="shared" si="144"/>
        <v>1.0609861866589789</v>
      </c>
      <c r="T350" s="12">
        <f t="shared" si="145"/>
        <v>1.4695351264848711</v>
      </c>
      <c r="U350" s="12">
        <f t="shared" si="146"/>
        <v>1.771938814155029</v>
      </c>
      <c r="V350" s="12">
        <f t="shared" si="147"/>
        <v>2.5404025087253199</v>
      </c>
      <c r="W350" s="12">
        <f t="shared" si="153"/>
        <v>0</v>
      </c>
      <c r="X350" s="12">
        <f t="shared" si="148"/>
        <v>-7.0953309908476907E-3</v>
      </c>
      <c r="Y350" s="12">
        <f t="shared" si="149"/>
        <v>-5.875924024232846E-2</v>
      </c>
      <c r="Z350" s="12">
        <f t="shared" si="150"/>
        <v>-9.5984753200240996E-2</v>
      </c>
      <c r="AA350" s="12">
        <f t="shared" si="151"/>
        <v>-0.17801624965770491</v>
      </c>
      <c r="AB350" s="12">
        <f t="shared" si="154"/>
        <v>0</v>
      </c>
      <c r="AC350" s="12">
        <f t="shared" si="155"/>
        <v>0.38296962491633696</v>
      </c>
      <c r="AD350" s="12">
        <f t="shared" si="156"/>
        <v>0.42768126792293687</v>
      </c>
      <c r="AE350" s="12">
        <f t="shared" si="157"/>
        <v>0</v>
      </c>
      <c r="AF350" s="12">
        <f t="shared" si="158"/>
        <v>0.38587787766054316</v>
      </c>
      <c r="AG350" s="12">
        <f t="shared" si="159"/>
        <v>0</v>
      </c>
      <c r="AH350" s="12">
        <f>AC350/SUM(AC$2:AG$366)*Input!$J$5</f>
        <v>392.16521964696898</v>
      </c>
      <c r="AI350" s="12">
        <f>AD350/SUM(AC$2:AG$366)*Input!$J$5</f>
        <v>437.95044688082766</v>
      </c>
      <c r="AJ350" s="12">
        <f>AE350/SUM(AC$2:AG$366)*Input!$J$5</f>
        <v>0</v>
      </c>
      <c r="AK350" s="12">
        <f>AF350/SUM(AC$2:AG$366)*Input!$J$5</f>
        <v>395.14330329125193</v>
      </c>
      <c r="AL350" s="12">
        <f>AG350/SUM(AC$2:AG$366)*Input!$J$5</f>
        <v>0</v>
      </c>
      <c r="AM350" s="12">
        <f t="shared" si="160"/>
        <v>189.66878557980084</v>
      </c>
      <c r="AN350" s="12">
        <f t="shared" si="161"/>
        <v>972.84374909573273</v>
      </c>
      <c r="AO350" s="12">
        <f t="shared" si="162"/>
        <v>41.830956762343362</v>
      </c>
      <c r="AP350" s="12">
        <f t="shared" si="163"/>
        <v>20.915478381171681</v>
      </c>
      <c r="AQ350" s="12">
        <f t="shared" si="164"/>
        <v>0</v>
      </c>
      <c r="AR350" s="11">
        <f t="shared" si="165"/>
        <v>1225.2589698190484</v>
      </c>
    </row>
    <row r="351" spans="16:44" x14ac:dyDescent="0.25">
      <c r="P351" s="10">
        <f t="shared" si="166"/>
        <v>45276</v>
      </c>
      <c r="Q351" s="28">
        <v>6.9</v>
      </c>
      <c r="R351" s="28">
        <f t="shared" si="152"/>
        <v>6</v>
      </c>
      <c r="S351" s="12">
        <f t="shared" si="144"/>
        <v>0.88136675487947747</v>
      </c>
      <c r="T351" s="12">
        <f t="shared" si="145"/>
        <v>0.40529111994771311</v>
      </c>
      <c r="U351" s="12">
        <f t="shared" si="146"/>
        <v>1.4791569663107089</v>
      </c>
      <c r="V351" s="12">
        <f t="shared" si="147"/>
        <v>1.31124751273035</v>
      </c>
      <c r="W351" s="12">
        <f t="shared" si="153"/>
        <v>1.9424956480203619</v>
      </c>
      <c r="X351" s="12">
        <f t="shared" si="148"/>
        <v>-1.236743869637378E-2</v>
      </c>
      <c r="Y351" s="12">
        <f t="shared" si="149"/>
        <v>-1.3226323007097701E-2</v>
      </c>
      <c r="Z351" s="12">
        <f t="shared" si="150"/>
        <v>-6.6119920832722404E-2</v>
      </c>
      <c r="AA351" s="12">
        <f t="shared" si="151"/>
        <v>-7.5310765362349638E-2</v>
      </c>
      <c r="AB351" s="12">
        <f t="shared" si="154"/>
        <v>-0.1200596025795522</v>
      </c>
      <c r="AC351" s="12">
        <f t="shared" si="155"/>
        <v>0</v>
      </c>
      <c r="AD351" s="12">
        <f t="shared" si="156"/>
        <v>0.10991032191955863</v>
      </c>
      <c r="AE351" s="12">
        <f t="shared" si="157"/>
        <v>8.9506332349430867E-2</v>
      </c>
      <c r="AF351" s="12">
        <f t="shared" si="158"/>
        <v>0.13853056555277404</v>
      </c>
      <c r="AG351" s="12">
        <f t="shared" si="159"/>
        <v>9.7482384144377016E-2</v>
      </c>
      <c r="AH351" s="12">
        <f>AC351/SUM(AC$2:AG$366)*Input!$J$5</f>
        <v>0</v>
      </c>
      <c r="AI351" s="12">
        <f>AD351/SUM(AC$2:AG$366)*Input!$J$5</f>
        <v>112.5494105347624</v>
      </c>
      <c r="AJ351" s="12">
        <f>AE351/SUM(AC$2:AG$366)*Input!$J$5</f>
        <v>91.655494853612311</v>
      </c>
      <c r="AK351" s="12">
        <f>AF351/SUM(AC$2:AG$366)*Input!$J$5</f>
        <v>141.85686313814222</v>
      </c>
      <c r="AL351" s="12">
        <f>AG351/SUM(AC$2:AG$366)*Input!$J$5</f>
        <v>99.823061941378029</v>
      </c>
      <c r="AM351" s="12">
        <f t="shared" si="160"/>
        <v>95.830139463722958</v>
      </c>
      <c r="AN351" s="12">
        <f t="shared" si="161"/>
        <v>336.54876174000049</v>
      </c>
      <c r="AO351" s="12">
        <f t="shared" si="162"/>
        <v>9.0039528427809916</v>
      </c>
      <c r="AP351" s="12">
        <f t="shared" si="163"/>
        <v>4.5019764213904958</v>
      </c>
      <c r="AQ351" s="12">
        <f t="shared" si="164"/>
        <v>0</v>
      </c>
      <c r="AR351" s="11">
        <f t="shared" si="165"/>
        <v>445.88483046789497</v>
      </c>
    </row>
    <row r="352" spans="16:44" x14ac:dyDescent="0.25">
      <c r="P352" s="10">
        <f t="shared" si="166"/>
        <v>45277</v>
      </c>
      <c r="Q352" s="28">
        <v>8.9</v>
      </c>
      <c r="R352" s="28">
        <f t="shared" si="152"/>
        <v>7</v>
      </c>
      <c r="S352" s="12">
        <f t="shared" si="144"/>
        <v>0.88136675487947747</v>
      </c>
      <c r="T352" s="12">
        <f t="shared" si="145"/>
        <v>0.40529111994771311</v>
      </c>
      <c r="U352" s="12">
        <f t="shared" si="146"/>
        <v>1.4791569663107089</v>
      </c>
      <c r="V352" s="12">
        <f t="shared" si="147"/>
        <v>1.31124751273035</v>
      </c>
      <c r="W352" s="12">
        <f t="shared" si="153"/>
        <v>1.9424956480203619</v>
      </c>
      <c r="X352" s="12">
        <f t="shared" si="148"/>
        <v>-1.236743869637378E-2</v>
      </c>
      <c r="Y352" s="12">
        <f t="shared" si="149"/>
        <v>-1.3226323007097701E-2</v>
      </c>
      <c r="Z352" s="12">
        <f t="shared" si="150"/>
        <v>-6.6119920832722404E-2</v>
      </c>
      <c r="AA352" s="12">
        <f t="shared" si="151"/>
        <v>-7.5310765362349638E-2</v>
      </c>
      <c r="AB352" s="12">
        <f t="shared" si="154"/>
        <v>-0.1200596025795522</v>
      </c>
      <c r="AC352" s="12">
        <f t="shared" si="155"/>
        <v>0</v>
      </c>
      <c r="AD352" s="12">
        <f t="shared" si="156"/>
        <v>0.10065189581459025</v>
      </c>
      <c r="AE352" s="12">
        <f t="shared" si="157"/>
        <v>7.7935346203704445E-2</v>
      </c>
      <c r="AF352" s="12">
        <f t="shared" si="158"/>
        <v>0.11217179767595167</v>
      </c>
      <c r="AG352" s="12">
        <f t="shared" si="159"/>
        <v>7.6471953692955383E-2</v>
      </c>
      <c r="AH352" s="12">
        <f>AC352/SUM(AC$2:AG$366)*Input!$J$5</f>
        <v>0</v>
      </c>
      <c r="AI352" s="12">
        <f>AD352/SUM(AC$2:AG$366)*Input!$J$5</f>
        <v>103.06867767550928</v>
      </c>
      <c r="AJ352" s="12">
        <f>AE352/SUM(AC$2:AG$366)*Input!$J$5</f>
        <v>79.806674403786445</v>
      </c>
      <c r="AK352" s="12">
        <f>AF352/SUM(AC$2:AG$366)*Input!$J$5</f>
        <v>114.86518724140309</v>
      </c>
      <c r="AL352" s="12">
        <f>AG352/SUM(AC$2:AG$366)*Input!$J$5</f>
        <v>78.30814395105665</v>
      </c>
      <c r="AM352" s="12">
        <f t="shared" si="160"/>
        <v>75.175818193014422</v>
      </c>
      <c r="AN352" s="12">
        <f t="shared" si="161"/>
        <v>288.50462375767989</v>
      </c>
      <c r="AO352" s="12">
        <f t="shared" si="162"/>
        <v>8.2454942140407432</v>
      </c>
      <c r="AP352" s="12">
        <f t="shared" si="163"/>
        <v>4.1227471070203716</v>
      </c>
      <c r="AQ352" s="12">
        <f t="shared" si="164"/>
        <v>0</v>
      </c>
      <c r="AR352" s="11">
        <f t="shared" si="165"/>
        <v>376.04868327175541</v>
      </c>
    </row>
    <row r="353" spans="16:44" x14ac:dyDescent="0.25">
      <c r="P353" s="10">
        <f t="shared" si="166"/>
        <v>45278</v>
      </c>
      <c r="Q353" s="28">
        <v>9.5</v>
      </c>
      <c r="R353" s="28">
        <f t="shared" si="152"/>
        <v>1</v>
      </c>
      <c r="S353" s="12">
        <f t="shared" si="144"/>
        <v>1.0609861866589789</v>
      </c>
      <c r="T353" s="12">
        <f t="shared" si="145"/>
        <v>1.4695351264848711</v>
      </c>
      <c r="U353" s="12">
        <f t="shared" si="146"/>
        <v>1.771938814155029</v>
      </c>
      <c r="V353" s="12">
        <f t="shared" si="147"/>
        <v>2.5404025087253199</v>
      </c>
      <c r="W353" s="12">
        <f t="shared" si="153"/>
        <v>0</v>
      </c>
      <c r="X353" s="12">
        <f t="shared" si="148"/>
        <v>-7.0953309908476907E-3</v>
      </c>
      <c r="Y353" s="12">
        <f t="shared" si="149"/>
        <v>-5.875924024232846E-2</v>
      </c>
      <c r="Z353" s="12">
        <f t="shared" si="150"/>
        <v>-9.5984753200240996E-2</v>
      </c>
      <c r="AA353" s="12">
        <f t="shared" si="151"/>
        <v>-0.17801624965770491</v>
      </c>
      <c r="AB353" s="12">
        <f t="shared" si="154"/>
        <v>0</v>
      </c>
      <c r="AC353" s="12">
        <f t="shared" si="155"/>
        <v>0.37259270334222216</v>
      </c>
      <c r="AD353" s="12">
        <f t="shared" si="156"/>
        <v>0.34174587906853149</v>
      </c>
      <c r="AE353" s="12">
        <f t="shared" si="157"/>
        <v>0</v>
      </c>
      <c r="AF353" s="12">
        <f t="shared" si="158"/>
        <v>0.2123120342442808</v>
      </c>
      <c r="AG353" s="12">
        <f t="shared" si="159"/>
        <v>0</v>
      </c>
      <c r="AH353" s="12">
        <f>AC353/SUM(AC$2:AG$366)*Input!$J$5</f>
        <v>381.53913479947983</v>
      </c>
      <c r="AI353" s="12">
        <f>AD353/SUM(AC$2:AG$366)*Input!$J$5</f>
        <v>349.95163848212547</v>
      </c>
      <c r="AJ353" s="12">
        <f>AE353/SUM(AC$2:AG$366)*Input!$J$5</f>
        <v>0</v>
      </c>
      <c r="AK353" s="12">
        <f>AF353/SUM(AC$2:AG$366)*Input!$J$5</f>
        <v>217.40992007210065</v>
      </c>
      <c r="AL353" s="12">
        <f>AG353/SUM(AC$2:AG$366)*Input!$J$5</f>
        <v>0</v>
      </c>
      <c r="AM353" s="12">
        <f t="shared" si="160"/>
        <v>104.35676163460826</v>
      </c>
      <c r="AN353" s="12">
        <f t="shared" si="161"/>
        <v>783.49767015118096</v>
      </c>
      <c r="AO353" s="12">
        <f t="shared" si="162"/>
        <v>40.697507711944517</v>
      </c>
      <c r="AP353" s="12">
        <f t="shared" si="163"/>
        <v>20.348753855972259</v>
      </c>
      <c r="AQ353" s="12">
        <f t="shared" si="164"/>
        <v>0</v>
      </c>
      <c r="AR353" s="11">
        <f t="shared" si="165"/>
        <v>948.90069335370595</v>
      </c>
    </row>
    <row r="354" spans="16:44" x14ac:dyDescent="0.25">
      <c r="P354" s="10">
        <f t="shared" si="166"/>
        <v>45279</v>
      </c>
      <c r="Q354" s="28">
        <v>8.6</v>
      </c>
      <c r="R354" s="28">
        <f t="shared" si="152"/>
        <v>2</v>
      </c>
      <c r="S354" s="12">
        <f t="shared" si="144"/>
        <v>1.0609861866589789</v>
      </c>
      <c r="T354" s="12">
        <f t="shared" si="145"/>
        <v>1.4695351264848711</v>
      </c>
      <c r="U354" s="12">
        <f t="shared" si="146"/>
        <v>1.771938814155029</v>
      </c>
      <c r="V354" s="12">
        <f t="shared" si="147"/>
        <v>2.5404025087253199</v>
      </c>
      <c r="W354" s="12">
        <f t="shared" si="153"/>
        <v>0</v>
      </c>
      <c r="X354" s="12">
        <f t="shared" si="148"/>
        <v>-7.0953309908476907E-3</v>
      </c>
      <c r="Y354" s="12">
        <f t="shared" si="149"/>
        <v>-5.875924024232846E-2</v>
      </c>
      <c r="Z354" s="12">
        <f t="shared" si="150"/>
        <v>-9.5984753200240996E-2</v>
      </c>
      <c r="AA354" s="12">
        <f t="shared" si="151"/>
        <v>-0.17801624965770491</v>
      </c>
      <c r="AB354" s="12">
        <f t="shared" si="154"/>
        <v>0</v>
      </c>
      <c r="AC354" s="12">
        <f t="shared" si="155"/>
        <v>0.37498737755163331</v>
      </c>
      <c r="AD354" s="12">
        <f t="shared" si="156"/>
        <v>0.36157712265031738</v>
      </c>
      <c r="AE354" s="12">
        <f t="shared" si="157"/>
        <v>0</v>
      </c>
      <c r="AF354" s="12">
        <f t="shared" si="158"/>
        <v>0.25236569041726442</v>
      </c>
      <c r="AG354" s="12">
        <f t="shared" si="159"/>
        <v>0</v>
      </c>
      <c r="AH354" s="12">
        <f>AC354/SUM(AC$2:AG$366)*Input!$J$5</f>
        <v>383.9913082258235</v>
      </c>
      <c r="AI354" s="12">
        <f>AD354/SUM(AC$2:AG$366)*Input!$J$5</f>
        <v>370.25905580490297</v>
      </c>
      <c r="AJ354" s="12">
        <f>AE354/SUM(AC$2:AG$366)*Input!$J$5</f>
        <v>0</v>
      </c>
      <c r="AK354" s="12">
        <f>AF354/SUM(AC$2:AG$366)*Input!$J$5</f>
        <v>258.42531619959709</v>
      </c>
      <c r="AL354" s="12">
        <f>AG354/SUM(AC$2:AG$366)*Input!$J$5</f>
        <v>0</v>
      </c>
      <c r="AM354" s="12">
        <f t="shared" si="160"/>
        <v>124.04415177580654</v>
      </c>
      <c r="AN354" s="12">
        <f t="shared" si="161"/>
        <v>827.19291913838526</v>
      </c>
      <c r="AO354" s="12">
        <f t="shared" si="162"/>
        <v>40.959072877421178</v>
      </c>
      <c r="AP354" s="12">
        <f t="shared" si="163"/>
        <v>20.479536438710589</v>
      </c>
      <c r="AQ354" s="12">
        <f t="shared" si="164"/>
        <v>0</v>
      </c>
      <c r="AR354" s="11">
        <f t="shared" si="165"/>
        <v>1012.6756802303236</v>
      </c>
    </row>
    <row r="355" spans="16:44" x14ac:dyDescent="0.25">
      <c r="P355" s="10">
        <f t="shared" si="166"/>
        <v>45280</v>
      </c>
      <c r="Q355" s="28">
        <v>4.5999999999999996</v>
      </c>
      <c r="R355" s="28">
        <f t="shared" si="152"/>
        <v>3</v>
      </c>
      <c r="S355" s="12">
        <f t="shared" si="144"/>
        <v>1.0609861866589789</v>
      </c>
      <c r="T355" s="12">
        <f t="shared" si="145"/>
        <v>1.4695351264848711</v>
      </c>
      <c r="U355" s="12">
        <f t="shared" si="146"/>
        <v>1.771938814155029</v>
      </c>
      <c r="V355" s="12">
        <f t="shared" si="147"/>
        <v>2.5404025087253199</v>
      </c>
      <c r="W355" s="12">
        <f t="shared" si="153"/>
        <v>0</v>
      </c>
      <c r="X355" s="12">
        <f t="shared" si="148"/>
        <v>-7.0953309908476907E-3</v>
      </c>
      <c r="Y355" s="12">
        <f t="shared" si="149"/>
        <v>-5.875924024232846E-2</v>
      </c>
      <c r="Z355" s="12">
        <f t="shared" si="150"/>
        <v>-9.5984753200240996E-2</v>
      </c>
      <c r="AA355" s="12">
        <f t="shared" si="151"/>
        <v>-0.17801624965770491</v>
      </c>
      <c r="AB355" s="12">
        <f t="shared" si="154"/>
        <v>0</v>
      </c>
      <c r="AC355" s="12">
        <f t="shared" si="155"/>
        <v>0.38563037403790484</v>
      </c>
      <c r="AD355" s="12">
        <f t="shared" si="156"/>
        <v>0.44971598301381005</v>
      </c>
      <c r="AE355" s="12">
        <f t="shared" si="157"/>
        <v>0</v>
      </c>
      <c r="AF355" s="12">
        <f t="shared" si="158"/>
        <v>0.43038194007496933</v>
      </c>
      <c r="AG355" s="12">
        <f t="shared" si="159"/>
        <v>0</v>
      </c>
      <c r="AH355" s="12">
        <f>AC355/SUM(AC$2:AG$366)*Input!$J$5</f>
        <v>394.88985678735077</v>
      </c>
      <c r="AI355" s="12">
        <f>AD355/SUM(AC$2:AG$366)*Input!$J$5</f>
        <v>460.5142439061359</v>
      </c>
      <c r="AJ355" s="12">
        <f>AE355/SUM(AC$2:AG$366)*Input!$J$5</f>
        <v>0</v>
      </c>
      <c r="AK355" s="12">
        <f>AF355/SUM(AC$2:AG$366)*Input!$J$5</f>
        <v>440.71596565513681</v>
      </c>
      <c r="AL355" s="12">
        <f>AG355/SUM(AC$2:AG$366)*Input!$J$5</f>
        <v>0</v>
      </c>
      <c r="AM355" s="12">
        <f t="shared" si="160"/>
        <v>211.54366351446558</v>
      </c>
      <c r="AN355" s="12">
        <f t="shared" si="161"/>
        <v>1021.3940257481818</v>
      </c>
      <c r="AO355" s="12">
        <f t="shared" si="162"/>
        <v>42.121584723984085</v>
      </c>
      <c r="AP355" s="12">
        <f t="shared" si="163"/>
        <v>21.060792361992043</v>
      </c>
      <c r="AQ355" s="12">
        <f t="shared" si="164"/>
        <v>0</v>
      </c>
      <c r="AR355" s="11">
        <f t="shared" si="165"/>
        <v>1296.1200663486236</v>
      </c>
    </row>
    <row r="356" spans="16:44" x14ac:dyDescent="0.25">
      <c r="P356" s="10">
        <f t="shared" si="166"/>
        <v>45281</v>
      </c>
      <c r="Q356" s="28">
        <v>8.6999999999999993</v>
      </c>
      <c r="R356" s="28">
        <f t="shared" si="152"/>
        <v>4</v>
      </c>
      <c r="S356" s="12">
        <f t="shared" si="144"/>
        <v>1.0609861866589789</v>
      </c>
      <c r="T356" s="12">
        <f t="shared" si="145"/>
        <v>1.4695351264848711</v>
      </c>
      <c r="U356" s="12">
        <f t="shared" si="146"/>
        <v>1.771938814155029</v>
      </c>
      <c r="V356" s="12">
        <f t="shared" si="147"/>
        <v>2.5404025087253199</v>
      </c>
      <c r="W356" s="12">
        <f t="shared" si="153"/>
        <v>0</v>
      </c>
      <c r="X356" s="12">
        <f t="shared" si="148"/>
        <v>-7.0953309908476907E-3</v>
      </c>
      <c r="Y356" s="12">
        <f t="shared" si="149"/>
        <v>-5.875924024232846E-2</v>
      </c>
      <c r="Z356" s="12">
        <f t="shared" si="150"/>
        <v>-9.5984753200240996E-2</v>
      </c>
      <c r="AA356" s="12">
        <f t="shared" si="151"/>
        <v>-0.17801624965770491</v>
      </c>
      <c r="AB356" s="12">
        <f t="shared" si="154"/>
        <v>0</v>
      </c>
      <c r="AC356" s="12">
        <f t="shared" si="155"/>
        <v>0.37472130263947651</v>
      </c>
      <c r="AD356" s="12">
        <f t="shared" si="156"/>
        <v>0.35937365114123004</v>
      </c>
      <c r="AE356" s="12">
        <f t="shared" si="157"/>
        <v>0</v>
      </c>
      <c r="AF356" s="12">
        <f t="shared" si="158"/>
        <v>0.24791528417582182</v>
      </c>
      <c r="AG356" s="12">
        <f t="shared" si="159"/>
        <v>0</v>
      </c>
      <c r="AH356" s="12">
        <f>AC356/SUM(AC$2:AG$366)*Input!$J$5</f>
        <v>383.71884451178533</v>
      </c>
      <c r="AI356" s="12">
        <f>AD356/SUM(AC$2:AG$366)*Input!$J$5</f>
        <v>368.00267610237211</v>
      </c>
      <c r="AJ356" s="12">
        <f>AE356/SUM(AC$2:AG$366)*Input!$J$5</f>
        <v>0</v>
      </c>
      <c r="AK356" s="12">
        <f>AF356/SUM(AC$2:AG$366)*Input!$J$5</f>
        <v>253.86804996320859</v>
      </c>
      <c r="AL356" s="12">
        <f>AG356/SUM(AC$2:AG$366)*Input!$J$5</f>
        <v>0</v>
      </c>
      <c r="AM356" s="12">
        <f t="shared" si="160"/>
        <v>121.85666398234007</v>
      </c>
      <c r="AN356" s="12">
        <f t="shared" si="161"/>
        <v>822.3378914731403</v>
      </c>
      <c r="AO356" s="12">
        <f t="shared" si="162"/>
        <v>40.930010081257102</v>
      </c>
      <c r="AP356" s="12">
        <f t="shared" si="163"/>
        <v>20.465005040628551</v>
      </c>
      <c r="AQ356" s="12">
        <f t="shared" si="164"/>
        <v>0</v>
      </c>
      <c r="AR356" s="11">
        <f t="shared" si="165"/>
        <v>1005.589570577366</v>
      </c>
    </row>
    <row r="357" spans="16:44" x14ac:dyDescent="0.25">
      <c r="P357" s="10">
        <f t="shared" si="166"/>
        <v>45282</v>
      </c>
      <c r="Q357" s="28">
        <v>8.6999999999999993</v>
      </c>
      <c r="R357" s="28">
        <f t="shared" si="152"/>
        <v>5</v>
      </c>
      <c r="S357" s="12">
        <f t="shared" si="144"/>
        <v>1.0609861866589789</v>
      </c>
      <c r="T357" s="12">
        <f t="shared" si="145"/>
        <v>1.4695351264848711</v>
      </c>
      <c r="U357" s="12">
        <f t="shared" si="146"/>
        <v>1.771938814155029</v>
      </c>
      <c r="V357" s="12">
        <f t="shared" si="147"/>
        <v>2.5404025087253199</v>
      </c>
      <c r="W357" s="12">
        <f t="shared" si="153"/>
        <v>0</v>
      </c>
      <c r="X357" s="12">
        <f t="shared" si="148"/>
        <v>-7.0953309908476907E-3</v>
      </c>
      <c r="Y357" s="12">
        <f t="shared" si="149"/>
        <v>-5.875924024232846E-2</v>
      </c>
      <c r="Z357" s="12">
        <f t="shared" si="150"/>
        <v>-9.5984753200240996E-2</v>
      </c>
      <c r="AA357" s="12">
        <f t="shared" si="151"/>
        <v>-0.17801624965770491</v>
      </c>
      <c r="AB357" s="12">
        <f t="shared" si="154"/>
        <v>0</v>
      </c>
      <c r="AC357" s="12">
        <f t="shared" si="155"/>
        <v>0.37472130263947651</v>
      </c>
      <c r="AD357" s="12">
        <f t="shared" si="156"/>
        <v>0.35937365114123004</v>
      </c>
      <c r="AE357" s="12">
        <f t="shared" si="157"/>
        <v>0</v>
      </c>
      <c r="AF357" s="12">
        <f t="shared" si="158"/>
        <v>0.24791528417582182</v>
      </c>
      <c r="AG357" s="12">
        <f t="shared" si="159"/>
        <v>0</v>
      </c>
      <c r="AH357" s="12">
        <f>AC357/SUM(AC$2:AG$366)*Input!$J$5</f>
        <v>383.71884451178533</v>
      </c>
      <c r="AI357" s="12">
        <f>AD357/SUM(AC$2:AG$366)*Input!$J$5</f>
        <v>368.00267610237211</v>
      </c>
      <c r="AJ357" s="12">
        <f>AE357/SUM(AC$2:AG$366)*Input!$J$5</f>
        <v>0</v>
      </c>
      <c r="AK357" s="12">
        <f>AF357/SUM(AC$2:AG$366)*Input!$J$5</f>
        <v>253.86804996320859</v>
      </c>
      <c r="AL357" s="12">
        <f>AG357/SUM(AC$2:AG$366)*Input!$J$5</f>
        <v>0</v>
      </c>
      <c r="AM357" s="12">
        <f t="shared" si="160"/>
        <v>121.85666398234007</v>
      </c>
      <c r="AN357" s="12">
        <f t="shared" si="161"/>
        <v>822.3378914731403</v>
      </c>
      <c r="AO357" s="12">
        <f t="shared" si="162"/>
        <v>40.930010081257102</v>
      </c>
      <c r="AP357" s="12">
        <f t="shared" si="163"/>
        <v>20.465005040628551</v>
      </c>
      <c r="AQ357" s="12">
        <f t="shared" si="164"/>
        <v>0</v>
      </c>
      <c r="AR357" s="11">
        <f t="shared" si="165"/>
        <v>1005.589570577366</v>
      </c>
    </row>
    <row r="358" spans="16:44" x14ac:dyDescent="0.25">
      <c r="P358" s="10">
        <f t="shared" si="166"/>
        <v>45283</v>
      </c>
      <c r="Q358" s="28">
        <v>5.0999999999999996</v>
      </c>
      <c r="R358" s="28">
        <f t="shared" si="152"/>
        <v>6</v>
      </c>
      <c r="S358" s="12">
        <f t="shared" si="144"/>
        <v>0.88136675487947747</v>
      </c>
      <c r="T358" s="12">
        <f t="shared" si="145"/>
        <v>0.40529111994771311</v>
      </c>
      <c r="U358" s="12">
        <f t="shared" si="146"/>
        <v>1.4791569663107089</v>
      </c>
      <c r="V358" s="12">
        <f t="shared" si="147"/>
        <v>1.31124751273035</v>
      </c>
      <c r="W358" s="12">
        <f t="shared" si="153"/>
        <v>1.9424956480203619</v>
      </c>
      <c r="X358" s="12">
        <f t="shared" si="148"/>
        <v>-1.236743869637378E-2</v>
      </c>
      <c r="Y358" s="12">
        <f t="shared" si="149"/>
        <v>-1.3226323007097701E-2</v>
      </c>
      <c r="Z358" s="12">
        <f t="shared" si="150"/>
        <v>-6.6119920832722404E-2</v>
      </c>
      <c r="AA358" s="12">
        <f t="shared" si="151"/>
        <v>-7.5310765362349638E-2</v>
      </c>
      <c r="AB358" s="12">
        <f t="shared" si="154"/>
        <v>-0.1200596025795522</v>
      </c>
      <c r="AC358" s="12">
        <f t="shared" si="155"/>
        <v>0</v>
      </c>
      <c r="AD358" s="12">
        <f t="shared" si="156"/>
        <v>0.11824290541403019</v>
      </c>
      <c r="AE358" s="12">
        <f t="shared" si="157"/>
        <v>9.9920219880584651E-2</v>
      </c>
      <c r="AF358" s="12">
        <f t="shared" si="158"/>
        <v>0.16225345664191418</v>
      </c>
      <c r="AG358" s="12">
        <f t="shared" si="159"/>
        <v>0.11639177155065648</v>
      </c>
      <c r="AH358" s="12">
        <f>AC358/SUM(AC$2:AG$366)*Input!$J$5</f>
        <v>0</v>
      </c>
      <c r="AI358" s="12">
        <f>AD358/SUM(AC$2:AG$366)*Input!$J$5</f>
        <v>121.08207010809022</v>
      </c>
      <c r="AJ358" s="12">
        <f>AE358/SUM(AC$2:AG$366)*Input!$J$5</f>
        <v>102.3194332584556</v>
      </c>
      <c r="AK358" s="12">
        <f>AF358/SUM(AC$2:AG$366)*Input!$J$5</f>
        <v>166.14937144520741</v>
      </c>
      <c r="AL358" s="12">
        <f>AG358/SUM(AC$2:AG$366)*Input!$J$5</f>
        <v>119.18648813266728</v>
      </c>
      <c r="AM358" s="12">
        <f t="shared" si="160"/>
        <v>114.41902860736064</v>
      </c>
      <c r="AN358" s="12">
        <f t="shared" si="161"/>
        <v>379.788485924089</v>
      </c>
      <c r="AO358" s="12">
        <f t="shared" si="162"/>
        <v>9.6865656086472178</v>
      </c>
      <c r="AP358" s="12">
        <f t="shared" si="163"/>
        <v>4.8432828043236089</v>
      </c>
      <c r="AQ358" s="12">
        <f t="shared" si="164"/>
        <v>0</v>
      </c>
      <c r="AR358" s="11">
        <f t="shared" si="165"/>
        <v>508.73736294442051</v>
      </c>
    </row>
    <row r="359" spans="16:44" x14ac:dyDescent="0.25">
      <c r="P359" s="10">
        <f t="shared" si="166"/>
        <v>45284</v>
      </c>
      <c r="Q359" s="28">
        <v>7.5</v>
      </c>
      <c r="R359" s="28">
        <f t="shared" si="152"/>
        <v>7</v>
      </c>
      <c r="S359" s="12">
        <f t="shared" si="144"/>
        <v>0.88136675487947747</v>
      </c>
      <c r="T359" s="12">
        <f t="shared" si="145"/>
        <v>0.40529111994771311</v>
      </c>
      <c r="U359" s="12">
        <f t="shared" si="146"/>
        <v>1.4791569663107089</v>
      </c>
      <c r="V359" s="12">
        <f t="shared" si="147"/>
        <v>1.31124751273035</v>
      </c>
      <c r="W359" s="12">
        <f t="shared" si="153"/>
        <v>1.9424956480203619</v>
      </c>
      <c r="X359" s="12">
        <f t="shared" si="148"/>
        <v>-1.236743869637378E-2</v>
      </c>
      <c r="Y359" s="12">
        <f t="shared" si="149"/>
        <v>-1.3226323007097701E-2</v>
      </c>
      <c r="Z359" s="12">
        <f t="shared" si="150"/>
        <v>-6.6119920832722404E-2</v>
      </c>
      <c r="AA359" s="12">
        <f t="shared" si="151"/>
        <v>-7.5310765362349638E-2</v>
      </c>
      <c r="AB359" s="12">
        <f t="shared" si="154"/>
        <v>-0.1200596025795522</v>
      </c>
      <c r="AC359" s="12">
        <f t="shared" si="155"/>
        <v>0</v>
      </c>
      <c r="AD359" s="12">
        <f t="shared" si="156"/>
        <v>0.10713279408806811</v>
      </c>
      <c r="AE359" s="12">
        <f t="shared" si="157"/>
        <v>8.6035036505712939E-2</v>
      </c>
      <c r="AF359" s="12">
        <f t="shared" si="158"/>
        <v>0.13062293518972734</v>
      </c>
      <c r="AG359" s="12">
        <f t="shared" si="159"/>
        <v>9.1179255008950535E-2</v>
      </c>
      <c r="AH359" s="12">
        <f>AC359/SUM(AC$2:AG$366)*Input!$J$5</f>
        <v>0</v>
      </c>
      <c r="AI359" s="12">
        <f>AD359/SUM(AC$2:AG$366)*Input!$J$5</f>
        <v>109.70519067698646</v>
      </c>
      <c r="AJ359" s="12">
        <f>AE359/SUM(AC$2:AG$366)*Input!$J$5</f>
        <v>88.100848718664551</v>
      </c>
      <c r="AK359" s="12">
        <f>AF359/SUM(AC$2:AG$366)*Input!$J$5</f>
        <v>133.75936036912049</v>
      </c>
      <c r="AL359" s="12">
        <f>AG359/SUM(AC$2:AG$366)*Input!$J$5</f>
        <v>93.368586544281627</v>
      </c>
      <c r="AM359" s="12">
        <f t="shared" si="160"/>
        <v>89.63384308251041</v>
      </c>
      <c r="AN359" s="12">
        <f t="shared" si="161"/>
        <v>322.13552034530431</v>
      </c>
      <c r="AO359" s="12">
        <f t="shared" si="162"/>
        <v>8.776415254158918</v>
      </c>
      <c r="AP359" s="12">
        <f t="shared" si="163"/>
        <v>4.388207627079459</v>
      </c>
      <c r="AQ359" s="12">
        <f t="shared" si="164"/>
        <v>0</v>
      </c>
      <c r="AR359" s="11">
        <f t="shared" si="165"/>
        <v>424.93398630905307</v>
      </c>
    </row>
    <row r="360" spans="16:44" x14ac:dyDescent="0.25">
      <c r="P360" s="10">
        <f t="shared" si="166"/>
        <v>45285</v>
      </c>
      <c r="Q360" s="28">
        <v>12.9</v>
      </c>
      <c r="R360" s="28">
        <f t="shared" si="152"/>
        <v>1</v>
      </c>
      <c r="S360" s="12">
        <f t="shared" si="144"/>
        <v>1.0609861866589789</v>
      </c>
      <c r="T360" s="12">
        <f t="shared" si="145"/>
        <v>1.4695351264848711</v>
      </c>
      <c r="U360" s="12">
        <f t="shared" si="146"/>
        <v>1.771938814155029</v>
      </c>
      <c r="V360" s="12">
        <f t="shared" si="147"/>
        <v>0.52104102880341097</v>
      </c>
      <c r="W360" s="12">
        <f t="shared" si="153"/>
        <v>0</v>
      </c>
      <c r="X360" s="12">
        <f t="shared" si="148"/>
        <v>-7.0953309908476907E-3</v>
      </c>
      <c r="Y360" s="12">
        <f t="shared" si="149"/>
        <v>-5.875924024232846E-2</v>
      </c>
      <c r="Z360" s="12">
        <f t="shared" si="150"/>
        <v>-9.5984753200240996E-2</v>
      </c>
      <c r="AA360" s="12">
        <f t="shared" si="151"/>
        <v>-2.1476600051355411E-2</v>
      </c>
      <c r="AB360" s="12">
        <f t="shared" si="154"/>
        <v>0</v>
      </c>
      <c r="AC360" s="12">
        <f t="shared" si="155"/>
        <v>0.36354615632889142</v>
      </c>
      <c r="AD360" s="12">
        <f t="shared" si="156"/>
        <v>0.2668278477595627</v>
      </c>
      <c r="AE360" s="12">
        <f t="shared" si="157"/>
        <v>0</v>
      </c>
      <c r="AF360" s="12">
        <f t="shared" si="158"/>
        <v>6.0998222035231531E-2</v>
      </c>
      <c r="AG360" s="12">
        <f t="shared" si="159"/>
        <v>0</v>
      </c>
      <c r="AH360" s="12">
        <f>AC360/SUM(AC$2:AG$366)*Input!$J$5</f>
        <v>372.27536852218162</v>
      </c>
      <c r="AI360" s="12">
        <f>AD360/SUM(AC$2:AG$366)*Input!$J$5</f>
        <v>273.23472859607745</v>
      </c>
      <c r="AJ360" s="12">
        <f>AE360/SUM(AC$2:AG$366)*Input!$J$5</f>
        <v>0</v>
      </c>
      <c r="AK360" s="12">
        <f>AF360/SUM(AC$2:AG$366)*Input!$J$5</f>
        <v>62.46286803489177</v>
      </c>
      <c r="AL360" s="12">
        <f>AG360/SUM(AC$2:AG$366)*Input!$J$5</f>
        <v>0</v>
      </c>
      <c r="AM360" s="12">
        <f t="shared" si="160"/>
        <v>29.982176656748035</v>
      </c>
      <c r="AN360" s="12">
        <f t="shared" si="161"/>
        <v>618.42672953285376</v>
      </c>
      <c r="AO360" s="12">
        <f t="shared" si="162"/>
        <v>39.709372642366041</v>
      </c>
      <c r="AP360" s="12">
        <f t="shared" si="163"/>
        <v>19.854686321183021</v>
      </c>
      <c r="AQ360" s="12">
        <f t="shared" si="164"/>
        <v>0</v>
      </c>
      <c r="AR360" s="11">
        <f t="shared" si="165"/>
        <v>707.97296515315088</v>
      </c>
    </row>
    <row r="361" spans="16:44" x14ac:dyDescent="0.25">
      <c r="P361" s="10">
        <f t="shared" si="166"/>
        <v>45286</v>
      </c>
      <c r="Q361" s="28">
        <v>12.2</v>
      </c>
      <c r="R361" s="28">
        <f t="shared" si="152"/>
        <v>2</v>
      </c>
      <c r="S361" s="12">
        <f t="shared" si="144"/>
        <v>1.0609861866589789</v>
      </c>
      <c r="T361" s="12">
        <f t="shared" si="145"/>
        <v>1.4695351264848711</v>
      </c>
      <c r="U361" s="12">
        <f t="shared" si="146"/>
        <v>1.771938814155029</v>
      </c>
      <c r="V361" s="12">
        <f t="shared" si="147"/>
        <v>2.5404025087253199</v>
      </c>
      <c r="W361" s="12">
        <f t="shared" si="153"/>
        <v>0</v>
      </c>
      <c r="X361" s="12">
        <f t="shared" si="148"/>
        <v>-7.0953309908476907E-3</v>
      </c>
      <c r="Y361" s="12">
        <f t="shared" si="149"/>
        <v>-5.875924024232846E-2</v>
      </c>
      <c r="Z361" s="12">
        <f t="shared" si="150"/>
        <v>-9.5984753200240996E-2</v>
      </c>
      <c r="AA361" s="12">
        <f t="shared" si="151"/>
        <v>-0.17801624965770491</v>
      </c>
      <c r="AB361" s="12">
        <f t="shared" si="154"/>
        <v>0</v>
      </c>
      <c r="AC361" s="12">
        <f t="shared" si="155"/>
        <v>0.36540868071398891</v>
      </c>
      <c r="AD361" s="12">
        <f t="shared" si="156"/>
        <v>0.28225214832317397</v>
      </c>
      <c r="AE361" s="12">
        <f t="shared" si="157"/>
        <v>0</v>
      </c>
      <c r="AF361" s="12">
        <f t="shared" si="158"/>
        <v>9.215106572533005E-2</v>
      </c>
      <c r="AG361" s="12">
        <f t="shared" si="159"/>
        <v>0</v>
      </c>
      <c r="AH361" s="12">
        <f>AC361/SUM(AC$2:AG$366)*Input!$J$5</f>
        <v>374.18261452044891</v>
      </c>
      <c r="AI361" s="12">
        <f>AD361/SUM(AC$2:AG$366)*Input!$J$5</f>
        <v>289.02938651379327</v>
      </c>
      <c r="AJ361" s="12">
        <f>AE361/SUM(AC$2:AG$366)*Input!$J$5</f>
        <v>0</v>
      </c>
      <c r="AK361" s="12">
        <f>AF361/SUM(AC$2:AG$366)*Input!$J$5</f>
        <v>94.363731689611399</v>
      </c>
      <c r="AL361" s="12">
        <f>AG361/SUM(AC$2:AG$366)*Input!$J$5</f>
        <v>0</v>
      </c>
      <c r="AM361" s="12">
        <f t="shared" si="160"/>
        <v>45.294591211013447</v>
      </c>
      <c r="AN361" s="12">
        <f t="shared" si="161"/>
        <v>652.41192318956837</v>
      </c>
      <c r="AO361" s="12">
        <f t="shared" si="162"/>
        <v>39.912812215514556</v>
      </c>
      <c r="AP361" s="12">
        <f t="shared" si="163"/>
        <v>19.956406107757278</v>
      </c>
      <c r="AQ361" s="12">
        <f t="shared" si="164"/>
        <v>0</v>
      </c>
      <c r="AR361" s="11">
        <f t="shared" si="165"/>
        <v>757.57573272385366</v>
      </c>
    </row>
    <row r="362" spans="16:44" x14ac:dyDescent="0.25">
      <c r="P362" s="10">
        <f t="shared" si="166"/>
        <v>45287</v>
      </c>
      <c r="Q362" s="28">
        <v>9.5</v>
      </c>
      <c r="R362" s="28">
        <f t="shared" si="152"/>
        <v>3</v>
      </c>
      <c r="S362" s="12">
        <f t="shared" si="144"/>
        <v>1.0609861866589789</v>
      </c>
      <c r="T362" s="12">
        <f t="shared" si="145"/>
        <v>1.4695351264848711</v>
      </c>
      <c r="U362" s="12">
        <f t="shared" si="146"/>
        <v>1.771938814155029</v>
      </c>
      <c r="V362" s="12">
        <f t="shared" si="147"/>
        <v>2.5404025087253199</v>
      </c>
      <c r="W362" s="12">
        <f t="shared" si="153"/>
        <v>0</v>
      </c>
      <c r="X362" s="12">
        <f t="shared" si="148"/>
        <v>-7.0953309908476907E-3</v>
      </c>
      <c r="Y362" s="12">
        <f t="shared" si="149"/>
        <v>-5.875924024232846E-2</v>
      </c>
      <c r="Z362" s="12">
        <f t="shared" si="150"/>
        <v>-9.5984753200240996E-2</v>
      </c>
      <c r="AA362" s="12">
        <f t="shared" si="151"/>
        <v>-0.17801624965770491</v>
      </c>
      <c r="AB362" s="12">
        <f t="shared" si="154"/>
        <v>0</v>
      </c>
      <c r="AC362" s="12">
        <f t="shared" si="155"/>
        <v>0.37259270334222216</v>
      </c>
      <c r="AD362" s="12">
        <f t="shared" si="156"/>
        <v>0.34174587906853149</v>
      </c>
      <c r="AE362" s="12">
        <f t="shared" si="157"/>
        <v>0</v>
      </c>
      <c r="AF362" s="12">
        <f t="shared" si="158"/>
        <v>0.2123120342442808</v>
      </c>
      <c r="AG362" s="12">
        <f t="shared" si="159"/>
        <v>0</v>
      </c>
      <c r="AH362" s="12">
        <f>AC362/SUM(AC$2:AG$366)*Input!$J$5</f>
        <v>381.53913479947983</v>
      </c>
      <c r="AI362" s="12">
        <f>AD362/SUM(AC$2:AG$366)*Input!$J$5</f>
        <v>349.95163848212547</v>
      </c>
      <c r="AJ362" s="12">
        <f>AE362/SUM(AC$2:AG$366)*Input!$J$5</f>
        <v>0</v>
      </c>
      <c r="AK362" s="12">
        <f>AF362/SUM(AC$2:AG$366)*Input!$J$5</f>
        <v>217.40992007210065</v>
      </c>
      <c r="AL362" s="12">
        <f>AG362/SUM(AC$2:AG$366)*Input!$J$5</f>
        <v>0</v>
      </c>
      <c r="AM362" s="12">
        <f t="shared" si="160"/>
        <v>104.35676163460826</v>
      </c>
      <c r="AN362" s="12">
        <f t="shared" si="161"/>
        <v>783.49767015118096</v>
      </c>
      <c r="AO362" s="12">
        <f t="shared" si="162"/>
        <v>40.697507711944517</v>
      </c>
      <c r="AP362" s="12">
        <f t="shared" si="163"/>
        <v>20.348753855972259</v>
      </c>
      <c r="AQ362" s="12">
        <f t="shared" si="164"/>
        <v>0</v>
      </c>
      <c r="AR362" s="11">
        <f t="shared" si="165"/>
        <v>948.90069335370595</v>
      </c>
    </row>
    <row r="363" spans="16:44" x14ac:dyDescent="0.25">
      <c r="P363" s="10">
        <f t="shared" si="166"/>
        <v>45288</v>
      </c>
      <c r="Q363" s="28">
        <v>5.5</v>
      </c>
      <c r="R363" s="28">
        <f t="shared" si="152"/>
        <v>4</v>
      </c>
      <c r="S363" s="12">
        <f t="shared" si="144"/>
        <v>1.0609861866589789</v>
      </c>
      <c r="T363" s="12">
        <f t="shared" si="145"/>
        <v>1.4695351264848711</v>
      </c>
      <c r="U363" s="12">
        <f t="shared" si="146"/>
        <v>1.771938814155029</v>
      </c>
      <c r="V363" s="12">
        <f t="shared" si="147"/>
        <v>2.5404025087253199</v>
      </c>
      <c r="W363" s="12">
        <f t="shared" si="153"/>
        <v>0</v>
      </c>
      <c r="X363" s="12">
        <f t="shared" si="148"/>
        <v>-7.0953309908476907E-3</v>
      </c>
      <c r="Y363" s="12">
        <f t="shared" si="149"/>
        <v>-5.875924024232846E-2</v>
      </c>
      <c r="Z363" s="12">
        <f t="shared" si="150"/>
        <v>-9.5984753200240996E-2</v>
      </c>
      <c r="AA363" s="12">
        <f t="shared" si="151"/>
        <v>-0.17801624965770491</v>
      </c>
      <c r="AB363" s="12">
        <f t="shared" si="154"/>
        <v>0</v>
      </c>
      <c r="AC363" s="12">
        <f t="shared" si="155"/>
        <v>0.3832356998284937</v>
      </c>
      <c r="AD363" s="12">
        <f t="shared" si="156"/>
        <v>0.42988473943202415</v>
      </c>
      <c r="AE363" s="12">
        <f t="shared" si="157"/>
        <v>0</v>
      </c>
      <c r="AF363" s="12">
        <f t="shared" si="158"/>
        <v>0.39032828390198571</v>
      </c>
      <c r="AG363" s="12">
        <f t="shared" si="159"/>
        <v>0</v>
      </c>
      <c r="AH363" s="12">
        <f>AC363/SUM(AC$2:AG$366)*Input!$J$5</f>
        <v>392.43768336100715</v>
      </c>
      <c r="AI363" s="12">
        <f>AD363/SUM(AC$2:AG$366)*Input!$J$5</f>
        <v>440.20682658335846</v>
      </c>
      <c r="AJ363" s="12">
        <f>AE363/SUM(AC$2:AG$366)*Input!$J$5</f>
        <v>0</v>
      </c>
      <c r="AK363" s="12">
        <f>AF363/SUM(AC$2:AG$366)*Input!$J$5</f>
        <v>399.70056952764037</v>
      </c>
      <c r="AL363" s="12">
        <f>AG363/SUM(AC$2:AG$366)*Input!$J$5</f>
        <v>0</v>
      </c>
      <c r="AM363" s="12">
        <f t="shared" si="160"/>
        <v>191.85627337326727</v>
      </c>
      <c r="AN363" s="12">
        <f t="shared" si="161"/>
        <v>977.69877676097758</v>
      </c>
      <c r="AO363" s="12">
        <f t="shared" si="162"/>
        <v>41.860019558507432</v>
      </c>
      <c r="AP363" s="12">
        <f t="shared" si="163"/>
        <v>20.930009779253716</v>
      </c>
      <c r="AQ363" s="12">
        <f t="shared" si="164"/>
        <v>0</v>
      </c>
      <c r="AR363" s="11">
        <f t="shared" si="165"/>
        <v>1232.3450794720059</v>
      </c>
    </row>
    <row r="364" spans="16:44" x14ac:dyDescent="0.25">
      <c r="P364" s="10">
        <f t="shared" si="166"/>
        <v>45289</v>
      </c>
      <c r="Q364" s="28">
        <v>9.4</v>
      </c>
      <c r="R364" s="28">
        <f t="shared" si="152"/>
        <v>5</v>
      </c>
      <c r="S364" s="12">
        <f t="shared" si="144"/>
        <v>1.0609861866589789</v>
      </c>
      <c r="T364" s="12">
        <f t="shared" si="145"/>
        <v>1.4695351264848711</v>
      </c>
      <c r="U364" s="12">
        <f t="shared" si="146"/>
        <v>1.771938814155029</v>
      </c>
      <c r="V364" s="12">
        <f t="shared" si="147"/>
        <v>2.5404025087253199</v>
      </c>
      <c r="W364" s="12">
        <f t="shared" si="153"/>
        <v>0</v>
      </c>
      <c r="X364" s="12">
        <f t="shared" si="148"/>
        <v>-7.0953309908476907E-3</v>
      </c>
      <c r="Y364" s="12">
        <f t="shared" si="149"/>
        <v>-5.875924024232846E-2</v>
      </c>
      <c r="Z364" s="12">
        <f t="shared" si="150"/>
        <v>-9.5984753200240996E-2</v>
      </c>
      <c r="AA364" s="12">
        <f t="shared" si="151"/>
        <v>-0.17801624965770491</v>
      </c>
      <c r="AB364" s="12">
        <f t="shared" si="154"/>
        <v>0</v>
      </c>
      <c r="AC364" s="12">
        <f t="shared" si="155"/>
        <v>0.37285877825437896</v>
      </c>
      <c r="AD364" s="12">
        <f t="shared" si="156"/>
        <v>0.34394935057761877</v>
      </c>
      <c r="AE364" s="12">
        <f t="shared" si="157"/>
        <v>0</v>
      </c>
      <c r="AF364" s="12">
        <f t="shared" si="158"/>
        <v>0.21676244048572346</v>
      </c>
      <c r="AG364" s="12">
        <f t="shared" si="159"/>
        <v>0</v>
      </c>
      <c r="AH364" s="12">
        <f>AC364/SUM(AC$2:AG$366)*Input!$J$5</f>
        <v>381.81159851351799</v>
      </c>
      <c r="AI364" s="12">
        <f>AD364/SUM(AC$2:AG$366)*Input!$J$5</f>
        <v>352.20801818465628</v>
      </c>
      <c r="AJ364" s="12">
        <f>AE364/SUM(AC$2:AG$366)*Input!$J$5</f>
        <v>0</v>
      </c>
      <c r="AK364" s="12">
        <f>AF364/SUM(AC$2:AG$366)*Input!$J$5</f>
        <v>221.96718630848918</v>
      </c>
      <c r="AL364" s="12">
        <f>AG364/SUM(AC$2:AG$366)*Input!$J$5</f>
        <v>0</v>
      </c>
      <c r="AM364" s="12">
        <f t="shared" si="160"/>
        <v>106.54424942807475</v>
      </c>
      <c r="AN364" s="12">
        <f t="shared" si="161"/>
        <v>788.35269781642592</v>
      </c>
      <c r="AO364" s="12">
        <f t="shared" si="162"/>
        <v>40.726570508108587</v>
      </c>
      <c r="AP364" s="12">
        <f t="shared" si="163"/>
        <v>20.363285254054293</v>
      </c>
      <c r="AQ364" s="12">
        <f t="shared" si="164"/>
        <v>0</v>
      </c>
      <c r="AR364" s="11">
        <f t="shared" si="165"/>
        <v>955.98680300666354</v>
      </c>
    </row>
    <row r="365" spans="16:44" x14ac:dyDescent="0.25">
      <c r="P365" s="10">
        <f t="shared" si="166"/>
        <v>45290</v>
      </c>
      <c r="Q365" s="28">
        <v>9.5</v>
      </c>
      <c r="R365" s="28">
        <f t="shared" si="152"/>
        <v>6</v>
      </c>
      <c r="S365" s="12">
        <f t="shared" si="144"/>
        <v>0.88136675487947747</v>
      </c>
      <c r="T365" s="12">
        <f t="shared" si="145"/>
        <v>0.40529111994771311</v>
      </c>
      <c r="U365" s="12">
        <f t="shared" si="146"/>
        <v>1.4791569663107089</v>
      </c>
      <c r="V365" s="12">
        <f t="shared" si="147"/>
        <v>1.31124751273035</v>
      </c>
      <c r="W365" s="12">
        <f t="shared" si="153"/>
        <v>1.9424956480203619</v>
      </c>
      <c r="X365" s="12">
        <f t="shared" si="148"/>
        <v>-1.236743869637378E-2</v>
      </c>
      <c r="Y365" s="12">
        <f t="shared" si="149"/>
        <v>-1.3226323007097701E-2</v>
      </c>
      <c r="Z365" s="12">
        <f t="shared" si="150"/>
        <v>-6.6119920832722404E-2</v>
      </c>
      <c r="AA365" s="12">
        <f t="shared" si="151"/>
        <v>-7.5310765362349638E-2</v>
      </c>
      <c r="AB365" s="12">
        <f t="shared" si="154"/>
        <v>-0.1200596025795522</v>
      </c>
      <c r="AC365" s="12">
        <f t="shared" si="155"/>
        <v>0</v>
      </c>
      <c r="AD365" s="12">
        <f t="shared" si="156"/>
        <v>9.787436798309973E-2</v>
      </c>
      <c r="AE365" s="12">
        <f t="shared" si="157"/>
        <v>7.4464050359986531E-2</v>
      </c>
      <c r="AF365" s="12">
        <f t="shared" si="158"/>
        <v>0.10426416731290497</v>
      </c>
      <c r="AG365" s="12">
        <f t="shared" si="159"/>
        <v>7.0168824557528889E-2</v>
      </c>
      <c r="AH365" s="12">
        <f>AC365/SUM(AC$2:AG$366)*Input!$J$5</f>
        <v>0</v>
      </c>
      <c r="AI365" s="12">
        <f>AD365/SUM(AC$2:AG$366)*Input!$J$5</f>
        <v>100.22445781773334</v>
      </c>
      <c r="AJ365" s="12">
        <f>AE365/SUM(AC$2:AG$366)*Input!$J$5</f>
        <v>76.2520282688387</v>
      </c>
      <c r="AK365" s="12">
        <f>AF365/SUM(AC$2:AG$366)*Input!$J$5</f>
        <v>106.76768447238135</v>
      </c>
      <c r="AL365" s="12">
        <f>AG365/SUM(AC$2:AG$366)*Input!$J$5</f>
        <v>71.853668553960233</v>
      </c>
      <c r="AM365" s="12">
        <f t="shared" si="160"/>
        <v>68.97952181180186</v>
      </c>
      <c r="AN365" s="12">
        <f t="shared" si="161"/>
        <v>274.09138236298372</v>
      </c>
      <c r="AO365" s="12">
        <f t="shared" si="162"/>
        <v>8.0179566254186678</v>
      </c>
      <c r="AP365" s="12">
        <f t="shared" si="163"/>
        <v>4.0089783127093339</v>
      </c>
      <c r="AQ365" s="12">
        <f t="shared" si="164"/>
        <v>0</v>
      </c>
      <c r="AR365" s="11">
        <f t="shared" si="165"/>
        <v>355.09783911291362</v>
      </c>
    </row>
    <row r="366" spans="16:44" ht="16.5" thickBot="1" x14ac:dyDescent="0.3">
      <c r="P366" s="13">
        <f t="shared" si="166"/>
        <v>45291</v>
      </c>
      <c r="Q366" s="29">
        <v>6.6</v>
      </c>
      <c r="R366" s="29">
        <f t="shared" si="152"/>
        <v>7</v>
      </c>
      <c r="S366" s="15">
        <f t="shared" si="144"/>
        <v>0.88136675487947747</v>
      </c>
      <c r="T366" s="15">
        <f t="shared" si="145"/>
        <v>0.40529111994771311</v>
      </c>
      <c r="U366" s="15">
        <f t="shared" si="146"/>
        <v>1.4791569663107089</v>
      </c>
      <c r="V366" s="15">
        <f t="shared" si="147"/>
        <v>1.31124751273035</v>
      </c>
      <c r="W366" s="15">
        <f t="shared" si="153"/>
        <v>1.9424956480203619</v>
      </c>
      <c r="X366" s="15">
        <f t="shared" si="148"/>
        <v>-1.236743869637378E-2</v>
      </c>
      <c r="Y366" s="15">
        <f t="shared" si="149"/>
        <v>-1.3226323007097701E-2</v>
      </c>
      <c r="Z366" s="15">
        <f t="shared" si="150"/>
        <v>-6.6119920832722404E-2</v>
      </c>
      <c r="AA366" s="15">
        <f t="shared" si="151"/>
        <v>-7.5310765362349638E-2</v>
      </c>
      <c r="AB366" s="15">
        <f t="shared" si="154"/>
        <v>-0.1200596025795522</v>
      </c>
      <c r="AC366" s="15">
        <f t="shared" si="155"/>
        <v>0</v>
      </c>
      <c r="AD366" s="15">
        <f t="shared" si="156"/>
        <v>0.1112990858353039</v>
      </c>
      <c r="AE366" s="15">
        <f t="shared" si="157"/>
        <v>9.1241980271289838E-2</v>
      </c>
      <c r="AF366" s="15">
        <f t="shared" si="158"/>
        <v>0.14248438073429739</v>
      </c>
      <c r="AG366" s="15">
        <f t="shared" si="159"/>
        <v>0.10063394871209028</v>
      </c>
      <c r="AH366" s="15">
        <f>AC366/SUM(AC$2:AG$366)*Input!$J$5</f>
        <v>0</v>
      </c>
      <c r="AI366" s="15">
        <f>AD366/SUM(AC$2:AG$366)*Input!$J$5</f>
        <v>113.97152046365038</v>
      </c>
      <c r="AJ366" s="15">
        <f>AE366/SUM(AC$2:AG$366)*Input!$J$5</f>
        <v>93.432817921086212</v>
      </c>
      <c r="AK366" s="15">
        <f>AF366/SUM(AC$2:AG$366)*Input!$J$5</f>
        <v>145.90561452265308</v>
      </c>
      <c r="AL366" s="15">
        <f>AG366/SUM(AC$2:AG$366)*Input!$J$5</f>
        <v>103.05029963992627</v>
      </c>
      <c r="AM366" s="15">
        <f t="shared" si="160"/>
        <v>98.928287654329267</v>
      </c>
      <c r="AN366" s="15">
        <f t="shared" si="161"/>
        <v>343.7553824373486</v>
      </c>
      <c r="AO366" s="15">
        <f t="shared" si="162"/>
        <v>9.1177216370920302</v>
      </c>
      <c r="AP366" s="15">
        <f t="shared" si="163"/>
        <v>4.5588608185460151</v>
      </c>
      <c r="AQ366" s="15">
        <f t="shared" si="164"/>
        <v>0</v>
      </c>
      <c r="AR366" s="14">
        <f t="shared" si="165"/>
        <v>456.36025254731589</v>
      </c>
    </row>
    <row r="367" spans="16:44" ht="16.5" thickBot="1" x14ac:dyDescent="0.3">
      <c r="P367" s="13">
        <f t="shared" si="166"/>
        <v>45292</v>
      </c>
      <c r="Q367" s="29"/>
      <c r="R367" s="29">
        <f t="shared" si="152"/>
        <v>1</v>
      </c>
      <c r="S367" s="15">
        <f t="shared" si="144"/>
        <v>1.085192073005006</v>
      </c>
      <c r="T367" s="15">
        <f t="shared" si="145"/>
        <v>1.4695351264848711</v>
      </c>
      <c r="U367" s="15">
        <f t="shared" si="146"/>
        <v>1.771938814155029</v>
      </c>
      <c r="V367" s="15">
        <f t="shared" si="147"/>
        <v>2.5404025087253199</v>
      </c>
      <c r="W367" s="15">
        <f t="shared" si="153"/>
        <v>0</v>
      </c>
      <c r="X367" s="15">
        <f t="shared" si="148"/>
        <v>-1.544218835154681E-2</v>
      </c>
      <c r="Y367" s="15">
        <f t="shared" si="149"/>
        <v>-5.875924024232846E-2</v>
      </c>
      <c r="Z367" s="15">
        <f t="shared" si="150"/>
        <v>-9.5984753200240996E-2</v>
      </c>
      <c r="AA367" s="15">
        <f t="shared" si="151"/>
        <v>-0.17801624965770491</v>
      </c>
      <c r="AB367" s="15">
        <f t="shared" si="154"/>
        <v>0</v>
      </c>
      <c r="AC367" s="15">
        <f t="shared" si="155"/>
        <v>0.40694702737687727</v>
      </c>
      <c r="AD367" s="15">
        <f t="shared" si="156"/>
        <v>0.55107567243182665</v>
      </c>
      <c r="AE367" s="15">
        <f t="shared" si="157"/>
        <v>0</v>
      </c>
      <c r="AF367" s="15">
        <f t="shared" si="158"/>
        <v>0.63510062718132998</v>
      </c>
      <c r="AG367" s="15">
        <f t="shared" si="159"/>
        <v>0</v>
      </c>
      <c r="AH367" s="15">
        <f>AC367/SUM(AC$2:AG$366)*Input!$J$5</f>
        <v>416.71835047178507</v>
      </c>
      <c r="AI367" s="15">
        <f>AD367/SUM(AC$2:AG$366)*Input!$J$5</f>
        <v>564.30771022255385</v>
      </c>
      <c r="AJ367" s="15">
        <f>AE367/SUM(AC$2:AG$366)*Input!$J$5</f>
        <v>0</v>
      </c>
      <c r="AK367" s="15">
        <f>AF367/SUM(AC$2:AG$366)*Input!$J$5</f>
        <v>650.35021252900754</v>
      </c>
      <c r="AL367" s="15">
        <f>AG367/SUM(AC$2:AG$366)*Input!$J$5</f>
        <v>0</v>
      </c>
      <c r="AM367" s="15">
        <f t="shared" si="160"/>
        <v>312.16810201392349</v>
      </c>
      <c r="AN367" s="15">
        <f t="shared" si="161"/>
        <v>1252.5332351339373</v>
      </c>
      <c r="AO367" s="15">
        <f t="shared" si="162"/>
        <v>44.449957383657079</v>
      </c>
      <c r="AP367" s="15">
        <f t="shared" si="163"/>
        <v>22.224978691828539</v>
      </c>
      <c r="AQ367" s="15">
        <f t="shared" si="164"/>
        <v>0</v>
      </c>
      <c r="AR367" s="14">
        <f t="shared" si="165"/>
        <v>1631.3762732233465</v>
      </c>
    </row>
  </sheetData>
  <sheetProtection sheet="1" objects="1" scenarios="1"/>
  <mergeCells count="14">
    <mergeCell ref="BF2:BH2"/>
    <mergeCell ref="AT19:AZ19"/>
    <mergeCell ref="AT28:AZ28"/>
    <mergeCell ref="BA19:BA36"/>
    <mergeCell ref="BA1:BA18"/>
    <mergeCell ref="A8:G8"/>
    <mergeCell ref="A1:G1"/>
    <mergeCell ref="C15:F15"/>
    <mergeCell ref="I1:J1"/>
    <mergeCell ref="AT1:AZ1"/>
    <mergeCell ref="AT10:AZ10"/>
    <mergeCell ref="J15:N15"/>
    <mergeCell ref="J25:N25"/>
    <mergeCell ref="I14:N14"/>
  </mergeCells>
  <pageMargins left="0.7" right="0.7" top="0.75" bottom="0.75" header="0.3" footer="0.3"/>
  <pageSetup orientation="portrait" r:id="rId1"/>
  <drawing r:id="rId2"/>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44E08B9-02D8-4513-8327-E5C147A4B049}">
  <dimension ref="B3:R22"/>
  <sheetViews>
    <sheetView zoomScale="115" zoomScaleNormal="115" workbookViewId="0">
      <selection activeCell="O13" sqref="O13"/>
    </sheetView>
  </sheetViews>
  <sheetFormatPr defaultRowHeight="15" x14ac:dyDescent="0.25"/>
  <cols>
    <col min="2" max="2" width="18" bestFit="1" customWidth="1"/>
    <col min="3" max="3" width="27.42578125" bestFit="1" customWidth="1"/>
    <col min="4" max="4" width="15" bestFit="1" customWidth="1"/>
    <col min="5" max="5" width="21.28515625" bestFit="1" customWidth="1"/>
    <col min="6" max="6" width="14.42578125" bestFit="1" customWidth="1"/>
    <col min="7" max="7" width="19.5703125" customWidth="1"/>
    <col min="8" max="8" width="15.28515625" customWidth="1"/>
    <col min="9" max="9" width="23.140625" bestFit="1" customWidth="1"/>
  </cols>
  <sheetData>
    <row r="3" spans="2:18" x14ac:dyDescent="0.25">
      <c r="B3" s="246" t="s">
        <v>70</v>
      </c>
      <c r="C3" s="17" t="s">
        <v>115</v>
      </c>
      <c r="D3" s="17" t="s">
        <v>119</v>
      </c>
      <c r="E3" s="17" t="s">
        <v>120</v>
      </c>
      <c r="F3" s="17" t="s">
        <v>121</v>
      </c>
      <c r="G3" s="17" t="s">
        <v>117</v>
      </c>
      <c r="H3" s="17" t="s">
        <v>122</v>
      </c>
      <c r="I3" s="17" t="s">
        <v>116</v>
      </c>
      <c r="J3" s="17" t="s">
        <v>139</v>
      </c>
    </row>
    <row r="4" spans="2:18" x14ac:dyDescent="0.25">
      <c r="B4" s="16" t="s">
        <v>32</v>
      </c>
      <c r="C4" s="244">
        <v>0.43</v>
      </c>
      <c r="D4" s="244">
        <v>0.2</v>
      </c>
      <c r="E4" s="244">
        <v>0.03</v>
      </c>
      <c r="F4" s="244">
        <v>0.12</v>
      </c>
      <c r="G4" s="244">
        <v>7.0000000000000007E-2</v>
      </c>
      <c r="H4" s="244">
        <v>0.03</v>
      </c>
      <c r="I4" s="244">
        <v>0.21</v>
      </c>
      <c r="J4" s="244" cm="1">
        <f t="array" ref="J4:J8">Input!G4:G8</f>
        <v>0.25</v>
      </c>
      <c r="O4" s="107"/>
      <c r="P4" s="107"/>
      <c r="Q4" s="107"/>
      <c r="R4" s="107"/>
    </row>
    <row r="5" spans="2:18" x14ac:dyDescent="0.25">
      <c r="B5" s="16" t="s">
        <v>33</v>
      </c>
      <c r="C5" s="244">
        <v>0.43</v>
      </c>
      <c r="D5" s="244">
        <v>0.11239507992783804</v>
      </c>
      <c r="E5" s="244">
        <v>0.1</v>
      </c>
      <c r="F5" s="244">
        <f>1-SUM(F4,F6:F7)</f>
        <v>0.82000000000000006</v>
      </c>
      <c r="G5" s="244">
        <v>7.0000000000000007E-2</v>
      </c>
      <c r="H5" s="244">
        <v>0</v>
      </c>
      <c r="I5" s="244">
        <f>1-SUM(I4,I6:I7)</f>
        <v>0.61</v>
      </c>
      <c r="J5" s="244">
        <v>0.15</v>
      </c>
      <c r="O5" s="107"/>
      <c r="P5" s="107"/>
      <c r="Q5" s="107"/>
      <c r="R5" s="107"/>
    </row>
    <row r="6" spans="2:18" x14ac:dyDescent="0.25">
      <c r="B6" s="16" t="s">
        <v>34</v>
      </c>
      <c r="C6" s="244">
        <v>8.2415251332896886E-2</v>
      </c>
      <c r="D6" s="244">
        <v>0.02</v>
      </c>
      <c r="E6" s="244">
        <v>0.15</v>
      </c>
      <c r="F6" s="244">
        <v>0.04</v>
      </c>
      <c r="G6" s="244">
        <v>0.2</v>
      </c>
      <c r="H6" s="244">
        <v>0.03</v>
      </c>
      <c r="I6" s="245">
        <v>0.18</v>
      </c>
      <c r="J6" s="244">
        <v>0.3</v>
      </c>
      <c r="O6" s="107"/>
      <c r="P6" s="107"/>
      <c r="Q6" s="107"/>
      <c r="R6" s="107"/>
    </row>
    <row r="7" spans="2:18" x14ac:dyDescent="0.25">
      <c r="B7" s="16" t="s">
        <v>35</v>
      </c>
      <c r="C7" s="244">
        <v>5.5723381544552086E-2</v>
      </c>
      <c r="D7" s="244">
        <f>1-SUM(D4:D6)</f>
        <v>0.66760492007216188</v>
      </c>
      <c r="E7" s="244">
        <f>1-SUM(E4:E6)</f>
        <v>0.72</v>
      </c>
      <c r="F7" s="244">
        <v>0.02</v>
      </c>
      <c r="G7" s="244">
        <f>1-SUM(G4:G6)</f>
        <v>0.65999999999999992</v>
      </c>
      <c r="H7" s="244">
        <f>1-SUM(H4:H6)</f>
        <v>0.94</v>
      </c>
      <c r="I7" s="244">
        <v>0</v>
      </c>
      <c r="J7" s="244">
        <v>0.2</v>
      </c>
      <c r="O7" s="108"/>
      <c r="P7" s="108"/>
      <c r="Q7" s="108"/>
      <c r="R7" s="108"/>
    </row>
    <row r="8" spans="2:18" x14ac:dyDescent="0.25">
      <c r="B8" s="16" t="s">
        <v>36</v>
      </c>
      <c r="C8" s="244">
        <v>0</v>
      </c>
      <c r="D8" s="244">
        <v>0</v>
      </c>
      <c r="E8" s="244">
        <v>0</v>
      </c>
      <c r="F8" s="244">
        <v>0</v>
      </c>
      <c r="G8" s="244">
        <v>0</v>
      </c>
      <c r="H8" s="244">
        <v>0</v>
      </c>
      <c r="I8" s="244">
        <v>0</v>
      </c>
      <c r="J8" s="244">
        <v>0.1</v>
      </c>
      <c r="O8" s="108"/>
      <c r="P8" s="108"/>
      <c r="Q8" s="108"/>
      <c r="R8" s="108"/>
    </row>
    <row r="9" spans="2:18" x14ac:dyDescent="0.25">
      <c r="O9" s="108"/>
      <c r="P9" s="108"/>
      <c r="Q9" s="108"/>
      <c r="R9" s="108"/>
    </row>
    <row r="10" spans="2:18" x14ac:dyDescent="0.25">
      <c r="C10" s="110">
        <v>150</v>
      </c>
      <c r="D10" s="110">
        <v>390</v>
      </c>
      <c r="E10" s="110">
        <v>330</v>
      </c>
      <c r="F10" s="110">
        <v>250</v>
      </c>
      <c r="G10" s="110">
        <v>50</v>
      </c>
      <c r="H10" s="110">
        <v>520</v>
      </c>
      <c r="I10" s="110">
        <v>50</v>
      </c>
      <c r="J10" s="110">
        <v>225</v>
      </c>
      <c r="O10" s="108"/>
      <c r="P10" s="108"/>
      <c r="Q10" s="109"/>
      <c r="R10" s="108"/>
    </row>
    <row r="11" spans="2:18" x14ac:dyDescent="0.25">
      <c r="B11" t="s">
        <v>32</v>
      </c>
      <c r="C11" cm="1">
        <f t="array" ref="C11:C15">C10*C4:C8</f>
        <v>64.5</v>
      </c>
      <c r="D11" cm="1">
        <f t="array" ref="D11:D15">D10*D4:D8</f>
        <v>78</v>
      </c>
      <c r="E11" cm="1">
        <f t="array" ref="E11:E15">E10*E4:E8</f>
        <v>9.9</v>
      </c>
      <c r="F11" cm="1">
        <f t="array" ref="F11:F15">F10*F4:F8</f>
        <v>30</v>
      </c>
      <c r="G11" cm="1">
        <f t="array" ref="G11:G15">G10*G4:G8</f>
        <v>3.5000000000000004</v>
      </c>
      <c r="H11" cm="1">
        <f t="array" ref="H11:H15">H10*H4:H8</f>
        <v>15.6</v>
      </c>
      <c r="I11" cm="1">
        <f t="array" ref="I11:I15">I10*I4:I8</f>
        <v>10.5</v>
      </c>
      <c r="J11" cm="1">
        <f t="array" ref="J11:J15">J10*J4:J8</f>
        <v>56.25</v>
      </c>
      <c r="O11" s="108"/>
      <c r="P11" s="108"/>
      <c r="Q11" s="108"/>
      <c r="R11" s="108"/>
    </row>
    <row r="12" spans="2:18" x14ac:dyDescent="0.25">
      <c r="B12" t="s">
        <v>33</v>
      </c>
      <c r="C12">
        <v>64.5</v>
      </c>
      <c r="D12">
        <v>43.834081171856837</v>
      </c>
      <c r="E12">
        <v>33</v>
      </c>
      <c r="F12">
        <v>205.00000000000003</v>
      </c>
      <c r="G12">
        <v>3.5000000000000004</v>
      </c>
      <c r="H12">
        <v>0</v>
      </c>
      <c r="I12">
        <v>30.5</v>
      </c>
      <c r="J12">
        <v>33.75</v>
      </c>
    </row>
    <row r="13" spans="2:18" x14ac:dyDescent="0.25">
      <c r="B13" t="s">
        <v>34</v>
      </c>
      <c r="C13">
        <v>12.362287699934534</v>
      </c>
      <c r="D13">
        <v>7.8</v>
      </c>
      <c r="E13">
        <v>49.5</v>
      </c>
      <c r="F13">
        <v>10</v>
      </c>
      <c r="G13">
        <v>10</v>
      </c>
      <c r="H13">
        <v>15.6</v>
      </c>
      <c r="I13">
        <v>9</v>
      </c>
      <c r="J13">
        <v>67.5</v>
      </c>
    </row>
    <row r="14" spans="2:18" x14ac:dyDescent="0.25">
      <c r="B14" t="s">
        <v>35</v>
      </c>
      <c r="C14">
        <v>8.3585072316828128</v>
      </c>
      <c r="D14">
        <v>260.36591882814315</v>
      </c>
      <c r="E14">
        <v>237.6</v>
      </c>
      <c r="F14">
        <v>5</v>
      </c>
      <c r="G14">
        <v>32.999999999999993</v>
      </c>
      <c r="H14">
        <v>488.79999999999995</v>
      </c>
      <c r="I14">
        <v>0</v>
      </c>
      <c r="J14">
        <v>45</v>
      </c>
    </row>
    <row r="15" spans="2:18" x14ac:dyDescent="0.25">
      <c r="B15" t="s">
        <v>36</v>
      </c>
      <c r="C15">
        <v>0</v>
      </c>
      <c r="D15">
        <v>0</v>
      </c>
      <c r="E15">
        <v>0</v>
      </c>
      <c r="F15">
        <v>0</v>
      </c>
      <c r="G15">
        <v>0</v>
      </c>
      <c r="H15">
        <v>0</v>
      </c>
      <c r="I15">
        <v>0</v>
      </c>
      <c r="J15">
        <v>22.5</v>
      </c>
    </row>
    <row r="18" spans="2:10" x14ac:dyDescent="0.25">
      <c r="C18" t="s">
        <v>122</v>
      </c>
      <c r="D18" t="s">
        <v>119</v>
      </c>
      <c r="E18" t="s">
        <v>120</v>
      </c>
      <c r="F18" t="s">
        <v>121</v>
      </c>
      <c r="G18" t="s">
        <v>115</v>
      </c>
      <c r="H18" t="s">
        <v>116</v>
      </c>
      <c r="I18" t="s">
        <v>117</v>
      </c>
      <c r="J18" t="s">
        <v>118</v>
      </c>
    </row>
    <row r="19" spans="2:10" x14ac:dyDescent="0.25">
      <c r="B19" t="s">
        <v>123</v>
      </c>
      <c r="C19" s="111" cm="1">
        <f t="array" ref="C19:C21">H11:H13</f>
        <v>15.6</v>
      </c>
      <c r="D19" s="111" cm="1">
        <f t="array" ref="D19:D21">D11:D13</f>
        <v>78</v>
      </c>
      <c r="E19" s="111" cm="1">
        <f t="array" ref="E19:E21">E11:E13</f>
        <v>9.9</v>
      </c>
      <c r="F19" s="111" cm="1">
        <f t="array" ref="F19:F21">F11:F13</f>
        <v>30</v>
      </c>
      <c r="G19" s="111" cm="1">
        <f t="array" ref="G19:G21">C11:C13</f>
        <v>64.5</v>
      </c>
      <c r="H19" s="111" cm="1">
        <f t="array" ref="H19:H21">I11:I13</f>
        <v>10.5</v>
      </c>
      <c r="I19" s="111" cm="1">
        <f t="array" ref="I19:I21">G11:G13</f>
        <v>3.5000000000000004</v>
      </c>
      <c r="J19" s="111" cm="1">
        <f t="array" ref="J19:J21">J11:J13</f>
        <v>56.25</v>
      </c>
    </row>
    <row r="20" spans="2:10" x14ac:dyDescent="0.25">
      <c r="B20" t="s">
        <v>124</v>
      </c>
      <c r="C20" s="111">
        <v>0</v>
      </c>
      <c r="D20" s="111">
        <v>43.834081171856837</v>
      </c>
      <c r="E20" s="111">
        <v>33</v>
      </c>
      <c r="F20" s="111">
        <v>205.00000000000003</v>
      </c>
      <c r="G20" s="111">
        <v>64.5</v>
      </c>
      <c r="H20" s="111">
        <v>30.5</v>
      </c>
      <c r="I20" s="111">
        <v>3.5000000000000004</v>
      </c>
      <c r="J20" s="111">
        <v>33.75</v>
      </c>
    </row>
    <row r="21" spans="2:10" x14ac:dyDescent="0.25">
      <c r="B21" t="s">
        <v>125</v>
      </c>
      <c r="C21" s="111">
        <v>15.6</v>
      </c>
      <c r="D21" s="111">
        <v>7.8</v>
      </c>
      <c r="E21" s="111">
        <v>49.5</v>
      </c>
      <c r="F21" s="111">
        <v>10</v>
      </c>
      <c r="G21" s="111">
        <v>12.362287699934534</v>
      </c>
      <c r="H21" s="111">
        <v>9</v>
      </c>
      <c r="I21" s="111">
        <v>10</v>
      </c>
      <c r="J21" s="111">
        <v>67.5</v>
      </c>
    </row>
    <row r="22" spans="2:10" x14ac:dyDescent="0.25">
      <c r="B22" t="s">
        <v>126</v>
      </c>
      <c r="C22" s="111">
        <f>H14+H15</f>
        <v>488.79999999999995</v>
      </c>
      <c r="D22" s="111">
        <f>D14+D15</f>
        <v>260.36591882814315</v>
      </c>
      <c r="E22" s="111">
        <f>E14+E15</f>
        <v>237.6</v>
      </c>
      <c r="F22" s="111">
        <f>F14+F15</f>
        <v>5</v>
      </c>
      <c r="G22" s="111">
        <f>C14+C15</f>
        <v>8.3585072316828128</v>
      </c>
      <c r="H22" s="111">
        <f>I14+I15</f>
        <v>0</v>
      </c>
      <c r="I22" s="111">
        <f>G14+G15</f>
        <v>32.999999999999993</v>
      </c>
      <c r="J22" s="111">
        <f>J14+J15</f>
        <v>67.5</v>
      </c>
    </row>
  </sheetData>
  <sheetProtection sheet="1" objects="1" scenarios="1"/>
  <pageMargins left="0.7" right="0.7" top="0.75" bottom="0.75" header="0.3" footer="0.3"/>
  <drawing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76A7DFC-9C30-4EB2-A600-1E516A50BF73}">
  <dimension ref="B4:K22"/>
  <sheetViews>
    <sheetView zoomScale="115" zoomScaleNormal="115" workbookViewId="0">
      <selection activeCell="K16" sqref="K16"/>
    </sheetView>
  </sheetViews>
  <sheetFormatPr defaultRowHeight="15" x14ac:dyDescent="0.25"/>
  <cols>
    <col min="2" max="2" width="2.28515625" bestFit="1" customWidth="1"/>
    <col min="3" max="3" width="25.7109375" bestFit="1" customWidth="1"/>
    <col min="4" max="4" width="41.7109375" bestFit="1" customWidth="1"/>
    <col min="6" max="8" width="11.42578125" bestFit="1" customWidth="1"/>
    <col min="11" max="11" width="22" bestFit="1" customWidth="1"/>
  </cols>
  <sheetData>
    <row r="4" spans="2:11" x14ac:dyDescent="0.25">
      <c r="C4" s="112" t="s">
        <v>134</v>
      </c>
      <c r="D4" s="112" t="s">
        <v>135</v>
      </c>
      <c r="E4" s="113" t="s">
        <v>136</v>
      </c>
      <c r="F4" s="16">
        <v>0</v>
      </c>
      <c r="G4" s="16">
        <v>1</v>
      </c>
      <c r="H4" s="16">
        <v>2</v>
      </c>
      <c r="I4" s="16">
        <v>3</v>
      </c>
      <c r="J4" s="16">
        <v>4</v>
      </c>
      <c r="K4" s="16" t="s">
        <v>138</v>
      </c>
    </row>
    <row r="5" spans="2:11" x14ac:dyDescent="0.25">
      <c r="B5" s="17">
        <v>1</v>
      </c>
      <c r="C5" s="2" t="s">
        <v>122</v>
      </c>
      <c r="D5" s="2" t="s">
        <v>132</v>
      </c>
      <c r="E5" s="23" t="s">
        <v>42</v>
      </c>
      <c r="F5" s="23" t="str" cm="1">
        <f t="array" ref="F5:F11">E5:E11</f>
        <v>3-shift</v>
      </c>
      <c r="G5" s="23" t="str" cm="1">
        <f t="array" ref="G5:G11">F5:F11</f>
        <v>3-shift</v>
      </c>
      <c r="H5" s="23" t="str" cm="1">
        <f t="array" ref="H5:H11">G5:G11</f>
        <v>3-shift</v>
      </c>
      <c r="I5" s="23" t="str">
        <f>IF(E5="3-shift","3-shift","2-shift")</f>
        <v>3-shift</v>
      </c>
      <c r="J5" s="23" t="s">
        <v>42</v>
      </c>
      <c r="K5" s="244">
        <f t="shared" ref="K5:K11" si="0">IF(E5="3-shift",1.7,0.7)</f>
        <v>1.7</v>
      </c>
    </row>
    <row r="6" spans="2:11" x14ac:dyDescent="0.25">
      <c r="B6" s="17">
        <v>2</v>
      </c>
      <c r="C6" s="2" t="s">
        <v>119</v>
      </c>
      <c r="D6" s="2" t="s">
        <v>130</v>
      </c>
      <c r="E6" s="23" t="s">
        <v>42</v>
      </c>
      <c r="F6" s="23" t="str">
        <v>3-shift</v>
      </c>
      <c r="G6" s="23" t="str">
        <v>3-shift</v>
      </c>
      <c r="H6" s="23" t="str">
        <v>3-shift</v>
      </c>
      <c r="I6" s="23" t="str">
        <f t="shared" ref="I6:I11" si="1">IF(E6="3-shift","3-shift","2-shift")</f>
        <v>3-shift</v>
      </c>
      <c r="J6" s="23" t="s">
        <v>42</v>
      </c>
      <c r="K6" s="244">
        <f t="shared" si="0"/>
        <v>1.7</v>
      </c>
    </row>
    <row r="7" spans="2:11" x14ac:dyDescent="0.25">
      <c r="B7" s="17">
        <v>3</v>
      </c>
      <c r="C7" s="2" t="s">
        <v>120</v>
      </c>
      <c r="D7" s="2" t="s">
        <v>131</v>
      </c>
      <c r="E7" s="23" t="s">
        <v>42</v>
      </c>
      <c r="F7" s="23" t="str">
        <v>3-shift</v>
      </c>
      <c r="G7" s="23" t="str">
        <v>3-shift</v>
      </c>
      <c r="H7" s="23" t="str">
        <v>3-shift</v>
      </c>
      <c r="I7" s="23" t="str">
        <f t="shared" si="1"/>
        <v>3-shift</v>
      </c>
      <c r="J7" s="23" t="s">
        <v>42</v>
      </c>
      <c r="K7" s="244">
        <f t="shared" si="0"/>
        <v>1.7</v>
      </c>
    </row>
    <row r="8" spans="2:11" ht="30" x14ac:dyDescent="0.25">
      <c r="B8" s="17">
        <v>4</v>
      </c>
      <c r="C8" s="2" t="s">
        <v>121</v>
      </c>
      <c r="D8" s="2" t="s">
        <v>129</v>
      </c>
      <c r="E8" s="149" t="s">
        <v>43</v>
      </c>
      <c r="F8" s="23" t="str">
        <v>1-shift 
base</v>
      </c>
      <c r="G8" s="23" t="str">
        <v>1-shift 
base</v>
      </c>
      <c r="H8" s="23" t="str">
        <v>1-shift 
base</v>
      </c>
      <c r="I8" s="23" t="str">
        <f t="shared" si="1"/>
        <v>2-shift</v>
      </c>
      <c r="J8" s="23" t="s">
        <v>42</v>
      </c>
      <c r="K8" s="244">
        <f t="shared" si="0"/>
        <v>0.7</v>
      </c>
    </row>
    <row r="9" spans="2:11" ht="30" x14ac:dyDescent="0.25">
      <c r="B9" s="17">
        <v>5</v>
      </c>
      <c r="C9" s="2" t="s">
        <v>115</v>
      </c>
      <c r="D9" s="2" t="s">
        <v>128</v>
      </c>
      <c r="E9" s="149" t="s">
        <v>43</v>
      </c>
      <c r="F9" s="23" t="str">
        <v>1-shift 
base</v>
      </c>
      <c r="G9" s="23" t="str">
        <v>1-shift 
base</v>
      </c>
      <c r="H9" s="23" t="str">
        <v>1-shift 
base</v>
      </c>
      <c r="I9" s="23" t="str">
        <f t="shared" si="1"/>
        <v>2-shift</v>
      </c>
      <c r="J9" s="23" t="s">
        <v>42</v>
      </c>
      <c r="K9" s="244">
        <f t="shared" si="0"/>
        <v>0.7</v>
      </c>
    </row>
    <row r="10" spans="2:11" x14ac:dyDescent="0.25">
      <c r="B10" s="17">
        <v>6</v>
      </c>
      <c r="C10" s="2" t="s">
        <v>116</v>
      </c>
      <c r="D10" s="2" t="s">
        <v>133</v>
      </c>
      <c r="E10" s="23" t="s">
        <v>41</v>
      </c>
      <c r="F10" s="23" t="str">
        <v>2-shift</v>
      </c>
      <c r="G10" s="23" t="str">
        <v>2-shift</v>
      </c>
      <c r="H10" s="23" t="str">
        <v>2-shift</v>
      </c>
      <c r="I10" s="23" t="str">
        <f t="shared" si="1"/>
        <v>2-shift</v>
      </c>
      <c r="J10" s="23" t="s">
        <v>42</v>
      </c>
      <c r="K10" s="244">
        <f t="shared" si="0"/>
        <v>0.7</v>
      </c>
    </row>
    <row r="11" spans="2:11" x14ac:dyDescent="0.25">
      <c r="B11" s="17">
        <v>7</v>
      </c>
      <c r="C11" s="2" t="s">
        <v>117</v>
      </c>
      <c r="D11" s="2" t="s">
        <v>132</v>
      </c>
      <c r="E11" s="23" t="s">
        <v>42</v>
      </c>
      <c r="F11" s="23" t="str">
        <v>3-shift</v>
      </c>
      <c r="G11" s="23" t="str">
        <v>3-shift</v>
      </c>
      <c r="H11" s="23" t="str">
        <v>3-shift</v>
      </c>
      <c r="I11" s="23" t="str">
        <f t="shared" si="1"/>
        <v>3-shift</v>
      </c>
      <c r="J11" s="23" t="s">
        <v>42</v>
      </c>
      <c r="K11" s="244">
        <f t="shared" si="0"/>
        <v>1.7</v>
      </c>
    </row>
    <row r="12" spans="2:11" x14ac:dyDescent="0.25">
      <c r="B12" s="17">
        <v>8</v>
      </c>
      <c r="C12" s="2" t="s">
        <v>139</v>
      </c>
      <c r="D12" s="2" t="s">
        <v>139</v>
      </c>
      <c r="E12" s="23"/>
      <c r="F12" s="23" t="str" cm="1">
        <f t="array" ref="F12:J12">TRANSPOSE(Input!E4:E8)</f>
        <v>2-shift</v>
      </c>
      <c r="G12" s="23" t="str">
        <v>2-shift</v>
      </c>
      <c r="H12" s="23" t="str">
        <v>3-shift</v>
      </c>
      <c r="I12" s="23" t="str">
        <v>2-shift</v>
      </c>
      <c r="J12" s="23" t="str">
        <v>3-shift</v>
      </c>
      <c r="K12" s="245">
        <f>Input!C2</f>
        <v>1.1000000000000001</v>
      </c>
    </row>
    <row r="14" spans="2:11" ht="15.75" thickBot="1" x14ac:dyDescent="0.3">
      <c r="D14" s="247" t="s">
        <v>147</v>
      </c>
      <c r="E14" s="247"/>
      <c r="F14" s="247"/>
      <c r="G14" s="247"/>
      <c r="H14" s="247"/>
      <c r="I14" s="247"/>
    </row>
    <row r="15" spans="2:11" x14ac:dyDescent="0.25">
      <c r="D15" s="80"/>
      <c r="E15" s="81"/>
      <c r="F15" s="128" t="s">
        <v>67</v>
      </c>
      <c r="G15" s="81"/>
      <c r="H15" s="81"/>
      <c r="I15" s="82"/>
    </row>
    <row r="16" spans="2:11" x14ac:dyDescent="0.25">
      <c r="C16" s="113"/>
      <c r="D16" s="74"/>
      <c r="E16" s="42"/>
      <c r="F16" s="129">
        <f>_xlfn.XLOOKUP(Input!$K$5,'Standard Profiles'!$C$5:$C$12,'Standard Profiles'!$K$5:$K$12)</f>
        <v>0.7</v>
      </c>
      <c r="G16" s="42"/>
      <c r="H16" s="42"/>
      <c r="I16" s="75"/>
    </row>
    <row r="17" spans="4:9" ht="29.45" customHeight="1" thickBot="1" x14ac:dyDescent="0.3">
      <c r="D17" s="148" t="s">
        <v>11</v>
      </c>
      <c r="E17" s="130" t="s">
        <v>12</v>
      </c>
      <c r="F17" s="46" t="s">
        <v>13</v>
      </c>
      <c r="G17" s="46" t="s">
        <v>56</v>
      </c>
      <c r="H17" s="239" t="s">
        <v>80</v>
      </c>
      <c r="I17" s="240"/>
    </row>
    <row r="18" spans="4:9" x14ac:dyDescent="0.25">
      <c r="D18" s="47">
        <v>0</v>
      </c>
      <c r="E18" s="117" cm="1">
        <f t="array" ref="E18:E21">TRANSPOSE(_xlfn.XLOOKUP(_xlfn.XLOOKUP(Input!$K$5,'Standard Profiles'!$C$5:$C$12,'Standard Profiles'!$D$5:$D$12),Jesper!$I$27:$I$33,Jesper!$J$27:$M$33))/100</f>
        <v>0.375</v>
      </c>
      <c r="F18" s="118" cm="1">
        <f t="array" ref="F18:F22">TRANSPOSE(_xlfn.XLOOKUP(_xlfn.XLOOKUP(Input!$K$5,'Standard Profiles'!$C$5:$C$12,'Standard Profiles'!$D$5:$D$12),Jesper!$I$17:$I$23,Jesper!$J$17:$N$23))/100</f>
        <v>0</v>
      </c>
      <c r="G18" s="119" t="str" cm="1">
        <f t="array" ref="G18:G22">TRANSPOSE(_xlfn.XLOOKUP(Input!$K$5,'Standard Profiles'!$C$5:$C$12,'Standard Profiles'!$F$5:$J$12))</f>
        <v>1-shift 
base</v>
      </c>
      <c r="H18" s="62" t="s">
        <v>36</v>
      </c>
      <c r="I18" s="120" cm="1">
        <f t="array" ref="I18:I22">INDEX(_xlfn.XLOOKUP(Input!$K$5,Rehfeldt!$C$3:$J$3,Rehfeldt!$C$4:$J$8),{5;4;3;2;1})</f>
        <v>0</v>
      </c>
    </row>
    <row r="19" spans="4:9" x14ac:dyDescent="0.25">
      <c r="D19" s="48">
        <v>1</v>
      </c>
      <c r="E19" s="121">
        <v>0.375</v>
      </c>
      <c r="F19" s="122">
        <v>0.5</v>
      </c>
      <c r="G19" s="123" t="str">
        <v>1-shift 
base</v>
      </c>
      <c r="H19" s="64" t="s">
        <v>35</v>
      </c>
      <c r="I19" s="124">
        <v>0.02</v>
      </c>
    </row>
    <row r="20" spans="4:9" x14ac:dyDescent="0.25">
      <c r="D20" s="48">
        <v>2</v>
      </c>
      <c r="E20" s="121">
        <v>0</v>
      </c>
      <c r="F20" s="122">
        <v>0.125</v>
      </c>
      <c r="G20" s="123" t="str">
        <v>1-shift 
base</v>
      </c>
      <c r="H20" s="64" t="s">
        <v>34</v>
      </c>
      <c r="I20" s="124">
        <v>0.04</v>
      </c>
    </row>
    <row r="21" spans="4:9" x14ac:dyDescent="0.25">
      <c r="D21" s="48">
        <v>3</v>
      </c>
      <c r="E21" s="121">
        <v>0.25</v>
      </c>
      <c r="F21" s="122">
        <v>0.25</v>
      </c>
      <c r="G21" s="123" t="str">
        <v>2-shift</v>
      </c>
      <c r="H21" s="64" t="s">
        <v>33</v>
      </c>
      <c r="I21" s="124">
        <v>0.82000000000000006</v>
      </c>
    </row>
    <row r="22" spans="4:9" ht="15.75" thickBot="1" x14ac:dyDescent="0.3">
      <c r="D22" s="49">
        <v>4</v>
      </c>
      <c r="E22" s="50" t="s">
        <v>55</v>
      </c>
      <c r="F22" s="125">
        <v>0.125</v>
      </c>
      <c r="G22" s="126" t="str">
        <v>3-shift</v>
      </c>
      <c r="H22" s="66" t="s">
        <v>32</v>
      </c>
      <c r="I22" s="127">
        <v>0.12</v>
      </c>
    </row>
  </sheetData>
  <sheetProtection sheet="1" objects="1" scenarios="1"/>
  <mergeCells count="2">
    <mergeCell ref="H17:I17"/>
    <mergeCell ref="D14:I14"/>
  </mergeCell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1 6 " ? > < D a t a M a s h u p   x m l n s = " h t t p : / / s c h e m a s . m i c r o s o f t . c o m / D a t a M a s h u p " > A A A A A I 8 E A A B Q S w M E F A A C A A g A o 2 4 5 W W B d P N e j A A A A 9 g A A A B I A H A B D b 2 5 m a W c v U G F j a 2 F n Z S 5 4 b W w g o h g A K K A U A A A A A A A A A A A A A A A A A A A A A A A A A A A A h Y 8 x D o I w G I W v Q r r T l r I Q 8 l M G V 1 E T E + N a S 4 V G K I Y W y 9 0 c P J J X E K O o m + P 7 3 j e 8 d 7 / e I B / b J r i o 3 u r O Z C j C F A X K y K 7 U p s r Q 4 I 5 h g n I O G y F P o l L B J B u b j r b M U O 3 c O S X E e 4 9 9 j L u + I o z S i O y L 5 V b W q h X o I + v / c q i N d c J I h T j s X m M 4 w 1 H M c M w S T I H M E A p t v g K b 9 j 7 b H w i L o X F D r 7 g 5 h K s 1 k D k C e X / g D 1 B L A w Q U A A I A C A C j b j l Z 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o 2 4 5 W W C + M D G K A Q A A h g g A A B M A H A B G b 3 J t d W x h c y 9 T Z W N 0 a W 9 u M S 5 t I K I Y A C i g F A A A A A A A A A A A A A A A A A A A A A A A A A A A A O W U X U v k M B S G 7 w f m P 4 R 6 M w O 1 T D q 7 u C i 9 k H Z G B D 9 Y W p c F I 0 N s j 0 4 w P R m S U 3 d E / O 9 m L O I K B d E B P z A 3 y X k D e d / z c I i D k p R B l r c 7 3 + n 3 + j 0 3 l x Y q V u z N 8 u O T / Y y P R n z 8 i y V M A / V 7 z K / c N L Y E r 6 T u O s p M 2 d S A N J g q D V F q k H z h B k G 6 L U 4 c W C d I a T 0 X m f m H 2 s j K i U m 6 O 0 O D m + c a s I J q V j a O T C 2 e 2 0 W 0 p G A Y n m a g V a 0 I b B K E Q c h S o 5 s a X R K H b I K l q R R e J j z + 6 c v f j S H I 6 U Z D 8 n S M j g z C 2 T B s Y 2 8 E 6 V z i 5 a q 1 m w U E P n 8 h f Y i o s B L d h b F 1 + / r q 0 g 3 a H s P b 2 6 B V u X c n f 8 M I l n Q X s k c 9 f q b f D f s 9 h Z 1 2 n W g 5 / 8 G 3 3 g / t g 9 0 r 0 M Y j H m 9 9 V b a j 2 K 9 3 H N u V X Q f b n f / Y 8 n X G d n 2 y X Q Q 7 A F q D 1 R x U v S 6 7 Y 4 T M q m t g m y z f P y o m U 5 G B u y K z E N O D v 4 C r L q z I J E l R Q L 0 A K 6 m x w F r h M c M L Q M e f 9 B 9 4 0 s d v m e F D W V l V f S D / N s D 3 h P 9 H A a L 8 Q P h t g G 8 E / x 5 Q S w E C L Q A U A A I A C A C j b j l Z Y F 0 8 1 6 M A A A D 2 A A A A E g A A A A A A A A A A A A A A A A A A A A A A Q 2 9 u Z m l n L 1 B h Y 2 t h Z 2 U u e G 1 s U E s B A i 0 A F A A C A A g A o 2 4 5 W Q / K 6 a u k A A A A 6 Q A A A B M A A A A A A A A A A A A A A A A A 7 w A A A F t D b 2 5 0 Z W 5 0 X 1 R 5 c G V z X S 5 4 b W x Q S w E C L Q A U A A I A C A C j b j l Z Y L 4 w M Y o B A A C G C A A A E w A A A A A A A A A A A A A A A A D g A Q A A R m 9 y b X V s Y X M v U 2 V j d G l v b j E u b V B L B Q Y A A A A A A w A D A M I A A A C 3 A w A A A A A Q A Q A A 7 7 u / P D 9 4 b W w g d m V y c 2 l v b j 0 i M S 4 w I i B l b m N v Z G l u Z z 0 i d X R m L T g i P z 4 8 U G V y b W l z c 2 l v b k x p c 3 Q g e G 1 s b n M 6 e H N k P S J o d H R w O i 8 v d 3 d 3 L n c z L m 9 y Z y 8 y M D A x L 1 h N T F N j a G V t Y S I g e G 1 s b n M 6 e H N p P S J o d H R w O i 8 v d 3 d 3 L n c z L m 9 y Z y 8 y M D A x L 1 h N T F N j a G V t Y S 1 p b n N 0 Y W 5 j Z S I + P E N h b k V 2 Y W x 1 Y X R l R n V 0 d X J l U G F j a 2 F n Z X M + Z m F s c 2 U 8 L 0 N h b k V 2 Y W x 1 Y X R l R n V 0 d X J l U G F j a 2 F n Z X M + P E Z p c m V 3 Y W x s R W 5 h Y m x l Z D 5 0 c n V l P C 9 G a X J l d 2 F s b E V u Y W J s Z W Q + P C 9 Q Z X J t a X N z a W 9 u T G l z d D 6 W L Q A A A A A A A H Q t A A D v u 7 8 8 P 3 h t b C B 2 Z X J z a W 9 u P S I x L j A i I G V u Y 2 9 k a W 5 n P S J 1 d G Y t O C I / P j x M b 2 N h b F B h Y 2 t h Z 2 V N Z X R h Z G F 0 Y U Z p b G U g e G 1 s b n M 6 e H N k P S J o d H R w O i 8 v d 3 d 3 L n c z L m 9 y Z y 8 y M D A x L 1 h N T F N j a G V t Y S I g e G 1 s b n M 6 e H N p P S J o d H R w O i 8 v d 3 d 3 L n c z L m 9 y Z y 8 y M D A x L 1 h N T F N j a G V t Y S 1 p b n N 0 Y W 5 j Z S I + P E l 0 Z W 1 z P j x J d G V t P j x J d G V t T G 9 j Y X R p b 2 4 + P E l 0 Z W 1 U e X B l P k F s b E Z v c m 1 1 b G F z P C 9 J d G V t V H l w Z T 4 8 S X R l b V B h d G g g L z 4 8 L 0 l 0 Z W 1 M b 2 N h d G l v b j 4 8 U 3 R h Y m x l R W 5 0 c m l l c z 4 8 R W 5 0 c n k g V H l w Z T 0 i U m V s Y X R p b 2 5 z a G l w c y I g V m F s d W U 9 I n N B Q U F B Q U E 9 P S I g L z 4 8 L 1 N 0 Y W J s Z U V u d H J p Z X M + P C 9 J d G V t P j x J d G V t P j x J d G V t T G 9 j Y X R p b 2 4 + P E l 0 Z W 1 U e X B l P k Z v c m 1 1 b G E 8 L 0 l 0 Z W 1 U e X B l P j x J d G V t U G F 0 a D 5 T Z W N 0 a W 9 u M S 9 U R 1 9 T T 1 V J R D E w M D E z O D w v S X R l b V B h d G g + P C 9 J d G V t T G 9 j Y X R p b 2 4 + P F N 0 Y W J s Z U V u d H J p Z X M + P E V u d H J 5 I F R 5 c G U 9 I k l z U H J p d m F 0 Z S I g V m F s d W U 9 I m w w I i A v P j x F b n R y e S B U e X B l P S J R d W V y e U l E I i B W Y W x 1 Z T 0 i c z M 3 N D U x N W E x L W E 5 M j A t N G U y M i 0 5 M W J j L W J k M m Q 0 Y m F m N W N i M i 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x N j Q 1 O C I g L z 4 8 R W 5 0 c n k g V H l w Z T 0 i R m l s b E V y c m 9 y Q 2 9 k Z S I g V m F s d W U 9 I n N V b m t u b 3 d u I i A v P j x F b n R y e S B U e X B l P S J G a W x s R X J y b 3 J D b 3 V u d C I g V m F s d W U 9 I m w w I i A v P j x F b n R y e S B U e X B l P S J G a W x s T G F z d F V w Z G F 0 Z W Q i I F Z h b H V l P S J k M j A y N C 0 w O S 0 y N V Q x M D o 1 N D o z M C 4 y N T A w O T Q w W i I g L z 4 8 R W 5 0 c n k g V H l w Z T 0 i R m l s b E N v b H V t b l R 5 c G V z I i B W Y W x 1 Z T 0 i c 0 J n W T 0 i I C 8 + P E V u d H J 5 I F R 5 c G U 9 I k Z p b G x D b 2 x 1 b W 5 O Y W 1 l c y I g V m F s d W U 9 I n N b J n F 1 b 3 Q 7 Q 2 9 s d W 1 u M S Z x d W 9 0 O y w m c X V v d D t D b 2 x 1 b W 4 y J n F 1 b 3 Q 7 X S I g L z 4 8 R W 5 0 c n k g V H l w Z T 0 i R m l s b F N 0 Y X R 1 c y I g V m F s d W U 9 I n N D b 2 1 w b G V 0 Z S I g L z 4 8 R W 5 0 c n k g V H l w Z T 0 i U m V s Y X R p b 2 5 z a G l w S W 5 m b 0 N v b n R h a W 5 l c i I g V m F s d W U 9 I n N 7 J n F 1 b 3 Q 7 Y 2 9 s d W 1 u Q 2 9 1 b n Q m c X V v d D s 6 M i w m c X V v d D t r Z X l D b 2 x 1 b W 5 O Y W 1 l c y Z x d W 9 0 O z p b X S w m c X V v d D t x d W V y e V J l b G F 0 a W 9 u c 2 h p c H M m c X V v d D s 6 W 1 0 s J n F 1 b 3 Q 7 Y 2 9 s d W 1 u S W R l b n R p d G l l c y Z x d W 9 0 O z p b J n F 1 b 3 Q 7 U 2 V j d G l v b j E v V E d f U 0 9 V S U Q x M D A x M z g v Q X V 0 b 1 J l b W 9 2 Z W R D b 2 x 1 b W 5 z M S 5 7 Q 2 9 s d W 1 u M S w w f S Z x d W 9 0 O y w m c X V v d D t T Z W N 0 a W 9 u M S 9 U R 1 9 T T 1 V J R D E w M D E z O C 9 B d X R v U m V t b 3 Z l Z E N v b H V t b n M x L n t D b 2 x 1 b W 4 y L D F 9 J n F 1 b 3 Q 7 X S w m c X V v d D t D b 2 x 1 b W 5 D b 3 V u d C Z x d W 9 0 O z o y L C Z x d W 9 0 O 0 t l e U N v b H V t b k 5 h b W V z J n F 1 b 3 Q 7 O l t d L C Z x d W 9 0 O 0 N v b H V t b k l k Z W 5 0 a X R p Z X M m c X V v d D s 6 W y Z x d W 9 0 O 1 N l Y 3 R p b 2 4 x L 1 R H X 1 N P V U l E M T A w M T M 4 L 0 F 1 d G 9 S Z W 1 v d m V k Q 2 9 s d W 1 u c z E u e 0 N v b H V t b j E s M H 0 m c X V v d D s s J n F 1 b 3 Q 7 U 2 V j d G l v b j E v V E d f U 0 9 V S U Q x M D A x M z g v Q X V 0 b 1 J l b W 9 2 Z W R D b 2 x 1 b W 5 z M S 5 7 Q 2 9 s d W 1 u M i w x f S Z x d W 9 0 O 1 0 s J n F 1 b 3 Q 7 U m V s Y X R p b 2 5 z a G l w S W 5 m b y Z x d W 9 0 O z p b X X 0 i I C 8 + P C 9 T d G F i b G V F b n R y a W V z P j w v S X R l b T 4 8 S X R l b T 4 8 S X R l b U x v Y 2 F 0 a W 9 u P j x J d G V t V H l w Z T 5 G b 3 J t d W x h P C 9 J d G V t V H l w Z T 4 8 S X R l b V B h d G g + U 2 V j d G l v b j E v V E d f U 0 9 V S U Q x M D A x M z g v U 2 9 1 c m N l P C 9 J d G V t U G F 0 a D 4 8 L 0 l 0 Z W 1 M b 2 N h d G l v b j 4 8 U 3 R h Y m x l R W 5 0 c m l l c y A v P j w v S X R l b T 4 8 S X R l b T 4 8 S X R l b U x v Y 2 F 0 a W 9 u P j x J d G V t V H l w Z T 5 G b 3 J t d W x h P C 9 J d G V t V H l w Z T 4 8 S X R l b V B h d G g + U 2 V j d G l v b j E v V E d f U 0 9 V S U Q x M D A x M z g v Q 2 h h b m d l Z C U y M F R 5 c G U 8 L 0 l 0 Z W 1 Q Y X R o P j w v S X R l b U x v Y 2 F 0 a W 9 u P j x T d G F i b G V F b n R y a W V z I C 8 + P C 9 J d G V t P j x J d G V t P j x J d G V t T G 9 j Y X R p b 2 4 + P E l 0 Z W 1 U e X B l P k Z v c m 1 1 b G E 8 L 0 l 0 Z W 1 U e X B l P j x J d G V t U G F 0 a D 5 T Z W N 0 a W 9 u M S 9 U R 1 9 T T 1 V J R D E x M T Q x N z w v S X R l b V B h d G g + P C 9 J d G V t T G 9 j Y X R p b 2 4 + P F N 0 Y W J s Z U V u d H J p Z X M + P E V u d H J 5 I F R 5 c G U 9 I k l z U H J p d m F 0 Z S I g V m F s d W U 9 I m w w I i A v P j x F b n R y e S B U e X B l P S J R d W V y e U l E I i B W Y W x 1 Z T 0 i c 2 I 3 N 2 I 2 M T M 4 L T h k Z D A t N D Z l Y i 0 5 M j h k L W U y Y m N m O D g y M T A 0 M S 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x N j Q 1 O C I g L z 4 8 R W 5 0 c n k g V H l w Z T 0 i R m l s b E V y c m 9 y Q 2 9 k Z S I g V m F s d W U 9 I n N V b m t u b 3 d u I i A v P j x F b n R y e S B U e X B l P S J G a W x s R X J y b 3 J D b 3 V u d C I g V m F s d W U 9 I m w w I i A v P j x F b n R y e S B U e X B l P S J G a W x s T G F z d F V w Z G F 0 Z W Q i I F Z h b H V l P S J k M j A y N C 0 w O S 0 y N V Q x M T o x N z o w M y 4 5 N D k x O D g 1 W i I g L z 4 8 R W 5 0 c n k g V H l w Z T 0 i R m l s b E N v b H V t b l R 5 c G V z I i B W Y W x 1 Z T 0 i c 0 J n W T 0 i I C 8 + P E V u d H J 5 I F R 5 c G U 9 I k Z p b G x D b 2 x 1 b W 5 O Y W 1 l c y I g V m F s d W U 9 I n N b J n F 1 b 3 Q 7 Q 2 9 s d W 1 u M S Z x d W 9 0 O y w m c X V v d D t D b 2 x 1 b W 4 y J n F 1 b 3 Q 7 X S I g L z 4 8 R W 5 0 c n k g V H l w Z T 0 i R m l s b F N 0 Y X R 1 c y I g V m F s d W U 9 I n N D b 2 1 w b G V 0 Z S I g L z 4 8 R W 5 0 c n k g V H l w Z T 0 i U m V s Y X R p b 2 5 z a G l w S W 5 m b 0 N v b n R h a W 5 l c i I g V m F s d W U 9 I n N 7 J n F 1 b 3 Q 7 Y 2 9 s d W 1 u Q 2 9 1 b n Q m c X V v d D s 6 M i w m c X V v d D t r Z X l D b 2 x 1 b W 5 O Y W 1 l c y Z x d W 9 0 O z p b X S w m c X V v d D t x d W V y e V J l b G F 0 a W 9 u c 2 h p c H M m c X V v d D s 6 W 1 0 s J n F 1 b 3 Q 7 Y 2 9 s d W 1 u S W R l b n R p d G l l c y Z x d W 9 0 O z p b J n F 1 b 3 Q 7 U 2 V j d G l v b j E v V E d f U 0 9 V S U Q x M T E 0 M T c v Q X V 0 b 1 J l b W 9 2 Z W R D b 2 x 1 b W 5 z M S 5 7 Q 2 9 s d W 1 u M S w w f S Z x d W 9 0 O y w m c X V v d D t T Z W N 0 a W 9 u M S 9 U R 1 9 T T 1 V J R D E x M T Q x N y 9 B d X R v U m V t b 3 Z l Z E N v b H V t b n M x L n t D b 2 x 1 b W 4 y L D F 9 J n F 1 b 3 Q 7 X S w m c X V v d D t D b 2 x 1 b W 5 D b 3 V u d C Z x d W 9 0 O z o y L C Z x d W 9 0 O 0 t l e U N v b H V t b k 5 h b W V z J n F 1 b 3 Q 7 O l t d L C Z x d W 9 0 O 0 N v b H V t b k l k Z W 5 0 a X R p Z X M m c X V v d D s 6 W y Z x d W 9 0 O 1 N l Y 3 R p b 2 4 x L 1 R H X 1 N P V U l E M T E x N D E 3 L 0 F 1 d G 9 S Z W 1 v d m V k Q 2 9 s d W 1 u c z E u e 0 N v b H V t b j E s M H 0 m c X V v d D s s J n F 1 b 3 Q 7 U 2 V j d G l v b j E v V E d f U 0 9 V S U Q x M T E 0 M T c v Q X V 0 b 1 J l b W 9 2 Z W R D b 2 x 1 b W 5 z M S 5 7 Q 2 9 s d W 1 u M i w x f S Z x d W 9 0 O 1 0 s J n F 1 b 3 Q 7 U m V s Y X R p b 2 5 z a G l w S W 5 m b y Z x d W 9 0 O z p b X X 0 i I C 8 + P C 9 T d G F i b G V F b n R y a W V z P j w v S X R l b T 4 8 S X R l b T 4 8 S X R l b U x v Y 2 F 0 a W 9 u P j x J d G V t V H l w Z T 5 G b 3 J t d W x h P C 9 J d G V t V H l w Z T 4 8 S X R l b V B h d G g + U 2 V j d G l v b j E v V E d f U 0 9 V S U Q x M T E 0 M T c v U 2 9 1 c m N l P C 9 J d G V t U G F 0 a D 4 8 L 0 l 0 Z W 1 M b 2 N h d G l v b j 4 8 U 3 R h Y m x l R W 5 0 c m l l c y A v P j w v S X R l b T 4 8 S X R l b T 4 8 S X R l b U x v Y 2 F 0 a W 9 u P j x J d G V t V H l w Z T 5 G b 3 J t d W x h P C 9 J d G V t V H l w Z T 4 8 S X R l b V B h d G g + U 2 V j d G l v b j E v V E d f U 0 9 V S U Q x M T E 0 M T c v Q 2 h h b m d l Z C U y M F R 5 c G U 8 L 0 l 0 Z W 1 Q Y X R o P j w v S X R l b U x v Y 2 F 0 a W 9 u P j x T d G F i b G V F b n R y a W V z I C 8 + P C 9 J d G V t P j x J d G V t P j x J d G V t T G 9 j Y X R p b 2 4 + P E l 0 Z W 1 U e X B l P k Z v c m 1 1 b G E 8 L 0 l 0 Z W 1 U e X B l P j x J d G V t U G F 0 a D 5 T Z W N 0 a W 9 u M S 9 U R 1 9 T T 1 V J R D E w M j I y M j w v S X R l b V B h d G g + P C 9 J d G V t T G 9 j Y X R p b 2 4 + P F N 0 Y W J s Z U V u d H J p Z X M + P E V u d H J 5 I F R 5 c G U 9 I k l z U H J p d m F 0 Z S I g V m F s d W U 9 I m w w I i A v P j x F b n R y e S B U e X B l P S J R d W V y e U l E I i B W Y W x 1 Z T 0 i c 2 R h Y z Y 0 Z j c z L W M 0 Z j c t N D F h M i 0 4 M T V j L T h i Y m F j M D R l N T U w Z i 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x N j Q 1 O C I g L z 4 8 R W 5 0 c n k g V H l w Z T 0 i R m l s b E V y c m 9 y Q 2 9 k Z S I g V m F s d W U 9 I n N V b m t u b 3 d u I i A v P j x F b n R y e S B U e X B l P S J G a W x s R X J y b 3 J D b 3 V u d C I g V m F s d W U 9 I m w w I i A v P j x F b n R y e S B U e X B l P S J G a W x s T G F z d F V w Z G F 0 Z W Q i I F Z h b H V l P S J k M j A y N C 0 w O S 0 y N V Q x M T o y M D o z M i 4 4 N D I 0 O D k y W i I g L z 4 8 R W 5 0 c n k g V H l w Z T 0 i R m l s b E N v b H V t b l R 5 c G V z I i B W Y W x 1 Z T 0 i c 0 J n P T 0 i I C 8 + P E V u d H J 5 I F R 5 c G U 9 I k Z p b G x D b 2 x 1 b W 5 O Y W 1 l c y I g V m F s d W U 9 I n N b J n F 1 b 3 Q 7 Q 2 9 s d W 1 u M S Z x d W 9 0 O 1 0 i I C 8 + P E V u d H J 5 I F R 5 c G U 9 I k Z p b G x T d G F 0 d X M i I F Z h b H V l P S J z Q 2 9 t c G x l d G U i I C 8 + P E V u d H J 5 I F R 5 c G U 9 I l J l b G F 0 a W 9 u c 2 h p c E l u Z m 9 D b 2 5 0 Y W l u Z X I i I F Z h b H V l P S J z e y Z x d W 9 0 O 2 N v b H V t b k N v d W 5 0 J n F 1 b 3 Q 7 O j E s J n F 1 b 3 Q 7 a 2 V 5 Q 2 9 s d W 1 u T m F t Z X M m c X V v d D s 6 W 1 0 s J n F 1 b 3 Q 7 c X V l c n l S Z W x h d G l v b n N o a X B z J n F 1 b 3 Q 7 O l t d L C Z x d W 9 0 O 2 N v b H V t b k l k Z W 5 0 a X R p Z X M m c X V v d D s 6 W y Z x d W 9 0 O 1 N l Y 3 R p b 2 4 x L 1 R H X 1 N P V U l E M T A y M j I y L 0 F 1 d G 9 S Z W 1 v d m V k Q 2 9 s d W 1 u c z E u e 0 N v b H V t b j E s M H 0 m c X V v d D t d L C Z x d W 9 0 O 0 N v b H V t b k N v d W 5 0 J n F 1 b 3 Q 7 O j E s J n F 1 b 3 Q 7 S 2 V 5 Q 2 9 s d W 1 u T m F t Z X M m c X V v d D s 6 W 1 0 s J n F 1 b 3 Q 7 Q 2 9 s d W 1 u S W R l b n R p d G l l c y Z x d W 9 0 O z p b J n F 1 b 3 Q 7 U 2 V j d G l v b j E v V E d f U 0 9 V S U Q x M D I y M j I v Q X V 0 b 1 J l b W 9 2 Z W R D b 2 x 1 b W 5 z M S 5 7 Q 2 9 s d W 1 u M S w w f S Z x d W 9 0 O 1 0 s J n F 1 b 3 Q 7 U m V s Y X R p b 2 5 z a G l w S W 5 m b y Z x d W 9 0 O z p b X X 0 i I C 8 + P C 9 T d G F i b G V F b n R y a W V z P j w v S X R l b T 4 8 S X R l b T 4 8 S X R l b U x v Y 2 F 0 a W 9 u P j x J d G V t V H l w Z T 5 G b 3 J t d W x h P C 9 J d G V t V H l w Z T 4 8 S X R l b V B h d G g + U 2 V j d G l v b j E v V E d f U 0 9 V S U Q x M D I y M j I v U 2 9 1 c m N l P C 9 J d G V t U G F 0 a D 4 8 L 0 l 0 Z W 1 M b 2 N h d G l v b j 4 8 U 3 R h Y m x l R W 5 0 c m l l c y A v P j w v S X R l b T 4 8 S X R l b T 4 8 S X R l b U x v Y 2 F 0 a W 9 u P j x J d G V t V H l w Z T 5 G b 3 J t d W x h P C 9 J d G V t V H l w Z T 4 8 S X R l b V B h d G g + U 2 V j d G l v b j E v V E d f U 0 9 V S U Q x M D I y M j I v Q 2 h h b m d l J T I w V H l w Z T w v S X R l b V B h d G g + P C 9 J d G V t T G 9 j Y X R p b 2 4 + P F N 0 Y W J s Z U V u d H J p Z X M g L z 4 8 L 0 l 0 Z W 0 + P E l 0 Z W 0 + P E l 0 Z W 1 M b 2 N h d G l v b j 4 8 S X R l b V R 5 c G U + R m 9 y b X V s Y T w v S X R l b V R 5 c G U + P E l 0 Z W 1 Q Y X R o P l N l Y 3 R p b 2 4 x L 1 R y b 2 5 k a G V p b T w v S X R l b V B h d G g + P C 9 J d G V t T G 9 j Y X R p b 2 4 + P F N 0 Y W J s Z U V u d H J p Z X M + P E V u d H J 5 I F R 5 c G U 9 I k l z U H J p d m F 0 Z S I g V m F s d W U 9 I m w w I i A v P j x F b n R y e S B U e X B l P S J G a W x s R W 5 h Y m x l Z C I g V m F s d W U 9 I m w w I i A v P j x F b n R y e S B U e X B l P S J G a W x s T 2 J q Z W N 0 V H l w Z S I g V m F s d W U 9 I n N D b 2 5 u Z W N 0 a W 9 u T 2 5 s e S I g L z 4 8 R W 5 0 c n k g V H l w Z T 0 i R m l s b F R v R G F 0 Y U 1 v Z G V s R W 5 h Y m x l Z C I g V m F s d W U 9 I m w w I i A v P j x F b n R y e S B U e X B l P S J R d W V y e U l E I i B W Y W x 1 Z T 0 i c 2 I 1 Y j A y Z D E 3 L W V h N 2 I t N D Q w M C 1 i O D Q 2 L W U 0 Z D B m M G Y 3 Z m Q 3 N y 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y M z M 3 I i A v P j x F b n R y e S B U e X B l P S J G a W x s R X J y b 3 J D b 2 R l I i B W Y W x 1 Z T 0 i c 1 V u a 2 5 v d 2 4 i I C 8 + P E V u d H J 5 I F R 5 c G U 9 I k Z p b G x F c n J v c k N v d W 5 0 I i B W Y W x 1 Z T 0 i b D A i I C 8 + P E V u d H J 5 I F R 5 c G U 9 I k Z p b G x M Y X N 0 V X B k Y X R l Z C I g V m F s d W U 9 I m Q y M D I 0 L T A 5 L T I 1 V D E x O j M 3 O j I w L j c z N z A y M T J a I i A v P j x F b n R y e S B U e X B l P S J G a W x s Q 2 9 s d W 1 u V H l w Z X M i I F Z h b H V l P S J z Q m d Z R y I g L z 4 8 R W 5 0 c n k g V H l w Z T 0 i R m l s b E N v b H V t b k 5 h b W V z I i B W Y W x 1 Z T 0 i c 1 s m c X V v d D t D b 2 x 1 b W 4 x J n F 1 b 3 Q 7 L C Z x d W 9 0 O 0 N v b H V t b j I m c X V v d D s s J n F 1 b 3 Q 7 Q 2 9 s d W 1 u M y Z x d W 9 0 O 1 0 i I C 8 + P E V u d H J 5 I F R 5 c G U 9 I k Z p b G x T d G F 0 d X M i I F Z h b H V l P S J z Q 2 9 t c G x l d G U i I C 8 + P E V u d H J 5 I F R 5 c G U 9 I l J l b G F 0 a W 9 u c 2 h p c E l u Z m 9 D b 2 5 0 Y W l u Z X I i I F Z h b H V l P S J z e y Z x d W 9 0 O 2 N v b H V t b k N v d W 5 0 J n F 1 b 3 Q 7 O j M s J n F 1 b 3 Q 7 a 2 V 5 Q 2 9 s d W 1 u T m F t Z X M m c X V v d D s 6 W 1 0 s J n F 1 b 3 Q 7 c X V l c n l S Z W x h d G l v b n N o a X B z J n F 1 b 3 Q 7 O l t d L C Z x d W 9 0 O 2 N v b H V t b k l k Z W 5 0 a X R p Z X M m c X V v d D s 6 W y Z x d W 9 0 O 1 N l Y 3 R p b 2 4 x L 1 R y b 2 5 k a G V p b S 9 B d X R v U m V t b 3 Z l Z E N v b H V t b n M x L n t D b 2 x 1 b W 4 x L D B 9 J n F 1 b 3 Q 7 L C Z x d W 9 0 O 1 N l Y 3 R p b 2 4 x L 1 R y b 2 5 k a G V p b S 9 B d X R v U m V t b 3 Z l Z E N v b H V t b n M x L n t D b 2 x 1 b W 4 y L D F 9 J n F 1 b 3 Q 7 L C Z x d W 9 0 O 1 N l Y 3 R p b 2 4 x L 1 R y b 2 5 k a G V p b S 9 B d X R v U m V t b 3 Z l Z E N v b H V t b n M x L n t D b 2 x 1 b W 4 z L D J 9 J n F 1 b 3 Q 7 X S w m c X V v d D t D b 2 x 1 b W 5 D b 3 V u d C Z x d W 9 0 O z o z L C Z x d W 9 0 O 0 t l e U N v b H V t b k 5 h b W V z J n F 1 b 3 Q 7 O l t d L C Z x d W 9 0 O 0 N v b H V t b k l k Z W 5 0 a X R p Z X M m c X V v d D s 6 W y Z x d W 9 0 O 1 N l Y 3 R p b 2 4 x L 1 R y b 2 5 k a G V p b S 9 B d X R v U m V t b 3 Z l Z E N v b H V t b n M x L n t D b 2 x 1 b W 4 x L D B 9 J n F 1 b 3 Q 7 L C Z x d W 9 0 O 1 N l Y 3 R p b 2 4 x L 1 R y b 2 5 k a G V p b S 9 B d X R v U m V t b 3 Z l Z E N v b H V t b n M x L n t D b 2 x 1 b W 4 y L D F 9 J n F 1 b 3 Q 7 L C Z x d W 9 0 O 1 N l Y 3 R p b 2 4 x L 1 R y b 2 5 k a G V p b S 9 B d X R v U m V t b 3 Z l Z E N v b H V t b n M x L n t D b 2 x 1 b W 4 z L D J 9 J n F 1 b 3 Q 7 X S w m c X V v d D t S Z W x h d G l v b n N o a X B J b m Z v J n F 1 b 3 Q 7 O l t d f S I g L z 4 8 L 1 N 0 Y W J s Z U V u d H J p Z X M + P C 9 J d G V t P j x J d G V t P j x J d G V t T G 9 j Y X R p b 2 4 + P E l 0 Z W 1 U e X B l P k Z v c m 1 1 b G E 8 L 0 l 0 Z W 1 U e X B l P j x J d G V t U G F 0 a D 5 T Z W N 0 a W 9 u M S 9 U c m 9 u Z G h l a W 0 v U 2 9 1 c m N l P C 9 J d G V t U G F 0 a D 4 8 L 0 l 0 Z W 1 M b 2 N h d G l v b j 4 8 U 3 R h Y m x l R W 5 0 c m l l c y A v P j w v S X R l b T 4 8 S X R l b T 4 8 S X R l b U x v Y 2 F 0 a W 9 u P j x J d G V t V H l w Z T 5 G b 3 J t d W x h P C 9 J d G V t V H l w Z T 4 8 S X R l b V B h d G g + U 2 V j d G l v b j E v V H J v b m R o Z W l t L 0 N o Y W 5 n Z W Q l M j B U e X B l P C 9 J d G V t U G F 0 a D 4 8 L 0 l 0 Z W 1 M b 2 N h d G l v b j 4 8 U 3 R h Y m x l R W 5 0 c m l l c y A v P j w v S X R l b T 4 8 S X R l b T 4 8 S X R l b U x v Y 2 F 0 a W 9 u P j x J d G V t V H l w Z T 5 G b 3 J t d W x h P C 9 J d G V t V H l w Z T 4 8 S X R l b V B h d G g + U 2 V j d G l v b j E v T W F k c m l k P C 9 J d G V t U G F 0 a D 4 8 L 0 l 0 Z W 1 M b 2 N h d G l v b j 4 8 U 3 R h Y m x l R W 5 0 c m l l c z 4 8 R W 5 0 c n k g V H l w Z T 0 i S X N Q c m l 2 Y X R l I i B W Y W x 1 Z T 0 i b D A i I C 8 + P E V u d H J 5 I F R 5 c G U 9 I k Z p b G x F b m F i b G V k I i B W Y W x 1 Z T 0 i b D A i I C 8 + P E V u d H J 5 I F R 5 c G U 9 I k Z p b G x P Y m p l Y 3 R U e X B l I i B W Y W x 1 Z T 0 i c 0 N v b m 5 l Y 3 R p b 2 5 P b m x 5 I i A v P j x F b n R y e S B U e X B l P S J G a W x s V G 9 E Y X R h T W 9 k Z W x F b m F i b G V k I i B W Y W x 1 Z T 0 i b D A i I C 8 + P E V u d H J 5 I F R 5 c G U 9 I l F 1 Z X J 5 S U Q i I F Z h b H V l P S J z Y j l l Y z Q x N T g t O T c y N C 0 0 M m Z i L W F i N T Y t O W E 4 M G Y 4 Z m Z m M T N h I i A v P j x F b n R y e S B U e X B l P S J C d W Z m Z X J O Z X h 0 U m V m c m V z a C I g V m F s d W U 9 I m w x I i A v P j x F b n R y e S B U e X B l P S J S Z X N 1 b H R U e X B l I i B W Y W x 1 Z T 0 i c 1 R h Y m x l I i A v P j x F b n R y e S B U e X B l P S J O Y W 1 l V X B k Y X R l Z E F m d G V y R m l s b C I g V m F s d W U 9 I m w w I i A v P j x F b n R y e S B U e X B l P S J G a W x s Z W R D b 2 1 w b G V 0 Z V J l c 3 V s d F R v V 2 9 y a 3 N o Z W V 0 I i B W Y W x 1 Z T 0 i b D E i I C 8 + P E V u d H J 5 I F R 5 c G U 9 I k F k Z G V k V G 9 E Y X R h T W 9 k Z W w i I F Z h b H V l P S J s M C I g L z 4 8 R W 5 0 c n k g V H l w Z T 0 i R m l s b E N v d W 5 0 I i B W Y W x 1 Z T 0 i b D M 4 M j U y I i A v P j x F b n R y e S B U e X B l P S J G a W x s R X J y b 3 J D b 2 R l I i B W Y W x 1 Z T 0 i c 1 V u a 2 5 v d 2 4 i I C 8 + P E V u d H J 5 I F R 5 c G U 9 I k Z p b G x F c n J v c k N v d W 5 0 I i B W Y W x 1 Z T 0 i b D A i I C 8 + P E V u d H J 5 I F R 5 c G U 9 I k Z p b G x M Y X N 0 V X B k Y X R l Z C I g V m F s d W U 9 I m Q y M D I 0 L T A 5 L T I 1 V D E x O j M 4 O j M 4 L j A 1 M D E 0 M D J a I i A v P j x F b n R y e S B U e X B l P S J G a W x s Q 2 9 s d W 1 u V H l w Z X M i I F Z h b H V l P S J z Q m d Z R y I g L z 4 8 R W 5 0 c n k g V H l w Z T 0 i R m l s b E N v b H V t b k 5 h b W V z I i B W Y W x 1 Z T 0 i c 1 s m c X V v d D t D b 2 x 1 b W 4 x J n F 1 b 3 Q 7 L C Z x d W 9 0 O 0 N v b H V t b j I m c X V v d D s s J n F 1 b 3 Q 7 Q 2 9 s d W 1 u M y Z x d W 9 0 O 1 0 i I C 8 + P E V u d H J 5 I F R 5 c G U 9 I k Z p b G x T d G F 0 d X M i I F Z h b H V l P S J z Q 2 9 t c G x l d G U i I C 8 + P E V u d H J 5 I F R 5 c G U 9 I l J l b G F 0 a W 9 u c 2 h p c E l u Z m 9 D b 2 5 0 Y W l u Z X I i I F Z h b H V l P S J z e y Z x d W 9 0 O 2 N v b H V t b k N v d W 5 0 J n F 1 b 3 Q 7 O j M s J n F 1 b 3 Q 7 a 2 V 5 Q 2 9 s d W 1 u T m F t Z X M m c X V v d D s 6 W 1 0 s J n F 1 b 3 Q 7 c X V l c n l S Z W x h d G l v b n N o a X B z J n F 1 b 3 Q 7 O l t d L C Z x d W 9 0 O 2 N v b H V t b k l k Z W 5 0 a X R p Z X M m c X V v d D s 6 W y Z x d W 9 0 O 1 N l Y 3 R p b 2 4 x L 0 1 h Z H J p Z C 9 B d X R v U m V t b 3 Z l Z E N v b H V t b n M x L n t D b 2 x 1 b W 4 x L D B 9 J n F 1 b 3 Q 7 L C Z x d W 9 0 O 1 N l Y 3 R p b 2 4 x L 0 1 h Z H J p Z C 9 B d X R v U m V t b 3 Z l Z E N v b H V t b n M x L n t D b 2 x 1 b W 4 y L D F 9 J n F 1 b 3 Q 7 L C Z x d W 9 0 O 1 N l Y 3 R p b 2 4 x L 0 1 h Z H J p Z C 9 B d X R v U m V t b 3 Z l Z E N v b H V t b n M x L n t D b 2 x 1 b W 4 z L D J 9 J n F 1 b 3 Q 7 X S w m c X V v d D t D b 2 x 1 b W 5 D b 3 V u d C Z x d W 9 0 O z o z L C Z x d W 9 0 O 0 t l e U N v b H V t b k 5 h b W V z J n F 1 b 3 Q 7 O l t d L C Z x d W 9 0 O 0 N v b H V t b k l k Z W 5 0 a X R p Z X M m c X V v d D s 6 W y Z x d W 9 0 O 1 N l Y 3 R p b 2 4 x L 0 1 h Z H J p Z C 9 B d X R v U m V t b 3 Z l Z E N v b H V t b n M x L n t D b 2 x 1 b W 4 x L D B 9 J n F 1 b 3 Q 7 L C Z x d W 9 0 O 1 N l Y 3 R p b 2 4 x L 0 1 h Z H J p Z C 9 B d X R v U m V t b 3 Z l Z E N v b H V t b n M x L n t D b 2 x 1 b W 4 y L D F 9 J n F 1 b 3 Q 7 L C Z x d W 9 0 O 1 N l Y 3 R p b 2 4 x L 0 1 h Z H J p Z C 9 B d X R v U m V t b 3 Z l Z E N v b H V t b n M x L n t D b 2 x 1 b W 4 z L D J 9 J n F 1 b 3 Q 7 X S w m c X V v d D t S Z W x h d G l v b n N o a X B J b m Z v J n F 1 b 3 Q 7 O l t d f S I g L z 4 8 L 1 N 0 Y W J s Z U V u d H J p Z X M + P C 9 J d G V t P j x J d G V t P j x J d G V t T G 9 j Y X R p b 2 4 + P E l 0 Z W 1 U e X B l P k Z v c m 1 1 b G E 8 L 0 l 0 Z W 1 U e X B l P j x J d G V t U G F 0 a D 5 T Z W N 0 a W 9 u M S 9 N Y W R y a W Q v U 2 9 1 c m N l P C 9 J d G V t U G F 0 a D 4 8 L 0 l 0 Z W 1 M b 2 N h d G l v b j 4 8 U 3 R h Y m x l R W 5 0 c m l l c y A v P j w v S X R l b T 4 8 S X R l b T 4 8 S X R l b U x v Y 2 F 0 a W 9 u P j x J d G V t V H l w Z T 5 G b 3 J t d W x h P C 9 J d G V t V H l w Z T 4 8 S X R l b V B h d G g + U 2 V j d G l v b j E v T W F k c m l k L 0 N o Y W 5 n Z W Q l M j B U e X B l P C 9 J d G V t U G F 0 a D 4 8 L 0 l 0 Z W 1 M b 2 N h d G l v b j 4 8 U 3 R h Y m x l R W 5 0 c m l l c y A v P j w v S X R l b T 4 8 S X R l b T 4 8 S X R l b U x v Y 2 F 0 a W 9 u P j x J d G V t V H l w Z T 5 G b 3 J t d W x h P C 9 J d G V t V H l w Z T 4 8 S X R l b V B h d G g + U 2 V j d G l v b j E v V m l l b m 5 h P C 9 J d G V t U G F 0 a D 4 8 L 0 l 0 Z W 1 M b 2 N h d G l v b j 4 8 U 3 R h Y m x l R W 5 0 c m l l c z 4 8 R W 5 0 c n k g V H l w Z T 0 i S X N Q c m l 2 Y X R l I i B W Y W x 1 Z T 0 i b D A i I C 8 + P E V u d H J 5 I F R 5 c G U 9 I k Z p b G x F b m F i b G V k I i B W Y W x 1 Z T 0 i b D A i I C 8 + P E V u d H J 5 I F R 5 c G U 9 I k Z p b G x P Y m p l Y 3 R U e X B l I i B W Y W x 1 Z T 0 i c 0 N v b m 5 l Y 3 R p b 2 5 P b m x 5 I i A v P j x F b n R y e S B U e X B l P S J G a W x s V G 9 E Y X R h T W 9 k Z W x F b m F i b G V k I i B W Y W x 1 Z T 0 i b D A i I C 8 + P E V u d H J 5 I F R 5 c G U 9 I l F 1 Z X J 5 S U Q i I F Z h b H V l P S J z N m F h N j d l N j g t N m I w M y 0 0 N D N h L T l l N z Y t Y z Q 0 M T c y Z D I 0 O T l l I i A v P j x F b n R y e S B U e X B l P S J C d W Z m Z X J O Z X h 0 U m V m c m V z a C I g V m F s d W U 9 I m w x I i A v P j x F b n R y e S B U e X B l P S J S Z X N 1 b H R U e X B l I i B W Y W x 1 Z T 0 i c 1 R h Y m x l I i A v P j x F b n R y e S B U e X B l P S J O Y W 1 l V X B k Y X R l Z E F m d G V y R m l s b C I g V m F s d W U 9 I m w w I i A v P j x F b n R y e S B U e X B l P S J G a W x s Z W R D b 2 1 w b G V 0 Z V J l c 3 V s d F R v V 2 9 y a 3 N o Z W V 0 I i B W Y W x 1 Z T 0 i b D E i I C 8 + P E V u d H J 5 I F R 5 c G U 9 I k F k Z G V k V G 9 E Y X R h T W 9 k Z W w i I F Z h b H V l P S J s M C I g L z 4 8 R W 5 0 c n k g V H l w Z T 0 i R m l s b E N v d W 5 0 I i B W Y W x 1 Z T 0 i b D E 0 N T E w I i A v P j x F b n R y e S B U e X B l P S J G a W x s R X J y b 3 J D b 2 R l I i B W Y W x 1 Z T 0 i c 1 V u a 2 5 v d 2 4 i I C 8 + P E V u d H J 5 I F R 5 c G U 9 I k Z p b G x F c n J v c k N v d W 5 0 I i B W Y W x 1 Z T 0 i b D A i I C 8 + P E V u d H J 5 I F R 5 c G U 9 I k Z p b G x M Y X N 0 V X B k Y X R l Z C I g V m F s d W U 9 I m Q y M D I 0 L T A 5 L T I 1 V D E x O j M 4 O j U 1 L j M 3 M j k 3 O D V a I i A v P j x F b n R y e S B U e X B l P S J G a W x s Q 2 9 s d W 1 u V H l w Z X M i I F Z h b H V l P S J z Q m d Z R y I g L z 4 8 R W 5 0 c n k g V H l w Z T 0 i R m l s b E N v b H V t b k 5 h b W V z I i B W Y W x 1 Z T 0 i c 1 s m c X V v d D t D b 2 x 1 b W 4 x J n F 1 b 3 Q 7 L C Z x d W 9 0 O 0 N v b H V t b j I m c X V v d D s s J n F 1 b 3 Q 7 Q 2 9 s d W 1 u M y Z x d W 9 0 O 1 0 i I C 8 + P E V u d H J 5 I F R 5 c G U 9 I k Z p b G x T d G F 0 d X M i I F Z h b H V l P S J z Q 2 9 t c G x l d G U i I C 8 + P E V u d H J 5 I F R 5 c G U 9 I l J l b G F 0 a W 9 u c 2 h p c E l u Z m 9 D b 2 5 0 Y W l u Z X I i I F Z h b H V l P S J z e y Z x d W 9 0 O 2 N v b H V t b k N v d W 5 0 J n F 1 b 3 Q 7 O j M s J n F 1 b 3 Q 7 a 2 V 5 Q 2 9 s d W 1 u T m F t Z X M m c X V v d D s 6 W 1 0 s J n F 1 b 3 Q 7 c X V l c n l S Z W x h d G l v b n N o a X B z J n F 1 b 3 Q 7 O l t d L C Z x d W 9 0 O 2 N v b H V t b k l k Z W 5 0 a X R p Z X M m c X V v d D s 6 W y Z x d W 9 0 O 1 N l Y 3 R p b 2 4 x L 1 Z p Z W 5 u Y S 9 B d X R v U m V t b 3 Z l Z E N v b H V t b n M x L n t D b 2 x 1 b W 4 x L D B 9 J n F 1 b 3 Q 7 L C Z x d W 9 0 O 1 N l Y 3 R p b 2 4 x L 1 Z p Z W 5 u Y S 9 B d X R v U m V t b 3 Z l Z E N v b H V t b n M x L n t D b 2 x 1 b W 4 y L D F 9 J n F 1 b 3 Q 7 L C Z x d W 9 0 O 1 N l Y 3 R p b 2 4 x L 1 Z p Z W 5 u Y S 9 B d X R v U m V t b 3 Z l Z E N v b H V t b n M x L n t D b 2 x 1 b W 4 z L D J 9 J n F 1 b 3 Q 7 X S w m c X V v d D t D b 2 x 1 b W 5 D b 3 V u d C Z x d W 9 0 O z o z L C Z x d W 9 0 O 0 t l e U N v b H V t b k 5 h b W V z J n F 1 b 3 Q 7 O l t d L C Z x d W 9 0 O 0 N v b H V t b k l k Z W 5 0 a X R p Z X M m c X V v d D s 6 W y Z x d W 9 0 O 1 N l Y 3 R p b 2 4 x L 1 Z p Z W 5 u Y S 9 B d X R v U m V t b 3 Z l Z E N v b H V t b n M x L n t D b 2 x 1 b W 4 x L D B 9 J n F 1 b 3 Q 7 L C Z x d W 9 0 O 1 N l Y 3 R p b 2 4 x L 1 Z p Z W 5 u Y S 9 B d X R v U m V t b 3 Z l Z E N v b H V t b n M x L n t D b 2 x 1 b W 4 y L D F 9 J n F 1 b 3 Q 7 L C Z x d W 9 0 O 1 N l Y 3 R p b 2 4 x L 1 Z p Z W 5 u Y S 9 B d X R v U m V t b 3 Z l Z E N v b H V t b n M x L n t D b 2 x 1 b W 4 z L D J 9 J n F 1 b 3 Q 7 X S w m c X V v d D t S Z W x h d G l v b n N o a X B J b m Z v J n F 1 b 3 Q 7 O l t d f S I g L z 4 8 L 1 N 0 Y W J s Z U V u d H J p Z X M + P C 9 J d G V t P j x J d G V t P j x J d G V t T G 9 j Y X R p b 2 4 + P E l 0 Z W 1 U e X B l P k Z v c m 1 1 b G E 8 L 0 l 0 Z W 1 U e X B l P j x J d G V t U G F 0 a D 5 T Z W N 0 a W 9 u M S 9 W a W V u b m E v U 2 9 1 c m N l P C 9 J d G V t U G F 0 a D 4 8 L 0 l 0 Z W 1 M b 2 N h d G l v b j 4 8 U 3 R h Y m x l R W 5 0 c m l l c y A v P j w v S X R l b T 4 8 S X R l b T 4 8 S X R l b U x v Y 2 F 0 a W 9 u P j x J d G V t V H l w Z T 5 G b 3 J t d W x h P C 9 J d G V t V H l w Z T 4 8 S X R l b V B h d G g + U 2 V j d G l v b j E v V m l l b m 5 h L 0 N o Y W 5 n Z W Q l M j B U e X B l P C 9 J d G V t U G F 0 a D 4 8 L 0 l 0 Z W 1 M b 2 N h d G l v b j 4 8 U 3 R h Y m x l R W 5 0 c m l l c y A v P j w v S X R l b T 4 8 L 0 l 0 Z W 1 z P j w v T G 9 j Y W x Q Y W N r Y W d l T W V 0 Y W R h d G F G a W x l P h Y A A A B Q S w U G A A A A A A A A A A A A A A A A A A A A A A A A J g E A A A E A A A D Q j J 3 f A R X R E Y x 6 A M B P w p f r A Q A A A O g S 5 9 z M x b l C n t d J i B t G T 5 4 A A A A A A g A A A A A A E G Y A A A A B A A A g A A A A V J H D 4 m F 0 Q 6 L p Z b D v y F r Y E i c m z R P G C T i 4 E q r a o p B e / b c A A A A A D o A A A A A C A A A g A A A A X c b 6 h v H l s o I A v k I J T K 9 j l N l T c j i O x u 6 V I G g h T O 7 k q 5 B Q A A A A f r i H + Q 7 S 4 d i 1 i i Z l V V T r 6 P a Y p l s R o d u M 4 A O B b 7 / v 2 I t U 4 G r t e x e j R n y A Q h z A x 6 m A c U / c s r 5 f a d R J C n x 1 D P a w A p R x Z P k 6 D T t F N g 0 R k I Y D B r 1 A A A A A s K X u + o G / U O d e J u z y p n 8 n Q T B z I m r Z C h G S y 0 1 W 6 F h l H N 4 P L X N 1 F O R V L O u n F Y o H f N z W S P U h g r 3 + 0 m H Q K C C i Q X G / i Q = = < / D a t a M a s h u p > 
</file>

<file path=customXml/item2.xml><?xml version="1.0" encoding="utf-8"?>
<TemplafyTemplateConfiguration><![CDATA[{"transformationConfigurations":[],"templateName":"SINTEF-Blank spreadsheet","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C88B4742-CBB5-4376-8B62-377BF5CC0CDC}">
  <ds:schemaRefs>
    <ds:schemaRef ds:uri="http://schemas.microsoft.com/DataMashup"/>
  </ds:schemaRefs>
</ds:datastoreItem>
</file>

<file path=customXml/itemProps2.xml><?xml version="1.0" encoding="utf-8"?>
<ds:datastoreItem xmlns:ds="http://schemas.openxmlformats.org/officeDocument/2006/customXml" ds:itemID="{7EEF91AC-9A48-4798-9A9B-96FF81E5CF8B}">
  <ds:schemaRefs/>
</ds:datastoreItem>
</file>

<file path=customXml/itemProps3.xml><?xml version="1.0" encoding="utf-8"?>
<ds:datastoreItem xmlns:ds="http://schemas.openxmlformats.org/officeDocument/2006/customXml" ds:itemID="{129FB90B-22C5-4FE6-9366-00B069FEE7D4}">
  <ds:schemaRefs/>
</ds:datastoreItem>
</file>

<file path=docMetadata/LabelInfo.xml><?xml version="1.0" encoding="utf-8"?>
<clbl:labelList xmlns:clbl="http://schemas.microsoft.com/office/2020/mipLabelMetadata">
  <clbl:label id="{e1f00f39-6041-45b0-b309-e0210d8b32af}" enabled="0" method="" siteId="{e1f00f39-6041-45b0-b309-e0210d8b32af}"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7</vt:i4>
      </vt:variant>
    </vt:vector>
  </HeadingPairs>
  <TitlesOfParts>
    <vt:vector size="7" baseType="lpstr">
      <vt:lpstr>Information</vt:lpstr>
      <vt:lpstr>Output</vt:lpstr>
      <vt:lpstr>Input</vt:lpstr>
      <vt:lpstr>Bühler</vt:lpstr>
      <vt:lpstr>Jesper</vt:lpstr>
      <vt:lpstr>Rehfeldt</vt:lpstr>
      <vt:lpstr>Standard Profi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Till Holmes</dc:creator>
  <cp:lastModifiedBy>Till Holmes</cp:lastModifiedBy>
  <dcterms:created xsi:type="dcterms:W3CDTF">2024-07-04T06:05:29Z</dcterms:created>
  <dcterms:modified xsi:type="dcterms:W3CDTF">2025-04-10T08:50:0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intef</vt:lpwstr>
  </property>
  <property fmtid="{D5CDD505-2E9C-101B-9397-08002B2CF9AE}" pid="3" name="TemplafyTemplateId">
    <vt:lpwstr>740326090642817258</vt:lpwstr>
  </property>
  <property fmtid="{D5CDD505-2E9C-101B-9397-08002B2CF9AE}" pid="4" name="TemplafyUserProfileId">
    <vt:lpwstr>819763331319201924</vt:lpwstr>
  </property>
  <property fmtid="{D5CDD505-2E9C-101B-9397-08002B2CF9AE}" pid="5" name="TemplafyLanguageCode">
    <vt:lpwstr>nb-NO</vt:lpwstr>
  </property>
  <property fmtid="{D5CDD505-2E9C-101B-9397-08002B2CF9AE}" pid="6" name="TemplafyFromBlank">
    <vt:bool>true</vt:bool>
  </property>
</Properties>
</file>